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worksheets/sheet22.xml" ContentType="application/vnd.openxmlformats-officedocument.spreadsheetml.worksheet+xml"/>
  <Override PartName="/xl/externalLinks/externalLink1.xml" ContentType="application/vnd.openxmlformats-officedocument.spreadsheetml.externalLink+xml"/>
  <Override PartName="/xl/externalLinks/externalLink2.xml" ContentType="application/vnd.openxmlformats-officedocument.spreadsheetml.externalLink+xml"/>
  <Override PartName="/xl/externalLinks/externalLink3.xml" ContentType="application/vnd.openxmlformats-officedocument.spreadsheetml.externalLink+xml"/>
  <Override PartName="/xl/externalLinks/externalLink4.xml" ContentType="application/vnd.openxmlformats-officedocument.spreadsheetml.externalLink+xml"/>
  <Override PartName="/xl/externalLinks/externalLink5.xml" ContentType="application/vnd.openxmlformats-officedocument.spreadsheetml.externalLink+xml"/>
  <Override PartName="/xl/externalLinks/externalLink6.xml" ContentType="application/vnd.openxmlformats-officedocument.spreadsheetml.externalLink+xml"/>
  <Override PartName="/xl/pivotCache/pivotCacheDefinition1.xml" ContentType="application/vnd.openxmlformats-officedocument.spreadsheetml.pivotCacheDefinition+xml"/>
  <Override PartName="/xl/pivotCache/pivotCacheRecords1.xml" ContentType="application/vnd.openxmlformats-officedocument.spreadsheetml.pivotCacheRecords+xml"/>
  <Override PartName="/xl/pivotCache/pivotCacheDefinition2.xml" ContentType="application/vnd.openxmlformats-officedocument.spreadsheetml.pivotCacheDefinition+xml"/>
  <Override PartName="/xl/pivotCache/pivotCacheRecords2.xml" ContentType="application/vnd.openxmlformats-officedocument.spreadsheetml.pivotCacheRecords+xml"/>
  <Override PartName="/xl/pivotCache/pivotCacheDefinition3.xml" ContentType="application/vnd.openxmlformats-officedocument.spreadsheetml.pivotCacheDefinition+xml"/>
  <Override PartName="/xl/pivotCache/pivotCacheRecords3.xml" ContentType="application/vnd.openxmlformats-officedocument.spreadsheetml.pivotCacheRecords+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pivotTables/pivotTable1.xml" ContentType="application/vnd.openxmlformats-officedocument.spreadsheetml.pivotTable+xml"/>
  <Override PartName="/xl/pivotTables/pivotTable2.xml" ContentType="application/vnd.openxmlformats-officedocument.spreadsheetml.pivotTable+xml"/>
  <Override PartName="/xl/comments1.xml" ContentType="application/vnd.openxmlformats-officedocument.spreadsheetml.comments+xml"/>
  <Override PartName="/xl/threadedComments/threadedComment1.xml" ContentType="application/vnd.ms-excel.threadedcomments+xml"/>
  <Override PartName="/xl/comments2.xml" ContentType="application/vnd.openxmlformats-officedocument.spreadsheetml.comments+xml"/>
  <Override PartName="/xl/threadedComments/threadedComment2.xml" ContentType="application/vnd.ms-excel.threadedcomments+xml"/>
  <Override PartName="/xl/comments3.xml" ContentType="application/vnd.openxmlformats-officedocument.spreadsheetml.comments+xml"/>
  <Override PartName="/xl/threadedComments/threadedComment3.xml" ContentType="application/vnd.ms-excel.threadedcomments+xml"/>
  <Override PartName="/xl/comments4.xml" ContentType="application/vnd.openxmlformats-officedocument.spreadsheetml.comments+xml"/>
  <Override PartName="/xl/threadedComments/threadedComment4.xml" ContentType="application/vnd.ms-excel.threadedcomments+xml"/>
  <Override PartName="/xl/pivotTables/pivotTable3.xml" ContentType="application/vnd.openxmlformats-officedocument.spreadsheetml.pivotTable+xml"/>
  <Override PartName="/xl/comments5.xml" ContentType="application/vnd.openxmlformats-officedocument.spreadsheetml.comments+xml"/>
  <Override PartName="/xl/threadedComments/threadedComment5.xml" ContentType="application/vnd.ms-excel.threadedcomments+xml"/>
  <Override PartName="/xl/comments6.xml" ContentType="application/vnd.openxmlformats-officedocument.spreadsheetml.comments+xml"/>
  <Override PartName="/xl/threadedComments/threadedComment6.xml" ContentType="application/vnd.ms-excel.threadedcomments+xml"/>
  <Override PartName="/xl/namedSheetViews/namedSheetView1.xml" ContentType="application/vnd.ms-excel.namedsheetviews+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526"/>
  <workbookPr updateLinks="always" codeName="ThisWorkbook"/>
  <mc:AlternateContent xmlns:mc="http://schemas.openxmlformats.org/markup-compatibility/2006">
    <mc:Choice Requires="x15">
      <x15ac:absPath xmlns:x15ac="http://schemas.microsoft.com/office/spreadsheetml/2010/11/ac" url="https://stalbanscdc.sharepoint.com/sites/SpatialPlanning/Shared Documents/04-New Local Plan 2041/09-Examination/Stage 2/MIQs/Appendices/"/>
    </mc:Choice>
  </mc:AlternateContent>
  <xr:revisionPtr revIDLastSave="7" documentId="13_ncr:1_{D4F23B7D-0233-4DC4-9389-CF600F8B7414}" xr6:coauthVersionLast="47" xr6:coauthVersionMax="47" xr10:uidLastSave="{A194375A-87F8-4941-B18D-DC84D1F45C12}"/>
  <bookViews>
    <workbookView xWindow="28680" yWindow="-120" windowWidth="29040" windowHeight="15720" tabRatio="850" firstSheet="1" activeTab="21" xr2:uid="{7A5F5F18-696A-4077-99B6-71CC151C4F34}"/>
  </bookViews>
  <sheets>
    <sheet name="Master" sheetId="4" state="hidden" r:id="rId1"/>
    <sheet name="READ FIRST" sheetId="40" r:id="rId2"/>
    <sheet name="Cost per infrastructure type" sheetId="39" state="hidden" r:id="rId3"/>
    <sheet name="Cost per Site" sheetId="38" state="hidden" r:id="rId4"/>
    <sheet name="Task 7-3.3" sheetId="34" state="hidden" r:id="rId5"/>
    <sheet name="Task 7-3.4" sheetId="35" state="hidden" r:id="rId6"/>
    <sheet name="Task 7-3.4 Summary" sheetId="36" state="hidden" r:id="rId7"/>
    <sheet name="pivot - to delete" sheetId="37" state="hidden" r:id="rId8"/>
    <sheet name="CALCS Aecom (July 25 2025)" sheetId="31" state="hidden" r:id="rId9"/>
    <sheet name="Internal - Sports Facility Calc" sheetId="16" state="hidden" r:id="rId10"/>
    <sheet name="For duplicates exercise" sheetId="14" state="hidden" r:id="rId11"/>
    <sheet name="for duplicates exercise 2" sheetId="15" state="hidden" r:id="rId12"/>
    <sheet name="HGC Schemes 15Jan no colour" sheetId="12" state="hidden" r:id="rId13"/>
    <sheet name="ss_Transport" sheetId="5" state="hidden" r:id="rId14"/>
    <sheet name="Transport Final " sheetId="7" state="hidden" r:id="rId15"/>
    <sheet name="2024NOV Pivot Table" sheetId="8" state="hidden" r:id="rId16"/>
    <sheet name="Internal -Playing Pitch Calc" sheetId="26" state="hidden" r:id="rId17"/>
    <sheet name="CALCS Aecom (June 10 2025)" sheetId="29" state="hidden" r:id="rId18"/>
    <sheet name="Internal - Non-HGC Schemes" sheetId="11" state="hidden" r:id="rId19"/>
    <sheet name="Sheet1" sheetId="32" state="hidden" r:id="rId20"/>
    <sheet name="ss CALCS Aecom" sheetId="25" state="hidden" r:id="rId21"/>
    <sheet name="DRAFT - HGC Schemes" sheetId="9" r:id="rId22"/>
  </sheets>
  <externalReferences>
    <externalReference r:id="rId23"/>
    <externalReference r:id="rId24"/>
    <externalReference r:id="rId25"/>
    <externalReference r:id="rId26"/>
    <externalReference r:id="rId27"/>
    <externalReference r:id="rId28"/>
  </externalReferences>
  <definedNames>
    <definedName name="_xlnm._FilterDatabase" localSheetId="8" hidden="1">'CALCS Aecom (July 25 2025)'!$B$3:$CK$230</definedName>
    <definedName name="_xlnm._FilterDatabase" localSheetId="17" hidden="1">'CALCS Aecom (June 10 2025)'!$C$3:$CB$230</definedName>
    <definedName name="_xlnm._FilterDatabase" localSheetId="21" hidden="1">'DRAFT - HGC Schemes'!$A$3:$DS$554</definedName>
    <definedName name="_xlnm._FilterDatabase" localSheetId="10" hidden="1">'For duplicates exercise'!$A$1:$CI$65</definedName>
    <definedName name="_xlnm._FilterDatabase" localSheetId="12" hidden="1">'HGC Schemes 15Jan no colour'!$A$1:$DK$631</definedName>
    <definedName name="_xlnm._FilterDatabase" localSheetId="18" hidden="1">'Internal - Non-HGC Schemes'!$C$1:$DF$803</definedName>
    <definedName name="_xlnm._FilterDatabase" localSheetId="0" hidden="1">Master!$A$1:$CF$899</definedName>
    <definedName name="_xlnm._FilterDatabase" localSheetId="20" hidden="1">'ss CALCS Aecom'!$A$3:$AZ$235</definedName>
    <definedName name="_xlnm._FilterDatabase" localSheetId="5" hidden="1">'Task 7-3.4'!$B$5:$P$197</definedName>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pivotCaches>
    <pivotCache cacheId="0" r:id="rId29"/>
    <pivotCache cacheId="1" r:id="rId30"/>
    <pivotCache cacheId="2" r:id="rId31"/>
  </pivotCaches>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K201" i="9" l="1"/>
  <c r="DJ200" i="9"/>
  <c r="DI199" i="9"/>
  <c r="A204" i="9"/>
  <c r="A508" i="9"/>
  <c r="A324" i="9"/>
  <c r="A33" i="9"/>
  <c r="BS554" i="9"/>
  <c r="CD554" i="9" s="1"/>
  <c r="BS205" i="9"/>
  <c r="CM554" i="9"/>
  <c r="CN554" i="9"/>
  <c r="CO554" i="9"/>
  <c r="CP554" i="9"/>
  <c r="CQ554" i="9"/>
  <c r="CR554" i="9"/>
  <c r="CS554" i="9"/>
  <c r="CT554" i="9"/>
  <c r="CU554" i="9"/>
  <c r="CV554" i="9"/>
  <c r="CW554" i="9"/>
  <c r="CX554" i="9"/>
  <c r="CY554" i="9"/>
  <c r="CZ554" i="9"/>
  <c r="DA554" i="9"/>
  <c r="DB554" i="9"/>
  <c r="DC554" i="9"/>
  <c r="DD554" i="9"/>
  <c r="DE554" i="9"/>
  <c r="DF554" i="9"/>
  <c r="DG554" i="9"/>
  <c r="DH554" i="9"/>
  <c r="A554" i="9"/>
  <c r="A5" i="9"/>
  <c r="A6" i="9"/>
  <c r="A7" i="9"/>
  <c r="A8" i="9"/>
  <c r="A9" i="9"/>
  <c r="A10" i="9"/>
  <c r="A11" i="9"/>
  <c r="A12" i="9"/>
  <c r="A13" i="9"/>
  <c r="A14" i="9"/>
  <c r="A15" i="9"/>
  <c r="A16" i="9"/>
  <c r="A17" i="9"/>
  <c r="A18" i="9"/>
  <c r="A19" i="9"/>
  <c r="A20" i="9"/>
  <c r="A21" i="9"/>
  <c r="A22" i="9"/>
  <c r="A23" i="9"/>
  <c r="A24" i="9"/>
  <c r="A25" i="9"/>
  <c r="A26" i="9"/>
  <c r="A27" i="9"/>
  <c r="A28" i="9"/>
  <c r="A29" i="9"/>
  <c r="A30" i="9"/>
  <c r="A31" i="9"/>
  <c r="A32" i="9"/>
  <c r="A34" i="9"/>
  <c r="A35" i="9"/>
  <c r="A36" i="9"/>
  <c r="A37" i="9"/>
  <c r="A38" i="9"/>
  <c r="A39" i="9"/>
  <c r="A40" i="9"/>
  <c r="A41" i="9"/>
  <c r="A42" i="9"/>
  <c r="A43" i="9"/>
  <c r="A44" i="9"/>
  <c r="A45" i="9"/>
  <c r="A46" i="9"/>
  <c r="A47" i="9"/>
  <c r="A48" i="9"/>
  <c r="A49" i="9"/>
  <c r="A50" i="9"/>
  <c r="A51" i="9"/>
  <c r="A52" i="9"/>
  <c r="A53" i="9"/>
  <c r="A54" i="9"/>
  <c r="A55" i="9"/>
  <c r="A56" i="9"/>
  <c r="A57" i="9"/>
  <c r="A58" i="9"/>
  <c r="A59" i="9"/>
  <c r="A60" i="9"/>
  <c r="A61" i="9"/>
  <c r="A62" i="9"/>
  <c r="A63" i="9"/>
  <c r="A64" i="9"/>
  <c r="A65" i="9"/>
  <c r="A66" i="9"/>
  <c r="A67" i="9"/>
  <c r="A68" i="9"/>
  <c r="A69" i="9"/>
  <c r="A70" i="9"/>
  <c r="A71" i="9"/>
  <c r="A72" i="9"/>
  <c r="A74" i="9"/>
  <c r="A73" i="9"/>
  <c r="A75" i="9"/>
  <c r="A76" i="9"/>
  <c r="A77" i="9"/>
  <c r="A78" i="9"/>
  <c r="A79" i="9"/>
  <c r="A80" i="9"/>
  <c r="A81" i="9"/>
  <c r="A82" i="9"/>
  <c r="A83" i="9"/>
  <c r="A84" i="9"/>
  <c r="A85" i="9"/>
  <c r="A86" i="9"/>
  <c r="A87" i="9"/>
  <c r="A88" i="9"/>
  <c r="A89" i="9"/>
  <c r="A90" i="9"/>
  <c r="A91" i="9"/>
  <c r="A92" i="9"/>
  <c r="A93" i="9"/>
  <c r="A94" i="9"/>
  <c r="A95" i="9"/>
  <c r="A96" i="9"/>
  <c r="A97" i="9"/>
  <c r="A98" i="9"/>
  <c r="A99" i="9"/>
  <c r="A100" i="9"/>
  <c r="A101" i="9"/>
  <c r="A102" i="9"/>
  <c r="A103" i="9"/>
  <c r="A104" i="9"/>
  <c r="A105" i="9"/>
  <c r="A106" i="9"/>
  <c r="A107" i="9"/>
  <c r="A108" i="9"/>
  <c r="A109" i="9"/>
  <c r="A110" i="9"/>
  <c r="A111" i="9"/>
  <c r="A112" i="9"/>
  <c r="A113" i="9"/>
  <c r="A114" i="9"/>
  <c r="A115" i="9"/>
  <c r="A116" i="9"/>
  <c r="A117" i="9"/>
  <c r="A118" i="9"/>
  <c r="A119" i="9"/>
  <c r="A120" i="9"/>
  <c r="A121" i="9"/>
  <c r="A122" i="9"/>
  <c r="A123" i="9"/>
  <c r="A124" i="9"/>
  <c r="A125" i="9"/>
  <c r="A126" i="9"/>
  <c r="A127" i="9"/>
  <c r="A128" i="9"/>
  <c r="A129" i="9"/>
  <c r="A130" i="9"/>
  <c r="A131" i="9"/>
  <c r="A132" i="9"/>
  <c r="A133" i="9"/>
  <c r="A134" i="9"/>
  <c r="A135" i="9"/>
  <c r="A136" i="9"/>
  <c r="A137" i="9"/>
  <c r="A138" i="9"/>
  <c r="A139" i="9"/>
  <c r="A140" i="9"/>
  <c r="A141" i="9"/>
  <c r="A142" i="9"/>
  <c r="A143" i="9"/>
  <c r="A144" i="9"/>
  <c r="A145" i="9"/>
  <c r="A146" i="9"/>
  <c r="A147" i="9"/>
  <c r="A148" i="9"/>
  <c r="A149" i="9"/>
  <c r="A150" i="9"/>
  <c r="A151" i="9"/>
  <c r="A152" i="9"/>
  <c r="A153" i="9"/>
  <c r="A154" i="9"/>
  <c r="A155" i="9"/>
  <c r="A156" i="9"/>
  <c r="A157" i="9"/>
  <c r="A158" i="9"/>
  <c r="A159" i="9"/>
  <c r="A160" i="9"/>
  <c r="A161" i="9"/>
  <c r="A162" i="9"/>
  <c r="A163" i="9"/>
  <c r="A164" i="9"/>
  <c r="A165" i="9"/>
  <c r="A166" i="9"/>
  <c r="A167" i="9"/>
  <c r="A168" i="9"/>
  <c r="A169" i="9"/>
  <c r="A170" i="9"/>
  <c r="A171" i="9"/>
  <c r="A172" i="9"/>
  <c r="A173" i="9"/>
  <c r="A174" i="9"/>
  <c r="A175" i="9"/>
  <c r="A176" i="9"/>
  <c r="A177" i="9"/>
  <c r="A178" i="9"/>
  <c r="A179" i="9"/>
  <c r="A180" i="9"/>
  <c r="A181" i="9"/>
  <c r="A182" i="9"/>
  <c r="A183" i="9"/>
  <c r="A184" i="9"/>
  <c r="A185" i="9"/>
  <c r="A186" i="9"/>
  <c r="A187" i="9"/>
  <c r="A188" i="9"/>
  <c r="A189" i="9"/>
  <c r="A190" i="9"/>
  <c r="A191" i="9"/>
  <c r="A192" i="9"/>
  <c r="A193" i="9"/>
  <c r="A194" i="9"/>
  <c r="A195" i="9"/>
  <c r="A196" i="9"/>
  <c r="A197" i="9"/>
  <c r="A198" i="9"/>
  <c r="A199" i="9"/>
  <c r="A200" i="9"/>
  <c r="A201" i="9"/>
  <c r="A202" i="9"/>
  <c r="A203" i="9"/>
  <c r="A205" i="9"/>
  <c r="A206" i="9"/>
  <c r="A207" i="9"/>
  <c r="A208" i="9"/>
  <c r="A209" i="9"/>
  <c r="A210" i="9"/>
  <c r="A211" i="9"/>
  <c r="A212" i="9"/>
  <c r="A213" i="9"/>
  <c r="A214" i="9"/>
  <c r="A215" i="9"/>
  <c r="A216" i="9"/>
  <c r="A217" i="9"/>
  <c r="A218" i="9"/>
  <c r="A219" i="9"/>
  <c r="A220" i="9"/>
  <c r="A221" i="9"/>
  <c r="A222" i="9"/>
  <c r="A223" i="9"/>
  <c r="A224" i="9"/>
  <c r="A225" i="9"/>
  <c r="A226" i="9"/>
  <c r="A227" i="9"/>
  <c r="A228" i="9"/>
  <c r="A229" i="9"/>
  <c r="A230" i="9"/>
  <c r="A231" i="9"/>
  <c r="A232" i="9"/>
  <c r="A233" i="9"/>
  <c r="A234" i="9"/>
  <c r="A235" i="9"/>
  <c r="A236" i="9"/>
  <c r="A237" i="9"/>
  <c r="A238" i="9"/>
  <c r="A239" i="9"/>
  <c r="A240" i="9"/>
  <c r="A241" i="9"/>
  <c r="A242" i="9"/>
  <c r="A243" i="9"/>
  <c r="A244" i="9"/>
  <c r="A245" i="9"/>
  <c r="A246" i="9"/>
  <c r="A247" i="9"/>
  <c r="A248" i="9"/>
  <c r="A249" i="9"/>
  <c r="A250" i="9"/>
  <c r="A251" i="9"/>
  <c r="A252" i="9"/>
  <c r="A253" i="9"/>
  <c r="A254" i="9"/>
  <c r="A255" i="9"/>
  <c r="A256" i="9"/>
  <c r="A257" i="9"/>
  <c r="A258" i="9"/>
  <c r="A259" i="9"/>
  <c r="A260" i="9"/>
  <c r="A261" i="9"/>
  <c r="A262" i="9"/>
  <c r="A263" i="9"/>
  <c r="A264" i="9"/>
  <c r="A265" i="9"/>
  <c r="A266" i="9"/>
  <c r="A267" i="9"/>
  <c r="A268" i="9"/>
  <c r="A269" i="9"/>
  <c r="A270" i="9"/>
  <c r="A271" i="9"/>
  <c r="A272" i="9"/>
  <c r="A273" i="9"/>
  <c r="A274" i="9"/>
  <c r="A275" i="9"/>
  <c r="A276" i="9"/>
  <c r="A277" i="9"/>
  <c r="A278" i="9"/>
  <c r="A279" i="9"/>
  <c r="A280" i="9"/>
  <c r="A281" i="9"/>
  <c r="A282" i="9"/>
  <c r="A283" i="9"/>
  <c r="A284" i="9"/>
  <c r="A285" i="9"/>
  <c r="A286" i="9"/>
  <c r="A287" i="9"/>
  <c r="A288" i="9"/>
  <c r="A289" i="9"/>
  <c r="A290" i="9"/>
  <c r="A291" i="9"/>
  <c r="A292" i="9"/>
  <c r="A293" i="9"/>
  <c r="A294" i="9"/>
  <c r="A295" i="9"/>
  <c r="A296" i="9"/>
  <c r="A297" i="9"/>
  <c r="A298" i="9"/>
  <c r="A299" i="9"/>
  <c r="A300" i="9"/>
  <c r="A301" i="9"/>
  <c r="A302" i="9"/>
  <c r="A303" i="9"/>
  <c r="A304" i="9"/>
  <c r="A305" i="9"/>
  <c r="A306" i="9"/>
  <c r="A307" i="9"/>
  <c r="A308" i="9"/>
  <c r="A309" i="9"/>
  <c r="A310" i="9"/>
  <c r="A311" i="9"/>
  <c r="A312" i="9"/>
  <c r="A313" i="9"/>
  <c r="A314" i="9"/>
  <c r="A315" i="9"/>
  <c r="A316" i="9"/>
  <c r="A317" i="9"/>
  <c r="A318" i="9"/>
  <c r="A319" i="9"/>
  <c r="A320" i="9"/>
  <c r="A321" i="9"/>
  <c r="A322" i="9"/>
  <c r="A323" i="9"/>
  <c r="A325" i="9"/>
  <c r="A326" i="9"/>
  <c r="A327" i="9"/>
  <c r="A328" i="9"/>
  <c r="A329" i="9"/>
  <c r="A330" i="9"/>
  <c r="A331" i="9"/>
  <c r="A332" i="9"/>
  <c r="A333" i="9"/>
  <c r="A334" i="9"/>
  <c r="A335" i="9"/>
  <c r="A336" i="9"/>
  <c r="A337" i="9"/>
  <c r="A338" i="9"/>
  <c r="A339" i="9"/>
  <c r="A340" i="9"/>
  <c r="A341" i="9"/>
  <c r="A342" i="9"/>
  <c r="A343" i="9"/>
  <c r="A344" i="9"/>
  <c r="A345" i="9"/>
  <c r="A346" i="9"/>
  <c r="A347" i="9"/>
  <c r="A348" i="9"/>
  <c r="A349" i="9"/>
  <c r="A350" i="9"/>
  <c r="A351" i="9"/>
  <c r="A352" i="9"/>
  <c r="A353" i="9"/>
  <c r="A354" i="9"/>
  <c r="A355" i="9"/>
  <c r="A356" i="9"/>
  <c r="A357" i="9"/>
  <c r="A358" i="9"/>
  <c r="A359" i="9"/>
  <c r="A360" i="9"/>
  <c r="A361" i="9"/>
  <c r="A362" i="9"/>
  <c r="A363" i="9"/>
  <c r="A364" i="9"/>
  <c r="A365" i="9"/>
  <c r="A366" i="9"/>
  <c r="A367" i="9"/>
  <c r="A368" i="9"/>
  <c r="A369" i="9"/>
  <c r="A370" i="9"/>
  <c r="A371" i="9"/>
  <c r="A372" i="9"/>
  <c r="A373" i="9"/>
  <c r="A374" i="9"/>
  <c r="A375" i="9"/>
  <c r="A376" i="9"/>
  <c r="A377" i="9"/>
  <c r="A378" i="9"/>
  <c r="A379" i="9"/>
  <c r="A380" i="9"/>
  <c r="A381" i="9"/>
  <c r="A382" i="9"/>
  <c r="A383" i="9"/>
  <c r="A384" i="9"/>
  <c r="A385" i="9"/>
  <c r="A386" i="9"/>
  <c r="A387" i="9"/>
  <c r="A388" i="9"/>
  <c r="A389" i="9"/>
  <c r="A390" i="9"/>
  <c r="A391" i="9"/>
  <c r="A392" i="9"/>
  <c r="A393" i="9"/>
  <c r="A394" i="9"/>
  <c r="A395" i="9"/>
  <c r="A396" i="9"/>
  <c r="A397" i="9"/>
  <c r="A398" i="9"/>
  <c r="A399" i="9"/>
  <c r="A400" i="9"/>
  <c r="A401" i="9"/>
  <c r="A402" i="9"/>
  <c r="A403" i="9"/>
  <c r="A404" i="9"/>
  <c r="A405" i="9"/>
  <c r="A406" i="9"/>
  <c r="A407" i="9"/>
  <c r="A408" i="9"/>
  <c r="A409" i="9"/>
  <c r="A410" i="9"/>
  <c r="A411" i="9"/>
  <c r="A412" i="9"/>
  <c r="A413" i="9"/>
  <c r="A414" i="9"/>
  <c r="A415" i="9"/>
  <c r="A416" i="9"/>
  <c r="A417" i="9"/>
  <c r="A418" i="9"/>
  <c r="A419" i="9"/>
  <c r="A420" i="9"/>
  <c r="A421" i="9"/>
  <c r="A422" i="9"/>
  <c r="A423" i="9"/>
  <c r="A424" i="9"/>
  <c r="A425" i="9"/>
  <c r="A426" i="9"/>
  <c r="A427" i="9"/>
  <c r="A428" i="9"/>
  <c r="A429" i="9"/>
  <c r="A430" i="9"/>
  <c r="A431" i="9"/>
  <c r="A432" i="9"/>
  <c r="A433" i="9"/>
  <c r="A434" i="9"/>
  <c r="A435" i="9"/>
  <c r="A436" i="9"/>
  <c r="A437" i="9"/>
  <c r="A438" i="9"/>
  <c r="A439" i="9"/>
  <c r="A440" i="9"/>
  <c r="A441" i="9"/>
  <c r="A442" i="9"/>
  <c r="A443" i="9"/>
  <c r="A444" i="9"/>
  <c r="A445" i="9"/>
  <c r="A446" i="9"/>
  <c r="A447" i="9"/>
  <c r="A448" i="9"/>
  <c r="A449" i="9"/>
  <c r="A450" i="9"/>
  <c r="A451" i="9"/>
  <c r="A452" i="9"/>
  <c r="A453" i="9"/>
  <c r="A454" i="9"/>
  <c r="A455" i="9"/>
  <c r="A456" i="9"/>
  <c r="A457" i="9"/>
  <c r="A458" i="9"/>
  <c r="A459" i="9"/>
  <c r="A460" i="9"/>
  <c r="A461" i="9"/>
  <c r="A462" i="9"/>
  <c r="A463" i="9"/>
  <c r="A464" i="9"/>
  <c r="A465" i="9"/>
  <c r="A466" i="9"/>
  <c r="A467" i="9"/>
  <c r="A468" i="9"/>
  <c r="A469" i="9"/>
  <c r="A470" i="9"/>
  <c r="A471" i="9"/>
  <c r="A472" i="9"/>
  <c r="A473" i="9"/>
  <c r="A474" i="9"/>
  <c r="A475" i="9"/>
  <c r="A476" i="9"/>
  <c r="A477" i="9"/>
  <c r="A478" i="9"/>
  <c r="A479" i="9"/>
  <c r="A480" i="9"/>
  <c r="A481" i="9"/>
  <c r="A482" i="9"/>
  <c r="A483" i="9"/>
  <c r="A484" i="9"/>
  <c r="A485" i="9"/>
  <c r="A486" i="9"/>
  <c r="A487" i="9"/>
  <c r="A488" i="9"/>
  <c r="A489" i="9"/>
  <c r="A490" i="9"/>
  <c r="A491" i="9"/>
  <c r="A492" i="9"/>
  <c r="A493" i="9"/>
  <c r="A494" i="9"/>
  <c r="A495" i="9"/>
  <c r="A496" i="9"/>
  <c r="A497" i="9"/>
  <c r="A498" i="9"/>
  <c r="A499" i="9"/>
  <c r="A500" i="9"/>
  <c r="A501" i="9"/>
  <c r="A502" i="9"/>
  <c r="A503" i="9"/>
  <c r="A504" i="9"/>
  <c r="A505" i="9"/>
  <c r="A506" i="9"/>
  <c r="A507" i="9"/>
  <c r="A509" i="9"/>
  <c r="A510" i="9"/>
  <c r="A511" i="9"/>
  <c r="A512" i="9"/>
  <c r="A513" i="9"/>
  <c r="A514" i="9"/>
  <c r="A515" i="9"/>
  <c r="A516" i="9"/>
  <c r="A517" i="9"/>
  <c r="A518" i="9"/>
  <c r="A519" i="9"/>
  <c r="A520" i="9"/>
  <c r="A521" i="9"/>
  <c r="A522" i="9"/>
  <c r="A523" i="9"/>
  <c r="A524" i="9"/>
  <c r="A525" i="9"/>
  <c r="A526" i="9"/>
  <c r="A527" i="9"/>
  <c r="A528" i="9"/>
  <c r="A529" i="9"/>
  <c r="A530" i="9"/>
  <c r="A531" i="9"/>
  <c r="A532" i="9"/>
  <c r="A533" i="9"/>
  <c r="A534" i="9"/>
  <c r="A535" i="9"/>
  <c r="A536" i="9"/>
  <c r="A537" i="9"/>
  <c r="A538" i="9"/>
  <c r="A539" i="9"/>
  <c r="A540" i="9"/>
  <c r="A541" i="9"/>
  <c r="A542" i="9"/>
  <c r="A543" i="9"/>
  <c r="A544" i="9"/>
  <c r="A545" i="9"/>
  <c r="A546" i="9"/>
  <c r="A547" i="9"/>
  <c r="A548" i="9"/>
  <c r="A549" i="9"/>
  <c r="A550" i="9"/>
  <c r="A551" i="9"/>
  <c r="A552" i="9"/>
  <c r="A553" i="9"/>
  <c r="A4" i="9"/>
  <c r="A2" i="9"/>
  <c r="W804" i="11"/>
  <c r="X804" i="11"/>
  <c r="BT804" i="11"/>
  <c r="BW804" i="11"/>
  <c r="BX804" i="11"/>
  <c r="BY804" i="11"/>
  <c r="BZ804" i="11"/>
  <c r="CA804" i="11"/>
  <c r="CB804" i="11"/>
  <c r="CC804" i="11"/>
  <c r="CD804" i="11"/>
  <c r="CE804" i="11"/>
  <c r="CF804" i="11"/>
  <c r="CG804" i="11"/>
  <c r="CH804" i="11"/>
  <c r="CI804" i="11"/>
  <c r="CJ804" i="11"/>
  <c r="CK804" i="11"/>
  <c r="CL804" i="11"/>
  <c r="CM804" i="11"/>
  <c r="DJ804" i="11"/>
  <c r="DK804" i="11"/>
  <c r="DL804" i="11"/>
  <c r="DM804" i="11"/>
  <c r="CI554" i="9" l="1"/>
  <c r="CH554" i="9"/>
  <c r="CG554" i="9"/>
  <c r="CF554" i="9"/>
  <c r="DK554" i="9"/>
  <c r="CE554" i="9"/>
  <c r="BT554" i="9"/>
  <c r="BV554" i="9"/>
  <c r="DJ554" i="9"/>
  <c r="CL554" i="9"/>
  <c r="CC554" i="9"/>
  <c r="DI554" i="9"/>
  <c r="CK554" i="9"/>
  <c r="BZ554" i="9"/>
  <c r="CJ554" i="9"/>
  <c r="CB554" i="9"/>
  <c r="CA554" i="9"/>
  <c r="BY554" i="9"/>
  <c r="BX554" i="9"/>
  <c r="BW554" i="9"/>
  <c r="C24" i="38"/>
  <c r="F20" i="36"/>
  <c r="F10" i="36"/>
  <c r="J30" i="37"/>
  <c r="J20" i="37"/>
  <c r="M7" i="35"/>
  <c r="O7" i="35" s="1" a="1"/>
  <c r="O7" i="35" s="1"/>
  <c r="N7" i="35"/>
  <c r="P7" i="35" s="1" a="1"/>
  <c r="P7" i="35" s="1"/>
  <c r="M8" i="35"/>
  <c r="O8" i="35" s="1" a="1"/>
  <c r="O8" i="35" s="1"/>
  <c r="N8" i="35"/>
  <c r="P8" i="35" s="1" a="1"/>
  <c r="P8" i="35" s="1"/>
  <c r="M10" i="35"/>
  <c r="O10" i="35" s="1" a="1"/>
  <c r="O10" i="35" s="1"/>
  <c r="N10" i="35"/>
  <c r="P10" i="35" s="1" a="1"/>
  <c r="P10" i="35" s="1"/>
  <c r="M12" i="35"/>
  <c r="O12" i="35" s="1" a="1"/>
  <c r="O12" i="35" s="1"/>
  <c r="N12" i="35"/>
  <c r="P12" i="35" s="1" a="1"/>
  <c r="P12" i="35" s="1"/>
  <c r="M13" i="35"/>
  <c r="O13" i="35" s="1" a="1"/>
  <c r="O13" i="35" s="1"/>
  <c r="N13" i="35"/>
  <c r="P13" i="35" s="1" a="1"/>
  <c r="P13" i="35" s="1"/>
  <c r="M136" i="35"/>
  <c r="O136" i="35" s="1" a="1"/>
  <c r="O136" i="35" s="1"/>
  <c r="N136" i="35"/>
  <c r="P136" i="35" s="1" a="1"/>
  <c r="P136" i="35" s="1"/>
  <c r="M139" i="35"/>
  <c r="O139" i="35" s="1" a="1"/>
  <c r="O139" i="35" s="1"/>
  <c r="N139" i="35"/>
  <c r="P139" i="35" s="1" a="1"/>
  <c r="P139" i="35" s="1"/>
  <c r="M140" i="35"/>
  <c r="O140" i="35" s="1" a="1"/>
  <c r="O140" i="35" s="1"/>
  <c r="N140" i="35"/>
  <c r="P140" i="35" s="1" a="1"/>
  <c r="P140" i="35" s="1"/>
  <c r="M146" i="35"/>
  <c r="O146" i="35" s="1" a="1"/>
  <c r="O146" i="35" s="1"/>
  <c r="N146" i="35"/>
  <c r="P146" i="35" s="1" a="1"/>
  <c r="P146" i="35" s="1"/>
  <c r="M147" i="35"/>
  <c r="O147" i="35" s="1" a="1"/>
  <c r="O147" i="35" s="1"/>
  <c r="N147" i="35"/>
  <c r="P147" i="35" s="1" a="1"/>
  <c r="P147" i="35" s="1"/>
  <c r="M148" i="35"/>
  <c r="O148" i="35" s="1" a="1"/>
  <c r="O148" i="35" s="1"/>
  <c r="N148" i="35"/>
  <c r="P148" i="35" s="1" a="1"/>
  <c r="P148" i="35" s="1"/>
  <c r="M149" i="35"/>
  <c r="O149" i="35" s="1" a="1"/>
  <c r="O149" i="35" s="1"/>
  <c r="N149" i="35"/>
  <c r="P149" i="35" s="1" a="1"/>
  <c r="P149" i="35" s="1"/>
  <c r="M151" i="35"/>
  <c r="O151" i="35" s="1" a="1"/>
  <c r="O151" i="35" s="1"/>
  <c r="N151" i="35"/>
  <c r="P151" i="35" s="1" a="1"/>
  <c r="P151" i="35" s="1"/>
  <c r="M167" i="35"/>
  <c r="O167" i="35" s="1" a="1"/>
  <c r="O167" i="35" s="1"/>
  <c r="N167" i="35"/>
  <c r="P167" i="35" s="1" a="1"/>
  <c r="P167" i="35" s="1"/>
  <c r="M168" i="35"/>
  <c r="O168" i="35" s="1" a="1"/>
  <c r="O168" i="35" s="1"/>
  <c r="N168" i="35"/>
  <c r="P168" i="35" s="1" a="1"/>
  <c r="P168" i="35" s="1"/>
  <c r="M177" i="35"/>
  <c r="O177" i="35" s="1" a="1"/>
  <c r="O177" i="35" s="1"/>
  <c r="N177" i="35"/>
  <c r="P177" i="35" s="1" a="1"/>
  <c r="P177" i="35" s="1"/>
  <c r="M182" i="35"/>
  <c r="O182" i="35" s="1" a="1"/>
  <c r="O182" i="35" s="1"/>
  <c r="N182" i="35"/>
  <c r="P182" i="35" s="1" a="1"/>
  <c r="P182" i="35" s="1"/>
  <c r="M191" i="35"/>
  <c r="O191" i="35" s="1" a="1"/>
  <c r="O191" i="35" s="1"/>
  <c r="N191" i="35"/>
  <c r="P191" i="35" s="1" a="1"/>
  <c r="P191" i="35" s="1"/>
  <c r="M193" i="35"/>
  <c r="O193" i="35" s="1" a="1"/>
  <c r="O193" i="35" s="1"/>
  <c r="N193" i="35"/>
  <c r="P193" i="35" s="1" a="1"/>
  <c r="P193" i="35" s="1"/>
  <c r="M194" i="35"/>
  <c r="O194" i="35" s="1" a="1"/>
  <c r="O194" i="35" s="1"/>
  <c r="N194" i="35"/>
  <c r="P194" i="35" s="1" a="1"/>
  <c r="P194" i="35" s="1"/>
  <c r="M195" i="35"/>
  <c r="O195" i="35" s="1" a="1"/>
  <c r="O195" i="35" s="1"/>
  <c r="N195" i="35"/>
  <c r="P195" i="35" s="1" a="1"/>
  <c r="P195" i="35" s="1"/>
  <c r="M196" i="35"/>
  <c r="O196" i="35" s="1" a="1"/>
  <c r="O196" i="35" s="1"/>
  <c r="N196" i="35"/>
  <c r="P196" i="35" s="1" a="1"/>
  <c r="P196" i="35" s="1"/>
  <c r="M197" i="35"/>
  <c r="O197" i="35" s="1" a="1"/>
  <c r="O197" i="35" s="1"/>
  <c r="N197" i="35"/>
  <c r="P197" i="35" s="1" a="1"/>
  <c r="P197" i="35" s="1"/>
  <c r="M6" i="35"/>
  <c r="O6" i="35" s="1" a="1"/>
  <c r="O6" i="35" s="1"/>
  <c r="N6" i="35"/>
  <c r="P6" i="35" s="1" a="1"/>
  <c r="P6" i="35" s="1"/>
  <c r="I6" i="34"/>
  <c r="BS5" i="9" l="1"/>
  <c r="BS6" i="9"/>
  <c r="BS7" i="9"/>
  <c r="BS8" i="9"/>
  <c r="BS9" i="9"/>
  <c r="BS10" i="9"/>
  <c r="BS11" i="9"/>
  <c r="BS12" i="9"/>
  <c r="BS13" i="9"/>
  <c r="BT13" i="9" s="1"/>
  <c r="BS14" i="9"/>
  <c r="BT14" i="9" s="1"/>
  <c r="BS15" i="9"/>
  <c r="BT15" i="9" s="1"/>
  <c r="BS16" i="9"/>
  <c r="BT16" i="9" s="1"/>
  <c r="BS17" i="9"/>
  <c r="BT17" i="9" s="1"/>
  <c r="BS18" i="9"/>
  <c r="BT18" i="9" s="1"/>
  <c r="BS19" i="9"/>
  <c r="BS20" i="9"/>
  <c r="BS21" i="9"/>
  <c r="BS22" i="9"/>
  <c r="BS23" i="9"/>
  <c r="BS24" i="9"/>
  <c r="BS25" i="9"/>
  <c r="BS26" i="9"/>
  <c r="BS27" i="9"/>
  <c r="BS28" i="9"/>
  <c r="BS29" i="9"/>
  <c r="BS30" i="9"/>
  <c r="BS31" i="9"/>
  <c r="BS32" i="9"/>
  <c r="BS33" i="9"/>
  <c r="BS34" i="9"/>
  <c r="BS35" i="9"/>
  <c r="BS36" i="9"/>
  <c r="BS37" i="9"/>
  <c r="BS38" i="9"/>
  <c r="BS39" i="9"/>
  <c r="BS40" i="9"/>
  <c r="BS41" i="9"/>
  <c r="BS42" i="9"/>
  <c r="BS43" i="9"/>
  <c r="BS44" i="9"/>
  <c r="BS45" i="9"/>
  <c r="BS46" i="9"/>
  <c r="BS47" i="9"/>
  <c r="BS48" i="9"/>
  <c r="BS49" i="9"/>
  <c r="BS50" i="9"/>
  <c r="BS51" i="9"/>
  <c r="BS52" i="9"/>
  <c r="BS53" i="9"/>
  <c r="BS54" i="9"/>
  <c r="BT54" i="9" s="1"/>
  <c r="BS55" i="9"/>
  <c r="BS56" i="9"/>
  <c r="BS57" i="9"/>
  <c r="BS58" i="9"/>
  <c r="BS59" i="9"/>
  <c r="BS60" i="9"/>
  <c r="BS61" i="9"/>
  <c r="BS62" i="9"/>
  <c r="BS63" i="9"/>
  <c r="BS64" i="9"/>
  <c r="BS65" i="9"/>
  <c r="BS66" i="9"/>
  <c r="BS67" i="9"/>
  <c r="BS68" i="9"/>
  <c r="BS69" i="9"/>
  <c r="BS70" i="9"/>
  <c r="BS71" i="9"/>
  <c r="BS72" i="9"/>
  <c r="BS74" i="9"/>
  <c r="BS73" i="9"/>
  <c r="BS75" i="9"/>
  <c r="BS76" i="9"/>
  <c r="BS77" i="9"/>
  <c r="BS78" i="9"/>
  <c r="BS79" i="9"/>
  <c r="BS80" i="9"/>
  <c r="BS81" i="9"/>
  <c r="BS82" i="9"/>
  <c r="BS83" i="9"/>
  <c r="BS84" i="9"/>
  <c r="BS85" i="9"/>
  <c r="BS86" i="9"/>
  <c r="BS87" i="9"/>
  <c r="BS88" i="9"/>
  <c r="BS89" i="9"/>
  <c r="BS90" i="9"/>
  <c r="BS91" i="9"/>
  <c r="BS92" i="9"/>
  <c r="BS93" i="9"/>
  <c r="BS94" i="9"/>
  <c r="BS95" i="9"/>
  <c r="BS96" i="9"/>
  <c r="BS97" i="9"/>
  <c r="BS98" i="9"/>
  <c r="BS99" i="9"/>
  <c r="BS100" i="9"/>
  <c r="BS101" i="9"/>
  <c r="BS102" i="9"/>
  <c r="BS103" i="9"/>
  <c r="BS104" i="9"/>
  <c r="BS105" i="9"/>
  <c r="BS106" i="9"/>
  <c r="BS107" i="9"/>
  <c r="BS108" i="9"/>
  <c r="BS109" i="9"/>
  <c r="BS110" i="9"/>
  <c r="BS111" i="9"/>
  <c r="BS112" i="9"/>
  <c r="BS113" i="9"/>
  <c r="BS114" i="9"/>
  <c r="BS115" i="9"/>
  <c r="BS116" i="9"/>
  <c r="BS117" i="9"/>
  <c r="BS118" i="9"/>
  <c r="BS119" i="9"/>
  <c r="BS120" i="9"/>
  <c r="BS121" i="9"/>
  <c r="BS122" i="9"/>
  <c r="BS123" i="9"/>
  <c r="BS124" i="9"/>
  <c r="BS125" i="9"/>
  <c r="BS126" i="9"/>
  <c r="BS127" i="9"/>
  <c r="BS128" i="9"/>
  <c r="BS129" i="9"/>
  <c r="BS130" i="9"/>
  <c r="BS131" i="9"/>
  <c r="BS132" i="9"/>
  <c r="BS133" i="9"/>
  <c r="BS134" i="9"/>
  <c r="BS135" i="9"/>
  <c r="BS136" i="9"/>
  <c r="BS137" i="9"/>
  <c r="BS138" i="9"/>
  <c r="BS139" i="9"/>
  <c r="BS140" i="9"/>
  <c r="BS141" i="9"/>
  <c r="BS142" i="9"/>
  <c r="BS143" i="9"/>
  <c r="BS144" i="9"/>
  <c r="BS145" i="9"/>
  <c r="BS146" i="9"/>
  <c r="BS147" i="9"/>
  <c r="BS148" i="9"/>
  <c r="BS149" i="9"/>
  <c r="BS150" i="9"/>
  <c r="BS151" i="9"/>
  <c r="BS152" i="9"/>
  <c r="BS153" i="9"/>
  <c r="BS154" i="9"/>
  <c r="BS155" i="9"/>
  <c r="BS156" i="9"/>
  <c r="BS157" i="9"/>
  <c r="BS158" i="9"/>
  <c r="BS159" i="9"/>
  <c r="BS160" i="9"/>
  <c r="BS161" i="9"/>
  <c r="BS162" i="9"/>
  <c r="BS163" i="9"/>
  <c r="BS164" i="9"/>
  <c r="BS165" i="9"/>
  <c r="BS166" i="9"/>
  <c r="BS167" i="9"/>
  <c r="BS168" i="9"/>
  <c r="BS169" i="9"/>
  <c r="BS170" i="9"/>
  <c r="BS171" i="9"/>
  <c r="BS172" i="9"/>
  <c r="BS173" i="9"/>
  <c r="BS174" i="9"/>
  <c r="BS175" i="9"/>
  <c r="BS176" i="9"/>
  <c r="BS177" i="9"/>
  <c r="BS178" i="9"/>
  <c r="BS179" i="9"/>
  <c r="BS180" i="9"/>
  <c r="BS181" i="9"/>
  <c r="BS182" i="9"/>
  <c r="BS183" i="9"/>
  <c r="BS184" i="9"/>
  <c r="BS185" i="9"/>
  <c r="BS186" i="9"/>
  <c r="BS187" i="9"/>
  <c r="BS188" i="9"/>
  <c r="BS189" i="9"/>
  <c r="BS190" i="9"/>
  <c r="BS191" i="9"/>
  <c r="BS192" i="9"/>
  <c r="BS193" i="9"/>
  <c r="BS194" i="9"/>
  <c r="BS195" i="9"/>
  <c r="BS196" i="9"/>
  <c r="BS197" i="9"/>
  <c r="BS198" i="9"/>
  <c r="BS199" i="9"/>
  <c r="BS200" i="9"/>
  <c r="BS201" i="9"/>
  <c r="BS202" i="9"/>
  <c r="BS203" i="9"/>
  <c r="BS204" i="9"/>
  <c r="BT205" i="9"/>
  <c r="BS206" i="9"/>
  <c r="BS207" i="9"/>
  <c r="BS208" i="9"/>
  <c r="BS209" i="9"/>
  <c r="BS210" i="9"/>
  <c r="BS211" i="9"/>
  <c r="BS212" i="9"/>
  <c r="BS213" i="9"/>
  <c r="BS214" i="9"/>
  <c r="BS215" i="9"/>
  <c r="BS216" i="9"/>
  <c r="BS217" i="9"/>
  <c r="BS218" i="9"/>
  <c r="BS219" i="9"/>
  <c r="BS220" i="9"/>
  <c r="BS221" i="9"/>
  <c r="BS222" i="9"/>
  <c r="BS223" i="9"/>
  <c r="BS224" i="9"/>
  <c r="BS225" i="9"/>
  <c r="BS226" i="9"/>
  <c r="BS227" i="9"/>
  <c r="BS228" i="9"/>
  <c r="BS229" i="9"/>
  <c r="BS230" i="9"/>
  <c r="BS231" i="9"/>
  <c r="BS232" i="9"/>
  <c r="BS233" i="9"/>
  <c r="BS234" i="9"/>
  <c r="BS235" i="9"/>
  <c r="BS236" i="9"/>
  <c r="BS237" i="9"/>
  <c r="BS238" i="9"/>
  <c r="BS239" i="9"/>
  <c r="BS240" i="9"/>
  <c r="BS241" i="9"/>
  <c r="BS242" i="9"/>
  <c r="BS243" i="9"/>
  <c r="BS244" i="9"/>
  <c r="BS245" i="9"/>
  <c r="BS246" i="9"/>
  <c r="BS247" i="9"/>
  <c r="BS248" i="9"/>
  <c r="BS249" i="9"/>
  <c r="BS250" i="9"/>
  <c r="BS251" i="9"/>
  <c r="BS252" i="9"/>
  <c r="BS253" i="9"/>
  <c r="BS254" i="9"/>
  <c r="BS255" i="9"/>
  <c r="BS256" i="9"/>
  <c r="BS257" i="9"/>
  <c r="BS258" i="9"/>
  <c r="BS259" i="9"/>
  <c r="BS260" i="9"/>
  <c r="BS261" i="9"/>
  <c r="BS262" i="9"/>
  <c r="BS263" i="9"/>
  <c r="BS264" i="9"/>
  <c r="BS265" i="9"/>
  <c r="BS266" i="9"/>
  <c r="BS267" i="9"/>
  <c r="BS268" i="9"/>
  <c r="BS269" i="9"/>
  <c r="BS270" i="9"/>
  <c r="BS271" i="9"/>
  <c r="BS272" i="9"/>
  <c r="BS273" i="9"/>
  <c r="BS274" i="9"/>
  <c r="BS275" i="9"/>
  <c r="BS276" i="9"/>
  <c r="BS279" i="9"/>
  <c r="BS280" i="9"/>
  <c r="BS281" i="9"/>
  <c r="BS282" i="9"/>
  <c r="BS283" i="9"/>
  <c r="BS284" i="9"/>
  <c r="BS285" i="9"/>
  <c r="BS289" i="9"/>
  <c r="BS290" i="9"/>
  <c r="BS291" i="9"/>
  <c r="BS292" i="9"/>
  <c r="BS293" i="9"/>
  <c r="BS294" i="9"/>
  <c r="BS295" i="9"/>
  <c r="BS296" i="9"/>
  <c r="BS297" i="9"/>
  <c r="BS298" i="9"/>
  <c r="BS299" i="9"/>
  <c r="BS306" i="9"/>
  <c r="BS307" i="9"/>
  <c r="BS308" i="9"/>
  <c r="BS309" i="9"/>
  <c r="BS310" i="9"/>
  <c r="BS311" i="9"/>
  <c r="BS312" i="9"/>
  <c r="BS313" i="9"/>
  <c r="BS314" i="9"/>
  <c r="BS315" i="9"/>
  <c r="BS316" i="9"/>
  <c r="BS317" i="9"/>
  <c r="BS318" i="9"/>
  <c r="BS319" i="9"/>
  <c r="BS320" i="9"/>
  <c r="BS322" i="9"/>
  <c r="BS323" i="9"/>
  <c r="BS324" i="9"/>
  <c r="BS325" i="9"/>
  <c r="BS326" i="9"/>
  <c r="BS329" i="9"/>
  <c r="BS330" i="9"/>
  <c r="BS332" i="9"/>
  <c r="BS333" i="9"/>
  <c r="BS334" i="9"/>
  <c r="BS335" i="9"/>
  <c r="BS336" i="9"/>
  <c r="BS337" i="9"/>
  <c r="BS338" i="9"/>
  <c r="BS339" i="9"/>
  <c r="BS340" i="9"/>
  <c r="BS341" i="9"/>
  <c r="BS342" i="9"/>
  <c r="BS343" i="9"/>
  <c r="BS344" i="9"/>
  <c r="BS345" i="9"/>
  <c r="BS346" i="9"/>
  <c r="BS347" i="9"/>
  <c r="BS348" i="9"/>
  <c r="BS349" i="9"/>
  <c r="BS350" i="9"/>
  <c r="BS351" i="9"/>
  <c r="BS366" i="9"/>
  <c r="BS367" i="9"/>
  <c r="BS368" i="9"/>
  <c r="BS369" i="9"/>
  <c r="BS370" i="9"/>
  <c r="BS371" i="9"/>
  <c r="BS372" i="9"/>
  <c r="BS373" i="9"/>
  <c r="BS374" i="9"/>
  <c r="BS375" i="9"/>
  <c r="BS376" i="9"/>
  <c r="BS377" i="9"/>
  <c r="BS378" i="9"/>
  <c r="BS379" i="9"/>
  <c r="BS380" i="9"/>
  <c r="BS381" i="9"/>
  <c r="BS382" i="9"/>
  <c r="BS383" i="9"/>
  <c r="BS384" i="9"/>
  <c r="BS385" i="9"/>
  <c r="BS390" i="9"/>
  <c r="BS391" i="9"/>
  <c r="BS392" i="9"/>
  <c r="BS393" i="9"/>
  <c r="BS394" i="9"/>
  <c r="BS395" i="9"/>
  <c r="BS396" i="9"/>
  <c r="BS397" i="9"/>
  <c r="BS398" i="9"/>
  <c r="BS399" i="9"/>
  <c r="BS400" i="9"/>
  <c r="BS401" i="9"/>
  <c r="BS402" i="9"/>
  <c r="BS403" i="9"/>
  <c r="BS404" i="9"/>
  <c r="BS405" i="9"/>
  <c r="BS406" i="9"/>
  <c r="BS407" i="9"/>
  <c r="BS408" i="9"/>
  <c r="BS409" i="9"/>
  <c r="BS410" i="9"/>
  <c r="BS411" i="9"/>
  <c r="BS412" i="9"/>
  <c r="BS413" i="9"/>
  <c r="BS415" i="9"/>
  <c r="BS416" i="9"/>
  <c r="BS417" i="9"/>
  <c r="BS418" i="9"/>
  <c r="BS419" i="9"/>
  <c r="BS429" i="9"/>
  <c r="BS430" i="9"/>
  <c r="BS431" i="9"/>
  <c r="BS432" i="9"/>
  <c r="BS433" i="9"/>
  <c r="BS434" i="9"/>
  <c r="BS435" i="9"/>
  <c r="BS436" i="9"/>
  <c r="BS437" i="9"/>
  <c r="BS438" i="9"/>
  <c r="BS439" i="9"/>
  <c r="BS440" i="9"/>
  <c r="BS441" i="9"/>
  <c r="BS442" i="9"/>
  <c r="BS443" i="9"/>
  <c r="BS444" i="9"/>
  <c r="BS445" i="9"/>
  <c r="BS446" i="9"/>
  <c r="BS447" i="9"/>
  <c r="BS448" i="9"/>
  <c r="BS449" i="9"/>
  <c r="BS450" i="9"/>
  <c r="BS451" i="9"/>
  <c r="BS454" i="9"/>
  <c r="BS455" i="9"/>
  <c r="BS456" i="9"/>
  <c r="BS457" i="9"/>
  <c r="BS458" i="9"/>
  <c r="BS459" i="9"/>
  <c r="BS460" i="9"/>
  <c r="BS461" i="9"/>
  <c r="BS462" i="9"/>
  <c r="BS463" i="9"/>
  <c r="BS464" i="9"/>
  <c r="BS465" i="9"/>
  <c r="BS466" i="9"/>
  <c r="BS467" i="9"/>
  <c r="BS468" i="9"/>
  <c r="BS469" i="9"/>
  <c r="BS470" i="9"/>
  <c r="BS471" i="9"/>
  <c r="BS475" i="9"/>
  <c r="BS476" i="9"/>
  <c r="BS479" i="9"/>
  <c r="BS480" i="9"/>
  <c r="BS481" i="9"/>
  <c r="BS483" i="9"/>
  <c r="BS484" i="9"/>
  <c r="BS485" i="9"/>
  <c r="BS486" i="9"/>
  <c r="BS487" i="9"/>
  <c r="BS488" i="9"/>
  <c r="BS489" i="9"/>
  <c r="BS490" i="9"/>
  <c r="BS491" i="9"/>
  <c r="BS492" i="9"/>
  <c r="BS493" i="9"/>
  <c r="BS494" i="9"/>
  <c r="BS495" i="9"/>
  <c r="BS496" i="9"/>
  <c r="BS497" i="9"/>
  <c r="BS498" i="9"/>
  <c r="BS499" i="9"/>
  <c r="BS500" i="9"/>
  <c r="BS501" i="9"/>
  <c r="BS502" i="9"/>
  <c r="BS503" i="9"/>
  <c r="BS504" i="9"/>
  <c r="BS505" i="9"/>
  <c r="BS506" i="9"/>
  <c r="BS507" i="9"/>
  <c r="BS508" i="9"/>
  <c r="BS509" i="9"/>
  <c r="BS510" i="9"/>
  <c r="BS511" i="9"/>
  <c r="BS512" i="9"/>
  <c r="BS513" i="9"/>
  <c r="BS514" i="9"/>
  <c r="BS515" i="9"/>
  <c r="BS516" i="9"/>
  <c r="BS517" i="9"/>
  <c r="BS518" i="9"/>
  <c r="BS519" i="9"/>
  <c r="BS520" i="9"/>
  <c r="BS521" i="9"/>
  <c r="BS522" i="9"/>
  <c r="BS523" i="9"/>
  <c r="BS524" i="9"/>
  <c r="BS525" i="9"/>
  <c r="BS526" i="9"/>
  <c r="BS527" i="9"/>
  <c r="BS528" i="9"/>
  <c r="BS529" i="9"/>
  <c r="BS530" i="9"/>
  <c r="BS531" i="9"/>
  <c r="BS532" i="9"/>
  <c r="BS533" i="9"/>
  <c r="BS534" i="9"/>
  <c r="BS535" i="9"/>
  <c r="BS536" i="9"/>
  <c r="BS537" i="9"/>
  <c r="BS538" i="9"/>
  <c r="BS539" i="9"/>
  <c r="BS540" i="9"/>
  <c r="BS541" i="9"/>
  <c r="BS542" i="9"/>
  <c r="BS543" i="9"/>
  <c r="BS544" i="9"/>
  <c r="BS545" i="9"/>
  <c r="BS546" i="9"/>
  <c r="BS547" i="9"/>
  <c r="BS548" i="9"/>
  <c r="BS549" i="9"/>
  <c r="BS550" i="9"/>
  <c r="BS551" i="9"/>
  <c r="BS552" i="9"/>
  <c r="BS553" i="9"/>
  <c r="DL543" i="9" l="1"/>
  <c r="DK543" i="9"/>
  <c r="DJ543" i="9"/>
  <c r="DI543" i="9"/>
  <c r="DL542" i="9"/>
  <c r="DK542" i="9"/>
  <c r="DJ542" i="9"/>
  <c r="DI542" i="9"/>
  <c r="DL541" i="9"/>
  <c r="DK541" i="9"/>
  <c r="DJ541" i="9"/>
  <c r="DI541" i="9"/>
  <c r="DL540" i="9"/>
  <c r="DK540" i="9"/>
  <c r="DJ540" i="9"/>
  <c r="DI540" i="9"/>
  <c r="DL539" i="9"/>
  <c r="DK539" i="9"/>
  <c r="DJ539" i="9"/>
  <c r="DI539" i="9"/>
  <c r="DL538" i="9"/>
  <c r="DK538" i="9"/>
  <c r="DJ538" i="9"/>
  <c r="DI538" i="9"/>
  <c r="DL537" i="9"/>
  <c r="DK537" i="9"/>
  <c r="DJ537" i="9"/>
  <c r="DI537" i="9"/>
  <c r="DL536" i="9"/>
  <c r="DK536" i="9"/>
  <c r="DJ536" i="9"/>
  <c r="DI536" i="9"/>
  <c r="DL535" i="9"/>
  <c r="DK535" i="9"/>
  <c r="DJ535" i="9"/>
  <c r="DI535" i="9"/>
  <c r="DL534" i="9"/>
  <c r="DK534" i="9"/>
  <c r="DJ534" i="9"/>
  <c r="DI534" i="9"/>
  <c r="DL533" i="9"/>
  <c r="DK533" i="9"/>
  <c r="DJ533" i="9"/>
  <c r="DI533" i="9"/>
  <c r="DL532" i="9"/>
  <c r="DK532" i="9"/>
  <c r="DJ532" i="9"/>
  <c r="DI532" i="9"/>
  <c r="DL531" i="9"/>
  <c r="DK531" i="9"/>
  <c r="DJ531" i="9"/>
  <c r="DI531" i="9"/>
  <c r="DL530" i="9"/>
  <c r="DK530" i="9"/>
  <c r="DJ530" i="9"/>
  <c r="DI530" i="9"/>
  <c r="DL529" i="9"/>
  <c r="DK529" i="9"/>
  <c r="DJ529" i="9"/>
  <c r="DI529" i="9"/>
  <c r="DJ528" i="9"/>
  <c r="DI528" i="9"/>
  <c r="DJ527" i="9"/>
  <c r="DI527" i="9"/>
  <c r="DL526" i="9"/>
  <c r="DK526" i="9"/>
  <c r="DJ526" i="9"/>
  <c r="DI526" i="9"/>
  <c r="DL525" i="9"/>
  <c r="DK525" i="9"/>
  <c r="DL524" i="9"/>
  <c r="DK524" i="9"/>
  <c r="DJ524" i="9"/>
  <c r="DI524" i="9"/>
  <c r="DJ523" i="9"/>
  <c r="DI523" i="9"/>
  <c r="DL522" i="9"/>
  <c r="DK522" i="9"/>
  <c r="DL521" i="9"/>
  <c r="DK521" i="9"/>
  <c r="DJ521" i="9"/>
  <c r="DI521" i="9"/>
  <c r="DL520" i="9"/>
  <c r="DK520" i="9"/>
  <c r="DJ520" i="9"/>
  <c r="DI520" i="9"/>
  <c r="DL519" i="9"/>
  <c r="DK519" i="9"/>
  <c r="DJ519" i="9"/>
  <c r="DI519" i="9"/>
  <c r="DL518" i="9"/>
  <c r="DK518" i="9"/>
  <c r="DJ518" i="9"/>
  <c r="DI518" i="9"/>
  <c r="DL517" i="9"/>
  <c r="DK517" i="9"/>
  <c r="DJ517" i="9"/>
  <c r="DI517" i="9"/>
  <c r="DL516" i="9"/>
  <c r="DK516" i="9"/>
  <c r="DJ516" i="9"/>
  <c r="DI516" i="9"/>
  <c r="DL515" i="9"/>
  <c r="DK515" i="9"/>
  <c r="DL514" i="9"/>
  <c r="DK514" i="9"/>
  <c r="DJ514" i="9"/>
  <c r="DI514" i="9"/>
  <c r="DL513" i="9"/>
  <c r="DK513" i="9"/>
  <c r="DJ513" i="9"/>
  <c r="DI513" i="9"/>
  <c r="DL512" i="9"/>
  <c r="DK512" i="9"/>
  <c r="DJ512" i="9"/>
  <c r="DI512" i="9"/>
  <c r="DI511" i="9"/>
  <c r="CL543" i="9"/>
  <c r="CK543" i="9"/>
  <c r="CI543" i="9"/>
  <c r="CH543" i="9"/>
  <c r="CG543" i="9"/>
  <c r="CF543" i="9"/>
  <c r="CE543" i="9"/>
  <c r="CD543" i="9"/>
  <c r="CC543" i="9"/>
  <c r="CB543" i="9"/>
  <c r="CA543" i="9"/>
  <c r="BV543" i="9"/>
  <c r="CL542" i="9"/>
  <c r="CK542" i="9"/>
  <c r="CJ542" i="9"/>
  <c r="CI542" i="9"/>
  <c r="CH542" i="9"/>
  <c r="CG542" i="9"/>
  <c r="CF542" i="9"/>
  <c r="CE542" i="9"/>
  <c r="CD542" i="9"/>
  <c r="CC542" i="9"/>
  <c r="CB542" i="9"/>
  <c r="CA542" i="9"/>
  <c r="BZ542" i="9"/>
  <c r="BW542" i="9"/>
  <c r="BV542" i="9"/>
  <c r="CL541" i="9"/>
  <c r="CK541" i="9"/>
  <c r="CJ541" i="9"/>
  <c r="CI541" i="9"/>
  <c r="CH541" i="9"/>
  <c r="CG541" i="9"/>
  <c r="CF541" i="9"/>
  <c r="CE541" i="9"/>
  <c r="CD541" i="9"/>
  <c r="BV541" i="9"/>
  <c r="CL540" i="9"/>
  <c r="CK540" i="9"/>
  <c r="CJ540" i="9"/>
  <c r="CI540" i="9"/>
  <c r="CH540" i="9"/>
  <c r="CG540" i="9"/>
  <c r="CF540" i="9"/>
  <c r="CC540" i="9"/>
  <c r="BV540" i="9"/>
  <c r="CL539" i="9"/>
  <c r="CK539" i="9"/>
  <c r="CJ539" i="9"/>
  <c r="CI539" i="9"/>
  <c r="CG539" i="9"/>
  <c r="CF539" i="9"/>
  <c r="CE539" i="9"/>
  <c r="CD539" i="9"/>
  <c r="CC539" i="9"/>
  <c r="CB539" i="9"/>
  <c r="CA539" i="9"/>
  <c r="BZ539" i="9"/>
  <c r="BW539" i="9"/>
  <c r="BV539" i="9"/>
  <c r="CL538" i="9"/>
  <c r="CK538" i="9"/>
  <c r="CJ538" i="9"/>
  <c r="CI538" i="9"/>
  <c r="CH538" i="9"/>
  <c r="CG538" i="9"/>
  <c r="CF538" i="9"/>
  <c r="CE538" i="9"/>
  <c r="CD538" i="9"/>
  <c r="BZ538" i="9"/>
  <c r="BY538" i="9"/>
  <c r="BX538" i="9"/>
  <c r="BW538" i="9"/>
  <c r="BV538" i="9"/>
  <c r="CL537" i="9"/>
  <c r="CK537" i="9"/>
  <c r="CJ537" i="9"/>
  <c r="CI537" i="9"/>
  <c r="CH537" i="9"/>
  <c r="CG537" i="9"/>
  <c r="CF537" i="9"/>
  <c r="CE537" i="9"/>
  <c r="CD537" i="9"/>
  <c r="CC537" i="9"/>
  <c r="BV537" i="9"/>
  <c r="CL536" i="9"/>
  <c r="CK536" i="9"/>
  <c r="CI536" i="9"/>
  <c r="CH536" i="9"/>
  <c r="CG536" i="9"/>
  <c r="CF536" i="9"/>
  <c r="CE536" i="9"/>
  <c r="CD536" i="9"/>
  <c r="CC536" i="9"/>
  <c r="BV536" i="9"/>
  <c r="CL535" i="9"/>
  <c r="CK535" i="9"/>
  <c r="CJ535" i="9"/>
  <c r="CI535" i="9"/>
  <c r="CH535" i="9"/>
  <c r="CG535" i="9"/>
  <c r="CF535" i="9"/>
  <c r="CC535" i="9"/>
  <c r="CB535" i="9"/>
  <c r="CA535" i="9"/>
  <c r="BZ535" i="9"/>
  <c r="BY535" i="9"/>
  <c r="BX535" i="9"/>
  <c r="BW535" i="9"/>
  <c r="BV535" i="9"/>
  <c r="CL534" i="9"/>
  <c r="CK534" i="9"/>
  <c r="CJ534" i="9"/>
  <c r="CI534" i="9"/>
  <c r="CH534" i="9"/>
  <c r="CG534" i="9"/>
  <c r="CF534" i="9"/>
  <c r="CE534" i="9"/>
  <c r="CD534" i="9"/>
  <c r="BV534" i="9"/>
  <c r="CL533" i="9"/>
  <c r="CK533" i="9"/>
  <c r="CJ533" i="9"/>
  <c r="CI533" i="9"/>
  <c r="CH533" i="9"/>
  <c r="CG533" i="9"/>
  <c r="CF533" i="9"/>
  <c r="BW533" i="9"/>
  <c r="BV533" i="9"/>
  <c r="CL532" i="9"/>
  <c r="CK532" i="9"/>
  <c r="CI532" i="9"/>
  <c r="CH532" i="9"/>
  <c r="CG532" i="9"/>
  <c r="CE532" i="9"/>
  <c r="CD532" i="9"/>
  <c r="BV532" i="9"/>
  <c r="CL531" i="9"/>
  <c r="CK531" i="9"/>
  <c r="CI531" i="9"/>
  <c r="CH531" i="9"/>
  <c r="CG531" i="9"/>
  <c r="CF531" i="9"/>
  <c r="CE531" i="9"/>
  <c r="CD531" i="9"/>
  <c r="CC531" i="9"/>
  <c r="BV531" i="9"/>
  <c r="CL530" i="9"/>
  <c r="CK530" i="9"/>
  <c r="CJ530" i="9"/>
  <c r="CI530" i="9"/>
  <c r="CH530" i="9"/>
  <c r="CG530" i="9"/>
  <c r="CE530" i="9"/>
  <c r="CD530" i="9"/>
  <c r="BV530" i="9"/>
  <c r="CL529" i="9"/>
  <c r="CK529" i="9"/>
  <c r="CJ529" i="9"/>
  <c r="CI529" i="9"/>
  <c r="CH529" i="9"/>
  <c r="CG529" i="9"/>
  <c r="CF529" i="9"/>
  <c r="BV529" i="9"/>
  <c r="CL528" i="9"/>
  <c r="CJ528" i="9"/>
  <c r="CI528" i="9"/>
  <c r="CG528" i="9"/>
  <c r="CF528" i="9"/>
  <c r="CE528" i="9"/>
  <c r="CD528" i="9"/>
  <c r="CC528" i="9"/>
  <c r="CB528" i="9"/>
  <c r="CA528" i="9"/>
  <c r="BZ528" i="9"/>
  <c r="BY528" i="9"/>
  <c r="BX528" i="9"/>
  <c r="BW528" i="9"/>
  <c r="BV528" i="9"/>
  <c r="CL527" i="9"/>
  <c r="CJ527" i="9"/>
  <c r="CI527" i="9"/>
  <c r="CG527" i="9"/>
  <c r="CF527" i="9"/>
  <c r="CE527" i="9"/>
  <c r="CD527" i="9"/>
  <c r="CC527" i="9"/>
  <c r="CB527" i="9"/>
  <c r="CA527" i="9"/>
  <c r="BZ527" i="9"/>
  <c r="BY527" i="9"/>
  <c r="BX527" i="9"/>
  <c r="BW527" i="9"/>
  <c r="BV527" i="9"/>
  <c r="CL526" i="9"/>
  <c r="CK526" i="9"/>
  <c r="CJ526" i="9"/>
  <c r="CI526" i="9"/>
  <c r="CH526" i="9"/>
  <c r="CG526" i="9"/>
  <c r="CF526" i="9"/>
  <c r="CE526" i="9"/>
  <c r="CD526" i="9"/>
  <c r="BZ526" i="9"/>
  <c r="BY526" i="9"/>
  <c r="BX526" i="9"/>
  <c r="BW526" i="9"/>
  <c r="BV526" i="9"/>
  <c r="CL525" i="9"/>
  <c r="CK525" i="9"/>
  <c r="CH525" i="9"/>
  <c r="CE525" i="9"/>
  <c r="CD525" i="9"/>
  <c r="CC525" i="9"/>
  <c r="CB525" i="9"/>
  <c r="CA525" i="9"/>
  <c r="BZ525" i="9"/>
  <c r="BY525" i="9"/>
  <c r="BX525" i="9"/>
  <c r="BW525" i="9"/>
  <c r="CL524" i="9"/>
  <c r="CK524" i="9"/>
  <c r="CI524" i="9"/>
  <c r="CH524" i="9"/>
  <c r="CG524" i="9"/>
  <c r="CE524" i="9"/>
  <c r="CD524" i="9"/>
  <c r="BV524" i="9"/>
  <c r="CL523" i="9"/>
  <c r="CJ523" i="9"/>
  <c r="CI523" i="9"/>
  <c r="CG523" i="9"/>
  <c r="CF523" i="9"/>
  <c r="CE523" i="9"/>
  <c r="CD523" i="9"/>
  <c r="CC523" i="9"/>
  <c r="BV523" i="9"/>
  <c r="CL522" i="9"/>
  <c r="CK522" i="9"/>
  <c r="CJ522" i="9"/>
  <c r="CH522" i="9"/>
  <c r="CF522" i="9"/>
  <c r="CE522" i="9"/>
  <c r="CD522" i="9"/>
  <c r="CC522" i="9"/>
  <c r="CB522" i="9"/>
  <c r="CA522" i="9"/>
  <c r="BZ522" i="9"/>
  <c r="BY522" i="9"/>
  <c r="BX522" i="9"/>
  <c r="BW522" i="9"/>
  <c r="CL521" i="9"/>
  <c r="CK521" i="9"/>
  <c r="CI521" i="9"/>
  <c r="CH521" i="9"/>
  <c r="CG521" i="9"/>
  <c r="CF521" i="9"/>
  <c r="CE521" i="9"/>
  <c r="CD521" i="9"/>
  <c r="CC521" i="9"/>
  <c r="BV521" i="9"/>
  <c r="CL520" i="9"/>
  <c r="CK520" i="9"/>
  <c r="CI520" i="9"/>
  <c r="CH520" i="9"/>
  <c r="CG520" i="9"/>
  <c r="CF520" i="9"/>
  <c r="CE520" i="9"/>
  <c r="CD520" i="9"/>
  <c r="BV520" i="9"/>
  <c r="CL519" i="9"/>
  <c r="CK519" i="9"/>
  <c r="CI519" i="9"/>
  <c r="CH519" i="9"/>
  <c r="CG519" i="9"/>
  <c r="CE519" i="9"/>
  <c r="CD519" i="9"/>
  <c r="CC519" i="9"/>
  <c r="CB519" i="9"/>
  <c r="CA519" i="9"/>
  <c r="BV519" i="9"/>
  <c r="CL518" i="9"/>
  <c r="CK518" i="9"/>
  <c r="CJ518" i="9"/>
  <c r="CI518" i="9"/>
  <c r="CH518" i="9"/>
  <c r="CG518" i="9"/>
  <c r="CF518" i="9"/>
  <c r="CC518" i="9"/>
  <c r="BV518" i="9"/>
  <c r="CL517" i="9"/>
  <c r="CK517" i="9"/>
  <c r="CJ517" i="9"/>
  <c r="CI517" i="9"/>
  <c r="CH517" i="9"/>
  <c r="CG517" i="9"/>
  <c r="CF517" i="9"/>
  <c r="CE517" i="9"/>
  <c r="CC517" i="9"/>
  <c r="CB517" i="9"/>
  <c r="CA517" i="9"/>
  <c r="BV517" i="9"/>
  <c r="CL516" i="9"/>
  <c r="CK516" i="9"/>
  <c r="CH516" i="9"/>
  <c r="CG516" i="9"/>
  <c r="CF516" i="9"/>
  <c r="CE516" i="9"/>
  <c r="CD516" i="9"/>
  <c r="CC516" i="9"/>
  <c r="CB516" i="9"/>
  <c r="CA516" i="9"/>
  <c r="CL515" i="9"/>
  <c r="CK515" i="9"/>
  <c r="CH515" i="9"/>
  <c r="CF515" i="9"/>
  <c r="CE515" i="9"/>
  <c r="CD515" i="9"/>
  <c r="CC515" i="9"/>
  <c r="CB515" i="9"/>
  <c r="CA515" i="9"/>
  <c r="BZ515" i="9"/>
  <c r="CL514" i="9"/>
  <c r="CK514" i="9"/>
  <c r="CJ514" i="9"/>
  <c r="CI514" i="9"/>
  <c r="CH514" i="9"/>
  <c r="CG514" i="9"/>
  <c r="CF514" i="9"/>
  <c r="CE514" i="9"/>
  <c r="CD514" i="9"/>
  <c r="BV514" i="9"/>
  <c r="CL513" i="9"/>
  <c r="CK513" i="9"/>
  <c r="CJ513" i="9"/>
  <c r="CI513" i="9"/>
  <c r="CH513" i="9"/>
  <c r="CG513" i="9"/>
  <c r="CF513" i="9"/>
  <c r="CC513" i="9"/>
  <c r="CB513" i="9"/>
  <c r="CA513" i="9"/>
  <c r="BZ513" i="9"/>
  <c r="BW513" i="9"/>
  <c r="BV513" i="9"/>
  <c r="CL512" i="9"/>
  <c r="CK512" i="9"/>
  <c r="CH512" i="9"/>
  <c r="CG512" i="9"/>
  <c r="CE512" i="9"/>
  <c r="CD512" i="9"/>
  <c r="CL511" i="9"/>
  <c r="CI511" i="9"/>
  <c r="CG511" i="9"/>
  <c r="CF511" i="9"/>
  <c r="CE511" i="9"/>
  <c r="CD511" i="9"/>
  <c r="CC511" i="9"/>
  <c r="CB511" i="9"/>
  <c r="CA511" i="9"/>
  <c r="BV511" i="9"/>
  <c r="CA510" i="9"/>
  <c r="CB510" i="9"/>
  <c r="CC510" i="9"/>
  <c r="CD510" i="9"/>
  <c r="CE510" i="9"/>
  <c r="CF510" i="9"/>
  <c r="CG510" i="9"/>
  <c r="CI510" i="9"/>
  <c r="CL510" i="9"/>
  <c r="CM510" i="9"/>
  <c r="CN510" i="9"/>
  <c r="CO510" i="9"/>
  <c r="CP510" i="9"/>
  <c r="CQ510" i="9"/>
  <c r="CR510" i="9"/>
  <c r="CS510" i="9"/>
  <c r="CT510" i="9"/>
  <c r="CU510" i="9"/>
  <c r="CV510" i="9"/>
  <c r="CW510" i="9"/>
  <c r="CX510" i="9"/>
  <c r="CY510" i="9"/>
  <c r="CZ510" i="9"/>
  <c r="DA510" i="9"/>
  <c r="DB510" i="9"/>
  <c r="DC510" i="9"/>
  <c r="DD510" i="9"/>
  <c r="DE510" i="9"/>
  <c r="DF510" i="9"/>
  <c r="DG510" i="9"/>
  <c r="DH510" i="9"/>
  <c r="DI510" i="9"/>
  <c r="DK510" i="9"/>
  <c r="BV510" i="9"/>
  <c r="X511" i="9"/>
  <c r="X512" i="9"/>
  <c r="W512" i="9" s="1"/>
  <c r="X513" i="9"/>
  <c r="W513" i="9" s="1"/>
  <c r="X514" i="9"/>
  <c r="W514" i="9" s="1"/>
  <c r="X515" i="9"/>
  <c r="X516" i="9"/>
  <c r="W516" i="9" s="1"/>
  <c r="X517" i="9"/>
  <c r="W517" i="9" s="1"/>
  <c r="X518" i="9"/>
  <c r="W518" i="9" s="1"/>
  <c r="X519" i="9"/>
  <c r="X520" i="9"/>
  <c r="W520" i="9" s="1"/>
  <c r="X521" i="9"/>
  <c r="W521" i="9" s="1"/>
  <c r="X522" i="9"/>
  <c r="W522" i="9" s="1"/>
  <c r="X523" i="9"/>
  <c r="X524" i="9"/>
  <c r="W524" i="9" s="1"/>
  <c r="X525" i="9"/>
  <c r="W525" i="9" s="1"/>
  <c r="X526" i="9"/>
  <c r="W526" i="9" s="1"/>
  <c r="X527" i="9"/>
  <c r="X528" i="9"/>
  <c r="W528" i="9" s="1"/>
  <c r="X529" i="9"/>
  <c r="W529" i="9" s="1"/>
  <c r="X530" i="9"/>
  <c r="W530" i="9" s="1"/>
  <c r="X531" i="9"/>
  <c r="X532" i="9"/>
  <c r="W532" i="9" s="1"/>
  <c r="X533" i="9"/>
  <c r="W533" i="9" s="1"/>
  <c r="X534" i="9"/>
  <c r="W534" i="9" s="1"/>
  <c r="X535" i="9"/>
  <c r="W535" i="9" s="1"/>
  <c r="X536" i="9"/>
  <c r="W536" i="9" s="1"/>
  <c r="X537" i="9"/>
  <c r="W537" i="9" s="1"/>
  <c r="X538" i="9"/>
  <c r="X539" i="9"/>
  <c r="W539" i="9" s="1"/>
  <c r="X540" i="9"/>
  <c r="W540" i="9" s="1"/>
  <c r="X541" i="9"/>
  <c r="W541" i="9" s="1"/>
  <c r="X542" i="9"/>
  <c r="X543" i="9"/>
  <c r="W543" i="9" s="1"/>
  <c r="X510" i="9"/>
  <c r="W510" i="9" s="1"/>
  <c r="X490" i="9"/>
  <c r="I490" i="9"/>
  <c r="W490" i="9" l="1"/>
  <c r="DP490" i="9"/>
  <c r="DK490" i="9"/>
  <c r="BT538" i="9"/>
  <c r="CA538" i="9" s="1"/>
  <c r="BT531" i="9"/>
  <c r="CA531" i="9" s="1"/>
  <c r="BT523" i="9"/>
  <c r="CA523" i="9" s="1"/>
  <c r="BT515" i="9"/>
  <c r="CI515" i="9" s="1"/>
  <c r="BT542" i="9"/>
  <c r="BY542" i="9" s="1"/>
  <c r="BT527" i="9"/>
  <c r="DK527" i="9" s="1"/>
  <c r="BT519" i="9"/>
  <c r="BW519" i="9" s="1"/>
  <c r="BT511" i="9"/>
  <c r="BW511" i="9" s="1"/>
  <c r="BT536" i="9"/>
  <c r="CJ536" i="9" s="1"/>
  <c r="BT541" i="9"/>
  <c r="CC541" i="9" s="1"/>
  <c r="BT534" i="9"/>
  <c r="BY534" i="9" s="1"/>
  <c r="BT526" i="9"/>
  <c r="CB526" i="9" s="1"/>
  <c r="BT518" i="9"/>
  <c r="CE518" i="9" s="1"/>
  <c r="W538" i="9"/>
  <c r="W531" i="9"/>
  <c r="W523" i="9"/>
  <c r="W515" i="9"/>
  <c r="BT510" i="9"/>
  <c r="CH510" i="9" s="1"/>
  <c r="BT528" i="9"/>
  <c r="CK528" i="9" s="1"/>
  <c r="BT520" i="9"/>
  <c r="CC520" i="9" s="1"/>
  <c r="BT512" i="9"/>
  <c r="BV512" i="9" s="1"/>
  <c r="BT521" i="9"/>
  <c r="CJ521" i="9" s="1"/>
  <c r="W542" i="9"/>
  <c r="W527" i="9"/>
  <c r="W519" i="9"/>
  <c r="W511" i="9"/>
  <c r="BT529" i="9"/>
  <c r="BT540" i="9"/>
  <c r="BT533" i="9"/>
  <c r="BT525" i="9"/>
  <c r="BT517" i="9"/>
  <c r="BT543" i="9"/>
  <c r="BT535" i="9"/>
  <c r="BT537" i="9"/>
  <c r="BT530" i="9"/>
  <c r="BT522" i="9"/>
  <c r="BT514" i="9"/>
  <c r="BT539" i="9"/>
  <c r="BT532" i="9"/>
  <c r="BT524" i="9"/>
  <c r="BT516" i="9"/>
  <c r="BT513" i="9"/>
  <c r="DN20" i="9"/>
  <c r="DN21" i="9"/>
  <c r="DN22" i="9"/>
  <c r="DN16" i="9"/>
  <c r="DN17" i="9"/>
  <c r="DN18" i="9"/>
  <c r="DN7" i="9"/>
  <c r="DN8" i="9"/>
  <c r="DN9" i="9"/>
  <c r="DN26" i="9"/>
  <c r="DN27" i="9"/>
  <c r="DN28" i="9"/>
  <c r="DN29" i="9"/>
  <c r="DN30" i="9"/>
  <c r="DN36" i="9"/>
  <c r="DN37" i="9"/>
  <c r="DN38" i="9"/>
  <c r="DN39" i="9"/>
  <c r="DN40" i="9"/>
  <c r="DN41" i="9"/>
  <c r="DN122" i="9"/>
  <c r="DN123" i="9"/>
  <c r="DN124" i="9"/>
  <c r="DN125" i="9"/>
  <c r="DN126" i="9"/>
  <c r="DN127" i="9"/>
  <c r="DN128" i="9"/>
  <c r="DN129" i="9"/>
  <c r="DN130" i="9"/>
  <c r="DN131" i="9"/>
  <c r="DN132" i="9"/>
  <c r="DN133" i="9"/>
  <c r="DN134" i="9"/>
  <c r="DN135" i="9"/>
  <c r="DN136" i="9"/>
  <c r="DN137" i="9"/>
  <c r="DN138" i="9"/>
  <c r="DN150" i="9"/>
  <c r="DN151" i="9"/>
  <c r="DN152" i="9"/>
  <c r="DN153" i="9"/>
  <c r="DN154" i="9"/>
  <c r="DN155" i="9"/>
  <c r="DN156" i="9"/>
  <c r="DN157" i="9"/>
  <c r="DN158" i="9"/>
  <c r="DN142" i="9"/>
  <c r="DN143" i="9"/>
  <c r="DN144" i="9"/>
  <c r="DN145" i="9"/>
  <c r="DN146" i="9"/>
  <c r="DN147" i="9"/>
  <c r="DN148" i="9"/>
  <c r="DN149" i="9"/>
  <c r="DN74" i="9"/>
  <c r="DN75" i="9"/>
  <c r="DN76" i="9"/>
  <c r="DN77" i="9"/>
  <c r="DN78" i="9"/>
  <c r="DN79" i="9"/>
  <c r="DN80" i="9"/>
  <c r="DN81" i="9"/>
  <c r="DN82" i="9"/>
  <c r="DN83" i="9"/>
  <c r="DN84" i="9"/>
  <c r="DN85" i="9"/>
  <c r="DN86" i="9"/>
  <c r="DN87" i="9"/>
  <c r="DN88" i="9"/>
  <c r="DN89" i="9"/>
  <c r="DN90" i="9"/>
  <c r="DN91" i="9"/>
  <c r="DN92" i="9"/>
  <c r="DN93" i="9"/>
  <c r="DN94" i="9"/>
  <c r="DN95" i="9"/>
  <c r="DN96" i="9"/>
  <c r="DN97" i="9"/>
  <c r="DN98" i="9"/>
  <c r="DN99" i="9"/>
  <c r="DN100" i="9"/>
  <c r="DN101" i="9"/>
  <c r="DN102" i="9"/>
  <c r="DN103" i="9"/>
  <c r="DN104" i="9"/>
  <c r="DN105" i="9"/>
  <c r="DN110" i="9"/>
  <c r="DN111" i="9"/>
  <c r="DN112" i="9"/>
  <c r="DN113" i="9"/>
  <c r="DN114" i="9"/>
  <c r="DN115" i="9"/>
  <c r="DN116" i="9"/>
  <c r="DN117" i="9"/>
  <c r="DN118" i="9"/>
  <c r="DN162" i="9"/>
  <c r="DN163" i="9"/>
  <c r="DN164" i="9"/>
  <c r="DN165" i="9"/>
  <c r="DN166" i="9"/>
  <c r="DN167" i="9"/>
  <c r="DN168" i="9"/>
  <c r="DN169" i="9"/>
  <c r="DN170" i="9"/>
  <c r="DN171" i="9"/>
  <c r="DN172" i="9"/>
  <c r="DN173" i="9"/>
  <c r="DN174" i="9"/>
  <c r="DN175" i="9"/>
  <c r="DN176" i="9"/>
  <c r="DN177" i="9"/>
  <c r="DN178" i="9"/>
  <c r="DN106" i="9"/>
  <c r="DN107" i="9"/>
  <c r="DN108" i="9"/>
  <c r="DN109" i="9"/>
  <c r="DN182" i="9"/>
  <c r="DN183" i="9"/>
  <c r="DN184" i="9"/>
  <c r="DN185" i="9"/>
  <c r="DN186" i="9"/>
  <c r="DN187" i="9"/>
  <c r="DN188" i="9"/>
  <c r="DN189" i="9"/>
  <c r="DN190" i="9"/>
  <c r="DN191" i="9"/>
  <c r="DN192" i="9"/>
  <c r="DN193" i="9"/>
  <c r="DN194" i="9"/>
  <c r="DN195" i="9"/>
  <c r="DN196" i="9"/>
  <c r="DN197" i="9"/>
  <c r="DN198" i="9"/>
  <c r="DN59" i="9"/>
  <c r="DN60" i="9"/>
  <c r="DN61" i="9"/>
  <c r="DN62" i="9"/>
  <c r="DN63" i="9"/>
  <c r="DN64" i="9"/>
  <c r="DN65" i="9"/>
  <c r="DN66" i="9"/>
  <c r="DN67" i="9"/>
  <c r="DN68" i="9"/>
  <c r="DN69" i="9"/>
  <c r="DN70" i="9"/>
  <c r="DN71" i="9"/>
  <c r="DN72" i="9"/>
  <c r="DN56" i="9"/>
  <c r="DN57" i="9"/>
  <c r="DN58" i="9"/>
  <c r="DM119" i="9"/>
  <c r="DM120" i="9"/>
  <c r="DM121" i="9"/>
  <c r="DM139" i="9"/>
  <c r="DM140" i="9"/>
  <c r="DM141" i="9"/>
  <c r="DM159" i="9"/>
  <c r="DM160" i="9"/>
  <c r="DM161" i="9"/>
  <c r="DM179" i="9"/>
  <c r="DM180" i="9"/>
  <c r="DM181" i="9"/>
  <c r="DN212" i="9"/>
  <c r="DN213" i="9"/>
  <c r="DN214" i="9"/>
  <c r="DN215" i="9"/>
  <c r="DN216" i="9"/>
  <c r="DN202" i="9"/>
  <c r="DN203" i="9"/>
  <c r="DN204" i="9"/>
  <c r="DM206" i="9"/>
  <c r="DN206" i="9"/>
  <c r="DN269" i="9"/>
  <c r="DN270" i="9"/>
  <c r="DN260" i="9"/>
  <c r="DN262" i="9"/>
  <c r="DN264" i="9"/>
  <c r="DN266" i="9"/>
  <c r="DM267" i="9"/>
  <c r="DN267" i="9"/>
  <c r="DN268" i="9"/>
  <c r="DN290" i="9"/>
  <c r="DN544" i="9"/>
  <c r="DN549" i="9"/>
  <c r="DN550" i="9"/>
  <c r="DN546" i="9"/>
  <c r="DN545" i="9"/>
  <c r="DN547" i="9"/>
  <c r="DN548" i="9"/>
  <c r="DN19" i="9"/>
  <c r="BS4" i="9"/>
  <c r="BT212" i="9"/>
  <c r="BT213" i="9"/>
  <c r="BT214" i="9"/>
  <c r="BT215" i="9"/>
  <c r="BT216" i="9"/>
  <c r="BT209" i="9"/>
  <c r="BT210" i="9"/>
  <c r="BT211" i="9"/>
  <c r="BT258" i="9"/>
  <c r="BT322" i="9"/>
  <c r="BT325" i="9"/>
  <c r="BT326" i="9"/>
  <c r="BT493" i="9"/>
  <c r="BT499" i="9"/>
  <c r="BT500" i="9"/>
  <c r="BT502" i="9"/>
  <c r="BT503" i="9"/>
  <c r="BT504" i="9"/>
  <c r="BT505" i="9"/>
  <c r="BT509" i="9"/>
  <c r="BT552" i="9"/>
  <c r="BT553" i="9"/>
  <c r="CM205" i="9"/>
  <c r="CN205" i="9"/>
  <c r="CO205" i="9"/>
  <c r="CP205" i="9"/>
  <c r="CQ205" i="9"/>
  <c r="CR205" i="9"/>
  <c r="CS205" i="9"/>
  <c r="CT205" i="9"/>
  <c r="CU205" i="9"/>
  <c r="CV205" i="9"/>
  <c r="CW205" i="9"/>
  <c r="CX205" i="9"/>
  <c r="CY205" i="9"/>
  <c r="CZ205" i="9"/>
  <c r="DA205" i="9"/>
  <c r="DB205" i="9"/>
  <c r="DC205" i="9"/>
  <c r="DD205" i="9"/>
  <c r="DE205" i="9"/>
  <c r="DF205" i="9"/>
  <c r="DG205" i="9"/>
  <c r="DH205" i="9"/>
  <c r="DL205" i="9"/>
  <c r="DP365" i="9"/>
  <c r="DP364" i="9"/>
  <c r="DP363" i="9"/>
  <c r="DP362" i="9"/>
  <c r="DP361" i="9"/>
  <c r="DP360" i="9"/>
  <c r="DP359" i="9"/>
  <c r="DP358" i="9"/>
  <c r="DP357" i="9"/>
  <c r="DP356" i="9"/>
  <c r="DP355" i="9"/>
  <c r="DP354" i="9"/>
  <c r="DP353" i="9"/>
  <c r="DP352" i="9"/>
  <c r="DP453" i="9"/>
  <c r="DP452" i="9"/>
  <c r="DP428" i="9"/>
  <c r="DP427" i="9"/>
  <c r="DP426" i="9"/>
  <c r="DP425" i="9"/>
  <c r="DP424" i="9"/>
  <c r="DP423" i="9"/>
  <c r="DP422" i="9"/>
  <c r="DP421" i="9"/>
  <c r="DP420" i="9"/>
  <c r="DP414" i="9"/>
  <c r="DP389" i="9"/>
  <c r="DP388" i="9"/>
  <c r="DP387" i="9"/>
  <c r="DP386" i="9"/>
  <c r="DP331" i="9"/>
  <c r="DP278" i="9"/>
  <c r="DP328" i="9"/>
  <c r="DP327" i="9"/>
  <c r="DP277" i="9"/>
  <c r="DP321" i="9"/>
  <c r="DP319" i="9"/>
  <c r="DP311" i="9"/>
  <c r="DP305" i="9"/>
  <c r="DP304" i="9"/>
  <c r="DP303" i="9"/>
  <c r="DP302" i="9"/>
  <c r="DP301" i="9"/>
  <c r="DP300" i="9"/>
  <c r="DP299" i="9"/>
  <c r="DP290" i="9"/>
  <c r="DP288" i="9"/>
  <c r="DP287" i="9"/>
  <c r="DP286" i="9"/>
  <c r="DP478" i="9"/>
  <c r="DP477" i="9"/>
  <c r="DP474" i="9"/>
  <c r="DP473" i="9"/>
  <c r="DP482" i="9"/>
  <c r="DP472" i="9"/>
  <c r="DP270" i="9"/>
  <c r="DP269" i="9"/>
  <c r="DP268" i="9"/>
  <c r="DP267" i="9"/>
  <c r="DP266" i="9"/>
  <c r="DP264" i="9"/>
  <c r="DP262" i="9"/>
  <c r="DP260" i="9"/>
  <c r="DP211" i="9"/>
  <c r="DP210" i="9"/>
  <c r="DP206" i="9"/>
  <c r="DP208" i="9"/>
  <c r="DP207" i="9"/>
  <c r="DP216" i="9"/>
  <c r="DP215" i="9"/>
  <c r="DP214" i="9"/>
  <c r="DP213" i="9"/>
  <c r="DP212" i="9"/>
  <c r="DP203" i="9"/>
  <c r="DP202" i="9"/>
  <c r="DP204" i="9"/>
  <c r="DP71" i="9"/>
  <c r="DP70" i="9"/>
  <c r="DP69" i="9"/>
  <c r="DP68" i="9"/>
  <c r="DP67" i="9"/>
  <c r="DP66" i="9"/>
  <c r="DP65" i="9"/>
  <c r="DP64" i="9"/>
  <c r="DP63" i="9"/>
  <c r="DP62" i="9"/>
  <c r="DP61" i="9"/>
  <c r="DP60" i="9"/>
  <c r="DP57" i="9"/>
  <c r="DP59" i="9"/>
  <c r="DP58" i="9"/>
  <c r="DP56" i="9"/>
  <c r="DP72" i="9"/>
  <c r="DP73" i="9"/>
  <c r="DP181" i="9"/>
  <c r="DP180" i="9"/>
  <c r="DP179" i="9"/>
  <c r="DP198" i="9"/>
  <c r="DP197" i="9"/>
  <c r="DP196" i="9"/>
  <c r="DP195" i="9"/>
  <c r="DP194" i="9"/>
  <c r="DP193" i="9"/>
  <c r="DP192" i="9"/>
  <c r="DP191" i="9"/>
  <c r="DP190" i="9"/>
  <c r="DP189" i="9"/>
  <c r="DP188" i="9"/>
  <c r="DP187" i="9"/>
  <c r="DP186" i="9"/>
  <c r="DP185" i="9"/>
  <c r="DP184" i="9"/>
  <c r="DP183" i="9"/>
  <c r="DP182" i="9"/>
  <c r="DP108" i="9"/>
  <c r="DP107" i="9"/>
  <c r="DP109" i="9"/>
  <c r="DP106" i="9"/>
  <c r="DP161" i="9"/>
  <c r="DP160" i="9"/>
  <c r="DP159" i="9"/>
  <c r="DP178" i="9"/>
  <c r="DP177" i="9"/>
  <c r="DP176" i="9"/>
  <c r="DP175" i="9"/>
  <c r="DP174" i="9"/>
  <c r="DP173" i="9"/>
  <c r="DP172" i="9"/>
  <c r="DP171" i="9"/>
  <c r="DP170" i="9"/>
  <c r="DP169" i="9"/>
  <c r="DP168" i="9"/>
  <c r="DP167" i="9"/>
  <c r="DP166" i="9"/>
  <c r="DP165" i="9"/>
  <c r="DP164" i="9"/>
  <c r="DP163" i="9"/>
  <c r="DP162" i="9"/>
  <c r="DP117" i="9"/>
  <c r="DP116" i="9"/>
  <c r="DP115" i="9"/>
  <c r="DP113" i="9"/>
  <c r="DP114" i="9"/>
  <c r="DP118" i="9"/>
  <c r="DP112" i="9"/>
  <c r="DP111" i="9"/>
  <c r="DP110" i="9"/>
  <c r="DP105" i="9"/>
  <c r="DP104" i="9"/>
  <c r="DP103" i="9"/>
  <c r="DP102" i="9"/>
  <c r="DP101" i="9"/>
  <c r="DP99" i="9"/>
  <c r="DP100" i="9"/>
  <c r="DP98" i="9"/>
  <c r="DP97" i="9"/>
  <c r="DP96" i="9"/>
  <c r="DP95" i="9"/>
  <c r="DP94" i="9"/>
  <c r="DP92" i="9"/>
  <c r="DP93" i="9"/>
  <c r="DP91" i="9"/>
  <c r="DP90" i="9"/>
  <c r="DP89" i="9"/>
  <c r="DP88" i="9"/>
  <c r="DP87" i="9"/>
  <c r="DP86" i="9"/>
  <c r="DP85" i="9"/>
  <c r="DP83" i="9"/>
  <c r="DP84" i="9"/>
  <c r="DP82" i="9"/>
  <c r="DP81" i="9"/>
  <c r="DP80" i="9"/>
  <c r="DP79" i="9"/>
  <c r="DP78" i="9"/>
  <c r="DP75" i="9"/>
  <c r="DP77" i="9"/>
  <c r="DP76" i="9"/>
  <c r="DP74" i="9"/>
  <c r="DP141" i="9"/>
  <c r="DP140" i="9"/>
  <c r="DP139" i="9"/>
  <c r="DP158" i="9"/>
  <c r="DP157" i="9"/>
  <c r="DP156" i="9"/>
  <c r="DP155" i="9"/>
  <c r="DP154" i="9"/>
  <c r="DP153" i="9"/>
  <c r="DP152" i="9"/>
  <c r="DP151" i="9"/>
  <c r="DP150" i="9"/>
  <c r="DP149" i="9"/>
  <c r="DP148" i="9"/>
  <c r="DP147" i="9"/>
  <c r="DP146" i="9"/>
  <c r="DP145" i="9"/>
  <c r="DP144" i="9"/>
  <c r="DP143" i="9"/>
  <c r="DP142" i="9"/>
  <c r="DP121" i="9"/>
  <c r="DP120" i="9"/>
  <c r="DP119" i="9"/>
  <c r="DP138" i="9"/>
  <c r="DP137" i="9"/>
  <c r="DP136" i="9"/>
  <c r="DP135" i="9"/>
  <c r="DP134" i="9"/>
  <c r="DP133" i="9"/>
  <c r="DP131" i="9"/>
  <c r="DP132" i="9"/>
  <c r="DP130" i="9"/>
  <c r="DP129" i="9"/>
  <c r="DP128" i="9"/>
  <c r="DP127" i="9"/>
  <c r="DP126" i="9"/>
  <c r="DP123" i="9"/>
  <c r="DP125" i="9"/>
  <c r="DP124" i="9"/>
  <c r="DP122" i="9"/>
  <c r="DP550" i="9"/>
  <c r="DP549" i="9"/>
  <c r="DP548" i="9"/>
  <c r="DP547" i="9"/>
  <c r="DP546" i="9"/>
  <c r="DP545" i="9"/>
  <c r="DP544" i="9"/>
  <c r="DP41" i="9"/>
  <c r="DP40" i="9"/>
  <c r="DP25" i="9"/>
  <c r="DP24" i="9"/>
  <c r="DP39" i="9"/>
  <c r="DP38" i="9"/>
  <c r="DP46" i="9"/>
  <c r="DP27" i="9"/>
  <c r="DP26" i="9"/>
  <c r="DP29" i="9"/>
  <c r="DP28" i="9"/>
  <c r="DP30" i="9"/>
  <c r="DP37" i="9"/>
  <c r="DP36" i="9"/>
  <c r="DP35" i="9"/>
  <c r="DP34" i="9"/>
  <c r="DP33" i="9"/>
  <c r="DP32" i="9"/>
  <c r="DP6" i="9"/>
  <c r="DP5" i="9"/>
  <c r="DP4" i="9"/>
  <c r="DP9" i="9"/>
  <c r="DP8" i="9"/>
  <c r="DP7" i="9"/>
  <c r="DP15" i="9"/>
  <c r="DP14" i="9"/>
  <c r="DP13" i="9"/>
  <c r="DP18" i="9"/>
  <c r="DP17" i="9"/>
  <c r="DP16" i="9"/>
  <c r="DP22" i="9"/>
  <c r="DP21" i="9"/>
  <c r="DP20" i="9"/>
  <c r="DP19" i="9"/>
  <c r="DO365" i="9"/>
  <c r="DO364" i="9"/>
  <c r="DO363" i="9"/>
  <c r="DO362" i="9"/>
  <c r="DO361" i="9"/>
  <c r="DO360" i="9"/>
  <c r="DO359" i="9"/>
  <c r="DO358" i="9"/>
  <c r="DO357" i="9"/>
  <c r="DO356" i="9"/>
  <c r="DO355" i="9"/>
  <c r="DO354" i="9"/>
  <c r="DO353" i="9"/>
  <c r="DO352" i="9"/>
  <c r="DO453" i="9"/>
  <c r="DO452" i="9"/>
  <c r="DO428" i="9"/>
  <c r="DO427" i="9"/>
  <c r="DO426" i="9"/>
  <c r="DO425" i="9"/>
  <c r="DO424" i="9"/>
  <c r="DO423" i="9"/>
  <c r="DO422" i="9"/>
  <c r="DO421" i="9"/>
  <c r="DO420" i="9"/>
  <c r="DO414" i="9"/>
  <c r="DO389" i="9"/>
  <c r="DO388" i="9"/>
  <c r="DO387" i="9"/>
  <c r="DO386" i="9"/>
  <c r="DO331" i="9"/>
  <c r="DO278" i="9"/>
  <c r="DO328" i="9"/>
  <c r="DO327" i="9"/>
  <c r="DO277" i="9"/>
  <c r="DO321" i="9"/>
  <c r="DO305" i="9"/>
  <c r="DO304" i="9"/>
  <c r="DO303" i="9"/>
  <c r="DO302" i="9"/>
  <c r="DO301" i="9"/>
  <c r="DO300" i="9"/>
  <c r="DO288" i="9"/>
  <c r="DO287" i="9"/>
  <c r="DO286" i="9"/>
  <c r="DO478" i="9"/>
  <c r="DO477" i="9"/>
  <c r="DO474" i="9"/>
  <c r="DO473" i="9"/>
  <c r="DO482" i="9"/>
  <c r="DO472" i="9"/>
  <c r="DO181" i="9"/>
  <c r="DO180" i="9"/>
  <c r="DO179" i="9"/>
  <c r="DO161" i="9"/>
  <c r="DO160" i="9"/>
  <c r="DO159" i="9"/>
  <c r="DO141" i="9"/>
  <c r="DO140" i="9"/>
  <c r="DO139" i="9"/>
  <c r="DO121" i="9"/>
  <c r="DO120" i="9"/>
  <c r="DO119" i="9"/>
  <c r="BW285" i="9"/>
  <c r="BX285" i="9"/>
  <c r="BY285" i="9"/>
  <c r="BZ285" i="9"/>
  <c r="CA285" i="9"/>
  <c r="CB285" i="9"/>
  <c r="CC285" i="9"/>
  <c r="CD285" i="9"/>
  <c r="CE285" i="9"/>
  <c r="CF285" i="9"/>
  <c r="CG285" i="9"/>
  <c r="CH285" i="9"/>
  <c r="CI285" i="9"/>
  <c r="CJ285" i="9"/>
  <c r="CK285" i="9"/>
  <c r="CL285" i="9"/>
  <c r="CM285" i="9"/>
  <c r="CN285" i="9"/>
  <c r="CO285" i="9"/>
  <c r="CP285" i="9"/>
  <c r="CQ285" i="9"/>
  <c r="CR285" i="9"/>
  <c r="CS285" i="9"/>
  <c r="CT285" i="9"/>
  <c r="CU285" i="9"/>
  <c r="CV285" i="9"/>
  <c r="CW285" i="9"/>
  <c r="CX285" i="9"/>
  <c r="CY285" i="9"/>
  <c r="CZ285" i="9"/>
  <c r="DA285" i="9"/>
  <c r="DB285" i="9"/>
  <c r="DC285" i="9"/>
  <c r="DD285" i="9"/>
  <c r="DE285" i="9"/>
  <c r="DF285" i="9"/>
  <c r="DG285" i="9"/>
  <c r="DH285" i="9"/>
  <c r="DI285" i="9"/>
  <c r="DJ285" i="9"/>
  <c r="DK285" i="9"/>
  <c r="BW54" i="9"/>
  <c r="BX54" i="9"/>
  <c r="BY54" i="9"/>
  <c r="BZ54" i="9"/>
  <c r="CA54" i="9"/>
  <c r="CB54" i="9"/>
  <c r="CC54" i="9"/>
  <c r="CD54" i="9"/>
  <c r="CE54" i="9"/>
  <c r="CF54" i="9"/>
  <c r="CG54" i="9"/>
  <c r="CH54" i="9"/>
  <c r="CI54" i="9"/>
  <c r="CJ54" i="9"/>
  <c r="CK54" i="9"/>
  <c r="CL54" i="9"/>
  <c r="CM54" i="9"/>
  <c r="CN54" i="9"/>
  <c r="CO54" i="9"/>
  <c r="CP54" i="9"/>
  <c r="CQ54" i="9"/>
  <c r="CR54" i="9"/>
  <c r="CS54" i="9"/>
  <c r="CT54" i="9"/>
  <c r="CU54" i="9"/>
  <c r="CV54" i="9"/>
  <c r="CW54" i="9"/>
  <c r="CX54" i="9"/>
  <c r="CY54" i="9"/>
  <c r="CZ54" i="9"/>
  <c r="DA54" i="9"/>
  <c r="DB54" i="9"/>
  <c r="DC54" i="9"/>
  <c r="DD54" i="9"/>
  <c r="DE54" i="9"/>
  <c r="DF54" i="9"/>
  <c r="DG54" i="9"/>
  <c r="DH54" i="9"/>
  <c r="DI54" i="9"/>
  <c r="DJ54" i="9"/>
  <c r="DL54" i="9"/>
  <c r="DL475" i="9"/>
  <c r="DK475" i="9"/>
  <c r="DJ475" i="9"/>
  <c r="DH475" i="9"/>
  <c r="DG475" i="9"/>
  <c r="DF475" i="9"/>
  <c r="DE475" i="9"/>
  <c r="DD475" i="9"/>
  <c r="DC475" i="9"/>
  <c r="DB475" i="9"/>
  <c r="DA475" i="9"/>
  <c r="CZ475" i="9"/>
  <c r="CY475" i="9"/>
  <c r="CX475" i="9"/>
  <c r="CW475" i="9"/>
  <c r="CV475" i="9"/>
  <c r="CU475" i="9"/>
  <c r="CT475" i="9"/>
  <c r="CS475" i="9"/>
  <c r="CR475" i="9"/>
  <c r="CQ475" i="9"/>
  <c r="CP475" i="9"/>
  <c r="CO475" i="9"/>
  <c r="CN475" i="9"/>
  <c r="CM475" i="9"/>
  <c r="CL475" i="9"/>
  <c r="CK475" i="9"/>
  <c r="CJ475" i="9"/>
  <c r="CI475" i="9"/>
  <c r="CH475" i="9"/>
  <c r="CG475" i="9"/>
  <c r="CF475" i="9"/>
  <c r="CE475" i="9"/>
  <c r="CD475" i="9"/>
  <c r="CC475" i="9"/>
  <c r="CB475" i="9"/>
  <c r="CA475" i="9"/>
  <c r="BZ475" i="9"/>
  <c r="BY475" i="9"/>
  <c r="BX475" i="9"/>
  <c r="BW475" i="9"/>
  <c r="DL209" i="9"/>
  <c r="DK209" i="9"/>
  <c r="DJ209" i="9"/>
  <c r="DH209" i="9"/>
  <c r="DG209" i="9"/>
  <c r="DF209" i="9"/>
  <c r="DE209" i="9"/>
  <c r="DD209" i="9"/>
  <c r="DC209" i="9"/>
  <c r="DB209" i="9"/>
  <c r="DA209" i="9"/>
  <c r="CZ209" i="9"/>
  <c r="CY209" i="9"/>
  <c r="CX209" i="9"/>
  <c r="CW209" i="9"/>
  <c r="CV209" i="9"/>
  <c r="CU209" i="9"/>
  <c r="CT209" i="9"/>
  <c r="CS209" i="9"/>
  <c r="CR209" i="9"/>
  <c r="CQ209" i="9"/>
  <c r="CP209" i="9"/>
  <c r="CO209" i="9"/>
  <c r="CN209" i="9"/>
  <c r="CM209" i="9"/>
  <c r="CL209" i="9"/>
  <c r="CK209" i="9"/>
  <c r="CJ209" i="9"/>
  <c r="CI209" i="9"/>
  <c r="CH209" i="9"/>
  <c r="CG209" i="9"/>
  <c r="CF209" i="9"/>
  <c r="CE209" i="9"/>
  <c r="CD209" i="9"/>
  <c r="CC209" i="9"/>
  <c r="CB209" i="9"/>
  <c r="CA209" i="9"/>
  <c r="BZ209" i="9"/>
  <c r="BY209" i="9"/>
  <c r="BX209" i="9"/>
  <c r="BW209" i="9"/>
  <c r="BX23" i="9"/>
  <c r="BY23" i="9"/>
  <c r="BZ23" i="9"/>
  <c r="CA23" i="9"/>
  <c r="CB23" i="9"/>
  <c r="CC23" i="9"/>
  <c r="CD23" i="9"/>
  <c r="CE23" i="9"/>
  <c r="CF23" i="9"/>
  <c r="CG23" i="9"/>
  <c r="CH23" i="9"/>
  <c r="CI23" i="9"/>
  <c r="CJ23" i="9"/>
  <c r="CK23" i="9"/>
  <c r="CL23" i="9"/>
  <c r="CM23" i="9"/>
  <c r="CN23" i="9"/>
  <c r="CO23" i="9"/>
  <c r="CP23" i="9"/>
  <c r="CQ23" i="9"/>
  <c r="CR23" i="9"/>
  <c r="CS23" i="9"/>
  <c r="CT23" i="9"/>
  <c r="CU23" i="9"/>
  <c r="CV23" i="9"/>
  <c r="CW23" i="9"/>
  <c r="CX23" i="9"/>
  <c r="CY23" i="9"/>
  <c r="CZ23" i="9"/>
  <c r="DA23" i="9"/>
  <c r="DB23" i="9"/>
  <c r="DC23" i="9"/>
  <c r="DD23" i="9"/>
  <c r="DE23" i="9"/>
  <c r="DF23" i="9"/>
  <c r="DG23" i="9"/>
  <c r="DH23" i="9"/>
  <c r="DJ23" i="9"/>
  <c r="DK23" i="9"/>
  <c r="DL23" i="9"/>
  <c r="CM10" i="9"/>
  <c r="CN10" i="9"/>
  <c r="CO10" i="9"/>
  <c r="CP10" i="9"/>
  <c r="CQ10" i="9"/>
  <c r="CR10" i="9"/>
  <c r="CS10" i="9"/>
  <c r="CT10" i="9"/>
  <c r="CU10" i="9"/>
  <c r="CV10" i="9"/>
  <c r="CW10" i="9"/>
  <c r="CX10" i="9"/>
  <c r="CY10" i="9"/>
  <c r="CZ10" i="9"/>
  <c r="DA10" i="9"/>
  <c r="DB10" i="9"/>
  <c r="DC10" i="9"/>
  <c r="DD10" i="9"/>
  <c r="DE10" i="9"/>
  <c r="DF10" i="9"/>
  <c r="DG10" i="9"/>
  <c r="DH10" i="9"/>
  <c r="DI10" i="9"/>
  <c r="DJ10" i="9"/>
  <c r="DK10" i="9"/>
  <c r="DL10" i="9"/>
  <c r="W546" i="9"/>
  <c r="W217" i="9"/>
  <c r="CL204" i="9"/>
  <c r="CI204" i="9"/>
  <c r="CG204" i="9"/>
  <c r="CM500" i="9"/>
  <c r="CN500" i="9"/>
  <c r="CO500" i="9"/>
  <c r="CP500" i="9"/>
  <c r="CQ500" i="9"/>
  <c r="CR500" i="9"/>
  <c r="CS500" i="9"/>
  <c r="CT500" i="9"/>
  <c r="CU500" i="9"/>
  <c r="CV500" i="9"/>
  <c r="CW500" i="9"/>
  <c r="CX500" i="9"/>
  <c r="CY500" i="9"/>
  <c r="CZ500" i="9"/>
  <c r="DA500" i="9"/>
  <c r="DB500" i="9"/>
  <c r="DC500" i="9"/>
  <c r="DD500" i="9"/>
  <c r="DE500" i="9"/>
  <c r="DF500" i="9"/>
  <c r="DG500" i="9"/>
  <c r="DH500" i="9"/>
  <c r="DJ207" i="9"/>
  <c r="DK207" i="9"/>
  <c r="DI207" i="9"/>
  <c r="BW207" i="9"/>
  <c r="BX207" i="9"/>
  <c r="BY207" i="9"/>
  <c r="BZ207" i="9"/>
  <c r="CA207" i="9"/>
  <c r="CB207" i="9"/>
  <c r="CC207" i="9"/>
  <c r="CD207" i="9"/>
  <c r="CE207" i="9"/>
  <c r="CF207" i="9"/>
  <c r="CG207" i="9"/>
  <c r="CH207" i="9"/>
  <c r="CI207" i="9"/>
  <c r="CJ207" i="9"/>
  <c r="CK207" i="9"/>
  <c r="CL207" i="9"/>
  <c r="BV207" i="9"/>
  <c r="DK523" i="9" l="1"/>
  <c r="BW531" i="9"/>
  <c r="CB531" i="9"/>
  <c r="CB523" i="9"/>
  <c r="BY523" i="9"/>
  <c r="DN207" i="9"/>
  <c r="BX531" i="9"/>
  <c r="BX523" i="9"/>
  <c r="BZ523" i="9"/>
  <c r="DL523" i="9"/>
  <c r="CB538" i="9"/>
  <c r="BY531" i="9"/>
  <c r="CC538" i="9"/>
  <c r="CK527" i="9"/>
  <c r="DL527" i="9"/>
  <c r="CH527" i="9"/>
  <c r="CK523" i="9"/>
  <c r="CH523" i="9"/>
  <c r="CJ519" i="9"/>
  <c r="CJ510" i="9"/>
  <c r="CJ511" i="9"/>
  <c r="CJ531" i="9"/>
  <c r="BZ519" i="9"/>
  <c r="BX519" i="9"/>
  <c r="BW515" i="9"/>
  <c r="BZ531" i="9"/>
  <c r="BW523" i="9"/>
  <c r="CJ515" i="9"/>
  <c r="DI515" i="9"/>
  <c r="BY515" i="9"/>
  <c r="BV515" i="9"/>
  <c r="CG515" i="9"/>
  <c r="DJ515" i="9"/>
  <c r="BX515" i="9"/>
  <c r="DJ511" i="9"/>
  <c r="CF519" i="9"/>
  <c r="BZ511" i="9"/>
  <c r="CH511" i="9"/>
  <c r="DL528" i="9"/>
  <c r="BY519" i="9"/>
  <c r="CB520" i="9"/>
  <c r="BY511" i="9"/>
  <c r="CB541" i="9"/>
  <c r="DK511" i="9"/>
  <c r="CK511" i="9"/>
  <c r="DL511" i="9"/>
  <c r="BX542" i="9"/>
  <c r="BX511" i="9"/>
  <c r="DK528" i="9"/>
  <c r="BW541" i="9"/>
  <c r="CB536" i="9"/>
  <c r="CA536" i="9"/>
  <c r="BZ541" i="9"/>
  <c r="BZ536" i="9"/>
  <c r="BW536" i="9"/>
  <c r="BY521" i="9"/>
  <c r="BX536" i="9"/>
  <c r="CA521" i="9"/>
  <c r="BZ521" i="9"/>
  <c r="BX520" i="9"/>
  <c r="DL510" i="9"/>
  <c r="BX510" i="9"/>
  <c r="BY536" i="9"/>
  <c r="BZ534" i="9"/>
  <c r="CB521" i="9"/>
  <c r="CB518" i="9"/>
  <c r="CB534" i="9"/>
  <c r="BY541" i="9"/>
  <c r="BW518" i="9"/>
  <c r="BX521" i="9"/>
  <c r="BW521" i="9"/>
  <c r="CK510" i="9"/>
  <c r="BY510" i="9"/>
  <c r="BZ510" i="9"/>
  <c r="BW534" i="9"/>
  <c r="CD518" i="9"/>
  <c r="CC534" i="9"/>
  <c r="BY518" i="9"/>
  <c r="BZ518" i="9"/>
  <c r="BZ512" i="9"/>
  <c r="BY512" i="9"/>
  <c r="CI512" i="9"/>
  <c r="CA512" i="9"/>
  <c r="CF512" i="9"/>
  <c r="CJ512" i="9"/>
  <c r="BW512" i="9"/>
  <c r="BX518" i="9"/>
  <c r="CA518" i="9"/>
  <c r="CC512" i="9"/>
  <c r="CB512" i="9"/>
  <c r="BW510" i="9"/>
  <c r="DJ510" i="9"/>
  <c r="CC526" i="9"/>
  <c r="CA526" i="9"/>
  <c r="BZ520" i="9"/>
  <c r="CH528" i="9"/>
  <c r="BX534" i="9"/>
  <c r="CA534" i="9"/>
  <c r="BX512" i="9"/>
  <c r="BY520" i="9"/>
  <c r="CJ520" i="9"/>
  <c r="CA520" i="9"/>
  <c r="BW520" i="9"/>
  <c r="BX541" i="9"/>
  <c r="CA541" i="9"/>
  <c r="CH539" i="9"/>
  <c r="BY539" i="9"/>
  <c r="BX539" i="9"/>
  <c r="CE535" i="9"/>
  <c r="CD535" i="9"/>
  <c r="CB514" i="9"/>
  <c r="BW514" i="9"/>
  <c r="CA514" i="9"/>
  <c r="BZ514" i="9"/>
  <c r="BX514" i="9"/>
  <c r="BY514" i="9"/>
  <c r="CC514" i="9"/>
  <c r="CI522" i="9"/>
  <c r="DJ522" i="9"/>
  <c r="DI522" i="9"/>
  <c r="CG522" i="9"/>
  <c r="BV522" i="9"/>
  <c r="CJ543" i="9"/>
  <c r="BZ543" i="9"/>
  <c r="BY543" i="9"/>
  <c r="BX543" i="9"/>
  <c r="BW543" i="9"/>
  <c r="BY517" i="9"/>
  <c r="BX517" i="9"/>
  <c r="BW517" i="9"/>
  <c r="CD517" i="9"/>
  <c r="BZ517" i="9"/>
  <c r="CC529" i="9"/>
  <c r="CB529" i="9"/>
  <c r="BY529" i="9"/>
  <c r="CA529" i="9"/>
  <c r="BZ529" i="9"/>
  <c r="BX529" i="9"/>
  <c r="CE529" i="9"/>
  <c r="BW529" i="9"/>
  <c r="CD529" i="9"/>
  <c r="BY513" i="9"/>
  <c r="BX513" i="9"/>
  <c r="CE513" i="9"/>
  <c r="CD513" i="9"/>
  <c r="BZ516" i="9"/>
  <c r="BY516" i="9"/>
  <c r="BX516" i="9"/>
  <c r="BV516" i="9"/>
  <c r="BW516" i="9"/>
  <c r="CJ516" i="9"/>
  <c r="CI516" i="9"/>
  <c r="CB530" i="9"/>
  <c r="CA530" i="9"/>
  <c r="CF530" i="9"/>
  <c r="BZ530" i="9"/>
  <c r="BX530" i="9"/>
  <c r="BY530" i="9"/>
  <c r="CC530" i="9"/>
  <c r="BW530" i="9"/>
  <c r="CG525" i="9"/>
  <c r="CF525" i="9"/>
  <c r="CJ525" i="9"/>
  <c r="BV525" i="9"/>
  <c r="DJ525" i="9"/>
  <c r="CI525" i="9"/>
  <c r="DI525" i="9"/>
  <c r="BZ524" i="9"/>
  <c r="CC524" i="9"/>
  <c r="BY524" i="9"/>
  <c r="CF524" i="9"/>
  <c r="BX524" i="9"/>
  <c r="BW524" i="9"/>
  <c r="CJ524" i="9"/>
  <c r="CB524" i="9"/>
  <c r="CA524" i="9"/>
  <c r="CB537" i="9"/>
  <c r="BW537" i="9"/>
  <c r="CA537" i="9"/>
  <c r="BZ537" i="9"/>
  <c r="BY537" i="9"/>
  <c r="BX537" i="9"/>
  <c r="BY533" i="9"/>
  <c r="BX533" i="9"/>
  <c r="CE533" i="9"/>
  <c r="CD533" i="9"/>
  <c r="CC533" i="9"/>
  <c r="CB533" i="9"/>
  <c r="CA533" i="9"/>
  <c r="BZ533" i="9"/>
  <c r="BZ532" i="9"/>
  <c r="CC532" i="9"/>
  <c r="BY532" i="9"/>
  <c r="CF532" i="9"/>
  <c r="BX532" i="9"/>
  <c r="BW532" i="9"/>
  <c r="CJ532" i="9"/>
  <c r="CB532" i="9"/>
  <c r="CA532" i="9"/>
  <c r="BY540" i="9"/>
  <c r="BX540" i="9"/>
  <c r="CE540" i="9"/>
  <c r="BW540" i="9"/>
  <c r="CD540" i="9"/>
  <c r="CA540" i="9"/>
  <c r="BZ540" i="9"/>
  <c r="CB540" i="9"/>
  <c r="DM207" i="9"/>
  <c r="DN10" i="9"/>
  <c r="T207" i="9"/>
  <c r="X207" i="9" s="1"/>
  <c r="W207" i="9" s="1"/>
  <c r="DP500" i="9"/>
  <c r="DP10" i="9"/>
  <c r="DP285" i="9"/>
  <c r="DP54" i="9"/>
  <c r="DP209" i="9"/>
  <c r="DP475" i="9"/>
  <c r="DP23" i="9"/>
  <c r="DO475" i="9"/>
  <c r="DO500" i="9"/>
  <c r="DO54" i="9"/>
  <c r="DO10" i="9"/>
  <c r="DO23" i="9"/>
  <c r="DO209" i="9"/>
  <c r="DO285" i="9"/>
  <c r="CE203" i="9"/>
  <c r="BV202" i="9"/>
  <c r="DJ73" i="9"/>
  <c r="DK73" i="9"/>
  <c r="DI73" i="9"/>
  <c r="BW73" i="9"/>
  <c r="BX73" i="9"/>
  <c r="BY73" i="9"/>
  <c r="BZ73" i="9"/>
  <c r="CA73" i="9"/>
  <c r="CB73" i="9"/>
  <c r="CC73" i="9"/>
  <c r="CD73" i="9"/>
  <c r="CE73" i="9"/>
  <c r="CF73" i="9"/>
  <c r="CG73" i="9"/>
  <c r="CH73" i="9"/>
  <c r="CI73" i="9"/>
  <c r="CJ73" i="9"/>
  <c r="CK73" i="9"/>
  <c r="CL73" i="9"/>
  <c r="BV73" i="9"/>
  <c r="CF501" i="9"/>
  <c r="CG501" i="9"/>
  <c r="CH501" i="9"/>
  <c r="CI501" i="9"/>
  <c r="CJ501" i="9"/>
  <c r="CK501" i="9"/>
  <c r="CL501" i="9"/>
  <c r="CM501" i="9"/>
  <c r="CN501" i="9"/>
  <c r="CO501" i="9"/>
  <c r="CP501" i="9"/>
  <c r="CQ501" i="9"/>
  <c r="CR501" i="9"/>
  <c r="CS501" i="9"/>
  <c r="CT501" i="9"/>
  <c r="CU501" i="9"/>
  <c r="CV501" i="9"/>
  <c r="CW501" i="9"/>
  <c r="CX501" i="9"/>
  <c r="CY501" i="9"/>
  <c r="CZ501" i="9"/>
  <c r="DA501" i="9"/>
  <c r="DB501" i="9"/>
  <c r="DC501" i="9"/>
  <c r="DD501" i="9"/>
  <c r="DE501" i="9"/>
  <c r="DF501" i="9"/>
  <c r="DG501" i="9"/>
  <c r="DH501" i="9"/>
  <c r="DI501" i="9"/>
  <c r="DJ501" i="9"/>
  <c r="DK501" i="9"/>
  <c r="DH479" i="9"/>
  <c r="DG479" i="9"/>
  <c r="DF479" i="9"/>
  <c r="DE479" i="9"/>
  <c r="DD479" i="9"/>
  <c r="DC479" i="9"/>
  <c r="DB479" i="9"/>
  <c r="DA479" i="9"/>
  <c r="CZ479" i="9"/>
  <c r="CY479" i="9"/>
  <c r="CX479" i="9"/>
  <c r="CW479" i="9"/>
  <c r="CV479" i="9"/>
  <c r="CU479" i="9"/>
  <c r="CT479" i="9"/>
  <c r="CS479" i="9"/>
  <c r="CR479" i="9"/>
  <c r="CQ479" i="9"/>
  <c r="CP479" i="9"/>
  <c r="CO479" i="9"/>
  <c r="CN479" i="9"/>
  <c r="CM479" i="9"/>
  <c r="DH483" i="9"/>
  <c r="DG483" i="9"/>
  <c r="DF483" i="9"/>
  <c r="DE483" i="9"/>
  <c r="DD483" i="9"/>
  <c r="DC483" i="9"/>
  <c r="DB483" i="9"/>
  <c r="DA483" i="9"/>
  <c r="CZ483" i="9"/>
  <c r="CY483" i="9"/>
  <c r="CX483" i="9"/>
  <c r="CW483" i="9"/>
  <c r="CV483" i="9"/>
  <c r="CU483" i="9"/>
  <c r="CT483" i="9"/>
  <c r="CS483" i="9"/>
  <c r="CR483" i="9"/>
  <c r="CQ483" i="9"/>
  <c r="CP483" i="9"/>
  <c r="CO483" i="9"/>
  <c r="CN483" i="9"/>
  <c r="CM483" i="9"/>
  <c r="DH325" i="9"/>
  <c r="DG325" i="9"/>
  <c r="DF325" i="9"/>
  <c r="DE325" i="9"/>
  <c r="DD325" i="9"/>
  <c r="DC325" i="9"/>
  <c r="DB325" i="9"/>
  <c r="DA325" i="9"/>
  <c r="CZ325" i="9"/>
  <c r="CY325" i="9"/>
  <c r="CX325" i="9"/>
  <c r="CW325" i="9"/>
  <c r="CV325" i="9"/>
  <c r="CU325" i="9"/>
  <c r="CT325" i="9"/>
  <c r="CS325" i="9"/>
  <c r="CR325" i="9"/>
  <c r="CQ325" i="9"/>
  <c r="CP325" i="9"/>
  <c r="CO325" i="9"/>
  <c r="CN325" i="9"/>
  <c r="CM325" i="9"/>
  <c r="DH461" i="9"/>
  <c r="DG461" i="9"/>
  <c r="DF461" i="9"/>
  <c r="DE461" i="9"/>
  <c r="DD461" i="9"/>
  <c r="DC461" i="9"/>
  <c r="DB461" i="9"/>
  <c r="DA461" i="9"/>
  <c r="CZ461" i="9"/>
  <c r="CY461" i="9"/>
  <c r="CX461" i="9"/>
  <c r="CW461" i="9"/>
  <c r="CV461" i="9"/>
  <c r="CU461" i="9"/>
  <c r="CT461" i="9"/>
  <c r="CS461" i="9"/>
  <c r="CR461" i="9"/>
  <c r="CQ461" i="9"/>
  <c r="CP461" i="9"/>
  <c r="CO461" i="9"/>
  <c r="CN461" i="9"/>
  <c r="CM461" i="9"/>
  <c r="DH275" i="9"/>
  <c r="DG275" i="9"/>
  <c r="DF275" i="9"/>
  <c r="DE275" i="9"/>
  <c r="DD275" i="9"/>
  <c r="DC275" i="9"/>
  <c r="DB275" i="9"/>
  <c r="DA275" i="9"/>
  <c r="CZ275" i="9"/>
  <c r="CY275" i="9"/>
  <c r="CX275" i="9"/>
  <c r="CW275" i="9"/>
  <c r="CV275" i="9"/>
  <c r="CU275" i="9"/>
  <c r="CT275" i="9"/>
  <c r="CS275" i="9"/>
  <c r="CR275" i="9"/>
  <c r="CQ275" i="9"/>
  <c r="CP275" i="9"/>
  <c r="CO275" i="9"/>
  <c r="CN275" i="9"/>
  <c r="CM275" i="9"/>
  <c r="DH281" i="9"/>
  <c r="DG281" i="9"/>
  <c r="DF281" i="9"/>
  <c r="DE281" i="9"/>
  <c r="DD281" i="9"/>
  <c r="DC281" i="9"/>
  <c r="DB281" i="9"/>
  <c r="DA281" i="9"/>
  <c r="CZ281" i="9"/>
  <c r="CY281" i="9"/>
  <c r="CX281" i="9"/>
  <c r="CW281" i="9"/>
  <c r="CV281" i="9"/>
  <c r="CU281" i="9"/>
  <c r="CT281" i="9"/>
  <c r="CS281" i="9"/>
  <c r="CR281" i="9"/>
  <c r="CQ281" i="9"/>
  <c r="CP281" i="9"/>
  <c r="CO281" i="9"/>
  <c r="CN281" i="9"/>
  <c r="CM281" i="9"/>
  <c r="DH332" i="9"/>
  <c r="DG332" i="9"/>
  <c r="DF332" i="9"/>
  <c r="DE332" i="9"/>
  <c r="DD332" i="9"/>
  <c r="DC332" i="9"/>
  <c r="DB332" i="9"/>
  <c r="DA332" i="9"/>
  <c r="CZ332" i="9"/>
  <c r="CY332" i="9"/>
  <c r="CX332" i="9"/>
  <c r="CW332" i="9"/>
  <c r="CV332" i="9"/>
  <c r="CU332" i="9"/>
  <c r="CT332" i="9"/>
  <c r="CS332" i="9"/>
  <c r="CR332" i="9"/>
  <c r="CQ332" i="9"/>
  <c r="CP332" i="9"/>
  <c r="CO332" i="9"/>
  <c r="CN332" i="9"/>
  <c r="CM332" i="9"/>
  <c r="DH459" i="9"/>
  <c r="DG459" i="9"/>
  <c r="DF459" i="9"/>
  <c r="DE459" i="9"/>
  <c r="DD459" i="9"/>
  <c r="DC459" i="9"/>
  <c r="DB459" i="9"/>
  <c r="DA459" i="9"/>
  <c r="CZ459" i="9"/>
  <c r="CY459" i="9"/>
  <c r="CX459" i="9"/>
  <c r="CW459" i="9"/>
  <c r="CV459" i="9"/>
  <c r="CU459" i="9"/>
  <c r="CT459" i="9"/>
  <c r="CS459" i="9"/>
  <c r="CR459" i="9"/>
  <c r="CQ459" i="9"/>
  <c r="CP459" i="9"/>
  <c r="CO459" i="9"/>
  <c r="CN459" i="9"/>
  <c r="CM459" i="9"/>
  <c r="DH456" i="9"/>
  <c r="DG456" i="9"/>
  <c r="DF456" i="9"/>
  <c r="DE456" i="9"/>
  <c r="DD456" i="9"/>
  <c r="DC456" i="9"/>
  <c r="DB456" i="9"/>
  <c r="DA456" i="9"/>
  <c r="CZ456" i="9"/>
  <c r="CY456" i="9"/>
  <c r="CX456" i="9"/>
  <c r="CW456" i="9"/>
  <c r="CV456" i="9"/>
  <c r="CU456" i="9"/>
  <c r="CT456" i="9"/>
  <c r="CS456" i="9"/>
  <c r="CR456" i="9"/>
  <c r="CQ456" i="9"/>
  <c r="CP456" i="9"/>
  <c r="CO456" i="9"/>
  <c r="CN456" i="9"/>
  <c r="CM456" i="9"/>
  <c r="DH458" i="9"/>
  <c r="DG458" i="9"/>
  <c r="DF458" i="9"/>
  <c r="DE458" i="9"/>
  <c r="DD458" i="9"/>
  <c r="DC458" i="9"/>
  <c r="DB458" i="9"/>
  <c r="DA458" i="9"/>
  <c r="CZ458" i="9"/>
  <c r="CY458" i="9"/>
  <c r="CX458" i="9"/>
  <c r="CW458" i="9"/>
  <c r="CV458" i="9"/>
  <c r="CU458" i="9"/>
  <c r="CT458" i="9"/>
  <c r="CS458" i="9"/>
  <c r="CR458" i="9"/>
  <c r="CQ458" i="9"/>
  <c r="CP458" i="9"/>
  <c r="CO458" i="9"/>
  <c r="CN458" i="9"/>
  <c r="CM458" i="9"/>
  <c r="DH419" i="9"/>
  <c r="DG419" i="9"/>
  <c r="DF419" i="9"/>
  <c r="DE419" i="9"/>
  <c r="DD419" i="9"/>
  <c r="DC419" i="9"/>
  <c r="DB419" i="9"/>
  <c r="DA419" i="9"/>
  <c r="CZ419" i="9"/>
  <c r="CY419" i="9"/>
  <c r="CX419" i="9"/>
  <c r="CW419" i="9"/>
  <c r="CV419" i="9"/>
  <c r="CU419" i="9"/>
  <c r="CT419" i="9"/>
  <c r="CS419" i="9"/>
  <c r="CR419" i="9"/>
  <c r="CQ419" i="9"/>
  <c r="CP419" i="9"/>
  <c r="CO419" i="9"/>
  <c r="CN419" i="9"/>
  <c r="CM419" i="9"/>
  <c r="DH406" i="9"/>
  <c r="DG406" i="9"/>
  <c r="DF406" i="9"/>
  <c r="DE406" i="9"/>
  <c r="DD406" i="9"/>
  <c r="DC406" i="9"/>
  <c r="DB406" i="9"/>
  <c r="DA406" i="9"/>
  <c r="CZ406" i="9"/>
  <c r="CY406" i="9"/>
  <c r="CX406" i="9"/>
  <c r="CW406" i="9"/>
  <c r="CV406" i="9"/>
  <c r="CU406" i="9"/>
  <c r="CT406" i="9"/>
  <c r="CS406" i="9"/>
  <c r="CR406" i="9"/>
  <c r="CQ406" i="9"/>
  <c r="CP406" i="9"/>
  <c r="CO406" i="9"/>
  <c r="CN406" i="9"/>
  <c r="CM406" i="9"/>
  <c r="DH280" i="9"/>
  <c r="DG280" i="9"/>
  <c r="DF280" i="9"/>
  <c r="DE280" i="9"/>
  <c r="DD280" i="9"/>
  <c r="DC280" i="9"/>
  <c r="DB280" i="9"/>
  <c r="DA280" i="9"/>
  <c r="CZ280" i="9"/>
  <c r="CY280" i="9"/>
  <c r="CX280" i="9"/>
  <c r="CW280" i="9"/>
  <c r="CV280" i="9"/>
  <c r="CU280" i="9"/>
  <c r="CT280" i="9"/>
  <c r="CS280" i="9"/>
  <c r="CR280" i="9"/>
  <c r="CQ280" i="9"/>
  <c r="CP280" i="9"/>
  <c r="CO280" i="9"/>
  <c r="CN280" i="9"/>
  <c r="CM280" i="9"/>
  <c r="DH298" i="9"/>
  <c r="DG298" i="9"/>
  <c r="DF298" i="9"/>
  <c r="DE298" i="9"/>
  <c r="DD298" i="9"/>
  <c r="DC298" i="9"/>
  <c r="DB298" i="9"/>
  <c r="DA298" i="9"/>
  <c r="CZ298" i="9"/>
  <c r="CY298" i="9"/>
  <c r="CX298" i="9"/>
  <c r="CW298" i="9"/>
  <c r="CV298" i="9"/>
  <c r="CU298" i="9"/>
  <c r="CT298" i="9"/>
  <c r="CS298" i="9"/>
  <c r="CR298" i="9"/>
  <c r="CQ298" i="9"/>
  <c r="CP298" i="9"/>
  <c r="CO298" i="9"/>
  <c r="CN298" i="9"/>
  <c r="CM298" i="9"/>
  <c r="DH481" i="9"/>
  <c r="DG481" i="9"/>
  <c r="DF481" i="9"/>
  <c r="DE481" i="9"/>
  <c r="DD481" i="9"/>
  <c r="DC481" i="9"/>
  <c r="DB481" i="9"/>
  <c r="DA481" i="9"/>
  <c r="CZ481" i="9"/>
  <c r="CY481" i="9"/>
  <c r="CX481" i="9"/>
  <c r="CW481" i="9"/>
  <c r="CV481" i="9"/>
  <c r="CU481" i="9"/>
  <c r="CT481" i="9"/>
  <c r="CS481" i="9"/>
  <c r="CR481" i="9"/>
  <c r="CQ481" i="9"/>
  <c r="CP481" i="9"/>
  <c r="CO481" i="9"/>
  <c r="CN481" i="9"/>
  <c r="CM481" i="9"/>
  <c r="DH282" i="9"/>
  <c r="DG282" i="9"/>
  <c r="DF282" i="9"/>
  <c r="DE282" i="9"/>
  <c r="DD282" i="9"/>
  <c r="DC282" i="9"/>
  <c r="DB282" i="9"/>
  <c r="DA282" i="9"/>
  <c r="CZ282" i="9"/>
  <c r="CY282" i="9"/>
  <c r="CX282" i="9"/>
  <c r="CW282" i="9"/>
  <c r="CV282" i="9"/>
  <c r="CU282" i="9"/>
  <c r="CT282" i="9"/>
  <c r="CS282" i="9"/>
  <c r="CR282" i="9"/>
  <c r="CQ282" i="9"/>
  <c r="CP282" i="9"/>
  <c r="CO282" i="9"/>
  <c r="CN282" i="9"/>
  <c r="CM282" i="9"/>
  <c r="DH407" i="9"/>
  <c r="DG407" i="9"/>
  <c r="DF407" i="9"/>
  <c r="DE407" i="9"/>
  <c r="DD407" i="9"/>
  <c r="DC407" i="9"/>
  <c r="DB407" i="9"/>
  <c r="DA407" i="9"/>
  <c r="CZ407" i="9"/>
  <c r="CY407" i="9"/>
  <c r="CX407" i="9"/>
  <c r="CW407" i="9"/>
  <c r="CV407" i="9"/>
  <c r="CU407" i="9"/>
  <c r="CT407" i="9"/>
  <c r="CS407" i="9"/>
  <c r="CR407" i="9"/>
  <c r="CQ407" i="9"/>
  <c r="CP407" i="9"/>
  <c r="CO407" i="9"/>
  <c r="CN407" i="9"/>
  <c r="CM407" i="9"/>
  <c r="DH457" i="9"/>
  <c r="DG457" i="9"/>
  <c r="DF457" i="9"/>
  <c r="DE457" i="9"/>
  <c r="DD457" i="9"/>
  <c r="DC457" i="9"/>
  <c r="DB457" i="9"/>
  <c r="DA457" i="9"/>
  <c r="CZ457" i="9"/>
  <c r="CY457" i="9"/>
  <c r="CX457" i="9"/>
  <c r="CW457" i="9"/>
  <c r="CV457" i="9"/>
  <c r="CU457" i="9"/>
  <c r="CT457" i="9"/>
  <c r="CS457" i="9"/>
  <c r="CR457" i="9"/>
  <c r="CQ457" i="9"/>
  <c r="CP457" i="9"/>
  <c r="CO457" i="9"/>
  <c r="CN457" i="9"/>
  <c r="CM457" i="9"/>
  <c r="DH460" i="9"/>
  <c r="DG460" i="9"/>
  <c r="DF460" i="9"/>
  <c r="DE460" i="9"/>
  <c r="DD460" i="9"/>
  <c r="DC460" i="9"/>
  <c r="DB460" i="9"/>
  <c r="DA460" i="9"/>
  <c r="CZ460" i="9"/>
  <c r="CY460" i="9"/>
  <c r="CX460" i="9"/>
  <c r="CW460" i="9"/>
  <c r="CV460" i="9"/>
  <c r="CU460" i="9"/>
  <c r="CT460" i="9"/>
  <c r="CS460" i="9"/>
  <c r="CR460" i="9"/>
  <c r="CQ460" i="9"/>
  <c r="CP460" i="9"/>
  <c r="CO460" i="9"/>
  <c r="CN460" i="9"/>
  <c r="CM460" i="9"/>
  <c r="DH408" i="9"/>
  <c r="DG408" i="9"/>
  <c r="DF408" i="9"/>
  <c r="DE408" i="9"/>
  <c r="DD408" i="9"/>
  <c r="DC408" i="9"/>
  <c r="DB408" i="9"/>
  <c r="DA408" i="9"/>
  <c r="CZ408" i="9"/>
  <c r="CY408" i="9"/>
  <c r="CX408" i="9"/>
  <c r="CW408" i="9"/>
  <c r="CV408" i="9"/>
  <c r="CU408" i="9"/>
  <c r="CT408" i="9"/>
  <c r="CS408" i="9"/>
  <c r="CR408" i="9"/>
  <c r="CQ408" i="9"/>
  <c r="CP408" i="9"/>
  <c r="CO408" i="9"/>
  <c r="CN408" i="9"/>
  <c r="CM408" i="9"/>
  <c r="DH334" i="9"/>
  <c r="DG334" i="9"/>
  <c r="DF334" i="9"/>
  <c r="DE334" i="9"/>
  <c r="DD334" i="9"/>
  <c r="DC334" i="9"/>
  <c r="DB334" i="9"/>
  <c r="DA334" i="9"/>
  <c r="CZ334" i="9"/>
  <c r="CY334" i="9"/>
  <c r="CX334" i="9"/>
  <c r="CW334" i="9"/>
  <c r="CV334" i="9"/>
  <c r="CU334" i="9"/>
  <c r="CT334" i="9"/>
  <c r="CS334" i="9"/>
  <c r="CR334" i="9"/>
  <c r="CQ334" i="9"/>
  <c r="CP334" i="9"/>
  <c r="CO334" i="9"/>
  <c r="CN334" i="9"/>
  <c r="CM334" i="9"/>
  <c r="DH351" i="9"/>
  <c r="DG351" i="9"/>
  <c r="DF351" i="9"/>
  <c r="DE351" i="9"/>
  <c r="DD351" i="9"/>
  <c r="DC351" i="9"/>
  <c r="DB351" i="9"/>
  <c r="DA351" i="9"/>
  <c r="CZ351" i="9"/>
  <c r="CY351" i="9"/>
  <c r="CX351" i="9"/>
  <c r="CW351" i="9"/>
  <c r="CV351" i="9"/>
  <c r="CU351" i="9"/>
  <c r="CT351" i="9"/>
  <c r="CS351" i="9"/>
  <c r="CR351" i="9"/>
  <c r="CQ351" i="9"/>
  <c r="CP351" i="9"/>
  <c r="CO351" i="9"/>
  <c r="CN351" i="9"/>
  <c r="CM351" i="9"/>
  <c r="DH409" i="9"/>
  <c r="DG409" i="9"/>
  <c r="DF409" i="9"/>
  <c r="DE409" i="9"/>
  <c r="DD409" i="9"/>
  <c r="DC409" i="9"/>
  <c r="DB409" i="9"/>
  <c r="DA409" i="9"/>
  <c r="CZ409" i="9"/>
  <c r="CY409" i="9"/>
  <c r="CX409" i="9"/>
  <c r="CW409" i="9"/>
  <c r="CV409" i="9"/>
  <c r="CU409" i="9"/>
  <c r="CT409" i="9"/>
  <c r="CS409" i="9"/>
  <c r="CR409" i="9"/>
  <c r="CQ409" i="9"/>
  <c r="CP409" i="9"/>
  <c r="CO409" i="9"/>
  <c r="CN409" i="9"/>
  <c r="CM409" i="9"/>
  <c r="DH384" i="9"/>
  <c r="DG384" i="9"/>
  <c r="DF384" i="9"/>
  <c r="DE384" i="9"/>
  <c r="DD384" i="9"/>
  <c r="DC384" i="9"/>
  <c r="DB384" i="9"/>
  <c r="DA384" i="9"/>
  <c r="CZ384" i="9"/>
  <c r="CY384" i="9"/>
  <c r="CX384" i="9"/>
  <c r="CW384" i="9"/>
  <c r="CV384" i="9"/>
  <c r="CU384" i="9"/>
  <c r="CT384" i="9"/>
  <c r="CS384" i="9"/>
  <c r="CR384" i="9"/>
  <c r="CQ384" i="9"/>
  <c r="CP384" i="9"/>
  <c r="CO384" i="9"/>
  <c r="CN384" i="9"/>
  <c r="CM384" i="9"/>
  <c r="DH455" i="9"/>
  <c r="DG455" i="9"/>
  <c r="DF455" i="9"/>
  <c r="DE455" i="9"/>
  <c r="DD455" i="9"/>
  <c r="DC455" i="9"/>
  <c r="DB455" i="9"/>
  <c r="DA455" i="9"/>
  <c r="CZ455" i="9"/>
  <c r="CY455" i="9"/>
  <c r="CX455" i="9"/>
  <c r="CW455" i="9"/>
  <c r="CV455" i="9"/>
  <c r="CU455" i="9"/>
  <c r="CT455" i="9"/>
  <c r="CS455" i="9"/>
  <c r="CR455" i="9"/>
  <c r="CQ455" i="9"/>
  <c r="CP455" i="9"/>
  <c r="CO455" i="9"/>
  <c r="CN455" i="9"/>
  <c r="CM455" i="9"/>
  <c r="DH390" i="9"/>
  <c r="DG390" i="9"/>
  <c r="DF390" i="9"/>
  <c r="DE390" i="9"/>
  <c r="DD390" i="9"/>
  <c r="DC390" i="9"/>
  <c r="DB390" i="9"/>
  <c r="DA390" i="9"/>
  <c r="CZ390" i="9"/>
  <c r="CY390" i="9"/>
  <c r="CX390" i="9"/>
  <c r="CW390" i="9"/>
  <c r="CV390" i="9"/>
  <c r="CU390" i="9"/>
  <c r="CT390" i="9"/>
  <c r="CS390" i="9"/>
  <c r="CR390" i="9"/>
  <c r="CQ390" i="9"/>
  <c r="CP390" i="9"/>
  <c r="CO390" i="9"/>
  <c r="CN390" i="9"/>
  <c r="CM390" i="9"/>
  <c r="DH346" i="9"/>
  <c r="DG346" i="9"/>
  <c r="DF346" i="9"/>
  <c r="DE346" i="9"/>
  <c r="DD346" i="9"/>
  <c r="DC346" i="9"/>
  <c r="DB346" i="9"/>
  <c r="DA346" i="9"/>
  <c r="CZ346" i="9"/>
  <c r="CY346" i="9"/>
  <c r="CX346" i="9"/>
  <c r="CW346" i="9"/>
  <c r="CV346" i="9"/>
  <c r="CU346" i="9"/>
  <c r="CT346" i="9"/>
  <c r="CS346" i="9"/>
  <c r="CR346" i="9"/>
  <c r="CQ346" i="9"/>
  <c r="CP346" i="9"/>
  <c r="CO346" i="9"/>
  <c r="CN346" i="9"/>
  <c r="CM346" i="9"/>
  <c r="DH283" i="9"/>
  <c r="DG283" i="9"/>
  <c r="DF283" i="9"/>
  <c r="DE283" i="9"/>
  <c r="DD283" i="9"/>
  <c r="DC283" i="9"/>
  <c r="DB283" i="9"/>
  <c r="DA283" i="9"/>
  <c r="CZ283" i="9"/>
  <c r="CY283" i="9"/>
  <c r="CX283" i="9"/>
  <c r="CW283" i="9"/>
  <c r="CV283" i="9"/>
  <c r="CU283" i="9"/>
  <c r="CT283" i="9"/>
  <c r="CS283" i="9"/>
  <c r="CR283" i="9"/>
  <c r="CQ283" i="9"/>
  <c r="CP283" i="9"/>
  <c r="CO283" i="9"/>
  <c r="CN283" i="9"/>
  <c r="CM283" i="9"/>
  <c r="DH448" i="9"/>
  <c r="DG448" i="9"/>
  <c r="DF448" i="9"/>
  <c r="DE448" i="9"/>
  <c r="DD448" i="9"/>
  <c r="DC448" i="9"/>
  <c r="DB448" i="9"/>
  <c r="DA448" i="9"/>
  <c r="CZ448" i="9"/>
  <c r="CY448" i="9"/>
  <c r="CX448" i="9"/>
  <c r="CW448" i="9"/>
  <c r="CV448" i="9"/>
  <c r="CU448" i="9"/>
  <c r="CT448" i="9"/>
  <c r="CS448" i="9"/>
  <c r="CR448" i="9"/>
  <c r="CQ448" i="9"/>
  <c r="CP448" i="9"/>
  <c r="CO448" i="9"/>
  <c r="CN448" i="9"/>
  <c r="CM448" i="9"/>
  <c r="DH463" i="9"/>
  <c r="DG463" i="9"/>
  <c r="DF463" i="9"/>
  <c r="DE463" i="9"/>
  <c r="DD463" i="9"/>
  <c r="DC463" i="9"/>
  <c r="DB463" i="9"/>
  <c r="DA463" i="9"/>
  <c r="CZ463" i="9"/>
  <c r="CY463" i="9"/>
  <c r="CX463" i="9"/>
  <c r="CW463" i="9"/>
  <c r="CV463" i="9"/>
  <c r="CU463" i="9"/>
  <c r="CT463" i="9"/>
  <c r="CS463" i="9"/>
  <c r="CR463" i="9"/>
  <c r="CQ463" i="9"/>
  <c r="CP463" i="9"/>
  <c r="CO463" i="9"/>
  <c r="CN463" i="9"/>
  <c r="CM463" i="9"/>
  <c r="DH385" i="9"/>
  <c r="DG385" i="9"/>
  <c r="DF385" i="9"/>
  <c r="DE385" i="9"/>
  <c r="DD385" i="9"/>
  <c r="DC385" i="9"/>
  <c r="DB385" i="9"/>
  <c r="DA385" i="9"/>
  <c r="CZ385" i="9"/>
  <c r="CY385" i="9"/>
  <c r="CX385" i="9"/>
  <c r="CW385" i="9"/>
  <c r="CV385" i="9"/>
  <c r="CU385" i="9"/>
  <c r="CT385" i="9"/>
  <c r="CS385" i="9"/>
  <c r="CR385" i="9"/>
  <c r="CQ385" i="9"/>
  <c r="CP385" i="9"/>
  <c r="CO385" i="9"/>
  <c r="CN385" i="9"/>
  <c r="CM385" i="9"/>
  <c r="DH471" i="9"/>
  <c r="DG471" i="9"/>
  <c r="DF471" i="9"/>
  <c r="DE471" i="9"/>
  <c r="DD471" i="9"/>
  <c r="DC471" i="9"/>
  <c r="DB471" i="9"/>
  <c r="DA471" i="9"/>
  <c r="CZ471" i="9"/>
  <c r="CY471" i="9"/>
  <c r="CX471" i="9"/>
  <c r="CW471" i="9"/>
  <c r="CV471" i="9"/>
  <c r="CU471" i="9"/>
  <c r="CT471" i="9"/>
  <c r="CS471" i="9"/>
  <c r="CR471" i="9"/>
  <c r="CQ471" i="9"/>
  <c r="CP471" i="9"/>
  <c r="CO471" i="9"/>
  <c r="CN471" i="9"/>
  <c r="CM471" i="9"/>
  <c r="DH438" i="9"/>
  <c r="DG438" i="9"/>
  <c r="DF438" i="9"/>
  <c r="DE438" i="9"/>
  <c r="DD438" i="9"/>
  <c r="DC438" i="9"/>
  <c r="DB438" i="9"/>
  <c r="DA438" i="9"/>
  <c r="CZ438" i="9"/>
  <c r="CY438" i="9"/>
  <c r="CX438" i="9"/>
  <c r="CW438" i="9"/>
  <c r="CV438" i="9"/>
  <c r="CU438" i="9"/>
  <c r="CT438" i="9"/>
  <c r="CS438" i="9"/>
  <c r="CR438" i="9"/>
  <c r="CQ438" i="9"/>
  <c r="CP438" i="9"/>
  <c r="CO438" i="9"/>
  <c r="CN438" i="9"/>
  <c r="CM438" i="9"/>
  <c r="DH450" i="9"/>
  <c r="DG450" i="9"/>
  <c r="DF450" i="9"/>
  <c r="DE450" i="9"/>
  <c r="DD450" i="9"/>
  <c r="DC450" i="9"/>
  <c r="DB450" i="9"/>
  <c r="DA450" i="9"/>
  <c r="CZ450" i="9"/>
  <c r="CY450" i="9"/>
  <c r="CX450" i="9"/>
  <c r="CW450" i="9"/>
  <c r="CV450" i="9"/>
  <c r="CU450" i="9"/>
  <c r="CT450" i="9"/>
  <c r="CS450" i="9"/>
  <c r="CR450" i="9"/>
  <c r="CQ450" i="9"/>
  <c r="CP450" i="9"/>
  <c r="CO450" i="9"/>
  <c r="CN450" i="9"/>
  <c r="CM450" i="9"/>
  <c r="DH451" i="9"/>
  <c r="DG451" i="9"/>
  <c r="DF451" i="9"/>
  <c r="DE451" i="9"/>
  <c r="DD451" i="9"/>
  <c r="DC451" i="9"/>
  <c r="DB451" i="9"/>
  <c r="DA451" i="9"/>
  <c r="CZ451" i="9"/>
  <c r="CY451" i="9"/>
  <c r="CX451" i="9"/>
  <c r="CW451" i="9"/>
  <c r="CV451" i="9"/>
  <c r="CU451" i="9"/>
  <c r="CT451" i="9"/>
  <c r="CS451" i="9"/>
  <c r="CR451" i="9"/>
  <c r="CQ451" i="9"/>
  <c r="CP451" i="9"/>
  <c r="CO451" i="9"/>
  <c r="CN451" i="9"/>
  <c r="CM451" i="9"/>
  <c r="DH454" i="9"/>
  <c r="DG454" i="9"/>
  <c r="DF454" i="9"/>
  <c r="DE454" i="9"/>
  <c r="DD454" i="9"/>
  <c r="DC454" i="9"/>
  <c r="DB454" i="9"/>
  <c r="DA454" i="9"/>
  <c r="CZ454" i="9"/>
  <c r="CY454" i="9"/>
  <c r="CX454" i="9"/>
  <c r="CW454" i="9"/>
  <c r="CV454" i="9"/>
  <c r="CU454" i="9"/>
  <c r="CT454" i="9"/>
  <c r="CS454" i="9"/>
  <c r="CR454" i="9"/>
  <c r="CQ454" i="9"/>
  <c r="CP454" i="9"/>
  <c r="CO454" i="9"/>
  <c r="CN454" i="9"/>
  <c r="CM454" i="9"/>
  <c r="DH445" i="9"/>
  <c r="DG445" i="9"/>
  <c r="DF445" i="9"/>
  <c r="DE445" i="9"/>
  <c r="DD445" i="9"/>
  <c r="DC445" i="9"/>
  <c r="DB445" i="9"/>
  <c r="DA445" i="9"/>
  <c r="CZ445" i="9"/>
  <c r="CY445" i="9"/>
  <c r="CX445" i="9"/>
  <c r="CW445" i="9"/>
  <c r="CV445" i="9"/>
  <c r="CU445" i="9"/>
  <c r="CT445" i="9"/>
  <c r="CS445" i="9"/>
  <c r="CR445" i="9"/>
  <c r="CQ445" i="9"/>
  <c r="CP445" i="9"/>
  <c r="CO445" i="9"/>
  <c r="CN445" i="9"/>
  <c r="CM445" i="9"/>
  <c r="DH449" i="9"/>
  <c r="DG449" i="9"/>
  <c r="DF449" i="9"/>
  <c r="DE449" i="9"/>
  <c r="DD449" i="9"/>
  <c r="DC449" i="9"/>
  <c r="DB449" i="9"/>
  <c r="DA449" i="9"/>
  <c r="CZ449" i="9"/>
  <c r="CY449" i="9"/>
  <c r="CX449" i="9"/>
  <c r="CW449" i="9"/>
  <c r="CV449" i="9"/>
  <c r="CU449" i="9"/>
  <c r="CT449" i="9"/>
  <c r="CS449" i="9"/>
  <c r="CR449" i="9"/>
  <c r="CQ449" i="9"/>
  <c r="CP449" i="9"/>
  <c r="CO449" i="9"/>
  <c r="CN449" i="9"/>
  <c r="CM449" i="9"/>
  <c r="DH467" i="9"/>
  <c r="DG467" i="9"/>
  <c r="DF467" i="9"/>
  <c r="DE467" i="9"/>
  <c r="DD467" i="9"/>
  <c r="DC467" i="9"/>
  <c r="DB467" i="9"/>
  <c r="DA467" i="9"/>
  <c r="CZ467" i="9"/>
  <c r="CY467" i="9"/>
  <c r="CX467" i="9"/>
  <c r="CW467" i="9"/>
  <c r="CV467" i="9"/>
  <c r="CU467" i="9"/>
  <c r="CT467" i="9"/>
  <c r="CS467" i="9"/>
  <c r="CR467" i="9"/>
  <c r="CQ467" i="9"/>
  <c r="CP467" i="9"/>
  <c r="CO467" i="9"/>
  <c r="CN467" i="9"/>
  <c r="CM467" i="9"/>
  <c r="DH468" i="9"/>
  <c r="DG468" i="9"/>
  <c r="DF468" i="9"/>
  <c r="DE468" i="9"/>
  <c r="DD468" i="9"/>
  <c r="DC468" i="9"/>
  <c r="DB468" i="9"/>
  <c r="DA468" i="9"/>
  <c r="CZ468" i="9"/>
  <c r="CY468" i="9"/>
  <c r="CX468" i="9"/>
  <c r="CW468" i="9"/>
  <c r="CV468" i="9"/>
  <c r="CU468" i="9"/>
  <c r="CT468" i="9"/>
  <c r="CS468" i="9"/>
  <c r="CR468" i="9"/>
  <c r="CQ468" i="9"/>
  <c r="CP468" i="9"/>
  <c r="CO468" i="9"/>
  <c r="CN468" i="9"/>
  <c r="CM468" i="9"/>
  <c r="DH378" i="9"/>
  <c r="DG378" i="9"/>
  <c r="DF378" i="9"/>
  <c r="DE378" i="9"/>
  <c r="DD378" i="9"/>
  <c r="DC378" i="9"/>
  <c r="DB378" i="9"/>
  <c r="DA378" i="9"/>
  <c r="CZ378" i="9"/>
  <c r="CY378" i="9"/>
  <c r="CX378" i="9"/>
  <c r="CW378" i="9"/>
  <c r="CV378" i="9"/>
  <c r="CU378" i="9"/>
  <c r="CT378" i="9"/>
  <c r="CS378" i="9"/>
  <c r="CR378" i="9"/>
  <c r="CQ378" i="9"/>
  <c r="CP378" i="9"/>
  <c r="CO378" i="9"/>
  <c r="CN378" i="9"/>
  <c r="CM378" i="9"/>
  <c r="DH395" i="9"/>
  <c r="DG395" i="9"/>
  <c r="DF395" i="9"/>
  <c r="DE395" i="9"/>
  <c r="DD395" i="9"/>
  <c r="DC395" i="9"/>
  <c r="DB395" i="9"/>
  <c r="DA395" i="9"/>
  <c r="CZ395" i="9"/>
  <c r="CY395" i="9"/>
  <c r="CX395" i="9"/>
  <c r="CW395" i="9"/>
  <c r="CV395" i="9"/>
  <c r="CU395" i="9"/>
  <c r="CT395" i="9"/>
  <c r="CS395" i="9"/>
  <c r="CR395" i="9"/>
  <c r="CQ395" i="9"/>
  <c r="CP395" i="9"/>
  <c r="CO395" i="9"/>
  <c r="CN395" i="9"/>
  <c r="CM395" i="9"/>
  <c r="DH393" i="9"/>
  <c r="DG393" i="9"/>
  <c r="DF393" i="9"/>
  <c r="DE393" i="9"/>
  <c r="DD393" i="9"/>
  <c r="DC393" i="9"/>
  <c r="DB393" i="9"/>
  <c r="DA393" i="9"/>
  <c r="CZ393" i="9"/>
  <c r="CY393" i="9"/>
  <c r="CX393" i="9"/>
  <c r="CW393" i="9"/>
  <c r="CV393" i="9"/>
  <c r="CU393" i="9"/>
  <c r="CT393" i="9"/>
  <c r="CS393" i="9"/>
  <c r="CR393" i="9"/>
  <c r="CQ393" i="9"/>
  <c r="CP393" i="9"/>
  <c r="CO393" i="9"/>
  <c r="CN393" i="9"/>
  <c r="CM393" i="9"/>
  <c r="DH442" i="9"/>
  <c r="DG442" i="9"/>
  <c r="DF442" i="9"/>
  <c r="DE442" i="9"/>
  <c r="DD442" i="9"/>
  <c r="DC442" i="9"/>
  <c r="DB442" i="9"/>
  <c r="DA442" i="9"/>
  <c r="CZ442" i="9"/>
  <c r="CY442" i="9"/>
  <c r="CX442" i="9"/>
  <c r="CW442" i="9"/>
  <c r="CV442" i="9"/>
  <c r="CU442" i="9"/>
  <c r="CT442" i="9"/>
  <c r="CS442" i="9"/>
  <c r="CR442" i="9"/>
  <c r="CQ442" i="9"/>
  <c r="CP442" i="9"/>
  <c r="CO442" i="9"/>
  <c r="CN442" i="9"/>
  <c r="CM442" i="9"/>
  <c r="DH441" i="9"/>
  <c r="DG441" i="9"/>
  <c r="DF441" i="9"/>
  <c r="DE441" i="9"/>
  <c r="DD441" i="9"/>
  <c r="DC441" i="9"/>
  <c r="DB441" i="9"/>
  <c r="DA441" i="9"/>
  <c r="CZ441" i="9"/>
  <c r="CY441" i="9"/>
  <c r="CX441" i="9"/>
  <c r="CW441" i="9"/>
  <c r="CV441" i="9"/>
  <c r="CU441" i="9"/>
  <c r="CT441" i="9"/>
  <c r="CS441" i="9"/>
  <c r="CR441" i="9"/>
  <c r="CQ441" i="9"/>
  <c r="CP441" i="9"/>
  <c r="CO441" i="9"/>
  <c r="CN441" i="9"/>
  <c r="CM441" i="9"/>
  <c r="DH440" i="9"/>
  <c r="DG440" i="9"/>
  <c r="DF440" i="9"/>
  <c r="DE440" i="9"/>
  <c r="DD440" i="9"/>
  <c r="DC440" i="9"/>
  <c r="DB440" i="9"/>
  <c r="DA440" i="9"/>
  <c r="CZ440" i="9"/>
  <c r="CY440" i="9"/>
  <c r="CX440" i="9"/>
  <c r="CW440" i="9"/>
  <c r="CV440" i="9"/>
  <c r="CU440" i="9"/>
  <c r="CT440" i="9"/>
  <c r="CS440" i="9"/>
  <c r="CR440" i="9"/>
  <c r="CQ440" i="9"/>
  <c r="CP440" i="9"/>
  <c r="CO440" i="9"/>
  <c r="CN440" i="9"/>
  <c r="CM440" i="9"/>
  <c r="DH439" i="9"/>
  <c r="DG439" i="9"/>
  <c r="DF439" i="9"/>
  <c r="DE439" i="9"/>
  <c r="DD439" i="9"/>
  <c r="DC439" i="9"/>
  <c r="DB439" i="9"/>
  <c r="DA439" i="9"/>
  <c r="CZ439" i="9"/>
  <c r="CY439" i="9"/>
  <c r="CX439" i="9"/>
  <c r="CW439" i="9"/>
  <c r="CV439" i="9"/>
  <c r="CU439" i="9"/>
  <c r="CT439" i="9"/>
  <c r="CS439" i="9"/>
  <c r="CR439" i="9"/>
  <c r="CQ439" i="9"/>
  <c r="CP439" i="9"/>
  <c r="CO439" i="9"/>
  <c r="CN439" i="9"/>
  <c r="CM439" i="9"/>
  <c r="DH429" i="9"/>
  <c r="DG429" i="9"/>
  <c r="DF429" i="9"/>
  <c r="DE429" i="9"/>
  <c r="DD429" i="9"/>
  <c r="DC429" i="9"/>
  <c r="DB429" i="9"/>
  <c r="DA429" i="9"/>
  <c r="CZ429" i="9"/>
  <c r="CY429" i="9"/>
  <c r="CX429" i="9"/>
  <c r="CW429" i="9"/>
  <c r="CV429" i="9"/>
  <c r="CU429" i="9"/>
  <c r="CT429" i="9"/>
  <c r="CS429" i="9"/>
  <c r="CR429" i="9"/>
  <c r="CQ429" i="9"/>
  <c r="CP429" i="9"/>
  <c r="CO429" i="9"/>
  <c r="CN429" i="9"/>
  <c r="CM429" i="9"/>
  <c r="DH430" i="9"/>
  <c r="DG430" i="9"/>
  <c r="DF430" i="9"/>
  <c r="DE430" i="9"/>
  <c r="DD430" i="9"/>
  <c r="DC430" i="9"/>
  <c r="DB430" i="9"/>
  <c r="DA430" i="9"/>
  <c r="CZ430" i="9"/>
  <c r="CY430" i="9"/>
  <c r="CX430" i="9"/>
  <c r="CW430" i="9"/>
  <c r="CV430" i="9"/>
  <c r="CU430" i="9"/>
  <c r="CT430" i="9"/>
  <c r="CS430" i="9"/>
  <c r="CR430" i="9"/>
  <c r="CQ430" i="9"/>
  <c r="CP430" i="9"/>
  <c r="CO430" i="9"/>
  <c r="CN430" i="9"/>
  <c r="CM430" i="9"/>
  <c r="DH431" i="9"/>
  <c r="DG431" i="9"/>
  <c r="DF431" i="9"/>
  <c r="DE431" i="9"/>
  <c r="DD431" i="9"/>
  <c r="DC431" i="9"/>
  <c r="DB431" i="9"/>
  <c r="DA431" i="9"/>
  <c r="CZ431" i="9"/>
  <c r="CY431" i="9"/>
  <c r="CX431" i="9"/>
  <c r="CW431" i="9"/>
  <c r="CV431" i="9"/>
  <c r="CU431" i="9"/>
  <c r="CT431" i="9"/>
  <c r="CS431" i="9"/>
  <c r="CR431" i="9"/>
  <c r="CQ431" i="9"/>
  <c r="CP431" i="9"/>
  <c r="CO431" i="9"/>
  <c r="CN431" i="9"/>
  <c r="CM431" i="9"/>
  <c r="DH470" i="9"/>
  <c r="DG470" i="9"/>
  <c r="DF470" i="9"/>
  <c r="DE470" i="9"/>
  <c r="DD470" i="9"/>
  <c r="DC470" i="9"/>
  <c r="DB470" i="9"/>
  <c r="DA470" i="9"/>
  <c r="CZ470" i="9"/>
  <c r="CY470" i="9"/>
  <c r="CX470" i="9"/>
  <c r="CW470" i="9"/>
  <c r="CV470" i="9"/>
  <c r="CU470" i="9"/>
  <c r="CT470" i="9"/>
  <c r="CS470" i="9"/>
  <c r="CR470" i="9"/>
  <c r="CQ470" i="9"/>
  <c r="CP470" i="9"/>
  <c r="CO470" i="9"/>
  <c r="CN470" i="9"/>
  <c r="CM470" i="9"/>
  <c r="DH399" i="9"/>
  <c r="DG399" i="9"/>
  <c r="DF399" i="9"/>
  <c r="DE399" i="9"/>
  <c r="DD399" i="9"/>
  <c r="DC399" i="9"/>
  <c r="DB399" i="9"/>
  <c r="DA399" i="9"/>
  <c r="CZ399" i="9"/>
  <c r="CY399" i="9"/>
  <c r="CX399" i="9"/>
  <c r="CW399" i="9"/>
  <c r="CV399" i="9"/>
  <c r="CU399" i="9"/>
  <c r="CT399" i="9"/>
  <c r="CS399" i="9"/>
  <c r="CR399" i="9"/>
  <c r="CQ399" i="9"/>
  <c r="CP399" i="9"/>
  <c r="CO399" i="9"/>
  <c r="CN399" i="9"/>
  <c r="CM399" i="9"/>
  <c r="DH396" i="9"/>
  <c r="DG396" i="9"/>
  <c r="DF396" i="9"/>
  <c r="DE396" i="9"/>
  <c r="DD396" i="9"/>
  <c r="DC396" i="9"/>
  <c r="DB396" i="9"/>
  <c r="DA396" i="9"/>
  <c r="CZ396" i="9"/>
  <c r="CY396" i="9"/>
  <c r="CX396" i="9"/>
  <c r="CW396" i="9"/>
  <c r="CV396" i="9"/>
  <c r="CU396" i="9"/>
  <c r="CT396" i="9"/>
  <c r="CS396" i="9"/>
  <c r="CR396" i="9"/>
  <c r="CQ396" i="9"/>
  <c r="CP396" i="9"/>
  <c r="CO396" i="9"/>
  <c r="CN396" i="9"/>
  <c r="CM396" i="9"/>
  <c r="DH397" i="9"/>
  <c r="DG397" i="9"/>
  <c r="DF397" i="9"/>
  <c r="DE397" i="9"/>
  <c r="DD397" i="9"/>
  <c r="DC397" i="9"/>
  <c r="DB397" i="9"/>
  <c r="DA397" i="9"/>
  <c r="CZ397" i="9"/>
  <c r="CY397" i="9"/>
  <c r="CX397" i="9"/>
  <c r="CW397" i="9"/>
  <c r="CV397" i="9"/>
  <c r="CU397" i="9"/>
  <c r="CT397" i="9"/>
  <c r="CS397" i="9"/>
  <c r="CR397" i="9"/>
  <c r="CQ397" i="9"/>
  <c r="CP397" i="9"/>
  <c r="CO397" i="9"/>
  <c r="CN397" i="9"/>
  <c r="CM397" i="9"/>
  <c r="DH366" i="9"/>
  <c r="DG366" i="9"/>
  <c r="DF366" i="9"/>
  <c r="DE366" i="9"/>
  <c r="DD366" i="9"/>
  <c r="DC366" i="9"/>
  <c r="DB366" i="9"/>
  <c r="DA366" i="9"/>
  <c r="CZ366" i="9"/>
  <c r="CY366" i="9"/>
  <c r="CX366" i="9"/>
  <c r="CW366" i="9"/>
  <c r="CV366" i="9"/>
  <c r="CU366" i="9"/>
  <c r="CT366" i="9"/>
  <c r="CS366" i="9"/>
  <c r="CR366" i="9"/>
  <c r="CQ366" i="9"/>
  <c r="CP366" i="9"/>
  <c r="CO366" i="9"/>
  <c r="CN366" i="9"/>
  <c r="CM366" i="9"/>
  <c r="DH369" i="9"/>
  <c r="DG369" i="9"/>
  <c r="DF369" i="9"/>
  <c r="DE369" i="9"/>
  <c r="DD369" i="9"/>
  <c r="DC369" i="9"/>
  <c r="DB369" i="9"/>
  <c r="DA369" i="9"/>
  <c r="CZ369" i="9"/>
  <c r="CY369" i="9"/>
  <c r="CX369" i="9"/>
  <c r="CW369" i="9"/>
  <c r="CV369" i="9"/>
  <c r="CU369" i="9"/>
  <c r="CT369" i="9"/>
  <c r="CS369" i="9"/>
  <c r="CR369" i="9"/>
  <c r="CQ369" i="9"/>
  <c r="CP369" i="9"/>
  <c r="CO369" i="9"/>
  <c r="CN369" i="9"/>
  <c r="CM369" i="9"/>
  <c r="DH434" i="9"/>
  <c r="DG434" i="9"/>
  <c r="DF434" i="9"/>
  <c r="DE434" i="9"/>
  <c r="DD434" i="9"/>
  <c r="DC434" i="9"/>
  <c r="DB434" i="9"/>
  <c r="DA434" i="9"/>
  <c r="CZ434" i="9"/>
  <c r="CY434" i="9"/>
  <c r="CX434" i="9"/>
  <c r="CW434" i="9"/>
  <c r="CV434" i="9"/>
  <c r="CU434" i="9"/>
  <c r="CT434" i="9"/>
  <c r="CS434" i="9"/>
  <c r="CR434" i="9"/>
  <c r="CQ434" i="9"/>
  <c r="CP434" i="9"/>
  <c r="CO434" i="9"/>
  <c r="CN434" i="9"/>
  <c r="CM434" i="9"/>
  <c r="DH433" i="9"/>
  <c r="DG433" i="9"/>
  <c r="DF433" i="9"/>
  <c r="DE433" i="9"/>
  <c r="DD433" i="9"/>
  <c r="DC433" i="9"/>
  <c r="DB433" i="9"/>
  <c r="DA433" i="9"/>
  <c r="CZ433" i="9"/>
  <c r="CY433" i="9"/>
  <c r="CX433" i="9"/>
  <c r="CW433" i="9"/>
  <c r="CV433" i="9"/>
  <c r="CU433" i="9"/>
  <c r="CT433" i="9"/>
  <c r="CS433" i="9"/>
  <c r="CR433" i="9"/>
  <c r="CQ433" i="9"/>
  <c r="CP433" i="9"/>
  <c r="CO433" i="9"/>
  <c r="CN433" i="9"/>
  <c r="CM433" i="9"/>
  <c r="DH341" i="9"/>
  <c r="DG341" i="9"/>
  <c r="DF341" i="9"/>
  <c r="DE341" i="9"/>
  <c r="DD341" i="9"/>
  <c r="DC341" i="9"/>
  <c r="DB341" i="9"/>
  <c r="DA341" i="9"/>
  <c r="CZ341" i="9"/>
  <c r="CY341" i="9"/>
  <c r="CX341" i="9"/>
  <c r="CW341" i="9"/>
  <c r="CV341" i="9"/>
  <c r="CU341" i="9"/>
  <c r="CT341" i="9"/>
  <c r="CS341" i="9"/>
  <c r="CR341" i="9"/>
  <c r="CQ341" i="9"/>
  <c r="CP341" i="9"/>
  <c r="CO341" i="9"/>
  <c r="CN341" i="9"/>
  <c r="CM341" i="9"/>
  <c r="DH432" i="9"/>
  <c r="DG432" i="9"/>
  <c r="DF432" i="9"/>
  <c r="DE432" i="9"/>
  <c r="DD432" i="9"/>
  <c r="DC432" i="9"/>
  <c r="DB432" i="9"/>
  <c r="DA432" i="9"/>
  <c r="CZ432" i="9"/>
  <c r="CY432" i="9"/>
  <c r="CX432" i="9"/>
  <c r="CW432" i="9"/>
  <c r="CV432" i="9"/>
  <c r="CU432" i="9"/>
  <c r="CT432" i="9"/>
  <c r="CS432" i="9"/>
  <c r="CR432" i="9"/>
  <c r="CQ432" i="9"/>
  <c r="CP432" i="9"/>
  <c r="CO432" i="9"/>
  <c r="CN432" i="9"/>
  <c r="CM432" i="9"/>
  <c r="DH394" i="9"/>
  <c r="DG394" i="9"/>
  <c r="DF394" i="9"/>
  <c r="DE394" i="9"/>
  <c r="DD394" i="9"/>
  <c r="DC394" i="9"/>
  <c r="DB394" i="9"/>
  <c r="DA394" i="9"/>
  <c r="CZ394" i="9"/>
  <c r="CY394" i="9"/>
  <c r="CX394" i="9"/>
  <c r="CW394" i="9"/>
  <c r="CV394" i="9"/>
  <c r="CU394" i="9"/>
  <c r="CT394" i="9"/>
  <c r="CS394" i="9"/>
  <c r="CR394" i="9"/>
  <c r="CQ394" i="9"/>
  <c r="CP394" i="9"/>
  <c r="CO394" i="9"/>
  <c r="CN394" i="9"/>
  <c r="CM394" i="9"/>
  <c r="DH447" i="9"/>
  <c r="DG447" i="9"/>
  <c r="DF447" i="9"/>
  <c r="DE447" i="9"/>
  <c r="DD447" i="9"/>
  <c r="DC447" i="9"/>
  <c r="DB447" i="9"/>
  <c r="DA447" i="9"/>
  <c r="CZ447" i="9"/>
  <c r="CY447" i="9"/>
  <c r="CX447" i="9"/>
  <c r="CW447" i="9"/>
  <c r="CV447" i="9"/>
  <c r="CU447" i="9"/>
  <c r="CT447" i="9"/>
  <c r="CS447" i="9"/>
  <c r="CR447" i="9"/>
  <c r="CQ447" i="9"/>
  <c r="CP447" i="9"/>
  <c r="CO447" i="9"/>
  <c r="CN447" i="9"/>
  <c r="CM447" i="9"/>
  <c r="DH446" i="9"/>
  <c r="DG446" i="9"/>
  <c r="DF446" i="9"/>
  <c r="DE446" i="9"/>
  <c r="DD446" i="9"/>
  <c r="DC446" i="9"/>
  <c r="DB446" i="9"/>
  <c r="DA446" i="9"/>
  <c r="CZ446" i="9"/>
  <c r="CY446" i="9"/>
  <c r="CX446" i="9"/>
  <c r="CW446" i="9"/>
  <c r="CV446" i="9"/>
  <c r="CU446" i="9"/>
  <c r="CT446" i="9"/>
  <c r="CS446" i="9"/>
  <c r="CR446" i="9"/>
  <c r="CQ446" i="9"/>
  <c r="CP446" i="9"/>
  <c r="CO446" i="9"/>
  <c r="CN446" i="9"/>
  <c r="CM446" i="9"/>
  <c r="DH437" i="9"/>
  <c r="DG437" i="9"/>
  <c r="DF437" i="9"/>
  <c r="DE437" i="9"/>
  <c r="DD437" i="9"/>
  <c r="DC437" i="9"/>
  <c r="DB437" i="9"/>
  <c r="DA437" i="9"/>
  <c r="CZ437" i="9"/>
  <c r="CY437" i="9"/>
  <c r="CX437" i="9"/>
  <c r="CW437" i="9"/>
  <c r="CV437" i="9"/>
  <c r="CU437" i="9"/>
  <c r="CT437" i="9"/>
  <c r="CS437" i="9"/>
  <c r="CR437" i="9"/>
  <c r="CQ437" i="9"/>
  <c r="CP437" i="9"/>
  <c r="CO437" i="9"/>
  <c r="CN437" i="9"/>
  <c r="CM437" i="9"/>
  <c r="DH320" i="9"/>
  <c r="DG320" i="9"/>
  <c r="DF320" i="9"/>
  <c r="DE320" i="9"/>
  <c r="DD320" i="9"/>
  <c r="DC320" i="9"/>
  <c r="DB320" i="9"/>
  <c r="DA320" i="9"/>
  <c r="CZ320" i="9"/>
  <c r="CY320" i="9"/>
  <c r="CX320" i="9"/>
  <c r="CW320" i="9"/>
  <c r="CV320" i="9"/>
  <c r="CU320" i="9"/>
  <c r="CT320" i="9"/>
  <c r="CS320" i="9"/>
  <c r="CR320" i="9"/>
  <c r="CQ320" i="9"/>
  <c r="CP320" i="9"/>
  <c r="CO320" i="9"/>
  <c r="CN320" i="9"/>
  <c r="CM320" i="9"/>
  <c r="DH444" i="9"/>
  <c r="DG444" i="9"/>
  <c r="DF444" i="9"/>
  <c r="DE444" i="9"/>
  <c r="DD444" i="9"/>
  <c r="DC444" i="9"/>
  <c r="DB444" i="9"/>
  <c r="DA444" i="9"/>
  <c r="CZ444" i="9"/>
  <c r="CY444" i="9"/>
  <c r="CX444" i="9"/>
  <c r="CW444" i="9"/>
  <c r="CV444" i="9"/>
  <c r="CU444" i="9"/>
  <c r="CT444" i="9"/>
  <c r="CS444" i="9"/>
  <c r="CR444" i="9"/>
  <c r="CQ444" i="9"/>
  <c r="CP444" i="9"/>
  <c r="CO444" i="9"/>
  <c r="CN444" i="9"/>
  <c r="CM444" i="9"/>
  <c r="DH417" i="9"/>
  <c r="DG417" i="9"/>
  <c r="DF417" i="9"/>
  <c r="DE417" i="9"/>
  <c r="DD417" i="9"/>
  <c r="DC417" i="9"/>
  <c r="DB417" i="9"/>
  <c r="DA417" i="9"/>
  <c r="CZ417" i="9"/>
  <c r="CY417" i="9"/>
  <c r="CX417" i="9"/>
  <c r="CW417" i="9"/>
  <c r="CV417" i="9"/>
  <c r="CU417" i="9"/>
  <c r="CT417" i="9"/>
  <c r="CS417" i="9"/>
  <c r="CR417" i="9"/>
  <c r="CQ417" i="9"/>
  <c r="CP417" i="9"/>
  <c r="CO417" i="9"/>
  <c r="CN417" i="9"/>
  <c r="CM417" i="9"/>
  <c r="DH376" i="9"/>
  <c r="DG376" i="9"/>
  <c r="DF376" i="9"/>
  <c r="DE376" i="9"/>
  <c r="DD376" i="9"/>
  <c r="DC376" i="9"/>
  <c r="DB376" i="9"/>
  <c r="DA376" i="9"/>
  <c r="CZ376" i="9"/>
  <c r="CY376" i="9"/>
  <c r="CX376" i="9"/>
  <c r="CW376" i="9"/>
  <c r="CV376" i="9"/>
  <c r="CU376" i="9"/>
  <c r="CT376" i="9"/>
  <c r="CS376" i="9"/>
  <c r="CR376" i="9"/>
  <c r="CQ376" i="9"/>
  <c r="CP376" i="9"/>
  <c r="CO376" i="9"/>
  <c r="CN376" i="9"/>
  <c r="CM376" i="9"/>
  <c r="DH350" i="9"/>
  <c r="DG350" i="9"/>
  <c r="DF350" i="9"/>
  <c r="DE350" i="9"/>
  <c r="DD350" i="9"/>
  <c r="DC350" i="9"/>
  <c r="DB350" i="9"/>
  <c r="DA350" i="9"/>
  <c r="CZ350" i="9"/>
  <c r="CY350" i="9"/>
  <c r="CX350" i="9"/>
  <c r="CW350" i="9"/>
  <c r="CV350" i="9"/>
  <c r="CU350" i="9"/>
  <c r="CT350" i="9"/>
  <c r="CS350" i="9"/>
  <c r="CR350" i="9"/>
  <c r="CQ350" i="9"/>
  <c r="CP350" i="9"/>
  <c r="CO350" i="9"/>
  <c r="CN350" i="9"/>
  <c r="CM350" i="9"/>
  <c r="DH374" i="9"/>
  <c r="DG374" i="9"/>
  <c r="DF374" i="9"/>
  <c r="DE374" i="9"/>
  <c r="DD374" i="9"/>
  <c r="DC374" i="9"/>
  <c r="DB374" i="9"/>
  <c r="DA374" i="9"/>
  <c r="CZ374" i="9"/>
  <c r="CY374" i="9"/>
  <c r="CX374" i="9"/>
  <c r="CW374" i="9"/>
  <c r="CV374" i="9"/>
  <c r="CU374" i="9"/>
  <c r="CT374" i="9"/>
  <c r="CS374" i="9"/>
  <c r="CR374" i="9"/>
  <c r="CQ374" i="9"/>
  <c r="CP374" i="9"/>
  <c r="CO374" i="9"/>
  <c r="CN374" i="9"/>
  <c r="CM374" i="9"/>
  <c r="DH377" i="9"/>
  <c r="DG377" i="9"/>
  <c r="DF377" i="9"/>
  <c r="DE377" i="9"/>
  <c r="DD377" i="9"/>
  <c r="DC377" i="9"/>
  <c r="DB377" i="9"/>
  <c r="DA377" i="9"/>
  <c r="CZ377" i="9"/>
  <c r="CY377" i="9"/>
  <c r="CX377" i="9"/>
  <c r="CW377" i="9"/>
  <c r="CV377" i="9"/>
  <c r="CU377" i="9"/>
  <c r="CT377" i="9"/>
  <c r="CS377" i="9"/>
  <c r="CR377" i="9"/>
  <c r="CQ377" i="9"/>
  <c r="CP377" i="9"/>
  <c r="CO377" i="9"/>
  <c r="CN377" i="9"/>
  <c r="CM377" i="9"/>
  <c r="DH375" i="9"/>
  <c r="DG375" i="9"/>
  <c r="DF375" i="9"/>
  <c r="DE375" i="9"/>
  <c r="DD375" i="9"/>
  <c r="DC375" i="9"/>
  <c r="DB375" i="9"/>
  <c r="DA375" i="9"/>
  <c r="CZ375" i="9"/>
  <c r="CY375" i="9"/>
  <c r="CX375" i="9"/>
  <c r="CW375" i="9"/>
  <c r="CV375" i="9"/>
  <c r="CU375" i="9"/>
  <c r="CT375" i="9"/>
  <c r="CS375" i="9"/>
  <c r="CR375" i="9"/>
  <c r="CQ375" i="9"/>
  <c r="CP375" i="9"/>
  <c r="CO375" i="9"/>
  <c r="CN375" i="9"/>
  <c r="CM375" i="9"/>
  <c r="DH373" i="9"/>
  <c r="DG373" i="9"/>
  <c r="DF373" i="9"/>
  <c r="DE373" i="9"/>
  <c r="DD373" i="9"/>
  <c r="DC373" i="9"/>
  <c r="DB373" i="9"/>
  <c r="DA373" i="9"/>
  <c r="CZ373" i="9"/>
  <c r="CY373" i="9"/>
  <c r="CX373" i="9"/>
  <c r="CW373" i="9"/>
  <c r="CV373" i="9"/>
  <c r="CU373" i="9"/>
  <c r="CT373" i="9"/>
  <c r="CS373" i="9"/>
  <c r="CR373" i="9"/>
  <c r="CQ373" i="9"/>
  <c r="CP373" i="9"/>
  <c r="CO373" i="9"/>
  <c r="CN373" i="9"/>
  <c r="CM373" i="9"/>
  <c r="DH466" i="9"/>
  <c r="DG466" i="9"/>
  <c r="DF466" i="9"/>
  <c r="DE466" i="9"/>
  <c r="DD466" i="9"/>
  <c r="DC466" i="9"/>
  <c r="DB466" i="9"/>
  <c r="DA466" i="9"/>
  <c r="CZ466" i="9"/>
  <c r="CY466" i="9"/>
  <c r="CX466" i="9"/>
  <c r="CW466" i="9"/>
  <c r="CV466" i="9"/>
  <c r="CU466" i="9"/>
  <c r="CT466" i="9"/>
  <c r="CS466" i="9"/>
  <c r="CR466" i="9"/>
  <c r="CQ466" i="9"/>
  <c r="CP466" i="9"/>
  <c r="CO466" i="9"/>
  <c r="CN466" i="9"/>
  <c r="CM466" i="9"/>
  <c r="DH469" i="9"/>
  <c r="DG469" i="9"/>
  <c r="DF469" i="9"/>
  <c r="DE469" i="9"/>
  <c r="DD469" i="9"/>
  <c r="DC469" i="9"/>
  <c r="DB469" i="9"/>
  <c r="DA469" i="9"/>
  <c r="CZ469" i="9"/>
  <c r="CY469" i="9"/>
  <c r="CX469" i="9"/>
  <c r="CW469" i="9"/>
  <c r="CV469" i="9"/>
  <c r="CU469" i="9"/>
  <c r="CT469" i="9"/>
  <c r="CS469" i="9"/>
  <c r="CR469" i="9"/>
  <c r="CQ469" i="9"/>
  <c r="CP469" i="9"/>
  <c r="CO469" i="9"/>
  <c r="CN469" i="9"/>
  <c r="CM469" i="9"/>
  <c r="DH284" i="9"/>
  <c r="DG284" i="9"/>
  <c r="DF284" i="9"/>
  <c r="DE284" i="9"/>
  <c r="DD284" i="9"/>
  <c r="DC284" i="9"/>
  <c r="DB284" i="9"/>
  <c r="DA284" i="9"/>
  <c r="CZ284" i="9"/>
  <c r="CY284" i="9"/>
  <c r="CX284" i="9"/>
  <c r="CW284" i="9"/>
  <c r="CV284" i="9"/>
  <c r="CU284" i="9"/>
  <c r="CT284" i="9"/>
  <c r="CS284" i="9"/>
  <c r="CR284" i="9"/>
  <c r="CQ284" i="9"/>
  <c r="CP284" i="9"/>
  <c r="CO284" i="9"/>
  <c r="CN284" i="9"/>
  <c r="CM284" i="9"/>
  <c r="DH273" i="9"/>
  <c r="DG273" i="9"/>
  <c r="DF273" i="9"/>
  <c r="DE273" i="9"/>
  <c r="DD273" i="9"/>
  <c r="DC273" i="9"/>
  <c r="DB273" i="9"/>
  <c r="DA273" i="9"/>
  <c r="CZ273" i="9"/>
  <c r="CY273" i="9"/>
  <c r="CX273" i="9"/>
  <c r="CW273" i="9"/>
  <c r="CV273" i="9"/>
  <c r="CU273" i="9"/>
  <c r="CT273" i="9"/>
  <c r="CS273" i="9"/>
  <c r="CR273" i="9"/>
  <c r="CQ273" i="9"/>
  <c r="CP273" i="9"/>
  <c r="CO273" i="9"/>
  <c r="CN273" i="9"/>
  <c r="CM273" i="9"/>
  <c r="DH347" i="9"/>
  <c r="DG347" i="9"/>
  <c r="DF347" i="9"/>
  <c r="DE347" i="9"/>
  <c r="DD347" i="9"/>
  <c r="DC347" i="9"/>
  <c r="DB347" i="9"/>
  <c r="DA347" i="9"/>
  <c r="CZ347" i="9"/>
  <c r="CY347" i="9"/>
  <c r="CX347" i="9"/>
  <c r="CW347" i="9"/>
  <c r="CV347" i="9"/>
  <c r="CU347" i="9"/>
  <c r="CT347" i="9"/>
  <c r="CS347" i="9"/>
  <c r="CR347" i="9"/>
  <c r="CQ347" i="9"/>
  <c r="CP347" i="9"/>
  <c r="CO347" i="9"/>
  <c r="CN347" i="9"/>
  <c r="CM347" i="9"/>
  <c r="DH345" i="9"/>
  <c r="DG345" i="9"/>
  <c r="DF345" i="9"/>
  <c r="DE345" i="9"/>
  <c r="DD345" i="9"/>
  <c r="DC345" i="9"/>
  <c r="DB345" i="9"/>
  <c r="DA345" i="9"/>
  <c r="CZ345" i="9"/>
  <c r="CY345" i="9"/>
  <c r="CX345" i="9"/>
  <c r="CW345" i="9"/>
  <c r="CV345" i="9"/>
  <c r="CU345" i="9"/>
  <c r="CT345" i="9"/>
  <c r="CS345" i="9"/>
  <c r="CR345" i="9"/>
  <c r="CQ345" i="9"/>
  <c r="CP345" i="9"/>
  <c r="CO345" i="9"/>
  <c r="CN345" i="9"/>
  <c r="CM345" i="9"/>
  <c r="DH367" i="9"/>
  <c r="DG367" i="9"/>
  <c r="DF367" i="9"/>
  <c r="DE367" i="9"/>
  <c r="DD367" i="9"/>
  <c r="DC367" i="9"/>
  <c r="DB367" i="9"/>
  <c r="DA367" i="9"/>
  <c r="CZ367" i="9"/>
  <c r="CY367" i="9"/>
  <c r="CX367" i="9"/>
  <c r="CW367" i="9"/>
  <c r="CV367" i="9"/>
  <c r="CU367" i="9"/>
  <c r="CT367" i="9"/>
  <c r="CS367" i="9"/>
  <c r="CR367" i="9"/>
  <c r="CQ367" i="9"/>
  <c r="CP367" i="9"/>
  <c r="CO367" i="9"/>
  <c r="CN367" i="9"/>
  <c r="CM367" i="9"/>
  <c r="DH368" i="9"/>
  <c r="DG368" i="9"/>
  <c r="DF368" i="9"/>
  <c r="DE368" i="9"/>
  <c r="DD368" i="9"/>
  <c r="DC368" i="9"/>
  <c r="DB368" i="9"/>
  <c r="DA368" i="9"/>
  <c r="CZ368" i="9"/>
  <c r="CY368" i="9"/>
  <c r="CX368" i="9"/>
  <c r="CW368" i="9"/>
  <c r="CV368" i="9"/>
  <c r="CU368" i="9"/>
  <c r="CT368" i="9"/>
  <c r="CS368" i="9"/>
  <c r="CR368" i="9"/>
  <c r="CQ368" i="9"/>
  <c r="CP368" i="9"/>
  <c r="CO368" i="9"/>
  <c r="CN368" i="9"/>
  <c r="CM368" i="9"/>
  <c r="DH370" i="9"/>
  <c r="DG370" i="9"/>
  <c r="DF370" i="9"/>
  <c r="DE370" i="9"/>
  <c r="DD370" i="9"/>
  <c r="DC370" i="9"/>
  <c r="DB370" i="9"/>
  <c r="DA370" i="9"/>
  <c r="CZ370" i="9"/>
  <c r="CY370" i="9"/>
  <c r="CX370" i="9"/>
  <c r="CW370" i="9"/>
  <c r="CV370" i="9"/>
  <c r="CU370" i="9"/>
  <c r="CT370" i="9"/>
  <c r="CS370" i="9"/>
  <c r="CR370" i="9"/>
  <c r="CQ370" i="9"/>
  <c r="CP370" i="9"/>
  <c r="CO370" i="9"/>
  <c r="CN370" i="9"/>
  <c r="CM370" i="9"/>
  <c r="DH372" i="9"/>
  <c r="DG372" i="9"/>
  <c r="DF372" i="9"/>
  <c r="DE372" i="9"/>
  <c r="DD372" i="9"/>
  <c r="DC372" i="9"/>
  <c r="DB372" i="9"/>
  <c r="DA372" i="9"/>
  <c r="CZ372" i="9"/>
  <c r="CY372" i="9"/>
  <c r="CX372" i="9"/>
  <c r="CW372" i="9"/>
  <c r="CV372" i="9"/>
  <c r="CU372" i="9"/>
  <c r="CT372" i="9"/>
  <c r="CS372" i="9"/>
  <c r="CR372" i="9"/>
  <c r="CQ372" i="9"/>
  <c r="CP372" i="9"/>
  <c r="CO372" i="9"/>
  <c r="CN372" i="9"/>
  <c r="CM372" i="9"/>
  <c r="DH371" i="9"/>
  <c r="DG371" i="9"/>
  <c r="DF371" i="9"/>
  <c r="DE371" i="9"/>
  <c r="DD371" i="9"/>
  <c r="DC371" i="9"/>
  <c r="DB371" i="9"/>
  <c r="DA371" i="9"/>
  <c r="CZ371" i="9"/>
  <c r="CY371" i="9"/>
  <c r="CX371" i="9"/>
  <c r="CW371" i="9"/>
  <c r="CV371" i="9"/>
  <c r="CU371" i="9"/>
  <c r="CT371" i="9"/>
  <c r="CS371" i="9"/>
  <c r="CR371" i="9"/>
  <c r="CQ371" i="9"/>
  <c r="CP371" i="9"/>
  <c r="CO371" i="9"/>
  <c r="CN371" i="9"/>
  <c r="CM371" i="9"/>
  <c r="DH348" i="9"/>
  <c r="DG348" i="9"/>
  <c r="DF348" i="9"/>
  <c r="DE348" i="9"/>
  <c r="DD348" i="9"/>
  <c r="DC348" i="9"/>
  <c r="DB348" i="9"/>
  <c r="DA348" i="9"/>
  <c r="CZ348" i="9"/>
  <c r="CY348" i="9"/>
  <c r="CX348" i="9"/>
  <c r="CW348" i="9"/>
  <c r="CV348" i="9"/>
  <c r="CU348" i="9"/>
  <c r="CT348" i="9"/>
  <c r="CS348" i="9"/>
  <c r="CR348" i="9"/>
  <c r="CQ348" i="9"/>
  <c r="CP348" i="9"/>
  <c r="CO348" i="9"/>
  <c r="CN348" i="9"/>
  <c r="CM348" i="9"/>
  <c r="DH349" i="9"/>
  <c r="DG349" i="9"/>
  <c r="DF349" i="9"/>
  <c r="DE349" i="9"/>
  <c r="DD349" i="9"/>
  <c r="DC349" i="9"/>
  <c r="DB349" i="9"/>
  <c r="DA349" i="9"/>
  <c r="CZ349" i="9"/>
  <c r="CY349" i="9"/>
  <c r="CX349" i="9"/>
  <c r="CW349" i="9"/>
  <c r="CV349" i="9"/>
  <c r="CU349" i="9"/>
  <c r="CT349" i="9"/>
  <c r="CS349" i="9"/>
  <c r="CR349" i="9"/>
  <c r="CQ349" i="9"/>
  <c r="CP349" i="9"/>
  <c r="CO349" i="9"/>
  <c r="CN349" i="9"/>
  <c r="CM349" i="9"/>
  <c r="DH435" i="9"/>
  <c r="DG435" i="9"/>
  <c r="DF435" i="9"/>
  <c r="DE435" i="9"/>
  <c r="DD435" i="9"/>
  <c r="DC435" i="9"/>
  <c r="DB435" i="9"/>
  <c r="DA435" i="9"/>
  <c r="CZ435" i="9"/>
  <c r="CY435" i="9"/>
  <c r="CX435" i="9"/>
  <c r="CW435" i="9"/>
  <c r="CV435" i="9"/>
  <c r="CU435" i="9"/>
  <c r="CT435" i="9"/>
  <c r="CS435" i="9"/>
  <c r="CR435" i="9"/>
  <c r="CQ435" i="9"/>
  <c r="CP435" i="9"/>
  <c r="CO435" i="9"/>
  <c r="CN435" i="9"/>
  <c r="CM435" i="9"/>
  <c r="DH344" i="9"/>
  <c r="DG344" i="9"/>
  <c r="DF344" i="9"/>
  <c r="DE344" i="9"/>
  <c r="DD344" i="9"/>
  <c r="DC344" i="9"/>
  <c r="DB344" i="9"/>
  <c r="DA344" i="9"/>
  <c r="CZ344" i="9"/>
  <c r="CY344" i="9"/>
  <c r="CX344" i="9"/>
  <c r="CW344" i="9"/>
  <c r="CV344" i="9"/>
  <c r="CU344" i="9"/>
  <c r="CT344" i="9"/>
  <c r="CS344" i="9"/>
  <c r="CR344" i="9"/>
  <c r="CQ344" i="9"/>
  <c r="CP344" i="9"/>
  <c r="CO344" i="9"/>
  <c r="CN344" i="9"/>
  <c r="CM344" i="9"/>
  <c r="DH462" i="9"/>
  <c r="DG462" i="9"/>
  <c r="DF462" i="9"/>
  <c r="DE462" i="9"/>
  <c r="DD462" i="9"/>
  <c r="DC462" i="9"/>
  <c r="DB462" i="9"/>
  <c r="DA462" i="9"/>
  <c r="CZ462" i="9"/>
  <c r="CY462" i="9"/>
  <c r="CX462" i="9"/>
  <c r="CW462" i="9"/>
  <c r="CV462" i="9"/>
  <c r="CU462" i="9"/>
  <c r="CT462" i="9"/>
  <c r="CS462" i="9"/>
  <c r="CR462" i="9"/>
  <c r="CQ462" i="9"/>
  <c r="CP462" i="9"/>
  <c r="CO462" i="9"/>
  <c r="CN462" i="9"/>
  <c r="CM462" i="9"/>
  <c r="DH342" i="9"/>
  <c r="DG342" i="9"/>
  <c r="DF342" i="9"/>
  <c r="DE342" i="9"/>
  <c r="DD342" i="9"/>
  <c r="DC342" i="9"/>
  <c r="DB342" i="9"/>
  <c r="DA342" i="9"/>
  <c r="CZ342" i="9"/>
  <c r="CY342" i="9"/>
  <c r="CX342" i="9"/>
  <c r="CW342" i="9"/>
  <c r="CV342" i="9"/>
  <c r="CU342" i="9"/>
  <c r="CT342" i="9"/>
  <c r="CS342" i="9"/>
  <c r="CR342" i="9"/>
  <c r="CQ342" i="9"/>
  <c r="CP342" i="9"/>
  <c r="CO342" i="9"/>
  <c r="CN342" i="9"/>
  <c r="CM342" i="9"/>
  <c r="DH272" i="9"/>
  <c r="DG272" i="9"/>
  <c r="DF272" i="9"/>
  <c r="DE272" i="9"/>
  <c r="DD272" i="9"/>
  <c r="DC272" i="9"/>
  <c r="DB272" i="9"/>
  <c r="DA272" i="9"/>
  <c r="CZ272" i="9"/>
  <c r="CY272" i="9"/>
  <c r="CX272" i="9"/>
  <c r="CW272" i="9"/>
  <c r="CV272" i="9"/>
  <c r="CU272" i="9"/>
  <c r="CT272" i="9"/>
  <c r="CS272" i="9"/>
  <c r="CR272" i="9"/>
  <c r="CQ272" i="9"/>
  <c r="CP272" i="9"/>
  <c r="CO272" i="9"/>
  <c r="CN272" i="9"/>
  <c r="CM272" i="9"/>
  <c r="DH405" i="9"/>
  <c r="DG405" i="9"/>
  <c r="DF405" i="9"/>
  <c r="DE405" i="9"/>
  <c r="DD405" i="9"/>
  <c r="DC405" i="9"/>
  <c r="DB405" i="9"/>
  <c r="DA405" i="9"/>
  <c r="CZ405" i="9"/>
  <c r="CY405" i="9"/>
  <c r="CX405" i="9"/>
  <c r="CW405" i="9"/>
  <c r="CV405" i="9"/>
  <c r="CU405" i="9"/>
  <c r="CT405" i="9"/>
  <c r="CS405" i="9"/>
  <c r="CR405" i="9"/>
  <c r="CQ405" i="9"/>
  <c r="CP405" i="9"/>
  <c r="CO405" i="9"/>
  <c r="CN405" i="9"/>
  <c r="CM405" i="9"/>
  <c r="DH279" i="9"/>
  <c r="DG279" i="9"/>
  <c r="DF279" i="9"/>
  <c r="DE279" i="9"/>
  <c r="DD279" i="9"/>
  <c r="DC279" i="9"/>
  <c r="DB279" i="9"/>
  <c r="DA279" i="9"/>
  <c r="CZ279" i="9"/>
  <c r="CY279" i="9"/>
  <c r="CX279" i="9"/>
  <c r="CW279" i="9"/>
  <c r="CV279" i="9"/>
  <c r="CU279" i="9"/>
  <c r="CT279" i="9"/>
  <c r="CS279" i="9"/>
  <c r="CR279" i="9"/>
  <c r="CQ279" i="9"/>
  <c r="CP279" i="9"/>
  <c r="CO279" i="9"/>
  <c r="CN279" i="9"/>
  <c r="CM279" i="9"/>
  <c r="DH413" i="9"/>
  <c r="DG413" i="9"/>
  <c r="DF413" i="9"/>
  <c r="DE413" i="9"/>
  <c r="DD413" i="9"/>
  <c r="DC413" i="9"/>
  <c r="DB413" i="9"/>
  <c r="DA413" i="9"/>
  <c r="CZ413" i="9"/>
  <c r="CY413" i="9"/>
  <c r="CX413" i="9"/>
  <c r="CW413" i="9"/>
  <c r="CV413" i="9"/>
  <c r="CU413" i="9"/>
  <c r="CT413" i="9"/>
  <c r="CS413" i="9"/>
  <c r="CR413" i="9"/>
  <c r="CQ413" i="9"/>
  <c r="CP413" i="9"/>
  <c r="CO413" i="9"/>
  <c r="CN413" i="9"/>
  <c r="CM413" i="9"/>
  <c r="DH412" i="9"/>
  <c r="DG412" i="9"/>
  <c r="DF412" i="9"/>
  <c r="DE412" i="9"/>
  <c r="DD412" i="9"/>
  <c r="DC412" i="9"/>
  <c r="DB412" i="9"/>
  <c r="DA412" i="9"/>
  <c r="CZ412" i="9"/>
  <c r="CY412" i="9"/>
  <c r="CX412" i="9"/>
  <c r="CW412" i="9"/>
  <c r="CV412" i="9"/>
  <c r="CU412" i="9"/>
  <c r="CT412" i="9"/>
  <c r="CS412" i="9"/>
  <c r="CR412" i="9"/>
  <c r="CQ412" i="9"/>
  <c r="CP412" i="9"/>
  <c r="CO412" i="9"/>
  <c r="CN412" i="9"/>
  <c r="CM412" i="9"/>
  <c r="DH410" i="9"/>
  <c r="DG410" i="9"/>
  <c r="DF410" i="9"/>
  <c r="DE410" i="9"/>
  <c r="DD410" i="9"/>
  <c r="DC410" i="9"/>
  <c r="DB410" i="9"/>
  <c r="DA410" i="9"/>
  <c r="CZ410" i="9"/>
  <c r="CY410" i="9"/>
  <c r="CX410" i="9"/>
  <c r="CW410" i="9"/>
  <c r="CV410" i="9"/>
  <c r="CU410" i="9"/>
  <c r="CT410" i="9"/>
  <c r="CS410" i="9"/>
  <c r="CR410" i="9"/>
  <c r="CQ410" i="9"/>
  <c r="CP410" i="9"/>
  <c r="CO410" i="9"/>
  <c r="CN410" i="9"/>
  <c r="CM410" i="9"/>
  <c r="DH411" i="9"/>
  <c r="DG411" i="9"/>
  <c r="DF411" i="9"/>
  <c r="DE411" i="9"/>
  <c r="DD411" i="9"/>
  <c r="DC411" i="9"/>
  <c r="DB411" i="9"/>
  <c r="DA411" i="9"/>
  <c r="CZ411" i="9"/>
  <c r="CY411" i="9"/>
  <c r="CX411" i="9"/>
  <c r="CW411" i="9"/>
  <c r="CV411" i="9"/>
  <c r="CU411" i="9"/>
  <c r="CT411" i="9"/>
  <c r="CS411" i="9"/>
  <c r="CR411" i="9"/>
  <c r="CQ411" i="9"/>
  <c r="CP411" i="9"/>
  <c r="CO411" i="9"/>
  <c r="CN411" i="9"/>
  <c r="CM411" i="9"/>
  <c r="DH276" i="9"/>
  <c r="DG276" i="9"/>
  <c r="DF276" i="9"/>
  <c r="DE276" i="9"/>
  <c r="DD276" i="9"/>
  <c r="DC276" i="9"/>
  <c r="DB276" i="9"/>
  <c r="DA276" i="9"/>
  <c r="CZ276" i="9"/>
  <c r="CY276" i="9"/>
  <c r="CX276" i="9"/>
  <c r="CW276" i="9"/>
  <c r="CV276" i="9"/>
  <c r="CU276" i="9"/>
  <c r="CT276" i="9"/>
  <c r="CS276" i="9"/>
  <c r="CR276" i="9"/>
  <c r="CQ276" i="9"/>
  <c r="CP276" i="9"/>
  <c r="CO276" i="9"/>
  <c r="CN276" i="9"/>
  <c r="CM276" i="9"/>
  <c r="DH381" i="9"/>
  <c r="DG381" i="9"/>
  <c r="DF381" i="9"/>
  <c r="DE381" i="9"/>
  <c r="DD381" i="9"/>
  <c r="DC381" i="9"/>
  <c r="DB381" i="9"/>
  <c r="DA381" i="9"/>
  <c r="CZ381" i="9"/>
  <c r="CY381" i="9"/>
  <c r="CX381" i="9"/>
  <c r="CW381" i="9"/>
  <c r="CV381" i="9"/>
  <c r="CU381" i="9"/>
  <c r="CT381" i="9"/>
  <c r="CS381" i="9"/>
  <c r="CR381" i="9"/>
  <c r="CQ381" i="9"/>
  <c r="CP381" i="9"/>
  <c r="CO381" i="9"/>
  <c r="CN381" i="9"/>
  <c r="CM381" i="9"/>
  <c r="DH436" i="9"/>
  <c r="DG436" i="9"/>
  <c r="DF436" i="9"/>
  <c r="DE436" i="9"/>
  <c r="DD436" i="9"/>
  <c r="DC436" i="9"/>
  <c r="DB436" i="9"/>
  <c r="DA436" i="9"/>
  <c r="CZ436" i="9"/>
  <c r="CY436" i="9"/>
  <c r="CX436" i="9"/>
  <c r="CW436" i="9"/>
  <c r="CV436" i="9"/>
  <c r="CU436" i="9"/>
  <c r="CT436" i="9"/>
  <c r="CS436" i="9"/>
  <c r="CR436" i="9"/>
  <c r="CQ436" i="9"/>
  <c r="CP436" i="9"/>
  <c r="CO436" i="9"/>
  <c r="CN436" i="9"/>
  <c r="CM436" i="9"/>
  <c r="DH398" i="9"/>
  <c r="DG398" i="9"/>
  <c r="DF398" i="9"/>
  <c r="DE398" i="9"/>
  <c r="DD398" i="9"/>
  <c r="DC398" i="9"/>
  <c r="DB398" i="9"/>
  <c r="DA398" i="9"/>
  <c r="CZ398" i="9"/>
  <c r="CY398" i="9"/>
  <c r="CX398" i="9"/>
  <c r="CW398" i="9"/>
  <c r="CV398" i="9"/>
  <c r="CU398" i="9"/>
  <c r="CT398" i="9"/>
  <c r="CS398" i="9"/>
  <c r="CR398" i="9"/>
  <c r="CQ398" i="9"/>
  <c r="CP398" i="9"/>
  <c r="CO398" i="9"/>
  <c r="CN398" i="9"/>
  <c r="CM398" i="9"/>
  <c r="DH392" i="9"/>
  <c r="DG392" i="9"/>
  <c r="DF392" i="9"/>
  <c r="DE392" i="9"/>
  <c r="DD392" i="9"/>
  <c r="DC392" i="9"/>
  <c r="DB392" i="9"/>
  <c r="DA392" i="9"/>
  <c r="CZ392" i="9"/>
  <c r="CY392" i="9"/>
  <c r="CX392" i="9"/>
  <c r="CW392" i="9"/>
  <c r="CV392" i="9"/>
  <c r="CU392" i="9"/>
  <c r="CT392" i="9"/>
  <c r="CS392" i="9"/>
  <c r="CR392" i="9"/>
  <c r="CQ392" i="9"/>
  <c r="CP392" i="9"/>
  <c r="CO392" i="9"/>
  <c r="CN392" i="9"/>
  <c r="CM392" i="9"/>
  <c r="DH379" i="9"/>
  <c r="DG379" i="9"/>
  <c r="DF379" i="9"/>
  <c r="DE379" i="9"/>
  <c r="DD379" i="9"/>
  <c r="DC379" i="9"/>
  <c r="DB379" i="9"/>
  <c r="DA379" i="9"/>
  <c r="CZ379" i="9"/>
  <c r="CY379" i="9"/>
  <c r="CX379" i="9"/>
  <c r="CW379" i="9"/>
  <c r="CV379" i="9"/>
  <c r="CU379" i="9"/>
  <c r="CT379" i="9"/>
  <c r="CS379" i="9"/>
  <c r="CR379" i="9"/>
  <c r="CQ379" i="9"/>
  <c r="CP379" i="9"/>
  <c r="CO379" i="9"/>
  <c r="CN379" i="9"/>
  <c r="CM379" i="9"/>
  <c r="DH489" i="9"/>
  <c r="DG489" i="9"/>
  <c r="DF489" i="9"/>
  <c r="DE489" i="9"/>
  <c r="DD489" i="9"/>
  <c r="DC489" i="9"/>
  <c r="DB489" i="9"/>
  <c r="DA489" i="9"/>
  <c r="CZ489" i="9"/>
  <c r="CY489" i="9"/>
  <c r="CX489" i="9"/>
  <c r="CW489" i="9"/>
  <c r="CV489" i="9"/>
  <c r="CU489" i="9"/>
  <c r="CT489" i="9"/>
  <c r="CS489" i="9"/>
  <c r="CR489" i="9"/>
  <c r="CQ489" i="9"/>
  <c r="CP489" i="9"/>
  <c r="CO489" i="9"/>
  <c r="CN489" i="9"/>
  <c r="CM489" i="9"/>
  <c r="DH326" i="9"/>
  <c r="DG326" i="9"/>
  <c r="DF326" i="9"/>
  <c r="DE326" i="9"/>
  <c r="DD326" i="9"/>
  <c r="DC326" i="9"/>
  <c r="DB326" i="9"/>
  <c r="DA326" i="9"/>
  <c r="CZ326" i="9"/>
  <c r="CY326" i="9"/>
  <c r="CX326" i="9"/>
  <c r="CW326" i="9"/>
  <c r="CV326" i="9"/>
  <c r="CU326" i="9"/>
  <c r="CT326" i="9"/>
  <c r="CS326" i="9"/>
  <c r="CR326" i="9"/>
  <c r="CQ326" i="9"/>
  <c r="CP326" i="9"/>
  <c r="CO326" i="9"/>
  <c r="CN326" i="9"/>
  <c r="CM326" i="9"/>
  <c r="DH339" i="9"/>
  <c r="DG339" i="9"/>
  <c r="DF339" i="9"/>
  <c r="DE339" i="9"/>
  <c r="DD339" i="9"/>
  <c r="DC339" i="9"/>
  <c r="DB339" i="9"/>
  <c r="DA339" i="9"/>
  <c r="CZ339" i="9"/>
  <c r="CY339" i="9"/>
  <c r="CX339" i="9"/>
  <c r="CW339" i="9"/>
  <c r="CV339" i="9"/>
  <c r="CU339" i="9"/>
  <c r="CT339" i="9"/>
  <c r="CS339" i="9"/>
  <c r="CR339" i="9"/>
  <c r="CQ339" i="9"/>
  <c r="CP339" i="9"/>
  <c r="CO339" i="9"/>
  <c r="CN339" i="9"/>
  <c r="CM339" i="9"/>
  <c r="DH337" i="9"/>
  <c r="DG337" i="9"/>
  <c r="DF337" i="9"/>
  <c r="DE337" i="9"/>
  <c r="DD337" i="9"/>
  <c r="DC337" i="9"/>
  <c r="DB337" i="9"/>
  <c r="DA337" i="9"/>
  <c r="CZ337" i="9"/>
  <c r="CY337" i="9"/>
  <c r="CX337" i="9"/>
  <c r="CW337" i="9"/>
  <c r="CV337" i="9"/>
  <c r="CU337" i="9"/>
  <c r="CT337" i="9"/>
  <c r="CS337" i="9"/>
  <c r="CR337" i="9"/>
  <c r="CQ337" i="9"/>
  <c r="CP337" i="9"/>
  <c r="CO337" i="9"/>
  <c r="CN337" i="9"/>
  <c r="CM337" i="9"/>
  <c r="DH338" i="9"/>
  <c r="DG338" i="9"/>
  <c r="DF338" i="9"/>
  <c r="DE338" i="9"/>
  <c r="DD338" i="9"/>
  <c r="DC338" i="9"/>
  <c r="DB338" i="9"/>
  <c r="DA338" i="9"/>
  <c r="CZ338" i="9"/>
  <c r="CY338" i="9"/>
  <c r="CX338" i="9"/>
  <c r="CW338" i="9"/>
  <c r="CV338" i="9"/>
  <c r="CU338" i="9"/>
  <c r="CT338" i="9"/>
  <c r="CS338" i="9"/>
  <c r="CR338" i="9"/>
  <c r="CQ338" i="9"/>
  <c r="CP338" i="9"/>
  <c r="CO338" i="9"/>
  <c r="CN338" i="9"/>
  <c r="CM338" i="9"/>
  <c r="DH380" i="9"/>
  <c r="DG380" i="9"/>
  <c r="DF380" i="9"/>
  <c r="DE380" i="9"/>
  <c r="DD380" i="9"/>
  <c r="DC380" i="9"/>
  <c r="DB380" i="9"/>
  <c r="DA380" i="9"/>
  <c r="CZ380" i="9"/>
  <c r="CY380" i="9"/>
  <c r="CX380" i="9"/>
  <c r="CW380" i="9"/>
  <c r="CV380" i="9"/>
  <c r="CU380" i="9"/>
  <c r="CT380" i="9"/>
  <c r="CS380" i="9"/>
  <c r="CR380" i="9"/>
  <c r="CQ380" i="9"/>
  <c r="CP380" i="9"/>
  <c r="CO380" i="9"/>
  <c r="CN380" i="9"/>
  <c r="CM380" i="9"/>
  <c r="DH383" i="9"/>
  <c r="DG383" i="9"/>
  <c r="DF383" i="9"/>
  <c r="DE383" i="9"/>
  <c r="DD383" i="9"/>
  <c r="DC383" i="9"/>
  <c r="DB383" i="9"/>
  <c r="DA383" i="9"/>
  <c r="CZ383" i="9"/>
  <c r="CY383" i="9"/>
  <c r="CX383" i="9"/>
  <c r="CW383" i="9"/>
  <c r="CV383" i="9"/>
  <c r="CU383" i="9"/>
  <c r="CT383" i="9"/>
  <c r="CS383" i="9"/>
  <c r="CR383" i="9"/>
  <c r="CQ383" i="9"/>
  <c r="CP383" i="9"/>
  <c r="CO383" i="9"/>
  <c r="CN383" i="9"/>
  <c r="CM383" i="9"/>
  <c r="DH343" i="9"/>
  <c r="DG343" i="9"/>
  <c r="DF343" i="9"/>
  <c r="DE343" i="9"/>
  <c r="DD343" i="9"/>
  <c r="DC343" i="9"/>
  <c r="DB343" i="9"/>
  <c r="DA343" i="9"/>
  <c r="CZ343" i="9"/>
  <c r="CY343" i="9"/>
  <c r="CX343" i="9"/>
  <c r="CW343" i="9"/>
  <c r="CV343" i="9"/>
  <c r="CU343" i="9"/>
  <c r="CT343" i="9"/>
  <c r="CS343" i="9"/>
  <c r="CR343" i="9"/>
  <c r="CQ343" i="9"/>
  <c r="CP343" i="9"/>
  <c r="CO343" i="9"/>
  <c r="CN343" i="9"/>
  <c r="CM343" i="9"/>
  <c r="DH391" i="9"/>
  <c r="DG391" i="9"/>
  <c r="DF391" i="9"/>
  <c r="DE391" i="9"/>
  <c r="DD391" i="9"/>
  <c r="DC391" i="9"/>
  <c r="DB391" i="9"/>
  <c r="DA391" i="9"/>
  <c r="CZ391" i="9"/>
  <c r="CY391" i="9"/>
  <c r="CX391" i="9"/>
  <c r="CW391" i="9"/>
  <c r="CV391" i="9"/>
  <c r="CU391" i="9"/>
  <c r="CT391" i="9"/>
  <c r="CS391" i="9"/>
  <c r="CR391" i="9"/>
  <c r="CQ391" i="9"/>
  <c r="CP391" i="9"/>
  <c r="CO391" i="9"/>
  <c r="CN391" i="9"/>
  <c r="CM391" i="9"/>
  <c r="DH443" i="9"/>
  <c r="DG443" i="9"/>
  <c r="DF443" i="9"/>
  <c r="DE443" i="9"/>
  <c r="DD443" i="9"/>
  <c r="DC443" i="9"/>
  <c r="DB443" i="9"/>
  <c r="DA443" i="9"/>
  <c r="CZ443" i="9"/>
  <c r="CY443" i="9"/>
  <c r="CX443" i="9"/>
  <c r="CW443" i="9"/>
  <c r="CV443" i="9"/>
  <c r="CU443" i="9"/>
  <c r="CT443" i="9"/>
  <c r="CS443" i="9"/>
  <c r="CR443" i="9"/>
  <c r="CQ443" i="9"/>
  <c r="CP443" i="9"/>
  <c r="CO443" i="9"/>
  <c r="CN443" i="9"/>
  <c r="CM443" i="9"/>
  <c r="DH336" i="9"/>
  <c r="DG336" i="9"/>
  <c r="DF336" i="9"/>
  <c r="DE336" i="9"/>
  <c r="DD336" i="9"/>
  <c r="DC336" i="9"/>
  <c r="DB336" i="9"/>
  <c r="DA336" i="9"/>
  <c r="CZ336" i="9"/>
  <c r="CY336" i="9"/>
  <c r="CX336" i="9"/>
  <c r="CW336" i="9"/>
  <c r="CV336" i="9"/>
  <c r="CU336" i="9"/>
  <c r="CT336" i="9"/>
  <c r="CS336" i="9"/>
  <c r="CR336" i="9"/>
  <c r="CQ336" i="9"/>
  <c r="CP336" i="9"/>
  <c r="CO336" i="9"/>
  <c r="CN336" i="9"/>
  <c r="CM336" i="9"/>
  <c r="DH274" i="9"/>
  <c r="DG274" i="9"/>
  <c r="DF274" i="9"/>
  <c r="DE274" i="9"/>
  <c r="DD274" i="9"/>
  <c r="DC274" i="9"/>
  <c r="DB274" i="9"/>
  <c r="DA274" i="9"/>
  <c r="CZ274" i="9"/>
  <c r="CY274" i="9"/>
  <c r="CX274" i="9"/>
  <c r="CW274" i="9"/>
  <c r="CV274" i="9"/>
  <c r="CU274" i="9"/>
  <c r="CT274" i="9"/>
  <c r="CS274" i="9"/>
  <c r="CR274" i="9"/>
  <c r="CQ274" i="9"/>
  <c r="CP274" i="9"/>
  <c r="CO274" i="9"/>
  <c r="CN274" i="9"/>
  <c r="CM274" i="9"/>
  <c r="DH415" i="9"/>
  <c r="DG415" i="9"/>
  <c r="DF415" i="9"/>
  <c r="DE415" i="9"/>
  <c r="DD415" i="9"/>
  <c r="DC415" i="9"/>
  <c r="DB415" i="9"/>
  <c r="DA415" i="9"/>
  <c r="CZ415" i="9"/>
  <c r="CY415" i="9"/>
  <c r="CX415" i="9"/>
  <c r="CW415" i="9"/>
  <c r="CV415" i="9"/>
  <c r="CU415" i="9"/>
  <c r="CT415" i="9"/>
  <c r="CS415" i="9"/>
  <c r="CR415" i="9"/>
  <c r="CQ415" i="9"/>
  <c r="CP415" i="9"/>
  <c r="CO415" i="9"/>
  <c r="CN415" i="9"/>
  <c r="CM415" i="9"/>
  <c r="DH340" i="9"/>
  <c r="DG340" i="9"/>
  <c r="DF340" i="9"/>
  <c r="DE340" i="9"/>
  <c r="DD340" i="9"/>
  <c r="DC340" i="9"/>
  <c r="DB340" i="9"/>
  <c r="DA340" i="9"/>
  <c r="CZ340" i="9"/>
  <c r="CY340" i="9"/>
  <c r="CX340" i="9"/>
  <c r="CW340" i="9"/>
  <c r="CV340" i="9"/>
  <c r="CU340" i="9"/>
  <c r="CT340" i="9"/>
  <c r="CS340" i="9"/>
  <c r="CR340" i="9"/>
  <c r="CQ340" i="9"/>
  <c r="CP340" i="9"/>
  <c r="CO340" i="9"/>
  <c r="CN340" i="9"/>
  <c r="CM340" i="9"/>
  <c r="DH289" i="9"/>
  <c r="DG289" i="9"/>
  <c r="DF289" i="9"/>
  <c r="DE289" i="9"/>
  <c r="DD289" i="9"/>
  <c r="DC289" i="9"/>
  <c r="DB289" i="9"/>
  <c r="DA289" i="9"/>
  <c r="CZ289" i="9"/>
  <c r="CY289" i="9"/>
  <c r="CX289" i="9"/>
  <c r="CW289" i="9"/>
  <c r="CV289" i="9"/>
  <c r="CU289" i="9"/>
  <c r="CT289" i="9"/>
  <c r="CS289" i="9"/>
  <c r="CR289" i="9"/>
  <c r="CQ289" i="9"/>
  <c r="CP289" i="9"/>
  <c r="CO289" i="9"/>
  <c r="CN289" i="9"/>
  <c r="CM289" i="9"/>
  <c r="DH323" i="9"/>
  <c r="DG323" i="9"/>
  <c r="DF323" i="9"/>
  <c r="DE323" i="9"/>
  <c r="DD323" i="9"/>
  <c r="DC323" i="9"/>
  <c r="DB323" i="9"/>
  <c r="DA323" i="9"/>
  <c r="CZ323" i="9"/>
  <c r="CY323" i="9"/>
  <c r="CX323" i="9"/>
  <c r="CW323" i="9"/>
  <c r="CV323" i="9"/>
  <c r="CU323" i="9"/>
  <c r="CT323" i="9"/>
  <c r="CS323" i="9"/>
  <c r="CR323" i="9"/>
  <c r="CQ323" i="9"/>
  <c r="CP323" i="9"/>
  <c r="CO323" i="9"/>
  <c r="CN323" i="9"/>
  <c r="CM323" i="9"/>
  <c r="DH382" i="9"/>
  <c r="DG382" i="9"/>
  <c r="DF382" i="9"/>
  <c r="DE382" i="9"/>
  <c r="DD382" i="9"/>
  <c r="DC382" i="9"/>
  <c r="DB382" i="9"/>
  <c r="DA382" i="9"/>
  <c r="CZ382" i="9"/>
  <c r="CY382" i="9"/>
  <c r="CX382" i="9"/>
  <c r="CW382" i="9"/>
  <c r="CV382" i="9"/>
  <c r="CU382" i="9"/>
  <c r="CT382" i="9"/>
  <c r="CS382" i="9"/>
  <c r="CR382" i="9"/>
  <c r="CQ382" i="9"/>
  <c r="CP382" i="9"/>
  <c r="CO382" i="9"/>
  <c r="CN382" i="9"/>
  <c r="CM382" i="9"/>
  <c r="DH330" i="9"/>
  <c r="DG330" i="9"/>
  <c r="DF330" i="9"/>
  <c r="DE330" i="9"/>
  <c r="DD330" i="9"/>
  <c r="DC330" i="9"/>
  <c r="DB330" i="9"/>
  <c r="DA330" i="9"/>
  <c r="CZ330" i="9"/>
  <c r="CY330" i="9"/>
  <c r="CX330" i="9"/>
  <c r="CW330" i="9"/>
  <c r="CV330" i="9"/>
  <c r="CU330" i="9"/>
  <c r="CT330" i="9"/>
  <c r="CS330" i="9"/>
  <c r="CR330" i="9"/>
  <c r="CQ330" i="9"/>
  <c r="CP330" i="9"/>
  <c r="CO330" i="9"/>
  <c r="CN330" i="9"/>
  <c r="CM330" i="9"/>
  <c r="DH487" i="9"/>
  <c r="DG487" i="9"/>
  <c r="DF487" i="9"/>
  <c r="DE487" i="9"/>
  <c r="DD487" i="9"/>
  <c r="DC487" i="9"/>
  <c r="DB487" i="9"/>
  <c r="DA487" i="9"/>
  <c r="CZ487" i="9"/>
  <c r="CY487" i="9"/>
  <c r="CX487" i="9"/>
  <c r="CW487" i="9"/>
  <c r="CV487" i="9"/>
  <c r="CU487" i="9"/>
  <c r="CT487" i="9"/>
  <c r="CS487" i="9"/>
  <c r="CR487" i="9"/>
  <c r="CQ487" i="9"/>
  <c r="CP487" i="9"/>
  <c r="CO487" i="9"/>
  <c r="CN487" i="9"/>
  <c r="CM487" i="9"/>
  <c r="DH418" i="9"/>
  <c r="DG418" i="9"/>
  <c r="DF418" i="9"/>
  <c r="DE418" i="9"/>
  <c r="DD418" i="9"/>
  <c r="DC418" i="9"/>
  <c r="DB418" i="9"/>
  <c r="DA418" i="9"/>
  <c r="CZ418" i="9"/>
  <c r="CY418" i="9"/>
  <c r="CX418" i="9"/>
  <c r="CW418" i="9"/>
  <c r="CV418" i="9"/>
  <c r="CU418" i="9"/>
  <c r="CT418" i="9"/>
  <c r="CS418" i="9"/>
  <c r="CR418" i="9"/>
  <c r="CQ418" i="9"/>
  <c r="CP418" i="9"/>
  <c r="CO418" i="9"/>
  <c r="CN418" i="9"/>
  <c r="CM418" i="9"/>
  <c r="DH416" i="9"/>
  <c r="DG416" i="9"/>
  <c r="DF416" i="9"/>
  <c r="DE416" i="9"/>
  <c r="DD416" i="9"/>
  <c r="DC416" i="9"/>
  <c r="DB416" i="9"/>
  <c r="DA416" i="9"/>
  <c r="CZ416" i="9"/>
  <c r="CY416" i="9"/>
  <c r="CX416" i="9"/>
  <c r="CW416" i="9"/>
  <c r="CV416" i="9"/>
  <c r="CU416" i="9"/>
  <c r="CT416" i="9"/>
  <c r="CS416" i="9"/>
  <c r="CR416" i="9"/>
  <c r="CQ416" i="9"/>
  <c r="CP416" i="9"/>
  <c r="CO416" i="9"/>
  <c r="CN416" i="9"/>
  <c r="CM416" i="9"/>
  <c r="DH485" i="9"/>
  <c r="DG485" i="9"/>
  <c r="DF485" i="9"/>
  <c r="DE485" i="9"/>
  <c r="DD485" i="9"/>
  <c r="DC485" i="9"/>
  <c r="DB485" i="9"/>
  <c r="DA485" i="9"/>
  <c r="CZ485" i="9"/>
  <c r="CY485" i="9"/>
  <c r="CX485" i="9"/>
  <c r="CW485" i="9"/>
  <c r="CV485" i="9"/>
  <c r="CU485" i="9"/>
  <c r="CT485" i="9"/>
  <c r="CS485" i="9"/>
  <c r="CR485" i="9"/>
  <c r="CQ485" i="9"/>
  <c r="CP485" i="9"/>
  <c r="CO485" i="9"/>
  <c r="CN485" i="9"/>
  <c r="CM485" i="9"/>
  <c r="DH329" i="9"/>
  <c r="DG329" i="9"/>
  <c r="DF329" i="9"/>
  <c r="DE329" i="9"/>
  <c r="DD329" i="9"/>
  <c r="DC329" i="9"/>
  <c r="DB329" i="9"/>
  <c r="DA329" i="9"/>
  <c r="CZ329" i="9"/>
  <c r="CY329" i="9"/>
  <c r="CX329" i="9"/>
  <c r="CW329" i="9"/>
  <c r="CV329" i="9"/>
  <c r="CU329" i="9"/>
  <c r="CT329" i="9"/>
  <c r="CS329" i="9"/>
  <c r="CR329" i="9"/>
  <c r="CQ329" i="9"/>
  <c r="CP329" i="9"/>
  <c r="CO329" i="9"/>
  <c r="CN329" i="9"/>
  <c r="CM329" i="9"/>
  <c r="DH322" i="9"/>
  <c r="DG322" i="9"/>
  <c r="DF322" i="9"/>
  <c r="DE322" i="9"/>
  <c r="DD322" i="9"/>
  <c r="DC322" i="9"/>
  <c r="DB322" i="9"/>
  <c r="DA322" i="9"/>
  <c r="CZ322" i="9"/>
  <c r="CY322" i="9"/>
  <c r="CX322" i="9"/>
  <c r="CW322" i="9"/>
  <c r="CV322" i="9"/>
  <c r="CU322" i="9"/>
  <c r="CT322" i="9"/>
  <c r="CS322" i="9"/>
  <c r="CR322" i="9"/>
  <c r="CQ322" i="9"/>
  <c r="CP322" i="9"/>
  <c r="CO322" i="9"/>
  <c r="CN322" i="9"/>
  <c r="CM322" i="9"/>
  <c r="CM484" i="9"/>
  <c r="CN484" i="9"/>
  <c r="CO484" i="9"/>
  <c r="CP484" i="9"/>
  <c r="CQ484" i="9"/>
  <c r="CR484" i="9"/>
  <c r="CS484" i="9"/>
  <c r="CT484" i="9"/>
  <c r="CU484" i="9"/>
  <c r="CV484" i="9"/>
  <c r="CW484" i="9"/>
  <c r="CX484" i="9"/>
  <c r="CY484" i="9"/>
  <c r="CZ484" i="9"/>
  <c r="DA484" i="9"/>
  <c r="DB484" i="9"/>
  <c r="DC484" i="9"/>
  <c r="DD484" i="9"/>
  <c r="DE484" i="9"/>
  <c r="DF484" i="9"/>
  <c r="DG484" i="9"/>
  <c r="DH484" i="9"/>
  <c r="DN73" i="9" l="1"/>
  <c r="DM73" i="9"/>
  <c r="BT207" i="9"/>
  <c r="T73" i="9"/>
  <c r="DP484" i="9"/>
  <c r="DP340" i="9"/>
  <c r="DP326" i="9"/>
  <c r="DP411" i="9"/>
  <c r="DP396" i="9"/>
  <c r="DP430" i="9"/>
  <c r="DP441" i="9"/>
  <c r="DP378" i="9"/>
  <c r="DP445" i="9"/>
  <c r="DP438" i="9"/>
  <c r="DP448" i="9"/>
  <c r="DP455" i="9"/>
  <c r="DP334" i="9"/>
  <c r="DP407" i="9"/>
  <c r="DP280" i="9"/>
  <c r="DP456" i="9"/>
  <c r="DP275" i="9"/>
  <c r="DP479" i="9"/>
  <c r="DP443" i="9"/>
  <c r="DP380" i="9"/>
  <c r="DP368" i="9"/>
  <c r="DP350" i="9"/>
  <c r="DP394" i="9"/>
  <c r="DP336" i="9"/>
  <c r="DP339" i="9"/>
  <c r="DP276" i="9"/>
  <c r="DP342" i="9"/>
  <c r="DP447" i="9"/>
  <c r="DP433" i="9"/>
  <c r="DP449" i="9"/>
  <c r="DP463" i="9"/>
  <c r="DP398" i="9"/>
  <c r="DP279" i="9"/>
  <c r="DP329" i="9"/>
  <c r="DP392" i="9"/>
  <c r="DP413" i="9"/>
  <c r="DP347" i="9"/>
  <c r="DP397" i="9"/>
  <c r="DP431" i="9"/>
  <c r="DP395" i="9"/>
  <c r="DP450" i="9"/>
  <c r="DP390" i="9"/>
  <c r="DP351" i="9"/>
  <c r="DP457" i="9"/>
  <c r="DP458" i="9"/>
  <c r="DP483" i="9"/>
  <c r="DP322" i="9"/>
  <c r="DP418" i="9"/>
  <c r="DP323" i="9"/>
  <c r="DP274" i="9"/>
  <c r="DP343" i="9"/>
  <c r="DP337" i="9"/>
  <c r="DP379" i="9"/>
  <c r="DP381" i="9"/>
  <c r="DP412" i="9"/>
  <c r="DP272" i="9"/>
  <c r="DP435" i="9"/>
  <c r="DP372" i="9"/>
  <c r="DP345" i="9"/>
  <c r="DP469" i="9"/>
  <c r="DP377" i="9"/>
  <c r="DP417" i="9"/>
  <c r="DP446" i="9"/>
  <c r="DP341" i="9"/>
  <c r="DP366" i="9"/>
  <c r="DP470" i="9"/>
  <c r="DP439" i="9"/>
  <c r="DP393" i="9"/>
  <c r="DP467" i="9"/>
  <c r="DP451" i="9"/>
  <c r="DP385" i="9"/>
  <c r="DP346" i="9"/>
  <c r="DP409" i="9"/>
  <c r="DP460" i="9"/>
  <c r="DP481" i="9"/>
  <c r="DP419" i="9"/>
  <c r="DP332" i="9"/>
  <c r="DP325" i="9"/>
  <c r="DP485" i="9"/>
  <c r="DP330" i="9"/>
  <c r="DP462" i="9"/>
  <c r="DP348" i="9"/>
  <c r="DP273" i="9"/>
  <c r="DP373" i="9"/>
  <c r="DP320" i="9"/>
  <c r="DP434" i="9"/>
  <c r="DP487" i="9"/>
  <c r="DP289" i="9"/>
  <c r="DP383" i="9"/>
  <c r="DP349" i="9"/>
  <c r="DP370" i="9"/>
  <c r="DP466" i="9"/>
  <c r="DP374" i="9"/>
  <c r="DP444" i="9"/>
  <c r="DP440" i="9"/>
  <c r="DP298" i="9"/>
  <c r="DP281" i="9"/>
  <c r="DP501" i="9"/>
  <c r="DP416" i="9"/>
  <c r="DP382" i="9"/>
  <c r="DP415" i="9"/>
  <c r="DP391" i="9"/>
  <c r="DP338" i="9"/>
  <c r="DP489" i="9"/>
  <c r="DP436" i="9"/>
  <c r="DP410" i="9"/>
  <c r="DP405" i="9"/>
  <c r="DP344" i="9"/>
  <c r="DP371" i="9"/>
  <c r="DP367" i="9"/>
  <c r="DP284" i="9"/>
  <c r="DP375" i="9"/>
  <c r="DP376" i="9"/>
  <c r="DP437" i="9"/>
  <c r="DP432" i="9"/>
  <c r="DP369" i="9"/>
  <c r="DP399" i="9"/>
  <c r="DP429" i="9"/>
  <c r="DP442" i="9"/>
  <c r="DP468" i="9"/>
  <c r="DP454" i="9"/>
  <c r="DP471" i="9"/>
  <c r="DP283" i="9"/>
  <c r="DP384" i="9"/>
  <c r="DP408" i="9"/>
  <c r="DP282" i="9"/>
  <c r="DP406" i="9"/>
  <c r="DP459" i="9"/>
  <c r="DP461" i="9"/>
  <c r="DO329" i="9"/>
  <c r="DO487" i="9"/>
  <c r="DO289" i="9"/>
  <c r="DO336" i="9"/>
  <c r="DO383" i="9"/>
  <c r="DO339" i="9"/>
  <c r="DO276" i="9"/>
  <c r="DO413" i="9"/>
  <c r="DO342" i="9"/>
  <c r="DO349" i="9"/>
  <c r="DO370" i="9"/>
  <c r="DO347" i="9"/>
  <c r="DO374" i="9"/>
  <c r="DO444" i="9"/>
  <c r="DO447" i="9"/>
  <c r="DO433" i="9"/>
  <c r="DO397" i="9"/>
  <c r="DO440" i="9"/>
  <c r="DO395" i="9"/>
  <c r="DO449" i="9"/>
  <c r="DO450" i="9"/>
  <c r="DO463" i="9"/>
  <c r="DO390" i="9"/>
  <c r="DO351" i="9"/>
  <c r="DO457" i="9"/>
  <c r="DO298" i="9"/>
  <c r="DO458" i="9"/>
  <c r="DO281" i="9"/>
  <c r="DO483" i="9"/>
  <c r="DO484" i="9"/>
  <c r="DO322" i="9"/>
  <c r="DO418" i="9"/>
  <c r="DO323" i="9"/>
  <c r="DO274" i="9"/>
  <c r="DO343" i="9"/>
  <c r="DO337" i="9"/>
  <c r="DO379" i="9"/>
  <c r="DO381" i="9"/>
  <c r="DO412" i="9"/>
  <c r="DO272" i="9"/>
  <c r="DO435" i="9"/>
  <c r="DO372" i="9"/>
  <c r="DO345" i="9"/>
  <c r="DO469" i="9"/>
  <c r="DO377" i="9"/>
  <c r="DO417" i="9"/>
  <c r="DO446" i="9"/>
  <c r="DO341" i="9"/>
  <c r="DO366" i="9"/>
  <c r="DO470" i="9"/>
  <c r="DO439" i="9"/>
  <c r="DO393" i="9"/>
  <c r="DO467" i="9"/>
  <c r="DO451" i="9"/>
  <c r="DO385" i="9"/>
  <c r="DO346" i="9"/>
  <c r="DO409" i="9"/>
  <c r="DO460" i="9"/>
  <c r="DO481" i="9"/>
  <c r="DO419" i="9"/>
  <c r="DO332" i="9"/>
  <c r="DO325" i="9"/>
  <c r="DO466" i="9"/>
  <c r="DO416" i="9"/>
  <c r="DO382" i="9"/>
  <c r="DO415" i="9"/>
  <c r="DO391" i="9"/>
  <c r="DO338" i="9"/>
  <c r="DO489" i="9"/>
  <c r="DO436" i="9"/>
  <c r="DO410" i="9"/>
  <c r="DO405" i="9"/>
  <c r="DO344" i="9"/>
  <c r="DO371" i="9"/>
  <c r="DO367" i="9"/>
  <c r="DO284" i="9"/>
  <c r="DO375" i="9"/>
  <c r="DO376" i="9"/>
  <c r="DO437" i="9"/>
  <c r="DO432" i="9"/>
  <c r="DO369" i="9"/>
  <c r="DO399" i="9"/>
  <c r="DO429" i="9"/>
  <c r="DO442" i="9"/>
  <c r="DO468" i="9"/>
  <c r="DO454" i="9"/>
  <c r="DO471" i="9"/>
  <c r="DO283" i="9"/>
  <c r="DO384" i="9"/>
  <c r="DO408" i="9"/>
  <c r="DO282" i="9"/>
  <c r="DO406" i="9"/>
  <c r="DO459" i="9"/>
  <c r="DO461" i="9"/>
  <c r="DO501" i="9"/>
  <c r="DO462" i="9"/>
  <c r="DO348" i="9"/>
  <c r="DO368" i="9"/>
  <c r="DO273" i="9"/>
  <c r="DO373" i="9"/>
  <c r="DO350" i="9"/>
  <c r="DO320" i="9"/>
  <c r="DO394" i="9"/>
  <c r="DO434" i="9"/>
  <c r="DO396" i="9"/>
  <c r="DO430" i="9"/>
  <c r="DO441" i="9"/>
  <c r="DO378" i="9"/>
  <c r="DO445" i="9"/>
  <c r="DO438" i="9"/>
  <c r="DO448" i="9"/>
  <c r="DO455" i="9"/>
  <c r="DO334" i="9"/>
  <c r="DO407" i="9"/>
  <c r="DO280" i="9"/>
  <c r="DO456" i="9"/>
  <c r="DO275" i="9"/>
  <c r="DO479" i="9"/>
  <c r="DO392" i="9"/>
  <c r="DO431" i="9"/>
  <c r="DO485" i="9"/>
  <c r="DO330" i="9"/>
  <c r="DO340" i="9"/>
  <c r="DO443" i="9"/>
  <c r="DO380" i="9"/>
  <c r="DO326" i="9"/>
  <c r="DO398" i="9"/>
  <c r="DO411" i="9"/>
  <c r="DO279" i="9"/>
  <c r="DL480" i="9"/>
  <c r="DK480" i="9"/>
  <c r="DH480" i="9"/>
  <c r="DG480" i="9"/>
  <c r="DF480" i="9"/>
  <c r="DE480" i="9"/>
  <c r="DD480" i="9"/>
  <c r="DC480" i="9"/>
  <c r="DB480" i="9"/>
  <c r="DA480" i="9"/>
  <c r="CZ480" i="9"/>
  <c r="CY480" i="9"/>
  <c r="CX480" i="9"/>
  <c r="CW480" i="9"/>
  <c r="CV480" i="9"/>
  <c r="CU480" i="9"/>
  <c r="CT480" i="9"/>
  <c r="CS480" i="9"/>
  <c r="CR480" i="9"/>
  <c r="CQ480" i="9"/>
  <c r="CP480" i="9"/>
  <c r="CO480" i="9"/>
  <c r="CN480" i="9"/>
  <c r="CM480" i="9"/>
  <c r="CL480" i="9"/>
  <c r="CK480" i="9"/>
  <c r="CJ480" i="9"/>
  <c r="CI480" i="9"/>
  <c r="CH480" i="9"/>
  <c r="CG480" i="9"/>
  <c r="CF480" i="9"/>
  <c r="CE480" i="9"/>
  <c r="CD480" i="9"/>
  <c r="CC480" i="9"/>
  <c r="CB480" i="9"/>
  <c r="CA480" i="9"/>
  <c r="BZ480" i="9"/>
  <c r="BY480" i="9"/>
  <c r="BX480" i="9"/>
  <c r="BW480" i="9"/>
  <c r="BV480" i="9"/>
  <c r="DK306" i="9"/>
  <c r="DI306" i="9"/>
  <c r="DH306" i="9"/>
  <c r="DG306" i="9"/>
  <c r="DF306" i="9"/>
  <c r="DE306" i="9"/>
  <c r="DD306" i="9"/>
  <c r="DC306" i="9"/>
  <c r="DB306" i="9"/>
  <c r="DA306" i="9"/>
  <c r="CZ306" i="9"/>
  <c r="CY306" i="9"/>
  <c r="CX306" i="9"/>
  <c r="CW306" i="9"/>
  <c r="CV306" i="9"/>
  <c r="CU306" i="9"/>
  <c r="CT306" i="9"/>
  <c r="CS306" i="9"/>
  <c r="CR306" i="9"/>
  <c r="CQ306" i="9"/>
  <c r="CP306" i="9"/>
  <c r="CO306" i="9"/>
  <c r="CN306" i="9"/>
  <c r="CM306" i="9"/>
  <c r="CL306" i="9"/>
  <c r="CK306" i="9"/>
  <c r="CJ306" i="9"/>
  <c r="CI306" i="9"/>
  <c r="CH306" i="9"/>
  <c r="CG306" i="9"/>
  <c r="CF306" i="9"/>
  <c r="CE306" i="9"/>
  <c r="CD306" i="9"/>
  <c r="CC306" i="9"/>
  <c r="CB306" i="9"/>
  <c r="CA306" i="9"/>
  <c r="BZ306" i="9"/>
  <c r="BY306" i="9"/>
  <c r="BX306" i="9"/>
  <c r="BW306" i="9"/>
  <c r="BV306" i="9"/>
  <c r="DK307" i="9"/>
  <c r="DI307" i="9"/>
  <c r="DH307" i="9"/>
  <c r="DG307" i="9"/>
  <c r="DF307" i="9"/>
  <c r="DE307" i="9"/>
  <c r="DD307" i="9"/>
  <c r="DC307" i="9"/>
  <c r="DB307" i="9"/>
  <c r="DA307" i="9"/>
  <c r="CZ307" i="9"/>
  <c r="CY307" i="9"/>
  <c r="CX307" i="9"/>
  <c r="CW307" i="9"/>
  <c r="CV307" i="9"/>
  <c r="CU307" i="9"/>
  <c r="CT307" i="9"/>
  <c r="CS307" i="9"/>
  <c r="CR307" i="9"/>
  <c r="CQ307" i="9"/>
  <c r="CP307" i="9"/>
  <c r="CO307" i="9"/>
  <c r="CN307" i="9"/>
  <c r="CM307" i="9"/>
  <c r="CL307" i="9"/>
  <c r="CK307" i="9"/>
  <c r="CJ307" i="9"/>
  <c r="CI307" i="9"/>
  <c r="CH307" i="9"/>
  <c r="CG307" i="9"/>
  <c r="CF307" i="9"/>
  <c r="CE307" i="9"/>
  <c r="CD307" i="9"/>
  <c r="CC307" i="9"/>
  <c r="CB307" i="9"/>
  <c r="CA307" i="9"/>
  <c r="BZ307" i="9"/>
  <c r="BY307" i="9"/>
  <c r="BX307" i="9"/>
  <c r="BW307" i="9"/>
  <c r="BV307" i="9"/>
  <c r="DL316" i="9"/>
  <c r="DK316" i="9"/>
  <c r="DJ316" i="9"/>
  <c r="DH316" i="9"/>
  <c r="DG316" i="9"/>
  <c r="DF316" i="9"/>
  <c r="DE316" i="9"/>
  <c r="DD316" i="9"/>
  <c r="DC316" i="9"/>
  <c r="DB316" i="9"/>
  <c r="DA316" i="9"/>
  <c r="CZ316" i="9"/>
  <c r="CY316" i="9"/>
  <c r="CX316" i="9"/>
  <c r="CW316" i="9"/>
  <c r="CV316" i="9"/>
  <c r="CU316" i="9"/>
  <c r="CT316" i="9"/>
  <c r="CS316" i="9"/>
  <c r="CR316" i="9"/>
  <c r="CQ316" i="9"/>
  <c r="CP316" i="9"/>
  <c r="CO316" i="9"/>
  <c r="CN316" i="9"/>
  <c r="CM316" i="9"/>
  <c r="CL316" i="9"/>
  <c r="CK316" i="9"/>
  <c r="CJ316" i="9"/>
  <c r="CI316" i="9"/>
  <c r="CH316" i="9"/>
  <c r="CG316" i="9"/>
  <c r="CF316" i="9"/>
  <c r="CE316" i="9"/>
  <c r="CD316" i="9"/>
  <c r="CC316" i="9"/>
  <c r="CB316" i="9"/>
  <c r="CA316" i="9"/>
  <c r="BZ316" i="9"/>
  <c r="BY316" i="9"/>
  <c r="BX316" i="9"/>
  <c r="BW316" i="9"/>
  <c r="DL317" i="9"/>
  <c r="DK317" i="9"/>
  <c r="DH317" i="9"/>
  <c r="DG317" i="9"/>
  <c r="DF317" i="9"/>
  <c r="DE317" i="9"/>
  <c r="DD317" i="9"/>
  <c r="DC317" i="9"/>
  <c r="DB317" i="9"/>
  <c r="DA317" i="9"/>
  <c r="CZ317" i="9"/>
  <c r="CY317" i="9"/>
  <c r="CX317" i="9"/>
  <c r="CW317" i="9"/>
  <c r="CV317" i="9"/>
  <c r="CU317" i="9"/>
  <c r="CT317" i="9"/>
  <c r="CS317" i="9"/>
  <c r="CR317" i="9"/>
  <c r="CQ317" i="9"/>
  <c r="CP317" i="9"/>
  <c r="CO317" i="9"/>
  <c r="CN317" i="9"/>
  <c r="CM317" i="9"/>
  <c r="CL317" i="9"/>
  <c r="CK317" i="9"/>
  <c r="CJ317" i="9"/>
  <c r="CI317" i="9"/>
  <c r="CH317" i="9"/>
  <c r="CG317" i="9"/>
  <c r="CF317" i="9"/>
  <c r="CE317" i="9"/>
  <c r="CD317" i="9"/>
  <c r="CC317" i="9"/>
  <c r="CB317" i="9"/>
  <c r="CA317" i="9"/>
  <c r="BZ317" i="9"/>
  <c r="BY317" i="9"/>
  <c r="BX317" i="9"/>
  <c r="BW317" i="9"/>
  <c r="BV317" i="9"/>
  <c r="DL324" i="9"/>
  <c r="DK324" i="9"/>
  <c r="DH324" i="9"/>
  <c r="DG324" i="9"/>
  <c r="DF324" i="9"/>
  <c r="DE324" i="9"/>
  <c r="DD324" i="9"/>
  <c r="DC324" i="9"/>
  <c r="DB324" i="9"/>
  <c r="DA324" i="9"/>
  <c r="CZ324" i="9"/>
  <c r="CY324" i="9"/>
  <c r="CX324" i="9"/>
  <c r="CW324" i="9"/>
  <c r="CV324" i="9"/>
  <c r="CU324" i="9"/>
  <c r="CT324" i="9"/>
  <c r="CS324" i="9"/>
  <c r="CR324" i="9"/>
  <c r="CQ324" i="9"/>
  <c r="CP324" i="9"/>
  <c r="CO324" i="9"/>
  <c r="CN324" i="9"/>
  <c r="CM324" i="9"/>
  <c r="CL324" i="9"/>
  <c r="CK324" i="9"/>
  <c r="CJ324" i="9"/>
  <c r="CI324" i="9"/>
  <c r="CH324" i="9"/>
  <c r="CG324" i="9"/>
  <c r="CF324" i="9"/>
  <c r="CE324" i="9"/>
  <c r="CD324" i="9"/>
  <c r="CC324" i="9"/>
  <c r="CB324" i="9"/>
  <c r="CA324" i="9"/>
  <c r="BZ324" i="9"/>
  <c r="BY324" i="9"/>
  <c r="BX324" i="9"/>
  <c r="BW324" i="9"/>
  <c r="BV324" i="9"/>
  <c r="DL400" i="9"/>
  <c r="DK400" i="9"/>
  <c r="DJ400" i="9"/>
  <c r="DI400" i="9"/>
  <c r="DH400" i="9"/>
  <c r="DG400" i="9"/>
  <c r="DF400" i="9"/>
  <c r="DE400" i="9"/>
  <c r="DD400" i="9"/>
  <c r="DC400" i="9"/>
  <c r="DB400" i="9"/>
  <c r="DA400" i="9"/>
  <c r="CZ400" i="9"/>
  <c r="CY400" i="9"/>
  <c r="CX400" i="9"/>
  <c r="CW400" i="9"/>
  <c r="CV400" i="9"/>
  <c r="CU400" i="9"/>
  <c r="CT400" i="9"/>
  <c r="CS400" i="9"/>
  <c r="CR400" i="9"/>
  <c r="CQ400" i="9"/>
  <c r="CP400" i="9"/>
  <c r="CO400" i="9"/>
  <c r="CN400" i="9"/>
  <c r="CM400" i="9"/>
  <c r="CL400" i="9"/>
  <c r="CK400" i="9"/>
  <c r="CJ400" i="9"/>
  <c r="CH400" i="9"/>
  <c r="CG400" i="9"/>
  <c r="CF400" i="9"/>
  <c r="CE400" i="9"/>
  <c r="CD400" i="9"/>
  <c r="CC400" i="9"/>
  <c r="CB400" i="9"/>
  <c r="CA400" i="9"/>
  <c r="BZ400" i="9"/>
  <c r="BY400" i="9"/>
  <c r="BX400" i="9"/>
  <c r="BW400" i="9"/>
  <c r="DL401" i="9"/>
  <c r="DK401" i="9"/>
  <c r="DJ401" i="9"/>
  <c r="DI401" i="9"/>
  <c r="DH401" i="9"/>
  <c r="DG401" i="9"/>
  <c r="DF401" i="9"/>
  <c r="DE401" i="9"/>
  <c r="DD401" i="9"/>
  <c r="DC401" i="9"/>
  <c r="DB401" i="9"/>
  <c r="DA401" i="9"/>
  <c r="CZ401" i="9"/>
  <c r="CY401" i="9"/>
  <c r="CX401" i="9"/>
  <c r="CW401" i="9"/>
  <c r="CV401" i="9"/>
  <c r="CU401" i="9"/>
  <c r="CT401" i="9"/>
  <c r="CS401" i="9"/>
  <c r="CR401" i="9"/>
  <c r="CQ401" i="9"/>
  <c r="CP401" i="9"/>
  <c r="CO401" i="9"/>
  <c r="CN401" i="9"/>
  <c r="CM401" i="9"/>
  <c r="CL401" i="9"/>
  <c r="CK401" i="9"/>
  <c r="CJ401" i="9"/>
  <c r="CH401" i="9"/>
  <c r="CG401" i="9"/>
  <c r="CF401" i="9"/>
  <c r="CE401" i="9"/>
  <c r="CD401" i="9"/>
  <c r="CC401" i="9"/>
  <c r="CB401" i="9"/>
  <c r="CA401" i="9"/>
  <c r="BZ401" i="9"/>
  <c r="BY401" i="9"/>
  <c r="BX401" i="9"/>
  <c r="BW401" i="9"/>
  <c r="DL403" i="9"/>
  <c r="DK403" i="9"/>
  <c r="DJ403" i="9"/>
  <c r="DI403" i="9"/>
  <c r="DH403" i="9"/>
  <c r="DG403" i="9"/>
  <c r="DF403" i="9"/>
  <c r="DE403" i="9"/>
  <c r="DD403" i="9"/>
  <c r="DC403" i="9"/>
  <c r="DB403" i="9"/>
  <c r="DA403" i="9"/>
  <c r="CZ403" i="9"/>
  <c r="CY403" i="9"/>
  <c r="CX403" i="9"/>
  <c r="CW403" i="9"/>
  <c r="CV403" i="9"/>
  <c r="CU403" i="9"/>
  <c r="CT403" i="9"/>
  <c r="CS403" i="9"/>
  <c r="CR403" i="9"/>
  <c r="CQ403" i="9"/>
  <c r="CP403" i="9"/>
  <c r="CO403" i="9"/>
  <c r="CN403" i="9"/>
  <c r="CM403" i="9"/>
  <c r="CL403" i="9"/>
  <c r="CK403" i="9"/>
  <c r="CJ403" i="9"/>
  <c r="CH403" i="9"/>
  <c r="CG403" i="9"/>
  <c r="CF403" i="9"/>
  <c r="CE403" i="9"/>
  <c r="CD403" i="9"/>
  <c r="CC403" i="9"/>
  <c r="CB403" i="9"/>
  <c r="CA403" i="9"/>
  <c r="BZ403" i="9"/>
  <c r="BY403" i="9"/>
  <c r="BX403" i="9"/>
  <c r="BW403" i="9"/>
  <c r="Z504" i="9"/>
  <c r="Z493" i="9"/>
  <c r="Z494" i="9"/>
  <c r="Z495" i="9"/>
  <c r="Z508" i="9"/>
  <c r="Z507" i="9"/>
  <c r="Z496" i="9"/>
  <c r="Z505" i="9"/>
  <c r="Z503" i="9"/>
  <c r="Z502" i="9"/>
  <c r="Z497" i="9"/>
  <c r="Z492" i="9"/>
  <c r="Z499" i="9"/>
  <c r="Z498" i="9"/>
  <c r="Z491" i="9"/>
  <c r="Z506" i="9"/>
  <c r="Z509" i="9"/>
  <c r="Z501" i="9"/>
  <c r="Z500" i="9"/>
  <c r="BK230" i="31"/>
  <c r="AS230" i="31"/>
  <c r="AR230" i="31"/>
  <c r="AP230" i="31"/>
  <c r="AO230" i="31"/>
  <c r="AN230" i="31"/>
  <c r="AK230" i="31"/>
  <c r="U230" i="31"/>
  <c r="BK43" i="31"/>
  <c r="AS43" i="31"/>
  <c r="AR43" i="31"/>
  <c r="AP43" i="31"/>
  <c r="AO43" i="31"/>
  <c r="AN43" i="31"/>
  <c r="AK43" i="31"/>
  <c r="U43" i="31"/>
  <c r="BK228" i="31"/>
  <c r="AS228" i="31"/>
  <c r="AR228" i="31"/>
  <c r="AP228" i="31"/>
  <c r="AO228" i="31"/>
  <c r="AN228" i="31"/>
  <c r="AK228" i="31"/>
  <c r="U228" i="31"/>
  <c r="BK42" i="31"/>
  <c r="AS42" i="31"/>
  <c r="AR42" i="31"/>
  <c r="AP42" i="31"/>
  <c r="AO42" i="31"/>
  <c r="AN42" i="31"/>
  <c r="AK42" i="31"/>
  <c r="U42" i="31"/>
  <c r="BK226" i="31"/>
  <c r="AS226" i="31"/>
  <c r="AR226" i="31"/>
  <c r="AP226" i="31"/>
  <c r="AO226" i="31"/>
  <c r="AN226" i="31"/>
  <c r="AK226" i="31"/>
  <c r="U226" i="31"/>
  <c r="BK225" i="31"/>
  <c r="AS225" i="31"/>
  <c r="AR225" i="31"/>
  <c r="AP225" i="31"/>
  <c r="AO225" i="31"/>
  <c r="AN225" i="31"/>
  <c r="AK225" i="31"/>
  <c r="U225" i="31"/>
  <c r="AS224" i="31"/>
  <c r="AR224" i="31"/>
  <c r="AP224" i="31"/>
  <c r="AO224" i="31"/>
  <c r="AN224" i="31"/>
  <c r="AK224" i="31"/>
  <c r="U224" i="31"/>
  <c r="BK10" i="31"/>
  <c r="BG10" i="31"/>
  <c r="AS10" i="31"/>
  <c r="AR10" i="31"/>
  <c r="AQ10" i="31"/>
  <c r="AP10" i="31"/>
  <c r="AO10" i="31"/>
  <c r="AN10" i="31"/>
  <c r="AK10" i="31"/>
  <c r="U10" i="31"/>
  <c r="AS222" i="31"/>
  <c r="AR222" i="31"/>
  <c r="AP222" i="31"/>
  <c r="AO222" i="31"/>
  <c r="AN222" i="31"/>
  <c r="AK222" i="31"/>
  <c r="U222" i="31"/>
  <c r="BK40" i="31"/>
  <c r="AS40" i="31"/>
  <c r="AR40" i="31"/>
  <c r="AP40" i="31"/>
  <c r="AO40" i="31"/>
  <c r="AN40" i="31"/>
  <c r="AK40" i="31"/>
  <c r="U40" i="31"/>
  <c r="BK220" i="31"/>
  <c r="AS220" i="31"/>
  <c r="AR220" i="31"/>
  <c r="AP220" i="31"/>
  <c r="AO220" i="31"/>
  <c r="AN220" i="31"/>
  <c r="AK220" i="31"/>
  <c r="U220" i="31"/>
  <c r="BK32" i="31"/>
  <c r="BG32" i="31"/>
  <c r="AS32" i="31"/>
  <c r="AR32" i="31"/>
  <c r="AQ32" i="31"/>
  <c r="AP32" i="31"/>
  <c r="AO32" i="31"/>
  <c r="AN32" i="31"/>
  <c r="AK32" i="31"/>
  <c r="U32" i="31"/>
  <c r="BK20" i="31"/>
  <c r="BG20" i="31"/>
  <c r="AS20" i="31"/>
  <c r="AR20" i="31"/>
  <c r="AQ20" i="31"/>
  <c r="AP20" i="31"/>
  <c r="AO20" i="31"/>
  <c r="AN20" i="31"/>
  <c r="AK20" i="31"/>
  <c r="U20" i="31"/>
  <c r="BK39" i="31"/>
  <c r="AS39" i="31"/>
  <c r="AR39" i="31"/>
  <c r="AP39" i="31"/>
  <c r="AO39" i="31"/>
  <c r="AN39" i="31"/>
  <c r="AK39" i="31"/>
  <c r="U39" i="31"/>
  <c r="BK17" i="31"/>
  <c r="AS17" i="31"/>
  <c r="AR17" i="31"/>
  <c r="AP17" i="31"/>
  <c r="AO17" i="31"/>
  <c r="AN17" i="31"/>
  <c r="AK17" i="31"/>
  <c r="U17" i="31"/>
  <c r="BK19" i="31"/>
  <c r="BG19" i="31"/>
  <c r="AS19" i="31"/>
  <c r="AR19" i="31"/>
  <c r="AQ19" i="31"/>
  <c r="AP19" i="31"/>
  <c r="AO19" i="31"/>
  <c r="AN19" i="31"/>
  <c r="AK19" i="31"/>
  <c r="U19" i="31"/>
  <c r="BK18" i="31"/>
  <c r="BG18" i="31"/>
  <c r="AS18" i="31"/>
  <c r="AR18" i="31"/>
  <c r="AQ18" i="31"/>
  <c r="AP18" i="31"/>
  <c r="AO18" i="31"/>
  <c r="AN18" i="31"/>
  <c r="AK18" i="31"/>
  <c r="U18" i="31"/>
  <c r="BK9" i="31"/>
  <c r="BG9" i="31"/>
  <c r="AS9" i="31"/>
  <c r="AR9" i="31"/>
  <c r="AQ9" i="31"/>
  <c r="AP9" i="31"/>
  <c r="AO9" i="31"/>
  <c r="AN9" i="31"/>
  <c r="AK9" i="31"/>
  <c r="U9" i="31"/>
  <c r="BK212" i="31"/>
  <c r="AS212" i="31"/>
  <c r="AR212" i="31"/>
  <c r="AP212" i="31"/>
  <c r="AO212" i="31"/>
  <c r="AN212" i="31"/>
  <c r="AK212" i="31"/>
  <c r="U212" i="31"/>
  <c r="BK211" i="31"/>
  <c r="AS211" i="31"/>
  <c r="AR211" i="31"/>
  <c r="AP211" i="31"/>
  <c r="AO211" i="31"/>
  <c r="AN211" i="31"/>
  <c r="AK211" i="31"/>
  <c r="U211" i="31"/>
  <c r="BK210" i="31"/>
  <c r="AS210" i="31"/>
  <c r="AR210" i="31"/>
  <c r="AP210" i="31"/>
  <c r="AO210" i="31"/>
  <c r="AN210" i="31"/>
  <c r="AK210" i="31"/>
  <c r="U210" i="31"/>
  <c r="BK209" i="31"/>
  <c r="AS209" i="31"/>
  <c r="AR209" i="31"/>
  <c r="AP209" i="31"/>
  <c r="AO209" i="31"/>
  <c r="AN209" i="31"/>
  <c r="AK209" i="31"/>
  <c r="U209" i="31"/>
  <c r="BK208" i="31"/>
  <c r="AS208" i="31"/>
  <c r="AR208" i="31"/>
  <c r="AP208" i="31"/>
  <c r="AO208" i="31"/>
  <c r="AN208" i="31"/>
  <c r="AK208" i="31"/>
  <c r="U208" i="31"/>
  <c r="BK207" i="31"/>
  <c r="AS207" i="31"/>
  <c r="AR207" i="31"/>
  <c r="AP207" i="31"/>
  <c r="AO207" i="31"/>
  <c r="AN207" i="31"/>
  <c r="AK207" i="31"/>
  <c r="U207" i="31"/>
  <c r="BK221" i="31"/>
  <c r="AS221" i="31"/>
  <c r="AR221" i="31"/>
  <c r="AP221" i="31"/>
  <c r="AO221" i="31"/>
  <c r="AN221" i="31"/>
  <c r="AK221" i="31"/>
  <c r="U221" i="31"/>
  <c r="BK229" i="31"/>
  <c r="AS229" i="31"/>
  <c r="AR229" i="31"/>
  <c r="AP229" i="31"/>
  <c r="AO229" i="31"/>
  <c r="AN229" i="31"/>
  <c r="AK229" i="31"/>
  <c r="U229" i="31"/>
  <c r="BK204" i="31"/>
  <c r="AS204" i="31"/>
  <c r="AR204" i="31"/>
  <c r="AP204" i="31"/>
  <c r="AO204" i="31"/>
  <c r="AN204" i="31"/>
  <c r="AK204" i="31"/>
  <c r="U204" i="31"/>
  <c r="BK203" i="31"/>
  <c r="AS203" i="31"/>
  <c r="AR203" i="31"/>
  <c r="AP203" i="31"/>
  <c r="AO203" i="31"/>
  <c r="AN203" i="31"/>
  <c r="AK203" i="31"/>
  <c r="U203" i="31"/>
  <c r="BK202" i="31"/>
  <c r="AS202" i="31"/>
  <c r="AR202" i="31"/>
  <c r="AP202" i="31"/>
  <c r="AO202" i="31"/>
  <c r="AN202" i="31"/>
  <c r="AK202" i="31"/>
  <c r="U202" i="31"/>
  <c r="BK201" i="31"/>
  <c r="AS201" i="31"/>
  <c r="AR201" i="31"/>
  <c r="AP201" i="31"/>
  <c r="AO201" i="31"/>
  <c r="AN201" i="31"/>
  <c r="AK201" i="31"/>
  <c r="U201" i="31"/>
  <c r="BK200" i="31"/>
  <c r="AS200" i="31"/>
  <c r="AR200" i="31"/>
  <c r="AP200" i="31"/>
  <c r="AO200" i="31"/>
  <c r="AN200" i="31"/>
  <c r="AK200" i="31"/>
  <c r="U200" i="31"/>
  <c r="BK199" i="31"/>
  <c r="AS199" i="31"/>
  <c r="AR199" i="31"/>
  <c r="AP199" i="31"/>
  <c r="AO199" i="31"/>
  <c r="AN199" i="31"/>
  <c r="AK199" i="31"/>
  <c r="U199" i="31"/>
  <c r="BK198" i="31"/>
  <c r="AS198" i="31"/>
  <c r="AR198" i="31"/>
  <c r="AP198" i="31"/>
  <c r="AO198" i="31"/>
  <c r="AN198" i="31"/>
  <c r="AK198" i="31"/>
  <c r="U198" i="31"/>
  <c r="BK197" i="31"/>
  <c r="AS197" i="31"/>
  <c r="AR197" i="31"/>
  <c r="AP197" i="31"/>
  <c r="AO197" i="31"/>
  <c r="AN197" i="31"/>
  <c r="AK197" i="31"/>
  <c r="U197" i="31"/>
  <c r="BK196" i="31"/>
  <c r="AS196" i="31"/>
  <c r="AR196" i="31"/>
  <c r="AP196" i="31"/>
  <c r="AO196" i="31"/>
  <c r="AN196" i="31"/>
  <c r="AK196" i="31"/>
  <c r="U196" i="31"/>
  <c r="BK195" i="31"/>
  <c r="AS195" i="31"/>
  <c r="AR195" i="31"/>
  <c r="AP195" i="31"/>
  <c r="AO195" i="31"/>
  <c r="AN195" i="31"/>
  <c r="AK195" i="31"/>
  <c r="U195" i="31"/>
  <c r="BK163" i="31"/>
  <c r="BG163" i="31"/>
  <c r="AS163" i="31"/>
  <c r="AR163" i="31"/>
  <c r="AQ163" i="31"/>
  <c r="AP163" i="31"/>
  <c r="AO163" i="31"/>
  <c r="AN163" i="31"/>
  <c r="AK163" i="31"/>
  <c r="U163" i="31"/>
  <c r="BK162" i="31"/>
  <c r="BG162" i="31"/>
  <c r="AS162" i="31"/>
  <c r="AR162" i="31"/>
  <c r="AQ162" i="31"/>
  <c r="AP162" i="31"/>
  <c r="AO162" i="31"/>
  <c r="AN162" i="31"/>
  <c r="AK162" i="31"/>
  <c r="U162" i="31"/>
  <c r="BK192" i="31"/>
  <c r="AS192" i="31"/>
  <c r="AR192" i="31"/>
  <c r="AP192" i="31"/>
  <c r="AO192" i="31"/>
  <c r="AN192" i="31"/>
  <c r="AK192" i="31"/>
  <c r="U192" i="31"/>
  <c r="BK191" i="31"/>
  <c r="AS191" i="31"/>
  <c r="AR191" i="31"/>
  <c r="AP191" i="31"/>
  <c r="AO191" i="31"/>
  <c r="AN191" i="31"/>
  <c r="AK191" i="31"/>
  <c r="U191" i="31"/>
  <c r="BK190" i="31"/>
  <c r="AS190" i="31"/>
  <c r="AR190" i="31"/>
  <c r="AP190" i="31"/>
  <c r="AO190" i="31"/>
  <c r="AN190" i="31"/>
  <c r="AK190" i="31"/>
  <c r="U190" i="31"/>
  <c r="BK189" i="31"/>
  <c r="AS189" i="31"/>
  <c r="AR189" i="31"/>
  <c r="AP189" i="31"/>
  <c r="AO189" i="31"/>
  <c r="AN189" i="31"/>
  <c r="AK189" i="31"/>
  <c r="U189" i="31"/>
  <c r="BK188" i="31"/>
  <c r="AS188" i="31"/>
  <c r="AR188" i="31"/>
  <c r="AP188" i="31"/>
  <c r="AO188" i="31"/>
  <c r="AN188" i="31"/>
  <c r="AK188" i="31"/>
  <c r="U188" i="31"/>
  <c r="BK187" i="31"/>
  <c r="AS187" i="31"/>
  <c r="AR187" i="31"/>
  <c r="AP187" i="31"/>
  <c r="AO187" i="31"/>
  <c r="AN187" i="31"/>
  <c r="AK187" i="31"/>
  <c r="U187" i="31"/>
  <c r="BK186" i="31"/>
  <c r="AS186" i="31"/>
  <c r="AR186" i="31"/>
  <c r="AP186" i="31"/>
  <c r="AO186" i="31"/>
  <c r="AN186" i="31"/>
  <c r="AK186" i="31"/>
  <c r="U186" i="31"/>
  <c r="BK185" i="31"/>
  <c r="AS185" i="31"/>
  <c r="AR185" i="31"/>
  <c r="AP185" i="31"/>
  <c r="AO185" i="31"/>
  <c r="AN185" i="31"/>
  <c r="AK185" i="31"/>
  <c r="U185" i="31"/>
  <c r="BK184" i="31"/>
  <c r="AS184" i="31"/>
  <c r="AR184" i="31"/>
  <c r="AP184" i="31"/>
  <c r="AO184" i="31"/>
  <c r="AN184" i="31"/>
  <c r="AK184" i="31"/>
  <c r="U184" i="31"/>
  <c r="BK183" i="31"/>
  <c r="AS183" i="31"/>
  <c r="AR183" i="31"/>
  <c r="AP183" i="31"/>
  <c r="AO183" i="31"/>
  <c r="AN183" i="31"/>
  <c r="AK183" i="31"/>
  <c r="U183" i="31"/>
  <c r="BK182" i="31"/>
  <c r="AS182" i="31"/>
  <c r="AR182" i="31"/>
  <c r="AP182" i="31"/>
  <c r="AO182" i="31"/>
  <c r="AN182" i="31"/>
  <c r="AK182" i="31"/>
  <c r="U182" i="31"/>
  <c r="BK181" i="31"/>
  <c r="AS181" i="31"/>
  <c r="AR181" i="31"/>
  <c r="AP181" i="31"/>
  <c r="AO181" i="31"/>
  <c r="AN181" i="31"/>
  <c r="AK181" i="31"/>
  <c r="U181" i="31"/>
  <c r="BK180" i="31"/>
  <c r="AS180" i="31"/>
  <c r="AR180" i="31"/>
  <c r="AP180" i="31"/>
  <c r="AO180" i="31"/>
  <c r="AN180" i="31"/>
  <c r="AK180" i="31"/>
  <c r="U180" i="31"/>
  <c r="BK179" i="31"/>
  <c r="AS179" i="31"/>
  <c r="AR179" i="31"/>
  <c r="AP179" i="31"/>
  <c r="AO179" i="31"/>
  <c r="AN179" i="31"/>
  <c r="AK179" i="31"/>
  <c r="U179" i="31"/>
  <c r="BK178" i="31"/>
  <c r="AS178" i="31"/>
  <c r="AR178" i="31"/>
  <c r="AP178" i="31"/>
  <c r="AO178" i="31"/>
  <c r="AN178" i="31"/>
  <c r="AK178" i="31"/>
  <c r="U178" i="31"/>
  <c r="BK177" i="31"/>
  <c r="AS177" i="31"/>
  <c r="AR177" i="31"/>
  <c r="AP177" i="31"/>
  <c r="AO177" i="31"/>
  <c r="AN177" i="31"/>
  <c r="AK177" i="31"/>
  <c r="U177" i="31"/>
  <c r="BK176" i="31"/>
  <c r="AS176" i="31"/>
  <c r="AR176" i="31"/>
  <c r="AP176" i="31"/>
  <c r="AO176" i="31"/>
  <c r="AN176" i="31"/>
  <c r="AK176" i="31"/>
  <c r="U176" i="31"/>
  <c r="BK175" i="31"/>
  <c r="AS175" i="31"/>
  <c r="AR175" i="31"/>
  <c r="AP175" i="31"/>
  <c r="AO175" i="31"/>
  <c r="AN175" i="31"/>
  <c r="AK175" i="31"/>
  <c r="U175" i="31"/>
  <c r="BK174" i="31"/>
  <c r="AS174" i="31"/>
  <c r="AR174" i="31"/>
  <c r="AP174" i="31"/>
  <c r="AO174" i="31"/>
  <c r="AN174" i="31"/>
  <c r="AK174" i="31"/>
  <c r="U174" i="31"/>
  <c r="BK173" i="31"/>
  <c r="AS173" i="31"/>
  <c r="AR173" i="31"/>
  <c r="AP173" i="31"/>
  <c r="AO173" i="31"/>
  <c r="AN173" i="31"/>
  <c r="AK173" i="31"/>
  <c r="U173" i="31"/>
  <c r="BK172" i="31"/>
  <c r="AS172" i="31"/>
  <c r="AR172" i="31"/>
  <c r="AP172" i="31"/>
  <c r="AO172" i="31"/>
  <c r="AN172" i="31"/>
  <c r="AK172" i="31"/>
  <c r="U172" i="31"/>
  <c r="BK171" i="31"/>
  <c r="AS171" i="31"/>
  <c r="AR171" i="31"/>
  <c r="AP171" i="31"/>
  <c r="AO171" i="31"/>
  <c r="AN171" i="31"/>
  <c r="AK171" i="31"/>
  <c r="U171" i="31"/>
  <c r="BK170" i="31"/>
  <c r="AS170" i="31"/>
  <c r="AR170" i="31"/>
  <c r="AP170" i="31"/>
  <c r="AO170" i="31"/>
  <c r="AN170" i="31"/>
  <c r="AK170" i="31"/>
  <c r="U170" i="31"/>
  <c r="BK161" i="31"/>
  <c r="BG161" i="31"/>
  <c r="AS161" i="31"/>
  <c r="AR161" i="31"/>
  <c r="AQ161" i="31"/>
  <c r="AP161" i="31"/>
  <c r="AO161" i="31"/>
  <c r="AN161" i="31"/>
  <c r="AK161" i="31"/>
  <c r="U161" i="31"/>
  <c r="BK155" i="31"/>
  <c r="BG155" i="31"/>
  <c r="AS155" i="31"/>
  <c r="AR155" i="31"/>
  <c r="AQ155" i="31"/>
  <c r="AP155" i="31"/>
  <c r="AO155" i="31"/>
  <c r="AN155" i="31"/>
  <c r="AK155" i="31"/>
  <c r="U155" i="31"/>
  <c r="BK129" i="31"/>
  <c r="BG129" i="31"/>
  <c r="AS129" i="31"/>
  <c r="AR129" i="31"/>
  <c r="AQ129" i="31"/>
  <c r="AP129" i="31"/>
  <c r="AO129" i="31"/>
  <c r="AN129" i="31"/>
  <c r="AK129" i="31"/>
  <c r="U129" i="31"/>
  <c r="BK128" i="31"/>
  <c r="BG128" i="31"/>
  <c r="AS128" i="31"/>
  <c r="AR128" i="31"/>
  <c r="AQ128" i="31"/>
  <c r="AP128" i="31"/>
  <c r="AO128" i="31"/>
  <c r="AN128" i="31"/>
  <c r="AK128" i="31"/>
  <c r="U128" i="31"/>
  <c r="BK127" i="31"/>
  <c r="BG127" i="31"/>
  <c r="AS127" i="31"/>
  <c r="AR127" i="31"/>
  <c r="AQ127" i="31"/>
  <c r="AP127" i="31"/>
  <c r="AO127" i="31"/>
  <c r="AN127" i="31"/>
  <c r="AK127" i="31"/>
  <c r="U127" i="31"/>
  <c r="BK126" i="31"/>
  <c r="BG126" i="31"/>
  <c r="AS126" i="31"/>
  <c r="AR126" i="31"/>
  <c r="AQ126" i="31"/>
  <c r="AP126" i="31"/>
  <c r="AO126" i="31"/>
  <c r="AN126" i="31"/>
  <c r="AK126" i="31"/>
  <c r="U126" i="31"/>
  <c r="BK103" i="31"/>
  <c r="BG103" i="31"/>
  <c r="AS103" i="31"/>
  <c r="AR103" i="31"/>
  <c r="AQ103" i="31"/>
  <c r="AP103" i="31"/>
  <c r="AO103" i="31"/>
  <c r="AN103" i="31"/>
  <c r="AK103" i="31"/>
  <c r="U103" i="31"/>
  <c r="BK102" i="31"/>
  <c r="BG102" i="31"/>
  <c r="AS102" i="31"/>
  <c r="AR102" i="31"/>
  <c r="AQ102" i="31"/>
  <c r="AP102" i="31"/>
  <c r="AO102" i="31"/>
  <c r="AN102" i="31"/>
  <c r="AK102" i="31"/>
  <c r="U102" i="31"/>
  <c r="BK101" i="31"/>
  <c r="BG101" i="31"/>
  <c r="AS101" i="31"/>
  <c r="AR101" i="31"/>
  <c r="AQ101" i="31"/>
  <c r="AP101" i="31"/>
  <c r="AO101" i="31"/>
  <c r="AN101" i="31"/>
  <c r="AK101" i="31"/>
  <c r="U101" i="31"/>
  <c r="BK160" i="31"/>
  <c r="AS160" i="31"/>
  <c r="AR160" i="31"/>
  <c r="AP160" i="31"/>
  <c r="AO160" i="31"/>
  <c r="AN160" i="31"/>
  <c r="AK160" i="31"/>
  <c r="U160" i="31"/>
  <c r="BK159" i="31"/>
  <c r="AS159" i="31"/>
  <c r="AR159" i="31"/>
  <c r="AP159" i="31"/>
  <c r="AO159" i="31"/>
  <c r="AN159" i="31"/>
  <c r="AK159" i="31"/>
  <c r="U159" i="31"/>
  <c r="BK158" i="31"/>
  <c r="AS158" i="31"/>
  <c r="AR158" i="31"/>
  <c r="AP158" i="31"/>
  <c r="AO158" i="31"/>
  <c r="AN158" i="31"/>
  <c r="AK158" i="31"/>
  <c r="U158" i="31"/>
  <c r="BK157" i="31"/>
  <c r="AS157" i="31"/>
  <c r="AR157" i="31"/>
  <c r="AP157" i="31"/>
  <c r="AO157" i="31"/>
  <c r="AN157" i="31"/>
  <c r="AK157" i="31"/>
  <c r="U157" i="31"/>
  <c r="BK156" i="31"/>
  <c r="AS156" i="31"/>
  <c r="AR156" i="31"/>
  <c r="AP156" i="31"/>
  <c r="AO156" i="31"/>
  <c r="AN156" i="31"/>
  <c r="AK156" i="31"/>
  <c r="U156" i="31"/>
  <c r="BK100" i="31"/>
  <c r="BG100" i="31"/>
  <c r="AS100" i="31"/>
  <c r="AR100" i="31"/>
  <c r="AQ100" i="31"/>
  <c r="AP100" i="31"/>
  <c r="AO100" i="31"/>
  <c r="AN100" i="31"/>
  <c r="AK100" i="31"/>
  <c r="U100" i="31"/>
  <c r="BK154" i="31"/>
  <c r="AS154" i="31"/>
  <c r="AR154" i="31"/>
  <c r="AP154" i="31"/>
  <c r="AO154" i="31"/>
  <c r="AN154" i="31"/>
  <c r="AK154" i="31"/>
  <c r="U154" i="31"/>
  <c r="BK153" i="31"/>
  <c r="AS153" i="31"/>
  <c r="AR153" i="31"/>
  <c r="AP153" i="31"/>
  <c r="AO153" i="31"/>
  <c r="AN153" i="31"/>
  <c r="AK153" i="31"/>
  <c r="U153" i="31"/>
  <c r="AS152" i="31"/>
  <c r="AR152" i="31"/>
  <c r="AP152" i="31"/>
  <c r="AO152" i="31"/>
  <c r="AN152" i="31"/>
  <c r="AK152" i="31"/>
  <c r="U152" i="31"/>
  <c r="BK151" i="31"/>
  <c r="AS151" i="31"/>
  <c r="AR151" i="31"/>
  <c r="AP151" i="31"/>
  <c r="AO151" i="31"/>
  <c r="AN151" i="31"/>
  <c r="AK151" i="31"/>
  <c r="U151" i="31"/>
  <c r="BK150" i="31"/>
  <c r="AS150" i="31"/>
  <c r="AR150" i="31"/>
  <c r="AP150" i="31"/>
  <c r="AO150" i="31"/>
  <c r="AN150" i="31"/>
  <c r="AK150" i="31"/>
  <c r="U150" i="31"/>
  <c r="BK149" i="31"/>
  <c r="AS149" i="31"/>
  <c r="AR149" i="31"/>
  <c r="AP149" i="31"/>
  <c r="AO149" i="31"/>
  <c r="AN149" i="31"/>
  <c r="AK149" i="31"/>
  <c r="U149" i="31"/>
  <c r="BK148" i="31"/>
  <c r="AS148" i="31"/>
  <c r="AR148" i="31"/>
  <c r="AP148" i="31"/>
  <c r="AO148" i="31"/>
  <c r="AN148" i="31"/>
  <c r="AK148" i="31"/>
  <c r="U148" i="31"/>
  <c r="BK147" i="31"/>
  <c r="AS147" i="31"/>
  <c r="AR147" i="31"/>
  <c r="AP147" i="31"/>
  <c r="AO147" i="31"/>
  <c r="AN147" i="31"/>
  <c r="AK147" i="31"/>
  <c r="U147" i="31"/>
  <c r="BK146" i="31"/>
  <c r="AS146" i="31"/>
  <c r="AR146" i="31"/>
  <c r="AP146" i="31"/>
  <c r="AO146" i="31"/>
  <c r="AN146" i="31"/>
  <c r="AK146" i="31"/>
  <c r="U146" i="31"/>
  <c r="BK145" i="31"/>
  <c r="AS145" i="31"/>
  <c r="AR145" i="31"/>
  <c r="AP145" i="31"/>
  <c r="AO145" i="31"/>
  <c r="AN145" i="31"/>
  <c r="AK145" i="31"/>
  <c r="U145" i="31"/>
  <c r="BK227" i="31"/>
  <c r="AS227" i="31"/>
  <c r="AR227" i="31"/>
  <c r="AP227" i="31"/>
  <c r="AO227" i="31"/>
  <c r="AN227" i="31"/>
  <c r="AK227" i="31"/>
  <c r="U227" i="31"/>
  <c r="BK217" i="31"/>
  <c r="AS217" i="31"/>
  <c r="AR217" i="31"/>
  <c r="AP217" i="31"/>
  <c r="AO217" i="31"/>
  <c r="AN217" i="31"/>
  <c r="AK217" i="31"/>
  <c r="U217" i="31"/>
  <c r="BK205" i="31"/>
  <c r="AS205" i="31"/>
  <c r="AR205" i="31"/>
  <c r="AP205" i="31"/>
  <c r="AO205" i="31"/>
  <c r="AN205" i="31"/>
  <c r="AK205" i="31"/>
  <c r="U205" i="31"/>
  <c r="BK206" i="31"/>
  <c r="AS206" i="31"/>
  <c r="AR206" i="31"/>
  <c r="AP206" i="31"/>
  <c r="AO206" i="31"/>
  <c r="AN206" i="31"/>
  <c r="AK206" i="31"/>
  <c r="U206" i="31"/>
  <c r="BK143" i="31"/>
  <c r="BG143" i="31"/>
  <c r="AS143" i="31"/>
  <c r="AR143" i="31"/>
  <c r="AQ143" i="31"/>
  <c r="AP143" i="31"/>
  <c r="AO143" i="31"/>
  <c r="AN143" i="31"/>
  <c r="AK143" i="31"/>
  <c r="U143" i="31"/>
  <c r="BK139" i="31"/>
  <c r="AS139" i="31"/>
  <c r="AR139" i="31"/>
  <c r="AP139" i="31"/>
  <c r="AO139" i="31"/>
  <c r="AN139" i="31"/>
  <c r="AK139" i="31"/>
  <c r="U139" i="31"/>
  <c r="BK138" i="31"/>
  <c r="AS138" i="31"/>
  <c r="AR138" i="31"/>
  <c r="AP138" i="31"/>
  <c r="AO138" i="31"/>
  <c r="AN138" i="31"/>
  <c r="AK138" i="31"/>
  <c r="U138" i="31"/>
  <c r="BK137" i="31"/>
  <c r="AS137" i="31"/>
  <c r="AR137" i="31"/>
  <c r="AP137" i="31"/>
  <c r="AO137" i="31"/>
  <c r="AN137" i="31"/>
  <c r="AK137" i="31"/>
  <c r="U137" i="31"/>
  <c r="BK136" i="31"/>
  <c r="AS136" i="31"/>
  <c r="AR136" i="31"/>
  <c r="AP136" i="31"/>
  <c r="AO136" i="31"/>
  <c r="AN136" i="31"/>
  <c r="AK136" i="31"/>
  <c r="U136" i="31"/>
  <c r="BK135" i="31"/>
  <c r="AS135" i="31"/>
  <c r="AR135" i="31"/>
  <c r="AP135" i="31"/>
  <c r="AO135" i="31"/>
  <c r="AN135" i="31"/>
  <c r="AK135" i="31"/>
  <c r="U135" i="31"/>
  <c r="BK134" i="31"/>
  <c r="AS134" i="31"/>
  <c r="AR134" i="31"/>
  <c r="AP134" i="31"/>
  <c r="AO134" i="31"/>
  <c r="AN134" i="31"/>
  <c r="AK134" i="31"/>
  <c r="U134" i="31"/>
  <c r="BK133" i="31"/>
  <c r="AS133" i="31"/>
  <c r="AR133" i="31"/>
  <c r="AP133" i="31"/>
  <c r="AO133" i="31"/>
  <c r="AN133" i="31"/>
  <c r="AK133" i="31"/>
  <c r="U133" i="31"/>
  <c r="BK132" i="31"/>
  <c r="AS132" i="31"/>
  <c r="AR132" i="31"/>
  <c r="AP132" i="31"/>
  <c r="AO132" i="31"/>
  <c r="AN132" i="31"/>
  <c r="AK132" i="31"/>
  <c r="U132" i="31"/>
  <c r="BK131" i="31"/>
  <c r="AS131" i="31"/>
  <c r="AR131" i="31"/>
  <c r="AP131" i="31"/>
  <c r="AO131" i="31"/>
  <c r="AN131" i="31"/>
  <c r="AK131" i="31"/>
  <c r="U131" i="31"/>
  <c r="BK130" i="31"/>
  <c r="AS130" i="31"/>
  <c r="AR130" i="31"/>
  <c r="AP130" i="31"/>
  <c r="AO130" i="31"/>
  <c r="AN130" i="31"/>
  <c r="AK130" i="31"/>
  <c r="U130" i="31"/>
  <c r="BK99" i="31"/>
  <c r="BG99" i="31"/>
  <c r="AS99" i="31"/>
  <c r="AR99" i="31"/>
  <c r="AQ99" i="31"/>
  <c r="AP99" i="31"/>
  <c r="AO99" i="31"/>
  <c r="AN99" i="31"/>
  <c r="AK99" i="31"/>
  <c r="U99" i="31"/>
  <c r="BK98" i="31"/>
  <c r="BG98" i="31"/>
  <c r="AS98" i="31"/>
  <c r="AR98" i="31"/>
  <c r="AQ98" i="31"/>
  <c r="AP98" i="31"/>
  <c r="AO98" i="31"/>
  <c r="AN98" i="31"/>
  <c r="AK98" i="31"/>
  <c r="U98" i="31"/>
  <c r="BK97" i="31"/>
  <c r="BG97" i="31"/>
  <c r="AS97" i="31"/>
  <c r="AR97" i="31"/>
  <c r="AQ97" i="31"/>
  <c r="AP97" i="31"/>
  <c r="AO97" i="31"/>
  <c r="AN97" i="31"/>
  <c r="AK97" i="31"/>
  <c r="U97" i="31"/>
  <c r="BK96" i="31"/>
  <c r="BG96" i="31"/>
  <c r="AS96" i="31"/>
  <c r="AR96" i="31"/>
  <c r="AQ96" i="31"/>
  <c r="AP96" i="31"/>
  <c r="AO96" i="31"/>
  <c r="AN96" i="31"/>
  <c r="AK96" i="31"/>
  <c r="U96" i="31"/>
  <c r="BK125" i="31"/>
  <c r="AS125" i="31"/>
  <c r="AR125" i="31"/>
  <c r="AP125" i="31"/>
  <c r="AO125" i="31"/>
  <c r="AN125" i="31"/>
  <c r="AK125" i="31"/>
  <c r="U125" i="31"/>
  <c r="AS124" i="31"/>
  <c r="AR124" i="31"/>
  <c r="AP124" i="31"/>
  <c r="AO124" i="31"/>
  <c r="AN124" i="31"/>
  <c r="AK124" i="31"/>
  <c r="U124" i="31"/>
  <c r="BK123" i="31"/>
  <c r="AS123" i="31"/>
  <c r="AR123" i="31"/>
  <c r="AP123" i="31"/>
  <c r="AO123" i="31"/>
  <c r="AN123" i="31"/>
  <c r="AK123" i="31"/>
  <c r="U123" i="31"/>
  <c r="BK122" i="31"/>
  <c r="AS122" i="31"/>
  <c r="AR122" i="31"/>
  <c r="AP122" i="31"/>
  <c r="AO122" i="31"/>
  <c r="AN122" i="31"/>
  <c r="AK122" i="31"/>
  <c r="U122" i="31"/>
  <c r="BK121" i="31"/>
  <c r="AS121" i="31"/>
  <c r="AR121" i="31"/>
  <c r="AP121" i="31"/>
  <c r="AO121" i="31"/>
  <c r="AN121" i="31"/>
  <c r="AK121" i="31"/>
  <c r="U121" i="31"/>
  <c r="BK120" i="31"/>
  <c r="AS120" i="31"/>
  <c r="AR120" i="31"/>
  <c r="AP120" i="31"/>
  <c r="AO120" i="31"/>
  <c r="AN120" i="31"/>
  <c r="AK120" i="31"/>
  <c r="U120" i="31"/>
  <c r="BK119" i="31"/>
  <c r="AS119" i="31"/>
  <c r="AR119" i="31"/>
  <c r="AP119" i="31"/>
  <c r="AO119" i="31"/>
  <c r="AN119" i="31"/>
  <c r="AK119" i="31"/>
  <c r="U119" i="31"/>
  <c r="BK118" i="31"/>
  <c r="AS118" i="31"/>
  <c r="AR118" i="31"/>
  <c r="AP118" i="31"/>
  <c r="AO118" i="31"/>
  <c r="AN118" i="31"/>
  <c r="AK118" i="31"/>
  <c r="U118" i="31"/>
  <c r="BK117" i="31"/>
  <c r="AS117" i="31"/>
  <c r="AR117" i="31"/>
  <c r="AP117" i="31"/>
  <c r="AO117" i="31"/>
  <c r="AN117" i="31"/>
  <c r="AK117" i="31"/>
  <c r="U117" i="31"/>
  <c r="BK116" i="31"/>
  <c r="AS116" i="31"/>
  <c r="AR116" i="31"/>
  <c r="AP116" i="31"/>
  <c r="AO116" i="31"/>
  <c r="AN116" i="31"/>
  <c r="AK116" i="31"/>
  <c r="U116" i="31"/>
  <c r="BK115" i="31"/>
  <c r="AS115" i="31"/>
  <c r="AR115" i="31"/>
  <c r="AP115" i="31"/>
  <c r="AO115" i="31"/>
  <c r="AN115" i="31"/>
  <c r="AK115" i="31"/>
  <c r="U115" i="31"/>
  <c r="AS114" i="31"/>
  <c r="AR114" i="31"/>
  <c r="AP114" i="31"/>
  <c r="AO114" i="31"/>
  <c r="AN114" i="31"/>
  <c r="AK114" i="31"/>
  <c r="U114" i="31"/>
  <c r="BK113" i="31"/>
  <c r="AS113" i="31"/>
  <c r="AR113" i="31"/>
  <c r="AP113" i="31"/>
  <c r="AO113" i="31"/>
  <c r="AN113" i="31"/>
  <c r="AK113" i="31"/>
  <c r="U113" i="31"/>
  <c r="BK112" i="31"/>
  <c r="AS112" i="31"/>
  <c r="AR112" i="31"/>
  <c r="AP112" i="31"/>
  <c r="AO112" i="31"/>
  <c r="AN112" i="31"/>
  <c r="AK112" i="31"/>
  <c r="U112" i="31"/>
  <c r="BK111" i="31"/>
  <c r="AS111" i="31"/>
  <c r="AR111" i="31"/>
  <c r="AP111" i="31"/>
  <c r="AO111" i="31"/>
  <c r="AN111" i="31"/>
  <c r="AK111" i="31"/>
  <c r="U111" i="31"/>
  <c r="BK110" i="31"/>
  <c r="AS110" i="31"/>
  <c r="AR110" i="31"/>
  <c r="AP110" i="31"/>
  <c r="AO110" i="31"/>
  <c r="AN110" i="31"/>
  <c r="AK110" i="31"/>
  <c r="U110" i="31"/>
  <c r="BK109" i="31"/>
  <c r="AS109" i="31"/>
  <c r="AR109" i="31"/>
  <c r="AP109" i="31"/>
  <c r="AO109" i="31"/>
  <c r="AN109" i="31"/>
  <c r="AK109" i="31"/>
  <c r="U109" i="31"/>
  <c r="BK108" i="31"/>
  <c r="AS108" i="31"/>
  <c r="AR108" i="31"/>
  <c r="AP108" i="31"/>
  <c r="AO108" i="31"/>
  <c r="AN108" i="31"/>
  <c r="AK108" i="31"/>
  <c r="U108" i="31"/>
  <c r="BK107" i="31"/>
  <c r="AS107" i="31"/>
  <c r="AR107" i="31"/>
  <c r="AP107" i="31"/>
  <c r="AO107" i="31"/>
  <c r="AN107" i="31"/>
  <c r="AK107" i="31"/>
  <c r="U107" i="31"/>
  <c r="BK106" i="31"/>
  <c r="AS106" i="31"/>
  <c r="AR106" i="31"/>
  <c r="AP106" i="31"/>
  <c r="AO106" i="31"/>
  <c r="AN106" i="31"/>
  <c r="AK106" i="31"/>
  <c r="U106" i="31"/>
  <c r="BK105" i="31"/>
  <c r="AS105" i="31"/>
  <c r="AR105" i="31"/>
  <c r="AP105" i="31"/>
  <c r="AO105" i="31"/>
  <c r="AN105" i="31"/>
  <c r="AK105" i="31"/>
  <c r="U105" i="31"/>
  <c r="BK104" i="31"/>
  <c r="AS104" i="31"/>
  <c r="AR104" i="31"/>
  <c r="AP104" i="31"/>
  <c r="AO104" i="31"/>
  <c r="AN104" i="31"/>
  <c r="AK104" i="31"/>
  <c r="U104" i="31"/>
  <c r="BK223" i="31"/>
  <c r="BG223" i="31"/>
  <c r="AS223" i="31"/>
  <c r="AR223" i="31"/>
  <c r="AQ223" i="31"/>
  <c r="AP223" i="31"/>
  <c r="AO223" i="31"/>
  <c r="AN223" i="31"/>
  <c r="AK223" i="31"/>
  <c r="U223" i="31"/>
  <c r="BK219" i="31"/>
  <c r="BG219" i="31"/>
  <c r="AS219" i="31"/>
  <c r="AR219" i="31"/>
  <c r="AQ219" i="31"/>
  <c r="AP219" i="31"/>
  <c r="AO219" i="31"/>
  <c r="AN219" i="31"/>
  <c r="AK219" i="31"/>
  <c r="U219" i="31"/>
  <c r="BK218" i="31"/>
  <c r="BG218" i="31"/>
  <c r="AS218" i="31"/>
  <c r="AR218" i="31"/>
  <c r="AQ218" i="31"/>
  <c r="AP218" i="31"/>
  <c r="AO218" i="31"/>
  <c r="AN218" i="31"/>
  <c r="AK218" i="31"/>
  <c r="U218" i="31"/>
  <c r="BK215" i="31"/>
  <c r="BG215" i="31"/>
  <c r="AS215" i="31"/>
  <c r="AR215" i="31"/>
  <c r="AQ215" i="31"/>
  <c r="AP215" i="31"/>
  <c r="AO215" i="31"/>
  <c r="AN215" i="31"/>
  <c r="AK215" i="31"/>
  <c r="U215" i="31"/>
  <c r="BK214" i="31"/>
  <c r="BG214" i="31"/>
  <c r="AS214" i="31"/>
  <c r="AR214" i="31"/>
  <c r="AQ214" i="31"/>
  <c r="AP214" i="31"/>
  <c r="AO214" i="31"/>
  <c r="AN214" i="31"/>
  <c r="AK214" i="31"/>
  <c r="U214" i="31"/>
  <c r="BK213" i="31"/>
  <c r="BG213" i="31"/>
  <c r="AS213" i="31"/>
  <c r="AR213" i="31"/>
  <c r="AQ213" i="31"/>
  <c r="AP213" i="31"/>
  <c r="AO213" i="31"/>
  <c r="AN213" i="31"/>
  <c r="AK213" i="31"/>
  <c r="U213" i="31"/>
  <c r="BK194" i="31"/>
  <c r="BG194" i="31"/>
  <c r="AS194" i="31"/>
  <c r="AR194" i="31"/>
  <c r="AQ194" i="31"/>
  <c r="AP194" i="31"/>
  <c r="AO194" i="31"/>
  <c r="AN194" i="31"/>
  <c r="AK194" i="31"/>
  <c r="U194" i="31"/>
  <c r="BK193" i="31"/>
  <c r="BG193" i="31"/>
  <c r="AS193" i="31"/>
  <c r="AR193" i="31"/>
  <c r="AQ193" i="31"/>
  <c r="AP193" i="31"/>
  <c r="AO193" i="31"/>
  <c r="AN193" i="31"/>
  <c r="AK193" i="31"/>
  <c r="U193" i="31"/>
  <c r="BK169" i="31"/>
  <c r="BG169" i="31"/>
  <c r="AS169" i="31"/>
  <c r="AR169" i="31"/>
  <c r="AQ169" i="31"/>
  <c r="AP169" i="31"/>
  <c r="AO169" i="31"/>
  <c r="AN169" i="31"/>
  <c r="AK169" i="31"/>
  <c r="U169" i="31"/>
  <c r="BK168" i="31"/>
  <c r="BG168" i="31"/>
  <c r="AS168" i="31"/>
  <c r="AR168" i="31"/>
  <c r="AQ168" i="31"/>
  <c r="AP168" i="31"/>
  <c r="AO168" i="31"/>
  <c r="AN168" i="31"/>
  <c r="AK168" i="31"/>
  <c r="U168" i="31"/>
  <c r="BK167" i="31"/>
  <c r="BG167" i="31"/>
  <c r="AS167" i="31"/>
  <c r="AR167" i="31"/>
  <c r="AQ167" i="31"/>
  <c r="AP167" i="31"/>
  <c r="AO167" i="31"/>
  <c r="AN167" i="31"/>
  <c r="AK167" i="31"/>
  <c r="U167" i="31"/>
  <c r="BK166" i="31"/>
  <c r="BG166" i="31"/>
  <c r="AS166" i="31"/>
  <c r="AR166" i="31"/>
  <c r="AQ166" i="31"/>
  <c r="AP166" i="31"/>
  <c r="AO166" i="31"/>
  <c r="AN166" i="31"/>
  <c r="AK166" i="31"/>
  <c r="U166" i="31"/>
  <c r="AS91" i="31"/>
  <c r="AR91" i="31"/>
  <c r="AP91" i="31"/>
  <c r="AO91" i="31"/>
  <c r="AN91" i="31"/>
  <c r="AK91" i="31"/>
  <c r="U91" i="31"/>
  <c r="BK165" i="31"/>
  <c r="BG165" i="31"/>
  <c r="AS165" i="31"/>
  <c r="AR165" i="31"/>
  <c r="AQ165" i="31"/>
  <c r="AP165" i="31"/>
  <c r="AO165" i="31"/>
  <c r="AN165" i="31"/>
  <c r="AK165" i="31"/>
  <c r="U165" i="31"/>
  <c r="BK164" i="31"/>
  <c r="BG164" i="31"/>
  <c r="AS164" i="31"/>
  <c r="AR164" i="31"/>
  <c r="AQ164" i="31"/>
  <c r="AP164" i="31"/>
  <c r="AO164" i="31"/>
  <c r="AN164" i="31"/>
  <c r="AK164" i="31"/>
  <c r="U164" i="31"/>
  <c r="BK88" i="31"/>
  <c r="AS88" i="31"/>
  <c r="AR88" i="31"/>
  <c r="AP88" i="31"/>
  <c r="AO88" i="31"/>
  <c r="AN88" i="31"/>
  <c r="AK88" i="31"/>
  <c r="U88" i="31"/>
  <c r="BK87" i="31"/>
  <c r="AS87" i="31"/>
  <c r="AR87" i="31"/>
  <c r="AP87" i="31"/>
  <c r="AO87" i="31"/>
  <c r="AN87" i="31"/>
  <c r="AK87" i="31"/>
  <c r="U87" i="31"/>
  <c r="BK86" i="31"/>
  <c r="AS86" i="31"/>
  <c r="AR86" i="31"/>
  <c r="AP86" i="31"/>
  <c r="AO86" i="31"/>
  <c r="AN86" i="31"/>
  <c r="AK86" i="31"/>
  <c r="U86" i="31"/>
  <c r="BK85" i="31"/>
  <c r="AS85" i="31"/>
  <c r="AR85" i="31"/>
  <c r="AP85" i="31"/>
  <c r="AO85" i="31"/>
  <c r="AN85" i="31"/>
  <c r="AK85" i="31"/>
  <c r="U85" i="31"/>
  <c r="BK84" i="31"/>
  <c r="AS84" i="31"/>
  <c r="AR84" i="31"/>
  <c r="AP84" i="31"/>
  <c r="AO84" i="31"/>
  <c r="AN84" i="31"/>
  <c r="AK84" i="31"/>
  <c r="U84" i="31"/>
  <c r="BK83" i="31"/>
  <c r="AS83" i="31"/>
  <c r="AR83" i="31"/>
  <c r="AP83" i="31"/>
  <c r="AO83" i="31"/>
  <c r="AN83" i="31"/>
  <c r="AK83" i="31"/>
  <c r="U83" i="31"/>
  <c r="BK82" i="31"/>
  <c r="AS82" i="31"/>
  <c r="AR82" i="31"/>
  <c r="AP82" i="31"/>
  <c r="AO82" i="31"/>
  <c r="AN82" i="31"/>
  <c r="AK82" i="31"/>
  <c r="U82" i="31"/>
  <c r="BK81" i="31"/>
  <c r="AS81" i="31"/>
  <c r="AR81" i="31"/>
  <c r="AP81" i="31"/>
  <c r="AO81" i="31"/>
  <c r="AN81" i="31"/>
  <c r="AK81" i="31"/>
  <c r="U81" i="31"/>
  <c r="BK80" i="31"/>
  <c r="AS80" i="31"/>
  <c r="AR80" i="31"/>
  <c r="AP80" i="31"/>
  <c r="AO80" i="31"/>
  <c r="AN80" i="31"/>
  <c r="AK80" i="31"/>
  <c r="U80" i="31"/>
  <c r="AS79" i="31"/>
  <c r="AR79" i="31"/>
  <c r="AP79" i="31"/>
  <c r="AO79" i="31"/>
  <c r="AN79" i="31"/>
  <c r="AK79" i="31"/>
  <c r="U79" i="31"/>
  <c r="BK78" i="31"/>
  <c r="AS78" i="31"/>
  <c r="AR78" i="31"/>
  <c r="AP78" i="31"/>
  <c r="AO78" i="31"/>
  <c r="AN78" i="31"/>
  <c r="AK78" i="31"/>
  <c r="U78" i="31"/>
  <c r="BK77" i="31"/>
  <c r="AS77" i="31"/>
  <c r="AR77" i="31"/>
  <c r="AP77" i="31"/>
  <c r="AO77" i="31"/>
  <c r="AN77" i="31"/>
  <c r="AK77" i="31"/>
  <c r="U77" i="31"/>
  <c r="BK76" i="31"/>
  <c r="AS76" i="31"/>
  <c r="AR76" i="31"/>
  <c r="AP76" i="31"/>
  <c r="AO76" i="31"/>
  <c r="AN76" i="31"/>
  <c r="AK76" i="31"/>
  <c r="U76" i="31"/>
  <c r="BK75" i="31"/>
  <c r="AS75" i="31"/>
  <c r="AR75" i="31"/>
  <c r="AP75" i="31"/>
  <c r="AO75" i="31"/>
  <c r="AN75" i="31"/>
  <c r="AK75" i="31"/>
  <c r="U75" i="31"/>
  <c r="BK74" i="31"/>
  <c r="AS74" i="31"/>
  <c r="AR74" i="31"/>
  <c r="AP74" i="31"/>
  <c r="AO74" i="31"/>
  <c r="AN74" i="31"/>
  <c r="AK74" i="31"/>
  <c r="U74" i="31"/>
  <c r="BK73" i="31"/>
  <c r="AS73" i="31"/>
  <c r="AR73" i="31"/>
  <c r="AP73" i="31"/>
  <c r="AO73" i="31"/>
  <c r="AN73" i="31"/>
  <c r="AK73" i="31"/>
  <c r="U73" i="31"/>
  <c r="AS72" i="31"/>
  <c r="AR72" i="31"/>
  <c r="AP72" i="31"/>
  <c r="AO72" i="31"/>
  <c r="AN72" i="31"/>
  <c r="AK72" i="31"/>
  <c r="U72" i="31"/>
  <c r="BK71" i="31"/>
  <c r="AS71" i="31"/>
  <c r="AR71" i="31"/>
  <c r="AP71" i="31"/>
  <c r="AO71" i="31"/>
  <c r="AN71" i="31"/>
  <c r="AK71" i="31"/>
  <c r="U71" i="31"/>
  <c r="BK144" i="31"/>
  <c r="AS144" i="31"/>
  <c r="AR144" i="31"/>
  <c r="AP144" i="31"/>
  <c r="AO144" i="31"/>
  <c r="AN144" i="31"/>
  <c r="AK144" i="31"/>
  <c r="U144" i="31"/>
  <c r="BK69" i="31"/>
  <c r="AS69" i="31"/>
  <c r="AR69" i="31"/>
  <c r="AP69" i="31"/>
  <c r="AO69" i="31"/>
  <c r="AN69" i="31"/>
  <c r="AK69" i="31"/>
  <c r="U69" i="31"/>
  <c r="BK216" i="31"/>
  <c r="AS216" i="31"/>
  <c r="AR216" i="31"/>
  <c r="AP216" i="31"/>
  <c r="AO216" i="31"/>
  <c r="AN216" i="31"/>
  <c r="AK216" i="31"/>
  <c r="U216" i="31"/>
  <c r="AS67" i="31"/>
  <c r="AR67" i="31"/>
  <c r="AP67" i="31"/>
  <c r="AO67" i="31"/>
  <c r="AN67" i="31"/>
  <c r="AK67" i="31"/>
  <c r="U67" i="31"/>
  <c r="BK95" i="31"/>
  <c r="BG95" i="31"/>
  <c r="AS95" i="31"/>
  <c r="AR95" i="31"/>
  <c r="AQ95" i="31"/>
  <c r="AP95" i="31"/>
  <c r="AO95" i="31"/>
  <c r="AN95" i="31"/>
  <c r="AK95" i="31"/>
  <c r="U95" i="31"/>
  <c r="BK65" i="31"/>
  <c r="AS65" i="31"/>
  <c r="AR65" i="31"/>
  <c r="AP65" i="31"/>
  <c r="AO65" i="31"/>
  <c r="AN65" i="31"/>
  <c r="AK65" i="31"/>
  <c r="U65" i="31"/>
  <c r="AS64" i="31"/>
  <c r="AR64" i="31"/>
  <c r="AP64" i="31"/>
  <c r="AO64" i="31"/>
  <c r="AN64" i="31"/>
  <c r="AK64" i="31"/>
  <c r="U64" i="31"/>
  <c r="BG93" i="31"/>
  <c r="AS93" i="31"/>
  <c r="AR93" i="31"/>
  <c r="AQ93" i="31"/>
  <c r="AP93" i="31"/>
  <c r="AO93" i="31"/>
  <c r="AN93" i="31"/>
  <c r="AK93" i="31"/>
  <c r="U93" i="31"/>
  <c r="AS62" i="31"/>
  <c r="AR62" i="31"/>
  <c r="AP62" i="31"/>
  <c r="AO62" i="31"/>
  <c r="AN62" i="31"/>
  <c r="AK62" i="31"/>
  <c r="U62" i="31"/>
  <c r="AS61" i="31"/>
  <c r="AR61" i="31"/>
  <c r="AP61" i="31"/>
  <c r="AO61" i="31"/>
  <c r="AN61" i="31"/>
  <c r="AK61" i="31"/>
  <c r="U61" i="31"/>
  <c r="BK92" i="31"/>
  <c r="BG92" i="31"/>
  <c r="AS92" i="31"/>
  <c r="AR92" i="31"/>
  <c r="AQ92" i="31"/>
  <c r="AP92" i="31"/>
  <c r="AO92" i="31"/>
  <c r="AN92" i="31"/>
  <c r="AK92" i="31"/>
  <c r="U92" i="31"/>
  <c r="BG59" i="31"/>
  <c r="AS59" i="31"/>
  <c r="AR59" i="31"/>
  <c r="AQ59" i="31"/>
  <c r="AP59" i="31"/>
  <c r="AO59" i="31"/>
  <c r="AN59" i="31"/>
  <c r="AK59" i="31"/>
  <c r="U59" i="31"/>
  <c r="BG58" i="31"/>
  <c r="AS58" i="31"/>
  <c r="AR58" i="31"/>
  <c r="AQ58" i="31"/>
  <c r="AP58" i="31"/>
  <c r="AO58" i="31"/>
  <c r="AN58" i="31"/>
  <c r="AK58" i="31"/>
  <c r="U58" i="31"/>
  <c r="BK141" i="31"/>
  <c r="BG141" i="31"/>
  <c r="AS141" i="31"/>
  <c r="AR141" i="31"/>
  <c r="AQ141" i="31"/>
  <c r="AP141" i="31"/>
  <c r="AO141" i="31"/>
  <c r="AN141" i="31"/>
  <c r="AK141" i="31"/>
  <c r="U141" i="31"/>
  <c r="BK56" i="31"/>
  <c r="BG56" i="31"/>
  <c r="AS56" i="31"/>
  <c r="AR56" i="31"/>
  <c r="AQ56" i="31"/>
  <c r="AP56" i="31"/>
  <c r="AO56" i="31"/>
  <c r="AN56" i="31"/>
  <c r="AK56" i="31"/>
  <c r="U56" i="31"/>
  <c r="BG55" i="31"/>
  <c r="AS55" i="31"/>
  <c r="AR55" i="31"/>
  <c r="AQ55" i="31"/>
  <c r="AP55" i="31"/>
  <c r="AO55" i="31"/>
  <c r="AN55" i="31"/>
  <c r="AK55" i="31"/>
  <c r="U55" i="31"/>
  <c r="BG89" i="31"/>
  <c r="AS89" i="31"/>
  <c r="AR89" i="31"/>
  <c r="AQ89" i="31"/>
  <c r="AP89" i="31"/>
  <c r="AO89" i="31"/>
  <c r="AN89" i="31"/>
  <c r="AK89" i="31"/>
  <c r="U89" i="31"/>
  <c r="BG53" i="31"/>
  <c r="AS53" i="31"/>
  <c r="AR53" i="31"/>
  <c r="AQ53" i="31"/>
  <c r="AP53" i="31"/>
  <c r="AO53" i="31"/>
  <c r="AN53" i="31"/>
  <c r="AK53" i="31"/>
  <c r="U53" i="31"/>
  <c r="BK142" i="31"/>
  <c r="BG142" i="31"/>
  <c r="AS142" i="31"/>
  <c r="AR142" i="31"/>
  <c r="AQ142" i="31"/>
  <c r="AP142" i="31"/>
  <c r="AO142" i="31"/>
  <c r="AN142" i="31"/>
  <c r="AK142" i="31"/>
  <c r="U142" i="31"/>
  <c r="BK70" i="31"/>
  <c r="BG70" i="31"/>
  <c r="AS70" i="31"/>
  <c r="AR70" i="31"/>
  <c r="AQ70" i="31"/>
  <c r="AP70" i="31"/>
  <c r="AO70" i="31"/>
  <c r="AN70" i="31"/>
  <c r="AK70" i="31"/>
  <c r="U70" i="31"/>
  <c r="BK140" i="31"/>
  <c r="BG140" i="31"/>
  <c r="AS140" i="31"/>
  <c r="AR140" i="31"/>
  <c r="AQ140" i="31"/>
  <c r="AP140" i="31"/>
  <c r="AO140" i="31"/>
  <c r="AN140" i="31"/>
  <c r="AK140" i="31"/>
  <c r="U140" i="31"/>
  <c r="BK57" i="31"/>
  <c r="BG57" i="31"/>
  <c r="AS57" i="31"/>
  <c r="AR57" i="31"/>
  <c r="AQ57" i="31"/>
  <c r="AP57" i="31"/>
  <c r="AO57" i="31"/>
  <c r="AN57" i="31"/>
  <c r="AK57" i="31"/>
  <c r="U57" i="31"/>
  <c r="BK52" i="31"/>
  <c r="BG52" i="31"/>
  <c r="AS52" i="31"/>
  <c r="AR52" i="31"/>
  <c r="AQ52" i="31"/>
  <c r="AP52" i="31"/>
  <c r="AO52" i="31"/>
  <c r="AN52" i="31"/>
  <c r="AK52" i="31"/>
  <c r="U52" i="31"/>
  <c r="BK51" i="31"/>
  <c r="BG51" i="31"/>
  <c r="AS51" i="31"/>
  <c r="AR51" i="31"/>
  <c r="AQ51" i="31"/>
  <c r="AP51" i="31"/>
  <c r="AO51" i="31"/>
  <c r="AN51" i="31"/>
  <c r="AK51" i="31"/>
  <c r="U51" i="31"/>
  <c r="BK48" i="31"/>
  <c r="BG48" i="31"/>
  <c r="AS48" i="31"/>
  <c r="AR48" i="31"/>
  <c r="AQ48" i="31"/>
  <c r="AP48" i="31"/>
  <c r="AO48" i="31"/>
  <c r="AN48" i="31"/>
  <c r="AK48" i="31"/>
  <c r="U48" i="31"/>
  <c r="BK47" i="31"/>
  <c r="BG47" i="31"/>
  <c r="AS47" i="31"/>
  <c r="AR47" i="31"/>
  <c r="AQ47" i="31"/>
  <c r="AP47" i="31"/>
  <c r="AO47" i="31"/>
  <c r="AN47" i="31"/>
  <c r="AK47" i="31"/>
  <c r="U47" i="31"/>
  <c r="BK46" i="31"/>
  <c r="BG46" i="31"/>
  <c r="AS46" i="31"/>
  <c r="AR46" i="31"/>
  <c r="AQ46" i="31"/>
  <c r="AP46" i="31"/>
  <c r="AO46" i="31"/>
  <c r="AN46" i="31"/>
  <c r="AK46" i="31"/>
  <c r="U46" i="31"/>
  <c r="BK45" i="31"/>
  <c r="BG45" i="31"/>
  <c r="AS45" i="31"/>
  <c r="AR45" i="31"/>
  <c r="AQ45" i="31"/>
  <c r="AP45" i="31"/>
  <c r="AO45" i="31"/>
  <c r="AN45" i="31"/>
  <c r="AK45" i="31"/>
  <c r="U45" i="31"/>
  <c r="BK44" i="31"/>
  <c r="BG44" i="31"/>
  <c r="AS44" i="31"/>
  <c r="AR44" i="31"/>
  <c r="AQ44" i="31"/>
  <c r="AP44" i="31"/>
  <c r="AO44" i="31"/>
  <c r="AN44" i="31"/>
  <c r="AK44" i="31"/>
  <c r="U44" i="31"/>
  <c r="BK68" i="31"/>
  <c r="BG68" i="31"/>
  <c r="AS68" i="31"/>
  <c r="AR68" i="31"/>
  <c r="AQ68" i="31"/>
  <c r="AP68" i="31"/>
  <c r="AO68" i="31"/>
  <c r="AN68" i="31"/>
  <c r="AK68" i="31"/>
  <c r="U68" i="31"/>
  <c r="BK50" i="31"/>
  <c r="BG50" i="31"/>
  <c r="AS50" i="31"/>
  <c r="AR50" i="31"/>
  <c r="AQ50" i="31"/>
  <c r="AP50" i="31"/>
  <c r="AO50" i="31"/>
  <c r="AN50" i="31"/>
  <c r="AK50" i="31"/>
  <c r="U50" i="31"/>
  <c r="BK49" i="31"/>
  <c r="BG49" i="31"/>
  <c r="AS49" i="31"/>
  <c r="AR49" i="31"/>
  <c r="AQ49" i="31"/>
  <c r="AP49" i="31"/>
  <c r="AO49" i="31"/>
  <c r="AN49" i="31"/>
  <c r="AK49" i="31"/>
  <c r="U49" i="31"/>
  <c r="BK66" i="31"/>
  <c r="BG66" i="31"/>
  <c r="AS66" i="31"/>
  <c r="AR66" i="31"/>
  <c r="AQ66" i="31"/>
  <c r="AP66" i="31"/>
  <c r="AO66" i="31"/>
  <c r="AN66" i="31"/>
  <c r="AK66" i="31"/>
  <c r="U66" i="31"/>
  <c r="BK63" i="31"/>
  <c r="BG63" i="31"/>
  <c r="AS63" i="31"/>
  <c r="AR63" i="31"/>
  <c r="AQ63" i="31"/>
  <c r="AP63" i="31"/>
  <c r="AO63" i="31"/>
  <c r="AN63" i="31"/>
  <c r="AK63" i="31"/>
  <c r="U63" i="31"/>
  <c r="BK60" i="31"/>
  <c r="BG60" i="31"/>
  <c r="AS60" i="31"/>
  <c r="AR60" i="31"/>
  <c r="AQ60" i="31"/>
  <c r="AP60" i="31"/>
  <c r="AO60" i="31"/>
  <c r="AN60" i="31"/>
  <c r="AK60" i="31"/>
  <c r="U60" i="31"/>
  <c r="BK54" i="31"/>
  <c r="BG54" i="31"/>
  <c r="AS54" i="31"/>
  <c r="AR54" i="31"/>
  <c r="AQ54" i="31"/>
  <c r="AP54" i="31"/>
  <c r="AO54" i="31"/>
  <c r="AN54" i="31"/>
  <c r="AK54" i="31"/>
  <c r="U54" i="31"/>
  <c r="BK38" i="31"/>
  <c r="BG38" i="31"/>
  <c r="AS38" i="31"/>
  <c r="AR38" i="31"/>
  <c r="AQ38" i="31"/>
  <c r="AP38" i="31"/>
  <c r="AO38" i="31"/>
  <c r="AN38" i="31"/>
  <c r="AK38" i="31"/>
  <c r="U38" i="31"/>
  <c r="BK37" i="31"/>
  <c r="BG37" i="31"/>
  <c r="AS37" i="31"/>
  <c r="AR37" i="31"/>
  <c r="AQ37" i="31"/>
  <c r="AP37" i="31"/>
  <c r="AO37" i="31"/>
  <c r="AN37" i="31"/>
  <c r="AK37" i="31"/>
  <c r="U37" i="31"/>
  <c r="BG36" i="31"/>
  <c r="AS36" i="31"/>
  <c r="AR36" i="31"/>
  <c r="AQ36" i="31"/>
  <c r="AP36" i="31"/>
  <c r="AO36" i="31"/>
  <c r="AN36" i="31"/>
  <c r="AK36" i="31"/>
  <c r="U36" i="31"/>
  <c r="BG31" i="31"/>
  <c r="AS31" i="31"/>
  <c r="AR31" i="31"/>
  <c r="AQ31" i="31"/>
  <c r="AP31" i="31"/>
  <c r="AO31" i="31"/>
  <c r="AN31" i="31"/>
  <c r="AK31" i="31"/>
  <c r="U31" i="31"/>
  <c r="BK30" i="31"/>
  <c r="BG30" i="31"/>
  <c r="AS30" i="31"/>
  <c r="AR30" i="31"/>
  <c r="AQ30" i="31"/>
  <c r="AP30" i="31"/>
  <c r="AO30" i="31"/>
  <c r="AN30" i="31"/>
  <c r="AK30" i="31"/>
  <c r="U30" i="31"/>
  <c r="BG41" i="31"/>
  <c r="AS41" i="31"/>
  <c r="AR41" i="31"/>
  <c r="AQ41" i="31"/>
  <c r="AP41" i="31"/>
  <c r="AO41" i="31"/>
  <c r="AN41" i="31"/>
  <c r="AK41" i="31"/>
  <c r="U41" i="31"/>
  <c r="BG29" i="31"/>
  <c r="AS29" i="31"/>
  <c r="AR29" i="31"/>
  <c r="AQ29" i="31"/>
  <c r="AP29" i="31"/>
  <c r="AO29" i="31"/>
  <c r="AN29" i="31"/>
  <c r="AK29" i="31"/>
  <c r="U29" i="31"/>
  <c r="BG28" i="31"/>
  <c r="AS28" i="31"/>
  <c r="AR28" i="31"/>
  <c r="AQ28" i="31"/>
  <c r="AP28" i="31"/>
  <c r="AO28" i="31"/>
  <c r="AN28" i="31"/>
  <c r="AK28" i="31"/>
  <c r="U28" i="31"/>
  <c r="BG27" i="31"/>
  <c r="AS27" i="31"/>
  <c r="AR27" i="31"/>
  <c r="AQ27" i="31"/>
  <c r="AP27" i="31"/>
  <c r="AO27" i="31"/>
  <c r="AN27" i="31"/>
  <c r="AK27" i="31"/>
  <c r="U27" i="31"/>
  <c r="BG26" i="31"/>
  <c r="AS26" i="31"/>
  <c r="AR26" i="31"/>
  <c r="AQ26" i="31"/>
  <c r="AP26" i="31"/>
  <c r="AO26" i="31"/>
  <c r="AN26" i="31"/>
  <c r="AK26" i="31"/>
  <c r="U26" i="31"/>
  <c r="BG25" i="31"/>
  <c r="AS25" i="31"/>
  <c r="AR25" i="31"/>
  <c r="AQ25" i="31"/>
  <c r="AP25" i="31"/>
  <c r="AO25" i="31"/>
  <c r="AN25" i="31"/>
  <c r="AK25" i="31"/>
  <c r="U25" i="31"/>
  <c r="BG24" i="31"/>
  <c r="AS24" i="31"/>
  <c r="AR24" i="31"/>
  <c r="AQ24" i="31"/>
  <c r="AP24" i="31"/>
  <c r="AO24" i="31"/>
  <c r="AN24" i="31"/>
  <c r="AK24" i="31"/>
  <c r="U24" i="31"/>
  <c r="BG23" i="31"/>
  <c r="AS23" i="31"/>
  <c r="AR23" i="31"/>
  <c r="AQ23" i="31"/>
  <c r="AP23" i="31"/>
  <c r="AO23" i="31"/>
  <c r="AN23" i="31"/>
  <c r="AK23" i="31"/>
  <c r="U23" i="31"/>
  <c r="BK21" i="31"/>
  <c r="BG21" i="31"/>
  <c r="AS21" i="31"/>
  <c r="AR21" i="31"/>
  <c r="AQ21" i="31"/>
  <c r="AP21" i="31"/>
  <c r="AO21" i="31"/>
  <c r="AN21" i="31"/>
  <c r="AK21" i="31"/>
  <c r="U21" i="31"/>
  <c r="BK35" i="31"/>
  <c r="BG35" i="31"/>
  <c r="AS35" i="31"/>
  <c r="AR35" i="31"/>
  <c r="AQ35" i="31"/>
  <c r="AP35" i="31"/>
  <c r="AO35" i="31"/>
  <c r="AN35" i="31"/>
  <c r="AK35" i="31"/>
  <c r="U35" i="31"/>
  <c r="BK34" i="31"/>
  <c r="BG34" i="31"/>
  <c r="AS34" i="31"/>
  <c r="AR34" i="31"/>
  <c r="AQ34" i="31"/>
  <c r="AP34" i="31"/>
  <c r="AO34" i="31"/>
  <c r="AN34" i="31"/>
  <c r="AK34" i="31"/>
  <c r="U34" i="31"/>
  <c r="BK33" i="31"/>
  <c r="BG33" i="31"/>
  <c r="AS33" i="31"/>
  <c r="AR33" i="31"/>
  <c r="AQ33" i="31"/>
  <c r="AP33" i="31"/>
  <c r="AO33" i="31"/>
  <c r="AN33" i="31"/>
  <c r="AK33" i="31"/>
  <c r="U33" i="31"/>
  <c r="BG22" i="31"/>
  <c r="AS22" i="31"/>
  <c r="AR22" i="31"/>
  <c r="AQ22" i="31"/>
  <c r="AP22" i="31"/>
  <c r="AO22" i="31"/>
  <c r="AN22" i="31"/>
  <c r="AK22" i="31"/>
  <c r="U22" i="31"/>
  <c r="BG16" i="31"/>
  <c r="AS16" i="31"/>
  <c r="AR16" i="31"/>
  <c r="AQ16" i="31"/>
  <c r="AP16" i="31"/>
  <c r="AO16" i="31"/>
  <c r="AN16" i="31"/>
  <c r="AK16" i="31"/>
  <c r="U16" i="31"/>
  <c r="BG15" i="31"/>
  <c r="AS15" i="31"/>
  <c r="AR15" i="31"/>
  <c r="AQ15" i="31"/>
  <c r="AP15" i="31"/>
  <c r="AO15" i="31"/>
  <c r="AN15" i="31"/>
  <c r="AK15" i="31"/>
  <c r="U15" i="31"/>
  <c r="BG14" i="31"/>
  <c r="AS14" i="31"/>
  <c r="AR14" i="31"/>
  <c r="AQ14" i="31"/>
  <c r="AP14" i="31"/>
  <c r="AO14" i="31"/>
  <c r="AN14" i="31"/>
  <c r="AK14" i="31"/>
  <c r="U14" i="31"/>
  <c r="BG13" i="31"/>
  <c r="AS13" i="31"/>
  <c r="AR13" i="31"/>
  <c r="AQ13" i="31"/>
  <c r="AP13" i="31"/>
  <c r="AO13" i="31"/>
  <c r="AN13" i="31"/>
  <c r="AK13" i="31"/>
  <c r="U13" i="31"/>
  <c r="BG12" i="31"/>
  <c r="AS12" i="31"/>
  <c r="AR12" i="31"/>
  <c r="AQ12" i="31"/>
  <c r="AP12" i="31"/>
  <c r="AO12" i="31"/>
  <c r="AN12" i="31"/>
  <c r="AK12" i="31"/>
  <c r="U12" i="31"/>
  <c r="BG11" i="31"/>
  <c r="AS11" i="31"/>
  <c r="AR11" i="31"/>
  <c r="AQ11" i="31"/>
  <c r="AP11" i="31"/>
  <c r="AO11" i="31"/>
  <c r="AN11" i="31"/>
  <c r="AK11" i="31"/>
  <c r="U11" i="31"/>
  <c r="BG94" i="31"/>
  <c r="AS94" i="31"/>
  <c r="AR94" i="31"/>
  <c r="AQ94" i="31"/>
  <c r="AP94" i="31"/>
  <c r="AO94" i="31"/>
  <c r="AN94" i="31"/>
  <c r="AK94" i="31"/>
  <c r="U94" i="31"/>
  <c r="BG90" i="31"/>
  <c r="AS90" i="31"/>
  <c r="AR90" i="31"/>
  <c r="AQ90" i="31"/>
  <c r="AP90" i="31"/>
  <c r="AO90" i="31"/>
  <c r="AN90" i="31"/>
  <c r="AK90" i="31"/>
  <c r="U90" i="31"/>
  <c r="BG8" i="31"/>
  <c r="AS8" i="31"/>
  <c r="AR8" i="31"/>
  <c r="AQ8" i="31"/>
  <c r="AP8" i="31"/>
  <c r="AO8" i="31"/>
  <c r="AN8" i="31"/>
  <c r="AK8" i="31"/>
  <c r="U8" i="31"/>
  <c r="BG7" i="31"/>
  <c r="AS7" i="31"/>
  <c r="AR7" i="31"/>
  <c r="AQ7" i="31"/>
  <c r="AP7" i="31"/>
  <c r="AO7" i="31"/>
  <c r="AN7" i="31"/>
  <c r="AK7" i="31"/>
  <c r="U7" i="31"/>
  <c r="BG6" i="31"/>
  <c r="AS6" i="31"/>
  <c r="AR6" i="31"/>
  <c r="AQ6" i="31"/>
  <c r="AP6" i="31"/>
  <c r="AO6" i="31"/>
  <c r="AN6" i="31"/>
  <c r="AK6" i="31"/>
  <c r="U6" i="31"/>
  <c r="BG5" i="31"/>
  <c r="AS5" i="31"/>
  <c r="AR5" i="31"/>
  <c r="AQ5" i="31"/>
  <c r="AO5" i="31"/>
  <c r="AN5" i="31"/>
  <c r="AK5" i="31"/>
  <c r="U5" i="31"/>
  <c r="BG4" i="31"/>
  <c r="AS4" i="31"/>
  <c r="AR4" i="31"/>
  <c r="AQ4" i="31"/>
  <c r="AP4" i="31"/>
  <c r="AO4" i="31"/>
  <c r="AN4" i="31"/>
  <c r="AK4" i="31"/>
  <c r="U4" i="31"/>
  <c r="DN401" i="9" l="1"/>
  <c r="DM307" i="9"/>
  <c r="DN400" i="9"/>
  <c r="DM306" i="9"/>
  <c r="DM480" i="9"/>
  <c r="DM324" i="9"/>
  <c r="DM317" i="9"/>
  <c r="DN403" i="9"/>
  <c r="DP324" i="9"/>
  <c r="DP317" i="9"/>
  <c r="DP316" i="9"/>
  <c r="DP401" i="9"/>
  <c r="DP306" i="9"/>
  <c r="DP400" i="9"/>
  <c r="DP480" i="9"/>
  <c r="DP307" i="9"/>
  <c r="DP403" i="9"/>
  <c r="DO317" i="9"/>
  <c r="DO316" i="9"/>
  <c r="DO401" i="9"/>
  <c r="DO306" i="9"/>
  <c r="DO400" i="9"/>
  <c r="DO480" i="9"/>
  <c r="DO307" i="9"/>
  <c r="DO403" i="9"/>
  <c r="DO324" i="9"/>
  <c r="BT32" i="31"/>
  <c r="BU144" i="31"/>
  <c r="CD109" i="31"/>
  <c r="CA145" i="31"/>
  <c r="CE146" i="31"/>
  <c r="CA148" i="31"/>
  <c r="BT40" i="31"/>
  <c r="CC225" i="31"/>
  <c r="BV42" i="31"/>
  <c r="BQ228" i="31"/>
  <c r="CK228" i="31" s="1"/>
  <c r="BW4" i="31"/>
  <c r="BW65" i="31"/>
  <c r="CB64" i="31"/>
  <c r="BU104" i="31"/>
  <c r="CC227" i="31"/>
  <c r="BR202" i="31"/>
  <c r="CD204" i="31"/>
  <c r="CD206" i="31"/>
  <c r="CB162" i="31"/>
  <c r="CF163" i="31"/>
  <c r="BQ195" i="31"/>
  <c r="CK195" i="31" s="1"/>
  <c r="CE197" i="31"/>
  <c r="BV11" i="31"/>
  <c r="CJ34" i="31"/>
  <c r="CG57" i="31"/>
  <c r="BX141" i="31"/>
  <c r="BV62" i="31"/>
  <c r="CE206" i="31"/>
  <c r="BW159" i="31"/>
  <c r="BT186" i="31"/>
  <c r="BZ189" i="31"/>
  <c r="CF111" i="31"/>
  <c r="CG116" i="31"/>
  <c r="CG106" i="31"/>
  <c r="CD178" i="31"/>
  <c r="CB139" i="31"/>
  <c r="BU170" i="31"/>
  <c r="BX76" i="31"/>
  <c r="BZ79" i="31"/>
  <c r="CH117" i="31"/>
  <c r="BS229" i="31"/>
  <c r="CA49" i="31"/>
  <c r="CA45" i="31"/>
  <c r="BW51" i="31"/>
  <c r="CA52" i="31"/>
  <c r="CD141" i="31"/>
  <c r="CG62" i="31"/>
  <c r="CC69" i="31"/>
  <c r="CC76" i="31"/>
  <c r="BR79" i="31"/>
  <c r="CD83" i="31"/>
  <c r="CB85" i="31"/>
  <c r="CD205" i="31"/>
  <c r="CB151" i="31"/>
  <c r="BU154" i="31"/>
  <c r="CE177" i="31"/>
  <c r="CD182" i="31"/>
  <c r="CC189" i="31"/>
  <c r="CD190" i="31"/>
  <c r="BV191" i="31"/>
  <c r="CA192" i="31"/>
  <c r="CE229" i="31"/>
  <c r="CJ213" i="31"/>
  <c r="BV214" i="31"/>
  <c r="BZ223" i="31"/>
  <c r="CE227" i="31"/>
  <c r="BZ149" i="31"/>
  <c r="CE185" i="31"/>
  <c r="BU224" i="31"/>
  <c r="CA226" i="31"/>
  <c r="CC42" i="31"/>
  <c r="CJ36" i="31"/>
  <c r="BV138" i="31"/>
  <c r="CE100" i="31"/>
  <c r="BR160" i="31"/>
  <c r="CD191" i="31"/>
  <c r="CG199" i="31"/>
  <c r="CG200" i="31"/>
  <c r="BW201" i="31"/>
  <c r="CD18" i="31"/>
  <c r="CD226" i="31"/>
  <c r="CE228" i="31"/>
  <c r="BW13" i="31"/>
  <c r="CE33" i="31"/>
  <c r="CA36" i="31"/>
  <c r="BV7" i="31"/>
  <c r="CF7" i="31"/>
  <c r="CG8" i="31"/>
  <c r="CB37" i="31"/>
  <c r="CC38" i="31"/>
  <c r="BY63" i="31"/>
  <c r="CB68" i="31"/>
  <c r="BU62" i="31"/>
  <c r="CD5" i="31"/>
  <c r="CD6" i="31"/>
  <c r="CC7" i="31"/>
  <c r="BZ15" i="31"/>
  <c r="BW90" i="31"/>
  <c r="BW21" i="31"/>
  <c r="CE41" i="31"/>
  <c r="CD61" i="31"/>
  <c r="CB194" i="31"/>
  <c r="BX218" i="31"/>
  <c r="CF223" i="31"/>
  <c r="BZ105" i="31"/>
  <c r="CD107" i="31"/>
  <c r="CI151" i="31"/>
  <c r="BV178" i="31"/>
  <c r="CG187" i="31"/>
  <c r="BZ191" i="31"/>
  <c r="BX197" i="31"/>
  <c r="BQ17" i="31"/>
  <c r="CK17" i="31" s="1"/>
  <c r="BV20" i="31"/>
  <c r="CH165" i="31"/>
  <c r="BW116" i="31"/>
  <c r="CH15" i="31"/>
  <c r="CE28" i="31"/>
  <c r="BT55" i="31"/>
  <c r="CC92" i="31"/>
  <c r="CG86" i="31"/>
  <c r="BV107" i="31"/>
  <c r="CJ137" i="31"/>
  <c r="BV127" i="31"/>
  <c r="BQ197" i="31"/>
  <c r="CK197" i="31" s="1"/>
  <c r="CG208" i="31"/>
  <c r="BT19" i="31"/>
  <c r="CG4" i="31"/>
  <c r="BX93" i="31"/>
  <c r="BT64" i="31"/>
  <c r="CF99" i="31"/>
  <c r="CE131" i="31"/>
  <c r="CE134" i="31"/>
  <c r="CE135" i="31"/>
  <c r="BQ136" i="31"/>
  <c r="CK136" i="31" s="1"/>
  <c r="BQ227" i="31"/>
  <c r="CK227" i="31" s="1"/>
  <c r="BQ149" i="31"/>
  <c r="CK149" i="31" s="1"/>
  <c r="CG155" i="31"/>
  <c r="CI171" i="31"/>
  <c r="BX173" i="31"/>
  <c r="CB174" i="31"/>
  <c r="CA177" i="31"/>
  <c r="CD196" i="31"/>
  <c r="BT204" i="31"/>
  <c r="CD229" i="31"/>
  <c r="CJ9" i="31"/>
  <c r="CG42" i="31"/>
  <c r="CG87" i="31"/>
  <c r="CH218" i="31"/>
  <c r="CB110" i="31"/>
  <c r="CJ115" i="31"/>
  <c r="CF118" i="31"/>
  <c r="BS221" i="31"/>
  <c r="CC23" i="31"/>
  <c r="CD44" i="31"/>
  <c r="CG70" i="31"/>
  <c r="CC124" i="31"/>
  <c r="CE125" i="31"/>
  <c r="CE96" i="31"/>
  <c r="BY97" i="31"/>
  <c r="BV21" i="31"/>
  <c r="BZ24" i="31"/>
  <c r="BZ49" i="31"/>
  <c r="CE73" i="31"/>
  <c r="CF81" i="31"/>
  <c r="CE114" i="31"/>
  <c r="CE120" i="31"/>
  <c r="CE121" i="31"/>
  <c r="BZ205" i="31"/>
  <c r="BZ148" i="31"/>
  <c r="CC177" i="31"/>
  <c r="CC178" i="31"/>
  <c r="CG179" i="31"/>
  <c r="BQ185" i="31"/>
  <c r="CK185" i="31" s="1"/>
  <c r="CJ186" i="31"/>
  <c r="CH195" i="31"/>
  <c r="CH201" i="31"/>
  <c r="BQ212" i="31"/>
  <c r="CK212" i="31" s="1"/>
  <c r="CH62" i="31"/>
  <c r="CF93" i="31"/>
  <c r="CE67" i="31"/>
  <c r="BR74" i="31"/>
  <c r="CH85" i="31"/>
  <c r="BY168" i="31"/>
  <c r="CJ223" i="31"/>
  <c r="CH109" i="31"/>
  <c r="BV109" i="31"/>
  <c r="CA111" i="31"/>
  <c r="CB114" i="31"/>
  <c r="CC206" i="31"/>
  <c r="BV206" i="31"/>
  <c r="BQ150" i="31"/>
  <c r="CK150" i="31" s="1"/>
  <c r="BU103" i="31"/>
  <c r="CD175" i="31"/>
  <c r="CI11" i="31"/>
  <c r="CF16" i="31"/>
  <c r="BT16" i="31"/>
  <c r="CB34" i="31"/>
  <c r="CB8" i="31"/>
  <c r="CF26" i="31"/>
  <c r="CB36" i="31"/>
  <c r="BU70" i="31"/>
  <c r="CG150" i="31"/>
  <c r="CC150" i="31"/>
  <c r="CB150" i="31"/>
  <c r="CA150" i="31"/>
  <c r="CE175" i="31"/>
  <c r="BU175" i="31"/>
  <c r="CD211" i="31"/>
  <c r="BQ211" i="31"/>
  <c r="CK211" i="31" s="1"/>
  <c r="CF5" i="31"/>
  <c r="BV6" i="31"/>
  <c r="CC8" i="31"/>
  <c r="CB12" i="31"/>
  <c r="CJ15" i="31"/>
  <c r="CG21" i="31"/>
  <c r="CF25" i="31"/>
  <c r="BT25" i="31"/>
  <c r="BV38" i="31"/>
  <c r="BX50" i="31"/>
  <c r="BU47" i="31"/>
  <c r="CD93" i="31"/>
  <c r="CH65" i="31"/>
  <c r="CG73" i="31"/>
  <c r="CF76" i="31"/>
  <c r="CI219" i="31"/>
  <c r="CE113" i="31"/>
  <c r="CI114" i="31"/>
  <c r="CA114" i="31"/>
  <c r="BQ114" i="31"/>
  <c r="CK114" i="31" s="1"/>
  <c r="BT207" i="31"/>
  <c r="CE210" i="31"/>
  <c r="BX210" i="31"/>
  <c r="CG90" i="31"/>
  <c r="CE11" i="31"/>
  <c r="BV15" i="31"/>
  <c r="CC34" i="31"/>
  <c r="CJ16" i="31"/>
  <c r="BX37" i="31"/>
  <c r="CJ140" i="31"/>
  <c r="BR90" i="31"/>
  <c r="CJ90" i="31"/>
  <c r="CF11" i="31"/>
  <c r="CF12" i="31"/>
  <c r="CE16" i="31"/>
  <c r="BR54" i="31"/>
  <c r="BU66" i="31"/>
  <c r="CE49" i="31"/>
  <c r="CJ50" i="31"/>
  <c r="BX44" i="31"/>
  <c r="CB57" i="31"/>
  <c r="CI142" i="31"/>
  <c r="CC59" i="31"/>
  <c r="CF62" i="31"/>
  <c r="CE93" i="31"/>
  <c r="CF95" i="31"/>
  <c r="BS67" i="31"/>
  <c r="CG166" i="31"/>
  <c r="BT113" i="31"/>
  <c r="BU120" i="31"/>
  <c r="CH121" i="31"/>
  <c r="BX121" i="31"/>
  <c r="CC136" i="31"/>
  <c r="CF182" i="31"/>
  <c r="CG198" i="31"/>
  <c r="CA198" i="31"/>
  <c r="BZ7" i="31"/>
  <c r="CE8" i="31"/>
  <c r="BT90" i="31"/>
  <c r="CJ29" i="31"/>
  <c r="CG36" i="31"/>
  <c r="CJ37" i="31"/>
  <c r="CH38" i="31"/>
  <c r="BY66" i="31"/>
  <c r="BZ44" i="31"/>
  <c r="BR61" i="31"/>
  <c r="CJ165" i="31"/>
  <c r="CD112" i="31"/>
  <c r="CD113" i="31"/>
  <c r="CA33" i="31"/>
  <c r="CJ21" i="31"/>
  <c r="CE7" i="31"/>
  <c r="CJ14" i="31"/>
  <c r="CB27" i="31"/>
  <c r="BW55" i="31"/>
  <c r="CD4" i="31"/>
  <c r="CJ8" i="31"/>
  <c r="CI90" i="31"/>
  <c r="CB94" i="31"/>
  <c r="CJ33" i="31"/>
  <c r="CE25" i="31"/>
  <c r="CF27" i="31"/>
  <c r="BU27" i="31"/>
  <c r="CG28" i="31"/>
  <c r="BQ31" i="31"/>
  <c r="CK31" i="31" s="1"/>
  <c r="CF63" i="31"/>
  <c r="CJ68" i="31"/>
  <c r="BU44" i="31"/>
  <c r="BQ48" i="31"/>
  <c r="CK48" i="31" s="1"/>
  <c r="BR56" i="31"/>
  <c r="CH92" i="31"/>
  <c r="BT67" i="31"/>
  <c r="BR69" i="31"/>
  <c r="CH69" i="31"/>
  <c r="CH73" i="31"/>
  <c r="BW73" i="31"/>
  <c r="CH223" i="31"/>
  <c r="CH119" i="31"/>
  <c r="CF22" i="31"/>
  <c r="BY4" i="31"/>
  <c r="CJ94" i="31"/>
  <c r="CG13" i="31"/>
  <c r="CH24" i="31"/>
  <c r="CC63" i="31"/>
  <c r="CF4" i="31"/>
  <c r="BY11" i="31"/>
  <c r="BR11" i="31"/>
  <c r="CJ12" i="31"/>
  <c r="BV13" i="31"/>
  <c r="CD33" i="31"/>
  <c r="BZ21" i="31"/>
  <c r="CG24" i="31"/>
  <c r="CJ25" i="31"/>
  <c r="CD26" i="31"/>
  <c r="BW30" i="31"/>
  <c r="CC31" i="31"/>
  <c r="CJ38" i="31"/>
  <c r="CI54" i="31"/>
  <c r="CH49" i="31"/>
  <c r="BR51" i="31"/>
  <c r="CI140" i="31"/>
  <c r="BX140" i="31"/>
  <c r="CH53" i="31"/>
  <c r="CE89" i="31"/>
  <c r="BU89" i="31"/>
  <c r="CJ216" i="31"/>
  <c r="BX71" i="31"/>
  <c r="BV78" i="31"/>
  <c r="CI81" i="31"/>
  <c r="BX81" i="31"/>
  <c r="CG85" i="31"/>
  <c r="CE161" i="31"/>
  <c r="CD161" i="31"/>
  <c r="CD27" i="31"/>
  <c r="CE30" i="31"/>
  <c r="CB50" i="31"/>
  <c r="CI50" i="31"/>
  <c r="BS50" i="31"/>
  <c r="CE52" i="31"/>
  <c r="CJ57" i="31"/>
  <c r="CD140" i="31"/>
  <c r="CC89" i="31"/>
  <c r="BZ89" i="31"/>
  <c r="CG58" i="31"/>
  <c r="CD216" i="31"/>
  <c r="BY150" i="31"/>
  <c r="CF129" i="31"/>
  <c r="CH129" i="31"/>
  <c r="BY211" i="31"/>
  <c r="CI62" i="31"/>
  <c r="BZ62" i="31"/>
  <c r="CC144" i="31"/>
  <c r="CC71" i="31"/>
  <c r="CJ73" i="31"/>
  <c r="CC87" i="31"/>
  <c r="CC88" i="31"/>
  <c r="CA164" i="31"/>
  <c r="CF218" i="31"/>
  <c r="CG223" i="31"/>
  <c r="BV111" i="31"/>
  <c r="CD115" i="31"/>
  <c r="BR117" i="31"/>
  <c r="BU118" i="31"/>
  <c r="CG119" i="31"/>
  <c r="CF121" i="31"/>
  <c r="CE123" i="31"/>
  <c r="CH124" i="31"/>
  <c r="CJ96" i="31"/>
  <c r="CH97" i="31"/>
  <c r="CH98" i="31"/>
  <c r="CG99" i="31"/>
  <c r="CF135" i="31"/>
  <c r="CD137" i="31"/>
  <c r="CI139" i="31"/>
  <c r="CH139" i="31"/>
  <c r="CA205" i="31"/>
  <c r="CI146" i="31"/>
  <c r="BR147" i="31"/>
  <c r="BR156" i="31"/>
  <c r="BR157" i="31"/>
  <c r="BS158" i="31"/>
  <c r="BR159" i="31"/>
  <c r="CJ102" i="31"/>
  <c r="CJ161" i="31"/>
  <c r="BT171" i="31"/>
  <c r="BQ178" i="31"/>
  <c r="CK178" i="31" s="1"/>
  <c r="CB179" i="31"/>
  <c r="BS192" i="31"/>
  <c r="BY195" i="31"/>
  <c r="CA196" i="31"/>
  <c r="BZ203" i="31"/>
  <c r="BS204" i="31"/>
  <c r="CC204" i="31"/>
  <c r="CG207" i="31"/>
  <c r="BS211" i="31"/>
  <c r="BV222" i="31"/>
  <c r="BR13" i="31"/>
  <c r="CG15" i="31"/>
  <c r="CB33" i="31"/>
  <c r="CC35" i="31"/>
  <c r="CH41" i="31"/>
  <c r="CB60" i="31"/>
  <c r="BX57" i="31"/>
  <c r="CG140" i="31"/>
  <c r="CF79" i="31"/>
  <c r="CC81" i="31"/>
  <c r="CI83" i="31"/>
  <c r="BV83" i="31"/>
  <c r="BQ85" i="31"/>
  <c r="CK85" i="31" s="1"/>
  <c r="BV86" i="31"/>
  <c r="CA91" i="31"/>
  <c r="CE166" i="31"/>
  <c r="CJ166" i="31"/>
  <c r="BR167" i="31"/>
  <c r="BX215" i="31"/>
  <c r="CG114" i="31"/>
  <c r="CD145" i="31"/>
  <c r="CJ146" i="31"/>
  <c r="CF154" i="31"/>
  <c r="BV101" i="31"/>
  <c r="BY171" i="31"/>
  <c r="CF178" i="31"/>
  <c r="CH43" i="31"/>
  <c r="CB43" i="31"/>
  <c r="CG94" i="31"/>
  <c r="CJ23" i="31"/>
  <c r="CJ63" i="31"/>
  <c r="CF68" i="31"/>
  <c r="CJ52" i="31"/>
  <c r="CF141" i="31"/>
  <c r="CJ59" i="31"/>
  <c r="BV59" i="31"/>
  <c r="CF92" i="31"/>
  <c r="CG93" i="31"/>
  <c r="CJ67" i="31"/>
  <c r="CI67" i="31"/>
  <c r="CH74" i="31"/>
  <c r="CG77" i="31"/>
  <c r="CE12" i="31"/>
  <c r="CI13" i="31"/>
  <c r="BT14" i="31"/>
  <c r="CD22" i="31"/>
  <c r="BT33" i="31"/>
  <c r="CE29" i="31"/>
  <c r="CD41" i="31"/>
  <c r="CF49" i="31"/>
  <c r="CJ46" i="31"/>
  <c r="CB47" i="31"/>
  <c r="CC51" i="31"/>
  <c r="CJ70" i="31"/>
  <c r="CJ55" i="31"/>
  <c r="CA58" i="31"/>
  <c r="CD62" i="31"/>
  <c r="CC74" i="31"/>
  <c r="CI76" i="31"/>
  <c r="CG79" i="31"/>
  <c r="CC80" i="31"/>
  <c r="CE81" i="31"/>
  <c r="CA82" i="31"/>
  <c r="CJ84" i="31"/>
  <c r="CJ85" i="31"/>
  <c r="BX85" i="31"/>
  <c r="CE86" i="31"/>
  <c r="BZ165" i="31"/>
  <c r="CG168" i="31"/>
  <c r="BS106" i="31"/>
  <c r="CF110" i="31"/>
  <c r="CA112" i="31"/>
  <c r="CC205" i="31"/>
  <c r="BU227" i="31"/>
  <c r="BW227" i="31"/>
  <c r="CE145" i="31"/>
  <c r="CD146" i="31"/>
  <c r="CI149" i="31"/>
  <c r="CA149" i="31"/>
  <c r="BY149" i="31"/>
  <c r="BQ151" i="31"/>
  <c r="CK151" i="31" s="1"/>
  <c r="CC102" i="31"/>
  <c r="CG161" i="31"/>
  <c r="CJ178" i="31"/>
  <c r="BQ179" i="31"/>
  <c r="CK179" i="31" s="1"/>
  <c r="CG182" i="31"/>
  <c r="BW187" i="31"/>
  <c r="CA189" i="31"/>
  <c r="BW190" i="31"/>
  <c r="CD162" i="31"/>
  <c r="CC163" i="31"/>
  <c r="CB198" i="31"/>
  <c r="BW198" i="31"/>
  <c r="CI198" i="31"/>
  <c r="CF202" i="31"/>
  <c r="CJ221" i="31"/>
  <c r="BV19" i="31"/>
  <c r="CH45" i="31"/>
  <c r="CA46" i="31"/>
  <c r="CI51" i="31"/>
  <c r="CH51" i="31"/>
  <c r="CF70" i="31"/>
  <c r="BX142" i="31"/>
  <c r="BW93" i="31"/>
  <c r="CD67" i="31"/>
  <c r="BY85" i="31"/>
  <c r="CF86" i="31"/>
  <c r="CF88" i="31"/>
  <c r="CC165" i="31"/>
  <c r="BR165" i="31"/>
  <c r="CG91" i="31"/>
  <c r="BV213" i="31"/>
  <c r="BZ213" i="31"/>
  <c r="BW213" i="31"/>
  <c r="BR223" i="31"/>
  <c r="CE104" i="31"/>
  <c r="CD105" i="31"/>
  <c r="BU106" i="31"/>
  <c r="CE107" i="31"/>
  <c r="CC112" i="31"/>
  <c r="CF97" i="31"/>
  <c r="CG138" i="31"/>
  <c r="BX227" i="31"/>
  <c r="CA151" i="31"/>
  <c r="CE159" i="31"/>
  <c r="CI101" i="31"/>
  <c r="BZ174" i="31"/>
  <c r="CG185" i="31"/>
  <c r="CA187" i="31"/>
  <c r="BX18" i="31"/>
  <c r="BZ18" i="31"/>
  <c r="CC39" i="31"/>
  <c r="BW125" i="31"/>
  <c r="BX96" i="31"/>
  <c r="CG97" i="31"/>
  <c r="CJ98" i="31"/>
  <c r="BV130" i="31"/>
  <c r="CC132" i="31"/>
  <c r="CA133" i="31"/>
  <c r="BR134" i="31"/>
  <c r="CA136" i="31"/>
  <c r="CF139" i="31"/>
  <c r="CJ206" i="31"/>
  <c r="BW206" i="31"/>
  <c r="CE205" i="31"/>
  <c r="CJ217" i="31"/>
  <c r="BY227" i="31"/>
  <c r="CF159" i="31"/>
  <c r="CC174" i="31"/>
  <c r="CJ175" i="31"/>
  <c r="CB178" i="31"/>
  <c r="CD187" i="31"/>
  <c r="BV195" i="31"/>
  <c r="CA195" i="31"/>
  <c r="CF197" i="31"/>
  <c r="BS209" i="31"/>
  <c r="CA210" i="31"/>
  <c r="CC18" i="31"/>
  <c r="CD39" i="31"/>
  <c r="CE224" i="31"/>
  <c r="CF74" i="31"/>
  <c r="CE75" i="31"/>
  <c r="CE76" i="31"/>
  <c r="CA77" i="31"/>
  <c r="CC78" i="31"/>
  <c r="BU79" i="31"/>
  <c r="CH79" i="31"/>
  <c r="CF83" i="31"/>
  <c r="CD84" i="31"/>
  <c r="CE85" i="31"/>
  <c r="CI214" i="31"/>
  <c r="CJ215" i="31"/>
  <c r="CF105" i="31"/>
  <c r="CE106" i="31"/>
  <c r="CA108" i="31"/>
  <c r="BR110" i="31"/>
  <c r="CG111" i="31"/>
  <c r="CD120" i="31"/>
  <c r="CI124" i="31"/>
  <c r="CC125" i="31"/>
  <c r="CF98" i="31"/>
  <c r="CC130" i="31"/>
  <c r="BW131" i="31"/>
  <c r="CC133" i="31"/>
  <c r="CI134" i="31"/>
  <c r="BT143" i="31"/>
  <c r="BX206" i="31"/>
  <c r="BZ161" i="31"/>
  <c r="CD174" i="31"/>
  <c r="BQ177" i="31"/>
  <c r="CK177" i="31" s="1"/>
  <c r="CG178" i="31"/>
  <c r="CH180" i="31"/>
  <c r="CI182" i="31"/>
  <c r="BX182" i="31"/>
  <c r="CE187" i="31"/>
  <c r="BQ191" i="31"/>
  <c r="CK191" i="31" s="1"/>
  <c r="CH191" i="31"/>
  <c r="CA191" i="31"/>
  <c r="BZ195" i="31"/>
  <c r="CD195" i="31"/>
  <c r="CC208" i="31"/>
  <c r="CC209" i="31"/>
  <c r="CE17" i="31"/>
  <c r="CG222" i="31"/>
  <c r="CI71" i="31"/>
  <c r="CF71" i="31"/>
  <c r="CG74" i="31"/>
  <c r="CC79" i="31"/>
  <c r="CG83" i="31"/>
  <c r="CF84" i="31"/>
  <c r="BR88" i="31"/>
  <c r="BR169" i="31"/>
  <c r="CI193" i="31"/>
  <c r="CD194" i="31"/>
  <c r="CC214" i="31"/>
  <c r="BS214" i="31"/>
  <c r="CE218" i="31"/>
  <c r="CF107" i="31"/>
  <c r="CC109" i="31"/>
  <c r="BQ116" i="31"/>
  <c r="CK116" i="31" s="1"/>
  <c r="CG118" i="31"/>
  <c r="BS122" i="31"/>
  <c r="CJ124" i="31"/>
  <c r="CD125" i="31"/>
  <c r="CH96" i="31"/>
  <c r="BX97" i="31"/>
  <c r="CG98" i="31"/>
  <c r="CJ99" i="31"/>
  <c r="CD130" i="31"/>
  <c r="BV131" i="31"/>
  <c r="BU138" i="31"/>
  <c r="CF138" i="31"/>
  <c r="CJ143" i="31"/>
  <c r="CF149" i="31"/>
  <c r="BW150" i="31"/>
  <c r="CJ150" i="31"/>
  <c r="BS150" i="31"/>
  <c r="CE152" i="31"/>
  <c r="CE153" i="31"/>
  <c r="BU102" i="31"/>
  <c r="BR161" i="31"/>
  <c r="CH161" i="31"/>
  <c r="CD176" i="31"/>
  <c r="CH185" i="31"/>
  <c r="BY185" i="31"/>
  <c r="CF190" i="31"/>
  <c r="CD199" i="31"/>
  <c r="CB200" i="31"/>
  <c r="CH18" i="31"/>
  <c r="BX225" i="31"/>
  <c r="CF228" i="31"/>
  <c r="BX166" i="31"/>
  <c r="CF167" i="31"/>
  <c r="CE168" i="31"/>
  <c r="BY194" i="31"/>
  <c r="CG215" i="31"/>
  <c r="CG218" i="31"/>
  <c r="BR105" i="31"/>
  <c r="CG107" i="31"/>
  <c r="CE108" i="31"/>
  <c r="BQ111" i="31"/>
  <c r="CK111" i="31" s="1"/>
  <c r="CC114" i="31"/>
  <c r="BR119" i="31"/>
  <c r="CG121" i="31"/>
  <c r="CF123" i="31"/>
  <c r="BY124" i="31"/>
  <c r="CF96" i="31"/>
  <c r="CE97" i="31"/>
  <c r="CE99" i="31"/>
  <c r="CG131" i="31"/>
  <c r="CG132" i="31"/>
  <c r="CJ139" i="31"/>
  <c r="CF206" i="31"/>
  <c r="BY205" i="31"/>
  <c r="CD227" i="31"/>
  <c r="CF227" i="31"/>
  <c r="CI148" i="31"/>
  <c r="CI150" i="31"/>
  <c r="CJ151" i="31"/>
  <c r="CJ101" i="31"/>
  <c r="CD127" i="31"/>
  <c r="CC170" i="31"/>
  <c r="CC175" i="31"/>
  <c r="CD184" i="31"/>
  <c r="CF185" i="31"/>
  <c r="CC186" i="31"/>
  <c r="CJ162" i="31"/>
  <c r="CF229" i="31"/>
  <c r="CC211" i="31"/>
  <c r="CF17" i="31"/>
  <c r="CJ32" i="31"/>
  <c r="CD222" i="31"/>
  <c r="BY226" i="31"/>
  <c r="CJ43" i="31"/>
  <c r="CG47" i="31"/>
  <c r="CG48" i="31"/>
  <c r="CB52" i="31"/>
  <c r="BY53" i="31"/>
  <c r="BR53" i="31"/>
  <c r="CE58" i="31"/>
  <c r="CC67" i="31"/>
  <c r="CG69" i="31"/>
  <c r="CE71" i="31"/>
  <c r="CD73" i="31"/>
  <c r="CF78" i="31"/>
  <c r="CE79" i="31"/>
  <c r="CJ86" i="31"/>
  <c r="CA87" i="31"/>
  <c r="CB88" i="31"/>
  <c r="CG164" i="31"/>
  <c r="CG167" i="31"/>
  <c r="CJ168" i="31"/>
  <c r="CF194" i="31"/>
  <c r="CD213" i="31"/>
  <c r="CG214" i="31"/>
  <c r="CE219" i="31"/>
  <c r="CE110" i="31"/>
  <c r="CE118" i="31"/>
  <c r="BW120" i="31"/>
  <c r="CI120" i="31"/>
  <c r="CG124" i="31"/>
  <c r="CG96" i="31"/>
  <c r="CD97" i="31"/>
  <c r="CI99" i="31"/>
  <c r="BX138" i="31"/>
  <c r="CD139" i="31"/>
  <c r="CG206" i="31"/>
  <c r="CG227" i="31"/>
  <c r="CG148" i="31"/>
  <c r="BR100" i="31"/>
  <c r="CD103" i="31"/>
  <c r="CF170" i="31"/>
  <c r="CH171" i="31"/>
  <c r="CC173" i="31"/>
  <c r="CD177" i="31"/>
  <c r="CB186" i="31"/>
  <c r="CJ187" i="31"/>
  <c r="CI187" i="31"/>
  <c r="CE163" i="31"/>
  <c r="CG197" i="31"/>
  <c r="BR203" i="31"/>
  <c r="CH204" i="31"/>
  <c r="CG229" i="31"/>
  <c r="CD221" i="31"/>
  <c r="CD212" i="31"/>
  <c r="CC9" i="31"/>
  <c r="BT9" i="31"/>
  <c r="CF18" i="31"/>
  <c r="CG17" i="31"/>
  <c r="CF39" i="31"/>
  <c r="BS226" i="31"/>
  <c r="CJ42" i="31"/>
  <c r="CD42" i="31"/>
  <c r="CF225" i="31"/>
  <c r="CE226" i="31"/>
  <c r="BW228" i="31"/>
  <c r="BY228" i="31"/>
  <c r="BR220" i="31"/>
  <c r="CC228" i="31"/>
  <c r="CG228" i="31"/>
  <c r="CA154" i="31"/>
  <c r="CH170" i="31"/>
  <c r="BY170" i="31"/>
  <c r="CI175" i="31"/>
  <c r="CF175" i="31"/>
  <c r="CF180" i="31"/>
  <c r="CC181" i="31"/>
  <c r="CE182" i="31"/>
  <c r="CI183" i="31"/>
  <c r="CJ185" i="31"/>
  <c r="BS190" i="31"/>
  <c r="CD192" i="31"/>
  <c r="CE199" i="31"/>
  <c r="CJ201" i="31"/>
  <c r="BZ201" i="31"/>
  <c r="CF204" i="31"/>
  <c r="BT229" i="31"/>
  <c r="CF9" i="31"/>
  <c r="BR39" i="31"/>
  <c r="CE32" i="31"/>
  <c r="CA22" i="31"/>
  <c r="CG23" i="31"/>
  <c r="BZ5" i="31"/>
  <c r="CJ6" i="31"/>
  <c r="BX33" i="31"/>
  <c r="CF34" i="31"/>
  <c r="BR44" i="31"/>
  <c r="BU57" i="31"/>
  <c r="CG7" i="31"/>
  <c r="CH4" i="31"/>
  <c r="BZ4" i="31"/>
  <c r="BR4" i="31"/>
  <c r="BU4" i="31"/>
  <c r="BQ4" i="31"/>
  <c r="CK4" i="31" s="1"/>
  <c r="CB4" i="31"/>
  <c r="BU5" i="31"/>
  <c r="BX5" i="31"/>
  <c r="BR5" i="31"/>
  <c r="CB5" i="31"/>
  <c r="BW6" i="31"/>
  <c r="CH6" i="31"/>
  <c r="BZ6" i="31"/>
  <c r="BR6" i="31"/>
  <c r="BQ6" i="31"/>
  <c r="CK6" i="31" s="1"/>
  <c r="CB6" i="31"/>
  <c r="CA7" i="31"/>
  <c r="BU90" i="31"/>
  <c r="CD90" i="31"/>
  <c r="BU94" i="31"/>
  <c r="CJ11" i="31"/>
  <c r="BX11" i="31"/>
  <c r="BU13" i="31"/>
  <c r="CE13" i="31"/>
  <c r="BY14" i="31"/>
  <c r="BY15" i="31"/>
  <c r="BR15" i="31"/>
  <c r="CB16" i="31"/>
  <c r="CC22" i="31"/>
  <c r="CB22" i="31"/>
  <c r="CJ22" i="31"/>
  <c r="BT22" i="31"/>
  <c r="BS22" i="31"/>
  <c r="CI22" i="31"/>
  <c r="CG33" i="31"/>
  <c r="BT34" i="31"/>
  <c r="CF35" i="31"/>
  <c r="BY35" i="31"/>
  <c r="BY21" i="31"/>
  <c r="CE21" i="31"/>
  <c r="BY23" i="31"/>
  <c r="BU24" i="31"/>
  <c r="BR24" i="31"/>
  <c r="CB25" i="31"/>
  <c r="BX26" i="31"/>
  <c r="CC26" i="31"/>
  <c r="BU26" i="31"/>
  <c r="BS26" i="31"/>
  <c r="CI26" i="31"/>
  <c r="CC27" i="31"/>
  <c r="BV28" i="31"/>
  <c r="CF29" i="31"/>
  <c r="BW41" i="31"/>
  <c r="CH30" i="31"/>
  <c r="BZ30" i="31"/>
  <c r="BR30" i="31"/>
  <c r="CG30" i="31"/>
  <c r="BY30" i="31"/>
  <c r="BQ30" i="31"/>
  <c r="CK30" i="31" s="1"/>
  <c r="CD30" i="31"/>
  <c r="BV30" i="31"/>
  <c r="BU30" i="31"/>
  <c r="CF30" i="31"/>
  <c r="CJ31" i="31"/>
  <c r="BY31" i="31"/>
  <c r="BY36" i="31"/>
  <c r="BS36" i="31"/>
  <c r="CI36" i="31"/>
  <c r="BY37" i="31"/>
  <c r="BX38" i="31"/>
  <c r="CD38" i="31"/>
  <c r="BV54" i="31"/>
  <c r="CE60" i="31"/>
  <c r="BU63" i="31"/>
  <c r="BZ66" i="31"/>
  <c r="CC49" i="31"/>
  <c r="BR49" i="31"/>
  <c r="CA50" i="31"/>
  <c r="BQ68" i="31"/>
  <c r="CK68" i="31" s="1"/>
  <c r="CG68" i="31"/>
  <c r="CJ44" i="31"/>
  <c r="BV44" i="31"/>
  <c r="CD45" i="31"/>
  <c r="BW46" i="31"/>
  <c r="CC47" i="31"/>
  <c r="BR48" i="31"/>
  <c r="CH48" i="31"/>
  <c r="CF51" i="31"/>
  <c r="BZ51" i="31"/>
  <c r="BS52" i="31"/>
  <c r="CI52" i="31"/>
  <c r="BY57" i="31"/>
  <c r="BT140" i="31"/>
  <c r="BY142" i="31"/>
  <c r="BW53" i="31"/>
  <c r="CB89" i="31"/>
  <c r="CG141" i="31"/>
  <c r="CD28" i="31"/>
  <c r="BX30" i="31"/>
  <c r="CJ4" i="31"/>
  <c r="CI7" i="31"/>
  <c r="BW94" i="31"/>
  <c r="CI94" i="31"/>
  <c r="CA94" i="31"/>
  <c r="BS94" i="31"/>
  <c r="CH94" i="31"/>
  <c r="BZ94" i="31"/>
  <c r="BR94" i="31"/>
  <c r="BY12" i="31"/>
  <c r="CA13" i="31"/>
  <c r="BU14" i="31"/>
  <c r="CD15" i="31"/>
  <c r="CE22" i="31"/>
  <c r="BW34" i="31"/>
  <c r="CD34" i="31"/>
  <c r="BV34" i="31"/>
  <c r="CI34" i="31"/>
  <c r="CA34" i="31"/>
  <c r="BS34" i="31"/>
  <c r="CH34" i="31"/>
  <c r="BZ34" i="31"/>
  <c r="BR34" i="31"/>
  <c r="BU35" i="31"/>
  <c r="CA21" i="31"/>
  <c r="CD24" i="31"/>
  <c r="CE26" i="31"/>
  <c r="BR28" i="31"/>
  <c r="CI41" i="31"/>
  <c r="BU37" i="31"/>
  <c r="BZ38" i="31"/>
  <c r="BQ63" i="31"/>
  <c r="CC68" i="31"/>
  <c r="BZ45" i="31"/>
  <c r="CI46" i="31"/>
  <c r="CF55" i="31"/>
  <c r="BV55" i="31"/>
  <c r="CD55" i="31"/>
  <c r="CI55" i="31"/>
  <c r="BX55" i="31"/>
  <c r="CA5" i="31"/>
  <c r="CC4" i="31"/>
  <c r="BS4" i="31"/>
  <c r="CC5" i="31"/>
  <c r="BS5" i="31"/>
  <c r="BS6" i="31"/>
  <c r="CC6" i="31"/>
  <c r="BY7" i="31"/>
  <c r="BR7" i="31"/>
  <c r="CI8" i="31"/>
  <c r="CA8" i="31"/>
  <c r="BS8" i="31"/>
  <c r="BW8" i="31"/>
  <c r="CD8" i="31"/>
  <c r="BV8" i="31"/>
  <c r="BQ8" i="31"/>
  <c r="CK8" i="31" s="1"/>
  <c r="CC90" i="31"/>
  <c r="BS90" i="31"/>
  <c r="CE90" i="31"/>
  <c r="CE94" i="31"/>
  <c r="BV94" i="31"/>
  <c r="BZ11" i="31"/>
  <c r="CI12" i="31"/>
  <c r="CA12" i="31"/>
  <c r="BS12" i="31"/>
  <c r="BW12" i="31"/>
  <c r="CD12" i="31"/>
  <c r="BV12" i="31"/>
  <c r="BQ12" i="31"/>
  <c r="CK12" i="31" s="1"/>
  <c r="CC12" i="31"/>
  <c r="CC13" i="31"/>
  <c r="CJ13" i="31"/>
  <c r="CB13" i="31"/>
  <c r="BS13" i="31"/>
  <c r="CH13" i="31"/>
  <c r="CB14" i="31"/>
  <c r="BX15" i="31"/>
  <c r="CC15" i="31"/>
  <c r="BU15" i="31"/>
  <c r="BS15" i="31"/>
  <c r="CI15" i="31"/>
  <c r="CC16" i="31"/>
  <c r="BV22" i="31"/>
  <c r="CE34" i="31"/>
  <c r="BU34" i="31"/>
  <c r="BZ35" i="31"/>
  <c r="BR21" i="31"/>
  <c r="CH21" i="31"/>
  <c r="CB23" i="31"/>
  <c r="CC24" i="31"/>
  <c r="CJ24" i="31"/>
  <c r="CB24" i="31"/>
  <c r="BT24" i="31"/>
  <c r="BS24" i="31"/>
  <c r="CI24" i="31"/>
  <c r="CC25" i="31"/>
  <c r="BV26" i="31"/>
  <c r="BW28" i="31"/>
  <c r="BW29" i="31"/>
  <c r="CD29" i="31"/>
  <c r="BV29" i="31"/>
  <c r="CI29" i="31"/>
  <c r="CA29" i="31"/>
  <c r="BS29" i="31"/>
  <c r="CH29" i="31"/>
  <c r="BZ29" i="31"/>
  <c r="BR29" i="31"/>
  <c r="BQ29" i="31"/>
  <c r="CK29" i="31" s="1"/>
  <c r="CG29" i="31"/>
  <c r="CJ41" i="31"/>
  <c r="BZ41" i="31"/>
  <c r="CC30" i="31"/>
  <c r="BS30" i="31"/>
  <c r="CI30" i="31"/>
  <c r="CF31" i="31"/>
  <c r="BZ31" i="31"/>
  <c r="BV36" i="31"/>
  <c r="BT36" i="31"/>
  <c r="CE38" i="31"/>
  <c r="BW38" i="31"/>
  <c r="CB38" i="31"/>
  <c r="BT38" i="31"/>
  <c r="BQ38" i="31"/>
  <c r="CG38" i="31"/>
  <c r="CJ54" i="31"/>
  <c r="BW54" i="31"/>
  <c r="CH60" i="31"/>
  <c r="BZ60" i="31"/>
  <c r="BR60" i="31"/>
  <c r="BY60" i="31"/>
  <c r="BQ60" i="31"/>
  <c r="CD60" i="31"/>
  <c r="BV60" i="31"/>
  <c r="BU60" i="31"/>
  <c r="CF60" i="31"/>
  <c r="BX63" i="31"/>
  <c r="CC66" i="31"/>
  <c r="CB49" i="31"/>
  <c r="BT49" i="31"/>
  <c r="BS49" i="31"/>
  <c r="CI49" i="31"/>
  <c r="CG50" i="31"/>
  <c r="BT68" i="31"/>
  <c r="CF44" i="31"/>
  <c r="BY44" i="31"/>
  <c r="BY45" i="31"/>
  <c r="CE45" i="31"/>
  <c r="BX46" i="31"/>
  <c r="CI47" i="31"/>
  <c r="CA47" i="31"/>
  <c r="BS47" i="31"/>
  <c r="CH47" i="31"/>
  <c r="BZ47" i="31"/>
  <c r="BR47" i="31"/>
  <c r="CE47" i="31"/>
  <c r="BW47" i="31"/>
  <c r="BV47" i="31"/>
  <c r="CF47" i="31"/>
  <c r="CE48" i="31"/>
  <c r="BU48" i="31"/>
  <c r="CG51" i="31"/>
  <c r="CA51" i="31"/>
  <c r="CD52" i="31"/>
  <c r="BT52" i="31"/>
  <c r="CC140" i="31"/>
  <c r="BY140" i="31"/>
  <c r="CF140" i="31"/>
  <c r="BV140" i="31"/>
  <c r="BQ140" i="31"/>
  <c r="CK140" i="31" s="1"/>
  <c r="CC142" i="31"/>
  <c r="CB53" i="31"/>
  <c r="CJ89" i="31"/>
  <c r="BT58" i="31"/>
  <c r="CE61" i="31"/>
  <c r="CG61" i="31"/>
  <c r="BZ61" i="31"/>
  <c r="BY61" i="31"/>
  <c r="BV61" i="31"/>
  <c r="BQ61" i="31"/>
  <c r="CK61" i="31" s="1"/>
  <c r="CH61" i="31"/>
  <c r="BU12" i="31"/>
  <c r="CG35" i="31"/>
  <c r="CH66" i="31"/>
  <c r="CD94" i="31"/>
  <c r="CH28" i="31"/>
  <c r="BS41" i="31"/>
  <c r="CE36" i="31"/>
  <c r="CH54" i="31"/>
  <c r="CJ66" i="31"/>
  <c r="BW50" i="31"/>
  <c r="CH44" i="31"/>
  <c r="CD48" i="31"/>
  <c r="CE57" i="31"/>
  <c r="BZ70" i="31"/>
  <c r="BS142" i="31"/>
  <c r="CC56" i="31"/>
  <c r="CA4" i="31"/>
  <c r="BQ5" i="31"/>
  <c r="CK5" i="31" s="1"/>
  <c r="CA6" i="31"/>
  <c r="BT4" i="31"/>
  <c r="CE4" i="31"/>
  <c r="BT5" i="31"/>
  <c r="CE5" i="31"/>
  <c r="BT6" i="31"/>
  <c r="CB7" i="31"/>
  <c r="BT7" i="31"/>
  <c r="BS7" i="31"/>
  <c r="CD7" i="31"/>
  <c r="BR8" i="31"/>
  <c r="CF8" i="31"/>
  <c r="CH90" i="31"/>
  <c r="BX94" i="31"/>
  <c r="CG11" i="31"/>
  <c r="CA11" i="31"/>
  <c r="BR12" i="31"/>
  <c r="BT13" i="31"/>
  <c r="CC14" i="31"/>
  <c r="BW22" i="31"/>
  <c r="BV33" i="31"/>
  <c r="CC33" i="31"/>
  <c r="BU33" i="31"/>
  <c r="CH33" i="31"/>
  <c r="BZ33" i="31"/>
  <c r="BR33" i="31"/>
  <c r="BY33" i="31"/>
  <c r="BQ33" i="31"/>
  <c r="CF33" i="31"/>
  <c r="BX34" i="31"/>
  <c r="BS21" i="31"/>
  <c r="CI21" i="31"/>
  <c r="BV24" i="31"/>
  <c r="BW26" i="31"/>
  <c r="CI27" i="31"/>
  <c r="CA27" i="31"/>
  <c r="BS27" i="31"/>
  <c r="CH27" i="31"/>
  <c r="BZ27" i="31"/>
  <c r="BR27" i="31"/>
  <c r="BW27" i="31"/>
  <c r="BV27" i="31"/>
  <c r="BQ27" i="31"/>
  <c r="CK27" i="31" s="1"/>
  <c r="CG27" i="31"/>
  <c r="BZ28" i="31"/>
  <c r="BT29" i="31"/>
  <c r="CF41" i="31"/>
  <c r="CA41" i="31"/>
  <c r="BT30" i="31"/>
  <c r="CJ30" i="31"/>
  <c r="CD36" i="31"/>
  <c r="CC36" i="31"/>
  <c r="BU36" i="31"/>
  <c r="BW36" i="31"/>
  <c r="CC37" i="31"/>
  <c r="BR38" i="31"/>
  <c r="CF54" i="31"/>
  <c r="BZ54" i="31"/>
  <c r="CC60" i="31"/>
  <c r="BS60" i="31"/>
  <c r="CI60" i="31"/>
  <c r="CB66" i="31"/>
  <c r="CD66" i="31"/>
  <c r="BV49" i="31"/>
  <c r="CE50" i="31"/>
  <c r="CE68" i="31"/>
  <c r="BU68" i="31"/>
  <c r="BR45" i="31"/>
  <c r="BQ47" i="31"/>
  <c r="CK47" i="31" s="1"/>
  <c r="CJ48" i="31"/>
  <c r="BV48" i="31"/>
  <c r="CD51" i="31"/>
  <c r="BW52" i="31"/>
  <c r="CC57" i="31"/>
  <c r="BS140" i="31"/>
  <c r="CI70" i="31"/>
  <c r="CA70" i="31"/>
  <c r="BS70" i="31"/>
  <c r="BV70" i="31"/>
  <c r="BY70" i="31"/>
  <c r="CH70" i="31"/>
  <c r="BX70" i="31"/>
  <c r="CE70" i="31"/>
  <c r="BT70" i="31"/>
  <c r="BR70" i="31"/>
  <c r="CG142" i="31"/>
  <c r="CD142" i="31"/>
  <c r="CJ53" i="31"/>
  <c r="CC53" i="31"/>
  <c r="CG55" i="31"/>
  <c r="BU56" i="31"/>
  <c r="BU141" i="31"/>
  <c r="CJ58" i="31"/>
  <c r="CF65" i="31"/>
  <c r="CD65" i="31"/>
  <c r="BV65" i="31"/>
  <c r="CE65" i="31"/>
  <c r="CG216" i="31"/>
  <c r="CE216" i="31"/>
  <c r="CH5" i="31"/>
  <c r="CG6" i="31"/>
  <c r="CG14" i="31"/>
  <c r="CE35" i="31"/>
  <c r="BW35" i="31"/>
  <c r="CB35" i="31"/>
  <c r="BT35" i="31"/>
  <c r="CI23" i="31"/>
  <c r="CA23" i="31"/>
  <c r="BS23" i="31"/>
  <c r="CH23" i="31"/>
  <c r="BZ23" i="31"/>
  <c r="BR23" i="31"/>
  <c r="BW23" i="31"/>
  <c r="CD23" i="31"/>
  <c r="BV23" i="31"/>
  <c r="CA26" i="31"/>
  <c r="BX29" i="31"/>
  <c r="CB31" i="31"/>
  <c r="BT31" i="31"/>
  <c r="CI31" i="31"/>
  <c r="CA31" i="31"/>
  <c r="BS31" i="31"/>
  <c r="BX31" i="31"/>
  <c r="BW31" i="31"/>
  <c r="BQ37" i="31"/>
  <c r="CD54" i="31"/>
  <c r="BY6" i="31"/>
  <c r="BX7" i="31"/>
  <c r="CA90" i="31"/>
  <c r="BX16" i="31"/>
  <c r="BU23" i="31"/>
  <c r="BX25" i="31"/>
  <c r="BU28" i="31"/>
  <c r="CB29" i="31"/>
  <c r="CB30" i="31"/>
  <c r="CE37" i="31"/>
  <c r="CG63" i="31"/>
  <c r="CD49" i="31"/>
  <c r="CC46" i="31"/>
  <c r="CB48" i="31"/>
  <c r="BV4" i="31"/>
  <c r="BV5" i="31"/>
  <c r="CG5" i="31"/>
  <c r="CE6" i="31"/>
  <c r="BU6" i="31"/>
  <c r="CF6" i="31"/>
  <c r="BU7" i="31"/>
  <c r="BT8" i="31"/>
  <c r="BV90" i="31"/>
  <c r="BY94" i="31"/>
  <c r="CD11" i="31"/>
  <c r="BT12" i="31"/>
  <c r="CG12" i="31"/>
  <c r="CF14" i="31"/>
  <c r="BW15" i="31"/>
  <c r="CI16" i="31"/>
  <c r="CA16" i="31"/>
  <c r="BS16" i="31"/>
  <c r="BR16" i="31"/>
  <c r="CH16" i="31"/>
  <c r="BZ16" i="31"/>
  <c r="BW16" i="31"/>
  <c r="BV16" i="31"/>
  <c r="BQ16" i="31"/>
  <c r="CK16" i="31" s="1"/>
  <c r="CG16" i="31"/>
  <c r="BZ22" i="31"/>
  <c r="BS33" i="31"/>
  <c r="CI33" i="31"/>
  <c r="BY34" i="31"/>
  <c r="BX35" i="31"/>
  <c r="CD35" i="31"/>
  <c r="CF23" i="31"/>
  <c r="BW24" i="31"/>
  <c r="BW25" i="31"/>
  <c r="CD25" i="31"/>
  <c r="BV25" i="31"/>
  <c r="CI25" i="31"/>
  <c r="CA25" i="31"/>
  <c r="BS25" i="31"/>
  <c r="CH25" i="31"/>
  <c r="BZ25" i="31"/>
  <c r="BR25" i="31"/>
  <c r="BQ25" i="31"/>
  <c r="CK25" i="31" s="1"/>
  <c r="CG25" i="31"/>
  <c r="CJ26" i="31"/>
  <c r="BZ26" i="31"/>
  <c r="BT27" i="31"/>
  <c r="CJ27" i="31"/>
  <c r="CF28" i="31"/>
  <c r="CA28" i="31"/>
  <c r="BU29" i="31"/>
  <c r="CG41" i="31"/>
  <c r="CD31" i="31"/>
  <c r="BX36" i="31"/>
  <c r="BW37" i="31"/>
  <c r="CD37" i="31"/>
  <c r="BV37" i="31"/>
  <c r="CI37" i="31"/>
  <c r="CA37" i="31"/>
  <c r="BS37" i="31"/>
  <c r="CH37" i="31"/>
  <c r="BZ37" i="31"/>
  <c r="BR37" i="31"/>
  <c r="CF37" i="31"/>
  <c r="BU38" i="31"/>
  <c r="CG54" i="31"/>
  <c r="CA54" i="31"/>
  <c r="BT60" i="31"/>
  <c r="CJ60" i="31"/>
  <c r="CB63" i="31"/>
  <c r="BQ66" i="31"/>
  <c r="CG66" i="31"/>
  <c r="CJ49" i="31"/>
  <c r="BW49" i="31"/>
  <c r="BV50" i="31"/>
  <c r="CC50" i="31"/>
  <c r="BU50" i="31"/>
  <c r="CH50" i="31"/>
  <c r="BZ50" i="31"/>
  <c r="BR50" i="31"/>
  <c r="BY50" i="31"/>
  <c r="BQ50" i="31"/>
  <c r="CK50" i="31" s="1"/>
  <c r="CF50" i="31"/>
  <c r="BX68" i="31"/>
  <c r="CC44" i="31"/>
  <c r="CC45" i="31"/>
  <c r="BU45" i="31"/>
  <c r="BS45" i="31"/>
  <c r="CI45" i="31"/>
  <c r="CG46" i="31"/>
  <c r="CB46" i="31"/>
  <c r="CD47" i="31"/>
  <c r="BT47" i="31"/>
  <c r="CJ47" i="31"/>
  <c r="CF48" i="31"/>
  <c r="BY48" i="31"/>
  <c r="BX51" i="31"/>
  <c r="CE51" i="31"/>
  <c r="BX52" i="31"/>
  <c r="BW57" i="31"/>
  <c r="CD57" i="31"/>
  <c r="BV57" i="31"/>
  <c r="CI57" i="31"/>
  <c r="CA57" i="31"/>
  <c r="BS57" i="31"/>
  <c r="CH57" i="31"/>
  <c r="BZ57" i="31"/>
  <c r="BR57" i="31"/>
  <c r="CF57" i="31"/>
  <c r="CE140" i="31"/>
  <c r="BW140" i="31"/>
  <c r="CC70" i="31"/>
  <c r="BQ70" i="31"/>
  <c r="CK70" i="31" s="1"/>
  <c r="CH142" i="31"/>
  <c r="BR141" i="31"/>
  <c r="CC141" i="31"/>
  <c r="BZ141" i="31"/>
  <c r="CH141" i="31"/>
  <c r="BV141" i="31"/>
  <c r="BQ141" i="31"/>
  <c r="CK141" i="31" s="1"/>
  <c r="CD58" i="31"/>
  <c r="CI58" i="31"/>
  <c r="BW58" i="31"/>
  <c r="BR58" i="31"/>
  <c r="CB58" i="31"/>
  <c r="BZ58" i="31"/>
  <c r="CH58" i="31"/>
  <c r="BR92" i="31"/>
  <c r="CG64" i="31"/>
  <c r="CJ95" i="31"/>
  <c r="BY72" i="31"/>
  <c r="BQ72" i="31"/>
  <c r="CK72" i="31" s="1"/>
  <c r="CF72" i="31"/>
  <c r="BX72" i="31"/>
  <c r="BW72" i="31"/>
  <c r="BV72" i="31"/>
  <c r="CC72" i="31"/>
  <c r="BU72" i="31"/>
  <c r="BT72" i="31"/>
  <c r="CJ72" i="31"/>
  <c r="CB72" i="31"/>
  <c r="CD56" i="31"/>
  <c r="CE56" i="31"/>
  <c r="CG56" i="31"/>
  <c r="BW56" i="31"/>
  <c r="BT56" i="31"/>
  <c r="BW5" i="31"/>
  <c r="BU8" i="31"/>
  <c r="CH12" i="31"/>
  <c r="BQ23" i="31"/>
  <c r="CK23" i="31" s="1"/>
  <c r="BW60" i="31"/>
  <c r="BV45" i="31"/>
  <c r="CE46" i="31"/>
  <c r="BZ48" i="31"/>
  <c r="BQ57" i="31"/>
  <c r="CK57" i="31" s="1"/>
  <c r="BX56" i="31"/>
  <c r="BX4" i="31"/>
  <c r="CI4" i="31"/>
  <c r="BY5" i="31"/>
  <c r="CI5" i="31"/>
  <c r="BX6" i="31"/>
  <c r="CI6" i="31"/>
  <c r="CJ7" i="31"/>
  <c r="BW7" i="31"/>
  <c r="CH7" i="31"/>
  <c r="BX8" i="31"/>
  <c r="CF90" i="31"/>
  <c r="BZ90" i="31"/>
  <c r="CC94" i="31"/>
  <c r="CC11" i="31"/>
  <c r="BU11" i="31"/>
  <c r="CB11" i="31"/>
  <c r="BT11" i="31"/>
  <c r="BS11" i="31"/>
  <c r="BX12" i="31"/>
  <c r="CF13" i="31"/>
  <c r="BZ13" i="31"/>
  <c r="CF15" i="31"/>
  <c r="CA15" i="31"/>
  <c r="CD16" i="31"/>
  <c r="BU16" i="31"/>
  <c r="CG22" i="31"/>
  <c r="BW33" i="31"/>
  <c r="BR35" i="31"/>
  <c r="CH35" i="31"/>
  <c r="BT23" i="31"/>
  <c r="CF24" i="31"/>
  <c r="CA24" i="31"/>
  <c r="BU25" i="31"/>
  <c r="CG26" i="31"/>
  <c r="CE27" i="31"/>
  <c r="BX27" i="31"/>
  <c r="BY29" i="31"/>
  <c r="BY41" i="31"/>
  <c r="BR41" i="31"/>
  <c r="CA30" i="31"/>
  <c r="BR31" i="31"/>
  <c r="CH31" i="31"/>
  <c r="BT37" i="31"/>
  <c r="CF38" i="31"/>
  <c r="BY38" i="31"/>
  <c r="BY54" i="31"/>
  <c r="CE54" i="31"/>
  <c r="BX60" i="31"/>
  <c r="CI63" i="31"/>
  <c r="CA63" i="31"/>
  <c r="BS63" i="31"/>
  <c r="CH63" i="31"/>
  <c r="BZ63" i="31"/>
  <c r="BR63" i="31"/>
  <c r="CE63" i="31"/>
  <c r="BW63" i="31"/>
  <c r="BV63" i="31"/>
  <c r="CE66" i="31"/>
  <c r="CG49" i="31"/>
  <c r="CD50" i="31"/>
  <c r="BT50" i="31"/>
  <c r="CE44" i="31"/>
  <c r="BW44" i="31"/>
  <c r="CB44" i="31"/>
  <c r="BT44" i="31"/>
  <c r="BQ44" i="31"/>
  <c r="CK44" i="31" s="1"/>
  <c r="CG44" i="31"/>
  <c r="CJ45" i="31"/>
  <c r="BW45" i="31"/>
  <c r="CH46" i="31"/>
  <c r="BZ46" i="31"/>
  <c r="BR46" i="31"/>
  <c r="BY46" i="31"/>
  <c r="BQ46" i="31"/>
  <c r="CK46" i="31" s="1"/>
  <c r="CD46" i="31"/>
  <c r="BV46" i="31"/>
  <c r="BU46" i="31"/>
  <c r="CF46" i="31"/>
  <c r="BX47" i="31"/>
  <c r="CC48" i="31"/>
  <c r="BS51" i="31"/>
  <c r="CG52" i="31"/>
  <c r="BT57" i="31"/>
  <c r="CB140" i="31"/>
  <c r="BW70" i="31"/>
  <c r="BV142" i="31"/>
  <c r="BR142" i="31"/>
  <c r="BX89" i="31"/>
  <c r="CI89" i="31"/>
  <c r="CA89" i="31"/>
  <c r="BS89" i="31"/>
  <c r="CG89" i="31"/>
  <c r="BV89" i="31"/>
  <c r="CD89" i="31"/>
  <c r="BT89" i="31"/>
  <c r="BR89" i="31"/>
  <c r="BY89" i="31"/>
  <c r="CH89" i="31"/>
  <c r="BW89" i="31"/>
  <c r="BQ89" i="31"/>
  <c r="BY55" i="31"/>
  <c r="BY56" i="31"/>
  <c r="BY141" i="31"/>
  <c r="BX59" i="31"/>
  <c r="BW59" i="31"/>
  <c r="CI59" i="31"/>
  <c r="CA59" i="31"/>
  <c r="BS59" i="31"/>
  <c r="BY59" i="31"/>
  <c r="CH59" i="31"/>
  <c r="BU59" i="31"/>
  <c r="CG59" i="31"/>
  <c r="BT59" i="31"/>
  <c r="CD59" i="31"/>
  <c r="BR59" i="31"/>
  <c r="CB59" i="31"/>
  <c r="BZ59" i="31"/>
  <c r="BQ59" i="31"/>
  <c r="CK59" i="31" s="1"/>
  <c r="BY8" i="31"/>
  <c r="CA55" i="31"/>
  <c r="CH8" i="31"/>
  <c r="BW14" i="31"/>
  <c r="CD14" i="31"/>
  <c r="BV14" i="31"/>
  <c r="CI14" i="31"/>
  <c r="CA14" i="31"/>
  <c r="BS14" i="31"/>
  <c r="CH14" i="31"/>
  <c r="BZ14" i="31"/>
  <c r="BR14" i="31"/>
  <c r="BQ14" i="31"/>
  <c r="CK14" i="31" s="1"/>
  <c r="BQ35" i="31"/>
  <c r="CG31" i="31"/>
  <c r="CG37" i="31"/>
  <c r="BR66" i="31"/>
  <c r="BY68" i="31"/>
  <c r="CJ5" i="31"/>
  <c r="BQ94" i="31"/>
  <c r="CH11" i="31"/>
  <c r="BY27" i="31"/>
  <c r="BX41" i="31"/>
  <c r="CC41" i="31"/>
  <c r="BU41" i="31"/>
  <c r="BU31" i="31"/>
  <c r="CA60" i="31"/>
  <c r="BV66" i="31"/>
  <c r="CF45" i="31"/>
  <c r="BS46" i="31"/>
  <c r="BY47" i="31"/>
  <c r="BV51" i="31"/>
  <c r="BZ8" i="31"/>
  <c r="CB90" i="31"/>
  <c r="BT94" i="31"/>
  <c r="CF94" i="31"/>
  <c r="BW11" i="31"/>
  <c r="BZ12" i="31"/>
  <c r="CD13" i="31"/>
  <c r="CE14" i="31"/>
  <c r="BX14" i="31"/>
  <c r="CE15" i="31"/>
  <c r="BY16" i="31"/>
  <c r="BU22" i="31"/>
  <c r="BR22" i="31"/>
  <c r="CH22" i="31"/>
  <c r="BQ34" i="31"/>
  <c r="CG34" i="31"/>
  <c r="CJ35" i="31"/>
  <c r="BV35" i="31"/>
  <c r="CD21" i="31"/>
  <c r="CE23" i="31"/>
  <c r="BX23" i="31"/>
  <c r="CE24" i="31"/>
  <c r="BY25" i="31"/>
  <c r="BY26" i="31"/>
  <c r="BR26" i="31"/>
  <c r="CH26" i="31"/>
  <c r="CC28" i="31"/>
  <c r="CJ28" i="31"/>
  <c r="CB28" i="31"/>
  <c r="BT28" i="31"/>
  <c r="BS28" i="31"/>
  <c r="CI28" i="31"/>
  <c r="CC29" i="31"/>
  <c r="BV41" i="31"/>
  <c r="CE31" i="31"/>
  <c r="BV31" i="31"/>
  <c r="CF36" i="31"/>
  <c r="BS54" i="31"/>
  <c r="CG60" i="31"/>
  <c r="CD63" i="31"/>
  <c r="BT63" i="31"/>
  <c r="CF66" i="31"/>
  <c r="BU49" i="31"/>
  <c r="BW68" i="31"/>
  <c r="CD68" i="31"/>
  <c r="BV68" i="31"/>
  <c r="CI68" i="31"/>
  <c r="CA68" i="31"/>
  <c r="BS68" i="31"/>
  <c r="CH68" i="31"/>
  <c r="BZ68" i="31"/>
  <c r="BR68" i="31"/>
  <c r="CG45" i="31"/>
  <c r="BT46" i="31"/>
  <c r="CJ51" i="31"/>
  <c r="BV52" i="31"/>
  <c r="CC52" i="31"/>
  <c r="BU52" i="31"/>
  <c r="CH52" i="31"/>
  <c r="BZ52" i="31"/>
  <c r="BR52" i="31"/>
  <c r="BY52" i="31"/>
  <c r="BQ52" i="31"/>
  <c r="CK52" i="31" s="1"/>
  <c r="CF52" i="31"/>
  <c r="CB70" i="31"/>
  <c r="CE142" i="31"/>
  <c r="BV53" i="31"/>
  <c r="CI53" i="31"/>
  <c r="BX53" i="31"/>
  <c r="CF53" i="31"/>
  <c r="BU53" i="31"/>
  <c r="CE53" i="31"/>
  <c r="BT53" i="31"/>
  <c r="CA53" i="31"/>
  <c r="BZ53" i="31"/>
  <c r="BS53" i="31"/>
  <c r="CE55" i="31"/>
  <c r="CF56" i="31"/>
  <c r="CJ56" i="31"/>
  <c r="CC64" i="31"/>
  <c r="BS64" i="31"/>
  <c r="CI64" i="31"/>
  <c r="CC95" i="31"/>
  <c r="BU95" i="31"/>
  <c r="CB95" i="31"/>
  <c r="BT95" i="31"/>
  <c r="CI95" i="31"/>
  <c r="CA95" i="31"/>
  <c r="BS95" i="31"/>
  <c r="CH95" i="31"/>
  <c r="BZ95" i="31"/>
  <c r="BR95" i="31"/>
  <c r="CG95" i="31"/>
  <c r="BY95" i="31"/>
  <c r="BQ95" i="31"/>
  <c r="BV95" i="31"/>
  <c r="CE95" i="31"/>
  <c r="BX95" i="31"/>
  <c r="BW95" i="31"/>
  <c r="BX90" i="31"/>
  <c r="BX13" i="31"/>
  <c r="BT15" i="31"/>
  <c r="CB15" i="31"/>
  <c r="BX22" i="31"/>
  <c r="BS35" i="31"/>
  <c r="CA35" i="31"/>
  <c r="CI35" i="31"/>
  <c r="BT21" i="31"/>
  <c r="CB21" i="31"/>
  <c r="BX24" i="31"/>
  <c r="BT26" i="31"/>
  <c r="CB26" i="31"/>
  <c r="BX28" i="31"/>
  <c r="BT41" i="31"/>
  <c r="CB41" i="31"/>
  <c r="BQ36" i="31"/>
  <c r="BS38" i="31"/>
  <c r="CA38" i="31"/>
  <c r="CI38" i="31"/>
  <c r="BT54" i="31"/>
  <c r="CB54" i="31"/>
  <c r="BW66" i="31"/>
  <c r="BX49" i="31"/>
  <c r="BS44" i="31"/>
  <c r="CA44" i="31"/>
  <c r="CI44" i="31"/>
  <c r="BT45" i="31"/>
  <c r="CB45" i="31"/>
  <c r="BW48" i="31"/>
  <c r="CD70" i="31"/>
  <c r="CB142" i="31"/>
  <c r="BT142" i="31"/>
  <c r="BW142" i="31"/>
  <c r="BZ142" i="31"/>
  <c r="CG53" i="31"/>
  <c r="CF89" i="31"/>
  <c r="CE141" i="31"/>
  <c r="BX58" i="31"/>
  <c r="BR62" i="31"/>
  <c r="BY67" i="31"/>
  <c r="BQ67" i="31"/>
  <c r="CK67" i="31" s="1"/>
  <c r="CF67" i="31"/>
  <c r="BX67" i="31"/>
  <c r="BW67" i="31"/>
  <c r="BV67" i="31"/>
  <c r="BU67" i="31"/>
  <c r="CH67" i="31"/>
  <c r="BZ67" i="31"/>
  <c r="BR67" i="31"/>
  <c r="CA67" i="31"/>
  <c r="CF144" i="31"/>
  <c r="CH75" i="31"/>
  <c r="CC75" i="31"/>
  <c r="CI78" i="31"/>
  <c r="CD78" i="31"/>
  <c r="CF80" i="31"/>
  <c r="BS82" i="31"/>
  <c r="BQ90" i="31"/>
  <c r="BY90" i="31"/>
  <c r="BQ13" i="31"/>
  <c r="CK13" i="31" s="1"/>
  <c r="BY13" i="31"/>
  <c r="BQ22" i="31"/>
  <c r="CK22" i="31" s="1"/>
  <c r="BY22" i="31"/>
  <c r="BU21" i="31"/>
  <c r="CC21" i="31"/>
  <c r="BQ24" i="31"/>
  <c r="CK24" i="31" s="1"/>
  <c r="BY24" i="31"/>
  <c r="BQ28" i="31"/>
  <c r="CK28" i="31" s="1"/>
  <c r="BY28" i="31"/>
  <c r="BR36" i="31"/>
  <c r="BZ36" i="31"/>
  <c r="CH36" i="31"/>
  <c r="BU54" i="31"/>
  <c r="CC54" i="31"/>
  <c r="BX66" i="31"/>
  <c r="BQ49" i="31"/>
  <c r="CK49" i="31" s="1"/>
  <c r="BY49" i="31"/>
  <c r="BX48" i="31"/>
  <c r="BQ51" i="31"/>
  <c r="CK51" i="31" s="1"/>
  <c r="BY51" i="31"/>
  <c r="BQ142" i="31"/>
  <c r="CK142" i="31" s="1"/>
  <c r="CA142" i="31"/>
  <c r="CJ141" i="31"/>
  <c r="BY92" i="31"/>
  <c r="CC93" i="31"/>
  <c r="BT93" i="31"/>
  <c r="BY64" i="31"/>
  <c r="BQ64" i="31"/>
  <c r="CK64" i="31" s="1"/>
  <c r="CF64" i="31"/>
  <c r="BX64" i="31"/>
  <c r="BW64" i="31"/>
  <c r="BV64" i="31"/>
  <c r="BU64" i="31"/>
  <c r="CH64" i="31"/>
  <c r="BZ64" i="31"/>
  <c r="BR64" i="31"/>
  <c r="CA64" i="31"/>
  <c r="CB67" i="31"/>
  <c r="CF216" i="31"/>
  <c r="CE69" i="31"/>
  <c r="BW69" i="31"/>
  <c r="CD69" i="31"/>
  <c r="BV69" i="31"/>
  <c r="BU69" i="31"/>
  <c r="CJ69" i="31"/>
  <c r="CB69" i="31"/>
  <c r="BT69" i="31"/>
  <c r="CI69" i="31"/>
  <c r="CA69" i="31"/>
  <c r="BS69" i="31"/>
  <c r="BY69" i="31"/>
  <c r="BQ69" i="31"/>
  <c r="CK69" i="31" s="1"/>
  <c r="BX69" i="31"/>
  <c r="BZ69" i="31"/>
  <c r="CI72" i="31"/>
  <c r="CH82" i="31"/>
  <c r="CF82" i="31"/>
  <c r="BX82" i="31"/>
  <c r="CE82" i="31"/>
  <c r="BW82" i="31"/>
  <c r="BV82" i="31"/>
  <c r="CC82" i="31"/>
  <c r="BU82" i="31"/>
  <c r="CJ82" i="31"/>
  <c r="CB82" i="31"/>
  <c r="BT82" i="31"/>
  <c r="BY82" i="31"/>
  <c r="BQ82" i="31"/>
  <c r="CK82" i="31" s="1"/>
  <c r="CI82" i="31"/>
  <c r="CI92" i="31"/>
  <c r="CA92" i="31"/>
  <c r="BS92" i="31"/>
  <c r="BW92" i="31"/>
  <c r="BU92" i="31"/>
  <c r="BW61" i="31"/>
  <c r="CD64" i="31"/>
  <c r="CG65" i="31"/>
  <c r="CD72" i="31"/>
  <c r="BU80" i="31"/>
  <c r="CD82" i="31"/>
  <c r="BX21" i="31"/>
  <c r="CF21" i="31"/>
  <c r="BX54" i="31"/>
  <c r="BS66" i="31"/>
  <c r="CA66" i="31"/>
  <c r="CI66" i="31"/>
  <c r="BX45" i="31"/>
  <c r="BS48" i="31"/>
  <c r="CA48" i="31"/>
  <c r="CI48" i="31"/>
  <c r="BT51" i="31"/>
  <c r="CB51" i="31"/>
  <c r="CJ142" i="31"/>
  <c r="BU142" i="31"/>
  <c r="CF142" i="31"/>
  <c r="CD53" i="31"/>
  <c r="CH55" i="31"/>
  <c r="BZ55" i="31"/>
  <c r="BR55" i="31"/>
  <c r="BU55" i="31"/>
  <c r="BQ55" i="31"/>
  <c r="CK55" i="31" s="1"/>
  <c r="CB55" i="31"/>
  <c r="CI56" i="31"/>
  <c r="CA56" i="31"/>
  <c r="BS56" i="31"/>
  <c r="CH56" i="31"/>
  <c r="BV56" i="31"/>
  <c r="BZ56" i="31"/>
  <c r="BY58" i="31"/>
  <c r="CE92" i="31"/>
  <c r="BV92" i="31"/>
  <c r="CC61" i="31"/>
  <c r="CC62" i="31"/>
  <c r="CB93" i="31"/>
  <c r="CE64" i="31"/>
  <c r="CJ64" i="31"/>
  <c r="CD95" i="31"/>
  <c r="BV216" i="31"/>
  <c r="CH144" i="31"/>
  <c r="CE72" i="31"/>
  <c r="CF75" i="31"/>
  <c r="BS77" i="31"/>
  <c r="CH80" i="31"/>
  <c r="BQ7" i="31"/>
  <c r="CK7" i="31" s="1"/>
  <c r="BQ11" i="31"/>
  <c r="CK11" i="31" s="1"/>
  <c r="BQ15" i="31"/>
  <c r="CK15" i="31" s="1"/>
  <c r="BQ21" i="31"/>
  <c r="CK21" i="31" s="1"/>
  <c r="BQ26" i="31"/>
  <c r="CK26" i="31" s="1"/>
  <c r="BQ41" i="31"/>
  <c r="CK41" i="31" s="1"/>
  <c r="BQ54" i="31"/>
  <c r="BT66" i="31"/>
  <c r="BQ45" i="31"/>
  <c r="CK45" i="31" s="1"/>
  <c r="BT48" i="31"/>
  <c r="BU51" i="31"/>
  <c r="CH140" i="31"/>
  <c r="BZ140" i="31"/>
  <c r="BR140" i="31"/>
  <c r="BU140" i="31"/>
  <c r="CA140" i="31"/>
  <c r="CC55" i="31"/>
  <c r="BS55" i="31"/>
  <c r="BQ56" i="31"/>
  <c r="CK56" i="31" s="1"/>
  <c r="CB56" i="31"/>
  <c r="CB141" i="31"/>
  <c r="BT141" i="31"/>
  <c r="CI141" i="31"/>
  <c r="CA141" i="31"/>
  <c r="BS141" i="31"/>
  <c r="BW141" i="31"/>
  <c r="BV58" i="31"/>
  <c r="CC58" i="31"/>
  <c r="BU58" i="31"/>
  <c r="BS58" i="31"/>
  <c r="CF58" i="31"/>
  <c r="CE59" i="31"/>
  <c r="CJ92" i="31"/>
  <c r="BZ92" i="31"/>
  <c r="CE62" i="31"/>
  <c r="CG67" i="31"/>
  <c r="CH216" i="31"/>
  <c r="BW216" i="31"/>
  <c r="CF69" i="31"/>
  <c r="CE74" i="31"/>
  <c r="BW74" i="31"/>
  <c r="CD74" i="31"/>
  <c r="BV74" i="31"/>
  <c r="BU74" i="31"/>
  <c r="CJ74" i="31"/>
  <c r="CB74" i="31"/>
  <c r="BT74" i="31"/>
  <c r="CI74" i="31"/>
  <c r="CA74" i="31"/>
  <c r="BS74" i="31"/>
  <c r="BY74" i="31"/>
  <c r="BQ74" i="31"/>
  <c r="CK74" i="31" s="1"/>
  <c r="BX74" i="31"/>
  <c r="BZ74" i="31"/>
  <c r="CH77" i="31"/>
  <c r="CG78" i="31"/>
  <c r="CC83" i="31"/>
  <c r="CG72" i="31"/>
  <c r="CF77" i="31"/>
  <c r="BX77" i="31"/>
  <c r="CE77" i="31"/>
  <c r="BW77" i="31"/>
  <c r="BV77" i="31"/>
  <c r="CC77" i="31"/>
  <c r="BU77" i="31"/>
  <c r="CJ77" i="31"/>
  <c r="CB77" i="31"/>
  <c r="BT77" i="31"/>
  <c r="BY77" i="31"/>
  <c r="BQ77" i="31"/>
  <c r="CK77" i="31" s="1"/>
  <c r="CI77" i="31"/>
  <c r="CG82" i="31"/>
  <c r="CF59" i="31"/>
  <c r="CG92" i="31"/>
  <c r="CD92" i="31"/>
  <c r="CF61" i="31"/>
  <c r="CJ93" i="31"/>
  <c r="CJ65" i="31"/>
  <c r="CG144" i="31"/>
  <c r="BY144" i="31"/>
  <c r="BQ144" i="31"/>
  <c r="CK144" i="31" s="1"/>
  <c r="CE144" i="31"/>
  <c r="BU75" i="31"/>
  <c r="CD77" i="31"/>
  <c r="CG80" i="31"/>
  <c r="BY80" i="31"/>
  <c r="BQ80" i="31"/>
  <c r="CK80" i="31" s="1"/>
  <c r="CE80" i="31"/>
  <c r="BQ53" i="31"/>
  <c r="CK53" i="31" s="1"/>
  <c r="BQ58" i="31"/>
  <c r="CK58" i="31" s="1"/>
  <c r="BT92" i="31"/>
  <c r="CB92" i="31"/>
  <c r="BX61" i="31"/>
  <c r="BT62" i="31"/>
  <c r="CB62" i="31"/>
  <c r="CJ62" i="31"/>
  <c r="BV93" i="31"/>
  <c r="BU65" i="31"/>
  <c r="CC65" i="31"/>
  <c r="BU216" i="31"/>
  <c r="CC216" i="31"/>
  <c r="BS144" i="31"/>
  <c r="CA144" i="31"/>
  <c r="CI144" i="31"/>
  <c r="BV71" i="31"/>
  <c r="CD71" i="31"/>
  <c r="BR72" i="31"/>
  <c r="BZ72" i="31"/>
  <c r="CH72" i="31"/>
  <c r="BU73" i="31"/>
  <c r="CC73" i="31"/>
  <c r="BS75" i="31"/>
  <c r="CA75" i="31"/>
  <c r="CI75" i="31"/>
  <c r="BV76" i="31"/>
  <c r="CD76" i="31"/>
  <c r="BT78" i="31"/>
  <c r="CB78" i="31"/>
  <c r="CJ78" i="31"/>
  <c r="BX79" i="31"/>
  <c r="BS80" i="31"/>
  <c r="CA80" i="31"/>
  <c r="CI80" i="31"/>
  <c r="BV81" i="31"/>
  <c r="CD81" i="31"/>
  <c r="BT83" i="31"/>
  <c r="CB83" i="31"/>
  <c r="CJ83" i="31"/>
  <c r="BW84" i="31"/>
  <c r="CE84" i="31"/>
  <c r="BR85" i="31"/>
  <c r="BZ85" i="31"/>
  <c r="CI85" i="31"/>
  <c r="BW86" i="31"/>
  <c r="CD87" i="31"/>
  <c r="BT87" i="31"/>
  <c r="CE87" i="31"/>
  <c r="BU88" i="31"/>
  <c r="CE88" i="31"/>
  <c r="BS164" i="31"/>
  <c r="CE164" i="31"/>
  <c r="BV165" i="31"/>
  <c r="BV91" i="31"/>
  <c r="CD166" i="31"/>
  <c r="BV166" i="31"/>
  <c r="CC166" i="31"/>
  <c r="BU166" i="31"/>
  <c r="CI166" i="31"/>
  <c r="CA166" i="31"/>
  <c r="BS166" i="31"/>
  <c r="CH166" i="31"/>
  <c r="BZ166" i="31"/>
  <c r="BR166" i="31"/>
  <c r="BQ166" i="31"/>
  <c r="CH167" i="31"/>
  <c r="CF168" i="31"/>
  <c r="CA168" i="31"/>
  <c r="BW169" i="31"/>
  <c r="BS193" i="31"/>
  <c r="CG194" i="31"/>
  <c r="CF213" i="31"/>
  <c r="CC213" i="31"/>
  <c r="CE214" i="31"/>
  <c r="BX214" i="31"/>
  <c r="CD215" i="31"/>
  <c r="BT215" i="31"/>
  <c r="BY218" i="31"/>
  <c r="BQ218" i="31"/>
  <c r="BW218" i="31"/>
  <c r="BV218" i="31"/>
  <c r="CC218" i="31"/>
  <c r="CB218" i="31"/>
  <c r="BT218" i="31"/>
  <c r="CI218" i="31"/>
  <c r="CA218" i="31"/>
  <c r="BS218" i="31"/>
  <c r="BX219" i="31"/>
  <c r="BY223" i="31"/>
  <c r="CD104" i="31"/>
  <c r="BW104" i="31"/>
  <c r="CE105" i="31"/>
  <c r="CH105" i="31"/>
  <c r="BU107" i="31"/>
  <c r="BX107" i="31"/>
  <c r="CF108" i="31"/>
  <c r="CI109" i="31"/>
  <c r="BT144" i="31"/>
  <c r="CB144" i="31"/>
  <c r="CJ144" i="31"/>
  <c r="BW71" i="31"/>
  <c r="BS72" i="31"/>
  <c r="CA72" i="31"/>
  <c r="BV73" i="31"/>
  <c r="BT75" i="31"/>
  <c r="CB75" i="31"/>
  <c r="CJ75" i="31"/>
  <c r="BW76" i="31"/>
  <c r="BR77" i="31"/>
  <c r="BZ77" i="31"/>
  <c r="BU78" i="31"/>
  <c r="BQ79" i="31"/>
  <c r="CK79" i="31" s="1"/>
  <c r="BY79" i="31"/>
  <c r="BT80" i="31"/>
  <c r="CB80" i="31"/>
  <c r="CJ80" i="31"/>
  <c r="BW81" i="31"/>
  <c r="BR82" i="31"/>
  <c r="BZ82" i="31"/>
  <c r="BU83" i="31"/>
  <c r="BX84" i="31"/>
  <c r="BS85" i="31"/>
  <c r="CA85" i="31"/>
  <c r="BX86" i="31"/>
  <c r="BU87" i="31"/>
  <c r="BV88" i="31"/>
  <c r="BU164" i="31"/>
  <c r="BW165" i="31"/>
  <c r="BW91" i="31"/>
  <c r="BU91" i="31"/>
  <c r="CJ91" i="31"/>
  <c r="CB91" i="31"/>
  <c r="BT91" i="31"/>
  <c r="CH91" i="31"/>
  <c r="BZ91" i="31"/>
  <c r="BR91" i="31"/>
  <c r="BY91" i="31"/>
  <c r="BQ91" i="31"/>
  <c r="CK91" i="31" s="1"/>
  <c r="BX91" i="31"/>
  <c r="BT166" i="31"/>
  <c r="BY167" i="31"/>
  <c r="BQ167" i="31"/>
  <c r="BW167" i="31"/>
  <c r="BV167" i="31"/>
  <c r="CB167" i="31"/>
  <c r="BT167" i="31"/>
  <c r="CI167" i="31"/>
  <c r="CA167" i="31"/>
  <c r="BS167" i="31"/>
  <c r="CD168" i="31"/>
  <c r="BZ169" i="31"/>
  <c r="BU193" i="31"/>
  <c r="BU194" i="31"/>
  <c r="CJ194" i="31"/>
  <c r="CG213" i="31"/>
  <c r="CE213" i="31"/>
  <c r="CJ214" i="31"/>
  <c r="CA214" i="31"/>
  <c r="BW215" i="31"/>
  <c r="BR218" i="31"/>
  <c r="CH219" i="31"/>
  <c r="BZ219" i="31"/>
  <c r="BR219" i="31"/>
  <c r="BW219" i="31"/>
  <c r="CD219" i="31"/>
  <c r="BV219" i="31"/>
  <c r="CC219" i="31"/>
  <c r="BU219" i="31"/>
  <c r="CB219" i="31"/>
  <c r="BT219" i="31"/>
  <c r="BQ219" i="31"/>
  <c r="CC104" i="31"/>
  <c r="BQ84" i="31"/>
  <c r="CK84" i="31" s="1"/>
  <c r="BY84" i="31"/>
  <c r="CG84" i="31"/>
  <c r="BT85" i="31"/>
  <c r="BY86" i="31"/>
  <c r="CH86" i="31"/>
  <c r="BW87" i="31"/>
  <c r="CH87" i="31"/>
  <c r="BW88" i="31"/>
  <c r="CH88" i="31"/>
  <c r="CJ164" i="31"/>
  <c r="BV164" i="31"/>
  <c r="CI164" i="31"/>
  <c r="CC91" i="31"/>
  <c r="BW166" i="31"/>
  <c r="CF169" i="31"/>
  <c r="CB169" i="31"/>
  <c r="CE193" i="31"/>
  <c r="BX193" i="31"/>
  <c r="CC194" i="31"/>
  <c r="CE194" i="31"/>
  <c r="BW194" i="31"/>
  <c r="BQ194" i="31"/>
  <c r="CH213" i="31"/>
  <c r="CD214" i="31"/>
  <c r="BY215" i="31"/>
  <c r="CD218" i="31"/>
  <c r="BU218" i="31"/>
  <c r="BS219" i="31"/>
  <c r="CI223" i="31"/>
  <c r="CA223" i="31"/>
  <c r="BS223" i="31"/>
  <c r="CE223" i="31"/>
  <c r="BW223" i="31"/>
  <c r="CD223" i="31"/>
  <c r="BV223" i="31"/>
  <c r="CC223" i="31"/>
  <c r="BU223" i="31"/>
  <c r="BT223" i="31"/>
  <c r="CH106" i="31"/>
  <c r="CE109" i="31"/>
  <c r="BS61" i="31"/>
  <c r="CA61" i="31"/>
  <c r="CI61" i="31"/>
  <c r="BW62" i="31"/>
  <c r="BQ93" i="31"/>
  <c r="BY93" i="31"/>
  <c r="BX65" i="31"/>
  <c r="BX216" i="31"/>
  <c r="BV144" i="31"/>
  <c r="CD144" i="31"/>
  <c r="BQ71" i="31"/>
  <c r="CK71" i="31" s="1"/>
  <c r="BY71" i="31"/>
  <c r="CG71" i="31"/>
  <c r="BX73" i="31"/>
  <c r="CF73" i="31"/>
  <c r="BV75" i="31"/>
  <c r="CD75" i="31"/>
  <c r="BQ76" i="31"/>
  <c r="CK76" i="31" s="1"/>
  <c r="BY76" i="31"/>
  <c r="CG76" i="31"/>
  <c r="BW78" i="31"/>
  <c r="CE78" i="31"/>
  <c r="BS79" i="31"/>
  <c r="CA79" i="31"/>
  <c r="CI79" i="31"/>
  <c r="BV80" i="31"/>
  <c r="CD80" i="31"/>
  <c r="BQ81" i="31"/>
  <c r="CK81" i="31" s="1"/>
  <c r="BY81" i="31"/>
  <c r="CG81" i="31"/>
  <c r="BW83" i="31"/>
  <c r="CE83" i="31"/>
  <c r="BR84" i="31"/>
  <c r="BZ84" i="31"/>
  <c r="CH84" i="31"/>
  <c r="BU85" i="31"/>
  <c r="CC85" i="31"/>
  <c r="BQ86" i="31"/>
  <c r="CK86" i="31" s="1"/>
  <c r="BZ86" i="31"/>
  <c r="BY87" i="31"/>
  <c r="CI87" i="31"/>
  <c r="BX88" i="31"/>
  <c r="CJ88" i="31"/>
  <c r="CF164" i="31"/>
  <c r="BW164" i="31"/>
  <c r="CG165" i="31"/>
  <c r="CB165" i="31"/>
  <c r="CD91" i="31"/>
  <c r="BY166" i="31"/>
  <c r="CD167" i="31"/>
  <c r="BU167" i="31"/>
  <c r="CH168" i="31"/>
  <c r="CI168" i="31"/>
  <c r="CG169" i="31"/>
  <c r="CE169" i="31"/>
  <c r="CJ193" i="31"/>
  <c r="CA193" i="31"/>
  <c r="BT194" i="31"/>
  <c r="CF214" i="31"/>
  <c r="CF215" i="31"/>
  <c r="CB215" i="31"/>
  <c r="BY219" i="31"/>
  <c r="CJ106" i="31"/>
  <c r="CB106" i="31"/>
  <c r="BT106" i="31"/>
  <c r="CF106" i="31"/>
  <c r="BX106" i="31"/>
  <c r="BW106" i="31"/>
  <c r="CD106" i="31"/>
  <c r="BV106" i="31"/>
  <c r="CA106" i="31"/>
  <c r="BS108" i="31"/>
  <c r="CG109" i="31"/>
  <c r="BY109" i="31"/>
  <c r="BQ109" i="31"/>
  <c r="CK109" i="31" s="1"/>
  <c r="CF109" i="31"/>
  <c r="BX92" i="31"/>
  <c r="BT61" i="31"/>
  <c r="CB61" i="31"/>
  <c r="CJ61" i="31"/>
  <c r="BX62" i="31"/>
  <c r="BR93" i="31"/>
  <c r="BZ93" i="31"/>
  <c r="CH93" i="31"/>
  <c r="BQ65" i="31"/>
  <c r="CK65" i="31" s="1"/>
  <c r="BY65" i="31"/>
  <c r="BQ216" i="31"/>
  <c r="CK216" i="31" s="1"/>
  <c r="BY216" i="31"/>
  <c r="BW144" i="31"/>
  <c r="BR71" i="31"/>
  <c r="BZ71" i="31"/>
  <c r="CH71" i="31"/>
  <c r="BQ73" i="31"/>
  <c r="CK73" i="31" s="1"/>
  <c r="BY73" i="31"/>
  <c r="BW75" i="31"/>
  <c r="BR76" i="31"/>
  <c r="BZ76" i="31"/>
  <c r="CH76" i="31"/>
  <c r="BX78" i="31"/>
  <c r="BT79" i="31"/>
  <c r="CB79" i="31"/>
  <c r="CJ79" i="31"/>
  <c r="BW80" i="31"/>
  <c r="BR81" i="31"/>
  <c r="BZ81" i="31"/>
  <c r="CH81" i="31"/>
  <c r="BX83" i="31"/>
  <c r="BS84" i="31"/>
  <c r="CA84" i="31"/>
  <c r="CI84" i="31"/>
  <c r="CF85" i="31"/>
  <c r="BV85" i="31"/>
  <c r="CD85" i="31"/>
  <c r="CI86" i="31"/>
  <c r="CA86" i="31"/>
  <c r="BS86" i="31"/>
  <c r="BR86" i="31"/>
  <c r="CB86" i="31"/>
  <c r="BZ87" i="31"/>
  <c r="CJ87" i="31"/>
  <c r="CG88" i="31"/>
  <c r="BZ88" i="31"/>
  <c r="BY164" i="31"/>
  <c r="CD165" i="31"/>
  <c r="CE91" i="31"/>
  <c r="CF91" i="31"/>
  <c r="CF166" i="31"/>
  <c r="CB166" i="31"/>
  <c r="CE167" i="31"/>
  <c r="BX167" i="31"/>
  <c r="BW168" i="31"/>
  <c r="CC168" i="31"/>
  <c r="BU168" i="31"/>
  <c r="CB168" i="31"/>
  <c r="BT168" i="31"/>
  <c r="BQ168" i="31"/>
  <c r="CH169" i="31"/>
  <c r="CC193" i="31"/>
  <c r="BV194" i="31"/>
  <c r="BR213" i="31"/>
  <c r="CE215" i="31"/>
  <c r="CJ218" i="31"/>
  <c r="BZ218" i="31"/>
  <c r="CJ219" i="31"/>
  <c r="CA219" i="31"/>
  <c r="CB223" i="31"/>
  <c r="CC106" i="31"/>
  <c r="CH108" i="31"/>
  <c r="BQ92" i="31"/>
  <c r="BU61" i="31"/>
  <c r="BQ62" i="31"/>
  <c r="CK62" i="31" s="1"/>
  <c r="BY62" i="31"/>
  <c r="BS93" i="31"/>
  <c r="CA93" i="31"/>
  <c r="CI93" i="31"/>
  <c r="BR65" i="31"/>
  <c r="BZ65" i="31"/>
  <c r="BR216" i="31"/>
  <c r="BZ216" i="31"/>
  <c r="BX144" i="31"/>
  <c r="BS71" i="31"/>
  <c r="CA71" i="31"/>
  <c r="BR73" i="31"/>
  <c r="BZ73" i="31"/>
  <c r="BX75" i="31"/>
  <c r="BS76" i="31"/>
  <c r="CA76" i="31"/>
  <c r="BQ78" i="31"/>
  <c r="CK78" i="31" s="1"/>
  <c r="BY78" i="31"/>
  <c r="BX80" i="31"/>
  <c r="BS81" i="31"/>
  <c r="CA81" i="31"/>
  <c r="BQ83" i="31"/>
  <c r="CK83" i="31" s="1"/>
  <c r="BY83" i="31"/>
  <c r="BT84" i="31"/>
  <c r="CB84" i="31"/>
  <c r="BW85" i="31"/>
  <c r="BT86" i="31"/>
  <c r="CC86" i="31"/>
  <c r="BQ87" i="31"/>
  <c r="CK87" i="31" s="1"/>
  <c r="CI165" i="31"/>
  <c r="CA165" i="31"/>
  <c r="BS165" i="31"/>
  <c r="BY165" i="31"/>
  <c r="BQ165" i="31"/>
  <c r="CF165" i="31"/>
  <c r="BX165" i="31"/>
  <c r="BU165" i="31"/>
  <c r="CE165" i="31"/>
  <c r="CI91" i="31"/>
  <c r="CJ167" i="31"/>
  <c r="BZ167" i="31"/>
  <c r="BS168" i="31"/>
  <c r="CI169" i="31"/>
  <c r="CJ169" i="31"/>
  <c r="CG193" i="31"/>
  <c r="CF193" i="31"/>
  <c r="BU213" i="31"/>
  <c r="BW214" i="31"/>
  <c r="BU214" i="31"/>
  <c r="CB214" i="31"/>
  <c r="BT214" i="31"/>
  <c r="CH214" i="31"/>
  <c r="BZ214" i="31"/>
  <c r="BR214" i="31"/>
  <c r="BY214" i="31"/>
  <c r="BQ214" i="31"/>
  <c r="CF219" i="31"/>
  <c r="CG219" i="31"/>
  <c r="CG104" i="31"/>
  <c r="CG105" i="31"/>
  <c r="BY105" i="31"/>
  <c r="BQ105" i="31"/>
  <c r="CK105" i="31" s="1"/>
  <c r="BW105" i="31"/>
  <c r="BV105" i="31"/>
  <c r="CC105" i="31"/>
  <c r="BU105" i="31"/>
  <c r="CJ105" i="31"/>
  <c r="CB105" i="31"/>
  <c r="BT105" i="31"/>
  <c r="CI105" i="31"/>
  <c r="CA105" i="31"/>
  <c r="BS105" i="31"/>
  <c r="BX105" i="31"/>
  <c r="CI106" i="31"/>
  <c r="CD108" i="31"/>
  <c r="BV108" i="31"/>
  <c r="CC108" i="31"/>
  <c r="CI108" i="31"/>
  <c r="BS65" i="31"/>
  <c r="CA65" i="31"/>
  <c r="CI65" i="31"/>
  <c r="BS216" i="31"/>
  <c r="CA216" i="31"/>
  <c r="CI216" i="31"/>
  <c r="BT71" i="31"/>
  <c r="CB71" i="31"/>
  <c r="CJ71" i="31"/>
  <c r="BS73" i="31"/>
  <c r="CA73" i="31"/>
  <c r="CI73" i="31"/>
  <c r="BQ75" i="31"/>
  <c r="CK75" i="31" s="1"/>
  <c r="BY75" i="31"/>
  <c r="CG75" i="31"/>
  <c r="BT76" i="31"/>
  <c r="CB76" i="31"/>
  <c r="CJ76" i="31"/>
  <c r="BR78" i="31"/>
  <c r="BZ78" i="31"/>
  <c r="CH78" i="31"/>
  <c r="BV79" i="31"/>
  <c r="CD79" i="31"/>
  <c r="BT81" i="31"/>
  <c r="CB81" i="31"/>
  <c r="CJ81" i="31"/>
  <c r="BR83" i="31"/>
  <c r="BZ83" i="31"/>
  <c r="CH83" i="31"/>
  <c r="BU84" i="31"/>
  <c r="CC84" i="31"/>
  <c r="BU86" i="31"/>
  <c r="CD86" i="31"/>
  <c r="BV87" i="31"/>
  <c r="CF87" i="31"/>
  <c r="BX87" i="31"/>
  <c r="BR87" i="31"/>
  <c r="CB87" i="31"/>
  <c r="CH164" i="31"/>
  <c r="BZ164" i="31"/>
  <c r="BR164" i="31"/>
  <c r="BX164" i="31"/>
  <c r="CB164" i="31"/>
  <c r="BT164" i="31"/>
  <c r="CC164" i="31"/>
  <c r="CC167" i="31"/>
  <c r="BV168" i="31"/>
  <c r="BS62" i="31"/>
  <c r="CA62" i="31"/>
  <c r="BU93" i="31"/>
  <c r="BT65" i="31"/>
  <c r="CB65" i="31"/>
  <c r="BT216" i="31"/>
  <c r="CB216" i="31"/>
  <c r="BR144" i="31"/>
  <c r="BZ144" i="31"/>
  <c r="BU71" i="31"/>
  <c r="BT73" i="31"/>
  <c r="CB73" i="31"/>
  <c r="BR75" i="31"/>
  <c r="BZ75" i="31"/>
  <c r="BU76" i="31"/>
  <c r="BS78" i="31"/>
  <c r="CA78" i="31"/>
  <c r="BW79" i="31"/>
  <c r="BR80" i="31"/>
  <c r="BZ80" i="31"/>
  <c r="BU81" i="31"/>
  <c r="BS83" i="31"/>
  <c r="CA83" i="31"/>
  <c r="BV84" i="31"/>
  <c r="BS87" i="31"/>
  <c r="BY88" i="31"/>
  <c r="BQ88" i="31"/>
  <c r="CK88" i="31" s="1"/>
  <c r="CI88" i="31"/>
  <c r="CA88" i="31"/>
  <c r="BS88" i="31"/>
  <c r="BT88" i="31"/>
  <c r="CD88" i="31"/>
  <c r="BQ164" i="31"/>
  <c r="CD164" i="31"/>
  <c r="BT165" i="31"/>
  <c r="BS91" i="31"/>
  <c r="CD169" i="31"/>
  <c r="BV169" i="31"/>
  <c r="CC169" i="31"/>
  <c r="BU169" i="31"/>
  <c r="BT169" i="31"/>
  <c r="CB193" i="31"/>
  <c r="BT193" i="31"/>
  <c r="CH193" i="31"/>
  <c r="BZ193" i="31"/>
  <c r="BR193" i="31"/>
  <c r="BY193" i="31"/>
  <c r="BQ193" i="31"/>
  <c r="BW193" i="31"/>
  <c r="CD193" i="31"/>
  <c r="BV193" i="31"/>
  <c r="CC215" i="31"/>
  <c r="BU215" i="31"/>
  <c r="CA215" i="31"/>
  <c r="BS215" i="31"/>
  <c r="CH215" i="31"/>
  <c r="BZ215" i="31"/>
  <c r="BR215" i="31"/>
  <c r="BQ215" i="31"/>
  <c r="BX213" i="31"/>
  <c r="BX104" i="31"/>
  <c r="CF104" i="31"/>
  <c r="BQ107" i="31"/>
  <c r="CK107" i="31" s="1"/>
  <c r="BY107" i="31"/>
  <c r="BT108" i="31"/>
  <c r="CB108" i="31"/>
  <c r="CJ108" i="31"/>
  <c r="BW109" i="31"/>
  <c r="CH110" i="31"/>
  <c r="BZ110" i="31"/>
  <c r="BY110" i="31"/>
  <c r="BQ110" i="31"/>
  <c r="CK110" i="31" s="1"/>
  <c r="BS110" i="31"/>
  <c r="CC110" i="31"/>
  <c r="BU111" i="31"/>
  <c r="CJ111" i="31"/>
  <c r="CB111" i="31"/>
  <c r="BT111" i="31"/>
  <c r="BR111" i="31"/>
  <c r="CD111" i="31"/>
  <c r="BS112" i="31"/>
  <c r="BY113" i="31"/>
  <c r="BU113" i="31"/>
  <c r="CF113" i="31"/>
  <c r="BW115" i="31"/>
  <c r="CI116" i="31"/>
  <c r="CA116" i="31"/>
  <c r="BS116" i="31"/>
  <c r="BX116" i="31"/>
  <c r="CC116" i="31"/>
  <c r="BU116" i="31"/>
  <c r="CJ116" i="31"/>
  <c r="CB116" i="31"/>
  <c r="BT116" i="31"/>
  <c r="BR116" i="31"/>
  <c r="CH116" i="31"/>
  <c r="CJ117" i="31"/>
  <c r="CI119" i="31"/>
  <c r="CA122" i="31"/>
  <c r="BX194" i="31"/>
  <c r="BQ213" i="31"/>
  <c r="BY213" i="31"/>
  <c r="CI215" i="31"/>
  <c r="BQ104" i="31"/>
  <c r="CK104" i="31" s="1"/>
  <c r="BY104" i="31"/>
  <c r="BR107" i="31"/>
  <c r="BZ107" i="31"/>
  <c r="CH107" i="31"/>
  <c r="BU108" i="31"/>
  <c r="BX109" i="31"/>
  <c r="BT110" i="31"/>
  <c r="CD110" i="31"/>
  <c r="CC111" i="31"/>
  <c r="BS111" i="31"/>
  <c r="CE111" i="31"/>
  <c r="BT112" i="31"/>
  <c r="BV113" i="31"/>
  <c r="CJ113" i="31"/>
  <c r="CF114" i="31"/>
  <c r="CA115" i="31"/>
  <c r="BV116" i="31"/>
  <c r="BS120" i="31"/>
  <c r="BV121" i="31"/>
  <c r="CG122" i="31"/>
  <c r="BR104" i="31"/>
  <c r="BZ104" i="31"/>
  <c r="CH104" i="31"/>
  <c r="BS107" i="31"/>
  <c r="CA107" i="31"/>
  <c r="CI107" i="31"/>
  <c r="BU110" i="31"/>
  <c r="CE112" i="31"/>
  <c r="BU112" i="31"/>
  <c r="CG112" i="31"/>
  <c r="BW113" i="31"/>
  <c r="CF115" i="31"/>
  <c r="CB115" i="31"/>
  <c r="BV117" i="31"/>
  <c r="CI117" i="31"/>
  <c r="CA117" i="31"/>
  <c r="BS117" i="31"/>
  <c r="CG117" i="31"/>
  <c r="BY117" i="31"/>
  <c r="BQ117" i="31"/>
  <c r="CK117" i="31" s="1"/>
  <c r="CF117" i="31"/>
  <c r="BX117" i="31"/>
  <c r="BW117" i="31"/>
  <c r="BT117" i="31"/>
  <c r="CJ119" i="31"/>
  <c r="CB119" i="31"/>
  <c r="BT119" i="31"/>
  <c r="BY119" i="31"/>
  <c r="BQ119" i="31"/>
  <c r="CK119" i="31" s="1"/>
  <c r="CE119" i="31"/>
  <c r="BW119" i="31"/>
  <c r="CD119" i="31"/>
  <c r="BV119" i="31"/>
  <c r="BU119" i="31"/>
  <c r="BS119" i="31"/>
  <c r="CI122" i="31"/>
  <c r="BX169" i="31"/>
  <c r="BR194" i="31"/>
  <c r="BZ194" i="31"/>
  <c r="CH194" i="31"/>
  <c r="BS213" i="31"/>
  <c r="CA213" i="31"/>
  <c r="CI213" i="31"/>
  <c r="BX223" i="31"/>
  <c r="BS104" i="31"/>
  <c r="CA104" i="31"/>
  <c r="CI104" i="31"/>
  <c r="BQ106" i="31"/>
  <c r="CK106" i="31" s="1"/>
  <c r="BY106" i="31"/>
  <c r="BT107" i="31"/>
  <c r="CB107" i="31"/>
  <c r="CJ107" i="31"/>
  <c r="BW108" i="31"/>
  <c r="BR109" i="31"/>
  <c r="BZ109" i="31"/>
  <c r="BV110" i="31"/>
  <c r="BW111" i="31"/>
  <c r="CF112" i="31"/>
  <c r="BV112" i="31"/>
  <c r="CH112" i="31"/>
  <c r="BX113" i="31"/>
  <c r="BS114" i="31"/>
  <c r="CG115" i="31"/>
  <c r="BY116" i="31"/>
  <c r="BU117" i="31"/>
  <c r="BY118" i="31"/>
  <c r="BW118" i="31"/>
  <c r="CC119" i="31"/>
  <c r="BX119" i="31"/>
  <c r="BV120" i="31"/>
  <c r="CI121" i="31"/>
  <c r="CD121" i="31"/>
  <c r="BV123" i="31"/>
  <c r="BX168" i="31"/>
  <c r="BQ169" i="31"/>
  <c r="BY169" i="31"/>
  <c r="BS194" i="31"/>
  <c r="CA194" i="31"/>
  <c r="CI194" i="31"/>
  <c r="BT213" i="31"/>
  <c r="CB213" i="31"/>
  <c r="BV215" i="31"/>
  <c r="BQ223" i="31"/>
  <c r="BT104" i="31"/>
  <c r="CB104" i="31"/>
  <c r="CJ104" i="31"/>
  <c r="BR106" i="31"/>
  <c r="BZ106" i="31"/>
  <c r="CC107" i="31"/>
  <c r="BX108" i="31"/>
  <c r="BS109" i="31"/>
  <c r="CA109" i="31"/>
  <c r="BW110" i="31"/>
  <c r="CI110" i="31"/>
  <c r="BX111" i="31"/>
  <c r="CH111" i="31"/>
  <c r="BY112" i="31"/>
  <c r="CI112" i="31"/>
  <c r="CB113" i="31"/>
  <c r="BU114" i="31"/>
  <c r="CH114" i="31"/>
  <c r="BZ114" i="31"/>
  <c r="BR114" i="31"/>
  <c r="BW114" i="31"/>
  <c r="CD114" i="31"/>
  <c r="BV114" i="31"/>
  <c r="BT114" i="31"/>
  <c r="CJ114" i="31"/>
  <c r="CE115" i="31"/>
  <c r="CF116" i="31"/>
  <c r="BZ116" i="31"/>
  <c r="CD117" i="31"/>
  <c r="BZ117" i="31"/>
  <c r="CI118" i="31"/>
  <c r="BX118" i="31"/>
  <c r="BZ119" i="31"/>
  <c r="CA120" i="31"/>
  <c r="CJ121" i="31"/>
  <c r="BX123" i="31"/>
  <c r="CD123" i="31"/>
  <c r="BQ108" i="31"/>
  <c r="CK108" i="31" s="1"/>
  <c r="BY108" i="31"/>
  <c r="CG108" i="31"/>
  <c r="BT109" i="31"/>
  <c r="CB109" i="31"/>
  <c r="CJ109" i="31"/>
  <c r="CG110" i="31"/>
  <c r="BX110" i="31"/>
  <c r="CJ110" i="31"/>
  <c r="BY111" i="31"/>
  <c r="CI111" i="31"/>
  <c r="BZ112" i="31"/>
  <c r="CJ112" i="31"/>
  <c r="CG113" i="31"/>
  <c r="CC113" i="31"/>
  <c r="BX114" i="31"/>
  <c r="BS115" i="31"/>
  <c r="CI115" i="31"/>
  <c r="CD116" i="31"/>
  <c r="CE117" i="31"/>
  <c r="CB117" i="31"/>
  <c r="CD118" i="31"/>
  <c r="CC118" i="31"/>
  <c r="CA119" i="31"/>
  <c r="CC120" i="31"/>
  <c r="BQ122" i="31"/>
  <c r="CK122" i="31" s="1"/>
  <c r="CC123" i="31"/>
  <c r="BR168" i="31"/>
  <c r="BZ168" i="31"/>
  <c r="BS169" i="31"/>
  <c r="CA169" i="31"/>
  <c r="BV104" i="31"/>
  <c r="BW107" i="31"/>
  <c r="BR108" i="31"/>
  <c r="BZ108" i="31"/>
  <c r="BU109" i="31"/>
  <c r="CA110" i="31"/>
  <c r="BZ111" i="31"/>
  <c r="BQ112" i="31"/>
  <c r="CK112" i="31" s="1"/>
  <c r="BY114" i="31"/>
  <c r="BX115" i="31"/>
  <c r="BT115" i="31"/>
  <c r="CE116" i="31"/>
  <c r="CC117" i="31"/>
  <c r="CF119" i="31"/>
  <c r="CF120" i="31"/>
  <c r="BU122" i="31"/>
  <c r="CJ123" i="31"/>
  <c r="BX112" i="31"/>
  <c r="BW112" i="31"/>
  <c r="BR112" i="31"/>
  <c r="CB112" i="31"/>
  <c r="CC115" i="31"/>
  <c r="BU115" i="31"/>
  <c r="BV115" i="31"/>
  <c r="CC122" i="31"/>
  <c r="CF122" i="31"/>
  <c r="BX122" i="31"/>
  <c r="BY122" i="31"/>
  <c r="BR113" i="31"/>
  <c r="BZ113" i="31"/>
  <c r="CH113" i="31"/>
  <c r="BQ115" i="31"/>
  <c r="CK115" i="31" s="1"/>
  <c r="BY115" i="31"/>
  <c r="BR118" i="31"/>
  <c r="BZ118" i="31"/>
  <c r="CH118" i="31"/>
  <c r="BX120" i="31"/>
  <c r="BS121" i="31"/>
  <c r="CA121" i="31"/>
  <c r="BV122" i="31"/>
  <c r="CD122" i="31"/>
  <c r="BQ123" i="31"/>
  <c r="CK123" i="31" s="1"/>
  <c r="BY123" i="31"/>
  <c r="CG123" i="31"/>
  <c r="BU124" i="31"/>
  <c r="BX125" i="31"/>
  <c r="CF125" i="31"/>
  <c r="BQ96" i="31"/>
  <c r="BY96" i="31"/>
  <c r="BR97" i="31"/>
  <c r="BZ97" i="31"/>
  <c r="BS98" i="31"/>
  <c r="CA98" i="31"/>
  <c r="CI98" i="31"/>
  <c r="BT99" i="31"/>
  <c r="CB99" i="31"/>
  <c r="BW130" i="31"/>
  <c r="CE130" i="31"/>
  <c r="BX131" i="31"/>
  <c r="BR131" i="31"/>
  <c r="CA131" i="31"/>
  <c r="CJ131" i="31"/>
  <c r="BY132" i="31"/>
  <c r="BZ133" i="31"/>
  <c r="CJ133" i="31"/>
  <c r="CB134" i="31"/>
  <c r="CJ135" i="31"/>
  <c r="CB135" i="31"/>
  <c r="BT135" i="31"/>
  <c r="CI135" i="31"/>
  <c r="CA135" i="31"/>
  <c r="BS135" i="31"/>
  <c r="BY135" i="31"/>
  <c r="BQ135" i="31"/>
  <c r="CK135" i="31" s="1"/>
  <c r="BU135" i="31"/>
  <c r="BY136" i="31"/>
  <c r="BY138" i="31"/>
  <c r="BZ139" i="31"/>
  <c r="BS143" i="31"/>
  <c r="CF205" i="31"/>
  <c r="BX205" i="31"/>
  <c r="BW205" i="31"/>
  <c r="BV205" i="31"/>
  <c r="BU205" i="31"/>
  <c r="CJ205" i="31"/>
  <c r="CB205" i="31"/>
  <c r="BT205" i="31"/>
  <c r="BR205" i="31"/>
  <c r="BT217" i="31"/>
  <c r="CG145" i="31"/>
  <c r="BY145" i="31"/>
  <c r="BQ145" i="31"/>
  <c r="CK145" i="31" s="1"/>
  <c r="BX145" i="31"/>
  <c r="BW145" i="31"/>
  <c r="BV145" i="31"/>
  <c r="BU145" i="31"/>
  <c r="BS145" i="31"/>
  <c r="BV146" i="31"/>
  <c r="CE147" i="31"/>
  <c r="CJ147" i="31"/>
  <c r="BX156" i="31"/>
  <c r="CI156" i="31"/>
  <c r="CA156" i="31"/>
  <c r="BS156" i="31"/>
  <c r="BZ156" i="31"/>
  <c r="CJ156" i="31"/>
  <c r="BY156" i="31"/>
  <c r="CH156" i="31"/>
  <c r="BW156" i="31"/>
  <c r="CG156" i="31"/>
  <c r="BV156" i="31"/>
  <c r="CE156" i="31"/>
  <c r="BU156" i="31"/>
  <c r="CD156" i="31"/>
  <c r="BT156" i="31"/>
  <c r="CB156" i="31"/>
  <c r="BQ156" i="31"/>
  <c r="CK156" i="31" s="1"/>
  <c r="CC156" i="31"/>
  <c r="BW102" i="31"/>
  <c r="BS113" i="31"/>
  <c r="CA113" i="31"/>
  <c r="CI113" i="31"/>
  <c r="BR115" i="31"/>
  <c r="BZ115" i="31"/>
  <c r="CH115" i="31"/>
  <c r="BS118" i="31"/>
  <c r="CA118" i="31"/>
  <c r="BQ120" i="31"/>
  <c r="CK120" i="31" s="1"/>
  <c r="BY120" i="31"/>
  <c r="CG120" i="31"/>
  <c r="BT121" i="31"/>
  <c r="CB121" i="31"/>
  <c r="BW122" i="31"/>
  <c r="CE122" i="31"/>
  <c r="BR123" i="31"/>
  <c r="BZ123" i="31"/>
  <c r="CH123" i="31"/>
  <c r="BV124" i="31"/>
  <c r="CD124" i="31"/>
  <c r="BQ125" i="31"/>
  <c r="CK125" i="31" s="1"/>
  <c r="BY125" i="31"/>
  <c r="CG125" i="31"/>
  <c r="BR96" i="31"/>
  <c r="BZ96" i="31"/>
  <c r="BS97" i="31"/>
  <c r="CA97" i="31"/>
  <c r="CI97" i="31"/>
  <c r="BT98" i="31"/>
  <c r="CB98" i="31"/>
  <c r="BU99" i="31"/>
  <c r="CC99" i="31"/>
  <c r="BX130" i="31"/>
  <c r="CF130" i="31"/>
  <c r="BS131" i="31"/>
  <c r="CB131" i="31"/>
  <c r="CB132" i="31"/>
  <c r="BQ133" i="31"/>
  <c r="CK133" i="31" s="1"/>
  <c r="CC134" i="31"/>
  <c r="BV135" i="31"/>
  <c r="CH135" i="31"/>
  <c r="BZ136" i="31"/>
  <c r="BS137" i="31"/>
  <c r="CI137" i="31"/>
  <c r="CD138" i="31"/>
  <c r="CE139" i="31"/>
  <c r="CA139" i="31"/>
  <c r="CH143" i="31"/>
  <c r="BS205" i="31"/>
  <c r="CH217" i="31"/>
  <c r="BU217" i="31"/>
  <c r="CC145" i="31"/>
  <c r="BT145" i="31"/>
  <c r="CH146" i="31"/>
  <c r="BW146" i="31"/>
  <c r="CF147" i="31"/>
  <c r="CC153" i="31"/>
  <c r="BR153" i="31"/>
  <c r="BW126" i="31"/>
  <c r="CG126" i="31"/>
  <c r="CD126" i="31"/>
  <c r="CF188" i="31"/>
  <c r="CH188" i="31"/>
  <c r="BX188" i="31"/>
  <c r="BT118" i="31"/>
  <c r="CB118" i="31"/>
  <c r="CJ118" i="31"/>
  <c r="BR120" i="31"/>
  <c r="BZ120" i="31"/>
  <c r="CH120" i="31"/>
  <c r="BU121" i="31"/>
  <c r="CC121" i="31"/>
  <c r="BS123" i="31"/>
  <c r="CA123" i="31"/>
  <c r="CI123" i="31"/>
  <c r="BW124" i="31"/>
  <c r="CE124" i="31"/>
  <c r="BR125" i="31"/>
  <c r="BZ125" i="31"/>
  <c r="CH125" i="31"/>
  <c r="BS96" i="31"/>
  <c r="CA96" i="31"/>
  <c r="CI96" i="31"/>
  <c r="BT97" i="31"/>
  <c r="CB97" i="31"/>
  <c r="CJ97" i="31"/>
  <c r="BU98" i="31"/>
  <c r="CC98" i="31"/>
  <c r="BV99" i="31"/>
  <c r="CD99" i="31"/>
  <c r="BQ130" i="31"/>
  <c r="CK130" i="31" s="1"/>
  <c r="BY130" i="31"/>
  <c r="CG130" i="31"/>
  <c r="BT131" i="31"/>
  <c r="CC131" i="31"/>
  <c r="BQ132" i="31"/>
  <c r="CK132" i="31" s="1"/>
  <c r="BV133" i="31"/>
  <c r="BU133" i="31"/>
  <c r="BR133" i="31"/>
  <c r="CB133" i="31"/>
  <c r="BY134" i="31"/>
  <c r="BQ134" i="31"/>
  <c r="CK134" i="31" s="1"/>
  <c r="BX134" i="31"/>
  <c r="BV134" i="31"/>
  <c r="BS134" i="31"/>
  <c r="BW135" i="31"/>
  <c r="CH137" i="31"/>
  <c r="BT137" i="31"/>
  <c r="CE138" i="31"/>
  <c r="CE143" i="31"/>
  <c r="BU143" i="31"/>
  <c r="CI217" i="31"/>
  <c r="BV217" i="31"/>
  <c r="BZ145" i="31"/>
  <c r="CI157" i="31"/>
  <c r="CA157" i="31"/>
  <c r="BS157" i="31"/>
  <c r="BV157" i="31"/>
  <c r="BZ157" i="31"/>
  <c r="CJ157" i="31"/>
  <c r="BY157" i="31"/>
  <c r="CH157" i="31"/>
  <c r="BX157" i="31"/>
  <c r="CG157" i="31"/>
  <c r="BW157" i="31"/>
  <c r="CF157" i="31"/>
  <c r="BU157" i="31"/>
  <c r="CE157" i="31"/>
  <c r="BT157" i="31"/>
  <c r="CB157" i="31"/>
  <c r="BQ157" i="31"/>
  <c r="CK157" i="31" s="1"/>
  <c r="CC157" i="31"/>
  <c r="CC128" i="31"/>
  <c r="CG128" i="31"/>
  <c r="CA128" i="31"/>
  <c r="BY128" i="31"/>
  <c r="BW128" i="31"/>
  <c r="BS128" i="31"/>
  <c r="CI128" i="31"/>
  <c r="BQ128" i="31"/>
  <c r="BT123" i="31"/>
  <c r="CB123" i="31"/>
  <c r="BX124" i="31"/>
  <c r="CF124" i="31"/>
  <c r="BS125" i="31"/>
  <c r="CA125" i="31"/>
  <c r="CI125" i="31"/>
  <c r="BT96" i="31"/>
  <c r="CB96" i="31"/>
  <c r="BU97" i="31"/>
  <c r="CC97" i="31"/>
  <c r="BV98" i="31"/>
  <c r="CD98" i="31"/>
  <c r="BW99" i="31"/>
  <c r="BR130" i="31"/>
  <c r="BZ130" i="31"/>
  <c r="CH130" i="31"/>
  <c r="BU131" i="31"/>
  <c r="CD131" i="31"/>
  <c r="CI132" i="31"/>
  <c r="CA132" i="31"/>
  <c r="BS132" i="31"/>
  <c r="CH132" i="31"/>
  <c r="BZ132" i="31"/>
  <c r="BR132" i="31"/>
  <c r="BT132" i="31"/>
  <c r="CD132" i="31"/>
  <c r="BS133" i="31"/>
  <c r="CE133" i="31"/>
  <c r="BT134" i="31"/>
  <c r="CH134" i="31"/>
  <c r="BX135" i="31"/>
  <c r="BX137" i="31"/>
  <c r="BW137" i="31"/>
  <c r="BU137" i="31"/>
  <c r="CA143" i="31"/>
  <c r="CB217" i="31"/>
  <c r="BV118" i="31"/>
  <c r="BT120" i="31"/>
  <c r="CB120" i="31"/>
  <c r="CJ120" i="31"/>
  <c r="BW121" i="31"/>
  <c r="BR122" i="31"/>
  <c r="BZ122" i="31"/>
  <c r="CH122" i="31"/>
  <c r="BU123" i="31"/>
  <c r="BQ124" i="31"/>
  <c r="CK124" i="31" s="1"/>
  <c r="BT125" i="31"/>
  <c r="CB125" i="31"/>
  <c r="CJ125" i="31"/>
  <c r="BU96" i="31"/>
  <c r="CC96" i="31"/>
  <c r="BV97" i="31"/>
  <c r="BW98" i="31"/>
  <c r="CE98" i="31"/>
  <c r="BX99" i="31"/>
  <c r="BS130" i="31"/>
  <c r="CA130" i="31"/>
  <c r="CI130" i="31"/>
  <c r="CF131" i="31"/>
  <c r="BU132" i="31"/>
  <c r="CE132" i="31"/>
  <c r="CD133" i="31"/>
  <c r="BT133" i="31"/>
  <c r="CF133" i="31"/>
  <c r="CD134" i="31"/>
  <c r="BU134" i="31"/>
  <c r="BZ135" i="31"/>
  <c r="BW136" i="31"/>
  <c r="BV136" i="31"/>
  <c r="CJ136" i="31"/>
  <c r="CB136" i="31"/>
  <c r="BT136" i="31"/>
  <c r="BR136" i="31"/>
  <c r="CF136" i="31"/>
  <c r="BV137" i="31"/>
  <c r="BQ138" i="31"/>
  <c r="CK138" i="31" s="1"/>
  <c r="CF143" i="31"/>
  <c r="CB143" i="31"/>
  <c r="CE217" i="31"/>
  <c r="CC217" i="31"/>
  <c r="CF145" i="31"/>
  <c r="CB145" i="31"/>
  <c r="CC146" i="31"/>
  <c r="BU146" i="31"/>
  <c r="BX146" i="31"/>
  <c r="CF158" i="31"/>
  <c r="BX158" i="31"/>
  <c r="BV158" i="31"/>
  <c r="BY158" i="31"/>
  <c r="BQ158" i="31"/>
  <c r="CK158" i="31" s="1"/>
  <c r="CB158" i="31"/>
  <c r="CA158" i="31"/>
  <c r="BZ158" i="31"/>
  <c r="CJ158" i="31"/>
  <c r="BW158" i="31"/>
  <c r="CI158" i="31"/>
  <c r="BU158" i="31"/>
  <c r="CH158" i="31"/>
  <c r="BT158" i="31"/>
  <c r="CC158" i="31"/>
  <c r="BR158" i="31"/>
  <c r="CE158" i="31"/>
  <c r="CC126" i="31"/>
  <c r="CE128" i="31"/>
  <c r="CF155" i="31"/>
  <c r="BY155" i="31"/>
  <c r="BU155" i="31"/>
  <c r="CC155" i="31"/>
  <c r="BR124" i="31"/>
  <c r="BZ124" i="31"/>
  <c r="BU125" i="31"/>
  <c r="BV96" i="31"/>
  <c r="CD96" i="31"/>
  <c r="BW97" i="31"/>
  <c r="BX98" i="31"/>
  <c r="BQ99" i="31"/>
  <c r="BY99" i="31"/>
  <c r="BT130" i="31"/>
  <c r="CB130" i="31"/>
  <c r="CJ130" i="31"/>
  <c r="BV132" i="31"/>
  <c r="CF132" i="31"/>
  <c r="BW133" i="31"/>
  <c r="CG133" i="31"/>
  <c r="BW134" i="31"/>
  <c r="CJ134" i="31"/>
  <c r="CG135" i="31"/>
  <c r="CC135" i="31"/>
  <c r="BS136" i="31"/>
  <c r="CG136" i="31"/>
  <c r="CE137" i="31"/>
  <c r="CA137" i="31"/>
  <c r="BR139" i="31"/>
  <c r="CG143" i="31"/>
  <c r="CC143" i="31"/>
  <c r="CG205" i="31"/>
  <c r="CF217" i="31"/>
  <c r="CD217" i="31"/>
  <c r="CH145" i="31"/>
  <c r="CF146" i="31"/>
  <c r="BY147" i="31"/>
  <c r="BQ147" i="31"/>
  <c r="CK147" i="31" s="1"/>
  <c r="CI147" i="31"/>
  <c r="BZ147" i="31"/>
  <c r="CH147" i="31"/>
  <c r="BX147" i="31"/>
  <c r="BW147" i="31"/>
  <c r="BV147" i="31"/>
  <c r="BU147" i="31"/>
  <c r="BT147" i="31"/>
  <c r="BS147" i="31"/>
  <c r="BT152" i="31"/>
  <c r="BQ121" i="31"/>
  <c r="CK121" i="31" s="1"/>
  <c r="BY121" i="31"/>
  <c r="BT122" i="31"/>
  <c r="CB122" i="31"/>
  <c r="CJ122" i="31"/>
  <c r="BW123" i="31"/>
  <c r="BS124" i="31"/>
  <c r="CA124" i="31"/>
  <c r="BV125" i="31"/>
  <c r="BW96" i="31"/>
  <c r="BQ98" i="31"/>
  <c r="BY98" i="31"/>
  <c r="BR99" i="31"/>
  <c r="BZ99" i="31"/>
  <c r="CH99" i="31"/>
  <c r="BU130" i="31"/>
  <c r="BY131" i="31"/>
  <c r="CH131" i="31"/>
  <c r="BW132" i="31"/>
  <c r="BX133" i="31"/>
  <c r="CH133" i="31"/>
  <c r="CF134" i="31"/>
  <c r="BZ134" i="31"/>
  <c r="CD135" i="31"/>
  <c r="CD136" i="31"/>
  <c r="BU136" i="31"/>
  <c r="CH136" i="31"/>
  <c r="CF137" i="31"/>
  <c r="CB137" i="31"/>
  <c r="CC138" i="31"/>
  <c r="BW138" i="31"/>
  <c r="CG139" i="31"/>
  <c r="BY139" i="31"/>
  <c r="BQ139" i="31"/>
  <c r="CK139" i="31" s="1"/>
  <c r="BX139" i="31"/>
  <c r="BW139" i="31"/>
  <c r="BV139" i="31"/>
  <c r="BU139" i="31"/>
  <c r="BS139" i="31"/>
  <c r="CI143" i="31"/>
  <c r="CH205" i="31"/>
  <c r="CG217" i="31"/>
  <c r="CI145" i="31"/>
  <c r="CG146" i="31"/>
  <c r="CC147" i="31"/>
  <c r="CA147" i="31"/>
  <c r="CH148" i="31"/>
  <c r="CJ100" i="31"/>
  <c r="BZ100" i="31"/>
  <c r="CD100" i="31"/>
  <c r="CB100" i="31"/>
  <c r="CH127" i="31"/>
  <c r="BQ113" i="31"/>
  <c r="CK113" i="31" s="1"/>
  <c r="BQ118" i="31"/>
  <c r="CK118" i="31" s="1"/>
  <c r="BR121" i="31"/>
  <c r="BZ121" i="31"/>
  <c r="BT124" i="31"/>
  <c r="CB124" i="31"/>
  <c r="BQ97" i="31"/>
  <c r="BR98" i="31"/>
  <c r="BZ98" i="31"/>
  <c r="BS99" i="31"/>
  <c r="CA99" i="31"/>
  <c r="BQ131" i="31"/>
  <c r="CK131" i="31" s="1"/>
  <c r="BZ131" i="31"/>
  <c r="CI131" i="31"/>
  <c r="BX132" i="31"/>
  <c r="CJ132" i="31"/>
  <c r="BY133" i="31"/>
  <c r="CI133" i="31"/>
  <c r="CG134" i="31"/>
  <c r="CA134" i="31"/>
  <c r="BR135" i="31"/>
  <c r="CE136" i="31"/>
  <c r="BX136" i="31"/>
  <c r="CI136" i="31"/>
  <c r="CG137" i="31"/>
  <c r="CC137" i="31"/>
  <c r="CC139" i="31"/>
  <c r="BT139" i="31"/>
  <c r="BY143" i="31"/>
  <c r="BQ205" i="31"/>
  <c r="CK205" i="31" s="1"/>
  <c r="CI205" i="31"/>
  <c r="BR145" i="31"/>
  <c r="CJ145" i="31"/>
  <c r="CD147" i="31"/>
  <c r="CB147" i="31"/>
  <c r="BV152" i="31"/>
  <c r="BY152" i="31"/>
  <c r="BQ152" i="31"/>
  <c r="CK152" i="31" s="1"/>
  <c r="CB152" i="31"/>
  <c r="BR152" i="31"/>
  <c r="CA152" i="31"/>
  <c r="CJ152" i="31"/>
  <c r="BZ152" i="31"/>
  <c r="CI152" i="31"/>
  <c r="BX152" i="31"/>
  <c r="CH152" i="31"/>
  <c r="BW152" i="31"/>
  <c r="CF152" i="31"/>
  <c r="BU152" i="31"/>
  <c r="CC152" i="31"/>
  <c r="BS152" i="31"/>
  <c r="BU153" i="31"/>
  <c r="CD160" i="31"/>
  <c r="BV160" i="31"/>
  <c r="CJ160" i="31"/>
  <c r="CB160" i="31"/>
  <c r="BT160" i="31"/>
  <c r="CF160" i="31"/>
  <c r="BX160" i="31"/>
  <c r="BW160" i="31"/>
  <c r="CC160" i="31"/>
  <c r="CA160" i="31"/>
  <c r="BZ160" i="31"/>
  <c r="BY160" i="31"/>
  <c r="BU160" i="31"/>
  <c r="CI160" i="31"/>
  <c r="BS160" i="31"/>
  <c r="CG160" i="31"/>
  <c r="BQ160" i="31"/>
  <c r="CK160" i="31" s="1"/>
  <c r="CH160" i="31"/>
  <c r="CF172" i="31"/>
  <c r="CE172" i="31"/>
  <c r="BT172" i="31"/>
  <c r="BY153" i="31"/>
  <c r="BQ153" i="31"/>
  <c r="CK153" i="31" s="1"/>
  <c r="CJ153" i="31"/>
  <c r="CB153" i="31"/>
  <c r="BT153" i="31"/>
  <c r="BS153" i="31"/>
  <c r="CD153" i="31"/>
  <c r="BS154" i="31"/>
  <c r="CD154" i="31"/>
  <c r="CC100" i="31"/>
  <c r="BQ100" i="31"/>
  <c r="CA100" i="31"/>
  <c r="BV159" i="31"/>
  <c r="CE101" i="31"/>
  <c r="BT101" i="31"/>
  <c r="CB102" i="31"/>
  <c r="BT103" i="31"/>
  <c r="CJ103" i="31"/>
  <c r="CF126" i="31"/>
  <c r="BY126" i="31"/>
  <c r="BR127" i="31"/>
  <c r="CB128" i="31"/>
  <c r="CJ155" i="31"/>
  <c r="BR138" i="31"/>
  <c r="BZ138" i="31"/>
  <c r="CH138" i="31"/>
  <c r="BV143" i="31"/>
  <c r="CD143" i="31"/>
  <c r="BQ206" i="31"/>
  <c r="CK206" i="31" s="1"/>
  <c r="BY206" i="31"/>
  <c r="BW217" i="31"/>
  <c r="BR227" i="31"/>
  <c r="BZ227" i="31"/>
  <c r="CH227" i="31"/>
  <c r="BR148" i="31"/>
  <c r="CC148" i="31"/>
  <c r="CJ149" i="31"/>
  <c r="CB149" i="31"/>
  <c r="BT149" i="31"/>
  <c r="BW149" i="31"/>
  <c r="BR149" i="31"/>
  <c r="CC149" i="31"/>
  <c r="CH151" i="31"/>
  <c r="BS151" i="31"/>
  <c r="CD151" i="31"/>
  <c r="BV153" i="31"/>
  <c r="CF153" i="31"/>
  <c r="CE154" i="31"/>
  <c r="BV154" i="31"/>
  <c r="CG154" i="31"/>
  <c r="BS100" i="31"/>
  <c r="BX159" i="31"/>
  <c r="BZ101" i="31"/>
  <c r="BX102" i="31"/>
  <c r="CE102" i="31"/>
  <c r="CE103" i="31"/>
  <c r="BV103" i="31"/>
  <c r="BX127" i="31"/>
  <c r="BU129" i="31"/>
  <c r="CI129" i="31"/>
  <c r="CA129" i="31"/>
  <c r="BS129" i="31"/>
  <c r="CG129" i="31"/>
  <c r="BY129" i="31"/>
  <c r="BQ129" i="31"/>
  <c r="CE129" i="31"/>
  <c r="BW129" i="31"/>
  <c r="BV129" i="31"/>
  <c r="CJ129" i="31"/>
  <c r="BQ170" i="31"/>
  <c r="CK170" i="31" s="1"/>
  <c r="CD171" i="31"/>
  <c r="BR180" i="31"/>
  <c r="BS138" i="31"/>
  <c r="CA138" i="31"/>
  <c r="CI138" i="31"/>
  <c r="BW143" i="31"/>
  <c r="BR206" i="31"/>
  <c r="BZ206" i="31"/>
  <c r="CH206" i="31"/>
  <c r="BX217" i="31"/>
  <c r="BS227" i="31"/>
  <c r="CA227" i="31"/>
  <c r="CI227" i="31"/>
  <c r="BQ146" i="31"/>
  <c r="CK146" i="31" s="1"/>
  <c r="BY146" i="31"/>
  <c r="BY148" i="31"/>
  <c r="BQ148" i="31"/>
  <c r="CK148" i="31" s="1"/>
  <c r="CJ148" i="31"/>
  <c r="CB148" i="31"/>
  <c r="BT148" i="31"/>
  <c r="BS148" i="31"/>
  <c r="CD148" i="31"/>
  <c r="BS149" i="31"/>
  <c r="CD149" i="31"/>
  <c r="BT150" i="31"/>
  <c r="CD150" i="31"/>
  <c r="CC151" i="31"/>
  <c r="BT151" i="31"/>
  <c r="CE151" i="31"/>
  <c r="CD152" i="31"/>
  <c r="BW153" i="31"/>
  <c r="CH153" i="31"/>
  <c r="BX154" i="31"/>
  <c r="CH154" i="31"/>
  <c r="BT100" i="31"/>
  <c r="CD157" i="31"/>
  <c r="CD158" i="31"/>
  <c r="BZ159" i="31"/>
  <c r="CG101" i="31"/>
  <c r="CA101" i="31"/>
  <c r="BS102" i="31"/>
  <c r="CI102" i="31"/>
  <c r="BX103" i="31"/>
  <c r="BX126" i="31"/>
  <c r="CE126" i="31"/>
  <c r="CJ127" i="31"/>
  <c r="BZ127" i="31"/>
  <c r="CC129" i="31"/>
  <c r="BR129" i="31"/>
  <c r="CG173" i="31"/>
  <c r="BU173" i="31"/>
  <c r="CE173" i="31"/>
  <c r="BQ173" i="31"/>
  <c r="CK173" i="31" s="1"/>
  <c r="CH176" i="31"/>
  <c r="BV176" i="31"/>
  <c r="CF176" i="31"/>
  <c r="BQ137" i="31"/>
  <c r="CK137" i="31" s="1"/>
  <c r="BY137" i="31"/>
  <c r="BT138" i="31"/>
  <c r="CB138" i="31"/>
  <c r="CJ138" i="31"/>
  <c r="BX143" i="31"/>
  <c r="BS206" i="31"/>
  <c r="CA206" i="31"/>
  <c r="CI206" i="31"/>
  <c r="BQ217" i="31"/>
  <c r="CK217" i="31" s="1"/>
  <c r="BY217" i="31"/>
  <c r="BT227" i="31"/>
  <c r="CB227" i="31"/>
  <c r="CJ227" i="31"/>
  <c r="BR146" i="31"/>
  <c r="BZ146" i="31"/>
  <c r="BU148" i="31"/>
  <c r="CE148" i="31"/>
  <c r="BU149" i="31"/>
  <c r="BU150" i="31"/>
  <c r="CF150" i="31"/>
  <c r="BV151" i="31"/>
  <c r="CF151" i="31"/>
  <c r="BX153" i="31"/>
  <c r="CI153" i="31"/>
  <c r="BY154" i="31"/>
  <c r="CI154" i="31"/>
  <c r="BV100" i="31"/>
  <c r="CG100" i="31"/>
  <c r="CG159" i="31"/>
  <c r="CD159" i="31"/>
  <c r="CE160" i="31"/>
  <c r="CB101" i="31"/>
  <c r="CD102" i="31"/>
  <c r="BT102" i="31"/>
  <c r="CB103" i="31"/>
  <c r="CH126" i="31"/>
  <c r="BZ126" i="31"/>
  <c r="BR126" i="31"/>
  <c r="CB126" i="31"/>
  <c r="BT126" i="31"/>
  <c r="CI126" i="31"/>
  <c r="CA126" i="31"/>
  <c r="BS126" i="31"/>
  <c r="BQ126" i="31"/>
  <c r="CJ128" i="31"/>
  <c r="CD129" i="31"/>
  <c r="BT129" i="31"/>
  <c r="BV155" i="31"/>
  <c r="BU161" i="31"/>
  <c r="CE171" i="31"/>
  <c r="CD180" i="31"/>
  <c r="BR137" i="31"/>
  <c r="BZ137" i="31"/>
  <c r="BQ143" i="31"/>
  <c r="BT206" i="31"/>
  <c r="CB206" i="31"/>
  <c r="BR217" i="31"/>
  <c r="BZ217" i="31"/>
  <c r="BS146" i="31"/>
  <c r="CA146" i="31"/>
  <c r="BV148" i="31"/>
  <c r="CF148" i="31"/>
  <c r="CE149" i="31"/>
  <c r="BV149" i="31"/>
  <c r="CG149" i="31"/>
  <c r="CE150" i="31"/>
  <c r="BV150" i="31"/>
  <c r="BW151" i="31"/>
  <c r="CG151" i="31"/>
  <c r="CG153" i="31"/>
  <c r="BZ153" i="31"/>
  <c r="BZ154" i="31"/>
  <c r="BW100" i="31"/>
  <c r="CH100" i="31"/>
  <c r="CF156" i="31"/>
  <c r="BU101" i="31"/>
  <c r="CD101" i="31"/>
  <c r="CG103" i="31"/>
  <c r="CC103" i="31"/>
  <c r="BU126" i="31"/>
  <c r="CG127" i="31"/>
  <c r="CF127" i="31"/>
  <c r="BX129" i="31"/>
  <c r="CI155" i="31"/>
  <c r="CA155" i="31"/>
  <c r="BS155" i="31"/>
  <c r="CH155" i="31"/>
  <c r="BZ155" i="31"/>
  <c r="BR155" i="31"/>
  <c r="BQ155" i="31"/>
  <c r="BW161" i="31"/>
  <c r="CJ170" i="31"/>
  <c r="CF171" i="31"/>
  <c r="CI172" i="31"/>
  <c r="CA172" i="31"/>
  <c r="BS172" i="31"/>
  <c r="BY172" i="31"/>
  <c r="BQ172" i="31"/>
  <c r="CK172" i="31" s="1"/>
  <c r="BX172" i="31"/>
  <c r="CH172" i="31"/>
  <c r="BU172" i="31"/>
  <c r="BR172" i="31"/>
  <c r="CC172" i="31"/>
  <c r="CB172" i="31"/>
  <c r="BW172" i="31"/>
  <c r="CJ172" i="31"/>
  <c r="BV172" i="31"/>
  <c r="BZ172" i="31"/>
  <c r="BR143" i="31"/>
  <c r="BZ143" i="31"/>
  <c r="BU206" i="31"/>
  <c r="BS217" i="31"/>
  <c r="CA217" i="31"/>
  <c r="BV227" i="31"/>
  <c r="BT146" i="31"/>
  <c r="CB146" i="31"/>
  <c r="CG147" i="31"/>
  <c r="BW148" i="31"/>
  <c r="BX149" i="31"/>
  <c r="CH149" i="31"/>
  <c r="BX150" i="31"/>
  <c r="BX151" i="31"/>
  <c r="CG152" i="31"/>
  <c r="CA153" i="31"/>
  <c r="BQ154" i="31"/>
  <c r="CK154" i="31" s="1"/>
  <c r="BY100" i="31"/>
  <c r="CI100" i="31"/>
  <c r="CG158" i="31"/>
  <c r="BW101" i="31"/>
  <c r="BR101" i="31"/>
  <c r="CH101" i="31"/>
  <c r="BV126" i="31"/>
  <c r="BZ129" i="31"/>
  <c r="CD155" i="31"/>
  <c r="CB161" i="31"/>
  <c r="BT161" i="31"/>
  <c r="CI161" i="31"/>
  <c r="CA161" i="31"/>
  <c r="BS161" i="31"/>
  <c r="BV161" i="31"/>
  <c r="CE170" i="31"/>
  <c r="BW170" i="31"/>
  <c r="CD170" i="31"/>
  <c r="BV170" i="31"/>
  <c r="CG170" i="31"/>
  <c r="CG171" i="31"/>
  <c r="BY176" i="31"/>
  <c r="CD183" i="31"/>
  <c r="BV183" i="31"/>
  <c r="CC183" i="31"/>
  <c r="BU183" i="31"/>
  <c r="CF183" i="31"/>
  <c r="BX183" i="31"/>
  <c r="BW183" i="31"/>
  <c r="CA183" i="31"/>
  <c r="BS183" i="31"/>
  <c r="BX148" i="31"/>
  <c r="BY151" i="31"/>
  <c r="CJ154" i="31"/>
  <c r="CB154" i="31"/>
  <c r="BT154" i="31"/>
  <c r="BW154" i="31"/>
  <c r="BR154" i="31"/>
  <c r="CC154" i="31"/>
  <c r="BU100" i="31"/>
  <c r="CI159" i="31"/>
  <c r="CA159" i="31"/>
  <c r="BS159" i="31"/>
  <c r="BY159" i="31"/>
  <c r="BQ159" i="31"/>
  <c r="CK159" i="31" s="1"/>
  <c r="CC159" i="31"/>
  <c r="CJ159" i="31"/>
  <c r="CB159" i="31"/>
  <c r="BT159" i="31"/>
  <c r="BU159" i="31"/>
  <c r="CH159" i="31"/>
  <c r="BS101" i="31"/>
  <c r="CF102" i="31"/>
  <c r="CA102" i="31"/>
  <c r="BY103" i="31"/>
  <c r="BQ103" i="31"/>
  <c r="BW103" i="31"/>
  <c r="CI103" i="31"/>
  <c r="CA103" i="31"/>
  <c r="BS103" i="31"/>
  <c r="CH103" i="31"/>
  <c r="BZ103" i="31"/>
  <c r="BR103" i="31"/>
  <c r="CF103" i="31"/>
  <c r="CJ126" i="31"/>
  <c r="CI127" i="31"/>
  <c r="CA127" i="31"/>
  <c r="BS127" i="31"/>
  <c r="BY127" i="31"/>
  <c r="BQ127" i="31"/>
  <c r="CE127" i="31"/>
  <c r="BW127" i="31"/>
  <c r="CC127" i="31"/>
  <c r="BU127" i="31"/>
  <c r="CB127" i="31"/>
  <c r="BT127" i="31"/>
  <c r="CB129" i="31"/>
  <c r="CE155" i="31"/>
  <c r="CD172" i="31"/>
  <c r="BR150" i="31"/>
  <c r="BZ150" i="31"/>
  <c r="CH150" i="31"/>
  <c r="BU151" i="31"/>
  <c r="BX100" i="31"/>
  <c r="CF100" i="31"/>
  <c r="BX101" i="31"/>
  <c r="CF101" i="31"/>
  <c r="BQ102" i="31"/>
  <c r="BY102" i="31"/>
  <c r="CG102" i="31"/>
  <c r="BU128" i="31"/>
  <c r="BW155" i="31"/>
  <c r="BX161" i="31"/>
  <c r="CF161" i="31"/>
  <c r="BS170" i="31"/>
  <c r="CA170" i="31"/>
  <c r="CI170" i="31"/>
  <c r="BW171" i="31"/>
  <c r="BZ173" i="31"/>
  <c r="BY174" i="31"/>
  <c r="BQ174" i="31"/>
  <c r="CK174" i="31" s="1"/>
  <c r="BW174" i="31"/>
  <c r="BV174" i="31"/>
  <c r="BS174" i="31"/>
  <c r="CF174" i="31"/>
  <c r="BW175" i="31"/>
  <c r="CA176" i="31"/>
  <c r="BX177" i="31"/>
  <c r="BT177" i="31"/>
  <c r="CG177" i="31"/>
  <c r="BY178" i="31"/>
  <c r="CC179" i="31"/>
  <c r="BT179" i="31"/>
  <c r="CJ179" i="31"/>
  <c r="CF181" i="31"/>
  <c r="CE183" i="31"/>
  <c r="CG184" i="31"/>
  <c r="BQ101" i="31"/>
  <c r="BY101" i="31"/>
  <c r="BR102" i="31"/>
  <c r="BZ102" i="31"/>
  <c r="CH102" i="31"/>
  <c r="BV128" i="31"/>
  <c r="CD128" i="31"/>
  <c r="BX155" i="31"/>
  <c r="BQ161" i="31"/>
  <c r="BY161" i="31"/>
  <c r="BT170" i="31"/>
  <c r="CB170" i="31"/>
  <c r="BX171" i="31"/>
  <c r="BT174" i="31"/>
  <c r="CH174" i="31"/>
  <c r="BX175" i="31"/>
  <c r="BQ176" i="31"/>
  <c r="CK176" i="31" s="1"/>
  <c r="BU177" i="31"/>
  <c r="CI177" i="31"/>
  <c r="CD179" i="31"/>
  <c r="BW179" i="31"/>
  <c r="CC184" i="31"/>
  <c r="CF186" i="31"/>
  <c r="BU174" i="31"/>
  <c r="CI174" i="31"/>
  <c r="CA175" i="31"/>
  <c r="BW176" i="31"/>
  <c r="BU176" i="31"/>
  <c r="CJ176" i="31"/>
  <c r="CB176" i="31"/>
  <c r="BT176" i="31"/>
  <c r="BR176" i="31"/>
  <c r="BV177" i="31"/>
  <c r="CJ177" i="31"/>
  <c r="BY179" i="31"/>
  <c r="CC180" i="31"/>
  <c r="BU180" i="31"/>
  <c r="CJ180" i="31"/>
  <c r="CB180" i="31"/>
  <c r="CI180" i="31"/>
  <c r="CA180" i="31"/>
  <c r="BS180" i="31"/>
  <c r="BY180" i="31"/>
  <c r="BQ180" i="31"/>
  <c r="CK180" i="31" s="1"/>
  <c r="BX180" i="31"/>
  <c r="CE180" i="31"/>
  <c r="BW180" i="31"/>
  <c r="BT180" i="31"/>
  <c r="CG183" i="31"/>
  <c r="BX128" i="31"/>
  <c r="CF128" i="31"/>
  <c r="BQ171" i="31"/>
  <c r="CK171" i="31" s="1"/>
  <c r="BZ171" i="31"/>
  <c r="CG172" i="31"/>
  <c r="BV173" i="31"/>
  <c r="CJ173" i="31"/>
  <c r="CB173" i="31"/>
  <c r="BT173" i="31"/>
  <c r="CI173" i="31"/>
  <c r="CA173" i="31"/>
  <c r="BS173" i="31"/>
  <c r="BR173" i="31"/>
  <c r="CF173" i="31"/>
  <c r="CE174" i="31"/>
  <c r="BX174" i="31"/>
  <c r="CJ174" i="31"/>
  <c r="CG175" i="31"/>
  <c r="CC176" i="31"/>
  <c r="BS176" i="31"/>
  <c r="CG176" i="31"/>
  <c r="CF177" i="31"/>
  <c r="BY177" i="31"/>
  <c r="CF179" i="31"/>
  <c r="CA179" i="31"/>
  <c r="BV180" i="31"/>
  <c r="CE181" i="31"/>
  <c r="BW181" i="31"/>
  <c r="CE184" i="31"/>
  <c r="BU171" i="31"/>
  <c r="BR171" i="31"/>
  <c r="CA171" i="31"/>
  <c r="CJ171" i="31"/>
  <c r="BZ180" i="31"/>
  <c r="CF184" i="31"/>
  <c r="BX184" i="31"/>
  <c r="BR151" i="31"/>
  <c r="BZ151" i="31"/>
  <c r="CC101" i="31"/>
  <c r="BV102" i="31"/>
  <c r="BR128" i="31"/>
  <c r="BZ128" i="31"/>
  <c r="CH128" i="31"/>
  <c r="BT155" i="31"/>
  <c r="CB155" i="31"/>
  <c r="CC161" i="31"/>
  <c r="BX170" i="31"/>
  <c r="CC171" i="31"/>
  <c r="BS171" i="31"/>
  <c r="CB171" i="31"/>
  <c r="CD173" i="31"/>
  <c r="BW173" i="31"/>
  <c r="CH173" i="31"/>
  <c r="CG174" i="31"/>
  <c r="CA174" i="31"/>
  <c r="BS175" i="31"/>
  <c r="CE176" i="31"/>
  <c r="BX176" i="31"/>
  <c r="CI176" i="31"/>
  <c r="CB177" i="31"/>
  <c r="CH178" i="31"/>
  <c r="BT178" i="31"/>
  <c r="CE179" i="31"/>
  <c r="CG181" i="31"/>
  <c r="CJ183" i="31"/>
  <c r="CH186" i="31"/>
  <c r="BT128" i="31"/>
  <c r="BR170" i="31"/>
  <c r="BZ170" i="31"/>
  <c r="BV171" i="31"/>
  <c r="BY173" i="31"/>
  <c r="BR174" i="31"/>
  <c r="BV175" i="31"/>
  <c r="BZ176" i="31"/>
  <c r="CH177" i="31"/>
  <c r="BS177" i="31"/>
  <c r="CE178" i="31"/>
  <c r="BW178" i="31"/>
  <c r="BX178" i="31"/>
  <c r="CH179" i="31"/>
  <c r="BS179" i="31"/>
  <c r="CI179" i="31"/>
  <c r="CG180" i="31"/>
  <c r="BU181" i="31"/>
  <c r="BV184" i="31"/>
  <c r="CE186" i="31"/>
  <c r="BW186" i="31"/>
  <c r="CD186" i="31"/>
  <c r="BV186" i="31"/>
  <c r="CG186" i="31"/>
  <c r="BY186" i="31"/>
  <c r="BQ186" i="31"/>
  <c r="CK186" i="31" s="1"/>
  <c r="BX186" i="31"/>
  <c r="BQ181" i="31"/>
  <c r="CK181" i="31" s="1"/>
  <c r="BY181" i="31"/>
  <c r="BT182" i="31"/>
  <c r="CB182" i="31"/>
  <c r="CJ182" i="31"/>
  <c r="BR184" i="31"/>
  <c r="BZ184" i="31"/>
  <c r="CH184" i="31"/>
  <c r="BU185" i="31"/>
  <c r="CC185" i="31"/>
  <c r="BS187" i="31"/>
  <c r="CC187" i="31"/>
  <c r="CJ188" i="31"/>
  <c r="CB188" i="31"/>
  <c r="BT188" i="31"/>
  <c r="CI188" i="31"/>
  <c r="CA188" i="31"/>
  <c r="BS188" i="31"/>
  <c r="BR188" i="31"/>
  <c r="CD188" i="31"/>
  <c r="BS189" i="31"/>
  <c r="CF189" i="31"/>
  <c r="BT192" i="31"/>
  <c r="CG192" i="31"/>
  <c r="BU162" i="31"/>
  <c r="CH162" i="31"/>
  <c r="CJ163" i="31"/>
  <c r="BW163" i="31"/>
  <c r="BT196" i="31"/>
  <c r="CG196" i="31"/>
  <c r="BQ198" i="31"/>
  <c r="CK198" i="31" s="1"/>
  <c r="BU199" i="31"/>
  <c r="CJ199" i="31"/>
  <c r="CC200" i="31"/>
  <c r="BY202" i="31"/>
  <c r="BQ202" i="31"/>
  <c r="CK202" i="31" s="1"/>
  <c r="CJ202" i="31"/>
  <c r="CB202" i="31"/>
  <c r="BT202" i="31"/>
  <c r="CA202" i="31"/>
  <c r="CI202" i="31"/>
  <c r="BX202" i="31"/>
  <c r="CH202" i="31"/>
  <c r="BW202" i="31"/>
  <c r="BV202" i="31"/>
  <c r="BU202" i="31"/>
  <c r="BS202" i="31"/>
  <c r="CC203" i="31"/>
  <c r="CC221" i="31"/>
  <c r="BZ221" i="31"/>
  <c r="BY221" i="31"/>
  <c r="BT221" i="31"/>
  <c r="CE207" i="31"/>
  <c r="CC207" i="31"/>
  <c r="BQ207" i="31"/>
  <c r="CK207" i="31" s="1"/>
  <c r="CJ207" i="31"/>
  <c r="CF210" i="31"/>
  <c r="CI212" i="31"/>
  <c r="BR181" i="31"/>
  <c r="BZ181" i="31"/>
  <c r="CH181" i="31"/>
  <c r="BU182" i="31"/>
  <c r="CC182" i="31"/>
  <c r="BS184" i="31"/>
  <c r="CA184" i="31"/>
  <c r="CI184" i="31"/>
  <c r="BV185" i="31"/>
  <c r="CD185" i="31"/>
  <c r="BT187" i="31"/>
  <c r="BU188" i="31"/>
  <c r="CE188" i="31"/>
  <c r="CD189" i="31"/>
  <c r="BT189" i="31"/>
  <c r="CH189" i="31"/>
  <c r="BX190" i="31"/>
  <c r="BU192" i="31"/>
  <c r="CI192" i="31"/>
  <c r="BV162" i="31"/>
  <c r="BX163" i="31"/>
  <c r="BU196" i="31"/>
  <c r="CI196" i="31"/>
  <c r="BY197" i="31"/>
  <c r="CF198" i="31"/>
  <c r="BX198" i="31"/>
  <c r="BV198" i="31"/>
  <c r="BU198" i="31"/>
  <c r="BR198" i="31"/>
  <c r="CE198" i="31"/>
  <c r="BV199" i="31"/>
  <c r="BQ200" i="31"/>
  <c r="CK200" i="31" s="1"/>
  <c r="CD200" i="31"/>
  <c r="CE201" i="31"/>
  <c r="CA201" i="31"/>
  <c r="BZ202" i="31"/>
  <c r="CD203" i="31"/>
  <c r="CB221" i="31"/>
  <c r="CF207" i="31"/>
  <c r="CF209" i="31"/>
  <c r="CJ212" i="31"/>
  <c r="CI19" i="31"/>
  <c r="BS19" i="31"/>
  <c r="CD19" i="31"/>
  <c r="CB19" i="31"/>
  <c r="CA19" i="31"/>
  <c r="BW19" i="31"/>
  <c r="CE19" i="31"/>
  <c r="CE20" i="31"/>
  <c r="BU20" i="31"/>
  <c r="BS20" i="31"/>
  <c r="CI20" i="31"/>
  <c r="CD20" i="31"/>
  <c r="CC20" i="31"/>
  <c r="CA20" i="31"/>
  <c r="CG220" i="31"/>
  <c r="BQ175" i="31"/>
  <c r="CK175" i="31" s="1"/>
  <c r="BY175" i="31"/>
  <c r="BW177" i="31"/>
  <c r="BR178" i="31"/>
  <c r="BZ178" i="31"/>
  <c r="BU179" i="31"/>
  <c r="BS181" i="31"/>
  <c r="CA181" i="31"/>
  <c r="CI181" i="31"/>
  <c r="BV182" i="31"/>
  <c r="BQ183" i="31"/>
  <c r="CK183" i="31" s="1"/>
  <c r="BY183" i="31"/>
  <c r="BT184" i="31"/>
  <c r="CB184" i="31"/>
  <c r="CJ184" i="31"/>
  <c r="BW185" i="31"/>
  <c r="BR186" i="31"/>
  <c r="BZ186" i="31"/>
  <c r="BU187" i="31"/>
  <c r="BV188" i="31"/>
  <c r="CE189" i="31"/>
  <c r="BU189" i="31"/>
  <c r="CI189" i="31"/>
  <c r="CA190" i="31"/>
  <c r="CE191" i="31"/>
  <c r="BW191" i="31"/>
  <c r="BU191" i="31"/>
  <c r="CJ191" i="31"/>
  <c r="CB191" i="31"/>
  <c r="BT191" i="31"/>
  <c r="BR191" i="31"/>
  <c r="CF191" i="31"/>
  <c r="CE192" i="31"/>
  <c r="BV192" i="31"/>
  <c r="CJ192" i="31"/>
  <c r="CF162" i="31"/>
  <c r="BW162" i="31"/>
  <c r="CG163" i="31"/>
  <c r="CA163" i="31"/>
  <c r="CE195" i="31"/>
  <c r="BW195" i="31"/>
  <c r="BU195" i="31"/>
  <c r="CJ195" i="31"/>
  <c r="CB195" i="31"/>
  <c r="BT195" i="31"/>
  <c r="BR195" i="31"/>
  <c r="CF195" i="31"/>
  <c r="CE196" i="31"/>
  <c r="BV196" i="31"/>
  <c r="CJ196" i="31"/>
  <c r="CB197" i="31"/>
  <c r="CC198" i="31"/>
  <c r="BS198" i="31"/>
  <c r="BW199" i="31"/>
  <c r="CI200" i="31"/>
  <c r="CA200" i="31"/>
  <c r="BS200" i="31"/>
  <c r="CH200" i="31"/>
  <c r="BY200" i="31"/>
  <c r="BW200" i="31"/>
  <c r="BV200" i="31"/>
  <c r="BR200" i="31"/>
  <c r="CB201" i="31"/>
  <c r="CC202" i="31"/>
  <c r="CF203" i="31"/>
  <c r="CH229" i="31"/>
  <c r="CE221" i="31"/>
  <c r="BX208" i="31"/>
  <c r="CH209" i="31"/>
  <c r="CG211" i="31"/>
  <c r="CJ19" i="31"/>
  <c r="BR175" i="31"/>
  <c r="BZ175" i="31"/>
  <c r="CH175" i="31"/>
  <c r="BS178" i="31"/>
  <c r="CA178" i="31"/>
  <c r="CI178" i="31"/>
  <c r="BV179" i="31"/>
  <c r="BT181" i="31"/>
  <c r="CB181" i="31"/>
  <c r="CJ181" i="31"/>
  <c r="BW182" i="31"/>
  <c r="BR183" i="31"/>
  <c r="BZ183" i="31"/>
  <c r="CH183" i="31"/>
  <c r="BU184" i="31"/>
  <c r="BX185" i="31"/>
  <c r="BS186" i="31"/>
  <c r="CA186" i="31"/>
  <c r="CI186" i="31"/>
  <c r="CF187" i="31"/>
  <c r="BV187" i="31"/>
  <c r="CH187" i="31"/>
  <c r="BW188" i="31"/>
  <c r="CG188" i="31"/>
  <c r="BX189" i="31"/>
  <c r="CJ189" i="31"/>
  <c r="CG190" i="31"/>
  <c r="CC190" i="31"/>
  <c r="CC191" i="31"/>
  <c r="BS191" i="31"/>
  <c r="CG191" i="31"/>
  <c r="CF192" i="31"/>
  <c r="BY192" i="31"/>
  <c r="CG162" i="31"/>
  <c r="BZ162" i="31"/>
  <c r="CC195" i="31"/>
  <c r="BS195" i="31"/>
  <c r="CG195" i="31"/>
  <c r="CF196" i="31"/>
  <c r="BY196" i="31"/>
  <c r="CD197" i="31"/>
  <c r="CD198" i="31"/>
  <c r="BT198" i="31"/>
  <c r="CH198" i="31"/>
  <c r="CF199" i="31"/>
  <c r="CA199" i="31"/>
  <c r="BT200" i="31"/>
  <c r="CJ200" i="31"/>
  <c r="CG201" i="31"/>
  <c r="CC201" i="31"/>
  <c r="CE202" i="31"/>
  <c r="CD202" i="31"/>
  <c r="CC229" i="31"/>
  <c r="CB229" i="31"/>
  <c r="BQ229" i="31"/>
  <c r="CK229" i="31" s="1"/>
  <c r="CJ229" i="31"/>
  <c r="BY229" i="31"/>
  <c r="CI229" i="31"/>
  <c r="BX229" i="31"/>
  <c r="BW229" i="31"/>
  <c r="BV229" i="31"/>
  <c r="CA229" i="31"/>
  <c r="CG221" i="31"/>
  <c r="BR208" i="31"/>
  <c r="CB208" i="31"/>
  <c r="BU210" i="31"/>
  <c r="CB163" i="31"/>
  <c r="BT163" i="31"/>
  <c r="CH163" i="31"/>
  <c r="BZ163" i="31"/>
  <c r="BR163" i="31"/>
  <c r="BY163" i="31"/>
  <c r="BQ163" i="31"/>
  <c r="CD163" i="31"/>
  <c r="CC199" i="31"/>
  <c r="BU200" i="31"/>
  <c r="CD220" i="31"/>
  <c r="BV220" i="31"/>
  <c r="BU220" i="31"/>
  <c r="CJ220" i="31"/>
  <c r="CB220" i="31"/>
  <c r="BT220" i="31"/>
  <c r="CI220" i="31"/>
  <c r="CA220" i="31"/>
  <c r="BS220" i="31"/>
  <c r="BX220" i="31"/>
  <c r="BQ220" i="31"/>
  <c r="CK220" i="31" s="1"/>
  <c r="CH220" i="31"/>
  <c r="CE220" i="31"/>
  <c r="BZ220" i="31"/>
  <c r="BY220" i="31"/>
  <c r="BW220" i="31"/>
  <c r="BT175" i="31"/>
  <c r="CB175" i="31"/>
  <c r="BR177" i="31"/>
  <c r="BZ177" i="31"/>
  <c r="BU178" i="31"/>
  <c r="BX179" i="31"/>
  <c r="BV181" i="31"/>
  <c r="CD181" i="31"/>
  <c r="BQ182" i="31"/>
  <c r="CK182" i="31" s="1"/>
  <c r="BY182" i="31"/>
  <c r="BT183" i="31"/>
  <c r="CB183" i="31"/>
  <c r="BW184" i="31"/>
  <c r="BR185" i="31"/>
  <c r="BZ185" i="31"/>
  <c r="BU186" i="31"/>
  <c r="BZ187" i="31"/>
  <c r="BY188" i="31"/>
  <c r="CE190" i="31"/>
  <c r="BX191" i="31"/>
  <c r="CI191" i="31"/>
  <c r="CB192" i="31"/>
  <c r="BX162" i="31"/>
  <c r="CC162" i="31"/>
  <c r="BS163" i="31"/>
  <c r="BX195" i="31"/>
  <c r="CI195" i="31"/>
  <c r="CB196" i="31"/>
  <c r="CH197" i="31"/>
  <c r="BT197" i="31"/>
  <c r="BY198" i="31"/>
  <c r="CJ198" i="31"/>
  <c r="CE200" i="31"/>
  <c r="BX200" i="31"/>
  <c r="BR201" i="31"/>
  <c r="CG202" i="31"/>
  <c r="BW204" i="31"/>
  <c r="CB204" i="31"/>
  <c r="BQ204" i="31"/>
  <c r="CK204" i="31" s="1"/>
  <c r="CJ204" i="31"/>
  <c r="BY204" i="31"/>
  <c r="CI204" i="31"/>
  <c r="BX204" i="31"/>
  <c r="CG204" i="31"/>
  <c r="BV204" i="31"/>
  <c r="BU204" i="31"/>
  <c r="CA204" i="31"/>
  <c r="CB207" i="31"/>
  <c r="BW207" i="31"/>
  <c r="CD210" i="31"/>
  <c r="BR210" i="31"/>
  <c r="CC210" i="31"/>
  <c r="BZ210" i="31"/>
  <c r="CI211" i="31"/>
  <c r="BV211" i="31"/>
  <c r="CF211" i="31"/>
  <c r="BT212" i="31"/>
  <c r="BY9" i="31"/>
  <c r="CG40" i="31"/>
  <c r="BY40" i="31"/>
  <c r="BQ40" i="31"/>
  <c r="CK40" i="31" s="1"/>
  <c r="BX40" i="31"/>
  <c r="BW40" i="31"/>
  <c r="BV40" i="31"/>
  <c r="CI40" i="31"/>
  <c r="CA40" i="31"/>
  <c r="BS40" i="31"/>
  <c r="BR40" i="31"/>
  <c r="CJ40" i="31"/>
  <c r="CH40" i="31"/>
  <c r="CC40" i="31"/>
  <c r="CB40" i="31"/>
  <c r="BZ40" i="31"/>
  <c r="BU40" i="31"/>
  <c r="BR182" i="31"/>
  <c r="BZ182" i="31"/>
  <c r="CH182" i="31"/>
  <c r="BS185" i="31"/>
  <c r="CA185" i="31"/>
  <c r="CI185" i="31"/>
  <c r="BQ187" i="31"/>
  <c r="CK187" i="31" s="1"/>
  <c r="BZ188" i="31"/>
  <c r="BQ189" i="31"/>
  <c r="CK189" i="31" s="1"/>
  <c r="CB189" i="31"/>
  <c r="CH190" i="31"/>
  <c r="BU190" i="31"/>
  <c r="BY191" i="31"/>
  <c r="BQ192" i="31"/>
  <c r="CK192" i="31" s="1"/>
  <c r="CC192" i="31"/>
  <c r="BY162" i="31"/>
  <c r="BR162" i="31"/>
  <c r="BU163" i="31"/>
  <c r="BQ196" i="31"/>
  <c r="CK196" i="31" s="1"/>
  <c r="CC196" i="31"/>
  <c r="CI197" i="31"/>
  <c r="BV197" i="31"/>
  <c r="BZ198" i="31"/>
  <c r="BR199" i="31"/>
  <c r="CF200" i="31"/>
  <c r="BZ200" i="31"/>
  <c r="BV201" i="31"/>
  <c r="BY201" i="31"/>
  <c r="BQ201" i="31"/>
  <c r="CK201" i="31" s="1"/>
  <c r="CI201" i="31"/>
  <c r="BX201" i="31"/>
  <c r="CF201" i="31"/>
  <c r="BU201" i="31"/>
  <c r="BT201" i="31"/>
  <c r="BS201" i="31"/>
  <c r="CJ203" i="31"/>
  <c r="CB203" i="31"/>
  <c r="BT203" i="31"/>
  <c r="BW203" i="31"/>
  <c r="CA203" i="31"/>
  <c r="BQ203" i="31"/>
  <c r="CK203" i="31" s="1"/>
  <c r="CI203" i="31"/>
  <c r="BY203" i="31"/>
  <c r="CH203" i="31"/>
  <c r="BX203" i="31"/>
  <c r="CG203" i="31"/>
  <c r="BV203" i="31"/>
  <c r="BU203" i="31"/>
  <c r="BS203" i="31"/>
  <c r="BQ221" i="31"/>
  <c r="CK221" i="31" s="1"/>
  <c r="BY207" i="31"/>
  <c r="CH208" i="31"/>
  <c r="BU208" i="31"/>
  <c r="CE208" i="31"/>
  <c r="CH210" i="31"/>
  <c r="CC212" i="31"/>
  <c r="BU212" i="31"/>
  <c r="CG212" i="31"/>
  <c r="BS212" i="31"/>
  <c r="CB212" i="31"/>
  <c r="CA212" i="31"/>
  <c r="BY212" i="31"/>
  <c r="BX212" i="31"/>
  <c r="BV212" i="31"/>
  <c r="CE9" i="31"/>
  <c r="BZ9" i="31"/>
  <c r="CH19" i="31"/>
  <c r="BR179" i="31"/>
  <c r="BZ179" i="31"/>
  <c r="BX181" i="31"/>
  <c r="BS182" i="31"/>
  <c r="CA182" i="31"/>
  <c r="BQ184" i="31"/>
  <c r="CK184" i="31" s="1"/>
  <c r="BY184" i="31"/>
  <c r="BT185" i="31"/>
  <c r="CB185" i="31"/>
  <c r="BY187" i="31"/>
  <c r="BX187" i="31"/>
  <c r="BR187" i="31"/>
  <c r="CB187" i="31"/>
  <c r="BQ188" i="31"/>
  <c r="CK188" i="31" s="1"/>
  <c r="CC188" i="31"/>
  <c r="CG189" i="31"/>
  <c r="BY189" i="31"/>
  <c r="BW189" i="31"/>
  <c r="BV189" i="31"/>
  <c r="BR189" i="31"/>
  <c r="CJ190" i="31"/>
  <c r="CB190" i="31"/>
  <c r="BT190" i="31"/>
  <c r="BV190" i="31"/>
  <c r="CI190" i="31"/>
  <c r="CH192" i="31"/>
  <c r="CI162" i="31"/>
  <c r="CA162" i="31"/>
  <c r="BS162" i="31"/>
  <c r="BT162" i="31"/>
  <c r="CE162" i="31"/>
  <c r="BV163" i="31"/>
  <c r="CI163" i="31"/>
  <c r="CH196" i="31"/>
  <c r="BS196" i="31"/>
  <c r="CC197" i="31"/>
  <c r="BU197" i="31"/>
  <c r="BW197" i="31"/>
  <c r="CJ197" i="31"/>
  <c r="BX199" i="31"/>
  <c r="CB199" i="31"/>
  <c r="BS199" i="31"/>
  <c r="CI199" i="31"/>
  <c r="BZ199" i="31"/>
  <c r="BQ199" i="31"/>
  <c r="CK199" i="31" s="1"/>
  <c r="CH199" i="31"/>
  <c r="BY199" i="31"/>
  <c r="BT199" i="31"/>
  <c r="BV209" i="31"/>
  <c r="CJ209" i="31"/>
  <c r="CB209" i="31"/>
  <c r="BT209" i="31"/>
  <c r="BY209" i="31"/>
  <c r="BQ209" i="31"/>
  <c r="CK209" i="31" s="1"/>
  <c r="CE209" i="31"/>
  <c r="BR209" i="31"/>
  <c r="CA209" i="31"/>
  <c r="BZ209" i="31"/>
  <c r="BX209" i="31"/>
  <c r="CI209" i="31"/>
  <c r="BW209" i="31"/>
  <c r="BU209" i="31"/>
  <c r="CF212" i="31"/>
  <c r="BV10" i="31"/>
  <c r="CC10" i="31"/>
  <c r="CI10" i="31"/>
  <c r="CA10" i="31"/>
  <c r="BS10" i="31"/>
  <c r="CH10" i="31"/>
  <c r="CG10" i="31"/>
  <c r="CE10" i="31"/>
  <c r="BZ10" i="31"/>
  <c r="BY10" i="31"/>
  <c r="BW10" i="31"/>
  <c r="BR10" i="31"/>
  <c r="BQ10" i="31"/>
  <c r="CF43" i="31"/>
  <c r="CC230" i="31"/>
  <c r="CH39" i="31"/>
  <c r="CJ20" i="31"/>
  <c r="BV32" i="31"/>
  <c r="CC220" i="31"/>
  <c r="CI222" i="31"/>
  <c r="BX222" i="31"/>
  <c r="CD10" i="31"/>
  <c r="CH224" i="31"/>
  <c r="BZ224" i="31"/>
  <c r="BR224" i="31"/>
  <c r="CG224" i="31"/>
  <c r="BY224" i="31"/>
  <c r="BQ224" i="31"/>
  <c r="CK224" i="31" s="1"/>
  <c r="BX224" i="31"/>
  <c r="BW224" i="31"/>
  <c r="CJ224" i="31"/>
  <c r="CB224" i="31"/>
  <c r="BT224" i="31"/>
  <c r="BV224" i="31"/>
  <c r="CD225" i="31"/>
  <c r="CG226" i="31"/>
  <c r="CG43" i="31"/>
  <c r="CD230" i="31"/>
  <c r="BQ190" i="31"/>
  <c r="CK190" i="31" s="1"/>
  <c r="BY190" i="31"/>
  <c r="BW192" i="31"/>
  <c r="BW196" i="31"/>
  <c r="BR197" i="31"/>
  <c r="BZ197" i="31"/>
  <c r="BV221" i="31"/>
  <c r="CH221" i="31"/>
  <c r="BZ207" i="31"/>
  <c r="CD209" i="31"/>
  <c r="CG210" i="31"/>
  <c r="CJ211" i="31"/>
  <c r="CE212" i="31"/>
  <c r="CB9" i="31"/>
  <c r="BY18" i="31"/>
  <c r="BR18" i="31"/>
  <c r="BU17" i="31"/>
  <c r="CJ17" i="31"/>
  <c r="CB17" i="31"/>
  <c r="BT17" i="31"/>
  <c r="CI17" i="31"/>
  <c r="CA17" i="31"/>
  <c r="BS17" i="31"/>
  <c r="BX17" i="31"/>
  <c r="BR17" i="31"/>
  <c r="CH17" i="31"/>
  <c r="CJ39" i="31"/>
  <c r="CF20" i="31"/>
  <c r="CI32" i="31"/>
  <c r="BW32" i="31"/>
  <c r="CD40" i="31"/>
  <c r="CJ222" i="31"/>
  <c r="BY222" i="31"/>
  <c r="CA224" i="31"/>
  <c r="BR190" i="31"/>
  <c r="BZ190" i="31"/>
  <c r="BX192" i="31"/>
  <c r="BQ162" i="31"/>
  <c r="BX196" i="31"/>
  <c r="BS197" i="31"/>
  <c r="CA197" i="31"/>
  <c r="CD201" i="31"/>
  <c r="CE203" i="31"/>
  <c r="CE204" i="31"/>
  <c r="CF221" i="31"/>
  <c r="BW221" i="31"/>
  <c r="CI208" i="31"/>
  <c r="CA208" i="31"/>
  <c r="BS208" i="31"/>
  <c r="BY208" i="31"/>
  <c r="BQ208" i="31"/>
  <c r="CK208" i="31" s="1"/>
  <c r="BV208" i="31"/>
  <c r="BT208" i="31"/>
  <c r="CF208" i="31"/>
  <c r="BU211" i="31"/>
  <c r="BX9" i="31"/>
  <c r="BW18" i="31"/>
  <c r="CB18" i="31"/>
  <c r="BT18" i="31"/>
  <c r="BS18" i="31"/>
  <c r="CI18" i="31"/>
  <c r="CC17" i="31"/>
  <c r="BV17" i="31"/>
  <c r="CG20" i="31"/>
  <c r="CB32" i="31"/>
  <c r="CE40" i="31"/>
  <c r="CC222" i="31"/>
  <c r="CJ10" i="31"/>
  <c r="CC224" i="31"/>
  <c r="CE225" i="31"/>
  <c r="CF42" i="31"/>
  <c r="CE42" i="31"/>
  <c r="BW42" i="31"/>
  <c r="BT43" i="31"/>
  <c r="BV9" i="31"/>
  <c r="CI9" i="31"/>
  <c r="CA9" i="31"/>
  <c r="BS9" i="31"/>
  <c r="BQ9" i="31"/>
  <c r="CG9" i="31"/>
  <c r="CE18" i="31"/>
  <c r="BU18" i="31"/>
  <c r="CG19" i="31"/>
  <c r="BW17" i="31"/>
  <c r="CG39" i="31"/>
  <c r="BY39" i="31"/>
  <c r="BQ39" i="31"/>
  <c r="CK39" i="31" s="1"/>
  <c r="BX39" i="31"/>
  <c r="BW39" i="31"/>
  <c r="BV39" i="31"/>
  <c r="CI39" i="31"/>
  <c r="CA39" i="31"/>
  <c r="BS39" i="31"/>
  <c r="BT39" i="31"/>
  <c r="CF32" i="31"/>
  <c r="CD32" i="31"/>
  <c r="CF220" i="31"/>
  <c r="CF40" i="31"/>
  <c r="CE222" i="31"/>
  <c r="CF222" i="31"/>
  <c r="CF10" i="31"/>
  <c r="CD224" i="31"/>
  <c r="CG225" i="31"/>
  <c r="BY225" i="31"/>
  <c r="BQ225" i="31"/>
  <c r="CK225" i="31" s="1"/>
  <c r="CG230" i="31"/>
  <c r="CF230" i="31"/>
  <c r="BX230" i="31"/>
  <c r="BR192" i="31"/>
  <c r="BZ192" i="31"/>
  <c r="BR196" i="31"/>
  <c r="BZ196" i="31"/>
  <c r="BX207" i="31"/>
  <c r="BV207" i="31"/>
  <c r="CI207" i="31"/>
  <c r="CA207" i="31"/>
  <c r="BS207" i="31"/>
  <c r="BR207" i="31"/>
  <c r="CD208" i="31"/>
  <c r="BW208" i="31"/>
  <c r="CJ208" i="31"/>
  <c r="CG209" i="31"/>
  <c r="BY210" i="31"/>
  <c r="BQ210" i="31"/>
  <c r="CK210" i="31" s="1"/>
  <c r="BW210" i="31"/>
  <c r="CJ210" i="31"/>
  <c r="CB210" i="31"/>
  <c r="BT210" i="31"/>
  <c r="BS210" i="31"/>
  <c r="CE211" i="31"/>
  <c r="BX211" i="31"/>
  <c r="CD9" i="31"/>
  <c r="BR9" i="31"/>
  <c r="CH9" i="31"/>
  <c r="CJ18" i="31"/>
  <c r="BV18" i="31"/>
  <c r="BY17" i="31"/>
  <c r="BU39" i="31"/>
  <c r="BX20" i="31"/>
  <c r="CG32" i="31"/>
  <c r="CF224" i="31"/>
  <c r="CI224" i="31"/>
  <c r="BW226" i="31"/>
  <c r="CC226" i="31"/>
  <c r="BU226" i="31"/>
  <c r="CJ226" i="31"/>
  <c r="CB226" i="31"/>
  <c r="BT226" i="31"/>
  <c r="CI226" i="31"/>
  <c r="BZ17" i="31"/>
  <c r="BZ39" i="31"/>
  <c r="BY20" i="31"/>
  <c r="BQ43" i="31"/>
  <c r="CK43" i="31" s="1"/>
  <c r="BX43" i="31"/>
  <c r="BW43" i="31"/>
  <c r="CD43" i="31"/>
  <c r="BV43" i="31"/>
  <c r="CC43" i="31"/>
  <c r="BU43" i="31"/>
  <c r="BW230" i="31"/>
  <c r="BU221" i="31"/>
  <c r="CI221" i="31"/>
  <c r="CA221" i="31"/>
  <c r="BX221" i="31"/>
  <c r="BR221" i="31"/>
  <c r="CD207" i="31"/>
  <c r="BU207" i="31"/>
  <c r="CH207" i="31"/>
  <c r="BZ208" i="31"/>
  <c r="BV210" i="31"/>
  <c r="CI210" i="31"/>
  <c r="CA211" i="31"/>
  <c r="BW212" i="31"/>
  <c r="BU9" i="31"/>
  <c r="CG18" i="31"/>
  <c r="CA18" i="31"/>
  <c r="CD17" i="31"/>
  <c r="CE39" i="31"/>
  <c r="CB39" i="31"/>
  <c r="CH20" i="31"/>
  <c r="CH32" i="31"/>
  <c r="BQ222" i="31"/>
  <c r="CK222" i="31" s="1"/>
  <c r="BU10" i="31"/>
  <c r="BS224" i="31"/>
  <c r="BV225" i="31"/>
  <c r="CE43" i="31"/>
  <c r="BU230" i="31"/>
  <c r="CE230" i="31"/>
  <c r="BR204" i="31"/>
  <c r="BZ204" i="31"/>
  <c r="BU229" i="31"/>
  <c r="BW211" i="31"/>
  <c r="BR212" i="31"/>
  <c r="BZ212" i="31"/>
  <c r="CH212" i="31"/>
  <c r="BU19" i="31"/>
  <c r="CC19" i="31"/>
  <c r="BT20" i="31"/>
  <c r="CB20" i="31"/>
  <c r="BU32" i="31"/>
  <c r="CC32" i="31"/>
  <c r="BW222" i="31"/>
  <c r="BX10" i="31"/>
  <c r="BW225" i="31"/>
  <c r="BR226" i="31"/>
  <c r="BZ226" i="31"/>
  <c r="CH226" i="31"/>
  <c r="BU42" i="31"/>
  <c r="BX228" i="31"/>
  <c r="BS43" i="31"/>
  <c r="CA43" i="31"/>
  <c r="CI43" i="31"/>
  <c r="BV230" i="31"/>
  <c r="BR228" i="31"/>
  <c r="BZ228" i="31"/>
  <c r="CH228" i="31"/>
  <c r="BR211" i="31"/>
  <c r="BZ211" i="31"/>
  <c r="CH211" i="31"/>
  <c r="BX19" i="31"/>
  <c r="CF19" i="31"/>
  <c r="BW20" i="31"/>
  <c r="BX32" i="31"/>
  <c r="BR222" i="31"/>
  <c r="BZ222" i="31"/>
  <c r="CH222" i="31"/>
  <c r="BR225" i="31"/>
  <c r="BZ225" i="31"/>
  <c r="CH225" i="31"/>
  <c r="BX42" i="31"/>
  <c r="BS228" i="31"/>
  <c r="CA228" i="31"/>
  <c r="CI228" i="31"/>
  <c r="BQ230" i="31"/>
  <c r="CK230" i="31" s="1"/>
  <c r="BY230" i="31"/>
  <c r="BW9" i="31"/>
  <c r="BQ19" i="31"/>
  <c r="BY19" i="31"/>
  <c r="BQ32" i="31"/>
  <c r="BY32" i="31"/>
  <c r="BS222" i="31"/>
  <c r="CA222" i="31"/>
  <c r="BT10" i="31"/>
  <c r="CB10" i="31"/>
  <c r="BS225" i="31"/>
  <c r="CA225" i="31"/>
  <c r="CI225" i="31"/>
  <c r="BV226" i="31"/>
  <c r="BQ42" i="31"/>
  <c r="CK42" i="31" s="1"/>
  <c r="BY42" i="31"/>
  <c r="BT228" i="31"/>
  <c r="CB228" i="31"/>
  <c r="CJ228" i="31"/>
  <c r="BR230" i="31"/>
  <c r="BZ230" i="31"/>
  <c r="CH230" i="31"/>
  <c r="BR229" i="31"/>
  <c r="BZ229" i="31"/>
  <c r="BT211" i="31"/>
  <c r="CB211" i="31"/>
  <c r="BQ18" i="31"/>
  <c r="BR19" i="31"/>
  <c r="BZ19" i="31"/>
  <c r="BQ20" i="31"/>
  <c r="BR32" i="31"/>
  <c r="BZ32" i="31"/>
  <c r="BT222" i="31"/>
  <c r="CB222" i="31"/>
  <c r="BT225" i="31"/>
  <c r="CB225" i="31"/>
  <c r="CJ225" i="31"/>
  <c r="BR42" i="31"/>
  <c r="BZ42" i="31"/>
  <c r="CH42" i="31"/>
  <c r="BU228" i="31"/>
  <c r="BS230" i="31"/>
  <c r="CA230" i="31"/>
  <c r="CI230" i="31"/>
  <c r="BR20" i="31"/>
  <c r="BZ20" i="31"/>
  <c r="BS32" i="31"/>
  <c r="CA32" i="31"/>
  <c r="BU222" i="31"/>
  <c r="BU225" i="31"/>
  <c r="BX226" i="31"/>
  <c r="CF226" i="31"/>
  <c r="BS42" i="31"/>
  <c r="CA42" i="31"/>
  <c r="CI42" i="31"/>
  <c r="BV228" i="31"/>
  <c r="CD228" i="31"/>
  <c r="BY43" i="31"/>
  <c r="BT230" i="31"/>
  <c r="CB230" i="31"/>
  <c r="CJ230" i="31"/>
  <c r="BQ226" i="31"/>
  <c r="CK226" i="31" s="1"/>
  <c r="BT42" i="31"/>
  <c r="CB42" i="31"/>
  <c r="BR43" i="31"/>
  <c r="BZ43" i="31"/>
  <c r="CK34" i="31" l="1"/>
  <c r="CK32" i="31"/>
  <c r="CK164" i="31"/>
  <c r="CK92" i="31"/>
  <c r="CK90" i="31"/>
  <c r="CK162" i="31"/>
  <c r="CK223" i="31"/>
  <c r="CK169" i="31"/>
  <c r="CK18" i="31"/>
  <c r="CK54" i="31"/>
  <c r="CK99" i="31"/>
  <c r="CK96" i="31"/>
  <c r="CK215" i="31"/>
  <c r="CK214" i="31"/>
  <c r="CK20" i="31"/>
  <c r="CK97" i="31"/>
  <c r="CK98" i="31"/>
  <c r="CK194" i="31"/>
  <c r="CK219" i="31"/>
  <c r="CK95" i="31"/>
  <c r="CK37" i="31"/>
  <c r="CK60" i="31"/>
  <c r="CK38" i="31"/>
  <c r="CK9" i="31"/>
  <c r="CK10" i="31"/>
  <c r="CK143" i="31"/>
  <c r="CK93" i="31"/>
  <c r="CK35" i="31"/>
  <c r="CK89" i="31"/>
  <c r="CK33" i="31"/>
  <c r="CK102" i="31"/>
  <c r="CK103" i="31"/>
  <c r="CK193" i="31"/>
  <c r="CK166" i="31"/>
  <c r="CK66" i="31"/>
  <c r="CK19" i="31"/>
  <c r="CK126" i="31"/>
  <c r="CK100" i="31"/>
  <c r="CK36" i="31"/>
  <c r="CK94" i="31"/>
  <c r="CK63" i="31"/>
  <c r="CK161" i="31"/>
  <c r="CK101" i="31"/>
  <c r="CK127" i="31"/>
  <c r="CK128" i="31"/>
  <c r="CK218" i="31"/>
  <c r="CK163" i="31"/>
  <c r="CK155" i="31"/>
  <c r="CK129" i="31"/>
  <c r="CK213" i="31"/>
  <c r="CK165" i="31"/>
  <c r="CK167" i="31"/>
  <c r="CK168" i="31"/>
  <c r="BS3" i="9" l="1"/>
  <c r="CI265" i="9" l="1"/>
  <c r="CJ265" i="9"/>
  <c r="CK265" i="9"/>
  <c r="CL265" i="9"/>
  <c r="CM265" i="9"/>
  <c r="CN265" i="9"/>
  <c r="CO265" i="9"/>
  <c r="CP265" i="9"/>
  <c r="CQ265" i="9"/>
  <c r="CR265" i="9"/>
  <c r="CS265" i="9"/>
  <c r="CT265" i="9"/>
  <c r="CU265" i="9"/>
  <c r="CV265" i="9"/>
  <c r="CW265" i="9"/>
  <c r="CX265" i="9"/>
  <c r="CY265" i="9"/>
  <c r="CZ265" i="9"/>
  <c r="DA265" i="9"/>
  <c r="DB265" i="9"/>
  <c r="DC265" i="9"/>
  <c r="DD265" i="9"/>
  <c r="DE265" i="9"/>
  <c r="DF265" i="9"/>
  <c r="DG265" i="9"/>
  <c r="DH265" i="9"/>
  <c r="CM271" i="9"/>
  <c r="CN271" i="9"/>
  <c r="CO271" i="9"/>
  <c r="CP271" i="9"/>
  <c r="CQ271" i="9"/>
  <c r="CR271" i="9"/>
  <c r="CS271" i="9"/>
  <c r="CT271" i="9"/>
  <c r="CU271" i="9"/>
  <c r="CV271" i="9"/>
  <c r="CW271" i="9"/>
  <c r="CX271" i="9"/>
  <c r="CY271" i="9"/>
  <c r="CZ271" i="9"/>
  <c r="DA271" i="9"/>
  <c r="DB271" i="9"/>
  <c r="DC271" i="9"/>
  <c r="DD271" i="9"/>
  <c r="DE271" i="9"/>
  <c r="DF271" i="9"/>
  <c r="DG271" i="9"/>
  <c r="DH271" i="9"/>
  <c r="DI271" i="9"/>
  <c r="DK271" i="9"/>
  <c r="CM263" i="9"/>
  <c r="CN263" i="9"/>
  <c r="CO263" i="9"/>
  <c r="CP263" i="9"/>
  <c r="CQ263" i="9"/>
  <c r="CR263" i="9"/>
  <c r="CS263" i="9"/>
  <c r="CT263" i="9"/>
  <c r="CU263" i="9"/>
  <c r="CV263" i="9"/>
  <c r="CW263" i="9"/>
  <c r="CX263" i="9"/>
  <c r="CY263" i="9"/>
  <c r="CZ263" i="9"/>
  <c r="DA263" i="9"/>
  <c r="DB263" i="9"/>
  <c r="DC263" i="9"/>
  <c r="DD263" i="9"/>
  <c r="DE263" i="9"/>
  <c r="DF263" i="9"/>
  <c r="DG263" i="9"/>
  <c r="DH263" i="9"/>
  <c r="CM261" i="9"/>
  <c r="CN261" i="9"/>
  <c r="CO261" i="9"/>
  <c r="CP261" i="9"/>
  <c r="CQ261" i="9"/>
  <c r="CR261" i="9"/>
  <c r="CS261" i="9"/>
  <c r="CT261" i="9"/>
  <c r="CU261" i="9"/>
  <c r="CV261" i="9"/>
  <c r="CW261" i="9"/>
  <c r="CX261" i="9"/>
  <c r="CY261" i="9"/>
  <c r="CZ261" i="9"/>
  <c r="DA261" i="9"/>
  <c r="DB261" i="9"/>
  <c r="DC261" i="9"/>
  <c r="DD261" i="9"/>
  <c r="DE261" i="9"/>
  <c r="DF261" i="9"/>
  <c r="DG261" i="9"/>
  <c r="DH261" i="9"/>
  <c r="CM259" i="9"/>
  <c r="CN259" i="9"/>
  <c r="CO259" i="9"/>
  <c r="CP259" i="9"/>
  <c r="CQ259" i="9"/>
  <c r="CR259" i="9"/>
  <c r="CS259" i="9"/>
  <c r="CT259" i="9"/>
  <c r="CU259" i="9"/>
  <c r="CV259" i="9"/>
  <c r="CW259" i="9"/>
  <c r="CX259" i="9"/>
  <c r="CY259" i="9"/>
  <c r="CZ259" i="9"/>
  <c r="DA259" i="9"/>
  <c r="DB259" i="9"/>
  <c r="DC259" i="9"/>
  <c r="DD259" i="9"/>
  <c r="DE259" i="9"/>
  <c r="DF259" i="9"/>
  <c r="DG259" i="9"/>
  <c r="DH259" i="9"/>
  <c r="DP259" i="9" l="1"/>
  <c r="DP265" i="9"/>
  <c r="DP261" i="9"/>
  <c r="DP263" i="9"/>
  <c r="DP271" i="9"/>
  <c r="DO259" i="9"/>
  <c r="DO265" i="9"/>
  <c r="DO263" i="9"/>
  <c r="DO271" i="9"/>
  <c r="DO261" i="9"/>
  <c r="W553" i="9"/>
  <c r="W552" i="9"/>
  <c r="BV51" i="9" l="1"/>
  <c r="BW51" i="9"/>
  <c r="BX51" i="9"/>
  <c r="BY51" i="9"/>
  <c r="BZ51" i="9"/>
  <c r="CA51" i="9"/>
  <c r="CB51" i="9"/>
  <c r="CC51" i="9"/>
  <c r="CD51" i="9"/>
  <c r="CE51" i="9"/>
  <c r="CF51" i="9"/>
  <c r="CG51" i="9"/>
  <c r="CH51" i="9"/>
  <c r="CI51" i="9"/>
  <c r="CJ51" i="9"/>
  <c r="CK51" i="9"/>
  <c r="CL51" i="9"/>
  <c r="CM51" i="9"/>
  <c r="CN51" i="9"/>
  <c r="CO51" i="9"/>
  <c r="CP51" i="9"/>
  <c r="CQ51" i="9"/>
  <c r="CR51" i="9"/>
  <c r="CS51" i="9"/>
  <c r="CT51" i="9"/>
  <c r="CU51" i="9"/>
  <c r="CV51" i="9"/>
  <c r="CW51" i="9"/>
  <c r="CX51" i="9"/>
  <c r="CY51" i="9"/>
  <c r="CZ51" i="9"/>
  <c r="DA51" i="9"/>
  <c r="DB51" i="9"/>
  <c r="DC51" i="9"/>
  <c r="DD51" i="9"/>
  <c r="DE51" i="9"/>
  <c r="DF51" i="9"/>
  <c r="DG51" i="9"/>
  <c r="DH51" i="9"/>
  <c r="DL51" i="9"/>
  <c r="BV52" i="9"/>
  <c r="BW52" i="9"/>
  <c r="BX52" i="9"/>
  <c r="BY52" i="9"/>
  <c r="BZ52" i="9"/>
  <c r="CA52" i="9"/>
  <c r="CB52" i="9"/>
  <c r="CC52" i="9"/>
  <c r="CD52" i="9"/>
  <c r="CE52" i="9"/>
  <c r="CF52" i="9"/>
  <c r="CG52" i="9"/>
  <c r="CH52" i="9"/>
  <c r="CI52" i="9"/>
  <c r="CJ52" i="9"/>
  <c r="CK52" i="9"/>
  <c r="CL52" i="9"/>
  <c r="CM52" i="9"/>
  <c r="CN52" i="9"/>
  <c r="CO52" i="9"/>
  <c r="CP52" i="9"/>
  <c r="CQ52" i="9"/>
  <c r="CR52" i="9"/>
  <c r="CS52" i="9"/>
  <c r="CT52" i="9"/>
  <c r="CU52" i="9"/>
  <c r="CV52" i="9"/>
  <c r="CW52" i="9"/>
  <c r="CX52" i="9"/>
  <c r="CY52" i="9"/>
  <c r="CZ52" i="9"/>
  <c r="DA52" i="9"/>
  <c r="DB52" i="9"/>
  <c r="DC52" i="9"/>
  <c r="DD52" i="9"/>
  <c r="DE52" i="9"/>
  <c r="DF52" i="9"/>
  <c r="DG52" i="9"/>
  <c r="DH52" i="9"/>
  <c r="DI52" i="9"/>
  <c r="DK52" i="9"/>
  <c r="DL52" i="9"/>
  <c r="BV53" i="9"/>
  <c r="BW53" i="9"/>
  <c r="BX53" i="9"/>
  <c r="BY53" i="9"/>
  <c r="BZ53" i="9"/>
  <c r="CA53" i="9"/>
  <c r="CB53" i="9"/>
  <c r="CC53" i="9"/>
  <c r="CD53" i="9"/>
  <c r="CE53" i="9"/>
  <c r="CF53" i="9"/>
  <c r="CG53" i="9"/>
  <c r="CH53" i="9"/>
  <c r="CI53" i="9"/>
  <c r="CJ53" i="9"/>
  <c r="CK53" i="9"/>
  <c r="CL53" i="9"/>
  <c r="CM53" i="9"/>
  <c r="CN53" i="9"/>
  <c r="CO53" i="9"/>
  <c r="CP53" i="9"/>
  <c r="CQ53" i="9"/>
  <c r="CR53" i="9"/>
  <c r="CS53" i="9"/>
  <c r="CT53" i="9"/>
  <c r="CU53" i="9"/>
  <c r="CV53" i="9"/>
  <c r="CW53" i="9"/>
  <c r="CX53" i="9"/>
  <c r="CY53" i="9"/>
  <c r="CZ53" i="9"/>
  <c r="DA53" i="9"/>
  <c r="DB53" i="9"/>
  <c r="DC53" i="9"/>
  <c r="DD53" i="9"/>
  <c r="DE53" i="9"/>
  <c r="DF53" i="9"/>
  <c r="DG53" i="9"/>
  <c r="DH53" i="9"/>
  <c r="DI53" i="9"/>
  <c r="DJ53" i="9"/>
  <c r="BV54" i="9"/>
  <c r="DM54" i="9" s="1"/>
  <c r="BV55" i="9"/>
  <c r="BW55" i="9"/>
  <c r="BX55" i="9"/>
  <c r="BY55" i="9"/>
  <c r="BZ55" i="9"/>
  <c r="CA55" i="9"/>
  <c r="CB55" i="9"/>
  <c r="CC55" i="9"/>
  <c r="CD55" i="9"/>
  <c r="CE55" i="9"/>
  <c r="CF55" i="9"/>
  <c r="CG55" i="9"/>
  <c r="CH55" i="9"/>
  <c r="CI55" i="9"/>
  <c r="CJ55" i="9"/>
  <c r="CK55" i="9"/>
  <c r="CL55" i="9"/>
  <c r="CM55" i="9"/>
  <c r="CN55" i="9"/>
  <c r="CO55" i="9"/>
  <c r="CP55" i="9"/>
  <c r="CQ55" i="9"/>
  <c r="CR55" i="9"/>
  <c r="CS55" i="9"/>
  <c r="CT55" i="9"/>
  <c r="CU55" i="9"/>
  <c r="CV55" i="9"/>
  <c r="CW55" i="9"/>
  <c r="CX55" i="9"/>
  <c r="CY55" i="9"/>
  <c r="CZ55" i="9"/>
  <c r="DA55" i="9"/>
  <c r="DB55" i="9"/>
  <c r="DC55" i="9"/>
  <c r="DD55" i="9"/>
  <c r="DE55" i="9"/>
  <c r="DF55" i="9"/>
  <c r="DG55" i="9"/>
  <c r="DH55" i="9"/>
  <c r="DI55" i="9"/>
  <c r="DJ55" i="9"/>
  <c r="DL55" i="9"/>
  <c r="BW50" i="9"/>
  <c r="BX50" i="9"/>
  <c r="BY50" i="9"/>
  <c r="BZ50" i="9"/>
  <c r="CA50" i="9"/>
  <c r="CB50" i="9"/>
  <c r="CC50" i="9"/>
  <c r="CD50" i="9"/>
  <c r="CE50" i="9"/>
  <c r="CF50" i="9"/>
  <c r="CG50" i="9"/>
  <c r="CH50" i="9"/>
  <c r="CI50" i="9"/>
  <c r="CJ50" i="9"/>
  <c r="CK50" i="9"/>
  <c r="CL50" i="9"/>
  <c r="CM50" i="9"/>
  <c r="CN50" i="9"/>
  <c r="CO50" i="9"/>
  <c r="CP50" i="9"/>
  <c r="CQ50" i="9"/>
  <c r="CR50" i="9"/>
  <c r="CS50" i="9"/>
  <c r="CT50" i="9"/>
  <c r="CU50" i="9"/>
  <c r="CV50" i="9"/>
  <c r="CW50" i="9"/>
  <c r="CX50" i="9"/>
  <c r="CY50" i="9"/>
  <c r="CZ50" i="9"/>
  <c r="DA50" i="9"/>
  <c r="DB50" i="9"/>
  <c r="DC50" i="9"/>
  <c r="DD50" i="9"/>
  <c r="DE50" i="9"/>
  <c r="DF50" i="9"/>
  <c r="DG50" i="9"/>
  <c r="DH50" i="9"/>
  <c r="DJ50" i="9"/>
  <c r="DK50" i="9"/>
  <c r="DL50" i="9"/>
  <c r="DM53" i="9" l="1"/>
  <c r="DM55" i="9"/>
  <c r="DM52" i="9"/>
  <c r="DM51" i="9"/>
  <c r="DP52" i="9"/>
  <c r="DP51" i="9"/>
  <c r="DP50" i="9"/>
  <c r="DP55" i="9"/>
  <c r="DP53" i="9"/>
  <c r="DO55" i="9"/>
  <c r="DO53" i="9"/>
  <c r="DO50" i="9"/>
  <c r="DO52" i="9"/>
  <c r="DO51" i="9"/>
  <c r="DA217" i="9"/>
  <c r="DB217" i="9"/>
  <c r="DC217" i="9"/>
  <c r="DD217" i="9"/>
  <c r="DE217" i="9"/>
  <c r="DF217" i="9"/>
  <c r="DG217" i="9"/>
  <c r="DH217" i="9"/>
  <c r="DL217" i="9"/>
  <c r="DP217" i="9" l="1"/>
  <c r="BV45" i="9"/>
  <c r="CM45" i="9"/>
  <c r="CN45" i="9"/>
  <c r="CO45" i="9"/>
  <c r="CP45" i="9"/>
  <c r="CQ45" i="9"/>
  <c r="CR45" i="9"/>
  <c r="CS45" i="9"/>
  <c r="CT45" i="9"/>
  <c r="CU45" i="9"/>
  <c r="CV45" i="9"/>
  <c r="CW45" i="9"/>
  <c r="CX45" i="9"/>
  <c r="CY45" i="9"/>
  <c r="CZ45" i="9"/>
  <c r="DA45" i="9"/>
  <c r="DB45" i="9"/>
  <c r="DC45" i="9"/>
  <c r="DD45" i="9"/>
  <c r="DE45" i="9"/>
  <c r="DF45" i="9"/>
  <c r="DG45" i="9"/>
  <c r="DH45" i="9"/>
  <c r="DI45" i="9"/>
  <c r="DJ45" i="9"/>
  <c r="DK45" i="9"/>
  <c r="DL45" i="9"/>
  <c r="BV43" i="9"/>
  <c r="BW43" i="9"/>
  <c r="BX43" i="9"/>
  <c r="BY43" i="9"/>
  <c r="BZ43" i="9"/>
  <c r="CA43" i="9"/>
  <c r="CB43" i="9"/>
  <c r="CC43" i="9"/>
  <c r="CD43" i="9"/>
  <c r="CE43" i="9"/>
  <c r="CF43" i="9"/>
  <c r="CG43" i="9"/>
  <c r="CH43" i="9"/>
  <c r="CI43" i="9"/>
  <c r="CJ43" i="9"/>
  <c r="CK43" i="9"/>
  <c r="CL43" i="9"/>
  <c r="CM43" i="9"/>
  <c r="CN43" i="9"/>
  <c r="CO43" i="9"/>
  <c r="CP43" i="9"/>
  <c r="CQ43" i="9"/>
  <c r="CR43" i="9"/>
  <c r="CS43" i="9"/>
  <c r="CT43" i="9"/>
  <c r="CU43" i="9"/>
  <c r="CV43" i="9"/>
  <c r="CW43" i="9"/>
  <c r="CX43" i="9"/>
  <c r="CY43" i="9"/>
  <c r="CZ43" i="9"/>
  <c r="DA43" i="9"/>
  <c r="DB43" i="9"/>
  <c r="DC43" i="9"/>
  <c r="DD43" i="9"/>
  <c r="DE43" i="9"/>
  <c r="DF43" i="9"/>
  <c r="DG43" i="9"/>
  <c r="DH43" i="9"/>
  <c r="DL43" i="9"/>
  <c r="BV44" i="9"/>
  <c r="CM44" i="9"/>
  <c r="CN44" i="9"/>
  <c r="CO44" i="9"/>
  <c r="CP44" i="9"/>
  <c r="CQ44" i="9"/>
  <c r="CR44" i="9"/>
  <c r="CS44" i="9"/>
  <c r="CT44" i="9"/>
  <c r="CU44" i="9"/>
  <c r="CV44" i="9"/>
  <c r="CW44" i="9"/>
  <c r="CX44" i="9"/>
  <c r="CY44" i="9"/>
  <c r="CZ44" i="9"/>
  <c r="DA44" i="9"/>
  <c r="DB44" i="9"/>
  <c r="DC44" i="9"/>
  <c r="DD44" i="9"/>
  <c r="DE44" i="9"/>
  <c r="DF44" i="9"/>
  <c r="DG44" i="9"/>
  <c r="DH44" i="9"/>
  <c r="DI44" i="9"/>
  <c r="DJ44" i="9"/>
  <c r="DK44" i="9"/>
  <c r="DL44" i="9"/>
  <c r="BW42" i="9"/>
  <c r="BX42" i="9"/>
  <c r="BY42" i="9"/>
  <c r="BZ42" i="9"/>
  <c r="CA42" i="9"/>
  <c r="CB42" i="9"/>
  <c r="CC42" i="9"/>
  <c r="CD42" i="9"/>
  <c r="CE42" i="9"/>
  <c r="CF42" i="9"/>
  <c r="CG42" i="9"/>
  <c r="CH42" i="9"/>
  <c r="CI42" i="9"/>
  <c r="CJ42" i="9"/>
  <c r="CK42" i="9"/>
  <c r="CL42" i="9"/>
  <c r="CM42" i="9"/>
  <c r="CN42" i="9"/>
  <c r="CO42" i="9"/>
  <c r="CP42" i="9"/>
  <c r="CQ42" i="9"/>
  <c r="CR42" i="9"/>
  <c r="CS42" i="9"/>
  <c r="CT42" i="9"/>
  <c r="CU42" i="9"/>
  <c r="CV42" i="9"/>
  <c r="CW42" i="9"/>
  <c r="CX42" i="9"/>
  <c r="CY42" i="9"/>
  <c r="CZ42" i="9"/>
  <c r="DA42" i="9"/>
  <c r="DB42" i="9"/>
  <c r="DC42" i="9"/>
  <c r="DD42" i="9"/>
  <c r="DE42" i="9"/>
  <c r="DF42" i="9"/>
  <c r="DG42" i="9"/>
  <c r="DH42" i="9"/>
  <c r="DI42" i="9"/>
  <c r="DJ42" i="9"/>
  <c r="DK42" i="9"/>
  <c r="DL42" i="9"/>
  <c r="AF803" i="11"/>
  <c r="CD803" i="11"/>
  <c r="CE803" i="11" s="1"/>
  <c r="CG803" i="11"/>
  <c r="CH803" i="11"/>
  <c r="CI803" i="11"/>
  <c r="CJ803" i="11"/>
  <c r="CK803" i="11"/>
  <c r="CL803" i="11"/>
  <c r="CM803" i="11"/>
  <c r="CN803" i="11"/>
  <c r="CO803" i="11"/>
  <c r="CP803" i="11"/>
  <c r="CQ803" i="11"/>
  <c r="CR803" i="11"/>
  <c r="CS803" i="11"/>
  <c r="CT803" i="11"/>
  <c r="CU803" i="11"/>
  <c r="CV803" i="11"/>
  <c r="CW803" i="11"/>
  <c r="CX803" i="11"/>
  <c r="CY803" i="11"/>
  <c r="CZ803" i="11"/>
  <c r="DA803" i="11"/>
  <c r="DB803" i="11"/>
  <c r="DC803" i="11"/>
  <c r="DD803" i="11"/>
  <c r="DE803" i="11"/>
  <c r="DF803" i="11"/>
  <c r="DG803" i="11"/>
  <c r="DH803" i="11"/>
  <c r="DI803" i="11"/>
  <c r="DJ803" i="11"/>
  <c r="DK803" i="11"/>
  <c r="BW31" i="9"/>
  <c r="BX31" i="9"/>
  <c r="BY31" i="9"/>
  <c r="BZ31" i="9"/>
  <c r="CA31" i="9"/>
  <c r="CB31" i="9"/>
  <c r="CC31" i="9"/>
  <c r="CD31" i="9"/>
  <c r="CE31" i="9"/>
  <c r="CF31" i="9"/>
  <c r="CG31" i="9"/>
  <c r="CH31" i="9"/>
  <c r="CI31" i="9"/>
  <c r="CJ31" i="9"/>
  <c r="CK31" i="9"/>
  <c r="CL31" i="9"/>
  <c r="CM31" i="9"/>
  <c r="CN31" i="9"/>
  <c r="CO31" i="9"/>
  <c r="CP31" i="9"/>
  <c r="CQ31" i="9"/>
  <c r="CR31" i="9"/>
  <c r="CS31" i="9"/>
  <c r="CT31" i="9"/>
  <c r="CU31" i="9"/>
  <c r="CV31" i="9"/>
  <c r="CW31" i="9"/>
  <c r="CX31" i="9"/>
  <c r="CY31" i="9"/>
  <c r="CZ31" i="9"/>
  <c r="DA31" i="9"/>
  <c r="DB31" i="9"/>
  <c r="DC31" i="9"/>
  <c r="DD31" i="9"/>
  <c r="DE31" i="9"/>
  <c r="DF31" i="9"/>
  <c r="DG31" i="9"/>
  <c r="DH31" i="9"/>
  <c r="DL31" i="9"/>
  <c r="DM43" i="9" l="1"/>
  <c r="DN42" i="9"/>
  <c r="DN44" i="9"/>
  <c r="K6" i="34" s="1"/>
  <c r="DN45" i="9"/>
  <c r="DP42" i="9"/>
  <c r="DP44" i="9"/>
  <c r="DP43" i="9"/>
  <c r="DP31" i="9"/>
  <c r="DP45" i="9"/>
  <c r="DO42" i="9"/>
  <c r="DO44" i="9"/>
  <c r="DO43" i="9"/>
  <c r="DO31" i="9"/>
  <c r="DO45" i="9"/>
  <c r="T267" i="9"/>
  <c r="X267" i="9" s="1"/>
  <c r="BT267" i="9" s="1"/>
  <c r="T266" i="9"/>
  <c r="T265" i="9"/>
  <c r="T264" i="9"/>
  <c r="S263" i="9"/>
  <c r="R263" i="9"/>
  <c r="T262" i="9"/>
  <c r="S261" i="9"/>
  <c r="R261" i="9"/>
  <c r="T260" i="9"/>
  <c r="T259" i="9"/>
  <c r="AF800" i="11"/>
  <c r="CD800" i="11"/>
  <c r="CG800" i="11"/>
  <c r="CH800" i="11"/>
  <c r="CI800" i="11"/>
  <c r="CJ800" i="11"/>
  <c r="CK800" i="11"/>
  <c r="CL800" i="11"/>
  <c r="CM800" i="11"/>
  <c r="CN800" i="11"/>
  <c r="CO800" i="11"/>
  <c r="CP800" i="11"/>
  <c r="CQ800" i="11"/>
  <c r="CR800" i="11"/>
  <c r="CS800" i="11"/>
  <c r="CT800" i="11"/>
  <c r="CU800" i="11"/>
  <c r="CV800" i="11"/>
  <c r="CW800" i="11"/>
  <c r="CX800" i="11"/>
  <c r="CY800" i="11"/>
  <c r="CZ800" i="11"/>
  <c r="DA800" i="11"/>
  <c r="DB800" i="11"/>
  <c r="DC800" i="11"/>
  <c r="DD800" i="11"/>
  <c r="DE800" i="11"/>
  <c r="DF800" i="11"/>
  <c r="DG800" i="11"/>
  <c r="DH800" i="11"/>
  <c r="DI800" i="11"/>
  <c r="DJ800" i="11"/>
  <c r="DK800" i="11"/>
  <c r="AF801" i="11"/>
  <c r="CD801" i="11"/>
  <c r="CG801" i="11"/>
  <c r="CH801" i="11"/>
  <c r="CI801" i="11"/>
  <c r="CJ801" i="11"/>
  <c r="CK801" i="11"/>
  <c r="CL801" i="11"/>
  <c r="CM801" i="11"/>
  <c r="CN801" i="11"/>
  <c r="CO801" i="11"/>
  <c r="CP801" i="11"/>
  <c r="CQ801" i="11"/>
  <c r="CR801" i="11"/>
  <c r="CS801" i="11"/>
  <c r="CT801" i="11"/>
  <c r="CU801" i="11"/>
  <c r="CV801" i="11"/>
  <c r="CW801" i="11"/>
  <c r="CX801" i="11"/>
  <c r="CY801" i="11"/>
  <c r="CZ801" i="11"/>
  <c r="DA801" i="11"/>
  <c r="DB801" i="11"/>
  <c r="DC801" i="11"/>
  <c r="DD801" i="11"/>
  <c r="DE801" i="11"/>
  <c r="DF801" i="11"/>
  <c r="DG801" i="11"/>
  <c r="DH801" i="11"/>
  <c r="DI801" i="11"/>
  <c r="DJ801" i="11"/>
  <c r="DK801" i="11"/>
  <c r="AF802" i="11"/>
  <c r="CD802" i="11"/>
  <c r="CG802" i="11"/>
  <c r="CH802" i="11"/>
  <c r="CI802" i="11"/>
  <c r="CJ802" i="11"/>
  <c r="CK802" i="11"/>
  <c r="CL802" i="11"/>
  <c r="CM802" i="11"/>
  <c r="CN802" i="11"/>
  <c r="CO802" i="11"/>
  <c r="CP802" i="11"/>
  <c r="CQ802" i="11"/>
  <c r="CR802" i="11"/>
  <c r="CS802" i="11"/>
  <c r="CT802" i="11"/>
  <c r="CU802" i="11"/>
  <c r="CV802" i="11"/>
  <c r="CW802" i="11"/>
  <c r="CX802" i="11"/>
  <c r="CY802" i="11"/>
  <c r="CZ802" i="11"/>
  <c r="DA802" i="11"/>
  <c r="DB802" i="11"/>
  <c r="DC802" i="11"/>
  <c r="DD802" i="11"/>
  <c r="DE802" i="11"/>
  <c r="DF802" i="11"/>
  <c r="DG802" i="11"/>
  <c r="DH802" i="11"/>
  <c r="DI802" i="11"/>
  <c r="DJ802" i="11"/>
  <c r="DK802" i="11"/>
  <c r="AF796" i="11"/>
  <c r="CD796" i="11"/>
  <c r="CG796" i="11"/>
  <c r="CH796" i="11"/>
  <c r="CI796" i="11"/>
  <c r="CJ796" i="11"/>
  <c r="CK796" i="11"/>
  <c r="CL796" i="11"/>
  <c r="CM796" i="11"/>
  <c r="CN796" i="11"/>
  <c r="CO796" i="11"/>
  <c r="CP796" i="11"/>
  <c r="CQ796" i="11"/>
  <c r="CR796" i="11"/>
  <c r="CS796" i="11"/>
  <c r="CT796" i="11"/>
  <c r="CU796" i="11"/>
  <c r="CV796" i="11"/>
  <c r="CW796" i="11"/>
  <c r="CX796" i="11"/>
  <c r="CY796" i="11"/>
  <c r="CZ796" i="11"/>
  <c r="DA796" i="11"/>
  <c r="DB796" i="11"/>
  <c r="DC796" i="11"/>
  <c r="DD796" i="11"/>
  <c r="DE796" i="11"/>
  <c r="DF796" i="11"/>
  <c r="DG796" i="11"/>
  <c r="DH796" i="11"/>
  <c r="DI796" i="11"/>
  <c r="DJ796" i="11"/>
  <c r="DK796" i="11"/>
  <c r="AF797" i="11"/>
  <c r="CD797" i="11"/>
  <c r="CG797" i="11"/>
  <c r="CH797" i="11"/>
  <c r="CI797" i="11"/>
  <c r="CJ797" i="11"/>
  <c r="CK797" i="11"/>
  <c r="CL797" i="11"/>
  <c r="CM797" i="11"/>
  <c r="CN797" i="11"/>
  <c r="CO797" i="11"/>
  <c r="CP797" i="11"/>
  <c r="CQ797" i="11"/>
  <c r="CR797" i="11"/>
  <c r="CS797" i="11"/>
  <c r="CT797" i="11"/>
  <c r="CU797" i="11"/>
  <c r="CV797" i="11"/>
  <c r="CW797" i="11"/>
  <c r="CX797" i="11"/>
  <c r="CY797" i="11"/>
  <c r="CZ797" i="11"/>
  <c r="DA797" i="11"/>
  <c r="DB797" i="11"/>
  <c r="DC797" i="11"/>
  <c r="DD797" i="11"/>
  <c r="DE797" i="11"/>
  <c r="DF797" i="11"/>
  <c r="DG797" i="11"/>
  <c r="DH797" i="11"/>
  <c r="DI797" i="11"/>
  <c r="DJ797" i="11"/>
  <c r="DK797" i="11"/>
  <c r="AB798" i="11"/>
  <c r="AF798" i="11" s="1"/>
  <c r="CD798" i="11"/>
  <c r="CG798" i="11"/>
  <c r="CH798" i="11"/>
  <c r="CI798" i="11"/>
  <c r="CJ798" i="11"/>
  <c r="CK798" i="11"/>
  <c r="CL798" i="11"/>
  <c r="CM798" i="11"/>
  <c r="CN798" i="11"/>
  <c r="CO798" i="11"/>
  <c r="CP798" i="11"/>
  <c r="CQ798" i="11"/>
  <c r="CR798" i="11"/>
  <c r="CS798" i="11"/>
  <c r="CT798" i="11"/>
  <c r="CU798" i="11"/>
  <c r="CV798" i="11"/>
  <c r="CW798" i="11"/>
  <c r="CX798" i="11"/>
  <c r="CY798" i="11"/>
  <c r="CZ798" i="11"/>
  <c r="DA798" i="11"/>
  <c r="DB798" i="11"/>
  <c r="DC798" i="11"/>
  <c r="DD798" i="11"/>
  <c r="DE798" i="11"/>
  <c r="DF798" i="11"/>
  <c r="DG798" i="11"/>
  <c r="DH798" i="11"/>
  <c r="DI798" i="11"/>
  <c r="DJ798" i="11"/>
  <c r="DK798" i="11"/>
  <c r="AF799" i="11"/>
  <c r="CD799" i="11"/>
  <c r="CG799" i="11"/>
  <c r="CH799" i="11"/>
  <c r="CI799" i="11"/>
  <c r="CJ799" i="11"/>
  <c r="CK799" i="11"/>
  <c r="CL799" i="11"/>
  <c r="CM799" i="11"/>
  <c r="CN799" i="11"/>
  <c r="CO799" i="11"/>
  <c r="CP799" i="11"/>
  <c r="CQ799" i="11"/>
  <c r="CR799" i="11"/>
  <c r="CS799" i="11"/>
  <c r="CT799" i="11"/>
  <c r="CU799" i="11"/>
  <c r="CV799" i="11"/>
  <c r="CW799" i="11"/>
  <c r="CX799" i="11"/>
  <c r="CY799" i="11"/>
  <c r="CZ799" i="11"/>
  <c r="DA799" i="11"/>
  <c r="DB799" i="11"/>
  <c r="DC799" i="11"/>
  <c r="DD799" i="11"/>
  <c r="DE799" i="11"/>
  <c r="DF799" i="11"/>
  <c r="DG799" i="11"/>
  <c r="DH799" i="11"/>
  <c r="DI799" i="11"/>
  <c r="DJ799" i="11"/>
  <c r="DK799" i="11"/>
  <c r="AB792" i="11"/>
  <c r="AF792" i="11" s="1"/>
  <c r="CD792" i="11"/>
  <c r="CX792" i="11"/>
  <c r="CY792" i="11"/>
  <c r="CZ792" i="11"/>
  <c r="DA792" i="11"/>
  <c r="DB792" i="11"/>
  <c r="DC792" i="11"/>
  <c r="DD792" i="11"/>
  <c r="DE792" i="11"/>
  <c r="DF792" i="11"/>
  <c r="DG792" i="11"/>
  <c r="DH792" i="11"/>
  <c r="DI792" i="11"/>
  <c r="DJ792" i="11"/>
  <c r="DK792" i="11"/>
  <c r="AF793" i="11"/>
  <c r="CD793" i="11"/>
  <c r="CG793" i="11"/>
  <c r="CH793" i="11"/>
  <c r="CI793" i="11"/>
  <c r="CJ793" i="11"/>
  <c r="CK793" i="11"/>
  <c r="CL793" i="11"/>
  <c r="CM793" i="11"/>
  <c r="CN793" i="11"/>
  <c r="CO793" i="11"/>
  <c r="CP793" i="11"/>
  <c r="CQ793" i="11"/>
  <c r="CR793" i="11"/>
  <c r="CS793" i="11"/>
  <c r="CT793" i="11"/>
  <c r="CU793" i="11"/>
  <c r="CV793" i="11"/>
  <c r="CW793" i="11"/>
  <c r="CX793" i="11"/>
  <c r="CY793" i="11"/>
  <c r="CZ793" i="11"/>
  <c r="DA793" i="11"/>
  <c r="DB793" i="11"/>
  <c r="DC793" i="11"/>
  <c r="DD793" i="11"/>
  <c r="DE793" i="11"/>
  <c r="DF793" i="11"/>
  <c r="DG793" i="11"/>
  <c r="DH793" i="11"/>
  <c r="DI793" i="11"/>
  <c r="DJ793" i="11"/>
  <c r="DK793" i="11"/>
  <c r="AF794" i="11"/>
  <c r="CD794" i="11"/>
  <c r="CG794" i="11"/>
  <c r="CH794" i="11"/>
  <c r="CI794" i="11"/>
  <c r="CJ794" i="11"/>
  <c r="CK794" i="11"/>
  <c r="CL794" i="11"/>
  <c r="CM794" i="11"/>
  <c r="CN794" i="11"/>
  <c r="CO794" i="11"/>
  <c r="CP794" i="11"/>
  <c r="CQ794" i="11"/>
  <c r="CR794" i="11"/>
  <c r="CS794" i="11"/>
  <c r="CT794" i="11"/>
  <c r="CU794" i="11"/>
  <c r="CV794" i="11"/>
  <c r="CW794" i="11"/>
  <c r="CX794" i="11"/>
  <c r="CY794" i="11"/>
  <c r="CZ794" i="11"/>
  <c r="DA794" i="11"/>
  <c r="DB794" i="11"/>
  <c r="DC794" i="11"/>
  <c r="DD794" i="11"/>
  <c r="DE794" i="11"/>
  <c r="DF794" i="11"/>
  <c r="DG794" i="11"/>
  <c r="DH794" i="11"/>
  <c r="DI794" i="11"/>
  <c r="DJ794" i="11"/>
  <c r="DK794" i="11"/>
  <c r="AF795" i="11"/>
  <c r="CD795" i="11"/>
  <c r="CG795" i="11"/>
  <c r="CH795" i="11"/>
  <c r="CI795" i="11"/>
  <c r="CJ795" i="11"/>
  <c r="CK795" i="11"/>
  <c r="CL795" i="11"/>
  <c r="CM795" i="11"/>
  <c r="CN795" i="11"/>
  <c r="CO795" i="11"/>
  <c r="CP795" i="11"/>
  <c r="CQ795" i="11"/>
  <c r="CR795" i="11"/>
  <c r="CS795" i="11"/>
  <c r="CT795" i="11"/>
  <c r="CU795" i="11"/>
  <c r="CV795" i="11"/>
  <c r="CW795" i="11"/>
  <c r="CX795" i="11"/>
  <c r="CY795" i="11"/>
  <c r="CZ795" i="11"/>
  <c r="DA795" i="11"/>
  <c r="DB795" i="11"/>
  <c r="DC795" i="11"/>
  <c r="DD795" i="11"/>
  <c r="DE795" i="11"/>
  <c r="DF795" i="11"/>
  <c r="DG795" i="11"/>
  <c r="DH795" i="11"/>
  <c r="DI795" i="11"/>
  <c r="DJ795" i="11"/>
  <c r="DK795" i="11"/>
  <c r="AF791" i="11"/>
  <c r="CD791" i="11"/>
  <c r="CG791" i="11"/>
  <c r="CH791" i="11"/>
  <c r="CI791" i="11"/>
  <c r="CJ791" i="11"/>
  <c r="CK791" i="11"/>
  <c r="CL791" i="11"/>
  <c r="CM791" i="11"/>
  <c r="CN791" i="11"/>
  <c r="CO791" i="11"/>
  <c r="CP791" i="11"/>
  <c r="CQ791" i="11"/>
  <c r="CR791" i="11"/>
  <c r="CS791" i="11"/>
  <c r="CT791" i="11"/>
  <c r="CU791" i="11"/>
  <c r="CV791" i="11"/>
  <c r="CW791" i="11"/>
  <c r="CX791" i="11"/>
  <c r="CY791" i="11"/>
  <c r="CZ791" i="11"/>
  <c r="DA791" i="11"/>
  <c r="DB791" i="11"/>
  <c r="DC791" i="11"/>
  <c r="DD791" i="11"/>
  <c r="DE791" i="11"/>
  <c r="DF791" i="11"/>
  <c r="DG791" i="11"/>
  <c r="DH791" i="11"/>
  <c r="DI791" i="11"/>
  <c r="DJ791" i="11"/>
  <c r="DK791" i="11"/>
  <c r="AF790" i="11"/>
  <c r="CD790" i="11"/>
  <c r="CG790" i="11"/>
  <c r="CH790" i="11"/>
  <c r="CI790" i="11"/>
  <c r="CJ790" i="11"/>
  <c r="CK790" i="11"/>
  <c r="CL790" i="11"/>
  <c r="CM790" i="11"/>
  <c r="CN790" i="11"/>
  <c r="CO790" i="11"/>
  <c r="CP790" i="11"/>
  <c r="CQ790" i="11"/>
  <c r="CR790" i="11"/>
  <c r="CS790" i="11"/>
  <c r="CT790" i="11"/>
  <c r="CU790" i="11"/>
  <c r="CV790" i="11"/>
  <c r="CW790" i="11"/>
  <c r="CX790" i="11"/>
  <c r="CY790" i="11"/>
  <c r="CZ790" i="11"/>
  <c r="DA790" i="11"/>
  <c r="DB790" i="11"/>
  <c r="DC790" i="11"/>
  <c r="DD790" i="11"/>
  <c r="DE790" i="11"/>
  <c r="DF790" i="11"/>
  <c r="DG790" i="11"/>
  <c r="DH790" i="11"/>
  <c r="DI790" i="11"/>
  <c r="DJ790" i="11"/>
  <c r="DK790" i="11"/>
  <c r="AF788" i="11"/>
  <c r="CD788" i="11"/>
  <c r="CG788" i="11"/>
  <c r="CH788" i="11"/>
  <c r="CI788" i="11"/>
  <c r="CJ788" i="11"/>
  <c r="CK788" i="11"/>
  <c r="CL788" i="11"/>
  <c r="CM788" i="11"/>
  <c r="CN788" i="11"/>
  <c r="CO788" i="11"/>
  <c r="CP788" i="11"/>
  <c r="CQ788" i="11"/>
  <c r="CR788" i="11"/>
  <c r="CS788" i="11"/>
  <c r="CT788" i="11"/>
  <c r="CU788" i="11"/>
  <c r="CV788" i="11"/>
  <c r="CW788" i="11"/>
  <c r="CX788" i="11"/>
  <c r="CY788" i="11"/>
  <c r="CZ788" i="11"/>
  <c r="DA788" i="11"/>
  <c r="DB788" i="11"/>
  <c r="DC788" i="11"/>
  <c r="DD788" i="11"/>
  <c r="DE788" i="11"/>
  <c r="DF788" i="11"/>
  <c r="DG788" i="11"/>
  <c r="DH788" i="11"/>
  <c r="DI788" i="11"/>
  <c r="DJ788" i="11"/>
  <c r="DK788" i="11"/>
  <c r="AF789" i="11"/>
  <c r="CD789" i="11"/>
  <c r="CG789" i="11"/>
  <c r="CH789" i="11"/>
  <c r="CI789" i="11"/>
  <c r="CJ789" i="11"/>
  <c r="CK789" i="11"/>
  <c r="CL789" i="11"/>
  <c r="CM789" i="11"/>
  <c r="CN789" i="11"/>
  <c r="CO789" i="11"/>
  <c r="CP789" i="11"/>
  <c r="CQ789" i="11"/>
  <c r="CR789" i="11"/>
  <c r="CS789" i="11"/>
  <c r="CT789" i="11"/>
  <c r="CU789" i="11"/>
  <c r="CV789" i="11"/>
  <c r="CW789" i="11"/>
  <c r="CX789" i="11"/>
  <c r="CY789" i="11"/>
  <c r="CZ789" i="11"/>
  <c r="DA789" i="11"/>
  <c r="DB789" i="11"/>
  <c r="DC789" i="11"/>
  <c r="DD789" i="11"/>
  <c r="DE789" i="11"/>
  <c r="DF789" i="11"/>
  <c r="DG789" i="11"/>
  <c r="DH789" i="11"/>
  <c r="DI789" i="11"/>
  <c r="DJ789" i="11"/>
  <c r="DK789" i="11"/>
  <c r="AF787" i="11"/>
  <c r="CD787" i="11"/>
  <c r="CE787" i="11" s="1"/>
  <c r="CG787" i="11"/>
  <c r="CH787" i="11"/>
  <c r="CI787" i="11"/>
  <c r="CJ787" i="11"/>
  <c r="CK787" i="11"/>
  <c r="CL787" i="11"/>
  <c r="CM787" i="11"/>
  <c r="CN787" i="11"/>
  <c r="CO787" i="11"/>
  <c r="CP787" i="11"/>
  <c r="CQ787" i="11"/>
  <c r="CR787" i="11"/>
  <c r="CS787" i="11"/>
  <c r="CT787" i="11"/>
  <c r="CU787" i="11"/>
  <c r="CV787" i="11"/>
  <c r="CW787" i="11"/>
  <c r="CX787" i="11"/>
  <c r="CY787" i="11"/>
  <c r="CZ787" i="11"/>
  <c r="DA787" i="11"/>
  <c r="DB787" i="11"/>
  <c r="DC787" i="11"/>
  <c r="DD787" i="11"/>
  <c r="DE787" i="11"/>
  <c r="DF787" i="11"/>
  <c r="DG787" i="11"/>
  <c r="DH787" i="11"/>
  <c r="DI787" i="11"/>
  <c r="DJ787" i="11"/>
  <c r="DK787" i="11"/>
  <c r="AF786" i="11"/>
  <c r="CD786" i="11"/>
  <c r="CG786" i="11"/>
  <c r="CH786" i="11"/>
  <c r="CI786" i="11"/>
  <c r="CJ786" i="11"/>
  <c r="CK786" i="11"/>
  <c r="CL786" i="11"/>
  <c r="CM786" i="11"/>
  <c r="CN786" i="11"/>
  <c r="CO786" i="11"/>
  <c r="CP786" i="11"/>
  <c r="CQ786" i="11"/>
  <c r="CR786" i="11"/>
  <c r="CS786" i="11"/>
  <c r="CT786" i="11"/>
  <c r="CU786" i="11"/>
  <c r="CV786" i="11"/>
  <c r="CW786" i="11"/>
  <c r="CX786" i="11"/>
  <c r="CY786" i="11"/>
  <c r="CZ786" i="11"/>
  <c r="DA786" i="11"/>
  <c r="DB786" i="11"/>
  <c r="DC786" i="11"/>
  <c r="DD786" i="11"/>
  <c r="DE786" i="11"/>
  <c r="DF786" i="11"/>
  <c r="DG786" i="11"/>
  <c r="DH786" i="11"/>
  <c r="DI786" i="11"/>
  <c r="DJ786" i="11"/>
  <c r="DK786" i="11"/>
  <c r="AF785" i="11"/>
  <c r="CD785" i="11"/>
  <c r="CG785" i="11"/>
  <c r="CH785" i="11"/>
  <c r="CI785" i="11"/>
  <c r="CJ785" i="11"/>
  <c r="CK785" i="11"/>
  <c r="CL785" i="11"/>
  <c r="CM785" i="11"/>
  <c r="CN785" i="11"/>
  <c r="CO785" i="11"/>
  <c r="CP785" i="11"/>
  <c r="CQ785" i="11"/>
  <c r="CR785" i="11"/>
  <c r="CS785" i="11"/>
  <c r="CT785" i="11"/>
  <c r="CU785" i="11"/>
  <c r="CV785" i="11"/>
  <c r="CW785" i="11"/>
  <c r="CX785" i="11"/>
  <c r="CY785" i="11"/>
  <c r="CZ785" i="11"/>
  <c r="DA785" i="11"/>
  <c r="DB785" i="11"/>
  <c r="DC785" i="11"/>
  <c r="DD785" i="11"/>
  <c r="DE785" i="11"/>
  <c r="DF785" i="11"/>
  <c r="DG785" i="11"/>
  <c r="DH785" i="11"/>
  <c r="DI785" i="11"/>
  <c r="DJ785" i="11"/>
  <c r="DK785" i="11"/>
  <c r="AF784" i="11"/>
  <c r="CD784" i="11"/>
  <c r="CG784" i="11"/>
  <c r="CH784" i="11"/>
  <c r="CI784" i="11"/>
  <c r="CJ784" i="11"/>
  <c r="CK784" i="11"/>
  <c r="CL784" i="11"/>
  <c r="CM784" i="11"/>
  <c r="CN784" i="11"/>
  <c r="CO784" i="11"/>
  <c r="CP784" i="11"/>
  <c r="CQ784" i="11"/>
  <c r="CR784" i="11"/>
  <c r="CS784" i="11"/>
  <c r="CT784" i="11"/>
  <c r="CU784" i="11"/>
  <c r="CV784" i="11"/>
  <c r="CW784" i="11"/>
  <c r="CX784" i="11"/>
  <c r="CY784" i="11"/>
  <c r="CZ784" i="11"/>
  <c r="DA784" i="11"/>
  <c r="DB784" i="11"/>
  <c r="DC784" i="11"/>
  <c r="DD784" i="11"/>
  <c r="DE784" i="11"/>
  <c r="DF784" i="11"/>
  <c r="DG784" i="11"/>
  <c r="DH784" i="11"/>
  <c r="DI784" i="11"/>
  <c r="DJ784" i="11"/>
  <c r="DK784" i="11"/>
  <c r="AF783" i="11"/>
  <c r="CD783" i="11"/>
  <c r="CG783" i="11"/>
  <c r="CH783" i="11"/>
  <c r="CI783" i="11"/>
  <c r="CJ783" i="11"/>
  <c r="CK783" i="11"/>
  <c r="CL783" i="11"/>
  <c r="CM783" i="11"/>
  <c r="CN783" i="11"/>
  <c r="CO783" i="11"/>
  <c r="CP783" i="11"/>
  <c r="CQ783" i="11"/>
  <c r="CR783" i="11"/>
  <c r="CS783" i="11"/>
  <c r="CT783" i="11"/>
  <c r="CU783" i="11"/>
  <c r="CV783" i="11"/>
  <c r="CW783" i="11"/>
  <c r="CX783" i="11"/>
  <c r="CY783" i="11"/>
  <c r="CZ783" i="11"/>
  <c r="DA783" i="11"/>
  <c r="DB783" i="11"/>
  <c r="DC783" i="11"/>
  <c r="DD783" i="11"/>
  <c r="DE783" i="11"/>
  <c r="DF783" i="11"/>
  <c r="DG783" i="11"/>
  <c r="DH783" i="11"/>
  <c r="DI783" i="11"/>
  <c r="DJ783" i="11"/>
  <c r="DK783" i="11"/>
  <c r="AF782" i="11"/>
  <c r="CD782" i="11"/>
  <c r="CG782" i="11"/>
  <c r="CH782" i="11"/>
  <c r="CI782" i="11"/>
  <c r="CJ782" i="11"/>
  <c r="CK782" i="11"/>
  <c r="CL782" i="11"/>
  <c r="CM782" i="11"/>
  <c r="CN782" i="11"/>
  <c r="CO782" i="11"/>
  <c r="CP782" i="11"/>
  <c r="CQ782" i="11"/>
  <c r="CR782" i="11"/>
  <c r="CS782" i="11"/>
  <c r="CT782" i="11"/>
  <c r="CU782" i="11"/>
  <c r="CV782" i="11"/>
  <c r="CW782" i="11"/>
  <c r="CX782" i="11"/>
  <c r="CY782" i="11"/>
  <c r="CZ782" i="11"/>
  <c r="DA782" i="11"/>
  <c r="DB782" i="11"/>
  <c r="DC782" i="11"/>
  <c r="DD782" i="11"/>
  <c r="DE782" i="11"/>
  <c r="DF782" i="11"/>
  <c r="DG782" i="11"/>
  <c r="DH782" i="11"/>
  <c r="DI782" i="11"/>
  <c r="DJ782" i="11"/>
  <c r="DK782" i="11"/>
  <c r="AF781" i="11"/>
  <c r="CD781" i="11"/>
  <c r="CG781" i="11"/>
  <c r="CH781" i="11"/>
  <c r="CI781" i="11"/>
  <c r="CJ781" i="11"/>
  <c r="CK781" i="11"/>
  <c r="CL781" i="11"/>
  <c r="CM781" i="11"/>
  <c r="CN781" i="11"/>
  <c r="CO781" i="11"/>
  <c r="CP781" i="11"/>
  <c r="CQ781" i="11"/>
  <c r="CR781" i="11"/>
  <c r="CS781" i="11"/>
  <c r="CT781" i="11"/>
  <c r="CU781" i="11"/>
  <c r="CV781" i="11"/>
  <c r="CW781" i="11"/>
  <c r="CX781" i="11"/>
  <c r="CY781" i="11"/>
  <c r="CZ781" i="11"/>
  <c r="DA781" i="11"/>
  <c r="DB781" i="11"/>
  <c r="DC781" i="11"/>
  <c r="DD781" i="11"/>
  <c r="DE781" i="11"/>
  <c r="DF781" i="11"/>
  <c r="DG781" i="11"/>
  <c r="DH781" i="11"/>
  <c r="DI781" i="11"/>
  <c r="DJ781" i="11"/>
  <c r="DK781" i="11"/>
  <c r="AF780" i="11"/>
  <c r="CD780" i="11"/>
  <c r="CG780" i="11"/>
  <c r="CH780" i="11"/>
  <c r="CI780" i="11"/>
  <c r="CJ780" i="11"/>
  <c r="CK780" i="11"/>
  <c r="CL780" i="11"/>
  <c r="CM780" i="11"/>
  <c r="CN780" i="11"/>
  <c r="CO780" i="11"/>
  <c r="CP780" i="11"/>
  <c r="CQ780" i="11"/>
  <c r="CR780" i="11"/>
  <c r="CS780" i="11"/>
  <c r="CT780" i="11"/>
  <c r="CU780" i="11"/>
  <c r="CV780" i="11"/>
  <c r="CW780" i="11"/>
  <c r="CX780" i="11"/>
  <c r="CY780" i="11"/>
  <c r="CZ780" i="11"/>
  <c r="DA780" i="11"/>
  <c r="DB780" i="11"/>
  <c r="DC780" i="11"/>
  <c r="DD780" i="11"/>
  <c r="DE780" i="11"/>
  <c r="DF780" i="11"/>
  <c r="DG780" i="11"/>
  <c r="DH780" i="11"/>
  <c r="DI780" i="11"/>
  <c r="DJ780" i="11"/>
  <c r="DK780" i="11"/>
  <c r="AF779" i="11"/>
  <c r="CD779" i="11"/>
  <c r="CG779" i="11"/>
  <c r="CH779" i="11"/>
  <c r="CI779" i="11"/>
  <c r="CJ779" i="11"/>
  <c r="CK779" i="11"/>
  <c r="CL779" i="11"/>
  <c r="CM779" i="11"/>
  <c r="CN779" i="11"/>
  <c r="CO779" i="11"/>
  <c r="CP779" i="11"/>
  <c r="CQ779" i="11"/>
  <c r="CR779" i="11"/>
  <c r="CS779" i="11"/>
  <c r="CT779" i="11"/>
  <c r="CU779" i="11"/>
  <c r="CV779" i="11"/>
  <c r="CW779" i="11"/>
  <c r="CX779" i="11"/>
  <c r="CY779" i="11"/>
  <c r="CZ779" i="11"/>
  <c r="DA779" i="11"/>
  <c r="DB779" i="11"/>
  <c r="DC779" i="11"/>
  <c r="DD779" i="11"/>
  <c r="DE779" i="11"/>
  <c r="DF779" i="11"/>
  <c r="DG779" i="11"/>
  <c r="DH779" i="11"/>
  <c r="DI779" i="11"/>
  <c r="DJ779" i="11"/>
  <c r="DK779" i="11"/>
  <c r="CE794" i="11" l="1"/>
  <c r="CE796" i="11"/>
  <c r="CE795" i="11"/>
  <c r="CE780" i="11"/>
  <c r="T263" i="9"/>
  <c r="T261" i="9"/>
  <c r="CE802" i="11"/>
  <c r="CE798" i="11"/>
  <c r="CE800" i="11"/>
  <c r="CE801" i="11"/>
  <c r="CE799" i="11"/>
  <c r="CE797" i="11"/>
  <c r="CE789" i="11"/>
  <c r="CE793" i="11"/>
  <c r="CE792" i="11"/>
  <c r="DV792" i="11" s="1"/>
  <c r="CE791" i="11"/>
  <c r="CE790" i="11"/>
  <c r="CE788" i="11"/>
  <c r="CE786" i="11"/>
  <c r="CE785" i="11"/>
  <c r="CE784" i="11"/>
  <c r="CE783" i="11"/>
  <c r="CE782" i="11"/>
  <c r="CE781" i="11"/>
  <c r="CE779" i="11"/>
  <c r="CN792" i="11" l="1"/>
  <c r="CQ792" i="11"/>
  <c r="CR792" i="11"/>
  <c r="DT792" i="11"/>
  <c r="CS792" i="11"/>
  <c r="CJ792" i="11"/>
  <c r="CV792" i="11"/>
  <c r="CK792" i="11"/>
  <c r="CI792" i="11"/>
  <c r="CH792" i="11"/>
  <c r="DU792" i="11"/>
  <c r="CU792" i="11"/>
  <c r="CW792" i="11"/>
  <c r="CM792" i="11"/>
  <c r="CO792" i="11"/>
  <c r="CL792" i="11"/>
  <c r="CG792" i="11"/>
  <c r="CP792" i="11"/>
  <c r="CT792" i="11"/>
  <c r="CM12" i="9" l="1"/>
  <c r="CN12" i="9"/>
  <c r="CO12" i="9"/>
  <c r="CP12" i="9"/>
  <c r="CQ12" i="9"/>
  <c r="CR12" i="9"/>
  <c r="CS12" i="9"/>
  <c r="CT12" i="9"/>
  <c r="CU12" i="9"/>
  <c r="CV12" i="9"/>
  <c r="CW12" i="9"/>
  <c r="CX12" i="9"/>
  <c r="CY12" i="9"/>
  <c r="CZ12" i="9"/>
  <c r="DA12" i="9"/>
  <c r="DB12" i="9"/>
  <c r="DC12" i="9"/>
  <c r="DD12" i="9"/>
  <c r="DE12" i="9"/>
  <c r="DF12" i="9"/>
  <c r="DG12" i="9"/>
  <c r="DH12" i="9"/>
  <c r="CM11" i="9"/>
  <c r="CN11" i="9"/>
  <c r="CO11" i="9"/>
  <c r="CP11" i="9"/>
  <c r="CQ11" i="9"/>
  <c r="CR11" i="9"/>
  <c r="CS11" i="9"/>
  <c r="CT11" i="9"/>
  <c r="CU11" i="9"/>
  <c r="CV11" i="9"/>
  <c r="CW11" i="9"/>
  <c r="CX11" i="9"/>
  <c r="CY11" i="9"/>
  <c r="CZ11" i="9"/>
  <c r="DA11" i="9"/>
  <c r="DB11" i="9"/>
  <c r="DC11" i="9"/>
  <c r="DD11" i="9"/>
  <c r="DE11" i="9"/>
  <c r="DF11" i="9"/>
  <c r="DG11" i="9"/>
  <c r="DH11" i="9"/>
  <c r="DP11" i="9" l="1"/>
  <c r="DP12" i="9"/>
  <c r="DO11" i="9"/>
  <c r="DO12" i="9"/>
  <c r="DA49" i="9"/>
  <c r="DB49" i="9"/>
  <c r="DC49" i="9"/>
  <c r="DD49" i="9"/>
  <c r="DE49" i="9"/>
  <c r="DF49" i="9"/>
  <c r="DG49" i="9"/>
  <c r="DH49" i="9"/>
  <c r="DI49" i="9"/>
  <c r="DJ49" i="9"/>
  <c r="DK49" i="9"/>
  <c r="DL49" i="9"/>
  <c r="DA48" i="9"/>
  <c r="DB48" i="9"/>
  <c r="DC48" i="9"/>
  <c r="DD48" i="9"/>
  <c r="DE48" i="9"/>
  <c r="DF48" i="9"/>
  <c r="DG48" i="9"/>
  <c r="DH48" i="9"/>
  <c r="DI48" i="9"/>
  <c r="DJ48" i="9"/>
  <c r="DK48" i="9"/>
  <c r="DL48" i="9"/>
  <c r="DA47" i="9"/>
  <c r="DB47" i="9"/>
  <c r="DC47" i="9"/>
  <c r="DD47" i="9"/>
  <c r="DE47" i="9"/>
  <c r="DF47" i="9"/>
  <c r="DG47" i="9"/>
  <c r="DH47" i="9"/>
  <c r="CM47" i="9"/>
  <c r="CN47" i="9"/>
  <c r="CO47" i="9"/>
  <c r="CP47" i="9"/>
  <c r="CQ47" i="9"/>
  <c r="CR47" i="9"/>
  <c r="CS47" i="9"/>
  <c r="CT47" i="9"/>
  <c r="CU47" i="9"/>
  <c r="CV47" i="9"/>
  <c r="CW47" i="9"/>
  <c r="CX47" i="9"/>
  <c r="CY47" i="9"/>
  <c r="CZ47" i="9"/>
  <c r="DL201" i="9"/>
  <c r="DJ201" i="9"/>
  <c r="DI201" i="9"/>
  <c r="DH201" i="9"/>
  <c r="DG201" i="9"/>
  <c r="DF201" i="9"/>
  <c r="DE201" i="9"/>
  <c r="DD201" i="9"/>
  <c r="DC201" i="9"/>
  <c r="DB201" i="9"/>
  <c r="DA201" i="9"/>
  <c r="CZ201" i="9"/>
  <c r="CY201" i="9"/>
  <c r="CX201" i="9"/>
  <c r="CW201" i="9"/>
  <c r="CV201" i="9"/>
  <c r="CU201" i="9"/>
  <c r="CT201" i="9"/>
  <c r="CS201" i="9"/>
  <c r="CR201" i="9"/>
  <c r="CQ201" i="9"/>
  <c r="CP201" i="9"/>
  <c r="CO201" i="9"/>
  <c r="CN201" i="9"/>
  <c r="CM201" i="9"/>
  <c r="CL201" i="9"/>
  <c r="CK201" i="9"/>
  <c r="CJ201" i="9"/>
  <c r="CI201" i="9"/>
  <c r="CH201" i="9"/>
  <c r="CG201" i="9"/>
  <c r="CF201" i="9"/>
  <c r="CE201" i="9"/>
  <c r="CD201" i="9"/>
  <c r="CC201" i="9"/>
  <c r="CB201" i="9"/>
  <c r="CA201" i="9"/>
  <c r="BZ201" i="9"/>
  <c r="BY201" i="9"/>
  <c r="BX201" i="9"/>
  <c r="BW201" i="9"/>
  <c r="BV201" i="9"/>
  <c r="DL200" i="9"/>
  <c r="DK200" i="9"/>
  <c r="DI200" i="9"/>
  <c r="DH200" i="9"/>
  <c r="DG200" i="9"/>
  <c r="DF200" i="9"/>
  <c r="DE200" i="9"/>
  <c r="DD200" i="9"/>
  <c r="DC200" i="9"/>
  <c r="DB200" i="9"/>
  <c r="DA200" i="9"/>
  <c r="CZ200" i="9"/>
  <c r="CY200" i="9"/>
  <c r="CX200" i="9"/>
  <c r="CW200" i="9"/>
  <c r="CV200" i="9"/>
  <c r="CU200" i="9"/>
  <c r="CT200" i="9"/>
  <c r="CS200" i="9"/>
  <c r="CR200" i="9"/>
  <c r="CQ200" i="9"/>
  <c r="CP200" i="9"/>
  <c r="CO200" i="9"/>
  <c r="CN200" i="9"/>
  <c r="CM200" i="9"/>
  <c r="CL200" i="9"/>
  <c r="CK200" i="9"/>
  <c r="CJ200" i="9"/>
  <c r="CI200" i="9"/>
  <c r="CH200" i="9"/>
  <c r="CG200" i="9"/>
  <c r="CF200" i="9"/>
  <c r="CE200" i="9"/>
  <c r="CD200" i="9"/>
  <c r="CC200" i="9"/>
  <c r="CB200" i="9"/>
  <c r="CA200" i="9"/>
  <c r="BZ200" i="9"/>
  <c r="BY200" i="9"/>
  <c r="BX200" i="9"/>
  <c r="BW200" i="9"/>
  <c r="BV200" i="9"/>
  <c r="DL199" i="9"/>
  <c r="DK199" i="9"/>
  <c r="DJ199" i="9"/>
  <c r="DH199" i="9"/>
  <c r="DG199" i="9"/>
  <c r="DF199" i="9"/>
  <c r="DE199" i="9"/>
  <c r="DD199" i="9"/>
  <c r="DC199" i="9"/>
  <c r="DB199" i="9"/>
  <c r="DA199" i="9"/>
  <c r="CZ199" i="9"/>
  <c r="CY199" i="9"/>
  <c r="CX199" i="9"/>
  <c r="CW199" i="9"/>
  <c r="CV199" i="9"/>
  <c r="CU199" i="9"/>
  <c r="CT199" i="9"/>
  <c r="CS199" i="9"/>
  <c r="CR199" i="9"/>
  <c r="CQ199" i="9"/>
  <c r="CP199" i="9"/>
  <c r="CO199" i="9"/>
  <c r="CN199" i="9"/>
  <c r="CM199" i="9"/>
  <c r="CL199" i="9"/>
  <c r="CK199" i="9"/>
  <c r="CJ199" i="9"/>
  <c r="CI199" i="9"/>
  <c r="CH199" i="9"/>
  <c r="CG199" i="9"/>
  <c r="CF199" i="9"/>
  <c r="CE199" i="9"/>
  <c r="CD199" i="9"/>
  <c r="CC199" i="9"/>
  <c r="CB199" i="9"/>
  <c r="CA199" i="9"/>
  <c r="BZ199" i="9"/>
  <c r="BY199" i="9"/>
  <c r="BX199" i="9"/>
  <c r="BW199" i="9"/>
  <c r="BV199" i="9"/>
  <c r="DM199" i="9" l="1"/>
  <c r="DN49" i="9"/>
  <c r="DM200" i="9"/>
  <c r="DM201" i="9"/>
  <c r="DN48" i="9"/>
  <c r="DP200" i="9"/>
  <c r="DP201" i="9"/>
  <c r="DP47" i="9"/>
  <c r="DP49" i="9"/>
  <c r="DP199" i="9"/>
  <c r="DP48" i="9"/>
  <c r="DO200" i="9"/>
  <c r="DO47" i="9"/>
  <c r="DO199" i="9"/>
  <c r="DO201" i="9"/>
  <c r="CD778" i="11"/>
  <c r="CG778" i="11"/>
  <c r="CH778" i="11"/>
  <c r="CI778" i="11"/>
  <c r="CJ778" i="11"/>
  <c r="CK778" i="11"/>
  <c r="CL778" i="11"/>
  <c r="CM778" i="11"/>
  <c r="CN778" i="11"/>
  <c r="CP778" i="11"/>
  <c r="CQ778" i="11"/>
  <c r="CR778" i="11"/>
  <c r="CS778" i="11"/>
  <c r="CT778" i="11"/>
  <c r="CU778" i="11"/>
  <c r="CV778" i="11"/>
  <c r="CW778" i="11"/>
  <c r="CX778" i="11"/>
  <c r="CY778" i="11"/>
  <c r="CZ778" i="11"/>
  <c r="DA778" i="11"/>
  <c r="DB778" i="11"/>
  <c r="DC778" i="11"/>
  <c r="DD778" i="11"/>
  <c r="DE778" i="11"/>
  <c r="DF778" i="11"/>
  <c r="DG778" i="11"/>
  <c r="DH778" i="11"/>
  <c r="DI778" i="11"/>
  <c r="DJ778" i="11"/>
  <c r="DK778" i="11"/>
  <c r="DI310" i="9" l="1"/>
  <c r="DL310" i="9"/>
  <c r="DL315" i="9"/>
  <c r="DK315" i="9"/>
  <c r="DJ315" i="9"/>
  <c r="DI315" i="9"/>
  <c r="DH315" i="9"/>
  <c r="DG315" i="9"/>
  <c r="DF315" i="9"/>
  <c r="DE315" i="9"/>
  <c r="DD315" i="9"/>
  <c r="DC315" i="9"/>
  <c r="DB315" i="9"/>
  <c r="DA315" i="9"/>
  <c r="CZ315" i="9"/>
  <c r="CY315" i="9"/>
  <c r="CX315" i="9"/>
  <c r="CW315" i="9"/>
  <c r="CV315" i="9"/>
  <c r="CU315" i="9"/>
  <c r="CT315" i="9"/>
  <c r="CS315" i="9"/>
  <c r="CR315" i="9"/>
  <c r="CQ315" i="9"/>
  <c r="CP315" i="9"/>
  <c r="CO315" i="9"/>
  <c r="CN315" i="9"/>
  <c r="CM315" i="9"/>
  <c r="CL315" i="9"/>
  <c r="CK315" i="9"/>
  <c r="CJ315" i="9"/>
  <c r="CI315" i="9"/>
  <c r="CH315" i="9"/>
  <c r="CG315" i="9"/>
  <c r="CE315" i="9"/>
  <c r="CD315" i="9"/>
  <c r="CC315" i="9"/>
  <c r="CB315" i="9"/>
  <c r="CA315" i="9"/>
  <c r="BZ315" i="9"/>
  <c r="BY315" i="9"/>
  <c r="BX315" i="9"/>
  <c r="BW315" i="9"/>
  <c r="DL314" i="9"/>
  <c r="DK314" i="9"/>
  <c r="DJ314" i="9"/>
  <c r="DI314" i="9"/>
  <c r="DH314" i="9"/>
  <c r="DG314" i="9"/>
  <c r="DF314" i="9"/>
  <c r="DE314" i="9"/>
  <c r="DD314" i="9"/>
  <c r="DC314" i="9"/>
  <c r="DB314" i="9"/>
  <c r="DA314" i="9"/>
  <c r="CZ314" i="9"/>
  <c r="CY314" i="9"/>
  <c r="CX314" i="9"/>
  <c r="CW314" i="9"/>
  <c r="CV314" i="9"/>
  <c r="CU314" i="9"/>
  <c r="CT314" i="9"/>
  <c r="CS314" i="9"/>
  <c r="CR314" i="9"/>
  <c r="CQ314" i="9"/>
  <c r="CP314" i="9"/>
  <c r="CO314" i="9"/>
  <c r="CN314" i="9"/>
  <c r="CM314" i="9"/>
  <c r="CL314" i="9"/>
  <c r="CK314" i="9"/>
  <c r="CJ314" i="9"/>
  <c r="CI314" i="9"/>
  <c r="CH314" i="9"/>
  <c r="CG314" i="9"/>
  <c r="CE314" i="9"/>
  <c r="CD314" i="9"/>
  <c r="CC314" i="9"/>
  <c r="CB314" i="9"/>
  <c r="CA314" i="9"/>
  <c r="BZ314" i="9"/>
  <c r="BY314" i="9"/>
  <c r="BX314" i="9"/>
  <c r="BW314" i="9"/>
  <c r="DL313" i="9"/>
  <c r="DK313" i="9"/>
  <c r="DJ313" i="9"/>
  <c r="DI313" i="9"/>
  <c r="DH313" i="9"/>
  <c r="DG313" i="9"/>
  <c r="DF313" i="9"/>
  <c r="DE313" i="9"/>
  <c r="DD313" i="9"/>
  <c r="DC313" i="9"/>
  <c r="DB313" i="9"/>
  <c r="DA313" i="9"/>
  <c r="CZ313" i="9"/>
  <c r="CY313" i="9"/>
  <c r="CX313" i="9"/>
  <c r="CW313" i="9"/>
  <c r="CV313" i="9"/>
  <c r="CU313" i="9"/>
  <c r="CT313" i="9"/>
  <c r="CS313" i="9"/>
  <c r="CR313" i="9"/>
  <c r="CQ313" i="9"/>
  <c r="CP313" i="9"/>
  <c r="CO313" i="9"/>
  <c r="CN313" i="9"/>
  <c r="CM313" i="9"/>
  <c r="CL313" i="9"/>
  <c r="CK313" i="9"/>
  <c r="CJ313" i="9"/>
  <c r="CI313" i="9"/>
  <c r="CH313" i="9"/>
  <c r="CG313" i="9"/>
  <c r="CE313" i="9"/>
  <c r="CD313" i="9"/>
  <c r="CC313" i="9"/>
  <c r="CB313" i="9"/>
  <c r="CA313" i="9"/>
  <c r="BZ313" i="9"/>
  <c r="BY313" i="9"/>
  <c r="BX313" i="9"/>
  <c r="BW313" i="9"/>
  <c r="DL312" i="9"/>
  <c r="DK312" i="9"/>
  <c r="DJ312" i="9"/>
  <c r="DI312" i="9"/>
  <c r="DH312" i="9"/>
  <c r="DG312" i="9"/>
  <c r="DF312" i="9"/>
  <c r="DE312" i="9"/>
  <c r="DD312" i="9"/>
  <c r="DC312" i="9"/>
  <c r="DB312" i="9"/>
  <c r="DA312" i="9"/>
  <c r="CZ312" i="9"/>
  <c r="CY312" i="9"/>
  <c r="CX312" i="9"/>
  <c r="CW312" i="9"/>
  <c r="CV312" i="9"/>
  <c r="CU312" i="9"/>
  <c r="CT312" i="9"/>
  <c r="CS312" i="9"/>
  <c r="CR312" i="9"/>
  <c r="CQ312" i="9"/>
  <c r="CP312" i="9"/>
  <c r="CO312" i="9"/>
  <c r="CN312" i="9"/>
  <c r="CM312" i="9"/>
  <c r="CL312" i="9"/>
  <c r="CK312" i="9"/>
  <c r="CJ312" i="9"/>
  <c r="CI312" i="9"/>
  <c r="CH312" i="9"/>
  <c r="CG312" i="9"/>
  <c r="CE312" i="9"/>
  <c r="CD312" i="9"/>
  <c r="CC312" i="9"/>
  <c r="CB312" i="9"/>
  <c r="CA312" i="9"/>
  <c r="BZ312" i="9"/>
  <c r="BY312" i="9"/>
  <c r="BX312" i="9"/>
  <c r="BW312" i="9"/>
  <c r="DH310" i="9"/>
  <c r="DG310" i="9"/>
  <c r="DF310" i="9"/>
  <c r="DE310" i="9"/>
  <c r="DD310" i="9"/>
  <c r="DC310" i="9"/>
  <c r="DB310" i="9"/>
  <c r="DA310" i="9"/>
  <c r="CZ310" i="9"/>
  <c r="CY310" i="9"/>
  <c r="CX310" i="9"/>
  <c r="CW310" i="9"/>
  <c r="CV310" i="9"/>
  <c r="CU310" i="9"/>
  <c r="CT310" i="9"/>
  <c r="CS310" i="9"/>
  <c r="CR310" i="9"/>
  <c r="CQ310" i="9"/>
  <c r="CP310" i="9"/>
  <c r="CO310" i="9"/>
  <c r="CN310" i="9"/>
  <c r="CM310" i="9"/>
  <c r="CL310" i="9"/>
  <c r="CK310" i="9"/>
  <c r="CJ310" i="9"/>
  <c r="CI310" i="9"/>
  <c r="CH310" i="9"/>
  <c r="CG310" i="9"/>
  <c r="CE310" i="9"/>
  <c r="CD310" i="9"/>
  <c r="CC310" i="9"/>
  <c r="CB310" i="9"/>
  <c r="CA310" i="9"/>
  <c r="BZ310" i="9"/>
  <c r="BY310" i="9"/>
  <c r="BX310" i="9"/>
  <c r="BW310" i="9"/>
  <c r="BV315" i="9"/>
  <c r="BV314" i="9"/>
  <c r="BV313" i="9"/>
  <c r="BV312" i="9"/>
  <c r="BW509" i="9"/>
  <c r="BX509" i="9"/>
  <c r="BY509" i="9"/>
  <c r="BZ509" i="9"/>
  <c r="CA509" i="9"/>
  <c r="CB509" i="9"/>
  <c r="CC509" i="9"/>
  <c r="CD509" i="9"/>
  <c r="CF509" i="9"/>
  <c r="CG509" i="9"/>
  <c r="CH509" i="9"/>
  <c r="CI509" i="9"/>
  <c r="CJ509" i="9"/>
  <c r="CK509" i="9"/>
  <c r="CL509" i="9"/>
  <c r="CM509" i="9"/>
  <c r="CN509" i="9"/>
  <c r="CO509" i="9"/>
  <c r="CP509" i="9"/>
  <c r="CQ509" i="9"/>
  <c r="CR509" i="9"/>
  <c r="CS509" i="9"/>
  <c r="CT509" i="9"/>
  <c r="CU509" i="9"/>
  <c r="CV509" i="9"/>
  <c r="CW509" i="9"/>
  <c r="CX509" i="9"/>
  <c r="CY509" i="9"/>
  <c r="CZ509" i="9"/>
  <c r="DA509" i="9"/>
  <c r="DB509" i="9"/>
  <c r="DC509" i="9"/>
  <c r="DD509" i="9"/>
  <c r="DE509" i="9"/>
  <c r="DF509" i="9"/>
  <c r="DG509" i="9"/>
  <c r="DH509" i="9"/>
  <c r="DI509" i="9"/>
  <c r="DJ509" i="9"/>
  <c r="DK509" i="9"/>
  <c r="DL509" i="9"/>
  <c r="BV509" i="9"/>
  <c r="BW495" i="9"/>
  <c r="BX495" i="9"/>
  <c r="BY495" i="9"/>
  <c r="BZ495" i="9"/>
  <c r="CA495" i="9"/>
  <c r="CB495" i="9"/>
  <c r="CC495" i="9"/>
  <c r="CD495" i="9"/>
  <c r="CE495" i="9"/>
  <c r="CF495" i="9"/>
  <c r="CG495" i="9"/>
  <c r="CH495" i="9"/>
  <c r="CI495" i="9"/>
  <c r="CJ495" i="9"/>
  <c r="CK495" i="9"/>
  <c r="CL495" i="9"/>
  <c r="CM495" i="9"/>
  <c r="CN495" i="9"/>
  <c r="CO495" i="9"/>
  <c r="CP495" i="9"/>
  <c r="CQ495" i="9"/>
  <c r="CR495" i="9"/>
  <c r="CS495" i="9"/>
  <c r="CT495" i="9"/>
  <c r="CU495" i="9"/>
  <c r="CV495" i="9"/>
  <c r="CW495" i="9"/>
  <c r="CX495" i="9"/>
  <c r="CY495" i="9"/>
  <c r="CZ495" i="9"/>
  <c r="DA495" i="9"/>
  <c r="DB495" i="9"/>
  <c r="DD495" i="9"/>
  <c r="DE495" i="9"/>
  <c r="DF495" i="9"/>
  <c r="DG495" i="9"/>
  <c r="DH495" i="9"/>
  <c r="DK495" i="9"/>
  <c r="DL495" i="9"/>
  <c r="DL496" i="9"/>
  <c r="DH496" i="9"/>
  <c r="DG496" i="9"/>
  <c r="DF496" i="9"/>
  <c r="DE496" i="9"/>
  <c r="DD496" i="9"/>
  <c r="DC496" i="9"/>
  <c r="DB496" i="9"/>
  <c r="DA496" i="9"/>
  <c r="CZ496" i="9"/>
  <c r="CY496" i="9"/>
  <c r="CX496" i="9"/>
  <c r="CW496" i="9"/>
  <c r="CV496" i="9"/>
  <c r="CU496" i="9"/>
  <c r="CT496" i="9"/>
  <c r="CS496" i="9"/>
  <c r="CR496" i="9"/>
  <c r="CQ496" i="9"/>
  <c r="CP496" i="9"/>
  <c r="CO496" i="9"/>
  <c r="CN496" i="9"/>
  <c r="CM496" i="9"/>
  <c r="CL496" i="9"/>
  <c r="CK496" i="9"/>
  <c r="CJ496" i="9"/>
  <c r="CI496" i="9"/>
  <c r="CH496" i="9"/>
  <c r="CG496" i="9"/>
  <c r="CF496" i="9"/>
  <c r="CE496" i="9"/>
  <c r="CD496" i="9"/>
  <c r="CC496" i="9"/>
  <c r="CB496" i="9"/>
  <c r="CA496" i="9"/>
  <c r="BZ496" i="9"/>
  <c r="BY496" i="9"/>
  <c r="BX496" i="9"/>
  <c r="BW496" i="9"/>
  <c r="DL497" i="9"/>
  <c r="DH497" i="9"/>
  <c r="DG497" i="9"/>
  <c r="DF497" i="9"/>
  <c r="DE497" i="9"/>
  <c r="DD497" i="9"/>
  <c r="DC497" i="9"/>
  <c r="DB497" i="9"/>
  <c r="DA497" i="9"/>
  <c r="CZ497" i="9"/>
  <c r="CY497" i="9"/>
  <c r="CX497" i="9"/>
  <c r="CW497" i="9"/>
  <c r="CV497" i="9"/>
  <c r="CU497" i="9"/>
  <c r="CT497" i="9"/>
  <c r="CS497" i="9"/>
  <c r="CR497" i="9"/>
  <c r="CQ497" i="9"/>
  <c r="CP497" i="9"/>
  <c r="CO497" i="9"/>
  <c r="CN497" i="9"/>
  <c r="CM497" i="9"/>
  <c r="CL497" i="9"/>
  <c r="CK497" i="9"/>
  <c r="CJ497" i="9"/>
  <c r="CI497" i="9"/>
  <c r="CH497" i="9"/>
  <c r="CG497" i="9"/>
  <c r="CF497" i="9"/>
  <c r="CE497" i="9"/>
  <c r="CD497" i="9"/>
  <c r="CC497" i="9"/>
  <c r="CB497" i="9"/>
  <c r="CA497" i="9"/>
  <c r="BZ497" i="9"/>
  <c r="BY497" i="9"/>
  <c r="BX497" i="9"/>
  <c r="BW497" i="9"/>
  <c r="DL492" i="9"/>
  <c r="DH492" i="9"/>
  <c r="DG492" i="9"/>
  <c r="DF492" i="9"/>
  <c r="DE492" i="9"/>
  <c r="DD492" i="9"/>
  <c r="DC492" i="9"/>
  <c r="DB492" i="9"/>
  <c r="DA492" i="9"/>
  <c r="CZ492" i="9"/>
  <c r="CY492" i="9"/>
  <c r="CX492" i="9"/>
  <c r="CW492" i="9"/>
  <c r="CV492" i="9"/>
  <c r="CU492" i="9"/>
  <c r="CT492" i="9"/>
  <c r="CS492" i="9"/>
  <c r="CR492" i="9"/>
  <c r="CQ492" i="9"/>
  <c r="CP492" i="9"/>
  <c r="CO492" i="9"/>
  <c r="CN492" i="9"/>
  <c r="CM492" i="9"/>
  <c r="CL492" i="9"/>
  <c r="CK492" i="9"/>
  <c r="CJ492" i="9"/>
  <c r="CI492" i="9"/>
  <c r="CH492" i="9"/>
  <c r="CG492" i="9"/>
  <c r="CF492" i="9"/>
  <c r="CE492" i="9"/>
  <c r="CD492" i="9"/>
  <c r="CC492" i="9"/>
  <c r="CB492" i="9"/>
  <c r="CA492" i="9"/>
  <c r="BZ492" i="9"/>
  <c r="BY492" i="9"/>
  <c r="BX492" i="9"/>
  <c r="BW492" i="9"/>
  <c r="BV496" i="9"/>
  <c r="BV497" i="9"/>
  <c r="DL493" i="9"/>
  <c r="DK493" i="9"/>
  <c r="DH493" i="9"/>
  <c r="DG493" i="9"/>
  <c r="DF493" i="9"/>
  <c r="DE493" i="9"/>
  <c r="DD493" i="9"/>
  <c r="DC493" i="9"/>
  <c r="DB493" i="9"/>
  <c r="DA493" i="9"/>
  <c r="CZ493" i="9"/>
  <c r="CY493" i="9"/>
  <c r="CX493" i="9"/>
  <c r="CW493" i="9"/>
  <c r="CV493" i="9"/>
  <c r="CU493" i="9"/>
  <c r="CT493" i="9"/>
  <c r="CS493" i="9"/>
  <c r="CR493" i="9"/>
  <c r="CQ493" i="9"/>
  <c r="CP493" i="9"/>
  <c r="CO493" i="9"/>
  <c r="CN493" i="9"/>
  <c r="CM493" i="9"/>
  <c r="CL493" i="9"/>
  <c r="CK493" i="9"/>
  <c r="CJ493" i="9"/>
  <c r="CI493" i="9"/>
  <c r="CH493" i="9"/>
  <c r="CG493" i="9"/>
  <c r="CF493" i="9"/>
  <c r="CE493" i="9"/>
  <c r="CD493" i="9"/>
  <c r="CC493" i="9"/>
  <c r="CB493" i="9"/>
  <c r="CA493" i="9"/>
  <c r="BZ493" i="9"/>
  <c r="BY493" i="9"/>
  <c r="BX493" i="9"/>
  <c r="BW493" i="9"/>
  <c r="BV495" i="9"/>
  <c r="DL508" i="9"/>
  <c r="DK508" i="9"/>
  <c r="DJ508" i="9"/>
  <c r="DH508" i="9"/>
  <c r="DG508" i="9"/>
  <c r="DF508" i="9"/>
  <c r="DE508" i="9"/>
  <c r="DD508" i="9"/>
  <c r="DC508" i="9"/>
  <c r="DB508" i="9"/>
  <c r="DA508" i="9"/>
  <c r="CZ508" i="9"/>
  <c r="CY508" i="9"/>
  <c r="CX508" i="9"/>
  <c r="CW508" i="9"/>
  <c r="CV508" i="9"/>
  <c r="CU508" i="9"/>
  <c r="CT508" i="9"/>
  <c r="CS508" i="9"/>
  <c r="CR508" i="9"/>
  <c r="CQ508" i="9"/>
  <c r="CP508" i="9"/>
  <c r="CO508" i="9"/>
  <c r="CN508" i="9"/>
  <c r="CM508" i="9"/>
  <c r="CL508" i="9"/>
  <c r="CK508" i="9"/>
  <c r="CJ508" i="9"/>
  <c r="CI508" i="9"/>
  <c r="CH508" i="9"/>
  <c r="CG508" i="9"/>
  <c r="CF508" i="9"/>
  <c r="CE508" i="9"/>
  <c r="CD508" i="9"/>
  <c r="CC508" i="9"/>
  <c r="CB508" i="9"/>
  <c r="CA508" i="9"/>
  <c r="BZ508" i="9"/>
  <c r="BY508" i="9"/>
  <c r="BX508" i="9"/>
  <c r="BW508" i="9"/>
  <c r="BV508" i="9"/>
  <c r="BW505" i="9"/>
  <c r="BX505" i="9"/>
  <c r="BY505" i="9"/>
  <c r="BZ505" i="9"/>
  <c r="CA505" i="9"/>
  <c r="CB505" i="9"/>
  <c r="CC505" i="9"/>
  <c r="CD505" i="9"/>
  <c r="CE505" i="9"/>
  <c r="CF505" i="9"/>
  <c r="CG505" i="9"/>
  <c r="CH505" i="9"/>
  <c r="CI505" i="9"/>
  <c r="CJ505" i="9"/>
  <c r="CK505" i="9"/>
  <c r="CL505" i="9"/>
  <c r="CM505" i="9"/>
  <c r="CN505" i="9"/>
  <c r="CO505" i="9"/>
  <c r="CP505" i="9"/>
  <c r="CQ505" i="9"/>
  <c r="CR505" i="9"/>
  <c r="CS505" i="9"/>
  <c r="CT505" i="9"/>
  <c r="CU505" i="9"/>
  <c r="CV505" i="9"/>
  <c r="CW505" i="9"/>
  <c r="CX505" i="9"/>
  <c r="CY505" i="9"/>
  <c r="CZ505" i="9"/>
  <c r="DA505" i="9"/>
  <c r="DB505" i="9"/>
  <c r="DC505" i="9"/>
  <c r="DD505" i="9"/>
  <c r="DE505" i="9"/>
  <c r="DF505" i="9"/>
  <c r="DG505" i="9"/>
  <c r="DH505" i="9"/>
  <c r="DJ505" i="9"/>
  <c r="DK505" i="9"/>
  <c r="DL505" i="9"/>
  <c r="BW498" i="9"/>
  <c r="BX498" i="9"/>
  <c r="BY498" i="9"/>
  <c r="BZ498" i="9"/>
  <c r="CA498" i="9"/>
  <c r="CB498" i="9"/>
  <c r="CC498" i="9"/>
  <c r="CD498" i="9"/>
  <c r="CE498" i="9"/>
  <c r="CF498" i="9"/>
  <c r="CG498" i="9"/>
  <c r="CH498" i="9"/>
  <c r="CI498" i="9"/>
  <c r="CJ498" i="9"/>
  <c r="CK498" i="9"/>
  <c r="CL498" i="9"/>
  <c r="CM498" i="9"/>
  <c r="CN498" i="9"/>
  <c r="CO498" i="9"/>
  <c r="CP498" i="9"/>
  <c r="CQ498" i="9"/>
  <c r="CR498" i="9"/>
  <c r="CS498" i="9"/>
  <c r="CT498" i="9"/>
  <c r="CU498" i="9"/>
  <c r="CV498" i="9"/>
  <c r="CW498" i="9"/>
  <c r="CX498" i="9"/>
  <c r="CY498" i="9"/>
  <c r="CZ498" i="9"/>
  <c r="DA498" i="9"/>
  <c r="DB498" i="9"/>
  <c r="DC498" i="9"/>
  <c r="DD498" i="9"/>
  <c r="DE498" i="9"/>
  <c r="DF498" i="9"/>
  <c r="DG498" i="9"/>
  <c r="DH498" i="9"/>
  <c r="DI498" i="9"/>
  <c r="DJ498" i="9"/>
  <c r="DL498" i="9"/>
  <c r="BW503" i="9"/>
  <c r="BX503" i="9"/>
  <c r="BY503" i="9"/>
  <c r="BZ503" i="9"/>
  <c r="CA503" i="9"/>
  <c r="CB503" i="9"/>
  <c r="CC503" i="9"/>
  <c r="CD503" i="9"/>
  <c r="CE503" i="9"/>
  <c r="CF503" i="9"/>
  <c r="CG503" i="9"/>
  <c r="CH503" i="9"/>
  <c r="CI503" i="9"/>
  <c r="CJ503" i="9"/>
  <c r="CK503" i="9"/>
  <c r="CL503" i="9"/>
  <c r="CM503" i="9"/>
  <c r="CN503" i="9"/>
  <c r="CO503" i="9"/>
  <c r="CP503" i="9"/>
  <c r="CQ503" i="9"/>
  <c r="CR503" i="9"/>
  <c r="CS503" i="9"/>
  <c r="CT503" i="9"/>
  <c r="CU503" i="9"/>
  <c r="CV503" i="9"/>
  <c r="CW503" i="9"/>
  <c r="CX503" i="9"/>
  <c r="CY503" i="9"/>
  <c r="CZ503" i="9"/>
  <c r="DA503" i="9"/>
  <c r="DB503" i="9"/>
  <c r="DC503" i="9"/>
  <c r="DD503" i="9"/>
  <c r="DE503" i="9"/>
  <c r="DF503" i="9"/>
  <c r="DG503" i="9"/>
  <c r="DH503" i="9"/>
  <c r="DI503" i="9"/>
  <c r="DJ503" i="9"/>
  <c r="DL503" i="9"/>
  <c r="BW499" i="9"/>
  <c r="BX499" i="9"/>
  <c r="BY499" i="9"/>
  <c r="BZ499" i="9"/>
  <c r="CA499" i="9"/>
  <c r="CB499" i="9"/>
  <c r="CC499" i="9"/>
  <c r="CD499" i="9"/>
  <c r="CE499" i="9"/>
  <c r="CF499" i="9"/>
  <c r="CG499" i="9"/>
  <c r="CH499" i="9"/>
  <c r="CI499" i="9"/>
  <c r="CJ499" i="9"/>
  <c r="CK499" i="9"/>
  <c r="CL499" i="9"/>
  <c r="CM499" i="9"/>
  <c r="CN499" i="9"/>
  <c r="CO499" i="9"/>
  <c r="CP499" i="9"/>
  <c r="CQ499" i="9"/>
  <c r="CR499" i="9"/>
  <c r="CS499" i="9"/>
  <c r="CT499" i="9"/>
  <c r="CU499" i="9"/>
  <c r="CV499" i="9"/>
  <c r="CW499" i="9"/>
  <c r="CX499" i="9"/>
  <c r="CY499" i="9"/>
  <c r="CZ499" i="9"/>
  <c r="DA499" i="9"/>
  <c r="DB499" i="9"/>
  <c r="DC499" i="9"/>
  <c r="DD499" i="9"/>
  <c r="DE499" i="9"/>
  <c r="DF499" i="9"/>
  <c r="DG499" i="9"/>
  <c r="DH499" i="9"/>
  <c r="DL499" i="9"/>
  <c r="BW494" i="9"/>
  <c r="BX494" i="9"/>
  <c r="BY494" i="9"/>
  <c r="BZ494" i="9"/>
  <c r="CA494" i="9"/>
  <c r="CB494" i="9"/>
  <c r="CC494" i="9"/>
  <c r="CD494" i="9"/>
  <c r="CE494" i="9"/>
  <c r="CF494" i="9"/>
  <c r="CG494" i="9"/>
  <c r="CH494" i="9"/>
  <c r="CI494" i="9"/>
  <c r="CJ494" i="9"/>
  <c r="CK494" i="9"/>
  <c r="CL494" i="9"/>
  <c r="CM494" i="9"/>
  <c r="CN494" i="9"/>
  <c r="CO494" i="9"/>
  <c r="CP494" i="9"/>
  <c r="CQ494" i="9"/>
  <c r="CR494" i="9"/>
  <c r="CS494" i="9"/>
  <c r="CT494" i="9"/>
  <c r="CU494" i="9"/>
  <c r="CV494" i="9"/>
  <c r="CW494" i="9"/>
  <c r="CX494" i="9"/>
  <c r="CY494" i="9"/>
  <c r="CZ494" i="9"/>
  <c r="DB494" i="9"/>
  <c r="DC494" i="9"/>
  <c r="DD494" i="9"/>
  <c r="DE494" i="9"/>
  <c r="DF494" i="9"/>
  <c r="DG494" i="9"/>
  <c r="DH494" i="9"/>
  <c r="DI491" i="9"/>
  <c r="DH491" i="9"/>
  <c r="DG491" i="9"/>
  <c r="DF491" i="9"/>
  <c r="DE491" i="9"/>
  <c r="DD491" i="9"/>
  <c r="DC491" i="9"/>
  <c r="DB491" i="9"/>
  <c r="DA491" i="9"/>
  <c r="CZ491" i="9"/>
  <c r="CY491" i="9"/>
  <c r="CX491" i="9"/>
  <c r="CW491" i="9"/>
  <c r="CV491" i="9"/>
  <c r="CU491" i="9"/>
  <c r="CT491" i="9"/>
  <c r="CS491" i="9"/>
  <c r="CR491" i="9"/>
  <c r="CQ491" i="9"/>
  <c r="CP491" i="9"/>
  <c r="CO491" i="9"/>
  <c r="CN491" i="9"/>
  <c r="CM491" i="9"/>
  <c r="CL491" i="9"/>
  <c r="CK491" i="9"/>
  <c r="CJ491" i="9"/>
  <c r="CI491" i="9"/>
  <c r="CH491" i="9"/>
  <c r="CG491" i="9"/>
  <c r="CF491" i="9"/>
  <c r="CE491" i="9"/>
  <c r="CD491" i="9"/>
  <c r="CC491" i="9"/>
  <c r="CB491" i="9"/>
  <c r="CA491" i="9"/>
  <c r="BZ491" i="9"/>
  <c r="BY491" i="9"/>
  <c r="BX491" i="9"/>
  <c r="BW491" i="9"/>
  <c r="DI506" i="9"/>
  <c r="DH506" i="9"/>
  <c r="DG506" i="9"/>
  <c r="DF506" i="9"/>
  <c r="DE506" i="9"/>
  <c r="DD506" i="9"/>
  <c r="DC506" i="9"/>
  <c r="DB506" i="9"/>
  <c r="DA506" i="9"/>
  <c r="CZ506" i="9"/>
  <c r="CY506" i="9"/>
  <c r="CX506" i="9"/>
  <c r="CW506" i="9"/>
  <c r="CV506" i="9"/>
  <c r="CU506" i="9"/>
  <c r="CT506" i="9"/>
  <c r="CS506" i="9"/>
  <c r="CR506" i="9"/>
  <c r="CQ506" i="9"/>
  <c r="CP506" i="9"/>
  <c r="CO506" i="9"/>
  <c r="CN506" i="9"/>
  <c r="CM506" i="9"/>
  <c r="CL506" i="9"/>
  <c r="CK506" i="9"/>
  <c r="CJ506" i="9"/>
  <c r="CI506" i="9"/>
  <c r="CH506" i="9"/>
  <c r="CG506" i="9"/>
  <c r="CF506" i="9"/>
  <c r="CE506" i="9"/>
  <c r="CD506" i="9"/>
  <c r="CC506" i="9"/>
  <c r="CB506" i="9"/>
  <c r="CA506" i="9"/>
  <c r="BZ506" i="9"/>
  <c r="BY506" i="9"/>
  <c r="BX506" i="9"/>
  <c r="BW506" i="9"/>
  <c r="BV491" i="9"/>
  <c r="BW502" i="9"/>
  <c r="BX502" i="9"/>
  <c r="BY502" i="9"/>
  <c r="BZ502" i="9"/>
  <c r="CA502" i="9"/>
  <c r="CB502" i="9"/>
  <c r="CC502" i="9"/>
  <c r="CD502" i="9"/>
  <c r="CE502" i="9"/>
  <c r="CF502" i="9"/>
  <c r="CG502" i="9"/>
  <c r="CH502" i="9"/>
  <c r="CI502" i="9"/>
  <c r="CJ502" i="9"/>
  <c r="CK502" i="9"/>
  <c r="CL502" i="9"/>
  <c r="CM502" i="9"/>
  <c r="CN502" i="9"/>
  <c r="CO502" i="9"/>
  <c r="CP502" i="9"/>
  <c r="CQ502" i="9"/>
  <c r="CR502" i="9"/>
  <c r="CS502" i="9"/>
  <c r="CT502" i="9"/>
  <c r="CU502" i="9"/>
  <c r="CV502" i="9"/>
  <c r="CW502" i="9"/>
  <c r="CX502" i="9"/>
  <c r="CY502" i="9"/>
  <c r="CZ502" i="9"/>
  <c r="DA502" i="9"/>
  <c r="DB502" i="9"/>
  <c r="DC502" i="9"/>
  <c r="DD502" i="9"/>
  <c r="DE502" i="9"/>
  <c r="DF502" i="9"/>
  <c r="DG502" i="9"/>
  <c r="DH502" i="9"/>
  <c r="DI502" i="9"/>
  <c r="DK502" i="9"/>
  <c r="DL502" i="9"/>
  <c r="BW504" i="9"/>
  <c r="BX504" i="9"/>
  <c r="BY504" i="9"/>
  <c r="BZ504" i="9"/>
  <c r="CA504" i="9"/>
  <c r="CB504" i="9"/>
  <c r="CC504" i="9"/>
  <c r="CD504" i="9"/>
  <c r="CE504" i="9"/>
  <c r="CF504" i="9"/>
  <c r="CG504" i="9"/>
  <c r="CH504" i="9"/>
  <c r="CI504" i="9"/>
  <c r="CJ504" i="9"/>
  <c r="CK504" i="9"/>
  <c r="CL504" i="9"/>
  <c r="CM504" i="9"/>
  <c r="CN504" i="9"/>
  <c r="CO504" i="9"/>
  <c r="CP504" i="9"/>
  <c r="CQ504" i="9"/>
  <c r="CR504" i="9"/>
  <c r="CS504" i="9"/>
  <c r="CT504" i="9"/>
  <c r="CU504" i="9"/>
  <c r="CV504" i="9"/>
  <c r="CW504" i="9"/>
  <c r="CX504" i="9"/>
  <c r="CY504" i="9"/>
  <c r="CZ504" i="9"/>
  <c r="DA504" i="9"/>
  <c r="DB504" i="9"/>
  <c r="DC504" i="9"/>
  <c r="DD504" i="9"/>
  <c r="DE504" i="9"/>
  <c r="DF504" i="9"/>
  <c r="DG504" i="9"/>
  <c r="DH504" i="9"/>
  <c r="DI504" i="9"/>
  <c r="DJ504" i="9"/>
  <c r="DK504" i="9"/>
  <c r="BV504" i="9"/>
  <c r="BW507" i="9"/>
  <c r="BX507" i="9"/>
  <c r="BY507" i="9"/>
  <c r="BZ507" i="9"/>
  <c r="CA507" i="9"/>
  <c r="CB507" i="9"/>
  <c r="CC507" i="9"/>
  <c r="CD507" i="9"/>
  <c r="CE507" i="9"/>
  <c r="CF507" i="9"/>
  <c r="CG507" i="9"/>
  <c r="CH507" i="9"/>
  <c r="CI507" i="9"/>
  <c r="CJ507" i="9"/>
  <c r="CK507" i="9"/>
  <c r="CL507" i="9"/>
  <c r="CM507" i="9"/>
  <c r="CN507" i="9"/>
  <c r="CO507" i="9"/>
  <c r="CP507" i="9"/>
  <c r="CQ507" i="9"/>
  <c r="CR507" i="9"/>
  <c r="CS507" i="9"/>
  <c r="CT507" i="9"/>
  <c r="CU507" i="9"/>
  <c r="CV507" i="9"/>
  <c r="CW507" i="9"/>
  <c r="CX507" i="9"/>
  <c r="CY507" i="9"/>
  <c r="CZ507" i="9"/>
  <c r="DA507" i="9"/>
  <c r="DB507" i="9"/>
  <c r="DC507" i="9"/>
  <c r="DD507" i="9"/>
  <c r="DE507" i="9"/>
  <c r="DF507" i="9"/>
  <c r="DG507" i="9"/>
  <c r="DH507" i="9"/>
  <c r="DI507" i="9"/>
  <c r="DJ507" i="9"/>
  <c r="DK507" i="9"/>
  <c r="DB3" i="9"/>
  <c r="DC3" i="9"/>
  <c r="DD3" i="9"/>
  <c r="DE3" i="9"/>
  <c r="DF3" i="9"/>
  <c r="DG3" i="9"/>
  <c r="DH3" i="9"/>
  <c r="DA3" i="9"/>
  <c r="DB2" i="9"/>
  <c r="DC2" i="9"/>
  <c r="DD2" i="9"/>
  <c r="DE2" i="9"/>
  <c r="DF2" i="9"/>
  <c r="DG2" i="9"/>
  <c r="DH2" i="9"/>
  <c r="DA2" i="9"/>
  <c r="BV494" i="9"/>
  <c r="DN315" i="9" l="1"/>
  <c r="DM491" i="9"/>
  <c r="DM495" i="9"/>
  <c r="DN313" i="9"/>
  <c r="DN314" i="9"/>
  <c r="DM497" i="9"/>
  <c r="DM496" i="9"/>
  <c r="DM494" i="9"/>
  <c r="DN509" i="9"/>
  <c r="DM504" i="9"/>
  <c r="DM508" i="9"/>
  <c r="DN312" i="9"/>
  <c r="DO491" i="9"/>
  <c r="DP504" i="9"/>
  <c r="DP497" i="9"/>
  <c r="DP313" i="9"/>
  <c r="DP502" i="9"/>
  <c r="DP492" i="9"/>
  <c r="DP314" i="9"/>
  <c r="DP310" i="9"/>
  <c r="DP315" i="9"/>
  <c r="DP499" i="9"/>
  <c r="DP503" i="9"/>
  <c r="DP508" i="9"/>
  <c r="DP509" i="9"/>
  <c r="DP507" i="9"/>
  <c r="DP491" i="9"/>
  <c r="DP498" i="9"/>
  <c r="DP506" i="9"/>
  <c r="DP505" i="9"/>
  <c r="DP493" i="9"/>
  <c r="DP496" i="9"/>
  <c r="DP312" i="9"/>
  <c r="DO496" i="9"/>
  <c r="DO509" i="9"/>
  <c r="DO312" i="9"/>
  <c r="DO506" i="9"/>
  <c r="DO493" i="9"/>
  <c r="DO499" i="9"/>
  <c r="DO497" i="9"/>
  <c r="DO313" i="9"/>
  <c r="DO492" i="9"/>
  <c r="DO314" i="9"/>
  <c r="DO507" i="9"/>
  <c r="DO494" i="9"/>
  <c r="DO310" i="9"/>
  <c r="DO505" i="9"/>
  <c r="DO503" i="9"/>
  <c r="DO315" i="9"/>
  <c r="DO504" i="9"/>
  <c r="DO495" i="9"/>
  <c r="DO498" i="9"/>
  <c r="DO502" i="9"/>
  <c r="DO508" i="9"/>
  <c r="CM335" i="9"/>
  <c r="CN335" i="9"/>
  <c r="CO335" i="9"/>
  <c r="CP335" i="9"/>
  <c r="CQ335" i="9"/>
  <c r="CR335" i="9"/>
  <c r="CS335" i="9"/>
  <c r="CT335" i="9"/>
  <c r="CU335" i="9"/>
  <c r="CV335" i="9"/>
  <c r="CW335" i="9"/>
  <c r="CX335" i="9"/>
  <c r="CY335" i="9"/>
  <c r="CZ335" i="9"/>
  <c r="DA335" i="9"/>
  <c r="DB335" i="9"/>
  <c r="DC335" i="9"/>
  <c r="DD335" i="9"/>
  <c r="DE335" i="9"/>
  <c r="DF335" i="9"/>
  <c r="DG335" i="9"/>
  <c r="DH335" i="9"/>
  <c r="CN476" i="9"/>
  <c r="CO476" i="9"/>
  <c r="CP476" i="9"/>
  <c r="CQ476" i="9"/>
  <c r="CR476" i="9"/>
  <c r="CS476" i="9"/>
  <c r="CT476" i="9"/>
  <c r="CU476" i="9"/>
  <c r="CV476" i="9"/>
  <c r="CW476" i="9"/>
  <c r="CX476" i="9"/>
  <c r="CY476" i="9"/>
  <c r="CZ476" i="9"/>
  <c r="DA476" i="9"/>
  <c r="DB476" i="9"/>
  <c r="DC476" i="9"/>
  <c r="DD476" i="9"/>
  <c r="DE476" i="9"/>
  <c r="DF476" i="9"/>
  <c r="DG476" i="9"/>
  <c r="DH476" i="9"/>
  <c r="DH402" i="9"/>
  <c r="DG402" i="9"/>
  <c r="DF402" i="9"/>
  <c r="DE402" i="9"/>
  <c r="DD402" i="9"/>
  <c r="DC402" i="9"/>
  <c r="DB402" i="9"/>
  <c r="DA402" i="9"/>
  <c r="CZ402" i="9"/>
  <c r="CY402" i="9"/>
  <c r="CX402" i="9"/>
  <c r="CW402" i="9"/>
  <c r="CV402" i="9"/>
  <c r="CU402" i="9"/>
  <c r="CT402" i="9"/>
  <c r="CS402" i="9"/>
  <c r="CR402" i="9"/>
  <c r="CQ402" i="9"/>
  <c r="CP402" i="9"/>
  <c r="CO402" i="9"/>
  <c r="CN402" i="9"/>
  <c r="CM402" i="9"/>
  <c r="DH404" i="9"/>
  <c r="DG404" i="9"/>
  <c r="DF404" i="9"/>
  <c r="DE404" i="9"/>
  <c r="DD404" i="9"/>
  <c r="DC404" i="9"/>
  <c r="DB404" i="9"/>
  <c r="DA404" i="9"/>
  <c r="CZ404" i="9"/>
  <c r="CY404" i="9"/>
  <c r="CX404" i="9"/>
  <c r="CW404" i="9"/>
  <c r="CV404" i="9"/>
  <c r="CU404" i="9"/>
  <c r="CT404" i="9"/>
  <c r="CS404" i="9"/>
  <c r="CR404" i="9"/>
  <c r="CQ404" i="9"/>
  <c r="CP404" i="9"/>
  <c r="CO404" i="9"/>
  <c r="CN404" i="9"/>
  <c r="CM404" i="9"/>
  <c r="DP402" i="9" l="1"/>
  <c r="DP404" i="9"/>
  <c r="DP335" i="9"/>
  <c r="DP476" i="9"/>
  <c r="DO335" i="9"/>
  <c r="DO402" i="9"/>
  <c r="DO404" i="9"/>
  <c r="AR365" i="9"/>
  <c r="AR364" i="9"/>
  <c r="AR363" i="9"/>
  <c r="AR362" i="9"/>
  <c r="AR361" i="9"/>
  <c r="AR360" i="9"/>
  <c r="AR359" i="9"/>
  <c r="AR358" i="9"/>
  <c r="AR357" i="9"/>
  <c r="AR356" i="9"/>
  <c r="AR355" i="9"/>
  <c r="AR354" i="9"/>
  <c r="AR353" i="9"/>
  <c r="AR352" i="9"/>
  <c r="AR453" i="9"/>
  <c r="AR452" i="9"/>
  <c r="AR427" i="9"/>
  <c r="AR426" i="9"/>
  <c r="AR425" i="9"/>
  <c r="AR424" i="9"/>
  <c r="AR423" i="9"/>
  <c r="AR422" i="9"/>
  <c r="AR421" i="9"/>
  <c r="AR420" i="9"/>
  <c r="AR414" i="9"/>
  <c r="AR389" i="9"/>
  <c r="AR388" i="9"/>
  <c r="AR387" i="9"/>
  <c r="AR386" i="9"/>
  <c r="AR331" i="9"/>
  <c r="AR278" i="9"/>
  <c r="AR328" i="9"/>
  <c r="AR327" i="9"/>
  <c r="AR277" i="9"/>
  <c r="AR321" i="9"/>
  <c r="AR305" i="9"/>
  <c r="AR304" i="9"/>
  <c r="AR303" i="9"/>
  <c r="AR302" i="9"/>
  <c r="AR288" i="9"/>
  <c r="AR287" i="9"/>
  <c r="AR286" i="9"/>
  <c r="AR477" i="9"/>
  <c r="AR474" i="9"/>
  <c r="AR473" i="9"/>
  <c r="AR482" i="9"/>
  <c r="AR472" i="9"/>
  <c r="DL464" i="9"/>
  <c r="DK464" i="9"/>
  <c r="DJ464" i="9"/>
  <c r="DI464" i="9"/>
  <c r="DH464" i="9"/>
  <c r="DG464" i="9"/>
  <c r="DF464" i="9"/>
  <c r="DE464" i="9"/>
  <c r="DD464" i="9"/>
  <c r="DC464" i="9"/>
  <c r="DB464" i="9"/>
  <c r="DA464" i="9"/>
  <c r="CZ464" i="9"/>
  <c r="CY464" i="9"/>
  <c r="CX464" i="9"/>
  <c r="CW464" i="9"/>
  <c r="CV464" i="9"/>
  <c r="CU464" i="9"/>
  <c r="CT464" i="9"/>
  <c r="CS464" i="9"/>
  <c r="CR464" i="9"/>
  <c r="CQ464" i="9"/>
  <c r="CP464" i="9"/>
  <c r="CO464" i="9"/>
  <c r="CN464" i="9"/>
  <c r="CM464" i="9"/>
  <c r="CL464" i="9"/>
  <c r="CK464" i="9"/>
  <c r="CJ464" i="9"/>
  <c r="CI464" i="9"/>
  <c r="CH464" i="9"/>
  <c r="CG464" i="9"/>
  <c r="CF464" i="9"/>
  <c r="CE464" i="9"/>
  <c r="CD464" i="9"/>
  <c r="CC464" i="9"/>
  <c r="CB464" i="9"/>
  <c r="CA464" i="9"/>
  <c r="BZ464" i="9"/>
  <c r="BY464" i="9"/>
  <c r="BX464" i="9"/>
  <c r="BW464" i="9"/>
  <c r="DL309" i="9"/>
  <c r="DJ309" i="9"/>
  <c r="DI309" i="9"/>
  <c r="DH309" i="9"/>
  <c r="DG309" i="9"/>
  <c r="DF309" i="9"/>
  <c r="DE309" i="9"/>
  <c r="DD309" i="9"/>
  <c r="DC309" i="9"/>
  <c r="DB309" i="9"/>
  <c r="DA309" i="9"/>
  <c r="CZ309" i="9"/>
  <c r="CY309" i="9"/>
  <c r="CX309" i="9"/>
  <c r="CW309" i="9"/>
  <c r="CV309" i="9"/>
  <c r="CU309" i="9"/>
  <c r="CT309" i="9"/>
  <c r="CS309" i="9"/>
  <c r="CR309" i="9"/>
  <c r="CQ309" i="9"/>
  <c r="CP309" i="9"/>
  <c r="CO309" i="9"/>
  <c r="CN309" i="9"/>
  <c r="CM309" i="9"/>
  <c r="CL309" i="9"/>
  <c r="CK309" i="9"/>
  <c r="CJ309" i="9"/>
  <c r="CI309" i="9"/>
  <c r="CH309" i="9"/>
  <c r="CG309" i="9"/>
  <c r="CF309" i="9"/>
  <c r="CE309" i="9"/>
  <c r="CD309" i="9"/>
  <c r="CC309" i="9"/>
  <c r="CB309" i="9"/>
  <c r="CA309" i="9"/>
  <c r="BZ309" i="9"/>
  <c r="BY309" i="9"/>
  <c r="BX309" i="9"/>
  <c r="BW309" i="9"/>
  <c r="DL488" i="9"/>
  <c r="DK488" i="9"/>
  <c r="DJ488" i="9"/>
  <c r="DI488" i="9"/>
  <c r="DH488" i="9"/>
  <c r="DG488" i="9"/>
  <c r="DF488" i="9"/>
  <c r="DE488" i="9"/>
  <c r="DD488" i="9"/>
  <c r="DC488" i="9"/>
  <c r="DB488" i="9"/>
  <c r="DA488" i="9"/>
  <c r="CZ488" i="9"/>
  <c r="CY488" i="9"/>
  <c r="CX488" i="9"/>
  <c r="CW488" i="9"/>
  <c r="CV488" i="9"/>
  <c r="CU488" i="9"/>
  <c r="CT488" i="9"/>
  <c r="CS488" i="9"/>
  <c r="CR488" i="9"/>
  <c r="CQ488" i="9"/>
  <c r="CP488" i="9"/>
  <c r="CO488" i="9"/>
  <c r="CN488" i="9"/>
  <c r="CM488" i="9"/>
  <c r="CL488" i="9"/>
  <c r="CK488" i="9"/>
  <c r="CJ488" i="9"/>
  <c r="CH488" i="9"/>
  <c r="CG488" i="9"/>
  <c r="CF488" i="9"/>
  <c r="CE488" i="9"/>
  <c r="CD488" i="9"/>
  <c r="CC488" i="9"/>
  <c r="CB488" i="9"/>
  <c r="CA488" i="9"/>
  <c r="BZ488" i="9"/>
  <c r="BY488" i="9"/>
  <c r="BX488" i="9"/>
  <c r="BW488" i="9"/>
  <c r="DL486" i="9"/>
  <c r="DJ486" i="9"/>
  <c r="DI486" i="9"/>
  <c r="DH486" i="9"/>
  <c r="DG486" i="9"/>
  <c r="DF486" i="9"/>
  <c r="DE486" i="9"/>
  <c r="DD486" i="9"/>
  <c r="DC486" i="9"/>
  <c r="DB486" i="9"/>
  <c r="DA486" i="9"/>
  <c r="CZ486" i="9"/>
  <c r="CY486" i="9"/>
  <c r="CX486" i="9"/>
  <c r="CW486" i="9"/>
  <c r="CV486" i="9"/>
  <c r="CU486" i="9"/>
  <c r="CT486" i="9"/>
  <c r="CS486" i="9"/>
  <c r="CR486" i="9"/>
  <c r="CQ486" i="9"/>
  <c r="CP486" i="9"/>
  <c r="CO486" i="9"/>
  <c r="CN486" i="9"/>
  <c r="CM486" i="9"/>
  <c r="CL486" i="9"/>
  <c r="CK486" i="9"/>
  <c r="CJ486" i="9"/>
  <c r="CI486" i="9"/>
  <c r="CH486" i="9"/>
  <c r="CG486" i="9"/>
  <c r="CF486" i="9"/>
  <c r="CE486" i="9"/>
  <c r="CD486" i="9"/>
  <c r="CC486" i="9"/>
  <c r="CB486" i="9"/>
  <c r="CA486" i="9"/>
  <c r="BZ486" i="9"/>
  <c r="BY486" i="9"/>
  <c r="BX486" i="9"/>
  <c r="BW486" i="9"/>
  <c r="BV310" i="9"/>
  <c r="BV309" i="9"/>
  <c r="BV488" i="9"/>
  <c r="DL333" i="9"/>
  <c r="DK333" i="9"/>
  <c r="DJ333" i="9"/>
  <c r="DI333" i="9"/>
  <c r="DH333" i="9"/>
  <c r="DG333" i="9"/>
  <c r="DF333" i="9"/>
  <c r="DE333" i="9"/>
  <c r="DD333" i="9"/>
  <c r="DC333" i="9"/>
  <c r="DB333" i="9"/>
  <c r="DA333" i="9"/>
  <c r="DK308" i="9"/>
  <c r="DJ308" i="9"/>
  <c r="DI308" i="9"/>
  <c r="DH308" i="9"/>
  <c r="DG308" i="9"/>
  <c r="DF308" i="9"/>
  <c r="DE308" i="9"/>
  <c r="DD308" i="9"/>
  <c r="DC308" i="9"/>
  <c r="DB308" i="9"/>
  <c r="DA308" i="9"/>
  <c r="DL297" i="9"/>
  <c r="DK297" i="9"/>
  <c r="DJ297" i="9"/>
  <c r="DI297" i="9"/>
  <c r="DH297" i="9"/>
  <c r="DG297" i="9"/>
  <c r="DF297" i="9"/>
  <c r="DE297" i="9"/>
  <c r="DD297" i="9"/>
  <c r="DC297" i="9"/>
  <c r="DB297" i="9"/>
  <c r="DA297" i="9"/>
  <c r="DL296" i="9"/>
  <c r="DK296" i="9"/>
  <c r="DJ296" i="9"/>
  <c r="DI296" i="9"/>
  <c r="DH296" i="9"/>
  <c r="DG296" i="9"/>
  <c r="DF296" i="9"/>
  <c r="DE296" i="9"/>
  <c r="DD296" i="9"/>
  <c r="DC296" i="9"/>
  <c r="DB296" i="9"/>
  <c r="DA296" i="9"/>
  <c r="DL295" i="9"/>
  <c r="DK295" i="9"/>
  <c r="DJ295" i="9"/>
  <c r="DI295" i="9"/>
  <c r="DH295" i="9"/>
  <c r="DG295" i="9"/>
  <c r="DF295" i="9"/>
  <c r="DE295" i="9"/>
  <c r="DD295" i="9"/>
  <c r="DC295" i="9"/>
  <c r="DB295" i="9"/>
  <c r="DA295" i="9"/>
  <c r="DL294" i="9"/>
  <c r="DJ294" i="9"/>
  <c r="DI294" i="9"/>
  <c r="DH294" i="9"/>
  <c r="DG294" i="9"/>
  <c r="DF294" i="9"/>
  <c r="DE294" i="9"/>
  <c r="DD294" i="9"/>
  <c r="DC294" i="9"/>
  <c r="DB294" i="9"/>
  <c r="DA294" i="9"/>
  <c r="DL293" i="9"/>
  <c r="DK293" i="9"/>
  <c r="DI293" i="9"/>
  <c r="DH293" i="9"/>
  <c r="DG293" i="9"/>
  <c r="DF293" i="9"/>
  <c r="DE293" i="9"/>
  <c r="DD293" i="9"/>
  <c r="DC293" i="9"/>
  <c r="DB293" i="9"/>
  <c r="DA293" i="9"/>
  <c r="DL292" i="9"/>
  <c r="DK292" i="9"/>
  <c r="DJ292" i="9"/>
  <c r="DH292" i="9"/>
  <c r="DG292" i="9"/>
  <c r="DF292" i="9"/>
  <c r="DE292" i="9"/>
  <c r="DD292" i="9"/>
  <c r="DC292" i="9"/>
  <c r="DB292" i="9"/>
  <c r="DA292" i="9"/>
  <c r="DL291" i="9"/>
  <c r="DK291" i="9"/>
  <c r="DJ291" i="9"/>
  <c r="DI291" i="9"/>
  <c r="DH291" i="9"/>
  <c r="DG291" i="9"/>
  <c r="DF291" i="9"/>
  <c r="DE291" i="9"/>
  <c r="DD291" i="9"/>
  <c r="DC291" i="9"/>
  <c r="DB291" i="9"/>
  <c r="DA291" i="9"/>
  <c r="DA318" i="9"/>
  <c r="DB318" i="9"/>
  <c r="DC318" i="9"/>
  <c r="DD318" i="9"/>
  <c r="DE318" i="9"/>
  <c r="DF318" i="9"/>
  <c r="DG318" i="9"/>
  <c r="DH318" i="9"/>
  <c r="DL318" i="9"/>
  <c r="DA465" i="9"/>
  <c r="DB465" i="9"/>
  <c r="DC465" i="9"/>
  <c r="DD465" i="9"/>
  <c r="DE465" i="9"/>
  <c r="DF465" i="9"/>
  <c r="DG465" i="9"/>
  <c r="DH465" i="9"/>
  <c r="DJ465" i="9"/>
  <c r="DK465" i="9"/>
  <c r="DL465" i="9"/>
  <c r="DL476" i="9"/>
  <c r="DK476" i="9"/>
  <c r="DJ476" i="9"/>
  <c r="DI476" i="9"/>
  <c r="DN476" i="9" l="1"/>
  <c r="DN296" i="9"/>
  <c r="DN488" i="9"/>
  <c r="DN291" i="9"/>
  <c r="DM309" i="9"/>
  <c r="DN333" i="9"/>
  <c r="DN464" i="9"/>
  <c r="DN295" i="9"/>
  <c r="DN297" i="9"/>
  <c r="DP295" i="9"/>
  <c r="DP297" i="9"/>
  <c r="DP318" i="9"/>
  <c r="DP293" i="9"/>
  <c r="DP296" i="9"/>
  <c r="DP308" i="9"/>
  <c r="DP486" i="9"/>
  <c r="DP488" i="9"/>
  <c r="DP294" i="9"/>
  <c r="DP309" i="9"/>
  <c r="DP465" i="9"/>
  <c r="DP291" i="9"/>
  <c r="DP292" i="9"/>
  <c r="DP333" i="9"/>
  <c r="DP464" i="9"/>
  <c r="DO486" i="9"/>
  <c r="DO488" i="9"/>
  <c r="DO309" i="9"/>
  <c r="DO464" i="9"/>
  <c r="DD556" i="9"/>
  <c r="DF556" i="9"/>
  <c r="DG556" i="9"/>
  <c r="DH556" i="9"/>
  <c r="DB556" i="9"/>
  <c r="DE556" i="9"/>
  <c r="V4" i="29"/>
  <c r="BH4" i="29"/>
  <c r="CB4" i="29" s="1"/>
  <c r="BI4" i="29"/>
  <c r="BJ4" i="29"/>
  <c r="BK4" i="29"/>
  <c r="BL4" i="29"/>
  <c r="BM4" i="29"/>
  <c r="BN4" i="29"/>
  <c r="BO4" i="29"/>
  <c r="BP4" i="29"/>
  <c r="BQ4" i="29"/>
  <c r="BR4" i="29"/>
  <c r="BS4" i="29"/>
  <c r="BT4" i="29"/>
  <c r="BU4" i="29"/>
  <c r="BV4" i="29"/>
  <c r="BW4" i="29"/>
  <c r="BX4" i="29"/>
  <c r="BY4" i="29"/>
  <c r="BZ4" i="29"/>
  <c r="CA4" i="29"/>
  <c r="V5" i="29"/>
  <c r="BH5" i="29"/>
  <c r="BI5" i="29"/>
  <c r="BJ5" i="29"/>
  <c r="BK5" i="29"/>
  <c r="BL5" i="29"/>
  <c r="BM5" i="29"/>
  <c r="BN5" i="29"/>
  <c r="BO5" i="29"/>
  <c r="BP5" i="29"/>
  <c r="BQ5" i="29"/>
  <c r="BR5" i="29"/>
  <c r="BS5" i="29"/>
  <c r="BT5" i="29"/>
  <c r="BU5" i="29"/>
  <c r="BV5" i="29"/>
  <c r="BW5" i="29"/>
  <c r="BX5" i="29"/>
  <c r="BY5" i="29"/>
  <c r="BZ5" i="29"/>
  <c r="CA5" i="29"/>
  <c r="CB5" i="29"/>
  <c r="V6" i="29"/>
  <c r="BH6" i="29"/>
  <c r="BI6" i="29"/>
  <c r="BJ6" i="29"/>
  <c r="BK6" i="29"/>
  <c r="BL6" i="29"/>
  <c r="BM6" i="29"/>
  <c r="BN6" i="29"/>
  <c r="BO6" i="29"/>
  <c r="BP6" i="29"/>
  <c r="BQ6" i="29"/>
  <c r="BR6" i="29"/>
  <c r="BS6" i="29"/>
  <c r="BT6" i="29"/>
  <c r="BU6" i="29"/>
  <c r="BV6" i="29"/>
  <c r="BW6" i="29"/>
  <c r="BX6" i="29"/>
  <c r="BY6" i="29"/>
  <c r="BZ6" i="29"/>
  <c r="CA6" i="29"/>
  <c r="CB6" i="29"/>
  <c r="V7" i="29"/>
  <c r="BH7" i="29"/>
  <c r="CB7" i="29" s="1"/>
  <c r="BI7" i="29"/>
  <c r="BJ7" i="29"/>
  <c r="BK7" i="29"/>
  <c r="BL7" i="29"/>
  <c r="BM7" i="29"/>
  <c r="BN7" i="29"/>
  <c r="BO7" i="29"/>
  <c r="BP7" i="29"/>
  <c r="BQ7" i="29"/>
  <c r="BR7" i="29"/>
  <c r="BS7" i="29"/>
  <c r="BT7" i="29"/>
  <c r="BU7" i="29"/>
  <c r="BV7" i="29"/>
  <c r="BW7" i="29"/>
  <c r="BX7" i="29"/>
  <c r="BY7" i="29"/>
  <c r="BZ7" i="29"/>
  <c r="CA7" i="29"/>
  <c r="V8" i="29"/>
  <c r="BH8" i="29"/>
  <c r="CB8" i="29" s="1"/>
  <c r="BI8" i="29"/>
  <c r="BJ8" i="29"/>
  <c r="BK8" i="29"/>
  <c r="BL8" i="29"/>
  <c r="BM8" i="29"/>
  <c r="BN8" i="29"/>
  <c r="BO8" i="29"/>
  <c r="BP8" i="29"/>
  <c r="BQ8" i="29"/>
  <c r="BR8" i="29"/>
  <c r="BS8" i="29"/>
  <c r="BT8" i="29"/>
  <c r="BU8" i="29"/>
  <c r="BV8" i="29"/>
  <c r="BW8" i="29"/>
  <c r="BX8" i="29"/>
  <c r="BY8" i="29"/>
  <c r="BZ8" i="29"/>
  <c r="CA8" i="29"/>
  <c r="V89" i="29"/>
  <c r="AN89" i="29"/>
  <c r="AO89" i="29"/>
  <c r="AP89" i="29"/>
  <c r="AQ89" i="29"/>
  <c r="AR89" i="29"/>
  <c r="AS89" i="29"/>
  <c r="V94" i="29"/>
  <c r="AN94" i="29"/>
  <c r="AO94" i="29"/>
  <c r="AP94" i="29"/>
  <c r="AQ94" i="29"/>
  <c r="AR94" i="29"/>
  <c r="AS94" i="29"/>
  <c r="V11" i="29"/>
  <c r="BH11" i="29"/>
  <c r="CB11" i="29" s="1"/>
  <c r="BI11" i="29"/>
  <c r="BJ11" i="29"/>
  <c r="BK11" i="29"/>
  <c r="BL11" i="29"/>
  <c r="BM11" i="29"/>
  <c r="BN11" i="29"/>
  <c r="BO11" i="29"/>
  <c r="BP11" i="29"/>
  <c r="BQ11" i="29"/>
  <c r="BR11" i="29"/>
  <c r="BS11" i="29"/>
  <c r="BT11" i="29"/>
  <c r="BU11" i="29"/>
  <c r="BV11" i="29"/>
  <c r="BW11" i="29"/>
  <c r="BX11" i="29"/>
  <c r="BY11" i="29"/>
  <c r="BZ11" i="29"/>
  <c r="CA11" i="29"/>
  <c r="V12" i="29"/>
  <c r="BH12" i="29"/>
  <c r="CB12" i="29" s="1"/>
  <c r="BI12" i="29"/>
  <c r="BJ12" i="29"/>
  <c r="BK12" i="29"/>
  <c r="BL12" i="29"/>
  <c r="BM12" i="29"/>
  <c r="BN12" i="29"/>
  <c r="BO12" i="29"/>
  <c r="BP12" i="29"/>
  <c r="BQ12" i="29"/>
  <c r="BR12" i="29"/>
  <c r="BS12" i="29"/>
  <c r="BT12" i="29"/>
  <c r="BU12" i="29"/>
  <c r="BV12" i="29"/>
  <c r="BW12" i="29"/>
  <c r="BX12" i="29"/>
  <c r="BY12" i="29"/>
  <c r="BZ12" i="29"/>
  <c r="CA12" i="29"/>
  <c r="V13" i="29"/>
  <c r="BH13" i="29"/>
  <c r="CB13" i="29" s="1"/>
  <c r="BI13" i="29"/>
  <c r="BJ13" i="29"/>
  <c r="BK13" i="29"/>
  <c r="BL13" i="29"/>
  <c r="BM13" i="29"/>
  <c r="BN13" i="29"/>
  <c r="BO13" i="29"/>
  <c r="BP13" i="29"/>
  <c r="BQ13" i="29"/>
  <c r="BR13" i="29"/>
  <c r="BS13" i="29"/>
  <c r="BT13" i="29"/>
  <c r="BU13" i="29"/>
  <c r="BV13" i="29"/>
  <c r="BW13" i="29"/>
  <c r="BX13" i="29"/>
  <c r="BY13" i="29"/>
  <c r="BZ13" i="29"/>
  <c r="CA13" i="29"/>
  <c r="V14" i="29"/>
  <c r="BH14" i="29"/>
  <c r="CB14" i="29" s="1"/>
  <c r="BI14" i="29"/>
  <c r="BJ14" i="29"/>
  <c r="BK14" i="29"/>
  <c r="BL14" i="29"/>
  <c r="BM14" i="29"/>
  <c r="BN14" i="29"/>
  <c r="BO14" i="29"/>
  <c r="BP14" i="29"/>
  <c r="BQ14" i="29"/>
  <c r="BR14" i="29"/>
  <c r="BS14" i="29"/>
  <c r="BT14" i="29"/>
  <c r="BU14" i="29"/>
  <c r="BV14" i="29"/>
  <c r="BW14" i="29"/>
  <c r="BX14" i="29"/>
  <c r="BY14" i="29"/>
  <c r="BZ14" i="29"/>
  <c r="CA14" i="29"/>
  <c r="V15" i="29"/>
  <c r="BH15" i="29"/>
  <c r="CB15" i="29" s="1"/>
  <c r="BI15" i="29"/>
  <c r="BJ15" i="29"/>
  <c r="BK15" i="29"/>
  <c r="BL15" i="29"/>
  <c r="BM15" i="29"/>
  <c r="BN15" i="29"/>
  <c r="BO15" i="29"/>
  <c r="BP15" i="29"/>
  <c r="BQ15" i="29"/>
  <c r="BR15" i="29"/>
  <c r="BS15" i="29"/>
  <c r="BT15" i="29"/>
  <c r="BU15" i="29"/>
  <c r="BV15" i="29"/>
  <c r="BW15" i="29"/>
  <c r="BX15" i="29"/>
  <c r="BY15" i="29"/>
  <c r="BZ15" i="29"/>
  <c r="CA15" i="29"/>
  <c r="V16" i="29"/>
  <c r="BH16" i="29"/>
  <c r="CB16" i="29" s="1"/>
  <c r="BI16" i="29"/>
  <c r="BJ16" i="29"/>
  <c r="BK16" i="29"/>
  <c r="BL16" i="29"/>
  <c r="BM16" i="29"/>
  <c r="BN16" i="29"/>
  <c r="BO16" i="29"/>
  <c r="BP16" i="29"/>
  <c r="BQ16" i="29"/>
  <c r="BR16" i="29"/>
  <c r="BS16" i="29"/>
  <c r="BT16" i="29"/>
  <c r="BU16" i="29"/>
  <c r="BV16" i="29"/>
  <c r="BW16" i="29"/>
  <c r="BX16" i="29"/>
  <c r="BY16" i="29"/>
  <c r="BZ16" i="29"/>
  <c r="CA16" i="29"/>
  <c r="V22" i="29"/>
  <c r="BH22" i="29"/>
  <c r="CB22" i="29" s="1"/>
  <c r="BI22" i="29"/>
  <c r="BJ22" i="29"/>
  <c r="BK22" i="29"/>
  <c r="BL22" i="29"/>
  <c r="BM22" i="29"/>
  <c r="BN22" i="29"/>
  <c r="BO22" i="29"/>
  <c r="BP22" i="29"/>
  <c r="BQ22" i="29"/>
  <c r="BR22" i="29"/>
  <c r="BS22" i="29"/>
  <c r="BT22" i="29"/>
  <c r="BU22" i="29"/>
  <c r="BV22" i="29"/>
  <c r="BW22" i="29"/>
  <c r="BX22" i="29"/>
  <c r="BY22" i="29"/>
  <c r="BZ22" i="29"/>
  <c r="CA22" i="29"/>
  <c r="V33" i="29"/>
  <c r="AN33" i="29"/>
  <c r="AO33" i="29"/>
  <c r="AP33" i="29"/>
  <c r="AQ33" i="29"/>
  <c r="AR33" i="29"/>
  <c r="AS33" i="29"/>
  <c r="BC33" i="29"/>
  <c r="V34" i="29"/>
  <c r="AN34" i="29"/>
  <c r="AO34" i="29"/>
  <c r="AP34" i="29"/>
  <c r="AQ34" i="29"/>
  <c r="AR34" i="29"/>
  <c r="AS34" i="29"/>
  <c r="BC34" i="29"/>
  <c r="V35" i="29"/>
  <c r="AN35" i="29"/>
  <c r="AO35" i="29"/>
  <c r="AP35" i="29"/>
  <c r="AQ35" i="29"/>
  <c r="AR35" i="29"/>
  <c r="AS35" i="29"/>
  <c r="BC35" i="29"/>
  <c r="V21" i="29"/>
  <c r="BC21" i="29"/>
  <c r="BH21" i="29"/>
  <c r="CB21" i="29" s="1"/>
  <c r="BI21" i="29"/>
  <c r="BJ21" i="29"/>
  <c r="BK21" i="29"/>
  <c r="BL21" i="29"/>
  <c r="BM21" i="29"/>
  <c r="BN21" i="29"/>
  <c r="BO21" i="29"/>
  <c r="BP21" i="29"/>
  <c r="BQ21" i="29"/>
  <c r="BR21" i="29"/>
  <c r="BS21" i="29"/>
  <c r="BT21" i="29"/>
  <c r="BU21" i="29"/>
  <c r="BV21" i="29"/>
  <c r="BW21" i="29"/>
  <c r="BX21" i="29"/>
  <c r="BY21" i="29"/>
  <c r="BZ21" i="29"/>
  <c r="CA21" i="29"/>
  <c r="V23" i="29"/>
  <c r="BH23" i="29"/>
  <c r="CB23" i="29" s="1"/>
  <c r="BI23" i="29"/>
  <c r="BJ23" i="29"/>
  <c r="BK23" i="29"/>
  <c r="BL23" i="29"/>
  <c r="BM23" i="29"/>
  <c r="BN23" i="29"/>
  <c r="BO23" i="29"/>
  <c r="BP23" i="29"/>
  <c r="BQ23" i="29"/>
  <c r="BR23" i="29"/>
  <c r="BS23" i="29"/>
  <c r="BT23" i="29"/>
  <c r="BU23" i="29"/>
  <c r="BV23" i="29"/>
  <c r="BW23" i="29"/>
  <c r="BX23" i="29"/>
  <c r="BY23" i="29"/>
  <c r="BZ23" i="29"/>
  <c r="CA23" i="29"/>
  <c r="V24" i="29"/>
  <c r="BH24" i="29"/>
  <c r="CB24" i="29" s="1"/>
  <c r="BI24" i="29"/>
  <c r="BJ24" i="29"/>
  <c r="BK24" i="29"/>
  <c r="BL24" i="29"/>
  <c r="BM24" i="29"/>
  <c r="BN24" i="29"/>
  <c r="BO24" i="29"/>
  <c r="BP24" i="29"/>
  <c r="BQ24" i="29"/>
  <c r="BR24" i="29"/>
  <c r="BS24" i="29"/>
  <c r="BT24" i="29"/>
  <c r="BU24" i="29"/>
  <c r="BV24" i="29"/>
  <c r="BW24" i="29"/>
  <c r="BX24" i="29"/>
  <c r="BY24" i="29"/>
  <c r="BZ24" i="29"/>
  <c r="CA24" i="29"/>
  <c r="V25" i="29"/>
  <c r="BH25" i="29"/>
  <c r="CB25" i="29" s="1"/>
  <c r="BI25" i="29"/>
  <c r="BJ25" i="29"/>
  <c r="BK25" i="29"/>
  <c r="BL25" i="29"/>
  <c r="BM25" i="29"/>
  <c r="BN25" i="29"/>
  <c r="BO25" i="29"/>
  <c r="BP25" i="29"/>
  <c r="BQ25" i="29"/>
  <c r="BR25" i="29"/>
  <c r="BS25" i="29"/>
  <c r="BT25" i="29"/>
  <c r="BU25" i="29"/>
  <c r="BV25" i="29"/>
  <c r="BW25" i="29"/>
  <c r="BX25" i="29"/>
  <c r="BY25" i="29"/>
  <c r="BZ25" i="29"/>
  <c r="CA25" i="29"/>
  <c r="V26" i="29"/>
  <c r="BH26" i="29"/>
  <c r="CB26" i="29" s="1"/>
  <c r="BI26" i="29"/>
  <c r="BJ26" i="29"/>
  <c r="BK26" i="29"/>
  <c r="BL26" i="29"/>
  <c r="BM26" i="29"/>
  <c r="BN26" i="29"/>
  <c r="BO26" i="29"/>
  <c r="BP26" i="29"/>
  <c r="BQ26" i="29"/>
  <c r="BR26" i="29"/>
  <c r="BS26" i="29"/>
  <c r="BT26" i="29"/>
  <c r="BU26" i="29"/>
  <c r="BV26" i="29"/>
  <c r="BW26" i="29"/>
  <c r="BX26" i="29"/>
  <c r="BY26" i="29"/>
  <c r="BZ26" i="29"/>
  <c r="CA26" i="29"/>
  <c r="V27" i="29"/>
  <c r="BH27" i="29"/>
  <c r="CB27" i="29" s="1"/>
  <c r="BI27" i="29"/>
  <c r="BJ27" i="29"/>
  <c r="BK27" i="29"/>
  <c r="BL27" i="29"/>
  <c r="BM27" i="29"/>
  <c r="BN27" i="29"/>
  <c r="BO27" i="29"/>
  <c r="BP27" i="29"/>
  <c r="BQ27" i="29"/>
  <c r="BR27" i="29"/>
  <c r="BS27" i="29"/>
  <c r="BT27" i="29"/>
  <c r="BU27" i="29"/>
  <c r="BV27" i="29"/>
  <c r="BW27" i="29"/>
  <c r="BX27" i="29"/>
  <c r="BY27" i="29"/>
  <c r="BZ27" i="29"/>
  <c r="CA27" i="29"/>
  <c r="V28" i="29"/>
  <c r="BH28" i="29"/>
  <c r="CB28" i="29" s="1"/>
  <c r="BI28" i="29"/>
  <c r="BJ28" i="29"/>
  <c r="BK28" i="29"/>
  <c r="BL28" i="29"/>
  <c r="BM28" i="29"/>
  <c r="BN28" i="29"/>
  <c r="BO28" i="29"/>
  <c r="BP28" i="29"/>
  <c r="BQ28" i="29"/>
  <c r="BR28" i="29"/>
  <c r="BS28" i="29"/>
  <c r="BT28" i="29"/>
  <c r="BU28" i="29"/>
  <c r="BV28" i="29"/>
  <c r="BW28" i="29"/>
  <c r="BX28" i="29"/>
  <c r="BY28" i="29"/>
  <c r="BZ28" i="29"/>
  <c r="CA28" i="29"/>
  <c r="V29" i="29"/>
  <c r="BH29" i="29"/>
  <c r="CB29" i="29" s="1"/>
  <c r="BI29" i="29"/>
  <c r="BJ29" i="29"/>
  <c r="BK29" i="29"/>
  <c r="BL29" i="29"/>
  <c r="BM29" i="29"/>
  <c r="BN29" i="29"/>
  <c r="BO29" i="29"/>
  <c r="BP29" i="29"/>
  <c r="BQ29" i="29"/>
  <c r="BR29" i="29"/>
  <c r="BS29" i="29"/>
  <c r="BT29" i="29"/>
  <c r="BU29" i="29"/>
  <c r="BV29" i="29"/>
  <c r="BW29" i="29"/>
  <c r="BX29" i="29"/>
  <c r="BY29" i="29"/>
  <c r="BZ29" i="29"/>
  <c r="CA29" i="29"/>
  <c r="V41" i="29"/>
  <c r="BH41" i="29"/>
  <c r="CB41" i="29" s="1"/>
  <c r="BI41" i="29"/>
  <c r="BJ41" i="29"/>
  <c r="BK41" i="29"/>
  <c r="BL41" i="29"/>
  <c r="BM41" i="29"/>
  <c r="BN41" i="29"/>
  <c r="BO41" i="29"/>
  <c r="BP41" i="29"/>
  <c r="BQ41" i="29"/>
  <c r="BR41" i="29"/>
  <c r="BS41" i="29"/>
  <c r="BT41" i="29"/>
  <c r="BU41" i="29"/>
  <c r="BV41" i="29"/>
  <c r="BW41" i="29"/>
  <c r="BX41" i="29"/>
  <c r="BY41" i="29"/>
  <c r="BZ41" i="29"/>
  <c r="CA41" i="29"/>
  <c r="V30" i="29"/>
  <c r="BC30" i="29"/>
  <c r="BH30" i="29"/>
  <c r="CB30" i="29" s="1"/>
  <c r="BI30" i="29"/>
  <c r="BJ30" i="29"/>
  <c r="BK30" i="29"/>
  <c r="BL30" i="29"/>
  <c r="BM30" i="29"/>
  <c r="BN30" i="29"/>
  <c r="BO30" i="29"/>
  <c r="BP30" i="29"/>
  <c r="BQ30" i="29"/>
  <c r="BR30" i="29"/>
  <c r="BS30" i="29"/>
  <c r="BT30" i="29"/>
  <c r="BU30" i="29"/>
  <c r="BV30" i="29"/>
  <c r="BW30" i="29"/>
  <c r="BX30" i="29"/>
  <c r="BY30" i="29"/>
  <c r="BZ30" i="29"/>
  <c r="CA30" i="29"/>
  <c r="V31" i="29"/>
  <c r="BH31" i="29"/>
  <c r="CB31" i="29" s="1"/>
  <c r="BI31" i="29"/>
  <c r="BJ31" i="29"/>
  <c r="BK31" i="29"/>
  <c r="BL31" i="29"/>
  <c r="BM31" i="29"/>
  <c r="BN31" i="29"/>
  <c r="BO31" i="29"/>
  <c r="BP31" i="29"/>
  <c r="BQ31" i="29"/>
  <c r="BR31" i="29"/>
  <c r="BS31" i="29"/>
  <c r="BT31" i="29"/>
  <c r="BU31" i="29"/>
  <c r="BV31" i="29"/>
  <c r="BW31" i="29"/>
  <c r="BX31" i="29"/>
  <c r="BY31" i="29"/>
  <c r="BZ31" i="29"/>
  <c r="CA31" i="29"/>
  <c r="V36" i="29"/>
  <c r="AN36" i="29"/>
  <c r="AO36" i="29"/>
  <c r="AP36" i="29"/>
  <c r="AQ36" i="29"/>
  <c r="AR36" i="29"/>
  <c r="AS36" i="29"/>
  <c r="V37" i="29"/>
  <c r="AN37" i="29"/>
  <c r="AO37" i="29"/>
  <c r="AP37" i="29"/>
  <c r="AQ37" i="29"/>
  <c r="AR37" i="29"/>
  <c r="AS37" i="29"/>
  <c r="BC37" i="29"/>
  <c r="V38" i="29"/>
  <c r="AN38" i="29"/>
  <c r="AO38" i="29"/>
  <c r="AP38" i="29"/>
  <c r="AQ38" i="29"/>
  <c r="AR38" i="29"/>
  <c r="AS38" i="29"/>
  <c r="BC38" i="29"/>
  <c r="V54" i="29"/>
  <c r="AN54" i="29"/>
  <c r="AO54" i="29"/>
  <c r="AP54" i="29"/>
  <c r="AQ54" i="29"/>
  <c r="AR54" i="29"/>
  <c r="AS54" i="29"/>
  <c r="BC54" i="29"/>
  <c r="V57" i="29"/>
  <c r="AN57" i="29"/>
  <c r="AO57" i="29"/>
  <c r="AP57" i="29"/>
  <c r="AQ57" i="29"/>
  <c r="AR57" i="29"/>
  <c r="AS57" i="29"/>
  <c r="BC57" i="29"/>
  <c r="V60" i="29"/>
  <c r="AN60" i="29"/>
  <c r="AO60" i="29"/>
  <c r="AP60" i="29"/>
  <c r="AQ60" i="29"/>
  <c r="AR60" i="29"/>
  <c r="AS60" i="29"/>
  <c r="BC60" i="29"/>
  <c r="V63" i="29"/>
  <c r="AN63" i="29"/>
  <c r="AO63" i="29"/>
  <c r="AP63" i="29"/>
  <c r="AQ63" i="29"/>
  <c r="AR63" i="29"/>
  <c r="AS63" i="29"/>
  <c r="BC63" i="29"/>
  <c r="V49" i="29"/>
  <c r="BC49" i="29"/>
  <c r="BH49" i="29"/>
  <c r="CB49" i="29" s="1"/>
  <c r="BI49" i="29"/>
  <c r="BJ49" i="29"/>
  <c r="BK49" i="29"/>
  <c r="BL49" i="29"/>
  <c r="BM49" i="29"/>
  <c r="BN49" i="29"/>
  <c r="BO49" i="29"/>
  <c r="BP49" i="29"/>
  <c r="BQ49" i="29"/>
  <c r="BR49" i="29"/>
  <c r="BS49" i="29"/>
  <c r="BT49" i="29"/>
  <c r="BU49" i="29"/>
  <c r="BV49" i="29"/>
  <c r="BW49" i="29"/>
  <c r="BX49" i="29"/>
  <c r="BY49" i="29"/>
  <c r="BZ49" i="29"/>
  <c r="CA49" i="29"/>
  <c r="V50" i="29"/>
  <c r="BC50" i="29"/>
  <c r="BH50" i="29"/>
  <c r="CB50" i="29" s="1"/>
  <c r="BI50" i="29"/>
  <c r="BJ50" i="29"/>
  <c r="BK50" i="29"/>
  <c r="BL50" i="29"/>
  <c r="BM50" i="29"/>
  <c r="BN50" i="29"/>
  <c r="BO50" i="29"/>
  <c r="BP50" i="29"/>
  <c r="BQ50" i="29"/>
  <c r="BR50" i="29"/>
  <c r="BS50" i="29"/>
  <c r="BT50" i="29"/>
  <c r="BU50" i="29"/>
  <c r="BV50" i="29"/>
  <c r="BW50" i="29"/>
  <c r="BX50" i="29"/>
  <c r="BY50" i="29"/>
  <c r="BZ50" i="29"/>
  <c r="CA50" i="29"/>
  <c r="V68" i="29"/>
  <c r="BC68" i="29"/>
  <c r="BH68" i="29"/>
  <c r="CB68" i="29" s="1"/>
  <c r="BI68" i="29"/>
  <c r="BJ68" i="29"/>
  <c r="BK68" i="29"/>
  <c r="BL68" i="29"/>
  <c r="BM68" i="29"/>
  <c r="BN68" i="29"/>
  <c r="BO68" i="29"/>
  <c r="BP68" i="29"/>
  <c r="BQ68" i="29"/>
  <c r="BR68" i="29"/>
  <c r="BS68" i="29"/>
  <c r="BT68" i="29"/>
  <c r="BU68" i="29"/>
  <c r="BV68" i="29"/>
  <c r="BW68" i="29"/>
  <c r="BX68" i="29"/>
  <c r="BY68" i="29"/>
  <c r="BZ68" i="29"/>
  <c r="CA68" i="29"/>
  <c r="V45" i="29"/>
  <c r="BC45" i="29"/>
  <c r="BH45" i="29"/>
  <c r="CB45" i="29" s="1"/>
  <c r="BI45" i="29"/>
  <c r="BJ45" i="29"/>
  <c r="BK45" i="29"/>
  <c r="BL45" i="29"/>
  <c r="BM45" i="29"/>
  <c r="BN45" i="29"/>
  <c r="BO45" i="29"/>
  <c r="BP45" i="29"/>
  <c r="BQ45" i="29"/>
  <c r="BR45" i="29"/>
  <c r="BS45" i="29"/>
  <c r="BT45" i="29"/>
  <c r="BU45" i="29"/>
  <c r="BV45" i="29"/>
  <c r="BW45" i="29"/>
  <c r="BX45" i="29"/>
  <c r="BY45" i="29"/>
  <c r="BZ45" i="29"/>
  <c r="CA45" i="29"/>
  <c r="V46" i="29"/>
  <c r="BC46" i="29"/>
  <c r="BH46" i="29"/>
  <c r="CB46" i="29" s="1"/>
  <c r="BI46" i="29"/>
  <c r="BJ46" i="29"/>
  <c r="BK46" i="29"/>
  <c r="BL46" i="29"/>
  <c r="BM46" i="29"/>
  <c r="BN46" i="29"/>
  <c r="BO46" i="29"/>
  <c r="BP46" i="29"/>
  <c r="BQ46" i="29"/>
  <c r="BR46" i="29"/>
  <c r="BS46" i="29"/>
  <c r="BT46" i="29"/>
  <c r="BU46" i="29"/>
  <c r="BV46" i="29"/>
  <c r="BW46" i="29"/>
  <c r="BX46" i="29"/>
  <c r="BY46" i="29"/>
  <c r="BZ46" i="29"/>
  <c r="CA46" i="29"/>
  <c r="V44" i="29"/>
  <c r="BC44" i="29"/>
  <c r="BH44" i="29"/>
  <c r="CB44" i="29" s="1"/>
  <c r="BI44" i="29"/>
  <c r="BJ44" i="29"/>
  <c r="BK44" i="29"/>
  <c r="BL44" i="29"/>
  <c r="BM44" i="29"/>
  <c r="BN44" i="29"/>
  <c r="BO44" i="29"/>
  <c r="BP44" i="29"/>
  <c r="BQ44" i="29"/>
  <c r="BR44" i="29"/>
  <c r="BS44" i="29"/>
  <c r="BT44" i="29"/>
  <c r="BU44" i="29"/>
  <c r="BV44" i="29"/>
  <c r="BW44" i="29"/>
  <c r="BX44" i="29"/>
  <c r="BY44" i="29"/>
  <c r="BZ44" i="29"/>
  <c r="CA44" i="29"/>
  <c r="V47" i="29"/>
  <c r="BC47" i="29"/>
  <c r="BH47" i="29"/>
  <c r="CB47" i="29" s="1"/>
  <c r="BI47" i="29"/>
  <c r="BJ47" i="29"/>
  <c r="BK47" i="29"/>
  <c r="BL47" i="29"/>
  <c r="BM47" i="29"/>
  <c r="BN47" i="29"/>
  <c r="BO47" i="29"/>
  <c r="BP47" i="29"/>
  <c r="BQ47" i="29"/>
  <c r="BR47" i="29"/>
  <c r="BS47" i="29"/>
  <c r="BT47" i="29"/>
  <c r="BU47" i="29"/>
  <c r="BV47" i="29"/>
  <c r="BW47" i="29"/>
  <c r="BX47" i="29"/>
  <c r="BY47" i="29"/>
  <c r="BZ47" i="29"/>
  <c r="CA47" i="29"/>
  <c r="V48" i="29"/>
  <c r="BC48" i="29"/>
  <c r="BH48" i="29"/>
  <c r="CB48" i="29" s="1"/>
  <c r="BI48" i="29"/>
  <c r="BJ48" i="29"/>
  <c r="BK48" i="29"/>
  <c r="BL48" i="29"/>
  <c r="BM48" i="29"/>
  <c r="BN48" i="29"/>
  <c r="BO48" i="29"/>
  <c r="BP48" i="29"/>
  <c r="BQ48" i="29"/>
  <c r="BR48" i="29"/>
  <c r="BS48" i="29"/>
  <c r="BT48" i="29"/>
  <c r="BU48" i="29"/>
  <c r="BV48" i="29"/>
  <c r="BW48" i="29"/>
  <c r="BX48" i="29"/>
  <c r="BY48" i="29"/>
  <c r="BZ48" i="29"/>
  <c r="CA48" i="29"/>
  <c r="V205" i="29"/>
  <c r="BC205" i="29"/>
  <c r="BH205" i="29"/>
  <c r="CB205" i="29" s="1"/>
  <c r="BI205" i="29"/>
  <c r="BJ205" i="29"/>
  <c r="BK205" i="29"/>
  <c r="BL205" i="29"/>
  <c r="BM205" i="29"/>
  <c r="BN205" i="29"/>
  <c r="BO205" i="29"/>
  <c r="BP205" i="29"/>
  <c r="BQ205" i="29"/>
  <c r="BR205" i="29"/>
  <c r="BS205" i="29"/>
  <c r="BT205" i="29"/>
  <c r="BU205" i="29"/>
  <c r="BV205" i="29"/>
  <c r="BW205" i="29"/>
  <c r="BX205" i="29"/>
  <c r="BY205" i="29"/>
  <c r="BZ205" i="29"/>
  <c r="CA205" i="29"/>
  <c r="V227" i="29"/>
  <c r="BC227" i="29"/>
  <c r="BH227" i="29"/>
  <c r="CB227" i="29" s="1"/>
  <c r="BI227" i="29"/>
  <c r="BJ227" i="29"/>
  <c r="BK227" i="29"/>
  <c r="BL227" i="29"/>
  <c r="BM227" i="29"/>
  <c r="BN227" i="29"/>
  <c r="BO227" i="29"/>
  <c r="BP227" i="29"/>
  <c r="BQ227" i="29"/>
  <c r="BR227" i="29"/>
  <c r="BS227" i="29"/>
  <c r="BT227" i="29"/>
  <c r="BU227" i="29"/>
  <c r="BV227" i="29"/>
  <c r="BW227" i="29"/>
  <c r="BX227" i="29"/>
  <c r="BY227" i="29"/>
  <c r="BZ227" i="29"/>
  <c r="CA227" i="29"/>
  <c r="V51" i="29"/>
  <c r="BC51" i="29"/>
  <c r="BH51" i="29"/>
  <c r="CB51" i="29" s="1"/>
  <c r="BI51" i="29"/>
  <c r="BJ51" i="29"/>
  <c r="BK51" i="29"/>
  <c r="BL51" i="29"/>
  <c r="BM51" i="29"/>
  <c r="BN51" i="29"/>
  <c r="BO51" i="29"/>
  <c r="BP51" i="29"/>
  <c r="BQ51" i="29"/>
  <c r="BR51" i="29"/>
  <c r="BS51" i="29"/>
  <c r="BT51" i="29"/>
  <c r="BU51" i="29"/>
  <c r="BV51" i="29"/>
  <c r="BW51" i="29"/>
  <c r="BX51" i="29"/>
  <c r="BY51" i="29"/>
  <c r="BZ51" i="29"/>
  <c r="CA51" i="29"/>
  <c r="V206" i="29"/>
  <c r="BC206" i="29"/>
  <c r="BH206" i="29"/>
  <c r="CB206" i="29" s="1"/>
  <c r="BI206" i="29"/>
  <c r="BJ206" i="29"/>
  <c r="BK206" i="29"/>
  <c r="BL206" i="29"/>
  <c r="BM206" i="29"/>
  <c r="BN206" i="29"/>
  <c r="BO206" i="29"/>
  <c r="BP206" i="29"/>
  <c r="BQ206" i="29"/>
  <c r="BR206" i="29"/>
  <c r="BS206" i="29"/>
  <c r="BT206" i="29"/>
  <c r="BU206" i="29"/>
  <c r="BV206" i="29"/>
  <c r="BW206" i="29"/>
  <c r="BX206" i="29"/>
  <c r="BY206" i="29"/>
  <c r="BZ206" i="29"/>
  <c r="CA206" i="29"/>
  <c r="V217" i="29"/>
  <c r="BC217" i="29"/>
  <c r="BH217" i="29"/>
  <c r="CB217" i="29" s="1"/>
  <c r="BI217" i="29"/>
  <c r="BJ217" i="29"/>
  <c r="BK217" i="29"/>
  <c r="BL217" i="29"/>
  <c r="BM217" i="29"/>
  <c r="BN217" i="29"/>
  <c r="BO217" i="29"/>
  <c r="BP217" i="29"/>
  <c r="BQ217" i="29"/>
  <c r="BR217" i="29"/>
  <c r="BS217" i="29"/>
  <c r="BT217" i="29"/>
  <c r="BU217" i="29"/>
  <c r="BV217" i="29"/>
  <c r="BW217" i="29"/>
  <c r="BX217" i="29"/>
  <c r="BY217" i="29"/>
  <c r="BZ217" i="29"/>
  <c r="CA217" i="29"/>
  <c r="V52" i="29"/>
  <c r="BC52" i="29"/>
  <c r="BH52" i="29"/>
  <c r="CB52" i="29" s="1"/>
  <c r="BI52" i="29"/>
  <c r="BJ52" i="29"/>
  <c r="BK52" i="29"/>
  <c r="BL52" i="29"/>
  <c r="BM52" i="29"/>
  <c r="BN52" i="29"/>
  <c r="BO52" i="29"/>
  <c r="BP52" i="29"/>
  <c r="BQ52" i="29"/>
  <c r="BR52" i="29"/>
  <c r="BS52" i="29"/>
  <c r="BT52" i="29"/>
  <c r="BU52" i="29"/>
  <c r="BV52" i="29"/>
  <c r="BW52" i="29"/>
  <c r="BX52" i="29"/>
  <c r="BY52" i="29"/>
  <c r="BZ52" i="29"/>
  <c r="CA52" i="29"/>
  <c r="V53" i="29"/>
  <c r="BH53" i="29"/>
  <c r="CB53" i="29" s="1"/>
  <c r="BI53" i="29"/>
  <c r="BJ53" i="29"/>
  <c r="BK53" i="29"/>
  <c r="BL53" i="29"/>
  <c r="BM53" i="29"/>
  <c r="BN53" i="29"/>
  <c r="BO53" i="29"/>
  <c r="BP53" i="29"/>
  <c r="BQ53" i="29"/>
  <c r="BR53" i="29"/>
  <c r="BS53" i="29"/>
  <c r="BT53" i="29"/>
  <c r="BU53" i="29"/>
  <c r="BV53" i="29"/>
  <c r="BW53" i="29"/>
  <c r="BX53" i="29"/>
  <c r="BY53" i="29"/>
  <c r="BZ53" i="29"/>
  <c r="CA53" i="29"/>
  <c r="V66" i="29"/>
  <c r="AN66" i="29"/>
  <c r="AO66" i="29"/>
  <c r="AP66" i="29"/>
  <c r="AQ66" i="29"/>
  <c r="AR66" i="29"/>
  <c r="AS66" i="29"/>
  <c r="V55" i="29"/>
  <c r="BH55" i="29"/>
  <c r="CB55" i="29" s="1"/>
  <c r="BI55" i="29"/>
  <c r="BJ55" i="29"/>
  <c r="BK55" i="29"/>
  <c r="BL55" i="29"/>
  <c r="BM55" i="29"/>
  <c r="BN55" i="29"/>
  <c r="BO55" i="29"/>
  <c r="BP55" i="29"/>
  <c r="BQ55" i="29"/>
  <c r="BR55" i="29"/>
  <c r="BS55" i="29"/>
  <c r="BT55" i="29"/>
  <c r="BU55" i="29"/>
  <c r="BV55" i="29"/>
  <c r="BW55" i="29"/>
  <c r="BX55" i="29"/>
  <c r="BY55" i="29"/>
  <c r="BZ55" i="29"/>
  <c r="CA55" i="29"/>
  <c r="V56" i="29"/>
  <c r="BC56" i="29"/>
  <c r="BH56" i="29"/>
  <c r="CB56" i="29" s="1"/>
  <c r="BI56" i="29"/>
  <c r="BJ56" i="29"/>
  <c r="BK56" i="29"/>
  <c r="BL56" i="29"/>
  <c r="BM56" i="29"/>
  <c r="BN56" i="29"/>
  <c r="BO56" i="29"/>
  <c r="BP56" i="29"/>
  <c r="BQ56" i="29"/>
  <c r="BR56" i="29"/>
  <c r="BS56" i="29"/>
  <c r="BT56" i="29"/>
  <c r="BU56" i="29"/>
  <c r="BV56" i="29"/>
  <c r="BW56" i="29"/>
  <c r="BX56" i="29"/>
  <c r="BY56" i="29"/>
  <c r="BZ56" i="29"/>
  <c r="CA56" i="29"/>
  <c r="V90" i="29"/>
  <c r="AN90" i="29"/>
  <c r="AO90" i="29"/>
  <c r="AP90" i="29"/>
  <c r="AQ90" i="29"/>
  <c r="AR90" i="29"/>
  <c r="AS90" i="29"/>
  <c r="BC90" i="29"/>
  <c r="V58" i="29"/>
  <c r="BH58" i="29"/>
  <c r="CB58" i="29" s="1"/>
  <c r="BI58" i="29"/>
  <c r="BJ58" i="29"/>
  <c r="BK58" i="29"/>
  <c r="BL58" i="29"/>
  <c r="BM58" i="29"/>
  <c r="BN58" i="29"/>
  <c r="BO58" i="29"/>
  <c r="BP58" i="29"/>
  <c r="BQ58" i="29"/>
  <c r="BR58" i="29"/>
  <c r="BS58" i="29"/>
  <c r="BT58" i="29"/>
  <c r="BU58" i="29"/>
  <c r="BV58" i="29"/>
  <c r="BW58" i="29"/>
  <c r="BX58" i="29"/>
  <c r="BY58" i="29"/>
  <c r="BZ58" i="29"/>
  <c r="CA58" i="29"/>
  <c r="V59" i="29"/>
  <c r="BH59" i="29"/>
  <c r="CB59" i="29" s="1"/>
  <c r="BI59" i="29"/>
  <c r="BJ59" i="29"/>
  <c r="BK59" i="29"/>
  <c r="BL59" i="29"/>
  <c r="BM59" i="29"/>
  <c r="BN59" i="29"/>
  <c r="BO59" i="29"/>
  <c r="BP59" i="29"/>
  <c r="BQ59" i="29"/>
  <c r="BR59" i="29"/>
  <c r="BS59" i="29"/>
  <c r="BT59" i="29"/>
  <c r="BU59" i="29"/>
  <c r="BV59" i="29"/>
  <c r="BW59" i="29"/>
  <c r="BX59" i="29"/>
  <c r="BY59" i="29"/>
  <c r="BZ59" i="29"/>
  <c r="CA59" i="29"/>
  <c r="V92" i="29"/>
  <c r="AN92" i="29"/>
  <c r="AO92" i="29"/>
  <c r="AP92" i="29"/>
  <c r="AQ92" i="29"/>
  <c r="AR92" i="29"/>
  <c r="AS92" i="29"/>
  <c r="BC92" i="29"/>
  <c r="V61" i="29"/>
  <c r="BH61" i="29"/>
  <c r="CB61" i="29" s="1"/>
  <c r="BI61" i="29"/>
  <c r="BJ61" i="29"/>
  <c r="BK61" i="29"/>
  <c r="BL61" i="29"/>
  <c r="BM61" i="29"/>
  <c r="BN61" i="29"/>
  <c r="BO61" i="29"/>
  <c r="BP61" i="29"/>
  <c r="BQ61" i="29"/>
  <c r="BR61" i="29"/>
  <c r="BS61" i="29"/>
  <c r="BT61" i="29"/>
  <c r="BU61" i="29"/>
  <c r="BV61" i="29"/>
  <c r="BW61" i="29"/>
  <c r="BX61" i="29"/>
  <c r="BY61" i="29"/>
  <c r="BZ61" i="29"/>
  <c r="CA61" i="29"/>
  <c r="V62" i="29"/>
  <c r="BH62" i="29"/>
  <c r="CB62" i="29" s="1"/>
  <c r="BI62" i="29"/>
  <c r="BJ62" i="29"/>
  <c r="BK62" i="29"/>
  <c r="BL62" i="29"/>
  <c r="BM62" i="29"/>
  <c r="BN62" i="29"/>
  <c r="BO62" i="29"/>
  <c r="BP62" i="29"/>
  <c r="BQ62" i="29"/>
  <c r="BR62" i="29"/>
  <c r="BS62" i="29"/>
  <c r="BT62" i="29"/>
  <c r="BU62" i="29"/>
  <c r="BV62" i="29"/>
  <c r="BW62" i="29"/>
  <c r="BX62" i="29"/>
  <c r="BY62" i="29"/>
  <c r="BZ62" i="29"/>
  <c r="CA62" i="29"/>
  <c r="V93" i="29"/>
  <c r="AN93" i="29"/>
  <c r="AO93" i="29"/>
  <c r="AP93" i="29"/>
  <c r="AQ93" i="29"/>
  <c r="AR93" i="29"/>
  <c r="AS93" i="29"/>
  <c r="V64" i="29"/>
  <c r="BH64" i="29"/>
  <c r="CB64" i="29" s="1"/>
  <c r="BI64" i="29"/>
  <c r="BJ64" i="29"/>
  <c r="BK64" i="29"/>
  <c r="BL64" i="29"/>
  <c r="BM64" i="29"/>
  <c r="BN64" i="29"/>
  <c r="BO64" i="29"/>
  <c r="BP64" i="29"/>
  <c r="BQ64" i="29"/>
  <c r="BR64" i="29"/>
  <c r="BS64" i="29"/>
  <c r="BT64" i="29"/>
  <c r="BU64" i="29"/>
  <c r="BV64" i="29"/>
  <c r="BW64" i="29"/>
  <c r="BX64" i="29"/>
  <c r="BY64" i="29"/>
  <c r="BZ64" i="29"/>
  <c r="CA64" i="29"/>
  <c r="V65" i="29"/>
  <c r="BC65" i="29"/>
  <c r="BH65" i="29"/>
  <c r="CB65" i="29" s="1"/>
  <c r="BI65" i="29"/>
  <c r="BJ65" i="29"/>
  <c r="BK65" i="29"/>
  <c r="BL65" i="29"/>
  <c r="BM65" i="29"/>
  <c r="BN65" i="29"/>
  <c r="BO65" i="29"/>
  <c r="BP65" i="29"/>
  <c r="BQ65" i="29"/>
  <c r="BR65" i="29"/>
  <c r="BS65" i="29"/>
  <c r="BT65" i="29"/>
  <c r="BU65" i="29"/>
  <c r="BV65" i="29"/>
  <c r="BW65" i="29"/>
  <c r="BX65" i="29"/>
  <c r="BY65" i="29"/>
  <c r="BZ65" i="29"/>
  <c r="CA65" i="29"/>
  <c r="V95" i="29"/>
  <c r="AN95" i="29"/>
  <c r="AO95" i="29"/>
  <c r="AP95" i="29"/>
  <c r="AQ95" i="29"/>
  <c r="AR95" i="29"/>
  <c r="AS95" i="29"/>
  <c r="BC95" i="29"/>
  <c r="V67" i="29"/>
  <c r="BH67" i="29"/>
  <c r="CB67" i="29" s="1"/>
  <c r="BI67" i="29"/>
  <c r="BJ67" i="29"/>
  <c r="BK67" i="29"/>
  <c r="BL67" i="29"/>
  <c r="BM67" i="29"/>
  <c r="BN67" i="29"/>
  <c r="BO67" i="29"/>
  <c r="BP67" i="29"/>
  <c r="BQ67" i="29"/>
  <c r="BR67" i="29"/>
  <c r="BS67" i="29"/>
  <c r="BT67" i="29"/>
  <c r="BU67" i="29"/>
  <c r="BV67" i="29"/>
  <c r="BW67" i="29"/>
  <c r="BX67" i="29"/>
  <c r="BY67" i="29"/>
  <c r="BZ67" i="29"/>
  <c r="CA67" i="29"/>
  <c r="V216" i="29"/>
  <c r="BC216" i="29"/>
  <c r="BH216" i="29"/>
  <c r="CB216" i="29" s="1"/>
  <c r="BI216" i="29"/>
  <c r="BJ216" i="29"/>
  <c r="BK216" i="29"/>
  <c r="BL216" i="29"/>
  <c r="BM216" i="29"/>
  <c r="BN216" i="29"/>
  <c r="BO216" i="29"/>
  <c r="BP216" i="29"/>
  <c r="BQ216" i="29"/>
  <c r="BR216" i="29"/>
  <c r="BS216" i="29"/>
  <c r="BT216" i="29"/>
  <c r="BU216" i="29"/>
  <c r="BV216" i="29"/>
  <c r="BW216" i="29"/>
  <c r="BX216" i="29"/>
  <c r="BY216" i="29"/>
  <c r="BZ216" i="29"/>
  <c r="CA216" i="29"/>
  <c r="V69" i="29"/>
  <c r="BC69" i="29"/>
  <c r="BH69" i="29"/>
  <c r="CB69" i="29" s="1"/>
  <c r="BI69" i="29"/>
  <c r="BJ69" i="29"/>
  <c r="BK69" i="29"/>
  <c r="BL69" i="29"/>
  <c r="BM69" i="29"/>
  <c r="BN69" i="29"/>
  <c r="BO69" i="29"/>
  <c r="BP69" i="29"/>
  <c r="BQ69" i="29"/>
  <c r="BR69" i="29"/>
  <c r="BS69" i="29"/>
  <c r="BT69" i="29"/>
  <c r="BU69" i="29"/>
  <c r="BV69" i="29"/>
  <c r="BW69" i="29"/>
  <c r="BX69" i="29"/>
  <c r="BY69" i="29"/>
  <c r="BZ69" i="29"/>
  <c r="CA69" i="29"/>
  <c r="V70" i="29"/>
  <c r="BC70" i="29"/>
  <c r="BH70" i="29"/>
  <c r="CB70" i="29" s="1"/>
  <c r="BI70" i="29"/>
  <c r="BJ70" i="29"/>
  <c r="BK70" i="29"/>
  <c r="BL70" i="29"/>
  <c r="BM70" i="29"/>
  <c r="BN70" i="29"/>
  <c r="BO70" i="29"/>
  <c r="BP70" i="29"/>
  <c r="BQ70" i="29"/>
  <c r="BR70" i="29"/>
  <c r="BS70" i="29"/>
  <c r="BT70" i="29"/>
  <c r="BU70" i="29"/>
  <c r="BV70" i="29"/>
  <c r="BW70" i="29"/>
  <c r="BX70" i="29"/>
  <c r="BY70" i="29"/>
  <c r="BZ70" i="29"/>
  <c r="CA70" i="29"/>
  <c r="V71" i="29"/>
  <c r="BC71" i="29"/>
  <c r="BH71" i="29"/>
  <c r="CB71" i="29" s="1"/>
  <c r="BI71" i="29"/>
  <c r="BJ71" i="29"/>
  <c r="BK71" i="29"/>
  <c r="BL71" i="29"/>
  <c r="BM71" i="29"/>
  <c r="BN71" i="29"/>
  <c r="BO71" i="29"/>
  <c r="BP71" i="29"/>
  <c r="BQ71" i="29"/>
  <c r="BR71" i="29"/>
  <c r="BS71" i="29"/>
  <c r="BT71" i="29"/>
  <c r="BU71" i="29"/>
  <c r="BV71" i="29"/>
  <c r="BW71" i="29"/>
  <c r="BX71" i="29"/>
  <c r="BY71" i="29"/>
  <c r="BZ71" i="29"/>
  <c r="CA71" i="29"/>
  <c r="V72" i="29"/>
  <c r="BH72" i="29"/>
  <c r="CB72" i="29" s="1"/>
  <c r="BI72" i="29"/>
  <c r="BJ72" i="29"/>
  <c r="BK72" i="29"/>
  <c r="BL72" i="29"/>
  <c r="BM72" i="29"/>
  <c r="BN72" i="29"/>
  <c r="BO72" i="29"/>
  <c r="BP72" i="29"/>
  <c r="BQ72" i="29"/>
  <c r="BR72" i="29"/>
  <c r="BS72" i="29"/>
  <c r="BT72" i="29"/>
  <c r="BU72" i="29"/>
  <c r="BV72" i="29"/>
  <c r="BW72" i="29"/>
  <c r="BX72" i="29"/>
  <c r="BY72" i="29"/>
  <c r="BZ72" i="29"/>
  <c r="CA72" i="29"/>
  <c r="V73" i="29"/>
  <c r="BC73" i="29"/>
  <c r="BH73" i="29"/>
  <c r="CB73" i="29" s="1"/>
  <c r="BI73" i="29"/>
  <c r="BJ73" i="29"/>
  <c r="BK73" i="29"/>
  <c r="BL73" i="29"/>
  <c r="BM73" i="29"/>
  <c r="BN73" i="29"/>
  <c r="BO73" i="29"/>
  <c r="BP73" i="29"/>
  <c r="BQ73" i="29"/>
  <c r="BR73" i="29"/>
  <c r="BS73" i="29"/>
  <c r="BT73" i="29"/>
  <c r="BU73" i="29"/>
  <c r="BV73" i="29"/>
  <c r="BW73" i="29"/>
  <c r="BX73" i="29"/>
  <c r="BY73" i="29"/>
  <c r="BZ73" i="29"/>
  <c r="CA73" i="29"/>
  <c r="V74" i="29"/>
  <c r="BC74" i="29"/>
  <c r="BH74" i="29"/>
  <c r="CB74" i="29" s="1"/>
  <c r="BI74" i="29"/>
  <c r="BJ74" i="29"/>
  <c r="BK74" i="29"/>
  <c r="BL74" i="29"/>
  <c r="BM74" i="29"/>
  <c r="BN74" i="29"/>
  <c r="BO74" i="29"/>
  <c r="BP74" i="29"/>
  <c r="BQ74" i="29"/>
  <c r="BR74" i="29"/>
  <c r="BS74" i="29"/>
  <c r="BT74" i="29"/>
  <c r="BU74" i="29"/>
  <c r="BV74" i="29"/>
  <c r="BW74" i="29"/>
  <c r="BX74" i="29"/>
  <c r="BY74" i="29"/>
  <c r="BZ74" i="29"/>
  <c r="CA74" i="29"/>
  <c r="V75" i="29"/>
  <c r="BC75" i="29"/>
  <c r="BH75" i="29"/>
  <c r="CB75" i="29" s="1"/>
  <c r="BI75" i="29"/>
  <c r="BJ75" i="29"/>
  <c r="BK75" i="29"/>
  <c r="BL75" i="29"/>
  <c r="BM75" i="29"/>
  <c r="BN75" i="29"/>
  <c r="BO75" i="29"/>
  <c r="BP75" i="29"/>
  <c r="BQ75" i="29"/>
  <c r="BR75" i="29"/>
  <c r="BS75" i="29"/>
  <c r="BT75" i="29"/>
  <c r="BU75" i="29"/>
  <c r="BV75" i="29"/>
  <c r="BW75" i="29"/>
  <c r="BX75" i="29"/>
  <c r="BY75" i="29"/>
  <c r="BZ75" i="29"/>
  <c r="CA75" i="29"/>
  <c r="V76" i="29"/>
  <c r="BC76" i="29"/>
  <c r="BH76" i="29"/>
  <c r="CB76" i="29" s="1"/>
  <c r="BI76" i="29"/>
  <c r="BJ76" i="29"/>
  <c r="BK76" i="29"/>
  <c r="BL76" i="29"/>
  <c r="BM76" i="29"/>
  <c r="BN76" i="29"/>
  <c r="BO76" i="29"/>
  <c r="BP76" i="29"/>
  <c r="BQ76" i="29"/>
  <c r="BR76" i="29"/>
  <c r="BS76" i="29"/>
  <c r="BT76" i="29"/>
  <c r="BU76" i="29"/>
  <c r="BV76" i="29"/>
  <c r="BW76" i="29"/>
  <c r="BX76" i="29"/>
  <c r="BY76" i="29"/>
  <c r="BZ76" i="29"/>
  <c r="CA76" i="29"/>
  <c r="V77" i="29"/>
  <c r="BC77" i="29"/>
  <c r="BH77" i="29"/>
  <c r="CB77" i="29" s="1"/>
  <c r="BI77" i="29"/>
  <c r="BJ77" i="29"/>
  <c r="BK77" i="29"/>
  <c r="BL77" i="29"/>
  <c r="BM77" i="29"/>
  <c r="BN77" i="29"/>
  <c r="BO77" i="29"/>
  <c r="BP77" i="29"/>
  <c r="BQ77" i="29"/>
  <c r="BR77" i="29"/>
  <c r="BS77" i="29"/>
  <c r="BT77" i="29"/>
  <c r="BU77" i="29"/>
  <c r="BV77" i="29"/>
  <c r="BW77" i="29"/>
  <c r="BX77" i="29"/>
  <c r="BY77" i="29"/>
  <c r="BZ77" i="29"/>
  <c r="CA77" i="29"/>
  <c r="V78" i="29"/>
  <c r="BC78" i="29"/>
  <c r="BH78" i="29"/>
  <c r="CB78" i="29" s="1"/>
  <c r="BI78" i="29"/>
  <c r="BJ78" i="29"/>
  <c r="BK78" i="29"/>
  <c r="BL78" i="29"/>
  <c r="BM78" i="29"/>
  <c r="BN78" i="29"/>
  <c r="BO78" i="29"/>
  <c r="BP78" i="29"/>
  <c r="BQ78" i="29"/>
  <c r="BR78" i="29"/>
  <c r="BS78" i="29"/>
  <c r="BT78" i="29"/>
  <c r="BU78" i="29"/>
  <c r="BV78" i="29"/>
  <c r="BW78" i="29"/>
  <c r="BX78" i="29"/>
  <c r="BY78" i="29"/>
  <c r="BZ78" i="29"/>
  <c r="CA78" i="29"/>
  <c r="V79" i="29"/>
  <c r="BH79" i="29"/>
  <c r="CB79" i="29" s="1"/>
  <c r="BI79" i="29"/>
  <c r="BJ79" i="29"/>
  <c r="BK79" i="29"/>
  <c r="BL79" i="29"/>
  <c r="BM79" i="29"/>
  <c r="BN79" i="29"/>
  <c r="BO79" i="29"/>
  <c r="BP79" i="29"/>
  <c r="BQ79" i="29"/>
  <c r="BR79" i="29"/>
  <c r="BS79" i="29"/>
  <c r="BT79" i="29"/>
  <c r="BU79" i="29"/>
  <c r="BV79" i="29"/>
  <c r="BW79" i="29"/>
  <c r="BX79" i="29"/>
  <c r="BY79" i="29"/>
  <c r="BZ79" i="29"/>
  <c r="CA79" i="29"/>
  <c r="V80" i="29"/>
  <c r="BC80" i="29"/>
  <c r="BH80" i="29"/>
  <c r="CB80" i="29" s="1"/>
  <c r="BI80" i="29"/>
  <c r="BJ80" i="29"/>
  <c r="BK80" i="29"/>
  <c r="BL80" i="29"/>
  <c r="BM80" i="29"/>
  <c r="BN80" i="29"/>
  <c r="BO80" i="29"/>
  <c r="BP80" i="29"/>
  <c r="BQ80" i="29"/>
  <c r="BR80" i="29"/>
  <c r="BS80" i="29"/>
  <c r="BT80" i="29"/>
  <c r="BU80" i="29"/>
  <c r="BV80" i="29"/>
  <c r="BW80" i="29"/>
  <c r="BX80" i="29"/>
  <c r="BY80" i="29"/>
  <c r="BZ80" i="29"/>
  <c r="CA80" i="29"/>
  <c r="V81" i="29"/>
  <c r="BC81" i="29"/>
  <c r="BH81" i="29"/>
  <c r="CB81" i="29" s="1"/>
  <c r="BI81" i="29"/>
  <c r="BJ81" i="29"/>
  <c r="BK81" i="29"/>
  <c r="BL81" i="29"/>
  <c r="BM81" i="29"/>
  <c r="BN81" i="29"/>
  <c r="BO81" i="29"/>
  <c r="BP81" i="29"/>
  <c r="BQ81" i="29"/>
  <c r="BR81" i="29"/>
  <c r="BS81" i="29"/>
  <c r="BT81" i="29"/>
  <c r="BU81" i="29"/>
  <c r="BV81" i="29"/>
  <c r="BW81" i="29"/>
  <c r="BX81" i="29"/>
  <c r="BY81" i="29"/>
  <c r="BZ81" i="29"/>
  <c r="CA81" i="29"/>
  <c r="V82" i="29"/>
  <c r="BC82" i="29"/>
  <c r="BH82" i="29"/>
  <c r="CB82" i="29" s="1"/>
  <c r="BI82" i="29"/>
  <c r="BJ82" i="29"/>
  <c r="BK82" i="29"/>
  <c r="BL82" i="29"/>
  <c r="BM82" i="29"/>
  <c r="BN82" i="29"/>
  <c r="BO82" i="29"/>
  <c r="BP82" i="29"/>
  <c r="BQ82" i="29"/>
  <c r="BR82" i="29"/>
  <c r="BS82" i="29"/>
  <c r="BT82" i="29"/>
  <c r="BU82" i="29"/>
  <c r="BV82" i="29"/>
  <c r="BW82" i="29"/>
  <c r="BX82" i="29"/>
  <c r="BY82" i="29"/>
  <c r="BZ82" i="29"/>
  <c r="CA82" i="29"/>
  <c r="V83" i="29"/>
  <c r="BC83" i="29"/>
  <c r="BH83" i="29"/>
  <c r="CB83" i="29" s="1"/>
  <c r="BI83" i="29"/>
  <c r="BJ83" i="29"/>
  <c r="BK83" i="29"/>
  <c r="BL83" i="29"/>
  <c r="BM83" i="29"/>
  <c r="BN83" i="29"/>
  <c r="BO83" i="29"/>
  <c r="BP83" i="29"/>
  <c r="BQ83" i="29"/>
  <c r="BR83" i="29"/>
  <c r="BS83" i="29"/>
  <c r="BT83" i="29"/>
  <c r="BU83" i="29"/>
  <c r="BV83" i="29"/>
  <c r="BW83" i="29"/>
  <c r="BX83" i="29"/>
  <c r="BY83" i="29"/>
  <c r="BZ83" i="29"/>
  <c r="CA83" i="29"/>
  <c r="V84" i="29"/>
  <c r="BC84" i="29"/>
  <c r="BH84" i="29"/>
  <c r="CB84" i="29" s="1"/>
  <c r="BI84" i="29"/>
  <c r="BJ84" i="29"/>
  <c r="BK84" i="29"/>
  <c r="BL84" i="29"/>
  <c r="BM84" i="29"/>
  <c r="BN84" i="29"/>
  <c r="BO84" i="29"/>
  <c r="BP84" i="29"/>
  <c r="BQ84" i="29"/>
  <c r="BR84" i="29"/>
  <c r="BS84" i="29"/>
  <c r="BT84" i="29"/>
  <c r="BU84" i="29"/>
  <c r="BV84" i="29"/>
  <c r="BW84" i="29"/>
  <c r="BX84" i="29"/>
  <c r="BY84" i="29"/>
  <c r="BZ84" i="29"/>
  <c r="CA84" i="29"/>
  <c r="V85" i="29"/>
  <c r="BC85" i="29"/>
  <c r="BH85" i="29"/>
  <c r="CB85" i="29" s="1"/>
  <c r="BI85" i="29"/>
  <c r="BJ85" i="29"/>
  <c r="BK85" i="29"/>
  <c r="BL85" i="29"/>
  <c r="BM85" i="29"/>
  <c r="BN85" i="29"/>
  <c r="BO85" i="29"/>
  <c r="BP85" i="29"/>
  <c r="BQ85" i="29"/>
  <c r="BR85" i="29"/>
  <c r="BS85" i="29"/>
  <c r="BT85" i="29"/>
  <c r="BU85" i="29"/>
  <c r="BV85" i="29"/>
  <c r="BW85" i="29"/>
  <c r="BX85" i="29"/>
  <c r="BY85" i="29"/>
  <c r="BZ85" i="29"/>
  <c r="CA85" i="29"/>
  <c r="V86" i="29"/>
  <c r="BC86" i="29"/>
  <c r="BH86" i="29"/>
  <c r="CB86" i="29" s="1"/>
  <c r="BI86" i="29"/>
  <c r="BJ86" i="29"/>
  <c r="BK86" i="29"/>
  <c r="BL86" i="29"/>
  <c r="BM86" i="29"/>
  <c r="BN86" i="29"/>
  <c r="BO86" i="29"/>
  <c r="BP86" i="29"/>
  <c r="BQ86" i="29"/>
  <c r="BR86" i="29"/>
  <c r="BS86" i="29"/>
  <c r="BT86" i="29"/>
  <c r="BU86" i="29"/>
  <c r="BV86" i="29"/>
  <c r="BW86" i="29"/>
  <c r="BX86" i="29"/>
  <c r="BY86" i="29"/>
  <c r="BZ86" i="29"/>
  <c r="CA86" i="29"/>
  <c r="V87" i="29"/>
  <c r="BC87" i="29"/>
  <c r="BH87" i="29"/>
  <c r="CB87" i="29" s="1"/>
  <c r="BI87" i="29"/>
  <c r="BJ87" i="29"/>
  <c r="BK87" i="29"/>
  <c r="BL87" i="29"/>
  <c r="BM87" i="29"/>
  <c r="BN87" i="29"/>
  <c r="BO87" i="29"/>
  <c r="BP87" i="29"/>
  <c r="BQ87" i="29"/>
  <c r="BR87" i="29"/>
  <c r="BS87" i="29"/>
  <c r="BT87" i="29"/>
  <c r="BU87" i="29"/>
  <c r="BV87" i="29"/>
  <c r="BW87" i="29"/>
  <c r="BX87" i="29"/>
  <c r="BY87" i="29"/>
  <c r="BZ87" i="29"/>
  <c r="CA87" i="29"/>
  <c r="V88" i="29"/>
  <c r="BC88" i="29"/>
  <c r="BH88" i="29"/>
  <c r="CB88" i="29" s="1"/>
  <c r="BI88" i="29"/>
  <c r="BJ88" i="29"/>
  <c r="BK88" i="29"/>
  <c r="BL88" i="29"/>
  <c r="BM88" i="29"/>
  <c r="BN88" i="29"/>
  <c r="BO88" i="29"/>
  <c r="BP88" i="29"/>
  <c r="BQ88" i="29"/>
  <c r="BR88" i="29"/>
  <c r="BS88" i="29"/>
  <c r="BT88" i="29"/>
  <c r="BU88" i="29"/>
  <c r="BV88" i="29"/>
  <c r="BW88" i="29"/>
  <c r="BX88" i="29"/>
  <c r="BY88" i="29"/>
  <c r="BZ88" i="29"/>
  <c r="CA88" i="29"/>
  <c r="V164" i="29"/>
  <c r="AN164" i="29"/>
  <c r="AO164" i="29"/>
  <c r="AP164" i="29"/>
  <c r="AQ164" i="29"/>
  <c r="AR164" i="29"/>
  <c r="AS164" i="29"/>
  <c r="BC164" i="29"/>
  <c r="V165" i="29"/>
  <c r="AN165" i="29"/>
  <c r="AO165" i="29"/>
  <c r="AP165" i="29"/>
  <c r="AQ165" i="29"/>
  <c r="AR165" i="29"/>
  <c r="AS165" i="29"/>
  <c r="BC165" i="29"/>
  <c r="V91" i="29"/>
  <c r="BH91" i="29"/>
  <c r="CB91" i="29" s="1"/>
  <c r="BI91" i="29"/>
  <c r="BJ91" i="29"/>
  <c r="BK91" i="29"/>
  <c r="BL91" i="29"/>
  <c r="BM91" i="29"/>
  <c r="BN91" i="29"/>
  <c r="BO91" i="29"/>
  <c r="BP91" i="29"/>
  <c r="BQ91" i="29"/>
  <c r="BR91" i="29"/>
  <c r="BS91" i="29"/>
  <c r="BT91" i="29"/>
  <c r="BU91" i="29"/>
  <c r="BV91" i="29"/>
  <c r="BW91" i="29"/>
  <c r="BX91" i="29"/>
  <c r="BY91" i="29"/>
  <c r="BZ91" i="29"/>
  <c r="CA91" i="29"/>
  <c r="V166" i="29"/>
  <c r="AN166" i="29"/>
  <c r="AO166" i="29"/>
  <c r="AP166" i="29"/>
  <c r="AQ166" i="29"/>
  <c r="AR166" i="29"/>
  <c r="AS166" i="29"/>
  <c r="BC166" i="29"/>
  <c r="V167" i="29"/>
  <c r="AN167" i="29"/>
  <c r="AO167" i="29"/>
  <c r="AP167" i="29"/>
  <c r="AQ167" i="29"/>
  <c r="AR167" i="29"/>
  <c r="AS167" i="29"/>
  <c r="BC167" i="29"/>
  <c r="V168" i="29"/>
  <c r="AN168" i="29"/>
  <c r="AO168" i="29"/>
  <c r="AP168" i="29"/>
  <c r="AQ168" i="29"/>
  <c r="AR168" i="29"/>
  <c r="AS168" i="29"/>
  <c r="BC168" i="29"/>
  <c r="V169" i="29"/>
  <c r="AN169" i="29"/>
  <c r="AO169" i="29"/>
  <c r="AP169" i="29"/>
  <c r="AQ169" i="29"/>
  <c r="AR169" i="29"/>
  <c r="AS169" i="29"/>
  <c r="BC169" i="29"/>
  <c r="V193" i="29"/>
  <c r="AN193" i="29"/>
  <c r="AO193" i="29"/>
  <c r="AP193" i="29"/>
  <c r="AQ193" i="29"/>
  <c r="AR193" i="29"/>
  <c r="AS193" i="29"/>
  <c r="BC193" i="29"/>
  <c r="V194" i="29"/>
  <c r="AN194" i="29"/>
  <c r="AO194" i="29"/>
  <c r="AP194" i="29"/>
  <c r="AQ194" i="29"/>
  <c r="AR194" i="29"/>
  <c r="AS194" i="29"/>
  <c r="BC194" i="29"/>
  <c r="V213" i="29"/>
  <c r="AN213" i="29"/>
  <c r="AO213" i="29"/>
  <c r="AP213" i="29"/>
  <c r="AQ213" i="29"/>
  <c r="AR213" i="29"/>
  <c r="AS213" i="29"/>
  <c r="BC213" i="29"/>
  <c r="V214" i="29"/>
  <c r="AN214" i="29"/>
  <c r="AO214" i="29"/>
  <c r="AP214" i="29"/>
  <c r="AQ214" i="29"/>
  <c r="AR214" i="29"/>
  <c r="AS214" i="29"/>
  <c r="BC214" i="29"/>
  <c r="V215" i="29"/>
  <c r="AN215" i="29"/>
  <c r="AO215" i="29"/>
  <c r="AP215" i="29"/>
  <c r="AQ215" i="29"/>
  <c r="AR215" i="29"/>
  <c r="AS215" i="29"/>
  <c r="BC215" i="29"/>
  <c r="V218" i="29"/>
  <c r="AN218" i="29"/>
  <c r="AO218" i="29"/>
  <c r="AP218" i="29"/>
  <c r="AQ218" i="29"/>
  <c r="AR218" i="29"/>
  <c r="AS218" i="29"/>
  <c r="BC218" i="29"/>
  <c r="V219" i="29"/>
  <c r="AN219" i="29"/>
  <c r="AO219" i="29"/>
  <c r="AP219" i="29"/>
  <c r="AQ219" i="29"/>
  <c r="AR219" i="29"/>
  <c r="AS219" i="29"/>
  <c r="BC219" i="29"/>
  <c r="V223" i="29"/>
  <c r="AN223" i="29"/>
  <c r="AO223" i="29"/>
  <c r="AP223" i="29"/>
  <c r="AQ223" i="29"/>
  <c r="AR223" i="29"/>
  <c r="AS223" i="29"/>
  <c r="BC223" i="29"/>
  <c r="V104" i="29"/>
  <c r="BC104" i="29"/>
  <c r="BH104" i="29"/>
  <c r="CB104" i="29" s="1"/>
  <c r="BI104" i="29"/>
  <c r="BJ104" i="29"/>
  <c r="BK104" i="29"/>
  <c r="BL104" i="29"/>
  <c r="BM104" i="29"/>
  <c r="BN104" i="29"/>
  <c r="BO104" i="29"/>
  <c r="BP104" i="29"/>
  <c r="BQ104" i="29"/>
  <c r="BR104" i="29"/>
  <c r="BS104" i="29"/>
  <c r="BT104" i="29"/>
  <c r="BU104" i="29"/>
  <c r="BV104" i="29"/>
  <c r="BW104" i="29"/>
  <c r="BX104" i="29"/>
  <c r="BY104" i="29"/>
  <c r="BZ104" i="29"/>
  <c r="CA104" i="29"/>
  <c r="V105" i="29"/>
  <c r="BC105" i="29"/>
  <c r="BH105" i="29"/>
  <c r="CB105" i="29" s="1"/>
  <c r="BI105" i="29"/>
  <c r="BJ105" i="29"/>
  <c r="BK105" i="29"/>
  <c r="BL105" i="29"/>
  <c r="BM105" i="29"/>
  <c r="BN105" i="29"/>
  <c r="BO105" i="29"/>
  <c r="BP105" i="29"/>
  <c r="BQ105" i="29"/>
  <c r="BR105" i="29"/>
  <c r="BS105" i="29"/>
  <c r="BT105" i="29"/>
  <c r="BU105" i="29"/>
  <c r="BV105" i="29"/>
  <c r="BW105" i="29"/>
  <c r="BX105" i="29"/>
  <c r="BY105" i="29"/>
  <c r="BZ105" i="29"/>
  <c r="CA105" i="29"/>
  <c r="V106" i="29"/>
  <c r="BC106" i="29"/>
  <c r="BH106" i="29"/>
  <c r="CB106" i="29" s="1"/>
  <c r="BI106" i="29"/>
  <c r="BJ106" i="29"/>
  <c r="BK106" i="29"/>
  <c r="BL106" i="29"/>
  <c r="BM106" i="29"/>
  <c r="BN106" i="29"/>
  <c r="BO106" i="29"/>
  <c r="BP106" i="29"/>
  <c r="BQ106" i="29"/>
  <c r="BR106" i="29"/>
  <c r="BS106" i="29"/>
  <c r="BT106" i="29"/>
  <c r="BU106" i="29"/>
  <c r="BV106" i="29"/>
  <c r="BW106" i="29"/>
  <c r="BX106" i="29"/>
  <c r="BY106" i="29"/>
  <c r="BZ106" i="29"/>
  <c r="CA106" i="29"/>
  <c r="V107" i="29"/>
  <c r="BC107" i="29"/>
  <c r="BH107" i="29"/>
  <c r="CB107" i="29" s="1"/>
  <c r="BI107" i="29"/>
  <c r="BJ107" i="29"/>
  <c r="BK107" i="29"/>
  <c r="BL107" i="29"/>
  <c r="BM107" i="29"/>
  <c r="BN107" i="29"/>
  <c r="BO107" i="29"/>
  <c r="BP107" i="29"/>
  <c r="BQ107" i="29"/>
  <c r="BR107" i="29"/>
  <c r="BS107" i="29"/>
  <c r="BT107" i="29"/>
  <c r="BU107" i="29"/>
  <c r="BV107" i="29"/>
  <c r="BW107" i="29"/>
  <c r="BX107" i="29"/>
  <c r="BY107" i="29"/>
  <c r="BZ107" i="29"/>
  <c r="CA107" i="29"/>
  <c r="V108" i="29"/>
  <c r="BC108" i="29"/>
  <c r="BH108" i="29"/>
  <c r="CB108" i="29" s="1"/>
  <c r="BI108" i="29"/>
  <c r="BJ108" i="29"/>
  <c r="BK108" i="29"/>
  <c r="BL108" i="29"/>
  <c r="BM108" i="29"/>
  <c r="BN108" i="29"/>
  <c r="BO108" i="29"/>
  <c r="BP108" i="29"/>
  <c r="BQ108" i="29"/>
  <c r="BR108" i="29"/>
  <c r="BS108" i="29"/>
  <c r="BT108" i="29"/>
  <c r="BU108" i="29"/>
  <c r="BV108" i="29"/>
  <c r="BW108" i="29"/>
  <c r="BX108" i="29"/>
  <c r="BY108" i="29"/>
  <c r="BZ108" i="29"/>
  <c r="CA108" i="29"/>
  <c r="V109" i="29"/>
  <c r="BC109" i="29"/>
  <c r="BH109" i="29"/>
  <c r="CB109" i="29" s="1"/>
  <c r="BI109" i="29"/>
  <c r="BJ109" i="29"/>
  <c r="BK109" i="29"/>
  <c r="BL109" i="29"/>
  <c r="BM109" i="29"/>
  <c r="BN109" i="29"/>
  <c r="BO109" i="29"/>
  <c r="BP109" i="29"/>
  <c r="BQ109" i="29"/>
  <c r="BR109" i="29"/>
  <c r="BS109" i="29"/>
  <c r="BT109" i="29"/>
  <c r="BU109" i="29"/>
  <c r="BV109" i="29"/>
  <c r="BW109" i="29"/>
  <c r="BX109" i="29"/>
  <c r="BY109" i="29"/>
  <c r="BZ109" i="29"/>
  <c r="CA109" i="29"/>
  <c r="V110" i="29"/>
  <c r="BC110" i="29"/>
  <c r="BH110" i="29"/>
  <c r="CB110" i="29" s="1"/>
  <c r="BI110" i="29"/>
  <c r="BJ110" i="29"/>
  <c r="BK110" i="29"/>
  <c r="BL110" i="29"/>
  <c r="BM110" i="29"/>
  <c r="BN110" i="29"/>
  <c r="BO110" i="29"/>
  <c r="BP110" i="29"/>
  <c r="BQ110" i="29"/>
  <c r="BR110" i="29"/>
  <c r="BS110" i="29"/>
  <c r="BT110" i="29"/>
  <c r="BU110" i="29"/>
  <c r="BV110" i="29"/>
  <c r="BW110" i="29"/>
  <c r="BX110" i="29"/>
  <c r="BY110" i="29"/>
  <c r="BZ110" i="29"/>
  <c r="CA110" i="29"/>
  <c r="V111" i="29"/>
  <c r="BC111" i="29"/>
  <c r="BH111" i="29"/>
  <c r="CB111" i="29" s="1"/>
  <c r="BI111" i="29"/>
  <c r="BJ111" i="29"/>
  <c r="BK111" i="29"/>
  <c r="BL111" i="29"/>
  <c r="BM111" i="29"/>
  <c r="BN111" i="29"/>
  <c r="BO111" i="29"/>
  <c r="BP111" i="29"/>
  <c r="BQ111" i="29"/>
  <c r="BR111" i="29"/>
  <c r="BS111" i="29"/>
  <c r="BT111" i="29"/>
  <c r="BU111" i="29"/>
  <c r="BV111" i="29"/>
  <c r="BW111" i="29"/>
  <c r="BX111" i="29"/>
  <c r="BY111" i="29"/>
  <c r="BZ111" i="29"/>
  <c r="CA111" i="29"/>
  <c r="V112" i="29"/>
  <c r="BC112" i="29"/>
  <c r="BH112" i="29"/>
  <c r="CB112" i="29" s="1"/>
  <c r="BI112" i="29"/>
  <c r="BJ112" i="29"/>
  <c r="BK112" i="29"/>
  <c r="BL112" i="29"/>
  <c r="BM112" i="29"/>
  <c r="BN112" i="29"/>
  <c r="BO112" i="29"/>
  <c r="BP112" i="29"/>
  <c r="BQ112" i="29"/>
  <c r="BR112" i="29"/>
  <c r="BS112" i="29"/>
  <c r="BT112" i="29"/>
  <c r="BU112" i="29"/>
  <c r="BV112" i="29"/>
  <c r="BW112" i="29"/>
  <c r="BX112" i="29"/>
  <c r="BY112" i="29"/>
  <c r="BZ112" i="29"/>
  <c r="CA112" i="29"/>
  <c r="V113" i="29"/>
  <c r="BC113" i="29"/>
  <c r="BH113" i="29"/>
  <c r="CB113" i="29" s="1"/>
  <c r="BI113" i="29"/>
  <c r="BJ113" i="29"/>
  <c r="BK113" i="29"/>
  <c r="BL113" i="29"/>
  <c r="BM113" i="29"/>
  <c r="BN113" i="29"/>
  <c r="BO113" i="29"/>
  <c r="BP113" i="29"/>
  <c r="BQ113" i="29"/>
  <c r="BR113" i="29"/>
  <c r="BS113" i="29"/>
  <c r="BT113" i="29"/>
  <c r="BU113" i="29"/>
  <c r="BV113" i="29"/>
  <c r="BW113" i="29"/>
  <c r="BX113" i="29"/>
  <c r="BY113" i="29"/>
  <c r="BZ113" i="29"/>
  <c r="CA113" i="29"/>
  <c r="V114" i="29"/>
  <c r="BH114" i="29"/>
  <c r="CB114" i="29" s="1"/>
  <c r="BI114" i="29"/>
  <c r="BJ114" i="29"/>
  <c r="BK114" i="29"/>
  <c r="BL114" i="29"/>
  <c r="BM114" i="29"/>
  <c r="BN114" i="29"/>
  <c r="BO114" i="29"/>
  <c r="BP114" i="29"/>
  <c r="BQ114" i="29"/>
  <c r="BR114" i="29"/>
  <c r="BS114" i="29"/>
  <c r="BT114" i="29"/>
  <c r="BU114" i="29"/>
  <c r="BV114" i="29"/>
  <c r="BW114" i="29"/>
  <c r="BX114" i="29"/>
  <c r="BY114" i="29"/>
  <c r="BZ114" i="29"/>
  <c r="CA114" i="29"/>
  <c r="V115" i="29"/>
  <c r="BC115" i="29"/>
  <c r="BH115" i="29"/>
  <c r="CB115" i="29" s="1"/>
  <c r="BI115" i="29"/>
  <c r="BJ115" i="29"/>
  <c r="BK115" i="29"/>
  <c r="BL115" i="29"/>
  <c r="BM115" i="29"/>
  <c r="BN115" i="29"/>
  <c r="BO115" i="29"/>
  <c r="BP115" i="29"/>
  <c r="BQ115" i="29"/>
  <c r="BR115" i="29"/>
  <c r="BS115" i="29"/>
  <c r="BT115" i="29"/>
  <c r="BU115" i="29"/>
  <c r="BV115" i="29"/>
  <c r="BW115" i="29"/>
  <c r="BX115" i="29"/>
  <c r="BY115" i="29"/>
  <c r="BZ115" i="29"/>
  <c r="CA115" i="29"/>
  <c r="V116" i="29"/>
  <c r="BC116" i="29"/>
  <c r="BH116" i="29"/>
  <c r="CB116" i="29" s="1"/>
  <c r="BI116" i="29"/>
  <c r="BJ116" i="29"/>
  <c r="BK116" i="29"/>
  <c r="BL116" i="29"/>
  <c r="BM116" i="29"/>
  <c r="BN116" i="29"/>
  <c r="BO116" i="29"/>
  <c r="BP116" i="29"/>
  <c r="BQ116" i="29"/>
  <c r="BR116" i="29"/>
  <c r="BS116" i="29"/>
  <c r="BT116" i="29"/>
  <c r="BU116" i="29"/>
  <c r="BV116" i="29"/>
  <c r="BW116" i="29"/>
  <c r="BX116" i="29"/>
  <c r="BY116" i="29"/>
  <c r="BZ116" i="29"/>
  <c r="CA116" i="29"/>
  <c r="V117" i="29"/>
  <c r="BC117" i="29"/>
  <c r="BH117" i="29"/>
  <c r="CB117" i="29" s="1"/>
  <c r="BI117" i="29"/>
  <c r="BJ117" i="29"/>
  <c r="BK117" i="29"/>
  <c r="BL117" i="29"/>
  <c r="BM117" i="29"/>
  <c r="BN117" i="29"/>
  <c r="BO117" i="29"/>
  <c r="BP117" i="29"/>
  <c r="BQ117" i="29"/>
  <c r="BR117" i="29"/>
  <c r="BS117" i="29"/>
  <c r="BT117" i="29"/>
  <c r="BU117" i="29"/>
  <c r="BV117" i="29"/>
  <c r="BW117" i="29"/>
  <c r="BX117" i="29"/>
  <c r="BY117" i="29"/>
  <c r="BZ117" i="29"/>
  <c r="CA117" i="29"/>
  <c r="V118" i="29"/>
  <c r="BC118" i="29"/>
  <c r="BH118" i="29"/>
  <c r="CB118" i="29" s="1"/>
  <c r="BI118" i="29"/>
  <c r="BJ118" i="29"/>
  <c r="BK118" i="29"/>
  <c r="BL118" i="29"/>
  <c r="BM118" i="29"/>
  <c r="BN118" i="29"/>
  <c r="BO118" i="29"/>
  <c r="BP118" i="29"/>
  <c r="BQ118" i="29"/>
  <c r="BR118" i="29"/>
  <c r="BS118" i="29"/>
  <c r="BT118" i="29"/>
  <c r="BU118" i="29"/>
  <c r="BV118" i="29"/>
  <c r="BW118" i="29"/>
  <c r="BX118" i="29"/>
  <c r="BY118" i="29"/>
  <c r="BZ118" i="29"/>
  <c r="CA118" i="29"/>
  <c r="V119" i="29"/>
  <c r="BC119" i="29"/>
  <c r="BH119" i="29"/>
  <c r="CB119" i="29" s="1"/>
  <c r="BI119" i="29"/>
  <c r="BJ119" i="29"/>
  <c r="BK119" i="29"/>
  <c r="BL119" i="29"/>
  <c r="BM119" i="29"/>
  <c r="BN119" i="29"/>
  <c r="BO119" i="29"/>
  <c r="BP119" i="29"/>
  <c r="BQ119" i="29"/>
  <c r="BR119" i="29"/>
  <c r="BS119" i="29"/>
  <c r="BT119" i="29"/>
  <c r="BU119" i="29"/>
  <c r="BV119" i="29"/>
  <c r="BW119" i="29"/>
  <c r="BX119" i="29"/>
  <c r="BY119" i="29"/>
  <c r="BZ119" i="29"/>
  <c r="CA119" i="29"/>
  <c r="V120" i="29"/>
  <c r="BC120" i="29"/>
  <c r="BH120" i="29"/>
  <c r="CB120" i="29" s="1"/>
  <c r="BI120" i="29"/>
  <c r="BJ120" i="29"/>
  <c r="BK120" i="29"/>
  <c r="BL120" i="29"/>
  <c r="BM120" i="29"/>
  <c r="BN120" i="29"/>
  <c r="BO120" i="29"/>
  <c r="BP120" i="29"/>
  <c r="BQ120" i="29"/>
  <c r="BR120" i="29"/>
  <c r="BS120" i="29"/>
  <c r="BT120" i="29"/>
  <c r="BU120" i="29"/>
  <c r="BV120" i="29"/>
  <c r="BW120" i="29"/>
  <c r="BX120" i="29"/>
  <c r="BY120" i="29"/>
  <c r="BZ120" i="29"/>
  <c r="CA120" i="29"/>
  <c r="V121" i="29"/>
  <c r="BC121" i="29"/>
  <c r="BH121" i="29"/>
  <c r="CB121" i="29" s="1"/>
  <c r="BI121" i="29"/>
  <c r="BJ121" i="29"/>
  <c r="BK121" i="29"/>
  <c r="BL121" i="29"/>
  <c r="BM121" i="29"/>
  <c r="BN121" i="29"/>
  <c r="BO121" i="29"/>
  <c r="BP121" i="29"/>
  <c r="BQ121" i="29"/>
  <c r="BR121" i="29"/>
  <c r="BS121" i="29"/>
  <c r="BT121" i="29"/>
  <c r="BU121" i="29"/>
  <c r="BV121" i="29"/>
  <c r="BW121" i="29"/>
  <c r="BX121" i="29"/>
  <c r="BY121" i="29"/>
  <c r="BZ121" i="29"/>
  <c r="CA121" i="29"/>
  <c r="V122" i="29"/>
  <c r="BC122" i="29"/>
  <c r="BH122" i="29"/>
  <c r="CB122" i="29" s="1"/>
  <c r="BI122" i="29"/>
  <c r="BJ122" i="29"/>
  <c r="BK122" i="29"/>
  <c r="BL122" i="29"/>
  <c r="BM122" i="29"/>
  <c r="BN122" i="29"/>
  <c r="BO122" i="29"/>
  <c r="BP122" i="29"/>
  <c r="BQ122" i="29"/>
  <c r="BR122" i="29"/>
  <c r="BS122" i="29"/>
  <c r="BT122" i="29"/>
  <c r="BU122" i="29"/>
  <c r="BV122" i="29"/>
  <c r="BW122" i="29"/>
  <c r="BX122" i="29"/>
  <c r="BY122" i="29"/>
  <c r="BZ122" i="29"/>
  <c r="CA122" i="29"/>
  <c r="V123" i="29"/>
  <c r="BC123" i="29"/>
  <c r="BH123" i="29"/>
  <c r="CB123" i="29" s="1"/>
  <c r="BI123" i="29"/>
  <c r="BJ123" i="29"/>
  <c r="BK123" i="29"/>
  <c r="BL123" i="29"/>
  <c r="BM123" i="29"/>
  <c r="BN123" i="29"/>
  <c r="BO123" i="29"/>
  <c r="BP123" i="29"/>
  <c r="BQ123" i="29"/>
  <c r="BR123" i="29"/>
  <c r="BS123" i="29"/>
  <c r="BT123" i="29"/>
  <c r="BU123" i="29"/>
  <c r="BV123" i="29"/>
  <c r="BW123" i="29"/>
  <c r="BX123" i="29"/>
  <c r="BY123" i="29"/>
  <c r="BZ123" i="29"/>
  <c r="CA123" i="29"/>
  <c r="V124" i="29"/>
  <c r="BH124" i="29"/>
  <c r="CB124" i="29" s="1"/>
  <c r="BI124" i="29"/>
  <c r="BJ124" i="29"/>
  <c r="BK124" i="29"/>
  <c r="BL124" i="29"/>
  <c r="BM124" i="29"/>
  <c r="BN124" i="29"/>
  <c r="BO124" i="29"/>
  <c r="BP124" i="29"/>
  <c r="BQ124" i="29"/>
  <c r="BR124" i="29"/>
  <c r="BS124" i="29"/>
  <c r="BT124" i="29"/>
  <c r="BU124" i="29"/>
  <c r="BV124" i="29"/>
  <c r="BW124" i="29"/>
  <c r="BX124" i="29"/>
  <c r="BY124" i="29"/>
  <c r="BZ124" i="29"/>
  <c r="CA124" i="29"/>
  <c r="V125" i="29"/>
  <c r="BC125" i="29"/>
  <c r="BH125" i="29"/>
  <c r="CB125" i="29" s="1"/>
  <c r="BI125" i="29"/>
  <c r="BJ125" i="29"/>
  <c r="BK125" i="29"/>
  <c r="BL125" i="29"/>
  <c r="BM125" i="29"/>
  <c r="BN125" i="29"/>
  <c r="BO125" i="29"/>
  <c r="BP125" i="29"/>
  <c r="BQ125" i="29"/>
  <c r="BR125" i="29"/>
  <c r="BS125" i="29"/>
  <c r="BT125" i="29"/>
  <c r="BU125" i="29"/>
  <c r="BV125" i="29"/>
  <c r="BW125" i="29"/>
  <c r="BX125" i="29"/>
  <c r="BY125" i="29"/>
  <c r="BZ125" i="29"/>
  <c r="CA125" i="29"/>
  <c r="V96" i="29"/>
  <c r="AN96" i="29"/>
  <c r="AO96" i="29"/>
  <c r="AP96" i="29"/>
  <c r="AQ96" i="29"/>
  <c r="AR96" i="29"/>
  <c r="AS96" i="29"/>
  <c r="BC96" i="29"/>
  <c r="V97" i="29"/>
  <c r="AN97" i="29"/>
  <c r="AO97" i="29"/>
  <c r="AP97" i="29"/>
  <c r="AQ97" i="29"/>
  <c r="AR97" i="29"/>
  <c r="AS97" i="29"/>
  <c r="BC97" i="29"/>
  <c r="V98" i="29"/>
  <c r="AN98" i="29"/>
  <c r="AO98" i="29"/>
  <c r="AP98" i="29"/>
  <c r="AQ98" i="29"/>
  <c r="AR98" i="29"/>
  <c r="AS98" i="29"/>
  <c r="BC98" i="29"/>
  <c r="V99" i="29"/>
  <c r="AN99" i="29"/>
  <c r="AO99" i="29"/>
  <c r="AP99" i="29"/>
  <c r="AQ99" i="29"/>
  <c r="AR99" i="29"/>
  <c r="AS99" i="29"/>
  <c r="BC99" i="29"/>
  <c r="V130" i="29"/>
  <c r="BC130" i="29"/>
  <c r="BH130" i="29"/>
  <c r="CB130" i="29" s="1"/>
  <c r="BI130" i="29"/>
  <c r="BJ130" i="29"/>
  <c r="BK130" i="29"/>
  <c r="BL130" i="29"/>
  <c r="BM130" i="29"/>
  <c r="BN130" i="29"/>
  <c r="BO130" i="29"/>
  <c r="BP130" i="29"/>
  <c r="BQ130" i="29"/>
  <c r="BR130" i="29"/>
  <c r="BS130" i="29"/>
  <c r="BT130" i="29"/>
  <c r="BU130" i="29"/>
  <c r="BV130" i="29"/>
  <c r="BW130" i="29"/>
  <c r="BX130" i="29"/>
  <c r="BY130" i="29"/>
  <c r="BZ130" i="29"/>
  <c r="CA130" i="29"/>
  <c r="V131" i="29"/>
  <c r="BC131" i="29"/>
  <c r="BH131" i="29"/>
  <c r="CB131" i="29" s="1"/>
  <c r="BI131" i="29"/>
  <c r="BJ131" i="29"/>
  <c r="BK131" i="29"/>
  <c r="BL131" i="29"/>
  <c r="BM131" i="29"/>
  <c r="BN131" i="29"/>
  <c r="BO131" i="29"/>
  <c r="BP131" i="29"/>
  <c r="BQ131" i="29"/>
  <c r="BR131" i="29"/>
  <c r="BS131" i="29"/>
  <c r="BT131" i="29"/>
  <c r="BU131" i="29"/>
  <c r="BV131" i="29"/>
  <c r="BW131" i="29"/>
  <c r="BX131" i="29"/>
  <c r="BY131" i="29"/>
  <c r="BZ131" i="29"/>
  <c r="CA131" i="29"/>
  <c r="V132" i="29"/>
  <c r="BC132" i="29"/>
  <c r="BH132" i="29"/>
  <c r="CB132" i="29" s="1"/>
  <c r="BI132" i="29"/>
  <c r="BJ132" i="29"/>
  <c r="BK132" i="29"/>
  <c r="BL132" i="29"/>
  <c r="BM132" i="29"/>
  <c r="BN132" i="29"/>
  <c r="BO132" i="29"/>
  <c r="BP132" i="29"/>
  <c r="BQ132" i="29"/>
  <c r="BR132" i="29"/>
  <c r="BS132" i="29"/>
  <c r="BT132" i="29"/>
  <c r="BU132" i="29"/>
  <c r="BV132" i="29"/>
  <c r="BW132" i="29"/>
  <c r="BX132" i="29"/>
  <c r="BY132" i="29"/>
  <c r="BZ132" i="29"/>
  <c r="CA132" i="29"/>
  <c r="V133" i="29"/>
  <c r="BC133" i="29"/>
  <c r="BH133" i="29"/>
  <c r="CB133" i="29" s="1"/>
  <c r="BI133" i="29"/>
  <c r="BJ133" i="29"/>
  <c r="BK133" i="29"/>
  <c r="BL133" i="29"/>
  <c r="BM133" i="29"/>
  <c r="BN133" i="29"/>
  <c r="BO133" i="29"/>
  <c r="BP133" i="29"/>
  <c r="BQ133" i="29"/>
  <c r="BR133" i="29"/>
  <c r="BS133" i="29"/>
  <c r="BT133" i="29"/>
  <c r="BU133" i="29"/>
  <c r="BV133" i="29"/>
  <c r="BW133" i="29"/>
  <c r="BX133" i="29"/>
  <c r="BY133" i="29"/>
  <c r="BZ133" i="29"/>
  <c r="CA133" i="29"/>
  <c r="V134" i="29"/>
  <c r="BC134" i="29"/>
  <c r="BH134" i="29"/>
  <c r="CB134" i="29" s="1"/>
  <c r="BI134" i="29"/>
  <c r="BJ134" i="29"/>
  <c r="BK134" i="29"/>
  <c r="BL134" i="29"/>
  <c r="BM134" i="29"/>
  <c r="BN134" i="29"/>
  <c r="BO134" i="29"/>
  <c r="BP134" i="29"/>
  <c r="BQ134" i="29"/>
  <c r="BR134" i="29"/>
  <c r="BS134" i="29"/>
  <c r="BT134" i="29"/>
  <c r="BU134" i="29"/>
  <c r="BV134" i="29"/>
  <c r="BW134" i="29"/>
  <c r="BX134" i="29"/>
  <c r="BY134" i="29"/>
  <c r="BZ134" i="29"/>
  <c r="CA134" i="29"/>
  <c r="V135" i="29"/>
  <c r="BC135" i="29"/>
  <c r="BH135" i="29"/>
  <c r="CB135" i="29" s="1"/>
  <c r="BI135" i="29"/>
  <c r="BJ135" i="29"/>
  <c r="BK135" i="29"/>
  <c r="BL135" i="29"/>
  <c r="BM135" i="29"/>
  <c r="BN135" i="29"/>
  <c r="BO135" i="29"/>
  <c r="BP135" i="29"/>
  <c r="BQ135" i="29"/>
  <c r="BR135" i="29"/>
  <c r="BS135" i="29"/>
  <c r="BT135" i="29"/>
  <c r="BU135" i="29"/>
  <c r="BV135" i="29"/>
  <c r="BW135" i="29"/>
  <c r="BX135" i="29"/>
  <c r="BY135" i="29"/>
  <c r="BZ135" i="29"/>
  <c r="CA135" i="29"/>
  <c r="V136" i="29"/>
  <c r="BC136" i="29"/>
  <c r="BH136" i="29"/>
  <c r="CB136" i="29" s="1"/>
  <c r="BI136" i="29"/>
  <c r="BJ136" i="29"/>
  <c r="BK136" i="29"/>
  <c r="BL136" i="29"/>
  <c r="BM136" i="29"/>
  <c r="BN136" i="29"/>
  <c r="BO136" i="29"/>
  <c r="BP136" i="29"/>
  <c r="BQ136" i="29"/>
  <c r="BR136" i="29"/>
  <c r="BS136" i="29"/>
  <c r="BT136" i="29"/>
  <c r="BU136" i="29"/>
  <c r="BV136" i="29"/>
  <c r="BW136" i="29"/>
  <c r="BX136" i="29"/>
  <c r="BY136" i="29"/>
  <c r="BZ136" i="29"/>
  <c r="CA136" i="29"/>
  <c r="V137" i="29"/>
  <c r="BC137" i="29"/>
  <c r="BH137" i="29"/>
  <c r="CB137" i="29" s="1"/>
  <c r="BI137" i="29"/>
  <c r="BJ137" i="29"/>
  <c r="BK137" i="29"/>
  <c r="BL137" i="29"/>
  <c r="BM137" i="29"/>
  <c r="BN137" i="29"/>
  <c r="BO137" i="29"/>
  <c r="BP137" i="29"/>
  <c r="BQ137" i="29"/>
  <c r="BR137" i="29"/>
  <c r="BS137" i="29"/>
  <c r="BT137" i="29"/>
  <c r="BU137" i="29"/>
  <c r="BV137" i="29"/>
  <c r="BW137" i="29"/>
  <c r="BX137" i="29"/>
  <c r="BY137" i="29"/>
  <c r="BZ137" i="29"/>
  <c r="CA137" i="29"/>
  <c r="V138" i="29"/>
  <c r="BC138" i="29"/>
  <c r="BH138" i="29"/>
  <c r="CB138" i="29" s="1"/>
  <c r="BI138" i="29"/>
  <c r="BJ138" i="29"/>
  <c r="BK138" i="29"/>
  <c r="BL138" i="29"/>
  <c r="BM138" i="29"/>
  <c r="BN138" i="29"/>
  <c r="BO138" i="29"/>
  <c r="BP138" i="29"/>
  <c r="BQ138" i="29"/>
  <c r="BR138" i="29"/>
  <c r="BS138" i="29"/>
  <c r="BT138" i="29"/>
  <c r="BU138" i="29"/>
  <c r="BV138" i="29"/>
  <c r="BW138" i="29"/>
  <c r="BX138" i="29"/>
  <c r="BY138" i="29"/>
  <c r="BZ138" i="29"/>
  <c r="CA138" i="29"/>
  <c r="V139" i="29"/>
  <c r="BC139" i="29"/>
  <c r="BH139" i="29"/>
  <c r="CB139" i="29" s="1"/>
  <c r="BI139" i="29"/>
  <c r="BJ139" i="29"/>
  <c r="BK139" i="29"/>
  <c r="BL139" i="29"/>
  <c r="BM139" i="29"/>
  <c r="BN139" i="29"/>
  <c r="BO139" i="29"/>
  <c r="BP139" i="29"/>
  <c r="BQ139" i="29"/>
  <c r="BR139" i="29"/>
  <c r="BS139" i="29"/>
  <c r="BT139" i="29"/>
  <c r="BU139" i="29"/>
  <c r="BV139" i="29"/>
  <c r="BW139" i="29"/>
  <c r="BX139" i="29"/>
  <c r="BY139" i="29"/>
  <c r="BZ139" i="29"/>
  <c r="CA139" i="29"/>
  <c r="V100" i="29"/>
  <c r="AN100" i="29"/>
  <c r="AO100" i="29"/>
  <c r="AP100" i="29"/>
  <c r="AQ100" i="29"/>
  <c r="AR100" i="29"/>
  <c r="AS100" i="29"/>
  <c r="BC100" i="29"/>
  <c r="V141" i="29"/>
  <c r="BC141" i="29"/>
  <c r="BH141" i="29"/>
  <c r="CB141" i="29" s="1"/>
  <c r="BI141" i="29"/>
  <c r="BJ141" i="29"/>
  <c r="BK141" i="29"/>
  <c r="BL141" i="29"/>
  <c r="BM141" i="29"/>
  <c r="BN141" i="29"/>
  <c r="BO141" i="29"/>
  <c r="BP141" i="29"/>
  <c r="BQ141" i="29"/>
  <c r="BR141" i="29"/>
  <c r="BS141" i="29"/>
  <c r="BT141" i="29"/>
  <c r="BU141" i="29"/>
  <c r="BV141" i="29"/>
  <c r="BW141" i="29"/>
  <c r="BX141" i="29"/>
  <c r="BY141" i="29"/>
  <c r="BZ141" i="29"/>
  <c r="CA141" i="29"/>
  <c r="V142" i="29"/>
  <c r="BC142" i="29"/>
  <c r="BH142" i="29"/>
  <c r="CB142" i="29" s="1"/>
  <c r="BI142" i="29"/>
  <c r="BJ142" i="29"/>
  <c r="BK142" i="29"/>
  <c r="BL142" i="29"/>
  <c r="BM142" i="29"/>
  <c r="BN142" i="29"/>
  <c r="BO142" i="29"/>
  <c r="BP142" i="29"/>
  <c r="BQ142" i="29"/>
  <c r="BR142" i="29"/>
  <c r="BS142" i="29"/>
  <c r="BT142" i="29"/>
  <c r="BU142" i="29"/>
  <c r="BV142" i="29"/>
  <c r="BW142" i="29"/>
  <c r="BX142" i="29"/>
  <c r="BY142" i="29"/>
  <c r="BZ142" i="29"/>
  <c r="CA142" i="29"/>
  <c r="V143" i="29"/>
  <c r="BC143" i="29"/>
  <c r="BH143" i="29"/>
  <c r="CB143" i="29" s="1"/>
  <c r="BI143" i="29"/>
  <c r="BJ143" i="29"/>
  <c r="BK143" i="29"/>
  <c r="BL143" i="29"/>
  <c r="BM143" i="29"/>
  <c r="BN143" i="29"/>
  <c r="BO143" i="29"/>
  <c r="BP143" i="29"/>
  <c r="BQ143" i="29"/>
  <c r="BR143" i="29"/>
  <c r="BS143" i="29"/>
  <c r="BT143" i="29"/>
  <c r="BU143" i="29"/>
  <c r="BV143" i="29"/>
  <c r="BW143" i="29"/>
  <c r="BX143" i="29"/>
  <c r="BY143" i="29"/>
  <c r="BZ143" i="29"/>
  <c r="CA143" i="29"/>
  <c r="V144" i="29"/>
  <c r="BC144" i="29"/>
  <c r="BH144" i="29"/>
  <c r="CB144" i="29" s="1"/>
  <c r="BI144" i="29"/>
  <c r="BJ144" i="29"/>
  <c r="BK144" i="29"/>
  <c r="BL144" i="29"/>
  <c r="BM144" i="29"/>
  <c r="BN144" i="29"/>
  <c r="BO144" i="29"/>
  <c r="BP144" i="29"/>
  <c r="BQ144" i="29"/>
  <c r="BR144" i="29"/>
  <c r="BS144" i="29"/>
  <c r="BT144" i="29"/>
  <c r="BU144" i="29"/>
  <c r="BV144" i="29"/>
  <c r="BW144" i="29"/>
  <c r="BX144" i="29"/>
  <c r="BY144" i="29"/>
  <c r="BZ144" i="29"/>
  <c r="CA144" i="29"/>
  <c r="V145" i="29"/>
  <c r="BC145" i="29"/>
  <c r="BH145" i="29"/>
  <c r="CB145" i="29" s="1"/>
  <c r="BI145" i="29"/>
  <c r="BJ145" i="29"/>
  <c r="BK145" i="29"/>
  <c r="BL145" i="29"/>
  <c r="BM145" i="29"/>
  <c r="BN145" i="29"/>
  <c r="BO145" i="29"/>
  <c r="BP145" i="29"/>
  <c r="BQ145" i="29"/>
  <c r="BR145" i="29"/>
  <c r="BS145" i="29"/>
  <c r="BT145" i="29"/>
  <c r="BU145" i="29"/>
  <c r="BV145" i="29"/>
  <c r="BW145" i="29"/>
  <c r="BX145" i="29"/>
  <c r="BY145" i="29"/>
  <c r="BZ145" i="29"/>
  <c r="CA145" i="29"/>
  <c r="V146" i="29"/>
  <c r="BC146" i="29"/>
  <c r="BH146" i="29"/>
  <c r="CB146" i="29" s="1"/>
  <c r="BI146" i="29"/>
  <c r="BJ146" i="29"/>
  <c r="BK146" i="29"/>
  <c r="BL146" i="29"/>
  <c r="BM146" i="29"/>
  <c r="BN146" i="29"/>
  <c r="BO146" i="29"/>
  <c r="BP146" i="29"/>
  <c r="BQ146" i="29"/>
  <c r="BR146" i="29"/>
  <c r="BS146" i="29"/>
  <c r="BT146" i="29"/>
  <c r="BU146" i="29"/>
  <c r="BV146" i="29"/>
  <c r="BW146" i="29"/>
  <c r="BX146" i="29"/>
  <c r="BY146" i="29"/>
  <c r="BZ146" i="29"/>
  <c r="CA146" i="29"/>
  <c r="V147" i="29"/>
  <c r="BC147" i="29"/>
  <c r="BH147" i="29"/>
  <c r="CB147" i="29" s="1"/>
  <c r="BI147" i="29"/>
  <c r="BJ147" i="29"/>
  <c r="BK147" i="29"/>
  <c r="BL147" i="29"/>
  <c r="BM147" i="29"/>
  <c r="BN147" i="29"/>
  <c r="BO147" i="29"/>
  <c r="BP147" i="29"/>
  <c r="BQ147" i="29"/>
  <c r="BR147" i="29"/>
  <c r="BS147" i="29"/>
  <c r="BT147" i="29"/>
  <c r="BU147" i="29"/>
  <c r="BV147" i="29"/>
  <c r="BW147" i="29"/>
  <c r="BX147" i="29"/>
  <c r="BY147" i="29"/>
  <c r="BZ147" i="29"/>
  <c r="CA147" i="29"/>
  <c r="V148" i="29"/>
  <c r="BC148" i="29"/>
  <c r="BH148" i="29"/>
  <c r="CB148" i="29" s="1"/>
  <c r="BI148" i="29"/>
  <c r="BJ148" i="29"/>
  <c r="BK148" i="29"/>
  <c r="BL148" i="29"/>
  <c r="BM148" i="29"/>
  <c r="BN148" i="29"/>
  <c r="BO148" i="29"/>
  <c r="BP148" i="29"/>
  <c r="BQ148" i="29"/>
  <c r="BR148" i="29"/>
  <c r="BS148" i="29"/>
  <c r="BT148" i="29"/>
  <c r="BU148" i="29"/>
  <c r="BV148" i="29"/>
  <c r="BW148" i="29"/>
  <c r="BX148" i="29"/>
  <c r="BY148" i="29"/>
  <c r="BZ148" i="29"/>
  <c r="CA148" i="29"/>
  <c r="V149" i="29"/>
  <c r="BC149" i="29"/>
  <c r="BH149" i="29"/>
  <c r="CB149" i="29" s="1"/>
  <c r="BI149" i="29"/>
  <c r="BJ149" i="29"/>
  <c r="BK149" i="29"/>
  <c r="BL149" i="29"/>
  <c r="BM149" i="29"/>
  <c r="BN149" i="29"/>
  <c r="BO149" i="29"/>
  <c r="BP149" i="29"/>
  <c r="BQ149" i="29"/>
  <c r="BR149" i="29"/>
  <c r="BS149" i="29"/>
  <c r="BT149" i="29"/>
  <c r="BU149" i="29"/>
  <c r="BV149" i="29"/>
  <c r="BW149" i="29"/>
  <c r="BX149" i="29"/>
  <c r="BY149" i="29"/>
  <c r="BZ149" i="29"/>
  <c r="CA149" i="29"/>
  <c r="V150" i="29"/>
  <c r="BC150" i="29"/>
  <c r="BH150" i="29"/>
  <c r="CB150" i="29" s="1"/>
  <c r="BI150" i="29"/>
  <c r="BJ150" i="29"/>
  <c r="BK150" i="29"/>
  <c r="BL150" i="29"/>
  <c r="BM150" i="29"/>
  <c r="BN150" i="29"/>
  <c r="BO150" i="29"/>
  <c r="BP150" i="29"/>
  <c r="BQ150" i="29"/>
  <c r="BR150" i="29"/>
  <c r="BS150" i="29"/>
  <c r="BT150" i="29"/>
  <c r="BU150" i="29"/>
  <c r="BV150" i="29"/>
  <c r="BW150" i="29"/>
  <c r="BX150" i="29"/>
  <c r="BY150" i="29"/>
  <c r="BZ150" i="29"/>
  <c r="CA150" i="29"/>
  <c r="V151" i="29"/>
  <c r="BC151" i="29"/>
  <c r="BH151" i="29"/>
  <c r="CB151" i="29" s="1"/>
  <c r="BI151" i="29"/>
  <c r="BJ151" i="29"/>
  <c r="BK151" i="29"/>
  <c r="BL151" i="29"/>
  <c r="BM151" i="29"/>
  <c r="BN151" i="29"/>
  <c r="BO151" i="29"/>
  <c r="BP151" i="29"/>
  <c r="BQ151" i="29"/>
  <c r="BR151" i="29"/>
  <c r="BS151" i="29"/>
  <c r="BT151" i="29"/>
  <c r="BU151" i="29"/>
  <c r="BV151" i="29"/>
  <c r="BW151" i="29"/>
  <c r="BX151" i="29"/>
  <c r="BY151" i="29"/>
  <c r="BZ151" i="29"/>
  <c r="CA151" i="29"/>
  <c r="V152" i="29"/>
  <c r="BH152" i="29"/>
  <c r="CB152" i="29" s="1"/>
  <c r="BI152" i="29"/>
  <c r="BJ152" i="29"/>
  <c r="BK152" i="29"/>
  <c r="BL152" i="29"/>
  <c r="BM152" i="29"/>
  <c r="BN152" i="29"/>
  <c r="BO152" i="29"/>
  <c r="BP152" i="29"/>
  <c r="BQ152" i="29"/>
  <c r="BR152" i="29"/>
  <c r="BS152" i="29"/>
  <c r="BT152" i="29"/>
  <c r="BU152" i="29"/>
  <c r="BV152" i="29"/>
  <c r="BW152" i="29"/>
  <c r="BX152" i="29"/>
  <c r="BY152" i="29"/>
  <c r="BZ152" i="29"/>
  <c r="CA152" i="29"/>
  <c r="V153" i="29"/>
  <c r="BC153" i="29"/>
  <c r="BH153" i="29"/>
  <c r="CB153" i="29" s="1"/>
  <c r="BI153" i="29"/>
  <c r="BJ153" i="29"/>
  <c r="BK153" i="29"/>
  <c r="BL153" i="29"/>
  <c r="BM153" i="29"/>
  <c r="BN153" i="29"/>
  <c r="BO153" i="29"/>
  <c r="BP153" i="29"/>
  <c r="BQ153" i="29"/>
  <c r="BR153" i="29"/>
  <c r="BS153" i="29"/>
  <c r="BT153" i="29"/>
  <c r="BU153" i="29"/>
  <c r="BV153" i="29"/>
  <c r="BW153" i="29"/>
  <c r="BX153" i="29"/>
  <c r="BY153" i="29"/>
  <c r="BZ153" i="29"/>
  <c r="CA153" i="29"/>
  <c r="V154" i="29"/>
  <c r="BC154" i="29"/>
  <c r="BH154" i="29"/>
  <c r="CB154" i="29" s="1"/>
  <c r="BI154" i="29"/>
  <c r="BJ154" i="29"/>
  <c r="BK154" i="29"/>
  <c r="BL154" i="29"/>
  <c r="BM154" i="29"/>
  <c r="BN154" i="29"/>
  <c r="BO154" i="29"/>
  <c r="BP154" i="29"/>
  <c r="BQ154" i="29"/>
  <c r="BR154" i="29"/>
  <c r="BS154" i="29"/>
  <c r="BT154" i="29"/>
  <c r="BU154" i="29"/>
  <c r="BV154" i="29"/>
  <c r="BW154" i="29"/>
  <c r="BX154" i="29"/>
  <c r="BY154" i="29"/>
  <c r="BZ154" i="29"/>
  <c r="CA154" i="29"/>
  <c r="V101" i="29"/>
  <c r="AN101" i="29"/>
  <c r="AO101" i="29"/>
  <c r="AP101" i="29"/>
  <c r="AQ101" i="29"/>
  <c r="AR101" i="29"/>
  <c r="AS101" i="29"/>
  <c r="BC101" i="29"/>
  <c r="V156" i="29"/>
  <c r="BC156" i="29"/>
  <c r="BH156" i="29"/>
  <c r="CB156" i="29" s="1"/>
  <c r="BI156" i="29"/>
  <c r="BJ156" i="29"/>
  <c r="BK156" i="29"/>
  <c r="BL156" i="29"/>
  <c r="BM156" i="29"/>
  <c r="BN156" i="29"/>
  <c r="BO156" i="29"/>
  <c r="BP156" i="29"/>
  <c r="BQ156" i="29"/>
  <c r="BR156" i="29"/>
  <c r="BS156" i="29"/>
  <c r="BT156" i="29"/>
  <c r="BU156" i="29"/>
  <c r="BV156" i="29"/>
  <c r="BW156" i="29"/>
  <c r="BX156" i="29"/>
  <c r="BY156" i="29"/>
  <c r="BZ156" i="29"/>
  <c r="CA156" i="29"/>
  <c r="V157" i="29"/>
  <c r="BC157" i="29"/>
  <c r="BH157" i="29"/>
  <c r="CB157" i="29" s="1"/>
  <c r="BI157" i="29"/>
  <c r="BJ157" i="29"/>
  <c r="BK157" i="29"/>
  <c r="BL157" i="29"/>
  <c r="BM157" i="29"/>
  <c r="BN157" i="29"/>
  <c r="BO157" i="29"/>
  <c r="BP157" i="29"/>
  <c r="BQ157" i="29"/>
  <c r="BR157" i="29"/>
  <c r="BS157" i="29"/>
  <c r="BT157" i="29"/>
  <c r="BU157" i="29"/>
  <c r="BV157" i="29"/>
  <c r="BW157" i="29"/>
  <c r="BX157" i="29"/>
  <c r="BY157" i="29"/>
  <c r="BZ157" i="29"/>
  <c r="CA157" i="29"/>
  <c r="V158" i="29"/>
  <c r="BC158" i="29"/>
  <c r="BH158" i="29"/>
  <c r="CB158" i="29" s="1"/>
  <c r="BI158" i="29"/>
  <c r="BJ158" i="29"/>
  <c r="BK158" i="29"/>
  <c r="BL158" i="29"/>
  <c r="BM158" i="29"/>
  <c r="BN158" i="29"/>
  <c r="BO158" i="29"/>
  <c r="BP158" i="29"/>
  <c r="BQ158" i="29"/>
  <c r="BR158" i="29"/>
  <c r="BS158" i="29"/>
  <c r="BT158" i="29"/>
  <c r="BU158" i="29"/>
  <c r="BV158" i="29"/>
  <c r="BW158" i="29"/>
  <c r="BX158" i="29"/>
  <c r="BY158" i="29"/>
  <c r="BZ158" i="29"/>
  <c r="CA158" i="29"/>
  <c r="V159" i="29"/>
  <c r="BC159" i="29"/>
  <c r="BH159" i="29"/>
  <c r="CB159" i="29" s="1"/>
  <c r="BI159" i="29"/>
  <c r="BJ159" i="29"/>
  <c r="BK159" i="29"/>
  <c r="BL159" i="29"/>
  <c r="BM159" i="29"/>
  <c r="BN159" i="29"/>
  <c r="BO159" i="29"/>
  <c r="BP159" i="29"/>
  <c r="BQ159" i="29"/>
  <c r="BR159" i="29"/>
  <c r="BS159" i="29"/>
  <c r="BT159" i="29"/>
  <c r="BU159" i="29"/>
  <c r="BV159" i="29"/>
  <c r="BW159" i="29"/>
  <c r="BX159" i="29"/>
  <c r="BY159" i="29"/>
  <c r="BZ159" i="29"/>
  <c r="CA159" i="29"/>
  <c r="V160" i="29"/>
  <c r="BC160" i="29"/>
  <c r="BH160" i="29"/>
  <c r="CB160" i="29" s="1"/>
  <c r="BI160" i="29"/>
  <c r="BJ160" i="29"/>
  <c r="BK160" i="29"/>
  <c r="BL160" i="29"/>
  <c r="BM160" i="29"/>
  <c r="BN160" i="29"/>
  <c r="BO160" i="29"/>
  <c r="BP160" i="29"/>
  <c r="BQ160" i="29"/>
  <c r="BR160" i="29"/>
  <c r="BS160" i="29"/>
  <c r="BT160" i="29"/>
  <c r="BU160" i="29"/>
  <c r="BV160" i="29"/>
  <c r="BW160" i="29"/>
  <c r="BX160" i="29"/>
  <c r="BY160" i="29"/>
  <c r="BZ160" i="29"/>
  <c r="CA160" i="29"/>
  <c r="V102" i="29"/>
  <c r="AN102" i="29"/>
  <c r="AO102" i="29"/>
  <c r="AP102" i="29"/>
  <c r="AQ102" i="29"/>
  <c r="AR102" i="29"/>
  <c r="AS102" i="29"/>
  <c r="BC102" i="29"/>
  <c r="V103" i="29"/>
  <c r="AN103" i="29"/>
  <c r="AO103" i="29"/>
  <c r="AP103" i="29"/>
  <c r="AQ103" i="29"/>
  <c r="AR103" i="29"/>
  <c r="AS103" i="29"/>
  <c r="BC103" i="29"/>
  <c r="V126" i="29"/>
  <c r="AN126" i="29"/>
  <c r="AO126" i="29"/>
  <c r="AP126" i="29"/>
  <c r="AQ126" i="29"/>
  <c r="AR126" i="29"/>
  <c r="AS126" i="29"/>
  <c r="BC126" i="29"/>
  <c r="V127" i="29"/>
  <c r="AN127" i="29"/>
  <c r="AO127" i="29"/>
  <c r="AP127" i="29"/>
  <c r="AQ127" i="29"/>
  <c r="AR127" i="29"/>
  <c r="AS127" i="29"/>
  <c r="BC127" i="29"/>
  <c r="V128" i="29"/>
  <c r="AN128" i="29"/>
  <c r="AO128" i="29"/>
  <c r="AP128" i="29"/>
  <c r="AQ128" i="29"/>
  <c r="AR128" i="29"/>
  <c r="AS128" i="29"/>
  <c r="BC128" i="29"/>
  <c r="V129" i="29"/>
  <c r="AN129" i="29"/>
  <c r="AO129" i="29"/>
  <c r="AP129" i="29"/>
  <c r="AQ129" i="29"/>
  <c r="AR129" i="29"/>
  <c r="AS129" i="29"/>
  <c r="BC129" i="29"/>
  <c r="V140" i="29"/>
  <c r="AN140" i="29"/>
  <c r="AO140" i="29"/>
  <c r="AP140" i="29"/>
  <c r="AQ140" i="29"/>
  <c r="AR140" i="29"/>
  <c r="AS140" i="29"/>
  <c r="BC140" i="29"/>
  <c r="V155" i="29"/>
  <c r="AN155" i="29"/>
  <c r="AO155" i="29"/>
  <c r="AP155" i="29"/>
  <c r="AQ155" i="29"/>
  <c r="AR155" i="29"/>
  <c r="AS155" i="29"/>
  <c r="BC155" i="29"/>
  <c r="V161" i="29"/>
  <c r="AN161" i="29"/>
  <c r="AO161" i="29"/>
  <c r="AP161" i="29"/>
  <c r="AQ161" i="29"/>
  <c r="AR161" i="29"/>
  <c r="AS161" i="29"/>
  <c r="BC161" i="29"/>
  <c r="V170" i="29"/>
  <c r="BC170" i="29"/>
  <c r="BH170" i="29"/>
  <c r="CB170" i="29" s="1"/>
  <c r="BI170" i="29"/>
  <c r="BJ170" i="29"/>
  <c r="BK170" i="29"/>
  <c r="BL170" i="29"/>
  <c r="BM170" i="29"/>
  <c r="BN170" i="29"/>
  <c r="BO170" i="29"/>
  <c r="BP170" i="29"/>
  <c r="BQ170" i="29"/>
  <c r="BR170" i="29"/>
  <c r="BS170" i="29"/>
  <c r="BT170" i="29"/>
  <c r="BU170" i="29"/>
  <c r="BV170" i="29"/>
  <c r="BW170" i="29"/>
  <c r="BX170" i="29"/>
  <c r="BY170" i="29"/>
  <c r="BZ170" i="29"/>
  <c r="CA170" i="29"/>
  <c r="V171" i="29"/>
  <c r="BC171" i="29"/>
  <c r="BH171" i="29"/>
  <c r="CB171" i="29" s="1"/>
  <c r="BI171" i="29"/>
  <c r="BJ171" i="29"/>
  <c r="BK171" i="29"/>
  <c r="BL171" i="29"/>
  <c r="BM171" i="29"/>
  <c r="BN171" i="29"/>
  <c r="BO171" i="29"/>
  <c r="BP171" i="29"/>
  <c r="BQ171" i="29"/>
  <c r="BR171" i="29"/>
  <c r="BS171" i="29"/>
  <c r="BT171" i="29"/>
  <c r="BU171" i="29"/>
  <c r="BV171" i="29"/>
  <c r="BW171" i="29"/>
  <c r="BX171" i="29"/>
  <c r="BY171" i="29"/>
  <c r="BZ171" i="29"/>
  <c r="CA171" i="29"/>
  <c r="V172" i="29"/>
  <c r="BC172" i="29"/>
  <c r="BH172" i="29"/>
  <c r="CB172" i="29" s="1"/>
  <c r="BI172" i="29"/>
  <c r="BJ172" i="29"/>
  <c r="BK172" i="29"/>
  <c r="BL172" i="29"/>
  <c r="BM172" i="29"/>
  <c r="BN172" i="29"/>
  <c r="BO172" i="29"/>
  <c r="BP172" i="29"/>
  <c r="BQ172" i="29"/>
  <c r="BR172" i="29"/>
  <c r="BS172" i="29"/>
  <c r="BT172" i="29"/>
  <c r="BU172" i="29"/>
  <c r="BV172" i="29"/>
  <c r="BW172" i="29"/>
  <c r="BX172" i="29"/>
  <c r="BY172" i="29"/>
  <c r="BZ172" i="29"/>
  <c r="CA172" i="29"/>
  <c r="V173" i="29"/>
  <c r="BC173" i="29"/>
  <c r="BH173" i="29"/>
  <c r="CB173" i="29" s="1"/>
  <c r="BI173" i="29"/>
  <c r="BJ173" i="29"/>
  <c r="BK173" i="29"/>
  <c r="BL173" i="29"/>
  <c r="BM173" i="29"/>
  <c r="BN173" i="29"/>
  <c r="BO173" i="29"/>
  <c r="BP173" i="29"/>
  <c r="BQ173" i="29"/>
  <c r="BR173" i="29"/>
  <c r="BS173" i="29"/>
  <c r="BT173" i="29"/>
  <c r="BU173" i="29"/>
  <c r="BV173" i="29"/>
  <c r="BW173" i="29"/>
  <c r="BX173" i="29"/>
  <c r="BY173" i="29"/>
  <c r="BZ173" i="29"/>
  <c r="CA173" i="29"/>
  <c r="V174" i="29"/>
  <c r="BC174" i="29"/>
  <c r="BH174" i="29"/>
  <c r="CB174" i="29" s="1"/>
  <c r="BI174" i="29"/>
  <c r="BJ174" i="29"/>
  <c r="BK174" i="29"/>
  <c r="BL174" i="29"/>
  <c r="BM174" i="29"/>
  <c r="BN174" i="29"/>
  <c r="BO174" i="29"/>
  <c r="BP174" i="29"/>
  <c r="BQ174" i="29"/>
  <c r="BR174" i="29"/>
  <c r="BS174" i="29"/>
  <c r="BT174" i="29"/>
  <c r="BU174" i="29"/>
  <c r="BV174" i="29"/>
  <c r="BW174" i="29"/>
  <c r="BX174" i="29"/>
  <c r="BY174" i="29"/>
  <c r="BZ174" i="29"/>
  <c r="CA174" i="29"/>
  <c r="V175" i="29"/>
  <c r="BC175" i="29"/>
  <c r="BH175" i="29"/>
  <c r="CB175" i="29" s="1"/>
  <c r="BI175" i="29"/>
  <c r="BJ175" i="29"/>
  <c r="BK175" i="29"/>
  <c r="BL175" i="29"/>
  <c r="BM175" i="29"/>
  <c r="BN175" i="29"/>
  <c r="BO175" i="29"/>
  <c r="BP175" i="29"/>
  <c r="BQ175" i="29"/>
  <c r="BR175" i="29"/>
  <c r="BS175" i="29"/>
  <c r="BT175" i="29"/>
  <c r="BU175" i="29"/>
  <c r="BV175" i="29"/>
  <c r="BW175" i="29"/>
  <c r="BX175" i="29"/>
  <c r="BY175" i="29"/>
  <c r="BZ175" i="29"/>
  <c r="CA175" i="29"/>
  <c r="V176" i="29"/>
  <c r="BC176" i="29"/>
  <c r="BH176" i="29"/>
  <c r="CB176" i="29" s="1"/>
  <c r="BI176" i="29"/>
  <c r="BJ176" i="29"/>
  <c r="BK176" i="29"/>
  <c r="BL176" i="29"/>
  <c r="BM176" i="29"/>
  <c r="BN176" i="29"/>
  <c r="BO176" i="29"/>
  <c r="BP176" i="29"/>
  <c r="BQ176" i="29"/>
  <c r="BR176" i="29"/>
  <c r="BS176" i="29"/>
  <c r="BT176" i="29"/>
  <c r="BU176" i="29"/>
  <c r="BV176" i="29"/>
  <c r="BW176" i="29"/>
  <c r="BX176" i="29"/>
  <c r="BY176" i="29"/>
  <c r="BZ176" i="29"/>
  <c r="CA176" i="29"/>
  <c r="V177" i="29"/>
  <c r="BC177" i="29"/>
  <c r="BH177" i="29"/>
  <c r="CB177" i="29" s="1"/>
  <c r="BI177" i="29"/>
  <c r="BJ177" i="29"/>
  <c r="BK177" i="29"/>
  <c r="BL177" i="29"/>
  <c r="BM177" i="29"/>
  <c r="BN177" i="29"/>
  <c r="BO177" i="29"/>
  <c r="BP177" i="29"/>
  <c r="BQ177" i="29"/>
  <c r="BR177" i="29"/>
  <c r="BS177" i="29"/>
  <c r="BT177" i="29"/>
  <c r="BU177" i="29"/>
  <c r="BV177" i="29"/>
  <c r="BW177" i="29"/>
  <c r="BX177" i="29"/>
  <c r="BY177" i="29"/>
  <c r="BZ177" i="29"/>
  <c r="CA177" i="29"/>
  <c r="V178" i="29"/>
  <c r="BC178" i="29"/>
  <c r="BH178" i="29"/>
  <c r="CB178" i="29" s="1"/>
  <c r="BI178" i="29"/>
  <c r="BJ178" i="29"/>
  <c r="BK178" i="29"/>
  <c r="BL178" i="29"/>
  <c r="BM178" i="29"/>
  <c r="BN178" i="29"/>
  <c r="BO178" i="29"/>
  <c r="BP178" i="29"/>
  <c r="BQ178" i="29"/>
  <c r="BR178" i="29"/>
  <c r="BS178" i="29"/>
  <c r="BT178" i="29"/>
  <c r="BU178" i="29"/>
  <c r="BV178" i="29"/>
  <c r="BW178" i="29"/>
  <c r="BX178" i="29"/>
  <c r="BY178" i="29"/>
  <c r="BZ178" i="29"/>
  <c r="CA178" i="29"/>
  <c r="V179" i="29"/>
  <c r="BC179" i="29"/>
  <c r="BH179" i="29"/>
  <c r="CB179" i="29" s="1"/>
  <c r="BI179" i="29"/>
  <c r="BJ179" i="29"/>
  <c r="BK179" i="29"/>
  <c r="BL179" i="29"/>
  <c r="BM179" i="29"/>
  <c r="BN179" i="29"/>
  <c r="BO179" i="29"/>
  <c r="BP179" i="29"/>
  <c r="BQ179" i="29"/>
  <c r="BR179" i="29"/>
  <c r="BS179" i="29"/>
  <c r="BT179" i="29"/>
  <c r="BU179" i="29"/>
  <c r="BV179" i="29"/>
  <c r="BW179" i="29"/>
  <c r="BX179" i="29"/>
  <c r="BY179" i="29"/>
  <c r="BZ179" i="29"/>
  <c r="CA179" i="29"/>
  <c r="V180" i="29"/>
  <c r="BC180" i="29"/>
  <c r="BH180" i="29"/>
  <c r="CB180" i="29" s="1"/>
  <c r="BI180" i="29"/>
  <c r="BJ180" i="29"/>
  <c r="BK180" i="29"/>
  <c r="BL180" i="29"/>
  <c r="BM180" i="29"/>
  <c r="BN180" i="29"/>
  <c r="BO180" i="29"/>
  <c r="BP180" i="29"/>
  <c r="BQ180" i="29"/>
  <c r="BR180" i="29"/>
  <c r="BS180" i="29"/>
  <c r="BT180" i="29"/>
  <c r="BU180" i="29"/>
  <c r="BV180" i="29"/>
  <c r="BW180" i="29"/>
  <c r="BX180" i="29"/>
  <c r="BY180" i="29"/>
  <c r="BZ180" i="29"/>
  <c r="CA180" i="29"/>
  <c r="V181" i="29"/>
  <c r="BC181" i="29"/>
  <c r="BH181" i="29"/>
  <c r="CB181" i="29" s="1"/>
  <c r="BI181" i="29"/>
  <c r="BJ181" i="29"/>
  <c r="BK181" i="29"/>
  <c r="BL181" i="29"/>
  <c r="BM181" i="29"/>
  <c r="BN181" i="29"/>
  <c r="BO181" i="29"/>
  <c r="BP181" i="29"/>
  <c r="BQ181" i="29"/>
  <c r="BR181" i="29"/>
  <c r="BS181" i="29"/>
  <c r="BT181" i="29"/>
  <c r="BU181" i="29"/>
  <c r="BV181" i="29"/>
  <c r="BW181" i="29"/>
  <c r="BX181" i="29"/>
  <c r="BY181" i="29"/>
  <c r="BZ181" i="29"/>
  <c r="CA181" i="29"/>
  <c r="V182" i="29"/>
  <c r="BC182" i="29"/>
  <c r="BH182" i="29"/>
  <c r="CB182" i="29" s="1"/>
  <c r="BI182" i="29"/>
  <c r="BJ182" i="29"/>
  <c r="BK182" i="29"/>
  <c r="BL182" i="29"/>
  <c r="BM182" i="29"/>
  <c r="BN182" i="29"/>
  <c r="BO182" i="29"/>
  <c r="BP182" i="29"/>
  <c r="BQ182" i="29"/>
  <c r="BR182" i="29"/>
  <c r="BS182" i="29"/>
  <c r="BT182" i="29"/>
  <c r="BU182" i="29"/>
  <c r="BV182" i="29"/>
  <c r="BW182" i="29"/>
  <c r="BX182" i="29"/>
  <c r="BY182" i="29"/>
  <c r="BZ182" i="29"/>
  <c r="CA182" i="29"/>
  <c r="V183" i="29"/>
  <c r="BC183" i="29"/>
  <c r="BH183" i="29"/>
  <c r="CB183" i="29" s="1"/>
  <c r="BI183" i="29"/>
  <c r="BJ183" i="29"/>
  <c r="BK183" i="29"/>
  <c r="BL183" i="29"/>
  <c r="BM183" i="29"/>
  <c r="BN183" i="29"/>
  <c r="BO183" i="29"/>
  <c r="BP183" i="29"/>
  <c r="BQ183" i="29"/>
  <c r="BR183" i="29"/>
  <c r="BS183" i="29"/>
  <c r="BT183" i="29"/>
  <c r="BU183" i="29"/>
  <c r="BV183" i="29"/>
  <c r="BW183" i="29"/>
  <c r="BX183" i="29"/>
  <c r="BY183" i="29"/>
  <c r="BZ183" i="29"/>
  <c r="CA183" i="29"/>
  <c r="V184" i="29"/>
  <c r="BC184" i="29"/>
  <c r="BH184" i="29"/>
  <c r="CB184" i="29" s="1"/>
  <c r="BI184" i="29"/>
  <c r="BJ184" i="29"/>
  <c r="BK184" i="29"/>
  <c r="BL184" i="29"/>
  <c r="BM184" i="29"/>
  <c r="BN184" i="29"/>
  <c r="BO184" i="29"/>
  <c r="BP184" i="29"/>
  <c r="BQ184" i="29"/>
  <c r="BR184" i="29"/>
  <c r="BS184" i="29"/>
  <c r="BT184" i="29"/>
  <c r="BU184" i="29"/>
  <c r="BV184" i="29"/>
  <c r="BW184" i="29"/>
  <c r="BX184" i="29"/>
  <c r="BY184" i="29"/>
  <c r="BZ184" i="29"/>
  <c r="CA184" i="29"/>
  <c r="V185" i="29"/>
  <c r="BC185" i="29"/>
  <c r="BH185" i="29"/>
  <c r="CB185" i="29" s="1"/>
  <c r="BI185" i="29"/>
  <c r="BJ185" i="29"/>
  <c r="BK185" i="29"/>
  <c r="BL185" i="29"/>
  <c r="BM185" i="29"/>
  <c r="BN185" i="29"/>
  <c r="BO185" i="29"/>
  <c r="BP185" i="29"/>
  <c r="BQ185" i="29"/>
  <c r="BR185" i="29"/>
  <c r="BS185" i="29"/>
  <c r="BT185" i="29"/>
  <c r="BU185" i="29"/>
  <c r="BV185" i="29"/>
  <c r="BW185" i="29"/>
  <c r="BX185" i="29"/>
  <c r="BY185" i="29"/>
  <c r="BZ185" i="29"/>
  <c r="CA185" i="29"/>
  <c r="V186" i="29"/>
  <c r="BC186" i="29"/>
  <c r="BH186" i="29"/>
  <c r="CB186" i="29" s="1"/>
  <c r="BI186" i="29"/>
  <c r="BJ186" i="29"/>
  <c r="BK186" i="29"/>
  <c r="BL186" i="29"/>
  <c r="BM186" i="29"/>
  <c r="BN186" i="29"/>
  <c r="BO186" i="29"/>
  <c r="BP186" i="29"/>
  <c r="BQ186" i="29"/>
  <c r="BR186" i="29"/>
  <c r="BS186" i="29"/>
  <c r="BT186" i="29"/>
  <c r="BU186" i="29"/>
  <c r="BV186" i="29"/>
  <c r="BW186" i="29"/>
  <c r="BX186" i="29"/>
  <c r="BY186" i="29"/>
  <c r="BZ186" i="29"/>
  <c r="CA186" i="29"/>
  <c r="V187" i="29"/>
  <c r="BC187" i="29"/>
  <c r="BH187" i="29"/>
  <c r="CB187" i="29" s="1"/>
  <c r="BI187" i="29"/>
  <c r="BJ187" i="29"/>
  <c r="BK187" i="29"/>
  <c r="BL187" i="29"/>
  <c r="BM187" i="29"/>
  <c r="BN187" i="29"/>
  <c r="BO187" i="29"/>
  <c r="BP187" i="29"/>
  <c r="BQ187" i="29"/>
  <c r="BR187" i="29"/>
  <c r="BS187" i="29"/>
  <c r="BT187" i="29"/>
  <c r="BU187" i="29"/>
  <c r="BV187" i="29"/>
  <c r="BW187" i="29"/>
  <c r="BX187" i="29"/>
  <c r="BY187" i="29"/>
  <c r="BZ187" i="29"/>
  <c r="CA187" i="29"/>
  <c r="V188" i="29"/>
  <c r="BC188" i="29"/>
  <c r="BH188" i="29"/>
  <c r="CB188" i="29" s="1"/>
  <c r="BI188" i="29"/>
  <c r="BJ188" i="29"/>
  <c r="BK188" i="29"/>
  <c r="BL188" i="29"/>
  <c r="BM188" i="29"/>
  <c r="BN188" i="29"/>
  <c r="BO188" i="29"/>
  <c r="BP188" i="29"/>
  <c r="BQ188" i="29"/>
  <c r="BR188" i="29"/>
  <c r="BS188" i="29"/>
  <c r="BT188" i="29"/>
  <c r="BU188" i="29"/>
  <c r="BV188" i="29"/>
  <c r="BW188" i="29"/>
  <c r="BX188" i="29"/>
  <c r="BY188" i="29"/>
  <c r="BZ188" i="29"/>
  <c r="CA188" i="29"/>
  <c r="V189" i="29"/>
  <c r="BC189" i="29"/>
  <c r="BH189" i="29"/>
  <c r="CB189" i="29" s="1"/>
  <c r="BI189" i="29"/>
  <c r="BJ189" i="29"/>
  <c r="BK189" i="29"/>
  <c r="BL189" i="29"/>
  <c r="BM189" i="29"/>
  <c r="BN189" i="29"/>
  <c r="BO189" i="29"/>
  <c r="BP189" i="29"/>
  <c r="BQ189" i="29"/>
  <c r="BR189" i="29"/>
  <c r="BS189" i="29"/>
  <c r="BT189" i="29"/>
  <c r="BU189" i="29"/>
  <c r="BV189" i="29"/>
  <c r="BW189" i="29"/>
  <c r="BX189" i="29"/>
  <c r="BY189" i="29"/>
  <c r="BZ189" i="29"/>
  <c r="CA189" i="29"/>
  <c r="V190" i="29"/>
  <c r="BC190" i="29"/>
  <c r="BH190" i="29"/>
  <c r="CB190" i="29" s="1"/>
  <c r="BI190" i="29"/>
  <c r="BJ190" i="29"/>
  <c r="BK190" i="29"/>
  <c r="BL190" i="29"/>
  <c r="BM190" i="29"/>
  <c r="BN190" i="29"/>
  <c r="BO190" i="29"/>
  <c r="BP190" i="29"/>
  <c r="BQ190" i="29"/>
  <c r="BR190" i="29"/>
  <c r="BS190" i="29"/>
  <c r="BT190" i="29"/>
  <c r="BU190" i="29"/>
  <c r="BV190" i="29"/>
  <c r="BW190" i="29"/>
  <c r="BX190" i="29"/>
  <c r="BY190" i="29"/>
  <c r="BZ190" i="29"/>
  <c r="CA190" i="29"/>
  <c r="V191" i="29"/>
  <c r="BC191" i="29"/>
  <c r="BH191" i="29"/>
  <c r="CB191" i="29" s="1"/>
  <c r="BI191" i="29"/>
  <c r="BJ191" i="29"/>
  <c r="BK191" i="29"/>
  <c r="BL191" i="29"/>
  <c r="BM191" i="29"/>
  <c r="BN191" i="29"/>
  <c r="BO191" i="29"/>
  <c r="BP191" i="29"/>
  <c r="BQ191" i="29"/>
  <c r="BR191" i="29"/>
  <c r="BS191" i="29"/>
  <c r="BT191" i="29"/>
  <c r="BU191" i="29"/>
  <c r="BV191" i="29"/>
  <c r="BW191" i="29"/>
  <c r="BX191" i="29"/>
  <c r="BY191" i="29"/>
  <c r="BZ191" i="29"/>
  <c r="CA191" i="29"/>
  <c r="V192" i="29"/>
  <c r="BC192" i="29"/>
  <c r="BH192" i="29"/>
  <c r="CB192" i="29" s="1"/>
  <c r="BI192" i="29"/>
  <c r="BJ192" i="29"/>
  <c r="BK192" i="29"/>
  <c r="BL192" i="29"/>
  <c r="BM192" i="29"/>
  <c r="BN192" i="29"/>
  <c r="BO192" i="29"/>
  <c r="BP192" i="29"/>
  <c r="BQ192" i="29"/>
  <c r="BR192" i="29"/>
  <c r="BS192" i="29"/>
  <c r="BT192" i="29"/>
  <c r="BU192" i="29"/>
  <c r="BV192" i="29"/>
  <c r="BW192" i="29"/>
  <c r="BX192" i="29"/>
  <c r="BY192" i="29"/>
  <c r="BZ192" i="29"/>
  <c r="CA192" i="29"/>
  <c r="V162" i="29"/>
  <c r="AN162" i="29"/>
  <c r="AO162" i="29"/>
  <c r="AP162" i="29"/>
  <c r="AQ162" i="29"/>
  <c r="AR162" i="29"/>
  <c r="AS162" i="29"/>
  <c r="BC162" i="29"/>
  <c r="V163" i="29"/>
  <c r="AN163" i="29"/>
  <c r="AO163" i="29"/>
  <c r="AP163" i="29"/>
  <c r="AQ163" i="29"/>
  <c r="AR163" i="29"/>
  <c r="AS163" i="29"/>
  <c r="BC163" i="29"/>
  <c r="V195" i="29"/>
  <c r="BC195" i="29"/>
  <c r="BH195" i="29"/>
  <c r="CB195" i="29" s="1"/>
  <c r="BI195" i="29"/>
  <c r="BJ195" i="29"/>
  <c r="BK195" i="29"/>
  <c r="BL195" i="29"/>
  <c r="BM195" i="29"/>
  <c r="BN195" i="29"/>
  <c r="BO195" i="29"/>
  <c r="BP195" i="29"/>
  <c r="BQ195" i="29"/>
  <c r="BR195" i="29"/>
  <c r="BS195" i="29"/>
  <c r="BT195" i="29"/>
  <c r="BU195" i="29"/>
  <c r="BV195" i="29"/>
  <c r="BW195" i="29"/>
  <c r="BX195" i="29"/>
  <c r="BY195" i="29"/>
  <c r="BZ195" i="29"/>
  <c r="CA195" i="29"/>
  <c r="V196" i="29"/>
  <c r="BC196" i="29"/>
  <c r="BH196" i="29"/>
  <c r="CB196" i="29" s="1"/>
  <c r="BI196" i="29"/>
  <c r="BJ196" i="29"/>
  <c r="BK196" i="29"/>
  <c r="BL196" i="29"/>
  <c r="BM196" i="29"/>
  <c r="BN196" i="29"/>
  <c r="BO196" i="29"/>
  <c r="BP196" i="29"/>
  <c r="BQ196" i="29"/>
  <c r="BR196" i="29"/>
  <c r="BS196" i="29"/>
  <c r="BT196" i="29"/>
  <c r="BU196" i="29"/>
  <c r="BV196" i="29"/>
  <c r="BW196" i="29"/>
  <c r="BX196" i="29"/>
  <c r="BY196" i="29"/>
  <c r="BZ196" i="29"/>
  <c r="CA196" i="29"/>
  <c r="V197" i="29"/>
  <c r="BC197" i="29"/>
  <c r="BH197" i="29"/>
  <c r="CB197" i="29" s="1"/>
  <c r="BI197" i="29"/>
  <c r="BJ197" i="29"/>
  <c r="BK197" i="29"/>
  <c r="BL197" i="29"/>
  <c r="BM197" i="29"/>
  <c r="BN197" i="29"/>
  <c r="BO197" i="29"/>
  <c r="BP197" i="29"/>
  <c r="BQ197" i="29"/>
  <c r="BR197" i="29"/>
  <c r="BS197" i="29"/>
  <c r="BT197" i="29"/>
  <c r="BU197" i="29"/>
  <c r="BV197" i="29"/>
  <c r="BW197" i="29"/>
  <c r="BX197" i="29"/>
  <c r="BY197" i="29"/>
  <c r="BZ197" i="29"/>
  <c r="CA197" i="29"/>
  <c r="V198" i="29"/>
  <c r="BC198" i="29"/>
  <c r="BH198" i="29"/>
  <c r="CB198" i="29" s="1"/>
  <c r="BI198" i="29"/>
  <c r="BJ198" i="29"/>
  <c r="BK198" i="29"/>
  <c r="BL198" i="29"/>
  <c r="BM198" i="29"/>
  <c r="BN198" i="29"/>
  <c r="BO198" i="29"/>
  <c r="BP198" i="29"/>
  <c r="BQ198" i="29"/>
  <c r="BR198" i="29"/>
  <c r="BS198" i="29"/>
  <c r="BT198" i="29"/>
  <c r="BU198" i="29"/>
  <c r="BV198" i="29"/>
  <c r="BW198" i="29"/>
  <c r="BX198" i="29"/>
  <c r="BY198" i="29"/>
  <c r="BZ198" i="29"/>
  <c r="CA198" i="29"/>
  <c r="V199" i="29"/>
  <c r="BC199" i="29"/>
  <c r="BH199" i="29"/>
  <c r="CB199" i="29" s="1"/>
  <c r="BI199" i="29"/>
  <c r="BJ199" i="29"/>
  <c r="BK199" i="29"/>
  <c r="BL199" i="29"/>
  <c r="BM199" i="29"/>
  <c r="BN199" i="29"/>
  <c r="BO199" i="29"/>
  <c r="BP199" i="29"/>
  <c r="BQ199" i="29"/>
  <c r="BR199" i="29"/>
  <c r="BS199" i="29"/>
  <c r="BT199" i="29"/>
  <c r="BU199" i="29"/>
  <c r="BV199" i="29"/>
  <c r="BW199" i="29"/>
  <c r="BX199" i="29"/>
  <c r="BY199" i="29"/>
  <c r="BZ199" i="29"/>
  <c r="CA199" i="29"/>
  <c r="V200" i="29"/>
  <c r="BC200" i="29"/>
  <c r="BH200" i="29"/>
  <c r="CB200" i="29" s="1"/>
  <c r="BI200" i="29"/>
  <c r="BJ200" i="29"/>
  <c r="BK200" i="29"/>
  <c r="BL200" i="29"/>
  <c r="BM200" i="29"/>
  <c r="BN200" i="29"/>
  <c r="BO200" i="29"/>
  <c r="BP200" i="29"/>
  <c r="BQ200" i="29"/>
  <c r="BR200" i="29"/>
  <c r="BS200" i="29"/>
  <c r="BT200" i="29"/>
  <c r="BU200" i="29"/>
  <c r="BV200" i="29"/>
  <c r="BW200" i="29"/>
  <c r="BX200" i="29"/>
  <c r="BY200" i="29"/>
  <c r="BZ200" i="29"/>
  <c r="CA200" i="29"/>
  <c r="V201" i="29"/>
  <c r="BC201" i="29"/>
  <c r="BH201" i="29"/>
  <c r="CB201" i="29" s="1"/>
  <c r="BI201" i="29"/>
  <c r="BJ201" i="29"/>
  <c r="BK201" i="29"/>
  <c r="BL201" i="29"/>
  <c r="BM201" i="29"/>
  <c r="BN201" i="29"/>
  <c r="BO201" i="29"/>
  <c r="BP201" i="29"/>
  <c r="BQ201" i="29"/>
  <c r="BR201" i="29"/>
  <c r="BS201" i="29"/>
  <c r="BT201" i="29"/>
  <c r="BU201" i="29"/>
  <c r="BV201" i="29"/>
  <c r="BW201" i="29"/>
  <c r="BX201" i="29"/>
  <c r="BY201" i="29"/>
  <c r="BZ201" i="29"/>
  <c r="CA201" i="29"/>
  <c r="V202" i="29"/>
  <c r="BC202" i="29"/>
  <c r="BH202" i="29"/>
  <c r="CB202" i="29" s="1"/>
  <c r="BI202" i="29"/>
  <c r="BJ202" i="29"/>
  <c r="BK202" i="29"/>
  <c r="BL202" i="29"/>
  <c r="BM202" i="29"/>
  <c r="BN202" i="29"/>
  <c r="BO202" i="29"/>
  <c r="BP202" i="29"/>
  <c r="BQ202" i="29"/>
  <c r="BR202" i="29"/>
  <c r="BS202" i="29"/>
  <c r="BT202" i="29"/>
  <c r="BU202" i="29"/>
  <c r="BV202" i="29"/>
  <c r="BW202" i="29"/>
  <c r="BX202" i="29"/>
  <c r="BY202" i="29"/>
  <c r="BZ202" i="29"/>
  <c r="CA202" i="29"/>
  <c r="V203" i="29"/>
  <c r="BC203" i="29"/>
  <c r="BH203" i="29"/>
  <c r="CB203" i="29" s="1"/>
  <c r="BI203" i="29"/>
  <c r="BJ203" i="29"/>
  <c r="BK203" i="29"/>
  <c r="BL203" i="29"/>
  <c r="BM203" i="29"/>
  <c r="BN203" i="29"/>
  <c r="BO203" i="29"/>
  <c r="BP203" i="29"/>
  <c r="BQ203" i="29"/>
  <c r="BR203" i="29"/>
  <c r="BS203" i="29"/>
  <c r="BT203" i="29"/>
  <c r="BU203" i="29"/>
  <c r="BV203" i="29"/>
  <c r="BW203" i="29"/>
  <c r="BX203" i="29"/>
  <c r="BY203" i="29"/>
  <c r="BZ203" i="29"/>
  <c r="CA203" i="29"/>
  <c r="V204" i="29"/>
  <c r="BC204" i="29"/>
  <c r="BH204" i="29"/>
  <c r="CB204" i="29" s="1"/>
  <c r="BI204" i="29"/>
  <c r="BJ204" i="29"/>
  <c r="BK204" i="29"/>
  <c r="BL204" i="29"/>
  <c r="BM204" i="29"/>
  <c r="BN204" i="29"/>
  <c r="BO204" i="29"/>
  <c r="BP204" i="29"/>
  <c r="BQ204" i="29"/>
  <c r="BR204" i="29"/>
  <c r="BS204" i="29"/>
  <c r="BT204" i="29"/>
  <c r="BU204" i="29"/>
  <c r="BV204" i="29"/>
  <c r="BW204" i="29"/>
  <c r="BX204" i="29"/>
  <c r="BY204" i="29"/>
  <c r="BZ204" i="29"/>
  <c r="CA204" i="29"/>
  <c r="V229" i="29"/>
  <c r="BC229" i="29"/>
  <c r="BH229" i="29"/>
  <c r="CB229" i="29" s="1"/>
  <c r="BI229" i="29"/>
  <c r="BJ229" i="29"/>
  <c r="BK229" i="29"/>
  <c r="BL229" i="29"/>
  <c r="BM229" i="29"/>
  <c r="BN229" i="29"/>
  <c r="BO229" i="29"/>
  <c r="BP229" i="29"/>
  <c r="BQ229" i="29"/>
  <c r="BR229" i="29"/>
  <c r="BS229" i="29"/>
  <c r="BT229" i="29"/>
  <c r="BU229" i="29"/>
  <c r="BV229" i="29"/>
  <c r="BW229" i="29"/>
  <c r="BX229" i="29"/>
  <c r="BY229" i="29"/>
  <c r="BZ229" i="29"/>
  <c r="CA229" i="29"/>
  <c r="V221" i="29"/>
  <c r="BC221" i="29"/>
  <c r="BH221" i="29"/>
  <c r="CB221" i="29" s="1"/>
  <c r="BI221" i="29"/>
  <c r="BJ221" i="29"/>
  <c r="BK221" i="29"/>
  <c r="BL221" i="29"/>
  <c r="BM221" i="29"/>
  <c r="BN221" i="29"/>
  <c r="BO221" i="29"/>
  <c r="BP221" i="29"/>
  <c r="BQ221" i="29"/>
  <c r="BR221" i="29"/>
  <c r="BS221" i="29"/>
  <c r="BT221" i="29"/>
  <c r="BU221" i="29"/>
  <c r="BV221" i="29"/>
  <c r="BW221" i="29"/>
  <c r="BX221" i="29"/>
  <c r="BY221" i="29"/>
  <c r="BZ221" i="29"/>
  <c r="CA221" i="29"/>
  <c r="V207" i="29"/>
  <c r="BC207" i="29"/>
  <c r="BH207" i="29"/>
  <c r="CB207" i="29" s="1"/>
  <c r="BI207" i="29"/>
  <c r="BJ207" i="29"/>
  <c r="BK207" i="29"/>
  <c r="BL207" i="29"/>
  <c r="BM207" i="29"/>
  <c r="BN207" i="29"/>
  <c r="BO207" i="29"/>
  <c r="BP207" i="29"/>
  <c r="BQ207" i="29"/>
  <c r="BR207" i="29"/>
  <c r="BS207" i="29"/>
  <c r="BT207" i="29"/>
  <c r="BU207" i="29"/>
  <c r="BV207" i="29"/>
  <c r="BW207" i="29"/>
  <c r="BX207" i="29"/>
  <c r="BY207" i="29"/>
  <c r="BZ207" i="29"/>
  <c r="CA207" i="29"/>
  <c r="V208" i="29"/>
  <c r="BC208" i="29"/>
  <c r="BH208" i="29"/>
  <c r="CB208" i="29" s="1"/>
  <c r="BI208" i="29"/>
  <c r="BJ208" i="29"/>
  <c r="BK208" i="29"/>
  <c r="BL208" i="29"/>
  <c r="BM208" i="29"/>
  <c r="BN208" i="29"/>
  <c r="BO208" i="29"/>
  <c r="BP208" i="29"/>
  <c r="BQ208" i="29"/>
  <c r="BR208" i="29"/>
  <c r="BS208" i="29"/>
  <c r="BT208" i="29"/>
  <c r="BU208" i="29"/>
  <c r="BV208" i="29"/>
  <c r="BW208" i="29"/>
  <c r="BX208" i="29"/>
  <c r="BY208" i="29"/>
  <c r="BZ208" i="29"/>
  <c r="CA208" i="29"/>
  <c r="V209" i="29"/>
  <c r="BC209" i="29"/>
  <c r="BH209" i="29"/>
  <c r="CB209" i="29" s="1"/>
  <c r="BI209" i="29"/>
  <c r="BJ209" i="29"/>
  <c r="BK209" i="29"/>
  <c r="BL209" i="29"/>
  <c r="BM209" i="29"/>
  <c r="BN209" i="29"/>
  <c r="BO209" i="29"/>
  <c r="BP209" i="29"/>
  <c r="BQ209" i="29"/>
  <c r="BR209" i="29"/>
  <c r="BS209" i="29"/>
  <c r="BT209" i="29"/>
  <c r="BU209" i="29"/>
  <c r="BV209" i="29"/>
  <c r="BW209" i="29"/>
  <c r="BX209" i="29"/>
  <c r="BY209" i="29"/>
  <c r="BZ209" i="29"/>
  <c r="CA209" i="29"/>
  <c r="V210" i="29"/>
  <c r="BC210" i="29"/>
  <c r="BH210" i="29"/>
  <c r="CB210" i="29" s="1"/>
  <c r="BI210" i="29"/>
  <c r="BJ210" i="29"/>
  <c r="BK210" i="29"/>
  <c r="BL210" i="29"/>
  <c r="BM210" i="29"/>
  <c r="BN210" i="29"/>
  <c r="BO210" i="29"/>
  <c r="BP210" i="29"/>
  <c r="BQ210" i="29"/>
  <c r="BR210" i="29"/>
  <c r="BS210" i="29"/>
  <c r="BT210" i="29"/>
  <c r="BU210" i="29"/>
  <c r="BV210" i="29"/>
  <c r="BW210" i="29"/>
  <c r="BX210" i="29"/>
  <c r="BY210" i="29"/>
  <c r="BZ210" i="29"/>
  <c r="CA210" i="29"/>
  <c r="V211" i="29"/>
  <c r="BC211" i="29"/>
  <c r="BH211" i="29"/>
  <c r="CB211" i="29" s="1"/>
  <c r="BI211" i="29"/>
  <c r="BJ211" i="29"/>
  <c r="BK211" i="29"/>
  <c r="BL211" i="29"/>
  <c r="BM211" i="29"/>
  <c r="BN211" i="29"/>
  <c r="BO211" i="29"/>
  <c r="BP211" i="29"/>
  <c r="BQ211" i="29"/>
  <c r="BR211" i="29"/>
  <c r="BS211" i="29"/>
  <c r="BT211" i="29"/>
  <c r="BU211" i="29"/>
  <c r="BV211" i="29"/>
  <c r="BW211" i="29"/>
  <c r="BX211" i="29"/>
  <c r="BY211" i="29"/>
  <c r="BZ211" i="29"/>
  <c r="CA211" i="29"/>
  <c r="V212" i="29"/>
  <c r="BC212" i="29"/>
  <c r="BH212" i="29"/>
  <c r="CB212" i="29" s="1"/>
  <c r="BI212" i="29"/>
  <c r="BJ212" i="29"/>
  <c r="BK212" i="29"/>
  <c r="BL212" i="29"/>
  <c r="BM212" i="29"/>
  <c r="BN212" i="29"/>
  <c r="BO212" i="29"/>
  <c r="BP212" i="29"/>
  <c r="BQ212" i="29"/>
  <c r="BR212" i="29"/>
  <c r="BS212" i="29"/>
  <c r="BT212" i="29"/>
  <c r="BU212" i="29"/>
  <c r="BV212" i="29"/>
  <c r="BW212" i="29"/>
  <c r="BX212" i="29"/>
  <c r="BY212" i="29"/>
  <c r="BZ212" i="29"/>
  <c r="CA212" i="29"/>
  <c r="V9" i="29"/>
  <c r="AN9" i="29"/>
  <c r="AO9" i="29"/>
  <c r="AP9" i="29"/>
  <c r="AQ9" i="29"/>
  <c r="AR9" i="29"/>
  <c r="AS9" i="29"/>
  <c r="BC9" i="29"/>
  <c r="V18" i="29"/>
  <c r="AN18" i="29"/>
  <c r="AO18" i="29"/>
  <c r="AP18" i="29"/>
  <c r="AQ18" i="29"/>
  <c r="AR18" i="29"/>
  <c r="AS18" i="29"/>
  <c r="BC18" i="29"/>
  <c r="V19" i="29"/>
  <c r="AN19" i="29"/>
  <c r="AO19" i="29"/>
  <c r="AP19" i="29"/>
  <c r="AQ19" i="29"/>
  <c r="AR19" i="29"/>
  <c r="AS19" i="29"/>
  <c r="BC19" i="29"/>
  <c r="V17" i="29"/>
  <c r="BC17" i="29"/>
  <c r="BH17" i="29"/>
  <c r="CB17" i="29" s="1"/>
  <c r="BI17" i="29"/>
  <c r="BJ17" i="29"/>
  <c r="BK17" i="29"/>
  <c r="BL17" i="29"/>
  <c r="BM17" i="29"/>
  <c r="BN17" i="29"/>
  <c r="BO17" i="29"/>
  <c r="BP17" i="29"/>
  <c r="BQ17" i="29"/>
  <c r="BR17" i="29"/>
  <c r="BS17" i="29"/>
  <c r="BT17" i="29"/>
  <c r="BU17" i="29"/>
  <c r="BV17" i="29"/>
  <c r="BW17" i="29"/>
  <c r="BX17" i="29"/>
  <c r="BY17" i="29"/>
  <c r="BZ17" i="29"/>
  <c r="CA17" i="29"/>
  <c r="V39" i="29"/>
  <c r="BC39" i="29"/>
  <c r="BH39" i="29"/>
  <c r="CB39" i="29" s="1"/>
  <c r="BI39" i="29"/>
  <c r="BJ39" i="29"/>
  <c r="BK39" i="29"/>
  <c r="BL39" i="29"/>
  <c r="BM39" i="29"/>
  <c r="BN39" i="29"/>
  <c r="BO39" i="29"/>
  <c r="BP39" i="29"/>
  <c r="BQ39" i="29"/>
  <c r="BR39" i="29"/>
  <c r="BS39" i="29"/>
  <c r="BT39" i="29"/>
  <c r="BU39" i="29"/>
  <c r="BV39" i="29"/>
  <c r="BW39" i="29"/>
  <c r="BX39" i="29"/>
  <c r="BY39" i="29"/>
  <c r="BZ39" i="29"/>
  <c r="CA39" i="29"/>
  <c r="V20" i="29"/>
  <c r="AN20" i="29"/>
  <c r="AO20" i="29"/>
  <c r="AP20" i="29"/>
  <c r="AQ20" i="29"/>
  <c r="AR20" i="29"/>
  <c r="AS20" i="29"/>
  <c r="BC20" i="29"/>
  <c r="V32" i="29"/>
  <c r="AN32" i="29"/>
  <c r="AO32" i="29"/>
  <c r="AP32" i="29"/>
  <c r="AQ32" i="29"/>
  <c r="AR32" i="29"/>
  <c r="AS32" i="29"/>
  <c r="BC32" i="29"/>
  <c r="V220" i="29"/>
  <c r="BC220" i="29"/>
  <c r="BH220" i="29"/>
  <c r="CB220" i="29" s="1"/>
  <c r="BI220" i="29"/>
  <c r="BJ220" i="29"/>
  <c r="BK220" i="29"/>
  <c r="BL220" i="29"/>
  <c r="BM220" i="29"/>
  <c r="BN220" i="29"/>
  <c r="BO220" i="29"/>
  <c r="BP220" i="29"/>
  <c r="BQ220" i="29"/>
  <c r="BR220" i="29"/>
  <c r="BS220" i="29"/>
  <c r="BT220" i="29"/>
  <c r="BU220" i="29"/>
  <c r="BV220" i="29"/>
  <c r="BW220" i="29"/>
  <c r="BX220" i="29"/>
  <c r="BY220" i="29"/>
  <c r="BZ220" i="29"/>
  <c r="CA220" i="29"/>
  <c r="V40" i="29"/>
  <c r="BC40" i="29"/>
  <c r="BH40" i="29"/>
  <c r="CB40" i="29" s="1"/>
  <c r="BI40" i="29"/>
  <c r="BJ40" i="29"/>
  <c r="BK40" i="29"/>
  <c r="BL40" i="29"/>
  <c r="BM40" i="29"/>
  <c r="BN40" i="29"/>
  <c r="BO40" i="29"/>
  <c r="BP40" i="29"/>
  <c r="BQ40" i="29"/>
  <c r="BR40" i="29"/>
  <c r="BS40" i="29"/>
  <c r="BT40" i="29"/>
  <c r="BU40" i="29"/>
  <c r="BV40" i="29"/>
  <c r="BW40" i="29"/>
  <c r="BX40" i="29"/>
  <c r="BY40" i="29"/>
  <c r="BZ40" i="29"/>
  <c r="CA40" i="29"/>
  <c r="V222" i="29"/>
  <c r="BH222" i="29"/>
  <c r="CB222" i="29" s="1"/>
  <c r="BI222" i="29"/>
  <c r="BJ222" i="29"/>
  <c r="BK222" i="29"/>
  <c r="BL222" i="29"/>
  <c r="BM222" i="29"/>
  <c r="BN222" i="29"/>
  <c r="BO222" i="29"/>
  <c r="BP222" i="29"/>
  <c r="BQ222" i="29"/>
  <c r="BR222" i="29"/>
  <c r="BS222" i="29"/>
  <c r="BT222" i="29"/>
  <c r="BU222" i="29"/>
  <c r="BV222" i="29"/>
  <c r="BW222" i="29"/>
  <c r="BX222" i="29"/>
  <c r="BY222" i="29"/>
  <c r="BZ222" i="29"/>
  <c r="CA222" i="29"/>
  <c r="V10" i="29"/>
  <c r="AN10" i="29"/>
  <c r="AO10" i="29"/>
  <c r="AP10" i="29"/>
  <c r="AQ10" i="29"/>
  <c r="AR10" i="29"/>
  <c r="AS10" i="29"/>
  <c r="BC10" i="29"/>
  <c r="V224" i="29"/>
  <c r="BH224" i="29"/>
  <c r="CB224" i="29" s="1"/>
  <c r="BI224" i="29"/>
  <c r="BJ224" i="29"/>
  <c r="BK224" i="29"/>
  <c r="BL224" i="29"/>
  <c r="BM224" i="29"/>
  <c r="BN224" i="29"/>
  <c r="BO224" i="29"/>
  <c r="BP224" i="29"/>
  <c r="BQ224" i="29"/>
  <c r="BR224" i="29"/>
  <c r="BS224" i="29"/>
  <c r="BT224" i="29"/>
  <c r="BU224" i="29"/>
  <c r="BV224" i="29"/>
  <c r="BW224" i="29"/>
  <c r="BX224" i="29"/>
  <c r="BY224" i="29"/>
  <c r="BZ224" i="29"/>
  <c r="CA224" i="29"/>
  <c r="V225" i="29"/>
  <c r="BC225" i="29"/>
  <c r="BH225" i="29"/>
  <c r="CB225" i="29" s="1"/>
  <c r="BI225" i="29"/>
  <c r="BJ225" i="29"/>
  <c r="BK225" i="29"/>
  <c r="BL225" i="29"/>
  <c r="BM225" i="29"/>
  <c r="BN225" i="29"/>
  <c r="BO225" i="29"/>
  <c r="BP225" i="29"/>
  <c r="BQ225" i="29"/>
  <c r="BR225" i="29"/>
  <c r="BS225" i="29"/>
  <c r="BT225" i="29"/>
  <c r="BU225" i="29"/>
  <c r="BV225" i="29"/>
  <c r="BW225" i="29"/>
  <c r="BX225" i="29"/>
  <c r="BY225" i="29"/>
  <c r="BZ225" i="29"/>
  <c r="CA225" i="29"/>
  <c r="V226" i="29"/>
  <c r="BC226" i="29"/>
  <c r="BH226" i="29"/>
  <c r="CB226" i="29" s="1"/>
  <c r="BI226" i="29"/>
  <c r="BJ226" i="29"/>
  <c r="BK226" i="29"/>
  <c r="BL226" i="29"/>
  <c r="BM226" i="29"/>
  <c r="BN226" i="29"/>
  <c r="BO226" i="29"/>
  <c r="BP226" i="29"/>
  <c r="BQ226" i="29"/>
  <c r="BR226" i="29"/>
  <c r="BS226" i="29"/>
  <c r="BT226" i="29"/>
  <c r="BU226" i="29"/>
  <c r="BV226" i="29"/>
  <c r="BW226" i="29"/>
  <c r="BX226" i="29"/>
  <c r="BY226" i="29"/>
  <c r="BZ226" i="29"/>
  <c r="CA226" i="29"/>
  <c r="V42" i="29"/>
  <c r="BC42" i="29"/>
  <c r="BH42" i="29"/>
  <c r="CB42" i="29" s="1"/>
  <c r="BI42" i="29"/>
  <c r="BJ42" i="29"/>
  <c r="BK42" i="29"/>
  <c r="BL42" i="29"/>
  <c r="BM42" i="29"/>
  <c r="BN42" i="29"/>
  <c r="BO42" i="29"/>
  <c r="BP42" i="29"/>
  <c r="BQ42" i="29"/>
  <c r="BR42" i="29"/>
  <c r="BS42" i="29"/>
  <c r="BT42" i="29"/>
  <c r="BU42" i="29"/>
  <c r="BV42" i="29"/>
  <c r="BW42" i="29"/>
  <c r="BX42" i="29"/>
  <c r="BY42" i="29"/>
  <c r="BZ42" i="29"/>
  <c r="CA42" i="29"/>
  <c r="V228" i="29"/>
  <c r="BC228" i="29"/>
  <c r="BH228" i="29"/>
  <c r="CB228" i="29" s="1"/>
  <c r="BI228" i="29"/>
  <c r="BJ228" i="29"/>
  <c r="BK228" i="29"/>
  <c r="BL228" i="29"/>
  <c r="BM228" i="29"/>
  <c r="BN228" i="29"/>
  <c r="BO228" i="29"/>
  <c r="BP228" i="29"/>
  <c r="BQ228" i="29"/>
  <c r="BR228" i="29"/>
  <c r="BS228" i="29"/>
  <c r="BT228" i="29"/>
  <c r="BU228" i="29"/>
  <c r="BV228" i="29"/>
  <c r="BW228" i="29"/>
  <c r="BX228" i="29"/>
  <c r="BY228" i="29"/>
  <c r="BZ228" i="29"/>
  <c r="CA228" i="29"/>
  <c r="V43" i="29"/>
  <c r="BC43" i="29"/>
  <c r="BH43" i="29"/>
  <c r="CB43" i="29" s="1"/>
  <c r="BI43" i="29"/>
  <c r="BJ43" i="29"/>
  <c r="BK43" i="29"/>
  <c r="BL43" i="29"/>
  <c r="BM43" i="29"/>
  <c r="BN43" i="29"/>
  <c r="BO43" i="29"/>
  <c r="BP43" i="29"/>
  <c r="BQ43" i="29"/>
  <c r="BR43" i="29"/>
  <c r="BS43" i="29"/>
  <c r="BT43" i="29"/>
  <c r="BU43" i="29"/>
  <c r="BV43" i="29"/>
  <c r="BW43" i="29"/>
  <c r="BX43" i="29"/>
  <c r="BY43" i="29"/>
  <c r="BZ43" i="29"/>
  <c r="CA43" i="29"/>
  <c r="V230" i="29"/>
  <c r="BC230" i="29"/>
  <c r="BH230" i="29"/>
  <c r="CB230" i="29" s="1"/>
  <c r="BI230" i="29"/>
  <c r="BJ230" i="29"/>
  <c r="BK230" i="29"/>
  <c r="BL230" i="29"/>
  <c r="BM230" i="29"/>
  <c r="BN230" i="29"/>
  <c r="BO230" i="29"/>
  <c r="BP230" i="29"/>
  <c r="BQ230" i="29"/>
  <c r="BR230" i="29"/>
  <c r="BS230" i="29"/>
  <c r="BT230" i="29"/>
  <c r="BU230" i="29"/>
  <c r="BV230" i="29"/>
  <c r="BW230" i="29"/>
  <c r="BX230" i="29"/>
  <c r="BY230" i="29"/>
  <c r="BZ230" i="29"/>
  <c r="CA230" i="29"/>
  <c r="E203" i="26"/>
  <c r="E204" i="26"/>
  <c r="E205" i="26"/>
  <c r="E206" i="26"/>
  <c r="E192" i="26"/>
  <c r="E193" i="26"/>
  <c r="E194" i="26"/>
  <c r="E195" i="26"/>
  <c r="E182" i="26"/>
  <c r="E183" i="26"/>
  <c r="E184" i="26"/>
  <c r="E185" i="26"/>
  <c r="E171" i="26"/>
  <c r="E172" i="26"/>
  <c r="E173" i="26"/>
  <c r="E174" i="26"/>
  <c r="E160" i="26"/>
  <c r="E161" i="26"/>
  <c r="E162" i="26"/>
  <c r="E163" i="26"/>
  <c r="E149" i="26"/>
  <c r="E150" i="26"/>
  <c r="E151" i="26"/>
  <c r="E152" i="26"/>
  <c r="E138" i="26"/>
  <c r="E139" i="26"/>
  <c r="E140" i="26"/>
  <c r="E141" i="26"/>
  <c r="E126" i="26"/>
  <c r="E127" i="26"/>
  <c r="E128" i="26"/>
  <c r="E129" i="26"/>
  <c r="E115" i="26"/>
  <c r="E116" i="26"/>
  <c r="E117" i="26"/>
  <c r="E118" i="26"/>
  <c r="E105" i="26"/>
  <c r="E106" i="26"/>
  <c r="E107" i="26"/>
  <c r="E108" i="26"/>
  <c r="E94" i="26"/>
  <c r="E95" i="26"/>
  <c r="E96" i="26"/>
  <c r="E97" i="26"/>
  <c r="E83" i="26"/>
  <c r="E84" i="26"/>
  <c r="E85" i="26"/>
  <c r="E86" i="26"/>
  <c r="E72" i="26"/>
  <c r="E73" i="26"/>
  <c r="E74" i="26"/>
  <c r="E75" i="26"/>
  <c r="E61" i="26"/>
  <c r="E62" i="26"/>
  <c r="E63" i="26"/>
  <c r="E64" i="26"/>
  <c r="E50" i="26"/>
  <c r="E51" i="26"/>
  <c r="E52" i="26"/>
  <c r="E53" i="26"/>
  <c r="J38" i="26"/>
  <c r="E39" i="26"/>
  <c r="G39" i="26"/>
  <c r="G43" i="26" s="1"/>
  <c r="H43" i="26" s="1"/>
  <c r="L43" i="26" s="1"/>
  <c r="H39" i="26"/>
  <c r="J39" i="26"/>
  <c r="L39" i="26" s="1"/>
  <c r="E40" i="26"/>
  <c r="G40" i="26"/>
  <c r="H40" i="26"/>
  <c r="L40" i="26" s="1"/>
  <c r="J40" i="26"/>
  <c r="E41" i="26"/>
  <c r="J41" i="26" s="1"/>
  <c r="G41" i="26"/>
  <c r="H41" i="26" s="1"/>
  <c r="E42" i="26"/>
  <c r="J42" i="26" s="1"/>
  <c r="L42" i="26" s="1"/>
  <c r="G42" i="26"/>
  <c r="H42" i="26"/>
  <c r="E31" i="26"/>
  <c r="E30" i="26"/>
  <c r="E29" i="26"/>
  <c r="E28" i="26"/>
  <c r="I461" i="9"/>
  <c r="Z461" i="9" s="1"/>
  <c r="I275" i="9"/>
  <c r="Z275" i="9" s="1"/>
  <c r="I464" i="9"/>
  <c r="Z464" i="9" s="1"/>
  <c r="I281" i="9"/>
  <c r="Z281" i="9" s="1"/>
  <c r="I332" i="9"/>
  <c r="Z332" i="9" s="1"/>
  <c r="I355" i="9"/>
  <c r="Z355" i="9" s="1"/>
  <c r="I356" i="9"/>
  <c r="Z356" i="9" s="1"/>
  <c r="I321" i="9"/>
  <c r="Z321" i="9" s="1"/>
  <c r="I363" i="9"/>
  <c r="Z363" i="9" s="1"/>
  <c r="I459" i="9"/>
  <c r="Z459" i="9" s="1"/>
  <c r="I297" i="9"/>
  <c r="Z297" i="9" s="1"/>
  <c r="I456" i="9"/>
  <c r="Z456" i="9" s="1"/>
  <c r="I359" i="9"/>
  <c r="Z359" i="9" s="1"/>
  <c r="I315" i="9"/>
  <c r="Z315" i="9" s="1"/>
  <c r="I296" i="9"/>
  <c r="Z296" i="9" s="1"/>
  <c r="I419" i="9"/>
  <c r="Z419" i="9" s="1"/>
  <c r="I290" i="9"/>
  <c r="Z290" i="9" s="1"/>
  <c r="I292" i="9"/>
  <c r="Z292" i="9" s="1"/>
  <c r="I424" i="9"/>
  <c r="Z424" i="9" s="1"/>
  <c r="I458" i="9"/>
  <c r="Z458" i="9" s="1"/>
  <c r="I421" i="9"/>
  <c r="Z421" i="9" s="1"/>
  <c r="I406" i="9"/>
  <c r="Z406" i="9" s="1"/>
  <c r="I360" i="9"/>
  <c r="Z360" i="9" s="1"/>
  <c r="I365" i="9"/>
  <c r="Z365" i="9" s="1"/>
  <c r="I364" i="9"/>
  <c r="Z364" i="9" s="1"/>
  <c r="I362" i="9"/>
  <c r="Z362" i="9" s="1"/>
  <c r="I361" i="9"/>
  <c r="Z361" i="9" s="1"/>
  <c r="I280" i="9"/>
  <c r="Z280" i="9" s="1"/>
  <c r="I358" i="9"/>
  <c r="Z358" i="9" s="1"/>
  <c r="I479" i="9"/>
  <c r="Z479" i="9" s="1"/>
  <c r="I298" i="9"/>
  <c r="Z298" i="9" s="1"/>
  <c r="I481" i="9"/>
  <c r="Z481" i="9" s="1"/>
  <c r="I282" i="9"/>
  <c r="Z282" i="9" s="1"/>
  <c r="I407" i="9"/>
  <c r="Z407" i="9" s="1"/>
  <c r="I313" i="9"/>
  <c r="Z313" i="9" s="1"/>
  <c r="I357" i="9"/>
  <c r="Z357" i="9" s="1"/>
  <c r="I457" i="9"/>
  <c r="Z457" i="9" s="1"/>
  <c r="I460" i="9"/>
  <c r="Z460" i="9" s="1"/>
  <c r="I408" i="9"/>
  <c r="Z408" i="9" s="1"/>
  <c r="I314" i="9"/>
  <c r="Z314" i="9" s="1"/>
  <c r="I334" i="9"/>
  <c r="Z334" i="9" s="1"/>
  <c r="I312" i="9"/>
  <c r="Z312" i="9" s="1"/>
  <c r="I327" i="9"/>
  <c r="Z327" i="9" s="1"/>
  <c r="I353" i="9"/>
  <c r="Z353" i="9" s="1"/>
  <c r="I352" i="9"/>
  <c r="Z352" i="9" s="1"/>
  <c r="I325" i="9"/>
  <c r="Z325" i="9" s="1"/>
  <c r="I476" i="9"/>
  <c r="Z476" i="9" s="1"/>
  <c r="I291" i="9"/>
  <c r="Z291" i="9" s="1"/>
  <c r="I488" i="9"/>
  <c r="Z488" i="9" s="1"/>
  <c r="I472" i="9"/>
  <c r="Z472" i="9" s="1"/>
  <c r="I300" i="9"/>
  <c r="Z300" i="9" s="1"/>
  <c r="I351" i="9"/>
  <c r="Z351" i="9" s="1"/>
  <c r="I306" i="9"/>
  <c r="Z306" i="9" s="1"/>
  <c r="I319" i="9"/>
  <c r="Z319" i="9" s="1"/>
  <c r="I414" i="9"/>
  <c r="Z414" i="9" s="1"/>
  <c r="I409" i="9"/>
  <c r="Z409" i="9" s="1"/>
  <c r="I384" i="9"/>
  <c r="Z384" i="9" s="1"/>
  <c r="I455" i="9"/>
  <c r="Z455" i="9" s="1"/>
  <c r="I390" i="9"/>
  <c r="Z390" i="9" s="1"/>
  <c r="I331" i="9"/>
  <c r="Z331" i="9" s="1"/>
  <c r="I346" i="9"/>
  <c r="Z346" i="9" s="1"/>
  <c r="I482" i="9"/>
  <c r="Z482" i="9" s="1"/>
  <c r="I283" i="9"/>
  <c r="Z283" i="9" s="1"/>
  <c r="I448" i="9"/>
  <c r="Z448" i="9" s="1"/>
  <c r="I463" i="9"/>
  <c r="Z463" i="9" s="1"/>
  <c r="I311" i="9"/>
  <c r="Z311" i="9" s="1"/>
  <c r="I385" i="9"/>
  <c r="Z385" i="9" s="1"/>
  <c r="I471" i="9"/>
  <c r="Z471" i="9" s="1"/>
  <c r="I438" i="9"/>
  <c r="Z438" i="9" s="1"/>
  <c r="I450" i="9"/>
  <c r="Z450" i="9" s="1"/>
  <c r="I451" i="9"/>
  <c r="Z451" i="9" s="1"/>
  <c r="I428" i="9"/>
  <c r="Z428" i="9" s="1"/>
  <c r="I454" i="9"/>
  <c r="Z454" i="9" s="1"/>
  <c r="I445" i="9"/>
  <c r="Z445" i="9" s="1"/>
  <c r="I452" i="9"/>
  <c r="Z452" i="9" s="1"/>
  <c r="I449" i="9"/>
  <c r="Z449" i="9" s="1"/>
  <c r="I467" i="9"/>
  <c r="Z467" i="9" s="1"/>
  <c r="I468" i="9"/>
  <c r="Z468" i="9" s="1"/>
  <c r="I378" i="9"/>
  <c r="Z378" i="9" s="1"/>
  <c r="I395" i="9"/>
  <c r="Z395" i="9" s="1"/>
  <c r="I393" i="9"/>
  <c r="Z393" i="9" s="1"/>
  <c r="I442" i="9"/>
  <c r="Z442" i="9" s="1"/>
  <c r="I441" i="9"/>
  <c r="Z441" i="9" s="1"/>
  <c r="I440" i="9"/>
  <c r="Z440" i="9" s="1"/>
  <c r="I439" i="9"/>
  <c r="Z439" i="9" s="1"/>
  <c r="I429" i="9"/>
  <c r="Z429" i="9" s="1"/>
  <c r="I430" i="9"/>
  <c r="Z430" i="9" s="1"/>
  <c r="I431" i="9"/>
  <c r="Z431" i="9" s="1"/>
  <c r="I470" i="9"/>
  <c r="Z470" i="9" s="1"/>
  <c r="I399" i="9"/>
  <c r="Z399" i="9" s="1"/>
  <c r="I396" i="9"/>
  <c r="Z396" i="9" s="1"/>
  <c r="I397" i="9"/>
  <c r="Z397" i="9" s="1"/>
  <c r="I366" i="9"/>
  <c r="Z366" i="9" s="1"/>
  <c r="I369" i="9"/>
  <c r="Z369" i="9" s="1"/>
  <c r="I434" i="9"/>
  <c r="Z434" i="9" s="1"/>
  <c r="I433" i="9"/>
  <c r="Z433" i="9" s="1"/>
  <c r="I341" i="9"/>
  <c r="Z341" i="9" s="1"/>
  <c r="I432" i="9"/>
  <c r="Z432" i="9" s="1"/>
  <c r="I394" i="9"/>
  <c r="Z394" i="9" s="1"/>
  <c r="I447" i="9"/>
  <c r="Z447" i="9" s="1"/>
  <c r="I446" i="9"/>
  <c r="Z446" i="9" s="1"/>
  <c r="I453" i="9"/>
  <c r="Z453" i="9" s="1"/>
  <c r="I437" i="9"/>
  <c r="Z437" i="9" s="1"/>
  <c r="I304" i="9"/>
  <c r="Z304" i="9" s="1"/>
  <c r="I305" i="9"/>
  <c r="Z305" i="9" s="1"/>
  <c r="I302" i="9"/>
  <c r="Z302" i="9" s="1"/>
  <c r="I303" i="9"/>
  <c r="Z303" i="9" s="1"/>
  <c r="I485" i="9"/>
  <c r="Z485" i="9" s="1"/>
  <c r="I483" i="9"/>
  <c r="Z483" i="9" s="1"/>
  <c r="I299" i="9"/>
  <c r="I465" i="9"/>
  <c r="Z465" i="9" s="1"/>
  <c r="I333" i="9"/>
  <c r="Z333" i="9" s="1"/>
  <c r="I320" i="9"/>
  <c r="Z320" i="9" s="1"/>
  <c r="I444" i="9"/>
  <c r="Z444" i="9" s="1"/>
  <c r="I417" i="9"/>
  <c r="Z417" i="9" s="1"/>
  <c r="I376" i="9"/>
  <c r="Z376" i="9" s="1"/>
  <c r="I350" i="9"/>
  <c r="Z350" i="9" s="1"/>
  <c r="I374" i="9"/>
  <c r="Z374" i="9" s="1"/>
  <c r="I377" i="9"/>
  <c r="Z377" i="9" s="1"/>
  <c r="I375" i="9"/>
  <c r="Z375" i="9" s="1"/>
  <c r="I373" i="9"/>
  <c r="Z373" i="9" s="1"/>
  <c r="I466" i="9"/>
  <c r="Z466" i="9" s="1"/>
  <c r="I469" i="9"/>
  <c r="Z469" i="9" s="1"/>
  <c r="I284" i="9"/>
  <c r="Z284" i="9" s="1"/>
  <c r="I389" i="9"/>
  <c r="Z389" i="9" s="1"/>
  <c r="I388" i="9"/>
  <c r="Z388" i="9" s="1"/>
  <c r="I273" i="9"/>
  <c r="Z273" i="9" s="1"/>
  <c r="I347" i="9"/>
  <c r="Z347" i="9" s="1"/>
  <c r="I345" i="9"/>
  <c r="Z345" i="9" s="1"/>
  <c r="I278" i="9"/>
  <c r="Z278" i="9" s="1"/>
  <c r="I367" i="9"/>
  <c r="Z367" i="9" s="1"/>
  <c r="I368" i="9"/>
  <c r="Z368" i="9" s="1"/>
  <c r="I370" i="9"/>
  <c r="Z370" i="9" s="1"/>
  <c r="I372" i="9"/>
  <c r="Z372" i="9" s="1"/>
  <c r="I371" i="9"/>
  <c r="Z371" i="9" s="1"/>
  <c r="I348" i="9"/>
  <c r="Z348" i="9" s="1"/>
  <c r="I349" i="9"/>
  <c r="Z349" i="9" s="1"/>
  <c r="I435" i="9"/>
  <c r="Z435" i="9" s="1"/>
  <c r="I344" i="9"/>
  <c r="Z344" i="9" s="1"/>
  <c r="I462" i="9"/>
  <c r="Z462" i="9" s="1"/>
  <c r="I342" i="9"/>
  <c r="Z342" i="9" s="1"/>
  <c r="I272" i="9"/>
  <c r="Z272" i="9" s="1"/>
  <c r="I405" i="9"/>
  <c r="Z405" i="9" s="1"/>
  <c r="I310" i="9"/>
  <c r="Z310" i="9" s="1"/>
  <c r="I279" i="9"/>
  <c r="Z279" i="9" s="1"/>
  <c r="I413" i="9"/>
  <c r="Z413" i="9" s="1"/>
  <c r="I412" i="9"/>
  <c r="Z412" i="9" s="1"/>
  <c r="I410" i="9"/>
  <c r="Z410" i="9" s="1"/>
  <c r="I411" i="9"/>
  <c r="Z411" i="9" s="1"/>
  <c r="I276" i="9"/>
  <c r="Z276" i="9" s="1"/>
  <c r="I354" i="9"/>
  <c r="Z354" i="9" s="1"/>
  <c r="I422" i="9"/>
  <c r="Z422" i="9" s="1"/>
  <c r="I308" i="9"/>
  <c r="Z308" i="9" s="1"/>
  <c r="I381" i="9"/>
  <c r="Z381" i="9" s="1"/>
  <c r="I329" i="9"/>
  <c r="Z329" i="9" s="1"/>
  <c r="I317" i="9"/>
  <c r="Z317" i="9" s="1"/>
  <c r="I285" i="9"/>
  <c r="Z285" i="9" s="1"/>
  <c r="I436" i="9"/>
  <c r="Z436" i="9" s="1"/>
  <c r="I398" i="9"/>
  <c r="Z398" i="9" s="1"/>
  <c r="I423" i="9"/>
  <c r="Z423" i="9" s="1"/>
  <c r="I392" i="9"/>
  <c r="Z392" i="9" s="1"/>
  <c r="I379" i="9"/>
  <c r="Z379" i="9" s="1"/>
  <c r="I473" i="9"/>
  <c r="Z473" i="9" s="1"/>
  <c r="I489" i="9"/>
  <c r="Z489" i="9" s="1"/>
  <c r="I475" i="9"/>
  <c r="Z475" i="9" s="1"/>
  <c r="I386" i="9"/>
  <c r="Z386" i="9" s="1"/>
  <c r="I326" i="9"/>
  <c r="Z326" i="9" s="1"/>
  <c r="I427" i="9"/>
  <c r="Z427" i="9" s="1"/>
  <c r="I316" i="9"/>
  <c r="Z316" i="9" s="1"/>
  <c r="I339" i="9"/>
  <c r="Z339" i="9" s="1"/>
  <c r="I401" i="9"/>
  <c r="Z401" i="9" s="1"/>
  <c r="I400" i="9"/>
  <c r="Z400" i="9" s="1"/>
  <c r="I403" i="9"/>
  <c r="Z403" i="9" s="1"/>
  <c r="I425" i="9"/>
  <c r="Z425" i="9" s="1"/>
  <c r="I337" i="9"/>
  <c r="Z337" i="9" s="1"/>
  <c r="I387" i="9"/>
  <c r="Z387" i="9" s="1"/>
  <c r="I480" i="9"/>
  <c r="Z480" i="9" s="1"/>
  <c r="I474" i="9"/>
  <c r="Z474" i="9" s="1"/>
  <c r="I307" i="9"/>
  <c r="Z307" i="9" s="1"/>
  <c r="I286" i="9"/>
  <c r="Z286" i="9" s="1"/>
  <c r="I338" i="9"/>
  <c r="Z338" i="9" s="1"/>
  <c r="I380" i="9"/>
  <c r="Z380" i="9" s="1"/>
  <c r="I383" i="9"/>
  <c r="Z383" i="9" s="1"/>
  <c r="I277" i="9"/>
  <c r="Z277" i="9" s="1"/>
  <c r="I328" i="9"/>
  <c r="Z328" i="9" s="1"/>
  <c r="I343" i="9"/>
  <c r="Z343" i="9" s="1"/>
  <c r="I295" i="9"/>
  <c r="Z295" i="9" s="1"/>
  <c r="I301" i="9"/>
  <c r="Z301" i="9" s="1"/>
  <c r="I391" i="9"/>
  <c r="Z391" i="9" s="1"/>
  <c r="I443" i="9"/>
  <c r="Z443" i="9" s="1"/>
  <c r="I336" i="9"/>
  <c r="Z336" i="9" s="1"/>
  <c r="I420" i="9"/>
  <c r="Z420" i="9" s="1"/>
  <c r="I294" i="9"/>
  <c r="Z294" i="9" s="1"/>
  <c r="I293" i="9"/>
  <c r="Z293" i="9" s="1"/>
  <c r="I477" i="9"/>
  <c r="Z477" i="9" s="1"/>
  <c r="I478" i="9"/>
  <c r="Z478" i="9" s="1"/>
  <c r="I274" i="9"/>
  <c r="Z274" i="9" s="1"/>
  <c r="I309" i="9"/>
  <c r="Z309" i="9" s="1"/>
  <c r="I415" i="9"/>
  <c r="Z415" i="9" s="1"/>
  <c r="I322" i="9"/>
  <c r="Z322" i="9" s="1"/>
  <c r="I340" i="9"/>
  <c r="Z340" i="9" s="1"/>
  <c r="I426" i="9"/>
  <c r="Z426" i="9" s="1"/>
  <c r="I289" i="9"/>
  <c r="Z289" i="9" s="1"/>
  <c r="I288" i="9"/>
  <c r="Z288" i="9" s="1"/>
  <c r="I324" i="9"/>
  <c r="Z324" i="9" s="1"/>
  <c r="I402" i="9"/>
  <c r="Z402" i="9" s="1"/>
  <c r="I404" i="9"/>
  <c r="Z404" i="9" s="1"/>
  <c r="I486" i="9"/>
  <c r="Z486" i="9" s="1"/>
  <c r="I323" i="9"/>
  <c r="Z323" i="9" s="1"/>
  <c r="I382" i="9"/>
  <c r="Z382" i="9" s="1"/>
  <c r="I335" i="9"/>
  <c r="Z335" i="9" s="1"/>
  <c r="I318" i="9"/>
  <c r="Z318" i="9" s="1"/>
  <c r="I287" i="9"/>
  <c r="Z287" i="9" s="1"/>
  <c r="I330" i="9"/>
  <c r="Z330" i="9" s="1"/>
  <c r="I487" i="9"/>
  <c r="Z487" i="9" s="1"/>
  <c r="I484" i="9"/>
  <c r="Z484" i="9" s="1"/>
  <c r="I418" i="9"/>
  <c r="Z418" i="9" s="1"/>
  <c r="BI89" i="29" l="1"/>
  <c r="BQ34" i="29"/>
  <c r="BP168" i="29"/>
  <c r="BO89" i="29"/>
  <c r="BZ10" i="29"/>
  <c r="CA94" i="29"/>
  <c r="BU37" i="29"/>
  <c r="BT36" i="29"/>
  <c r="BJ38" i="29"/>
  <c r="BH37" i="29"/>
  <c r="BI60" i="29"/>
  <c r="BH57" i="29"/>
  <c r="BK54" i="29"/>
  <c r="BX38" i="29"/>
  <c r="BK98" i="29"/>
  <c r="BP213" i="29"/>
  <c r="BR126" i="29"/>
  <c r="BH100" i="29"/>
  <c r="BY218" i="29"/>
  <c r="BO193" i="29"/>
  <c r="BH219" i="29"/>
  <c r="BU19" i="29"/>
  <c r="BY34" i="29"/>
  <c r="BI90" i="29"/>
  <c r="BK60" i="29"/>
  <c r="BL155" i="29"/>
  <c r="BK129" i="29"/>
  <c r="BQ218" i="29"/>
  <c r="BJ194" i="29"/>
  <c r="BK90" i="29"/>
  <c r="BW37" i="29"/>
  <c r="BQ219" i="29"/>
  <c r="BI20" i="29"/>
  <c r="BU20" i="29"/>
  <c r="BT19" i="29"/>
  <c r="BR215" i="29"/>
  <c r="BK169" i="29"/>
  <c r="BI164" i="29"/>
  <c r="BP90" i="29"/>
  <c r="CA54" i="29"/>
  <c r="BT155" i="29"/>
  <c r="BM32" i="29"/>
  <c r="BP103" i="29"/>
  <c r="BQ194" i="29"/>
  <c r="BY90" i="29"/>
  <c r="BZ36" i="29"/>
  <c r="BK94" i="29"/>
  <c r="BL10" i="29"/>
  <c r="BQ163" i="29"/>
  <c r="BO100" i="29"/>
  <c r="BN166" i="29"/>
  <c r="BZ66" i="29"/>
  <c r="BL63" i="29"/>
  <c r="BI57" i="29"/>
  <c r="BP38" i="29"/>
  <c r="BM94" i="29"/>
  <c r="CA90" i="29"/>
  <c r="BJ66" i="29"/>
  <c r="BX37" i="29"/>
  <c r="BW34" i="29"/>
  <c r="BK128" i="29"/>
  <c r="BS128" i="29"/>
  <c r="BW128" i="29"/>
  <c r="BH128" i="29"/>
  <c r="CA128" i="29"/>
  <c r="BT127" i="29"/>
  <c r="BX126" i="29"/>
  <c r="BM126" i="29"/>
  <c r="BI103" i="29"/>
  <c r="BY103" i="29"/>
  <c r="BM103" i="29"/>
  <c r="CA169" i="29"/>
  <c r="BW169" i="29"/>
  <c r="BS95" i="29"/>
  <c r="CA32" i="29"/>
  <c r="BS129" i="29"/>
  <c r="BP128" i="29"/>
  <c r="BK127" i="29"/>
  <c r="BW126" i="29"/>
  <c r="BP95" i="29"/>
  <c r="BL98" i="29"/>
  <c r="BI98" i="29"/>
  <c r="BP98" i="29"/>
  <c r="BT98" i="29"/>
  <c r="BU98" i="29"/>
  <c r="BX19" i="29"/>
  <c r="BW19" i="29"/>
  <c r="BM162" i="29"/>
  <c r="BO128" i="29"/>
  <c r="BO126" i="29"/>
  <c r="BL103" i="29"/>
  <c r="CA98" i="29"/>
  <c r="BS223" i="29"/>
  <c r="BP214" i="29"/>
  <c r="BX213" i="29"/>
  <c r="BL213" i="29"/>
  <c r="BJ18" i="29"/>
  <c r="BP18" i="29"/>
  <c r="BI9" i="29"/>
  <c r="BJ9" i="29"/>
  <c r="BQ103" i="29"/>
  <c r="BH19" i="29"/>
  <c r="BW9" i="29"/>
  <c r="CA161" i="29"/>
  <c r="BT161" i="29"/>
  <c r="BO169" i="29"/>
  <c r="BI168" i="29"/>
  <c r="BX168" i="29"/>
  <c r="BH168" i="29"/>
  <c r="BX92" i="29"/>
  <c r="BW96" i="29"/>
  <c r="BU96" i="29"/>
  <c r="BN167" i="29"/>
  <c r="BL92" i="29"/>
  <c r="BH38" i="29"/>
  <c r="BQ90" i="29"/>
  <c r="BO34" i="29"/>
  <c r="CA10" i="29"/>
  <c r="BS19" i="29"/>
  <c r="BM18" i="29"/>
  <c r="BW155" i="29"/>
  <c r="BZ103" i="29"/>
  <c r="BH103" i="29"/>
  <c r="BY219" i="29"/>
  <c r="BY194" i="29"/>
  <c r="BI169" i="29"/>
  <c r="BO164" i="29"/>
  <c r="BL164" i="29"/>
  <c r="BY93" i="29"/>
  <c r="BW90" i="29"/>
  <c r="BK66" i="29"/>
  <c r="CA38" i="29"/>
  <c r="BI34" i="29"/>
  <c r="BZ89" i="29"/>
  <c r="BL169" i="29"/>
  <c r="BM169" i="29"/>
  <c r="BN90" i="29"/>
  <c r="BU54" i="29"/>
  <c r="BZ38" i="29"/>
  <c r="BX36" i="29"/>
  <c r="BT35" i="29"/>
  <c r="BW162" i="29"/>
  <c r="BN161" i="29"/>
  <c r="BY155" i="29"/>
  <c r="BM129" i="29"/>
  <c r="BN218" i="29"/>
  <c r="BS215" i="29"/>
  <c r="BS214" i="29"/>
  <c r="BK213" i="29"/>
  <c r="BY169" i="29"/>
  <c r="BW167" i="29"/>
  <c r="BZ19" i="29"/>
  <c r="BV162" i="29"/>
  <c r="BQ162" i="29"/>
  <c r="BL161" i="29"/>
  <c r="BJ129" i="29"/>
  <c r="BI126" i="29"/>
  <c r="BW102" i="29"/>
  <c r="BT223" i="29"/>
  <c r="BI218" i="29"/>
  <c r="BH213" i="29"/>
  <c r="BT169" i="29"/>
  <c r="BV167" i="29"/>
  <c r="BQ167" i="29"/>
  <c r="BR166" i="29"/>
  <c r="BZ95" i="29"/>
  <c r="BP19" i="29"/>
  <c r="BO19" i="29"/>
  <c r="BL18" i="29"/>
  <c r="BZ163" i="29"/>
  <c r="BP155" i="29"/>
  <c r="BZ128" i="29"/>
  <c r="CA126" i="29"/>
  <c r="BN102" i="29"/>
  <c r="BO101" i="29"/>
  <c r="BY98" i="29"/>
  <c r="CA218" i="29"/>
  <c r="BY20" i="29"/>
  <c r="BL19" i="29"/>
  <c r="BM163" i="29"/>
  <c r="BI155" i="29"/>
  <c r="BN140" i="29"/>
  <c r="BY128" i="29"/>
  <c r="BZ126" i="29"/>
  <c r="BV103" i="29"/>
  <c r="BN101" i="29"/>
  <c r="BS100" i="29"/>
  <c r="BX98" i="29"/>
  <c r="CA215" i="29"/>
  <c r="BZ213" i="29"/>
  <c r="BM194" i="29"/>
  <c r="BR193" i="29"/>
  <c r="BY89" i="29"/>
  <c r="BX89" i="29"/>
  <c r="BK19" i="29"/>
  <c r="BN19" i="29"/>
  <c r="BZ162" i="29"/>
  <c r="BY161" i="29"/>
  <c r="BM140" i="29"/>
  <c r="BY129" i="29"/>
  <c r="BX128" i="29"/>
  <c r="BU103" i="29"/>
  <c r="BU213" i="29"/>
  <c r="BI194" i="29"/>
  <c r="BZ167" i="29"/>
  <c r="BL165" i="29"/>
  <c r="BZ93" i="29"/>
  <c r="CA63" i="29"/>
  <c r="BS38" i="29"/>
  <c r="BK38" i="29"/>
  <c r="BR36" i="29"/>
  <c r="BR35" i="29"/>
  <c r="BZ34" i="29"/>
  <c r="BW89" i="29"/>
  <c r="BL89" i="29"/>
  <c r="BQ89" i="29"/>
  <c r="BL163" i="29"/>
  <c r="BZ155" i="29"/>
  <c r="BN129" i="29"/>
  <c r="BR129" i="29"/>
  <c r="BJ128" i="29"/>
  <c r="BL127" i="29"/>
  <c r="BX215" i="29"/>
  <c r="BM213" i="29"/>
  <c r="CA194" i="29"/>
  <c r="BL168" i="29"/>
  <c r="BU93" i="29"/>
  <c r="BW63" i="29"/>
  <c r="BM38" i="29"/>
  <c r="BJ36" i="29"/>
  <c r="BX34" i="29"/>
  <c r="BY94" i="29"/>
  <c r="BY19" i="29"/>
  <c r="BX18" i="29"/>
  <c r="BW18" i="29"/>
  <c r="BR9" i="29"/>
  <c r="CA9" i="29"/>
  <c r="BW163" i="29"/>
  <c r="BY140" i="29"/>
  <c r="CA140" i="29"/>
  <c r="BZ129" i="29"/>
  <c r="BX127" i="29"/>
  <c r="BT102" i="29"/>
  <c r="BS101" i="29"/>
  <c r="BY97" i="29"/>
  <c r="BH10" i="29"/>
  <c r="BP10" i="29"/>
  <c r="BI10" i="29"/>
  <c r="BQ10" i="29"/>
  <c r="BI32" i="29"/>
  <c r="BQ32" i="29"/>
  <c r="BK20" i="29"/>
  <c r="BS20" i="29"/>
  <c r="BN20" i="29"/>
  <c r="BV20" i="29"/>
  <c r="BO20" i="29"/>
  <c r="BW10" i="29"/>
  <c r="BK10" i="29"/>
  <c r="BM10" i="29"/>
  <c r="BX32" i="29"/>
  <c r="BL32" i="29"/>
  <c r="BT20" i="29"/>
  <c r="BH20" i="29"/>
  <c r="CA19" i="29"/>
  <c r="BM19" i="29"/>
  <c r="BI19" i="29"/>
  <c r="BQ19" i="29"/>
  <c r="BU18" i="29"/>
  <c r="BI18" i="29"/>
  <c r="BK18" i="29"/>
  <c r="BS18" i="29"/>
  <c r="BN18" i="29"/>
  <c r="BV18" i="29"/>
  <c r="BO18" i="29"/>
  <c r="BQ9" i="29"/>
  <c r="BY163" i="29"/>
  <c r="BI163" i="29"/>
  <c r="BK163" i="29"/>
  <c r="BS163" i="29"/>
  <c r="BN163" i="29"/>
  <c r="BV163" i="29"/>
  <c r="BO163" i="29"/>
  <c r="BJ163" i="29"/>
  <c r="BR163" i="29"/>
  <c r="BN162" i="29"/>
  <c r="BX162" i="29"/>
  <c r="BW161" i="29"/>
  <c r="BZ161" i="29"/>
  <c r="BX155" i="29"/>
  <c r="CA155" i="29"/>
  <c r="BV140" i="29"/>
  <c r="BZ140" i="29"/>
  <c r="BV129" i="29"/>
  <c r="BU127" i="29"/>
  <c r="BS102" i="29"/>
  <c r="BK100" i="29"/>
  <c r="BX99" i="29"/>
  <c r="BV10" i="29"/>
  <c r="BJ10" i="29"/>
  <c r="BW32" i="29"/>
  <c r="BK32" i="29"/>
  <c r="BN32" i="29"/>
  <c r="BR20" i="29"/>
  <c r="BT18" i="29"/>
  <c r="BH18" i="29"/>
  <c r="BO9" i="29"/>
  <c r="BX163" i="29"/>
  <c r="BU140" i="29"/>
  <c r="BH101" i="29"/>
  <c r="BP101" i="29"/>
  <c r="BI101" i="29"/>
  <c r="BR101" i="29"/>
  <c r="BK101" i="29"/>
  <c r="BT101" i="29"/>
  <c r="BL101" i="29"/>
  <c r="BU101" i="29"/>
  <c r="BM101" i="29"/>
  <c r="BV101" i="29"/>
  <c r="BQ101" i="29"/>
  <c r="BI99" i="29"/>
  <c r="BQ99" i="29"/>
  <c r="BM99" i="29"/>
  <c r="BU99" i="29"/>
  <c r="BN99" i="29"/>
  <c r="BO99" i="29"/>
  <c r="BZ99" i="29"/>
  <c r="BP99" i="29"/>
  <c r="CA99" i="29"/>
  <c r="BR99" i="29"/>
  <c r="BH99" i="29"/>
  <c r="BS99" i="29"/>
  <c r="BJ99" i="29"/>
  <c r="BT99" i="29"/>
  <c r="BL99" i="29"/>
  <c r="BW99" i="29"/>
  <c r="BW97" i="29"/>
  <c r="BP97" i="29"/>
  <c r="BZ97" i="29"/>
  <c r="BI97" i="29"/>
  <c r="BT97" i="29"/>
  <c r="BH163" i="29"/>
  <c r="BT10" i="29"/>
  <c r="BU32" i="29"/>
  <c r="BH32" i="29"/>
  <c r="BQ20" i="29"/>
  <c r="CA20" i="29"/>
  <c r="BR18" i="29"/>
  <c r="BZ9" i="29"/>
  <c r="BN9" i="29"/>
  <c r="BX9" i="29"/>
  <c r="BU163" i="29"/>
  <c r="BJ162" i="29"/>
  <c r="BH162" i="29"/>
  <c r="BP162" i="29"/>
  <c r="BK162" i="29"/>
  <c r="BS162" i="29"/>
  <c r="BL162" i="29"/>
  <c r="BT162" i="29"/>
  <c r="BO162" i="29"/>
  <c r="BS161" i="29"/>
  <c r="BH161" i="29"/>
  <c r="BP161" i="29"/>
  <c r="BX161" i="29"/>
  <c r="BI161" i="29"/>
  <c r="BQ161" i="29"/>
  <c r="BM161" i="29"/>
  <c r="BU161" i="29"/>
  <c r="BQ155" i="29"/>
  <c r="BQ140" i="29"/>
  <c r="BX140" i="29"/>
  <c r="BX129" i="29"/>
  <c r="BL128" i="29"/>
  <c r="BT128" i="29"/>
  <c r="BI128" i="29"/>
  <c r="BQ128" i="29"/>
  <c r="BO127" i="29"/>
  <c r="BI127" i="29"/>
  <c r="BQ127" i="29"/>
  <c r="BN127" i="29"/>
  <c r="BW127" i="29"/>
  <c r="BP127" i="29"/>
  <c r="BY127" i="29"/>
  <c r="BH127" i="29"/>
  <c r="BR127" i="29"/>
  <c r="BZ127" i="29"/>
  <c r="BJ127" i="29"/>
  <c r="BS127" i="29"/>
  <c r="BM127" i="29"/>
  <c r="BV127" i="29"/>
  <c r="BN126" i="29"/>
  <c r="BV126" i="29"/>
  <c r="BH126" i="29"/>
  <c r="BQ126" i="29"/>
  <c r="BJ126" i="29"/>
  <c r="BS126" i="29"/>
  <c r="BK126" i="29"/>
  <c r="BT126" i="29"/>
  <c r="BL126" i="29"/>
  <c r="BU126" i="29"/>
  <c r="BP126" i="29"/>
  <c r="BY126" i="29"/>
  <c r="BK102" i="29"/>
  <c r="BH102" i="29"/>
  <c r="BP102" i="29"/>
  <c r="BM102" i="29"/>
  <c r="BV102" i="29"/>
  <c r="BO102" i="29"/>
  <c r="BY102" i="29"/>
  <c r="BQ102" i="29"/>
  <c r="BI102" i="29"/>
  <c r="BR102" i="29"/>
  <c r="BL102" i="29"/>
  <c r="BU102" i="29"/>
  <c r="BJ101" i="29"/>
  <c r="BV99" i="29"/>
  <c r="BU97" i="29"/>
  <c r="BL97" i="29"/>
  <c r="BS10" i="29"/>
  <c r="BT32" i="29"/>
  <c r="BP20" i="29"/>
  <c r="BQ18" i="29"/>
  <c r="CA18" i="29"/>
  <c r="BY9" i="29"/>
  <c r="BM9" i="29"/>
  <c r="BT163" i="29"/>
  <c r="CA163" i="29"/>
  <c r="BY162" i="29"/>
  <c r="BI162" i="29"/>
  <c r="BO161" i="29"/>
  <c r="BW140" i="29"/>
  <c r="BO129" i="29"/>
  <c r="BW129" i="29"/>
  <c r="BH129" i="29"/>
  <c r="BP129" i="29"/>
  <c r="BI129" i="29"/>
  <c r="BQ129" i="29"/>
  <c r="BL129" i="29"/>
  <c r="BT129" i="29"/>
  <c r="BJ102" i="29"/>
  <c r="BK99" i="29"/>
  <c r="BJ97" i="29"/>
  <c r="CA101" i="29"/>
  <c r="BZ100" i="29"/>
  <c r="BI100" i="29"/>
  <c r="BT100" i="29"/>
  <c r="BH96" i="29"/>
  <c r="BP96" i="29"/>
  <c r="BL96" i="29"/>
  <c r="BT96" i="29"/>
  <c r="BM96" i="29"/>
  <c r="BN96" i="29"/>
  <c r="BY96" i="29"/>
  <c r="BO96" i="29"/>
  <c r="BZ96" i="29"/>
  <c r="BQ96" i="29"/>
  <c r="CA96" i="29"/>
  <c r="BR96" i="29"/>
  <c r="BI96" i="29"/>
  <c r="BS96" i="29"/>
  <c r="BK96" i="29"/>
  <c r="BV96" i="29"/>
  <c r="BR10" i="29"/>
  <c r="BS32" i="29"/>
  <c r="BZ20" i="29"/>
  <c r="BM20" i="29"/>
  <c r="BH140" i="29"/>
  <c r="BP140" i="29"/>
  <c r="BJ140" i="29"/>
  <c r="BR140" i="29"/>
  <c r="BK140" i="29"/>
  <c r="BS140" i="29"/>
  <c r="BL140" i="29"/>
  <c r="BT140" i="29"/>
  <c r="BO140" i="29"/>
  <c r="BO10" i="29"/>
  <c r="BY10" i="29"/>
  <c r="BP32" i="29"/>
  <c r="BZ32" i="29"/>
  <c r="BL20" i="29"/>
  <c r="BZ18" i="29"/>
  <c r="BV9" i="29"/>
  <c r="BP163" i="29"/>
  <c r="BU162" i="29"/>
  <c r="CA162" i="29"/>
  <c r="BK161" i="29"/>
  <c r="BK155" i="29"/>
  <c r="BS155" i="29"/>
  <c r="BM155" i="29"/>
  <c r="BU155" i="29"/>
  <c r="BN155" i="29"/>
  <c r="BV155" i="29"/>
  <c r="BO155" i="29"/>
  <c r="BJ155" i="29"/>
  <c r="BR155" i="29"/>
  <c r="BI140" i="29"/>
  <c r="CA102" i="29"/>
  <c r="BY101" i="29"/>
  <c r="BZ101" i="29"/>
  <c r="BJ96" i="29"/>
  <c r="BH9" i="29"/>
  <c r="BP9" i="29"/>
  <c r="BK9" i="29"/>
  <c r="BS9" i="29"/>
  <c r="BL9" i="29"/>
  <c r="BT9" i="29"/>
  <c r="BN10" i="29"/>
  <c r="BX10" i="29"/>
  <c r="BO32" i="29"/>
  <c r="BY32" i="29"/>
  <c r="BX20" i="29"/>
  <c r="BJ20" i="29"/>
  <c r="BW20" i="29"/>
  <c r="BY18" i="29"/>
  <c r="BU9" i="29"/>
  <c r="BR162" i="29"/>
  <c r="BH155" i="29"/>
  <c r="CA129" i="29"/>
  <c r="CA127" i="29"/>
  <c r="BZ102" i="29"/>
  <c r="BW101" i="29"/>
  <c r="BY100" i="29"/>
  <c r="BR103" i="29"/>
  <c r="BK103" i="29"/>
  <c r="BS103" i="29"/>
  <c r="BX102" i="29"/>
  <c r="CA100" i="29"/>
  <c r="BP100" i="29"/>
  <c r="BW98" i="29"/>
  <c r="BV97" i="29"/>
  <c r="BK223" i="29"/>
  <c r="BI219" i="29"/>
  <c r="BO219" i="29"/>
  <c r="BW219" i="29"/>
  <c r="BJ219" i="29"/>
  <c r="BR219" i="29"/>
  <c r="BK219" i="29"/>
  <c r="BS219" i="29"/>
  <c r="CA219" i="29"/>
  <c r="BM219" i="29"/>
  <c r="BU219" i="29"/>
  <c r="BN219" i="29"/>
  <c r="BV219" i="29"/>
  <c r="BJ215" i="29"/>
  <c r="BH214" i="29"/>
  <c r="CA166" i="29"/>
  <c r="BP165" i="29"/>
  <c r="CA214" i="29"/>
  <c r="BZ194" i="29"/>
  <c r="BZ193" i="29"/>
  <c r="CA193" i="29"/>
  <c r="BY168" i="29"/>
  <c r="BY167" i="29"/>
  <c r="CA167" i="29"/>
  <c r="BZ166" i="29"/>
  <c r="BQ164" i="29"/>
  <c r="BZ164" i="29"/>
  <c r="BJ164" i="29"/>
  <c r="BT164" i="29"/>
  <c r="CA95" i="29"/>
  <c r="BK92" i="29"/>
  <c r="BS92" i="29"/>
  <c r="CA92" i="29"/>
  <c r="BI92" i="29"/>
  <c r="BQ92" i="29"/>
  <c r="BH92" i="29"/>
  <c r="BU92" i="29"/>
  <c r="BJ92" i="29"/>
  <c r="BW92" i="29"/>
  <c r="BM92" i="29"/>
  <c r="BZ92" i="29"/>
  <c r="BO92" i="29"/>
  <c r="BP92" i="29"/>
  <c r="BR92" i="29"/>
  <c r="BT92" i="29"/>
  <c r="BX100" i="29"/>
  <c r="BM100" i="29"/>
  <c r="BN98" i="29"/>
  <c r="BV98" i="29"/>
  <c r="BJ98" i="29"/>
  <c r="BR98" i="29"/>
  <c r="BK97" i="29"/>
  <c r="BS97" i="29"/>
  <c r="BO97" i="29"/>
  <c r="CA223" i="29"/>
  <c r="BZ215" i="29"/>
  <c r="BX214" i="29"/>
  <c r="BW193" i="29"/>
  <c r="BV166" i="29"/>
  <c r="BR32" i="29"/>
  <c r="BJ32" i="29"/>
  <c r="BR19" i="29"/>
  <c r="BJ19" i="29"/>
  <c r="BR161" i="29"/>
  <c r="BJ161" i="29"/>
  <c r="BV128" i="29"/>
  <c r="BN128" i="29"/>
  <c r="BX103" i="29"/>
  <c r="BO103" i="29"/>
  <c r="CA103" i="29"/>
  <c r="BW100" i="29"/>
  <c r="BL100" i="29"/>
  <c r="BS98" i="29"/>
  <c r="BH98" i="29"/>
  <c r="BR97" i="29"/>
  <c r="BH97" i="29"/>
  <c r="BW223" i="29"/>
  <c r="BX219" i="29"/>
  <c r="BV218" i="29"/>
  <c r="BZ218" i="29"/>
  <c r="BV215" i="29"/>
  <c r="BW214" i="29"/>
  <c r="BU194" i="29"/>
  <c r="BV193" i="29"/>
  <c r="BT168" i="29"/>
  <c r="BZ168" i="29"/>
  <c r="BU167" i="29"/>
  <c r="BS166" i="29"/>
  <c r="BX164" i="29"/>
  <c r="BU128" i="29"/>
  <c r="BM128" i="29"/>
  <c r="BW103" i="29"/>
  <c r="BN103" i="29"/>
  <c r="BX101" i="29"/>
  <c r="BU100" i="29"/>
  <c r="BQ98" i="29"/>
  <c r="BQ97" i="29"/>
  <c r="BY223" i="29"/>
  <c r="BT219" i="29"/>
  <c r="BZ219" i="29"/>
  <c r="BU218" i="29"/>
  <c r="BY214" i="29"/>
  <c r="BT213" i="29"/>
  <c r="BO213" i="29"/>
  <c r="BW213" i="29"/>
  <c r="BI213" i="29"/>
  <c r="BQ213" i="29"/>
  <c r="BY213" i="29"/>
  <c r="BR194" i="29"/>
  <c r="BX193" i="29"/>
  <c r="BS169" i="29"/>
  <c r="BJ169" i="29"/>
  <c r="BR169" i="29"/>
  <c r="BZ169" i="29"/>
  <c r="BN169" i="29"/>
  <c r="BV169" i="29"/>
  <c r="BH169" i="29"/>
  <c r="BP169" i="29"/>
  <c r="BX169" i="29"/>
  <c r="BQ168" i="29"/>
  <c r="BX166" i="29"/>
  <c r="BR164" i="29"/>
  <c r="BW164" i="29"/>
  <c r="BX95" i="29"/>
  <c r="BN100" i="29"/>
  <c r="BV100" i="29"/>
  <c r="BJ100" i="29"/>
  <c r="BR100" i="29"/>
  <c r="CA97" i="29"/>
  <c r="BJ223" i="29"/>
  <c r="BR223" i="29"/>
  <c r="BZ223" i="29"/>
  <c r="BN223" i="29"/>
  <c r="BV223" i="29"/>
  <c r="BH223" i="29"/>
  <c r="BP223" i="29"/>
  <c r="BX223" i="29"/>
  <c r="BJ214" i="29"/>
  <c r="BR214" i="29"/>
  <c r="BZ214" i="29"/>
  <c r="BI193" i="29"/>
  <c r="BQ193" i="29"/>
  <c r="BY193" i="29"/>
  <c r="BI166" i="29"/>
  <c r="BQ166" i="29"/>
  <c r="BY166" i="29"/>
  <c r="BM166" i="29"/>
  <c r="BU166" i="29"/>
  <c r="BO166" i="29"/>
  <c r="BW166" i="29"/>
  <c r="BJ165" i="29"/>
  <c r="BS165" i="29"/>
  <c r="BO165" i="29"/>
  <c r="BX165" i="29"/>
  <c r="BH165" i="29"/>
  <c r="BQ165" i="29"/>
  <c r="BZ165" i="29"/>
  <c r="BN93" i="29"/>
  <c r="BV93" i="29"/>
  <c r="BI93" i="29"/>
  <c r="BQ93" i="29"/>
  <c r="BH93" i="29"/>
  <c r="BS93" i="29"/>
  <c r="BJ93" i="29"/>
  <c r="BT93" i="29"/>
  <c r="BL93" i="29"/>
  <c r="BW93" i="29"/>
  <c r="BM93" i="29"/>
  <c r="BX93" i="29"/>
  <c r="BP93" i="29"/>
  <c r="CA93" i="29"/>
  <c r="BR93" i="29"/>
  <c r="BO98" i="29"/>
  <c r="BZ98" i="29"/>
  <c r="BN97" i="29"/>
  <c r="BO223" i="29"/>
  <c r="BI223" i="29"/>
  <c r="BP219" i="29"/>
  <c r="BW218" i="29"/>
  <c r="BN215" i="29"/>
  <c r="BI215" i="29"/>
  <c r="BQ215" i="29"/>
  <c r="BY215" i="29"/>
  <c r="BM215" i="29"/>
  <c r="BU215" i="29"/>
  <c r="BO215" i="29"/>
  <c r="BW215" i="29"/>
  <c r="BO214" i="29"/>
  <c r="BN214" i="29"/>
  <c r="BW194" i="29"/>
  <c r="BN193" i="29"/>
  <c r="BM193" i="29"/>
  <c r="BM167" i="29"/>
  <c r="BL167" i="29"/>
  <c r="BT167" i="29"/>
  <c r="BO167" i="29"/>
  <c r="BH167" i="29"/>
  <c r="BP167" i="29"/>
  <c r="BX167" i="29"/>
  <c r="BJ167" i="29"/>
  <c r="BR167" i="29"/>
  <c r="BK167" i="29"/>
  <c r="BS167" i="29"/>
  <c r="BK166" i="29"/>
  <c r="BL166" i="29"/>
  <c r="BY165" i="29"/>
  <c r="BL95" i="29"/>
  <c r="BT95" i="29"/>
  <c r="BO95" i="29"/>
  <c r="BM95" i="29"/>
  <c r="BN95" i="29"/>
  <c r="BY95" i="29"/>
  <c r="BQ95" i="29"/>
  <c r="BH95" i="29"/>
  <c r="BR95" i="29"/>
  <c r="BJ95" i="29"/>
  <c r="BU95" i="29"/>
  <c r="BK95" i="29"/>
  <c r="BV95" i="29"/>
  <c r="BO93" i="29"/>
  <c r="BU10" i="29"/>
  <c r="BV32" i="29"/>
  <c r="BV19" i="29"/>
  <c r="BV161" i="29"/>
  <c r="BU129" i="29"/>
  <c r="BR128" i="29"/>
  <c r="BT103" i="29"/>
  <c r="BJ103" i="29"/>
  <c r="BQ100" i="29"/>
  <c r="BY99" i="29"/>
  <c r="BM98" i="29"/>
  <c r="BX97" i="29"/>
  <c r="BM97" i="29"/>
  <c r="BX96" i="29"/>
  <c r="BL223" i="29"/>
  <c r="BM223" i="29"/>
  <c r="BL219" i="29"/>
  <c r="BM218" i="29"/>
  <c r="BL218" i="29"/>
  <c r="BT218" i="29"/>
  <c r="BO218" i="29"/>
  <c r="BH218" i="29"/>
  <c r="BP218" i="29"/>
  <c r="BX218" i="29"/>
  <c r="BJ218" i="29"/>
  <c r="BR218" i="29"/>
  <c r="BK218" i="29"/>
  <c r="BS218" i="29"/>
  <c r="BK215" i="29"/>
  <c r="BL215" i="29"/>
  <c r="BK214" i="29"/>
  <c r="BH194" i="29"/>
  <c r="BP194" i="29"/>
  <c r="BX194" i="29"/>
  <c r="BK194" i="29"/>
  <c r="BS194" i="29"/>
  <c r="BL194" i="29"/>
  <c r="BT194" i="29"/>
  <c r="BN194" i="29"/>
  <c r="BV194" i="29"/>
  <c r="BO194" i="29"/>
  <c r="BJ193" i="29"/>
  <c r="BO168" i="29"/>
  <c r="BW168" i="29"/>
  <c r="BJ168" i="29"/>
  <c r="BR168" i="29"/>
  <c r="BK168" i="29"/>
  <c r="BS168" i="29"/>
  <c r="CA168" i="29"/>
  <c r="BM168" i="29"/>
  <c r="BU168" i="29"/>
  <c r="BN168" i="29"/>
  <c r="BV168" i="29"/>
  <c r="BI167" i="29"/>
  <c r="BJ166" i="29"/>
  <c r="BU165" i="29"/>
  <c r="BW165" i="29"/>
  <c r="BI95" i="29"/>
  <c r="BK93" i="29"/>
  <c r="BQ223" i="29"/>
  <c r="BP215" i="29"/>
  <c r="BH215" i="29"/>
  <c r="BU214" i="29"/>
  <c r="BM214" i="29"/>
  <c r="BR213" i="29"/>
  <c r="BJ213" i="29"/>
  <c r="BT193" i="29"/>
  <c r="BL193" i="29"/>
  <c r="BQ169" i="29"/>
  <c r="BP166" i="29"/>
  <c r="BH166" i="29"/>
  <c r="CA165" i="29"/>
  <c r="BR165" i="29"/>
  <c r="BI165" i="29"/>
  <c r="BN165" i="29"/>
  <c r="BV165" i="29"/>
  <c r="BU164" i="29"/>
  <c r="BM66" i="29"/>
  <c r="BU66" i="29"/>
  <c r="BN66" i="29"/>
  <c r="BV66" i="29"/>
  <c r="BO66" i="29"/>
  <c r="BI66" i="29"/>
  <c r="BQ66" i="29"/>
  <c r="BY66" i="29"/>
  <c r="BL66" i="29"/>
  <c r="BT66" i="29"/>
  <c r="BN60" i="29"/>
  <c r="BV60" i="29"/>
  <c r="BO60" i="29"/>
  <c r="BW60" i="29"/>
  <c r="BH60" i="29"/>
  <c r="BP60" i="29"/>
  <c r="BJ60" i="29"/>
  <c r="BR60" i="29"/>
  <c r="BM60" i="29"/>
  <c r="BU60" i="29"/>
  <c r="BK57" i="29"/>
  <c r="BS57" i="29"/>
  <c r="BL57" i="29"/>
  <c r="BT57" i="29"/>
  <c r="BM57" i="29"/>
  <c r="BU57" i="29"/>
  <c r="BO57" i="29"/>
  <c r="BJ57" i="29"/>
  <c r="BR57" i="29"/>
  <c r="BZ57" i="29"/>
  <c r="BT214" i="29"/>
  <c r="BL214" i="29"/>
  <c r="BS193" i="29"/>
  <c r="BK193" i="29"/>
  <c r="BH164" i="29"/>
  <c r="BK164" i="29"/>
  <c r="BS164" i="29"/>
  <c r="BW95" i="29"/>
  <c r="BO35" i="29"/>
  <c r="BW35" i="29"/>
  <c r="BH35" i="29"/>
  <c r="BP35" i="29"/>
  <c r="BX35" i="29"/>
  <c r="BI35" i="29"/>
  <c r="BQ35" i="29"/>
  <c r="BK35" i="29"/>
  <c r="BS35" i="29"/>
  <c r="BM35" i="29"/>
  <c r="BU35" i="29"/>
  <c r="BN35" i="29"/>
  <c r="BV35" i="29"/>
  <c r="BY33" i="29"/>
  <c r="BJ33" i="29"/>
  <c r="BR33" i="29"/>
  <c r="BZ33" i="29"/>
  <c r="BH33" i="29"/>
  <c r="BP33" i="29"/>
  <c r="BX33" i="29"/>
  <c r="CA66" i="29"/>
  <c r="BH66" i="29"/>
  <c r="CA60" i="29"/>
  <c r="BY57" i="29"/>
  <c r="BL35" i="29"/>
  <c r="BV33" i="29"/>
  <c r="BY92" i="29"/>
  <c r="BY60" i="29"/>
  <c r="BX57" i="29"/>
  <c r="CA57" i="29"/>
  <c r="BV54" i="29"/>
  <c r="BZ54" i="29"/>
  <c r="BZ37" i="29"/>
  <c r="BK37" i="29"/>
  <c r="BS37" i="29"/>
  <c r="CA37" i="29"/>
  <c r="BU36" i="29"/>
  <c r="BY36" i="29"/>
  <c r="BJ35" i="29"/>
  <c r="BT33" i="29"/>
  <c r="BI33" i="29"/>
  <c r="BU223" i="29"/>
  <c r="BT215" i="29"/>
  <c r="BQ214" i="29"/>
  <c r="BI214" i="29"/>
  <c r="BV213" i="29"/>
  <c r="BN213" i="29"/>
  <c r="BP193" i="29"/>
  <c r="BH193" i="29"/>
  <c r="BU169" i="29"/>
  <c r="BT166" i="29"/>
  <c r="BM165" i="29"/>
  <c r="BY164" i="29"/>
  <c r="BP164" i="29"/>
  <c r="CA164" i="29"/>
  <c r="BL90" i="29"/>
  <c r="BT90" i="29"/>
  <c r="BM90" i="29"/>
  <c r="BU90" i="29"/>
  <c r="BO90" i="29"/>
  <c r="BJ90" i="29"/>
  <c r="BR90" i="29"/>
  <c r="BZ90" i="29"/>
  <c r="BX66" i="29"/>
  <c r="BV63" i="29"/>
  <c r="BY63" i="29"/>
  <c r="BJ63" i="29"/>
  <c r="BR63" i="29"/>
  <c r="BZ63" i="29"/>
  <c r="BT60" i="29"/>
  <c r="BZ60" i="29"/>
  <c r="BV57" i="29"/>
  <c r="BN33" i="29"/>
  <c r="BK33" i="29"/>
  <c r="BX90" i="29"/>
  <c r="BH90" i="29"/>
  <c r="BS66" i="29"/>
  <c r="BT63" i="29"/>
  <c r="BS60" i="29"/>
  <c r="BQ57" i="29"/>
  <c r="BS54" i="29"/>
  <c r="BX54" i="29"/>
  <c r="BI54" i="29"/>
  <c r="BQ54" i="29"/>
  <c r="BY54" i="29"/>
  <c r="BR38" i="29"/>
  <c r="BY38" i="29"/>
  <c r="BP37" i="29"/>
  <c r="BI37" i="29"/>
  <c r="BW36" i="29"/>
  <c r="CA35" i="29"/>
  <c r="BL33" i="29"/>
  <c r="BT165" i="29"/>
  <c r="BK165" i="29"/>
  <c r="BN164" i="29"/>
  <c r="BN92" i="29"/>
  <c r="BV90" i="29"/>
  <c r="BR66" i="29"/>
  <c r="BO63" i="29"/>
  <c r="BI63" i="29"/>
  <c r="BQ60" i="29"/>
  <c r="BX60" i="29"/>
  <c r="BP57" i="29"/>
  <c r="BN54" i="29"/>
  <c r="BO37" i="29"/>
  <c r="BM36" i="29"/>
  <c r="BO36" i="29"/>
  <c r="BH36" i="29"/>
  <c r="BP36" i="29"/>
  <c r="BI36" i="29"/>
  <c r="BQ36" i="29"/>
  <c r="BK36" i="29"/>
  <c r="BS36" i="29"/>
  <c r="CA36" i="29"/>
  <c r="BN36" i="29"/>
  <c r="BV36" i="29"/>
  <c r="BU94" i="29"/>
  <c r="BH94" i="29"/>
  <c r="BP94" i="29"/>
  <c r="BX94" i="29"/>
  <c r="BI94" i="29"/>
  <c r="BQ94" i="29"/>
  <c r="BJ94" i="29"/>
  <c r="BR94" i="29"/>
  <c r="BZ94" i="29"/>
  <c r="BL94" i="29"/>
  <c r="BT94" i="29"/>
  <c r="BO94" i="29"/>
  <c r="BW94" i="29"/>
  <c r="BK89" i="29"/>
  <c r="BS89" i="29"/>
  <c r="CA89" i="29"/>
  <c r="BV214" i="29"/>
  <c r="CA213" i="29"/>
  <c r="BS213" i="29"/>
  <c r="BU193" i="29"/>
  <c r="BV164" i="29"/>
  <c r="BM164" i="29"/>
  <c r="BS90" i="29"/>
  <c r="BP66" i="29"/>
  <c r="BW66" i="29"/>
  <c r="BN63" i="29"/>
  <c r="BK63" i="29"/>
  <c r="BL60" i="29"/>
  <c r="BN57" i="29"/>
  <c r="BW57" i="29"/>
  <c r="BM54" i="29"/>
  <c r="BH54" i="29"/>
  <c r="BN38" i="29"/>
  <c r="BV38" i="29"/>
  <c r="BW38" i="29"/>
  <c r="BI38" i="29"/>
  <c r="BQ38" i="29"/>
  <c r="BL38" i="29"/>
  <c r="BT38" i="29"/>
  <c r="BM37" i="29"/>
  <c r="BJ37" i="29"/>
  <c r="BL36" i="29"/>
  <c r="BZ35" i="29"/>
  <c r="BY35" i="29"/>
  <c r="BL34" i="29"/>
  <c r="BT34" i="29"/>
  <c r="BM34" i="29"/>
  <c r="BU34" i="29"/>
  <c r="BN34" i="29"/>
  <c r="BV34" i="29"/>
  <c r="BH34" i="29"/>
  <c r="BP34" i="29"/>
  <c r="BJ34" i="29"/>
  <c r="BR34" i="29"/>
  <c r="BK34" i="29"/>
  <c r="BS34" i="29"/>
  <c r="CA34" i="29"/>
  <c r="CA33" i="29"/>
  <c r="BS94" i="29"/>
  <c r="BN94" i="29"/>
  <c r="BX63" i="29"/>
  <c r="BP63" i="29"/>
  <c r="BH63" i="29"/>
  <c r="BW54" i="29"/>
  <c r="BO54" i="29"/>
  <c r="BY37" i="29"/>
  <c r="BQ37" i="29"/>
  <c r="BW33" i="29"/>
  <c r="BO33" i="29"/>
  <c r="BV94" i="29"/>
  <c r="BR89" i="29"/>
  <c r="BJ89" i="29"/>
  <c r="BV92" i="29"/>
  <c r="BU63" i="29"/>
  <c r="BM63" i="29"/>
  <c r="BT54" i="29"/>
  <c r="BL54" i="29"/>
  <c r="BV37" i="29"/>
  <c r="BN37" i="29"/>
  <c r="BU33" i="29"/>
  <c r="BM33" i="29"/>
  <c r="BP89" i="29"/>
  <c r="BH89" i="29"/>
  <c r="BS63" i="29"/>
  <c r="BR54" i="29"/>
  <c r="BJ54" i="29"/>
  <c r="BO38" i="29"/>
  <c r="BT37" i="29"/>
  <c r="BL37" i="29"/>
  <c r="BS33" i="29"/>
  <c r="BV89" i="29"/>
  <c r="BN89" i="29"/>
  <c r="BU89" i="29"/>
  <c r="BM89" i="29"/>
  <c r="BQ63" i="29"/>
  <c r="BP54" i="29"/>
  <c r="BU38" i="29"/>
  <c r="BR37" i="29"/>
  <c r="BQ33" i="29"/>
  <c r="BT89" i="29"/>
  <c r="L41" i="26"/>
  <c r="AC777" i="11"/>
  <c r="BX777" i="11"/>
  <c r="CA777" i="11"/>
  <c r="CB777" i="11"/>
  <c r="CC777" i="11"/>
  <c r="CD777" i="11"/>
  <c r="CE777" i="11"/>
  <c r="CF777" i="11"/>
  <c r="CG777" i="11"/>
  <c r="CH777" i="11"/>
  <c r="CI777" i="11"/>
  <c r="CJ777" i="11"/>
  <c r="CK777" i="11"/>
  <c r="CL777" i="11"/>
  <c r="CM777" i="11"/>
  <c r="CN777" i="11"/>
  <c r="CO777" i="11"/>
  <c r="CP777" i="11"/>
  <c r="CQ777" i="11"/>
  <c r="CR777" i="11"/>
  <c r="CS777" i="11"/>
  <c r="CT777" i="11"/>
  <c r="CU777" i="11"/>
  <c r="CV777" i="11"/>
  <c r="CW777" i="11"/>
  <c r="CX777" i="11"/>
  <c r="CY777" i="11"/>
  <c r="CZ777" i="11"/>
  <c r="DA777" i="11"/>
  <c r="DB777" i="11"/>
  <c r="DC777" i="11"/>
  <c r="DD777" i="11"/>
  <c r="DE777" i="11"/>
  <c r="AC774" i="11"/>
  <c r="BX774" i="11"/>
  <c r="CA774" i="11"/>
  <c r="CB774" i="11"/>
  <c r="CC774" i="11"/>
  <c r="CD774" i="11"/>
  <c r="CE774" i="11"/>
  <c r="CF774" i="11"/>
  <c r="CG774" i="11"/>
  <c r="CH774" i="11"/>
  <c r="CI774" i="11"/>
  <c r="CJ774" i="11"/>
  <c r="CK774" i="11"/>
  <c r="CL774" i="11"/>
  <c r="CM774" i="11"/>
  <c r="CN774" i="11"/>
  <c r="CO774" i="11"/>
  <c r="CP774" i="11"/>
  <c r="CQ774" i="11"/>
  <c r="CR774" i="11"/>
  <c r="CS774" i="11"/>
  <c r="CT774" i="11"/>
  <c r="CU774" i="11"/>
  <c r="CV774" i="11"/>
  <c r="CW774" i="11"/>
  <c r="CX774" i="11"/>
  <c r="CY774" i="11"/>
  <c r="CZ774" i="11"/>
  <c r="DA774" i="11"/>
  <c r="DB774" i="11"/>
  <c r="DC774" i="11"/>
  <c r="DD774" i="11"/>
  <c r="DE774" i="11"/>
  <c r="AC775" i="11"/>
  <c r="BX775" i="11"/>
  <c r="CA775" i="11"/>
  <c r="CB775" i="11"/>
  <c r="CC775" i="11"/>
  <c r="CD775" i="11"/>
  <c r="CE775" i="11"/>
  <c r="CF775" i="11"/>
  <c r="CG775" i="11"/>
  <c r="CH775" i="11"/>
  <c r="CI775" i="11"/>
  <c r="CJ775" i="11"/>
  <c r="CK775" i="11"/>
  <c r="CL775" i="11"/>
  <c r="CM775" i="11"/>
  <c r="CN775" i="11"/>
  <c r="CO775" i="11"/>
  <c r="CP775" i="11"/>
  <c r="CQ775" i="11"/>
  <c r="CR775" i="11"/>
  <c r="CS775" i="11"/>
  <c r="CT775" i="11"/>
  <c r="CU775" i="11"/>
  <c r="CV775" i="11"/>
  <c r="CW775" i="11"/>
  <c r="CX775" i="11"/>
  <c r="CY775" i="11"/>
  <c r="CZ775" i="11"/>
  <c r="DA775" i="11"/>
  <c r="DB775" i="11"/>
  <c r="DC775" i="11"/>
  <c r="DD775" i="11"/>
  <c r="DE775" i="11"/>
  <c r="AC776" i="11"/>
  <c r="BX776" i="11"/>
  <c r="CA776" i="11"/>
  <c r="CB776" i="11"/>
  <c r="CC776" i="11"/>
  <c r="CD776" i="11"/>
  <c r="CE776" i="11"/>
  <c r="CF776" i="11"/>
  <c r="CG776" i="11"/>
  <c r="CH776" i="11"/>
  <c r="CI776" i="11"/>
  <c r="CJ776" i="11"/>
  <c r="CK776" i="11"/>
  <c r="CL776" i="11"/>
  <c r="CM776" i="11"/>
  <c r="CN776" i="11"/>
  <c r="CO776" i="11"/>
  <c r="CP776" i="11"/>
  <c r="CQ776" i="11"/>
  <c r="CR776" i="11"/>
  <c r="CS776" i="11"/>
  <c r="CT776" i="11"/>
  <c r="CU776" i="11"/>
  <c r="CV776" i="11"/>
  <c r="CW776" i="11"/>
  <c r="CX776" i="11"/>
  <c r="CY776" i="11"/>
  <c r="CZ776" i="11"/>
  <c r="DA776" i="11"/>
  <c r="DB776" i="11"/>
  <c r="DC776" i="11"/>
  <c r="DD776" i="11"/>
  <c r="DE776" i="11"/>
  <c r="X180" i="9"/>
  <c r="BT180" i="9" s="1"/>
  <c r="X181" i="9"/>
  <c r="BT181" i="9" s="1"/>
  <c r="X179" i="9"/>
  <c r="BT179" i="9" s="1"/>
  <c r="X160" i="9"/>
  <c r="BT160" i="9" s="1"/>
  <c r="X161" i="9"/>
  <c r="BT161" i="9" s="1"/>
  <c r="X159" i="9"/>
  <c r="BT159" i="9" s="1"/>
  <c r="X140" i="9"/>
  <c r="BT140" i="9" s="1"/>
  <c r="X141" i="9"/>
  <c r="BT141" i="9" s="1"/>
  <c r="X139" i="9"/>
  <c r="BT139" i="9" s="1"/>
  <c r="X120" i="9"/>
  <c r="BT120" i="9" s="1"/>
  <c r="X121" i="9"/>
  <c r="BT121" i="9" s="1"/>
  <c r="X119" i="9"/>
  <c r="BT119" i="9" s="1"/>
  <c r="BY776" i="11" l="1"/>
  <c r="BY775" i="11"/>
  <c r="DI119" i="9"/>
  <c r="DN119" i="9" s="1"/>
  <c r="W119" i="9"/>
  <c r="DJ160" i="9"/>
  <c r="DN160" i="9" s="1"/>
  <c r="W160" i="9"/>
  <c r="DK161" i="9"/>
  <c r="DN161" i="9" s="1"/>
  <c r="W161" i="9"/>
  <c r="DI139" i="9"/>
  <c r="DN139" i="9" s="1"/>
  <c r="W139" i="9"/>
  <c r="DJ180" i="9"/>
  <c r="DN180" i="9" s="1"/>
  <c r="W180" i="9"/>
  <c r="DI159" i="9"/>
  <c r="DN159" i="9" s="1"/>
  <c r="W159" i="9"/>
  <c r="DJ120" i="9"/>
  <c r="DN120" i="9" s="1"/>
  <c r="W120" i="9"/>
  <c r="DK121" i="9"/>
  <c r="DN121" i="9" s="1"/>
  <c r="W121" i="9"/>
  <c r="DI179" i="9"/>
  <c r="DN179" i="9" s="1"/>
  <c r="W179" i="9"/>
  <c r="DK181" i="9"/>
  <c r="DN181" i="9" s="1"/>
  <c r="W181" i="9"/>
  <c r="DK141" i="9"/>
  <c r="DN141" i="9" s="1"/>
  <c r="W141" i="9"/>
  <c r="DJ140" i="9"/>
  <c r="DN140" i="9" s="1"/>
  <c r="W140" i="9"/>
  <c r="CB128" i="29"/>
  <c r="CB19" i="29"/>
  <c r="CB213" i="29"/>
  <c r="CB38" i="29"/>
  <c r="CB57" i="29"/>
  <c r="CB37" i="29"/>
  <c r="CB103" i="29"/>
  <c r="CB100" i="29"/>
  <c r="CB94" i="29"/>
  <c r="CB66" i="29"/>
  <c r="CB60" i="29"/>
  <c r="CB93" i="29"/>
  <c r="CB98" i="29"/>
  <c r="CB161" i="29"/>
  <c r="CB162" i="29"/>
  <c r="CB140" i="29"/>
  <c r="CB126" i="29"/>
  <c r="CB32" i="29"/>
  <c r="CB54" i="29"/>
  <c r="CB36" i="29"/>
  <c r="CB90" i="29"/>
  <c r="CB129" i="29"/>
  <c r="CB127" i="29"/>
  <c r="CB214" i="29"/>
  <c r="CB63" i="29"/>
  <c r="CB35" i="29"/>
  <c r="CB164" i="29"/>
  <c r="CB223" i="29"/>
  <c r="CB101" i="29"/>
  <c r="CB33" i="29"/>
  <c r="CB194" i="29"/>
  <c r="CB95" i="29"/>
  <c r="CB92" i="29"/>
  <c r="CB9" i="29"/>
  <c r="CB163" i="29"/>
  <c r="CB193" i="29"/>
  <c r="CB166" i="29"/>
  <c r="CB167" i="29"/>
  <c r="CB169" i="29"/>
  <c r="CB155" i="29"/>
  <c r="CB96" i="29"/>
  <c r="CB99" i="29"/>
  <c r="CB215" i="29"/>
  <c r="CB218" i="29"/>
  <c r="CB97" i="29"/>
  <c r="CB219" i="29"/>
  <c r="CB102" i="29"/>
  <c r="CB20" i="29"/>
  <c r="CB89" i="29"/>
  <c r="CB34" i="29"/>
  <c r="CB168" i="29"/>
  <c r="CB165" i="29"/>
  <c r="CB18" i="29"/>
  <c r="CB10" i="29"/>
  <c r="BY777" i="11"/>
  <c r="BY774" i="11"/>
  <c r="X302" i="9" l="1"/>
  <c r="X305" i="9"/>
  <c r="X304" i="9"/>
  <c r="X330" i="9"/>
  <c r="X437" i="9"/>
  <c r="X331" i="9"/>
  <c r="X287" i="9"/>
  <c r="X318" i="9"/>
  <c r="X335" i="9"/>
  <c r="X384" i="9"/>
  <c r="X352" i="9"/>
  <c r="X353" i="9"/>
  <c r="X354" i="9"/>
  <c r="X489" i="9"/>
  <c r="X382" i="9"/>
  <c r="X453" i="9"/>
  <c r="X276" i="9"/>
  <c r="X411" i="9"/>
  <c r="X410" i="9"/>
  <c r="X412" i="9"/>
  <c r="X413" i="9"/>
  <c r="X409" i="9"/>
  <c r="X323" i="9"/>
  <c r="X486" i="9"/>
  <c r="X404" i="9"/>
  <c r="X402" i="9"/>
  <c r="X327" i="9"/>
  <c r="X482" i="9"/>
  <c r="X324" i="9"/>
  <c r="X346" i="9"/>
  <c r="X279" i="9"/>
  <c r="X446" i="9"/>
  <c r="X447" i="9"/>
  <c r="X312" i="9"/>
  <c r="X334" i="9"/>
  <c r="X311" i="9"/>
  <c r="X314" i="9"/>
  <c r="X310" i="9"/>
  <c r="X319" i="9"/>
  <c r="X288" i="9"/>
  <c r="X289" i="9"/>
  <c r="X405" i="9"/>
  <c r="X272" i="9"/>
  <c r="X408" i="9"/>
  <c r="X485" i="9"/>
  <c r="X306" i="9"/>
  <c r="X394" i="9"/>
  <c r="X426" i="9"/>
  <c r="X427" i="9"/>
  <c r="X432" i="9"/>
  <c r="X342" i="9"/>
  <c r="X341" i="9"/>
  <c r="X462" i="9"/>
  <c r="X344" i="9"/>
  <c r="X385" i="9"/>
  <c r="X448" i="9"/>
  <c r="X340" i="9"/>
  <c r="X460" i="9"/>
  <c r="X457" i="9"/>
  <c r="X436" i="9"/>
  <c r="X435" i="9"/>
  <c r="X433" i="9"/>
  <c r="X357" i="9"/>
  <c r="X434" i="9"/>
  <c r="X313" i="9"/>
  <c r="X407" i="9"/>
  <c r="X349" i="9"/>
  <c r="X348" i="9"/>
  <c r="X415" i="9"/>
  <c r="X282" i="9"/>
  <c r="X351" i="9"/>
  <c r="X371" i="9"/>
  <c r="X369" i="9"/>
  <c r="X372" i="9"/>
  <c r="X370" i="9"/>
  <c r="X368" i="9"/>
  <c r="X366" i="9"/>
  <c r="X367" i="9"/>
  <c r="X397" i="9"/>
  <c r="X396" i="9"/>
  <c r="X398" i="9"/>
  <c r="X399" i="9"/>
  <c r="X470" i="9"/>
  <c r="X309" i="9"/>
  <c r="X274" i="9"/>
  <c r="X463" i="9"/>
  <c r="X494" i="9"/>
  <c r="X481" i="9"/>
  <c r="X298" i="9"/>
  <c r="X479" i="9"/>
  <c r="X478" i="9"/>
  <c r="X477" i="9"/>
  <c r="X293" i="9"/>
  <c r="X294" i="9"/>
  <c r="X420" i="9"/>
  <c r="X308" i="9"/>
  <c r="X316" i="9"/>
  <c r="X497" i="9"/>
  <c r="X278" i="9"/>
  <c r="X345" i="9"/>
  <c r="X347" i="9"/>
  <c r="X273" i="9"/>
  <c r="X358" i="9"/>
  <c r="X336" i="9"/>
  <c r="X431" i="9"/>
  <c r="X430" i="9"/>
  <c r="X429" i="9"/>
  <c r="X472" i="9"/>
  <c r="X280" i="9"/>
  <c r="X381" i="9"/>
  <c r="X379" i="9"/>
  <c r="X439" i="9"/>
  <c r="X440" i="9"/>
  <c r="X443" i="9"/>
  <c r="X441" i="9"/>
  <c r="X442" i="9"/>
  <c r="X473" i="9"/>
  <c r="X361" i="9"/>
  <c r="X362" i="9"/>
  <c r="X364" i="9"/>
  <c r="X365" i="9"/>
  <c r="X360" i="9"/>
  <c r="X391" i="9"/>
  <c r="X392" i="9"/>
  <c r="X393" i="9"/>
  <c r="X390" i="9"/>
  <c r="X395" i="9"/>
  <c r="X301" i="9"/>
  <c r="X506" i="9"/>
  <c r="X378" i="9"/>
  <c r="X406" i="9"/>
  <c r="X295" i="9"/>
  <c r="X488" i="9"/>
  <c r="X343" i="9"/>
  <c r="X328" i="9"/>
  <c r="X422" i="9"/>
  <c r="X421" i="9"/>
  <c r="X423" i="9"/>
  <c r="X458" i="9"/>
  <c r="DJ210" i="9"/>
  <c r="DN210" i="9" s="1"/>
  <c r="DK211" i="9"/>
  <c r="DN211" i="9" s="1"/>
  <c r="X122" i="9"/>
  <c r="BT122" i="9" s="1"/>
  <c r="X124" i="9"/>
  <c r="BT124" i="9" s="1"/>
  <c r="X125" i="9"/>
  <c r="BT125" i="9" s="1"/>
  <c r="X123" i="9"/>
  <c r="BT123" i="9" s="1"/>
  <c r="X126" i="9"/>
  <c r="BT126" i="9" s="1"/>
  <c r="X127" i="9"/>
  <c r="BT127" i="9" s="1"/>
  <c r="X128" i="9"/>
  <c r="BT128" i="9" s="1"/>
  <c r="X129" i="9"/>
  <c r="BT129" i="9" s="1"/>
  <c r="X130" i="9"/>
  <c r="BT130" i="9" s="1"/>
  <c r="X132" i="9"/>
  <c r="BT132" i="9" s="1"/>
  <c r="X131" i="9"/>
  <c r="BT131" i="9" s="1"/>
  <c r="X133" i="9"/>
  <c r="BT133" i="9" s="1"/>
  <c r="X134" i="9"/>
  <c r="BT134" i="9" s="1"/>
  <c r="X135" i="9"/>
  <c r="BT135" i="9" s="1"/>
  <c r="X136" i="9"/>
  <c r="BT136" i="9" s="1"/>
  <c r="X137" i="9"/>
  <c r="BT137" i="9" s="1"/>
  <c r="X138" i="9"/>
  <c r="BT138" i="9" s="1"/>
  <c r="X217" i="9"/>
  <c r="BT217" i="9" s="1"/>
  <c r="X142" i="9"/>
  <c r="BT142" i="9" s="1"/>
  <c r="X143" i="9"/>
  <c r="BT143" i="9" s="1"/>
  <c r="X144" i="9"/>
  <c r="BT144" i="9" s="1"/>
  <c r="X145" i="9"/>
  <c r="BT145" i="9" s="1"/>
  <c r="X146" i="9"/>
  <c r="BT146" i="9" s="1"/>
  <c r="X147" i="9"/>
  <c r="BT147" i="9" s="1"/>
  <c r="X148" i="9"/>
  <c r="BT148" i="9" s="1"/>
  <c r="X149" i="9"/>
  <c r="BT149" i="9" s="1"/>
  <c r="X150" i="9"/>
  <c r="BT150" i="9" s="1"/>
  <c r="X151" i="9"/>
  <c r="BT151" i="9" s="1"/>
  <c r="X152" i="9"/>
  <c r="BT152" i="9" s="1"/>
  <c r="X153" i="9"/>
  <c r="BT153" i="9" s="1"/>
  <c r="X154" i="9"/>
  <c r="BT154" i="9" s="1"/>
  <c r="X155" i="9"/>
  <c r="BT155" i="9" s="1"/>
  <c r="X156" i="9"/>
  <c r="BT156" i="9" s="1"/>
  <c r="X157" i="9"/>
  <c r="BT157" i="9" s="1"/>
  <c r="X158" i="9"/>
  <c r="BT158" i="9" s="1"/>
  <c r="X388" i="9"/>
  <c r="X389" i="9"/>
  <c r="X284" i="9"/>
  <c r="X285" i="9"/>
  <c r="X277" i="9"/>
  <c r="X501" i="9"/>
  <c r="X383" i="9"/>
  <c r="X424" i="9"/>
  <c r="X380" i="9"/>
  <c r="X484" i="9"/>
  <c r="X492" i="9"/>
  <c r="X19" i="9"/>
  <c r="BT19" i="9" s="1"/>
  <c r="X20" i="9"/>
  <c r="BT20" i="9" s="1"/>
  <c r="X21" i="9"/>
  <c r="BT21" i="9" s="1"/>
  <c r="X22" i="9"/>
  <c r="BT22" i="9" s="1"/>
  <c r="X30" i="9"/>
  <c r="BT30" i="9" s="1"/>
  <c r="X27" i="9"/>
  <c r="BT27" i="9" s="1"/>
  <c r="X29" i="9"/>
  <c r="BT29" i="9" s="1"/>
  <c r="X28" i="9"/>
  <c r="BT28" i="9" s="1"/>
  <c r="X24" i="9"/>
  <c r="BT24" i="9" s="1"/>
  <c r="X25" i="9"/>
  <c r="BT25" i="9" s="1"/>
  <c r="X26" i="9"/>
  <c r="BT26" i="9" s="1"/>
  <c r="X23" i="9"/>
  <c r="BT23" i="9" s="1"/>
  <c r="X31" i="9"/>
  <c r="BT31" i="9" s="1"/>
  <c r="DK15" i="9"/>
  <c r="DN15" i="9" s="1"/>
  <c r="X7" i="9"/>
  <c r="BT7" i="9" s="1"/>
  <c r="X8" i="9"/>
  <c r="BT8" i="9" s="1"/>
  <c r="X9" i="9"/>
  <c r="BT9" i="9" s="1"/>
  <c r="X10" i="9"/>
  <c r="BT10" i="9" s="1"/>
  <c r="X4" i="9"/>
  <c r="BT4" i="9" s="1"/>
  <c r="X5" i="9"/>
  <c r="BT5" i="9" s="1"/>
  <c r="X6" i="9"/>
  <c r="BT6" i="9" s="1"/>
  <c r="X546" i="9"/>
  <c r="X47" i="9"/>
  <c r="BT47" i="9" s="1"/>
  <c r="X291" i="9"/>
  <c r="X292" i="9"/>
  <c r="X290" i="9"/>
  <c r="X475" i="9"/>
  <c r="X476" i="9"/>
  <c r="X469" i="9"/>
  <c r="X468" i="9"/>
  <c r="X466" i="9"/>
  <c r="X467" i="9"/>
  <c r="X373" i="9"/>
  <c r="X375" i="9"/>
  <c r="X377" i="9"/>
  <c r="X374" i="9"/>
  <c r="X449" i="9"/>
  <c r="X338" i="9"/>
  <c r="X350" i="9"/>
  <c r="X376" i="9"/>
  <c r="X417" i="9"/>
  <c r="X419" i="9"/>
  <c r="X416" i="9"/>
  <c r="X418" i="9"/>
  <c r="X286" i="9"/>
  <c r="X296" i="9"/>
  <c r="X315" i="9"/>
  <c r="X307" i="9"/>
  <c r="X414" i="9"/>
  <c r="X487" i="9"/>
  <c r="X496" i="9"/>
  <c r="X474" i="9"/>
  <c r="X74" i="9"/>
  <c r="BT74" i="9" s="1"/>
  <c r="X76" i="9"/>
  <c r="BT76" i="9" s="1"/>
  <c r="X77" i="9"/>
  <c r="BT77" i="9" s="1"/>
  <c r="X75" i="9"/>
  <c r="BT75" i="9" s="1"/>
  <c r="X78" i="9"/>
  <c r="BT78" i="9" s="1"/>
  <c r="X79" i="9"/>
  <c r="BT79" i="9" s="1"/>
  <c r="X80" i="9"/>
  <c r="BT80" i="9" s="1"/>
  <c r="X81" i="9"/>
  <c r="BT81" i="9" s="1"/>
  <c r="X82" i="9"/>
  <c r="BT82" i="9" s="1"/>
  <c r="X84" i="9"/>
  <c r="BT84" i="9" s="1"/>
  <c r="X83" i="9"/>
  <c r="BT83" i="9" s="1"/>
  <c r="X85" i="9"/>
  <c r="BT85" i="9" s="1"/>
  <c r="X86" i="9"/>
  <c r="BT86" i="9" s="1"/>
  <c r="X87" i="9"/>
  <c r="BT87" i="9" s="1"/>
  <c r="X88" i="9"/>
  <c r="BT88" i="9" s="1"/>
  <c r="X89" i="9"/>
  <c r="BT89" i="9" s="1"/>
  <c r="X90" i="9"/>
  <c r="BT90" i="9" s="1"/>
  <c r="X91" i="9"/>
  <c r="BT91" i="9" s="1"/>
  <c r="X93" i="9"/>
  <c r="BT93" i="9" s="1"/>
  <c r="X92" i="9"/>
  <c r="BT92" i="9" s="1"/>
  <c r="X94" i="9"/>
  <c r="BT94" i="9" s="1"/>
  <c r="X95" i="9"/>
  <c r="BT95" i="9" s="1"/>
  <c r="X96" i="9"/>
  <c r="BT96" i="9" s="1"/>
  <c r="X97" i="9"/>
  <c r="BT97" i="9" s="1"/>
  <c r="X98" i="9"/>
  <c r="BT98" i="9" s="1"/>
  <c r="X100" i="9"/>
  <c r="BT100" i="9" s="1"/>
  <c r="X99" i="9"/>
  <c r="BT99" i="9" s="1"/>
  <c r="X101" i="9"/>
  <c r="BT101" i="9" s="1"/>
  <c r="X102" i="9"/>
  <c r="BT102" i="9" s="1"/>
  <c r="X103" i="9"/>
  <c r="BT103" i="9" s="1"/>
  <c r="X104" i="9"/>
  <c r="BT104" i="9" s="1"/>
  <c r="X105" i="9"/>
  <c r="BT105" i="9" s="1"/>
  <c r="X11" i="9"/>
  <c r="BT11" i="9" s="1"/>
  <c r="X53" i="9"/>
  <c r="BT53" i="9" s="1"/>
  <c r="X110" i="9"/>
  <c r="BT110" i="9" s="1"/>
  <c r="X111" i="9"/>
  <c r="BT111" i="9" s="1"/>
  <c r="X112" i="9"/>
  <c r="BT112" i="9" s="1"/>
  <c r="X118" i="9"/>
  <c r="BT118" i="9" s="1"/>
  <c r="X114" i="9"/>
  <c r="BT114" i="9" s="1"/>
  <c r="X113" i="9"/>
  <c r="BT113" i="9" s="1"/>
  <c r="X115" i="9"/>
  <c r="BT115" i="9" s="1"/>
  <c r="X116" i="9"/>
  <c r="BT116" i="9" s="1"/>
  <c r="X117" i="9"/>
  <c r="BT117" i="9" s="1"/>
  <c r="X317" i="9"/>
  <c r="X480" i="9"/>
  <c r="X386" i="9"/>
  <c r="X452" i="9"/>
  <c r="X387" i="9"/>
  <c r="X483" i="9"/>
  <c r="X359" i="9"/>
  <c r="X456" i="9"/>
  <c r="X297" i="9"/>
  <c r="X455" i="9"/>
  <c r="X445" i="9"/>
  <c r="X444" i="9"/>
  <c r="X283" i="9"/>
  <c r="X498" i="9"/>
  <c r="X459" i="9"/>
  <c r="X320" i="9"/>
  <c r="X454" i="9"/>
  <c r="X363" i="9"/>
  <c r="X337" i="9"/>
  <c r="X321" i="9"/>
  <c r="X356" i="9"/>
  <c r="X355" i="9"/>
  <c r="X425" i="9"/>
  <c r="X428" i="9"/>
  <c r="X332" i="9"/>
  <c r="X281" i="9"/>
  <c r="X403" i="9"/>
  <c r="X400" i="9"/>
  <c r="X401" i="9"/>
  <c r="X162" i="9"/>
  <c r="BT162" i="9" s="1"/>
  <c r="X163" i="9"/>
  <c r="BT163" i="9" s="1"/>
  <c r="X164" i="9"/>
  <c r="BT164" i="9" s="1"/>
  <c r="X165" i="9"/>
  <c r="BT165" i="9" s="1"/>
  <c r="X166" i="9"/>
  <c r="BT166" i="9" s="1"/>
  <c r="X167" i="9"/>
  <c r="BT167" i="9" s="1"/>
  <c r="X168" i="9"/>
  <c r="BT168" i="9" s="1"/>
  <c r="X169" i="9"/>
  <c r="BT169" i="9" s="1"/>
  <c r="X170" i="9"/>
  <c r="BT170" i="9" s="1"/>
  <c r="X171" i="9"/>
  <c r="BT171" i="9" s="1"/>
  <c r="X172" i="9"/>
  <c r="BT172" i="9" s="1"/>
  <c r="X173" i="9"/>
  <c r="BT173" i="9" s="1"/>
  <c r="X174" i="9"/>
  <c r="BT174" i="9" s="1"/>
  <c r="X175" i="9"/>
  <c r="BT175" i="9" s="1"/>
  <c r="X176" i="9"/>
  <c r="BT176" i="9" s="1"/>
  <c r="X177" i="9"/>
  <c r="BT177" i="9" s="1"/>
  <c r="X178" i="9"/>
  <c r="BT178" i="9" s="1"/>
  <c r="X106" i="9"/>
  <c r="BT106" i="9" s="1"/>
  <c r="X109" i="9"/>
  <c r="BT109" i="9" s="1"/>
  <c r="X107" i="9"/>
  <c r="BT107" i="9" s="1"/>
  <c r="X108" i="9"/>
  <c r="BT108" i="9" s="1"/>
  <c r="X48" i="9"/>
  <c r="BT48" i="9" s="1"/>
  <c r="X49" i="9"/>
  <c r="BT49" i="9" s="1"/>
  <c r="X41" i="9"/>
  <c r="BT41" i="9" s="1"/>
  <c r="X38" i="9"/>
  <c r="BT38" i="9" s="1"/>
  <c r="X36" i="9"/>
  <c r="BT36" i="9" s="1"/>
  <c r="X37" i="9"/>
  <c r="BT37" i="9" s="1"/>
  <c r="X39" i="9"/>
  <c r="BT39" i="9" s="1"/>
  <c r="X33" i="9"/>
  <c r="BT33" i="9" s="1"/>
  <c r="X34" i="9"/>
  <c r="BT34" i="9" s="1"/>
  <c r="X35" i="9"/>
  <c r="BT35" i="9" s="1"/>
  <c r="X32" i="9"/>
  <c r="BT32" i="9" s="1"/>
  <c r="X40" i="9"/>
  <c r="BT40" i="9" s="1"/>
  <c r="X182" i="9"/>
  <c r="BT182" i="9" s="1"/>
  <c r="X183" i="9"/>
  <c r="BT183" i="9" s="1"/>
  <c r="X184" i="9"/>
  <c r="BT184" i="9" s="1"/>
  <c r="X185" i="9"/>
  <c r="BT185" i="9" s="1"/>
  <c r="X186" i="9"/>
  <c r="BT186" i="9" s="1"/>
  <c r="X187" i="9"/>
  <c r="BT187" i="9" s="1"/>
  <c r="X188" i="9"/>
  <c r="BT188" i="9" s="1"/>
  <c r="X189" i="9"/>
  <c r="BT189" i="9" s="1"/>
  <c r="X190" i="9"/>
  <c r="BT190" i="9" s="1"/>
  <c r="X191" i="9"/>
  <c r="BT191" i="9" s="1"/>
  <c r="X192" i="9"/>
  <c r="BT192" i="9" s="1"/>
  <c r="X193" i="9"/>
  <c r="BT193" i="9" s="1"/>
  <c r="X194" i="9"/>
  <c r="BT194" i="9" s="1"/>
  <c r="X195" i="9"/>
  <c r="BT195" i="9" s="1"/>
  <c r="X196" i="9"/>
  <c r="BT196" i="9" s="1"/>
  <c r="X197" i="9"/>
  <c r="BT197" i="9" s="1"/>
  <c r="X198" i="9"/>
  <c r="BT198" i="9" s="1"/>
  <c r="X464" i="9"/>
  <c r="X339" i="9"/>
  <c r="X329" i="9"/>
  <c r="X451" i="9"/>
  <c r="X450" i="9"/>
  <c r="X438" i="9"/>
  <c r="X275" i="9"/>
  <c r="X465" i="9"/>
  <c r="X461" i="9"/>
  <c r="X471" i="9"/>
  <c r="X64" i="9"/>
  <c r="BT64" i="9" s="1"/>
  <c r="X68" i="9"/>
  <c r="BT68" i="9" s="1"/>
  <c r="X72" i="9"/>
  <c r="BT72" i="9" s="1"/>
  <c r="X56" i="9"/>
  <c r="BT56" i="9" s="1"/>
  <c r="X58" i="9"/>
  <c r="BT58" i="9" s="1"/>
  <c r="X59" i="9"/>
  <c r="BT59" i="9" s="1"/>
  <c r="X57" i="9"/>
  <c r="BT57" i="9" s="1"/>
  <c r="X60" i="9"/>
  <c r="BT60" i="9" s="1"/>
  <c r="X61" i="9"/>
  <c r="BT61" i="9" s="1"/>
  <c r="X62" i="9"/>
  <c r="BT62" i="9" s="1"/>
  <c r="X63" i="9"/>
  <c r="BT63" i="9" s="1"/>
  <c r="X69" i="9"/>
  <c r="BT69" i="9" s="1"/>
  <c r="X65" i="9"/>
  <c r="BT65" i="9" s="1"/>
  <c r="X71" i="9"/>
  <c r="BT71" i="9" s="1"/>
  <c r="X67" i="9"/>
  <c r="BT67" i="9" s="1"/>
  <c r="X66" i="9"/>
  <c r="BT66" i="9" s="1"/>
  <c r="X70" i="9"/>
  <c r="BT70" i="9" s="1"/>
  <c r="X45" i="9"/>
  <c r="BT45" i="9" s="1"/>
  <c r="X43" i="9"/>
  <c r="BT43" i="9" s="1"/>
  <c r="X42" i="9"/>
  <c r="BT42" i="9" s="1"/>
  <c r="X44" i="9"/>
  <c r="BT44" i="9" s="1"/>
  <c r="X46" i="9"/>
  <c r="BT46" i="9" s="1"/>
  <c r="X229" i="9"/>
  <c r="X222" i="9"/>
  <c r="X219" i="9"/>
  <c r="X220" i="9"/>
  <c r="X236" i="9"/>
  <c r="X227" i="9"/>
  <c r="X223" i="9"/>
  <c r="X233" i="9"/>
  <c r="X228" i="9"/>
  <c r="X218" i="9"/>
  <c r="BT218" i="9" s="1"/>
  <c r="X221" i="9"/>
  <c r="X234" i="9"/>
  <c r="X224" i="9"/>
  <c r="X231" i="9"/>
  <c r="X232" i="9"/>
  <c r="X225" i="9"/>
  <c r="X230" i="9"/>
  <c r="X235" i="9"/>
  <c r="X226" i="9"/>
  <c r="X237" i="9"/>
  <c r="X249" i="9"/>
  <c r="X242" i="9"/>
  <c r="X239" i="9"/>
  <c r="X240" i="9"/>
  <c r="X256" i="9"/>
  <c r="X247" i="9"/>
  <c r="X243" i="9"/>
  <c r="X253" i="9"/>
  <c r="X248" i="9"/>
  <c r="X238" i="9"/>
  <c r="X241" i="9"/>
  <c r="X254" i="9"/>
  <c r="X244" i="9"/>
  <c r="X251" i="9"/>
  <c r="X252" i="9"/>
  <c r="X245" i="9"/>
  <c r="X250" i="9"/>
  <c r="X255" i="9"/>
  <c r="X246" i="9"/>
  <c r="X257" i="9"/>
  <c r="X50" i="9"/>
  <c r="BT50" i="9" s="1"/>
  <c r="X51" i="9"/>
  <c r="BT51" i="9" s="1"/>
  <c r="X52" i="9"/>
  <c r="BT52" i="9" s="1"/>
  <c r="X55" i="9"/>
  <c r="BT55" i="9" s="1"/>
  <c r="X259" i="9"/>
  <c r="X260" i="9"/>
  <c r="X261" i="9"/>
  <c r="X262" i="9"/>
  <c r="X263" i="9"/>
  <c r="X264" i="9"/>
  <c r="X265" i="9"/>
  <c r="X266" i="9"/>
  <c r="X268" i="9"/>
  <c r="X12" i="9"/>
  <c r="BT12" i="9" s="1"/>
  <c r="X269" i="9"/>
  <c r="X270" i="9"/>
  <c r="X271" i="9"/>
  <c r="X303" i="9"/>
  <c r="BW27" i="9" l="1"/>
  <c r="BY27" i="9"/>
  <c r="BZ27" i="9"/>
  <c r="BX27" i="9"/>
  <c r="W255" i="9"/>
  <c r="BT255" i="9"/>
  <c r="W238" i="9"/>
  <c r="BT238" i="9"/>
  <c r="W242" i="9"/>
  <c r="BT242" i="9"/>
  <c r="W231" i="9"/>
  <c r="BT231" i="9"/>
  <c r="W227" i="9"/>
  <c r="BT227" i="9"/>
  <c r="W69" i="9"/>
  <c r="W56" i="9"/>
  <c r="W438" i="9"/>
  <c r="BT438" i="9"/>
  <c r="W196" i="9"/>
  <c r="W188" i="9"/>
  <c r="W177" i="9"/>
  <c r="W169" i="9"/>
  <c r="W401" i="9"/>
  <c r="BT401" i="9"/>
  <c r="W283" i="9"/>
  <c r="BT283" i="9"/>
  <c r="W387" i="9"/>
  <c r="W113" i="9"/>
  <c r="W97" i="9"/>
  <c r="W89" i="9"/>
  <c r="W81" i="9"/>
  <c r="W374" i="9"/>
  <c r="BT374" i="9"/>
  <c r="W476" i="9"/>
  <c r="BT476" i="9"/>
  <c r="W269" i="9"/>
  <c r="BT269" i="9"/>
  <c r="W261" i="9"/>
  <c r="BT261" i="9"/>
  <c r="W246" i="9"/>
  <c r="BT246" i="9"/>
  <c r="W241" i="9"/>
  <c r="BT241" i="9"/>
  <c r="W239" i="9"/>
  <c r="BT239" i="9"/>
  <c r="W232" i="9"/>
  <c r="BT232" i="9"/>
  <c r="W223" i="9"/>
  <c r="BT223" i="9"/>
  <c r="W65" i="9"/>
  <c r="W58" i="9"/>
  <c r="W275" i="9"/>
  <c r="BT275" i="9"/>
  <c r="W197" i="9"/>
  <c r="W189" i="9"/>
  <c r="W178" i="9"/>
  <c r="W170" i="9"/>
  <c r="W162" i="9"/>
  <c r="W355" i="9"/>
  <c r="W498" i="9"/>
  <c r="BT498" i="9"/>
  <c r="W483" i="9"/>
  <c r="BT483" i="9"/>
  <c r="W115" i="9"/>
  <c r="W98" i="9"/>
  <c r="W90" i="9"/>
  <c r="W82" i="9"/>
  <c r="W74" i="9"/>
  <c r="W286" i="9"/>
  <c r="W449" i="9"/>
  <c r="BT449" i="9"/>
  <c r="W469" i="9"/>
  <c r="BT469" i="9"/>
  <c r="W424" i="9"/>
  <c r="W158" i="9"/>
  <c r="W150" i="9"/>
  <c r="W142" i="9"/>
  <c r="W422" i="9"/>
  <c r="W301" i="9"/>
  <c r="W364" i="9"/>
  <c r="W439" i="9"/>
  <c r="BT439" i="9"/>
  <c r="W336" i="9"/>
  <c r="BT336" i="9"/>
  <c r="W308" i="9"/>
  <c r="BT308" i="9"/>
  <c r="W481" i="9"/>
  <c r="BT481" i="9"/>
  <c r="W396" i="9"/>
  <c r="BT396" i="9"/>
  <c r="W371" i="9"/>
  <c r="BT371" i="9"/>
  <c r="W434" i="9"/>
  <c r="BT434" i="9"/>
  <c r="W448" i="9"/>
  <c r="BT448" i="9"/>
  <c r="W426" i="9"/>
  <c r="W288" i="9"/>
  <c r="W446" i="9"/>
  <c r="BT446" i="9"/>
  <c r="W486" i="9"/>
  <c r="BT486" i="9"/>
  <c r="W453" i="9"/>
  <c r="W318" i="9"/>
  <c r="BT318" i="9"/>
  <c r="W494" i="9"/>
  <c r="BT494" i="9"/>
  <c r="W157" i="9"/>
  <c r="W383" i="9"/>
  <c r="BT383" i="9"/>
  <c r="W149" i="9"/>
  <c r="W260" i="9"/>
  <c r="BT260" i="9"/>
  <c r="W356" i="9"/>
  <c r="W105" i="9"/>
  <c r="W418" i="9"/>
  <c r="BT418" i="9"/>
  <c r="W397" i="9"/>
  <c r="BT397" i="9"/>
  <c r="W351" i="9"/>
  <c r="BT351" i="9"/>
  <c r="W357" i="9"/>
  <c r="W385" i="9"/>
  <c r="BT385" i="9"/>
  <c r="W394" i="9"/>
  <c r="BT394" i="9"/>
  <c r="W319" i="9"/>
  <c r="BT319" i="9"/>
  <c r="W279" i="9"/>
  <c r="BT279" i="9"/>
  <c r="W323" i="9"/>
  <c r="BT323" i="9"/>
  <c r="W382" i="9"/>
  <c r="BT382" i="9"/>
  <c r="W287" i="9"/>
  <c r="W395" i="9"/>
  <c r="BT395" i="9"/>
  <c r="W379" i="9"/>
  <c r="BT379" i="9"/>
  <c r="W420" i="9"/>
  <c r="W268" i="9"/>
  <c r="BT268" i="9"/>
  <c r="W250" i="9"/>
  <c r="BT250" i="9"/>
  <c r="W248" i="9"/>
  <c r="BT248" i="9"/>
  <c r="W249" i="9"/>
  <c r="BT249" i="9"/>
  <c r="W224" i="9"/>
  <c r="BT224" i="9"/>
  <c r="W72" i="9"/>
  <c r="W195" i="9"/>
  <c r="W176" i="9"/>
  <c r="W321" i="9"/>
  <c r="W452" i="9"/>
  <c r="W96" i="9"/>
  <c r="W80" i="9"/>
  <c r="W416" i="9"/>
  <c r="BT416" i="9"/>
  <c r="W475" i="9"/>
  <c r="BT475" i="9"/>
  <c r="W501" i="9"/>
  <c r="BT501" i="9"/>
  <c r="W390" i="9"/>
  <c r="BT390" i="9"/>
  <c r="W381" i="9"/>
  <c r="BT381" i="9"/>
  <c r="W294" i="9"/>
  <c r="BT294" i="9"/>
  <c r="W367" i="9"/>
  <c r="BT367" i="9"/>
  <c r="W344" i="9"/>
  <c r="BT344" i="9"/>
  <c r="W310" i="9"/>
  <c r="BT310" i="9"/>
  <c r="W409" i="9"/>
  <c r="BT409" i="9"/>
  <c r="W331" i="9"/>
  <c r="W266" i="9"/>
  <c r="BT266" i="9"/>
  <c r="W245" i="9"/>
  <c r="BT245" i="9"/>
  <c r="W253" i="9"/>
  <c r="BT253" i="9"/>
  <c r="W234" i="9"/>
  <c r="BT234" i="9"/>
  <c r="W220" i="9"/>
  <c r="BT220" i="9"/>
  <c r="W62" i="9"/>
  <c r="W451" i="9"/>
  <c r="BT451" i="9"/>
  <c r="W175" i="9"/>
  <c r="W167" i="9"/>
  <c r="W337" i="9"/>
  <c r="BT337" i="9"/>
  <c r="W386" i="9"/>
  <c r="W103" i="9"/>
  <c r="W87" i="9"/>
  <c r="W487" i="9"/>
  <c r="BT487" i="9"/>
  <c r="W375" i="9"/>
  <c r="BT375" i="9"/>
  <c r="W155" i="9"/>
  <c r="W393" i="9"/>
  <c r="BT393" i="9"/>
  <c r="W405" i="9"/>
  <c r="BT405" i="9"/>
  <c r="W312" i="9"/>
  <c r="BT312" i="9"/>
  <c r="W402" i="9"/>
  <c r="BT402" i="9"/>
  <c r="W411" i="9"/>
  <c r="BT411" i="9"/>
  <c r="W384" i="9"/>
  <c r="BT384" i="9"/>
  <c r="W305" i="9"/>
  <c r="W328" i="9"/>
  <c r="W362" i="9"/>
  <c r="W358" i="9"/>
  <c r="W259" i="9"/>
  <c r="BT259" i="9"/>
  <c r="W236" i="9"/>
  <c r="BT236" i="9"/>
  <c r="W63" i="9"/>
  <c r="W450" i="9"/>
  <c r="BT450" i="9"/>
  <c r="W187" i="9"/>
  <c r="W168" i="9"/>
  <c r="W400" i="9"/>
  <c r="BT400" i="9"/>
  <c r="W444" i="9"/>
  <c r="BT444" i="9"/>
  <c r="W114" i="9"/>
  <c r="W104" i="9"/>
  <c r="W88" i="9"/>
  <c r="W496" i="9"/>
  <c r="BT496" i="9"/>
  <c r="W377" i="9"/>
  <c r="BT377" i="9"/>
  <c r="W156" i="9"/>
  <c r="W148" i="9"/>
  <c r="W343" i="9"/>
  <c r="BT343" i="9"/>
  <c r="W361" i="9"/>
  <c r="W273" i="9"/>
  <c r="BT273" i="9"/>
  <c r="W463" i="9"/>
  <c r="BT463" i="9"/>
  <c r="W282" i="9"/>
  <c r="BT282" i="9"/>
  <c r="W433" i="9"/>
  <c r="BT433" i="9"/>
  <c r="W306" i="9"/>
  <c r="BT306" i="9"/>
  <c r="W346" i="9"/>
  <c r="BT346" i="9"/>
  <c r="W489" i="9"/>
  <c r="BT489" i="9"/>
  <c r="W237" i="9"/>
  <c r="BT237" i="9"/>
  <c r="W68" i="9"/>
  <c r="W194" i="9"/>
  <c r="W186" i="9"/>
  <c r="W403" i="9"/>
  <c r="BT403" i="9"/>
  <c r="W445" i="9"/>
  <c r="BT445" i="9"/>
  <c r="W118" i="9"/>
  <c r="W95" i="9"/>
  <c r="W79" i="9"/>
  <c r="W419" i="9"/>
  <c r="BT419" i="9"/>
  <c r="W290" i="9"/>
  <c r="BT290" i="9"/>
  <c r="W277" i="9"/>
  <c r="W147" i="9"/>
  <c r="W488" i="9"/>
  <c r="BT488" i="9"/>
  <c r="W280" i="9"/>
  <c r="BT280" i="9"/>
  <c r="W347" i="9"/>
  <c r="BT347" i="9"/>
  <c r="W293" i="9"/>
  <c r="BT293" i="9"/>
  <c r="W274" i="9"/>
  <c r="BT274" i="9"/>
  <c r="W366" i="9"/>
  <c r="BT366" i="9"/>
  <c r="W415" i="9"/>
  <c r="BT415" i="9"/>
  <c r="W435" i="9"/>
  <c r="BT435" i="9"/>
  <c r="W462" i="9"/>
  <c r="BT462" i="9"/>
  <c r="W485" i="9"/>
  <c r="BT485" i="9"/>
  <c r="W314" i="9"/>
  <c r="BT314" i="9"/>
  <c r="W324" i="9"/>
  <c r="BT324" i="9"/>
  <c r="W413" i="9"/>
  <c r="BT413" i="9"/>
  <c r="W354" i="9"/>
  <c r="W437" i="9"/>
  <c r="BT437" i="9"/>
  <c r="W265" i="9"/>
  <c r="BT265" i="9"/>
  <c r="W52" i="9"/>
  <c r="W252" i="9"/>
  <c r="BT252" i="9"/>
  <c r="W243" i="9"/>
  <c r="BT243" i="9"/>
  <c r="W226" i="9"/>
  <c r="BT226" i="9"/>
  <c r="W221" i="9"/>
  <c r="BT221" i="9"/>
  <c r="W219" i="9"/>
  <c r="BT219" i="9"/>
  <c r="W70" i="9"/>
  <c r="W61" i="9"/>
  <c r="W64" i="9"/>
  <c r="W329" i="9"/>
  <c r="BT329" i="9"/>
  <c r="W193" i="9"/>
  <c r="W185" i="9"/>
  <c r="W108" i="9"/>
  <c r="W174" i="9"/>
  <c r="W166" i="9"/>
  <c r="W281" i="9"/>
  <c r="BT281" i="9"/>
  <c r="W363" i="9"/>
  <c r="W455" i="9"/>
  <c r="BT455" i="9"/>
  <c r="W480" i="9"/>
  <c r="BT480" i="9"/>
  <c r="W112" i="9"/>
  <c r="W102" i="9"/>
  <c r="W94" i="9"/>
  <c r="W86" i="9"/>
  <c r="W78" i="9"/>
  <c r="W414" i="9"/>
  <c r="W417" i="9"/>
  <c r="BT417" i="9"/>
  <c r="W373" i="9"/>
  <c r="BT373" i="9"/>
  <c r="W292" i="9"/>
  <c r="BT292" i="9"/>
  <c r="W19" i="9"/>
  <c r="W285" i="9"/>
  <c r="BT285" i="9"/>
  <c r="W154" i="9"/>
  <c r="W146" i="9"/>
  <c r="W295" i="9"/>
  <c r="BT295" i="9"/>
  <c r="W392" i="9"/>
  <c r="BT392" i="9"/>
  <c r="W442" i="9"/>
  <c r="BT442" i="9"/>
  <c r="W472" i="9"/>
  <c r="W345" i="9"/>
  <c r="BT345" i="9"/>
  <c r="W477" i="9"/>
  <c r="W309" i="9"/>
  <c r="BT309" i="9"/>
  <c r="W368" i="9"/>
  <c r="BT368" i="9"/>
  <c r="W348" i="9"/>
  <c r="BT348" i="9"/>
  <c r="W436" i="9"/>
  <c r="BT436" i="9"/>
  <c r="W341" i="9"/>
  <c r="BT341" i="9"/>
  <c r="W408" i="9"/>
  <c r="BT408" i="9"/>
  <c r="W311" i="9"/>
  <c r="BT311" i="9"/>
  <c r="W482" i="9"/>
  <c r="W412" i="9"/>
  <c r="BT412" i="9"/>
  <c r="W353" i="9"/>
  <c r="W330" i="9"/>
  <c r="BT330" i="9"/>
  <c r="W303" i="9"/>
  <c r="W264" i="9"/>
  <c r="BT264" i="9"/>
  <c r="W51" i="9"/>
  <c r="W251" i="9"/>
  <c r="BT251" i="9"/>
  <c r="W247" i="9"/>
  <c r="BT247" i="9"/>
  <c r="W235" i="9"/>
  <c r="BT235" i="9"/>
  <c r="W222" i="9"/>
  <c r="BT222" i="9"/>
  <c r="W66" i="9"/>
  <c r="W60" i="9"/>
  <c r="W471" i="9"/>
  <c r="BT471" i="9"/>
  <c r="W339" i="9"/>
  <c r="BT339" i="9"/>
  <c r="W192" i="9"/>
  <c r="W184" i="9"/>
  <c r="W107" i="9"/>
  <c r="W173" i="9"/>
  <c r="W165" i="9"/>
  <c r="W332" i="9"/>
  <c r="BT332" i="9"/>
  <c r="W454" i="9"/>
  <c r="BT454" i="9"/>
  <c r="W297" i="9"/>
  <c r="BT297" i="9"/>
  <c r="W317" i="9"/>
  <c r="BT317" i="9"/>
  <c r="W111" i="9"/>
  <c r="W101" i="9"/>
  <c r="W92" i="9"/>
  <c r="W85" i="9"/>
  <c r="W75" i="9"/>
  <c r="W307" i="9"/>
  <c r="BT307" i="9"/>
  <c r="W376" i="9"/>
  <c r="BT376" i="9"/>
  <c r="W467" i="9"/>
  <c r="BT467" i="9"/>
  <c r="W291" i="9"/>
  <c r="BT291" i="9"/>
  <c r="W492" i="9"/>
  <c r="BT492" i="9"/>
  <c r="W284" i="9"/>
  <c r="BT284" i="9"/>
  <c r="W153" i="9"/>
  <c r="W145" i="9"/>
  <c r="W458" i="9"/>
  <c r="BT458" i="9"/>
  <c r="W406" i="9"/>
  <c r="BT406" i="9"/>
  <c r="W391" i="9"/>
  <c r="BT391" i="9"/>
  <c r="W441" i="9"/>
  <c r="BT441" i="9"/>
  <c r="W429" i="9"/>
  <c r="BT429" i="9"/>
  <c r="W278" i="9"/>
  <c r="W478" i="9"/>
  <c r="W470" i="9"/>
  <c r="BT470" i="9"/>
  <c r="W370" i="9"/>
  <c r="BT370" i="9"/>
  <c r="W349" i="9"/>
  <c r="BT349" i="9"/>
  <c r="CE349" i="9" s="1"/>
  <c r="W457" i="9"/>
  <c r="BT457" i="9"/>
  <c r="W342" i="9"/>
  <c r="BT342" i="9"/>
  <c r="W272" i="9"/>
  <c r="BT272" i="9"/>
  <c r="W334" i="9"/>
  <c r="BT334" i="9"/>
  <c r="W327" i="9"/>
  <c r="W410" i="9"/>
  <c r="BT410" i="9"/>
  <c r="W352" i="9"/>
  <c r="W304" i="9"/>
  <c r="W271" i="9"/>
  <c r="BT271" i="9"/>
  <c r="W263" i="9"/>
  <c r="BT263" i="9"/>
  <c r="W50" i="9"/>
  <c r="W244" i="9"/>
  <c r="BT244" i="9"/>
  <c r="W256" i="9"/>
  <c r="BT256" i="9"/>
  <c r="W230" i="9"/>
  <c r="BT230" i="9"/>
  <c r="W228" i="9"/>
  <c r="BT228" i="9"/>
  <c r="W229" i="9"/>
  <c r="BT229" i="9"/>
  <c r="W67" i="9"/>
  <c r="W57" i="9"/>
  <c r="W461" i="9"/>
  <c r="BT461" i="9"/>
  <c r="W464" i="9"/>
  <c r="BT464" i="9"/>
  <c r="W191" i="9"/>
  <c r="W183" i="9"/>
  <c r="W109" i="9"/>
  <c r="W172" i="9"/>
  <c r="W164" i="9"/>
  <c r="W428" i="9"/>
  <c r="W320" i="9"/>
  <c r="BT320" i="9"/>
  <c r="W456" i="9"/>
  <c r="BT456" i="9"/>
  <c r="W117" i="9"/>
  <c r="W110" i="9"/>
  <c r="W99" i="9"/>
  <c r="W93" i="9"/>
  <c r="W83" i="9"/>
  <c r="W77" i="9"/>
  <c r="W315" i="9"/>
  <c r="BT315" i="9"/>
  <c r="W350" i="9"/>
  <c r="BT350" i="9"/>
  <c r="W466" i="9"/>
  <c r="BT466" i="9"/>
  <c r="W484" i="9"/>
  <c r="BT484" i="9"/>
  <c r="W389" i="9"/>
  <c r="W152" i="9"/>
  <c r="W144" i="9"/>
  <c r="W423" i="9"/>
  <c r="W378" i="9"/>
  <c r="BT378" i="9"/>
  <c r="W360" i="9"/>
  <c r="W443" i="9"/>
  <c r="BT443" i="9"/>
  <c r="W430" i="9"/>
  <c r="BT430" i="9"/>
  <c r="W497" i="9"/>
  <c r="BT497" i="9"/>
  <c r="W479" i="9"/>
  <c r="BT479" i="9"/>
  <c r="W399" i="9"/>
  <c r="BT399" i="9"/>
  <c r="W372" i="9"/>
  <c r="BT372" i="9"/>
  <c r="W407" i="9"/>
  <c r="BT407" i="9"/>
  <c r="W460" i="9"/>
  <c r="BT460" i="9"/>
  <c r="W432" i="9"/>
  <c r="BT432" i="9"/>
  <c r="W270" i="9"/>
  <c r="BT270" i="9"/>
  <c r="W262" i="9"/>
  <c r="BT262" i="9"/>
  <c r="W257" i="9"/>
  <c r="BT257" i="9"/>
  <c r="W254" i="9"/>
  <c r="BT254" i="9"/>
  <c r="W240" i="9"/>
  <c r="BT240" i="9"/>
  <c r="W225" i="9"/>
  <c r="BT225" i="9"/>
  <c r="W233" i="9"/>
  <c r="BT233" i="9"/>
  <c r="W71" i="9"/>
  <c r="W59" i="9"/>
  <c r="W465" i="9"/>
  <c r="BT465" i="9"/>
  <c r="W198" i="9"/>
  <c r="W190" i="9"/>
  <c r="W182" i="9"/>
  <c r="W106" i="9"/>
  <c r="W171" i="9"/>
  <c r="W163" i="9"/>
  <c r="W425" i="9"/>
  <c r="W459" i="9"/>
  <c r="BT459" i="9"/>
  <c r="W359" i="9"/>
  <c r="W116" i="9"/>
  <c r="W53" i="9"/>
  <c r="W100" i="9"/>
  <c r="W91" i="9"/>
  <c r="W84" i="9"/>
  <c r="W76" i="9"/>
  <c r="W296" i="9"/>
  <c r="BT296" i="9"/>
  <c r="W338" i="9"/>
  <c r="BT338" i="9"/>
  <c r="BX338" i="9" s="1"/>
  <c r="W468" i="9"/>
  <c r="BT468" i="9"/>
  <c r="W380" i="9"/>
  <c r="BT380" i="9"/>
  <c r="W388" i="9"/>
  <c r="W151" i="9"/>
  <c r="W143" i="9"/>
  <c r="W421" i="9"/>
  <c r="W506" i="9"/>
  <c r="BT506" i="9"/>
  <c r="W365" i="9"/>
  <c r="W440" i="9"/>
  <c r="BT440" i="9"/>
  <c r="W431" i="9"/>
  <c r="BT431" i="9"/>
  <c r="W316" i="9"/>
  <c r="BT316" i="9"/>
  <c r="W298" i="9"/>
  <c r="BT298" i="9"/>
  <c r="W398" i="9"/>
  <c r="BT398" i="9"/>
  <c r="W369" i="9"/>
  <c r="BT369" i="9"/>
  <c r="W313" i="9"/>
  <c r="BT313" i="9"/>
  <c r="W340" i="9"/>
  <c r="BT340" i="9"/>
  <c r="W427" i="9"/>
  <c r="W289" i="9"/>
  <c r="BT289" i="9"/>
  <c r="W447" i="9"/>
  <c r="BT447" i="9"/>
  <c r="W404" i="9"/>
  <c r="BT404" i="9"/>
  <c r="W276" i="9"/>
  <c r="BT276" i="9"/>
  <c r="W335" i="9"/>
  <c r="BT335" i="9"/>
  <c r="W302" i="9"/>
  <c r="W131" i="9"/>
  <c r="W44" i="9"/>
  <c r="W125" i="9"/>
  <c r="W11" i="9"/>
  <c r="W30" i="9"/>
  <c r="W40" i="9"/>
  <c r="W32" i="9"/>
  <c r="W41" i="9"/>
  <c r="W5" i="9"/>
  <c r="W23" i="9"/>
  <c r="W22" i="9"/>
  <c r="W132" i="9"/>
  <c r="W124" i="9"/>
  <c r="W26" i="9"/>
  <c r="W130" i="9"/>
  <c r="W38" i="9"/>
  <c r="W31" i="9"/>
  <c r="W12" i="9"/>
  <c r="W42" i="9"/>
  <c r="W43" i="9"/>
  <c r="W49" i="9"/>
  <c r="W4" i="9"/>
  <c r="W21" i="9"/>
  <c r="W138" i="9"/>
  <c r="W122" i="9"/>
  <c r="W45" i="9"/>
  <c r="W48" i="9"/>
  <c r="W10" i="9"/>
  <c r="W20" i="9"/>
  <c r="W137" i="9"/>
  <c r="W129" i="9"/>
  <c r="W33" i="9"/>
  <c r="W9" i="9"/>
  <c r="W136" i="9"/>
  <c r="W8" i="9"/>
  <c r="W28" i="9"/>
  <c r="W135" i="9"/>
  <c r="W127" i="9"/>
  <c r="W37" i="9"/>
  <c r="W47" i="9"/>
  <c r="W7" i="9"/>
  <c r="W29" i="9"/>
  <c r="W134" i="9"/>
  <c r="W126" i="9"/>
  <c r="W128" i="9"/>
  <c r="W39" i="9"/>
  <c r="W46" i="9"/>
  <c r="W36" i="9"/>
  <c r="W27" i="9"/>
  <c r="W133" i="9"/>
  <c r="W123" i="9"/>
  <c r="DK34" i="9"/>
  <c r="DN34" i="9" s="1"/>
  <c r="W34" i="9"/>
  <c r="DJ24" i="9"/>
  <c r="DN24" i="9" s="1"/>
  <c r="W24" i="9"/>
  <c r="DK6" i="9"/>
  <c r="W6" i="9"/>
  <c r="DK35" i="9"/>
  <c r="DN35" i="9" s="1"/>
  <c r="W35" i="9"/>
  <c r="DK25" i="9"/>
  <c r="DN25" i="9" s="1"/>
  <c r="W25" i="9"/>
  <c r="BV473" i="9"/>
  <c r="W473" i="9"/>
  <c r="BV474" i="9"/>
  <c r="W474" i="9"/>
  <c r="DK55" i="9"/>
  <c r="DN55" i="9" s="1"/>
  <c r="W55" i="9"/>
  <c r="CK364" i="9"/>
  <c r="AQ364" i="9" s="1"/>
  <c r="CC364" i="9"/>
  <c r="AI364" i="9" s="1"/>
  <c r="CJ364" i="9"/>
  <c r="AP364" i="9" s="1"/>
  <c r="CB364" i="9"/>
  <c r="AH364" i="9" s="1"/>
  <c r="CI364" i="9"/>
  <c r="AO364" i="9" s="1"/>
  <c r="CA364" i="9"/>
  <c r="AG364" i="9" s="1"/>
  <c r="CH364" i="9"/>
  <c r="AN364" i="9" s="1"/>
  <c r="BZ364" i="9"/>
  <c r="AF364" i="9" s="1"/>
  <c r="DL364" i="9"/>
  <c r="BR364" i="9" s="1"/>
  <c r="CG364" i="9"/>
  <c r="AM364" i="9" s="1"/>
  <c r="BY364" i="9"/>
  <c r="AE364" i="9" s="1"/>
  <c r="DK364" i="9"/>
  <c r="BQ364" i="9" s="1"/>
  <c r="CF364" i="9"/>
  <c r="AL364" i="9" s="1"/>
  <c r="BX364" i="9"/>
  <c r="AD364" i="9" s="1"/>
  <c r="CE364" i="9"/>
  <c r="AK364" i="9" s="1"/>
  <c r="CD364" i="9"/>
  <c r="AJ364" i="9" s="1"/>
  <c r="BW364" i="9"/>
  <c r="AC364" i="9" s="1"/>
  <c r="BV364" i="9"/>
  <c r="DJ364" i="9"/>
  <c r="BP364" i="9" s="1"/>
  <c r="DI364" i="9"/>
  <c r="DL453" i="9"/>
  <c r="BR453" i="9" s="1"/>
  <c r="CG453" i="9"/>
  <c r="AM453" i="9" s="1"/>
  <c r="BY453" i="9"/>
  <c r="AE453" i="9" s="1"/>
  <c r="DK453" i="9"/>
  <c r="BQ453" i="9" s="1"/>
  <c r="CF453" i="9"/>
  <c r="AL453" i="9" s="1"/>
  <c r="BX453" i="9"/>
  <c r="AD453" i="9" s="1"/>
  <c r="DJ453" i="9"/>
  <c r="BP453" i="9" s="1"/>
  <c r="CE453" i="9"/>
  <c r="AK453" i="9" s="1"/>
  <c r="BW453" i="9"/>
  <c r="AC453" i="9" s="1"/>
  <c r="CK453" i="9"/>
  <c r="AQ453" i="9" s="1"/>
  <c r="CC453" i="9"/>
  <c r="AI453" i="9" s="1"/>
  <c r="CJ453" i="9"/>
  <c r="AP453" i="9" s="1"/>
  <c r="CB453" i="9"/>
  <c r="AH453" i="9" s="1"/>
  <c r="BZ453" i="9"/>
  <c r="AF453" i="9" s="1"/>
  <c r="BV453" i="9"/>
  <c r="DI453" i="9"/>
  <c r="CI453" i="9"/>
  <c r="AO453" i="9" s="1"/>
  <c r="CD453" i="9"/>
  <c r="AJ453" i="9" s="1"/>
  <c r="CH453" i="9"/>
  <c r="AN453" i="9" s="1"/>
  <c r="CA453" i="9"/>
  <c r="AG453" i="9" s="1"/>
  <c r="DJ303" i="9"/>
  <c r="BP303" i="9" s="1"/>
  <c r="CE303" i="9"/>
  <c r="AK303" i="9" s="1"/>
  <c r="BW303" i="9"/>
  <c r="AC303" i="9" s="1"/>
  <c r="DI303" i="9"/>
  <c r="CD303" i="9"/>
  <c r="AJ303" i="9" s="1"/>
  <c r="BV303" i="9"/>
  <c r="DL303" i="9"/>
  <c r="BR303" i="9" s="1"/>
  <c r="CK303" i="9"/>
  <c r="AQ303" i="9" s="1"/>
  <c r="CC303" i="9"/>
  <c r="AI303" i="9" s="1"/>
  <c r="CJ303" i="9"/>
  <c r="AP303" i="9" s="1"/>
  <c r="CB303" i="9"/>
  <c r="AH303" i="9" s="1"/>
  <c r="CG303" i="9"/>
  <c r="AM303" i="9" s="1"/>
  <c r="BY303" i="9"/>
  <c r="AE303" i="9" s="1"/>
  <c r="CI303" i="9"/>
  <c r="AO303" i="9" s="1"/>
  <c r="CA303" i="9"/>
  <c r="AG303" i="9" s="1"/>
  <c r="CH303" i="9"/>
  <c r="AN303" i="9" s="1"/>
  <c r="BZ303" i="9"/>
  <c r="AF303" i="9" s="1"/>
  <c r="DK303" i="9"/>
  <c r="BQ303" i="9" s="1"/>
  <c r="CF303" i="9"/>
  <c r="AL303" i="9" s="1"/>
  <c r="BX303" i="9"/>
  <c r="AD303" i="9" s="1"/>
  <c r="DL428" i="9"/>
  <c r="BR428" i="9" s="1"/>
  <c r="CG428" i="9"/>
  <c r="AM428" i="9" s="1"/>
  <c r="BY428" i="9"/>
  <c r="AE428" i="9" s="1"/>
  <c r="DK428" i="9"/>
  <c r="CF428" i="9"/>
  <c r="AL428" i="9" s="1"/>
  <c r="BX428" i="9"/>
  <c r="AD428" i="9" s="1"/>
  <c r="DJ428" i="9"/>
  <c r="BP428" i="9" s="1"/>
  <c r="CE428" i="9"/>
  <c r="AK428" i="9" s="1"/>
  <c r="BW428" i="9"/>
  <c r="AC428" i="9" s="1"/>
  <c r="CK428" i="9"/>
  <c r="AQ428" i="9" s="1"/>
  <c r="CC428" i="9"/>
  <c r="AI428" i="9" s="1"/>
  <c r="CJ428" i="9"/>
  <c r="AP428" i="9" s="1"/>
  <c r="CB428" i="9"/>
  <c r="AH428" i="9" s="1"/>
  <c r="BV428" i="9"/>
  <c r="DI428" i="9"/>
  <c r="CI428" i="9"/>
  <c r="AO428" i="9" s="1"/>
  <c r="CH428" i="9"/>
  <c r="AN428" i="9" s="1"/>
  <c r="CA428" i="9"/>
  <c r="AG428" i="9" s="1"/>
  <c r="CD428" i="9"/>
  <c r="AJ428" i="9" s="1"/>
  <c r="BZ428" i="9"/>
  <c r="AF428" i="9" s="1"/>
  <c r="CK388" i="9"/>
  <c r="AQ388" i="9" s="1"/>
  <c r="CC388" i="9"/>
  <c r="AI388" i="9" s="1"/>
  <c r="CJ388" i="9"/>
  <c r="AP388" i="9" s="1"/>
  <c r="CB388" i="9"/>
  <c r="AH388" i="9" s="1"/>
  <c r="CI388" i="9"/>
  <c r="AO388" i="9" s="1"/>
  <c r="CA388" i="9"/>
  <c r="AG388" i="9" s="1"/>
  <c r="DL388" i="9"/>
  <c r="BR388" i="9" s="1"/>
  <c r="CG388" i="9"/>
  <c r="AM388" i="9" s="1"/>
  <c r="BY388" i="9"/>
  <c r="AE388" i="9" s="1"/>
  <c r="DK388" i="9"/>
  <c r="BQ388" i="9" s="1"/>
  <c r="CF388" i="9"/>
  <c r="AL388" i="9" s="1"/>
  <c r="BX388" i="9"/>
  <c r="AD388" i="9" s="1"/>
  <c r="CD388" i="9"/>
  <c r="AJ388" i="9" s="1"/>
  <c r="BZ388" i="9"/>
  <c r="AF388" i="9" s="1"/>
  <c r="BW388" i="9"/>
  <c r="AC388" i="9" s="1"/>
  <c r="BV388" i="9"/>
  <c r="DJ388" i="9"/>
  <c r="BP388" i="9" s="1"/>
  <c r="CH388" i="9"/>
  <c r="AN388" i="9" s="1"/>
  <c r="DI388" i="9"/>
  <c r="CE388" i="9"/>
  <c r="AK388" i="9" s="1"/>
  <c r="CK328" i="9"/>
  <c r="AQ328" i="9" s="1"/>
  <c r="CC328" i="9"/>
  <c r="AI328" i="9" s="1"/>
  <c r="CJ328" i="9"/>
  <c r="AP328" i="9" s="1"/>
  <c r="CB328" i="9"/>
  <c r="AH328" i="9" s="1"/>
  <c r="CI328" i="9"/>
  <c r="AO328" i="9" s="1"/>
  <c r="CA328" i="9"/>
  <c r="AG328" i="9" s="1"/>
  <c r="DL328" i="9"/>
  <c r="CG328" i="9"/>
  <c r="AM328" i="9" s="1"/>
  <c r="BY328" i="9"/>
  <c r="AE328" i="9" s="1"/>
  <c r="DK328" i="9"/>
  <c r="BQ328" i="9" s="1"/>
  <c r="CF328" i="9"/>
  <c r="AL328" i="9" s="1"/>
  <c r="BX328" i="9"/>
  <c r="AD328" i="9" s="1"/>
  <c r="BW328" i="9"/>
  <c r="AC328" i="9" s="1"/>
  <c r="BV328" i="9"/>
  <c r="DJ328" i="9"/>
  <c r="BP328" i="9" s="1"/>
  <c r="DI328" i="9"/>
  <c r="CH328" i="9"/>
  <c r="AN328" i="9" s="1"/>
  <c r="CE328" i="9"/>
  <c r="AK328" i="9" s="1"/>
  <c r="CD328" i="9"/>
  <c r="AJ328" i="9" s="1"/>
  <c r="BZ328" i="9"/>
  <c r="AF328" i="9" s="1"/>
  <c r="CK362" i="9"/>
  <c r="AQ362" i="9" s="1"/>
  <c r="CC362" i="9"/>
  <c r="AI362" i="9" s="1"/>
  <c r="CJ362" i="9"/>
  <c r="AP362" i="9" s="1"/>
  <c r="CB362" i="9"/>
  <c r="AH362" i="9" s="1"/>
  <c r="CI362" i="9"/>
  <c r="AO362" i="9" s="1"/>
  <c r="CA362" i="9"/>
  <c r="AG362" i="9" s="1"/>
  <c r="CH362" i="9"/>
  <c r="AN362" i="9" s="1"/>
  <c r="BZ362" i="9"/>
  <c r="AF362" i="9" s="1"/>
  <c r="DL362" i="9"/>
  <c r="BR362" i="9" s="1"/>
  <c r="CG362" i="9"/>
  <c r="AM362" i="9" s="1"/>
  <c r="BY362" i="9"/>
  <c r="AE362" i="9" s="1"/>
  <c r="DK362" i="9"/>
  <c r="BQ362" i="9" s="1"/>
  <c r="CF362" i="9"/>
  <c r="AL362" i="9" s="1"/>
  <c r="BX362" i="9"/>
  <c r="AD362" i="9" s="1"/>
  <c r="DJ362" i="9"/>
  <c r="BP362" i="9" s="1"/>
  <c r="DI362" i="9"/>
  <c r="CE362" i="9"/>
  <c r="AK362" i="9" s="1"/>
  <c r="CD362" i="9"/>
  <c r="AJ362" i="9" s="1"/>
  <c r="BW362" i="9"/>
  <c r="AC362" i="9" s="1"/>
  <c r="BV362" i="9"/>
  <c r="CK358" i="9"/>
  <c r="AQ358" i="9" s="1"/>
  <c r="CC358" i="9"/>
  <c r="AI358" i="9" s="1"/>
  <c r="CJ358" i="9"/>
  <c r="AP358" i="9" s="1"/>
  <c r="CB358" i="9"/>
  <c r="AH358" i="9" s="1"/>
  <c r="CI358" i="9"/>
  <c r="AO358" i="9" s="1"/>
  <c r="CA358" i="9"/>
  <c r="AG358" i="9" s="1"/>
  <c r="CH358" i="9"/>
  <c r="AN358" i="9" s="1"/>
  <c r="BZ358" i="9"/>
  <c r="AF358" i="9" s="1"/>
  <c r="DL358" i="9"/>
  <c r="BR358" i="9" s="1"/>
  <c r="CG358" i="9"/>
  <c r="AM358" i="9" s="1"/>
  <c r="BY358" i="9"/>
  <c r="AE358" i="9" s="1"/>
  <c r="DK358" i="9"/>
  <c r="BQ358" i="9" s="1"/>
  <c r="CF358" i="9"/>
  <c r="AL358" i="9" s="1"/>
  <c r="BX358" i="9"/>
  <c r="AD358" i="9" s="1"/>
  <c r="BW358" i="9"/>
  <c r="AC358" i="9" s="1"/>
  <c r="CE358" i="9"/>
  <c r="AK358" i="9" s="1"/>
  <c r="BV358" i="9"/>
  <c r="DJ358" i="9"/>
  <c r="BP358" i="9" s="1"/>
  <c r="DI358" i="9"/>
  <c r="CD358" i="9"/>
  <c r="AJ358" i="9" s="1"/>
  <c r="DL420" i="9"/>
  <c r="BR420" i="9" s="1"/>
  <c r="CG420" i="9"/>
  <c r="AM420" i="9" s="1"/>
  <c r="BY420" i="9"/>
  <c r="AE420" i="9" s="1"/>
  <c r="DK420" i="9"/>
  <c r="BQ420" i="9" s="1"/>
  <c r="CF420" i="9"/>
  <c r="AL420" i="9" s="1"/>
  <c r="BX420" i="9"/>
  <c r="AD420" i="9" s="1"/>
  <c r="DJ420" i="9"/>
  <c r="BP420" i="9" s="1"/>
  <c r="CE420" i="9"/>
  <c r="AK420" i="9" s="1"/>
  <c r="BW420" i="9"/>
  <c r="AC420" i="9" s="1"/>
  <c r="CK420" i="9"/>
  <c r="AQ420" i="9" s="1"/>
  <c r="CC420" i="9"/>
  <c r="AI420" i="9" s="1"/>
  <c r="CJ420" i="9"/>
  <c r="AP420" i="9" s="1"/>
  <c r="CB420" i="9"/>
  <c r="AH420" i="9" s="1"/>
  <c r="CH420" i="9"/>
  <c r="AN420" i="9" s="1"/>
  <c r="CD420" i="9"/>
  <c r="AJ420" i="9" s="1"/>
  <c r="CA420" i="9"/>
  <c r="AG420" i="9" s="1"/>
  <c r="BZ420" i="9"/>
  <c r="AF420" i="9" s="1"/>
  <c r="BV420" i="9"/>
  <c r="DI420" i="9"/>
  <c r="CI420" i="9"/>
  <c r="AO420" i="9" s="1"/>
  <c r="DL357" i="9"/>
  <c r="BR357" i="9" s="1"/>
  <c r="CG357" i="9"/>
  <c r="AM357" i="9" s="1"/>
  <c r="BY357" i="9"/>
  <c r="AE357" i="9" s="1"/>
  <c r="DK357" i="9"/>
  <c r="BQ357" i="9" s="1"/>
  <c r="CF357" i="9"/>
  <c r="AL357" i="9" s="1"/>
  <c r="BX357" i="9"/>
  <c r="AD357" i="9" s="1"/>
  <c r="DJ357" i="9"/>
  <c r="BP357" i="9" s="1"/>
  <c r="CE357" i="9"/>
  <c r="AK357" i="9" s="1"/>
  <c r="BW357" i="9"/>
  <c r="AC357" i="9" s="1"/>
  <c r="DI357" i="9"/>
  <c r="CD357" i="9"/>
  <c r="AJ357" i="9" s="1"/>
  <c r="BV357" i="9"/>
  <c r="CK357" i="9"/>
  <c r="AQ357" i="9" s="1"/>
  <c r="CC357" i="9"/>
  <c r="AI357" i="9" s="1"/>
  <c r="CJ357" i="9"/>
  <c r="AP357" i="9" s="1"/>
  <c r="CB357" i="9"/>
  <c r="AH357" i="9" s="1"/>
  <c r="CI357" i="9"/>
  <c r="AO357" i="9" s="1"/>
  <c r="CH357" i="9"/>
  <c r="AN357" i="9" s="1"/>
  <c r="CA357" i="9"/>
  <c r="AG357" i="9" s="1"/>
  <c r="BZ357" i="9"/>
  <c r="AF357" i="9" s="1"/>
  <c r="DJ287" i="9"/>
  <c r="BP287" i="9" s="1"/>
  <c r="CE287" i="9"/>
  <c r="AK287" i="9" s="1"/>
  <c r="BW287" i="9"/>
  <c r="AC287" i="9" s="1"/>
  <c r="CG287" i="9"/>
  <c r="AM287" i="9" s="1"/>
  <c r="DI287" i="9"/>
  <c r="CD287" i="9"/>
  <c r="AJ287" i="9" s="1"/>
  <c r="BV287" i="9"/>
  <c r="CK287" i="9"/>
  <c r="AQ287" i="9" s="1"/>
  <c r="CC287" i="9"/>
  <c r="AI287" i="9" s="1"/>
  <c r="CJ287" i="9"/>
  <c r="AP287" i="9" s="1"/>
  <c r="CB287" i="9"/>
  <c r="AH287" i="9" s="1"/>
  <c r="CI287" i="9"/>
  <c r="AO287" i="9" s="1"/>
  <c r="CA287" i="9"/>
  <c r="AG287" i="9" s="1"/>
  <c r="BY287" i="9"/>
  <c r="AE287" i="9" s="1"/>
  <c r="CH287" i="9"/>
  <c r="AN287" i="9" s="1"/>
  <c r="BZ287" i="9"/>
  <c r="AF287" i="9" s="1"/>
  <c r="DL287" i="9"/>
  <c r="BR287" i="9" s="1"/>
  <c r="CF287" i="9"/>
  <c r="AL287" i="9" s="1"/>
  <c r="DK287" i="9"/>
  <c r="BQ287" i="9" s="1"/>
  <c r="BX287" i="9"/>
  <c r="AD287" i="9" s="1"/>
  <c r="CK425" i="9"/>
  <c r="AQ425" i="9" s="1"/>
  <c r="CC425" i="9"/>
  <c r="AI425" i="9" s="1"/>
  <c r="CJ425" i="9"/>
  <c r="AP425" i="9" s="1"/>
  <c r="CB425" i="9"/>
  <c r="AH425" i="9" s="1"/>
  <c r="CI425" i="9"/>
  <c r="AO425" i="9" s="1"/>
  <c r="CA425" i="9"/>
  <c r="AG425" i="9" s="1"/>
  <c r="DL425" i="9"/>
  <c r="BR425" i="9" s="1"/>
  <c r="CG425" i="9"/>
  <c r="AM425" i="9" s="1"/>
  <c r="BY425" i="9"/>
  <c r="AE425" i="9" s="1"/>
  <c r="DK425" i="9"/>
  <c r="BQ425" i="9" s="1"/>
  <c r="CF425" i="9"/>
  <c r="AL425" i="9" s="1"/>
  <c r="BX425" i="9"/>
  <c r="AD425" i="9" s="1"/>
  <c r="DJ425" i="9"/>
  <c r="BP425" i="9" s="1"/>
  <c r="DI425" i="9"/>
  <c r="CH425" i="9"/>
  <c r="AN425" i="9" s="1"/>
  <c r="CE425" i="9"/>
  <c r="AK425" i="9" s="1"/>
  <c r="BW425" i="9"/>
  <c r="AC425" i="9" s="1"/>
  <c r="CD425" i="9"/>
  <c r="AJ425" i="9" s="1"/>
  <c r="BZ425" i="9"/>
  <c r="AF425" i="9" s="1"/>
  <c r="BV425" i="9"/>
  <c r="DL359" i="9"/>
  <c r="BR359" i="9" s="1"/>
  <c r="CG359" i="9"/>
  <c r="AM359" i="9" s="1"/>
  <c r="BY359" i="9"/>
  <c r="AE359" i="9" s="1"/>
  <c r="DK359" i="9"/>
  <c r="BQ359" i="9" s="1"/>
  <c r="CF359" i="9"/>
  <c r="AL359" i="9" s="1"/>
  <c r="BX359" i="9"/>
  <c r="AD359" i="9" s="1"/>
  <c r="DJ359" i="9"/>
  <c r="BP359" i="9" s="1"/>
  <c r="CE359" i="9"/>
  <c r="AK359" i="9" s="1"/>
  <c r="BW359" i="9"/>
  <c r="AC359" i="9" s="1"/>
  <c r="DI359" i="9"/>
  <c r="CD359" i="9"/>
  <c r="AJ359" i="9" s="1"/>
  <c r="BV359" i="9"/>
  <c r="CK359" i="9"/>
  <c r="AQ359" i="9" s="1"/>
  <c r="CC359" i="9"/>
  <c r="AI359" i="9" s="1"/>
  <c r="CJ359" i="9"/>
  <c r="AP359" i="9" s="1"/>
  <c r="CB359" i="9"/>
  <c r="AH359" i="9" s="1"/>
  <c r="CI359" i="9"/>
  <c r="AO359" i="9" s="1"/>
  <c r="CH359" i="9"/>
  <c r="AN359" i="9" s="1"/>
  <c r="CA359" i="9"/>
  <c r="AG359" i="9" s="1"/>
  <c r="BZ359" i="9"/>
  <c r="AF359" i="9" s="1"/>
  <c r="DL424" i="9"/>
  <c r="BR424" i="9" s="1"/>
  <c r="CG424" i="9"/>
  <c r="AM424" i="9" s="1"/>
  <c r="BY424" i="9"/>
  <c r="AE424" i="9" s="1"/>
  <c r="DK424" i="9"/>
  <c r="BQ424" i="9" s="1"/>
  <c r="CF424" i="9"/>
  <c r="AL424" i="9" s="1"/>
  <c r="BX424" i="9"/>
  <c r="AD424" i="9" s="1"/>
  <c r="DJ424" i="9"/>
  <c r="BP424" i="9" s="1"/>
  <c r="CE424" i="9"/>
  <c r="AK424" i="9" s="1"/>
  <c r="BW424" i="9"/>
  <c r="AC424" i="9" s="1"/>
  <c r="CK424" i="9"/>
  <c r="AQ424" i="9" s="1"/>
  <c r="CC424" i="9"/>
  <c r="AI424" i="9" s="1"/>
  <c r="CJ424" i="9"/>
  <c r="AP424" i="9" s="1"/>
  <c r="CB424" i="9"/>
  <c r="AH424" i="9" s="1"/>
  <c r="DI424" i="9"/>
  <c r="CI424" i="9"/>
  <c r="AO424" i="9" s="1"/>
  <c r="CH424" i="9"/>
  <c r="AN424" i="9" s="1"/>
  <c r="BV424" i="9"/>
  <c r="CD424" i="9"/>
  <c r="AJ424" i="9" s="1"/>
  <c r="CA424" i="9"/>
  <c r="AG424" i="9" s="1"/>
  <c r="BZ424" i="9"/>
  <c r="AF424" i="9" s="1"/>
  <c r="DL361" i="9"/>
  <c r="BR361" i="9" s="1"/>
  <c r="CG361" i="9"/>
  <c r="AM361" i="9" s="1"/>
  <c r="BY361" i="9"/>
  <c r="AE361" i="9" s="1"/>
  <c r="DK361" i="9"/>
  <c r="BQ361" i="9" s="1"/>
  <c r="CF361" i="9"/>
  <c r="AL361" i="9" s="1"/>
  <c r="BX361" i="9"/>
  <c r="AD361" i="9" s="1"/>
  <c r="DJ361" i="9"/>
  <c r="BP361" i="9" s="1"/>
  <c r="CE361" i="9"/>
  <c r="AK361" i="9" s="1"/>
  <c r="BW361" i="9"/>
  <c r="AC361" i="9" s="1"/>
  <c r="DI361" i="9"/>
  <c r="CD361" i="9"/>
  <c r="AJ361" i="9" s="1"/>
  <c r="BV361" i="9"/>
  <c r="CK361" i="9"/>
  <c r="AQ361" i="9" s="1"/>
  <c r="CC361" i="9"/>
  <c r="AI361" i="9" s="1"/>
  <c r="CJ361" i="9"/>
  <c r="AP361" i="9" s="1"/>
  <c r="CB361" i="9"/>
  <c r="AH361" i="9" s="1"/>
  <c r="CA361" i="9"/>
  <c r="AG361" i="9" s="1"/>
  <c r="BZ361" i="9"/>
  <c r="AF361" i="9" s="1"/>
  <c r="CI361" i="9"/>
  <c r="AO361" i="9" s="1"/>
  <c r="CH361" i="9"/>
  <c r="AN361" i="9" s="1"/>
  <c r="CI331" i="9"/>
  <c r="AO331" i="9" s="1"/>
  <c r="CA331" i="9"/>
  <c r="AG331" i="9" s="1"/>
  <c r="CC331" i="9"/>
  <c r="AI331" i="9" s="1"/>
  <c r="CH331" i="9"/>
  <c r="AN331" i="9" s="1"/>
  <c r="BZ331" i="9"/>
  <c r="AF331" i="9" s="1"/>
  <c r="CK331" i="9"/>
  <c r="AQ331" i="9" s="1"/>
  <c r="DL331" i="9"/>
  <c r="BR331" i="9" s="1"/>
  <c r="CG331" i="9"/>
  <c r="AM331" i="9" s="1"/>
  <c r="BY331" i="9"/>
  <c r="AE331" i="9" s="1"/>
  <c r="DK331" i="9"/>
  <c r="BQ331" i="9" s="1"/>
  <c r="CF331" i="9"/>
  <c r="AL331" i="9" s="1"/>
  <c r="BX331" i="9"/>
  <c r="AD331" i="9" s="1"/>
  <c r="DJ331" i="9"/>
  <c r="BP331" i="9" s="1"/>
  <c r="CE331" i="9"/>
  <c r="AK331" i="9" s="1"/>
  <c r="BW331" i="9"/>
  <c r="AC331" i="9" s="1"/>
  <c r="DI331" i="9"/>
  <c r="CD331" i="9"/>
  <c r="AJ331" i="9" s="1"/>
  <c r="BV331" i="9"/>
  <c r="CB331" i="9"/>
  <c r="AH331" i="9" s="1"/>
  <c r="CJ331" i="9"/>
  <c r="AP331" i="9" s="1"/>
  <c r="DL389" i="9"/>
  <c r="BR389" i="9" s="1"/>
  <c r="CG389" i="9"/>
  <c r="AM389" i="9" s="1"/>
  <c r="BY389" i="9"/>
  <c r="AE389" i="9" s="1"/>
  <c r="DK389" i="9"/>
  <c r="BQ389" i="9" s="1"/>
  <c r="CF389" i="9"/>
  <c r="AL389" i="9" s="1"/>
  <c r="BX389" i="9"/>
  <c r="AD389" i="9" s="1"/>
  <c r="DJ389" i="9"/>
  <c r="BP389" i="9" s="1"/>
  <c r="CE389" i="9"/>
  <c r="AK389" i="9" s="1"/>
  <c r="BW389" i="9"/>
  <c r="AC389" i="9" s="1"/>
  <c r="CK389" i="9"/>
  <c r="AQ389" i="9" s="1"/>
  <c r="CC389" i="9"/>
  <c r="AI389" i="9" s="1"/>
  <c r="CJ389" i="9"/>
  <c r="AP389" i="9" s="1"/>
  <c r="CB389" i="9"/>
  <c r="AH389" i="9" s="1"/>
  <c r="CD389" i="9"/>
  <c r="AJ389" i="9" s="1"/>
  <c r="CA389" i="9"/>
  <c r="AG389" i="9" s="1"/>
  <c r="BZ389" i="9"/>
  <c r="AF389" i="9" s="1"/>
  <c r="BV389" i="9"/>
  <c r="CI389" i="9"/>
  <c r="AO389" i="9" s="1"/>
  <c r="DI389" i="9"/>
  <c r="CH389" i="9"/>
  <c r="AN389" i="9" s="1"/>
  <c r="CK301" i="9"/>
  <c r="AQ301" i="9" s="1"/>
  <c r="CC301" i="9"/>
  <c r="AI301" i="9" s="1"/>
  <c r="CJ301" i="9"/>
  <c r="AP301" i="9" s="1"/>
  <c r="CB301" i="9"/>
  <c r="AH301" i="9" s="1"/>
  <c r="CI301" i="9"/>
  <c r="AO301" i="9" s="1"/>
  <c r="CA301" i="9"/>
  <c r="AG301" i="9" s="1"/>
  <c r="CH301" i="9"/>
  <c r="AN301" i="9" s="1"/>
  <c r="BZ301" i="9"/>
  <c r="AF301" i="9" s="1"/>
  <c r="DL301" i="9"/>
  <c r="BR301" i="9" s="1"/>
  <c r="CG301" i="9"/>
  <c r="AM301" i="9" s="1"/>
  <c r="BY301" i="9"/>
  <c r="AE301" i="9" s="1"/>
  <c r="DK301" i="9"/>
  <c r="BQ301" i="9" s="1"/>
  <c r="CF301" i="9"/>
  <c r="AL301" i="9" s="1"/>
  <c r="BX301" i="9"/>
  <c r="AD301" i="9" s="1"/>
  <c r="BW301" i="9"/>
  <c r="AC301" i="9" s="1"/>
  <c r="BV301" i="9"/>
  <c r="DJ301" i="9"/>
  <c r="BP301" i="9" s="1"/>
  <c r="DI301" i="9"/>
  <c r="CE301" i="9"/>
  <c r="AK301" i="9" s="1"/>
  <c r="CD301" i="9"/>
  <c r="AJ301" i="9" s="1"/>
  <c r="DL355" i="9"/>
  <c r="BR355" i="9" s="1"/>
  <c r="CG355" i="9"/>
  <c r="AM355" i="9" s="1"/>
  <c r="BY355" i="9"/>
  <c r="AE355" i="9" s="1"/>
  <c r="DK355" i="9"/>
  <c r="BQ355" i="9" s="1"/>
  <c r="CF355" i="9"/>
  <c r="AL355" i="9" s="1"/>
  <c r="BX355" i="9"/>
  <c r="AD355" i="9" s="1"/>
  <c r="DJ355" i="9"/>
  <c r="BP355" i="9" s="1"/>
  <c r="CE355" i="9"/>
  <c r="AK355" i="9" s="1"/>
  <c r="BW355" i="9"/>
  <c r="AC355" i="9" s="1"/>
  <c r="DI355" i="9"/>
  <c r="CD355" i="9"/>
  <c r="AJ355" i="9" s="1"/>
  <c r="BV355" i="9"/>
  <c r="CK355" i="9"/>
  <c r="AQ355" i="9" s="1"/>
  <c r="CC355" i="9"/>
  <c r="AI355" i="9" s="1"/>
  <c r="CJ355" i="9"/>
  <c r="AP355" i="9" s="1"/>
  <c r="CB355" i="9"/>
  <c r="AH355" i="9" s="1"/>
  <c r="CI355" i="9"/>
  <c r="AO355" i="9" s="1"/>
  <c r="CA355" i="9"/>
  <c r="AG355" i="9" s="1"/>
  <c r="BZ355" i="9"/>
  <c r="AF355" i="9" s="1"/>
  <c r="CH355" i="9"/>
  <c r="AN355" i="9" s="1"/>
  <c r="CI473" i="9"/>
  <c r="AO473" i="9" s="1"/>
  <c r="CA473" i="9"/>
  <c r="AG473" i="9" s="1"/>
  <c r="CC473" i="9"/>
  <c r="AI473" i="9" s="1"/>
  <c r="CH473" i="9"/>
  <c r="AN473" i="9" s="1"/>
  <c r="BZ473" i="9"/>
  <c r="AF473" i="9" s="1"/>
  <c r="DL473" i="9"/>
  <c r="BR473" i="9" s="1"/>
  <c r="CG473" i="9"/>
  <c r="AM473" i="9" s="1"/>
  <c r="BY473" i="9"/>
  <c r="AE473" i="9" s="1"/>
  <c r="CK473" i="9"/>
  <c r="AQ473" i="9" s="1"/>
  <c r="DK473" i="9"/>
  <c r="BQ473" i="9" s="1"/>
  <c r="CF473" i="9"/>
  <c r="AL473" i="9" s="1"/>
  <c r="BX473" i="9"/>
  <c r="AD473" i="9" s="1"/>
  <c r="DJ473" i="9"/>
  <c r="BP473" i="9" s="1"/>
  <c r="CE473" i="9"/>
  <c r="AK473" i="9" s="1"/>
  <c r="BW473" i="9"/>
  <c r="AC473" i="9" s="1"/>
  <c r="DI473" i="9"/>
  <c r="CD473" i="9"/>
  <c r="AJ473" i="9" s="1"/>
  <c r="CJ473" i="9"/>
  <c r="AP473" i="9" s="1"/>
  <c r="CB473" i="9"/>
  <c r="AH473" i="9" s="1"/>
  <c r="CK354" i="9"/>
  <c r="AQ354" i="9" s="1"/>
  <c r="CC354" i="9"/>
  <c r="AI354" i="9" s="1"/>
  <c r="CJ354" i="9"/>
  <c r="AP354" i="9" s="1"/>
  <c r="CB354" i="9"/>
  <c r="AH354" i="9" s="1"/>
  <c r="CI354" i="9"/>
  <c r="AO354" i="9" s="1"/>
  <c r="CA354" i="9"/>
  <c r="AG354" i="9" s="1"/>
  <c r="CH354" i="9"/>
  <c r="AN354" i="9" s="1"/>
  <c r="BZ354" i="9"/>
  <c r="AF354" i="9" s="1"/>
  <c r="DL354" i="9"/>
  <c r="BR354" i="9" s="1"/>
  <c r="CG354" i="9"/>
  <c r="AM354" i="9" s="1"/>
  <c r="BY354" i="9"/>
  <c r="AE354" i="9" s="1"/>
  <c r="DK354" i="9"/>
  <c r="BQ354" i="9" s="1"/>
  <c r="CF354" i="9"/>
  <c r="AL354" i="9" s="1"/>
  <c r="BX354" i="9"/>
  <c r="AD354" i="9" s="1"/>
  <c r="DJ354" i="9"/>
  <c r="BP354" i="9" s="1"/>
  <c r="DI354" i="9"/>
  <c r="CE354" i="9"/>
  <c r="AK354" i="9" s="1"/>
  <c r="CD354" i="9"/>
  <c r="AJ354" i="9" s="1"/>
  <c r="BW354" i="9"/>
  <c r="AC354" i="9" s="1"/>
  <c r="BV354" i="9"/>
  <c r="CK414" i="9"/>
  <c r="AQ414" i="9" s="1"/>
  <c r="CC414" i="9"/>
  <c r="AI414" i="9" s="1"/>
  <c r="CJ414" i="9"/>
  <c r="AP414" i="9" s="1"/>
  <c r="CB414" i="9"/>
  <c r="AH414" i="9" s="1"/>
  <c r="CI414" i="9"/>
  <c r="AO414" i="9" s="1"/>
  <c r="CA414" i="9"/>
  <c r="AG414" i="9" s="1"/>
  <c r="DL414" i="9"/>
  <c r="BR414" i="9" s="1"/>
  <c r="CG414" i="9"/>
  <c r="AM414" i="9" s="1"/>
  <c r="BY414" i="9"/>
  <c r="AE414" i="9" s="1"/>
  <c r="DK414" i="9"/>
  <c r="BQ414" i="9" s="1"/>
  <c r="CF414" i="9"/>
  <c r="AL414" i="9" s="1"/>
  <c r="BX414" i="9"/>
  <c r="AD414" i="9" s="1"/>
  <c r="CE414" i="9"/>
  <c r="AK414" i="9" s="1"/>
  <c r="DI414" i="9"/>
  <c r="CD414" i="9"/>
  <c r="AJ414" i="9" s="1"/>
  <c r="BZ414" i="9"/>
  <c r="AF414" i="9" s="1"/>
  <c r="BW414" i="9"/>
  <c r="AC414" i="9" s="1"/>
  <c r="BV414" i="9"/>
  <c r="DJ414" i="9"/>
  <c r="BP414" i="9" s="1"/>
  <c r="CH414" i="9"/>
  <c r="AN414" i="9" s="1"/>
  <c r="DL422" i="9"/>
  <c r="BR422" i="9" s="1"/>
  <c r="CG422" i="9"/>
  <c r="AM422" i="9" s="1"/>
  <c r="BY422" i="9"/>
  <c r="AE422" i="9" s="1"/>
  <c r="DK422" i="9"/>
  <c r="BQ422" i="9" s="1"/>
  <c r="CF422" i="9"/>
  <c r="AL422" i="9" s="1"/>
  <c r="BX422" i="9"/>
  <c r="AD422" i="9" s="1"/>
  <c r="DJ422" i="9"/>
  <c r="BP422" i="9" s="1"/>
  <c r="CE422" i="9"/>
  <c r="AK422" i="9" s="1"/>
  <c r="BW422" i="9"/>
  <c r="AC422" i="9" s="1"/>
  <c r="CK422" i="9"/>
  <c r="AQ422" i="9" s="1"/>
  <c r="CC422" i="9"/>
  <c r="AI422" i="9" s="1"/>
  <c r="CJ422" i="9"/>
  <c r="AP422" i="9" s="1"/>
  <c r="CB422" i="9"/>
  <c r="AH422" i="9" s="1"/>
  <c r="CI422" i="9"/>
  <c r="AO422" i="9" s="1"/>
  <c r="CH422" i="9"/>
  <c r="AN422" i="9" s="1"/>
  <c r="CD422" i="9"/>
  <c r="AJ422" i="9" s="1"/>
  <c r="CA422" i="9"/>
  <c r="AG422" i="9" s="1"/>
  <c r="BZ422" i="9"/>
  <c r="AF422" i="9" s="1"/>
  <c r="BV422" i="9"/>
  <c r="DI422" i="9"/>
  <c r="CI288" i="9"/>
  <c r="AO288" i="9" s="1"/>
  <c r="CA288" i="9"/>
  <c r="AG288" i="9" s="1"/>
  <c r="CH288" i="9"/>
  <c r="AN288" i="9" s="1"/>
  <c r="BZ288" i="9"/>
  <c r="AF288" i="9" s="1"/>
  <c r="CC288" i="9"/>
  <c r="AI288" i="9" s="1"/>
  <c r="DL288" i="9"/>
  <c r="BR288" i="9" s="1"/>
  <c r="CG288" i="9"/>
  <c r="AM288" i="9" s="1"/>
  <c r="BY288" i="9"/>
  <c r="AE288" i="9" s="1"/>
  <c r="DK288" i="9"/>
  <c r="BQ288" i="9" s="1"/>
  <c r="CF288" i="9"/>
  <c r="AL288" i="9" s="1"/>
  <c r="BX288" i="9"/>
  <c r="AD288" i="9" s="1"/>
  <c r="CK288" i="9"/>
  <c r="AQ288" i="9" s="1"/>
  <c r="DJ288" i="9"/>
  <c r="BP288" i="9" s="1"/>
  <c r="CE288" i="9"/>
  <c r="AK288" i="9" s="1"/>
  <c r="BW288" i="9"/>
  <c r="AC288" i="9" s="1"/>
  <c r="DI288" i="9"/>
  <c r="CD288" i="9"/>
  <c r="AJ288" i="9" s="1"/>
  <c r="BV288" i="9"/>
  <c r="CJ288" i="9"/>
  <c r="AP288" i="9" s="1"/>
  <c r="CB288" i="9"/>
  <c r="AH288" i="9" s="1"/>
  <c r="CK356" i="9"/>
  <c r="AQ356" i="9" s="1"/>
  <c r="CC356" i="9"/>
  <c r="AI356" i="9" s="1"/>
  <c r="CJ356" i="9"/>
  <c r="AP356" i="9" s="1"/>
  <c r="CB356" i="9"/>
  <c r="AH356" i="9" s="1"/>
  <c r="CI356" i="9"/>
  <c r="AO356" i="9" s="1"/>
  <c r="CA356" i="9"/>
  <c r="AG356" i="9" s="1"/>
  <c r="CH356" i="9"/>
  <c r="AN356" i="9" s="1"/>
  <c r="BZ356" i="9"/>
  <c r="AF356" i="9" s="1"/>
  <c r="DL356" i="9"/>
  <c r="BR356" i="9" s="1"/>
  <c r="CG356" i="9"/>
  <c r="AM356" i="9" s="1"/>
  <c r="BY356" i="9"/>
  <c r="AE356" i="9" s="1"/>
  <c r="DK356" i="9"/>
  <c r="BQ356" i="9" s="1"/>
  <c r="CF356" i="9"/>
  <c r="AL356" i="9" s="1"/>
  <c r="BX356" i="9"/>
  <c r="AD356" i="9" s="1"/>
  <c r="CE356" i="9"/>
  <c r="AK356" i="9" s="1"/>
  <c r="CD356" i="9"/>
  <c r="AJ356" i="9" s="1"/>
  <c r="BW356" i="9"/>
  <c r="AC356" i="9" s="1"/>
  <c r="BV356" i="9"/>
  <c r="DJ356" i="9"/>
  <c r="BP356" i="9" s="1"/>
  <c r="DI356" i="9"/>
  <c r="DL387" i="9"/>
  <c r="BR387" i="9" s="1"/>
  <c r="CG387" i="9"/>
  <c r="AM387" i="9" s="1"/>
  <c r="BY387" i="9"/>
  <c r="AE387" i="9" s="1"/>
  <c r="DK387" i="9"/>
  <c r="BQ387" i="9" s="1"/>
  <c r="CF387" i="9"/>
  <c r="AL387" i="9" s="1"/>
  <c r="BX387" i="9"/>
  <c r="AD387" i="9" s="1"/>
  <c r="DJ387" i="9"/>
  <c r="BP387" i="9" s="1"/>
  <c r="CE387" i="9"/>
  <c r="AK387" i="9" s="1"/>
  <c r="BW387" i="9"/>
  <c r="AC387" i="9" s="1"/>
  <c r="CK387" i="9"/>
  <c r="AQ387" i="9" s="1"/>
  <c r="CC387" i="9"/>
  <c r="AI387" i="9" s="1"/>
  <c r="CJ387" i="9"/>
  <c r="AP387" i="9" s="1"/>
  <c r="CB387" i="9"/>
  <c r="AH387" i="9" s="1"/>
  <c r="CA387" i="9"/>
  <c r="AG387" i="9" s="1"/>
  <c r="BZ387" i="9"/>
  <c r="AF387" i="9" s="1"/>
  <c r="BV387" i="9"/>
  <c r="CH387" i="9"/>
  <c r="AN387" i="9" s="1"/>
  <c r="DI387" i="9"/>
  <c r="CI387" i="9"/>
  <c r="AO387" i="9" s="1"/>
  <c r="CD387" i="9"/>
  <c r="AJ387" i="9" s="1"/>
  <c r="CI286" i="9"/>
  <c r="AO286" i="9" s="1"/>
  <c r="CA286" i="9"/>
  <c r="AG286" i="9" s="1"/>
  <c r="CH286" i="9"/>
  <c r="AN286" i="9" s="1"/>
  <c r="BZ286" i="9"/>
  <c r="AF286" i="9" s="1"/>
  <c r="CC286" i="9"/>
  <c r="AI286" i="9" s="1"/>
  <c r="DL286" i="9"/>
  <c r="BR286" i="9" s="1"/>
  <c r="CG286" i="9"/>
  <c r="AM286" i="9" s="1"/>
  <c r="BY286" i="9"/>
  <c r="AE286" i="9" s="1"/>
  <c r="DK286" i="9"/>
  <c r="BQ286" i="9" s="1"/>
  <c r="CF286" i="9"/>
  <c r="AL286" i="9" s="1"/>
  <c r="BX286" i="9"/>
  <c r="AD286" i="9" s="1"/>
  <c r="CK286" i="9"/>
  <c r="AQ286" i="9" s="1"/>
  <c r="DJ286" i="9"/>
  <c r="BP286" i="9" s="1"/>
  <c r="CE286" i="9"/>
  <c r="AK286" i="9" s="1"/>
  <c r="BW286" i="9"/>
  <c r="AC286" i="9" s="1"/>
  <c r="DI286" i="9"/>
  <c r="CD286" i="9"/>
  <c r="AJ286" i="9" s="1"/>
  <c r="BV286" i="9"/>
  <c r="CJ286" i="9"/>
  <c r="AP286" i="9" s="1"/>
  <c r="CB286" i="9"/>
  <c r="AH286" i="9" s="1"/>
  <c r="DJ472" i="9"/>
  <c r="CE472" i="9"/>
  <c r="BW472" i="9"/>
  <c r="DI472" i="9"/>
  <c r="CD472" i="9"/>
  <c r="BV472" i="9"/>
  <c r="CK472" i="9"/>
  <c r="CC472" i="9"/>
  <c r="CJ472" i="9"/>
  <c r="CB472" i="9"/>
  <c r="BY472" i="9"/>
  <c r="CI472" i="9"/>
  <c r="CA472" i="9"/>
  <c r="DL472" i="9"/>
  <c r="CH472" i="9"/>
  <c r="BZ472" i="9"/>
  <c r="CG472" i="9"/>
  <c r="DK472" i="9"/>
  <c r="CF472" i="9"/>
  <c r="BX472" i="9"/>
  <c r="CI477" i="9"/>
  <c r="AO477" i="9" s="1"/>
  <c r="CA477" i="9"/>
  <c r="AG477" i="9" s="1"/>
  <c r="CH477" i="9"/>
  <c r="AN477" i="9" s="1"/>
  <c r="BZ477" i="9"/>
  <c r="AF477" i="9" s="1"/>
  <c r="DL477" i="9"/>
  <c r="BR477" i="9" s="1"/>
  <c r="CG477" i="9"/>
  <c r="AM477" i="9" s="1"/>
  <c r="BY477" i="9"/>
  <c r="AE477" i="9" s="1"/>
  <c r="DK477" i="9"/>
  <c r="BQ477" i="9" s="1"/>
  <c r="CF477" i="9"/>
  <c r="AL477" i="9" s="1"/>
  <c r="BX477" i="9"/>
  <c r="AD477" i="9" s="1"/>
  <c r="CK477" i="9"/>
  <c r="AQ477" i="9" s="1"/>
  <c r="DJ477" i="9"/>
  <c r="BP477" i="9" s="1"/>
  <c r="CE477" i="9"/>
  <c r="AK477" i="9" s="1"/>
  <c r="BW477" i="9"/>
  <c r="AC477" i="9" s="1"/>
  <c r="CC477" i="9"/>
  <c r="AI477" i="9" s="1"/>
  <c r="DI477" i="9"/>
  <c r="CD477" i="9"/>
  <c r="AJ477" i="9" s="1"/>
  <c r="BV477" i="9"/>
  <c r="CJ477" i="9"/>
  <c r="AP477" i="9" s="1"/>
  <c r="CB477" i="9"/>
  <c r="AH477" i="9" s="1"/>
  <c r="DL482" i="9"/>
  <c r="BR482" i="9" s="1"/>
  <c r="CG482" i="9"/>
  <c r="AM482" i="9" s="1"/>
  <c r="BY482" i="9"/>
  <c r="AE482" i="9" s="1"/>
  <c r="DK482" i="9"/>
  <c r="BQ482" i="9" s="1"/>
  <c r="CF482" i="9"/>
  <c r="AL482" i="9" s="1"/>
  <c r="BX482" i="9"/>
  <c r="AD482" i="9" s="1"/>
  <c r="DJ482" i="9"/>
  <c r="BP482" i="9" s="1"/>
  <c r="CE482" i="9"/>
  <c r="AK482" i="9" s="1"/>
  <c r="BW482" i="9"/>
  <c r="AC482" i="9" s="1"/>
  <c r="DI482" i="9"/>
  <c r="CD482" i="9"/>
  <c r="AJ482" i="9" s="1"/>
  <c r="BV482" i="9"/>
  <c r="CK482" i="9"/>
  <c r="AQ482" i="9" s="1"/>
  <c r="CC482" i="9"/>
  <c r="AI482" i="9" s="1"/>
  <c r="CJ482" i="9"/>
  <c r="AP482" i="9" s="1"/>
  <c r="CB482" i="9"/>
  <c r="AH482" i="9" s="1"/>
  <c r="CI482" i="9"/>
  <c r="AO482" i="9" s="1"/>
  <c r="CH482" i="9"/>
  <c r="AN482" i="9" s="1"/>
  <c r="CA482" i="9"/>
  <c r="AG482" i="9" s="1"/>
  <c r="BZ482" i="9"/>
  <c r="AF482" i="9" s="1"/>
  <c r="DL353" i="9"/>
  <c r="BR353" i="9" s="1"/>
  <c r="CG353" i="9"/>
  <c r="AM353" i="9" s="1"/>
  <c r="BY353" i="9"/>
  <c r="AE353" i="9" s="1"/>
  <c r="DK353" i="9"/>
  <c r="BQ353" i="9" s="1"/>
  <c r="CF353" i="9"/>
  <c r="AL353" i="9" s="1"/>
  <c r="BX353" i="9"/>
  <c r="AD353" i="9" s="1"/>
  <c r="DJ353" i="9"/>
  <c r="BP353" i="9" s="1"/>
  <c r="CE353" i="9"/>
  <c r="AK353" i="9" s="1"/>
  <c r="BW353" i="9"/>
  <c r="AC353" i="9" s="1"/>
  <c r="DI353" i="9"/>
  <c r="CD353" i="9"/>
  <c r="AJ353" i="9" s="1"/>
  <c r="CK353" i="9"/>
  <c r="AQ353" i="9" s="1"/>
  <c r="CC353" i="9"/>
  <c r="AI353" i="9" s="1"/>
  <c r="CJ353" i="9"/>
  <c r="AP353" i="9" s="1"/>
  <c r="CB353" i="9"/>
  <c r="AH353" i="9" s="1"/>
  <c r="CA353" i="9"/>
  <c r="AG353" i="9" s="1"/>
  <c r="BZ353" i="9"/>
  <c r="AF353" i="9" s="1"/>
  <c r="BV353" i="9"/>
  <c r="CI353" i="9"/>
  <c r="AO353" i="9" s="1"/>
  <c r="CH353" i="9"/>
  <c r="AN353" i="9" s="1"/>
  <c r="CI321" i="9"/>
  <c r="AO321" i="9" s="1"/>
  <c r="CA321" i="9"/>
  <c r="AG321" i="9" s="1"/>
  <c r="CC321" i="9"/>
  <c r="AI321" i="9" s="1"/>
  <c r="CH321" i="9"/>
  <c r="AN321" i="9" s="1"/>
  <c r="BZ321" i="9"/>
  <c r="AF321" i="9" s="1"/>
  <c r="CK321" i="9"/>
  <c r="AQ321" i="9" s="1"/>
  <c r="DL321" i="9"/>
  <c r="BR321" i="9" s="1"/>
  <c r="CG321" i="9"/>
  <c r="AM321" i="9" s="1"/>
  <c r="BY321" i="9"/>
  <c r="AE321" i="9" s="1"/>
  <c r="DK321" i="9"/>
  <c r="BQ321" i="9" s="1"/>
  <c r="CF321" i="9"/>
  <c r="AL321" i="9" s="1"/>
  <c r="BX321" i="9"/>
  <c r="AD321" i="9" s="1"/>
  <c r="DJ321" i="9"/>
  <c r="BP321" i="9" s="1"/>
  <c r="CE321" i="9"/>
  <c r="AK321" i="9" s="1"/>
  <c r="BW321" i="9"/>
  <c r="AC321" i="9" s="1"/>
  <c r="DI321" i="9"/>
  <c r="CD321" i="9"/>
  <c r="AJ321" i="9" s="1"/>
  <c r="BV321" i="9"/>
  <c r="CJ321" i="9"/>
  <c r="AP321" i="9" s="1"/>
  <c r="CB321" i="9"/>
  <c r="AH321" i="9" s="1"/>
  <c r="CK452" i="9"/>
  <c r="AQ452" i="9" s="1"/>
  <c r="CC452" i="9"/>
  <c r="AI452" i="9" s="1"/>
  <c r="CJ452" i="9"/>
  <c r="AP452" i="9" s="1"/>
  <c r="CB452" i="9"/>
  <c r="AH452" i="9" s="1"/>
  <c r="CI452" i="9"/>
  <c r="AO452" i="9" s="1"/>
  <c r="CA452" i="9"/>
  <c r="AG452" i="9" s="1"/>
  <c r="DL452" i="9"/>
  <c r="BR452" i="9" s="1"/>
  <c r="CG452" i="9"/>
  <c r="AM452" i="9" s="1"/>
  <c r="BY452" i="9"/>
  <c r="AE452" i="9" s="1"/>
  <c r="DK452" i="9"/>
  <c r="BQ452" i="9" s="1"/>
  <c r="CF452" i="9"/>
  <c r="AL452" i="9" s="1"/>
  <c r="BX452" i="9"/>
  <c r="AD452" i="9" s="1"/>
  <c r="BW452" i="9"/>
  <c r="AC452" i="9" s="1"/>
  <c r="BV452" i="9"/>
  <c r="DJ452" i="9"/>
  <c r="BP452" i="9" s="1"/>
  <c r="DI452" i="9"/>
  <c r="CD452" i="9"/>
  <c r="AJ452" i="9" s="1"/>
  <c r="CH452" i="9"/>
  <c r="AN452" i="9" s="1"/>
  <c r="CE452" i="9"/>
  <c r="AK452" i="9" s="1"/>
  <c r="BZ452" i="9"/>
  <c r="AF452" i="9" s="1"/>
  <c r="DJ474" i="9"/>
  <c r="BP474" i="9" s="1"/>
  <c r="CE474" i="9"/>
  <c r="AK474" i="9" s="1"/>
  <c r="BW474" i="9"/>
  <c r="AC474" i="9" s="1"/>
  <c r="DI474" i="9"/>
  <c r="CD474" i="9"/>
  <c r="AJ474" i="9" s="1"/>
  <c r="BY474" i="9"/>
  <c r="AE474" i="9" s="1"/>
  <c r="CK474" i="9"/>
  <c r="AQ474" i="9" s="1"/>
  <c r="CC474" i="9"/>
  <c r="AI474" i="9" s="1"/>
  <c r="CJ474" i="9"/>
  <c r="AP474" i="9" s="1"/>
  <c r="CB474" i="9"/>
  <c r="AH474" i="9" s="1"/>
  <c r="CG474" i="9"/>
  <c r="AM474" i="9" s="1"/>
  <c r="CI474" i="9"/>
  <c r="AO474" i="9" s="1"/>
  <c r="CA474" i="9"/>
  <c r="AG474" i="9" s="1"/>
  <c r="CH474" i="9"/>
  <c r="AN474" i="9" s="1"/>
  <c r="BZ474" i="9"/>
  <c r="AF474" i="9" s="1"/>
  <c r="DL474" i="9"/>
  <c r="BR474" i="9" s="1"/>
  <c r="CF474" i="9"/>
  <c r="AL474" i="9" s="1"/>
  <c r="BX474" i="9"/>
  <c r="AD474" i="9" s="1"/>
  <c r="DK474" i="9"/>
  <c r="BQ474" i="9" s="1"/>
  <c r="DJ277" i="9"/>
  <c r="BP277" i="9" s="1"/>
  <c r="CE277" i="9"/>
  <c r="AK277" i="9" s="1"/>
  <c r="BW277" i="9"/>
  <c r="AC277" i="9" s="1"/>
  <c r="DI277" i="9"/>
  <c r="CD277" i="9"/>
  <c r="AJ277" i="9" s="1"/>
  <c r="BV277" i="9"/>
  <c r="DL277" i="9"/>
  <c r="BR277" i="9" s="1"/>
  <c r="CK277" i="9"/>
  <c r="AQ277" i="9" s="1"/>
  <c r="CC277" i="9"/>
  <c r="AI277" i="9" s="1"/>
  <c r="CG277" i="9"/>
  <c r="AM277" i="9" s="1"/>
  <c r="CJ277" i="9"/>
  <c r="AP277" i="9" s="1"/>
  <c r="CB277" i="9"/>
  <c r="AH277" i="9" s="1"/>
  <c r="CI277" i="9"/>
  <c r="AO277" i="9" s="1"/>
  <c r="CA277" i="9"/>
  <c r="AG277" i="9" s="1"/>
  <c r="CH277" i="9"/>
  <c r="AN277" i="9" s="1"/>
  <c r="BZ277" i="9"/>
  <c r="AF277" i="9" s="1"/>
  <c r="BY277" i="9"/>
  <c r="AE277" i="9" s="1"/>
  <c r="DK277" i="9"/>
  <c r="BQ277" i="9" s="1"/>
  <c r="CF277" i="9"/>
  <c r="AL277" i="9" s="1"/>
  <c r="BX277" i="9"/>
  <c r="AD277" i="9" s="1"/>
  <c r="DL278" i="9"/>
  <c r="BR278" i="9" s="1"/>
  <c r="CG278" i="9"/>
  <c r="AM278" i="9" s="1"/>
  <c r="BY278" i="9"/>
  <c r="AE278" i="9" s="1"/>
  <c r="DK278" i="9"/>
  <c r="BQ278" i="9" s="1"/>
  <c r="CF278" i="9"/>
  <c r="AL278" i="9" s="1"/>
  <c r="BX278" i="9"/>
  <c r="AD278" i="9" s="1"/>
  <c r="DJ278" i="9"/>
  <c r="BP278" i="9" s="1"/>
  <c r="CE278" i="9"/>
  <c r="AK278" i="9" s="1"/>
  <c r="BW278" i="9"/>
  <c r="AC278" i="9" s="1"/>
  <c r="CK278" i="9"/>
  <c r="AQ278" i="9" s="1"/>
  <c r="CC278" i="9"/>
  <c r="AI278" i="9" s="1"/>
  <c r="CJ278" i="9"/>
  <c r="AP278" i="9" s="1"/>
  <c r="CB278" i="9"/>
  <c r="AH278" i="9" s="1"/>
  <c r="BZ278" i="9"/>
  <c r="AF278" i="9" s="1"/>
  <c r="BV278" i="9"/>
  <c r="DI278" i="9"/>
  <c r="CD278" i="9"/>
  <c r="AJ278" i="9" s="1"/>
  <c r="CI278" i="9"/>
  <c r="AO278" i="9" s="1"/>
  <c r="CH278" i="9"/>
  <c r="AN278" i="9" s="1"/>
  <c r="CA278" i="9"/>
  <c r="AG278" i="9" s="1"/>
  <c r="DJ478" i="9"/>
  <c r="BP478" i="9" s="1"/>
  <c r="CE478" i="9"/>
  <c r="AK478" i="9" s="1"/>
  <c r="BW478" i="9"/>
  <c r="AC478" i="9" s="1"/>
  <c r="BY478" i="9"/>
  <c r="AE478" i="9" s="1"/>
  <c r="DI478" i="9"/>
  <c r="CD478" i="9"/>
  <c r="AJ478" i="9" s="1"/>
  <c r="BV478" i="9"/>
  <c r="CK478" i="9"/>
  <c r="AQ478" i="9" s="1"/>
  <c r="CC478" i="9"/>
  <c r="AI478" i="9" s="1"/>
  <c r="CG478" i="9"/>
  <c r="AM478" i="9" s="1"/>
  <c r="CJ478" i="9"/>
  <c r="AP478" i="9" s="1"/>
  <c r="CB478" i="9"/>
  <c r="AH478" i="9" s="1"/>
  <c r="CI478" i="9"/>
  <c r="AO478" i="9" s="1"/>
  <c r="CA478" i="9"/>
  <c r="AG478" i="9" s="1"/>
  <c r="CH478" i="9"/>
  <c r="AN478" i="9" s="1"/>
  <c r="BZ478" i="9"/>
  <c r="AF478" i="9" s="1"/>
  <c r="DL478" i="9"/>
  <c r="BR478" i="9" s="1"/>
  <c r="DK478" i="9"/>
  <c r="BQ478" i="9" s="1"/>
  <c r="CF478" i="9"/>
  <c r="AL478" i="9" s="1"/>
  <c r="BX478" i="9"/>
  <c r="AD478" i="9" s="1"/>
  <c r="CI327" i="9"/>
  <c r="AO327" i="9" s="1"/>
  <c r="CA327" i="9"/>
  <c r="AG327" i="9" s="1"/>
  <c r="CK327" i="9"/>
  <c r="AQ327" i="9" s="1"/>
  <c r="CH327" i="9"/>
  <c r="AN327" i="9" s="1"/>
  <c r="BZ327" i="9"/>
  <c r="AF327" i="9" s="1"/>
  <c r="DL327" i="9"/>
  <c r="BR327" i="9" s="1"/>
  <c r="CG327" i="9"/>
  <c r="AM327" i="9" s="1"/>
  <c r="BY327" i="9"/>
  <c r="AE327" i="9" s="1"/>
  <c r="DK327" i="9"/>
  <c r="BQ327" i="9" s="1"/>
  <c r="CF327" i="9"/>
  <c r="AL327" i="9" s="1"/>
  <c r="BX327" i="9"/>
  <c r="AD327" i="9" s="1"/>
  <c r="DJ327" i="9"/>
  <c r="BP327" i="9" s="1"/>
  <c r="CE327" i="9"/>
  <c r="AK327" i="9" s="1"/>
  <c r="BW327" i="9"/>
  <c r="AC327" i="9" s="1"/>
  <c r="CC327" i="9"/>
  <c r="AI327" i="9" s="1"/>
  <c r="DI327" i="9"/>
  <c r="CD327" i="9"/>
  <c r="AJ327" i="9" s="1"/>
  <c r="BV327" i="9"/>
  <c r="CB327" i="9"/>
  <c r="AH327" i="9" s="1"/>
  <c r="CJ327" i="9"/>
  <c r="AP327" i="9" s="1"/>
  <c r="CK352" i="9"/>
  <c r="AQ352" i="9" s="1"/>
  <c r="CC352" i="9"/>
  <c r="AI352" i="9" s="1"/>
  <c r="CJ352" i="9"/>
  <c r="AP352" i="9" s="1"/>
  <c r="CB352" i="9"/>
  <c r="AH352" i="9" s="1"/>
  <c r="CI352" i="9"/>
  <c r="AO352" i="9" s="1"/>
  <c r="CA352" i="9"/>
  <c r="AG352" i="9" s="1"/>
  <c r="DL352" i="9"/>
  <c r="BR352" i="9" s="1"/>
  <c r="CG352" i="9"/>
  <c r="AM352" i="9" s="1"/>
  <c r="BY352" i="9"/>
  <c r="AE352" i="9" s="1"/>
  <c r="DK352" i="9"/>
  <c r="BQ352" i="9" s="1"/>
  <c r="CF352" i="9"/>
  <c r="AL352" i="9" s="1"/>
  <c r="BX352" i="9"/>
  <c r="AD352" i="9" s="1"/>
  <c r="BZ352" i="9"/>
  <c r="AF352" i="9" s="1"/>
  <c r="BW352" i="9"/>
  <c r="AC352" i="9" s="1"/>
  <c r="BV352" i="9"/>
  <c r="DJ352" i="9"/>
  <c r="BP352" i="9" s="1"/>
  <c r="DI352" i="9"/>
  <c r="CH352" i="9"/>
  <c r="AN352" i="9" s="1"/>
  <c r="CE352" i="9"/>
  <c r="AK352" i="9" s="1"/>
  <c r="CD352" i="9"/>
  <c r="AJ352" i="9" s="1"/>
  <c r="CI304" i="9"/>
  <c r="AO304" i="9" s="1"/>
  <c r="CA304" i="9"/>
  <c r="AG304" i="9" s="1"/>
  <c r="CK304" i="9"/>
  <c r="AQ304" i="9" s="1"/>
  <c r="CH304" i="9"/>
  <c r="AN304" i="9" s="1"/>
  <c r="BZ304" i="9"/>
  <c r="AF304" i="9" s="1"/>
  <c r="DL304" i="9"/>
  <c r="BR304" i="9" s="1"/>
  <c r="CG304" i="9"/>
  <c r="AM304" i="9" s="1"/>
  <c r="BY304" i="9"/>
  <c r="AE304" i="9" s="1"/>
  <c r="DK304" i="9"/>
  <c r="BQ304" i="9" s="1"/>
  <c r="CF304" i="9"/>
  <c r="AL304" i="9" s="1"/>
  <c r="BX304" i="9"/>
  <c r="AD304" i="9" s="1"/>
  <c r="DJ304" i="9"/>
  <c r="BP304" i="9" s="1"/>
  <c r="CE304" i="9"/>
  <c r="AK304" i="9" s="1"/>
  <c r="BW304" i="9"/>
  <c r="AC304" i="9" s="1"/>
  <c r="CC304" i="9"/>
  <c r="AI304" i="9" s="1"/>
  <c r="DI304" i="9"/>
  <c r="CD304" i="9"/>
  <c r="AJ304" i="9" s="1"/>
  <c r="BV304" i="9"/>
  <c r="CJ304" i="9"/>
  <c r="AP304" i="9" s="1"/>
  <c r="CB304" i="9"/>
  <c r="AH304" i="9" s="1"/>
  <c r="CK386" i="9"/>
  <c r="AQ386" i="9" s="1"/>
  <c r="CC386" i="9"/>
  <c r="AI386" i="9" s="1"/>
  <c r="CJ386" i="9"/>
  <c r="AP386" i="9" s="1"/>
  <c r="CB386" i="9"/>
  <c r="AH386" i="9" s="1"/>
  <c r="CI386" i="9"/>
  <c r="AO386" i="9" s="1"/>
  <c r="CA386" i="9"/>
  <c r="AG386" i="9" s="1"/>
  <c r="DL386" i="9"/>
  <c r="BR386" i="9" s="1"/>
  <c r="CG386" i="9"/>
  <c r="AM386" i="9" s="1"/>
  <c r="BY386" i="9"/>
  <c r="AE386" i="9" s="1"/>
  <c r="DK386" i="9"/>
  <c r="BQ386" i="9" s="1"/>
  <c r="CF386" i="9"/>
  <c r="AL386" i="9" s="1"/>
  <c r="BX386" i="9"/>
  <c r="AD386" i="9" s="1"/>
  <c r="BZ386" i="9"/>
  <c r="AF386" i="9" s="1"/>
  <c r="BW386" i="9"/>
  <c r="AC386" i="9" s="1"/>
  <c r="CE386" i="9"/>
  <c r="AK386" i="9" s="1"/>
  <c r="BV386" i="9"/>
  <c r="DJ386" i="9"/>
  <c r="BP386" i="9" s="1"/>
  <c r="DI386" i="9"/>
  <c r="CH386" i="9"/>
  <c r="AN386" i="9" s="1"/>
  <c r="CD386" i="9"/>
  <c r="AJ386" i="9" s="1"/>
  <c r="CK423" i="9"/>
  <c r="AQ423" i="9" s="1"/>
  <c r="CC423" i="9"/>
  <c r="AI423" i="9" s="1"/>
  <c r="CJ423" i="9"/>
  <c r="AP423" i="9" s="1"/>
  <c r="CB423" i="9"/>
  <c r="AH423" i="9" s="1"/>
  <c r="CI423" i="9"/>
  <c r="AO423" i="9" s="1"/>
  <c r="CA423" i="9"/>
  <c r="AG423" i="9" s="1"/>
  <c r="DL423" i="9"/>
  <c r="BR423" i="9" s="1"/>
  <c r="CG423" i="9"/>
  <c r="AM423" i="9" s="1"/>
  <c r="BY423" i="9"/>
  <c r="AE423" i="9" s="1"/>
  <c r="DK423" i="9"/>
  <c r="BQ423" i="9" s="1"/>
  <c r="CF423" i="9"/>
  <c r="AL423" i="9" s="1"/>
  <c r="BX423" i="9"/>
  <c r="AD423" i="9" s="1"/>
  <c r="DI423" i="9"/>
  <c r="CH423" i="9"/>
  <c r="AN423" i="9" s="1"/>
  <c r="CE423" i="9"/>
  <c r="AK423" i="9" s="1"/>
  <c r="CD423" i="9"/>
  <c r="AJ423" i="9" s="1"/>
  <c r="BZ423" i="9"/>
  <c r="AF423" i="9" s="1"/>
  <c r="BV423" i="9"/>
  <c r="BW423" i="9"/>
  <c r="AC423" i="9" s="1"/>
  <c r="DJ423" i="9"/>
  <c r="BP423" i="9" s="1"/>
  <c r="CK360" i="9"/>
  <c r="AQ360" i="9" s="1"/>
  <c r="CC360" i="9"/>
  <c r="AI360" i="9" s="1"/>
  <c r="CJ360" i="9"/>
  <c r="AP360" i="9" s="1"/>
  <c r="CB360" i="9"/>
  <c r="AH360" i="9" s="1"/>
  <c r="CI360" i="9"/>
  <c r="AO360" i="9" s="1"/>
  <c r="CA360" i="9"/>
  <c r="AG360" i="9" s="1"/>
  <c r="CH360" i="9"/>
  <c r="AN360" i="9" s="1"/>
  <c r="BZ360" i="9"/>
  <c r="AF360" i="9" s="1"/>
  <c r="DL360" i="9"/>
  <c r="BR360" i="9" s="1"/>
  <c r="CG360" i="9"/>
  <c r="AM360" i="9" s="1"/>
  <c r="BY360" i="9"/>
  <c r="AE360" i="9" s="1"/>
  <c r="DK360" i="9"/>
  <c r="BQ360" i="9" s="1"/>
  <c r="CF360" i="9"/>
  <c r="AL360" i="9" s="1"/>
  <c r="BX360" i="9"/>
  <c r="AD360" i="9" s="1"/>
  <c r="DJ360" i="9"/>
  <c r="BP360" i="9" s="1"/>
  <c r="BW360" i="9"/>
  <c r="AC360" i="9" s="1"/>
  <c r="DI360" i="9"/>
  <c r="CE360" i="9"/>
  <c r="AK360" i="9" s="1"/>
  <c r="CD360" i="9"/>
  <c r="AJ360" i="9" s="1"/>
  <c r="BV360" i="9"/>
  <c r="DJ305" i="9"/>
  <c r="BP305" i="9" s="1"/>
  <c r="CE305" i="9"/>
  <c r="AK305" i="9" s="1"/>
  <c r="BW305" i="9"/>
  <c r="AC305" i="9" s="1"/>
  <c r="DI305" i="9"/>
  <c r="CD305" i="9"/>
  <c r="AJ305" i="9" s="1"/>
  <c r="BV305" i="9"/>
  <c r="CK305" i="9"/>
  <c r="AQ305" i="9" s="1"/>
  <c r="CC305" i="9"/>
  <c r="AI305" i="9" s="1"/>
  <c r="BY305" i="9"/>
  <c r="AE305" i="9" s="1"/>
  <c r="CJ305" i="9"/>
  <c r="AP305" i="9" s="1"/>
  <c r="CB305" i="9"/>
  <c r="AH305" i="9" s="1"/>
  <c r="DL305" i="9"/>
  <c r="BR305" i="9" s="1"/>
  <c r="CI305" i="9"/>
  <c r="AO305" i="9" s="1"/>
  <c r="CA305" i="9"/>
  <c r="AG305" i="9" s="1"/>
  <c r="CH305" i="9"/>
  <c r="AN305" i="9" s="1"/>
  <c r="BZ305" i="9"/>
  <c r="AF305" i="9" s="1"/>
  <c r="CG305" i="9"/>
  <c r="AM305" i="9" s="1"/>
  <c r="BX305" i="9"/>
  <c r="AD305" i="9" s="1"/>
  <c r="DK305" i="9"/>
  <c r="BQ305" i="9" s="1"/>
  <c r="CF305" i="9"/>
  <c r="AL305" i="9" s="1"/>
  <c r="DL426" i="9"/>
  <c r="BR426" i="9" s="1"/>
  <c r="CG426" i="9"/>
  <c r="AM426" i="9" s="1"/>
  <c r="BY426" i="9"/>
  <c r="AE426" i="9" s="1"/>
  <c r="DK426" i="9"/>
  <c r="BQ426" i="9" s="1"/>
  <c r="CF426" i="9"/>
  <c r="AL426" i="9" s="1"/>
  <c r="BX426" i="9"/>
  <c r="AD426" i="9" s="1"/>
  <c r="DJ426" i="9"/>
  <c r="BP426" i="9" s="1"/>
  <c r="CE426" i="9"/>
  <c r="AK426" i="9" s="1"/>
  <c r="BW426" i="9"/>
  <c r="AC426" i="9" s="1"/>
  <c r="CK426" i="9"/>
  <c r="AQ426" i="9" s="1"/>
  <c r="CC426" i="9"/>
  <c r="AI426" i="9" s="1"/>
  <c r="CJ426" i="9"/>
  <c r="AP426" i="9" s="1"/>
  <c r="CB426" i="9"/>
  <c r="AH426" i="9" s="1"/>
  <c r="BZ426" i="9"/>
  <c r="AF426" i="9" s="1"/>
  <c r="DI426" i="9"/>
  <c r="CI426" i="9"/>
  <c r="AO426" i="9" s="1"/>
  <c r="CH426" i="9"/>
  <c r="AN426" i="9" s="1"/>
  <c r="CD426" i="9"/>
  <c r="AJ426" i="9" s="1"/>
  <c r="CA426" i="9"/>
  <c r="AG426" i="9" s="1"/>
  <c r="BV426" i="9"/>
  <c r="DL363" i="9"/>
  <c r="BR363" i="9" s="1"/>
  <c r="CG363" i="9"/>
  <c r="AM363" i="9" s="1"/>
  <c r="BY363" i="9"/>
  <c r="AE363" i="9" s="1"/>
  <c r="DK363" i="9"/>
  <c r="BQ363" i="9" s="1"/>
  <c r="CF363" i="9"/>
  <c r="AL363" i="9" s="1"/>
  <c r="BX363" i="9"/>
  <c r="AD363" i="9" s="1"/>
  <c r="DJ363" i="9"/>
  <c r="BP363" i="9" s="1"/>
  <c r="CE363" i="9"/>
  <c r="AK363" i="9" s="1"/>
  <c r="BW363" i="9"/>
  <c r="AC363" i="9" s="1"/>
  <c r="DI363" i="9"/>
  <c r="CD363" i="9"/>
  <c r="AJ363" i="9" s="1"/>
  <c r="BV363" i="9"/>
  <c r="CK363" i="9"/>
  <c r="AQ363" i="9" s="1"/>
  <c r="CC363" i="9"/>
  <c r="AI363" i="9" s="1"/>
  <c r="CJ363" i="9"/>
  <c r="AP363" i="9" s="1"/>
  <c r="CB363" i="9"/>
  <c r="AH363" i="9" s="1"/>
  <c r="CA363" i="9"/>
  <c r="AG363" i="9" s="1"/>
  <c r="CI363" i="9"/>
  <c r="AO363" i="9" s="1"/>
  <c r="CH363" i="9"/>
  <c r="AN363" i="9" s="1"/>
  <c r="BZ363" i="9"/>
  <c r="AF363" i="9" s="1"/>
  <c r="CK421" i="9"/>
  <c r="AQ421" i="9" s="1"/>
  <c r="CC421" i="9"/>
  <c r="AI421" i="9" s="1"/>
  <c r="CJ421" i="9"/>
  <c r="AP421" i="9" s="1"/>
  <c r="CB421" i="9"/>
  <c r="AH421" i="9" s="1"/>
  <c r="CI421" i="9"/>
  <c r="AO421" i="9" s="1"/>
  <c r="CA421" i="9"/>
  <c r="AG421" i="9" s="1"/>
  <c r="DL421" i="9"/>
  <c r="BR421" i="9" s="1"/>
  <c r="CG421" i="9"/>
  <c r="AM421" i="9" s="1"/>
  <c r="BY421" i="9"/>
  <c r="AE421" i="9" s="1"/>
  <c r="DK421" i="9"/>
  <c r="BQ421" i="9" s="1"/>
  <c r="CF421" i="9"/>
  <c r="AL421" i="9" s="1"/>
  <c r="BX421" i="9"/>
  <c r="AD421" i="9" s="1"/>
  <c r="CH421" i="9"/>
  <c r="AN421" i="9" s="1"/>
  <c r="CE421" i="9"/>
  <c r="AK421" i="9" s="1"/>
  <c r="DJ421" i="9"/>
  <c r="BP421" i="9" s="1"/>
  <c r="CD421" i="9"/>
  <c r="AJ421" i="9" s="1"/>
  <c r="BZ421" i="9"/>
  <c r="AF421" i="9" s="1"/>
  <c r="BW421" i="9"/>
  <c r="AC421" i="9" s="1"/>
  <c r="BV421" i="9"/>
  <c r="DI421" i="9"/>
  <c r="DL365" i="9"/>
  <c r="BR365" i="9" s="1"/>
  <c r="CG365" i="9"/>
  <c r="AM365" i="9" s="1"/>
  <c r="BY365" i="9"/>
  <c r="AE365" i="9" s="1"/>
  <c r="DK365" i="9"/>
  <c r="BQ365" i="9" s="1"/>
  <c r="CF365" i="9"/>
  <c r="AL365" i="9" s="1"/>
  <c r="BX365" i="9"/>
  <c r="AD365" i="9" s="1"/>
  <c r="DJ365" i="9"/>
  <c r="BP365" i="9" s="1"/>
  <c r="CE365" i="9"/>
  <c r="AK365" i="9" s="1"/>
  <c r="BW365" i="9"/>
  <c r="AC365" i="9" s="1"/>
  <c r="DI365" i="9"/>
  <c r="CD365" i="9"/>
  <c r="AJ365" i="9" s="1"/>
  <c r="BV365" i="9"/>
  <c r="CK365" i="9"/>
  <c r="AQ365" i="9" s="1"/>
  <c r="CC365" i="9"/>
  <c r="AI365" i="9" s="1"/>
  <c r="CJ365" i="9"/>
  <c r="AP365" i="9" s="1"/>
  <c r="CB365" i="9"/>
  <c r="AH365" i="9" s="1"/>
  <c r="CI365" i="9"/>
  <c r="AO365" i="9" s="1"/>
  <c r="CH365" i="9"/>
  <c r="AN365" i="9" s="1"/>
  <c r="CA365" i="9"/>
  <c r="AG365" i="9" s="1"/>
  <c r="BZ365" i="9"/>
  <c r="AF365" i="9" s="1"/>
  <c r="CK427" i="9"/>
  <c r="AQ427" i="9" s="1"/>
  <c r="CC427" i="9"/>
  <c r="AI427" i="9" s="1"/>
  <c r="CJ427" i="9"/>
  <c r="AP427" i="9" s="1"/>
  <c r="CB427" i="9"/>
  <c r="AH427" i="9" s="1"/>
  <c r="CI427" i="9"/>
  <c r="AO427" i="9" s="1"/>
  <c r="CA427" i="9"/>
  <c r="AG427" i="9" s="1"/>
  <c r="DL427" i="9"/>
  <c r="BR427" i="9" s="1"/>
  <c r="CG427" i="9"/>
  <c r="AM427" i="9" s="1"/>
  <c r="BY427" i="9"/>
  <c r="AE427" i="9" s="1"/>
  <c r="DK427" i="9"/>
  <c r="BQ427" i="9" s="1"/>
  <c r="CF427" i="9"/>
  <c r="AL427" i="9" s="1"/>
  <c r="BX427" i="9"/>
  <c r="AD427" i="9" s="1"/>
  <c r="BV427" i="9"/>
  <c r="DJ427" i="9"/>
  <c r="BP427" i="9" s="1"/>
  <c r="DI427" i="9"/>
  <c r="CH427" i="9"/>
  <c r="AN427" i="9" s="1"/>
  <c r="CE427" i="9"/>
  <c r="AK427" i="9" s="1"/>
  <c r="CD427" i="9"/>
  <c r="AJ427" i="9" s="1"/>
  <c r="BZ427" i="9"/>
  <c r="AF427" i="9" s="1"/>
  <c r="BW427" i="9"/>
  <c r="AC427" i="9" s="1"/>
  <c r="CI302" i="9"/>
  <c r="AO302" i="9" s="1"/>
  <c r="CA302" i="9"/>
  <c r="AG302" i="9" s="1"/>
  <c r="CC302" i="9"/>
  <c r="AI302" i="9" s="1"/>
  <c r="CH302" i="9"/>
  <c r="AN302" i="9" s="1"/>
  <c r="BZ302" i="9"/>
  <c r="AF302" i="9" s="1"/>
  <c r="DL302" i="9"/>
  <c r="BR302" i="9" s="1"/>
  <c r="CG302" i="9"/>
  <c r="AM302" i="9" s="1"/>
  <c r="BY302" i="9"/>
  <c r="AE302" i="9" s="1"/>
  <c r="DK302" i="9"/>
  <c r="BQ302" i="9" s="1"/>
  <c r="CF302" i="9"/>
  <c r="AL302" i="9" s="1"/>
  <c r="BX302" i="9"/>
  <c r="AD302" i="9" s="1"/>
  <c r="DJ302" i="9"/>
  <c r="BP302" i="9" s="1"/>
  <c r="CE302" i="9"/>
  <c r="AK302" i="9" s="1"/>
  <c r="BW302" i="9"/>
  <c r="AC302" i="9" s="1"/>
  <c r="DI302" i="9"/>
  <c r="CD302" i="9"/>
  <c r="AJ302" i="9" s="1"/>
  <c r="BV302" i="9"/>
  <c r="CK302" i="9"/>
  <c r="AQ302" i="9" s="1"/>
  <c r="CB302" i="9"/>
  <c r="AH302" i="9" s="1"/>
  <c r="CJ302" i="9"/>
  <c r="AP302" i="9" s="1"/>
  <c r="CI319" i="9"/>
  <c r="CE311" i="9"/>
  <c r="CK402" i="9"/>
  <c r="CA404" i="9"/>
  <c r="BR328" i="9"/>
  <c r="CE509" i="9"/>
  <c r="DM509" i="9" s="1"/>
  <c r="DN6" i="9" l="1"/>
  <c r="BQ428" i="9"/>
  <c r="DM278" i="9"/>
  <c r="DM353" i="9"/>
  <c r="DN353" i="9"/>
  <c r="DM472" i="9"/>
  <c r="DM286" i="9"/>
  <c r="DN414" i="9"/>
  <c r="DM389" i="9"/>
  <c r="DM421" i="9"/>
  <c r="DN386" i="9"/>
  <c r="DN302" i="9"/>
  <c r="DM356" i="9"/>
  <c r="DN360" i="9"/>
  <c r="DN286" i="9"/>
  <c r="DN354" i="9"/>
  <c r="DN358" i="9"/>
  <c r="DN357" i="9"/>
  <c r="AB477" i="9"/>
  <c r="DM477" i="9"/>
  <c r="DM305" i="9"/>
  <c r="DM425" i="9"/>
  <c r="DM357" i="9"/>
  <c r="DN362" i="9"/>
  <c r="DM388" i="9"/>
  <c r="DN352" i="9"/>
  <c r="BO474" i="9"/>
  <c r="DN474" i="9"/>
  <c r="DM365" i="9"/>
  <c r="DM363" i="9"/>
  <c r="DN305" i="9"/>
  <c r="DM386" i="9"/>
  <c r="DN301" i="9"/>
  <c r="DM331" i="9"/>
  <c r="DM303" i="9"/>
  <c r="DN423" i="9"/>
  <c r="DM287" i="9"/>
  <c r="DN427" i="9"/>
  <c r="DN426" i="9"/>
  <c r="DM352" i="9"/>
  <c r="AB478" i="9"/>
  <c r="DM478" i="9"/>
  <c r="DM452" i="9"/>
  <c r="DM321" i="9"/>
  <c r="BO482" i="9"/>
  <c r="DN482" i="9"/>
  <c r="DN387" i="9"/>
  <c r="DM288" i="9"/>
  <c r="DM414" i="9"/>
  <c r="DM424" i="9"/>
  <c r="DN287" i="9"/>
  <c r="DM358" i="9"/>
  <c r="DM474" i="9"/>
  <c r="BO477" i="9"/>
  <c r="DN477" i="9"/>
  <c r="DN365" i="9"/>
  <c r="DN363" i="9"/>
  <c r="DM423" i="9"/>
  <c r="DM304" i="9"/>
  <c r="DM327" i="9"/>
  <c r="DM277" i="9"/>
  <c r="BO473" i="9"/>
  <c r="DN473" i="9"/>
  <c r="DM355" i="9"/>
  <c r="DM301" i="9"/>
  <c r="DN331" i="9"/>
  <c r="DM361" i="9"/>
  <c r="DM359" i="9"/>
  <c r="DM362" i="9"/>
  <c r="DN328" i="9"/>
  <c r="DN303" i="9"/>
  <c r="DN453" i="9"/>
  <c r="DN364" i="9"/>
  <c r="DM482" i="9"/>
  <c r="DN472" i="9"/>
  <c r="DM302" i="9"/>
  <c r="DM427" i="9"/>
  <c r="BO478" i="9"/>
  <c r="DN478" i="9"/>
  <c r="DN321" i="9"/>
  <c r="DM387" i="9"/>
  <c r="DN356" i="9"/>
  <c r="DN288" i="9"/>
  <c r="DN422" i="9"/>
  <c r="DM354" i="9"/>
  <c r="DN389" i="9"/>
  <c r="DN420" i="9"/>
  <c r="DN388" i="9"/>
  <c r="DN428" i="9"/>
  <c r="DM453" i="9"/>
  <c r="DM473" i="9"/>
  <c r="DN452" i="9"/>
  <c r="DN421" i="9"/>
  <c r="DM426" i="9"/>
  <c r="DM360" i="9"/>
  <c r="DN304" i="9"/>
  <c r="DN327" i="9"/>
  <c r="DN278" i="9"/>
  <c r="DN277" i="9"/>
  <c r="DM422" i="9"/>
  <c r="DN355" i="9"/>
  <c r="DN361" i="9"/>
  <c r="DN424" i="9"/>
  <c r="DN359" i="9"/>
  <c r="DN425" i="9"/>
  <c r="DM420" i="9"/>
  <c r="DM328" i="9"/>
  <c r="DM428" i="9"/>
  <c r="DM364" i="9"/>
  <c r="AB278" i="9"/>
  <c r="AB353" i="9"/>
  <c r="AB286" i="9"/>
  <c r="AB356" i="9"/>
  <c r="AB389" i="9"/>
  <c r="AB421" i="9"/>
  <c r="AB305" i="9"/>
  <c r="AB425" i="9"/>
  <c r="AB357" i="9"/>
  <c r="AB388" i="9"/>
  <c r="AB365" i="9"/>
  <c r="AB363" i="9"/>
  <c r="AB386" i="9"/>
  <c r="AB331" i="9"/>
  <c r="AB303" i="9"/>
  <c r="AB352" i="9"/>
  <c r="AB452" i="9"/>
  <c r="AB321" i="9"/>
  <c r="AB288" i="9"/>
  <c r="AB414" i="9"/>
  <c r="AB424" i="9"/>
  <c r="AB358" i="9"/>
  <c r="AB423" i="9"/>
  <c r="AB304" i="9"/>
  <c r="AB327" i="9"/>
  <c r="AB277" i="9"/>
  <c r="AB355" i="9"/>
  <c r="AB301" i="9"/>
  <c r="AB361" i="9"/>
  <c r="AB359" i="9"/>
  <c r="AB362" i="9"/>
  <c r="AB302" i="9"/>
  <c r="AB427" i="9"/>
  <c r="AB387" i="9"/>
  <c r="AB354" i="9"/>
  <c r="AB453" i="9"/>
  <c r="AB287" i="9"/>
  <c r="AB426" i="9"/>
  <c r="AB360" i="9"/>
  <c r="AB422" i="9"/>
  <c r="AB420" i="9"/>
  <c r="AB328" i="9"/>
  <c r="AB428" i="9"/>
  <c r="AB364" i="9"/>
  <c r="BO362" i="9"/>
  <c r="BO414" i="9"/>
  <c r="BO360" i="9"/>
  <c r="BO423" i="9"/>
  <c r="BO352" i="9"/>
  <c r="BO452" i="9"/>
  <c r="BO286" i="9"/>
  <c r="BO354" i="9"/>
  <c r="BO358" i="9"/>
  <c r="BO301" i="9"/>
  <c r="BO357" i="9"/>
  <c r="BO353" i="9"/>
  <c r="BO386" i="9"/>
  <c r="BO427" i="9"/>
  <c r="BO426" i="9"/>
  <c r="BO387" i="9"/>
  <c r="BO287" i="9"/>
  <c r="BO365" i="9"/>
  <c r="BO363" i="9"/>
  <c r="BO331" i="9"/>
  <c r="BO328" i="9"/>
  <c r="BO303" i="9"/>
  <c r="BO453" i="9"/>
  <c r="BO364" i="9"/>
  <c r="BO321" i="9"/>
  <c r="BO356" i="9"/>
  <c r="BO288" i="9"/>
  <c r="BO422" i="9"/>
  <c r="BO389" i="9"/>
  <c r="BO420" i="9"/>
  <c r="BO388" i="9"/>
  <c r="BO428" i="9"/>
  <c r="BO302" i="9"/>
  <c r="BO305" i="9"/>
  <c r="BO421" i="9"/>
  <c r="BO304" i="9"/>
  <c r="BO327" i="9"/>
  <c r="BO278" i="9"/>
  <c r="BO277" i="9"/>
  <c r="BO355" i="9"/>
  <c r="BO361" i="9"/>
  <c r="BO424" i="9"/>
  <c r="BO359" i="9"/>
  <c r="BO425" i="9"/>
  <c r="DI276" i="9"/>
  <c r="CK276" i="9"/>
  <c r="CC276" i="9"/>
  <c r="CJ276" i="9"/>
  <c r="CB276" i="9"/>
  <c r="CH276" i="9"/>
  <c r="CI276" i="9"/>
  <c r="CA276" i="9"/>
  <c r="BZ276" i="9"/>
  <c r="CG276" i="9"/>
  <c r="BY276" i="9"/>
  <c r="CD276" i="9"/>
  <c r="DL276" i="9"/>
  <c r="DK276" i="9"/>
  <c r="CE276" i="9"/>
  <c r="BX276" i="9"/>
  <c r="BW276" i="9"/>
  <c r="CF276" i="9"/>
  <c r="BV276" i="9"/>
  <c r="CL276" i="9"/>
  <c r="DJ276" i="9"/>
  <c r="DI429" i="9"/>
  <c r="CK429" i="9"/>
  <c r="CC429" i="9"/>
  <c r="CJ429" i="9"/>
  <c r="CB429" i="9"/>
  <c r="CG429" i="9"/>
  <c r="BW429" i="9"/>
  <c r="CF429" i="9"/>
  <c r="BV429" i="9"/>
  <c r="CE429" i="9"/>
  <c r="CD429" i="9"/>
  <c r="BX429" i="9"/>
  <c r="DL429" i="9"/>
  <c r="CH429" i="9"/>
  <c r="CA429" i="9"/>
  <c r="DK429" i="9"/>
  <c r="CL429" i="9"/>
  <c r="DJ429" i="9"/>
  <c r="CI429" i="9"/>
  <c r="BZ429" i="9"/>
  <c r="BY429" i="9"/>
  <c r="CG392" i="9"/>
  <c r="BY392" i="9"/>
  <c r="DJ392" i="9"/>
  <c r="CL392" i="9"/>
  <c r="DL392" i="9"/>
  <c r="CF392" i="9"/>
  <c r="BX392" i="9"/>
  <c r="CD392" i="9"/>
  <c r="DK392" i="9"/>
  <c r="CE392" i="9"/>
  <c r="BW392" i="9"/>
  <c r="BV392" i="9"/>
  <c r="DI392" i="9"/>
  <c r="CK392" i="9"/>
  <c r="CC392" i="9"/>
  <c r="BZ392" i="9"/>
  <c r="CI392" i="9"/>
  <c r="CA392" i="9"/>
  <c r="CH392" i="9"/>
  <c r="CB392" i="9"/>
  <c r="CJ392" i="9"/>
  <c r="DJ393" i="9"/>
  <c r="CL393" i="9"/>
  <c r="CD393" i="9"/>
  <c r="BV393" i="9"/>
  <c r="DI393" i="9"/>
  <c r="CK393" i="9"/>
  <c r="CC393" i="9"/>
  <c r="DL393" i="9"/>
  <c r="CJ393" i="9"/>
  <c r="BZ393" i="9"/>
  <c r="DK393" i="9"/>
  <c r="CI393" i="9"/>
  <c r="BY393" i="9"/>
  <c r="CH393" i="9"/>
  <c r="BX393" i="9"/>
  <c r="CG393" i="9"/>
  <c r="BW393" i="9"/>
  <c r="CF393" i="9"/>
  <c r="CE393" i="9"/>
  <c r="CB393" i="9"/>
  <c r="CA393" i="9"/>
  <c r="DJ398" i="9"/>
  <c r="CL398" i="9"/>
  <c r="CD398" i="9"/>
  <c r="BV398" i="9"/>
  <c r="DI398" i="9"/>
  <c r="CK398" i="9"/>
  <c r="CC398" i="9"/>
  <c r="CI398" i="9"/>
  <c r="CJ398" i="9"/>
  <c r="CB398" i="9"/>
  <c r="CA398" i="9"/>
  <c r="CH398" i="9"/>
  <c r="BZ398" i="9"/>
  <c r="DK398" i="9"/>
  <c r="CF398" i="9"/>
  <c r="CE398" i="9"/>
  <c r="BW398" i="9"/>
  <c r="DL398" i="9"/>
  <c r="BY398" i="9"/>
  <c r="BX398" i="9"/>
  <c r="CG398" i="9"/>
  <c r="CJ379" i="9"/>
  <c r="CB379" i="9"/>
  <c r="CG379" i="9"/>
  <c r="CI379" i="9"/>
  <c r="CA379" i="9"/>
  <c r="BY379" i="9"/>
  <c r="CH379" i="9"/>
  <c r="BZ379" i="9"/>
  <c r="DL379" i="9"/>
  <c r="CF379" i="9"/>
  <c r="BX379" i="9"/>
  <c r="BV379" i="9"/>
  <c r="CC379" i="9"/>
  <c r="BW379" i="9"/>
  <c r="DK379" i="9"/>
  <c r="DJ379" i="9"/>
  <c r="CL379" i="9"/>
  <c r="CE379" i="9"/>
  <c r="DI379" i="9"/>
  <c r="CK379" i="9"/>
  <c r="CD379" i="9"/>
  <c r="CI483" i="9"/>
  <c r="CA483" i="9"/>
  <c r="CH483" i="9"/>
  <c r="BZ483" i="9"/>
  <c r="CG483" i="9"/>
  <c r="BY483" i="9"/>
  <c r="DL483" i="9"/>
  <c r="CF483" i="9"/>
  <c r="BX483" i="9"/>
  <c r="DK483" i="9"/>
  <c r="CE483" i="9"/>
  <c r="BW483" i="9"/>
  <c r="DI483" i="9"/>
  <c r="CK483" i="9"/>
  <c r="CC483" i="9"/>
  <c r="CL483" i="9"/>
  <c r="DJ483" i="9"/>
  <c r="CJ483" i="9"/>
  <c r="CD483" i="9"/>
  <c r="CB483" i="9"/>
  <c r="BV483" i="9"/>
  <c r="DL430" i="9"/>
  <c r="CF430" i="9"/>
  <c r="BX430" i="9"/>
  <c r="DK430" i="9"/>
  <c r="CE430" i="9"/>
  <c r="BW430" i="9"/>
  <c r="CD430" i="9"/>
  <c r="CC430" i="9"/>
  <c r="DJ430" i="9"/>
  <c r="CL430" i="9"/>
  <c r="CB430" i="9"/>
  <c r="DI430" i="9"/>
  <c r="CK430" i="9"/>
  <c r="CA430" i="9"/>
  <c r="CI430" i="9"/>
  <c r="CH430" i="9"/>
  <c r="BY430" i="9"/>
  <c r="BV430" i="9"/>
  <c r="CJ430" i="9"/>
  <c r="CG430" i="9"/>
  <c r="BZ430" i="9"/>
  <c r="CJ441" i="9"/>
  <c r="CB441" i="9"/>
  <c r="CI441" i="9"/>
  <c r="CA441" i="9"/>
  <c r="CF441" i="9"/>
  <c r="BV441" i="9"/>
  <c r="CE441" i="9"/>
  <c r="DL441" i="9"/>
  <c r="CD441" i="9"/>
  <c r="DK441" i="9"/>
  <c r="CC441" i="9"/>
  <c r="DJ441" i="9"/>
  <c r="CL441" i="9"/>
  <c r="DI441" i="9"/>
  <c r="CK441" i="9"/>
  <c r="BZ441" i="9"/>
  <c r="BY441" i="9"/>
  <c r="CH441" i="9"/>
  <c r="CG441" i="9"/>
  <c r="BX441" i="9"/>
  <c r="BW441" i="9"/>
  <c r="CH467" i="9"/>
  <c r="BZ467" i="9"/>
  <c r="CG467" i="9"/>
  <c r="BY467" i="9"/>
  <c r="DK467" i="9"/>
  <c r="CC467" i="9"/>
  <c r="DJ467" i="9"/>
  <c r="CL467" i="9"/>
  <c r="CB467" i="9"/>
  <c r="DI467" i="9"/>
  <c r="CK467" i="9"/>
  <c r="CA467" i="9"/>
  <c r="CJ467" i="9"/>
  <c r="BX467" i="9"/>
  <c r="BW467" i="9"/>
  <c r="BV467" i="9"/>
  <c r="CI467" i="9"/>
  <c r="DL467" i="9"/>
  <c r="CF467" i="9"/>
  <c r="CD467" i="9"/>
  <c r="CE467" i="9"/>
  <c r="CH272" i="9"/>
  <c r="BZ272" i="9"/>
  <c r="CG272" i="9"/>
  <c r="BY272" i="9"/>
  <c r="DJ272" i="9"/>
  <c r="CL272" i="9"/>
  <c r="CD272" i="9"/>
  <c r="BV272" i="9"/>
  <c r="CI272" i="9"/>
  <c r="CF272" i="9"/>
  <c r="CC272" i="9"/>
  <c r="CE272" i="9"/>
  <c r="CB272" i="9"/>
  <c r="DL272" i="9"/>
  <c r="CA272" i="9"/>
  <c r="BW272" i="9"/>
  <c r="CK272" i="9"/>
  <c r="DK272" i="9"/>
  <c r="CJ272" i="9"/>
  <c r="BX272" i="9"/>
  <c r="DI272" i="9"/>
  <c r="CG383" i="9"/>
  <c r="BY383" i="9"/>
  <c r="CD383" i="9"/>
  <c r="DL383" i="9"/>
  <c r="CF383" i="9"/>
  <c r="BX383" i="9"/>
  <c r="DJ383" i="9"/>
  <c r="CL383" i="9"/>
  <c r="BV383" i="9"/>
  <c r="DK383" i="9"/>
  <c r="CE383" i="9"/>
  <c r="BW383" i="9"/>
  <c r="DI383" i="9"/>
  <c r="CK383" i="9"/>
  <c r="CC383" i="9"/>
  <c r="CH383" i="9"/>
  <c r="CA383" i="9"/>
  <c r="CJ383" i="9"/>
  <c r="CB383" i="9"/>
  <c r="CI383" i="9"/>
  <c r="BZ383" i="9"/>
  <c r="DL437" i="9"/>
  <c r="DK437" i="9"/>
  <c r="CE437" i="9"/>
  <c r="BW437" i="9"/>
  <c r="DJ437" i="9"/>
  <c r="CL437" i="9"/>
  <c r="CD437" i="9"/>
  <c r="BV437" i="9"/>
  <c r="CI437" i="9"/>
  <c r="CA437" i="9"/>
  <c r="CH437" i="9"/>
  <c r="BZ437" i="9"/>
  <c r="CC437" i="9"/>
  <c r="CB437" i="9"/>
  <c r="BY437" i="9"/>
  <c r="BX437" i="9"/>
  <c r="CK437" i="9"/>
  <c r="CF437" i="9"/>
  <c r="CJ437" i="9"/>
  <c r="DI437" i="9"/>
  <c r="CG437" i="9"/>
  <c r="DJ273" i="9"/>
  <c r="CL273" i="9"/>
  <c r="CD273" i="9"/>
  <c r="BV273" i="9"/>
  <c r="DI273" i="9"/>
  <c r="CK273" i="9"/>
  <c r="CC273" i="9"/>
  <c r="CG273" i="9"/>
  <c r="BW273" i="9"/>
  <c r="CF273" i="9"/>
  <c r="CE273" i="9"/>
  <c r="CB273" i="9"/>
  <c r="CA273" i="9"/>
  <c r="BX273" i="9"/>
  <c r="DL273" i="9"/>
  <c r="CJ273" i="9"/>
  <c r="DK273" i="9"/>
  <c r="CI273" i="9"/>
  <c r="CH273" i="9"/>
  <c r="BZ273" i="9"/>
  <c r="BY273" i="9"/>
  <c r="DK489" i="9"/>
  <c r="CE489" i="9"/>
  <c r="BW489" i="9"/>
  <c r="CJ489" i="9"/>
  <c r="DJ489" i="9"/>
  <c r="CL489" i="9"/>
  <c r="CD489" i="9"/>
  <c r="BV489" i="9"/>
  <c r="DI489" i="9"/>
  <c r="CK489" i="9"/>
  <c r="CC489" i="9"/>
  <c r="CB489" i="9"/>
  <c r="CI489" i="9"/>
  <c r="CA489" i="9"/>
  <c r="CH489" i="9"/>
  <c r="DL489" i="9"/>
  <c r="CG489" i="9"/>
  <c r="CF489" i="9"/>
  <c r="BY489" i="9"/>
  <c r="BZ489" i="9"/>
  <c r="BX489" i="9"/>
  <c r="CI395" i="9"/>
  <c r="CA395" i="9"/>
  <c r="CH395" i="9"/>
  <c r="BZ395" i="9"/>
  <c r="CE395" i="9"/>
  <c r="DL395" i="9"/>
  <c r="CD395" i="9"/>
  <c r="DK395" i="9"/>
  <c r="CC395" i="9"/>
  <c r="DJ395" i="9"/>
  <c r="CL395" i="9"/>
  <c r="CB395" i="9"/>
  <c r="CG395" i="9"/>
  <c r="CF395" i="9"/>
  <c r="BW395" i="9"/>
  <c r="BV395" i="9"/>
  <c r="BY395" i="9"/>
  <c r="BX395" i="9"/>
  <c r="CK395" i="9"/>
  <c r="DI395" i="9"/>
  <c r="CJ395" i="9"/>
  <c r="DJ435" i="9"/>
  <c r="CL435" i="9"/>
  <c r="CD435" i="9"/>
  <c r="BV435" i="9"/>
  <c r="DI435" i="9"/>
  <c r="CK435" i="9"/>
  <c r="CC435" i="9"/>
  <c r="CJ435" i="9"/>
  <c r="CH435" i="9"/>
  <c r="BZ435" i="9"/>
  <c r="CA435" i="9"/>
  <c r="DL435" i="9"/>
  <c r="BY435" i="9"/>
  <c r="BW435" i="9"/>
  <c r="BX435" i="9"/>
  <c r="CI435" i="9"/>
  <c r="DK435" i="9"/>
  <c r="CG435" i="9"/>
  <c r="CF435" i="9"/>
  <c r="CE435" i="9"/>
  <c r="CB435" i="9"/>
  <c r="DL337" i="9"/>
  <c r="CF337" i="9"/>
  <c r="BX337" i="9"/>
  <c r="DI337" i="9"/>
  <c r="CK337" i="9"/>
  <c r="DK337" i="9"/>
  <c r="CE337" i="9"/>
  <c r="BW337" i="9"/>
  <c r="CC337" i="9"/>
  <c r="DJ337" i="9"/>
  <c r="CL337" i="9"/>
  <c r="CD337" i="9"/>
  <c r="BV337" i="9"/>
  <c r="CJ337" i="9"/>
  <c r="CB337" i="9"/>
  <c r="CI337" i="9"/>
  <c r="BZ337" i="9"/>
  <c r="BY337" i="9"/>
  <c r="CH337" i="9"/>
  <c r="CA337" i="9"/>
  <c r="CG337" i="9"/>
  <c r="CI431" i="9"/>
  <c r="CA431" i="9"/>
  <c r="CH431" i="9"/>
  <c r="BZ431" i="9"/>
  <c r="DK431" i="9"/>
  <c r="CC431" i="9"/>
  <c r="DJ431" i="9"/>
  <c r="CL431" i="9"/>
  <c r="CB431" i="9"/>
  <c r="DI431" i="9"/>
  <c r="CK431" i="9"/>
  <c r="BY431" i="9"/>
  <c r="CJ431" i="9"/>
  <c r="BX431" i="9"/>
  <c r="CD431" i="9"/>
  <c r="BW431" i="9"/>
  <c r="CG431" i="9"/>
  <c r="DL431" i="9"/>
  <c r="CE431" i="9"/>
  <c r="BV431" i="9"/>
  <c r="CF431" i="9"/>
  <c r="DL418" i="9"/>
  <c r="CF418" i="9"/>
  <c r="BX418" i="9"/>
  <c r="DK418" i="9"/>
  <c r="CE418" i="9"/>
  <c r="BW418" i="9"/>
  <c r="DJ418" i="9"/>
  <c r="CL418" i="9"/>
  <c r="CD418" i="9"/>
  <c r="BV418" i="9"/>
  <c r="CJ418" i="9"/>
  <c r="CB418" i="9"/>
  <c r="CH418" i="9"/>
  <c r="DI418" i="9"/>
  <c r="CG418" i="9"/>
  <c r="CC418" i="9"/>
  <c r="BZ418" i="9"/>
  <c r="BY418" i="9"/>
  <c r="CK418" i="9"/>
  <c r="CI418" i="9"/>
  <c r="CA418" i="9"/>
  <c r="CH443" i="9"/>
  <c r="BZ443" i="9"/>
  <c r="CG443" i="9"/>
  <c r="BY443" i="9"/>
  <c r="DL443" i="9"/>
  <c r="CF443" i="9"/>
  <c r="BX443" i="9"/>
  <c r="DJ443" i="9"/>
  <c r="CL443" i="9"/>
  <c r="CD443" i="9"/>
  <c r="BV443" i="9"/>
  <c r="BW443" i="9"/>
  <c r="CA443" i="9"/>
  <c r="DK443" i="9"/>
  <c r="CK443" i="9"/>
  <c r="CE443" i="9"/>
  <c r="CB443" i="9"/>
  <c r="DI443" i="9"/>
  <c r="CJ443" i="9"/>
  <c r="CI443" i="9"/>
  <c r="CC443" i="9"/>
  <c r="DI447" i="9"/>
  <c r="CK447" i="9"/>
  <c r="CC447" i="9"/>
  <c r="CJ447" i="9"/>
  <c r="CB447" i="9"/>
  <c r="CI447" i="9"/>
  <c r="CA447" i="9"/>
  <c r="CH447" i="9"/>
  <c r="BZ447" i="9"/>
  <c r="DK447" i="9"/>
  <c r="CL447" i="9"/>
  <c r="BV447" i="9"/>
  <c r="DJ447" i="9"/>
  <c r="CG447" i="9"/>
  <c r="CD447" i="9"/>
  <c r="BY447" i="9"/>
  <c r="BX447" i="9"/>
  <c r="BW447" i="9"/>
  <c r="DL447" i="9"/>
  <c r="CE447" i="9"/>
  <c r="CF447" i="9"/>
  <c r="DK391" i="9"/>
  <c r="CE391" i="9"/>
  <c r="BW391" i="9"/>
  <c r="DJ391" i="9"/>
  <c r="CL391" i="9"/>
  <c r="CD391" i="9"/>
  <c r="BV391" i="9"/>
  <c r="DI391" i="9"/>
  <c r="CK391" i="9"/>
  <c r="CC391" i="9"/>
  <c r="CI391" i="9"/>
  <c r="CA391" i="9"/>
  <c r="BX391" i="9"/>
  <c r="CB391" i="9"/>
  <c r="CJ391" i="9"/>
  <c r="CF391" i="9"/>
  <c r="BY391" i="9"/>
  <c r="DL391" i="9"/>
  <c r="CH391" i="9"/>
  <c r="BZ391" i="9"/>
  <c r="CG391" i="9"/>
  <c r="DI405" i="9"/>
  <c r="CJ405" i="9"/>
  <c r="CB405" i="9"/>
  <c r="CG405" i="9"/>
  <c r="BY405" i="9"/>
  <c r="DL405" i="9"/>
  <c r="CC405" i="9"/>
  <c r="CI405" i="9"/>
  <c r="DK405" i="9"/>
  <c r="CL405" i="9"/>
  <c r="CA405" i="9"/>
  <c r="DJ405" i="9"/>
  <c r="CK405" i="9"/>
  <c r="BZ405" i="9"/>
  <c r="BX405" i="9"/>
  <c r="CH405" i="9"/>
  <c r="BW405" i="9"/>
  <c r="CF405" i="9"/>
  <c r="BV405" i="9"/>
  <c r="CD405" i="9"/>
  <c r="CE405" i="9"/>
  <c r="CI376" i="9"/>
  <c r="CA376" i="9"/>
  <c r="CH376" i="9"/>
  <c r="BZ376" i="9"/>
  <c r="DK376" i="9"/>
  <c r="CE376" i="9"/>
  <c r="BW376" i="9"/>
  <c r="DJ376" i="9"/>
  <c r="CL376" i="9"/>
  <c r="CD376" i="9"/>
  <c r="BV376" i="9"/>
  <c r="CG376" i="9"/>
  <c r="CF376" i="9"/>
  <c r="CC376" i="9"/>
  <c r="CB376" i="9"/>
  <c r="BY376" i="9"/>
  <c r="BX376" i="9"/>
  <c r="DL376" i="9"/>
  <c r="CK376" i="9"/>
  <c r="DI376" i="9"/>
  <c r="CJ376" i="9"/>
  <c r="DK432" i="9"/>
  <c r="CE432" i="9"/>
  <c r="BW432" i="9"/>
  <c r="DJ432" i="9"/>
  <c r="CL432" i="9"/>
  <c r="CD432" i="9"/>
  <c r="BV432" i="9"/>
  <c r="DI432" i="9"/>
  <c r="CK432" i="9"/>
  <c r="CC432" i="9"/>
  <c r="CJ432" i="9"/>
  <c r="CB432" i="9"/>
  <c r="CG432" i="9"/>
  <c r="CF432" i="9"/>
  <c r="BY432" i="9"/>
  <c r="BX432" i="9"/>
  <c r="CA432" i="9"/>
  <c r="BZ432" i="9"/>
  <c r="CI432" i="9"/>
  <c r="CH432" i="9"/>
  <c r="DL432" i="9"/>
  <c r="CH373" i="9"/>
  <c r="BZ373" i="9"/>
  <c r="CG373" i="9"/>
  <c r="BY373" i="9"/>
  <c r="DJ373" i="9"/>
  <c r="CL373" i="9"/>
  <c r="CD373" i="9"/>
  <c r="BV373" i="9"/>
  <c r="DI373" i="9"/>
  <c r="CK373" i="9"/>
  <c r="CC373" i="9"/>
  <c r="DL373" i="9"/>
  <c r="CJ373" i="9"/>
  <c r="DK373" i="9"/>
  <c r="CI373" i="9"/>
  <c r="CF373" i="9"/>
  <c r="CE373" i="9"/>
  <c r="CB373" i="9"/>
  <c r="CA373" i="9"/>
  <c r="BX373" i="9"/>
  <c r="BW373" i="9"/>
  <c r="CJ412" i="9"/>
  <c r="CB412" i="9"/>
  <c r="CG412" i="9"/>
  <c r="CI412" i="9"/>
  <c r="CA412" i="9"/>
  <c r="BY412" i="9"/>
  <c r="CH412" i="9"/>
  <c r="BZ412" i="9"/>
  <c r="DL412" i="9"/>
  <c r="CF412" i="9"/>
  <c r="BX412" i="9"/>
  <c r="BW412" i="9"/>
  <c r="CD412" i="9"/>
  <c r="BV412" i="9"/>
  <c r="CK412" i="9"/>
  <c r="DK412" i="9"/>
  <c r="DI412" i="9"/>
  <c r="CE412" i="9"/>
  <c r="DJ412" i="9"/>
  <c r="CL412" i="9"/>
  <c r="CC412" i="9"/>
  <c r="DL381" i="9"/>
  <c r="CF381" i="9"/>
  <c r="BX381" i="9"/>
  <c r="DI381" i="9"/>
  <c r="CK381" i="9"/>
  <c r="DK381" i="9"/>
  <c r="CE381" i="9"/>
  <c r="BW381" i="9"/>
  <c r="CC381" i="9"/>
  <c r="DJ381" i="9"/>
  <c r="CL381" i="9"/>
  <c r="CD381" i="9"/>
  <c r="BV381" i="9"/>
  <c r="CJ381" i="9"/>
  <c r="CB381" i="9"/>
  <c r="BY381" i="9"/>
  <c r="CI381" i="9"/>
  <c r="CG381" i="9"/>
  <c r="CA381" i="9"/>
  <c r="BZ381" i="9"/>
  <c r="CH381" i="9"/>
  <c r="CG413" i="9"/>
  <c r="BY413" i="9"/>
  <c r="DL413" i="9"/>
  <c r="CF413" i="9"/>
  <c r="BX413" i="9"/>
  <c r="CD413" i="9"/>
  <c r="DK413" i="9"/>
  <c r="CE413" i="9"/>
  <c r="BW413" i="9"/>
  <c r="DJ413" i="9"/>
  <c r="CL413" i="9"/>
  <c r="BV413" i="9"/>
  <c r="DI413" i="9"/>
  <c r="CK413" i="9"/>
  <c r="CC413" i="9"/>
  <c r="CA413" i="9"/>
  <c r="CI413" i="9"/>
  <c r="BZ413" i="9"/>
  <c r="CJ413" i="9"/>
  <c r="CH413" i="9"/>
  <c r="CB413" i="9"/>
  <c r="DJ380" i="9"/>
  <c r="CL380" i="9"/>
  <c r="CD380" i="9"/>
  <c r="BV380" i="9"/>
  <c r="CA380" i="9"/>
  <c r="DI380" i="9"/>
  <c r="CK380" i="9"/>
  <c r="CC380" i="9"/>
  <c r="CI380" i="9"/>
  <c r="CJ380" i="9"/>
  <c r="CB380" i="9"/>
  <c r="CH380" i="9"/>
  <c r="BZ380" i="9"/>
  <c r="CE380" i="9"/>
  <c r="DL380" i="9"/>
  <c r="CF380" i="9"/>
  <c r="BY380" i="9"/>
  <c r="BX380" i="9"/>
  <c r="CG380" i="9"/>
  <c r="DK380" i="9"/>
  <c r="BW380" i="9"/>
  <c r="CI349" i="9"/>
  <c r="CA349" i="9"/>
  <c r="CH349" i="9"/>
  <c r="BZ349" i="9"/>
  <c r="CG349" i="9"/>
  <c r="BY349" i="9"/>
  <c r="DK349" i="9"/>
  <c r="BW349" i="9"/>
  <c r="CB349" i="9"/>
  <c r="DL349" i="9"/>
  <c r="BX349" i="9"/>
  <c r="DI349" i="9"/>
  <c r="CK349" i="9"/>
  <c r="DJ349" i="9"/>
  <c r="CL349" i="9"/>
  <c r="BV349" i="9"/>
  <c r="CJ349" i="9"/>
  <c r="CF349" i="9"/>
  <c r="CD349" i="9"/>
  <c r="CC349" i="9"/>
  <c r="DK382" i="9"/>
  <c r="CE382" i="9"/>
  <c r="BW382" i="9"/>
  <c r="DJ382" i="9"/>
  <c r="CL382" i="9"/>
  <c r="CD382" i="9"/>
  <c r="BV382" i="9"/>
  <c r="DI382" i="9"/>
  <c r="CK382" i="9"/>
  <c r="CC382" i="9"/>
  <c r="CI382" i="9"/>
  <c r="CA382" i="9"/>
  <c r="CF382" i="9"/>
  <c r="CJ382" i="9"/>
  <c r="CB382" i="9"/>
  <c r="BZ382" i="9"/>
  <c r="BX382" i="9"/>
  <c r="CH382" i="9"/>
  <c r="CG382" i="9"/>
  <c r="BY382" i="9"/>
  <c r="DL382" i="9"/>
  <c r="DK440" i="9"/>
  <c r="CE440" i="9"/>
  <c r="BW440" i="9"/>
  <c r="DJ440" i="9"/>
  <c r="CL440" i="9"/>
  <c r="CD440" i="9"/>
  <c r="BV440" i="9"/>
  <c r="CB440" i="9"/>
  <c r="DL440" i="9"/>
  <c r="CK440" i="9"/>
  <c r="CA440" i="9"/>
  <c r="DI440" i="9"/>
  <c r="CJ440" i="9"/>
  <c r="BZ440" i="9"/>
  <c r="CI440" i="9"/>
  <c r="BY440" i="9"/>
  <c r="CF440" i="9"/>
  <c r="CC440" i="9"/>
  <c r="CH440" i="9"/>
  <c r="BX440" i="9"/>
  <c r="CG440" i="9"/>
  <c r="DL274" i="9"/>
  <c r="CF274" i="9"/>
  <c r="BX274" i="9"/>
  <c r="DK274" i="9"/>
  <c r="CE274" i="9"/>
  <c r="BW274" i="9"/>
  <c r="DJ274" i="9"/>
  <c r="CL274" i="9"/>
  <c r="CD274" i="9"/>
  <c r="BV274" i="9"/>
  <c r="CJ274" i="9"/>
  <c r="CB274" i="9"/>
  <c r="BZ274" i="9"/>
  <c r="BY274" i="9"/>
  <c r="CG274" i="9"/>
  <c r="CA274" i="9"/>
  <c r="CK274" i="9"/>
  <c r="CH274" i="9"/>
  <c r="CC274" i="9"/>
  <c r="DI274" i="9"/>
  <c r="CI274" i="9"/>
  <c r="CJ462" i="9"/>
  <c r="CB462" i="9"/>
  <c r="CI462" i="9"/>
  <c r="CA462" i="9"/>
  <c r="DL462" i="9"/>
  <c r="CF462" i="9"/>
  <c r="BX462" i="9"/>
  <c r="DJ462" i="9"/>
  <c r="CL462" i="9"/>
  <c r="BY462" i="9"/>
  <c r="DI462" i="9"/>
  <c r="CK462" i="9"/>
  <c r="BW462" i="9"/>
  <c r="CH462" i="9"/>
  <c r="BV462" i="9"/>
  <c r="CG462" i="9"/>
  <c r="CE462" i="9"/>
  <c r="CD462" i="9"/>
  <c r="BZ462" i="9"/>
  <c r="DK462" i="9"/>
  <c r="CC462" i="9"/>
  <c r="DL446" i="9"/>
  <c r="CF446" i="9"/>
  <c r="DK446" i="9"/>
  <c r="CE446" i="9"/>
  <c r="BW446" i="9"/>
  <c r="DJ446" i="9"/>
  <c r="CL446" i="9"/>
  <c r="CD446" i="9"/>
  <c r="BV446" i="9"/>
  <c r="DI446" i="9"/>
  <c r="CK446" i="9"/>
  <c r="CC446" i="9"/>
  <c r="CI446" i="9"/>
  <c r="CH446" i="9"/>
  <c r="CA446" i="9"/>
  <c r="BZ446" i="9"/>
  <c r="CJ446" i="9"/>
  <c r="CG446" i="9"/>
  <c r="CB446" i="9"/>
  <c r="BY446" i="9"/>
  <c r="BX446" i="9"/>
  <c r="DL378" i="9"/>
  <c r="CF378" i="9"/>
  <c r="BX378" i="9"/>
  <c r="DK378" i="9"/>
  <c r="CE378" i="9"/>
  <c r="BW378" i="9"/>
  <c r="CH378" i="9"/>
  <c r="BV378" i="9"/>
  <c r="CG378" i="9"/>
  <c r="CD378" i="9"/>
  <c r="CC378" i="9"/>
  <c r="DI378" i="9"/>
  <c r="CK378" i="9"/>
  <c r="CJ378" i="9"/>
  <c r="CA378" i="9"/>
  <c r="BZ378" i="9"/>
  <c r="CL378" i="9"/>
  <c r="DJ378" i="9"/>
  <c r="CI378" i="9"/>
  <c r="CB378" i="9"/>
  <c r="BY378" i="9"/>
  <c r="CJ448" i="9"/>
  <c r="CB448" i="9"/>
  <c r="CI448" i="9"/>
  <c r="CA448" i="9"/>
  <c r="CH448" i="9"/>
  <c r="BZ448" i="9"/>
  <c r="CG448" i="9"/>
  <c r="BY448" i="9"/>
  <c r="DJ448" i="9"/>
  <c r="CL448" i="9"/>
  <c r="CD448" i="9"/>
  <c r="BV448" i="9"/>
  <c r="DL448" i="9"/>
  <c r="DK448" i="9"/>
  <c r="CK448" i="9"/>
  <c r="CF448" i="9"/>
  <c r="DI448" i="9"/>
  <c r="CE448" i="9"/>
  <c r="CC448" i="9"/>
  <c r="BX448" i="9"/>
  <c r="BW448" i="9"/>
  <c r="CG406" i="9"/>
  <c r="BY406" i="9"/>
  <c r="DL406" i="9"/>
  <c r="CF406" i="9"/>
  <c r="BX406" i="9"/>
  <c r="DK406" i="9"/>
  <c r="CE406" i="9"/>
  <c r="BW406" i="9"/>
  <c r="DJ406" i="9"/>
  <c r="CL406" i="9"/>
  <c r="CD406" i="9"/>
  <c r="BV406" i="9"/>
  <c r="CI406" i="9"/>
  <c r="CA406" i="9"/>
  <c r="CH406" i="9"/>
  <c r="CC406" i="9"/>
  <c r="CB406" i="9"/>
  <c r="BZ406" i="9"/>
  <c r="DI406" i="9"/>
  <c r="CJ406" i="9"/>
  <c r="CK406" i="9"/>
  <c r="DJ340" i="9"/>
  <c r="CL340" i="9"/>
  <c r="CD340" i="9"/>
  <c r="BV340" i="9"/>
  <c r="DI340" i="9"/>
  <c r="CK340" i="9"/>
  <c r="CC340" i="9"/>
  <c r="CJ340" i="9"/>
  <c r="CB340" i="9"/>
  <c r="CH340" i="9"/>
  <c r="BZ340" i="9"/>
  <c r="CA340" i="9"/>
  <c r="CI340" i="9"/>
  <c r="CG340" i="9"/>
  <c r="CE340" i="9"/>
  <c r="BY340" i="9"/>
  <c r="CF340" i="9"/>
  <c r="BX340" i="9"/>
  <c r="BW340" i="9"/>
  <c r="DL340" i="9"/>
  <c r="DK340" i="9"/>
  <c r="DL456" i="9"/>
  <c r="CF456" i="9"/>
  <c r="BX456" i="9"/>
  <c r="DK456" i="9"/>
  <c r="CE456" i="9"/>
  <c r="BW456" i="9"/>
  <c r="DJ456" i="9"/>
  <c r="CL456" i="9"/>
  <c r="CD456" i="9"/>
  <c r="BV456" i="9"/>
  <c r="DI456" i="9"/>
  <c r="CK456" i="9"/>
  <c r="CC456" i="9"/>
  <c r="CH456" i="9"/>
  <c r="BZ456" i="9"/>
  <c r="CB456" i="9"/>
  <c r="CA456" i="9"/>
  <c r="BY456" i="9"/>
  <c r="CJ456" i="9"/>
  <c r="CI456" i="9"/>
  <c r="CG456" i="9"/>
  <c r="DJ460" i="9"/>
  <c r="CL460" i="9"/>
  <c r="CD460" i="9"/>
  <c r="BV460" i="9"/>
  <c r="DI460" i="9"/>
  <c r="CK460" i="9"/>
  <c r="CC460" i="9"/>
  <c r="CJ460" i="9"/>
  <c r="CB460" i="9"/>
  <c r="CI460" i="9"/>
  <c r="CA460" i="9"/>
  <c r="DL460" i="9"/>
  <c r="CF460" i="9"/>
  <c r="BX460" i="9"/>
  <c r="CH460" i="9"/>
  <c r="DK460" i="9"/>
  <c r="CG460" i="9"/>
  <c r="CE460" i="9"/>
  <c r="BZ460" i="9"/>
  <c r="BY460" i="9"/>
  <c r="BW460" i="9"/>
  <c r="DL417" i="9"/>
  <c r="CF417" i="9"/>
  <c r="BX417" i="9"/>
  <c r="DK417" i="9"/>
  <c r="CE417" i="9"/>
  <c r="BW417" i="9"/>
  <c r="CJ417" i="9"/>
  <c r="CB417" i="9"/>
  <c r="CI417" i="9"/>
  <c r="CA417" i="9"/>
  <c r="CG417" i="9"/>
  <c r="CD417" i="9"/>
  <c r="CC417" i="9"/>
  <c r="BZ417" i="9"/>
  <c r="BY417" i="9"/>
  <c r="BV417" i="9"/>
  <c r="DJ417" i="9"/>
  <c r="CL417" i="9"/>
  <c r="DI417" i="9"/>
  <c r="CH417" i="9"/>
  <c r="CK417" i="9"/>
  <c r="CI390" i="9"/>
  <c r="CA390" i="9"/>
  <c r="CH390" i="9"/>
  <c r="BZ390" i="9"/>
  <c r="CG390" i="9"/>
  <c r="BY390" i="9"/>
  <c r="DL390" i="9"/>
  <c r="CF390" i="9"/>
  <c r="BX390" i="9"/>
  <c r="DI390" i="9"/>
  <c r="CK390" i="9"/>
  <c r="CC390" i="9"/>
  <c r="DK390" i="9"/>
  <c r="CL390" i="9"/>
  <c r="DJ390" i="9"/>
  <c r="CJ390" i="9"/>
  <c r="CE390" i="9"/>
  <c r="CD390" i="9"/>
  <c r="CB390" i="9"/>
  <c r="BW390" i="9"/>
  <c r="BV390" i="9"/>
  <c r="CJ341" i="9"/>
  <c r="CB341" i="9"/>
  <c r="CI341" i="9"/>
  <c r="CA341" i="9"/>
  <c r="CH341" i="9"/>
  <c r="BZ341" i="9"/>
  <c r="CG341" i="9"/>
  <c r="BY341" i="9"/>
  <c r="CF341" i="9"/>
  <c r="CE341" i="9"/>
  <c r="DL341" i="9"/>
  <c r="BX341" i="9"/>
  <c r="DK341" i="9"/>
  <c r="BW341" i="9"/>
  <c r="DJ341" i="9"/>
  <c r="CL341" i="9"/>
  <c r="DI341" i="9"/>
  <c r="CK341" i="9"/>
  <c r="CD341" i="9"/>
  <c r="CC341" i="9"/>
  <c r="BV341" i="9"/>
  <c r="CJ377" i="9"/>
  <c r="CB377" i="9"/>
  <c r="CI377" i="9"/>
  <c r="CA377" i="9"/>
  <c r="DL377" i="9"/>
  <c r="CF377" i="9"/>
  <c r="BX377" i="9"/>
  <c r="DK377" i="9"/>
  <c r="CE377" i="9"/>
  <c r="BW377" i="9"/>
  <c r="DI377" i="9"/>
  <c r="CK377" i="9"/>
  <c r="CH377" i="9"/>
  <c r="CG377" i="9"/>
  <c r="CD377" i="9"/>
  <c r="CC377" i="9"/>
  <c r="BZ377" i="9"/>
  <c r="DJ377" i="9"/>
  <c r="CL377" i="9"/>
  <c r="BY377" i="9"/>
  <c r="BV377" i="9"/>
  <c r="DK370" i="9"/>
  <c r="CE370" i="9"/>
  <c r="BW370" i="9"/>
  <c r="DJ370" i="9"/>
  <c r="CL370" i="9"/>
  <c r="CD370" i="9"/>
  <c r="BV370" i="9"/>
  <c r="DI370" i="9"/>
  <c r="CK370" i="9"/>
  <c r="CC370" i="9"/>
  <c r="CI370" i="9"/>
  <c r="CA370" i="9"/>
  <c r="CJ370" i="9"/>
  <c r="CF370" i="9"/>
  <c r="DL370" i="9"/>
  <c r="CH370" i="9"/>
  <c r="CG370" i="9"/>
  <c r="CB370" i="9"/>
  <c r="BZ370" i="9"/>
  <c r="BY370" i="9"/>
  <c r="BX370" i="9"/>
  <c r="DJ279" i="9"/>
  <c r="CL279" i="9"/>
  <c r="CD279" i="9"/>
  <c r="BV279" i="9"/>
  <c r="CA279" i="9"/>
  <c r="DI279" i="9"/>
  <c r="CK279" i="9"/>
  <c r="CC279" i="9"/>
  <c r="CI279" i="9"/>
  <c r="CJ279" i="9"/>
  <c r="CB279" i="9"/>
  <c r="CH279" i="9"/>
  <c r="BZ279" i="9"/>
  <c r="CG279" i="9"/>
  <c r="BX279" i="9"/>
  <c r="DL279" i="9"/>
  <c r="CF279" i="9"/>
  <c r="BW279" i="9"/>
  <c r="DK279" i="9"/>
  <c r="CE279" i="9"/>
  <c r="BY279" i="9"/>
  <c r="CI284" i="9"/>
  <c r="CA284" i="9"/>
  <c r="CH284" i="9"/>
  <c r="BZ284" i="9"/>
  <c r="DK284" i="9"/>
  <c r="CE284" i="9"/>
  <c r="BW284" i="9"/>
  <c r="DJ284" i="9"/>
  <c r="CC284" i="9"/>
  <c r="CB284" i="9"/>
  <c r="DL284" i="9"/>
  <c r="CL284" i="9"/>
  <c r="BY284" i="9"/>
  <c r="DI284" i="9"/>
  <c r="CK284" i="9"/>
  <c r="BX284" i="9"/>
  <c r="CJ284" i="9"/>
  <c r="BV284" i="9"/>
  <c r="CG284" i="9"/>
  <c r="CF284" i="9"/>
  <c r="CD284" i="9"/>
  <c r="CH394" i="9"/>
  <c r="BZ394" i="9"/>
  <c r="CG394" i="9"/>
  <c r="BY394" i="9"/>
  <c r="DL394" i="9"/>
  <c r="CF394" i="9"/>
  <c r="BX394" i="9"/>
  <c r="DK394" i="9"/>
  <c r="CE394" i="9"/>
  <c r="BW394" i="9"/>
  <c r="CJ394" i="9"/>
  <c r="CI394" i="9"/>
  <c r="CB394" i="9"/>
  <c r="CA394" i="9"/>
  <c r="DJ394" i="9"/>
  <c r="CL394" i="9"/>
  <c r="DI394" i="9"/>
  <c r="CK394" i="9"/>
  <c r="CD394" i="9"/>
  <c r="BV394" i="9"/>
  <c r="CC394" i="9"/>
  <c r="CI458" i="9"/>
  <c r="CA458" i="9"/>
  <c r="CH458" i="9"/>
  <c r="BZ458" i="9"/>
  <c r="CG458" i="9"/>
  <c r="BY458" i="9"/>
  <c r="DL458" i="9"/>
  <c r="CF458" i="9"/>
  <c r="BX458" i="9"/>
  <c r="DI458" i="9"/>
  <c r="CK458" i="9"/>
  <c r="CC458" i="9"/>
  <c r="BW458" i="9"/>
  <c r="BV458" i="9"/>
  <c r="DK458" i="9"/>
  <c r="CL458" i="9"/>
  <c r="CJ458" i="9"/>
  <c r="DJ458" i="9"/>
  <c r="CD458" i="9"/>
  <c r="CB458" i="9"/>
  <c r="CE458" i="9"/>
  <c r="DI371" i="9"/>
  <c r="CK371" i="9"/>
  <c r="CC371" i="9"/>
  <c r="CJ371" i="9"/>
  <c r="CB371" i="9"/>
  <c r="CI371" i="9"/>
  <c r="CA371" i="9"/>
  <c r="CG371" i="9"/>
  <c r="BY371" i="9"/>
  <c r="DL371" i="9"/>
  <c r="BW371" i="9"/>
  <c r="CF371" i="9"/>
  <c r="DK371" i="9"/>
  <c r="CL371" i="9"/>
  <c r="BV371" i="9"/>
  <c r="DJ371" i="9"/>
  <c r="CH371" i="9"/>
  <c r="CE371" i="9"/>
  <c r="CD371" i="9"/>
  <c r="BZ371" i="9"/>
  <c r="BX371" i="9"/>
  <c r="CI436" i="9"/>
  <c r="CA436" i="9"/>
  <c r="CH436" i="9"/>
  <c r="BZ436" i="9"/>
  <c r="CF436" i="9"/>
  <c r="CG436" i="9"/>
  <c r="BY436" i="9"/>
  <c r="DL436" i="9"/>
  <c r="BX436" i="9"/>
  <c r="DK436" i="9"/>
  <c r="CE436" i="9"/>
  <c r="BW436" i="9"/>
  <c r="DJ436" i="9"/>
  <c r="CL436" i="9"/>
  <c r="BV436" i="9"/>
  <c r="DI436" i="9"/>
  <c r="CK436" i="9"/>
  <c r="CC436" i="9"/>
  <c r="CJ436" i="9"/>
  <c r="CD436" i="9"/>
  <c r="CB436" i="9"/>
  <c r="DI468" i="9"/>
  <c r="CK468" i="9"/>
  <c r="CC468" i="9"/>
  <c r="CJ468" i="9"/>
  <c r="CB468" i="9"/>
  <c r="DJ468" i="9"/>
  <c r="CI468" i="9"/>
  <c r="BY468" i="9"/>
  <c r="CH468" i="9"/>
  <c r="BX468" i="9"/>
  <c r="CG468" i="9"/>
  <c r="BW468" i="9"/>
  <c r="CF468" i="9"/>
  <c r="BV468" i="9"/>
  <c r="CD468" i="9"/>
  <c r="CA468" i="9"/>
  <c r="DL468" i="9"/>
  <c r="CL468" i="9"/>
  <c r="DK468" i="9"/>
  <c r="CE468" i="9"/>
  <c r="BZ468" i="9"/>
  <c r="DJ434" i="9"/>
  <c r="CL434" i="9"/>
  <c r="CD434" i="9"/>
  <c r="BV434" i="9"/>
  <c r="DI434" i="9"/>
  <c r="CK434" i="9"/>
  <c r="CC434" i="9"/>
  <c r="CJ434" i="9"/>
  <c r="CB434" i="9"/>
  <c r="CI434" i="9"/>
  <c r="CA434" i="9"/>
  <c r="CE434" i="9"/>
  <c r="BZ434" i="9"/>
  <c r="BW434" i="9"/>
  <c r="DL434" i="9"/>
  <c r="CH434" i="9"/>
  <c r="CG434" i="9"/>
  <c r="CF434" i="9"/>
  <c r="DK434" i="9"/>
  <c r="BY434" i="9"/>
  <c r="BX434" i="9"/>
  <c r="DK351" i="9"/>
  <c r="CE351" i="9"/>
  <c r="BW351" i="9"/>
  <c r="DJ351" i="9"/>
  <c r="CL351" i="9"/>
  <c r="CD351" i="9"/>
  <c r="BV351" i="9"/>
  <c r="DI351" i="9"/>
  <c r="CK351" i="9"/>
  <c r="CC351" i="9"/>
  <c r="CJ351" i="9"/>
  <c r="CB351" i="9"/>
  <c r="CG351" i="9"/>
  <c r="BY351" i="9"/>
  <c r="CI351" i="9"/>
  <c r="DL351" i="9"/>
  <c r="CH351" i="9"/>
  <c r="CF351" i="9"/>
  <c r="CA351" i="9"/>
  <c r="BZ351" i="9"/>
  <c r="BX351" i="9"/>
  <c r="DI459" i="9"/>
  <c r="CK459" i="9"/>
  <c r="CC459" i="9"/>
  <c r="CJ459" i="9"/>
  <c r="CB459" i="9"/>
  <c r="CI459" i="9"/>
  <c r="CA459" i="9"/>
  <c r="CH459" i="9"/>
  <c r="BZ459" i="9"/>
  <c r="DK459" i="9"/>
  <c r="CE459" i="9"/>
  <c r="BW459" i="9"/>
  <c r="DL459" i="9"/>
  <c r="CL459" i="9"/>
  <c r="DJ459" i="9"/>
  <c r="CG459" i="9"/>
  <c r="CF459" i="9"/>
  <c r="CD459" i="9"/>
  <c r="BY459" i="9"/>
  <c r="BX459" i="9"/>
  <c r="BV459" i="9"/>
  <c r="CH320" i="9"/>
  <c r="BZ320" i="9"/>
  <c r="CG320" i="9"/>
  <c r="BY320" i="9"/>
  <c r="DJ320" i="9"/>
  <c r="CL320" i="9"/>
  <c r="CD320" i="9"/>
  <c r="BV320" i="9"/>
  <c r="DI320" i="9"/>
  <c r="CK320" i="9"/>
  <c r="CC320" i="9"/>
  <c r="CB320" i="9"/>
  <c r="CA320" i="9"/>
  <c r="BX320" i="9"/>
  <c r="BW320" i="9"/>
  <c r="DL320" i="9"/>
  <c r="CJ320" i="9"/>
  <c r="CI320" i="9"/>
  <c r="DK320" i="9"/>
  <c r="CF320" i="9"/>
  <c r="CE320" i="9"/>
  <c r="CG408" i="9"/>
  <c r="BY408" i="9"/>
  <c r="DL408" i="9"/>
  <c r="CF408" i="9"/>
  <c r="BX408" i="9"/>
  <c r="DK408" i="9"/>
  <c r="CE408" i="9"/>
  <c r="BW408" i="9"/>
  <c r="DJ408" i="9"/>
  <c r="CL408" i="9"/>
  <c r="CD408" i="9"/>
  <c r="BV408" i="9"/>
  <c r="CI408" i="9"/>
  <c r="CA408" i="9"/>
  <c r="CC408" i="9"/>
  <c r="CB408" i="9"/>
  <c r="BZ408" i="9"/>
  <c r="DI408" i="9"/>
  <c r="CJ408" i="9"/>
  <c r="CH408" i="9"/>
  <c r="CK408" i="9"/>
  <c r="CJ343" i="9"/>
  <c r="CB343" i="9"/>
  <c r="CI343" i="9"/>
  <c r="CA343" i="9"/>
  <c r="CH343" i="9"/>
  <c r="BZ343" i="9"/>
  <c r="DL343" i="9"/>
  <c r="CF343" i="9"/>
  <c r="BX343" i="9"/>
  <c r="DK343" i="9"/>
  <c r="BW343" i="9"/>
  <c r="DJ343" i="9"/>
  <c r="CL343" i="9"/>
  <c r="BV343" i="9"/>
  <c r="CD343" i="9"/>
  <c r="BY343" i="9"/>
  <c r="DI343" i="9"/>
  <c r="CK343" i="9"/>
  <c r="CG343" i="9"/>
  <c r="CE343" i="9"/>
  <c r="CC343" i="9"/>
  <c r="DL455" i="9"/>
  <c r="CF455" i="9"/>
  <c r="BX455" i="9"/>
  <c r="DK455" i="9"/>
  <c r="CE455" i="9"/>
  <c r="BW455" i="9"/>
  <c r="DJ455" i="9"/>
  <c r="CL455" i="9"/>
  <c r="CD455" i="9"/>
  <c r="BV455" i="9"/>
  <c r="DI455" i="9"/>
  <c r="CK455" i="9"/>
  <c r="CC455" i="9"/>
  <c r="CH455" i="9"/>
  <c r="BZ455" i="9"/>
  <c r="BY455" i="9"/>
  <c r="CJ455" i="9"/>
  <c r="CI455" i="9"/>
  <c r="CG455" i="9"/>
  <c r="CB455" i="9"/>
  <c r="CA455" i="9"/>
  <c r="DJ470" i="9"/>
  <c r="CL470" i="9"/>
  <c r="CD470" i="9"/>
  <c r="BV470" i="9"/>
  <c r="DI470" i="9"/>
  <c r="CK470" i="9"/>
  <c r="CC470" i="9"/>
  <c r="CH470" i="9"/>
  <c r="BX470" i="9"/>
  <c r="CG470" i="9"/>
  <c r="BW470" i="9"/>
  <c r="CF470" i="9"/>
  <c r="CE470" i="9"/>
  <c r="BY470" i="9"/>
  <c r="DK470" i="9"/>
  <c r="CI470" i="9"/>
  <c r="CB470" i="9"/>
  <c r="DL470" i="9"/>
  <c r="CA470" i="9"/>
  <c r="BZ470" i="9"/>
  <c r="CJ470" i="9"/>
  <c r="DL469" i="9"/>
  <c r="CF469" i="9"/>
  <c r="BX469" i="9"/>
  <c r="DK469" i="9"/>
  <c r="CE469" i="9"/>
  <c r="BW469" i="9"/>
  <c r="CJ469" i="9"/>
  <c r="CB469" i="9"/>
  <c r="CI469" i="9"/>
  <c r="CA469" i="9"/>
  <c r="BY469" i="9"/>
  <c r="DJ469" i="9"/>
  <c r="CL469" i="9"/>
  <c r="BV469" i="9"/>
  <c r="DI469" i="9"/>
  <c r="CK469" i="9"/>
  <c r="CH469" i="9"/>
  <c r="CG469" i="9"/>
  <c r="CC469" i="9"/>
  <c r="BZ469" i="9"/>
  <c r="CD469" i="9"/>
  <c r="CH385" i="9"/>
  <c r="BZ385" i="9"/>
  <c r="DL385" i="9"/>
  <c r="CF385" i="9"/>
  <c r="BX385" i="9"/>
  <c r="DK385" i="9"/>
  <c r="CE385" i="9"/>
  <c r="BW385" i="9"/>
  <c r="CJ385" i="9"/>
  <c r="CB385" i="9"/>
  <c r="DI385" i="9"/>
  <c r="CK385" i="9"/>
  <c r="CI385" i="9"/>
  <c r="CG385" i="9"/>
  <c r="DJ385" i="9"/>
  <c r="CD385" i="9"/>
  <c r="CC385" i="9"/>
  <c r="CA385" i="9"/>
  <c r="BY385" i="9"/>
  <c r="CL385" i="9"/>
  <c r="BV385" i="9"/>
  <c r="CI338" i="9"/>
  <c r="CA338" i="9"/>
  <c r="DL338" i="9"/>
  <c r="CH338" i="9"/>
  <c r="BZ338" i="9"/>
  <c r="CG338" i="9"/>
  <c r="BY338" i="9"/>
  <c r="CF338" i="9"/>
  <c r="DK338" i="9"/>
  <c r="CE338" i="9"/>
  <c r="BW338" i="9"/>
  <c r="DI338" i="9"/>
  <c r="CK338" i="9"/>
  <c r="BV338" i="9"/>
  <c r="CJ338" i="9"/>
  <c r="CB338" i="9"/>
  <c r="CD338" i="9"/>
  <c r="DJ338" i="9"/>
  <c r="CC338" i="9"/>
  <c r="CL338" i="9"/>
  <c r="DI282" i="9"/>
  <c r="CK282" i="9"/>
  <c r="CC282" i="9"/>
  <c r="CJ282" i="9"/>
  <c r="CB282" i="9"/>
  <c r="CI282" i="9"/>
  <c r="CA282" i="9"/>
  <c r="CH282" i="9"/>
  <c r="BZ282" i="9"/>
  <c r="DK282" i="9"/>
  <c r="CE282" i="9"/>
  <c r="BW282" i="9"/>
  <c r="DJ282" i="9"/>
  <c r="CG282" i="9"/>
  <c r="CF282" i="9"/>
  <c r="CD282" i="9"/>
  <c r="BY282" i="9"/>
  <c r="DL282" i="9"/>
  <c r="BX282" i="9"/>
  <c r="BV282" i="9"/>
  <c r="CL282" i="9"/>
  <c r="DI466" i="9"/>
  <c r="CK466" i="9"/>
  <c r="CC466" i="9"/>
  <c r="CJ466" i="9"/>
  <c r="CB466" i="9"/>
  <c r="CG466" i="9"/>
  <c r="BY466" i="9"/>
  <c r="DL466" i="9"/>
  <c r="CF466" i="9"/>
  <c r="BX466" i="9"/>
  <c r="DK466" i="9"/>
  <c r="CL466" i="9"/>
  <c r="BV466" i="9"/>
  <c r="DJ466" i="9"/>
  <c r="CI466" i="9"/>
  <c r="CH466" i="9"/>
  <c r="CE466" i="9"/>
  <c r="CD466" i="9"/>
  <c r="BW466" i="9"/>
  <c r="CA466" i="9"/>
  <c r="BZ466" i="9"/>
  <c r="DK397" i="9"/>
  <c r="DJ397" i="9"/>
  <c r="DI397" i="9"/>
  <c r="CK397" i="9"/>
  <c r="CC397" i="9"/>
  <c r="CJ397" i="9"/>
  <c r="CB397" i="9"/>
  <c r="CI397" i="9"/>
  <c r="CA397" i="9"/>
  <c r="CH397" i="9"/>
  <c r="BZ397" i="9"/>
  <c r="CD397" i="9"/>
  <c r="BY397" i="9"/>
  <c r="CL397" i="9"/>
  <c r="BV397" i="9"/>
  <c r="DL397" i="9"/>
  <c r="CG397" i="9"/>
  <c r="CF397" i="9"/>
  <c r="CE397" i="9"/>
  <c r="BX397" i="9"/>
  <c r="BW397" i="9"/>
  <c r="DI339" i="9"/>
  <c r="CK339" i="9"/>
  <c r="CC339" i="9"/>
  <c r="CJ339" i="9"/>
  <c r="CB339" i="9"/>
  <c r="CH339" i="9"/>
  <c r="CI339" i="9"/>
  <c r="CA339" i="9"/>
  <c r="BZ339" i="9"/>
  <c r="CG339" i="9"/>
  <c r="BY339" i="9"/>
  <c r="BX339" i="9"/>
  <c r="CF339" i="9"/>
  <c r="BW339" i="9"/>
  <c r="CE339" i="9"/>
  <c r="BV339" i="9"/>
  <c r="CL339" i="9"/>
  <c r="DL339" i="9"/>
  <c r="DK339" i="9"/>
  <c r="DJ339" i="9"/>
  <c r="CD339" i="9"/>
  <c r="CJ396" i="9"/>
  <c r="CB396" i="9"/>
  <c r="CI396" i="9"/>
  <c r="CA396" i="9"/>
  <c r="DL396" i="9"/>
  <c r="CD396" i="9"/>
  <c r="DK396" i="9"/>
  <c r="CC396" i="9"/>
  <c r="DJ396" i="9"/>
  <c r="CL396" i="9"/>
  <c r="BZ396" i="9"/>
  <c r="DI396" i="9"/>
  <c r="CK396" i="9"/>
  <c r="BY396" i="9"/>
  <c r="CF396" i="9"/>
  <c r="CE396" i="9"/>
  <c r="BV396" i="9"/>
  <c r="CH396" i="9"/>
  <c r="CG396" i="9"/>
  <c r="BX396" i="9"/>
  <c r="BW396" i="9"/>
  <c r="CG329" i="9"/>
  <c r="BY329" i="9"/>
  <c r="DL329" i="9"/>
  <c r="CF329" i="9"/>
  <c r="BX329" i="9"/>
  <c r="DK329" i="9"/>
  <c r="CE329" i="9"/>
  <c r="BW329" i="9"/>
  <c r="DI329" i="9"/>
  <c r="CK329" i="9"/>
  <c r="CC329" i="9"/>
  <c r="DJ329" i="9"/>
  <c r="CJ329" i="9"/>
  <c r="CH329" i="9"/>
  <c r="CA329" i="9"/>
  <c r="CL329" i="9"/>
  <c r="CI329" i="9"/>
  <c r="BZ329" i="9"/>
  <c r="BV329" i="9"/>
  <c r="CD329" i="9"/>
  <c r="CB329" i="9"/>
  <c r="DK342" i="9"/>
  <c r="CE342" i="9"/>
  <c r="BW342" i="9"/>
  <c r="DJ342" i="9"/>
  <c r="CL342" i="9"/>
  <c r="CD342" i="9"/>
  <c r="BV342" i="9"/>
  <c r="CI342" i="9"/>
  <c r="CA342" i="9"/>
  <c r="CC342" i="9"/>
  <c r="CK342" i="9"/>
  <c r="CB342" i="9"/>
  <c r="DL342" i="9"/>
  <c r="BZ342" i="9"/>
  <c r="BY342" i="9"/>
  <c r="DI342" i="9"/>
  <c r="CJ342" i="9"/>
  <c r="BX342" i="9"/>
  <c r="CH342" i="9"/>
  <c r="CG342" i="9"/>
  <c r="CF342" i="9"/>
  <c r="DK375" i="9"/>
  <c r="CE375" i="9"/>
  <c r="BW375" i="9"/>
  <c r="DJ375" i="9"/>
  <c r="CL375" i="9"/>
  <c r="CD375" i="9"/>
  <c r="BV375" i="9"/>
  <c r="CI375" i="9"/>
  <c r="CA375" i="9"/>
  <c r="CH375" i="9"/>
  <c r="BZ375" i="9"/>
  <c r="DL375" i="9"/>
  <c r="CK375" i="9"/>
  <c r="DI375" i="9"/>
  <c r="CJ375" i="9"/>
  <c r="CG375" i="9"/>
  <c r="CF375" i="9"/>
  <c r="CC375" i="9"/>
  <c r="CB375" i="9"/>
  <c r="BY375" i="9"/>
  <c r="BX375" i="9"/>
  <c r="DL407" i="9"/>
  <c r="CF407" i="9"/>
  <c r="BX407" i="9"/>
  <c r="DK407" i="9"/>
  <c r="CE407" i="9"/>
  <c r="BW407" i="9"/>
  <c r="DJ407" i="9"/>
  <c r="CL407" i="9"/>
  <c r="CD407" i="9"/>
  <c r="BV407" i="9"/>
  <c r="DI407" i="9"/>
  <c r="CK407" i="9"/>
  <c r="CC407" i="9"/>
  <c r="CH407" i="9"/>
  <c r="BZ407" i="9"/>
  <c r="CA407" i="9"/>
  <c r="BY407" i="9"/>
  <c r="CJ407" i="9"/>
  <c r="CI407" i="9"/>
  <c r="CG407" i="9"/>
  <c r="CB407" i="9"/>
  <c r="CJ450" i="9"/>
  <c r="CB450" i="9"/>
  <c r="CI450" i="9"/>
  <c r="CA450" i="9"/>
  <c r="CH450" i="9"/>
  <c r="BZ450" i="9"/>
  <c r="CF450" i="9"/>
  <c r="CE450" i="9"/>
  <c r="CD450" i="9"/>
  <c r="DL450" i="9"/>
  <c r="CC450" i="9"/>
  <c r="BW450" i="9"/>
  <c r="BV450" i="9"/>
  <c r="DI450" i="9"/>
  <c r="CK450" i="9"/>
  <c r="CG450" i="9"/>
  <c r="DK450" i="9"/>
  <c r="CL450" i="9"/>
  <c r="DJ450" i="9"/>
  <c r="BY450" i="9"/>
  <c r="BX450" i="9"/>
  <c r="DI336" i="9"/>
  <c r="CK336" i="9"/>
  <c r="CC336" i="9"/>
  <c r="CJ336" i="9"/>
  <c r="CB336" i="9"/>
  <c r="CI336" i="9"/>
  <c r="CA336" i="9"/>
  <c r="CG336" i="9"/>
  <c r="BY336" i="9"/>
  <c r="BX336" i="9"/>
  <c r="CF336" i="9"/>
  <c r="DL336" i="9"/>
  <c r="BW336" i="9"/>
  <c r="CE336" i="9"/>
  <c r="CD336" i="9"/>
  <c r="BZ336" i="9"/>
  <c r="DK336" i="9"/>
  <c r="CL336" i="9"/>
  <c r="BV336" i="9"/>
  <c r="DJ336" i="9"/>
  <c r="CH336" i="9"/>
  <c r="CG344" i="9"/>
  <c r="BY344" i="9"/>
  <c r="DL344" i="9"/>
  <c r="CF344" i="9"/>
  <c r="BX344" i="9"/>
  <c r="DI344" i="9"/>
  <c r="CK344" i="9"/>
  <c r="CC344" i="9"/>
  <c r="CE344" i="9"/>
  <c r="CA344" i="9"/>
  <c r="CD344" i="9"/>
  <c r="CB344" i="9"/>
  <c r="DK344" i="9"/>
  <c r="CL344" i="9"/>
  <c r="BZ344" i="9"/>
  <c r="DJ344" i="9"/>
  <c r="CJ344" i="9"/>
  <c r="BW344" i="9"/>
  <c r="CI344" i="9"/>
  <c r="CH344" i="9"/>
  <c r="BV344" i="9"/>
  <c r="DK449" i="9"/>
  <c r="CE449" i="9"/>
  <c r="BW449" i="9"/>
  <c r="DJ449" i="9"/>
  <c r="CL449" i="9"/>
  <c r="CD449" i="9"/>
  <c r="BV449" i="9"/>
  <c r="CF449" i="9"/>
  <c r="CC449" i="9"/>
  <c r="CB449" i="9"/>
  <c r="DL449" i="9"/>
  <c r="CK449" i="9"/>
  <c r="CA449" i="9"/>
  <c r="CH449" i="9"/>
  <c r="CG449" i="9"/>
  <c r="BX449" i="9"/>
  <c r="BY449" i="9"/>
  <c r="BZ449" i="9"/>
  <c r="DI449" i="9"/>
  <c r="CJ449" i="9"/>
  <c r="CI449" i="9"/>
  <c r="CI415" i="9"/>
  <c r="CA415" i="9"/>
  <c r="CH415" i="9"/>
  <c r="BZ415" i="9"/>
  <c r="CG415" i="9"/>
  <c r="BY415" i="9"/>
  <c r="DK415" i="9"/>
  <c r="CE415" i="9"/>
  <c r="BW415" i="9"/>
  <c r="CC415" i="9"/>
  <c r="CF415" i="9"/>
  <c r="CD415" i="9"/>
  <c r="CB415" i="9"/>
  <c r="DI415" i="9"/>
  <c r="CK415" i="9"/>
  <c r="DL415" i="9"/>
  <c r="BX415" i="9"/>
  <c r="CJ415" i="9"/>
  <c r="DJ415" i="9"/>
  <c r="CL415" i="9"/>
  <c r="BV415" i="9"/>
  <c r="CG283" i="9"/>
  <c r="BY283" i="9"/>
  <c r="DL283" i="9"/>
  <c r="CF283" i="9"/>
  <c r="BX283" i="9"/>
  <c r="DK283" i="9"/>
  <c r="CE283" i="9"/>
  <c r="BW283" i="9"/>
  <c r="DJ283" i="9"/>
  <c r="CL283" i="9"/>
  <c r="CD283" i="9"/>
  <c r="BV283" i="9"/>
  <c r="CI283" i="9"/>
  <c r="CA283" i="9"/>
  <c r="CB283" i="9"/>
  <c r="BZ283" i="9"/>
  <c r="CC283" i="9"/>
  <c r="CH283" i="9"/>
  <c r="CK283" i="9"/>
  <c r="DI283" i="9"/>
  <c r="CJ283" i="9"/>
  <c r="DJ350" i="9"/>
  <c r="CL350" i="9"/>
  <c r="CD350" i="9"/>
  <c r="BV350" i="9"/>
  <c r="DI350" i="9"/>
  <c r="CK350" i="9"/>
  <c r="CC350" i="9"/>
  <c r="CH350" i="9"/>
  <c r="BZ350" i="9"/>
  <c r="CG350" i="9"/>
  <c r="BY350" i="9"/>
  <c r="CF350" i="9"/>
  <c r="CE350" i="9"/>
  <c r="CB350" i="9"/>
  <c r="CA350" i="9"/>
  <c r="BX350" i="9"/>
  <c r="DL350" i="9"/>
  <c r="CJ350" i="9"/>
  <c r="DK350" i="9"/>
  <c r="CI350" i="9"/>
  <c r="BW350" i="9"/>
  <c r="CJ345" i="9"/>
  <c r="CB345" i="9"/>
  <c r="CF345" i="9"/>
  <c r="BW345" i="9"/>
  <c r="DL345" i="9"/>
  <c r="CE345" i="9"/>
  <c r="BV345" i="9"/>
  <c r="DK345" i="9"/>
  <c r="CD345" i="9"/>
  <c r="DI345" i="9"/>
  <c r="CK345" i="9"/>
  <c r="CA345" i="9"/>
  <c r="DJ345" i="9"/>
  <c r="CI345" i="9"/>
  <c r="CH345" i="9"/>
  <c r="CG345" i="9"/>
  <c r="CC345" i="9"/>
  <c r="BZ345" i="9"/>
  <c r="BY345" i="9"/>
  <c r="CL345" i="9"/>
  <c r="BX345" i="9"/>
  <c r="DI471" i="9"/>
  <c r="CI471" i="9"/>
  <c r="CA471" i="9"/>
  <c r="CH471" i="9"/>
  <c r="BZ471" i="9"/>
  <c r="DK471" i="9"/>
  <c r="CE471" i="9"/>
  <c r="BW471" i="9"/>
  <c r="DL471" i="9"/>
  <c r="CL471" i="9"/>
  <c r="BY471" i="9"/>
  <c r="DJ471" i="9"/>
  <c r="CK471" i="9"/>
  <c r="BX471" i="9"/>
  <c r="CJ471" i="9"/>
  <c r="BV471" i="9"/>
  <c r="CG471" i="9"/>
  <c r="CF471" i="9"/>
  <c r="CD471" i="9"/>
  <c r="CC471" i="9"/>
  <c r="CB471" i="9"/>
  <c r="CG347" i="9"/>
  <c r="BY347" i="9"/>
  <c r="DL347" i="9"/>
  <c r="CE347" i="9"/>
  <c r="BV347" i="9"/>
  <c r="DK347" i="9"/>
  <c r="CD347" i="9"/>
  <c r="DJ347" i="9"/>
  <c r="CL347" i="9"/>
  <c r="CC347" i="9"/>
  <c r="CJ347" i="9"/>
  <c r="CA347" i="9"/>
  <c r="CK347" i="9"/>
  <c r="CF347" i="9"/>
  <c r="DI347" i="9"/>
  <c r="CI347" i="9"/>
  <c r="CH347" i="9"/>
  <c r="CB347" i="9"/>
  <c r="BZ347" i="9"/>
  <c r="BW347" i="9"/>
  <c r="BX347" i="9"/>
  <c r="DJ419" i="9"/>
  <c r="CL419" i="9"/>
  <c r="CD419" i="9"/>
  <c r="BV419" i="9"/>
  <c r="DI419" i="9"/>
  <c r="CK419" i="9"/>
  <c r="CC419" i="9"/>
  <c r="CJ419" i="9"/>
  <c r="CB419" i="9"/>
  <c r="CI419" i="9"/>
  <c r="CA419" i="9"/>
  <c r="DL419" i="9"/>
  <c r="CF419" i="9"/>
  <c r="BX419" i="9"/>
  <c r="CH419" i="9"/>
  <c r="DK419" i="9"/>
  <c r="CG419" i="9"/>
  <c r="CE419" i="9"/>
  <c r="BZ419" i="9"/>
  <c r="BY419" i="9"/>
  <c r="BW419" i="9"/>
  <c r="CI457" i="9"/>
  <c r="CA457" i="9"/>
  <c r="CH457" i="9"/>
  <c r="BZ457" i="9"/>
  <c r="CG457" i="9"/>
  <c r="BY457" i="9"/>
  <c r="DL457" i="9"/>
  <c r="CF457" i="9"/>
  <c r="BX457" i="9"/>
  <c r="DI457" i="9"/>
  <c r="CK457" i="9"/>
  <c r="CC457" i="9"/>
  <c r="BV457" i="9"/>
  <c r="DK457" i="9"/>
  <c r="CL457" i="9"/>
  <c r="DJ457" i="9"/>
  <c r="CJ457" i="9"/>
  <c r="CE457" i="9"/>
  <c r="CD457" i="9"/>
  <c r="CB457" i="9"/>
  <c r="BW457" i="9"/>
  <c r="DK451" i="9"/>
  <c r="CE451" i="9"/>
  <c r="BW451" i="9"/>
  <c r="DJ451" i="9"/>
  <c r="CL451" i="9"/>
  <c r="CD451" i="9"/>
  <c r="BV451" i="9"/>
  <c r="DI451" i="9"/>
  <c r="CK451" i="9"/>
  <c r="CC451" i="9"/>
  <c r="DL451" i="9"/>
  <c r="CI451" i="9"/>
  <c r="BX451" i="9"/>
  <c r="CH451" i="9"/>
  <c r="CG451" i="9"/>
  <c r="CF451" i="9"/>
  <c r="CJ451" i="9"/>
  <c r="CB451" i="9"/>
  <c r="BY451" i="9"/>
  <c r="CA451" i="9"/>
  <c r="BZ451" i="9"/>
  <c r="CH372" i="9"/>
  <c r="BZ372" i="9"/>
  <c r="CG372" i="9"/>
  <c r="BY372" i="9"/>
  <c r="DL372" i="9"/>
  <c r="CF372" i="9"/>
  <c r="BX372" i="9"/>
  <c r="DJ372" i="9"/>
  <c r="CL372" i="9"/>
  <c r="CD372" i="9"/>
  <c r="BV372" i="9"/>
  <c r="DK372" i="9"/>
  <c r="CK372" i="9"/>
  <c r="DI372" i="9"/>
  <c r="CJ372" i="9"/>
  <c r="CI372" i="9"/>
  <c r="CE372" i="9"/>
  <c r="CC372" i="9"/>
  <c r="CB372" i="9"/>
  <c r="CA372" i="9"/>
  <c r="BW372" i="9"/>
  <c r="CH409" i="9"/>
  <c r="BZ409" i="9"/>
  <c r="CG409" i="9"/>
  <c r="BY409" i="9"/>
  <c r="DL409" i="9"/>
  <c r="CF409" i="9"/>
  <c r="BX409" i="9"/>
  <c r="DK409" i="9"/>
  <c r="CE409" i="9"/>
  <c r="BW409" i="9"/>
  <c r="CJ409" i="9"/>
  <c r="CB409" i="9"/>
  <c r="DI409" i="9"/>
  <c r="CK409" i="9"/>
  <c r="CI409" i="9"/>
  <c r="CD409" i="9"/>
  <c r="CC409" i="9"/>
  <c r="BV409" i="9"/>
  <c r="CL409" i="9"/>
  <c r="DJ409" i="9"/>
  <c r="CA409" i="9"/>
  <c r="CH439" i="9"/>
  <c r="BZ439" i="9"/>
  <c r="CG439" i="9"/>
  <c r="BY439" i="9"/>
  <c r="DI439" i="9"/>
  <c r="CK439" i="9"/>
  <c r="CA439" i="9"/>
  <c r="CJ439" i="9"/>
  <c r="BX439" i="9"/>
  <c r="CI439" i="9"/>
  <c r="BW439" i="9"/>
  <c r="CF439" i="9"/>
  <c r="BV439" i="9"/>
  <c r="CB439" i="9"/>
  <c r="DK439" i="9"/>
  <c r="CL439" i="9"/>
  <c r="DJ439" i="9"/>
  <c r="CE439" i="9"/>
  <c r="DL439" i="9"/>
  <c r="CC439" i="9"/>
  <c r="CD439" i="9"/>
  <c r="CG433" i="9"/>
  <c r="BY433" i="9"/>
  <c r="DL433" i="9"/>
  <c r="CF433" i="9"/>
  <c r="BX433" i="9"/>
  <c r="DK433" i="9"/>
  <c r="CE433" i="9"/>
  <c r="BW433" i="9"/>
  <c r="DJ433" i="9"/>
  <c r="CL433" i="9"/>
  <c r="CD433" i="9"/>
  <c r="BV433" i="9"/>
  <c r="CC433" i="9"/>
  <c r="CB433" i="9"/>
  <c r="CK433" i="9"/>
  <c r="DI433" i="9"/>
  <c r="CJ433" i="9"/>
  <c r="CA433" i="9"/>
  <c r="BZ433" i="9"/>
  <c r="CI433" i="9"/>
  <c r="CH433" i="9"/>
  <c r="DI444" i="9"/>
  <c r="CK444" i="9"/>
  <c r="CC444" i="9"/>
  <c r="CJ444" i="9"/>
  <c r="CB444" i="9"/>
  <c r="CG444" i="9"/>
  <c r="BY444" i="9"/>
  <c r="DL444" i="9"/>
  <c r="CF444" i="9"/>
  <c r="BX444" i="9"/>
  <c r="CD444" i="9"/>
  <c r="CA444" i="9"/>
  <c r="BZ444" i="9"/>
  <c r="BW444" i="9"/>
  <c r="DK444" i="9"/>
  <c r="CL444" i="9"/>
  <c r="BV444" i="9"/>
  <c r="DJ444" i="9"/>
  <c r="CI444" i="9"/>
  <c r="CH444" i="9"/>
  <c r="CE444" i="9"/>
  <c r="DK367" i="9"/>
  <c r="CG367" i="9"/>
  <c r="BY367" i="9"/>
  <c r="CF367" i="9"/>
  <c r="BX367" i="9"/>
  <c r="DL367" i="9"/>
  <c r="CE367" i="9"/>
  <c r="BW367" i="9"/>
  <c r="DI367" i="9"/>
  <c r="CK367" i="9"/>
  <c r="CC367" i="9"/>
  <c r="CI367" i="9"/>
  <c r="CH367" i="9"/>
  <c r="CB367" i="9"/>
  <c r="CD367" i="9"/>
  <c r="CA367" i="9"/>
  <c r="BZ367" i="9"/>
  <c r="DJ367" i="9"/>
  <c r="CJ367" i="9"/>
  <c r="BV367" i="9"/>
  <c r="CL367" i="9"/>
  <c r="DL366" i="9"/>
  <c r="CF366" i="9"/>
  <c r="BX366" i="9"/>
  <c r="DK366" i="9"/>
  <c r="CE366" i="9"/>
  <c r="BW366" i="9"/>
  <c r="DJ366" i="9"/>
  <c r="CL366" i="9"/>
  <c r="CD366" i="9"/>
  <c r="BV366" i="9"/>
  <c r="DI366" i="9"/>
  <c r="CK366" i="9"/>
  <c r="CC366" i="9"/>
  <c r="CA366" i="9"/>
  <c r="BZ366" i="9"/>
  <c r="CI366" i="9"/>
  <c r="CH366" i="9"/>
  <c r="CB366" i="9"/>
  <c r="BY366" i="9"/>
  <c r="CJ366" i="9"/>
  <c r="CG366" i="9"/>
  <c r="DI384" i="9"/>
  <c r="CK384" i="9"/>
  <c r="CC384" i="9"/>
  <c r="CJ384" i="9"/>
  <c r="CB384" i="9"/>
  <c r="CI384" i="9"/>
  <c r="CA384" i="9"/>
  <c r="CH384" i="9"/>
  <c r="BZ384" i="9"/>
  <c r="DK384" i="9"/>
  <c r="CE384" i="9"/>
  <c r="BW384" i="9"/>
  <c r="CF384" i="9"/>
  <c r="CD384" i="9"/>
  <c r="BY384" i="9"/>
  <c r="BX384" i="9"/>
  <c r="DJ384" i="9"/>
  <c r="CG384" i="9"/>
  <c r="BV384" i="9"/>
  <c r="CL384" i="9"/>
  <c r="DL384" i="9"/>
  <c r="DK463" i="9"/>
  <c r="CE463" i="9"/>
  <c r="BW463" i="9"/>
  <c r="DJ463" i="9"/>
  <c r="CL463" i="9"/>
  <c r="DI463" i="9"/>
  <c r="CK463" i="9"/>
  <c r="CC463" i="9"/>
  <c r="CJ463" i="9"/>
  <c r="CB463" i="9"/>
  <c r="CG463" i="9"/>
  <c r="BY463" i="9"/>
  <c r="DL463" i="9"/>
  <c r="CH463" i="9"/>
  <c r="CF463" i="9"/>
  <c r="CD463" i="9"/>
  <c r="CI463" i="9"/>
  <c r="BX463" i="9"/>
  <c r="BV463" i="9"/>
  <c r="CA463" i="9"/>
  <c r="BZ463" i="9"/>
  <c r="CG461" i="9"/>
  <c r="BY461" i="9"/>
  <c r="DL461" i="9"/>
  <c r="CF461" i="9"/>
  <c r="BX461" i="9"/>
  <c r="DK461" i="9"/>
  <c r="CE461" i="9"/>
  <c r="BW461" i="9"/>
  <c r="DJ461" i="9"/>
  <c r="CL461" i="9"/>
  <c r="CD461" i="9"/>
  <c r="BV461" i="9"/>
  <c r="DI461" i="9"/>
  <c r="CI461" i="9"/>
  <c r="CA461" i="9"/>
  <c r="CJ461" i="9"/>
  <c r="CH461" i="9"/>
  <c r="CC461" i="9"/>
  <c r="CB461" i="9"/>
  <c r="CK461" i="9"/>
  <c r="BZ461" i="9"/>
  <c r="CG442" i="9"/>
  <c r="BY442" i="9"/>
  <c r="DL442" i="9"/>
  <c r="CF442" i="9"/>
  <c r="BX442" i="9"/>
  <c r="CI442" i="9"/>
  <c r="BW442" i="9"/>
  <c r="CH442" i="9"/>
  <c r="BV442" i="9"/>
  <c r="CE442" i="9"/>
  <c r="CD442" i="9"/>
  <c r="DK442" i="9"/>
  <c r="DJ442" i="9"/>
  <c r="CL442" i="9"/>
  <c r="CC442" i="9"/>
  <c r="CB442" i="9"/>
  <c r="CK442" i="9"/>
  <c r="DI442" i="9"/>
  <c r="CJ442" i="9"/>
  <c r="CA442" i="9"/>
  <c r="BZ442" i="9"/>
  <c r="DK410" i="9"/>
  <c r="CE410" i="9"/>
  <c r="BW410" i="9"/>
  <c r="CB410" i="9"/>
  <c r="DJ410" i="9"/>
  <c r="CL410" i="9"/>
  <c r="CD410" i="9"/>
  <c r="BV410" i="9"/>
  <c r="DI410" i="9"/>
  <c r="CK410" i="9"/>
  <c r="CC410" i="9"/>
  <c r="CJ410" i="9"/>
  <c r="CI410" i="9"/>
  <c r="CA410" i="9"/>
  <c r="BX410" i="9"/>
  <c r="CH410" i="9"/>
  <c r="BY410" i="9"/>
  <c r="DL410" i="9"/>
  <c r="CG410" i="9"/>
  <c r="CF410" i="9"/>
  <c r="BZ410" i="9"/>
  <c r="CJ280" i="9"/>
  <c r="CB280" i="9"/>
  <c r="CI280" i="9"/>
  <c r="CA280" i="9"/>
  <c r="CH280" i="9"/>
  <c r="BZ280" i="9"/>
  <c r="CG280" i="9"/>
  <c r="BY280" i="9"/>
  <c r="DJ280" i="9"/>
  <c r="CL280" i="9"/>
  <c r="CD280" i="9"/>
  <c r="BV280" i="9"/>
  <c r="CC280" i="9"/>
  <c r="BX280" i="9"/>
  <c r="BW280" i="9"/>
  <c r="DL280" i="9"/>
  <c r="DK280" i="9"/>
  <c r="CK280" i="9"/>
  <c r="DI280" i="9"/>
  <c r="CF280" i="9"/>
  <c r="CE280" i="9"/>
  <c r="CH454" i="9"/>
  <c r="BZ454" i="9"/>
  <c r="CG454" i="9"/>
  <c r="BY454" i="9"/>
  <c r="DL454" i="9"/>
  <c r="CF454" i="9"/>
  <c r="BX454" i="9"/>
  <c r="CC454" i="9"/>
  <c r="DK454" i="9"/>
  <c r="CB454" i="9"/>
  <c r="DJ454" i="9"/>
  <c r="CL454" i="9"/>
  <c r="CA454" i="9"/>
  <c r="DI454" i="9"/>
  <c r="CK454" i="9"/>
  <c r="BW454" i="9"/>
  <c r="CI454" i="9"/>
  <c r="CE454" i="9"/>
  <c r="CJ454" i="9"/>
  <c r="CD454" i="9"/>
  <c r="BV454" i="9"/>
  <c r="CI369" i="9"/>
  <c r="CA369" i="9"/>
  <c r="CH369" i="9"/>
  <c r="BZ369" i="9"/>
  <c r="CG369" i="9"/>
  <c r="BY369" i="9"/>
  <c r="DL369" i="9"/>
  <c r="CF369" i="9"/>
  <c r="BX369" i="9"/>
  <c r="CD369" i="9"/>
  <c r="CC369" i="9"/>
  <c r="DJ369" i="9"/>
  <c r="CL369" i="9"/>
  <c r="BV369" i="9"/>
  <c r="DI369" i="9"/>
  <c r="CK369" i="9"/>
  <c r="CJ369" i="9"/>
  <c r="DK369" i="9"/>
  <c r="CE369" i="9"/>
  <c r="CB369" i="9"/>
  <c r="BW369" i="9"/>
  <c r="DI445" i="9"/>
  <c r="CJ445" i="9"/>
  <c r="CB445" i="9"/>
  <c r="CI445" i="9"/>
  <c r="CA445" i="9"/>
  <c r="CH445" i="9"/>
  <c r="BX445" i="9"/>
  <c r="CG445" i="9"/>
  <c r="BW445" i="9"/>
  <c r="CF445" i="9"/>
  <c r="BV445" i="9"/>
  <c r="CE445" i="9"/>
  <c r="DL445" i="9"/>
  <c r="DK445" i="9"/>
  <c r="CL445" i="9"/>
  <c r="CC445" i="9"/>
  <c r="BZ445" i="9"/>
  <c r="CK445" i="9"/>
  <c r="DJ445" i="9"/>
  <c r="CD445" i="9"/>
  <c r="BY445" i="9"/>
  <c r="CG399" i="9"/>
  <c r="BY399" i="9"/>
  <c r="DL399" i="9"/>
  <c r="CF399" i="9"/>
  <c r="BX399" i="9"/>
  <c r="CE399" i="9"/>
  <c r="CD399" i="9"/>
  <c r="DK399" i="9"/>
  <c r="CC399" i="9"/>
  <c r="DJ399" i="9"/>
  <c r="CL399" i="9"/>
  <c r="CB399" i="9"/>
  <c r="CK399" i="9"/>
  <c r="DI399" i="9"/>
  <c r="CJ399" i="9"/>
  <c r="CA399" i="9"/>
  <c r="BZ399" i="9"/>
  <c r="CI399" i="9"/>
  <c r="CH399" i="9"/>
  <c r="BW399" i="9"/>
  <c r="BV399" i="9"/>
  <c r="DJ346" i="9"/>
  <c r="CL346" i="9"/>
  <c r="CD346" i="9"/>
  <c r="BV346" i="9"/>
  <c r="DI346" i="9"/>
  <c r="CK346" i="9"/>
  <c r="CC346" i="9"/>
  <c r="CJ346" i="9"/>
  <c r="CB346" i="9"/>
  <c r="CI346" i="9"/>
  <c r="CA346" i="9"/>
  <c r="DL346" i="9"/>
  <c r="CF346" i="9"/>
  <c r="BX346" i="9"/>
  <c r="DK346" i="9"/>
  <c r="CG346" i="9"/>
  <c r="CE346" i="9"/>
  <c r="BZ346" i="9"/>
  <c r="BY346" i="9"/>
  <c r="CH346" i="9"/>
  <c r="BW346" i="9"/>
  <c r="CG374" i="9"/>
  <c r="BY374" i="9"/>
  <c r="DL374" i="9"/>
  <c r="CF374" i="9"/>
  <c r="BX374" i="9"/>
  <c r="DI374" i="9"/>
  <c r="CK374" i="9"/>
  <c r="CC374" i="9"/>
  <c r="CJ374" i="9"/>
  <c r="CB374" i="9"/>
  <c r="CH374" i="9"/>
  <c r="CE374" i="9"/>
  <c r="CD374" i="9"/>
  <c r="CA374" i="9"/>
  <c r="BZ374" i="9"/>
  <c r="DJ374" i="9"/>
  <c r="CI374" i="9"/>
  <c r="BW374" i="9"/>
  <c r="BV374" i="9"/>
  <c r="CL374" i="9"/>
  <c r="DK374" i="9"/>
  <c r="DL348" i="9"/>
  <c r="CF348" i="9"/>
  <c r="BX348" i="9"/>
  <c r="DK348" i="9"/>
  <c r="CE348" i="9"/>
  <c r="BW348" i="9"/>
  <c r="DJ348" i="9"/>
  <c r="CL348" i="9"/>
  <c r="CD348" i="9"/>
  <c r="BV348" i="9"/>
  <c r="CJ348" i="9"/>
  <c r="CB348" i="9"/>
  <c r="BY348" i="9"/>
  <c r="CK348" i="9"/>
  <c r="DI348" i="9"/>
  <c r="CI348" i="9"/>
  <c r="CH348" i="9"/>
  <c r="CG348" i="9"/>
  <c r="CC348" i="9"/>
  <c r="CA348" i="9"/>
  <c r="BZ348" i="9"/>
  <c r="CJ275" i="9"/>
  <c r="CB275" i="9"/>
  <c r="CI275" i="9"/>
  <c r="CA275" i="9"/>
  <c r="CH275" i="9"/>
  <c r="BZ275" i="9"/>
  <c r="CG275" i="9"/>
  <c r="BY275" i="9"/>
  <c r="DJ275" i="9"/>
  <c r="CL275" i="9"/>
  <c r="CD275" i="9"/>
  <c r="BV275" i="9"/>
  <c r="CE275" i="9"/>
  <c r="CC275" i="9"/>
  <c r="BX275" i="9"/>
  <c r="BW275" i="9"/>
  <c r="DL275" i="9"/>
  <c r="DK275" i="9"/>
  <c r="CK275" i="9"/>
  <c r="CF275" i="9"/>
  <c r="DI275" i="9"/>
  <c r="CH411" i="9"/>
  <c r="BZ411" i="9"/>
  <c r="BW411" i="9"/>
  <c r="CG411" i="9"/>
  <c r="BY411" i="9"/>
  <c r="DK411" i="9"/>
  <c r="DL411" i="9"/>
  <c r="CF411" i="9"/>
  <c r="BX411" i="9"/>
  <c r="CE411" i="9"/>
  <c r="DJ411" i="9"/>
  <c r="CL411" i="9"/>
  <c r="CD411" i="9"/>
  <c r="BV411" i="9"/>
  <c r="CI411" i="9"/>
  <c r="CC411" i="9"/>
  <c r="CK411" i="9"/>
  <c r="CB411" i="9"/>
  <c r="CA411" i="9"/>
  <c r="DI411" i="9"/>
  <c r="CJ411" i="9"/>
  <c r="CJ334" i="9"/>
  <c r="CB334" i="9"/>
  <c r="CI334" i="9"/>
  <c r="CA334" i="9"/>
  <c r="CH334" i="9"/>
  <c r="BZ334" i="9"/>
  <c r="CG334" i="9"/>
  <c r="BY334" i="9"/>
  <c r="DJ334" i="9"/>
  <c r="CL334" i="9"/>
  <c r="CD334" i="9"/>
  <c r="BV334" i="9"/>
  <c r="BX334" i="9"/>
  <c r="BW334" i="9"/>
  <c r="DL334" i="9"/>
  <c r="DK334" i="9"/>
  <c r="CK334" i="9"/>
  <c r="DI334" i="9"/>
  <c r="CF334" i="9"/>
  <c r="CE334" i="9"/>
  <c r="CC334" i="9"/>
  <c r="DK281" i="9"/>
  <c r="CE281" i="9"/>
  <c r="BW281" i="9"/>
  <c r="DJ281" i="9"/>
  <c r="CL281" i="9"/>
  <c r="CD281" i="9"/>
  <c r="BV281" i="9"/>
  <c r="DI281" i="9"/>
  <c r="CK281" i="9"/>
  <c r="CC281" i="9"/>
  <c r="CJ281" i="9"/>
  <c r="CB281" i="9"/>
  <c r="CG281" i="9"/>
  <c r="BY281" i="9"/>
  <c r="BX281" i="9"/>
  <c r="CI281" i="9"/>
  <c r="CH281" i="9"/>
  <c r="DL281" i="9"/>
  <c r="CF281" i="9"/>
  <c r="CA281" i="9"/>
  <c r="BZ281" i="9"/>
  <c r="DJ438" i="9"/>
  <c r="DI438" i="9"/>
  <c r="CG438" i="9"/>
  <c r="BY438" i="9"/>
  <c r="CF438" i="9"/>
  <c r="BX438" i="9"/>
  <c r="CE438" i="9"/>
  <c r="BW438" i="9"/>
  <c r="DL438" i="9"/>
  <c r="CL438" i="9"/>
  <c r="CA438" i="9"/>
  <c r="DK438" i="9"/>
  <c r="CK438" i="9"/>
  <c r="BZ438" i="9"/>
  <c r="CJ438" i="9"/>
  <c r="BV438" i="9"/>
  <c r="CI438" i="9"/>
  <c r="CC438" i="9"/>
  <c r="CB438" i="9"/>
  <c r="CH438" i="9"/>
  <c r="CD438" i="9"/>
  <c r="CJ368" i="9"/>
  <c r="CB368" i="9"/>
  <c r="CI368" i="9"/>
  <c r="CA368" i="9"/>
  <c r="CH368" i="9"/>
  <c r="BZ368" i="9"/>
  <c r="DL368" i="9"/>
  <c r="CF368" i="9"/>
  <c r="BX368" i="9"/>
  <c r="DJ368" i="9"/>
  <c r="CL368" i="9"/>
  <c r="BV368" i="9"/>
  <c r="DI368" i="9"/>
  <c r="CK368" i="9"/>
  <c r="CE368" i="9"/>
  <c r="CG368" i="9"/>
  <c r="CD368" i="9"/>
  <c r="CC368" i="9"/>
  <c r="BY368" i="9"/>
  <c r="DK368" i="9"/>
  <c r="BW368" i="9"/>
  <c r="BU473" i="9"/>
  <c r="AD472" i="9"/>
  <c r="AP472" i="9"/>
  <c r="AG472" i="9"/>
  <c r="AI472" i="9"/>
  <c r="BP472" i="9"/>
  <c r="AJ472" i="9"/>
  <c r="AQ472" i="9"/>
  <c r="AO472" i="9"/>
  <c r="AN472" i="9"/>
  <c r="AL472" i="9"/>
  <c r="AE472" i="9"/>
  <c r="AH472" i="9"/>
  <c r="AC472" i="9"/>
  <c r="AM472" i="9"/>
  <c r="BQ472" i="9"/>
  <c r="AK472" i="9"/>
  <c r="AF472" i="9"/>
  <c r="BR472" i="9"/>
  <c r="CD402" i="9"/>
  <c r="BZ402" i="9"/>
  <c r="DJ402" i="9"/>
  <c r="CB402" i="9"/>
  <c r="CH402" i="9"/>
  <c r="DI402" i="9"/>
  <c r="CI402" i="9"/>
  <c r="BW404" i="9"/>
  <c r="BV319" i="9"/>
  <c r="CJ404" i="9"/>
  <c r="BV404" i="9"/>
  <c r="DI404" i="9"/>
  <c r="CD404" i="9"/>
  <c r="BX404" i="9"/>
  <c r="CG404" i="9"/>
  <c r="CE404" i="9"/>
  <c r="BX319" i="9"/>
  <c r="CB404" i="9"/>
  <c r="CL319" i="9"/>
  <c r="BW319" i="9"/>
  <c r="CE319" i="9"/>
  <c r="DJ319" i="9"/>
  <c r="CH319" i="9"/>
  <c r="DK402" i="9"/>
  <c r="BX402" i="9"/>
  <c r="BW402" i="9"/>
  <c r="CG402" i="9"/>
  <c r="CF402" i="9"/>
  <c r="BY402" i="9"/>
  <c r="CC402" i="9"/>
  <c r="CL402" i="9"/>
  <c r="CE402" i="9"/>
  <c r="CA402" i="9"/>
  <c r="DL402" i="9"/>
  <c r="CJ402" i="9"/>
  <c r="BV402" i="9"/>
  <c r="DI311" i="9"/>
  <c r="BY404" i="9"/>
  <c r="CI404" i="9"/>
  <c r="DI319" i="9"/>
  <c r="CG319" i="9"/>
  <c r="DJ404" i="9"/>
  <c r="BZ404" i="9"/>
  <c r="CC404" i="9"/>
  <c r="CC319" i="9"/>
  <c r="DL319" i="9"/>
  <c r="DK319" i="9"/>
  <c r="CL404" i="9"/>
  <c r="CH404" i="9"/>
  <c r="CK404" i="9"/>
  <c r="CK319" i="9"/>
  <c r="CD319" i="9"/>
  <c r="BZ319" i="9"/>
  <c r="CF404" i="9"/>
  <c r="DK404" i="9"/>
  <c r="CB319" i="9"/>
  <c r="CF319" i="9"/>
  <c r="CA319" i="9"/>
  <c r="DL404" i="9"/>
  <c r="CJ319" i="9"/>
  <c r="BY319" i="9"/>
  <c r="CG311" i="9"/>
  <c r="BZ311" i="9"/>
  <c r="CB311" i="9"/>
  <c r="CD311" i="9"/>
  <c r="DJ311" i="9"/>
  <c r="DK311" i="9"/>
  <c r="CF311" i="9"/>
  <c r="BY311" i="9"/>
  <c r="BV311" i="9"/>
  <c r="BX311" i="9"/>
  <c r="CA311" i="9"/>
  <c r="CL311" i="9"/>
  <c r="DL311" i="9"/>
  <c r="CJ311" i="9"/>
  <c r="CI311" i="9"/>
  <c r="CC311" i="9"/>
  <c r="BW311" i="9"/>
  <c r="CH311" i="9"/>
  <c r="CK311" i="9"/>
  <c r="DL335" i="9"/>
  <c r="CL335" i="9"/>
  <c r="CD335" i="9"/>
  <c r="BV335" i="9"/>
  <c r="DK335" i="9"/>
  <c r="CK335" i="9"/>
  <c r="CC335" i="9"/>
  <c r="DJ335" i="9"/>
  <c r="CJ335" i="9"/>
  <c r="CB335" i="9"/>
  <c r="DI335" i="9"/>
  <c r="CI335" i="9"/>
  <c r="CA335" i="9"/>
  <c r="BY335" i="9"/>
  <c r="BX335" i="9"/>
  <c r="CH335" i="9"/>
  <c r="BZ335" i="9"/>
  <c r="CE335" i="9"/>
  <c r="BW335" i="9"/>
  <c r="CG335" i="9"/>
  <c r="CF335" i="9"/>
  <c r="AB473" i="9"/>
  <c r="BU474" i="9"/>
  <c r="AB474" i="9"/>
  <c r="AB472" i="9"/>
  <c r="BU482" i="9"/>
  <c r="AB482" i="9"/>
  <c r="BU414" i="9"/>
  <c r="BU421" i="9"/>
  <c r="BU424" i="9"/>
  <c r="BU426" i="9"/>
  <c r="BU364" i="9"/>
  <c r="BU428" i="9"/>
  <c r="BU287" i="9"/>
  <c r="BU301" i="9"/>
  <c r="BU288" i="9"/>
  <c r="BU359" i="9"/>
  <c r="BU453" i="9"/>
  <c r="BU360" i="9"/>
  <c r="BU304" i="9"/>
  <c r="BU427" i="9"/>
  <c r="BU327" i="9"/>
  <c r="BU354" i="9"/>
  <c r="BU286" i="9"/>
  <c r="BU362" i="9"/>
  <c r="BU357" i="9"/>
  <c r="BU305" i="9"/>
  <c r="BU355" i="9"/>
  <c r="BU425" i="9"/>
  <c r="BU386" i="9"/>
  <c r="BU389" i="9"/>
  <c r="BU420" i="9"/>
  <c r="BU328" i="9"/>
  <c r="BU452" i="9"/>
  <c r="BU277" i="9"/>
  <c r="BU352" i="9"/>
  <c r="BU353" i="9"/>
  <c r="BU361" i="9"/>
  <c r="BU363" i="9"/>
  <c r="BU278" i="9"/>
  <c r="BU365" i="9"/>
  <c r="BU331" i="9"/>
  <c r="BU358" i="9"/>
  <c r="BU388" i="9"/>
  <c r="BU422" i="9"/>
  <c r="BU302" i="9"/>
  <c r="BU423" i="9"/>
  <c r="BU356" i="9"/>
  <c r="BU478" i="9"/>
  <c r="BU387" i="9"/>
  <c r="BU303" i="9"/>
  <c r="BU321" i="9"/>
  <c r="AB773" i="11"/>
  <c r="BV773" i="11"/>
  <c r="BY773" i="11"/>
  <c r="BZ773" i="11"/>
  <c r="CA773" i="11"/>
  <c r="CB773" i="11"/>
  <c r="CC773" i="11"/>
  <c r="CE773" i="11"/>
  <c r="CF773" i="11"/>
  <c r="CG773" i="11"/>
  <c r="CH773" i="11"/>
  <c r="CI773" i="11"/>
  <c r="CJ773" i="11"/>
  <c r="CK773" i="11"/>
  <c r="CL773" i="11"/>
  <c r="CM773" i="11"/>
  <c r="CN773" i="11"/>
  <c r="CO773" i="11"/>
  <c r="CP773" i="11"/>
  <c r="CQ773" i="11"/>
  <c r="CR773" i="11"/>
  <c r="CS773" i="11"/>
  <c r="CT773" i="11"/>
  <c r="CU773" i="11"/>
  <c r="CV773" i="11"/>
  <c r="CW773" i="11"/>
  <c r="CX773" i="11"/>
  <c r="CY773" i="11"/>
  <c r="CZ773" i="11"/>
  <c r="DA773" i="11"/>
  <c r="DB773" i="11"/>
  <c r="DC773" i="11"/>
  <c r="AB770" i="11"/>
  <c r="BV770" i="11"/>
  <c r="BY770" i="11"/>
  <c r="BZ770" i="11"/>
  <c r="CA770" i="11"/>
  <c r="CC770" i="11"/>
  <c r="CD770" i="11"/>
  <c r="CE770" i="11"/>
  <c r="CF770" i="11"/>
  <c r="CG770" i="11"/>
  <c r="CH770" i="11"/>
  <c r="CI770" i="11"/>
  <c r="CJ770" i="11"/>
  <c r="CK770" i="11"/>
  <c r="CL770" i="11"/>
  <c r="CM770" i="11"/>
  <c r="CN770" i="11"/>
  <c r="CO770" i="11"/>
  <c r="CP770" i="11"/>
  <c r="CQ770" i="11"/>
  <c r="CR770" i="11"/>
  <c r="CS770" i="11"/>
  <c r="CT770" i="11"/>
  <c r="CU770" i="11"/>
  <c r="CV770" i="11"/>
  <c r="CW770" i="11"/>
  <c r="CX770" i="11"/>
  <c r="CY770" i="11"/>
  <c r="CZ770" i="11"/>
  <c r="DA770" i="11"/>
  <c r="DB770" i="11"/>
  <c r="DC770" i="11"/>
  <c r="AB771" i="11"/>
  <c r="BV771" i="11"/>
  <c r="BY771" i="11"/>
  <c r="CA771" i="11"/>
  <c r="CB771" i="11"/>
  <c r="CC771" i="11"/>
  <c r="CD771" i="11"/>
  <c r="CE771" i="11"/>
  <c r="CF771" i="11"/>
  <c r="CG771" i="11"/>
  <c r="CH771" i="11"/>
  <c r="CI771" i="11"/>
  <c r="CJ771" i="11"/>
  <c r="CK771" i="11"/>
  <c r="CL771" i="11"/>
  <c r="CM771" i="11"/>
  <c r="CN771" i="11"/>
  <c r="CO771" i="11"/>
  <c r="CP771" i="11"/>
  <c r="CQ771" i="11"/>
  <c r="CR771" i="11"/>
  <c r="CS771" i="11"/>
  <c r="CT771" i="11"/>
  <c r="CU771" i="11"/>
  <c r="CV771" i="11"/>
  <c r="CW771" i="11"/>
  <c r="CX771" i="11"/>
  <c r="CY771" i="11"/>
  <c r="CZ771" i="11"/>
  <c r="DA771" i="11"/>
  <c r="DB771" i="11"/>
  <c r="DC771" i="11"/>
  <c r="AB772" i="11"/>
  <c r="BV772" i="11"/>
  <c r="BY772" i="11"/>
  <c r="BZ772" i="11"/>
  <c r="CA772" i="11"/>
  <c r="CB772" i="11"/>
  <c r="CD772" i="11"/>
  <c r="CE772" i="11"/>
  <c r="CF772" i="11"/>
  <c r="CG772" i="11"/>
  <c r="CH772" i="11"/>
  <c r="CI772" i="11"/>
  <c r="CJ772" i="11"/>
  <c r="CK772" i="11"/>
  <c r="CL772" i="11"/>
  <c r="CM772" i="11"/>
  <c r="CN772" i="11"/>
  <c r="CO772" i="11"/>
  <c r="CP772" i="11"/>
  <c r="CQ772" i="11"/>
  <c r="CR772" i="11"/>
  <c r="CS772" i="11"/>
  <c r="CT772" i="11"/>
  <c r="CU772" i="11"/>
  <c r="CV772" i="11"/>
  <c r="CW772" i="11"/>
  <c r="CX772" i="11"/>
  <c r="CY772" i="11"/>
  <c r="CZ772" i="11"/>
  <c r="DA772" i="11"/>
  <c r="DB772" i="11"/>
  <c r="DC772" i="11"/>
  <c r="BV769" i="11"/>
  <c r="BW769" i="11" s="1"/>
  <c r="CO769" i="11" s="1"/>
  <c r="BY769" i="11"/>
  <c r="BZ769" i="11"/>
  <c r="CA769" i="11"/>
  <c r="CB769" i="11"/>
  <c r="CC769" i="11"/>
  <c r="CD769" i="11"/>
  <c r="CE769" i="11"/>
  <c r="CF769" i="11"/>
  <c r="CG769" i="11"/>
  <c r="CH769" i="11"/>
  <c r="CI769" i="11"/>
  <c r="CJ769" i="11"/>
  <c r="CK769" i="11"/>
  <c r="CL769" i="11"/>
  <c r="CM769" i="11"/>
  <c r="CN769" i="11"/>
  <c r="CP769" i="11"/>
  <c r="CQ769" i="11"/>
  <c r="CR769" i="11"/>
  <c r="CS769" i="11"/>
  <c r="CT769" i="11"/>
  <c r="CU769" i="11"/>
  <c r="CV769" i="11"/>
  <c r="CW769" i="11"/>
  <c r="CX769" i="11"/>
  <c r="CY769" i="11"/>
  <c r="CZ769" i="11"/>
  <c r="DA769" i="11"/>
  <c r="DB769" i="11"/>
  <c r="DC769" i="11"/>
  <c r="BS474" i="9" l="1"/>
  <c r="BT474" i="9" s="1"/>
  <c r="BS482" i="9"/>
  <c r="BT482" i="9" s="1"/>
  <c r="BS420" i="9"/>
  <c r="BT420" i="9" s="1"/>
  <c r="BS427" i="9"/>
  <c r="BT427" i="9" s="1"/>
  <c r="BS452" i="9"/>
  <c r="BT452" i="9" s="1"/>
  <c r="BS423" i="9"/>
  <c r="BT423" i="9" s="1"/>
  <c r="BS428" i="9"/>
  <c r="BT428" i="9" s="1"/>
  <c r="BS355" i="9"/>
  <c r="BT355" i="9" s="1"/>
  <c r="BS278" i="9"/>
  <c r="BT278" i="9" s="1"/>
  <c r="BS354" i="9"/>
  <c r="BT354" i="9" s="1"/>
  <c r="BS386" i="9"/>
  <c r="BT386" i="9" s="1"/>
  <c r="BS389" i="9"/>
  <c r="BT389" i="9" s="1"/>
  <c r="BS331" i="9"/>
  <c r="BT331" i="9" s="1"/>
  <c r="BS303" i="9"/>
  <c r="BT303" i="9" s="1"/>
  <c r="BS359" i="9"/>
  <c r="BT359" i="9" s="1"/>
  <c r="BS426" i="9"/>
  <c r="BT426" i="9" s="1"/>
  <c r="BS287" i="9"/>
  <c r="BT287" i="9" s="1"/>
  <c r="BS361" i="9"/>
  <c r="BT361" i="9" s="1"/>
  <c r="BS424" i="9"/>
  <c r="BT424" i="9" s="1"/>
  <c r="BS364" i="9"/>
  <c r="BT364" i="9" s="1"/>
  <c r="BS453" i="9"/>
  <c r="BT453" i="9" s="1"/>
  <c r="BS301" i="9"/>
  <c r="BT301" i="9" s="1"/>
  <c r="BS414" i="9"/>
  <c r="BT414" i="9" s="1"/>
  <c r="BS363" i="9"/>
  <c r="BT363" i="9" s="1"/>
  <c r="BS356" i="9"/>
  <c r="BT356" i="9" s="1"/>
  <c r="BS478" i="9"/>
  <c r="BT478" i="9" s="1"/>
  <c r="BS288" i="9"/>
  <c r="BT288" i="9" s="1"/>
  <c r="BS365" i="9"/>
  <c r="BT365" i="9" s="1"/>
  <c r="BS286" i="9"/>
  <c r="BT286" i="9" s="1"/>
  <c r="BS328" i="9"/>
  <c r="BT328" i="9" s="1"/>
  <c r="BS387" i="9"/>
  <c r="BT387" i="9" s="1"/>
  <c r="BS277" i="9"/>
  <c r="BT277" i="9" s="1"/>
  <c r="BS321" i="9"/>
  <c r="BT321" i="9" s="1"/>
  <c r="BS388" i="9"/>
  <c r="BT388" i="9" s="1"/>
  <c r="BS353" i="9"/>
  <c r="BT353" i="9" s="1"/>
  <c r="BS473" i="9"/>
  <c r="BT473" i="9" s="1"/>
  <c r="BS357" i="9"/>
  <c r="BT357" i="9" s="1"/>
  <c r="BS327" i="9"/>
  <c r="BT327" i="9" s="1"/>
  <c r="BS422" i="9"/>
  <c r="BT422" i="9" s="1"/>
  <c r="BS302" i="9"/>
  <c r="BT302" i="9" s="1"/>
  <c r="BS304" i="9"/>
  <c r="BT304" i="9" s="1"/>
  <c r="BS352" i="9"/>
  <c r="BT352" i="9" s="1"/>
  <c r="BS425" i="9"/>
  <c r="BT425" i="9" s="1"/>
  <c r="BS360" i="9"/>
  <c r="BT360" i="9" s="1"/>
  <c r="BS362" i="9"/>
  <c r="BT362" i="9" s="1"/>
  <c r="BS305" i="9"/>
  <c r="BT305" i="9" s="1"/>
  <c r="BS358" i="9"/>
  <c r="BT358" i="9" s="1"/>
  <c r="BS421" i="9"/>
  <c r="BT421" i="9" s="1"/>
  <c r="BS477" i="9"/>
  <c r="BT477" i="9" s="1"/>
  <c r="T199" i="9"/>
  <c r="X199" i="9" s="1"/>
  <c r="DN199" i="9"/>
  <c r="T200" i="9"/>
  <c r="X200" i="9" s="1"/>
  <c r="DN200" i="9"/>
  <c r="T201" i="9"/>
  <c r="X201" i="9" s="1"/>
  <c r="DN201" i="9"/>
  <c r="BW772" i="11"/>
  <c r="CC772" i="11" s="1"/>
  <c r="BW771" i="11"/>
  <c r="BZ771" i="11" s="1"/>
  <c r="DN329" i="9"/>
  <c r="DN451" i="9"/>
  <c r="DN375" i="9"/>
  <c r="DN385" i="9"/>
  <c r="DN442" i="9"/>
  <c r="DN402" i="9"/>
  <c r="DN281" i="9"/>
  <c r="DM463" i="9"/>
  <c r="DN440" i="9"/>
  <c r="DN276" i="9"/>
  <c r="DN334" i="9"/>
  <c r="DN349" i="9"/>
  <c r="DN412" i="9"/>
  <c r="DN366" i="9"/>
  <c r="DN449" i="9"/>
  <c r="DN408" i="9"/>
  <c r="DN398" i="9"/>
  <c r="DN454" i="9"/>
  <c r="DN280" i="9"/>
  <c r="DN433" i="9"/>
  <c r="DN411" i="9"/>
  <c r="DN345" i="9"/>
  <c r="DN455" i="9"/>
  <c r="DN380" i="9"/>
  <c r="DN376" i="9"/>
  <c r="DN379" i="9"/>
  <c r="DN393" i="9"/>
  <c r="DM442" i="9"/>
  <c r="DM433" i="9"/>
  <c r="DM372" i="9"/>
  <c r="DN347" i="9"/>
  <c r="DM397" i="9"/>
  <c r="DN282" i="9"/>
  <c r="DN470" i="9"/>
  <c r="DM455" i="9"/>
  <c r="DM408" i="9"/>
  <c r="DN320" i="9"/>
  <c r="DN394" i="9"/>
  <c r="DN284" i="9"/>
  <c r="DN370" i="9"/>
  <c r="DM377" i="9"/>
  <c r="DN373" i="9"/>
  <c r="DM376" i="9"/>
  <c r="DM395" i="9"/>
  <c r="DM483" i="9"/>
  <c r="DN483" i="9"/>
  <c r="DM393" i="9"/>
  <c r="DM276" i="9"/>
  <c r="DM311" i="9"/>
  <c r="DN311" i="9"/>
  <c r="DN368" i="9"/>
  <c r="DN438" i="9"/>
  <c r="DM281" i="9"/>
  <c r="DM334" i="9"/>
  <c r="DN346" i="9"/>
  <c r="DN461" i="9"/>
  <c r="DN367" i="9"/>
  <c r="DN409" i="9"/>
  <c r="DM451" i="9"/>
  <c r="DN350" i="9"/>
  <c r="DN396" i="9"/>
  <c r="DN339" i="9"/>
  <c r="DN338" i="9"/>
  <c r="DN469" i="9"/>
  <c r="DM470" i="9"/>
  <c r="DM343" i="9"/>
  <c r="DM320" i="9"/>
  <c r="DM459" i="9"/>
  <c r="DM370" i="9"/>
  <c r="DN341" i="9"/>
  <c r="DN417" i="9"/>
  <c r="DM448" i="9"/>
  <c r="DN462" i="9"/>
  <c r="DM380" i="9"/>
  <c r="DM373" i="9"/>
  <c r="DN447" i="9"/>
  <c r="DM337" i="9"/>
  <c r="DM272" i="9"/>
  <c r="DM371" i="9"/>
  <c r="DM335" i="9"/>
  <c r="DM402" i="9"/>
  <c r="DN404" i="9"/>
  <c r="DM368" i="9"/>
  <c r="DN275" i="9"/>
  <c r="DM348" i="9"/>
  <c r="DM346" i="9"/>
  <c r="DM461" i="9"/>
  <c r="DM347" i="9"/>
  <c r="DM345" i="9"/>
  <c r="DM350" i="9"/>
  <c r="DN415" i="9"/>
  <c r="DM339" i="9"/>
  <c r="DM469" i="9"/>
  <c r="DN436" i="9"/>
  <c r="DN458" i="9"/>
  <c r="DN377" i="9"/>
  <c r="DM390" i="9"/>
  <c r="DM378" i="9"/>
  <c r="DM381" i="9"/>
  <c r="DM418" i="9"/>
  <c r="DN337" i="9"/>
  <c r="DN335" i="9"/>
  <c r="DM404" i="9"/>
  <c r="DM438" i="9"/>
  <c r="DM275" i="9"/>
  <c r="DN374" i="9"/>
  <c r="DM280" i="9"/>
  <c r="DN410" i="9"/>
  <c r="DM366" i="9"/>
  <c r="DN457" i="9"/>
  <c r="DN471" i="9"/>
  <c r="DM415" i="9"/>
  <c r="DN342" i="9"/>
  <c r="DN466" i="9"/>
  <c r="DN351" i="9"/>
  <c r="DN434" i="9"/>
  <c r="DM436" i="9"/>
  <c r="DN456" i="9"/>
  <c r="DN382" i="9"/>
  <c r="DN381" i="9"/>
  <c r="DN437" i="9"/>
  <c r="DM383" i="9"/>
  <c r="DM398" i="9"/>
  <c r="DM457" i="9"/>
  <c r="DM411" i="9"/>
  <c r="DM410" i="9"/>
  <c r="DM439" i="9"/>
  <c r="DN439" i="9"/>
  <c r="DM409" i="9"/>
  <c r="DM471" i="9"/>
  <c r="DN344" i="9"/>
  <c r="DM336" i="9"/>
  <c r="DM342" i="9"/>
  <c r="DM396" i="9"/>
  <c r="DN397" i="9"/>
  <c r="DM351" i="9"/>
  <c r="DM434" i="9"/>
  <c r="DN468" i="9"/>
  <c r="DM284" i="9"/>
  <c r="DM417" i="9"/>
  <c r="DN460" i="9"/>
  <c r="DM456" i="9"/>
  <c r="DM406" i="9"/>
  <c r="DN448" i="9"/>
  <c r="DM382" i="9"/>
  <c r="DM443" i="9"/>
  <c r="DN395" i="9"/>
  <c r="DN489" i="9"/>
  <c r="DN272" i="9"/>
  <c r="DN467" i="9"/>
  <c r="DN430" i="9"/>
  <c r="DN392" i="9"/>
  <c r="DM319" i="9"/>
  <c r="DN348" i="9"/>
  <c r="DN399" i="9"/>
  <c r="DM445" i="9"/>
  <c r="DM454" i="9"/>
  <c r="DN463" i="9"/>
  <c r="DM384" i="9"/>
  <c r="DN372" i="9"/>
  <c r="DN419" i="9"/>
  <c r="DM344" i="9"/>
  <c r="DM329" i="9"/>
  <c r="DM282" i="9"/>
  <c r="DN459" i="9"/>
  <c r="DM394" i="9"/>
  <c r="DN279" i="9"/>
  <c r="DM341" i="9"/>
  <c r="DN390" i="9"/>
  <c r="DM460" i="9"/>
  <c r="DN406" i="9"/>
  <c r="DN446" i="9"/>
  <c r="DM462" i="9"/>
  <c r="DN274" i="9"/>
  <c r="DN413" i="9"/>
  <c r="DM405" i="9"/>
  <c r="DN391" i="9"/>
  <c r="DN443" i="9"/>
  <c r="DM431" i="9"/>
  <c r="DM489" i="9"/>
  <c r="DN273" i="9"/>
  <c r="DN441" i="9"/>
  <c r="DM441" i="9"/>
  <c r="DM392" i="9"/>
  <c r="DM429" i="9"/>
  <c r="DN429" i="9"/>
  <c r="DN319" i="9"/>
  <c r="DM374" i="9"/>
  <c r="DM399" i="9"/>
  <c r="DN369" i="9"/>
  <c r="DM367" i="9"/>
  <c r="DM444" i="9"/>
  <c r="DN444" i="9"/>
  <c r="DM419" i="9"/>
  <c r="DM449" i="9"/>
  <c r="DN336" i="9"/>
  <c r="DN450" i="9"/>
  <c r="DN407" i="9"/>
  <c r="DM385" i="9"/>
  <c r="DN343" i="9"/>
  <c r="DN371" i="9"/>
  <c r="DM458" i="9"/>
  <c r="DN340" i="9"/>
  <c r="DN378" i="9"/>
  <c r="DM446" i="9"/>
  <c r="DM413" i="9"/>
  <c r="DM412" i="9"/>
  <c r="DN432" i="9"/>
  <c r="DM391" i="9"/>
  <c r="DM447" i="9"/>
  <c r="DN418" i="9"/>
  <c r="DN435" i="9"/>
  <c r="DM273" i="9"/>
  <c r="DM467" i="9"/>
  <c r="DM430" i="9"/>
  <c r="DM379" i="9"/>
  <c r="DN445" i="9"/>
  <c r="DM369" i="9"/>
  <c r="DN384" i="9"/>
  <c r="DN283" i="9"/>
  <c r="DM283" i="9"/>
  <c r="DM450" i="9"/>
  <c r="DM407" i="9"/>
  <c r="DM375" i="9"/>
  <c r="DM466" i="9"/>
  <c r="DM338" i="9"/>
  <c r="DM468" i="9"/>
  <c r="DM279" i="9"/>
  <c r="DM340" i="9"/>
  <c r="DM274" i="9"/>
  <c r="DM440" i="9"/>
  <c r="DM349" i="9"/>
  <c r="DM432" i="9"/>
  <c r="DN405" i="9"/>
  <c r="DN431" i="9"/>
  <c r="DM435" i="9"/>
  <c r="DM437" i="9"/>
  <c r="DN383" i="9"/>
  <c r="BU382" i="9"/>
  <c r="CI400" i="9"/>
  <c r="BV400" i="9"/>
  <c r="BU275" i="9"/>
  <c r="BU449" i="9"/>
  <c r="BU437" i="9"/>
  <c r="BU450" i="9"/>
  <c r="BU342" i="9"/>
  <c r="BU375" i="9"/>
  <c r="BU397" i="9"/>
  <c r="BU407" i="9"/>
  <c r="BU329" i="9"/>
  <c r="BU435" i="9"/>
  <c r="BU272" i="9"/>
  <c r="BU431" i="9"/>
  <c r="BU467" i="9"/>
  <c r="BU402" i="9"/>
  <c r="BU367" i="9"/>
  <c r="BU396" i="9"/>
  <c r="BU443" i="9"/>
  <c r="BU395" i="9"/>
  <c r="BU391" i="9"/>
  <c r="BU447" i="9"/>
  <c r="BU273" i="9"/>
  <c r="BU283" i="9"/>
  <c r="BU436" i="9"/>
  <c r="BU282" i="9"/>
  <c r="BU469" i="9"/>
  <c r="BU334" i="9"/>
  <c r="BU399" i="9"/>
  <c r="BU410" i="9"/>
  <c r="BU462" i="9"/>
  <c r="BU418" i="9"/>
  <c r="BU408" i="9"/>
  <c r="BU430" i="9"/>
  <c r="BU455" i="9"/>
  <c r="BU470" i="9"/>
  <c r="BU392" i="9"/>
  <c r="BU371" i="9"/>
  <c r="BU393" i="9"/>
  <c r="BU411" i="9"/>
  <c r="BU379" i="9"/>
  <c r="BU281" i="9"/>
  <c r="BU459" i="9"/>
  <c r="BU438" i="9"/>
  <c r="BU351" i="9"/>
  <c r="BU441" i="9"/>
  <c r="BU368" i="9"/>
  <c r="BU398" i="9"/>
  <c r="BU466" i="9"/>
  <c r="BU404" i="9"/>
  <c r="BU458" i="9"/>
  <c r="BU456" i="9"/>
  <c r="BU340" i="9"/>
  <c r="BU284" i="9"/>
  <c r="BU454" i="9"/>
  <c r="BU280" i="9"/>
  <c r="BU374" i="9"/>
  <c r="BU377" i="9"/>
  <c r="BU390" i="9"/>
  <c r="BU429" i="9"/>
  <c r="BU369" i="9"/>
  <c r="BU468" i="9"/>
  <c r="BU445" i="9"/>
  <c r="BU417" i="9"/>
  <c r="BU460" i="9"/>
  <c r="BU442" i="9"/>
  <c r="BU434" i="9"/>
  <c r="BU276" i="9"/>
  <c r="BU394" i="9"/>
  <c r="BU279" i="9"/>
  <c r="BU461" i="9"/>
  <c r="BU274" i="9"/>
  <c r="BU444" i="9"/>
  <c r="BU380" i="9"/>
  <c r="BU370" i="9"/>
  <c r="BU381" i="9"/>
  <c r="BU448" i="9"/>
  <c r="BU372" i="9"/>
  <c r="BU432" i="9"/>
  <c r="BU376" i="9"/>
  <c r="BU451" i="9"/>
  <c r="BU366" i="9"/>
  <c r="BU440" i="9"/>
  <c r="BU413" i="9"/>
  <c r="BU471" i="9"/>
  <c r="BU384" i="9"/>
  <c r="BU446" i="9"/>
  <c r="BU457" i="9"/>
  <c r="BU378" i="9"/>
  <c r="BU439" i="9"/>
  <c r="BU433" i="9"/>
  <c r="BU373" i="9"/>
  <c r="BU406" i="9"/>
  <c r="BU412" i="9"/>
  <c r="BU419" i="9"/>
  <c r="BU405" i="9"/>
  <c r="BU409" i="9"/>
  <c r="BU463" i="9"/>
  <c r="BW773" i="11"/>
  <c r="CD773" i="11" s="1"/>
  <c r="BW770" i="11"/>
  <c r="CB770" i="11" s="1"/>
  <c r="W201" i="9" l="1"/>
  <c r="W200" i="9"/>
  <c r="DM400" i="9"/>
  <c r="BV768" i="11"/>
  <c r="BW768" i="11" s="1"/>
  <c r="BY768" i="11"/>
  <c r="BZ768" i="11"/>
  <c r="CA768" i="11"/>
  <c r="CB768" i="11"/>
  <c r="CC768" i="11"/>
  <c r="CD768" i="11"/>
  <c r="CE768" i="11"/>
  <c r="CF768" i="11"/>
  <c r="CG768" i="11"/>
  <c r="CH768" i="11"/>
  <c r="CI768" i="11"/>
  <c r="CJ768" i="11"/>
  <c r="CK768" i="11"/>
  <c r="CL768" i="11"/>
  <c r="CM768" i="11"/>
  <c r="CN768" i="11"/>
  <c r="CO768" i="11"/>
  <c r="CP768" i="11"/>
  <c r="CQ768" i="11"/>
  <c r="CR768" i="11"/>
  <c r="CS768" i="11"/>
  <c r="CT768" i="11"/>
  <c r="CU768" i="11"/>
  <c r="CV768" i="11"/>
  <c r="CW768" i="11"/>
  <c r="CX768" i="11"/>
  <c r="CY768" i="11"/>
  <c r="CZ768" i="11"/>
  <c r="DA768" i="11"/>
  <c r="DB768" i="11"/>
  <c r="DC768" i="11"/>
  <c r="W218" i="9" l="1"/>
  <c r="DA552" i="9"/>
  <c r="DB552" i="9"/>
  <c r="DC552" i="9"/>
  <c r="DD552" i="9"/>
  <c r="DE552" i="9"/>
  <c r="DF552" i="9"/>
  <c r="DG552" i="9"/>
  <c r="DH552" i="9"/>
  <c r="DL552" i="9"/>
  <c r="DA553" i="9"/>
  <c r="DB553" i="9"/>
  <c r="DC553" i="9"/>
  <c r="DD553" i="9"/>
  <c r="DE553" i="9"/>
  <c r="DF553" i="9"/>
  <c r="DG553" i="9"/>
  <c r="DH553" i="9"/>
  <c r="DL553" i="9"/>
  <c r="DA551" i="9"/>
  <c r="DB551" i="9"/>
  <c r="DC551" i="9"/>
  <c r="DD551" i="9"/>
  <c r="DE551" i="9"/>
  <c r="DF551" i="9"/>
  <c r="DG551" i="9"/>
  <c r="DH551" i="9"/>
  <c r="DL551" i="9"/>
  <c r="BV222" i="9"/>
  <c r="BX222" i="9"/>
  <c r="BY222" i="9"/>
  <c r="BZ222" i="9"/>
  <c r="CA222" i="9"/>
  <c r="CB222" i="9"/>
  <c r="CC222" i="9"/>
  <c r="CD222" i="9"/>
  <c r="CE222" i="9"/>
  <c r="CF222" i="9"/>
  <c r="CG222" i="9"/>
  <c r="CH222" i="9"/>
  <c r="CI222" i="9"/>
  <c r="CJ222" i="9"/>
  <c r="CK222" i="9"/>
  <c r="CL222" i="9"/>
  <c r="CM222" i="9"/>
  <c r="CN222" i="9"/>
  <c r="CO222" i="9"/>
  <c r="CP222" i="9"/>
  <c r="CQ222" i="9"/>
  <c r="CR222" i="9"/>
  <c r="CS222" i="9"/>
  <c r="CT222" i="9"/>
  <c r="CU222" i="9"/>
  <c r="CV222" i="9"/>
  <c r="CW222" i="9"/>
  <c r="CX222" i="9"/>
  <c r="CY222" i="9"/>
  <c r="CZ222" i="9"/>
  <c r="DA222" i="9"/>
  <c r="DB222" i="9"/>
  <c r="DC222" i="9"/>
  <c r="DD222" i="9"/>
  <c r="DE222" i="9"/>
  <c r="DF222" i="9"/>
  <c r="DG222" i="9"/>
  <c r="DH222" i="9"/>
  <c r="DI222" i="9"/>
  <c r="DJ222" i="9"/>
  <c r="DK222" i="9"/>
  <c r="DL222" i="9"/>
  <c r="BV219" i="9"/>
  <c r="BW219" i="9"/>
  <c r="BX219" i="9"/>
  <c r="BY219" i="9"/>
  <c r="BZ219" i="9"/>
  <c r="CA219" i="9"/>
  <c r="CB219" i="9"/>
  <c r="CC219" i="9"/>
  <c r="CD219" i="9"/>
  <c r="CE219" i="9"/>
  <c r="CF219" i="9"/>
  <c r="CG219" i="9"/>
  <c r="CH219" i="9"/>
  <c r="CI219" i="9"/>
  <c r="CJ219" i="9"/>
  <c r="CK219" i="9"/>
  <c r="CL219" i="9"/>
  <c r="CM219" i="9"/>
  <c r="CN219" i="9"/>
  <c r="CO219" i="9"/>
  <c r="CP219" i="9"/>
  <c r="CQ219" i="9"/>
  <c r="CR219" i="9"/>
  <c r="CS219" i="9"/>
  <c r="CT219" i="9"/>
  <c r="CU219" i="9"/>
  <c r="CV219" i="9"/>
  <c r="CW219" i="9"/>
  <c r="CX219" i="9"/>
  <c r="CY219" i="9"/>
  <c r="CZ219" i="9"/>
  <c r="DA219" i="9"/>
  <c r="DB219" i="9"/>
  <c r="DC219" i="9"/>
  <c r="DD219" i="9"/>
  <c r="DE219" i="9"/>
  <c r="DF219" i="9"/>
  <c r="DG219" i="9"/>
  <c r="DH219" i="9"/>
  <c r="DI219" i="9"/>
  <c r="DK219" i="9"/>
  <c r="DL219" i="9"/>
  <c r="BV220" i="9"/>
  <c r="BW220" i="9"/>
  <c r="BX220" i="9"/>
  <c r="BY220" i="9"/>
  <c r="BZ220" i="9"/>
  <c r="CA220" i="9"/>
  <c r="CB220" i="9"/>
  <c r="CC220" i="9"/>
  <c r="CD220" i="9"/>
  <c r="CE220" i="9"/>
  <c r="CF220" i="9"/>
  <c r="CG220" i="9"/>
  <c r="CH220" i="9"/>
  <c r="CI220" i="9"/>
  <c r="CJ220" i="9"/>
  <c r="CK220" i="9"/>
  <c r="CL220" i="9"/>
  <c r="CM220" i="9"/>
  <c r="CN220" i="9"/>
  <c r="CO220" i="9"/>
  <c r="CP220" i="9"/>
  <c r="CQ220" i="9"/>
  <c r="CR220" i="9"/>
  <c r="CS220" i="9"/>
  <c r="CT220" i="9"/>
  <c r="CU220" i="9"/>
  <c r="CV220" i="9"/>
  <c r="CW220" i="9"/>
  <c r="CX220" i="9"/>
  <c r="CY220" i="9"/>
  <c r="CZ220" i="9"/>
  <c r="DA220" i="9"/>
  <c r="DB220" i="9"/>
  <c r="DC220" i="9"/>
  <c r="DD220" i="9"/>
  <c r="DE220" i="9"/>
  <c r="DF220" i="9"/>
  <c r="DG220" i="9"/>
  <c r="DH220" i="9"/>
  <c r="DI220" i="9"/>
  <c r="DJ220" i="9"/>
  <c r="DL220" i="9"/>
  <c r="BV236" i="9"/>
  <c r="BW236" i="9"/>
  <c r="BX236" i="9"/>
  <c r="BY236" i="9"/>
  <c r="BZ236" i="9"/>
  <c r="CA236" i="9"/>
  <c r="CB236" i="9"/>
  <c r="CC236" i="9"/>
  <c r="CD236" i="9"/>
  <c r="CE236" i="9"/>
  <c r="CF236" i="9"/>
  <c r="CH236" i="9"/>
  <c r="CI236" i="9"/>
  <c r="CJ236" i="9"/>
  <c r="CK236" i="9"/>
  <c r="CL236" i="9"/>
  <c r="CM236" i="9"/>
  <c r="CN236" i="9"/>
  <c r="CO236" i="9"/>
  <c r="CP236" i="9"/>
  <c r="CQ236" i="9"/>
  <c r="CR236" i="9"/>
  <c r="CS236" i="9"/>
  <c r="CT236" i="9"/>
  <c r="CU236" i="9"/>
  <c r="CV236" i="9"/>
  <c r="CW236" i="9"/>
  <c r="CX236" i="9"/>
  <c r="CY236" i="9"/>
  <c r="CZ236" i="9"/>
  <c r="DA236" i="9"/>
  <c r="DB236" i="9"/>
  <c r="DC236" i="9"/>
  <c r="DD236" i="9"/>
  <c r="DE236" i="9"/>
  <c r="DF236" i="9"/>
  <c r="DG236" i="9"/>
  <c r="DH236" i="9"/>
  <c r="DI236" i="9"/>
  <c r="DJ236" i="9"/>
  <c r="DK236" i="9"/>
  <c r="DL236" i="9"/>
  <c r="BV227" i="9"/>
  <c r="BW227" i="9"/>
  <c r="BX227" i="9"/>
  <c r="BY227" i="9"/>
  <c r="BZ227" i="9"/>
  <c r="CA227" i="9"/>
  <c r="CB227" i="9"/>
  <c r="CD227" i="9"/>
  <c r="CE227" i="9"/>
  <c r="CF227" i="9"/>
  <c r="CG227" i="9"/>
  <c r="CH227" i="9"/>
  <c r="CI227" i="9"/>
  <c r="CJ227" i="9"/>
  <c r="CK227" i="9"/>
  <c r="CL227" i="9"/>
  <c r="CM227" i="9"/>
  <c r="CN227" i="9"/>
  <c r="CO227" i="9"/>
  <c r="CP227" i="9"/>
  <c r="CQ227" i="9"/>
  <c r="CR227" i="9"/>
  <c r="CS227" i="9"/>
  <c r="CT227" i="9"/>
  <c r="CU227" i="9"/>
  <c r="CV227" i="9"/>
  <c r="CW227" i="9"/>
  <c r="CX227" i="9"/>
  <c r="CY227" i="9"/>
  <c r="CZ227" i="9"/>
  <c r="DA227" i="9"/>
  <c r="DB227" i="9"/>
  <c r="DC227" i="9"/>
  <c r="DD227" i="9"/>
  <c r="DE227" i="9"/>
  <c r="DF227" i="9"/>
  <c r="DG227" i="9"/>
  <c r="DH227" i="9"/>
  <c r="DI227" i="9"/>
  <c r="DJ227" i="9"/>
  <c r="DK227" i="9"/>
  <c r="DL227" i="9"/>
  <c r="BV223" i="9"/>
  <c r="BW223" i="9"/>
  <c r="BY223" i="9"/>
  <c r="BZ223" i="9"/>
  <c r="CA223" i="9"/>
  <c r="CB223" i="9"/>
  <c r="CC223" i="9"/>
  <c r="CD223" i="9"/>
  <c r="CE223" i="9"/>
  <c r="CF223" i="9"/>
  <c r="CG223" i="9"/>
  <c r="CH223" i="9"/>
  <c r="CI223" i="9"/>
  <c r="CJ223" i="9"/>
  <c r="CK223" i="9"/>
  <c r="CL223" i="9"/>
  <c r="CM223" i="9"/>
  <c r="CN223" i="9"/>
  <c r="CO223" i="9"/>
  <c r="CP223" i="9"/>
  <c r="CQ223" i="9"/>
  <c r="CR223" i="9"/>
  <c r="CS223" i="9"/>
  <c r="CT223" i="9"/>
  <c r="CU223" i="9"/>
  <c r="CV223" i="9"/>
  <c r="CW223" i="9"/>
  <c r="CX223" i="9"/>
  <c r="CY223" i="9"/>
  <c r="CZ223" i="9"/>
  <c r="DA223" i="9"/>
  <c r="DB223" i="9"/>
  <c r="DC223" i="9"/>
  <c r="DD223" i="9"/>
  <c r="DE223" i="9"/>
  <c r="DF223" i="9"/>
  <c r="DG223" i="9"/>
  <c r="DH223" i="9"/>
  <c r="DI223" i="9"/>
  <c r="DJ223" i="9"/>
  <c r="DK223" i="9"/>
  <c r="DL223" i="9"/>
  <c r="BV233" i="9"/>
  <c r="BW233" i="9"/>
  <c r="BX233" i="9"/>
  <c r="BY233" i="9"/>
  <c r="BZ233" i="9"/>
  <c r="CA233" i="9"/>
  <c r="CB233" i="9"/>
  <c r="CC233" i="9"/>
  <c r="CD233" i="9"/>
  <c r="CE233" i="9"/>
  <c r="CF233" i="9"/>
  <c r="CG233" i="9"/>
  <c r="CH233" i="9"/>
  <c r="CJ233" i="9"/>
  <c r="CK233" i="9"/>
  <c r="CL233" i="9"/>
  <c r="CM233" i="9"/>
  <c r="CN233" i="9"/>
  <c r="CO233" i="9"/>
  <c r="CP233" i="9"/>
  <c r="CQ233" i="9"/>
  <c r="CR233" i="9"/>
  <c r="CS233" i="9"/>
  <c r="CT233" i="9"/>
  <c r="CU233" i="9"/>
  <c r="CV233" i="9"/>
  <c r="CW233" i="9"/>
  <c r="CX233" i="9"/>
  <c r="CY233" i="9"/>
  <c r="CZ233" i="9"/>
  <c r="DA233" i="9"/>
  <c r="DB233" i="9"/>
  <c r="DC233" i="9"/>
  <c r="DD233" i="9"/>
  <c r="DE233" i="9"/>
  <c r="DF233" i="9"/>
  <c r="DG233" i="9"/>
  <c r="DH233" i="9"/>
  <c r="DI233" i="9"/>
  <c r="DJ233" i="9"/>
  <c r="DK233" i="9"/>
  <c r="DL233" i="9"/>
  <c r="BV228" i="9"/>
  <c r="BW228" i="9"/>
  <c r="BX228" i="9"/>
  <c r="BY228" i="9"/>
  <c r="BZ228" i="9"/>
  <c r="CB228" i="9"/>
  <c r="CC228" i="9"/>
  <c r="CD228" i="9"/>
  <c r="CE228" i="9"/>
  <c r="CF228" i="9"/>
  <c r="CG228" i="9"/>
  <c r="CH228" i="9"/>
  <c r="CI228" i="9"/>
  <c r="CJ228" i="9"/>
  <c r="CK228" i="9"/>
  <c r="CL228" i="9"/>
  <c r="CM228" i="9"/>
  <c r="CN228" i="9"/>
  <c r="CO228" i="9"/>
  <c r="CP228" i="9"/>
  <c r="CQ228" i="9"/>
  <c r="CR228" i="9"/>
  <c r="CS228" i="9"/>
  <c r="CT228" i="9"/>
  <c r="CU228" i="9"/>
  <c r="CV228" i="9"/>
  <c r="CW228" i="9"/>
  <c r="CX228" i="9"/>
  <c r="CY228" i="9"/>
  <c r="CZ228" i="9"/>
  <c r="DA228" i="9"/>
  <c r="DB228" i="9"/>
  <c r="DC228" i="9"/>
  <c r="DD228" i="9"/>
  <c r="DE228" i="9"/>
  <c r="DF228" i="9"/>
  <c r="DG228" i="9"/>
  <c r="DH228" i="9"/>
  <c r="DI228" i="9"/>
  <c r="DJ228" i="9"/>
  <c r="DK228" i="9"/>
  <c r="DL228" i="9"/>
  <c r="BV218" i="9"/>
  <c r="BW218" i="9"/>
  <c r="BX218" i="9"/>
  <c r="BY218" i="9"/>
  <c r="BZ218" i="9"/>
  <c r="CA218" i="9"/>
  <c r="CB218" i="9"/>
  <c r="CC218" i="9"/>
  <c r="CD218" i="9"/>
  <c r="CE218" i="9"/>
  <c r="CF218" i="9"/>
  <c r="CG218" i="9"/>
  <c r="CH218" i="9"/>
  <c r="CI218" i="9"/>
  <c r="CJ218" i="9"/>
  <c r="CK218" i="9"/>
  <c r="CL218" i="9"/>
  <c r="CM218" i="9"/>
  <c r="CN218" i="9"/>
  <c r="CO218" i="9"/>
  <c r="CP218" i="9"/>
  <c r="CQ218" i="9"/>
  <c r="CR218" i="9"/>
  <c r="CS218" i="9"/>
  <c r="CT218" i="9"/>
  <c r="CU218" i="9"/>
  <c r="CV218" i="9"/>
  <c r="CW218" i="9"/>
  <c r="CX218" i="9"/>
  <c r="CY218" i="9"/>
  <c r="CZ218" i="9"/>
  <c r="DA218" i="9"/>
  <c r="DB218" i="9"/>
  <c r="DC218" i="9"/>
  <c r="DD218" i="9"/>
  <c r="DE218" i="9"/>
  <c r="DF218" i="9"/>
  <c r="DG218" i="9"/>
  <c r="DH218" i="9"/>
  <c r="DJ218" i="9"/>
  <c r="DK218" i="9"/>
  <c r="DL218" i="9"/>
  <c r="BW221" i="9"/>
  <c r="BX221" i="9"/>
  <c r="BY221" i="9"/>
  <c r="BZ221" i="9"/>
  <c r="CA221" i="9"/>
  <c r="CB221" i="9"/>
  <c r="CC221" i="9"/>
  <c r="CD221" i="9"/>
  <c r="CE221" i="9"/>
  <c r="CF221" i="9"/>
  <c r="CG221" i="9"/>
  <c r="CH221" i="9"/>
  <c r="CI221" i="9"/>
  <c r="CJ221" i="9"/>
  <c r="CK221" i="9"/>
  <c r="CL221" i="9"/>
  <c r="CM221" i="9"/>
  <c r="CN221" i="9"/>
  <c r="CO221" i="9"/>
  <c r="CP221" i="9"/>
  <c r="CQ221" i="9"/>
  <c r="CR221" i="9"/>
  <c r="CS221" i="9"/>
  <c r="CT221" i="9"/>
  <c r="CU221" i="9"/>
  <c r="CV221" i="9"/>
  <c r="CW221" i="9"/>
  <c r="CX221" i="9"/>
  <c r="CY221" i="9"/>
  <c r="CZ221" i="9"/>
  <c r="DA221" i="9"/>
  <c r="DB221" i="9"/>
  <c r="DC221" i="9"/>
  <c r="DD221" i="9"/>
  <c r="DE221" i="9"/>
  <c r="DF221" i="9"/>
  <c r="DG221" i="9"/>
  <c r="DH221" i="9"/>
  <c r="DI221" i="9"/>
  <c r="DJ221" i="9"/>
  <c r="DK221" i="9"/>
  <c r="DL221" i="9"/>
  <c r="BV234" i="9"/>
  <c r="BW234" i="9"/>
  <c r="BX234" i="9"/>
  <c r="BY234" i="9"/>
  <c r="BZ234" i="9"/>
  <c r="CA234" i="9"/>
  <c r="CB234" i="9"/>
  <c r="CC234" i="9"/>
  <c r="CD234" i="9"/>
  <c r="CE234" i="9"/>
  <c r="CF234" i="9"/>
  <c r="CG234" i="9"/>
  <c r="CH234" i="9"/>
  <c r="CI234" i="9"/>
  <c r="CK234" i="9"/>
  <c r="CL234" i="9"/>
  <c r="CM234" i="9"/>
  <c r="CN234" i="9"/>
  <c r="CO234" i="9"/>
  <c r="CP234" i="9"/>
  <c r="CQ234" i="9"/>
  <c r="CR234" i="9"/>
  <c r="CS234" i="9"/>
  <c r="CT234" i="9"/>
  <c r="CU234" i="9"/>
  <c r="CV234" i="9"/>
  <c r="CW234" i="9"/>
  <c r="CX234" i="9"/>
  <c r="CY234" i="9"/>
  <c r="CZ234" i="9"/>
  <c r="DA234" i="9"/>
  <c r="DB234" i="9"/>
  <c r="DC234" i="9"/>
  <c r="DD234" i="9"/>
  <c r="DE234" i="9"/>
  <c r="DF234" i="9"/>
  <c r="DG234" i="9"/>
  <c r="DH234" i="9"/>
  <c r="DI234" i="9"/>
  <c r="DJ234" i="9"/>
  <c r="DK234" i="9"/>
  <c r="DL234" i="9"/>
  <c r="BV224" i="9"/>
  <c r="BW224" i="9"/>
  <c r="BX224" i="9"/>
  <c r="BZ224" i="9"/>
  <c r="CA224" i="9"/>
  <c r="CB224" i="9"/>
  <c r="CC224" i="9"/>
  <c r="CD224" i="9"/>
  <c r="CE224" i="9"/>
  <c r="CF224" i="9"/>
  <c r="CG224" i="9"/>
  <c r="CH224" i="9"/>
  <c r="CI224" i="9"/>
  <c r="CJ224" i="9"/>
  <c r="CK224" i="9"/>
  <c r="CL224" i="9"/>
  <c r="CM224" i="9"/>
  <c r="CN224" i="9"/>
  <c r="CO224" i="9"/>
  <c r="CP224" i="9"/>
  <c r="CQ224" i="9"/>
  <c r="CR224" i="9"/>
  <c r="CS224" i="9"/>
  <c r="CT224" i="9"/>
  <c r="CU224" i="9"/>
  <c r="CV224" i="9"/>
  <c r="CW224" i="9"/>
  <c r="CX224" i="9"/>
  <c r="CY224" i="9"/>
  <c r="CZ224" i="9"/>
  <c r="DA224" i="9"/>
  <c r="DB224" i="9"/>
  <c r="DC224" i="9"/>
  <c r="DD224" i="9"/>
  <c r="DE224" i="9"/>
  <c r="DF224" i="9"/>
  <c r="DG224" i="9"/>
  <c r="DH224" i="9"/>
  <c r="DI224" i="9"/>
  <c r="DJ224" i="9"/>
  <c r="DK224" i="9"/>
  <c r="DL224" i="9"/>
  <c r="BV231" i="9"/>
  <c r="BW231" i="9"/>
  <c r="BX231" i="9"/>
  <c r="BY231" i="9"/>
  <c r="BZ231" i="9"/>
  <c r="CA231" i="9"/>
  <c r="CB231" i="9"/>
  <c r="CC231" i="9"/>
  <c r="CD231" i="9"/>
  <c r="CE231" i="9"/>
  <c r="CF231" i="9"/>
  <c r="CG231" i="9"/>
  <c r="CI231" i="9"/>
  <c r="CJ231" i="9"/>
  <c r="CK231" i="9"/>
  <c r="CL231" i="9"/>
  <c r="CM231" i="9"/>
  <c r="CN231" i="9"/>
  <c r="CO231" i="9"/>
  <c r="CP231" i="9"/>
  <c r="CQ231" i="9"/>
  <c r="CR231" i="9"/>
  <c r="CS231" i="9"/>
  <c r="CT231" i="9"/>
  <c r="CU231" i="9"/>
  <c r="CV231" i="9"/>
  <c r="CW231" i="9"/>
  <c r="CX231" i="9"/>
  <c r="CY231" i="9"/>
  <c r="CZ231" i="9"/>
  <c r="DA231" i="9"/>
  <c r="DB231" i="9"/>
  <c r="DC231" i="9"/>
  <c r="DD231" i="9"/>
  <c r="DE231" i="9"/>
  <c r="DF231" i="9"/>
  <c r="DG231" i="9"/>
  <c r="DH231" i="9"/>
  <c r="DI231" i="9"/>
  <c r="DJ231" i="9"/>
  <c r="DK231" i="9"/>
  <c r="DL231" i="9"/>
  <c r="BV232" i="9"/>
  <c r="BW232" i="9"/>
  <c r="BX232" i="9"/>
  <c r="BY232" i="9"/>
  <c r="BZ232" i="9"/>
  <c r="CA232" i="9"/>
  <c r="CB232" i="9"/>
  <c r="CC232" i="9"/>
  <c r="CD232" i="9"/>
  <c r="CE232" i="9"/>
  <c r="CG232" i="9"/>
  <c r="CH232" i="9"/>
  <c r="CI232" i="9"/>
  <c r="CJ232" i="9"/>
  <c r="CK232" i="9"/>
  <c r="CL232" i="9"/>
  <c r="CM232" i="9"/>
  <c r="CN232" i="9"/>
  <c r="CO232" i="9"/>
  <c r="CP232" i="9"/>
  <c r="CQ232" i="9"/>
  <c r="CR232" i="9"/>
  <c r="CS232" i="9"/>
  <c r="CT232" i="9"/>
  <c r="CU232" i="9"/>
  <c r="CV232" i="9"/>
  <c r="CW232" i="9"/>
  <c r="CX232" i="9"/>
  <c r="CY232" i="9"/>
  <c r="CZ232" i="9"/>
  <c r="DA232" i="9"/>
  <c r="DB232" i="9"/>
  <c r="DC232" i="9"/>
  <c r="DD232" i="9"/>
  <c r="DE232" i="9"/>
  <c r="DF232" i="9"/>
  <c r="DG232" i="9"/>
  <c r="DH232" i="9"/>
  <c r="DI232" i="9"/>
  <c r="DJ232" i="9"/>
  <c r="DK232" i="9"/>
  <c r="DL232" i="9"/>
  <c r="BV225" i="9"/>
  <c r="BW225" i="9"/>
  <c r="BX225" i="9"/>
  <c r="BY225" i="9"/>
  <c r="CA225" i="9"/>
  <c r="CB225" i="9"/>
  <c r="CC225" i="9"/>
  <c r="CD225" i="9"/>
  <c r="CE225" i="9"/>
  <c r="CF225" i="9"/>
  <c r="CG225" i="9"/>
  <c r="CH225" i="9"/>
  <c r="CI225" i="9"/>
  <c r="CJ225" i="9"/>
  <c r="CK225" i="9"/>
  <c r="CL225" i="9"/>
  <c r="CM225" i="9"/>
  <c r="CN225" i="9"/>
  <c r="CO225" i="9"/>
  <c r="CP225" i="9"/>
  <c r="CQ225" i="9"/>
  <c r="CR225" i="9"/>
  <c r="CS225" i="9"/>
  <c r="CT225" i="9"/>
  <c r="CU225" i="9"/>
  <c r="CV225" i="9"/>
  <c r="CW225" i="9"/>
  <c r="CX225" i="9"/>
  <c r="CY225" i="9"/>
  <c r="CZ225" i="9"/>
  <c r="DA225" i="9"/>
  <c r="DB225" i="9"/>
  <c r="DC225" i="9"/>
  <c r="DD225" i="9"/>
  <c r="DE225" i="9"/>
  <c r="DF225" i="9"/>
  <c r="DG225" i="9"/>
  <c r="DH225" i="9"/>
  <c r="DI225" i="9"/>
  <c r="DJ225" i="9"/>
  <c r="DK225" i="9"/>
  <c r="DL225" i="9"/>
  <c r="BV230" i="9"/>
  <c r="BW230" i="9"/>
  <c r="BX230" i="9"/>
  <c r="BY230" i="9"/>
  <c r="BZ230" i="9"/>
  <c r="CA230" i="9"/>
  <c r="CB230" i="9"/>
  <c r="CC230" i="9"/>
  <c r="CD230" i="9"/>
  <c r="CF230" i="9"/>
  <c r="CG230" i="9"/>
  <c r="CH230" i="9"/>
  <c r="CI230" i="9"/>
  <c r="CJ230" i="9"/>
  <c r="CK230" i="9"/>
  <c r="CL230" i="9"/>
  <c r="CM230" i="9"/>
  <c r="CN230" i="9"/>
  <c r="CO230" i="9"/>
  <c r="CP230" i="9"/>
  <c r="CQ230" i="9"/>
  <c r="CR230" i="9"/>
  <c r="CS230" i="9"/>
  <c r="CT230" i="9"/>
  <c r="CU230" i="9"/>
  <c r="CV230" i="9"/>
  <c r="CW230" i="9"/>
  <c r="CX230" i="9"/>
  <c r="CY230" i="9"/>
  <c r="CZ230" i="9"/>
  <c r="DA230" i="9"/>
  <c r="DB230" i="9"/>
  <c r="DC230" i="9"/>
  <c r="DD230" i="9"/>
  <c r="DE230" i="9"/>
  <c r="DF230" i="9"/>
  <c r="DG230" i="9"/>
  <c r="DH230" i="9"/>
  <c r="DI230" i="9"/>
  <c r="DJ230" i="9"/>
  <c r="DK230" i="9"/>
  <c r="DL230" i="9"/>
  <c r="BV235" i="9"/>
  <c r="BW235" i="9"/>
  <c r="BX235" i="9"/>
  <c r="BY235" i="9"/>
  <c r="BZ235" i="9"/>
  <c r="CA235" i="9"/>
  <c r="CB235" i="9"/>
  <c r="CC235" i="9"/>
  <c r="CD235" i="9"/>
  <c r="CE235" i="9"/>
  <c r="CF235" i="9"/>
  <c r="CG235" i="9"/>
  <c r="CH235" i="9"/>
  <c r="CI235" i="9"/>
  <c r="CJ235" i="9"/>
  <c r="CL235" i="9"/>
  <c r="CM235" i="9"/>
  <c r="CN235" i="9"/>
  <c r="CO235" i="9"/>
  <c r="CP235" i="9"/>
  <c r="CQ235" i="9"/>
  <c r="CR235" i="9"/>
  <c r="CS235" i="9"/>
  <c r="CT235" i="9"/>
  <c r="CU235" i="9"/>
  <c r="CV235" i="9"/>
  <c r="CW235" i="9"/>
  <c r="CX235" i="9"/>
  <c r="CY235" i="9"/>
  <c r="CZ235" i="9"/>
  <c r="DA235" i="9"/>
  <c r="DB235" i="9"/>
  <c r="DC235" i="9"/>
  <c r="DD235" i="9"/>
  <c r="DE235" i="9"/>
  <c r="DF235" i="9"/>
  <c r="DG235" i="9"/>
  <c r="DH235" i="9"/>
  <c r="DI235" i="9"/>
  <c r="DJ235" i="9"/>
  <c r="DK235" i="9"/>
  <c r="DL235" i="9"/>
  <c r="BV226" i="9"/>
  <c r="BW226" i="9"/>
  <c r="BX226" i="9"/>
  <c r="BY226" i="9"/>
  <c r="BZ226" i="9"/>
  <c r="CA226" i="9"/>
  <c r="CC226" i="9"/>
  <c r="CD226" i="9"/>
  <c r="CE226" i="9"/>
  <c r="CF226" i="9"/>
  <c r="CG226" i="9"/>
  <c r="CH226" i="9"/>
  <c r="CI226" i="9"/>
  <c r="CJ226" i="9"/>
  <c r="CK226" i="9"/>
  <c r="CL226" i="9"/>
  <c r="CM226" i="9"/>
  <c r="CN226" i="9"/>
  <c r="CO226" i="9"/>
  <c r="CP226" i="9"/>
  <c r="CQ226" i="9"/>
  <c r="CR226" i="9"/>
  <c r="CS226" i="9"/>
  <c r="CT226" i="9"/>
  <c r="CU226" i="9"/>
  <c r="CV226" i="9"/>
  <c r="CW226" i="9"/>
  <c r="CX226" i="9"/>
  <c r="CY226" i="9"/>
  <c r="CZ226" i="9"/>
  <c r="DA226" i="9"/>
  <c r="DB226" i="9"/>
  <c r="DC226" i="9"/>
  <c r="DD226" i="9"/>
  <c r="DE226" i="9"/>
  <c r="DF226" i="9"/>
  <c r="DG226" i="9"/>
  <c r="DH226" i="9"/>
  <c r="DI226" i="9"/>
  <c r="DJ226" i="9"/>
  <c r="DK226" i="9"/>
  <c r="DL226" i="9"/>
  <c r="BV237" i="9"/>
  <c r="BW237" i="9"/>
  <c r="BX237" i="9"/>
  <c r="BY237" i="9"/>
  <c r="BZ237" i="9"/>
  <c r="CA237" i="9"/>
  <c r="CB237" i="9"/>
  <c r="CC237" i="9"/>
  <c r="CD237" i="9"/>
  <c r="CE237" i="9"/>
  <c r="CF237" i="9"/>
  <c r="CG237" i="9"/>
  <c r="CH237" i="9"/>
  <c r="CI237" i="9"/>
  <c r="CJ237" i="9"/>
  <c r="CK237" i="9"/>
  <c r="CM237" i="9"/>
  <c r="CN237" i="9"/>
  <c r="CO237" i="9"/>
  <c r="CP237" i="9"/>
  <c r="CQ237" i="9"/>
  <c r="CR237" i="9"/>
  <c r="CS237" i="9"/>
  <c r="CT237" i="9"/>
  <c r="CU237" i="9"/>
  <c r="CV237" i="9"/>
  <c r="CW237" i="9"/>
  <c r="CX237" i="9"/>
  <c r="CY237" i="9"/>
  <c r="CZ237" i="9"/>
  <c r="DA237" i="9"/>
  <c r="DB237" i="9"/>
  <c r="DC237" i="9"/>
  <c r="DD237" i="9"/>
  <c r="DE237" i="9"/>
  <c r="DF237" i="9"/>
  <c r="DG237" i="9"/>
  <c r="DH237" i="9"/>
  <c r="DI237" i="9"/>
  <c r="DJ237" i="9"/>
  <c r="DK237" i="9"/>
  <c r="DL237" i="9"/>
  <c r="CM258" i="9"/>
  <c r="CN258" i="9"/>
  <c r="CO258" i="9"/>
  <c r="CP258" i="9"/>
  <c r="CQ258" i="9"/>
  <c r="CR258" i="9"/>
  <c r="CS258" i="9"/>
  <c r="CT258" i="9"/>
  <c r="CU258" i="9"/>
  <c r="CV258" i="9"/>
  <c r="CW258" i="9"/>
  <c r="CX258" i="9"/>
  <c r="CY258" i="9"/>
  <c r="CZ258" i="9"/>
  <c r="DA258" i="9"/>
  <c r="DB258" i="9"/>
  <c r="DC258" i="9"/>
  <c r="DD258" i="9"/>
  <c r="DE258" i="9"/>
  <c r="DF258" i="9"/>
  <c r="DG258" i="9"/>
  <c r="DH258" i="9"/>
  <c r="BV249" i="9"/>
  <c r="BW249" i="9"/>
  <c r="BX249" i="9"/>
  <c r="BY249" i="9"/>
  <c r="BZ249" i="9"/>
  <c r="CA249" i="9"/>
  <c r="CB249" i="9"/>
  <c r="CC249" i="9"/>
  <c r="CE249" i="9"/>
  <c r="CF249" i="9"/>
  <c r="CG249" i="9"/>
  <c r="CH249" i="9"/>
  <c r="CI249" i="9"/>
  <c r="CJ249" i="9"/>
  <c r="CK249" i="9"/>
  <c r="CL249" i="9"/>
  <c r="CM249" i="9"/>
  <c r="CN249" i="9"/>
  <c r="CO249" i="9"/>
  <c r="CP249" i="9"/>
  <c r="CQ249" i="9"/>
  <c r="CR249" i="9"/>
  <c r="CS249" i="9"/>
  <c r="CT249" i="9"/>
  <c r="CU249" i="9"/>
  <c r="CV249" i="9"/>
  <c r="CW249" i="9"/>
  <c r="CX249" i="9"/>
  <c r="CY249" i="9"/>
  <c r="CZ249" i="9"/>
  <c r="DA249" i="9"/>
  <c r="DB249" i="9"/>
  <c r="DC249" i="9"/>
  <c r="DD249" i="9"/>
  <c r="DE249" i="9"/>
  <c r="DF249" i="9"/>
  <c r="DG249" i="9"/>
  <c r="DH249" i="9"/>
  <c r="DI249" i="9"/>
  <c r="DJ249" i="9"/>
  <c r="DK249" i="9"/>
  <c r="DL249" i="9"/>
  <c r="BV242" i="9"/>
  <c r="BX242" i="9"/>
  <c r="BY242" i="9"/>
  <c r="BZ242" i="9"/>
  <c r="CA242" i="9"/>
  <c r="CB242" i="9"/>
  <c r="CC242" i="9"/>
  <c r="CD242" i="9"/>
  <c r="CE242" i="9"/>
  <c r="CF242" i="9"/>
  <c r="CG242" i="9"/>
  <c r="CH242" i="9"/>
  <c r="CI242" i="9"/>
  <c r="CJ242" i="9"/>
  <c r="CK242" i="9"/>
  <c r="CL242" i="9"/>
  <c r="CM242" i="9"/>
  <c r="CN242" i="9"/>
  <c r="CO242" i="9"/>
  <c r="CP242" i="9"/>
  <c r="CQ242" i="9"/>
  <c r="CR242" i="9"/>
  <c r="CS242" i="9"/>
  <c r="CT242" i="9"/>
  <c r="CU242" i="9"/>
  <c r="CV242" i="9"/>
  <c r="CW242" i="9"/>
  <c r="CX242" i="9"/>
  <c r="CY242" i="9"/>
  <c r="CZ242" i="9"/>
  <c r="DA242" i="9"/>
  <c r="DB242" i="9"/>
  <c r="DC242" i="9"/>
  <c r="DD242" i="9"/>
  <c r="DE242" i="9"/>
  <c r="DF242" i="9"/>
  <c r="DG242" i="9"/>
  <c r="DH242" i="9"/>
  <c r="DI242" i="9"/>
  <c r="DJ242" i="9"/>
  <c r="DK242" i="9"/>
  <c r="DL242" i="9"/>
  <c r="BV239" i="9"/>
  <c r="BW239" i="9"/>
  <c r="BX239" i="9"/>
  <c r="BY239" i="9"/>
  <c r="BZ239" i="9"/>
  <c r="CA239" i="9"/>
  <c r="CB239" i="9"/>
  <c r="CC239" i="9"/>
  <c r="CD239" i="9"/>
  <c r="CE239" i="9"/>
  <c r="CF239" i="9"/>
  <c r="CG239" i="9"/>
  <c r="CH239" i="9"/>
  <c r="CI239" i="9"/>
  <c r="CJ239" i="9"/>
  <c r="CK239" i="9"/>
  <c r="CL239" i="9"/>
  <c r="CM239" i="9"/>
  <c r="CN239" i="9"/>
  <c r="CO239" i="9"/>
  <c r="CP239" i="9"/>
  <c r="CQ239" i="9"/>
  <c r="CR239" i="9"/>
  <c r="CS239" i="9"/>
  <c r="CT239" i="9"/>
  <c r="CU239" i="9"/>
  <c r="CV239" i="9"/>
  <c r="CW239" i="9"/>
  <c r="CX239" i="9"/>
  <c r="CY239" i="9"/>
  <c r="CZ239" i="9"/>
  <c r="DA239" i="9"/>
  <c r="DB239" i="9"/>
  <c r="DC239" i="9"/>
  <c r="DD239" i="9"/>
  <c r="DE239" i="9"/>
  <c r="DF239" i="9"/>
  <c r="DG239" i="9"/>
  <c r="DH239" i="9"/>
  <c r="DI239" i="9"/>
  <c r="DK239" i="9"/>
  <c r="DL239" i="9"/>
  <c r="BV240" i="9"/>
  <c r="BW240" i="9"/>
  <c r="BX240" i="9"/>
  <c r="BY240" i="9"/>
  <c r="BZ240" i="9"/>
  <c r="CA240" i="9"/>
  <c r="CB240" i="9"/>
  <c r="CC240" i="9"/>
  <c r="CD240" i="9"/>
  <c r="CE240" i="9"/>
  <c r="CF240" i="9"/>
  <c r="CG240" i="9"/>
  <c r="CH240" i="9"/>
  <c r="CI240" i="9"/>
  <c r="CJ240" i="9"/>
  <c r="CK240" i="9"/>
  <c r="CL240" i="9"/>
  <c r="CM240" i="9"/>
  <c r="CN240" i="9"/>
  <c r="CO240" i="9"/>
  <c r="CP240" i="9"/>
  <c r="CQ240" i="9"/>
  <c r="CR240" i="9"/>
  <c r="CS240" i="9"/>
  <c r="CT240" i="9"/>
  <c r="CU240" i="9"/>
  <c r="CV240" i="9"/>
  <c r="CW240" i="9"/>
  <c r="CX240" i="9"/>
  <c r="CY240" i="9"/>
  <c r="CZ240" i="9"/>
  <c r="DA240" i="9"/>
  <c r="DB240" i="9"/>
  <c r="DC240" i="9"/>
  <c r="DD240" i="9"/>
  <c r="DE240" i="9"/>
  <c r="DF240" i="9"/>
  <c r="DG240" i="9"/>
  <c r="DH240" i="9"/>
  <c r="DI240" i="9"/>
  <c r="DJ240" i="9"/>
  <c r="DL240" i="9"/>
  <c r="BV256" i="9"/>
  <c r="BW256" i="9"/>
  <c r="BX256" i="9"/>
  <c r="BY256" i="9"/>
  <c r="BZ256" i="9"/>
  <c r="CA256" i="9"/>
  <c r="CB256" i="9"/>
  <c r="CC256" i="9"/>
  <c r="CD256" i="9"/>
  <c r="CE256" i="9"/>
  <c r="CF256" i="9"/>
  <c r="CH256" i="9"/>
  <c r="CI256" i="9"/>
  <c r="CJ256" i="9"/>
  <c r="CK256" i="9"/>
  <c r="CL256" i="9"/>
  <c r="CM256" i="9"/>
  <c r="CN256" i="9"/>
  <c r="CO256" i="9"/>
  <c r="CP256" i="9"/>
  <c r="CQ256" i="9"/>
  <c r="CR256" i="9"/>
  <c r="CS256" i="9"/>
  <c r="CT256" i="9"/>
  <c r="CU256" i="9"/>
  <c r="CV256" i="9"/>
  <c r="CW256" i="9"/>
  <c r="CX256" i="9"/>
  <c r="CY256" i="9"/>
  <c r="CZ256" i="9"/>
  <c r="DA256" i="9"/>
  <c r="DB256" i="9"/>
  <c r="DC256" i="9"/>
  <c r="DD256" i="9"/>
  <c r="DE256" i="9"/>
  <c r="DF256" i="9"/>
  <c r="DG256" i="9"/>
  <c r="DH256" i="9"/>
  <c r="DI256" i="9"/>
  <c r="DJ256" i="9"/>
  <c r="DK256" i="9"/>
  <c r="DL256" i="9"/>
  <c r="BV247" i="9"/>
  <c r="BW247" i="9"/>
  <c r="BX247" i="9"/>
  <c r="BY247" i="9"/>
  <c r="BZ247" i="9"/>
  <c r="CA247" i="9"/>
  <c r="CB247" i="9"/>
  <c r="CD247" i="9"/>
  <c r="CE247" i="9"/>
  <c r="CF247" i="9"/>
  <c r="CG247" i="9"/>
  <c r="CH247" i="9"/>
  <c r="CI247" i="9"/>
  <c r="CJ247" i="9"/>
  <c r="CK247" i="9"/>
  <c r="CL247" i="9"/>
  <c r="CM247" i="9"/>
  <c r="CN247" i="9"/>
  <c r="CO247" i="9"/>
  <c r="CP247" i="9"/>
  <c r="CQ247" i="9"/>
  <c r="CR247" i="9"/>
  <c r="CS247" i="9"/>
  <c r="CT247" i="9"/>
  <c r="CU247" i="9"/>
  <c r="CV247" i="9"/>
  <c r="CW247" i="9"/>
  <c r="CX247" i="9"/>
  <c r="CY247" i="9"/>
  <c r="CZ247" i="9"/>
  <c r="DA247" i="9"/>
  <c r="DB247" i="9"/>
  <c r="DC247" i="9"/>
  <c r="DD247" i="9"/>
  <c r="DE247" i="9"/>
  <c r="DF247" i="9"/>
  <c r="DG247" i="9"/>
  <c r="DH247" i="9"/>
  <c r="DI247" i="9"/>
  <c r="DJ247" i="9"/>
  <c r="DK247" i="9"/>
  <c r="DL247" i="9"/>
  <c r="BV243" i="9"/>
  <c r="BW243" i="9"/>
  <c r="BY243" i="9"/>
  <c r="BZ243" i="9"/>
  <c r="CA243" i="9"/>
  <c r="CB243" i="9"/>
  <c r="CC243" i="9"/>
  <c r="CD243" i="9"/>
  <c r="CE243" i="9"/>
  <c r="CF243" i="9"/>
  <c r="CG243" i="9"/>
  <c r="CH243" i="9"/>
  <c r="CI243" i="9"/>
  <c r="CJ243" i="9"/>
  <c r="CK243" i="9"/>
  <c r="CL243" i="9"/>
  <c r="CM243" i="9"/>
  <c r="CN243" i="9"/>
  <c r="CO243" i="9"/>
  <c r="CP243" i="9"/>
  <c r="CQ243" i="9"/>
  <c r="CR243" i="9"/>
  <c r="CS243" i="9"/>
  <c r="CT243" i="9"/>
  <c r="CU243" i="9"/>
  <c r="CV243" i="9"/>
  <c r="CW243" i="9"/>
  <c r="CX243" i="9"/>
  <c r="CY243" i="9"/>
  <c r="CZ243" i="9"/>
  <c r="DA243" i="9"/>
  <c r="DB243" i="9"/>
  <c r="DC243" i="9"/>
  <c r="DD243" i="9"/>
  <c r="DE243" i="9"/>
  <c r="DF243" i="9"/>
  <c r="DG243" i="9"/>
  <c r="DH243" i="9"/>
  <c r="DI243" i="9"/>
  <c r="DJ243" i="9"/>
  <c r="DK243" i="9"/>
  <c r="DL243" i="9"/>
  <c r="BV253" i="9"/>
  <c r="BW253" i="9"/>
  <c r="BX253" i="9"/>
  <c r="BY253" i="9"/>
  <c r="BZ253" i="9"/>
  <c r="CA253" i="9"/>
  <c r="CB253" i="9"/>
  <c r="CC253" i="9"/>
  <c r="CD253" i="9"/>
  <c r="CE253" i="9"/>
  <c r="CF253" i="9"/>
  <c r="CG253" i="9"/>
  <c r="CH253" i="9"/>
  <c r="CJ253" i="9"/>
  <c r="CK253" i="9"/>
  <c r="CL253" i="9"/>
  <c r="CM253" i="9"/>
  <c r="CN253" i="9"/>
  <c r="CO253" i="9"/>
  <c r="CP253" i="9"/>
  <c r="CQ253" i="9"/>
  <c r="CR253" i="9"/>
  <c r="CS253" i="9"/>
  <c r="CT253" i="9"/>
  <c r="CU253" i="9"/>
  <c r="CV253" i="9"/>
  <c r="CW253" i="9"/>
  <c r="CX253" i="9"/>
  <c r="CY253" i="9"/>
  <c r="CZ253" i="9"/>
  <c r="DA253" i="9"/>
  <c r="DB253" i="9"/>
  <c r="DC253" i="9"/>
  <c r="DD253" i="9"/>
  <c r="DE253" i="9"/>
  <c r="DF253" i="9"/>
  <c r="DG253" i="9"/>
  <c r="DH253" i="9"/>
  <c r="DI253" i="9"/>
  <c r="DJ253" i="9"/>
  <c r="DK253" i="9"/>
  <c r="DL253" i="9"/>
  <c r="BV248" i="9"/>
  <c r="BW248" i="9"/>
  <c r="BX248" i="9"/>
  <c r="BY248" i="9"/>
  <c r="BZ248" i="9"/>
  <c r="CB248" i="9"/>
  <c r="CC248" i="9"/>
  <c r="CD248" i="9"/>
  <c r="CE248" i="9"/>
  <c r="CF248" i="9"/>
  <c r="CG248" i="9"/>
  <c r="CH248" i="9"/>
  <c r="CI248" i="9"/>
  <c r="CJ248" i="9"/>
  <c r="CK248" i="9"/>
  <c r="CL248" i="9"/>
  <c r="CM248" i="9"/>
  <c r="CN248" i="9"/>
  <c r="CO248" i="9"/>
  <c r="CP248" i="9"/>
  <c r="CQ248" i="9"/>
  <c r="CR248" i="9"/>
  <c r="CS248" i="9"/>
  <c r="CT248" i="9"/>
  <c r="CU248" i="9"/>
  <c r="CV248" i="9"/>
  <c r="CW248" i="9"/>
  <c r="CX248" i="9"/>
  <c r="CY248" i="9"/>
  <c r="CZ248" i="9"/>
  <c r="DA248" i="9"/>
  <c r="DB248" i="9"/>
  <c r="DC248" i="9"/>
  <c r="DD248" i="9"/>
  <c r="DE248" i="9"/>
  <c r="DF248" i="9"/>
  <c r="DG248" i="9"/>
  <c r="DH248" i="9"/>
  <c r="DI248" i="9"/>
  <c r="DJ248" i="9"/>
  <c r="DK248" i="9"/>
  <c r="DL248" i="9"/>
  <c r="BV238" i="9"/>
  <c r="BW238" i="9"/>
  <c r="BX238" i="9"/>
  <c r="BY238" i="9"/>
  <c r="BZ238" i="9"/>
  <c r="CA238" i="9"/>
  <c r="CB238" i="9"/>
  <c r="CC238" i="9"/>
  <c r="CD238" i="9"/>
  <c r="CE238" i="9"/>
  <c r="CF238" i="9"/>
  <c r="CG238" i="9"/>
  <c r="CH238" i="9"/>
  <c r="CI238" i="9"/>
  <c r="CJ238" i="9"/>
  <c r="CK238" i="9"/>
  <c r="CL238" i="9"/>
  <c r="CM238" i="9"/>
  <c r="CN238" i="9"/>
  <c r="CO238" i="9"/>
  <c r="CP238" i="9"/>
  <c r="CQ238" i="9"/>
  <c r="CR238" i="9"/>
  <c r="CS238" i="9"/>
  <c r="CT238" i="9"/>
  <c r="CU238" i="9"/>
  <c r="CV238" i="9"/>
  <c r="CW238" i="9"/>
  <c r="CX238" i="9"/>
  <c r="CY238" i="9"/>
  <c r="CZ238" i="9"/>
  <c r="DA238" i="9"/>
  <c r="DB238" i="9"/>
  <c r="DC238" i="9"/>
  <c r="DD238" i="9"/>
  <c r="DE238" i="9"/>
  <c r="DF238" i="9"/>
  <c r="DG238" i="9"/>
  <c r="DH238" i="9"/>
  <c r="DJ238" i="9"/>
  <c r="DK238" i="9"/>
  <c r="DL238" i="9"/>
  <c r="BW241" i="9"/>
  <c r="BX241" i="9"/>
  <c r="BY241" i="9"/>
  <c r="BZ241" i="9"/>
  <c r="CA241" i="9"/>
  <c r="CB241" i="9"/>
  <c r="CC241" i="9"/>
  <c r="CD241" i="9"/>
  <c r="CE241" i="9"/>
  <c r="CF241" i="9"/>
  <c r="CG241" i="9"/>
  <c r="CH241" i="9"/>
  <c r="CI241" i="9"/>
  <c r="CJ241" i="9"/>
  <c r="CK241" i="9"/>
  <c r="CL241" i="9"/>
  <c r="CM241" i="9"/>
  <c r="CN241" i="9"/>
  <c r="CO241" i="9"/>
  <c r="CP241" i="9"/>
  <c r="CQ241" i="9"/>
  <c r="CR241" i="9"/>
  <c r="CS241" i="9"/>
  <c r="CT241" i="9"/>
  <c r="CU241" i="9"/>
  <c r="CV241" i="9"/>
  <c r="CW241" i="9"/>
  <c r="CX241" i="9"/>
  <c r="CY241" i="9"/>
  <c r="CZ241" i="9"/>
  <c r="DA241" i="9"/>
  <c r="DB241" i="9"/>
  <c r="DC241" i="9"/>
  <c r="DD241" i="9"/>
  <c r="DE241" i="9"/>
  <c r="DF241" i="9"/>
  <c r="DG241" i="9"/>
  <c r="DH241" i="9"/>
  <c r="DI241" i="9"/>
  <c r="DJ241" i="9"/>
  <c r="DK241" i="9"/>
  <c r="DL241" i="9"/>
  <c r="BV254" i="9"/>
  <c r="BW254" i="9"/>
  <c r="BX254" i="9"/>
  <c r="BY254" i="9"/>
  <c r="BZ254" i="9"/>
  <c r="CA254" i="9"/>
  <c r="CB254" i="9"/>
  <c r="CC254" i="9"/>
  <c r="CD254" i="9"/>
  <c r="CE254" i="9"/>
  <c r="CF254" i="9"/>
  <c r="CG254" i="9"/>
  <c r="CH254" i="9"/>
  <c r="CI254" i="9"/>
  <c r="CK254" i="9"/>
  <c r="CL254" i="9"/>
  <c r="CM254" i="9"/>
  <c r="CN254" i="9"/>
  <c r="CO254" i="9"/>
  <c r="CP254" i="9"/>
  <c r="CQ254" i="9"/>
  <c r="CR254" i="9"/>
  <c r="CS254" i="9"/>
  <c r="CT254" i="9"/>
  <c r="CU254" i="9"/>
  <c r="CV254" i="9"/>
  <c r="CW254" i="9"/>
  <c r="CX254" i="9"/>
  <c r="CY254" i="9"/>
  <c r="CZ254" i="9"/>
  <c r="DA254" i="9"/>
  <c r="DB254" i="9"/>
  <c r="DC254" i="9"/>
  <c r="DD254" i="9"/>
  <c r="DE254" i="9"/>
  <c r="DF254" i="9"/>
  <c r="DG254" i="9"/>
  <c r="DH254" i="9"/>
  <c r="DI254" i="9"/>
  <c r="DJ254" i="9"/>
  <c r="DK254" i="9"/>
  <c r="DL254" i="9"/>
  <c r="BV244" i="9"/>
  <c r="BW244" i="9"/>
  <c r="BX244" i="9"/>
  <c r="BZ244" i="9"/>
  <c r="CA244" i="9"/>
  <c r="CB244" i="9"/>
  <c r="CC244" i="9"/>
  <c r="CD244" i="9"/>
  <c r="CE244" i="9"/>
  <c r="CF244" i="9"/>
  <c r="CG244" i="9"/>
  <c r="CH244" i="9"/>
  <c r="CI244" i="9"/>
  <c r="CJ244" i="9"/>
  <c r="CK244" i="9"/>
  <c r="CL244" i="9"/>
  <c r="CM244" i="9"/>
  <c r="CN244" i="9"/>
  <c r="CO244" i="9"/>
  <c r="CP244" i="9"/>
  <c r="CQ244" i="9"/>
  <c r="CR244" i="9"/>
  <c r="CS244" i="9"/>
  <c r="CT244" i="9"/>
  <c r="CU244" i="9"/>
  <c r="CV244" i="9"/>
  <c r="CW244" i="9"/>
  <c r="CX244" i="9"/>
  <c r="CY244" i="9"/>
  <c r="CZ244" i="9"/>
  <c r="DA244" i="9"/>
  <c r="DB244" i="9"/>
  <c r="DC244" i="9"/>
  <c r="DD244" i="9"/>
  <c r="DE244" i="9"/>
  <c r="DF244" i="9"/>
  <c r="DG244" i="9"/>
  <c r="DH244" i="9"/>
  <c r="DI244" i="9"/>
  <c r="DJ244" i="9"/>
  <c r="DK244" i="9"/>
  <c r="DL244" i="9"/>
  <c r="BV251" i="9"/>
  <c r="BW251" i="9"/>
  <c r="BX251" i="9"/>
  <c r="BY251" i="9"/>
  <c r="BZ251" i="9"/>
  <c r="CA251" i="9"/>
  <c r="CB251" i="9"/>
  <c r="CC251" i="9"/>
  <c r="CD251" i="9"/>
  <c r="CE251" i="9"/>
  <c r="CF251" i="9"/>
  <c r="CG251" i="9"/>
  <c r="CI251" i="9"/>
  <c r="CJ251" i="9"/>
  <c r="CK251" i="9"/>
  <c r="CL251" i="9"/>
  <c r="CM251" i="9"/>
  <c r="CN251" i="9"/>
  <c r="CO251" i="9"/>
  <c r="CP251" i="9"/>
  <c r="CQ251" i="9"/>
  <c r="CR251" i="9"/>
  <c r="CS251" i="9"/>
  <c r="CT251" i="9"/>
  <c r="CU251" i="9"/>
  <c r="CV251" i="9"/>
  <c r="CW251" i="9"/>
  <c r="CX251" i="9"/>
  <c r="CY251" i="9"/>
  <c r="CZ251" i="9"/>
  <c r="DA251" i="9"/>
  <c r="DB251" i="9"/>
  <c r="DC251" i="9"/>
  <c r="DD251" i="9"/>
  <c r="DE251" i="9"/>
  <c r="DF251" i="9"/>
  <c r="DG251" i="9"/>
  <c r="DH251" i="9"/>
  <c r="DI251" i="9"/>
  <c r="DJ251" i="9"/>
  <c r="DK251" i="9"/>
  <c r="DL251" i="9"/>
  <c r="BV252" i="9"/>
  <c r="BW252" i="9"/>
  <c r="BX252" i="9"/>
  <c r="BY252" i="9"/>
  <c r="BZ252" i="9"/>
  <c r="CA252" i="9"/>
  <c r="CB252" i="9"/>
  <c r="CC252" i="9"/>
  <c r="CD252" i="9"/>
  <c r="CE252" i="9"/>
  <c r="CG252" i="9"/>
  <c r="CH252" i="9"/>
  <c r="CI252" i="9"/>
  <c r="CJ252" i="9"/>
  <c r="CK252" i="9"/>
  <c r="CL252" i="9"/>
  <c r="CM252" i="9"/>
  <c r="CN252" i="9"/>
  <c r="CO252" i="9"/>
  <c r="CP252" i="9"/>
  <c r="CQ252" i="9"/>
  <c r="CR252" i="9"/>
  <c r="CS252" i="9"/>
  <c r="CT252" i="9"/>
  <c r="CU252" i="9"/>
  <c r="CV252" i="9"/>
  <c r="CW252" i="9"/>
  <c r="CX252" i="9"/>
  <c r="CY252" i="9"/>
  <c r="CZ252" i="9"/>
  <c r="DA252" i="9"/>
  <c r="DB252" i="9"/>
  <c r="DC252" i="9"/>
  <c r="DD252" i="9"/>
  <c r="DE252" i="9"/>
  <c r="DF252" i="9"/>
  <c r="DG252" i="9"/>
  <c r="DH252" i="9"/>
  <c r="DI252" i="9"/>
  <c r="DJ252" i="9"/>
  <c r="DK252" i="9"/>
  <c r="DL252" i="9"/>
  <c r="BV245" i="9"/>
  <c r="BW245" i="9"/>
  <c r="BX245" i="9"/>
  <c r="BY245" i="9"/>
  <c r="CA245" i="9"/>
  <c r="CB245" i="9"/>
  <c r="CC245" i="9"/>
  <c r="CD245" i="9"/>
  <c r="CE245" i="9"/>
  <c r="CF245" i="9"/>
  <c r="CG245" i="9"/>
  <c r="CH245" i="9"/>
  <c r="CI245" i="9"/>
  <c r="CJ245" i="9"/>
  <c r="CK245" i="9"/>
  <c r="CL245" i="9"/>
  <c r="CM245" i="9"/>
  <c r="CN245" i="9"/>
  <c r="CO245" i="9"/>
  <c r="CP245" i="9"/>
  <c r="CQ245" i="9"/>
  <c r="CR245" i="9"/>
  <c r="CS245" i="9"/>
  <c r="CT245" i="9"/>
  <c r="CU245" i="9"/>
  <c r="CV245" i="9"/>
  <c r="CW245" i="9"/>
  <c r="CX245" i="9"/>
  <c r="CY245" i="9"/>
  <c r="CZ245" i="9"/>
  <c r="DA245" i="9"/>
  <c r="DB245" i="9"/>
  <c r="DC245" i="9"/>
  <c r="DD245" i="9"/>
  <c r="DE245" i="9"/>
  <c r="DF245" i="9"/>
  <c r="DG245" i="9"/>
  <c r="DH245" i="9"/>
  <c r="DI245" i="9"/>
  <c r="DJ245" i="9"/>
  <c r="DK245" i="9"/>
  <c r="DL245" i="9"/>
  <c r="BV250" i="9"/>
  <c r="BW250" i="9"/>
  <c r="BX250" i="9"/>
  <c r="BY250" i="9"/>
  <c r="BZ250" i="9"/>
  <c r="CA250" i="9"/>
  <c r="CB250" i="9"/>
  <c r="CC250" i="9"/>
  <c r="CD250" i="9"/>
  <c r="CF250" i="9"/>
  <c r="CG250" i="9"/>
  <c r="CH250" i="9"/>
  <c r="CI250" i="9"/>
  <c r="CJ250" i="9"/>
  <c r="CK250" i="9"/>
  <c r="CL250" i="9"/>
  <c r="CM250" i="9"/>
  <c r="CN250" i="9"/>
  <c r="CO250" i="9"/>
  <c r="CP250" i="9"/>
  <c r="CQ250" i="9"/>
  <c r="CR250" i="9"/>
  <c r="CS250" i="9"/>
  <c r="CT250" i="9"/>
  <c r="CU250" i="9"/>
  <c r="CV250" i="9"/>
  <c r="CW250" i="9"/>
  <c r="CX250" i="9"/>
  <c r="CY250" i="9"/>
  <c r="CZ250" i="9"/>
  <c r="DA250" i="9"/>
  <c r="DB250" i="9"/>
  <c r="DC250" i="9"/>
  <c r="DD250" i="9"/>
  <c r="DE250" i="9"/>
  <c r="DF250" i="9"/>
  <c r="DG250" i="9"/>
  <c r="DH250" i="9"/>
  <c r="DI250" i="9"/>
  <c r="DJ250" i="9"/>
  <c r="DK250" i="9"/>
  <c r="DL250" i="9"/>
  <c r="BV255" i="9"/>
  <c r="BW255" i="9"/>
  <c r="BX255" i="9"/>
  <c r="BY255" i="9"/>
  <c r="BZ255" i="9"/>
  <c r="CA255" i="9"/>
  <c r="CB255" i="9"/>
  <c r="CC255" i="9"/>
  <c r="CD255" i="9"/>
  <c r="CE255" i="9"/>
  <c r="CF255" i="9"/>
  <c r="CG255" i="9"/>
  <c r="CH255" i="9"/>
  <c r="CI255" i="9"/>
  <c r="CJ255" i="9"/>
  <c r="CL255" i="9"/>
  <c r="CM255" i="9"/>
  <c r="CN255" i="9"/>
  <c r="CO255" i="9"/>
  <c r="CP255" i="9"/>
  <c r="CQ255" i="9"/>
  <c r="CR255" i="9"/>
  <c r="CS255" i="9"/>
  <c r="CT255" i="9"/>
  <c r="CU255" i="9"/>
  <c r="CV255" i="9"/>
  <c r="CW255" i="9"/>
  <c r="CX255" i="9"/>
  <c r="CY255" i="9"/>
  <c r="CZ255" i="9"/>
  <c r="DA255" i="9"/>
  <c r="DB255" i="9"/>
  <c r="DC255" i="9"/>
  <c r="DD255" i="9"/>
  <c r="DE255" i="9"/>
  <c r="DF255" i="9"/>
  <c r="DG255" i="9"/>
  <c r="DH255" i="9"/>
  <c r="DI255" i="9"/>
  <c r="DJ255" i="9"/>
  <c r="DK255" i="9"/>
  <c r="DL255" i="9"/>
  <c r="BV246" i="9"/>
  <c r="BW246" i="9"/>
  <c r="BX246" i="9"/>
  <c r="BY246" i="9"/>
  <c r="BZ246" i="9"/>
  <c r="CA246" i="9"/>
  <c r="CC246" i="9"/>
  <c r="CD246" i="9"/>
  <c r="CE246" i="9"/>
  <c r="CF246" i="9"/>
  <c r="CG246" i="9"/>
  <c r="CH246" i="9"/>
  <c r="CI246" i="9"/>
  <c r="CJ246" i="9"/>
  <c r="CK246" i="9"/>
  <c r="CL246" i="9"/>
  <c r="CM246" i="9"/>
  <c r="CN246" i="9"/>
  <c r="CO246" i="9"/>
  <c r="CP246" i="9"/>
  <c r="CQ246" i="9"/>
  <c r="CR246" i="9"/>
  <c r="CS246" i="9"/>
  <c r="CT246" i="9"/>
  <c r="CU246" i="9"/>
  <c r="CV246" i="9"/>
  <c r="CW246" i="9"/>
  <c r="CX246" i="9"/>
  <c r="CY246" i="9"/>
  <c r="CZ246" i="9"/>
  <c r="DA246" i="9"/>
  <c r="DB246" i="9"/>
  <c r="DC246" i="9"/>
  <c r="DD246" i="9"/>
  <c r="DE246" i="9"/>
  <c r="DF246" i="9"/>
  <c r="DG246" i="9"/>
  <c r="DH246" i="9"/>
  <c r="DI246" i="9"/>
  <c r="DJ246" i="9"/>
  <c r="DK246" i="9"/>
  <c r="DL246" i="9"/>
  <c r="BV257" i="9"/>
  <c r="BW257" i="9"/>
  <c r="BX257" i="9"/>
  <c r="BY257" i="9"/>
  <c r="BZ257" i="9"/>
  <c r="CA257" i="9"/>
  <c r="CB257" i="9"/>
  <c r="CC257" i="9"/>
  <c r="CD257" i="9"/>
  <c r="CE257" i="9"/>
  <c r="CF257" i="9"/>
  <c r="CG257" i="9"/>
  <c r="CH257" i="9"/>
  <c r="CI257" i="9"/>
  <c r="CJ257" i="9"/>
  <c r="CK257" i="9"/>
  <c r="CM257" i="9"/>
  <c r="CN257" i="9"/>
  <c r="CO257" i="9"/>
  <c r="CP257" i="9"/>
  <c r="CQ257" i="9"/>
  <c r="CR257" i="9"/>
  <c r="CS257" i="9"/>
  <c r="CT257" i="9"/>
  <c r="CU257" i="9"/>
  <c r="CV257" i="9"/>
  <c r="CW257" i="9"/>
  <c r="CX257" i="9"/>
  <c r="CY257" i="9"/>
  <c r="CZ257" i="9"/>
  <c r="DA257" i="9"/>
  <c r="DB257" i="9"/>
  <c r="DC257" i="9"/>
  <c r="DD257" i="9"/>
  <c r="DE257" i="9"/>
  <c r="DF257" i="9"/>
  <c r="DG257" i="9"/>
  <c r="DH257" i="9"/>
  <c r="DI257" i="9"/>
  <c r="DJ257" i="9"/>
  <c r="DK257" i="9"/>
  <c r="DL257" i="9"/>
  <c r="DL229" i="9"/>
  <c r="DK229" i="9"/>
  <c r="DJ229" i="9"/>
  <c r="DI229" i="9"/>
  <c r="DH229" i="9"/>
  <c r="DG229" i="9"/>
  <c r="DF229" i="9"/>
  <c r="DE229" i="9"/>
  <c r="DD229" i="9"/>
  <c r="DC229" i="9"/>
  <c r="DB229" i="9"/>
  <c r="DA229" i="9"/>
  <c r="CZ229" i="9"/>
  <c r="CY229" i="9"/>
  <c r="CX229" i="9"/>
  <c r="CW229" i="9"/>
  <c r="CV229" i="9"/>
  <c r="CU229" i="9"/>
  <c r="CT229" i="9"/>
  <c r="CS229" i="9"/>
  <c r="CR229" i="9"/>
  <c r="CQ229" i="9"/>
  <c r="CP229" i="9"/>
  <c r="CO229" i="9"/>
  <c r="CN229" i="9"/>
  <c r="CM229" i="9"/>
  <c r="CL229" i="9"/>
  <c r="CK229" i="9"/>
  <c r="CJ229" i="9"/>
  <c r="CI229" i="9"/>
  <c r="CH229" i="9"/>
  <c r="CG229" i="9"/>
  <c r="CF229" i="9"/>
  <c r="CE229" i="9"/>
  <c r="CC229" i="9"/>
  <c r="CB229" i="9"/>
  <c r="CA229" i="9"/>
  <c r="BZ229" i="9"/>
  <c r="BY229" i="9"/>
  <c r="BX229" i="9"/>
  <c r="BW229" i="9"/>
  <c r="BV229" i="9"/>
  <c r="DH558" i="9" l="1"/>
  <c r="DH559" i="9" s="1"/>
  <c r="DF558" i="9"/>
  <c r="DF559" i="9" s="1"/>
  <c r="DE558" i="9"/>
  <c r="DE559" i="9" s="1"/>
  <c r="DD558" i="9"/>
  <c r="DD559" i="9" s="1"/>
  <c r="DG558" i="9"/>
  <c r="DG559" i="9" s="1"/>
  <c r="DB558" i="9"/>
  <c r="DB559" i="9" s="1"/>
  <c r="DN228" i="9"/>
  <c r="DN230" i="9"/>
  <c r="DN224" i="9"/>
  <c r="DN242" i="9"/>
  <c r="DN255" i="9"/>
  <c r="DN251" i="9"/>
  <c r="DN247" i="9"/>
  <c r="DN236" i="9"/>
  <c r="DN250" i="9"/>
  <c r="DN244" i="9"/>
  <c r="DN248" i="9"/>
  <c r="DN256" i="9"/>
  <c r="DM240" i="9"/>
  <c r="DN249" i="9"/>
  <c r="DN237" i="9"/>
  <c r="DN225" i="9"/>
  <c r="DN234" i="9"/>
  <c r="DN233" i="9"/>
  <c r="DM219" i="9"/>
  <c r="DN254" i="9"/>
  <c r="DN253" i="9"/>
  <c r="DM239" i="9"/>
  <c r="DN226" i="9"/>
  <c r="DN232" i="9"/>
  <c r="DN221" i="9"/>
  <c r="DM218" i="9"/>
  <c r="DN223" i="9"/>
  <c r="DN257" i="9"/>
  <c r="DN229" i="9"/>
  <c r="DN246" i="9"/>
  <c r="DN252" i="9"/>
  <c r="DN241" i="9"/>
  <c r="DM238" i="9"/>
  <c r="DN243" i="9"/>
  <c r="DN235" i="9"/>
  <c r="DN231" i="9"/>
  <c r="DN227" i="9"/>
  <c r="DN222" i="9"/>
  <c r="DN245" i="9"/>
  <c r="DM220" i="9"/>
  <c r="DP257" i="9"/>
  <c r="DP245" i="9"/>
  <c r="DP254" i="9"/>
  <c r="DP253" i="9"/>
  <c r="DP226" i="9"/>
  <c r="DP232" i="9"/>
  <c r="DP221" i="9"/>
  <c r="DP223" i="9"/>
  <c r="DP229" i="9"/>
  <c r="DP239" i="9"/>
  <c r="DP218" i="9"/>
  <c r="DP246" i="9"/>
  <c r="DP252" i="9"/>
  <c r="DP241" i="9"/>
  <c r="DP243" i="9"/>
  <c r="DP235" i="9"/>
  <c r="DP231" i="9"/>
  <c r="DP227" i="9"/>
  <c r="DP222" i="9"/>
  <c r="DP255" i="9"/>
  <c r="DP251" i="9"/>
  <c r="DP247" i="9"/>
  <c r="DP242" i="9"/>
  <c r="DP258" i="9"/>
  <c r="DP230" i="9"/>
  <c r="DP224" i="9"/>
  <c r="DP228" i="9"/>
  <c r="DP236" i="9"/>
  <c r="DP551" i="9"/>
  <c r="DP220" i="9"/>
  <c r="DP553" i="9"/>
  <c r="DP250" i="9"/>
  <c r="DP244" i="9"/>
  <c r="DP248" i="9"/>
  <c r="DP256" i="9"/>
  <c r="DP249" i="9"/>
  <c r="DP237" i="9"/>
  <c r="DP225" i="9"/>
  <c r="DP234" i="9"/>
  <c r="DP233" i="9"/>
  <c r="DP552" i="9"/>
  <c r="DP238" i="9"/>
  <c r="DP240" i="9"/>
  <c r="DP219" i="9"/>
  <c r="DO238" i="9"/>
  <c r="DO250" i="9"/>
  <c r="DO244" i="9"/>
  <c r="DO246" i="9"/>
  <c r="DO252" i="9"/>
  <c r="DO241" i="9"/>
  <c r="DO243" i="9"/>
  <c r="DO235" i="9"/>
  <c r="DO231" i="9"/>
  <c r="DO227" i="9"/>
  <c r="DO222" i="9"/>
  <c r="DO255" i="9"/>
  <c r="DO251" i="9"/>
  <c r="DO247" i="9"/>
  <c r="DO242" i="9"/>
  <c r="DO258" i="9"/>
  <c r="DO230" i="9"/>
  <c r="DO224" i="9"/>
  <c r="DO228" i="9"/>
  <c r="DO236" i="9"/>
  <c r="DO229" i="9"/>
  <c r="DO220" i="9"/>
  <c r="DO248" i="9"/>
  <c r="DO237" i="9"/>
  <c r="DO233" i="9"/>
  <c r="DO256" i="9"/>
  <c r="DO225" i="9"/>
  <c r="DO240" i="9"/>
  <c r="DO219" i="9"/>
  <c r="DO249" i="9"/>
  <c r="DO257" i="9"/>
  <c r="DO245" i="9"/>
  <c r="DO254" i="9"/>
  <c r="DO253" i="9"/>
  <c r="DO226" i="9"/>
  <c r="DO232" i="9"/>
  <c r="DO221" i="9"/>
  <c r="DO223" i="9"/>
  <c r="DO234" i="9"/>
  <c r="DO239" i="9"/>
  <c r="DO218" i="9"/>
  <c r="CE258" i="9"/>
  <c r="DK258" i="9"/>
  <c r="BW258" i="9"/>
  <c r="DJ258" i="9"/>
  <c r="CL258" i="9"/>
  <c r="CD258" i="9"/>
  <c r="BV258" i="9"/>
  <c r="CB246" i="9"/>
  <c r="BU246" i="9" s="1"/>
  <c r="DI258" i="9"/>
  <c r="CK258" i="9"/>
  <c r="CC258" i="9"/>
  <c r="CJ258" i="9"/>
  <c r="CB258" i="9"/>
  <c r="DI218" i="9"/>
  <c r="DK220" i="9"/>
  <c r="BU220" i="9" s="1"/>
  <c r="CK255" i="9"/>
  <c r="BU255" i="9" s="1"/>
  <c r="CI258" i="9"/>
  <c r="CA258" i="9"/>
  <c r="CL257" i="9"/>
  <c r="BU257" i="9" s="1"/>
  <c r="CH258" i="9"/>
  <c r="BZ258" i="9"/>
  <c r="CG258" i="9"/>
  <c r="BY258" i="9"/>
  <c r="DL258" i="9"/>
  <c r="CF258" i="9"/>
  <c r="BX258" i="9"/>
  <c r="DJ219" i="9"/>
  <c r="BU219" i="9" s="1"/>
  <c r="DM258" i="9" l="1"/>
  <c r="DM246" i="9"/>
  <c r="BU218" i="9"/>
  <c r="DN218" i="9"/>
  <c r="DM257" i="9"/>
  <c r="DM255" i="9"/>
  <c r="DN220" i="9"/>
  <c r="DN258" i="9"/>
  <c r="DN219" i="9"/>
  <c r="BU258" i="9"/>
  <c r="BV767" i="11" l="1"/>
  <c r="BW767" i="11" s="1"/>
  <c r="BY767" i="11"/>
  <c r="BZ767" i="11"/>
  <c r="CA767" i="11"/>
  <c r="CB767" i="11"/>
  <c r="CC767" i="11"/>
  <c r="CD767" i="11"/>
  <c r="CE767" i="11"/>
  <c r="CF767" i="11"/>
  <c r="CG767" i="11"/>
  <c r="CH767" i="11"/>
  <c r="CI767" i="11"/>
  <c r="CJ767" i="11"/>
  <c r="CK767" i="11"/>
  <c r="CL767" i="11"/>
  <c r="CM767" i="11"/>
  <c r="CN767" i="11"/>
  <c r="CO767" i="11"/>
  <c r="CP767" i="11"/>
  <c r="CQ767" i="11"/>
  <c r="CR767" i="11"/>
  <c r="CS767" i="11"/>
  <c r="CT767" i="11"/>
  <c r="CU767" i="11"/>
  <c r="CV767" i="11"/>
  <c r="CW767" i="11"/>
  <c r="CX767" i="11"/>
  <c r="CY767" i="11"/>
  <c r="CZ767" i="11"/>
  <c r="DA767" i="11"/>
  <c r="DB767" i="11"/>
  <c r="DC767" i="11"/>
  <c r="BV766" i="11"/>
  <c r="BY766" i="11"/>
  <c r="BZ766" i="11"/>
  <c r="CA766" i="11"/>
  <c r="CB766" i="11"/>
  <c r="CC766" i="11"/>
  <c r="CD766" i="11"/>
  <c r="CE766" i="11"/>
  <c r="CF766" i="11"/>
  <c r="CG766" i="11"/>
  <c r="CH766" i="11"/>
  <c r="CI766" i="11"/>
  <c r="CJ766" i="11"/>
  <c r="CK766" i="11"/>
  <c r="CL766" i="11"/>
  <c r="CM766" i="11"/>
  <c r="CN766" i="11"/>
  <c r="CO766" i="11"/>
  <c r="CP766" i="11"/>
  <c r="CQ766" i="11"/>
  <c r="CR766" i="11"/>
  <c r="CS766" i="11"/>
  <c r="CT766" i="11"/>
  <c r="CU766" i="11"/>
  <c r="CV766" i="11"/>
  <c r="CW766" i="11"/>
  <c r="CX766" i="11"/>
  <c r="CY766" i="11"/>
  <c r="CZ766" i="11"/>
  <c r="DA766" i="11"/>
  <c r="DB766" i="11"/>
  <c r="DC766" i="11"/>
  <c r="AB765" i="11"/>
  <c r="BV765" i="11"/>
  <c r="BY765" i="11"/>
  <c r="BZ765" i="11"/>
  <c r="CA765" i="11"/>
  <c r="CB765" i="11"/>
  <c r="CC765" i="11"/>
  <c r="CD765" i="11"/>
  <c r="CE765" i="11"/>
  <c r="CF765" i="11"/>
  <c r="CG765" i="11"/>
  <c r="CH765" i="11"/>
  <c r="CI765" i="11"/>
  <c r="CJ765" i="11"/>
  <c r="CK765" i="11"/>
  <c r="CL765" i="11"/>
  <c r="CM765" i="11"/>
  <c r="CN765" i="11"/>
  <c r="CO765" i="11"/>
  <c r="CP765" i="11"/>
  <c r="CQ765" i="11"/>
  <c r="CR765" i="11"/>
  <c r="CS765" i="11"/>
  <c r="CT765" i="11"/>
  <c r="CU765" i="11"/>
  <c r="CV765" i="11"/>
  <c r="CW765" i="11"/>
  <c r="CX765" i="11"/>
  <c r="CY765" i="11"/>
  <c r="CZ765" i="11"/>
  <c r="DA765" i="11"/>
  <c r="DB765" i="11"/>
  <c r="DC765" i="11"/>
  <c r="AB764" i="11"/>
  <c r="BV764" i="11"/>
  <c r="BY764" i="11"/>
  <c r="BZ764" i="11"/>
  <c r="CA764" i="11"/>
  <c r="CB764" i="11"/>
  <c r="CC764" i="11"/>
  <c r="CD764" i="11"/>
  <c r="CE764" i="11"/>
  <c r="CF764" i="11"/>
  <c r="CG764" i="11"/>
  <c r="CH764" i="11"/>
  <c r="CI764" i="11"/>
  <c r="CJ764" i="11"/>
  <c r="CK764" i="11"/>
  <c r="CL764" i="11"/>
  <c r="CM764" i="11"/>
  <c r="CN764" i="11"/>
  <c r="CO764" i="11"/>
  <c r="CP764" i="11"/>
  <c r="CQ764" i="11"/>
  <c r="CR764" i="11"/>
  <c r="CS764" i="11"/>
  <c r="CT764" i="11"/>
  <c r="CU764" i="11"/>
  <c r="CV764" i="11"/>
  <c r="CW764" i="11"/>
  <c r="CX764" i="11"/>
  <c r="CY764" i="11"/>
  <c r="CZ764" i="11"/>
  <c r="DA764" i="11"/>
  <c r="DB764" i="11"/>
  <c r="DC764" i="11"/>
  <c r="AB763" i="11"/>
  <c r="BV763" i="11"/>
  <c r="BY763" i="11"/>
  <c r="BZ763" i="11"/>
  <c r="CA763" i="11"/>
  <c r="CB763" i="11"/>
  <c r="CC763" i="11"/>
  <c r="CD763" i="11"/>
  <c r="CE763" i="11"/>
  <c r="CF763" i="11"/>
  <c r="CG763" i="11"/>
  <c r="CH763" i="11"/>
  <c r="CI763" i="11"/>
  <c r="CJ763" i="11"/>
  <c r="CK763" i="11"/>
  <c r="CL763" i="11"/>
  <c r="CM763" i="11"/>
  <c r="CN763" i="11"/>
  <c r="CO763" i="11"/>
  <c r="CP763" i="11"/>
  <c r="CQ763" i="11"/>
  <c r="CR763" i="11"/>
  <c r="CS763" i="11"/>
  <c r="CT763" i="11"/>
  <c r="CU763" i="11"/>
  <c r="CV763" i="11"/>
  <c r="CW763" i="11"/>
  <c r="CX763" i="11"/>
  <c r="CY763" i="11"/>
  <c r="CZ763" i="11"/>
  <c r="DA763" i="11"/>
  <c r="DB763" i="11"/>
  <c r="DC763" i="11"/>
  <c r="AB762" i="11"/>
  <c r="BV762" i="11"/>
  <c r="BY762" i="11"/>
  <c r="BZ762" i="11"/>
  <c r="CA762" i="11"/>
  <c r="CB762" i="11"/>
  <c r="CC762" i="11"/>
  <c r="CD762" i="11"/>
  <c r="CE762" i="11"/>
  <c r="CF762" i="11"/>
  <c r="CG762" i="11"/>
  <c r="CH762" i="11"/>
  <c r="CI762" i="11"/>
  <c r="CJ762" i="11"/>
  <c r="CK762" i="11"/>
  <c r="CL762" i="11"/>
  <c r="CM762" i="11"/>
  <c r="CN762" i="11"/>
  <c r="CO762" i="11"/>
  <c r="CP762" i="11"/>
  <c r="CQ762" i="11"/>
  <c r="CR762" i="11"/>
  <c r="CS762" i="11"/>
  <c r="CT762" i="11"/>
  <c r="CU762" i="11"/>
  <c r="CV762" i="11"/>
  <c r="CW762" i="11"/>
  <c r="CX762" i="11"/>
  <c r="CY762" i="11"/>
  <c r="CZ762" i="11"/>
  <c r="DA762" i="11"/>
  <c r="DB762" i="11"/>
  <c r="DC762" i="11"/>
  <c r="AB761" i="11"/>
  <c r="BV761" i="11"/>
  <c r="BY761" i="11"/>
  <c r="BZ761" i="11"/>
  <c r="CA761" i="11"/>
  <c r="CB761" i="11"/>
  <c r="CC761" i="11"/>
  <c r="CD761" i="11"/>
  <c r="CE761" i="11"/>
  <c r="CF761" i="11"/>
  <c r="CG761" i="11"/>
  <c r="CH761" i="11"/>
  <c r="CI761" i="11"/>
  <c r="CJ761" i="11"/>
  <c r="CK761" i="11"/>
  <c r="CL761" i="11"/>
  <c r="CM761" i="11"/>
  <c r="CN761" i="11"/>
  <c r="CO761" i="11"/>
  <c r="CP761" i="11"/>
  <c r="CQ761" i="11"/>
  <c r="CR761" i="11"/>
  <c r="CS761" i="11"/>
  <c r="CT761" i="11"/>
  <c r="CU761" i="11"/>
  <c r="CV761" i="11"/>
  <c r="CW761" i="11"/>
  <c r="CX761" i="11"/>
  <c r="CY761" i="11"/>
  <c r="CZ761" i="11"/>
  <c r="DA761" i="11"/>
  <c r="DB761" i="11"/>
  <c r="DC761" i="11"/>
  <c r="AB760" i="11"/>
  <c r="BV760" i="11"/>
  <c r="BY760" i="11"/>
  <c r="BZ760" i="11"/>
  <c r="CA760" i="11"/>
  <c r="CB760" i="11"/>
  <c r="CC760" i="11"/>
  <c r="CD760" i="11"/>
  <c r="CE760" i="11"/>
  <c r="CF760" i="11"/>
  <c r="CG760" i="11"/>
  <c r="CH760" i="11"/>
  <c r="CI760" i="11"/>
  <c r="CJ760" i="11"/>
  <c r="CK760" i="11"/>
  <c r="CL760" i="11"/>
  <c r="CM760" i="11"/>
  <c r="CN760" i="11"/>
  <c r="CO760" i="11"/>
  <c r="CP760" i="11"/>
  <c r="CQ760" i="11"/>
  <c r="CR760" i="11"/>
  <c r="CS760" i="11"/>
  <c r="CT760" i="11"/>
  <c r="CU760" i="11"/>
  <c r="CV760" i="11"/>
  <c r="CW760" i="11"/>
  <c r="CX760" i="11"/>
  <c r="CY760" i="11"/>
  <c r="CZ760" i="11"/>
  <c r="DA760" i="11"/>
  <c r="DB760" i="11"/>
  <c r="DC760" i="11"/>
  <c r="AB759" i="11"/>
  <c r="BV759" i="11"/>
  <c r="BY759" i="11"/>
  <c r="BZ759" i="11"/>
  <c r="CA759" i="11"/>
  <c r="CB759" i="11"/>
  <c r="CC759" i="11"/>
  <c r="CD759" i="11"/>
  <c r="CE759" i="11"/>
  <c r="CF759" i="11"/>
  <c r="CG759" i="11"/>
  <c r="CH759" i="11"/>
  <c r="CI759" i="11"/>
  <c r="CJ759" i="11"/>
  <c r="CK759" i="11"/>
  <c r="CL759" i="11"/>
  <c r="CM759" i="11"/>
  <c r="CN759" i="11"/>
  <c r="CO759" i="11"/>
  <c r="CP759" i="11"/>
  <c r="CQ759" i="11"/>
  <c r="CR759" i="11"/>
  <c r="CS759" i="11"/>
  <c r="CT759" i="11"/>
  <c r="CU759" i="11"/>
  <c r="CV759" i="11"/>
  <c r="CW759" i="11"/>
  <c r="CX759" i="11"/>
  <c r="CY759" i="11"/>
  <c r="CZ759" i="11"/>
  <c r="DA759" i="11"/>
  <c r="DB759" i="11"/>
  <c r="DC759" i="11"/>
  <c r="BW759" i="11" l="1"/>
  <c r="BW765" i="11"/>
  <c r="BW764" i="11"/>
  <c r="BW763" i="11"/>
  <c r="BW762" i="11"/>
  <c r="BW761" i="11"/>
  <c r="BW760" i="11"/>
  <c r="BW205" i="9" l="1"/>
  <c r="AB758" i="11"/>
  <c r="BV758" i="11"/>
  <c r="BY758" i="11"/>
  <c r="BZ758" i="11"/>
  <c r="CA758" i="11"/>
  <c r="CB758" i="11"/>
  <c r="CC758" i="11"/>
  <c r="CD758" i="11"/>
  <c r="CE758" i="11"/>
  <c r="CF758" i="11"/>
  <c r="CG758" i="11"/>
  <c r="CH758" i="11"/>
  <c r="CI758" i="11"/>
  <c r="CJ758" i="11"/>
  <c r="CK758" i="11"/>
  <c r="CL758" i="11"/>
  <c r="CM758" i="11"/>
  <c r="CN758" i="11"/>
  <c r="CO758" i="11"/>
  <c r="CP758" i="11"/>
  <c r="CQ758" i="11"/>
  <c r="CR758" i="11"/>
  <c r="CS758" i="11"/>
  <c r="CT758" i="11"/>
  <c r="CU758" i="11"/>
  <c r="CV758" i="11"/>
  <c r="CW758" i="11"/>
  <c r="CX758" i="11"/>
  <c r="CY758" i="11"/>
  <c r="CZ758" i="11"/>
  <c r="DA758" i="11"/>
  <c r="DB758" i="11"/>
  <c r="DC758" i="11"/>
  <c r="DD758" i="11"/>
  <c r="DE758" i="11"/>
  <c r="DF758" i="11"/>
  <c r="DG758" i="11"/>
  <c r="DH758" i="11"/>
  <c r="DI758" i="11"/>
  <c r="DJ758" i="11"/>
  <c r="DK758" i="11"/>
  <c r="DO758" i="11"/>
  <c r="DJ14" i="9"/>
  <c r="DN14" i="9" s="1"/>
  <c r="DI13" i="9"/>
  <c r="DN13" i="9" s="1"/>
  <c r="CE205" i="9" l="1"/>
  <c r="DK205" i="9"/>
  <c r="DI205" i="9"/>
  <c r="BX205" i="9"/>
  <c r="CF205" i="9"/>
  <c r="BY205" i="9"/>
  <c r="CG205" i="9"/>
  <c r="BV205" i="9"/>
  <c r="CL205" i="9"/>
  <c r="BZ205" i="9"/>
  <c r="CH205" i="9"/>
  <c r="CJ205" i="9"/>
  <c r="CK205" i="9"/>
  <c r="CD205" i="9"/>
  <c r="CA205" i="9"/>
  <c r="CI205" i="9"/>
  <c r="CB205" i="9"/>
  <c r="CC205" i="9"/>
  <c r="DJ205" i="9"/>
  <c r="BW758" i="11"/>
  <c r="DN758" i="11" s="1"/>
  <c r="DM205" i="9" l="1"/>
  <c r="DN205" i="9"/>
  <c r="DM758" i="11"/>
  <c r="DL758" i="11"/>
  <c r="U300" i="9" l="1"/>
  <c r="W300" i="9" s="1"/>
  <c r="T333" i="9"/>
  <c r="J191" i="26"/>
  <c r="J181" i="26"/>
  <c r="J170" i="26"/>
  <c r="J159" i="26"/>
  <c r="J148" i="26"/>
  <c r="J137" i="26"/>
  <c r="J125" i="26"/>
  <c r="J114" i="26"/>
  <c r="J104" i="26"/>
  <c r="J93" i="26"/>
  <c r="J82" i="26"/>
  <c r="J71" i="26"/>
  <c r="J60" i="26"/>
  <c r="J49" i="26"/>
  <c r="J27" i="26"/>
  <c r="J202" i="26"/>
  <c r="J195" i="26"/>
  <c r="J194" i="26"/>
  <c r="J193" i="26"/>
  <c r="C193" i="26"/>
  <c r="G194" i="26" s="1"/>
  <c r="H194" i="26" s="1"/>
  <c r="L194" i="26" s="1"/>
  <c r="J192" i="26"/>
  <c r="C190" i="26"/>
  <c r="J185" i="26"/>
  <c r="J184" i="26"/>
  <c r="J183" i="26"/>
  <c r="C183" i="26"/>
  <c r="G184" i="26" s="1"/>
  <c r="H184" i="26" s="1"/>
  <c r="J182" i="26"/>
  <c r="C180" i="26"/>
  <c r="J174" i="26"/>
  <c r="J173" i="26"/>
  <c r="J172" i="26"/>
  <c r="C172" i="26"/>
  <c r="G173" i="26" s="1"/>
  <c r="H173" i="26" s="1"/>
  <c r="J171" i="26"/>
  <c r="C169" i="26"/>
  <c r="J163" i="26"/>
  <c r="J162" i="26"/>
  <c r="J161" i="26"/>
  <c r="C161" i="26"/>
  <c r="G162" i="26" s="1"/>
  <c r="H162" i="26" s="1"/>
  <c r="J160" i="26"/>
  <c r="C158" i="26"/>
  <c r="J152" i="26"/>
  <c r="J151" i="26"/>
  <c r="J150" i="26"/>
  <c r="C150" i="26"/>
  <c r="G151" i="26" s="1"/>
  <c r="H151" i="26" s="1"/>
  <c r="J149" i="26"/>
  <c r="C147" i="26"/>
  <c r="J141" i="26"/>
  <c r="J140" i="26"/>
  <c r="J139" i="26"/>
  <c r="C139" i="26"/>
  <c r="G138" i="26" s="1"/>
  <c r="J138" i="26"/>
  <c r="C136" i="26"/>
  <c r="J129" i="26"/>
  <c r="J128" i="26"/>
  <c r="J127" i="26"/>
  <c r="C127" i="26"/>
  <c r="G128" i="26" s="1"/>
  <c r="H128" i="26" s="1"/>
  <c r="J126" i="26"/>
  <c r="C124" i="26"/>
  <c r="J118" i="26"/>
  <c r="J117" i="26"/>
  <c r="J116" i="26"/>
  <c r="C116" i="26"/>
  <c r="G117" i="26" s="1"/>
  <c r="H117" i="26" s="1"/>
  <c r="J115" i="26"/>
  <c r="C113" i="26"/>
  <c r="J108" i="26"/>
  <c r="J107" i="26"/>
  <c r="J106" i="26"/>
  <c r="C106" i="26"/>
  <c r="G107" i="26" s="1"/>
  <c r="H107" i="26" s="1"/>
  <c r="L107" i="26" s="1"/>
  <c r="J105" i="26"/>
  <c r="C103" i="26"/>
  <c r="J97" i="26"/>
  <c r="J96" i="26"/>
  <c r="J95" i="26"/>
  <c r="C95" i="26"/>
  <c r="G96" i="26" s="1"/>
  <c r="H96" i="26" s="1"/>
  <c r="J94" i="26"/>
  <c r="G94" i="26"/>
  <c r="C92" i="26"/>
  <c r="J86" i="26"/>
  <c r="J85" i="26"/>
  <c r="J84" i="26"/>
  <c r="C84" i="26"/>
  <c r="G85" i="26" s="1"/>
  <c r="H85" i="26" s="1"/>
  <c r="L85" i="26" s="1"/>
  <c r="J83" i="26"/>
  <c r="C81" i="26"/>
  <c r="J75" i="26"/>
  <c r="J74" i="26"/>
  <c r="J73" i="26"/>
  <c r="C73" i="26"/>
  <c r="G73" i="26" s="1"/>
  <c r="H73" i="26" s="1"/>
  <c r="J72" i="26"/>
  <c r="C70" i="26"/>
  <c r="J64" i="26"/>
  <c r="J63" i="26"/>
  <c r="J62" i="26"/>
  <c r="C62" i="26"/>
  <c r="G61" i="26" s="1"/>
  <c r="J61" i="26"/>
  <c r="C59" i="26"/>
  <c r="J53" i="26"/>
  <c r="J52" i="26"/>
  <c r="J51" i="26"/>
  <c r="C51" i="26"/>
  <c r="G53" i="26" s="1"/>
  <c r="H53" i="26" s="1"/>
  <c r="J50" i="26"/>
  <c r="C48" i="26"/>
  <c r="C40" i="26"/>
  <c r="C37" i="26"/>
  <c r="G31" i="26"/>
  <c r="C29" i="26"/>
  <c r="G30" i="26" s="1"/>
  <c r="J31" i="26"/>
  <c r="J30" i="26"/>
  <c r="J29" i="26"/>
  <c r="J28" i="26"/>
  <c r="J204" i="26"/>
  <c r="L204" i="26" s="1"/>
  <c r="J205" i="26"/>
  <c r="J206" i="26"/>
  <c r="J203" i="26"/>
  <c r="J19" i="16"/>
  <c r="G19" i="26"/>
  <c r="H19" i="26" s="1"/>
  <c r="H18" i="26"/>
  <c r="H17" i="26"/>
  <c r="H16" i="26"/>
  <c r="H15" i="26"/>
  <c r="C26" i="26"/>
  <c r="H204" i="26"/>
  <c r="H205" i="26"/>
  <c r="H206" i="26"/>
  <c r="H203" i="26"/>
  <c r="G207" i="26"/>
  <c r="C204" i="26"/>
  <c r="C201" i="26"/>
  <c r="C15" i="26"/>
  <c r="X300" i="9" l="1"/>
  <c r="X333" i="9"/>
  <c r="CL237" i="9"/>
  <c r="CC227" i="9"/>
  <c r="CB226" i="9"/>
  <c r="CA228" i="9"/>
  <c r="BY224" i="9"/>
  <c r="CK235" i="9"/>
  <c r="BW222" i="9"/>
  <c r="CD229" i="9"/>
  <c r="CJ234" i="9"/>
  <c r="CG236" i="9"/>
  <c r="BZ225" i="9"/>
  <c r="BX223" i="9"/>
  <c r="CH231" i="9"/>
  <c r="CE230" i="9"/>
  <c r="BV221" i="9"/>
  <c r="CI233" i="9"/>
  <c r="CF232" i="9"/>
  <c r="G28" i="26"/>
  <c r="H28" i="26" s="1"/>
  <c r="L184" i="26"/>
  <c r="L117" i="26"/>
  <c r="L205" i="26"/>
  <c r="G29" i="26"/>
  <c r="L128" i="26"/>
  <c r="L173" i="26"/>
  <c r="L203" i="26"/>
  <c r="L206" i="26"/>
  <c r="H31" i="26"/>
  <c r="L31" i="26" s="1"/>
  <c r="G193" i="26"/>
  <c r="H193" i="26" s="1"/>
  <c r="L193" i="26" s="1"/>
  <c r="G195" i="26"/>
  <c r="H195" i="26" s="1"/>
  <c r="L195" i="26" s="1"/>
  <c r="G192" i="26"/>
  <c r="G185" i="26"/>
  <c r="H185" i="26" s="1"/>
  <c r="L185" i="26" s="1"/>
  <c r="G183" i="26"/>
  <c r="H183" i="26" s="1"/>
  <c r="L183" i="26" s="1"/>
  <c r="G182" i="26"/>
  <c r="G172" i="26"/>
  <c r="H172" i="26" s="1"/>
  <c r="L172" i="26" s="1"/>
  <c r="G174" i="26"/>
  <c r="H174" i="26" s="1"/>
  <c r="L174" i="26" s="1"/>
  <c r="G171" i="26"/>
  <c r="L162" i="26"/>
  <c r="G161" i="26"/>
  <c r="H161" i="26" s="1"/>
  <c r="L161" i="26" s="1"/>
  <c r="G163" i="26"/>
  <c r="H163" i="26" s="1"/>
  <c r="L163" i="26" s="1"/>
  <c r="G160" i="26"/>
  <c r="G149" i="26"/>
  <c r="H149" i="26" s="1"/>
  <c r="L149" i="26" s="1"/>
  <c r="L151" i="26"/>
  <c r="G150" i="26"/>
  <c r="H150" i="26" s="1"/>
  <c r="L150" i="26" s="1"/>
  <c r="G152" i="26"/>
  <c r="H152" i="26" s="1"/>
  <c r="L152" i="26" s="1"/>
  <c r="G140" i="26"/>
  <c r="H140" i="26" s="1"/>
  <c r="L140" i="26" s="1"/>
  <c r="H138" i="26"/>
  <c r="L138" i="26" s="1"/>
  <c r="G139" i="26"/>
  <c r="H139" i="26" s="1"/>
  <c r="L139" i="26" s="1"/>
  <c r="G141" i="26"/>
  <c r="H141" i="26" s="1"/>
  <c r="L141" i="26" s="1"/>
  <c r="G127" i="26"/>
  <c r="H127" i="26" s="1"/>
  <c r="L127" i="26" s="1"/>
  <c r="G129" i="26"/>
  <c r="H129" i="26" s="1"/>
  <c r="L129" i="26" s="1"/>
  <c r="G126" i="26"/>
  <c r="G116" i="26"/>
  <c r="H116" i="26" s="1"/>
  <c r="L116" i="26" s="1"/>
  <c r="G118" i="26"/>
  <c r="H118" i="26" s="1"/>
  <c r="L118" i="26" s="1"/>
  <c r="G115" i="26"/>
  <c r="G106" i="26"/>
  <c r="H106" i="26" s="1"/>
  <c r="L106" i="26" s="1"/>
  <c r="G108" i="26"/>
  <c r="H108" i="26" s="1"/>
  <c r="L108" i="26" s="1"/>
  <c r="G105" i="26"/>
  <c r="L96" i="26"/>
  <c r="G95" i="26"/>
  <c r="H95" i="26" s="1"/>
  <c r="L95" i="26" s="1"/>
  <c r="G97" i="26"/>
  <c r="H97" i="26" s="1"/>
  <c r="L97" i="26" s="1"/>
  <c r="H94" i="26"/>
  <c r="L94" i="26" s="1"/>
  <c r="G84" i="26"/>
  <c r="H84" i="26" s="1"/>
  <c r="L84" i="26" s="1"/>
  <c r="G86" i="26"/>
  <c r="H86" i="26" s="1"/>
  <c r="L86" i="26" s="1"/>
  <c r="G83" i="26"/>
  <c r="L73" i="26"/>
  <c r="G75" i="26"/>
  <c r="H75" i="26" s="1"/>
  <c r="L75" i="26" s="1"/>
  <c r="G72" i="26"/>
  <c r="G74" i="26"/>
  <c r="H74" i="26" s="1"/>
  <c r="L74" i="26" s="1"/>
  <c r="H61" i="26"/>
  <c r="L61" i="26" s="1"/>
  <c r="G62" i="26"/>
  <c r="H62" i="26" s="1"/>
  <c r="L62" i="26" s="1"/>
  <c r="G64" i="26"/>
  <c r="H64" i="26" s="1"/>
  <c r="L64" i="26" s="1"/>
  <c r="G63" i="26"/>
  <c r="H63" i="26" s="1"/>
  <c r="L63" i="26" s="1"/>
  <c r="L53" i="26"/>
  <c r="G50" i="26"/>
  <c r="G52" i="26"/>
  <c r="H52" i="26" s="1"/>
  <c r="L52" i="26" s="1"/>
  <c r="G51" i="26"/>
  <c r="H51" i="26" s="1"/>
  <c r="L51" i="26" s="1"/>
  <c r="H29" i="26"/>
  <c r="L29" i="26" s="1"/>
  <c r="H30" i="26"/>
  <c r="L30" i="26" s="1"/>
  <c r="G32" i="26"/>
  <c r="H32" i="26" s="1"/>
  <c r="L32" i="26" s="1"/>
  <c r="L28" i="26"/>
  <c r="N18" i="16"/>
  <c r="BU221" i="9" l="1"/>
  <c r="DM221" i="9"/>
  <c r="BU222" i="9"/>
  <c r="DM222" i="9"/>
  <c r="BU230" i="9"/>
  <c r="DM230" i="9"/>
  <c r="BU235" i="9"/>
  <c r="DM235" i="9"/>
  <c r="BU231" i="9"/>
  <c r="DM231" i="9"/>
  <c r="BU224" i="9"/>
  <c r="DM224" i="9"/>
  <c r="BU228" i="9"/>
  <c r="DM228" i="9"/>
  <c r="BU236" i="9"/>
  <c r="DM236" i="9"/>
  <c r="BU227" i="9"/>
  <c r="DM227" i="9"/>
  <c r="BU223" i="9"/>
  <c r="DM223" i="9"/>
  <c r="BU225" i="9"/>
  <c r="DM225" i="9"/>
  <c r="BU232" i="9"/>
  <c r="DM232" i="9"/>
  <c r="BU234" i="9"/>
  <c r="DM234" i="9"/>
  <c r="BU237" i="9"/>
  <c r="DM237" i="9"/>
  <c r="BU226" i="9"/>
  <c r="DM226" i="9"/>
  <c r="BU233" i="9"/>
  <c r="DM233" i="9"/>
  <c r="BU229" i="9"/>
  <c r="DM229" i="9"/>
  <c r="W333" i="9"/>
  <c r="BT333" i="9"/>
  <c r="DJ300" i="9"/>
  <c r="CE300" i="9"/>
  <c r="BW300" i="9"/>
  <c r="DI300" i="9"/>
  <c r="CD300" i="9"/>
  <c r="BV300" i="9"/>
  <c r="CG300" i="9"/>
  <c r="CK300" i="9"/>
  <c r="CC300" i="9"/>
  <c r="BY300" i="9"/>
  <c r="CJ300" i="9"/>
  <c r="AP300" i="9" s="1"/>
  <c r="CB300" i="9"/>
  <c r="CI300" i="9"/>
  <c r="CA300" i="9"/>
  <c r="DL300" i="9"/>
  <c r="BR300" i="9" s="1"/>
  <c r="CH300" i="9"/>
  <c r="BZ300" i="9"/>
  <c r="DK300" i="9"/>
  <c r="CF300" i="9"/>
  <c r="BX300" i="9"/>
  <c r="G196" i="26"/>
  <c r="H196" i="26" s="1"/>
  <c r="L196" i="26" s="1"/>
  <c r="H192" i="26"/>
  <c r="L192" i="26" s="1"/>
  <c r="G186" i="26"/>
  <c r="H186" i="26" s="1"/>
  <c r="L186" i="26" s="1"/>
  <c r="H182" i="26"/>
  <c r="L182" i="26" s="1"/>
  <c r="G175" i="26"/>
  <c r="H175" i="26" s="1"/>
  <c r="L175" i="26" s="1"/>
  <c r="H171" i="26"/>
  <c r="L171" i="26" s="1"/>
  <c r="G164" i="26"/>
  <c r="H164" i="26" s="1"/>
  <c r="L164" i="26" s="1"/>
  <c r="H160" i="26"/>
  <c r="L160" i="26" s="1"/>
  <c r="G153" i="26"/>
  <c r="H153" i="26" s="1"/>
  <c r="L153" i="26" s="1"/>
  <c r="G142" i="26"/>
  <c r="H142" i="26" s="1"/>
  <c r="L142" i="26" s="1"/>
  <c r="G130" i="26"/>
  <c r="H130" i="26" s="1"/>
  <c r="L130" i="26" s="1"/>
  <c r="H126" i="26"/>
  <c r="L126" i="26" s="1"/>
  <c r="G119" i="26"/>
  <c r="H119" i="26" s="1"/>
  <c r="L119" i="26" s="1"/>
  <c r="H115" i="26"/>
  <c r="L115" i="26" s="1"/>
  <c r="G109" i="26"/>
  <c r="H109" i="26" s="1"/>
  <c r="L109" i="26" s="1"/>
  <c r="H105" i="26"/>
  <c r="L105" i="26" s="1"/>
  <c r="G98" i="26"/>
  <c r="H98" i="26" s="1"/>
  <c r="L98" i="26" s="1"/>
  <c r="G87" i="26"/>
  <c r="H87" i="26" s="1"/>
  <c r="L87" i="26" s="1"/>
  <c r="H83" i="26"/>
  <c r="L83" i="26" s="1"/>
  <c r="G76" i="26"/>
  <c r="H76" i="26" s="1"/>
  <c r="L76" i="26" s="1"/>
  <c r="H72" i="26"/>
  <c r="L72" i="26" s="1"/>
  <c r="G65" i="26"/>
  <c r="H65" i="26" s="1"/>
  <c r="L65" i="26" s="1"/>
  <c r="G54" i="26"/>
  <c r="H54" i="26" s="1"/>
  <c r="L54" i="26" s="1"/>
  <c r="H50" i="26"/>
  <c r="L50" i="26" s="1"/>
  <c r="DN300" i="9" l="1"/>
  <c r="DM300" i="9"/>
  <c r="AK300" i="9"/>
  <c r="AB300" i="9"/>
  <c r="AN300" i="9"/>
  <c r="AD300" i="9"/>
  <c r="AJ300" i="9"/>
  <c r="AF300" i="9"/>
  <c r="AM300" i="9"/>
  <c r="AL300" i="9"/>
  <c r="AO300" i="9"/>
  <c r="BP300" i="9"/>
  <c r="AG300" i="9"/>
  <c r="AC300" i="9"/>
  <c r="AQ300" i="9"/>
  <c r="AI300" i="9"/>
  <c r="BQ300" i="9"/>
  <c r="BO300" i="9"/>
  <c r="AE300" i="9"/>
  <c r="AH300" i="9"/>
  <c r="BU300" i="9"/>
  <c r="DI238" i="9"/>
  <c r="BV333" i="9"/>
  <c r="BW333" i="9"/>
  <c r="BX333" i="9"/>
  <c r="BY333" i="9"/>
  <c r="BZ333" i="9"/>
  <c r="CA333" i="9"/>
  <c r="CB333" i="9"/>
  <c r="CC333" i="9"/>
  <c r="CD333" i="9"/>
  <c r="CF333" i="9"/>
  <c r="CG333" i="9"/>
  <c r="CH333" i="9"/>
  <c r="CI333" i="9"/>
  <c r="CJ333" i="9"/>
  <c r="CK333" i="9"/>
  <c r="CL333" i="9"/>
  <c r="CM333" i="9"/>
  <c r="CN333" i="9"/>
  <c r="CO333" i="9"/>
  <c r="CP333" i="9"/>
  <c r="CQ333" i="9"/>
  <c r="CR333" i="9"/>
  <c r="CS333" i="9"/>
  <c r="CT333" i="9"/>
  <c r="CU333" i="9"/>
  <c r="CV333" i="9"/>
  <c r="CW333" i="9"/>
  <c r="CX333" i="9"/>
  <c r="CY333" i="9"/>
  <c r="CZ333" i="9"/>
  <c r="BW291" i="9"/>
  <c r="BX291" i="9"/>
  <c r="BY291" i="9"/>
  <c r="BZ291" i="9"/>
  <c r="CA291" i="9"/>
  <c r="CB291" i="9"/>
  <c r="CC291" i="9"/>
  <c r="CD291" i="9"/>
  <c r="CE291" i="9"/>
  <c r="CF291" i="9"/>
  <c r="CG291" i="9"/>
  <c r="CH291" i="9"/>
  <c r="CJ291" i="9"/>
  <c r="CK291" i="9"/>
  <c r="CL291" i="9"/>
  <c r="CM291" i="9"/>
  <c r="CN291" i="9"/>
  <c r="CO291" i="9"/>
  <c r="CP291" i="9"/>
  <c r="CQ291" i="9"/>
  <c r="CR291" i="9"/>
  <c r="CS291" i="9"/>
  <c r="CT291" i="9"/>
  <c r="CU291" i="9"/>
  <c r="CV291" i="9"/>
  <c r="CW291" i="9"/>
  <c r="CX291" i="9"/>
  <c r="CY291" i="9"/>
  <c r="CZ291" i="9"/>
  <c r="CM299" i="9"/>
  <c r="CN299" i="9"/>
  <c r="CO299" i="9"/>
  <c r="CP299" i="9"/>
  <c r="CQ299" i="9"/>
  <c r="CR299" i="9"/>
  <c r="CS299" i="9"/>
  <c r="CT299" i="9"/>
  <c r="CU299" i="9"/>
  <c r="CV299" i="9"/>
  <c r="CW299" i="9"/>
  <c r="CX299" i="9"/>
  <c r="CY299" i="9"/>
  <c r="CZ299" i="9"/>
  <c r="DI4" i="9"/>
  <c r="DJ5" i="9"/>
  <c r="DK318" i="9"/>
  <c r="DI32" i="9"/>
  <c r="DN32" i="9" s="1"/>
  <c r="DJ33" i="9"/>
  <c r="DN33" i="9" s="1"/>
  <c r="AC757" i="11"/>
  <c r="BK757" i="11"/>
  <c r="BN757" i="11"/>
  <c r="BO757" i="11"/>
  <c r="BP757" i="11"/>
  <c r="BQ757" i="11"/>
  <c r="BR757" i="11"/>
  <c r="BS757" i="11"/>
  <c r="BT757" i="11"/>
  <c r="BU757" i="11"/>
  <c r="BV757" i="11"/>
  <c r="BW757" i="11"/>
  <c r="BX757" i="11"/>
  <c r="BY757" i="11"/>
  <c r="BZ757" i="11"/>
  <c r="CA757" i="11"/>
  <c r="CB757" i="11"/>
  <c r="CD757" i="11"/>
  <c r="CE757" i="11"/>
  <c r="CF757" i="11"/>
  <c r="CG757" i="11"/>
  <c r="CH757" i="11"/>
  <c r="CI757" i="11"/>
  <c r="CJ757" i="11"/>
  <c r="CK757" i="11"/>
  <c r="CL757" i="11"/>
  <c r="CM757" i="11"/>
  <c r="CN757" i="11"/>
  <c r="CO757" i="11"/>
  <c r="CP757" i="11"/>
  <c r="CQ757" i="11"/>
  <c r="CR757" i="11"/>
  <c r="AC748" i="11"/>
  <c r="BK748" i="11"/>
  <c r="BO748" i="11"/>
  <c r="BP748" i="11"/>
  <c r="BQ748" i="11"/>
  <c r="BR748" i="11"/>
  <c r="BS748" i="11"/>
  <c r="BT748" i="11"/>
  <c r="BU748" i="11"/>
  <c r="BV748" i="11"/>
  <c r="BW748" i="11"/>
  <c r="BX748" i="11"/>
  <c r="BY748" i="11"/>
  <c r="BZ748" i="11"/>
  <c r="CA748" i="11"/>
  <c r="CB748" i="11"/>
  <c r="CC748" i="11"/>
  <c r="CD748" i="11"/>
  <c r="CE748" i="11"/>
  <c r="CF748" i="11"/>
  <c r="CG748" i="11"/>
  <c r="CH748" i="11"/>
  <c r="CI748" i="11"/>
  <c r="CJ748" i="11"/>
  <c r="CK748" i="11"/>
  <c r="CL748" i="11"/>
  <c r="CM748" i="11"/>
  <c r="CN748" i="11"/>
  <c r="CO748" i="11"/>
  <c r="CP748" i="11"/>
  <c r="CQ748" i="11"/>
  <c r="CR748" i="11"/>
  <c r="AC749" i="11"/>
  <c r="BK749" i="11"/>
  <c r="BN749" i="11"/>
  <c r="BO749" i="11"/>
  <c r="BQ749" i="11"/>
  <c r="BR749" i="11"/>
  <c r="BS749" i="11"/>
  <c r="BT749" i="11"/>
  <c r="BU749" i="11"/>
  <c r="BV749" i="11"/>
  <c r="BW749" i="11"/>
  <c r="BX749" i="11"/>
  <c r="BY749" i="11"/>
  <c r="BZ749" i="11"/>
  <c r="CA749" i="11"/>
  <c r="CB749" i="11"/>
  <c r="CC749" i="11"/>
  <c r="CD749" i="11"/>
  <c r="CE749" i="11"/>
  <c r="CF749" i="11"/>
  <c r="CG749" i="11"/>
  <c r="CH749" i="11"/>
  <c r="CI749" i="11"/>
  <c r="CJ749" i="11"/>
  <c r="CK749" i="11"/>
  <c r="CL749" i="11"/>
  <c r="CM749" i="11"/>
  <c r="CN749" i="11"/>
  <c r="CO749" i="11"/>
  <c r="CP749" i="11"/>
  <c r="CQ749" i="11"/>
  <c r="CR749" i="11"/>
  <c r="AC750" i="11"/>
  <c r="BK750" i="11"/>
  <c r="BN750" i="11"/>
  <c r="BO750" i="11"/>
  <c r="BP750" i="11"/>
  <c r="BR750" i="11"/>
  <c r="BS750" i="11"/>
  <c r="BT750" i="11"/>
  <c r="BU750" i="11"/>
  <c r="BV750" i="11"/>
  <c r="BW750" i="11"/>
  <c r="BX750" i="11"/>
  <c r="BY750" i="11"/>
  <c r="BZ750" i="11"/>
  <c r="CA750" i="11"/>
  <c r="CB750" i="11"/>
  <c r="CC750" i="11"/>
  <c r="CD750" i="11"/>
  <c r="CE750" i="11"/>
  <c r="CF750" i="11"/>
  <c r="CG750" i="11"/>
  <c r="CH750" i="11"/>
  <c r="CI750" i="11"/>
  <c r="CJ750" i="11"/>
  <c r="CK750" i="11"/>
  <c r="CL750" i="11"/>
  <c r="CM750" i="11"/>
  <c r="CN750" i="11"/>
  <c r="CO750" i="11"/>
  <c r="CP750" i="11"/>
  <c r="CQ750" i="11"/>
  <c r="CR750" i="11"/>
  <c r="AC751" i="11"/>
  <c r="BK751" i="11"/>
  <c r="BN751" i="11"/>
  <c r="BP751" i="11"/>
  <c r="BQ751" i="11"/>
  <c r="BR751" i="11"/>
  <c r="BS751" i="11"/>
  <c r="BT751" i="11"/>
  <c r="BU751" i="11"/>
  <c r="BV751" i="11"/>
  <c r="BW751" i="11"/>
  <c r="BX751" i="11"/>
  <c r="BY751" i="11"/>
  <c r="BZ751" i="11"/>
  <c r="CA751" i="11"/>
  <c r="CB751" i="11"/>
  <c r="CC751" i="11"/>
  <c r="CD751" i="11"/>
  <c r="CE751" i="11"/>
  <c r="CF751" i="11"/>
  <c r="CG751" i="11"/>
  <c r="CH751" i="11"/>
  <c r="CI751" i="11"/>
  <c r="CJ751" i="11"/>
  <c r="CK751" i="11"/>
  <c r="CL751" i="11"/>
  <c r="CM751" i="11"/>
  <c r="CN751" i="11"/>
  <c r="CO751" i="11"/>
  <c r="CP751" i="11"/>
  <c r="CQ751" i="11"/>
  <c r="CR751" i="11"/>
  <c r="AC752" i="11"/>
  <c r="BK752" i="11"/>
  <c r="BN752" i="11"/>
  <c r="BO752" i="11"/>
  <c r="BP752" i="11"/>
  <c r="BQ752" i="11"/>
  <c r="BS752" i="11"/>
  <c r="BT752" i="11"/>
  <c r="BU752" i="11"/>
  <c r="BV752" i="11"/>
  <c r="BW752" i="11"/>
  <c r="BX752" i="11"/>
  <c r="BY752" i="11"/>
  <c r="BZ752" i="11"/>
  <c r="CA752" i="11"/>
  <c r="CB752" i="11"/>
  <c r="CC752" i="11"/>
  <c r="CD752" i="11"/>
  <c r="CE752" i="11"/>
  <c r="CF752" i="11"/>
  <c r="CG752" i="11"/>
  <c r="CH752" i="11"/>
  <c r="CI752" i="11"/>
  <c r="CJ752" i="11"/>
  <c r="CK752" i="11"/>
  <c r="CL752" i="11"/>
  <c r="CM752" i="11"/>
  <c r="CN752" i="11"/>
  <c r="CO752" i="11"/>
  <c r="CP752" i="11"/>
  <c r="CQ752" i="11"/>
  <c r="CR752" i="11"/>
  <c r="AC753" i="11"/>
  <c r="BK753" i="11"/>
  <c r="BN753" i="11"/>
  <c r="BO753" i="11"/>
  <c r="BP753" i="11"/>
  <c r="BQ753" i="11"/>
  <c r="BR753" i="11"/>
  <c r="BS753" i="11"/>
  <c r="BU753" i="11"/>
  <c r="BV753" i="11"/>
  <c r="BW753" i="11"/>
  <c r="BX753" i="11"/>
  <c r="BY753" i="11"/>
  <c r="BZ753" i="11"/>
  <c r="CA753" i="11"/>
  <c r="CB753" i="11"/>
  <c r="CC753" i="11"/>
  <c r="CD753" i="11"/>
  <c r="CE753" i="11"/>
  <c r="CF753" i="11"/>
  <c r="CG753" i="11"/>
  <c r="CH753" i="11"/>
  <c r="CI753" i="11"/>
  <c r="CJ753" i="11"/>
  <c r="CK753" i="11"/>
  <c r="CL753" i="11"/>
  <c r="CM753" i="11"/>
  <c r="CN753" i="11"/>
  <c r="CO753" i="11"/>
  <c r="CP753" i="11"/>
  <c r="CQ753" i="11"/>
  <c r="CR753" i="11"/>
  <c r="AC754" i="11"/>
  <c r="BK754" i="11"/>
  <c r="BN754" i="11"/>
  <c r="BO754" i="11"/>
  <c r="BP754" i="11"/>
  <c r="BQ754" i="11"/>
  <c r="BR754" i="11"/>
  <c r="BS754" i="11"/>
  <c r="BT754" i="11"/>
  <c r="BV754" i="11"/>
  <c r="BW754" i="11"/>
  <c r="BX754" i="11"/>
  <c r="BY754" i="11"/>
  <c r="BZ754" i="11"/>
  <c r="CA754" i="11"/>
  <c r="CB754" i="11"/>
  <c r="CC754" i="11"/>
  <c r="CD754" i="11"/>
  <c r="CE754" i="11"/>
  <c r="CF754" i="11"/>
  <c r="CG754" i="11"/>
  <c r="CH754" i="11"/>
  <c r="CI754" i="11"/>
  <c r="CJ754" i="11"/>
  <c r="CK754" i="11"/>
  <c r="CL754" i="11"/>
  <c r="CM754" i="11"/>
  <c r="CN754" i="11"/>
  <c r="CO754" i="11"/>
  <c r="CP754" i="11"/>
  <c r="CQ754" i="11"/>
  <c r="CR754" i="11"/>
  <c r="AC755" i="11"/>
  <c r="BK755" i="11"/>
  <c r="BN755" i="11"/>
  <c r="BO755" i="11"/>
  <c r="BP755" i="11"/>
  <c r="BQ755" i="11"/>
  <c r="BR755" i="11"/>
  <c r="BT755" i="11"/>
  <c r="BU755" i="11"/>
  <c r="BV755" i="11"/>
  <c r="BW755" i="11"/>
  <c r="BX755" i="11"/>
  <c r="BY755" i="11"/>
  <c r="BZ755" i="11"/>
  <c r="CA755" i="11"/>
  <c r="CB755" i="11"/>
  <c r="CC755" i="11"/>
  <c r="CD755" i="11"/>
  <c r="CE755" i="11"/>
  <c r="CF755" i="11"/>
  <c r="CG755" i="11"/>
  <c r="CH755" i="11"/>
  <c r="CI755" i="11"/>
  <c r="CJ755" i="11"/>
  <c r="CK755" i="11"/>
  <c r="CL755" i="11"/>
  <c r="CM755" i="11"/>
  <c r="CN755" i="11"/>
  <c r="CO755" i="11"/>
  <c r="CP755" i="11"/>
  <c r="CQ755" i="11"/>
  <c r="CR755" i="11"/>
  <c r="BK756" i="11"/>
  <c r="BL756" i="11" s="1"/>
  <c r="BW756" i="11" s="1"/>
  <c r="BN756" i="11"/>
  <c r="BO756" i="11"/>
  <c r="BP756" i="11"/>
  <c r="BQ756" i="11"/>
  <c r="BR756" i="11"/>
  <c r="BS756" i="11"/>
  <c r="BT756" i="11"/>
  <c r="BU756" i="11"/>
  <c r="BV756" i="11"/>
  <c r="BX756" i="11"/>
  <c r="BY756" i="11"/>
  <c r="BZ756" i="11"/>
  <c r="CA756" i="11"/>
  <c r="CB756" i="11"/>
  <c r="CC756" i="11"/>
  <c r="CD756" i="11"/>
  <c r="CE756" i="11"/>
  <c r="CF756" i="11"/>
  <c r="CG756" i="11"/>
  <c r="CH756" i="11"/>
  <c r="CI756" i="11"/>
  <c r="CJ756" i="11"/>
  <c r="CK756" i="11"/>
  <c r="CL756" i="11"/>
  <c r="CM756" i="11"/>
  <c r="CN756" i="11"/>
  <c r="CO756" i="11"/>
  <c r="CP756" i="11"/>
  <c r="CQ756" i="11"/>
  <c r="CR756" i="11"/>
  <c r="BK743" i="11"/>
  <c r="BL743" i="11" s="1"/>
  <c r="CA743" i="11" s="1"/>
  <c r="BN743" i="11"/>
  <c r="BO743" i="11"/>
  <c r="BP743" i="11"/>
  <c r="BQ743" i="11"/>
  <c r="BR743" i="11"/>
  <c r="BS743" i="11"/>
  <c r="BT743" i="11"/>
  <c r="BU743" i="11"/>
  <c r="BV743" i="11"/>
  <c r="BW743" i="11"/>
  <c r="BX743" i="11"/>
  <c r="BY743" i="11"/>
  <c r="BZ743" i="11"/>
  <c r="CB743" i="11"/>
  <c r="CC743" i="11"/>
  <c r="CD743" i="11"/>
  <c r="CE743" i="11"/>
  <c r="CF743" i="11"/>
  <c r="CG743" i="11"/>
  <c r="CH743" i="11"/>
  <c r="CI743" i="11"/>
  <c r="CJ743" i="11"/>
  <c r="CK743" i="11"/>
  <c r="CL743" i="11"/>
  <c r="CM743" i="11"/>
  <c r="CN743" i="11"/>
  <c r="CO743" i="11"/>
  <c r="CP743" i="11"/>
  <c r="CQ743" i="11"/>
  <c r="CR743" i="11"/>
  <c r="BK744" i="11"/>
  <c r="BL744" i="11" s="1"/>
  <c r="CB744" i="11" s="1"/>
  <c r="BN744" i="11"/>
  <c r="BO744" i="11"/>
  <c r="BP744" i="11"/>
  <c r="BQ744" i="11"/>
  <c r="BR744" i="11"/>
  <c r="BS744" i="11"/>
  <c r="BT744" i="11"/>
  <c r="BU744" i="11"/>
  <c r="BV744" i="11"/>
  <c r="BW744" i="11"/>
  <c r="BX744" i="11"/>
  <c r="BY744" i="11"/>
  <c r="BZ744" i="11"/>
  <c r="CA744" i="11"/>
  <c r="CC744" i="11"/>
  <c r="CD744" i="11"/>
  <c r="CE744" i="11"/>
  <c r="CF744" i="11"/>
  <c r="CG744" i="11"/>
  <c r="CH744" i="11"/>
  <c r="CI744" i="11"/>
  <c r="CJ744" i="11"/>
  <c r="CK744" i="11"/>
  <c r="CL744" i="11"/>
  <c r="CM744" i="11"/>
  <c r="CN744" i="11"/>
  <c r="CO744" i="11"/>
  <c r="CP744" i="11"/>
  <c r="CQ744" i="11"/>
  <c r="CR744" i="11"/>
  <c r="BK745" i="11"/>
  <c r="BL745" i="11" s="1"/>
  <c r="CC745" i="11" s="1"/>
  <c r="BN745" i="11"/>
  <c r="BO745" i="11"/>
  <c r="BP745" i="11"/>
  <c r="BQ745" i="11"/>
  <c r="BR745" i="11"/>
  <c r="BS745" i="11"/>
  <c r="BT745" i="11"/>
  <c r="BU745" i="11"/>
  <c r="BV745" i="11"/>
  <c r="BW745" i="11"/>
  <c r="BX745" i="11"/>
  <c r="BY745" i="11"/>
  <c r="BZ745" i="11"/>
  <c r="CA745" i="11"/>
  <c r="CB745" i="11"/>
  <c r="CD745" i="11"/>
  <c r="CE745" i="11"/>
  <c r="CF745" i="11"/>
  <c r="CG745" i="11"/>
  <c r="CH745" i="11"/>
  <c r="CI745" i="11"/>
  <c r="CJ745" i="11"/>
  <c r="CK745" i="11"/>
  <c r="CL745" i="11"/>
  <c r="CM745" i="11"/>
  <c r="CN745" i="11"/>
  <c r="CO745" i="11"/>
  <c r="CP745" i="11"/>
  <c r="CQ745" i="11"/>
  <c r="CR745" i="11"/>
  <c r="BK746" i="11"/>
  <c r="BL746" i="11" s="1"/>
  <c r="BY746" i="11" s="1"/>
  <c r="BN746" i="11"/>
  <c r="BO746" i="11"/>
  <c r="BP746" i="11"/>
  <c r="BQ746" i="11"/>
  <c r="BR746" i="11"/>
  <c r="BS746" i="11"/>
  <c r="BT746" i="11"/>
  <c r="BU746" i="11"/>
  <c r="BV746" i="11"/>
  <c r="BW746" i="11"/>
  <c r="BX746" i="11"/>
  <c r="BZ746" i="11"/>
  <c r="CA746" i="11"/>
  <c r="CB746" i="11"/>
  <c r="CC746" i="11"/>
  <c r="CD746" i="11"/>
  <c r="CE746" i="11"/>
  <c r="CF746" i="11"/>
  <c r="CG746" i="11"/>
  <c r="CH746" i="11"/>
  <c r="CI746" i="11"/>
  <c r="CJ746" i="11"/>
  <c r="CK746" i="11"/>
  <c r="CL746" i="11"/>
  <c r="CM746" i="11"/>
  <c r="CN746" i="11"/>
  <c r="CO746" i="11"/>
  <c r="CP746" i="11"/>
  <c r="CQ746" i="11"/>
  <c r="CR746" i="11"/>
  <c r="BK747" i="11"/>
  <c r="BL747" i="11" s="1"/>
  <c r="CD747" i="11" s="1"/>
  <c r="BN747" i="11"/>
  <c r="BO747" i="11"/>
  <c r="BP747" i="11"/>
  <c r="BQ747" i="11"/>
  <c r="BR747" i="11"/>
  <c r="BS747" i="11"/>
  <c r="BT747" i="11"/>
  <c r="BU747" i="11"/>
  <c r="BV747" i="11"/>
  <c r="BW747" i="11"/>
  <c r="BX747" i="11"/>
  <c r="BY747" i="11"/>
  <c r="BZ747" i="11"/>
  <c r="CA747" i="11"/>
  <c r="CB747" i="11"/>
  <c r="CC747" i="11"/>
  <c r="CE747" i="11"/>
  <c r="CF747" i="11"/>
  <c r="CG747" i="11"/>
  <c r="CH747" i="11"/>
  <c r="CI747" i="11"/>
  <c r="CJ747" i="11"/>
  <c r="CK747" i="11"/>
  <c r="CL747" i="11"/>
  <c r="CM747" i="11"/>
  <c r="CN747" i="11"/>
  <c r="CO747" i="11"/>
  <c r="CP747" i="11"/>
  <c r="CQ747" i="11"/>
  <c r="CR747" i="11"/>
  <c r="BK742" i="11"/>
  <c r="BL742" i="11" s="1"/>
  <c r="BZ742" i="11" s="1"/>
  <c r="BN742" i="11"/>
  <c r="BO742" i="11"/>
  <c r="BP742" i="11"/>
  <c r="BQ742" i="11"/>
  <c r="BR742" i="11"/>
  <c r="BS742" i="11"/>
  <c r="BT742" i="11"/>
  <c r="BU742" i="11"/>
  <c r="BV742" i="11"/>
  <c r="BW742" i="11"/>
  <c r="BX742" i="11"/>
  <c r="BY742" i="11"/>
  <c r="CA742" i="11"/>
  <c r="CB742" i="11"/>
  <c r="CC742" i="11"/>
  <c r="CD742" i="11"/>
  <c r="CE742" i="11"/>
  <c r="CF742" i="11"/>
  <c r="CG742" i="11"/>
  <c r="CH742" i="11"/>
  <c r="CI742" i="11"/>
  <c r="CJ742" i="11"/>
  <c r="CK742" i="11"/>
  <c r="CL742" i="11"/>
  <c r="CM742" i="11"/>
  <c r="CN742" i="11"/>
  <c r="CO742" i="11"/>
  <c r="CP742" i="11"/>
  <c r="CQ742" i="11"/>
  <c r="CR742" i="11"/>
  <c r="BK735" i="11"/>
  <c r="BL735" i="11" s="1"/>
  <c r="BP735" i="11" s="1"/>
  <c r="BN735" i="11"/>
  <c r="BO735" i="11"/>
  <c r="BQ735" i="11"/>
  <c r="BR735" i="11"/>
  <c r="BS735" i="11"/>
  <c r="BT735" i="11"/>
  <c r="BU735" i="11"/>
  <c r="BV735" i="11"/>
  <c r="BW735" i="11"/>
  <c r="BX735" i="11"/>
  <c r="BY735" i="11"/>
  <c r="BZ735" i="11"/>
  <c r="CA735" i="11"/>
  <c r="CB735" i="11"/>
  <c r="CC735" i="11"/>
  <c r="CD735" i="11"/>
  <c r="CE735" i="11"/>
  <c r="CF735" i="11"/>
  <c r="CG735" i="11"/>
  <c r="CH735" i="11"/>
  <c r="CI735" i="11"/>
  <c r="CJ735" i="11"/>
  <c r="CK735" i="11"/>
  <c r="CL735" i="11"/>
  <c r="CM735" i="11"/>
  <c r="CN735" i="11"/>
  <c r="CO735" i="11"/>
  <c r="CP735" i="11"/>
  <c r="CQ735" i="11"/>
  <c r="CR735" i="11"/>
  <c r="BK736" i="11"/>
  <c r="BL736" i="11" s="1"/>
  <c r="BQ736" i="11" s="1"/>
  <c r="BN736" i="11"/>
  <c r="BO736" i="11"/>
  <c r="BP736" i="11"/>
  <c r="BR736" i="11"/>
  <c r="BS736" i="11"/>
  <c r="BT736" i="11"/>
  <c r="BU736" i="11"/>
  <c r="BV736" i="11"/>
  <c r="BW736" i="11"/>
  <c r="BX736" i="11"/>
  <c r="BY736" i="11"/>
  <c r="BZ736" i="11"/>
  <c r="CA736" i="11"/>
  <c r="CB736" i="11"/>
  <c r="CC736" i="11"/>
  <c r="CD736" i="11"/>
  <c r="CE736" i="11"/>
  <c r="CF736" i="11"/>
  <c r="CG736" i="11"/>
  <c r="CH736" i="11"/>
  <c r="CI736" i="11"/>
  <c r="CJ736" i="11"/>
  <c r="CK736" i="11"/>
  <c r="CL736" i="11"/>
  <c r="CM736" i="11"/>
  <c r="CN736" i="11"/>
  <c r="CO736" i="11"/>
  <c r="CP736" i="11"/>
  <c r="CQ736" i="11"/>
  <c r="CR736" i="11"/>
  <c r="BK737" i="11"/>
  <c r="BL737" i="11" s="1"/>
  <c r="BO737" i="11" s="1"/>
  <c r="BN737" i="11"/>
  <c r="BP737" i="11"/>
  <c r="BQ737" i="11"/>
  <c r="BR737" i="11"/>
  <c r="BS737" i="11"/>
  <c r="BT737" i="11"/>
  <c r="BU737" i="11"/>
  <c r="BV737" i="11"/>
  <c r="BW737" i="11"/>
  <c r="BX737" i="11"/>
  <c r="BY737" i="11"/>
  <c r="BZ737" i="11"/>
  <c r="CA737" i="11"/>
  <c r="CB737" i="11"/>
  <c r="CC737" i="11"/>
  <c r="CD737" i="11"/>
  <c r="CE737" i="11"/>
  <c r="CF737" i="11"/>
  <c r="CG737" i="11"/>
  <c r="CH737" i="11"/>
  <c r="CI737" i="11"/>
  <c r="CJ737" i="11"/>
  <c r="CK737" i="11"/>
  <c r="CL737" i="11"/>
  <c r="CM737" i="11"/>
  <c r="CN737" i="11"/>
  <c r="CO737" i="11"/>
  <c r="CP737" i="11"/>
  <c r="CQ737" i="11"/>
  <c r="CR737" i="11"/>
  <c r="BK738" i="11"/>
  <c r="BL738" i="11" s="1"/>
  <c r="BR738" i="11" s="1"/>
  <c r="BN738" i="11"/>
  <c r="BO738" i="11"/>
  <c r="BP738" i="11"/>
  <c r="BQ738" i="11"/>
  <c r="BS738" i="11"/>
  <c r="BT738" i="11"/>
  <c r="BU738" i="11"/>
  <c r="BV738" i="11"/>
  <c r="BW738" i="11"/>
  <c r="BX738" i="11"/>
  <c r="BY738" i="11"/>
  <c r="BZ738" i="11"/>
  <c r="CA738" i="11"/>
  <c r="CB738" i="11"/>
  <c r="CC738" i="11"/>
  <c r="CD738" i="11"/>
  <c r="CE738" i="11"/>
  <c r="CF738" i="11"/>
  <c r="CG738" i="11"/>
  <c r="CH738" i="11"/>
  <c r="CI738" i="11"/>
  <c r="CJ738" i="11"/>
  <c r="CK738" i="11"/>
  <c r="CL738" i="11"/>
  <c r="CM738" i="11"/>
  <c r="CN738" i="11"/>
  <c r="CO738" i="11"/>
  <c r="CP738" i="11"/>
  <c r="CQ738" i="11"/>
  <c r="CR738" i="11"/>
  <c r="BK739" i="11"/>
  <c r="BL739" i="11" s="1"/>
  <c r="BT739" i="11" s="1"/>
  <c r="BN739" i="11"/>
  <c r="BO739" i="11"/>
  <c r="BP739" i="11"/>
  <c r="BQ739" i="11"/>
  <c r="BR739" i="11"/>
  <c r="BS739" i="11"/>
  <c r="BU739" i="11"/>
  <c r="BV739" i="11"/>
  <c r="BW739" i="11"/>
  <c r="BX739" i="11"/>
  <c r="BY739" i="11"/>
  <c r="BZ739" i="11"/>
  <c r="CA739" i="11"/>
  <c r="CB739" i="11"/>
  <c r="CC739" i="11"/>
  <c r="CD739" i="11"/>
  <c r="CE739" i="11"/>
  <c r="CF739" i="11"/>
  <c r="CG739" i="11"/>
  <c r="CH739" i="11"/>
  <c r="CI739" i="11"/>
  <c r="CJ739" i="11"/>
  <c r="CK739" i="11"/>
  <c r="CL739" i="11"/>
  <c r="CM739" i="11"/>
  <c r="CN739" i="11"/>
  <c r="CO739" i="11"/>
  <c r="CP739" i="11"/>
  <c r="CQ739" i="11"/>
  <c r="CR739" i="11"/>
  <c r="BK740" i="11"/>
  <c r="BL740" i="11" s="1"/>
  <c r="BU740" i="11" s="1"/>
  <c r="BN740" i="11"/>
  <c r="BO740" i="11"/>
  <c r="BP740" i="11"/>
  <c r="BQ740" i="11"/>
  <c r="BR740" i="11"/>
  <c r="BS740" i="11"/>
  <c r="BT740" i="11"/>
  <c r="BV740" i="11"/>
  <c r="BW740" i="11"/>
  <c r="BX740" i="11"/>
  <c r="BY740" i="11"/>
  <c r="BZ740" i="11"/>
  <c r="CA740" i="11"/>
  <c r="CB740" i="11"/>
  <c r="CC740" i="11"/>
  <c r="CD740" i="11"/>
  <c r="CE740" i="11"/>
  <c r="CF740" i="11"/>
  <c r="CG740" i="11"/>
  <c r="CH740" i="11"/>
  <c r="CI740" i="11"/>
  <c r="CJ740" i="11"/>
  <c r="CK740" i="11"/>
  <c r="CL740" i="11"/>
  <c r="CM740" i="11"/>
  <c r="CN740" i="11"/>
  <c r="CO740" i="11"/>
  <c r="CP740" i="11"/>
  <c r="CQ740" i="11"/>
  <c r="CR740" i="11"/>
  <c r="BK741" i="11"/>
  <c r="BL741" i="11" s="1"/>
  <c r="BS741" i="11" s="1"/>
  <c r="BN741" i="11"/>
  <c r="BO741" i="11"/>
  <c r="BP741" i="11"/>
  <c r="BQ741" i="11"/>
  <c r="BR741" i="11"/>
  <c r="BT741" i="11"/>
  <c r="BU741" i="11"/>
  <c r="BV741" i="11"/>
  <c r="BW741" i="11"/>
  <c r="BX741" i="11"/>
  <c r="BY741" i="11"/>
  <c r="BZ741" i="11"/>
  <c r="CA741" i="11"/>
  <c r="CB741" i="11"/>
  <c r="CC741" i="11"/>
  <c r="CD741" i="11"/>
  <c r="CE741" i="11"/>
  <c r="CF741" i="11"/>
  <c r="CG741" i="11"/>
  <c r="CH741" i="11"/>
  <c r="CI741" i="11"/>
  <c r="CJ741" i="11"/>
  <c r="CK741" i="11"/>
  <c r="CL741" i="11"/>
  <c r="CM741" i="11"/>
  <c r="CN741" i="11"/>
  <c r="CO741" i="11"/>
  <c r="CP741" i="11"/>
  <c r="CQ741" i="11"/>
  <c r="CR741" i="11"/>
  <c r="BK734" i="11"/>
  <c r="BL734" i="11" s="1"/>
  <c r="CD734" i="11" s="1"/>
  <c r="BN734" i="11"/>
  <c r="BO734" i="11"/>
  <c r="BP734" i="11"/>
  <c r="BQ734" i="11"/>
  <c r="BR734" i="11"/>
  <c r="BS734" i="11"/>
  <c r="BT734" i="11"/>
  <c r="BU734" i="11"/>
  <c r="BV734" i="11"/>
  <c r="BW734" i="11"/>
  <c r="BX734" i="11"/>
  <c r="BY734" i="11"/>
  <c r="BZ734" i="11"/>
  <c r="CA734" i="11"/>
  <c r="CB734" i="11"/>
  <c r="CC734" i="11"/>
  <c r="CE734" i="11"/>
  <c r="CF734" i="11"/>
  <c r="CG734" i="11"/>
  <c r="CH734" i="11"/>
  <c r="CI734" i="11"/>
  <c r="CJ734" i="11"/>
  <c r="CK734" i="11"/>
  <c r="CL734" i="11"/>
  <c r="CM734" i="11"/>
  <c r="CN734" i="11"/>
  <c r="CO734" i="11"/>
  <c r="CP734" i="11"/>
  <c r="CQ734" i="11"/>
  <c r="CR734" i="11"/>
  <c r="BK733" i="11"/>
  <c r="BL733" i="11" s="1"/>
  <c r="CC733" i="11" s="1"/>
  <c r="BN733" i="11"/>
  <c r="BO733" i="11"/>
  <c r="BP733" i="11"/>
  <c r="BQ733" i="11"/>
  <c r="BR733" i="11"/>
  <c r="BS733" i="11"/>
  <c r="BT733" i="11"/>
  <c r="BU733" i="11"/>
  <c r="BV733" i="11"/>
  <c r="BW733" i="11"/>
  <c r="BX733" i="11"/>
  <c r="BY733" i="11"/>
  <c r="BZ733" i="11"/>
  <c r="CA733" i="11"/>
  <c r="CB733" i="11"/>
  <c r="CD733" i="11"/>
  <c r="CE733" i="11"/>
  <c r="CF733" i="11"/>
  <c r="CG733" i="11"/>
  <c r="CH733" i="11"/>
  <c r="CI733" i="11"/>
  <c r="CJ733" i="11"/>
  <c r="CK733" i="11"/>
  <c r="CL733" i="11"/>
  <c r="CM733" i="11"/>
  <c r="CN733" i="11"/>
  <c r="CO733" i="11"/>
  <c r="CP733" i="11"/>
  <c r="CQ733" i="11"/>
  <c r="CR733" i="11"/>
  <c r="BK732" i="11"/>
  <c r="BL732" i="11" s="1"/>
  <c r="CB732" i="11" s="1"/>
  <c r="BN732" i="11"/>
  <c r="BO732" i="11"/>
  <c r="BP732" i="11"/>
  <c r="BQ732" i="11"/>
  <c r="BR732" i="11"/>
  <c r="BS732" i="11"/>
  <c r="BT732" i="11"/>
  <c r="BU732" i="11"/>
  <c r="BV732" i="11"/>
  <c r="BW732" i="11"/>
  <c r="BX732" i="11"/>
  <c r="BY732" i="11"/>
  <c r="BZ732" i="11"/>
  <c r="CA732" i="11"/>
  <c r="CC732" i="11"/>
  <c r="CD732" i="11"/>
  <c r="CE732" i="11"/>
  <c r="CF732" i="11"/>
  <c r="CG732" i="11"/>
  <c r="CH732" i="11"/>
  <c r="CI732" i="11"/>
  <c r="CJ732" i="11"/>
  <c r="CK732" i="11"/>
  <c r="CL732" i="11"/>
  <c r="CM732" i="11"/>
  <c r="CN732" i="11"/>
  <c r="CO732" i="11"/>
  <c r="CP732" i="11"/>
  <c r="CQ732" i="11"/>
  <c r="CR732" i="11"/>
  <c r="BK731" i="11"/>
  <c r="BL731" i="11" s="1"/>
  <c r="BT731" i="11" s="1"/>
  <c r="BN731" i="11"/>
  <c r="BO731" i="11"/>
  <c r="BP731" i="11"/>
  <c r="BQ731" i="11"/>
  <c r="BR731" i="11"/>
  <c r="BS731" i="11"/>
  <c r="BU731" i="11"/>
  <c r="BV731" i="11"/>
  <c r="BW731" i="11"/>
  <c r="BX731" i="11"/>
  <c r="BY731" i="11"/>
  <c r="BZ731" i="11"/>
  <c r="CA731" i="11"/>
  <c r="CB731" i="11"/>
  <c r="CC731" i="11"/>
  <c r="CD731" i="11"/>
  <c r="CE731" i="11"/>
  <c r="CF731" i="11"/>
  <c r="CG731" i="11"/>
  <c r="CH731" i="11"/>
  <c r="CI731" i="11"/>
  <c r="CJ731" i="11"/>
  <c r="CK731" i="11"/>
  <c r="CL731" i="11"/>
  <c r="CM731" i="11"/>
  <c r="CN731" i="11"/>
  <c r="CO731" i="11"/>
  <c r="CP731" i="11"/>
  <c r="CQ731" i="11"/>
  <c r="CR731" i="11"/>
  <c r="DN4" i="9" l="1"/>
  <c r="DN5" i="9"/>
  <c r="BS300" i="9"/>
  <c r="BT300" i="9" s="1"/>
  <c r="BL754" i="11"/>
  <c r="BU754" i="11" s="1"/>
  <c r="BL753" i="11"/>
  <c r="BT753" i="11" s="1"/>
  <c r="BL752" i="11"/>
  <c r="BR752" i="11" s="1"/>
  <c r="BL750" i="11"/>
  <c r="BQ750" i="11" s="1"/>
  <c r="BL749" i="11"/>
  <c r="BP749" i="11" s="1"/>
  <c r="BU238" i="9"/>
  <c r="DN238" i="9"/>
  <c r="DO333" i="9"/>
  <c r="DO291" i="9"/>
  <c r="DO299" i="9"/>
  <c r="CJ322" i="9"/>
  <c r="CB322" i="9"/>
  <c r="CI322" i="9"/>
  <c r="CA322" i="9"/>
  <c r="CH322" i="9"/>
  <c r="BZ322" i="9"/>
  <c r="DL322" i="9"/>
  <c r="CF322" i="9"/>
  <c r="BX322" i="9"/>
  <c r="DK322" i="9"/>
  <c r="BW322" i="9"/>
  <c r="DJ322" i="9"/>
  <c r="CL322" i="9"/>
  <c r="BV322" i="9"/>
  <c r="CK322" i="9"/>
  <c r="CE322" i="9"/>
  <c r="DI322" i="9"/>
  <c r="CD322" i="9"/>
  <c r="CG322" i="9"/>
  <c r="CC322" i="9"/>
  <c r="BY322" i="9"/>
  <c r="CH330" i="9"/>
  <c r="BZ330" i="9"/>
  <c r="CG330" i="9"/>
  <c r="BY330" i="9"/>
  <c r="DL330" i="9"/>
  <c r="CF330" i="9"/>
  <c r="BX330" i="9"/>
  <c r="DJ330" i="9"/>
  <c r="CL330" i="9"/>
  <c r="CD330" i="9"/>
  <c r="BV330" i="9"/>
  <c r="CE330" i="9"/>
  <c r="CC330" i="9"/>
  <c r="BW330" i="9"/>
  <c r="CJ330" i="9"/>
  <c r="CI330" i="9"/>
  <c r="CB330" i="9"/>
  <c r="CK330" i="9"/>
  <c r="DI330" i="9"/>
  <c r="CA330" i="9"/>
  <c r="DK330" i="9"/>
  <c r="CG289" i="9"/>
  <c r="BY289" i="9"/>
  <c r="DL289" i="9"/>
  <c r="CF289" i="9"/>
  <c r="BX289" i="9"/>
  <c r="DK289" i="9"/>
  <c r="CE289" i="9"/>
  <c r="BW289" i="9"/>
  <c r="DI289" i="9"/>
  <c r="CK289" i="9"/>
  <c r="CC289" i="9"/>
  <c r="CB289" i="9"/>
  <c r="CJ289" i="9"/>
  <c r="CI289" i="9"/>
  <c r="CD289" i="9"/>
  <c r="CA289" i="9"/>
  <c r="DJ289" i="9"/>
  <c r="CH289" i="9"/>
  <c r="BZ289" i="9"/>
  <c r="CL289" i="9"/>
  <c r="BV289" i="9"/>
  <c r="DJ480" i="9"/>
  <c r="DI480" i="9"/>
  <c r="DJ318" i="9"/>
  <c r="DI318" i="9"/>
  <c r="CI253" i="9"/>
  <c r="BZ245" i="9"/>
  <c r="BX243" i="9"/>
  <c r="CE250" i="9"/>
  <c r="CF252" i="9"/>
  <c r="CC247" i="9"/>
  <c r="CH251" i="9"/>
  <c r="CG256" i="9"/>
  <c r="BY244" i="9"/>
  <c r="DK240" i="9"/>
  <c r="CJ254" i="9"/>
  <c r="DJ239" i="9"/>
  <c r="BV241" i="9"/>
  <c r="BW242" i="9"/>
  <c r="CA248" i="9"/>
  <c r="CD249" i="9"/>
  <c r="BL751" i="11"/>
  <c r="BO751" i="11" s="1"/>
  <c r="BL757" i="11"/>
  <c r="CC757" i="11" s="1"/>
  <c r="BL748" i="11"/>
  <c r="BN748" i="11" s="1"/>
  <c r="BL755" i="11"/>
  <c r="BS755" i="11" s="1"/>
  <c r="BV208" i="9"/>
  <c r="BW208" i="9"/>
  <c r="BX208" i="9"/>
  <c r="BY208" i="9"/>
  <c r="BZ208" i="9"/>
  <c r="CA208" i="9"/>
  <c r="CB208" i="9"/>
  <c r="CC208" i="9"/>
  <c r="CD208" i="9"/>
  <c r="CE208" i="9"/>
  <c r="CF208" i="9"/>
  <c r="CG208" i="9"/>
  <c r="CH208" i="9"/>
  <c r="CI208" i="9"/>
  <c r="CJ208" i="9"/>
  <c r="CK208" i="9"/>
  <c r="CL208" i="9"/>
  <c r="DJ208" i="9"/>
  <c r="DK208" i="9"/>
  <c r="DI208" i="9"/>
  <c r="DN208" i="9" l="1"/>
  <c r="DM208" i="9"/>
  <c r="DN480" i="9"/>
  <c r="DN318" i="9"/>
  <c r="BU242" i="9"/>
  <c r="DM242" i="9"/>
  <c r="BU252" i="9"/>
  <c r="DM252" i="9"/>
  <c r="BU239" i="9"/>
  <c r="DN239" i="9"/>
  <c r="BU250" i="9"/>
  <c r="DM250" i="9"/>
  <c r="DN330" i="9"/>
  <c r="DM330" i="9"/>
  <c r="DN322" i="9"/>
  <c r="BU254" i="9"/>
  <c r="DM254" i="9"/>
  <c r="BU243" i="9"/>
  <c r="DM243" i="9"/>
  <c r="DM289" i="9"/>
  <c r="BU247" i="9"/>
  <c r="DM247" i="9"/>
  <c r="BU241" i="9"/>
  <c r="DM241" i="9"/>
  <c r="BU240" i="9"/>
  <c r="DN240" i="9"/>
  <c r="BU245" i="9"/>
  <c r="DM245" i="9"/>
  <c r="DM322" i="9"/>
  <c r="BU249" i="9"/>
  <c r="DM249" i="9"/>
  <c r="BU256" i="9"/>
  <c r="DM256" i="9"/>
  <c r="BU244" i="9"/>
  <c r="DM244" i="9"/>
  <c r="BU253" i="9"/>
  <c r="DM253" i="9"/>
  <c r="BU248" i="9"/>
  <c r="DM248" i="9"/>
  <c r="BU251" i="9"/>
  <c r="DM251" i="9"/>
  <c r="DN289" i="9"/>
  <c r="T208" i="9"/>
  <c r="U544" i="9"/>
  <c r="W544" i="9" s="1"/>
  <c r="X544" i="9" l="1"/>
  <c r="X208" i="9"/>
  <c r="DB557" i="9"/>
  <c r="DD557" i="9"/>
  <c r="DE557" i="9"/>
  <c r="DF557" i="9"/>
  <c r="DG557" i="9"/>
  <c r="DH557" i="9"/>
  <c r="CW38" i="9"/>
  <c r="W208" i="9" l="1"/>
  <c r="BT208" i="9"/>
  <c r="BV499" i="9"/>
  <c r="DM499" i="9" s="1"/>
  <c r="BV498" i="9"/>
  <c r="DM498" i="9" s="1"/>
  <c r="DL504" i="9"/>
  <c r="DN504" i="9" s="1"/>
  <c r="BV503" i="9"/>
  <c r="DM503" i="9" s="1"/>
  <c r="DK503" i="9"/>
  <c r="DN503" i="9" s="1"/>
  <c r="CZ22" i="9"/>
  <c r="CY22" i="9"/>
  <c r="CX22" i="9"/>
  <c r="CW22" i="9"/>
  <c r="CV22" i="9"/>
  <c r="CU22" i="9"/>
  <c r="CT22" i="9"/>
  <c r="CS22" i="9"/>
  <c r="CR22" i="9"/>
  <c r="CQ22" i="9"/>
  <c r="CP22" i="9"/>
  <c r="CO22" i="9"/>
  <c r="CN22" i="9"/>
  <c r="CM22" i="9"/>
  <c r="CF22" i="9"/>
  <c r="CE22" i="9"/>
  <c r="BV22" i="9"/>
  <c r="CC22" i="9"/>
  <c r="CF10" i="9"/>
  <c r="CE10" i="9"/>
  <c r="BV10" i="9"/>
  <c r="CZ18" i="9"/>
  <c r="CY18" i="9"/>
  <c r="CX18" i="9"/>
  <c r="CW18" i="9"/>
  <c r="CV18" i="9"/>
  <c r="CU18" i="9"/>
  <c r="CT18" i="9"/>
  <c r="CS18" i="9"/>
  <c r="CR18" i="9"/>
  <c r="CQ18" i="9"/>
  <c r="CP18" i="9"/>
  <c r="CO18" i="9"/>
  <c r="CN18" i="9"/>
  <c r="CM18" i="9"/>
  <c r="CL18" i="9"/>
  <c r="CK18" i="9"/>
  <c r="CJ18" i="9"/>
  <c r="CH18" i="9"/>
  <c r="CG18" i="9"/>
  <c r="CF18" i="9"/>
  <c r="CE18" i="9"/>
  <c r="CD18" i="9"/>
  <c r="CC18" i="9"/>
  <c r="CB18" i="9"/>
  <c r="CA18" i="9"/>
  <c r="BZ18" i="9"/>
  <c r="BY18" i="9"/>
  <c r="BX18" i="9"/>
  <c r="BW18" i="9"/>
  <c r="BV18" i="9"/>
  <c r="CI18" i="9"/>
  <c r="CZ17" i="9"/>
  <c r="CY17" i="9"/>
  <c r="CX17" i="9"/>
  <c r="CW17" i="9"/>
  <c r="CV17" i="9"/>
  <c r="CU17" i="9"/>
  <c r="CT17" i="9"/>
  <c r="CS17" i="9"/>
  <c r="CR17" i="9"/>
  <c r="CQ17" i="9"/>
  <c r="CP17" i="9"/>
  <c r="CO17" i="9"/>
  <c r="CN17" i="9"/>
  <c r="CM17" i="9"/>
  <c r="CL17" i="9"/>
  <c r="CK17" i="9"/>
  <c r="CJ17" i="9"/>
  <c r="CI17" i="9"/>
  <c r="CH17" i="9"/>
  <c r="CG17" i="9"/>
  <c r="CE17" i="9"/>
  <c r="CD17" i="9"/>
  <c r="CC17" i="9"/>
  <c r="CB17" i="9"/>
  <c r="CA17" i="9"/>
  <c r="BZ17" i="9"/>
  <c r="BY17" i="9"/>
  <c r="BX17" i="9"/>
  <c r="BW17" i="9"/>
  <c r="BV17" i="9"/>
  <c r="CF17" i="9"/>
  <c r="CZ16" i="9"/>
  <c r="CY16" i="9"/>
  <c r="CX16" i="9"/>
  <c r="CW16" i="9"/>
  <c r="CV16" i="9"/>
  <c r="CU16" i="9"/>
  <c r="CT16" i="9"/>
  <c r="CS16" i="9"/>
  <c r="CR16" i="9"/>
  <c r="CQ16" i="9"/>
  <c r="CP16" i="9"/>
  <c r="CO16" i="9"/>
  <c r="CN16" i="9"/>
  <c r="CM16" i="9"/>
  <c r="CL16" i="9"/>
  <c r="CK16" i="9"/>
  <c r="CJ16" i="9"/>
  <c r="CI16" i="9"/>
  <c r="CH16" i="9"/>
  <c r="CG16" i="9"/>
  <c r="CF16" i="9"/>
  <c r="CE16" i="9"/>
  <c r="CD16" i="9"/>
  <c r="CC16" i="9"/>
  <c r="CB16" i="9"/>
  <c r="CA16" i="9"/>
  <c r="BZ16" i="9"/>
  <c r="BY16" i="9"/>
  <c r="BX16" i="9"/>
  <c r="BW16" i="9"/>
  <c r="BV16" i="9"/>
  <c r="CZ206" i="9"/>
  <c r="CY206" i="9"/>
  <c r="CX206" i="9"/>
  <c r="CW206" i="9"/>
  <c r="CV206" i="9"/>
  <c r="CU206" i="9"/>
  <c r="CT206" i="9"/>
  <c r="CS206" i="9"/>
  <c r="CR206" i="9"/>
  <c r="CQ206" i="9"/>
  <c r="CP206" i="9"/>
  <c r="CO206" i="9"/>
  <c r="CN206" i="9"/>
  <c r="CM206" i="9"/>
  <c r="CZ208" i="9"/>
  <c r="CY208" i="9"/>
  <c r="CX208" i="9"/>
  <c r="CW208" i="9"/>
  <c r="CV208" i="9"/>
  <c r="CU208" i="9"/>
  <c r="CT208" i="9"/>
  <c r="CS208" i="9"/>
  <c r="CR208" i="9"/>
  <c r="CQ208" i="9"/>
  <c r="CP208" i="9"/>
  <c r="CO208" i="9"/>
  <c r="CN208" i="9"/>
  <c r="CM208" i="9"/>
  <c r="CZ207" i="9"/>
  <c r="CY207" i="9"/>
  <c r="CX207" i="9"/>
  <c r="CW207" i="9"/>
  <c r="CV207" i="9"/>
  <c r="CU207" i="9"/>
  <c r="CT207" i="9"/>
  <c r="CS207" i="9"/>
  <c r="CR207" i="9"/>
  <c r="CQ207" i="9"/>
  <c r="CP207" i="9"/>
  <c r="CO207" i="9"/>
  <c r="CN207" i="9"/>
  <c r="CM207" i="9"/>
  <c r="DL12" i="9"/>
  <c r="CZ203" i="9"/>
  <c r="CY203" i="9"/>
  <c r="CX203" i="9"/>
  <c r="CW203" i="9"/>
  <c r="CV203" i="9"/>
  <c r="CU203" i="9"/>
  <c r="CT203" i="9"/>
  <c r="CS203" i="9"/>
  <c r="CR203" i="9"/>
  <c r="CQ203" i="9"/>
  <c r="CP203" i="9"/>
  <c r="CO203" i="9"/>
  <c r="CN203" i="9"/>
  <c r="CM203" i="9"/>
  <c r="CL203" i="9"/>
  <c r="CK203" i="9"/>
  <c r="CJ203" i="9"/>
  <c r="CI203" i="9"/>
  <c r="CH203" i="9"/>
  <c r="CG203" i="9"/>
  <c r="CF203" i="9"/>
  <c r="CD203" i="9"/>
  <c r="CC203" i="9"/>
  <c r="CB203" i="9"/>
  <c r="CA203" i="9"/>
  <c r="BZ203" i="9"/>
  <c r="BY203" i="9"/>
  <c r="BX203" i="9"/>
  <c r="BW203" i="9"/>
  <c r="BV203" i="9"/>
  <c r="CZ270" i="9"/>
  <c r="CY270" i="9"/>
  <c r="CX270" i="9"/>
  <c r="CW270" i="9"/>
  <c r="CV270" i="9"/>
  <c r="CU270" i="9"/>
  <c r="CT270" i="9"/>
  <c r="CS270" i="9"/>
  <c r="CR270" i="9"/>
  <c r="CQ270" i="9"/>
  <c r="CP270" i="9"/>
  <c r="CO270" i="9"/>
  <c r="CN270" i="9"/>
  <c r="CM270" i="9"/>
  <c r="CK270" i="9"/>
  <c r="CZ269" i="9"/>
  <c r="CY269" i="9"/>
  <c r="CX269" i="9"/>
  <c r="CW269" i="9"/>
  <c r="CV269" i="9"/>
  <c r="CU269" i="9"/>
  <c r="CT269" i="9"/>
  <c r="CS269" i="9"/>
  <c r="CR269" i="9"/>
  <c r="CQ269" i="9"/>
  <c r="CP269" i="9"/>
  <c r="CO269" i="9"/>
  <c r="CN269" i="9"/>
  <c r="CM269" i="9"/>
  <c r="CK269" i="9"/>
  <c r="CZ268" i="9"/>
  <c r="CY268" i="9"/>
  <c r="CX268" i="9"/>
  <c r="CW268" i="9"/>
  <c r="CV268" i="9"/>
  <c r="CU268" i="9"/>
  <c r="CT268" i="9"/>
  <c r="CS268" i="9"/>
  <c r="CR268" i="9"/>
  <c r="CQ268" i="9"/>
  <c r="CP268" i="9"/>
  <c r="CO268" i="9"/>
  <c r="CN268" i="9"/>
  <c r="CM268" i="9"/>
  <c r="CK268" i="9"/>
  <c r="CZ267" i="9"/>
  <c r="CY267" i="9"/>
  <c r="CX267" i="9"/>
  <c r="CW267" i="9"/>
  <c r="CV267" i="9"/>
  <c r="CU267" i="9"/>
  <c r="CT267" i="9"/>
  <c r="CS267" i="9"/>
  <c r="CR267" i="9"/>
  <c r="CQ267" i="9"/>
  <c r="CP267" i="9"/>
  <c r="CO267" i="9"/>
  <c r="CN267" i="9"/>
  <c r="CM267" i="9"/>
  <c r="CZ266" i="9"/>
  <c r="CY266" i="9"/>
  <c r="CX266" i="9"/>
  <c r="CW266" i="9"/>
  <c r="CV266" i="9"/>
  <c r="CU266" i="9"/>
  <c r="CT266" i="9"/>
  <c r="CS266" i="9"/>
  <c r="CR266" i="9"/>
  <c r="CQ266" i="9"/>
  <c r="CP266" i="9"/>
  <c r="CO266" i="9"/>
  <c r="CN266" i="9"/>
  <c r="CM266" i="9"/>
  <c r="BV266" i="9"/>
  <c r="CG265" i="9"/>
  <c r="CF265" i="9"/>
  <c r="CE265" i="9"/>
  <c r="CD265" i="9"/>
  <c r="CC265" i="9"/>
  <c r="CB265" i="9"/>
  <c r="CA265" i="9"/>
  <c r="BZ265" i="9"/>
  <c r="BY265" i="9"/>
  <c r="BX265" i="9"/>
  <c r="BW265" i="9"/>
  <c r="BV265" i="9"/>
  <c r="CZ264" i="9"/>
  <c r="CY264" i="9"/>
  <c r="CX264" i="9"/>
  <c r="CW264" i="9"/>
  <c r="CV264" i="9"/>
  <c r="CU264" i="9"/>
  <c r="CT264" i="9"/>
  <c r="CS264" i="9"/>
  <c r="CR264" i="9"/>
  <c r="CQ264" i="9"/>
  <c r="CP264" i="9"/>
  <c r="CO264" i="9"/>
  <c r="CN264" i="9"/>
  <c r="CM264" i="9"/>
  <c r="CK264" i="9"/>
  <c r="CS262" i="9"/>
  <c r="CZ260" i="9"/>
  <c r="CY260" i="9"/>
  <c r="CX260" i="9"/>
  <c r="CW260" i="9"/>
  <c r="CV260" i="9"/>
  <c r="CU260" i="9"/>
  <c r="CT260" i="9"/>
  <c r="CS260" i="9"/>
  <c r="CR260" i="9"/>
  <c r="CQ260" i="9"/>
  <c r="CP260" i="9"/>
  <c r="CO260" i="9"/>
  <c r="CN260" i="9"/>
  <c r="CM260" i="9"/>
  <c r="CL260" i="9"/>
  <c r="CK260" i="9"/>
  <c r="CJ260" i="9"/>
  <c r="CI260" i="9"/>
  <c r="CH260" i="9"/>
  <c r="CG260" i="9"/>
  <c r="CF260" i="9"/>
  <c r="BZ260" i="9"/>
  <c r="BY260" i="9"/>
  <c r="BX260" i="9"/>
  <c r="BW260" i="9"/>
  <c r="BV260" i="9"/>
  <c r="CC260" i="9"/>
  <c r="BV506" i="9"/>
  <c r="DM506" i="9" s="1"/>
  <c r="CZ319" i="9"/>
  <c r="CY319" i="9"/>
  <c r="CX319" i="9"/>
  <c r="CW319" i="9"/>
  <c r="CV319" i="9"/>
  <c r="CU319" i="9"/>
  <c r="CT319" i="9"/>
  <c r="CS319" i="9"/>
  <c r="CR319" i="9"/>
  <c r="CQ319" i="9"/>
  <c r="CP319" i="9"/>
  <c r="CO319" i="9"/>
  <c r="CN319" i="9"/>
  <c r="CM319" i="9"/>
  <c r="CZ294" i="9"/>
  <c r="CY294" i="9"/>
  <c r="CX294" i="9"/>
  <c r="CW294" i="9"/>
  <c r="CV294" i="9"/>
  <c r="CU294" i="9"/>
  <c r="CT294" i="9"/>
  <c r="CS294" i="9"/>
  <c r="CR294" i="9"/>
  <c r="CQ294" i="9"/>
  <c r="CP294" i="9"/>
  <c r="CO294" i="9"/>
  <c r="CN294" i="9"/>
  <c r="CM294" i="9"/>
  <c r="CL294" i="9"/>
  <c r="CK294" i="9"/>
  <c r="CJ294" i="9"/>
  <c r="CI294" i="9"/>
  <c r="CH294" i="9"/>
  <c r="CG294" i="9"/>
  <c r="CF294" i="9"/>
  <c r="CE294" i="9"/>
  <c r="CD294" i="9"/>
  <c r="CC294" i="9"/>
  <c r="CB294" i="9"/>
  <c r="CA294" i="9"/>
  <c r="BZ294" i="9"/>
  <c r="BY294" i="9"/>
  <c r="BX294" i="9"/>
  <c r="BW294" i="9"/>
  <c r="BV294" i="9"/>
  <c r="CZ293" i="9"/>
  <c r="CY293" i="9"/>
  <c r="CX293" i="9"/>
  <c r="CW293" i="9"/>
  <c r="CV293" i="9"/>
  <c r="CU293" i="9"/>
  <c r="CT293" i="9"/>
  <c r="CS293" i="9"/>
  <c r="CR293" i="9"/>
  <c r="CQ293" i="9"/>
  <c r="CP293" i="9"/>
  <c r="CO293" i="9"/>
  <c r="CN293" i="9"/>
  <c r="CM293" i="9"/>
  <c r="CL293" i="9"/>
  <c r="CK293" i="9"/>
  <c r="CJ293" i="9"/>
  <c r="CI293" i="9"/>
  <c r="CH293" i="9"/>
  <c r="CG293" i="9"/>
  <c r="CF293" i="9"/>
  <c r="CE293" i="9"/>
  <c r="CD293" i="9"/>
  <c r="CC293" i="9"/>
  <c r="CB293" i="9"/>
  <c r="CA293" i="9"/>
  <c r="BZ293" i="9"/>
  <c r="BY293" i="9"/>
  <c r="BX293" i="9"/>
  <c r="BW293" i="9"/>
  <c r="BV293" i="9"/>
  <c r="CZ297" i="9"/>
  <c r="CY297" i="9"/>
  <c r="CX297" i="9"/>
  <c r="CW297" i="9"/>
  <c r="CV297" i="9"/>
  <c r="CU297" i="9"/>
  <c r="CT297" i="9"/>
  <c r="CS297" i="9"/>
  <c r="CR297" i="9"/>
  <c r="CQ297" i="9"/>
  <c r="CP297" i="9"/>
  <c r="CO297" i="9"/>
  <c r="CN297" i="9"/>
  <c r="CM297" i="9"/>
  <c r="CL297" i="9"/>
  <c r="CK297" i="9"/>
  <c r="CJ297" i="9"/>
  <c r="CI297" i="9"/>
  <c r="CH297" i="9"/>
  <c r="CG297" i="9"/>
  <c r="CF297" i="9"/>
  <c r="CD297" i="9"/>
  <c r="CC297" i="9"/>
  <c r="CB297" i="9"/>
  <c r="CA297" i="9"/>
  <c r="BZ297" i="9"/>
  <c r="BY297" i="9"/>
  <c r="BX297" i="9"/>
  <c r="BW297" i="9"/>
  <c r="BV297" i="9"/>
  <c r="CZ296" i="9"/>
  <c r="CY296" i="9"/>
  <c r="CX296" i="9"/>
  <c r="CW296" i="9"/>
  <c r="CV296" i="9"/>
  <c r="CU296" i="9"/>
  <c r="CT296" i="9"/>
  <c r="CS296" i="9"/>
  <c r="CR296" i="9"/>
  <c r="CQ296" i="9"/>
  <c r="CP296" i="9"/>
  <c r="CO296" i="9"/>
  <c r="CN296" i="9"/>
  <c r="CM296" i="9"/>
  <c r="CL296" i="9"/>
  <c r="CK296" i="9"/>
  <c r="CJ296" i="9"/>
  <c r="CI296" i="9"/>
  <c r="CH296" i="9"/>
  <c r="CG296" i="9"/>
  <c r="CE296" i="9"/>
  <c r="CD296" i="9"/>
  <c r="CC296" i="9"/>
  <c r="CB296" i="9"/>
  <c r="CA296" i="9"/>
  <c r="BZ296" i="9"/>
  <c r="BY296" i="9"/>
  <c r="BX296" i="9"/>
  <c r="BW296" i="9"/>
  <c r="BV296" i="9"/>
  <c r="CZ292" i="9"/>
  <c r="CY292" i="9"/>
  <c r="CX292" i="9"/>
  <c r="CW292" i="9"/>
  <c r="CV292" i="9"/>
  <c r="CU292" i="9"/>
  <c r="CT292" i="9"/>
  <c r="CS292" i="9"/>
  <c r="CR292" i="9"/>
  <c r="CQ292" i="9"/>
  <c r="CP292" i="9"/>
  <c r="CO292" i="9"/>
  <c r="CN292" i="9"/>
  <c r="CM292" i="9"/>
  <c r="CL292" i="9"/>
  <c r="CK292" i="9"/>
  <c r="CJ292" i="9"/>
  <c r="CI292" i="9"/>
  <c r="CH292" i="9"/>
  <c r="CG292" i="9"/>
  <c r="CF292" i="9"/>
  <c r="CE292" i="9"/>
  <c r="CD292" i="9"/>
  <c r="CC292" i="9"/>
  <c r="CB292" i="9"/>
  <c r="CA292" i="9"/>
  <c r="BZ292" i="9"/>
  <c r="BY292" i="9"/>
  <c r="BX292" i="9"/>
  <c r="BW292" i="9"/>
  <c r="CZ290" i="9"/>
  <c r="CY290" i="9"/>
  <c r="CX290" i="9"/>
  <c r="CW290" i="9"/>
  <c r="CV290" i="9"/>
  <c r="CU290" i="9"/>
  <c r="CT290" i="9"/>
  <c r="CS290" i="9"/>
  <c r="CR290" i="9"/>
  <c r="CQ290" i="9"/>
  <c r="CP290" i="9"/>
  <c r="CO290" i="9"/>
  <c r="CN290" i="9"/>
  <c r="CM290" i="9"/>
  <c r="CL290" i="9"/>
  <c r="CK290" i="9"/>
  <c r="CJ290" i="9"/>
  <c r="CI290" i="9"/>
  <c r="CH290" i="9"/>
  <c r="CG290" i="9"/>
  <c r="CF290" i="9"/>
  <c r="CE290" i="9"/>
  <c r="CD290" i="9"/>
  <c r="CC290" i="9"/>
  <c r="CB290" i="9"/>
  <c r="CA290" i="9"/>
  <c r="BZ290" i="9"/>
  <c r="BY290" i="9"/>
  <c r="BX290" i="9"/>
  <c r="BW290" i="9"/>
  <c r="CZ295" i="9"/>
  <c r="CY295" i="9"/>
  <c r="CX295" i="9"/>
  <c r="CW295" i="9"/>
  <c r="CV295" i="9"/>
  <c r="CU295" i="9"/>
  <c r="CT295" i="9"/>
  <c r="CS295" i="9"/>
  <c r="CR295" i="9"/>
  <c r="CQ295" i="9"/>
  <c r="CP295" i="9"/>
  <c r="CO295" i="9"/>
  <c r="CN295" i="9"/>
  <c r="CM295" i="9"/>
  <c r="CL295" i="9"/>
  <c r="CK295" i="9"/>
  <c r="CJ295" i="9"/>
  <c r="CH295" i="9"/>
  <c r="CG295" i="9"/>
  <c r="CF295" i="9"/>
  <c r="CE295" i="9"/>
  <c r="CD295" i="9"/>
  <c r="CC295" i="9"/>
  <c r="CB295" i="9"/>
  <c r="CA295" i="9"/>
  <c r="BZ295" i="9"/>
  <c r="BY295" i="9"/>
  <c r="BX295" i="9"/>
  <c r="BW295" i="9"/>
  <c r="BV295" i="9"/>
  <c r="BV507" i="9"/>
  <c r="DM507" i="9" s="1"/>
  <c r="BV285" i="9"/>
  <c r="DM285" i="9" s="1"/>
  <c r="BV493" i="9"/>
  <c r="DM493" i="9" s="1"/>
  <c r="BV492" i="9"/>
  <c r="DM492" i="9" s="1"/>
  <c r="CE501" i="9"/>
  <c r="CD501" i="9"/>
  <c r="CC501" i="9"/>
  <c r="CB501" i="9"/>
  <c r="CA501" i="9"/>
  <c r="BZ501" i="9"/>
  <c r="BY501" i="9"/>
  <c r="BX501" i="9"/>
  <c r="BW501" i="9"/>
  <c r="BV501" i="9"/>
  <c r="CZ311" i="9"/>
  <c r="CY311" i="9"/>
  <c r="CX311" i="9"/>
  <c r="CW311" i="9"/>
  <c r="CV311" i="9"/>
  <c r="CU311" i="9"/>
  <c r="CT311" i="9"/>
  <c r="CS311" i="9"/>
  <c r="CR311" i="9"/>
  <c r="CQ311" i="9"/>
  <c r="CP311" i="9"/>
  <c r="CO311" i="9"/>
  <c r="CN311" i="9"/>
  <c r="CM311" i="9"/>
  <c r="CZ318" i="9"/>
  <c r="CY318" i="9"/>
  <c r="CX318" i="9"/>
  <c r="CW318" i="9"/>
  <c r="CV318" i="9"/>
  <c r="CU318" i="9"/>
  <c r="CT318" i="9"/>
  <c r="CS318" i="9"/>
  <c r="CR318" i="9"/>
  <c r="CQ318" i="9"/>
  <c r="CP318" i="9"/>
  <c r="CO318" i="9"/>
  <c r="CN318" i="9"/>
  <c r="CM318" i="9"/>
  <c r="CZ465" i="9"/>
  <c r="CY465" i="9"/>
  <c r="CX465" i="9"/>
  <c r="CW465" i="9"/>
  <c r="CV465" i="9"/>
  <c r="CU465" i="9"/>
  <c r="CT465" i="9"/>
  <c r="CS465" i="9"/>
  <c r="CR465" i="9"/>
  <c r="CQ465" i="9"/>
  <c r="CP465" i="9"/>
  <c r="CO465" i="9"/>
  <c r="CN465" i="9"/>
  <c r="CM465" i="9"/>
  <c r="CL465" i="9"/>
  <c r="CK465" i="9"/>
  <c r="CJ465" i="9"/>
  <c r="CH465" i="9"/>
  <c r="CG465" i="9"/>
  <c r="CF465" i="9"/>
  <c r="CE465" i="9"/>
  <c r="CD465" i="9"/>
  <c r="CC465" i="9"/>
  <c r="CB465" i="9"/>
  <c r="CA465" i="9"/>
  <c r="BZ465" i="9"/>
  <c r="BY465" i="9"/>
  <c r="BX465" i="9"/>
  <c r="BW465" i="9"/>
  <c r="CZ308" i="9"/>
  <c r="CY308" i="9"/>
  <c r="CX308" i="9"/>
  <c r="CW308" i="9"/>
  <c r="CV308" i="9"/>
  <c r="CU308" i="9"/>
  <c r="CT308" i="9"/>
  <c r="CS308" i="9"/>
  <c r="CR308" i="9"/>
  <c r="CQ308" i="9"/>
  <c r="CP308" i="9"/>
  <c r="CO308" i="9"/>
  <c r="CN308" i="9"/>
  <c r="CM308" i="9"/>
  <c r="CL308" i="9"/>
  <c r="CK308" i="9"/>
  <c r="CJ308" i="9"/>
  <c r="CI308" i="9"/>
  <c r="CH308" i="9"/>
  <c r="CG308" i="9"/>
  <c r="CF308" i="9"/>
  <c r="CE308" i="9"/>
  <c r="CD308" i="9"/>
  <c r="CC308" i="9"/>
  <c r="CB308" i="9"/>
  <c r="CA308" i="9"/>
  <c r="BZ308" i="9"/>
  <c r="BY308" i="9"/>
  <c r="BX308" i="9"/>
  <c r="BW308" i="9"/>
  <c r="BV308" i="9"/>
  <c r="CZ70" i="9"/>
  <c r="CY70" i="9"/>
  <c r="CX70" i="9"/>
  <c r="CW70" i="9"/>
  <c r="CV70" i="9"/>
  <c r="CU70" i="9"/>
  <c r="CT70" i="9"/>
  <c r="CS70" i="9"/>
  <c r="CR70" i="9"/>
  <c r="CQ70" i="9"/>
  <c r="CP70" i="9"/>
  <c r="CO70" i="9"/>
  <c r="CN70" i="9"/>
  <c r="CM70" i="9"/>
  <c r="CL70" i="9"/>
  <c r="CJ70" i="9"/>
  <c r="CI70" i="9"/>
  <c r="CH70" i="9"/>
  <c r="CG70" i="9"/>
  <c r="CF70" i="9"/>
  <c r="CE70" i="9"/>
  <c r="CD70" i="9"/>
  <c r="CC70" i="9"/>
  <c r="CB70" i="9"/>
  <c r="CA70" i="9"/>
  <c r="BZ70" i="9"/>
  <c r="BY70" i="9"/>
  <c r="BX70" i="9"/>
  <c r="BW70" i="9"/>
  <c r="BV70" i="9"/>
  <c r="CK70" i="9"/>
  <c r="CZ66" i="9"/>
  <c r="CY66" i="9"/>
  <c r="CX66" i="9"/>
  <c r="CW66" i="9"/>
  <c r="CV66" i="9"/>
  <c r="CU66" i="9"/>
  <c r="CT66" i="9"/>
  <c r="CS66" i="9"/>
  <c r="CR66" i="9"/>
  <c r="CQ66" i="9"/>
  <c r="CP66" i="9"/>
  <c r="CO66" i="9"/>
  <c r="CN66" i="9"/>
  <c r="CM66" i="9"/>
  <c r="CL66" i="9"/>
  <c r="CK66" i="9"/>
  <c r="CJ66" i="9"/>
  <c r="CI66" i="9"/>
  <c r="CH66" i="9"/>
  <c r="CG66" i="9"/>
  <c r="CF66" i="9"/>
  <c r="CD66" i="9"/>
  <c r="CC66" i="9"/>
  <c r="CB66" i="9"/>
  <c r="CA66" i="9"/>
  <c r="BZ66" i="9"/>
  <c r="BY66" i="9"/>
  <c r="BX66" i="9"/>
  <c r="BW66" i="9"/>
  <c r="BV66" i="9"/>
  <c r="CE66" i="9"/>
  <c r="CZ67" i="9"/>
  <c r="CY67" i="9"/>
  <c r="CX67" i="9"/>
  <c r="CW67" i="9"/>
  <c r="CV67" i="9"/>
  <c r="CU67" i="9"/>
  <c r="CT67" i="9"/>
  <c r="CS67" i="9"/>
  <c r="CR67" i="9"/>
  <c r="CQ67" i="9"/>
  <c r="CP67" i="9"/>
  <c r="CO67" i="9"/>
  <c r="CN67" i="9"/>
  <c r="CM67" i="9"/>
  <c r="CL67" i="9"/>
  <c r="CK67" i="9"/>
  <c r="CJ67" i="9"/>
  <c r="CI67" i="9"/>
  <c r="CH67" i="9"/>
  <c r="CG67" i="9"/>
  <c r="CE67" i="9"/>
  <c r="CD67" i="9"/>
  <c r="CC67" i="9"/>
  <c r="CB67" i="9"/>
  <c r="CA67" i="9"/>
  <c r="BZ67" i="9"/>
  <c r="BY67" i="9"/>
  <c r="BX67" i="9"/>
  <c r="BW67" i="9"/>
  <c r="BV67" i="9"/>
  <c r="CF67" i="9"/>
  <c r="CZ71" i="9"/>
  <c r="CY71" i="9"/>
  <c r="CX71" i="9"/>
  <c r="CW71" i="9"/>
  <c r="CV71" i="9"/>
  <c r="CU71" i="9"/>
  <c r="CT71" i="9"/>
  <c r="CS71" i="9"/>
  <c r="CR71" i="9"/>
  <c r="CQ71" i="9"/>
  <c r="CP71" i="9"/>
  <c r="CO71" i="9"/>
  <c r="CN71" i="9"/>
  <c r="CM71" i="9"/>
  <c r="CL71" i="9"/>
  <c r="CJ71" i="9"/>
  <c r="CI71" i="9"/>
  <c r="CH71" i="9"/>
  <c r="CG71" i="9"/>
  <c r="CF71" i="9"/>
  <c r="CE71" i="9"/>
  <c r="CD71" i="9"/>
  <c r="CC71" i="9"/>
  <c r="CB71" i="9"/>
  <c r="CA71" i="9"/>
  <c r="BZ71" i="9"/>
  <c r="BY71" i="9"/>
  <c r="BX71" i="9"/>
  <c r="BW71" i="9"/>
  <c r="BV71" i="9"/>
  <c r="CK71" i="9"/>
  <c r="CZ65" i="9"/>
  <c r="CY65" i="9"/>
  <c r="CX65" i="9"/>
  <c r="CW65" i="9"/>
  <c r="CV65" i="9"/>
  <c r="CU65" i="9"/>
  <c r="CT65" i="9"/>
  <c r="CS65" i="9"/>
  <c r="CR65" i="9"/>
  <c r="CQ65" i="9"/>
  <c r="CP65" i="9"/>
  <c r="CO65" i="9"/>
  <c r="CN65" i="9"/>
  <c r="CM65" i="9"/>
  <c r="CL65" i="9"/>
  <c r="CK65" i="9"/>
  <c r="CJ65" i="9"/>
  <c r="CI65" i="9"/>
  <c r="CG65" i="9"/>
  <c r="CF65" i="9"/>
  <c r="CE65" i="9"/>
  <c r="CD65" i="9"/>
  <c r="CC65" i="9"/>
  <c r="CB65" i="9"/>
  <c r="CA65" i="9"/>
  <c r="BZ65" i="9"/>
  <c r="BY65" i="9"/>
  <c r="BX65" i="9"/>
  <c r="BW65" i="9"/>
  <c r="BV65" i="9"/>
  <c r="CH65" i="9"/>
  <c r="CZ69" i="9"/>
  <c r="CY69" i="9"/>
  <c r="CX69" i="9"/>
  <c r="CW69" i="9"/>
  <c r="CV69" i="9"/>
  <c r="CU69" i="9"/>
  <c r="CT69" i="9"/>
  <c r="CS69" i="9"/>
  <c r="CR69" i="9"/>
  <c r="CQ69" i="9"/>
  <c r="CP69" i="9"/>
  <c r="CO69" i="9"/>
  <c r="CN69" i="9"/>
  <c r="CM69" i="9"/>
  <c r="CL69" i="9"/>
  <c r="CK69" i="9"/>
  <c r="CI69" i="9"/>
  <c r="CH69" i="9"/>
  <c r="CG69" i="9"/>
  <c r="CF69" i="9"/>
  <c r="CE69" i="9"/>
  <c r="CD69" i="9"/>
  <c r="CC69" i="9"/>
  <c r="CB69" i="9"/>
  <c r="CA69" i="9"/>
  <c r="BZ69" i="9"/>
  <c r="BY69" i="9"/>
  <c r="BX69" i="9"/>
  <c r="BW69" i="9"/>
  <c r="BV69" i="9"/>
  <c r="CJ69" i="9"/>
  <c r="CZ63" i="9"/>
  <c r="CY63" i="9"/>
  <c r="CX63" i="9"/>
  <c r="CW63" i="9"/>
  <c r="CV63" i="9"/>
  <c r="CU63" i="9"/>
  <c r="CT63" i="9"/>
  <c r="CS63" i="9"/>
  <c r="CR63" i="9"/>
  <c r="CQ63" i="9"/>
  <c r="CP63" i="9"/>
  <c r="CO63" i="9"/>
  <c r="CN63" i="9"/>
  <c r="CM63" i="9"/>
  <c r="CL63" i="9"/>
  <c r="CK63" i="9"/>
  <c r="CJ63" i="9"/>
  <c r="CI63" i="9"/>
  <c r="CH63" i="9"/>
  <c r="CG63" i="9"/>
  <c r="CF63" i="9"/>
  <c r="CE63" i="9"/>
  <c r="CD63" i="9"/>
  <c r="CC63" i="9"/>
  <c r="CB63" i="9"/>
  <c r="BZ63" i="9"/>
  <c r="BY63" i="9"/>
  <c r="BX63" i="9"/>
  <c r="BW63" i="9"/>
  <c r="BV63" i="9"/>
  <c r="CA63" i="9"/>
  <c r="CZ62" i="9"/>
  <c r="CY62" i="9"/>
  <c r="CX62" i="9"/>
  <c r="CW62" i="9"/>
  <c r="CV62" i="9"/>
  <c r="CU62" i="9"/>
  <c r="CT62" i="9"/>
  <c r="CS62" i="9"/>
  <c r="CR62" i="9"/>
  <c r="CQ62" i="9"/>
  <c r="CP62" i="9"/>
  <c r="CO62" i="9"/>
  <c r="CN62" i="9"/>
  <c r="CM62" i="9"/>
  <c r="CL62" i="9"/>
  <c r="CK62" i="9"/>
  <c r="CJ62" i="9"/>
  <c r="CI62" i="9"/>
  <c r="CH62" i="9"/>
  <c r="CG62" i="9"/>
  <c r="CF62" i="9"/>
  <c r="CE62" i="9"/>
  <c r="CD62" i="9"/>
  <c r="CB62" i="9"/>
  <c r="CA62" i="9"/>
  <c r="BZ62" i="9"/>
  <c r="BY62" i="9"/>
  <c r="BX62" i="9"/>
  <c r="BW62" i="9"/>
  <c r="BV62" i="9"/>
  <c r="CC62" i="9"/>
  <c r="CZ61" i="9"/>
  <c r="CY61" i="9"/>
  <c r="CX61" i="9"/>
  <c r="CW61" i="9"/>
  <c r="CV61" i="9"/>
  <c r="CU61" i="9"/>
  <c r="CT61" i="9"/>
  <c r="CS61" i="9"/>
  <c r="CR61" i="9"/>
  <c r="CQ61" i="9"/>
  <c r="CP61" i="9"/>
  <c r="CO61" i="9"/>
  <c r="CN61" i="9"/>
  <c r="CM61" i="9"/>
  <c r="CL61" i="9"/>
  <c r="CK61" i="9"/>
  <c r="CJ61" i="9"/>
  <c r="CI61" i="9"/>
  <c r="CH61" i="9"/>
  <c r="CG61" i="9"/>
  <c r="CF61" i="9"/>
  <c r="CE61" i="9"/>
  <c r="CD61" i="9"/>
  <c r="CC61" i="9"/>
  <c r="CA61" i="9"/>
  <c r="BZ61" i="9"/>
  <c r="BY61" i="9"/>
  <c r="BX61" i="9"/>
  <c r="BW61" i="9"/>
  <c r="BV61" i="9"/>
  <c r="CB61" i="9"/>
  <c r="CZ60" i="9"/>
  <c r="CY60" i="9"/>
  <c r="CX60" i="9"/>
  <c r="CW60" i="9"/>
  <c r="CV60" i="9"/>
  <c r="CU60" i="9"/>
  <c r="CT60" i="9"/>
  <c r="CS60" i="9"/>
  <c r="CR60" i="9"/>
  <c r="CQ60" i="9"/>
  <c r="CP60" i="9"/>
  <c r="CO60" i="9"/>
  <c r="CN60" i="9"/>
  <c r="CM60" i="9"/>
  <c r="CL60" i="9"/>
  <c r="CK60" i="9"/>
  <c r="CJ60" i="9"/>
  <c r="CI60" i="9"/>
  <c r="CH60" i="9"/>
  <c r="CG60" i="9"/>
  <c r="CF60" i="9"/>
  <c r="CE60" i="9"/>
  <c r="CD60" i="9"/>
  <c r="CC60" i="9"/>
  <c r="CB60" i="9"/>
  <c r="CA60" i="9"/>
  <c r="BY60" i="9"/>
  <c r="BX60" i="9"/>
  <c r="BW60" i="9"/>
  <c r="BV60" i="9"/>
  <c r="BZ60" i="9"/>
  <c r="CZ57" i="9"/>
  <c r="CY57" i="9"/>
  <c r="CX57" i="9"/>
  <c r="CW57" i="9"/>
  <c r="CV57" i="9"/>
  <c r="CU57" i="9"/>
  <c r="CT57" i="9"/>
  <c r="CS57" i="9"/>
  <c r="CR57" i="9"/>
  <c r="CQ57" i="9"/>
  <c r="CP57" i="9"/>
  <c r="CO57" i="9"/>
  <c r="CN57" i="9"/>
  <c r="CM57" i="9"/>
  <c r="CL57" i="9"/>
  <c r="CK57" i="9"/>
  <c r="CJ57" i="9"/>
  <c r="CI57" i="9"/>
  <c r="CH57" i="9"/>
  <c r="CG57" i="9"/>
  <c r="CF57" i="9"/>
  <c r="CE57" i="9"/>
  <c r="CD57" i="9"/>
  <c r="CC57" i="9"/>
  <c r="CB57" i="9"/>
  <c r="CA57" i="9"/>
  <c r="BZ57" i="9"/>
  <c r="BY57" i="9"/>
  <c r="BX57" i="9"/>
  <c r="BV57" i="9"/>
  <c r="BW57" i="9"/>
  <c r="CZ59" i="9"/>
  <c r="CY59" i="9"/>
  <c r="CX59" i="9"/>
  <c r="CW59" i="9"/>
  <c r="CV59" i="9"/>
  <c r="CU59" i="9"/>
  <c r="CT59" i="9"/>
  <c r="CS59" i="9"/>
  <c r="CR59" i="9"/>
  <c r="CQ59" i="9"/>
  <c r="CP59" i="9"/>
  <c r="CO59" i="9"/>
  <c r="CN59" i="9"/>
  <c r="CM59" i="9"/>
  <c r="CL59" i="9"/>
  <c r="CK59" i="9"/>
  <c r="CJ59" i="9"/>
  <c r="CI59" i="9"/>
  <c r="CH59" i="9"/>
  <c r="CG59" i="9"/>
  <c r="CF59" i="9"/>
  <c r="CE59" i="9"/>
  <c r="CD59" i="9"/>
  <c r="CC59" i="9"/>
  <c r="CB59" i="9"/>
  <c r="CA59" i="9"/>
  <c r="BZ59" i="9"/>
  <c r="BX59" i="9"/>
  <c r="BW59" i="9"/>
  <c r="BV59" i="9"/>
  <c r="BY59" i="9"/>
  <c r="CZ58" i="9"/>
  <c r="CY58" i="9"/>
  <c r="CX58" i="9"/>
  <c r="CW58" i="9"/>
  <c r="CV58" i="9"/>
  <c r="CU58" i="9"/>
  <c r="CT58" i="9"/>
  <c r="CS58" i="9"/>
  <c r="CR58" i="9"/>
  <c r="CQ58" i="9"/>
  <c r="CP58" i="9"/>
  <c r="CO58" i="9"/>
  <c r="CN58" i="9"/>
  <c r="CM58" i="9"/>
  <c r="CL58" i="9"/>
  <c r="CK58" i="9"/>
  <c r="CJ58" i="9"/>
  <c r="CI58" i="9"/>
  <c r="CH58" i="9"/>
  <c r="CG58" i="9"/>
  <c r="CF58" i="9"/>
  <c r="CE58" i="9"/>
  <c r="CD58" i="9"/>
  <c r="CC58" i="9"/>
  <c r="CB58" i="9"/>
  <c r="CA58" i="9"/>
  <c r="BZ58" i="9"/>
  <c r="BY58" i="9"/>
  <c r="BW58" i="9"/>
  <c r="BV58" i="9"/>
  <c r="BX58" i="9"/>
  <c r="CZ56" i="9"/>
  <c r="CY56" i="9"/>
  <c r="CX56" i="9"/>
  <c r="CW56" i="9"/>
  <c r="CV56" i="9"/>
  <c r="CU56" i="9"/>
  <c r="CT56" i="9"/>
  <c r="CS56" i="9"/>
  <c r="CR56" i="9"/>
  <c r="CQ56" i="9"/>
  <c r="CP56" i="9"/>
  <c r="CO56" i="9"/>
  <c r="CN56" i="9"/>
  <c r="CM56" i="9"/>
  <c r="CL56" i="9"/>
  <c r="CK56" i="9"/>
  <c r="CJ56" i="9"/>
  <c r="CI56" i="9"/>
  <c r="CH56" i="9"/>
  <c r="CG56" i="9"/>
  <c r="CF56" i="9"/>
  <c r="CE56" i="9"/>
  <c r="CD56" i="9"/>
  <c r="CC56" i="9"/>
  <c r="CB56" i="9"/>
  <c r="CA56" i="9"/>
  <c r="BZ56" i="9"/>
  <c r="BY56" i="9"/>
  <c r="BX56" i="9"/>
  <c r="BW56" i="9"/>
  <c r="BV56" i="9"/>
  <c r="CZ72" i="9"/>
  <c r="CY72" i="9"/>
  <c r="CX72" i="9"/>
  <c r="CW72" i="9"/>
  <c r="CV72" i="9"/>
  <c r="CU72" i="9"/>
  <c r="CT72" i="9"/>
  <c r="CS72" i="9"/>
  <c r="CR72" i="9"/>
  <c r="CQ72" i="9"/>
  <c r="CP72" i="9"/>
  <c r="CO72" i="9"/>
  <c r="CN72" i="9"/>
  <c r="CM72" i="9"/>
  <c r="CK72" i="9"/>
  <c r="CJ72" i="9"/>
  <c r="CI72" i="9"/>
  <c r="CH72" i="9"/>
  <c r="CG72" i="9"/>
  <c r="CF72" i="9"/>
  <c r="CE72" i="9"/>
  <c r="CD72" i="9"/>
  <c r="CC72" i="9"/>
  <c r="CB72" i="9"/>
  <c r="CA72" i="9"/>
  <c r="BZ72" i="9"/>
  <c r="BY72" i="9"/>
  <c r="BX72" i="9"/>
  <c r="BW72" i="9"/>
  <c r="BV72" i="9"/>
  <c r="CL72" i="9"/>
  <c r="CZ138" i="9"/>
  <c r="CY138" i="9"/>
  <c r="CX138" i="9"/>
  <c r="CW138" i="9"/>
  <c r="CV138" i="9"/>
  <c r="CU138" i="9"/>
  <c r="CT138" i="9"/>
  <c r="CS138" i="9"/>
  <c r="CR138" i="9"/>
  <c r="CQ138" i="9"/>
  <c r="CP138" i="9"/>
  <c r="CO138" i="9"/>
  <c r="CN138" i="9"/>
  <c r="CM138" i="9"/>
  <c r="CK138" i="9"/>
  <c r="CJ138" i="9"/>
  <c r="CI138" i="9"/>
  <c r="CH138" i="9"/>
  <c r="CG138" i="9"/>
  <c r="CF138" i="9"/>
  <c r="CE138" i="9"/>
  <c r="CD138" i="9"/>
  <c r="CC138" i="9"/>
  <c r="CB138" i="9"/>
  <c r="CA138" i="9"/>
  <c r="BZ138" i="9"/>
  <c r="BY138" i="9"/>
  <c r="BX138" i="9"/>
  <c r="BW138" i="9"/>
  <c r="BV138" i="9"/>
  <c r="CL138" i="9"/>
  <c r="CZ198" i="9"/>
  <c r="CY198" i="9"/>
  <c r="CX198" i="9"/>
  <c r="CW198" i="9"/>
  <c r="CV198" i="9"/>
  <c r="CU198" i="9"/>
  <c r="CT198" i="9"/>
  <c r="CS198" i="9"/>
  <c r="CR198" i="9"/>
  <c r="CQ198" i="9"/>
  <c r="CP198" i="9"/>
  <c r="CO198" i="9"/>
  <c r="CN198" i="9"/>
  <c r="CM198" i="9"/>
  <c r="CK198" i="9"/>
  <c r="CJ198" i="9"/>
  <c r="CI198" i="9"/>
  <c r="CH198" i="9"/>
  <c r="CG198" i="9"/>
  <c r="CF198" i="9"/>
  <c r="CE198" i="9"/>
  <c r="CD198" i="9"/>
  <c r="CC198" i="9"/>
  <c r="CB198" i="9"/>
  <c r="CA198" i="9"/>
  <c r="BZ198" i="9"/>
  <c r="BY198" i="9"/>
  <c r="BX198" i="9"/>
  <c r="BW198" i="9"/>
  <c r="BV198" i="9"/>
  <c r="CL198" i="9"/>
  <c r="CZ178" i="9"/>
  <c r="CY178" i="9"/>
  <c r="CX178" i="9"/>
  <c r="CW178" i="9"/>
  <c r="CV178" i="9"/>
  <c r="CU178" i="9"/>
  <c r="CT178" i="9"/>
  <c r="CS178" i="9"/>
  <c r="CR178" i="9"/>
  <c r="CQ178" i="9"/>
  <c r="CP178" i="9"/>
  <c r="CO178" i="9"/>
  <c r="CN178" i="9"/>
  <c r="CM178" i="9"/>
  <c r="CK178" i="9"/>
  <c r="CJ178" i="9"/>
  <c r="CI178" i="9"/>
  <c r="CH178" i="9"/>
  <c r="CG178" i="9"/>
  <c r="CF178" i="9"/>
  <c r="CE178" i="9"/>
  <c r="CD178" i="9"/>
  <c r="CC178" i="9"/>
  <c r="CB178" i="9"/>
  <c r="CA178" i="9"/>
  <c r="BZ178" i="9"/>
  <c r="BY178" i="9"/>
  <c r="BX178" i="9"/>
  <c r="BW178" i="9"/>
  <c r="BV178" i="9"/>
  <c r="CL178" i="9"/>
  <c r="CZ158" i="9"/>
  <c r="CY158" i="9"/>
  <c r="CX158" i="9"/>
  <c r="CW158" i="9"/>
  <c r="CV158" i="9"/>
  <c r="CU158" i="9"/>
  <c r="CT158" i="9"/>
  <c r="CS158" i="9"/>
  <c r="CR158" i="9"/>
  <c r="CQ158" i="9"/>
  <c r="CP158" i="9"/>
  <c r="CO158" i="9"/>
  <c r="CN158" i="9"/>
  <c r="CM158" i="9"/>
  <c r="CK158" i="9"/>
  <c r="CJ158" i="9"/>
  <c r="CI158" i="9"/>
  <c r="CH158" i="9"/>
  <c r="CG158" i="9"/>
  <c r="CF158" i="9"/>
  <c r="CE158" i="9"/>
  <c r="CD158" i="9"/>
  <c r="CC158" i="9"/>
  <c r="CB158" i="9"/>
  <c r="CA158" i="9"/>
  <c r="BZ158" i="9"/>
  <c r="BY158" i="9"/>
  <c r="BX158" i="9"/>
  <c r="BW158" i="9"/>
  <c r="BV158" i="9"/>
  <c r="CL158" i="9"/>
  <c r="CZ137" i="9"/>
  <c r="CY137" i="9"/>
  <c r="CX137" i="9"/>
  <c r="CW137" i="9"/>
  <c r="CV137" i="9"/>
  <c r="CU137" i="9"/>
  <c r="CT137" i="9"/>
  <c r="CS137" i="9"/>
  <c r="CR137" i="9"/>
  <c r="CQ137" i="9"/>
  <c r="CP137" i="9"/>
  <c r="CO137" i="9"/>
  <c r="CN137" i="9"/>
  <c r="CM137" i="9"/>
  <c r="CL137" i="9"/>
  <c r="CK137" i="9"/>
  <c r="CJ137" i="9"/>
  <c r="CI137" i="9"/>
  <c r="CH137" i="9"/>
  <c r="CF137" i="9"/>
  <c r="CE137" i="9"/>
  <c r="CD137" i="9"/>
  <c r="CC137" i="9"/>
  <c r="CB137" i="9"/>
  <c r="CA137" i="9"/>
  <c r="BZ137" i="9"/>
  <c r="BY137" i="9"/>
  <c r="BX137" i="9"/>
  <c r="BW137" i="9"/>
  <c r="BV137" i="9"/>
  <c r="CG137" i="9"/>
  <c r="CZ117" i="9"/>
  <c r="CY117" i="9"/>
  <c r="CX117" i="9"/>
  <c r="CW117" i="9"/>
  <c r="CV117" i="9"/>
  <c r="CU117" i="9"/>
  <c r="CT117" i="9"/>
  <c r="CS117" i="9"/>
  <c r="CR117" i="9"/>
  <c r="CQ117" i="9"/>
  <c r="CP117" i="9"/>
  <c r="CO117" i="9"/>
  <c r="CN117" i="9"/>
  <c r="CM117" i="9"/>
  <c r="CL117" i="9"/>
  <c r="CK117" i="9"/>
  <c r="CJ117" i="9"/>
  <c r="CI117" i="9"/>
  <c r="CH117" i="9"/>
  <c r="CF117" i="9"/>
  <c r="CE117" i="9"/>
  <c r="CD117" i="9"/>
  <c r="CC117" i="9"/>
  <c r="CB117" i="9"/>
  <c r="CA117" i="9"/>
  <c r="BZ117" i="9"/>
  <c r="BY117" i="9"/>
  <c r="BX117" i="9"/>
  <c r="BW117" i="9"/>
  <c r="BV117" i="9"/>
  <c r="CG117" i="9"/>
  <c r="CZ105" i="9"/>
  <c r="CY105" i="9"/>
  <c r="CX105" i="9"/>
  <c r="CW105" i="9"/>
  <c r="CV105" i="9"/>
  <c r="CU105" i="9"/>
  <c r="CT105" i="9"/>
  <c r="CS105" i="9"/>
  <c r="CR105" i="9"/>
  <c r="CQ105" i="9"/>
  <c r="CP105" i="9"/>
  <c r="CO105" i="9"/>
  <c r="CN105" i="9"/>
  <c r="CM105" i="9"/>
  <c r="CL105" i="9"/>
  <c r="CK105" i="9"/>
  <c r="CJ105" i="9"/>
  <c r="CI105" i="9"/>
  <c r="CH105" i="9"/>
  <c r="CF105" i="9"/>
  <c r="CE105" i="9"/>
  <c r="CD105" i="9"/>
  <c r="CC105" i="9"/>
  <c r="CB105" i="9"/>
  <c r="CA105" i="9"/>
  <c r="BZ105" i="9"/>
  <c r="BY105" i="9"/>
  <c r="BX105" i="9"/>
  <c r="BW105" i="9"/>
  <c r="BV105" i="9"/>
  <c r="CG105" i="9"/>
  <c r="CZ89" i="9"/>
  <c r="CY89" i="9"/>
  <c r="CX89" i="9"/>
  <c r="CW89" i="9"/>
  <c r="CV89" i="9"/>
  <c r="CU89" i="9"/>
  <c r="CT89" i="9"/>
  <c r="CS89" i="9"/>
  <c r="CR89" i="9"/>
  <c r="CQ89" i="9"/>
  <c r="CP89" i="9"/>
  <c r="CO89" i="9"/>
  <c r="CN89" i="9"/>
  <c r="CM89" i="9"/>
  <c r="CL89" i="9"/>
  <c r="CK89" i="9"/>
  <c r="CJ89" i="9"/>
  <c r="CI89" i="9"/>
  <c r="CH89" i="9"/>
  <c r="CF89" i="9"/>
  <c r="CE89" i="9"/>
  <c r="CD89" i="9"/>
  <c r="CC89" i="9"/>
  <c r="CB89" i="9"/>
  <c r="CA89" i="9"/>
  <c r="BZ89" i="9"/>
  <c r="BY89" i="9"/>
  <c r="BX89" i="9"/>
  <c r="BW89" i="9"/>
  <c r="BV89" i="9"/>
  <c r="CG89" i="9"/>
  <c r="CZ197" i="9"/>
  <c r="CY197" i="9"/>
  <c r="CX197" i="9"/>
  <c r="CW197" i="9"/>
  <c r="CV197" i="9"/>
  <c r="CU197" i="9"/>
  <c r="CT197" i="9"/>
  <c r="CS197" i="9"/>
  <c r="CR197" i="9"/>
  <c r="CQ197" i="9"/>
  <c r="CP197" i="9"/>
  <c r="CO197" i="9"/>
  <c r="CN197" i="9"/>
  <c r="CM197" i="9"/>
  <c r="CL197" i="9"/>
  <c r="CK197" i="9"/>
  <c r="CJ197" i="9"/>
  <c r="CI197" i="9"/>
  <c r="CH197" i="9"/>
  <c r="CF197" i="9"/>
  <c r="CE197" i="9"/>
  <c r="CD197" i="9"/>
  <c r="CC197" i="9"/>
  <c r="CB197" i="9"/>
  <c r="CA197" i="9"/>
  <c r="BZ197" i="9"/>
  <c r="BY197" i="9"/>
  <c r="BX197" i="9"/>
  <c r="BW197" i="9"/>
  <c r="BV197" i="9"/>
  <c r="CG197" i="9"/>
  <c r="CZ177" i="9"/>
  <c r="CY177" i="9"/>
  <c r="CX177" i="9"/>
  <c r="CW177" i="9"/>
  <c r="CV177" i="9"/>
  <c r="CU177" i="9"/>
  <c r="CT177" i="9"/>
  <c r="CS177" i="9"/>
  <c r="CR177" i="9"/>
  <c r="CQ177" i="9"/>
  <c r="CP177" i="9"/>
  <c r="CO177" i="9"/>
  <c r="CN177" i="9"/>
  <c r="CM177" i="9"/>
  <c r="CL177" i="9"/>
  <c r="CK177" i="9"/>
  <c r="CJ177" i="9"/>
  <c r="CI177" i="9"/>
  <c r="CH177" i="9"/>
  <c r="CF177" i="9"/>
  <c r="CE177" i="9"/>
  <c r="CD177" i="9"/>
  <c r="CC177" i="9"/>
  <c r="CB177" i="9"/>
  <c r="CA177" i="9"/>
  <c r="BZ177" i="9"/>
  <c r="BY177" i="9"/>
  <c r="BX177" i="9"/>
  <c r="BW177" i="9"/>
  <c r="BV177" i="9"/>
  <c r="CG177" i="9"/>
  <c r="CZ157" i="9"/>
  <c r="CY157" i="9"/>
  <c r="CX157" i="9"/>
  <c r="CW157" i="9"/>
  <c r="CV157" i="9"/>
  <c r="CU157" i="9"/>
  <c r="CT157" i="9"/>
  <c r="CS157" i="9"/>
  <c r="CR157" i="9"/>
  <c r="CQ157" i="9"/>
  <c r="CP157" i="9"/>
  <c r="CO157" i="9"/>
  <c r="CN157" i="9"/>
  <c r="CM157" i="9"/>
  <c r="CL157" i="9"/>
  <c r="CK157" i="9"/>
  <c r="CJ157" i="9"/>
  <c r="CI157" i="9"/>
  <c r="CH157" i="9"/>
  <c r="CF157" i="9"/>
  <c r="CE157" i="9"/>
  <c r="CD157" i="9"/>
  <c r="CC157" i="9"/>
  <c r="CB157" i="9"/>
  <c r="CA157" i="9"/>
  <c r="BZ157" i="9"/>
  <c r="BY157" i="9"/>
  <c r="BX157" i="9"/>
  <c r="BW157" i="9"/>
  <c r="BV157" i="9"/>
  <c r="CG157" i="9"/>
  <c r="CZ136" i="9"/>
  <c r="CY136" i="9"/>
  <c r="CX136" i="9"/>
  <c r="CW136" i="9"/>
  <c r="CV136" i="9"/>
  <c r="CU136" i="9"/>
  <c r="CT136" i="9"/>
  <c r="CS136" i="9"/>
  <c r="CR136" i="9"/>
  <c r="CQ136" i="9"/>
  <c r="CP136" i="9"/>
  <c r="CO136" i="9"/>
  <c r="CN136" i="9"/>
  <c r="CM136" i="9"/>
  <c r="CL136" i="9"/>
  <c r="CJ136" i="9"/>
  <c r="CI136" i="9"/>
  <c r="CH136" i="9"/>
  <c r="CG136" i="9"/>
  <c r="CF136" i="9"/>
  <c r="CE136" i="9"/>
  <c r="CD136" i="9"/>
  <c r="CC136" i="9"/>
  <c r="CB136" i="9"/>
  <c r="CA136" i="9"/>
  <c r="BZ136" i="9"/>
  <c r="BY136" i="9"/>
  <c r="BX136" i="9"/>
  <c r="BW136" i="9"/>
  <c r="BV136" i="9"/>
  <c r="CK136" i="9"/>
  <c r="CZ104" i="9"/>
  <c r="CY104" i="9"/>
  <c r="CX104" i="9"/>
  <c r="CW104" i="9"/>
  <c r="CV104" i="9"/>
  <c r="CU104" i="9"/>
  <c r="CT104" i="9"/>
  <c r="CS104" i="9"/>
  <c r="CR104" i="9"/>
  <c r="CQ104" i="9"/>
  <c r="CP104" i="9"/>
  <c r="CO104" i="9"/>
  <c r="CN104" i="9"/>
  <c r="CM104" i="9"/>
  <c r="CL104" i="9"/>
  <c r="CJ104" i="9"/>
  <c r="CI104" i="9"/>
  <c r="CH104" i="9"/>
  <c r="CG104" i="9"/>
  <c r="CF104" i="9"/>
  <c r="CE104" i="9"/>
  <c r="CD104" i="9"/>
  <c r="CC104" i="9"/>
  <c r="CB104" i="9"/>
  <c r="CA104" i="9"/>
  <c r="BZ104" i="9"/>
  <c r="BY104" i="9"/>
  <c r="BX104" i="9"/>
  <c r="BW104" i="9"/>
  <c r="BV104" i="9"/>
  <c r="CK104" i="9"/>
  <c r="CZ88" i="9"/>
  <c r="CY88" i="9"/>
  <c r="CX88" i="9"/>
  <c r="CW88" i="9"/>
  <c r="CV88" i="9"/>
  <c r="CU88" i="9"/>
  <c r="CT88" i="9"/>
  <c r="CS88" i="9"/>
  <c r="CR88" i="9"/>
  <c r="CQ88" i="9"/>
  <c r="CP88" i="9"/>
  <c r="CO88" i="9"/>
  <c r="CN88" i="9"/>
  <c r="CM88" i="9"/>
  <c r="CL88" i="9"/>
  <c r="CJ88" i="9"/>
  <c r="CI88" i="9"/>
  <c r="CH88" i="9"/>
  <c r="CG88" i="9"/>
  <c r="CF88" i="9"/>
  <c r="CE88" i="9"/>
  <c r="CD88" i="9"/>
  <c r="CC88" i="9"/>
  <c r="CB88" i="9"/>
  <c r="CA88" i="9"/>
  <c r="BZ88" i="9"/>
  <c r="BY88" i="9"/>
  <c r="BX88" i="9"/>
  <c r="BW88" i="9"/>
  <c r="BV88" i="9"/>
  <c r="CK88" i="9"/>
  <c r="CZ196" i="9"/>
  <c r="CY196" i="9"/>
  <c r="CX196" i="9"/>
  <c r="CW196" i="9"/>
  <c r="CV196" i="9"/>
  <c r="CU196" i="9"/>
  <c r="CT196" i="9"/>
  <c r="CS196" i="9"/>
  <c r="CR196" i="9"/>
  <c r="CQ196" i="9"/>
  <c r="CP196" i="9"/>
  <c r="CO196" i="9"/>
  <c r="CN196" i="9"/>
  <c r="CM196" i="9"/>
  <c r="CL196" i="9"/>
  <c r="CJ196" i="9"/>
  <c r="CI196" i="9"/>
  <c r="CH196" i="9"/>
  <c r="CG196" i="9"/>
  <c r="CF196" i="9"/>
  <c r="CE196" i="9"/>
  <c r="CD196" i="9"/>
  <c r="CC196" i="9"/>
  <c r="CB196" i="9"/>
  <c r="CA196" i="9"/>
  <c r="BZ196" i="9"/>
  <c r="BY196" i="9"/>
  <c r="BX196" i="9"/>
  <c r="BW196" i="9"/>
  <c r="BV196" i="9"/>
  <c r="CK196" i="9"/>
  <c r="CZ176" i="9"/>
  <c r="CY176" i="9"/>
  <c r="CX176" i="9"/>
  <c r="CW176" i="9"/>
  <c r="CV176" i="9"/>
  <c r="CU176" i="9"/>
  <c r="CT176" i="9"/>
  <c r="CS176" i="9"/>
  <c r="CR176" i="9"/>
  <c r="CQ176" i="9"/>
  <c r="CP176" i="9"/>
  <c r="CO176" i="9"/>
  <c r="CN176" i="9"/>
  <c r="CM176" i="9"/>
  <c r="CL176" i="9"/>
  <c r="CJ176" i="9"/>
  <c r="CI176" i="9"/>
  <c r="CH176" i="9"/>
  <c r="CG176" i="9"/>
  <c r="CF176" i="9"/>
  <c r="CE176" i="9"/>
  <c r="CD176" i="9"/>
  <c r="CC176" i="9"/>
  <c r="CB176" i="9"/>
  <c r="CA176" i="9"/>
  <c r="BZ176" i="9"/>
  <c r="BY176" i="9"/>
  <c r="BX176" i="9"/>
  <c r="BW176" i="9"/>
  <c r="BV176" i="9"/>
  <c r="CK176" i="9"/>
  <c r="CZ156" i="9"/>
  <c r="CY156" i="9"/>
  <c r="CX156" i="9"/>
  <c r="CW156" i="9"/>
  <c r="CV156" i="9"/>
  <c r="CU156" i="9"/>
  <c r="CT156" i="9"/>
  <c r="CS156" i="9"/>
  <c r="CR156" i="9"/>
  <c r="CQ156" i="9"/>
  <c r="CP156" i="9"/>
  <c r="CO156" i="9"/>
  <c r="CN156" i="9"/>
  <c r="CM156" i="9"/>
  <c r="CL156" i="9"/>
  <c r="CJ156" i="9"/>
  <c r="CI156" i="9"/>
  <c r="CH156" i="9"/>
  <c r="CG156" i="9"/>
  <c r="CF156" i="9"/>
  <c r="CE156" i="9"/>
  <c r="CD156" i="9"/>
  <c r="CC156" i="9"/>
  <c r="CB156" i="9"/>
  <c r="CA156" i="9"/>
  <c r="BZ156" i="9"/>
  <c r="BY156" i="9"/>
  <c r="BX156" i="9"/>
  <c r="BW156" i="9"/>
  <c r="BV156" i="9"/>
  <c r="CK156" i="9"/>
  <c r="CZ135" i="9"/>
  <c r="CY135" i="9"/>
  <c r="CX135" i="9"/>
  <c r="CW135" i="9"/>
  <c r="CV135" i="9"/>
  <c r="CU135" i="9"/>
  <c r="CT135" i="9"/>
  <c r="CS135" i="9"/>
  <c r="CR135" i="9"/>
  <c r="CQ135" i="9"/>
  <c r="CP135" i="9"/>
  <c r="CO135" i="9"/>
  <c r="CN135" i="9"/>
  <c r="CM135" i="9"/>
  <c r="CL135" i="9"/>
  <c r="CK135" i="9"/>
  <c r="CI135" i="9"/>
  <c r="CH135" i="9"/>
  <c r="CG135" i="9"/>
  <c r="CF135" i="9"/>
  <c r="CE135" i="9"/>
  <c r="CD135" i="9"/>
  <c r="CC135" i="9"/>
  <c r="CB135" i="9"/>
  <c r="CA135" i="9"/>
  <c r="BZ135" i="9"/>
  <c r="BY135" i="9"/>
  <c r="BX135" i="9"/>
  <c r="BW135" i="9"/>
  <c r="BV135" i="9"/>
  <c r="CJ135" i="9"/>
  <c r="CZ103" i="9"/>
  <c r="CY103" i="9"/>
  <c r="CX103" i="9"/>
  <c r="CW103" i="9"/>
  <c r="CV103" i="9"/>
  <c r="CU103" i="9"/>
  <c r="CT103" i="9"/>
  <c r="CS103" i="9"/>
  <c r="CR103" i="9"/>
  <c r="CQ103" i="9"/>
  <c r="CP103" i="9"/>
  <c r="CO103" i="9"/>
  <c r="CN103" i="9"/>
  <c r="CM103" i="9"/>
  <c r="CL103" i="9"/>
  <c r="CK103" i="9"/>
  <c r="CI103" i="9"/>
  <c r="CH103" i="9"/>
  <c r="CG103" i="9"/>
  <c r="CF103" i="9"/>
  <c r="CE103" i="9"/>
  <c r="CD103" i="9"/>
  <c r="CC103" i="9"/>
  <c r="CB103" i="9"/>
  <c r="CA103" i="9"/>
  <c r="BZ103" i="9"/>
  <c r="BY103" i="9"/>
  <c r="BX103" i="9"/>
  <c r="BW103" i="9"/>
  <c r="BV103" i="9"/>
  <c r="CJ103" i="9"/>
  <c r="CZ87" i="9"/>
  <c r="CY87" i="9"/>
  <c r="CX87" i="9"/>
  <c r="CW87" i="9"/>
  <c r="CV87" i="9"/>
  <c r="CU87" i="9"/>
  <c r="CT87" i="9"/>
  <c r="CS87" i="9"/>
  <c r="CR87" i="9"/>
  <c r="CQ87" i="9"/>
  <c r="CP87" i="9"/>
  <c r="CO87" i="9"/>
  <c r="CN87" i="9"/>
  <c r="CM87" i="9"/>
  <c r="CL87" i="9"/>
  <c r="CK87" i="9"/>
  <c r="CI87" i="9"/>
  <c r="CH87" i="9"/>
  <c r="CG87" i="9"/>
  <c r="CF87" i="9"/>
  <c r="CE87" i="9"/>
  <c r="CD87" i="9"/>
  <c r="CC87" i="9"/>
  <c r="CB87" i="9"/>
  <c r="CA87" i="9"/>
  <c r="BZ87" i="9"/>
  <c r="BY87" i="9"/>
  <c r="BX87" i="9"/>
  <c r="BW87" i="9"/>
  <c r="BV87" i="9"/>
  <c r="CJ87" i="9"/>
  <c r="CZ195" i="9"/>
  <c r="CY195" i="9"/>
  <c r="CX195" i="9"/>
  <c r="CW195" i="9"/>
  <c r="CV195" i="9"/>
  <c r="CU195" i="9"/>
  <c r="CT195" i="9"/>
  <c r="CS195" i="9"/>
  <c r="CR195" i="9"/>
  <c r="CQ195" i="9"/>
  <c r="CP195" i="9"/>
  <c r="CO195" i="9"/>
  <c r="CN195" i="9"/>
  <c r="CM195" i="9"/>
  <c r="CL195" i="9"/>
  <c r="CK195" i="9"/>
  <c r="CI195" i="9"/>
  <c r="CH195" i="9"/>
  <c r="CG195" i="9"/>
  <c r="CF195" i="9"/>
  <c r="CE195" i="9"/>
  <c r="CD195" i="9"/>
  <c r="CC195" i="9"/>
  <c r="CB195" i="9"/>
  <c r="CA195" i="9"/>
  <c r="BZ195" i="9"/>
  <c r="BY195" i="9"/>
  <c r="BX195" i="9"/>
  <c r="BW195" i="9"/>
  <c r="BV195" i="9"/>
  <c r="CJ195" i="9"/>
  <c r="CZ175" i="9"/>
  <c r="CY175" i="9"/>
  <c r="CX175" i="9"/>
  <c r="CW175" i="9"/>
  <c r="CV175" i="9"/>
  <c r="CU175" i="9"/>
  <c r="CT175" i="9"/>
  <c r="CS175" i="9"/>
  <c r="CR175" i="9"/>
  <c r="CQ175" i="9"/>
  <c r="CP175" i="9"/>
  <c r="CO175" i="9"/>
  <c r="CN175" i="9"/>
  <c r="CM175" i="9"/>
  <c r="CL175" i="9"/>
  <c r="CK175" i="9"/>
  <c r="CI175" i="9"/>
  <c r="CH175" i="9"/>
  <c r="CG175" i="9"/>
  <c r="CF175" i="9"/>
  <c r="CE175" i="9"/>
  <c r="CD175" i="9"/>
  <c r="CC175" i="9"/>
  <c r="CB175" i="9"/>
  <c r="CA175" i="9"/>
  <c r="BZ175" i="9"/>
  <c r="BY175" i="9"/>
  <c r="BX175" i="9"/>
  <c r="BW175" i="9"/>
  <c r="BV175" i="9"/>
  <c r="CJ175" i="9"/>
  <c r="CZ155" i="9"/>
  <c r="CY155" i="9"/>
  <c r="CX155" i="9"/>
  <c r="CW155" i="9"/>
  <c r="CV155" i="9"/>
  <c r="CU155" i="9"/>
  <c r="CT155" i="9"/>
  <c r="CS155" i="9"/>
  <c r="CR155" i="9"/>
  <c r="CQ155" i="9"/>
  <c r="CP155" i="9"/>
  <c r="CO155" i="9"/>
  <c r="CN155" i="9"/>
  <c r="CM155" i="9"/>
  <c r="CL155" i="9"/>
  <c r="CK155" i="9"/>
  <c r="CI155" i="9"/>
  <c r="CH155" i="9"/>
  <c r="CG155" i="9"/>
  <c r="CF155" i="9"/>
  <c r="CE155" i="9"/>
  <c r="CD155" i="9"/>
  <c r="CC155" i="9"/>
  <c r="CB155" i="9"/>
  <c r="CA155" i="9"/>
  <c r="BZ155" i="9"/>
  <c r="BY155" i="9"/>
  <c r="BX155" i="9"/>
  <c r="BW155" i="9"/>
  <c r="BV155" i="9"/>
  <c r="CJ155" i="9"/>
  <c r="CZ134" i="9"/>
  <c r="CY134" i="9"/>
  <c r="CX134" i="9"/>
  <c r="CW134" i="9"/>
  <c r="CV134" i="9"/>
  <c r="CU134" i="9"/>
  <c r="CT134" i="9"/>
  <c r="CS134" i="9"/>
  <c r="CR134" i="9"/>
  <c r="CQ134" i="9"/>
  <c r="CP134" i="9"/>
  <c r="CO134" i="9"/>
  <c r="CN134" i="9"/>
  <c r="CM134" i="9"/>
  <c r="CL134" i="9"/>
  <c r="CK134" i="9"/>
  <c r="CJ134" i="9"/>
  <c r="CH134" i="9"/>
  <c r="CG134" i="9"/>
  <c r="CF134" i="9"/>
  <c r="CE134" i="9"/>
  <c r="CD134" i="9"/>
  <c r="CC134" i="9"/>
  <c r="CB134" i="9"/>
  <c r="CA134" i="9"/>
  <c r="BZ134" i="9"/>
  <c r="BY134" i="9"/>
  <c r="BX134" i="9"/>
  <c r="BW134" i="9"/>
  <c r="BV134" i="9"/>
  <c r="CI134" i="9"/>
  <c r="CZ116" i="9"/>
  <c r="CY116" i="9"/>
  <c r="CX116" i="9"/>
  <c r="CW116" i="9"/>
  <c r="CV116" i="9"/>
  <c r="CU116" i="9"/>
  <c r="CT116" i="9"/>
  <c r="CS116" i="9"/>
  <c r="CR116" i="9"/>
  <c r="CQ116" i="9"/>
  <c r="CP116" i="9"/>
  <c r="CO116" i="9"/>
  <c r="CN116" i="9"/>
  <c r="CM116" i="9"/>
  <c r="CL116" i="9"/>
  <c r="CK116" i="9"/>
  <c r="CJ116" i="9"/>
  <c r="CH116" i="9"/>
  <c r="CG116" i="9"/>
  <c r="CF116" i="9"/>
  <c r="CE116" i="9"/>
  <c r="CD116" i="9"/>
  <c r="CC116" i="9"/>
  <c r="CB116" i="9"/>
  <c r="CA116" i="9"/>
  <c r="BZ116" i="9"/>
  <c r="BY116" i="9"/>
  <c r="BX116" i="9"/>
  <c r="BW116" i="9"/>
  <c r="BV116" i="9"/>
  <c r="CI116" i="9"/>
  <c r="CZ102" i="9"/>
  <c r="CY102" i="9"/>
  <c r="CX102" i="9"/>
  <c r="CW102" i="9"/>
  <c r="CV102" i="9"/>
  <c r="CU102" i="9"/>
  <c r="CT102" i="9"/>
  <c r="CS102" i="9"/>
  <c r="CR102" i="9"/>
  <c r="CQ102" i="9"/>
  <c r="CP102" i="9"/>
  <c r="CO102" i="9"/>
  <c r="CN102" i="9"/>
  <c r="CM102" i="9"/>
  <c r="CL102" i="9"/>
  <c r="CK102" i="9"/>
  <c r="CJ102" i="9"/>
  <c r="CH102" i="9"/>
  <c r="CG102" i="9"/>
  <c r="CF102" i="9"/>
  <c r="CE102" i="9"/>
  <c r="CD102" i="9"/>
  <c r="CC102" i="9"/>
  <c r="CB102" i="9"/>
  <c r="CA102" i="9"/>
  <c r="BZ102" i="9"/>
  <c r="BY102" i="9"/>
  <c r="BX102" i="9"/>
  <c r="BW102" i="9"/>
  <c r="BV102" i="9"/>
  <c r="CI102" i="9"/>
  <c r="CZ86" i="9"/>
  <c r="CY86" i="9"/>
  <c r="CX86" i="9"/>
  <c r="CW86" i="9"/>
  <c r="CV86" i="9"/>
  <c r="CU86" i="9"/>
  <c r="CT86" i="9"/>
  <c r="CS86" i="9"/>
  <c r="CR86" i="9"/>
  <c r="CQ86" i="9"/>
  <c r="CP86" i="9"/>
  <c r="CO86" i="9"/>
  <c r="CN86" i="9"/>
  <c r="CM86" i="9"/>
  <c r="CL86" i="9"/>
  <c r="CK86" i="9"/>
  <c r="CJ86" i="9"/>
  <c r="CH86" i="9"/>
  <c r="CG86" i="9"/>
  <c r="CF86" i="9"/>
  <c r="CE86" i="9"/>
  <c r="CD86" i="9"/>
  <c r="CC86" i="9"/>
  <c r="CB86" i="9"/>
  <c r="CA86" i="9"/>
  <c r="BZ86" i="9"/>
  <c r="BY86" i="9"/>
  <c r="BX86" i="9"/>
  <c r="BW86" i="9"/>
  <c r="BV86" i="9"/>
  <c r="CI86" i="9"/>
  <c r="CZ194" i="9"/>
  <c r="CY194" i="9"/>
  <c r="CX194" i="9"/>
  <c r="CW194" i="9"/>
  <c r="CV194" i="9"/>
  <c r="CU194" i="9"/>
  <c r="CT194" i="9"/>
  <c r="CS194" i="9"/>
  <c r="CR194" i="9"/>
  <c r="CQ194" i="9"/>
  <c r="CP194" i="9"/>
  <c r="CO194" i="9"/>
  <c r="CN194" i="9"/>
  <c r="CM194" i="9"/>
  <c r="CL194" i="9"/>
  <c r="CK194" i="9"/>
  <c r="CJ194" i="9"/>
  <c r="CH194" i="9"/>
  <c r="CG194" i="9"/>
  <c r="CF194" i="9"/>
  <c r="CE194" i="9"/>
  <c r="CD194" i="9"/>
  <c r="CC194" i="9"/>
  <c r="CB194" i="9"/>
  <c r="CA194" i="9"/>
  <c r="BZ194" i="9"/>
  <c r="BY194" i="9"/>
  <c r="BX194" i="9"/>
  <c r="BW194" i="9"/>
  <c r="BV194" i="9"/>
  <c r="CI194" i="9"/>
  <c r="CZ174" i="9"/>
  <c r="CY174" i="9"/>
  <c r="CX174" i="9"/>
  <c r="CW174" i="9"/>
  <c r="CV174" i="9"/>
  <c r="CU174" i="9"/>
  <c r="CT174" i="9"/>
  <c r="CS174" i="9"/>
  <c r="CR174" i="9"/>
  <c r="CQ174" i="9"/>
  <c r="CP174" i="9"/>
  <c r="CO174" i="9"/>
  <c r="CN174" i="9"/>
  <c r="CM174" i="9"/>
  <c r="CL174" i="9"/>
  <c r="CK174" i="9"/>
  <c r="CJ174" i="9"/>
  <c r="CH174" i="9"/>
  <c r="CG174" i="9"/>
  <c r="CF174" i="9"/>
  <c r="CE174" i="9"/>
  <c r="CD174" i="9"/>
  <c r="CC174" i="9"/>
  <c r="CB174" i="9"/>
  <c r="CA174" i="9"/>
  <c r="BZ174" i="9"/>
  <c r="BY174" i="9"/>
  <c r="BX174" i="9"/>
  <c r="BW174" i="9"/>
  <c r="BV174" i="9"/>
  <c r="CI174" i="9"/>
  <c r="CZ154" i="9"/>
  <c r="CY154" i="9"/>
  <c r="CX154" i="9"/>
  <c r="CW154" i="9"/>
  <c r="CV154" i="9"/>
  <c r="CU154" i="9"/>
  <c r="CT154" i="9"/>
  <c r="CS154" i="9"/>
  <c r="CR154" i="9"/>
  <c r="CQ154" i="9"/>
  <c r="CP154" i="9"/>
  <c r="CO154" i="9"/>
  <c r="CN154" i="9"/>
  <c r="CM154" i="9"/>
  <c r="CL154" i="9"/>
  <c r="CK154" i="9"/>
  <c r="CJ154" i="9"/>
  <c r="CH154" i="9"/>
  <c r="CG154" i="9"/>
  <c r="CF154" i="9"/>
  <c r="CE154" i="9"/>
  <c r="CD154" i="9"/>
  <c r="CC154" i="9"/>
  <c r="CB154" i="9"/>
  <c r="CA154" i="9"/>
  <c r="BZ154" i="9"/>
  <c r="BY154" i="9"/>
  <c r="BX154" i="9"/>
  <c r="BW154" i="9"/>
  <c r="BV154" i="9"/>
  <c r="CI154" i="9"/>
  <c r="CZ133" i="9"/>
  <c r="CY133" i="9"/>
  <c r="CX133" i="9"/>
  <c r="CW133" i="9"/>
  <c r="CV133" i="9"/>
  <c r="CU133" i="9"/>
  <c r="CT133" i="9"/>
  <c r="CS133" i="9"/>
  <c r="CR133" i="9"/>
  <c r="CQ133" i="9"/>
  <c r="CP133" i="9"/>
  <c r="CO133" i="9"/>
  <c r="CN133" i="9"/>
  <c r="CM133" i="9"/>
  <c r="CL133" i="9"/>
  <c r="CK133" i="9"/>
  <c r="CJ133" i="9"/>
  <c r="CI133" i="9"/>
  <c r="CH133" i="9"/>
  <c r="CG133" i="9"/>
  <c r="CE133" i="9"/>
  <c r="CD133" i="9"/>
  <c r="CC133" i="9"/>
  <c r="CB133" i="9"/>
  <c r="CA133" i="9"/>
  <c r="BZ133" i="9"/>
  <c r="BY133" i="9"/>
  <c r="BX133" i="9"/>
  <c r="BW133" i="9"/>
  <c r="BV133" i="9"/>
  <c r="CF133" i="9"/>
  <c r="CZ108" i="9"/>
  <c r="CY108" i="9"/>
  <c r="CX108" i="9"/>
  <c r="CW108" i="9"/>
  <c r="CV108" i="9"/>
  <c r="CU108" i="9"/>
  <c r="CT108" i="9"/>
  <c r="CS108" i="9"/>
  <c r="CR108" i="9"/>
  <c r="CQ108" i="9"/>
  <c r="CP108" i="9"/>
  <c r="CO108" i="9"/>
  <c r="CN108" i="9"/>
  <c r="CM108" i="9"/>
  <c r="CL108" i="9"/>
  <c r="CK108" i="9"/>
  <c r="CJ108" i="9"/>
  <c r="CI108" i="9"/>
  <c r="CH108" i="9"/>
  <c r="CG108" i="9"/>
  <c r="CE108" i="9"/>
  <c r="CD108" i="9"/>
  <c r="CC108" i="9"/>
  <c r="CB108" i="9"/>
  <c r="CA108" i="9"/>
  <c r="BZ108" i="9"/>
  <c r="BY108" i="9"/>
  <c r="BX108" i="9"/>
  <c r="BW108" i="9"/>
  <c r="BV108" i="9"/>
  <c r="CF108" i="9"/>
  <c r="CZ115" i="9"/>
  <c r="CY115" i="9"/>
  <c r="CX115" i="9"/>
  <c r="CW115" i="9"/>
  <c r="CV115" i="9"/>
  <c r="CU115" i="9"/>
  <c r="CT115" i="9"/>
  <c r="CS115" i="9"/>
  <c r="CR115" i="9"/>
  <c r="CQ115" i="9"/>
  <c r="CP115" i="9"/>
  <c r="CO115" i="9"/>
  <c r="CN115" i="9"/>
  <c r="CM115" i="9"/>
  <c r="CL115" i="9"/>
  <c r="CK115" i="9"/>
  <c r="CJ115" i="9"/>
  <c r="CI115" i="9"/>
  <c r="CH115" i="9"/>
  <c r="CG115" i="9"/>
  <c r="CE115" i="9"/>
  <c r="CD115" i="9"/>
  <c r="CC115" i="9"/>
  <c r="CB115" i="9"/>
  <c r="CA115" i="9"/>
  <c r="BZ115" i="9"/>
  <c r="BY115" i="9"/>
  <c r="BX115" i="9"/>
  <c r="BW115" i="9"/>
  <c r="BV115" i="9"/>
  <c r="CF115" i="9"/>
  <c r="CZ101" i="9"/>
  <c r="CY101" i="9"/>
  <c r="CX101" i="9"/>
  <c r="CW101" i="9"/>
  <c r="CV101" i="9"/>
  <c r="CU101" i="9"/>
  <c r="CT101" i="9"/>
  <c r="CS101" i="9"/>
  <c r="CR101" i="9"/>
  <c r="CQ101" i="9"/>
  <c r="CP101" i="9"/>
  <c r="CO101" i="9"/>
  <c r="CN101" i="9"/>
  <c r="CM101" i="9"/>
  <c r="CL101" i="9"/>
  <c r="CK101" i="9"/>
  <c r="CJ101" i="9"/>
  <c r="CI101" i="9"/>
  <c r="CH101" i="9"/>
  <c r="CG101" i="9"/>
  <c r="CE101" i="9"/>
  <c r="CD101" i="9"/>
  <c r="CC101" i="9"/>
  <c r="CB101" i="9"/>
  <c r="CA101" i="9"/>
  <c r="BZ101" i="9"/>
  <c r="BY101" i="9"/>
  <c r="BX101" i="9"/>
  <c r="BW101" i="9"/>
  <c r="BV101" i="9"/>
  <c r="CF101" i="9"/>
  <c r="CZ85" i="9"/>
  <c r="CY85" i="9"/>
  <c r="CX85" i="9"/>
  <c r="CW85" i="9"/>
  <c r="CV85" i="9"/>
  <c r="CU85" i="9"/>
  <c r="CT85" i="9"/>
  <c r="CS85" i="9"/>
  <c r="CR85" i="9"/>
  <c r="CQ85" i="9"/>
  <c r="CP85" i="9"/>
  <c r="CO85" i="9"/>
  <c r="CN85" i="9"/>
  <c r="CM85" i="9"/>
  <c r="CL85" i="9"/>
  <c r="CK85" i="9"/>
  <c r="CJ85" i="9"/>
  <c r="CI85" i="9"/>
  <c r="CH85" i="9"/>
  <c r="CG85" i="9"/>
  <c r="CE85" i="9"/>
  <c r="CD85" i="9"/>
  <c r="CC85" i="9"/>
  <c r="CB85" i="9"/>
  <c r="CA85" i="9"/>
  <c r="BZ85" i="9"/>
  <c r="BY85" i="9"/>
  <c r="BX85" i="9"/>
  <c r="BW85" i="9"/>
  <c r="BV85" i="9"/>
  <c r="CF85" i="9"/>
  <c r="CZ193" i="9"/>
  <c r="CY193" i="9"/>
  <c r="CX193" i="9"/>
  <c r="CW193" i="9"/>
  <c r="CV193" i="9"/>
  <c r="CU193" i="9"/>
  <c r="CT193" i="9"/>
  <c r="CS193" i="9"/>
  <c r="CR193" i="9"/>
  <c r="CQ193" i="9"/>
  <c r="CP193" i="9"/>
  <c r="CO193" i="9"/>
  <c r="CN193" i="9"/>
  <c r="CM193" i="9"/>
  <c r="CL193" i="9"/>
  <c r="CK193" i="9"/>
  <c r="CJ193" i="9"/>
  <c r="CI193" i="9"/>
  <c r="CH193" i="9"/>
  <c r="CG193" i="9"/>
  <c r="CE193" i="9"/>
  <c r="CD193" i="9"/>
  <c r="CC193" i="9"/>
  <c r="CB193" i="9"/>
  <c r="CA193" i="9"/>
  <c r="BZ193" i="9"/>
  <c r="BY193" i="9"/>
  <c r="BX193" i="9"/>
  <c r="BW193" i="9"/>
  <c r="BV193" i="9"/>
  <c r="CF193" i="9"/>
  <c r="CZ173" i="9"/>
  <c r="CY173" i="9"/>
  <c r="CX173" i="9"/>
  <c r="CW173" i="9"/>
  <c r="CV173" i="9"/>
  <c r="CU173" i="9"/>
  <c r="CT173" i="9"/>
  <c r="CS173" i="9"/>
  <c r="CR173" i="9"/>
  <c r="CQ173" i="9"/>
  <c r="CP173" i="9"/>
  <c r="CO173" i="9"/>
  <c r="CN173" i="9"/>
  <c r="CM173" i="9"/>
  <c r="CL173" i="9"/>
  <c r="CK173" i="9"/>
  <c r="CJ173" i="9"/>
  <c r="CI173" i="9"/>
  <c r="CH173" i="9"/>
  <c r="CG173" i="9"/>
  <c r="CE173" i="9"/>
  <c r="CD173" i="9"/>
  <c r="CC173" i="9"/>
  <c r="CB173" i="9"/>
  <c r="CA173" i="9"/>
  <c r="BZ173" i="9"/>
  <c r="BY173" i="9"/>
  <c r="BX173" i="9"/>
  <c r="BW173" i="9"/>
  <c r="BV173" i="9"/>
  <c r="CF173" i="9"/>
  <c r="CZ153" i="9"/>
  <c r="CY153" i="9"/>
  <c r="CX153" i="9"/>
  <c r="CW153" i="9"/>
  <c r="CV153" i="9"/>
  <c r="CU153" i="9"/>
  <c r="CT153" i="9"/>
  <c r="CS153" i="9"/>
  <c r="CR153" i="9"/>
  <c r="CQ153" i="9"/>
  <c r="CP153" i="9"/>
  <c r="CO153" i="9"/>
  <c r="CN153" i="9"/>
  <c r="CM153" i="9"/>
  <c r="CL153" i="9"/>
  <c r="CK153" i="9"/>
  <c r="CJ153" i="9"/>
  <c r="CI153" i="9"/>
  <c r="CH153" i="9"/>
  <c r="CG153" i="9"/>
  <c r="CE153" i="9"/>
  <c r="CD153" i="9"/>
  <c r="CC153" i="9"/>
  <c r="CB153" i="9"/>
  <c r="CA153" i="9"/>
  <c r="BZ153" i="9"/>
  <c r="BY153" i="9"/>
  <c r="BX153" i="9"/>
  <c r="BW153" i="9"/>
  <c r="BV153" i="9"/>
  <c r="CF153" i="9"/>
  <c r="CZ131" i="9"/>
  <c r="CY131" i="9"/>
  <c r="CX131" i="9"/>
  <c r="CW131" i="9"/>
  <c r="CV131" i="9"/>
  <c r="CU131" i="9"/>
  <c r="CT131" i="9"/>
  <c r="CS131" i="9"/>
  <c r="CR131" i="9"/>
  <c r="CQ131" i="9"/>
  <c r="CP131" i="9"/>
  <c r="CO131" i="9"/>
  <c r="CN131" i="9"/>
  <c r="CM131" i="9"/>
  <c r="CL131" i="9"/>
  <c r="CK131" i="9"/>
  <c r="CJ131" i="9"/>
  <c r="CI131" i="9"/>
  <c r="CH131" i="9"/>
  <c r="CG131" i="9"/>
  <c r="CF131" i="9"/>
  <c r="CD131" i="9"/>
  <c r="CC131" i="9"/>
  <c r="CB131" i="9"/>
  <c r="CA131" i="9"/>
  <c r="BZ131" i="9"/>
  <c r="BY131" i="9"/>
  <c r="BX131" i="9"/>
  <c r="BW131" i="9"/>
  <c r="BV131" i="9"/>
  <c r="CE131" i="9"/>
  <c r="CZ107" i="9"/>
  <c r="CY107" i="9"/>
  <c r="CX107" i="9"/>
  <c r="CW107" i="9"/>
  <c r="CV107" i="9"/>
  <c r="CU107" i="9"/>
  <c r="CT107" i="9"/>
  <c r="CS107" i="9"/>
  <c r="CR107" i="9"/>
  <c r="CQ107" i="9"/>
  <c r="CP107" i="9"/>
  <c r="CO107" i="9"/>
  <c r="CN107" i="9"/>
  <c r="CM107" i="9"/>
  <c r="CL107" i="9"/>
  <c r="CK107" i="9"/>
  <c r="CJ107" i="9"/>
  <c r="CI107" i="9"/>
  <c r="CH107" i="9"/>
  <c r="CG107" i="9"/>
  <c r="CF107" i="9"/>
  <c r="CD107" i="9"/>
  <c r="CC107" i="9"/>
  <c r="CB107" i="9"/>
  <c r="CA107" i="9"/>
  <c r="BZ107" i="9"/>
  <c r="BY107" i="9"/>
  <c r="BX107" i="9"/>
  <c r="BW107" i="9"/>
  <c r="BV107" i="9"/>
  <c r="CE107" i="9"/>
  <c r="CZ113" i="9"/>
  <c r="CY113" i="9"/>
  <c r="CX113" i="9"/>
  <c r="CW113" i="9"/>
  <c r="CV113" i="9"/>
  <c r="CU113" i="9"/>
  <c r="CT113" i="9"/>
  <c r="CS113" i="9"/>
  <c r="CR113" i="9"/>
  <c r="CQ113" i="9"/>
  <c r="CP113" i="9"/>
  <c r="CO113" i="9"/>
  <c r="CN113" i="9"/>
  <c r="CM113" i="9"/>
  <c r="CL113" i="9"/>
  <c r="CK113" i="9"/>
  <c r="CJ113" i="9"/>
  <c r="CI113" i="9"/>
  <c r="CH113" i="9"/>
  <c r="CG113" i="9"/>
  <c r="CF113" i="9"/>
  <c r="CD113" i="9"/>
  <c r="CC113" i="9"/>
  <c r="CB113" i="9"/>
  <c r="CA113" i="9"/>
  <c r="BZ113" i="9"/>
  <c r="BY113" i="9"/>
  <c r="BX113" i="9"/>
  <c r="BW113" i="9"/>
  <c r="BV113" i="9"/>
  <c r="CE113" i="9"/>
  <c r="CZ99" i="9"/>
  <c r="CY99" i="9"/>
  <c r="CX99" i="9"/>
  <c r="CW99" i="9"/>
  <c r="CV99" i="9"/>
  <c r="CU99" i="9"/>
  <c r="CT99" i="9"/>
  <c r="CS99" i="9"/>
  <c r="CR99" i="9"/>
  <c r="CQ99" i="9"/>
  <c r="CP99" i="9"/>
  <c r="CO99" i="9"/>
  <c r="CN99" i="9"/>
  <c r="CM99" i="9"/>
  <c r="CL99" i="9"/>
  <c r="CK99" i="9"/>
  <c r="CJ99" i="9"/>
  <c r="CI99" i="9"/>
  <c r="CH99" i="9"/>
  <c r="CG99" i="9"/>
  <c r="CF99" i="9"/>
  <c r="CD99" i="9"/>
  <c r="CC99" i="9"/>
  <c r="CB99" i="9"/>
  <c r="CA99" i="9"/>
  <c r="BZ99" i="9"/>
  <c r="BY99" i="9"/>
  <c r="BX99" i="9"/>
  <c r="BW99" i="9"/>
  <c r="BV99" i="9"/>
  <c r="CE99" i="9"/>
  <c r="CZ83" i="9"/>
  <c r="CY83" i="9"/>
  <c r="CX83" i="9"/>
  <c r="CW83" i="9"/>
  <c r="CV83" i="9"/>
  <c r="CU83" i="9"/>
  <c r="CT83" i="9"/>
  <c r="CS83" i="9"/>
  <c r="CR83" i="9"/>
  <c r="CQ83" i="9"/>
  <c r="CP83" i="9"/>
  <c r="CO83" i="9"/>
  <c r="CN83" i="9"/>
  <c r="CM83" i="9"/>
  <c r="CL83" i="9"/>
  <c r="CK83" i="9"/>
  <c r="CJ83" i="9"/>
  <c r="CI83" i="9"/>
  <c r="CH83" i="9"/>
  <c r="CG83" i="9"/>
  <c r="CF83" i="9"/>
  <c r="CD83" i="9"/>
  <c r="CC83" i="9"/>
  <c r="CB83" i="9"/>
  <c r="CA83" i="9"/>
  <c r="BZ83" i="9"/>
  <c r="BY83" i="9"/>
  <c r="BX83" i="9"/>
  <c r="BW83" i="9"/>
  <c r="BV83" i="9"/>
  <c r="CE83" i="9"/>
  <c r="CZ192" i="9"/>
  <c r="CY192" i="9"/>
  <c r="CX192" i="9"/>
  <c r="CW192" i="9"/>
  <c r="CV192" i="9"/>
  <c r="CU192" i="9"/>
  <c r="CT192" i="9"/>
  <c r="CS192" i="9"/>
  <c r="CR192" i="9"/>
  <c r="CQ192" i="9"/>
  <c r="CP192" i="9"/>
  <c r="CO192" i="9"/>
  <c r="CN192" i="9"/>
  <c r="CM192" i="9"/>
  <c r="CL192" i="9"/>
  <c r="CK192" i="9"/>
  <c r="CJ192" i="9"/>
  <c r="CI192" i="9"/>
  <c r="CH192" i="9"/>
  <c r="CG192" i="9"/>
  <c r="CF192" i="9"/>
  <c r="CD192" i="9"/>
  <c r="CC192" i="9"/>
  <c r="CB192" i="9"/>
  <c r="CA192" i="9"/>
  <c r="BZ192" i="9"/>
  <c r="BY192" i="9"/>
  <c r="BX192" i="9"/>
  <c r="BW192" i="9"/>
  <c r="BV192" i="9"/>
  <c r="CE192" i="9"/>
  <c r="CZ172" i="9"/>
  <c r="CY172" i="9"/>
  <c r="CX172" i="9"/>
  <c r="CW172" i="9"/>
  <c r="CV172" i="9"/>
  <c r="CU172" i="9"/>
  <c r="CT172" i="9"/>
  <c r="CS172" i="9"/>
  <c r="CR172" i="9"/>
  <c r="CQ172" i="9"/>
  <c r="CP172" i="9"/>
  <c r="CO172" i="9"/>
  <c r="CN172" i="9"/>
  <c r="CM172" i="9"/>
  <c r="CL172" i="9"/>
  <c r="CK172" i="9"/>
  <c r="CJ172" i="9"/>
  <c r="CI172" i="9"/>
  <c r="CH172" i="9"/>
  <c r="CG172" i="9"/>
  <c r="CF172" i="9"/>
  <c r="CD172" i="9"/>
  <c r="CC172" i="9"/>
  <c r="CB172" i="9"/>
  <c r="CA172" i="9"/>
  <c r="BZ172" i="9"/>
  <c r="BY172" i="9"/>
  <c r="BX172" i="9"/>
  <c r="BW172" i="9"/>
  <c r="BV172" i="9"/>
  <c r="CE172" i="9"/>
  <c r="CZ152" i="9"/>
  <c r="CY152" i="9"/>
  <c r="CX152" i="9"/>
  <c r="CW152" i="9"/>
  <c r="CV152" i="9"/>
  <c r="CU152" i="9"/>
  <c r="CT152" i="9"/>
  <c r="CS152" i="9"/>
  <c r="CR152" i="9"/>
  <c r="CQ152" i="9"/>
  <c r="CP152" i="9"/>
  <c r="CO152" i="9"/>
  <c r="CN152" i="9"/>
  <c r="CM152" i="9"/>
  <c r="CL152" i="9"/>
  <c r="CK152" i="9"/>
  <c r="CJ152" i="9"/>
  <c r="CI152" i="9"/>
  <c r="CH152" i="9"/>
  <c r="CG152" i="9"/>
  <c r="CF152" i="9"/>
  <c r="CD152" i="9"/>
  <c r="CC152" i="9"/>
  <c r="CB152" i="9"/>
  <c r="CA152" i="9"/>
  <c r="BZ152" i="9"/>
  <c r="BY152" i="9"/>
  <c r="BX152" i="9"/>
  <c r="BW152" i="9"/>
  <c r="BV152" i="9"/>
  <c r="CE152" i="9"/>
  <c r="CZ132" i="9"/>
  <c r="CY132" i="9"/>
  <c r="CX132" i="9"/>
  <c r="CW132" i="9"/>
  <c r="CV132" i="9"/>
  <c r="CU132" i="9"/>
  <c r="CT132" i="9"/>
  <c r="CS132" i="9"/>
  <c r="CR132" i="9"/>
  <c r="CQ132" i="9"/>
  <c r="CP132" i="9"/>
  <c r="CO132" i="9"/>
  <c r="CN132" i="9"/>
  <c r="CM132" i="9"/>
  <c r="CL132" i="9"/>
  <c r="CK132" i="9"/>
  <c r="CJ132" i="9"/>
  <c r="CI132" i="9"/>
  <c r="CG132" i="9"/>
  <c r="CF132" i="9"/>
  <c r="CE132" i="9"/>
  <c r="CD132" i="9"/>
  <c r="CC132" i="9"/>
  <c r="CB132" i="9"/>
  <c r="CA132" i="9"/>
  <c r="BZ132" i="9"/>
  <c r="BY132" i="9"/>
  <c r="BX132" i="9"/>
  <c r="BW132" i="9"/>
  <c r="BV132" i="9"/>
  <c r="CH132" i="9"/>
  <c r="CZ114" i="9"/>
  <c r="CY114" i="9"/>
  <c r="CX114" i="9"/>
  <c r="CW114" i="9"/>
  <c r="CV114" i="9"/>
  <c r="CU114" i="9"/>
  <c r="CT114" i="9"/>
  <c r="CS114" i="9"/>
  <c r="CR114" i="9"/>
  <c r="CQ114" i="9"/>
  <c r="CP114" i="9"/>
  <c r="CO114" i="9"/>
  <c r="CN114" i="9"/>
  <c r="CM114" i="9"/>
  <c r="CL114" i="9"/>
  <c r="CK114" i="9"/>
  <c r="CJ114" i="9"/>
  <c r="CI114" i="9"/>
  <c r="CG114" i="9"/>
  <c r="CF114" i="9"/>
  <c r="CE114" i="9"/>
  <c r="CD114" i="9"/>
  <c r="CC114" i="9"/>
  <c r="CB114" i="9"/>
  <c r="CA114" i="9"/>
  <c r="BZ114" i="9"/>
  <c r="BY114" i="9"/>
  <c r="BX114" i="9"/>
  <c r="BW114" i="9"/>
  <c r="BV114" i="9"/>
  <c r="CH114" i="9"/>
  <c r="CZ100" i="9"/>
  <c r="CY100" i="9"/>
  <c r="CX100" i="9"/>
  <c r="CW100" i="9"/>
  <c r="CV100" i="9"/>
  <c r="CU100" i="9"/>
  <c r="CT100" i="9"/>
  <c r="CS100" i="9"/>
  <c r="CR100" i="9"/>
  <c r="CQ100" i="9"/>
  <c r="CP100" i="9"/>
  <c r="CO100" i="9"/>
  <c r="CN100" i="9"/>
  <c r="CM100" i="9"/>
  <c r="CL100" i="9"/>
  <c r="CK100" i="9"/>
  <c r="CJ100" i="9"/>
  <c r="CI100" i="9"/>
  <c r="CG100" i="9"/>
  <c r="CF100" i="9"/>
  <c r="CE100" i="9"/>
  <c r="CD100" i="9"/>
  <c r="CC100" i="9"/>
  <c r="CB100" i="9"/>
  <c r="CA100" i="9"/>
  <c r="BZ100" i="9"/>
  <c r="BY100" i="9"/>
  <c r="BX100" i="9"/>
  <c r="BW100" i="9"/>
  <c r="BV100" i="9"/>
  <c r="CH100" i="9"/>
  <c r="CZ84" i="9"/>
  <c r="CY84" i="9"/>
  <c r="CX84" i="9"/>
  <c r="CW84" i="9"/>
  <c r="CV84" i="9"/>
  <c r="CU84" i="9"/>
  <c r="CT84" i="9"/>
  <c r="CS84" i="9"/>
  <c r="CR84" i="9"/>
  <c r="CQ84" i="9"/>
  <c r="CP84" i="9"/>
  <c r="CO84" i="9"/>
  <c r="CN84" i="9"/>
  <c r="CM84" i="9"/>
  <c r="CL84" i="9"/>
  <c r="CK84" i="9"/>
  <c r="CJ84" i="9"/>
  <c r="CI84" i="9"/>
  <c r="CG84" i="9"/>
  <c r="CF84" i="9"/>
  <c r="CE84" i="9"/>
  <c r="CD84" i="9"/>
  <c r="CC84" i="9"/>
  <c r="CB84" i="9"/>
  <c r="CA84" i="9"/>
  <c r="BZ84" i="9"/>
  <c r="BY84" i="9"/>
  <c r="BX84" i="9"/>
  <c r="BW84" i="9"/>
  <c r="BV84" i="9"/>
  <c r="CH84" i="9"/>
  <c r="CZ191" i="9"/>
  <c r="CY191" i="9"/>
  <c r="CX191" i="9"/>
  <c r="CW191" i="9"/>
  <c r="CV191" i="9"/>
  <c r="CU191" i="9"/>
  <c r="CT191" i="9"/>
  <c r="CS191" i="9"/>
  <c r="CR191" i="9"/>
  <c r="CQ191" i="9"/>
  <c r="CP191" i="9"/>
  <c r="CO191" i="9"/>
  <c r="CN191" i="9"/>
  <c r="CM191" i="9"/>
  <c r="CL191" i="9"/>
  <c r="CK191" i="9"/>
  <c r="CJ191" i="9"/>
  <c r="CI191" i="9"/>
  <c r="CG191" i="9"/>
  <c r="CF191" i="9"/>
  <c r="CE191" i="9"/>
  <c r="CD191" i="9"/>
  <c r="CC191" i="9"/>
  <c r="CB191" i="9"/>
  <c r="CA191" i="9"/>
  <c r="BZ191" i="9"/>
  <c r="BY191" i="9"/>
  <c r="BX191" i="9"/>
  <c r="BW191" i="9"/>
  <c r="BV191" i="9"/>
  <c r="CH191" i="9"/>
  <c r="CZ171" i="9"/>
  <c r="CY171" i="9"/>
  <c r="CX171" i="9"/>
  <c r="CW171" i="9"/>
  <c r="CV171" i="9"/>
  <c r="CU171" i="9"/>
  <c r="CT171" i="9"/>
  <c r="CS171" i="9"/>
  <c r="CR171" i="9"/>
  <c r="CQ171" i="9"/>
  <c r="CP171" i="9"/>
  <c r="CO171" i="9"/>
  <c r="CN171" i="9"/>
  <c r="CM171" i="9"/>
  <c r="CL171" i="9"/>
  <c r="CK171" i="9"/>
  <c r="CJ171" i="9"/>
  <c r="CI171" i="9"/>
  <c r="CG171" i="9"/>
  <c r="CF171" i="9"/>
  <c r="CE171" i="9"/>
  <c r="CD171" i="9"/>
  <c r="CC171" i="9"/>
  <c r="CB171" i="9"/>
  <c r="CA171" i="9"/>
  <c r="BZ171" i="9"/>
  <c r="BY171" i="9"/>
  <c r="BX171" i="9"/>
  <c r="BW171" i="9"/>
  <c r="BV171" i="9"/>
  <c r="CH171" i="9"/>
  <c r="CZ151" i="9"/>
  <c r="CY151" i="9"/>
  <c r="CX151" i="9"/>
  <c r="CW151" i="9"/>
  <c r="CV151" i="9"/>
  <c r="CU151" i="9"/>
  <c r="CT151" i="9"/>
  <c r="CS151" i="9"/>
  <c r="CR151" i="9"/>
  <c r="CQ151" i="9"/>
  <c r="CP151" i="9"/>
  <c r="CO151" i="9"/>
  <c r="CN151" i="9"/>
  <c r="CM151" i="9"/>
  <c r="CL151" i="9"/>
  <c r="CK151" i="9"/>
  <c r="CJ151" i="9"/>
  <c r="CI151" i="9"/>
  <c r="CG151" i="9"/>
  <c r="CF151" i="9"/>
  <c r="CE151" i="9"/>
  <c r="CD151" i="9"/>
  <c r="CC151" i="9"/>
  <c r="CB151" i="9"/>
  <c r="CA151" i="9"/>
  <c r="BZ151" i="9"/>
  <c r="BY151" i="9"/>
  <c r="BX151" i="9"/>
  <c r="BW151" i="9"/>
  <c r="BV151" i="9"/>
  <c r="CH151" i="9"/>
  <c r="CZ130" i="9"/>
  <c r="CY130" i="9"/>
  <c r="CX130" i="9"/>
  <c r="CW130" i="9"/>
  <c r="CV130" i="9"/>
  <c r="CU130" i="9"/>
  <c r="CT130" i="9"/>
  <c r="CS130" i="9"/>
  <c r="CR130" i="9"/>
  <c r="CQ130" i="9"/>
  <c r="CP130" i="9"/>
  <c r="CO130" i="9"/>
  <c r="CN130" i="9"/>
  <c r="CM130" i="9"/>
  <c r="CL130" i="9"/>
  <c r="CK130" i="9"/>
  <c r="CJ130" i="9"/>
  <c r="CI130" i="9"/>
  <c r="CH130" i="9"/>
  <c r="CG130" i="9"/>
  <c r="CF130" i="9"/>
  <c r="CE130" i="9"/>
  <c r="CC130" i="9"/>
  <c r="CB130" i="9"/>
  <c r="CA130" i="9"/>
  <c r="BZ130" i="9"/>
  <c r="BY130" i="9"/>
  <c r="BX130" i="9"/>
  <c r="BW130" i="9"/>
  <c r="BV130" i="9"/>
  <c r="CD130" i="9"/>
  <c r="CZ109" i="9"/>
  <c r="CY109" i="9"/>
  <c r="CX109" i="9"/>
  <c r="CW109" i="9"/>
  <c r="CV109" i="9"/>
  <c r="CU109" i="9"/>
  <c r="CT109" i="9"/>
  <c r="CS109" i="9"/>
  <c r="CR109" i="9"/>
  <c r="CQ109" i="9"/>
  <c r="CP109" i="9"/>
  <c r="CO109" i="9"/>
  <c r="CN109" i="9"/>
  <c r="CM109" i="9"/>
  <c r="CL109" i="9"/>
  <c r="CK109" i="9"/>
  <c r="CJ109" i="9"/>
  <c r="CI109" i="9"/>
  <c r="CH109" i="9"/>
  <c r="CG109" i="9"/>
  <c r="CF109" i="9"/>
  <c r="CE109" i="9"/>
  <c r="CC109" i="9"/>
  <c r="CB109" i="9"/>
  <c r="CA109" i="9"/>
  <c r="BZ109" i="9"/>
  <c r="BY109" i="9"/>
  <c r="BX109" i="9"/>
  <c r="BW109" i="9"/>
  <c r="BV109" i="9"/>
  <c r="CD109" i="9"/>
  <c r="CZ118" i="9"/>
  <c r="CY118" i="9"/>
  <c r="CX118" i="9"/>
  <c r="CW118" i="9"/>
  <c r="CV118" i="9"/>
  <c r="CU118" i="9"/>
  <c r="CT118" i="9"/>
  <c r="CS118" i="9"/>
  <c r="CR118" i="9"/>
  <c r="CQ118" i="9"/>
  <c r="CP118" i="9"/>
  <c r="CO118" i="9"/>
  <c r="CN118" i="9"/>
  <c r="CM118" i="9"/>
  <c r="CL118" i="9"/>
  <c r="CK118" i="9"/>
  <c r="CJ118" i="9"/>
  <c r="CI118" i="9"/>
  <c r="CH118" i="9"/>
  <c r="CG118" i="9"/>
  <c r="CF118" i="9"/>
  <c r="CE118" i="9"/>
  <c r="CC118" i="9"/>
  <c r="CB118" i="9"/>
  <c r="CA118" i="9"/>
  <c r="BZ118" i="9"/>
  <c r="BY118" i="9"/>
  <c r="BX118" i="9"/>
  <c r="BW118" i="9"/>
  <c r="BV118" i="9"/>
  <c r="CD118" i="9"/>
  <c r="CZ98" i="9"/>
  <c r="CY98" i="9"/>
  <c r="CX98" i="9"/>
  <c r="CW98" i="9"/>
  <c r="CV98" i="9"/>
  <c r="CU98" i="9"/>
  <c r="CT98" i="9"/>
  <c r="CS98" i="9"/>
  <c r="CR98" i="9"/>
  <c r="CQ98" i="9"/>
  <c r="CP98" i="9"/>
  <c r="CO98" i="9"/>
  <c r="CN98" i="9"/>
  <c r="CM98" i="9"/>
  <c r="CL98" i="9"/>
  <c r="CK98" i="9"/>
  <c r="CJ98" i="9"/>
  <c r="CI98" i="9"/>
  <c r="CH98" i="9"/>
  <c r="CG98" i="9"/>
  <c r="CF98" i="9"/>
  <c r="CE98" i="9"/>
  <c r="CC98" i="9"/>
  <c r="CB98" i="9"/>
  <c r="CA98" i="9"/>
  <c r="BZ98" i="9"/>
  <c r="BY98" i="9"/>
  <c r="BX98" i="9"/>
  <c r="BW98" i="9"/>
  <c r="BV98" i="9"/>
  <c r="CD98" i="9"/>
  <c r="CZ82" i="9"/>
  <c r="CY82" i="9"/>
  <c r="CX82" i="9"/>
  <c r="CW82" i="9"/>
  <c r="CV82" i="9"/>
  <c r="CU82" i="9"/>
  <c r="CT82" i="9"/>
  <c r="CS82" i="9"/>
  <c r="CR82" i="9"/>
  <c r="CQ82" i="9"/>
  <c r="CP82" i="9"/>
  <c r="CO82" i="9"/>
  <c r="CN82" i="9"/>
  <c r="CM82" i="9"/>
  <c r="CL82" i="9"/>
  <c r="CK82" i="9"/>
  <c r="CJ82" i="9"/>
  <c r="CI82" i="9"/>
  <c r="CH82" i="9"/>
  <c r="CG82" i="9"/>
  <c r="CF82" i="9"/>
  <c r="CE82" i="9"/>
  <c r="CC82" i="9"/>
  <c r="CB82" i="9"/>
  <c r="CA82" i="9"/>
  <c r="BZ82" i="9"/>
  <c r="BY82" i="9"/>
  <c r="BX82" i="9"/>
  <c r="BW82" i="9"/>
  <c r="BV82" i="9"/>
  <c r="CD82" i="9"/>
  <c r="CZ190" i="9"/>
  <c r="CY190" i="9"/>
  <c r="CX190" i="9"/>
  <c r="CW190" i="9"/>
  <c r="CV190" i="9"/>
  <c r="CU190" i="9"/>
  <c r="CT190" i="9"/>
  <c r="CS190" i="9"/>
  <c r="CR190" i="9"/>
  <c r="CQ190" i="9"/>
  <c r="CP190" i="9"/>
  <c r="CO190" i="9"/>
  <c r="CN190" i="9"/>
  <c r="CM190" i="9"/>
  <c r="CL190" i="9"/>
  <c r="CK190" i="9"/>
  <c r="CJ190" i="9"/>
  <c r="CI190" i="9"/>
  <c r="CH190" i="9"/>
  <c r="CG190" i="9"/>
  <c r="CF190" i="9"/>
  <c r="CE190" i="9"/>
  <c r="CC190" i="9"/>
  <c r="CB190" i="9"/>
  <c r="CA190" i="9"/>
  <c r="BZ190" i="9"/>
  <c r="BY190" i="9"/>
  <c r="BX190" i="9"/>
  <c r="BW190" i="9"/>
  <c r="BV190" i="9"/>
  <c r="CD190" i="9"/>
  <c r="CZ170" i="9"/>
  <c r="CY170" i="9"/>
  <c r="CX170" i="9"/>
  <c r="CW170" i="9"/>
  <c r="CV170" i="9"/>
  <c r="CU170" i="9"/>
  <c r="CT170" i="9"/>
  <c r="CS170" i="9"/>
  <c r="CR170" i="9"/>
  <c r="CQ170" i="9"/>
  <c r="CP170" i="9"/>
  <c r="CO170" i="9"/>
  <c r="CN170" i="9"/>
  <c r="CM170" i="9"/>
  <c r="CL170" i="9"/>
  <c r="CK170" i="9"/>
  <c r="CJ170" i="9"/>
  <c r="CI170" i="9"/>
  <c r="CH170" i="9"/>
  <c r="CG170" i="9"/>
  <c r="CF170" i="9"/>
  <c r="CE170" i="9"/>
  <c r="CC170" i="9"/>
  <c r="CB170" i="9"/>
  <c r="CA170" i="9"/>
  <c r="BZ170" i="9"/>
  <c r="BY170" i="9"/>
  <c r="BX170" i="9"/>
  <c r="BW170" i="9"/>
  <c r="BV170" i="9"/>
  <c r="CD170" i="9"/>
  <c r="CZ150" i="9"/>
  <c r="CY150" i="9"/>
  <c r="CX150" i="9"/>
  <c r="CW150" i="9"/>
  <c r="CV150" i="9"/>
  <c r="CU150" i="9"/>
  <c r="CT150" i="9"/>
  <c r="CS150" i="9"/>
  <c r="CR150" i="9"/>
  <c r="CQ150" i="9"/>
  <c r="CP150" i="9"/>
  <c r="CO150" i="9"/>
  <c r="CN150" i="9"/>
  <c r="CM150" i="9"/>
  <c r="CL150" i="9"/>
  <c r="CK150" i="9"/>
  <c r="CJ150" i="9"/>
  <c r="CI150" i="9"/>
  <c r="CH150" i="9"/>
  <c r="CG150" i="9"/>
  <c r="CF150" i="9"/>
  <c r="CE150" i="9"/>
  <c r="CC150" i="9"/>
  <c r="CB150" i="9"/>
  <c r="CA150" i="9"/>
  <c r="BZ150" i="9"/>
  <c r="BY150" i="9"/>
  <c r="BX150" i="9"/>
  <c r="BW150" i="9"/>
  <c r="BV150" i="9"/>
  <c r="CD150" i="9"/>
  <c r="CZ129" i="9"/>
  <c r="CY129" i="9"/>
  <c r="CX129" i="9"/>
  <c r="CW129" i="9"/>
  <c r="CV129" i="9"/>
  <c r="CU129" i="9"/>
  <c r="CT129" i="9"/>
  <c r="CS129" i="9"/>
  <c r="CR129" i="9"/>
  <c r="CQ129" i="9"/>
  <c r="CP129" i="9"/>
  <c r="CO129" i="9"/>
  <c r="CN129" i="9"/>
  <c r="CM129" i="9"/>
  <c r="CL129" i="9"/>
  <c r="CK129" i="9"/>
  <c r="CJ129" i="9"/>
  <c r="CI129" i="9"/>
  <c r="CH129" i="9"/>
  <c r="CG129" i="9"/>
  <c r="CF129" i="9"/>
  <c r="CE129" i="9"/>
  <c r="CD129" i="9"/>
  <c r="CC129" i="9"/>
  <c r="CB129" i="9"/>
  <c r="BZ129" i="9"/>
  <c r="BY129" i="9"/>
  <c r="BX129" i="9"/>
  <c r="BW129" i="9"/>
  <c r="BV129" i="9"/>
  <c r="CA129" i="9"/>
  <c r="CZ97" i="9"/>
  <c r="CY97" i="9"/>
  <c r="CX97" i="9"/>
  <c r="CW97" i="9"/>
  <c r="CV97" i="9"/>
  <c r="CU97" i="9"/>
  <c r="CT97" i="9"/>
  <c r="CS97" i="9"/>
  <c r="CR97" i="9"/>
  <c r="CQ97" i="9"/>
  <c r="CP97" i="9"/>
  <c r="CO97" i="9"/>
  <c r="CN97" i="9"/>
  <c r="CM97" i="9"/>
  <c r="CL97" i="9"/>
  <c r="CK97" i="9"/>
  <c r="CJ97" i="9"/>
  <c r="CI97" i="9"/>
  <c r="CH97" i="9"/>
  <c r="CG97" i="9"/>
  <c r="CF97" i="9"/>
  <c r="CE97" i="9"/>
  <c r="CD97" i="9"/>
  <c r="CC97" i="9"/>
  <c r="CB97" i="9"/>
  <c r="BZ97" i="9"/>
  <c r="BY97" i="9"/>
  <c r="BX97" i="9"/>
  <c r="BW97" i="9"/>
  <c r="BV97" i="9"/>
  <c r="CA97" i="9"/>
  <c r="CZ81" i="9"/>
  <c r="CY81" i="9"/>
  <c r="CX81" i="9"/>
  <c r="CW81" i="9"/>
  <c r="CV81" i="9"/>
  <c r="CU81" i="9"/>
  <c r="CT81" i="9"/>
  <c r="CS81" i="9"/>
  <c r="CR81" i="9"/>
  <c r="CQ81" i="9"/>
  <c r="CP81" i="9"/>
  <c r="CO81" i="9"/>
  <c r="CN81" i="9"/>
  <c r="CM81" i="9"/>
  <c r="CL81" i="9"/>
  <c r="CK81" i="9"/>
  <c r="CJ81" i="9"/>
  <c r="CI81" i="9"/>
  <c r="CH81" i="9"/>
  <c r="CG81" i="9"/>
  <c r="CF81" i="9"/>
  <c r="CE81" i="9"/>
  <c r="CD81" i="9"/>
  <c r="CC81" i="9"/>
  <c r="CB81" i="9"/>
  <c r="BZ81" i="9"/>
  <c r="BY81" i="9"/>
  <c r="BX81" i="9"/>
  <c r="BW81" i="9"/>
  <c r="BV81" i="9"/>
  <c r="CA81" i="9"/>
  <c r="CZ189" i="9"/>
  <c r="CY189" i="9"/>
  <c r="CX189" i="9"/>
  <c r="CW189" i="9"/>
  <c r="CV189" i="9"/>
  <c r="CU189" i="9"/>
  <c r="CT189" i="9"/>
  <c r="CS189" i="9"/>
  <c r="CR189" i="9"/>
  <c r="CQ189" i="9"/>
  <c r="CP189" i="9"/>
  <c r="CO189" i="9"/>
  <c r="CN189" i="9"/>
  <c r="CM189" i="9"/>
  <c r="CL189" i="9"/>
  <c r="CK189" i="9"/>
  <c r="CJ189" i="9"/>
  <c r="CI189" i="9"/>
  <c r="CH189" i="9"/>
  <c r="CG189" i="9"/>
  <c r="CF189" i="9"/>
  <c r="CE189" i="9"/>
  <c r="CD189" i="9"/>
  <c r="CC189" i="9"/>
  <c r="CB189" i="9"/>
  <c r="BZ189" i="9"/>
  <c r="BY189" i="9"/>
  <c r="BX189" i="9"/>
  <c r="BW189" i="9"/>
  <c r="BV189" i="9"/>
  <c r="CA189" i="9"/>
  <c r="CZ169" i="9"/>
  <c r="CY169" i="9"/>
  <c r="CX169" i="9"/>
  <c r="CW169" i="9"/>
  <c r="CV169" i="9"/>
  <c r="CU169" i="9"/>
  <c r="CT169" i="9"/>
  <c r="CS169" i="9"/>
  <c r="CR169" i="9"/>
  <c r="CQ169" i="9"/>
  <c r="CP169" i="9"/>
  <c r="CO169" i="9"/>
  <c r="CN169" i="9"/>
  <c r="CM169" i="9"/>
  <c r="CL169" i="9"/>
  <c r="CK169" i="9"/>
  <c r="CJ169" i="9"/>
  <c r="CI169" i="9"/>
  <c r="CH169" i="9"/>
  <c r="CG169" i="9"/>
  <c r="CF169" i="9"/>
  <c r="CE169" i="9"/>
  <c r="CD169" i="9"/>
  <c r="CC169" i="9"/>
  <c r="CB169" i="9"/>
  <c r="BZ169" i="9"/>
  <c r="BY169" i="9"/>
  <c r="BX169" i="9"/>
  <c r="BW169" i="9"/>
  <c r="BV169" i="9"/>
  <c r="CA169" i="9"/>
  <c r="CZ149" i="9"/>
  <c r="CY149" i="9"/>
  <c r="CX149" i="9"/>
  <c r="CW149" i="9"/>
  <c r="CV149" i="9"/>
  <c r="CU149" i="9"/>
  <c r="CT149" i="9"/>
  <c r="CS149" i="9"/>
  <c r="CR149" i="9"/>
  <c r="CQ149" i="9"/>
  <c r="CP149" i="9"/>
  <c r="CO149" i="9"/>
  <c r="CN149" i="9"/>
  <c r="CM149" i="9"/>
  <c r="CL149" i="9"/>
  <c r="CK149" i="9"/>
  <c r="CJ149" i="9"/>
  <c r="CI149" i="9"/>
  <c r="CH149" i="9"/>
  <c r="CG149" i="9"/>
  <c r="CF149" i="9"/>
  <c r="CE149" i="9"/>
  <c r="CD149" i="9"/>
  <c r="CC149" i="9"/>
  <c r="CB149" i="9"/>
  <c r="BZ149" i="9"/>
  <c r="BY149" i="9"/>
  <c r="BX149" i="9"/>
  <c r="BW149" i="9"/>
  <c r="BV149" i="9"/>
  <c r="CA149" i="9"/>
  <c r="CZ128" i="9"/>
  <c r="CY128" i="9"/>
  <c r="CX128" i="9"/>
  <c r="CW128" i="9"/>
  <c r="CV128" i="9"/>
  <c r="CU128" i="9"/>
  <c r="CT128" i="9"/>
  <c r="CS128" i="9"/>
  <c r="CR128" i="9"/>
  <c r="CQ128" i="9"/>
  <c r="CP128" i="9"/>
  <c r="CO128" i="9"/>
  <c r="CN128" i="9"/>
  <c r="CM128" i="9"/>
  <c r="CL128" i="9"/>
  <c r="CK128" i="9"/>
  <c r="CJ128" i="9"/>
  <c r="CI128" i="9"/>
  <c r="CH128" i="9"/>
  <c r="CG128" i="9"/>
  <c r="CF128" i="9"/>
  <c r="CE128" i="9"/>
  <c r="CD128" i="9"/>
  <c r="CB128" i="9"/>
  <c r="CA128" i="9"/>
  <c r="BZ128" i="9"/>
  <c r="BY128" i="9"/>
  <c r="BX128" i="9"/>
  <c r="BW128" i="9"/>
  <c r="BV128" i="9"/>
  <c r="CC128" i="9"/>
  <c r="CZ112" i="9"/>
  <c r="CY112" i="9"/>
  <c r="CX112" i="9"/>
  <c r="CW112" i="9"/>
  <c r="CV112" i="9"/>
  <c r="CU112" i="9"/>
  <c r="CT112" i="9"/>
  <c r="CS112" i="9"/>
  <c r="CR112" i="9"/>
  <c r="CQ112" i="9"/>
  <c r="CP112" i="9"/>
  <c r="CO112" i="9"/>
  <c r="CN112" i="9"/>
  <c r="CM112" i="9"/>
  <c r="CL112" i="9"/>
  <c r="CK112" i="9"/>
  <c r="CJ112" i="9"/>
  <c r="CI112" i="9"/>
  <c r="CH112" i="9"/>
  <c r="CG112" i="9"/>
  <c r="CF112" i="9"/>
  <c r="CE112" i="9"/>
  <c r="CD112" i="9"/>
  <c r="CB112" i="9"/>
  <c r="BZ112" i="9"/>
  <c r="BY112" i="9"/>
  <c r="BX112" i="9"/>
  <c r="BW112" i="9"/>
  <c r="BV112" i="9"/>
  <c r="CC112" i="9"/>
  <c r="CZ96" i="9"/>
  <c r="CY96" i="9"/>
  <c r="CX96" i="9"/>
  <c r="CW96" i="9"/>
  <c r="CV96" i="9"/>
  <c r="CU96" i="9"/>
  <c r="CT96" i="9"/>
  <c r="CS96" i="9"/>
  <c r="CR96" i="9"/>
  <c r="CQ96" i="9"/>
  <c r="CP96" i="9"/>
  <c r="CO96" i="9"/>
  <c r="CN96" i="9"/>
  <c r="CM96" i="9"/>
  <c r="CL96" i="9"/>
  <c r="CK96" i="9"/>
  <c r="CJ96" i="9"/>
  <c r="CI96" i="9"/>
  <c r="CH96" i="9"/>
  <c r="CG96" i="9"/>
  <c r="CF96" i="9"/>
  <c r="CE96" i="9"/>
  <c r="CD96" i="9"/>
  <c r="CB96" i="9"/>
  <c r="CA96" i="9"/>
  <c r="BZ96" i="9"/>
  <c r="BY96" i="9"/>
  <c r="BX96" i="9"/>
  <c r="BW96" i="9"/>
  <c r="BV96" i="9"/>
  <c r="CC96" i="9"/>
  <c r="CZ80" i="9"/>
  <c r="CY80" i="9"/>
  <c r="CX80" i="9"/>
  <c r="CW80" i="9"/>
  <c r="CV80" i="9"/>
  <c r="CU80" i="9"/>
  <c r="CT80" i="9"/>
  <c r="CS80" i="9"/>
  <c r="CR80" i="9"/>
  <c r="CQ80" i="9"/>
  <c r="CP80" i="9"/>
  <c r="CO80" i="9"/>
  <c r="CN80" i="9"/>
  <c r="CM80" i="9"/>
  <c r="CL80" i="9"/>
  <c r="CK80" i="9"/>
  <c r="CJ80" i="9"/>
  <c r="CI80" i="9"/>
  <c r="CH80" i="9"/>
  <c r="CG80" i="9"/>
  <c r="CF80" i="9"/>
  <c r="CE80" i="9"/>
  <c r="CD80" i="9"/>
  <c r="CB80" i="9"/>
  <c r="CA80" i="9"/>
  <c r="BZ80" i="9"/>
  <c r="BY80" i="9"/>
  <c r="BX80" i="9"/>
  <c r="BW80" i="9"/>
  <c r="BV80" i="9"/>
  <c r="CC80" i="9"/>
  <c r="CZ188" i="9"/>
  <c r="CY188" i="9"/>
  <c r="CX188" i="9"/>
  <c r="CW188" i="9"/>
  <c r="CV188" i="9"/>
  <c r="CU188" i="9"/>
  <c r="CT188" i="9"/>
  <c r="CS188" i="9"/>
  <c r="CR188" i="9"/>
  <c r="CQ188" i="9"/>
  <c r="CP188" i="9"/>
  <c r="CO188" i="9"/>
  <c r="CN188" i="9"/>
  <c r="CM188" i="9"/>
  <c r="CL188" i="9"/>
  <c r="CK188" i="9"/>
  <c r="CJ188" i="9"/>
  <c r="CI188" i="9"/>
  <c r="CH188" i="9"/>
  <c r="CG188" i="9"/>
  <c r="CF188" i="9"/>
  <c r="CE188" i="9"/>
  <c r="CD188" i="9"/>
  <c r="CB188" i="9"/>
  <c r="CA188" i="9"/>
  <c r="BZ188" i="9"/>
  <c r="BY188" i="9"/>
  <c r="BX188" i="9"/>
  <c r="BW188" i="9"/>
  <c r="BV188" i="9"/>
  <c r="CC188" i="9"/>
  <c r="CZ168" i="9"/>
  <c r="CY168" i="9"/>
  <c r="CX168" i="9"/>
  <c r="CW168" i="9"/>
  <c r="CV168" i="9"/>
  <c r="CU168" i="9"/>
  <c r="CT168" i="9"/>
  <c r="CS168" i="9"/>
  <c r="CR168" i="9"/>
  <c r="CQ168" i="9"/>
  <c r="CP168" i="9"/>
  <c r="CO168" i="9"/>
  <c r="CN168" i="9"/>
  <c r="CM168" i="9"/>
  <c r="CL168" i="9"/>
  <c r="CK168" i="9"/>
  <c r="CJ168" i="9"/>
  <c r="CI168" i="9"/>
  <c r="CH168" i="9"/>
  <c r="CG168" i="9"/>
  <c r="CF168" i="9"/>
  <c r="CE168" i="9"/>
  <c r="CD168" i="9"/>
  <c r="CB168" i="9"/>
  <c r="CA168" i="9"/>
  <c r="BZ168" i="9"/>
  <c r="BY168" i="9"/>
  <c r="BX168" i="9"/>
  <c r="BW168" i="9"/>
  <c r="BV168" i="9"/>
  <c r="CC168" i="9"/>
  <c r="CZ148" i="9"/>
  <c r="CY148" i="9"/>
  <c r="CX148" i="9"/>
  <c r="CW148" i="9"/>
  <c r="CV148" i="9"/>
  <c r="CU148" i="9"/>
  <c r="CT148" i="9"/>
  <c r="CS148" i="9"/>
  <c r="CR148" i="9"/>
  <c r="CQ148" i="9"/>
  <c r="CP148" i="9"/>
  <c r="CO148" i="9"/>
  <c r="CN148" i="9"/>
  <c r="CM148" i="9"/>
  <c r="CL148" i="9"/>
  <c r="CK148" i="9"/>
  <c r="CJ148" i="9"/>
  <c r="CI148" i="9"/>
  <c r="CH148" i="9"/>
  <c r="CG148" i="9"/>
  <c r="CF148" i="9"/>
  <c r="CE148" i="9"/>
  <c r="CD148" i="9"/>
  <c r="CB148" i="9"/>
  <c r="CA148" i="9"/>
  <c r="BZ148" i="9"/>
  <c r="BY148" i="9"/>
  <c r="BX148" i="9"/>
  <c r="BW148" i="9"/>
  <c r="BV148" i="9"/>
  <c r="CC148" i="9"/>
  <c r="CZ127" i="9"/>
  <c r="CY127" i="9"/>
  <c r="CX127" i="9"/>
  <c r="CW127" i="9"/>
  <c r="CV127" i="9"/>
  <c r="CU127" i="9"/>
  <c r="CT127" i="9"/>
  <c r="CS127" i="9"/>
  <c r="CR127" i="9"/>
  <c r="CQ127" i="9"/>
  <c r="CP127" i="9"/>
  <c r="CO127" i="9"/>
  <c r="CN127" i="9"/>
  <c r="CM127" i="9"/>
  <c r="CL127" i="9"/>
  <c r="CK127" i="9"/>
  <c r="CJ127" i="9"/>
  <c r="CI127" i="9"/>
  <c r="CH127" i="9"/>
  <c r="CG127" i="9"/>
  <c r="CF127" i="9"/>
  <c r="CE127" i="9"/>
  <c r="CD127" i="9"/>
  <c r="CC127" i="9"/>
  <c r="CA127" i="9"/>
  <c r="BZ127" i="9"/>
  <c r="BY127" i="9"/>
  <c r="BX127" i="9"/>
  <c r="BW127" i="9"/>
  <c r="BV127" i="9"/>
  <c r="CB127" i="9"/>
  <c r="CZ95" i="9"/>
  <c r="CY95" i="9"/>
  <c r="CX95" i="9"/>
  <c r="CW95" i="9"/>
  <c r="CV95" i="9"/>
  <c r="CU95" i="9"/>
  <c r="CT95" i="9"/>
  <c r="CS95" i="9"/>
  <c r="CR95" i="9"/>
  <c r="CQ95" i="9"/>
  <c r="CP95" i="9"/>
  <c r="CO95" i="9"/>
  <c r="CN95" i="9"/>
  <c r="CM95" i="9"/>
  <c r="CL95" i="9"/>
  <c r="CK95" i="9"/>
  <c r="CJ95" i="9"/>
  <c r="CI95" i="9"/>
  <c r="CH95" i="9"/>
  <c r="CG95" i="9"/>
  <c r="CF95" i="9"/>
  <c r="CE95" i="9"/>
  <c r="CD95" i="9"/>
  <c r="CC95" i="9"/>
  <c r="CA95" i="9"/>
  <c r="BZ95" i="9"/>
  <c r="BY95" i="9"/>
  <c r="BX95" i="9"/>
  <c r="BW95" i="9"/>
  <c r="BV95" i="9"/>
  <c r="CB95" i="9"/>
  <c r="CZ79" i="9"/>
  <c r="CY79" i="9"/>
  <c r="CX79" i="9"/>
  <c r="CW79" i="9"/>
  <c r="CV79" i="9"/>
  <c r="CU79" i="9"/>
  <c r="CT79" i="9"/>
  <c r="CS79" i="9"/>
  <c r="CR79" i="9"/>
  <c r="CQ79" i="9"/>
  <c r="CP79" i="9"/>
  <c r="CO79" i="9"/>
  <c r="CN79" i="9"/>
  <c r="CM79" i="9"/>
  <c r="CL79" i="9"/>
  <c r="CK79" i="9"/>
  <c r="CJ79" i="9"/>
  <c r="CI79" i="9"/>
  <c r="CH79" i="9"/>
  <c r="CG79" i="9"/>
  <c r="CF79" i="9"/>
  <c r="CE79" i="9"/>
  <c r="CD79" i="9"/>
  <c r="CC79" i="9"/>
  <c r="CA79" i="9"/>
  <c r="BZ79" i="9"/>
  <c r="BY79" i="9"/>
  <c r="BX79" i="9"/>
  <c r="BW79" i="9"/>
  <c r="BV79" i="9"/>
  <c r="CB79" i="9"/>
  <c r="CZ187" i="9"/>
  <c r="CY187" i="9"/>
  <c r="CX187" i="9"/>
  <c r="CW187" i="9"/>
  <c r="CV187" i="9"/>
  <c r="CU187" i="9"/>
  <c r="CT187" i="9"/>
  <c r="CS187" i="9"/>
  <c r="CR187" i="9"/>
  <c r="CQ187" i="9"/>
  <c r="CP187" i="9"/>
  <c r="CO187" i="9"/>
  <c r="CN187" i="9"/>
  <c r="CM187" i="9"/>
  <c r="CL187" i="9"/>
  <c r="CK187" i="9"/>
  <c r="CJ187" i="9"/>
  <c r="CI187" i="9"/>
  <c r="CH187" i="9"/>
  <c r="CG187" i="9"/>
  <c r="CF187" i="9"/>
  <c r="CE187" i="9"/>
  <c r="CD187" i="9"/>
  <c r="CC187" i="9"/>
  <c r="CA187" i="9"/>
  <c r="BZ187" i="9"/>
  <c r="BY187" i="9"/>
  <c r="BX187" i="9"/>
  <c r="BW187" i="9"/>
  <c r="BV187" i="9"/>
  <c r="CB187" i="9"/>
  <c r="CZ167" i="9"/>
  <c r="CY167" i="9"/>
  <c r="CX167" i="9"/>
  <c r="CW167" i="9"/>
  <c r="CV167" i="9"/>
  <c r="CU167" i="9"/>
  <c r="CT167" i="9"/>
  <c r="CS167" i="9"/>
  <c r="CR167" i="9"/>
  <c r="CQ167" i="9"/>
  <c r="CP167" i="9"/>
  <c r="CO167" i="9"/>
  <c r="CN167" i="9"/>
  <c r="CM167" i="9"/>
  <c r="CL167" i="9"/>
  <c r="CK167" i="9"/>
  <c r="CJ167" i="9"/>
  <c r="CI167" i="9"/>
  <c r="CH167" i="9"/>
  <c r="CG167" i="9"/>
  <c r="CF167" i="9"/>
  <c r="CE167" i="9"/>
  <c r="CD167" i="9"/>
  <c r="CC167" i="9"/>
  <c r="CA167" i="9"/>
  <c r="BZ167" i="9"/>
  <c r="BY167" i="9"/>
  <c r="BX167" i="9"/>
  <c r="BW167" i="9"/>
  <c r="BV167" i="9"/>
  <c r="CB167" i="9"/>
  <c r="CZ147" i="9"/>
  <c r="CY147" i="9"/>
  <c r="CX147" i="9"/>
  <c r="CW147" i="9"/>
  <c r="CV147" i="9"/>
  <c r="CU147" i="9"/>
  <c r="CT147" i="9"/>
  <c r="CS147" i="9"/>
  <c r="CR147" i="9"/>
  <c r="CQ147" i="9"/>
  <c r="CP147" i="9"/>
  <c r="CO147" i="9"/>
  <c r="CN147" i="9"/>
  <c r="CM147" i="9"/>
  <c r="CL147" i="9"/>
  <c r="CK147" i="9"/>
  <c r="CJ147" i="9"/>
  <c r="CI147" i="9"/>
  <c r="CH147" i="9"/>
  <c r="CG147" i="9"/>
  <c r="CF147" i="9"/>
  <c r="CE147" i="9"/>
  <c r="CD147" i="9"/>
  <c r="CC147" i="9"/>
  <c r="CA147" i="9"/>
  <c r="BZ147" i="9"/>
  <c r="BY147" i="9"/>
  <c r="BX147" i="9"/>
  <c r="BW147" i="9"/>
  <c r="BV147" i="9"/>
  <c r="CB147" i="9"/>
  <c r="CZ126" i="9"/>
  <c r="CY126" i="9"/>
  <c r="CX126" i="9"/>
  <c r="CW126" i="9"/>
  <c r="CV126" i="9"/>
  <c r="CU126" i="9"/>
  <c r="CT126" i="9"/>
  <c r="CS126" i="9"/>
  <c r="CR126" i="9"/>
  <c r="CQ126" i="9"/>
  <c r="CP126" i="9"/>
  <c r="CO126" i="9"/>
  <c r="CN126" i="9"/>
  <c r="CM126" i="9"/>
  <c r="CL126" i="9"/>
  <c r="CK126" i="9"/>
  <c r="CJ126" i="9"/>
  <c r="CI126" i="9"/>
  <c r="CH126" i="9"/>
  <c r="CG126" i="9"/>
  <c r="CF126" i="9"/>
  <c r="CE126" i="9"/>
  <c r="CD126" i="9"/>
  <c r="CC126" i="9"/>
  <c r="CB126" i="9"/>
  <c r="CA126" i="9"/>
  <c r="BY126" i="9"/>
  <c r="BX126" i="9"/>
  <c r="BW126" i="9"/>
  <c r="BV126" i="9"/>
  <c r="BZ126" i="9"/>
  <c r="CZ94" i="9"/>
  <c r="CY94" i="9"/>
  <c r="CX94" i="9"/>
  <c r="CW94" i="9"/>
  <c r="CV94" i="9"/>
  <c r="CU94" i="9"/>
  <c r="CT94" i="9"/>
  <c r="CS94" i="9"/>
  <c r="CR94" i="9"/>
  <c r="CQ94" i="9"/>
  <c r="CP94" i="9"/>
  <c r="CO94" i="9"/>
  <c r="CN94" i="9"/>
  <c r="CM94" i="9"/>
  <c r="CL94" i="9"/>
  <c r="CK94" i="9"/>
  <c r="CJ94" i="9"/>
  <c r="CI94" i="9"/>
  <c r="CH94" i="9"/>
  <c r="CG94" i="9"/>
  <c r="CF94" i="9"/>
  <c r="CE94" i="9"/>
  <c r="CD94" i="9"/>
  <c r="CC94" i="9"/>
  <c r="CB94" i="9"/>
  <c r="CA94" i="9"/>
  <c r="BY94" i="9"/>
  <c r="BX94" i="9"/>
  <c r="BW94" i="9"/>
  <c r="BV94" i="9"/>
  <c r="BZ94" i="9"/>
  <c r="CZ78" i="9"/>
  <c r="CY78" i="9"/>
  <c r="CX78" i="9"/>
  <c r="CW78" i="9"/>
  <c r="CV78" i="9"/>
  <c r="CU78" i="9"/>
  <c r="CT78" i="9"/>
  <c r="CS78" i="9"/>
  <c r="CR78" i="9"/>
  <c r="CQ78" i="9"/>
  <c r="CP78" i="9"/>
  <c r="CO78" i="9"/>
  <c r="CN78" i="9"/>
  <c r="CM78" i="9"/>
  <c r="CL78" i="9"/>
  <c r="CK78" i="9"/>
  <c r="CJ78" i="9"/>
  <c r="CI78" i="9"/>
  <c r="CH78" i="9"/>
  <c r="CG78" i="9"/>
  <c r="CF78" i="9"/>
  <c r="CE78" i="9"/>
  <c r="CD78" i="9"/>
  <c r="CC78" i="9"/>
  <c r="CB78" i="9"/>
  <c r="CA78" i="9"/>
  <c r="BY78" i="9"/>
  <c r="BX78" i="9"/>
  <c r="BW78" i="9"/>
  <c r="BV78" i="9"/>
  <c r="BZ78" i="9"/>
  <c r="CZ186" i="9"/>
  <c r="CY186" i="9"/>
  <c r="CX186" i="9"/>
  <c r="CW186" i="9"/>
  <c r="CV186" i="9"/>
  <c r="CU186" i="9"/>
  <c r="CT186" i="9"/>
  <c r="CS186" i="9"/>
  <c r="CR186" i="9"/>
  <c r="CQ186" i="9"/>
  <c r="CP186" i="9"/>
  <c r="CO186" i="9"/>
  <c r="CN186" i="9"/>
  <c r="CM186" i="9"/>
  <c r="CL186" i="9"/>
  <c r="CK186" i="9"/>
  <c r="CJ186" i="9"/>
  <c r="CI186" i="9"/>
  <c r="CH186" i="9"/>
  <c r="CG186" i="9"/>
  <c r="CF186" i="9"/>
  <c r="CE186" i="9"/>
  <c r="CD186" i="9"/>
  <c r="CC186" i="9"/>
  <c r="CB186" i="9"/>
  <c r="CA186" i="9"/>
  <c r="BY186" i="9"/>
  <c r="BX186" i="9"/>
  <c r="BW186" i="9"/>
  <c r="BV186" i="9"/>
  <c r="BZ186" i="9"/>
  <c r="CZ166" i="9"/>
  <c r="CY166" i="9"/>
  <c r="CX166" i="9"/>
  <c r="CW166" i="9"/>
  <c r="CV166" i="9"/>
  <c r="CU166" i="9"/>
  <c r="CT166" i="9"/>
  <c r="CS166" i="9"/>
  <c r="CR166" i="9"/>
  <c r="CQ166" i="9"/>
  <c r="CP166" i="9"/>
  <c r="CO166" i="9"/>
  <c r="CN166" i="9"/>
  <c r="CM166" i="9"/>
  <c r="CL166" i="9"/>
  <c r="CK166" i="9"/>
  <c r="CJ166" i="9"/>
  <c r="CI166" i="9"/>
  <c r="CH166" i="9"/>
  <c r="CG166" i="9"/>
  <c r="CF166" i="9"/>
  <c r="CE166" i="9"/>
  <c r="CD166" i="9"/>
  <c r="CC166" i="9"/>
  <c r="CB166" i="9"/>
  <c r="CA166" i="9"/>
  <c r="BY166" i="9"/>
  <c r="BX166" i="9"/>
  <c r="BW166" i="9"/>
  <c r="BV166" i="9"/>
  <c r="BZ166" i="9"/>
  <c r="CZ146" i="9"/>
  <c r="CY146" i="9"/>
  <c r="CX146" i="9"/>
  <c r="CW146" i="9"/>
  <c r="CV146" i="9"/>
  <c r="CU146" i="9"/>
  <c r="CT146" i="9"/>
  <c r="CS146" i="9"/>
  <c r="CR146" i="9"/>
  <c r="CQ146" i="9"/>
  <c r="CP146" i="9"/>
  <c r="CO146" i="9"/>
  <c r="CN146" i="9"/>
  <c r="CM146" i="9"/>
  <c r="CL146" i="9"/>
  <c r="CK146" i="9"/>
  <c r="CJ146" i="9"/>
  <c r="CI146" i="9"/>
  <c r="CH146" i="9"/>
  <c r="CG146" i="9"/>
  <c r="CF146" i="9"/>
  <c r="CE146" i="9"/>
  <c r="CD146" i="9"/>
  <c r="CC146" i="9"/>
  <c r="CB146" i="9"/>
  <c r="CA146" i="9"/>
  <c r="BY146" i="9"/>
  <c r="BX146" i="9"/>
  <c r="BW146" i="9"/>
  <c r="BV146" i="9"/>
  <c r="BZ146" i="9"/>
  <c r="CZ123" i="9"/>
  <c r="CY123" i="9"/>
  <c r="CX123" i="9"/>
  <c r="CW123" i="9"/>
  <c r="CV123" i="9"/>
  <c r="CU123" i="9"/>
  <c r="CT123" i="9"/>
  <c r="CS123" i="9"/>
  <c r="CR123" i="9"/>
  <c r="CQ123" i="9"/>
  <c r="CP123" i="9"/>
  <c r="CO123" i="9"/>
  <c r="CN123" i="9"/>
  <c r="CM123" i="9"/>
  <c r="CL123" i="9"/>
  <c r="CK123" i="9"/>
  <c r="CJ123" i="9"/>
  <c r="CI123" i="9"/>
  <c r="CH123" i="9"/>
  <c r="CG123" i="9"/>
  <c r="CF123" i="9"/>
  <c r="CE123" i="9"/>
  <c r="CD123" i="9"/>
  <c r="CC123" i="9"/>
  <c r="CB123" i="9"/>
  <c r="CA123" i="9"/>
  <c r="BZ123" i="9"/>
  <c r="BY123" i="9"/>
  <c r="BX123" i="9"/>
  <c r="BV123" i="9"/>
  <c r="BW123" i="9"/>
  <c r="CZ92" i="9"/>
  <c r="CY92" i="9"/>
  <c r="CX92" i="9"/>
  <c r="CW92" i="9"/>
  <c r="CV92" i="9"/>
  <c r="CU92" i="9"/>
  <c r="CT92" i="9"/>
  <c r="CS92" i="9"/>
  <c r="CR92" i="9"/>
  <c r="CQ92" i="9"/>
  <c r="CP92" i="9"/>
  <c r="CO92" i="9"/>
  <c r="CN92" i="9"/>
  <c r="CM92" i="9"/>
  <c r="CL92" i="9"/>
  <c r="CK92" i="9"/>
  <c r="CJ92" i="9"/>
  <c r="CI92" i="9"/>
  <c r="CH92" i="9"/>
  <c r="CG92" i="9"/>
  <c r="CF92" i="9"/>
  <c r="CE92" i="9"/>
  <c r="CD92" i="9"/>
  <c r="CC92" i="9"/>
  <c r="CB92" i="9"/>
  <c r="CA92" i="9"/>
  <c r="BZ92" i="9"/>
  <c r="BY92" i="9"/>
  <c r="BX92" i="9"/>
  <c r="BV92" i="9"/>
  <c r="BW92" i="9"/>
  <c r="CZ75" i="9"/>
  <c r="CY75" i="9"/>
  <c r="CX75" i="9"/>
  <c r="CW75" i="9"/>
  <c r="CV75" i="9"/>
  <c r="CU75" i="9"/>
  <c r="CT75" i="9"/>
  <c r="CS75" i="9"/>
  <c r="CR75" i="9"/>
  <c r="CQ75" i="9"/>
  <c r="CP75" i="9"/>
  <c r="CO75" i="9"/>
  <c r="CN75" i="9"/>
  <c r="CM75" i="9"/>
  <c r="CL75" i="9"/>
  <c r="CK75" i="9"/>
  <c r="CJ75" i="9"/>
  <c r="CI75" i="9"/>
  <c r="CH75" i="9"/>
  <c r="CG75" i="9"/>
  <c r="CF75" i="9"/>
  <c r="CE75" i="9"/>
  <c r="CD75" i="9"/>
  <c r="CC75" i="9"/>
  <c r="CB75" i="9"/>
  <c r="CA75" i="9"/>
  <c r="BZ75" i="9"/>
  <c r="BY75" i="9"/>
  <c r="BX75" i="9"/>
  <c r="BV75" i="9"/>
  <c r="BW75" i="9"/>
  <c r="CZ185" i="9"/>
  <c r="CY185" i="9"/>
  <c r="CX185" i="9"/>
  <c r="CW185" i="9"/>
  <c r="CV185" i="9"/>
  <c r="CU185" i="9"/>
  <c r="CT185" i="9"/>
  <c r="CS185" i="9"/>
  <c r="CR185" i="9"/>
  <c r="CQ185" i="9"/>
  <c r="CP185" i="9"/>
  <c r="CO185" i="9"/>
  <c r="CN185" i="9"/>
  <c r="CM185" i="9"/>
  <c r="CL185" i="9"/>
  <c r="CK185" i="9"/>
  <c r="CJ185" i="9"/>
  <c r="CI185" i="9"/>
  <c r="CH185" i="9"/>
  <c r="CG185" i="9"/>
  <c r="CF185" i="9"/>
  <c r="CE185" i="9"/>
  <c r="CD185" i="9"/>
  <c r="CC185" i="9"/>
  <c r="CB185" i="9"/>
  <c r="CA185" i="9"/>
  <c r="BZ185" i="9"/>
  <c r="BY185" i="9"/>
  <c r="BX185" i="9"/>
  <c r="BV185" i="9"/>
  <c r="BW185" i="9"/>
  <c r="CZ165" i="9"/>
  <c r="CY165" i="9"/>
  <c r="CX165" i="9"/>
  <c r="CW165" i="9"/>
  <c r="CV165" i="9"/>
  <c r="CU165" i="9"/>
  <c r="CT165" i="9"/>
  <c r="CS165" i="9"/>
  <c r="CR165" i="9"/>
  <c r="CQ165" i="9"/>
  <c r="CP165" i="9"/>
  <c r="CO165" i="9"/>
  <c r="CN165" i="9"/>
  <c r="CM165" i="9"/>
  <c r="CL165" i="9"/>
  <c r="CK165" i="9"/>
  <c r="CJ165" i="9"/>
  <c r="CI165" i="9"/>
  <c r="CH165" i="9"/>
  <c r="CG165" i="9"/>
  <c r="CF165" i="9"/>
  <c r="CE165" i="9"/>
  <c r="CD165" i="9"/>
  <c r="CC165" i="9"/>
  <c r="CB165" i="9"/>
  <c r="CA165" i="9"/>
  <c r="BZ165" i="9"/>
  <c r="BY165" i="9"/>
  <c r="BX165" i="9"/>
  <c r="BV165" i="9"/>
  <c r="BW165" i="9"/>
  <c r="CZ145" i="9"/>
  <c r="CY145" i="9"/>
  <c r="CX145" i="9"/>
  <c r="CW145" i="9"/>
  <c r="CV145" i="9"/>
  <c r="CU145" i="9"/>
  <c r="CT145" i="9"/>
  <c r="CS145" i="9"/>
  <c r="CR145" i="9"/>
  <c r="CQ145" i="9"/>
  <c r="CP145" i="9"/>
  <c r="CO145" i="9"/>
  <c r="CN145" i="9"/>
  <c r="CM145" i="9"/>
  <c r="CL145" i="9"/>
  <c r="CK145" i="9"/>
  <c r="CJ145" i="9"/>
  <c r="CI145" i="9"/>
  <c r="CH145" i="9"/>
  <c r="CG145" i="9"/>
  <c r="CF145" i="9"/>
  <c r="CE145" i="9"/>
  <c r="CD145" i="9"/>
  <c r="CC145" i="9"/>
  <c r="CB145" i="9"/>
  <c r="CA145" i="9"/>
  <c r="BZ145" i="9"/>
  <c r="BY145" i="9"/>
  <c r="BX145" i="9"/>
  <c r="BV145" i="9"/>
  <c r="BW145" i="9"/>
  <c r="CZ125" i="9"/>
  <c r="CY125" i="9"/>
  <c r="CX125" i="9"/>
  <c r="CW125" i="9"/>
  <c r="CV125" i="9"/>
  <c r="CU125" i="9"/>
  <c r="CT125" i="9"/>
  <c r="CS125" i="9"/>
  <c r="CR125" i="9"/>
  <c r="CQ125" i="9"/>
  <c r="CP125" i="9"/>
  <c r="CO125" i="9"/>
  <c r="CN125" i="9"/>
  <c r="CM125" i="9"/>
  <c r="CL125" i="9"/>
  <c r="CK125" i="9"/>
  <c r="CJ125" i="9"/>
  <c r="CI125" i="9"/>
  <c r="CH125" i="9"/>
  <c r="CG125" i="9"/>
  <c r="CF125" i="9"/>
  <c r="CE125" i="9"/>
  <c r="CD125" i="9"/>
  <c r="CC125" i="9"/>
  <c r="CB125" i="9"/>
  <c r="CA125" i="9"/>
  <c r="BZ125" i="9"/>
  <c r="BX125" i="9"/>
  <c r="BW125" i="9"/>
  <c r="BV125" i="9"/>
  <c r="BY125" i="9"/>
  <c r="CZ93" i="9"/>
  <c r="CY93" i="9"/>
  <c r="CX93" i="9"/>
  <c r="CW93" i="9"/>
  <c r="CV93" i="9"/>
  <c r="CU93" i="9"/>
  <c r="CT93" i="9"/>
  <c r="CS93" i="9"/>
  <c r="CR93" i="9"/>
  <c r="CQ93" i="9"/>
  <c r="CP93" i="9"/>
  <c r="CO93" i="9"/>
  <c r="CN93" i="9"/>
  <c r="CM93" i="9"/>
  <c r="CL93" i="9"/>
  <c r="CK93" i="9"/>
  <c r="CJ93" i="9"/>
  <c r="CI93" i="9"/>
  <c r="CH93" i="9"/>
  <c r="CG93" i="9"/>
  <c r="CF93" i="9"/>
  <c r="CE93" i="9"/>
  <c r="CD93" i="9"/>
  <c r="CC93" i="9"/>
  <c r="CB93" i="9"/>
  <c r="CA93" i="9"/>
  <c r="BZ93" i="9"/>
  <c r="BX93" i="9"/>
  <c r="BW93" i="9"/>
  <c r="BV93" i="9"/>
  <c r="BY93" i="9"/>
  <c r="CZ77" i="9"/>
  <c r="CY77" i="9"/>
  <c r="CX77" i="9"/>
  <c r="CW77" i="9"/>
  <c r="CV77" i="9"/>
  <c r="CU77" i="9"/>
  <c r="CT77" i="9"/>
  <c r="CS77" i="9"/>
  <c r="CR77" i="9"/>
  <c r="CQ77" i="9"/>
  <c r="CP77" i="9"/>
  <c r="CO77" i="9"/>
  <c r="CN77" i="9"/>
  <c r="CM77" i="9"/>
  <c r="CL77" i="9"/>
  <c r="CK77" i="9"/>
  <c r="CJ77" i="9"/>
  <c r="CI77" i="9"/>
  <c r="CH77" i="9"/>
  <c r="CG77" i="9"/>
  <c r="CF77" i="9"/>
  <c r="CE77" i="9"/>
  <c r="CD77" i="9"/>
  <c r="CC77" i="9"/>
  <c r="CB77" i="9"/>
  <c r="CA77" i="9"/>
  <c r="BZ77" i="9"/>
  <c r="BX77" i="9"/>
  <c r="BW77" i="9"/>
  <c r="BV77" i="9"/>
  <c r="BY77" i="9"/>
  <c r="CZ184" i="9"/>
  <c r="CY184" i="9"/>
  <c r="CX184" i="9"/>
  <c r="CW184" i="9"/>
  <c r="CV184" i="9"/>
  <c r="CU184" i="9"/>
  <c r="CT184" i="9"/>
  <c r="CS184" i="9"/>
  <c r="CR184" i="9"/>
  <c r="CQ184" i="9"/>
  <c r="CP184" i="9"/>
  <c r="CO184" i="9"/>
  <c r="CN184" i="9"/>
  <c r="CM184" i="9"/>
  <c r="CL184" i="9"/>
  <c r="CK184" i="9"/>
  <c r="CJ184" i="9"/>
  <c r="CI184" i="9"/>
  <c r="CH184" i="9"/>
  <c r="CG184" i="9"/>
  <c r="CF184" i="9"/>
  <c r="CE184" i="9"/>
  <c r="CD184" i="9"/>
  <c r="CC184" i="9"/>
  <c r="CB184" i="9"/>
  <c r="CA184" i="9"/>
  <c r="BZ184" i="9"/>
  <c r="BX184" i="9"/>
  <c r="BW184" i="9"/>
  <c r="BV184" i="9"/>
  <c r="BY184" i="9"/>
  <c r="CZ164" i="9"/>
  <c r="CY164" i="9"/>
  <c r="CX164" i="9"/>
  <c r="CW164" i="9"/>
  <c r="CV164" i="9"/>
  <c r="CU164" i="9"/>
  <c r="CT164" i="9"/>
  <c r="CS164" i="9"/>
  <c r="CR164" i="9"/>
  <c r="CQ164" i="9"/>
  <c r="CP164" i="9"/>
  <c r="CO164" i="9"/>
  <c r="CN164" i="9"/>
  <c r="CM164" i="9"/>
  <c r="CL164" i="9"/>
  <c r="CK164" i="9"/>
  <c r="CJ164" i="9"/>
  <c r="CI164" i="9"/>
  <c r="CH164" i="9"/>
  <c r="CG164" i="9"/>
  <c r="CF164" i="9"/>
  <c r="CE164" i="9"/>
  <c r="CD164" i="9"/>
  <c r="CC164" i="9"/>
  <c r="CB164" i="9"/>
  <c r="CA164" i="9"/>
  <c r="BZ164" i="9"/>
  <c r="BX164" i="9"/>
  <c r="BW164" i="9"/>
  <c r="BV164" i="9"/>
  <c r="BY164" i="9"/>
  <c r="CZ144" i="9"/>
  <c r="CY144" i="9"/>
  <c r="CX144" i="9"/>
  <c r="CW144" i="9"/>
  <c r="CV144" i="9"/>
  <c r="CU144" i="9"/>
  <c r="CT144" i="9"/>
  <c r="CS144" i="9"/>
  <c r="CR144" i="9"/>
  <c r="CQ144" i="9"/>
  <c r="CP144" i="9"/>
  <c r="CO144" i="9"/>
  <c r="CN144" i="9"/>
  <c r="CM144" i="9"/>
  <c r="CL144" i="9"/>
  <c r="CK144" i="9"/>
  <c r="CJ144" i="9"/>
  <c r="CI144" i="9"/>
  <c r="CH144" i="9"/>
  <c r="CG144" i="9"/>
  <c r="CF144" i="9"/>
  <c r="CE144" i="9"/>
  <c r="CD144" i="9"/>
  <c r="CC144" i="9"/>
  <c r="CB144" i="9"/>
  <c r="CA144" i="9"/>
  <c r="BZ144" i="9"/>
  <c r="BX144" i="9"/>
  <c r="BW144" i="9"/>
  <c r="BV144" i="9"/>
  <c r="BY144" i="9"/>
  <c r="CZ124" i="9"/>
  <c r="CY124" i="9"/>
  <c r="CX124" i="9"/>
  <c r="CW124" i="9"/>
  <c r="CV124" i="9"/>
  <c r="CU124" i="9"/>
  <c r="CT124" i="9"/>
  <c r="CS124" i="9"/>
  <c r="CR124" i="9"/>
  <c r="CQ124" i="9"/>
  <c r="CP124" i="9"/>
  <c r="CO124" i="9"/>
  <c r="CN124" i="9"/>
  <c r="CM124" i="9"/>
  <c r="CL124" i="9"/>
  <c r="CK124" i="9"/>
  <c r="CJ124" i="9"/>
  <c r="CI124" i="9"/>
  <c r="CH124" i="9"/>
  <c r="CG124" i="9"/>
  <c r="CF124" i="9"/>
  <c r="CE124" i="9"/>
  <c r="CD124" i="9"/>
  <c r="CC124" i="9"/>
  <c r="CB124" i="9"/>
  <c r="CA124" i="9"/>
  <c r="BZ124" i="9"/>
  <c r="BY124" i="9"/>
  <c r="BW124" i="9"/>
  <c r="BV124" i="9"/>
  <c r="BX124" i="9"/>
  <c r="CZ111" i="9"/>
  <c r="CY111" i="9"/>
  <c r="CX111" i="9"/>
  <c r="CW111" i="9"/>
  <c r="CV111" i="9"/>
  <c r="CU111" i="9"/>
  <c r="CT111" i="9"/>
  <c r="CS111" i="9"/>
  <c r="CR111" i="9"/>
  <c r="CQ111" i="9"/>
  <c r="CP111" i="9"/>
  <c r="CO111" i="9"/>
  <c r="CN111" i="9"/>
  <c r="CM111" i="9"/>
  <c r="CL111" i="9"/>
  <c r="CK111" i="9"/>
  <c r="CJ111" i="9"/>
  <c r="CI111" i="9"/>
  <c r="CH111" i="9"/>
  <c r="CG111" i="9"/>
  <c r="CF111" i="9"/>
  <c r="CE111" i="9"/>
  <c r="CD111" i="9"/>
  <c r="CC111" i="9"/>
  <c r="CB111" i="9"/>
  <c r="CA111" i="9"/>
  <c r="BV111" i="9"/>
  <c r="BX111" i="9"/>
  <c r="CZ91" i="9"/>
  <c r="CY91" i="9"/>
  <c r="CX91" i="9"/>
  <c r="CW91" i="9"/>
  <c r="CV91" i="9"/>
  <c r="CU91" i="9"/>
  <c r="CT91" i="9"/>
  <c r="CS91" i="9"/>
  <c r="CR91" i="9"/>
  <c r="CQ91" i="9"/>
  <c r="CP91" i="9"/>
  <c r="CO91" i="9"/>
  <c r="CN91" i="9"/>
  <c r="CM91" i="9"/>
  <c r="CL91" i="9"/>
  <c r="CK91" i="9"/>
  <c r="CJ91" i="9"/>
  <c r="CI91" i="9"/>
  <c r="CH91" i="9"/>
  <c r="CG91" i="9"/>
  <c r="CF91" i="9"/>
  <c r="CE91" i="9"/>
  <c r="CD91" i="9"/>
  <c r="CC91" i="9"/>
  <c r="CB91" i="9"/>
  <c r="CA91" i="9"/>
  <c r="BZ91" i="9"/>
  <c r="BY91" i="9"/>
  <c r="BW91" i="9"/>
  <c r="BV91" i="9"/>
  <c r="BX91" i="9"/>
  <c r="CZ76" i="9"/>
  <c r="CY76" i="9"/>
  <c r="CX76" i="9"/>
  <c r="CW76" i="9"/>
  <c r="CV76" i="9"/>
  <c r="CU76" i="9"/>
  <c r="CT76" i="9"/>
  <c r="CS76" i="9"/>
  <c r="CR76" i="9"/>
  <c r="CQ76" i="9"/>
  <c r="CP76" i="9"/>
  <c r="CO76" i="9"/>
  <c r="CN76" i="9"/>
  <c r="CM76" i="9"/>
  <c r="CL76" i="9"/>
  <c r="CK76" i="9"/>
  <c r="CJ76" i="9"/>
  <c r="CI76" i="9"/>
  <c r="CH76" i="9"/>
  <c r="CG76" i="9"/>
  <c r="CF76" i="9"/>
  <c r="CE76" i="9"/>
  <c r="CD76" i="9"/>
  <c r="CC76" i="9"/>
  <c r="CB76" i="9"/>
  <c r="CA76" i="9"/>
  <c r="BZ76" i="9"/>
  <c r="BY76" i="9"/>
  <c r="BW76" i="9"/>
  <c r="BV76" i="9"/>
  <c r="BX76" i="9"/>
  <c r="CZ183" i="9"/>
  <c r="CY183" i="9"/>
  <c r="CX183" i="9"/>
  <c r="CW183" i="9"/>
  <c r="CV183" i="9"/>
  <c r="CU183" i="9"/>
  <c r="CT183" i="9"/>
  <c r="CS183" i="9"/>
  <c r="CR183" i="9"/>
  <c r="CQ183" i="9"/>
  <c r="CP183" i="9"/>
  <c r="CO183" i="9"/>
  <c r="CN183" i="9"/>
  <c r="CM183" i="9"/>
  <c r="CL183" i="9"/>
  <c r="CK183" i="9"/>
  <c r="CJ183" i="9"/>
  <c r="CI183" i="9"/>
  <c r="CH183" i="9"/>
  <c r="CG183" i="9"/>
  <c r="CF183" i="9"/>
  <c r="CE183" i="9"/>
  <c r="CD183" i="9"/>
  <c r="CC183" i="9"/>
  <c r="CB183" i="9"/>
  <c r="CA183" i="9"/>
  <c r="BZ183" i="9"/>
  <c r="BY183" i="9"/>
  <c r="BW183" i="9"/>
  <c r="BV183" i="9"/>
  <c r="BX183" i="9"/>
  <c r="CZ163" i="9"/>
  <c r="CY163" i="9"/>
  <c r="CX163" i="9"/>
  <c r="CW163" i="9"/>
  <c r="CV163" i="9"/>
  <c r="CU163" i="9"/>
  <c r="CT163" i="9"/>
  <c r="CS163" i="9"/>
  <c r="CR163" i="9"/>
  <c r="CQ163" i="9"/>
  <c r="CP163" i="9"/>
  <c r="CO163" i="9"/>
  <c r="CN163" i="9"/>
  <c r="CM163" i="9"/>
  <c r="CL163" i="9"/>
  <c r="CK163" i="9"/>
  <c r="CJ163" i="9"/>
  <c r="CI163" i="9"/>
  <c r="CH163" i="9"/>
  <c r="CG163" i="9"/>
  <c r="CF163" i="9"/>
  <c r="CE163" i="9"/>
  <c r="CD163" i="9"/>
  <c r="CC163" i="9"/>
  <c r="CB163" i="9"/>
  <c r="CA163" i="9"/>
  <c r="BZ163" i="9"/>
  <c r="BY163" i="9"/>
  <c r="BW163" i="9"/>
  <c r="BV163" i="9"/>
  <c r="BX163" i="9"/>
  <c r="CZ143" i="9"/>
  <c r="CY143" i="9"/>
  <c r="CX143" i="9"/>
  <c r="CW143" i="9"/>
  <c r="CV143" i="9"/>
  <c r="CU143" i="9"/>
  <c r="CT143" i="9"/>
  <c r="CS143" i="9"/>
  <c r="CR143" i="9"/>
  <c r="CQ143" i="9"/>
  <c r="CP143" i="9"/>
  <c r="CO143" i="9"/>
  <c r="CN143" i="9"/>
  <c r="CM143" i="9"/>
  <c r="CL143" i="9"/>
  <c r="CK143" i="9"/>
  <c r="CJ143" i="9"/>
  <c r="CI143" i="9"/>
  <c r="CH143" i="9"/>
  <c r="CG143" i="9"/>
  <c r="CF143" i="9"/>
  <c r="CE143" i="9"/>
  <c r="CD143" i="9"/>
  <c r="CC143" i="9"/>
  <c r="CB143" i="9"/>
  <c r="CA143" i="9"/>
  <c r="BZ143" i="9"/>
  <c r="BY143" i="9"/>
  <c r="BW143" i="9"/>
  <c r="BV143" i="9"/>
  <c r="BX143" i="9"/>
  <c r="CZ122" i="9"/>
  <c r="CY122" i="9"/>
  <c r="CX122" i="9"/>
  <c r="CW122" i="9"/>
  <c r="CV122" i="9"/>
  <c r="CU122" i="9"/>
  <c r="CT122" i="9"/>
  <c r="CS122" i="9"/>
  <c r="CR122" i="9"/>
  <c r="CQ122" i="9"/>
  <c r="CP122" i="9"/>
  <c r="CO122" i="9"/>
  <c r="CN122" i="9"/>
  <c r="CM122" i="9"/>
  <c r="CL122" i="9"/>
  <c r="CK122" i="9"/>
  <c r="CJ122" i="9"/>
  <c r="CI122" i="9"/>
  <c r="CH122" i="9"/>
  <c r="CG122" i="9"/>
  <c r="CF122" i="9"/>
  <c r="CE122" i="9"/>
  <c r="CD122" i="9"/>
  <c r="CC122" i="9"/>
  <c r="CB122" i="9"/>
  <c r="CA122" i="9"/>
  <c r="BZ122" i="9"/>
  <c r="BY122" i="9"/>
  <c r="BX122" i="9"/>
  <c r="BW122" i="9"/>
  <c r="BV122" i="9"/>
  <c r="CZ106" i="9"/>
  <c r="CY106" i="9"/>
  <c r="CX106" i="9"/>
  <c r="CW106" i="9"/>
  <c r="CV106" i="9"/>
  <c r="CU106" i="9"/>
  <c r="CT106" i="9"/>
  <c r="CS106" i="9"/>
  <c r="CR106" i="9"/>
  <c r="CQ106" i="9"/>
  <c r="CP106" i="9"/>
  <c r="CO106" i="9"/>
  <c r="CN106" i="9"/>
  <c r="CM106" i="9"/>
  <c r="CL106" i="9"/>
  <c r="CK106" i="9"/>
  <c r="CJ106" i="9"/>
  <c r="CI106" i="9"/>
  <c r="CH106" i="9"/>
  <c r="CG106" i="9"/>
  <c r="CF106" i="9"/>
  <c r="CE106" i="9"/>
  <c r="CD106" i="9"/>
  <c r="CC106" i="9"/>
  <c r="CB106" i="9"/>
  <c r="CA106" i="9"/>
  <c r="BZ106" i="9"/>
  <c r="BY106" i="9"/>
  <c r="BX106" i="9"/>
  <c r="BW106" i="9"/>
  <c r="BV106" i="9"/>
  <c r="CZ110" i="9"/>
  <c r="CY110" i="9"/>
  <c r="CX110" i="9"/>
  <c r="CW110" i="9"/>
  <c r="CV110" i="9"/>
  <c r="CU110" i="9"/>
  <c r="CT110" i="9"/>
  <c r="CS110" i="9"/>
  <c r="CR110" i="9"/>
  <c r="CQ110" i="9"/>
  <c r="CP110" i="9"/>
  <c r="CO110" i="9"/>
  <c r="CN110" i="9"/>
  <c r="CM110" i="9"/>
  <c r="CL110" i="9"/>
  <c r="CK110" i="9"/>
  <c r="CJ110" i="9"/>
  <c r="CI110" i="9"/>
  <c r="CH110" i="9"/>
  <c r="CG110" i="9"/>
  <c r="CF110" i="9"/>
  <c r="CE110" i="9"/>
  <c r="CD110" i="9"/>
  <c r="CC110" i="9"/>
  <c r="CB110" i="9"/>
  <c r="CA110" i="9"/>
  <c r="BZ110" i="9"/>
  <c r="BY110" i="9"/>
  <c r="BX110" i="9"/>
  <c r="BW110" i="9"/>
  <c r="BV110" i="9"/>
  <c r="CZ90" i="9"/>
  <c r="CY90" i="9"/>
  <c r="CX90" i="9"/>
  <c r="CW90" i="9"/>
  <c r="CV90" i="9"/>
  <c r="CU90" i="9"/>
  <c r="CT90" i="9"/>
  <c r="CS90" i="9"/>
  <c r="CR90" i="9"/>
  <c r="CQ90" i="9"/>
  <c r="CP90" i="9"/>
  <c r="CO90" i="9"/>
  <c r="CN90" i="9"/>
  <c r="CM90" i="9"/>
  <c r="CL90" i="9"/>
  <c r="CK90" i="9"/>
  <c r="CJ90" i="9"/>
  <c r="CI90" i="9"/>
  <c r="CH90" i="9"/>
  <c r="CG90" i="9"/>
  <c r="CF90" i="9"/>
  <c r="CE90" i="9"/>
  <c r="CD90" i="9"/>
  <c r="CC90" i="9"/>
  <c r="CB90" i="9"/>
  <c r="CA90" i="9"/>
  <c r="BZ90" i="9"/>
  <c r="BY90" i="9"/>
  <c r="BX90" i="9"/>
  <c r="BW90" i="9"/>
  <c r="BV90" i="9"/>
  <c r="CZ74" i="9"/>
  <c r="CY74" i="9"/>
  <c r="CX74" i="9"/>
  <c r="CW74" i="9"/>
  <c r="CV74" i="9"/>
  <c r="CU74" i="9"/>
  <c r="CT74" i="9"/>
  <c r="CS74" i="9"/>
  <c r="CR74" i="9"/>
  <c r="CQ74" i="9"/>
  <c r="CP74" i="9"/>
  <c r="CO74" i="9"/>
  <c r="CN74" i="9"/>
  <c r="CM74" i="9"/>
  <c r="CL74" i="9"/>
  <c r="CK74" i="9"/>
  <c r="CJ74" i="9"/>
  <c r="CI74" i="9"/>
  <c r="CH74" i="9"/>
  <c r="CG74" i="9"/>
  <c r="CF74" i="9"/>
  <c r="CE74" i="9"/>
  <c r="CD74" i="9"/>
  <c r="CC74" i="9"/>
  <c r="CB74" i="9"/>
  <c r="CA74" i="9"/>
  <c r="BZ74" i="9"/>
  <c r="BY74" i="9"/>
  <c r="BX74" i="9"/>
  <c r="BW74" i="9"/>
  <c r="BV74" i="9"/>
  <c r="CZ182" i="9"/>
  <c r="CY182" i="9"/>
  <c r="CX182" i="9"/>
  <c r="CW182" i="9"/>
  <c r="CV182" i="9"/>
  <c r="CU182" i="9"/>
  <c r="CT182" i="9"/>
  <c r="CS182" i="9"/>
  <c r="CR182" i="9"/>
  <c r="CQ182" i="9"/>
  <c r="CP182" i="9"/>
  <c r="CO182" i="9"/>
  <c r="CN182" i="9"/>
  <c r="CM182" i="9"/>
  <c r="CL182" i="9"/>
  <c r="CK182" i="9"/>
  <c r="CJ182" i="9"/>
  <c r="CI182" i="9"/>
  <c r="CH182" i="9"/>
  <c r="CG182" i="9"/>
  <c r="CF182" i="9"/>
  <c r="CE182" i="9"/>
  <c r="CD182" i="9"/>
  <c r="CC182" i="9"/>
  <c r="CB182" i="9"/>
  <c r="CA182" i="9"/>
  <c r="BZ182" i="9"/>
  <c r="BY182" i="9"/>
  <c r="BX182" i="9"/>
  <c r="BW182" i="9"/>
  <c r="BV182" i="9"/>
  <c r="CZ162" i="9"/>
  <c r="CY162" i="9"/>
  <c r="CX162" i="9"/>
  <c r="CW162" i="9"/>
  <c r="CV162" i="9"/>
  <c r="CU162" i="9"/>
  <c r="CT162" i="9"/>
  <c r="CS162" i="9"/>
  <c r="CR162" i="9"/>
  <c r="CQ162" i="9"/>
  <c r="CP162" i="9"/>
  <c r="CO162" i="9"/>
  <c r="CN162" i="9"/>
  <c r="CM162" i="9"/>
  <c r="CL162" i="9"/>
  <c r="CK162" i="9"/>
  <c r="CJ162" i="9"/>
  <c r="CI162" i="9"/>
  <c r="CH162" i="9"/>
  <c r="CG162" i="9"/>
  <c r="CF162" i="9"/>
  <c r="CE162" i="9"/>
  <c r="CD162" i="9"/>
  <c r="CC162" i="9"/>
  <c r="CB162" i="9"/>
  <c r="CA162" i="9"/>
  <c r="BZ162" i="9"/>
  <c r="BY162" i="9"/>
  <c r="BX162" i="9"/>
  <c r="BW162" i="9"/>
  <c r="BV162" i="9"/>
  <c r="CZ142" i="9"/>
  <c r="CY142" i="9"/>
  <c r="CX142" i="9"/>
  <c r="CW142" i="9"/>
  <c r="CV142" i="9"/>
  <c r="CU142" i="9"/>
  <c r="CT142" i="9"/>
  <c r="CS142" i="9"/>
  <c r="CR142" i="9"/>
  <c r="CQ142" i="9"/>
  <c r="CP142" i="9"/>
  <c r="CO142" i="9"/>
  <c r="CN142" i="9"/>
  <c r="CM142" i="9"/>
  <c r="CL142" i="9"/>
  <c r="CK142" i="9"/>
  <c r="CJ142" i="9"/>
  <c r="CI142" i="9"/>
  <c r="CH142" i="9"/>
  <c r="CG142" i="9"/>
  <c r="CF142" i="9"/>
  <c r="CE142" i="9"/>
  <c r="CD142" i="9"/>
  <c r="CC142" i="9"/>
  <c r="CB142" i="9"/>
  <c r="CA142" i="9"/>
  <c r="BZ142" i="9"/>
  <c r="BY142" i="9"/>
  <c r="BX142" i="9"/>
  <c r="BW142" i="9"/>
  <c r="BV142" i="9"/>
  <c r="CZ68" i="9"/>
  <c r="CY68" i="9"/>
  <c r="CX68" i="9"/>
  <c r="CW68" i="9"/>
  <c r="CV68" i="9"/>
  <c r="CU68" i="9"/>
  <c r="CT68" i="9"/>
  <c r="CS68" i="9"/>
  <c r="CR68" i="9"/>
  <c r="CQ68" i="9"/>
  <c r="CP68" i="9"/>
  <c r="CO68" i="9"/>
  <c r="CN68" i="9"/>
  <c r="CM68" i="9"/>
  <c r="CL68" i="9"/>
  <c r="CK68" i="9"/>
  <c r="CJ68" i="9"/>
  <c r="CH68" i="9"/>
  <c r="CG68" i="9"/>
  <c r="CF68" i="9"/>
  <c r="CE68" i="9"/>
  <c r="CD68" i="9"/>
  <c r="CC68" i="9"/>
  <c r="CB68" i="9"/>
  <c r="CA68" i="9"/>
  <c r="BZ68" i="9"/>
  <c r="BY68" i="9"/>
  <c r="BX68" i="9"/>
  <c r="BW68" i="9"/>
  <c r="BV68" i="9"/>
  <c r="CI68" i="9"/>
  <c r="CZ64" i="9"/>
  <c r="CY64" i="9"/>
  <c r="CX64" i="9"/>
  <c r="CW64" i="9"/>
  <c r="CV64" i="9"/>
  <c r="CU64" i="9"/>
  <c r="CT64" i="9"/>
  <c r="CS64" i="9"/>
  <c r="CR64" i="9"/>
  <c r="CQ64" i="9"/>
  <c r="CP64" i="9"/>
  <c r="CO64" i="9"/>
  <c r="CN64" i="9"/>
  <c r="CM64" i="9"/>
  <c r="CL64" i="9"/>
  <c r="CK64" i="9"/>
  <c r="CJ64" i="9"/>
  <c r="CI64" i="9"/>
  <c r="CH64" i="9"/>
  <c r="CG64" i="9"/>
  <c r="CF64" i="9"/>
  <c r="CE64" i="9"/>
  <c r="CC64" i="9"/>
  <c r="CB64" i="9"/>
  <c r="CA64" i="9"/>
  <c r="BZ64" i="9"/>
  <c r="BY64" i="9"/>
  <c r="BX64" i="9"/>
  <c r="BW64" i="9"/>
  <c r="BV64" i="9"/>
  <c r="CD64" i="9"/>
  <c r="CZ73" i="9"/>
  <c r="CY73" i="9"/>
  <c r="CX73" i="9"/>
  <c r="CW73" i="9"/>
  <c r="CV73" i="9"/>
  <c r="CU73" i="9"/>
  <c r="CT73" i="9"/>
  <c r="CS73" i="9"/>
  <c r="CR73" i="9"/>
  <c r="CQ73" i="9"/>
  <c r="CP73" i="9"/>
  <c r="CO73" i="9"/>
  <c r="CN73" i="9"/>
  <c r="CM73" i="9"/>
  <c r="BV486" i="9"/>
  <c r="DM486" i="9" s="1"/>
  <c r="CM476" i="9"/>
  <c r="DO476" i="9" s="1"/>
  <c r="CL476" i="9"/>
  <c r="CK476" i="9"/>
  <c r="CJ476" i="9"/>
  <c r="CH476" i="9"/>
  <c r="CG476" i="9"/>
  <c r="CF476" i="9"/>
  <c r="CE476" i="9"/>
  <c r="CD476" i="9"/>
  <c r="CC476" i="9"/>
  <c r="CB476" i="9"/>
  <c r="CA476" i="9"/>
  <c r="BZ476" i="9"/>
  <c r="BY476" i="9"/>
  <c r="BX476" i="9"/>
  <c r="BW476" i="9"/>
  <c r="DL11" i="9"/>
  <c r="CZ9" i="9"/>
  <c r="CY9" i="9"/>
  <c r="CX9" i="9"/>
  <c r="CW9" i="9"/>
  <c r="CV9" i="9"/>
  <c r="CU9" i="9"/>
  <c r="CT9" i="9"/>
  <c r="CS9" i="9"/>
  <c r="CR9" i="9"/>
  <c r="CQ9" i="9"/>
  <c r="CP9" i="9"/>
  <c r="CO9" i="9"/>
  <c r="CN9" i="9"/>
  <c r="CM9" i="9"/>
  <c r="CL9" i="9"/>
  <c r="CK9" i="9"/>
  <c r="CJ9" i="9"/>
  <c r="CI9" i="9"/>
  <c r="CH9" i="9"/>
  <c r="CG9" i="9"/>
  <c r="CE9" i="9"/>
  <c r="CD9" i="9"/>
  <c r="CC9" i="9"/>
  <c r="CB9" i="9"/>
  <c r="CA9" i="9"/>
  <c r="BZ9" i="9"/>
  <c r="BY9" i="9"/>
  <c r="BX9" i="9"/>
  <c r="BW9" i="9"/>
  <c r="BV9" i="9"/>
  <c r="CZ8" i="9"/>
  <c r="CY8" i="9"/>
  <c r="CX8" i="9"/>
  <c r="CW8" i="9"/>
  <c r="CV8" i="9"/>
  <c r="CU8" i="9"/>
  <c r="CT8" i="9"/>
  <c r="CS8" i="9"/>
  <c r="CR8" i="9"/>
  <c r="CQ8" i="9"/>
  <c r="CP8" i="9"/>
  <c r="CO8" i="9"/>
  <c r="CN8" i="9"/>
  <c r="CM8" i="9"/>
  <c r="CL8" i="9"/>
  <c r="CK8" i="9"/>
  <c r="CJ8" i="9"/>
  <c r="CI8" i="9"/>
  <c r="CH8" i="9"/>
  <c r="CG8" i="9"/>
  <c r="CF8" i="9"/>
  <c r="CD8" i="9"/>
  <c r="CC8" i="9"/>
  <c r="CB8" i="9"/>
  <c r="CA8" i="9"/>
  <c r="BZ8" i="9"/>
  <c r="BY8" i="9"/>
  <c r="BX8" i="9"/>
  <c r="BW8" i="9"/>
  <c r="BV8" i="9"/>
  <c r="CZ545" i="9"/>
  <c r="CY545" i="9"/>
  <c r="CX545" i="9"/>
  <c r="CW545" i="9"/>
  <c r="CV545" i="9"/>
  <c r="CU545" i="9"/>
  <c r="CT545" i="9"/>
  <c r="CS545" i="9"/>
  <c r="CR545" i="9"/>
  <c r="CQ545" i="9"/>
  <c r="CP545" i="9"/>
  <c r="CO545" i="9"/>
  <c r="CN545" i="9"/>
  <c r="CM545" i="9"/>
  <c r="CL545" i="9"/>
  <c r="CK545" i="9"/>
  <c r="CJ545" i="9"/>
  <c r="CI545" i="9"/>
  <c r="CH545" i="9"/>
  <c r="CG545" i="9"/>
  <c r="CF545" i="9"/>
  <c r="CE545" i="9"/>
  <c r="CD545" i="9"/>
  <c r="CC545" i="9"/>
  <c r="CB545" i="9"/>
  <c r="CA545" i="9"/>
  <c r="BZ545" i="9"/>
  <c r="BY545" i="9"/>
  <c r="BX545" i="9"/>
  <c r="BW545" i="9"/>
  <c r="BV545" i="9"/>
  <c r="CZ548" i="9"/>
  <c r="CY548" i="9"/>
  <c r="CX548" i="9"/>
  <c r="CW548" i="9"/>
  <c r="CV548" i="9"/>
  <c r="CU548" i="9"/>
  <c r="CT548" i="9"/>
  <c r="CS548" i="9"/>
  <c r="CR548" i="9"/>
  <c r="CQ548" i="9"/>
  <c r="CP548" i="9"/>
  <c r="CO548" i="9"/>
  <c r="CN548" i="9"/>
  <c r="CM548" i="9"/>
  <c r="CL548" i="9"/>
  <c r="CK548" i="9"/>
  <c r="CJ548" i="9"/>
  <c r="CI548" i="9"/>
  <c r="CH548" i="9"/>
  <c r="CG548" i="9"/>
  <c r="CF548" i="9"/>
  <c r="CE548" i="9"/>
  <c r="CD548" i="9"/>
  <c r="CC548" i="9"/>
  <c r="CB548" i="9"/>
  <c r="CA548" i="9"/>
  <c r="BZ548" i="9"/>
  <c r="BY548" i="9"/>
  <c r="BX548" i="9"/>
  <c r="BW548" i="9"/>
  <c r="BV548" i="9"/>
  <c r="CZ7" i="9"/>
  <c r="CY7" i="9"/>
  <c r="CX7" i="9"/>
  <c r="CW7" i="9"/>
  <c r="CV7" i="9"/>
  <c r="CU7" i="9"/>
  <c r="CT7" i="9"/>
  <c r="CS7" i="9"/>
  <c r="CR7" i="9"/>
  <c r="CQ7" i="9"/>
  <c r="CP7" i="9"/>
  <c r="CO7" i="9"/>
  <c r="CN7" i="9"/>
  <c r="CM7" i="9"/>
  <c r="CL7" i="9"/>
  <c r="CK7" i="9"/>
  <c r="CJ7" i="9"/>
  <c r="CI7" i="9"/>
  <c r="CH7" i="9"/>
  <c r="CG7" i="9"/>
  <c r="CF7" i="9"/>
  <c r="CE7" i="9"/>
  <c r="CD7" i="9"/>
  <c r="CC7" i="9"/>
  <c r="CB7" i="9"/>
  <c r="CA7" i="9"/>
  <c r="BZ7" i="9"/>
  <c r="BY7" i="9"/>
  <c r="BX7" i="9"/>
  <c r="BW7" i="9"/>
  <c r="CZ547" i="9"/>
  <c r="CY547" i="9"/>
  <c r="CX547" i="9"/>
  <c r="CW547" i="9"/>
  <c r="CV547" i="9"/>
  <c r="CU547" i="9"/>
  <c r="CT547" i="9"/>
  <c r="CS547" i="9"/>
  <c r="CR547" i="9"/>
  <c r="CQ547" i="9"/>
  <c r="CP547" i="9"/>
  <c r="CO547" i="9"/>
  <c r="CN547" i="9"/>
  <c r="CM547" i="9"/>
  <c r="CL547" i="9"/>
  <c r="CK547" i="9"/>
  <c r="CJ547" i="9"/>
  <c r="CI547" i="9"/>
  <c r="CH547" i="9"/>
  <c r="CG547" i="9"/>
  <c r="CF547" i="9"/>
  <c r="CE547" i="9"/>
  <c r="CD547" i="9"/>
  <c r="CC547" i="9"/>
  <c r="CB547" i="9"/>
  <c r="CA547" i="9"/>
  <c r="BZ547" i="9"/>
  <c r="BY547" i="9"/>
  <c r="BX547" i="9"/>
  <c r="BW547" i="9"/>
  <c r="BV547" i="9"/>
  <c r="CZ6" i="9"/>
  <c r="CY6" i="9"/>
  <c r="CX6" i="9"/>
  <c r="CW6" i="9"/>
  <c r="CV6" i="9"/>
  <c r="CU6" i="9"/>
  <c r="CT6" i="9"/>
  <c r="CS6" i="9"/>
  <c r="CR6" i="9"/>
  <c r="CQ6" i="9"/>
  <c r="CP6" i="9"/>
  <c r="CO6" i="9"/>
  <c r="CN6" i="9"/>
  <c r="CM6" i="9"/>
  <c r="CL6" i="9"/>
  <c r="CK6" i="9"/>
  <c r="CJ6" i="9"/>
  <c r="CI6" i="9"/>
  <c r="CH6" i="9"/>
  <c r="CG6" i="9"/>
  <c r="CF6" i="9"/>
  <c r="CE6" i="9"/>
  <c r="CD6" i="9"/>
  <c r="CC6" i="9"/>
  <c r="CB6" i="9"/>
  <c r="CA6" i="9"/>
  <c r="BZ6" i="9"/>
  <c r="BY6" i="9"/>
  <c r="BX6" i="9"/>
  <c r="BW6" i="9"/>
  <c r="BV6" i="9"/>
  <c r="CZ5" i="9"/>
  <c r="CY5" i="9"/>
  <c r="CX5" i="9"/>
  <c r="CW5" i="9"/>
  <c r="CV5" i="9"/>
  <c r="CU5" i="9"/>
  <c r="CT5" i="9"/>
  <c r="CS5" i="9"/>
  <c r="CR5" i="9"/>
  <c r="CQ5" i="9"/>
  <c r="CP5" i="9"/>
  <c r="CO5" i="9"/>
  <c r="CN5" i="9"/>
  <c r="CM5" i="9"/>
  <c r="CL5" i="9"/>
  <c r="CK5" i="9"/>
  <c r="CJ5" i="9"/>
  <c r="CI5" i="9"/>
  <c r="CH5" i="9"/>
  <c r="CG5" i="9"/>
  <c r="CF5" i="9"/>
  <c r="CE5" i="9"/>
  <c r="CD5" i="9"/>
  <c r="CC5" i="9"/>
  <c r="CB5" i="9"/>
  <c r="CA5" i="9"/>
  <c r="BZ5" i="9"/>
  <c r="BY5" i="9"/>
  <c r="BX5" i="9"/>
  <c r="BW5" i="9"/>
  <c r="BV5" i="9"/>
  <c r="CZ4" i="9"/>
  <c r="CY4" i="9"/>
  <c r="CX4" i="9"/>
  <c r="CW4" i="9"/>
  <c r="CV4" i="9"/>
  <c r="CU4" i="9"/>
  <c r="CT4" i="9"/>
  <c r="CS4" i="9"/>
  <c r="CR4" i="9"/>
  <c r="CQ4" i="9"/>
  <c r="CP4" i="9"/>
  <c r="CO4" i="9"/>
  <c r="CN4" i="9"/>
  <c r="CM4" i="9"/>
  <c r="CL4" i="9"/>
  <c r="CK4" i="9"/>
  <c r="CJ4" i="9"/>
  <c r="CI4" i="9"/>
  <c r="CH4" i="9"/>
  <c r="CG4" i="9"/>
  <c r="CF4" i="9"/>
  <c r="CE4" i="9"/>
  <c r="CD4" i="9"/>
  <c r="CC4" i="9"/>
  <c r="CB4" i="9"/>
  <c r="CA4" i="9"/>
  <c r="BZ4" i="9"/>
  <c r="BY4" i="9"/>
  <c r="BX4" i="9"/>
  <c r="BW4" i="9"/>
  <c r="BV4" i="9"/>
  <c r="CZ15" i="9"/>
  <c r="CY15" i="9"/>
  <c r="CX15" i="9"/>
  <c r="CW15" i="9"/>
  <c r="CV15" i="9"/>
  <c r="CU15" i="9"/>
  <c r="CT15" i="9"/>
  <c r="CS15" i="9"/>
  <c r="CR15" i="9"/>
  <c r="CQ15" i="9"/>
  <c r="CP15" i="9"/>
  <c r="CO15" i="9"/>
  <c r="CN15" i="9"/>
  <c r="CM15" i="9"/>
  <c r="CL15" i="9"/>
  <c r="CK15" i="9"/>
  <c r="CJ15" i="9"/>
  <c r="CI15" i="9"/>
  <c r="CH15" i="9"/>
  <c r="CG15" i="9"/>
  <c r="CF15" i="9"/>
  <c r="CE15" i="9"/>
  <c r="CD15" i="9"/>
  <c r="CC15" i="9"/>
  <c r="CB15" i="9"/>
  <c r="CA15" i="9"/>
  <c r="BZ15" i="9"/>
  <c r="BY15" i="9"/>
  <c r="BX15" i="9"/>
  <c r="BW15" i="9"/>
  <c r="BV15" i="9"/>
  <c r="CZ14" i="9"/>
  <c r="CY14" i="9"/>
  <c r="CX14" i="9"/>
  <c r="CW14" i="9"/>
  <c r="CV14" i="9"/>
  <c r="CU14" i="9"/>
  <c r="CT14" i="9"/>
  <c r="CS14" i="9"/>
  <c r="CR14" i="9"/>
  <c r="CQ14" i="9"/>
  <c r="CP14" i="9"/>
  <c r="CO14" i="9"/>
  <c r="CN14" i="9"/>
  <c r="CM14" i="9"/>
  <c r="CL14" i="9"/>
  <c r="CK14" i="9"/>
  <c r="CJ14" i="9"/>
  <c r="CI14" i="9"/>
  <c r="CH14" i="9"/>
  <c r="CG14" i="9"/>
  <c r="CF14" i="9"/>
  <c r="CE14" i="9"/>
  <c r="CD14" i="9"/>
  <c r="CC14" i="9"/>
  <c r="CB14" i="9"/>
  <c r="CA14" i="9"/>
  <c r="BZ14" i="9"/>
  <c r="BY14" i="9"/>
  <c r="BX14" i="9"/>
  <c r="BW14" i="9"/>
  <c r="BV14" i="9"/>
  <c r="DK54" i="9"/>
  <c r="DN54" i="9" s="1"/>
  <c r="CZ13" i="9"/>
  <c r="CY13" i="9"/>
  <c r="CX13" i="9"/>
  <c r="CW13" i="9"/>
  <c r="CV13" i="9"/>
  <c r="CU13" i="9"/>
  <c r="CT13" i="9"/>
  <c r="CS13" i="9"/>
  <c r="CR13" i="9"/>
  <c r="CQ13" i="9"/>
  <c r="CP13" i="9"/>
  <c r="CO13" i="9"/>
  <c r="CN13" i="9"/>
  <c r="CM13" i="9"/>
  <c r="CL13" i="9"/>
  <c r="CK13" i="9"/>
  <c r="CJ13" i="9"/>
  <c r="CI13" i="9"/>
  <c r="CH13" i="9"/>
  <c r="CG13" i="9"/>
  <c r="CF13" i="9"/>
  <c r="CE13" i="9"/>
  <c r="CD13" i="9"/>
  <c r="CC13" i="9"/>
  <c r="CB13" i="9"/>
  <c r="CA13" i="9"/>
  <c r="BZ13" i="9"/>
  <c r="BY13" i="9"/>
  <c r="BX13" i="9"/>
  <c r="BW13" i="9"/>
  <c r="BV13" i="9"/>
  <c r="DJ52" i="9"/>
  <c r="DN52" i="9" s="1"/>
  <c r="BV50" i="9"/>
  <c r="DM50" i="9" s="1"/>
  <c r="DI50" i="9"/>
  <c r="DN50" i="9" s="1"/>
  <c r="CZ21" i="9"/>
  <c r="CY21" i="9"/>
  <c r="CX21" i="9"/>
  <c r="CW21" i="9"/>
  <c r="CV21" i="9"/>
  <c r="CU21" i="9"/>
  <c r="CT21" i="9"/>
  <c r="CS21" i="9"/>
  <c r="CR21" i="9"/>
  <c r="CQ21" i="9"/>
  <c r="CP21" i="9"/>
  <c r="CO21" i="9"/>
  <c r="CN21" i="9"/>
  <c r="CM21" i="9"/>
  <c r="CL21" i="9"/>
  <c r="CK21" i="9"/>
  <c r="CJ21" i="9"/>
  <c r="CI21" i="9"/>
  <c r="CH21" i="9"/>
  <c r="CG21" i="9"/>
  <c r="CE21" i="9"/>
  <c r="CD21" i="9"/>
  <c r="CC21" i="9"/>
  <c r="CB21" i="9"/>
  <c r="CA21" i="9"/>
  <c r="BZ21" i="9"/>
  <c r="BY21" i="9"/>
  <c r="BX21" i="9"/>
  <c r="BW21" i="9"/>
  <c r="BV21" i="9"/>
  <c r="CF21" i="9"/>
  <c r="CZ20" i="9"/>
  <c r="CY20" i="9"/>
  <c r="CX20" i="9"/>
  <c r="CW20" i="9"/>
  <c r="CV20" i="9"/>
  <c r="CU20" i="9"/>
  <c r="CT20" i="9"/>
  <c r="CS20" i="9"/>
  <c r="CR20" i="9"/>
  <c r="CQ20" i="9"/>
  <c r="CP20" i="9"/>
  <c r="CO20" i="9"/>
  <c r="CN20" i="9"/>
  <c r="CM20" i="9"/>
  <c r="CL20" i="9"/>
  <c r="CK20" i="9"/>
  <c r="CJ20" i="9"/>
  <c r="CI20" i="9"/>
  <c r="CH20" i="9"/>
  <c r="CG20" i="9"/>
  <c r="CF20" i="9"/>
  <c r="CD20" i="9"/>
  <c r="CC20" i="9"/>
  <c r="CB20" i="9"/>
  <c r="CA20" i="9"/>
  <c r="BZ20" i="9"/>
  <c r="BY20" i="9"/>
  <c r="BX20" i="9"/>
  <c r="BW20" i="9"/>
  <c r="BV20" i="9"/>
  <c r="CE20" i="9"/>
  <c r="CZ550" i="9"/>
  <c r="CY550" i="9"/>
  <c r="CX550" i="9"/>
  <c r="CW550" i="9"/>
  <c r="CV550" i="9"/>
  <c r="CU550" i="9"/>
  <c r="CT550" i="9"/>
  <c r="CS550" i="9"/>
  <c r="CR550" i="9"/>
  <c r="CQ550" i="9"/>
  <c r="CP550" i="9"/>
  <c r="CO550" i="9"/>
  <c r="CN550" i="9"/>
  <c r="CM550" i="9"/>
  <c r="CL550" i="9"/>
  <c r="CK550" i="9"/>
  <c r="CJ550" i="9"/>
  <c r="CI550" i="9"/>
  <c r="CH550" i="9"/>
  <c r="CG550" i="9"/>
  <c r="CF550" i="9"/>
  <c r="CE550" i="9"/>
  <c r="CD550" i="9"/>
  <c r="CC550" i="9"/>
  <c r="CB550" i="9"/>
  <c r="CA550" i="9"/>
  <c r="BZ550" i="9"/>
  <c r="BY550" i="9"/>
  <c r="BX550" i="9"/>
  <c r="BW550" i="9"/>
  <c r="BV550" i="9"/>
  <c r="CZ549" i="9"/>
  <c r="CY549" i="9"/>
  <c r="CX549" i="9"/>
  <c r="CW549" i="9"/>
  <c r="CV549" i="9"/>
  <c r="CU549" i="9"/>
  <c r="CT549" i="9"/>
  <c r="CS549" i="9"/>
  <c r="CR549" i="9"/>
  <c r="CQ549" i="9"/>
  <c r="CP549" i="9"/>
  <c r="CO549" i="9"/>
  <c r="CN549" i="9"/>
  <c r="CM549" i="9"/>
  <c r="CZ19" i="9"/>
  <c r="CY19" i="9"/>
  <c r="CX19" i="9"/>
  <c r="CW19" i="9"/>
  <c r="CV19" i="9"/>
  <c r="CU19" i="9"/>
  <c r="CT19" i="9"/>
  <c r="CS19" i="9"/>
  <c r="CR19" i="9"/>
  <c r="CQ19" i="9"/>
  <c r="CP19" i="9"/>
  <c r="CO19" i="9"/>
  <c r="CN19" i="9"/>
  <c r="CM19" i="9"/>
  <c r="CL19" i="9"/>
  <c r="CK19" i="9"/>
  <c r="CJ19" i="9"/>
  <c r="CI19" i="9"/>
  <c r="CH19" i="9"/>
  <c r="CG19" i="9"/>
  <c r="CF19" i="9"/>
  <c r="CE19" i="9"/>
  <c r="CD19" i="9"/>
  <c r="CC19" i="9"/>
  <c r="CB19" i="9"/>
  <c r="CA19" i="9"/>
  <c r="BZ19" i="9"/>
  <c r="BY19" i="9"/>
  <c r="BX19" i="9"/>
  <c r="BW19" i="9"/>
  <c r="BV19" i="9"/>
  <c r="CZ202" i="9"/>
  <c r="CY202" i="9"/>
  <c r="CX202" i="9"/>
  <c r="CW202" i="9"/>
  <c r="CV202" i="9"/>
  <c r="CU202" i="9"/>
  <c r="CT202" i="9"/>
  <c r="CS202" i="9"/>
  <c r="CR202" i="9"/>
  <c r="CQ202" i="9"/>
  <c r="CP202" i="9"/>
  <c r="CO202" i="9"/>
  <c r="CN202" i="9"/>
  <c r="CM202" i="9"/>
  <c r="CL202" i="9"/>
  <c r="CK202" i="9"/>
  <c r="CJ202" i="9"/>
  <c r="CI202" i="9"/>
  <c r="CH202" i="9"/>
  <c r="CG202" i="9"/>
  <c r="CF202" i="9"/>
  <c r="CE202" i="9"/>
  <c r="CD202" i="9"/>
  <c r="CC202" i="9"/>
  <c r="CB202" i="9"/>
  <c r="CA202" i="9"/>
  <c r="BZ202" i="9"/>
  <c r="BY202" i="9"/>
  <c r="BX202" i="9"/>
  <c r="CZ204" i="9"/>
  <c r="CY204" i="9"/>
  <c r="CX204" i="9"/>
  <c r="CW204" i="9"/>
  <c r="CV204" i="9"/>
  <c r="CU204" i="9"/>
  <c r="CT204" i="9"/>
  <c r="CS204" i="9"/>
  <c r="CR204" i="9"/>
  <c r="CQ204" i="9"/>
  <c r="CP204" i="9"/>
  <c r="CO204" i="9"/>
  <c r="CN204" i="9"/>
  <c r="CM204" i="9"/>
  <c r="CK204" i="9"/>
  <c r="CJ204" i="9"/>
  <c r="CH204" i="9"/>
  <c r="CF204" i="9"/>
  <c r="CE204" i="9"/>
  <c r="CD204" i="9"/>
  <c r="CC204" i="9"/>
  <c r="CB204" i="9"/>
  <c r="CA204" i="9"/>
  <c r="BZ204" i="9"/>
  <c r="BY204" i="9"/>
  <c r="BX204" i="9"/>
  <c r="BW204" i="9"/>
  <c r="BV204" i="9"/>
  <c r="BU205" i="9"/>
  <c r="CZ211" i="9"/>
  <c r="CY211" i="9"/>
  <c r="CX211" i="9"/>
  <c r="CW211" i="9"/>
  <c r="CV211" i="9"/>
  <c r="CU211" i="9"/>
  <c r="CT211" i="9"/>
  <c r="CS211" i="9"/>
  <c r="CR211" i="9"/>
  <c r="CQ211" i="9"/>
  <c r="CP211" i="9"/>
  <c r="CO211" i="9"/>
  <c r="CN211" i="9"/>
  <c r="CM211" i="9"/>
  <c r="CL211" i="9"/>
  <c r="CK211" i="9"/>
  <c r="CJ211" i="9"/>
  <c r="CI211" i="9"/>
  <c r="CH211" i="9"/>
  <c r="CG211" i="9"/>
  <c r="CF211" i="9"/>
  <c r="CE211" i="9"/>
  <c r="CD211" i="9"/>
  <c r="CC211" i="9"/>
  <c r="CB211" i="9"/>
  <c r="CA211" i="9"/>
  <c r="BZ211" i="9"/>
  <c r="BY211" i="9"/>
  <c r="BX211" i="9"/>
  <c r="BW211" i="9"/>
  <c r="BV211" i="9"/>
  <c r="CZ210" i="9"/>
  <c r="CY210" i="9"/>
  <c r="CX210" i="9"/>
  <c r="CW210" i="9"/>
  <c r="CV210" i="9"/>
  <c r="CU210" i="9"/>
  <c r="CT210" i="9"/>
  <c r="CS210" i="9"/>
  <c r="CR210" i="9"/>
  <c r="CQ210" i="9"/>
  <c r="CP210" i="9"/>
  <c r="CO210" i="9"/>
  <c r="CN210" i="9"/>
  <c r="CM210" i="9"/>
  <c r="CL210" i="9"/>
  <c r="CK210" i="9"/>
  <c r="CJ210" i="9"/>
  <c r="CI210" i="9"/>
  <c r="CH210" i="9"/>
  <c r="CG210" i="9"/>
  <c r="CF210" i="9"/>
  <c r="CE210" i="9"/>
  <c r="CD210" i="9"/>
  <c r="CC210" i="9"/>
  <c r="CB210" i="9"/>
  <c r="CA210" i="9"/>
  <c r="BZ210" i="9"/>
  <c r="BY210" i="9"/>
  <c r="BX210" i="9"/>
  <c r="BW210" i="9"/>
  <c r="BV210" i="9"/>
  <c r="BV209" i="9"/>
  <c r="DM209" i="9" s="1"/>
  <c r="DI209" i="9"/>
  <c r="DN209" i="9" s="1"/>
  <c r="CZ216" i="9"/>
  <c r="CY216" i="9"/>
  <c r="CX216" i="9"/>
  <c r="CW216" i="9"/>
  <c r="CV216" i="9"/>
  <c r="CU216" i="9"/>
  <c r="CT216" i="9"/>
  <c r="CS216" i="9"/>
  <c r="CR216" i="9"/>
  <c r="CQ216" i="9"/>
  <c r="CP216" i="9"/>
  <c r="CO216" i="9"/>
  <c r="CN216" i="9"/>
  <c r="CM216" i="9"/>
  <c r="CL216" i="9"/>
  <c r="CK216" i="9"/>
  <c r="CJ216" i="9"/>
  <c r="CI216" i="9"/>
  <c r="CH216" i="9"/>
  <c r="CG216" i="9"/>
  <c r="CF216" i="9"/>
  <c r="CD216" i="9"/>
  <c r="CC216" i="9"/>
  <c r="CB216" i="9"/>
  <c r="CA216" i="9"/>
  <c r="BZ216" i="9"/>
  <c r="BY216" i="9"/>
  <c r="BX216" i="9"/>
  <c r="BW216" i="9"/>
  <c r="BV216" i="9"/>
  <c r="CE216" i="9"/>
  <c r="CZ215" i="9"/>
  <c r="CY215" i="9"/>
  <c r="CX215" i="9"/>
  <c r="CW215" i="9"/>
  <c r="CV215" i="9"/>
  <c r="CU215" i="9"/>
  <c r="CT215" i="9"/>
  <c r="CS215" i="9"/>
  <c r="CR215" i="9"/>
  <c r="CQ215" i="9"/>
  <c r="CP215" i="9"/>
  <c r="CO215" i="9"/>
  <c r="CN215" i="9"/>
  <c r="CM215" i="9"/>
  <c r="CL215" i="9"/>
  <c r="CK215" i="9"/>
  <c r="CJ215" i="9"/>
  <c r="CI215" i="9"/>
  <c r="CH215" i="9"/>
  <c r="CG215" i="9"/>
  <c r="CF215" i="9"/>
  <c r="CE215" i="9"/>
  <c r="CC215" i="9"/>
  <c r="CB215" i="9"/>
  <c r="CA215" i="9"/>
  <c r="BZ215" i="9"/>
  <c r="BY215" i="9"/>
  <c r="BX215" i="9"/>
  <c r="BW215" i="9"/>
  <c r="BV215" i="9"/>
  <c r="CD215" i="9"/>
  <c r="CZ214" i="9"/>
  <c r="CY214" i="9"/>
  <c r="CX214" i="9"/>
  <c r="CW214" i="9"/>
  <c r="CV214" i="9"/>
  <c r="CU214" i="9"/>
  <c r="CT214" i="9"/>
  <c r="CS214" i="9"/>
  <c r="CR214" i="9"/>
  <c r="CQ214" i="9"/>
  <c r="CP214" i="9"/>
  <c r="CO214" i="9"/>
  <c r="CN214" i="9"/>
  <c r="CM214" i="9"/>
  <c r="CL214" i="9"/>
  <c r="CK214" i="9"/>
  <c r="CJ214" i="9"/>
  <c r="CI214" i="9"/>
  <c r="CH214" i="9"/>
  <c r="CG214" i="9"/>
  <c r="CF214" i="9"/>
  <c r="CE214" i="9"/>
  <c r="CD214" i="9"/>
  <c r="CC214" i="9"/>
  <c r="CB214" i="9"/>
  <c r="CA214" i="9"/>
  <c r="BY214" i="9"/>
  <c r="BX214" i="9"/>
  <c r="BW214" i="9"/>
  <c r="BV214" i="9"/>
  <c r="BZ214" i="9"/>
  <c r="CZ213" i="9"/>
  <c r="CY213" i="9"/>
  <c r="CX213" i="9"/>
  <c r="CW213" i="9"/>
  <c r="CV213" i="9"/>
  <c r="CU213" i="9"/>
  <c r="CT213" i="9"/>
  <c r="CS213" i="9"/>
  <c r="CR213" i="9"/>
  <c r="CQ213" i="9"/>
  <c r="CP213" i="9"/>
  <c r="CO213" i="9"/>
  <c r="CN213" i="9"/>
  <c r="CM213" i="9"/>
  <c r="CL213" i="9"/>
  <c r="CK213" i="9"/>
  <c r="CJ213" i="9"/>
  <c r="CI213" i="9"/>
  <c r="CH213" i="9"/>
  <c r="CG213" i="9"/>
  <c r="CF213" i="9"/>
  <c r="CE213" i="9"/>
  <c r="CD213" i="9"/>
  <c r="CC213" i="9"/>
  <c r="CB213" i="9"/>
  <c r="CA213" i="9"/>
  <c r="BZ213" i="9"/>
  <c r="BY213" i="9"/>
  <c r="BW213" i="9"/>
  <c r="BV213" i="9"/>
  <c r="BX213" i="9"/>
  <c r="CZ212" i="9"/>
  <c r="CY212" i="9"/>
  <c r="CX212" i="9"/>
  <c r="CW212" i="9"/>
  <c r="CV212" i="9"/>
  <c r="CU212" i="9"/>
  <c r="CT212" i="9"/>
  <c r="CS212" i="9"/>
  <c r="CR212" i="9"/>
  <c r="CQ212" i="9"/>
  <c r="CP212" i="9"/>
  <c r="CO212" i="9"/>
  <c r="CN212" i="9"/>
  <c r="CM212" i="9"/>
  <c r="CL212" i="9"/>
  <c r="CK212" i="9"/>
  <c r="CJ212" i="9"/>
  <c r="CI212" i="9"/>
  <c r="CH212" i="9"/>
  <c r="CG212" i="9"/>
  <c r="CF212" i="9"/>
  <c r="CE212" i="9"/>
  <c r="CD212" i="9"/>
  <c r="CC212" i="9"/>
  <c r="CB212" i="9"/>
  <c r="CA212" i="9"/>
  <c r="BZ212" i="9"/>
  <c r="BY212" i="9"/>
  <c r="BX212" i="9"/>
  <c r="BW212" i="9"/>
  <c r="BV212" i="9"/>
  <c r="CZ33" i="9"/>
  <c r="CY33" i="9"/>
  <c r="CX33" i="9"/>
  <c r="CW33" i="9"/>
  <c r="CV33" i="9"/>
  <c r="CU33" i="9"/>
  <c r="CT33" i="9"/>
  <c r="CS33" i="9"/>
  <c r="CR33" i="9"/>
  <c r="CQ33" i="9"/>
  <c r="CP33" i="9"/>
  <c r="CO33" i="9"/>
  <c r="CN33" i="9"/>
  <c r="CM33" i="9"/>
  <c r="CL33" i="9"/>
  <c r="CK33" i="9"/>
  <c r="CJ33" i="9"/>
  <c r="CI33" i="9"/>
  <c r="CH33" i="9"/>
  <c r="CG33" i="9"/>
  <c r="CF33" i="9"/>
  <c r="CE33" i="9"/>
  <c r="CD33" i="9"/>
  <c r="CC33" i="9"/>
  <c r="CB33" i="9"/>
  <c r="CA33" i="9"/>
  <c r="BZ33" i="9"/>
  <c r="BY33" i="9"/>
  <c r="BX33" i="9"/>
  <c r="BW33" i="9"/>
  <c r="BV33" i="9"/>
  <c r="CZ32" i="9"/>
  <c r="CY32" i="9"/>
  <c r="CX32" i="9"/>
  <c r="CW32" i="9"/>
  <c r="CV32" i="9"/>
  <c r="CU32" i="9"/>
  <c r="CT32" i="9"/>
  <c r="CS32" i="9"/>
  <c r="CR32" i="9"/>
  <c r="CQ32" i="9"/>
  <c r="CP32" i="9"/>
  <c r="CO32" i="9"/>
  <c r="CN32" i="9"/>
  <c r="CM32" i="9"/>
  <c r="CL32" i="9"/>
  <c r="CK32" i="9"/>
  <c r="CJ32" i="9"/>
  <c r="CI32" i="9"/>
  <c r="CH32" i="9"/>
  <c r="CG32" i="9"/>
  <c r="CF32" i="9"/>
  <c r="CE32" i="9"/>
  <c r="CD32" i="9"/>
  <c r="CC32" i="9"/>
  <c r="CB32" i="9"/>
  <c r="CA32" i="9"/>
  <c r="BZ32" i="9"/>
  <c r="BY32" i="9"/>
  <c r="BX32" i="9"/>
  <c r="BW32" i="9"/>
  <c r="BV32" i="9"/>
  <c r="CZ35" i="9"/>
  <c r="CY35" i="9"/>
  <c r="CX35" i="9"/>
  <c r="CW35" i="9"/>
  <c r="CV35" i="9"/>
  <c r="CU35" i="9"/>
  <c r="CT35" i="9"/>
  <c r="CS35" i="9"/>
  <c r="CR35" i="9"/>
  <c r="CQ35" i="9"/>
  <c r="CP35" i="9"/>
  <c r="CO35" i="9"/>
  <c r="CN35" i="9"/>
  <c r="CM35" i="9"/>
  <c r="CL35" i="9"/>
  <c r="CK35" i="9"/>
  <c r="CJ35" i="9"/>
  <c r="CI35" i="9"/>
  <c r="CH35" i="9"/>
  <c r="CG35" i="9"/>
  <c r="CF35" i="9"/>
  <c r="CE35" i="9"/>
  <c r="CD35" i="9"/>
  <c r="CC35" i="9"/>
  <c r="CB35" i="9"/>
  <c r="CA35" i="9"/>
  <c r="BZ35" i="9"/>
  <c r="BY35" i="9"/>
  <c r="BX35" i="9"/>
  <c r="BW35" i="9"/>
  <c r="BV35" i="9"/>
  <c r="CZ34" i="9"/>
  <c r="CY34" i="9"/>
  <c r="CX34" i="9"/>
  <c r="CW34" i="9"/>
  <c r="CV34" i="9"/>
  <c r="CU34" i="9"/>
  <c r="CT34" i="9"/>
  <c r="CS34" i="9"/>
  <c r="CR34" i="9"/>
  <c r="CQ34" i="9"/>
  <c r="CP34" i="9"/>
  <c r="CO34" i="9"/>
  <c r="CN34" i="9"/>
  <c r="CM34" i="9"/>
  <c r="CL34" i="9"/>
  <c r="CK34" i="9"/>
  <c r="CJ34" i="9"/>
  <c r="CI34" i="9"/>
  <c r="CH34" i="9"/>
  <c r="CG34" i="9"/>
  <c r="CF34" i="9"/>
  <c r="CE34" i="9"/>
  <c r="CD34" i="9"/>
  <c r="CC34" i="9"/>
  <c r="CB34" i="9"/>
  <c r="CA34" i="9"/>
  <c r="BZ34" i="9"/>
  <c r="BY34" i="9"/>
  <c r="BX34" i="9"/>
  <c r="BW34" i="9"/>
  <c r="BV34" i="9"/>
  <c r="CZ25" i="9"/>
  <c r="CY25" i="9"/>
  <c r="CX25" i="9"/>
  <c r="CW25" i="9"/>
  <c r="CV25" i="9"/>
  <c r="CU25" i="9"/>
  <c r="CT25" i="9"/>
  <c r="CS25" i="9"/>
  <c r="CR25" i="9"/>
  <c r="CQ25" i="9"/>
  <c r="CP25" i="9"/>
  <c r="CO25" i="9"/>
  <c r="CN25" i="9"/>
  <c r="CM25" i="9"/>
  <c r="CL25" i="9"/>
  <c r="CK25" i="9"/>
  <c r="CJ25" i="9"/>
  <c r="CI25" i="9"/>
  <c r="CH25" i="9"/>
  <c r="CG25" i="9"/>
  <c r="CF25" i="9"/>
  <c r="CE25" i="9"/>
  <c r="CD25" i="9"/>
  <c r="CC25" i="9"/>
  <c r="CB25" i="9"/>
  <c r="CA25" i="9"/>
  <c r="BZ25" i="9"/>
  <c r="BY25" i="9"/>
  <c r="BX25" i="9"/>
  <c r="BW25" i="9"/>
  <c r="BV25" i="9"/>
  <c r="CZ24" i="9"/>
  <c r="CY24" i="9"/>
  <c r="CX24" i="9"/>
  <c r="CW24" i="9"/>
  <c r="CV24" i="9"/>
  <c r="CU24" i="9"/>
  <c r="CT24" i="9"/>
  <c r="CS24" i="9"/>
  <c r="CR24" i="9"/>
  <c r="CQ24" i="9"/>
  <c r="CP24" i="9"/>
  <c r="CO24" i="9"/>
  <c r="CN24" i="9"/>
  <c r="CM24" i="9"/>
  <c r="CL24" i="9"/>
  <c r="CK24" i="9"/>
  <c r="CJ24" i="9"/>
  <c r="CI24" i="9"/>
  <c r="CH24" i="9"/>
  <c r="CG24" i="9"/>
  <c r="CF24" i="9"/>
  <c r="CE24" i="9"/>
  <c r="CD24" i="9"/>
  <c r="CC24" i="9"/>
  <c r="CB24" i="9"/>
  <c r="CA24" i="9"/>
  <c r="BZ24" i="9"/>
  <c r="BY24" i="9"/>
  <c r="BX24" i="9"/>
  <c r="BW24" i="9"/>
  <c r="BV24" i="9"/>
  <c r="BW23" i="9"/>
  <c r="BV23" i="9"/>
  <c r="CZ27" i="9"/>
  <c r="CY27" i="9"/>
  <c r="CX27" i="9"/>
  <c r="CW27" i="9"/>
  <c r="CV27" i="9"/>
  <c r="CU27" i="9"/>
  <c r="CT27" i="9"/>
  <c r="CS27" i="9"/>
  <c r="CR27" i="9"/>
  <c r="CQ27" i="9"/>
  <c r="CP27" i="9"/>
  <c r="CO27" i="9"/>
  <c r="CN27" i="9"/>
  <c r="CM27" i="9"/>
  <c r="CL27" i="9"/>
  <c r="CK27" i="9"/>
  <c r="CJ27" i="9"/>
  <c r="CI27" i="9"/>
  <c r="CH27" i="9"/>
  <c r="CG27" i="9"/>
  <c r="CF27" i="9"/>
  <c r="CE27" i="9"/>
  <c r="CD27" i="9"/>
  <c r="CC27" i="9"/>
  <c r="CB27" i="9"/>
  <c r="CA27" i="9"/>
  <c r="BV27" i="9"/>
  <c r="CZ26" i="9"/>
  <c r="CY26" i="9"/>
  <c r="CX26" i="9"/>
  <c r="CW26" i="9"/>
  <c r="CV26" i="9"/>
  <c r="CU26" i="9"/>
  <c r="CT26" i="9"/>
  <c r="CS26" i="9"/>
  <c r="CR26" i="9"/>
  <c r="CQ26" i="9"/>
  <c r="CP26" i="9"/>
  <c r="CO26" i="9"/>
  <c r="CN26" i="9"/>
  <c r="CM26" i="9"/>
  <c r="CL26" i="9"/>
  <c r="CK26" i="9"/>
  <c r="CJ26" i="9"/>
  <c r="CI26" i="9"/>
  <c r="CH26" i="9"/>
  <c r="CG26" i="9"/>
  <c r="CF26" i="9"/>
  <c r="CE26" i="9"/>
  <c r="CD26" i="9"/>
  <c r="CC26" i="9"/>
  <c r="CB26" i="9"/>
  <c r="CA26" i="9"/>
  <c r="BZ26" i="9"/>
  <c r="BY26" i="9"/>
  <c r="BX26" i="9"/>
  <c r="BW26" i="9"/>
  <c r="CZ29" i="9"/>
  <c r="CY29" i="9"/>
  <c r="CX29" i="9"/>
  <c r="CW29" i="9"/>
  <c r="CV29" i="9"/>
  <c r="CU29" i="9"/>
  <c r="CT29" i="9"/>
  <c r="CS29" i="9"/>
  <c r="CR29" i="9"/>
  <c r="CQ29" i="9"/>
  <c r="CP29" i="9"/>
  <c r="CO29" i="9"/>
  <c r="CN29" i="9"/>
  <c r="CM29" i="9"/>
  <c r="CL29" i="9"/>
  <c r="CK29" i="9"/>
  <c r="CJ29" i="9"/>
  <c r="CI29" i="9"/>
  <c r="CH29" i="9"/>
  <c r="CG29" i="9"/>
  <c r="CF29" i="9"/>
  <c r="CD29" i="9"/>
  <c r="CC29" i="9"/>
  <c r="CB29" i="9"/>
  <c r="CA29" i="9"/>
  <c r="BZ29" i="9"/>
  <c r="BY29" i="9"/>
  <c r="BX29" i="9"/>
  <c r="BW29" i="9"/>
  <c r="BV29" i="9"/>
  <c r="CZ28" i="9"/>
  <c r="CY28" i="9"/>
  <c r="CX28" i="9"/>
  <c r="CW28" i="9"/>
  <c r="CV28" i="9"/>
  <c r="CU28" i="9"/>
  <c r="CT28" i="9"/>
  <c r="CS28" i="9"/>
  <c r="CR28" i="9"/>
  <c r="CQ28" i="9"/>
  <c r="CP28" i="9"/>
  <c r="CO28" i="9"/>
  <c r="CN28" i="9"/>
  <c r="CM28" i="9"/>
  <c r="CL28" i="9"/>
  <c r="CK28" i="9"/>
  <c r="CJ28" i="9"/>
  <c r="CI28" i="9"/>
  <c r="CH28" i="9"/>
  <c r="CG28" i="9"/>
  <c r="CF28" i="9"/>
  <c r="CE28" i="9"/>
  <c r="CD28" i="9"/>
  <c r="CB28" i="9"/>
  <c r="BZ28" i="9"/>
  <c r="BY28" i="9"/>
  <c r="BX28" i="9"/>
  <c r="BW28" i="9"/>
  <c r="BV28" i="9"/>
  <c r="CZ30" i="9"/>
  <c r="CY30" i="9"/>
  <c r="CX30" i="9"/>
  <c r="CW30" i="9"/>
  <c r="CV30" i="9"/>
  <c r="CU30" i="9"/>
  <c r="CT30" i="9"/>
  <c r="CS30" i="9"/>
  <c r="CR30" i="9"/>
  <c r="CQ30" i="9"/>
  <c r="CP30" i="9"/>
  <c r="CO30" i="9"/>
  <c r="CN30" i="9"/>
  <c r="CM30" i="9"/>
  <c r="CL30" i="9"/>
  <c r="CK30" i="9"/>
  <c r="CJ30" i="9"/>
  <c r="CI30" i="9"/>
  <c r="CH30" i="9"/>
  <c r="CG30" i="9"/>
  <c r="CE30" i="9"/>
  <c r="CD30" i="9"/>
  <c r="CC30" i="9"/>
  <c r="CB30" i="9"/>
  <c r="CA30" i="9"/>
  <c r="BZ30" i="9"/>
  <c r="BY30" i="9"/>
  <c r="BX30" i="9"/>
  <c r="BW30" i="9"/>
  <c r="BV30" i="9"/>
  <c r="CZ46" i="9"/>
  <c r="CY46" i="9"/>
  <c r="CX46" i="9"/>
  <c r="CW46" i="9"/>
  <c r="CV46" i="9"/>
  <c r="CU46" i="9"/>
  <c r="CT46" i="9"/>
  <c r="CS46" i="9"/>
  <c r="CR46" i="9"/>
  <c r="CQ46" i="9"/>
  <c r="CP46" i="9"/>
  <c r="CO46" i="9"/>
  <c r="BX38" i="9"/>
  <c r="BV38" i="9"/>
  <c r="BW38" i="9"/>
  <c r="CA38" i="9"/>
  <c r="CB38" i="9"/>
  <c r="CC38" i="9"/>
  <c r="CD38" i="9"/>
  <c r="CE38" i="9"/>
  <c r="CF38" i="9"/>
  <c r="CG38" i="9"/>
  <c r="CH38" i="9"/>
  <c r="CI38" i="9"/>
  <c r="CJ38" i="9"/>
  <c r="CK38" i="9"/>
  <c r="CL38" i="9"/>
  <c r="CM38" i="9"/>
  <c r="CN38" i="9"/>
  <c r="CO38" i="9"/>
  <c r="CP38" i="9"/>
  <c r="CQ38" i="9"/>
  <c r="CR38" i="9"/>
  <c r="CS38" i="9"/>
  <c r="CT38" i="9"/>
  <c r="CU38" i="9"/>
  <c r="CV38" i="9"/>
  <c r="CX38" i="9"/>
  <c r="CY38" i="9"/>
  <c r="CZ38" i="9"/>
  <c r="BV39" i="9"/>
  <c r="BW39" i="9"/>
  <c r="BX39" i="9"/>
  <c r="BY39" i="9"/>
  <c r="BZ39" i="9"/>
  <c r="CF39" i="9"/>
  <c r="CG39" i="9"/>
  <c r="CH39" i="9"/>
  <c r="CI39" i="9"/>
  <c r="CJ39" i="9"/>
  <c r="CK39" i="9"/>
  <c r="CL39" i="9"/>
  <c r="CM39" i="9"/>
  <c r="CN39" i="9"/>
  <c r="CO39" i="9"/>
  <c r="CP39" i="9"/>
  <c r="CQ39" i="9"/>
  <c r="CR39" i="9"/>
  <c r="CS39" i="9"/>
  <c r="CT39" i="9"/>
  <c r="CU39" i="9"/>
  <c r="CV39" i="9"/>
  <c r="CW39" i="9"/>
  <c r="CX39" i="9"/>
  <c r="CY39" i="9"/>
  <c r="CZ39" i="9"/>
  <c r="CM41" i="9"/>
  <c r="CN41" i="9"/>
  <c r="CO41" i="9"/>
  <c r="CP41" i="9"/>
  <c r="CQ41" i="9"/>
  <c r="CR41" i="9"/>
  <c r="CS41" i="9"/>
  <c r="CT41" i="9"/>
  <c r="CU41" i="9"/>
  <c r="CV41" i="9"/>
  <c r="CW41" i="9"/>
  <c r="CX41" i="9"/>
  <c r="CY41" i="9"/>
  <c r="CZ41" i="9"/>
  <c r="CF40" i="9"/>
  <c r="BV40" i="9"/>
  <c r="BW40" i="9"/>
  <c r="BX40" i="9"/>
  <c r="BY40" i="9"/>
  <c r="BZ40" i="9"/>
  <c r="CA40" i="9"/>
  <c r="CB40" i="9"/>
  <c r="CC40" i="9"/>
  <c r="CD40" i="9"/>
  <c r="CE40" i="9"/>
  <c r="CG40" i="9"/>
  <c r="CH40" i="9"/>
  <c r="CI40" i="9"/>
  <c r="CJ40" i="9"/>
  <c r="CK40" i="9"/>
  <c r="CL40" i="9"/>
  <c r="CM40" i="9"/>
  <c r="CN40" i="9"/>
  <c r="CO40" i="9"/>
  <c r="CP40" i="9"/>
  <c r="CQ40" i="9"/>
  <c r="CR40" i="9"/>
  <c r="CS40" i="9"/>
  <c r="CT40" i="9"/>
  <c r="CU40" i="9"/>
  <c r="CV40" i="9"/>
  <c r="CW40" i="9"/>
  <c r="CX40" i="9"/>
  <c r="CY40" i="9"/>
  <c r="CZ40" i="9"/>
  <c r="CZ37" i="9"/>
  <c r="CY37" i="9"/>
  <c r="CX37" i="9"/>
  <c r="CW37" i="9"/>
  <c r="CV37" i="9"/>
  <c r="CU37" i="9"/>
  <c r="CT37" i="9"/>
  <c r="CS37" i="9"/>
  <c r="CR37" i="9"/>
  <c r="CQ37" i="9"/>
  <c r="CP37" i="9"/>
  <c r="CO37" i="9"/>
  <c r="CN37" i="9"/>
  <c r="CM37" i="9"/>
  <c r="CL37" i="9"/>
  <c r="CK37" i="9"/>
  <c r="CJ37" i="9"/>
  <c r="CI37" i="9"/>
  <c r="CH37" i="9"/>
  <c r="CG37" i="9"/>
  <c r="CF37" i="9"/>
  <c r="CE37" i="9"/>
  <c r="CD37" i="9"/>
  <c r="CC37" i="9"/>
  <c r="CB37" i="9"/>
  <c r="CA37" i="9"/>
  <c r="BZ37" i="9"/>
  <c r="BY37" i="9"/>
  <c r="BX37" i="9"/>
  <c r="BW37" i="9"/>
  <c r="CZ36" i="9"/>
  <c r="BX36" i="9"/>
  <c r="BY36" i="9"/>
  <c r="BZ36" i="9"/>
  <c r="CA36" i="9"/>
  <c r="CB36" i="9"/>
  <c r="CC36" i="9"/>
  <c r="CD36" i="9"/>
  <c r="CE36" i="9"/>
  <c r="CF36" i="9"/>
  <c r="CG36" i="9"/>
  <c r="CH36" i="9"/>
  <c r="CI36" i="9"/>
  <c r="CJ36" i="9"/>
  <c r="CK36" i="9"/>
  <c r="CL36" i="9"/>
  <c r="CM36" i="9"/>
  <c r="CN36" i="9"/>
  <c r="CO36" i="9"/>
  <c r="CP36" i="9"/>
  <c r="CQ36" i="9"/>
  <c r="CR36" i="9"/>
  <c r="CS36" i="9"/>
  <c r="CT36" i="9"/>
  <c r="CU36" i="9"/>
  <c r="CV36" i="9"/>
  <c r="CW36" i="9"/>
  <c r="CX36" i="9"/>
  <c r="CY36" i="9"/>
  <c r="BW36" i="9"/>
  <c r="CF315" i="9"/>
  <c r="DM315" i="9" s="1"/>
  <c r="T299" i="9"/>
  <c r="W299" i="9" s="1"/>
  <c r="T495" i="9"/>
  <c r="T507" i="9"/>
  <c r="T508" i="9"/>
  <c r="T491" i="9"/>
  <c r="AQ60" i="25"/>
  <c r="AQ24" i="25"/>
  <c r="AQ41" i="25"/>
  <c r="AQ71" i="25"/>
  <c r="AQ42" i="25"/>
  <c r="AQ90" i="25"/>
  <c r="AQ23" i="25"/>
  <c r="AQ25" i="25"/>
  <c r="AQ27" i="25"/>
  <c r="AQ32" i="25"/>
  <c r="AQ33" i="25"/>
  <c r="AQ34" i="25"/>
  <c r="AQ35" i="25"/>
  <c r="AQ36" i="25"/>
  <c r="AQ37" i="25"/>
  <c r="AQ38" i="25"/>
  <c r="AQ39" i="25"/>
  <c r="AQ40" i="25"/>
  <c r="AQ43" i="25"/>
  <c r="AQ44" i="25"/>
  <c r="AQ45" i="25"/>
  <c r="AQ46" i="25"/>
  <c r="AQ52" i="25"/>
  <c r="AQ53" i="25"/>
  <c r="AQ54" i="25"/>
  <c r="AQ55" i="25"/>
  <c r="AQ57" i="25"/>
  <c r="AQ58" i="25"/>
  <c r="AQ59" i="25"/>
  <c r="AQ61" i="25"/>
  <c r="AQ62" i="25"/>
  <c r="AQ63" i="25"/>
  <c r="AQ64" i="25"/>
  <c r="AQ65" i="25"/>
  <c r="AQ66" i="25"/>
  <c r="AQ68" i="25"/>
  <c r="AQ80" i="25"/>
  <c r="AQ69" i="25"/>
  <c r="AQ70" i="25"/>
  <c r="AQ72" i="25"/>
  <c r="AQ73" i="25"/>
  <c r="AQ74" i="25"/>
  <c r="AQ75" i="25"/>
  <c r="AQ76" i="25"/>
  <c r="AQ79" i="25"/>
  <c r="AQ51" i="25"/>
  <c r="AQ82" i="25"/>
  <c r="AQ85" i="25"/>
  <c r="AQ86" i="25"/>
  <c r="AQ78" i="25"/>
  <c r="AQ77" i="25"/>
  <c r="AQ128" i="25"/>
  <c r="AQ130" i="25"/>
  <c r="AQ136" i="25"/>
  <c r="AQ138" i="25"/>
  <c r="AQ103" i="25"/>
  <c r="AQ176" i="25"/>
  <c r="AQ179" i="25"/>
  <c r="AQ186" i="25"/>
  <c r="AQ199" i="25"/>
  <c r="AQ202" i="25"/>
  <c r="AQ206" i="25"/>
  <c r="AQ207" i="25"/>
  <c r="AQ208" i="25"/>
  <c r="AQ210" i="25"/>
  <c r="AQ211" i="25"/>
  <c r="AQ113" i="25"/>
  <c r="AQ215" i="25"/>
  <c r="AQ216" i="25"/>
  <c r="AQ217" i="25"/>
  <c r="AQ218" i="25"/>
  <c r="AQ219" i="25"/>
  <c r="AQ220" i="25"/>
  <c r="AQ221" i="25"/>
  <c r="AQ114" i="25"/>
  <c r="AQ115" i="25"/>
  <c r="AQ224" i="25"/>
  <c r="AQ116" i="25"/>
  <c r="AQ226" i="25"/>
  <c r="AQ227" i="25"/>
  <c r="AQ228" i="25"/>
  <c r="AQ229" i="25"/>
  <c r="AQ230" i="25"/>
  <c r="AQ231" i="25"/>
  <c r="AQ117" i="25"/>
  <c r="AQ118" i="25"/>
  <c r="AQ119" i="25"/>
  <c r="AQ120" i="25"/>
  <c r="AQ91" i="25"/>
  <c r="AQ92" i="25"/>
  <c r="AQ93" i="25"/>
  <c r="AQ94" i="25"/>
  <c r="AQ95" i="25"/>
  <c r="AQ96" i="25"/>
  <c r="AQ97" i="25"/>
  <c r="AQ98" i="25"/>
  <c r="AQ99" i="25"/>
  <c r="AQ100" i="25"/>
  <c r="AQ162" i="25"/>
  <c r="AQ163" i="25"/>
  <c r="AQ164" i="25"/>
  <c r="AQ121" i="25"/>
  <c r="AQ122" i="25"/>
  <c r="AQ123" i="25"/>
  <c r="AQ124" i="25"/>
  <c r="AQ125" i="25"/>
  <c r="AQ126" i="25"/>
  <c r="AQ127" i="25"/>
  <c r="AQ129" i="25"/>
  <c r="AQ131" i="25"/>
  <c r="AQ133" i="25"/>
  <c r="AQ134" i="25"/>
  <c r="AQ135" i="25"/>
  <c r="AQ137" i="25"/>
  <c r="AQ139" i="25"/>
  <c r="AQ140" i="25"/>
  <c r="AQ165" i="25"/>
  <c r="AQ143" i="25"/>
  <c r="AQ146" i="25"/>
  <c r="AQ147" i="25"/>
  <c r="AQ148" i="25"/>
  <c r="AQ149" i="25"/>
  <c r="AQ150" i="25"/>
  <c r="AQ173" i="25"/>
  <c r="AQ180" i="25"/>
  <c r="AQ181" i="25"/>
  <c r="AQ182" i="25"/>
  <c r="AQ183" i="25"/>
  <c r="AQ184" i="25"/>
  <c r="AQ185" i="25"/>
  <c r="AQ187" i="25"/>
  <c r="AQ188" i="25"/>
  <c r="AQ189" i="25"/>
  <c r="AQ190" i="25"/>
  <c r="AQ191" i="25"/>
  <c r="AQ192" i="25"/>
  <c r="AQ203" i="25"/>
  <c r="AQ204" i="25"/>
  <c r="AQ212" i="25"/>
  <c r="AQ213" i="25"/>
  <c r="AQ214" i="25"/>
  <c r="AQ232" i="25"/>
  <c r="AQ233" i="25"/>
  <c r="AQ234" i="25"/>
  <c r="AQ197" i="25"/>
  <c r="AQ198" i="25"/>
  <c r="AQ4" i="25"/>
  <c r="AQ14" i="25"/>
  <c r="AQ15" i="25"/>
  <c r="AQ16" i="25"/>
  <c r="AQ17" i="25"/>
  <c r="AQ18" i="25"/>
  <c r="AQ19" i="25"/>
  <c r="AQ20" i="25"/>
  <c r="AQ21" i="25"/>
  <c r="AQ5" i="25"/>
  <c r="AQ6" i="25"/>
  <c r="AQ7" i="25"/>
  <c r="AQ8" i="25"/>
  <c r="AQ9" i="25"/>
  <c r="AQ10" i="25"/>
  <c r="AQ11" i="25"/>
  <c r="AQ12" i="25"/>
  <c r="AQ13" i="25"/>
  <c r="AQ87" i="25"/>
  <c r="I416" i="9"/>
  <c r="Z416" i="9" s="1"/>
  <c r="DM78" i="9" l="1"/>
  <c r="DM170" i="9"/>
  <c r="DM193" i="9"/>
  <c r="DM87" i="9"/>
  <c r="DM136" i="9"/>
  <c r="DM158" i="9"/>
  <c r="DM57" i="9"/>
  <c r="DM32" i="9"/>
  <c r="DM550" i="9"/>
  <c r="DM20" i="9"/>
  <c r="DM13" i="9"/>
  <c r="DM14" i="9"/>
  <c r="DM548" i="9"/>
  <c r="DM142" i="9"/>
  <c r="DM163" i="9"/>
  <c r="DM124" i="9"/>
  <c r="DM165" i="9"/>
  <c r="DM127" i="9"/>
  <c r="DM171" i="9"/>
  <c r="DM192" i="9"/>
  <c r="DM194" i="9"/>
  <c r="DM128" i="9"/>
  <c r="DM67" i="9"/>
  <c r="DM35" i="9"/>
  <c r="DM122" i="9"/>
  <c r="DM143" i="9"/>
  <c r="DM145" i="9"/>
  <c r="DM186" i="9"/>
  <c r="DM95" i="9"/>
  <c r="DM150" i="9"/>
  <c r="DM151" i="9"/>
  <c r="DM172" i="9"/>
  <c r="DM173" i="9"/>
  <c r="DM174" i="9"/>
  <c r="DM195" i="9"/>
  <c r="DM104" i="9"/>
  <c r="DM137" i="9"/>
  <c r="DM59" i="9"/>
  <c r="DM71" i="9"/>
  <c r="DM293" i="9"/>
  <c r="DM23" i="9"/>
  <c r="DM34" i="9"/>
  <c r="DM211" i="9"/>
  <c r="DM204" i="9"/>
  <c r="DM68" i="9"/>
  <c r="DM106" i="9"/>
  <c r="DM125" i="9"/>
  <c r="DM166" i="9"/>
  <c r="DM79" i="9"/>
  <c r="DM129" i="9"/>
  <c r="DM130" i="9"/>
  <c r="DM152" i="9"/>
  <c r="DM153" i="9"/>
  <c r="DM154" i="9"/>
  <c r="DM175" i="9"/>
  <c r="DM88" i="9"/>
  <c r="DM117" i="9"/>
  <c r="DM56" i="9"/>
  <c r="DM58" i="9"/>
  <c r="DM65" i="9"/>
  <c r="DM40" i="9"/>
  <c r="DM25" i="9"/>
  <c r="DM216" i="9"/>
  <c r="DM210" i="9"/>
  <c r="DM547" i="9"/>
  <c r="DM64" i="9"/>
  <c r="DM110" i="9"/>
  <c r="DM93" i="9"/>
  <c r="DM146" i="9"/>
  <c r="DM187" i="9"/>
  <c r="DM96" i="9"/>
  <c r="DM97" i="9"/>
  <c r="DM109" i="9"/>
  <c r="DM132" i="9"/>
  <c r="DM131" i="9"/>
  <c r="DM133" i="9"/>
  <c r="DM155" i="9"/>
  <c r="DM196" i="9"/>
  <c r="DM105" i="9"/>
  <c r="DM69" i="9"/>
  <c r="DM24" i="9"/>
  <c r="DM215" i="9"/>
  <c r="DM6" i="9"/>
  <c r="DM90" i="9"/>
  <c r="DM77" i="9"/>
  <c r="DM123" i="9"/>
  <c r="DM167" i="9"/>
  <c r="DM80" i="9"/>
  <c r="DM81" i="9"/>
  <c r="DM118" i="9"/>
  <c r="DM114" i="9"/>
  <c r="DM107" i="9"/>
  <c r="DM108" i="9"/>
  <c r="DM134" i="9"/>
  <c r="DM176" i="9"/>
  <c r="DM89" i="9"/>
  <c r="DM72" i="9"/>
  <c r="DM63" i="9"/>
  <c r="DM308" i="9"/>
  <c r="DM501" i="9"/>
  <c r="DM214" i="9"/>
  <c r="DM5" i="9"/>
  <c r="DM74" i="9"/>
  <c r="DM91" i="9"/>
  <c r="DM184" i="9"/>
  <c r="DM92" i="9"/>
  <c r="DM147" i="9"/>
  <c r="DM188" i="9"/>
  <c r="DM189" i="9"/>
  <c r="DM98" i="9"/>
  <c r="DM100" i="9"/>
  <c r="DM113" i="9"/>
  <c r="DM115" i="9"/>
  <c r="DM116" i="9"/>
  <c r="DM156" i="9"/>
  <c r="DM197" i="9"/>
  <c r="DM138" i="9"/>
  <c r="DM62" i="9"/>
  <c r="DM212" i="9"/>
  <c r="DM213" i="9"/>
  <c r="DM202" i="9"/>
  <c r="DM4" i="9"/>
  <c r="DM182" i="9"/>
  <c r="DM76" i="9"/>
  <c r="DM164" i="9"/>
  <c r="DM75" i="9"/>
  <c r="DM126" i="9"/>
  <c r="DM168" i="9"/>
  <c r="DM169" i="9"/>
  <c r="DM82" i="9"/>
  <c r="DM84" i="9"/>
  <c r="DM99" i="9"/>
  <c r="DM101" i="9"/>
  <c r="DM102" i="9"/>
  <c r="DM135" i="9"/>
  <c r="DM177" i="9"/>
  <c r="DM198" i="9"/>
  <c r="DM61" i="9"/>
  <c r="DM70" i="9"/>
  <c r="DM203" i="9"/>
  <c r="DM18" i="9"/>
  <c r="DM33" i="9"/>
  <c r="DM21" i="9"/>
  <c r="DM15" i="9"/>
  <c r="DM545" i="9"/>
  <c r="DM162" i="9"/>
  <c r="DM183" i="9"/>
  <c r="DM144" i="9"/>
  <c r="DM185" i="9"/>
  <c r="DM94" i="9"/>
  <c r="DM148" i="9"/>
  <c r="DM149" i="9"/>
  <c r="DM190" i="9"/>
  <c r="DM191" i="9"/>
  <c r="DM83" i="9"/>
  <c r="DM85" i="9"/>
  <c r="DM86" i="9"/>
  <c r="DM103" i="9"/>
  <c r="DM157" i="9"/>
  <c r="DM178" i="9"/>
  <c r="DM60" i="9"/>
  <c r="DM66" i="9"/>
  <c r="DM294" i="9"/>
  <c r="DM16" i="9"/>
  <c r="DM17" i="9"/>
  <c r="DM19" i="9"/>
  <c r="DO26" i="9"/>
  <c r="DO24" i="9"/>
  <c r="DO202" i="9"/>
  <c r="DO13" i="9"/>
  <c r="DO8" i="9"/>
  <c r="DO64" i="9"/>
  <c r="DO106" i="9"/>
  <c r="DO93" i="9"/>
  <c r="DO146" i="9"/>
  <c r="DO187" i="9"/>
  <c r="DO96" i="9"/>
  <c r="DO109" i="9"/>
  <c r="DO132" i="9"/>
  <c r="DO133" i="9"/>
  <c r="DO155" i="9"/>
  <c r="DO105" i="9"/>
  <c r="DO56" i="9"/>
  <c r="DO69" i="9"/>
  <c r="DO290" i="9"/>
  <c r="DO294" i="9"/>
  <c r="DO268" i="9"/>
  <c r="DO36" i="9"/>
  <c r="DO27" i="9"/>
  <c r="DO25" i="9"/>
  <c r="DO34" i="9"/>
  <c r="DO35" i="9"/>
  <c r="DO32" i="9"/>
  <c r="DO33" i="9"/>
  <c r="DO212" i="9"/>
  <c r="DO19" i="9"/>
  <c r="DO9" i="9"/>
  <c r="DO68" i="9"/>
  <c r="DO122" i="9"/>
  <c r="DO125" i="9"/>
  <c r="DO166" i="9"/>
  <c r="DO79" i="9"/>
  <c r="DO129" i="9"/>
  <c r="DO130" i="9"/>
  <c r="DO152" i="9"/>
  <c r="DO153" i="9"/>
  <c r="DO154" i="9"/>
  <c r="DO175" i="9"/>
  <c r="DO88" i="9"/>
  <c r="DO117" i="9"/>
  <c r="DO58" i="9"/>
  <c r="DO65" i="9"/>
  <c r="DO465" i="9"/>
  <c r="DO269" i="9"/>
  <c r="DO207" i="9"/>
  <c r="DO196" i="9"/>
  <c r="DO14" i="9"/>
  <c r="DO7" i="9"/>
  <c r="DO77" i="9"/>
  <c r="DO114" i="9"/>
  <c r="DO107" i="9"/>
  <c r="DO108" i="9"/>
  <c r="DO134" i="9"/>
  <c r="DO176" i="9"/>
  <c r="DO89" i="9"/>
  <c r="DO72" i="9"/>
  <c r="DO63" i="9"/>
  <c r="DO293" i="9"/>
  <c r="DO267" i="9"/>
  <c r="DO22" i="9"/>
  <c r="DO29" i="9"/>
  <c r="DO548" i="9"/>
  <c r="DO123" i="9"/>
  <c r="DO80" i="9"/>
  <c r="DO28" i="9"/>
  <c r="DO15" i="9"/>
  <c r="DO4" i="9"/>
  <c r="DO5" i="9"/>
  <c r="DO6" i="9"/>
  <c r="DO547" i="9"/>
  <c r="DO90" i="9"/>
  <c r="DO91" i="9"/>
  <c r="DO184" i="9"/>
  <c r="DO92" i="9"/>
  <c r="DO147" i="9"/>
  <c r="DO188" i="9"/>
  <c r="DO189" i="9"/>
  <c r="DO98" i="9"/>
  <c r="DO100" i="9"/>
  <c r="DO113" i="9"/>
  <c r="DO115" i="9"/>
  <c r="DO116" i="9"/>
  <c r="DO156" i="9"/>
  <c r="DO197" i="9"/>
  <c r="DO138" i="9"/>
  <c r="DO62" i="9"/>
  <c r="DO308" i="9"/>
  <c r="DO295" i="9"/>
  <c r="DO297" i="9"/>
  <c r="DO266" i="9"/>
  <c r="DO18" i="9"/>
  <c r="DO97" i="9"/>
  <c r="DO545" i="9"/>
  <c r="DO73" i="9"/>
  <c r="DO110" i="9"/>
  <c r="DO216" i="9"/>
  <c r="DO204" i="9"/>
  <c r="DO21" i="9"/>
  <c r="DO74" i="9"/>
  <c r="DO76" i="9"/>
  <c r="DO164" i="9"/>
  <c r="DO75" i="9"/>
  <c r="DO126" i="9"/>
  <c r="DO168" i="9"/>
  <c r="DO169" i="9"/>
  <c r="DO82" i="9"/>
  <c r="DO84" i="9"/>
  <c r="DO99" i="9"/>
  <c r="DO101" i="9"/>
  <c r="DO102" i="9"/>
  <c r="DO135" i="9"/>
  <c r="DO177" i="9"/>
  <c r="DO198" i="9"/>
  <c r="DO61" i="9"/>
  <c r="DO70" i="9"/>
  <c r="DO17" i="9"/>
  <c r="DO131" i="9"/>
  <c r="DO37" i="9"/>
  <c r="DO167" i="9"/>
  <c r="DO118" i="9"/>
  <c r="DO39" i="9"/>
  <c r="DO30" i="9"/>
  <c r="DO215" i="9"/>
  <c r="DO205" i="9"/>
  <c r="DO20" i="9"/>
  <c r="DO182" i="9"/>
  <c r="DO183" i="9"/>
  <c r="DO144" i="9"/>
  <c r="DO185" i="9"/>
  <c r="DO94" i="9"/>
  <c r="DO148" i="9"/>
  <c r="DO149" i="9"/>
  <c r="DO190" i="9"/>
  <c r="DO191" i="9"/>
  <c r="DO83" i="9"/>
  <c r="DO85" i="9"/>
  <c r="DO86" i="9"/>
  <c r="DO103" i="9"/>
  <c r="DO157" i="9"/>
  <c r="DO178" i="9"/>
  <c r="DO60" i="9"/>
  <c r="DO66" i="9"/>
  <c r="DO311" i="9"/>
  <c r="DO296" i="9"/>
  <c r="DO260" i="9"/>
  <c r="DO16" i="9"/>
  <c r="DO81" i="9"/>
  <c r="DO41" i="9"/>
  <c r="DO214" i="9"/>
  <c r="DO210" i="9"/>
  <c r="DO211" i="9"/>
  <c r="DO550" i="9"/>
  <c r="DO162" i="9"/>
  <c r="DO163" i="9"/>
  <c r="DO124" i="9"/>
  <c r="DO165" i="9"/>
  <c r="DO78" i="9"/>
  <c r="DO127" i="9"/>
  <c r="DO128" i="9"/>
  <c r="DO170" i="9"/>
  <c r="DO171" i="9"/>
  <c r="DO192" i="9"/>
  <c r="DO193" i="9"/>
  <c r="DO194" i="9"/>
  <c r="DO87" i="9"/>
  <c r="DO136" i="9"/>
  <c r="DO158" i="9"/>
  <c r="DO57" i="9"/>
  <c r="DO67" i="9"/>
  <c r="DO318" i="9"/>
  <c r="DO206" i="9"/>
  <c r="DO40" i="9"/>
  <c r="DO38" i="9"/>
  <c r="DO213" i="9"/>
  <c r="DO549" i="9"/>
  <c r="DO142" i="9"/>
  <c r="DO143" i="9"/>
  <c r="DO111" i="9"/>
  <c r="DO145" i="9"/>
  <c r="DO186" i="9"/>
  <c r="DO95" i="9"/>
  <c r="DO112" i="9"/>
  <c r="DO150" i="9"/>
  <c r="DO151" i="9"/>
  <c r="DO172" i="9"/>
  <c r="DO173" i="9"/>
  <c r="DO174" i="9"/>
  <c r="DO195" i="9"/>
  <c r="DO104" i="9"/>
  <c r="DO137" i="9"/>
  <c r="DO59" i="9"/>
  <c r="DO71" i="9"/>
  <c r="DO292" i="9"/>
  <c r="DO319" i="9"/>
  <c r="DO264" i="9"/>
  <c r="DO270" i="9"/>
  <c r="DO203" i="9"/>
  <c r="DO208" i="9"/>
  <c r="BW500" i="9"/>
  <c r="CE500" i="9"/>
  <c r="DK500" i="9"/>
  <c r="CG500" i="9"/>
  <c r="BX500" i="9"/>
  <c r="CF500" i="9"/>
  <c r="DL500" i="9"/>
  <c r="BY500" i="9"/>
  <c r="CD500" i="9"/>
  <c r="DJ500" i="9"/>
  <c r="BZ500" i="9"/>
  <c r="CH500" i="9"/>
  <c r="CJ500" i="9"/>
  <c r="CC500" i="9"/>
  <c r="DI500" i="9"/>
  <c r="CA500" i="9"/>
  <c r="CI500" i="9"/>
  <c r="CB500" i="9"/>
  <c r="CK500" i="9"/>
  <c r="CL500" i="9"/>
  <c r="DJ325" i="9"/>
  <c r="CL325" i="9"/>
  <c r="CD325" i="9"/>
  <c r="BV325" i="9"/>
  <c r="DI325" i="9"/>
  <c r="CK325" i="9"/>
  <c r="CC325" i="9"/>
  <c r="CJ325" i="9"/>
  <c r="CB325" i="9"/>
  <c r="CI325" i="9"/>
  <c r="CA325" i="9"/>
  <c r="CH325" i="9"/>
  <c r="BZ325" i="9"/>
  <c r="DL325" i="9"/>
  <c r="CF325" i="9"/>
  <c r="BX325" i="9"/>
  <c r="BW325" i="9"/>
  <c r="DK325" i="9"/>
  <c r="CE325" i="9"/>
  <c r="BY325" i="9"/>
  <c r="CG325" i="9"/>
  <c r="CH265" i="9"/>
  <c r="DM265" i="9" s="1"/>
  <c r="DL265" i="9"/>
  <c r="DI265" i="9"/>
  <c r="DJ265" i="9"/>
  <c r="DK265" i="9"/>
  <c r="BW271" i="9"/>
  <c r="CE271" i="9"/>
  <c r="BX271" i="9"/>
  <c r="CF271" i="9"/>
  <c r="DL271" i="9"/>
  <c r="BY271" i="9"/>
  <c r="CG271" i="9"/>
  <c r="BZ271" i="9"/>
  <c r="CH271" i="9"/>
  <c r="CA271" i="9"/>
  <c r="CI271" i="9"/>
  <c r="CK271" i="9"/>
  <c r="CB271" i="9"/>
  <c r="CJ271" i="9"/>
  <c r="CC271" i="9"/>
  <c r="CD271" i="9"/>
  <c r="CL271" i="9"/>
  <c r="DJ271" i="9"/>
  <c r="CE264" i="9"/>
  <c r="BV268" i="9"/>
  <c r="CD268" i="9"/>
  <c r="CL268" i="9"/>
  <c r="BW268" i="9"/>
  <c r="CE268" i="9"/>
  <c r="BX268" i="9"/>
  <c r="CF268" i="9"/>
  <c r="BY268" i="9"/>
  <c r="CG268" i="9"/>
  <c r="BZ268" i="9"/>
  <c r="CH268" i="9"/>
  <c r="CA268" i="9"/>
  <c r="CI268" i="9"/>
  <c r="CB268" i="9"/>
  <c r="CJ268" i="9"/>
  <c r="CC268" i="9"/>
  <c r="CD266" i="9"/>
  <c r="CL266" i="9"/>
  <c r="BW266" i="9"/>
  <c r="CE266" i="9"/>
  <c r="BX266" i="9"/>
  <c r="CF266" i="9"/>
  <c r="BY266" i="9"/>
  <c r="CG266" i="9"/>
  <c r="BZ266" i="9"/>
  <c r="CH266" i="9"/>
  <c r="CA266" i="9"/>
  <c r="CI266" i="9"/>
  <c r="CB266" i="9"/>
  <c r="CJ266" i="9"/>
  <c r="CC266" i="9"/>
  <c r="CK266" i="9"/>
  <c r="CA259" i="9"/>
  <c r="CI259" i="9"/>
  <c r="CE259" i="9"/>
  <c r="CF259" i="9"/>
  <c r="CG259" i="9"/>
  <c r="CH259" i="9"/>
  <c r="CB259" i="9"/>
  <c r="CJ259" i="9"/>
  <c r="BW259" i="9"/>
  <c r="BX259" i="9"/>
  <c r="BY259" i="9"/>
  <c r="CC259" i="9"/>
  <c r="CK259" i="9"/>
  <c r="DI259" i="9"/>
  <c r="DK259" i="9"/>
  <c r="DL259" i="9"/>
  <c r="BZ259" i="9"/>
  <c r="CD259" i="9"/>
  <c r="CL259" i="9"/>
  <c r="DJ259" i="9"/>
  <c r="BV261" i="9"/>
  <c r="CC261" i="9"/>
  <c r="CK261" i="9"/>
  <c r="DI261" i="9"/>
  <c r="BY261" i="9"/>
  <c r="CI261" i="9"/>
  <c r="CJ261" i="9"/>
  <c r="CD261" i="9"/>
  <c r="CL261" i="9"/>
  <c r="DJ261" i="9"/>
  <c r="BZ261" i="9"/>
  <c r="CA261" i="9"/>
  <c r="BW261" i="9"/>
  <c r="CE261" i="9"/>
  <c r="DK261" i="9"/>
  <c r="CG261" i="9"/>
  <c r="CH261" i="9"/>
  <c r="CB261" i="9"/>
  <c r="BX261" i="9"/>
  <c r="CF261" i="9"/>
  <c r="DL261" i="9"/>
  <c r="BW263" i="9"/>
  <c r="CE263" i="9"/>
  <c r="DK263" i="9"/>
  <c r="CJ263" i="9"/>
  <c r="CC263" i="9"/>
  <c r="CL263" i="9"/>
  <c r="DJ263" i="9"/>
  <c r="BX263" i="9"/>
  <c r="CF263" i="9"/>
  <c r="DL263" i="9"/>
  <c r="CI263" i="9"/>
  <c r="CB263" i="9"/>
  <c r="CD263" i="9"/>
  <c r="BY263" i="9"/>
  <c r="CG263" i="9"/>
  <c r="CA263" i="9"/>
  <c r="CK263" i="9"/>
  <c r="DI263" i="9"/>
  <c r="BZ263" i="9"/>
  <c r="CH263" i="9"/>
  <c r="BV263" i="9"/>
  <c r="BV259" i="9"/>
  <c r="BW264" i="9"/>
  <c r="CA264" i="9"/>
  <c r="BV264" i="9"/>
  <c r="CD264" i="9"/>
  <c r="CL264" i="9"/>
  <c r="BX264" i="9"/>
  <c r="CF264" i="9"/>
  <c r="BY264" i="9"/>
  <c r="CG264" i="9"/>
  <c r="BZ264" i="9"/>
  <c r="CH264" i="9"/>
  <c r="CI264" i="9"/>
  <c r="CB264" i="9"/>
  <c r="CJ264" i="9"/>
  <c r="CC264" i="9"/>
  <c r="BX262" i="9"/>
  <c r="CL262" i="9"/>
  <c r="BY262" i="9"/>
  <c r="CM262" i="9"/>
  <c r="CA262" i="9"/>
  <c r="CN262" i="9"/>
  <c r="CD262" i="9"/>
  <c r="CO262" i="9"/>
  <c r="CE262" i="9"/>
  <c r="CQ262" i="9"/>
  <c r="CF262" i="9"/>
  <c r="CT262" i="9"/>
  <c r="BV262" i="9"/>
  <c r="CG262" i="9"/>
  <c r="CU262" i="9"/>
  <c r="BW262" i="9"/>
  <c r="CI262" i="9"/>
  <c r="CV262" i="9"/>
  <c r="CW262" i="9"/>
  <c r="BZ262" i="9"/>
  <c r="CH262" i="9"/>
  <c r="CP262" i="9"/>
  <c r="CX262" i="9"/>
  <c r="CY262" i="9"/>
  <c r="CB262" i="9"/>
  <c r="CJ262" i="9"/>
  <c r="CR262" i="9"/>
  <c r="CZ262" i="9"/>
  <c r="CC262" i="9"/>
  <c r="CK262" i="9"/>
  <c r="DL53" i="9"/>
  <c r="DK53" i="9"/>
  <c r="DJ51" i="9"/>
  <c r="DK51" i="9"/>
  <c r="DI51" i="9"/>
  <c r="BW217" i="9"/>
  <c r="CE217" i="9"/>
  <c r="CM217" i="9"/>
  <c r="CU217" i="9"/>
  <c r="DK217" i="9"/>
  <c r="CS217" i="9"/>
  <c r="CD217" i="9"/>
  <c r="DJ217" i="9"/>
  <c r="BX217" i="9"/>
  <c r="CF217" i="9"/>
  <c r="CN217" i="9"/>
  <c r="CV217" i="9"/>
  <c r="CT217" i="9"/>
  <c r="BY217" i="9"/>
  <c r="CG217" i="9"/>
  <c r="CO217" i="9"/>
  <c r="CW217" i="9"/>
  <c r="CK217" i="9"/>
  <c r="CL217" i="9"/>
  <c r="BZ217" i="9"/>
  <c r="CH217" i="9"/>
  <c r="CP217" i="9"/>
  <c r="CX217" i="9"/>
  <c r="CA217" i="9"/>
  <c r="CI217" i="9"/>
  <c r="CQ217" i="9"/>
  <c r="CY217" i="9"/>
  <c r="DI217" i="9"/>
  <c r="CB217" i="9"/>
  <c r="CJ217" i="9"/>
  <c r="CR217" i="9"/>
  <c r="CZ217" i="9"/>
  <c r="CC217" i="9"/>
  <c r="DI43" i="9"/>
  <c r="DJ43" i="9"/>
  <c r="DK43" i="9"/>
  <c r="BY38" i="9"/>
  <c r="BZ38" i="9"/>
  <c r="BX269" i="9"/>
  <c r="BY269" i="9"/>
  <c r="CA269" i="9"/>
  <c r="CH269" i="9"/>
  <c r="CI269" i="9"/>
  <c r="BW269" i="9"/>
  <c r="CG269" i="9"/>
  <c r="CB270" i="9"/>
  <c r="CE270" i="9"/>
  <c r="CF270" i="9"/>
  <c r="BZ269" i="9"/>
  <c r="CJ269" i="9"/>
  <c r="BW270" i="9"/>
  <c r="CG270" i="9"/>
  <c r="BX270" i="9"/>
  <c r="CH270" i="9"/>
  <c r="CB269" i="9"/>
  <c r="BY270" i="9"/>
  <c r="CI270" i="9"/>
  <c r="CE269" i="9"/>
  <c r="BZ270" i="9"/>
  <c r="CJ270" i="9"/>
  <c r="CF269" i="9"/>
  <c r="CA270" i="9"/>
  <c r="BV269" i="9"/>
  <c r="CD269" i="9"/>
  <c r="CL269" i="9"/>
  <c r="BV270" i="9"/>
  <c r="CD270" i="9"/>
  <c r="CL270" i="9"/>
  <c r="BV271" i="9"/>
  <c r="CC269" i="9"/>
  <c r="CC270" i="9"/>
  <c r="CD260" i="9"/>
  <c r="CE260" i="9"/>
  <c r="CA260" i="9"/>
  <c r="CB260" i="9"/>
  <c r="BV11" i="9"/>
  <c r="CB11" i="9"/>
  <c r="CJ11" i="9"/>
  <c r="CF11" i="9"/>
  <c r="BZ11" i="9"/>
  <c r="CI11" i="9"/>
  <c r="CC11" i="9"/>
  <c r="CK11" i="9"/>
  <c r="DI11" i="9"/>
  <c r="BX11" i="9"/>
  <c r="CG11" i="9"/>
  <c r="CD11" i="9"/>
  <c r="CL11" i="9"/>
  <c r="DJ11" i="9"/>
  <c r="CH11" i="9"/>
  <c r="CA11" i="9"/>
  <c r="BW11" i="9"/>
  <c r="CE11" i="9"/>
  <c r="DK11" i="9"/>
  <c r="BY11" i="9"/>
  <c r="BV12" i="9"/>
  <c r="CD12" i="9"/>
  <c r="CL12" i="9"/>
  <c r="DJ12" i="9"/>
  <c r="CA12" i="9"/>
  <c r="CC12" i="9"/>
  <c r="BW12" i="9"/>
  <c r="CE12" i="9"/>
  <c r="DK12" i="9"/>
  <c r="BX12" i="9"/>
  <c r="CF12" i="9"/>
  <c r="CB12" i="9"/>
  <c r="CK12" i="9"/>
  <c r="DI12" i="9"/>
  <c r="BY12" i="9"/>
  <c r="CG12" i="9"/>
  <c r="CI12" i="9"/>
  <c r="BZ12" i="9"/>
  <c r="CH12" i="9"/>
  <c r="CJ12" i="9"/>
  <c r="DJ493" i="9"/>
  <c r="DI493" i="9"/>
  <c r="BV505" i="9"/>
  <c r="DM505" i="9" s="1"/>
  <c r="DI505" i="9"/>
  <c r="DN505" i="9" s="1"/>
  <c r="DK499" i="9"/>
  <c r="DJ499" i="9"/>
  <c r="DI499" i="9"/>
  <c r="DL506" i="9"/>
  <c r="DK506" i="9"/>
  <c r="DJ506" i="9"/>
  <c r="BV502" i="9"/>
  <c r="DM502" i="9" s="1"/>
  <c r="DJ502" i="9"/>
  <c r="DN502" i="9" s="1"/>
  <c r="X299" i="9"/>
  <c r="X491" i="9"/>
  <c r="X508" i="9"/>
  <c r="X507" i="9"/>
  <c r="X495" i="9"/>
  <c r="BU322" i="9"/>
  <c r="BU319" i="9"/>
  <c r="BU343" i="9"/>
  <c r="BU415" i="9"/>
  <c r="BU344" i="9"/>
  <c r="BU350" i="9"/>
  <c r="BU336" i="9"/>
  <c r="BU349" i="9"/>
  <c r="BU483" i="9"/>
  <c r="BU385" i="9"/>
  <c r="BU339" i="9"/>
  <c r="BU348" i="9"/>
  <c r="BU311" i="9"/>
  <c r="BU383" i="9"/>
  <c r="BU338" i="9"/>
  <c r="BU345" i="9"/>
  <c r="BU489" i="9"/>
  <c r="BU289" i="9"/>
  <c r="BV500" i="9"/>
  <c r="CA112" i="9"/>
  <c r="DM112" i="9" s="1"/>
  <c r="BZ111" i="9"/>
  <c r="BW111" i="9"/>
  <c r="BY111" i="9"/>
  <c r="BX551" i="9"/>
  <c r="DI551" i="9"/>
  <c r="DJ551" i="9"/>
  <c r="DK551" i="9"/>
  <c r="DI46" i="9"/>
  <c r="DJ46" i="9"/>
  <c r="DK46" i="9"/>
  <c r="CP551" i="9"/>
  <c r="CX551" i="9"/>
  <c r="CQ551" i="9"/>
  <c r="CY551" i="9"/>
  <c r="CR551" i="9"/>
  <c r="CZ551" i="9"/>
  <c r="CS551" i="9"/>
  <c r="CT551" i="9"/>
  <c r="CM551" i="9"/>
  <c r="CU551" i="9"/>
  <c r="CN551" i="9"/>
  <c r="CV551" i="9"/>
  <c r="CO551" i="9"/>
  <c r="CW551" i="9"/>
  <c r="DK294" i="9"/>
  <c r="DN294" i="9" s="1"/>
  <c r="BV290" i="9"/>
  <c r="DM290" i="9" s="1"/>
  <c r="CF296" i="9"/>
  <c r="DM296" i="9" s="1"/>
  <c r="DK309" i="9"/>
  <c r="DN309" i="9" s="1"/>
  <c r="CF313" i="9"/>
  <c r="DM313" i="9" s="1"/>
  <c r="DL308" i="9"/>
  <c r="DN308" i="9" s="1"/>
  <c r="CF551" i="9"/>
  <c r="CI295" i="9"/>
  <c r="DM295" i="9" s="1"/>
  <c r="DL501" i="9"/>
  <c r="DN501" i="9" s="1"/>
  <c r="DK498" i="9"/>
  <c r="DN498" i="9" s="1"/>
  <c r="DL285" i="9"/>
  <c r="DN285" i="9" s="1"/>
  <c r="DJ293" i="9"/>
  <c r="DN293" i="9" s="1"/>
  <c r="CE297" i="9"/>
  <c r="DM297" i="9" s="1"/>
  <c r="CF314" i="9"/>
  <c r="DM314" i="9" s="1"/>
  <c r="CW544" i="9"/>
  <c r="CO544" i="9"/>
  <c r="CG544" i="9"/>
  <c r="BY544" i="9"/>
  <c r="CX544" i="9"/>
  <c r="CV544" i="9"/>
  <c r="CN544" i="9"/>
  <c r="CF544" i="9"/>
  <c r="BX544" i="9"/>
  <c r="CU544" i="9"/>
  <c r="CM544" i="9"/>
  <c r="CE544" i="9"/>
  <c r="BW544" i="9"/>
  <c r="CT544" i="9"/>
  <c r="CL544" i="9"/>
  <c r="CD544" i="9"/>
  <c r="BV544" i="9"/>
  <c r="BZ544" i="9"/>
  <c r="CS544" i="9"/>
  <c r="CK544" i="9"/>
  <c r="CC544" i="9"/>
  <c r="CZ544" i="9"/>
  <c r="CR544" i="9"/>
  <c r="CJ544" i="9"/>
  <c r="CB544" i="9"/>
  <c r="CP544" i="9"/>
  <c r="CY544" i="9"/>
  <c r="CQ544" i="9"/>
  <c r="CI544" i="9"/>
  <c r="CA544" i="9"/>
  <c r="CH544" i="9"/>
  <c r="CN46" i="9"/>
  <c r="CF46" i="9"/>
  <c r="BX46" i="9"/>
  <c r="BY46" i="9"/>
  <c r="CM46" i="9"/>
  <c r="CE46" i="9"/>
  <c r="BW46" i="9"/>
  <c r="CL46" i="9"/>
  <c r="CD46" i="9"/>
  <c r="BV46" i="9"/>
  <c r="CK46" i="9"/>
  <c r="CC46" i="9"/>
  <c r="CJ46" i="9"/>
  <c r="CB46" i="9"/>
  <c r="CI46" i="9"/>
  <c r="CA46" i="9"/>
  <c r="CH46" i="9"/>
  <c r="BZ46" i="9"/>
  <c r="CG46" i="9"/>
  <c r="CE549" i="9"/>
  <c r="BW549" i="9"/>
  <c r="CL549" i="9"/>
  <c r="CD549" i="9"/>
  <c r="BV549" i="9"/>
  <c r="CK549" i="9"/>
  <c r="CC549" i="9"/>
  <c r="CJ549" i="9"/>
  <c r="CB549" i="9"/>
  <c r="BX549" i="9"/>
  <c r="CI549" i="9"/>
  <c r="CA549" i="9"/>
  <c r="CH549" i="9"/>
  <c r="BZ549" i="9"/>
  <c r="CF549" i="9"/>
  <c r="CG549" i="9"/>
  <c r="BY549" i="9"/>
  <c r="BV217" i="9"/>
  <c r="CH22" i="9"/>
  <c r="BZ22" i="9"/>
  <c r="CG22" i="9"/>
  <c r="BY22" i="9"/>
  <c r="BX22" i="9"/>
  <c r="BW22" i="9"/>
  <c r="CL22" i="9"/>
  <c r="CD22" i="9"/>
  <c r="CJ22" i="9"/>
  <c r="CB22" i="9"/>
  <c r="CI22" i="9"/>
  <c r="CA22" i="9"/>
  <c r="CK22" i="9"/>
  <c r="CK551" i="9"/>
  <c r="CC551" i="9"/>
  <c r="CJ551" i="9"/>
  <c r="CB551" i="9"/>
  <c r="CI551" i="9"/>
  <c r="CA551" i="9"/>
  <c r="CH551" i="9"/>
  <c r="BZ551" i="9"/>
  <c r="CG551" i="9"/>
  <c r="BY551" i="9"/>
  <c r="CE551" i="9"/>
  <c r="BW551" i="9"/>
  <c r="CL551" i="9"/>
  <c r="CD551" i="9"/>
  <c r="BV551" i="9"/>
  <c r="AV13" i="25"/>
  <c r="AV12" i="25"/>
  <c r="AV11" i="25"/>
  <c r="AV10" i="25"/>
  <c r="AV9" i="25"/>
  <c r="AV8" i="25"/>
  <c r="AV6" i="25"/>
  <c r="AV21" i="25"/>
  <c r="AV20" i="25"/>
  <c r="AV19" i="25"/>
  <c r="AV18" i="25"/>
  <c r="AV17" i="25"/>
  <c r="AV16" i="25"/>
  <c r="AV15" i="25"/>
  <c r="AV14" i="25"/>
  <c r="AV4" i="25"/>
  <c r="AV198" i="25"/>
  <c r="AV197" i="25"/>
  <c r="AV196" i="25"/>
  <c r="AP196" i="25"/>
  <c r="AO196" i="25"/>
  <c r="AN196" i="25"/>
  <c r="AM196" i="25"/>
  <c r="AL196" i="25"/>
  <c r="AK196" i="25"/>
  <c r="AJ196" i="25"/>
  <c r="AI196" i="25"/>
  <c r="AH196" i="25"/>
  <c r="AG196" i="25"/>
  <c r="AV195" i="25"/>
  <c r="AP195" i="25"/>
  <c r="AO195" i="25"/>
  <c r="AN195" i="25"/>
  <c r="AM195" i="25"/>
  <c r="AL195" i="25"/>
  <c r="AK195" i="25"/>
  <c r="AJ195" i="25"/>
  <c r="AI195" i="25"/>
  <c r="AH195" i="25"/>
  <c r="AG195" i="25"/>
  <c r="AV194" i="25"/>
  <c r="AP194" i="25"/>
  <c r="AO194" i="25"/>
  <c r="AN194" i="25"/>
  <c r="AM194" i="25"/>
  <c r="AL194" i="25"/>
  <c r="AK194" i="25"/>
  <c r="AJ194" i="25"/>
  <c r="AI194" i="25"/>
  <c r="AH194" i="25"/>
  <c r="AG194" i="25"/>
  <c r="AV193" i="25"/>
  <c r="AP193" i="25"/>
  <c r="AO193" i="25"/>
  <c r="AN193" i="25"/>
  <c r="AM193" i="25"/>
  <c r="AL193" i="25"/>
  <c r="AK193" i="25"/>
  <c r="AJ193" i="25"/>
  <c r="AI193" i="25"/>
  <c r="AH193" i="25"/>
  <c r="AG193" i="25"/>
  <c r="AV192" i="25"/>
  <c r="AV191" i="25"/>
  <c r="AV190" i="25"/>
  <c r="AV189" i="25"/>
  <c r="AV188" i="25"/>
  <c r="AV187" i="25"/>
  <c r="AV185" i="25"/>
  <c r="AV184" i="25"/>
  <c r="AV183" i="25"/>
  <c r="AV182" i="25"/>
  <c r="AV181" i="25"/>
  <c r="AV180" i="25"/>
  <c r="AV178" i="25"/>
  <c r="AP178" i="25"/>
  <c r="AO178" i="25"/>
  <c r="AN178" i="25"/>
  <c r="AM178" i="25"/>
  <c r="AL178" i="25"/>
  <c r="AK178" i="25"/>
  <c r="AJ178" i="25"/>
  <c r="AI178" i="25"/>
  <c r="AH178" i="25"/>
  <c r="AG178" i="25"/>
  <c r="AV177" i="25"/>
  <c r="AP177" i="25"/>
  <c r="AO177" i="25"/>
  <c r="AN177" i="25"/>
  <c r="AM177" i="25"/>
  <c r="AL177" i="25"/>
  <c r="AK177" i="25"/>
  <c r="AJ177" i="25"/>
  <c r="AI177" i="25"/>
  <c r="AH177" i="25"/>
  <c r="AG177" i="25"/>
  <c r="AV175" i="25"/>
  <c r="AP175" i="25"/>
  <c r="AO175" i="25"/>
  <c r="AN175" i="25"/>
  <c r="AM175" i="25"/>
  <c r="AL175" i="25"/>
  <c r="AK175" i="25"/>
  <c r="AJ175" i="25"/>
  <c r="AI175" i="25"/>
  <c r="AH175" i="25"/>
  <c r="AG175" i="25"/>
  <c r="AV174" i="25"/>
  <c r="AP174" i="25"/>
  <c r="AO174" i="25"/>
  <c r="AN174" i="25"/>
  <c r="AM174" i="25"/>
  <c r="AL174" i="25"/>
  <c r="AK174" i="25"/>
  <c r="AJ174" i="25"/>
  <c r="AI174" i="25"/>
  <c r="AH174" i="25"/>
  <c r="AG174" i="25"/>
  <c r="AV173" i="25"/>
  <c r="AV171" i="25"/>
  <c r="AP171" i="25"/>
  <c r="AO171" i="25"/>
  <c r="AN171" i="25"/>
  <c r="AM171" i="25"/>
  <c r="AL171" i="25"/>
  <c r="AK171" i="25"/>
  <c r="AJ171" i="25"/>
  <c r="AI171" i="25"/>
  <c r="AH171" i="25"/>
  <c r="AG171" i="25"/>
  <c r="AV170" i="25"/>
  <c r="AP170" i="25"/>
  <c r="AO170" i="25"/>
  <c r="AN170" i="25"/>
  <c r="AM170" i="25"/>
  <c r="AL170" i="25"/>
  <c r="AK170" i="25"/>
  <c r="AJ170" i="25"/>
  <c r="AI170" i="25"/>
  <c r="AH170" i="25"/>
  <c r="AG170" i="25"/>
  <c r="AV169" i="25"/>
  <c r="AP169" i="25"/>
  <c r="AO169" i="25"/>
  <c r="AN169" i="25"/>
  <c r="AM169" i="25"/>
  <c r="AL169" i="25"/>
  <c r="AK169" i="25"/>
  <c r="AJ169" i="25"/>
  <c r="AI169" i="25"/>
  <c r="AH169" i="25"/>
  <c r="AG169" i="25"/>
  <c r="AV168" i="25"/>
  <c r="AP168" i="25"/>
  <c r="AO168" i="25"/>
  <c r="AN168" i="25"/>
  <c r="AM168" i="25"/>
  <c r="AL168" i="25"/>
  <c r="AK168" i="25"/>
  <c r="AJ168" i="25"/>
  <c r="AI168" i="25"/>
  <c r="AH168" i="25"/>
  <c r="AG168" i="25"/>
  <c r="AV167" i="25"/>
  <c r="AP167" i="25"/>
  <c r="AO167" i="25"/>
  <c r="AN167" i="25"/>
  <c r="AM167" i="25"/>
  <c r="AL167" i="25"/>
  <c r="AK167" i="25"/>
  <c r="AJ167" i="25"/>
  <c r="AI167" i="25"/>
  <c r="AH167" i="25"/>
  <c r="AG167" i="25"/>
  <c r="AV165" i="25"/>
  <c r="AV164" i="25"/>
  <c r="AV163" i="25"/>
  <c r="AV162" i="25"/>
  <c r="AV161" i="25"/>
  <c r="AP161" i="25"/>
  <c r="AO161" i="25"/>
  <c r="AN161" i="25"/>
  <c r="AM161" i="25"/>
  <c r="AL161" i="25"/>
  <c r="AK161" i="25"/>
  <c r="AJ161" i="25"/>
  <c r="AI161" i="25"/>
  <c r="AH161" i="25"/>
  <c r="AG161" i="25"/>
  <c r="AV160" i="25"/>
  <c r="AP160" i="25"/>
  <c r="AO160" i="25"/>
  <c r="AN160" i="25"/>
  <c r="AM160" i="25"/>
  <c r="AL160" i="25"/>
  <c r="AK160" i="25"/>
  <c r="AJ160" i="25"/>
  <c r="AI160" i="25"/>
  <c r="AH160" i="25"/>
  <c r="AG160" i="25"/>
  <c r="AV159" i="25"/>
  <c r="AP159" i="25"/>
  <c r="AO159" i="25"/>
  <c r="AN159" i="25"/>
  <c r="AM159" i="25"/>
  <c r="AL159" i="25"/>
  <c r="AK159" i="25"/>
  <c r="AJ159" i="25"/>
  <c r="AI159" i="25"/>
  <c r="AH159" i="25"/>
  <c r="AG159" i="25"/>
  <c r="AV158" i="25"/>
  <c r="AP158" i="25"/>
  <c r="AO158" i="25"/>
  <c r="AN158" i="25"/>
  <c r="AM158" i="25"/>
  <c r="AL158" i="25"/>
  <c r="AK158" i="25"/>
  <c r="AJ158" i="25"/>
  <c r="AI158" i="25"/>
  <c r="AH158" i="25"/>
  <c r="AG158" i="25"/>
  <c r="AV157" i="25"/>
  <c r="AP157" i="25"/>
  <c r="AO157" i="25"/>
  <c r="AN157" i="25"/>
  <c r="AM157" i="25"/>
  <c r="AL157" i="25"/>
  <c r="AK157" i="25"/>
  <c r="AJ157" i="25"/>
  <c r="AI157" i="25"/>
  <c r="AH157" i="25"/>
  <c r="AG157" i="25"/>
  <c r="AV156" i="25"/>
  <c r="AP156" i="25"/>
  <c r="AO156" i="25"/>
  <c r="AN156" i="25"/>
  <c r="AM156" i="25"/>
  <c r="AL156" i="25"/>
  <c r="AK156" i="25"/>
  <c r="AJ156" i="25"/>
  <c r="AI156" i="25"/>
  <c r="AH156" i="25"/>
  <c r="AG156" i="25"/>
  <c r="AV155" i="25"/>
  <c r="AP155" i="25"/>
  <c r="AO155" i="25"/>
  <c r="AN155" i="25"/>
  <c r="AM155" i="25"/>
  <c r="AL155" i="25"/>
  <c r="AK155" i="25"/>
  <c r="AJ155" i="25"/>
  <c r="AI155" i="25"/>
  <c r="AH155" i="25"/>
  <c r="AG155" i="25"/>
  <c r="AV154" i="25"/>
  <c r="AP154" i="25"/>
  <c r="AO154" i="25"/>
  <c r="AN154" i="25"/>
  <c r="AM154" i="25"/>
  <c r="AL154" i="25"/>
  <c r="AK154" i="25"/>
  <c r="AJ154" i="25"/>
  <c r="AI154" i="25"/>
  <c r="AH154" i="25"/>
  <c r="AG154" i="25"/>
  <c r="AV153" i="25"/>
  <c r="AP153" i="25"/>
  <c r="AO153" i="25"/>
  <c r="AN153" i="25"/>
  <c r="AM153" i="25"/>
  <c r="AL153" i="25"/>
  <c r="AK153" i="25"/>
  <c r="AJ153" i="25"/>
  <c r="AI153" i="25"/>
  <c r="AH153" i="25"/>
  <c r="AG153" i="25"/>
  <c r="AV152" i="25"/>
  <c r="AP152" i="25"/>
  <c r="AO152" i="25"/>
  <c r="AN152" i="25"/>
  <c r="AM152" i="25"/>
  <c r="AL152" i="25"/>
  <c r="AK152" i="25"/>
  <c r="AJ152" i="25"/>
  <c r="AI152" i="25"/>
  <c r="AH152" i="25"/>
  <c r="AG152" i="25"/>
  <c r="AV151" i="25"/>
  <c r="AP151" i="25"/>
  <c r="AO151" i="25"/>
  <c r="AN151" i="25"/>
  <c r="AM151" i="25"/>
  <c r="AL151" i="25"/>
  <c r="AK151" i="25"/>
  <c r="AJ151" i="25"/>
  <c r="AI151" i="25"/>
  <c r="AH151" i="25"/>
  <c r="AG151" i="25"/>
  <c r="AV150" i="25"/>
  <c r="AV149" i="25"/>
  <c r="AV148" i="25"/>
  <c r="AV146" i="25"/>
  <c r="AV144" i="25"/>
  <c r="AP144" i="25"/>
  <c r="AO144" i="25"/>
  <c r="AN144" i="25"/>
  <c r="AM144" i="25"/>
  <c r="AL144" i="25"/>
  <c r="AK144" i="25"/>
  <c r="AJ144" i="25"/>
  <c r="AI144" i="25"/>
  <c r="AH144" i="25"/>
  <c r="AG144" i="25"/>
  <c r="AV143" i="25"/>
  <c r="AV142" i="25"/>
  <c r="AP142" i="25"/>
  <c r="AO142" i="25"/>
  <c r="AN142" i="25"/>
  <c r="AM142" i="25"/>
  <c r="AL142" i="25"/>
  <c r="AK142" i="25"/>
  <c r="AJ142" i="25"/>
  <c r="AI142" i="25"/>
  <c r="AH142" i="25"/>
  <c r="AG142" i="25"/>
  <c r="AV141" i="25"/>
  <c r="AP141" i="25"/>
  <c r="AO141" i="25"/>
  <c r="AN141" i="25"/>
  <c r="AM141" i="25"/>
  <c r="AL141" i="25"/>
  <c r="AK141" i="25"/>
  <c r="AJ141" i="25"/>
  <c r="AI141" i="25"/>
  <c r="AH141" i="25"/>
  <c r="AG141" i="25"/>
  <c r="AV140" i="25"/>
  <c r="AV137" i="25"/>
  <c r="AV135" i="25"/>
  <c r="AV134" i="25"/>
  <c r="AV133" i="25"/>
  <c r="AV131" i="25"/>
  <c r="AV129" i="25"/>
  <c r="AV127" i="25"/>
  <c r="AV126" i="25"/>
  <c r="AV124" i="25"/>
  <c r="AV123" i="25"/>
  <c r="AV122" i="25"/>
  <c r="AV121" i="25"/>
  <c r="AV120" i="25"/>
  <c r="AV119" i="25"/>
  <c r="AV118" i="25"/>
  <c r="AV117" i="25"/>
  <c r="AV116" i="25"/>
  <c r="AV115" i="25"/>
  <c r="AV114" i="25"/>
  <c r="AV113" i="25"/>
  <c r="AV112" i="25"/>
  <c r="AP112" i="25"/>
  <c r="AO112" i="25"/>
  <c r="AN112" i="25"/>
  <c r="AM112" i="25"/>
  <c r="AL112" i="25"/>
  <c r="AK112" i="25"/>
  <c r="AJ112" i="25"/>
  <c r="AI112" i="25"/>
  <c r="AH112" i="25"/>
  <c r="AG112" i="25"/>
  <c r="AV111" i="25"/>
  <c r="AP111" i="25"/>
  <c r="AO111" i="25"/>
  <c r="AN111" i="25"/>
  <c r="AM111" i="25"/>
  <c r="AL111" i="25"/>
  <c r="AK111" i="25"/>
  <c r="AJ111" i="25"/>
  <c r="AI111" i="25"/>
  <c r="AH111" i="25"/>
  <c r="AG111" i="25"/>
  <c r="AV110" i="25"/>
  <c r="AP110" i="25"/>
  <c r="AO110" i="25"/>
  <c r="AN110" i="25"/>
  <c r="AM110" i="25"/>
  <c r="AL110" i="25"/>
  <c r="AK110" i="25"/>
  <c r="AJ110" i="25"/>
  <c r="AI110" i="25"/>
  <c r="AH110" i="25"/>
  <c r="AG110" i="25"/>
  <c r="AV109" i="25"/>
  <c r="AP109" i="25"/>
  <c r="AO109" i="25"/>
  <c r="AN109" i="25"/>
  <c r="AM109" i="25"/>
  <c r="AL109" i="25"/>
  <c r="AK109" i="25"/>
  <c r="AJ109" i="25"/>
  <c r="AI109" i="25"/>
  <c r="AH109" i="25"/>
  <c r="AG109" i="25"/>
  <c r="AV108" i="25"/>
  <c r="AP108" i="25"/>
  <c r="AO108" i="25"/>
  <c r="AN108" i="25"/>
  <c r="AM108" i="25"/>
  <c r="AL108" i="25"/>
  <c r="AK108" i="25"/>
  <c r="AJ108" i="25"/>
  <c r="AI108" i="25"/>
  <c r="AH108" i="25"/>
  <c r="AG108" i="25"/>
  <c r="AV107" i="25"/>
  <c r="AP107" i="25"/>
  <c r="AO107" i="25"/>
  <c r="AN107" i="25"/>
  <c r="AM107" i="25"/>
  <c r="AL107" i="25"/>
  <c r="AK107" i="25"/>
  <c r="AJ107" i="25"/>
  <c r="AI107" i="25"/>
  <c r="AH107" i="25"/>
  <c r="AG107" i="25"/>
  <c r="AV106" i="25"/>
  <c r="AP106" i="25"/>
  <c r="AO106" i="25"/>
  <c r="AN106" i="25"/>
  <c r="AM106" i="25"/>
  <c r="AL106" i="25"/>
  <c r="AK106" i="25"/>
  <c r="AJ106" i="25"/>
  <c r="AI106" i="25"/>
  <c r="AH106" i="25"/>
  <c r="AG106" i="25"/>
  <c r="AV105" i="25"/>
  <c r="AP105" i="25"/>
  <c r="AO105" i="25"/>
  <c r="AN105" i="25"/>
  <c r="AM105" i="25"/>
  <c r="AL105" i="25"/>
  <c r="AK105" i="25"/>
  <c r="AJ105" i="25"/>
  <c r="AI105" i="25"/>
  <c r="AH105" i="25"/>
  <c r="AG105" i="25"/>
  <c r="AV104" i="25"/>
  <c r="AP104" i="25"/>
  <c r="AO104" i="25"/>
  <c r="AN104" i="25"/>
  <c r="AM104" i="25"/>
  <c r="AL104" i="25"/>
  <c r="AK104" i="25"/>
  <c r="AJ104" i="25"/>
  <c r="AI104" i="25"/>
  <c r="AH104" i="25"/>
  <c r="AG104" i="25"/>
  <c r="AV103" i="25"/>
  <c r="AV102" i="25"/>
  <c r="AP102" i="25"/>
  <c r="AO102" i="25"/>
  <c r="AN102" i="25"/>
  <c r="AM102" i="25"/>
  <c r="AL102" i="25"/>
  <c r="AK102" i="25"/>
  <c r="AJ102" i="25"/>
  <c r="AI102" i="25"/>
  <c r="AH102" i="25"/>
  <c r="AG102" i="25"/>
  <c r="AV101" i="25"/>
  <c r="AP101" i="25"/>
  <c r="AO101" i="25"/>
  <c r="AN101" i="25"/>
  <c r="AM101" i="25"/>
  <c r="AL101" i="25"/>
  <c r="AK101" i="25"/>
  <c r="AJ101" i="25"/>
  <c r="AI101" i="25"/>
  <c r="AH101" i="25"/>
  <c r="AG101" i="25"/>
  <c r="AV100" i="25"/>
  <c r="AV99" i="25"/>
  <c r="AV98" i="25"/>
  <c r="AV96" i="25"/>
  <c r="AV95" i="25"/>
  <c r="AV94" i="25"/>
  <c r="AV93" i="25"/>
  <c r="AV92" i="25"/>
  <c r="AV91" i="25"/>
  <c r="AV235" i="25"/>
  <c r="AP235" i="25"/>
  <c r="AO235" i="25"/>
  <c r="AN235" i="25"/>
  <c r="AM235" i="25"/>
  <c r="AL235" i="25"/>
  <c r="AK235" i="25"/>
  <c r="AJ235" i="25"/>
  <c r="AI235" i="25"/>
  <c r="AH235" i="25"/>
  <c r="AG235" i="25"/>
  <c r="AV234" i="25"/>
  <c r="AV233" i="25"/>
  <c r="AV231" i="25"/>
  <c r="AV230" i="25"/>
  <c r="AV229" i="25"/>
  <c r="AV228" i="25"/>
  <c r="AV227" i="25"/>
  <c r="AV226" i="25"/>
  <c r="AV225" i="25"/>
  <c r="AP225" i="25"/>
  <c r="AO225" i="25"/>
  <c r="AN225" i="25"/>
  <c r="AM225" i="25"/>
  <c r="AL225" i="25"/>
  <c r="AK225" i="25"/>
  <c r="AJ225" i="25"/>
  <c r="AI225" i="25"/>
  <c r="AH225" i="25"/>
  <c r="AG225" i="25"/>
  <c r="AV224" i="25"/>
  <c r="AV223" i="25"/>
  <c r="AP223" i="25"/>
  <c r="AO223" i="25"/>
  <c r="AN223" i="25"/>
  <c r="AM223" i="25"/>
  <c r="AL223" i="25"/>
  <c r="AK223" i="25"/>
  <c r="AJ223" i="25"/>
  <c r="AI223" i="25"/>
  <c r="AH223" i="25"/>
  <c r="AG223" i="25"/>
  <c r="AV222" i="25"/>
  <c r="AP222" i="25"/>
  <c r="AO222" i="25"/>
  <c r="AN222" i="25"/>
  <c r="AM222" i="25"/>
  <c r="AL222" i="25"/>
  <c r="AK222" i="25"/>
  <c r="AJ222" i="25"/>
  <c r="AI222" i="25"/>
  <c r="AH222" i="25"/>
  <c r="AG222" i="25"/>
  <c r="AV221" i="25"/>
  <c r="AV220" i="25"/>
  <c r="AV219" i="25"/>
  <c r="AV218" i="25"/>
  <c r="AV217" i="25"/>
  <c r="AV216" i="25"/>
  <c r="AV214" i="25"/>
  <c r="AV213" i="25"/>
  <c r="AV212" i="25"/>
  <c r="AV211" i="25"/>
  <c r="AV210" i="25"/>
  <c r="AV209" i="25"/>
  <c r="AP209" i="25"/>
  <c r="AO209" i="25"/>
  <c r="AN209" i="25"/>
  <c r="AM209" i="25"/>
  <c r="AL209" i="25"/>
  <c r="AK209" i="25"/>
  <c r="AJ209" i="25"/>
  <c r="AI209" i="25"/>
  <c r="AH209" i="25"/>
  <c r="AG209" i="25"/>
  <c r="AV207" i="25"/>
  <c r="AV206" i="25"/>
  <c r="AV205" i="25"/>
  <c r="AP205" i="25"/>
  <c r="AO205" i="25"/>
  <c r="AN205" i="25"/>
  <c r="AM205" i="25"/>
  <c r="AL205" i="25"/>
  <c r="AK205" i="25"/>
  <c r="AJ205" i="25"/>
  <c r="AI205" i="25"/>
  <c r="AH205" i="25"/>
  <c r="AG205" i="25"/>
  <c r="AV204" i="25"/>
  <c r="AV203" i="25"/>
  <c r="AV202" i="25"/>
  <c r="AV201" i="25"/>
  <c r="AP201" i="25"/>
  <c r="AO201" i="25"/>
  <c r="AN201" i="25"/>
  <c r="AM201" i="25"/>
  <c r="AL201" i="25"/>
  <c r="AK201" i="25"/>
  <c r="AJ201" i="25"/>
  <c r="AI201" i="25"/>
  <c r="AH201" i="25"/>
  <c r="AG201" i="25"/>
  <c r="AV200" i="25"/>
  <c r="AP200" i="25"/>
  <c r="AO200" i="25"/>
  <c r="AN200" i="25"/>
  <c r="AM200" i="25"/>
  <c r="AL200" i="25"/>
  <c r="AK200" i="25"/>
  <c r="AJ200" i="25"/>
  <c r="AI200" i="25"/>
  <c r="AH200" i="25"/>
  <c r="AG200" i="25"/>
  <c r="AV199" i="25"/>
  <c r="AV186" i="25"/>
  <c r="AV179" i="25"/>
  <c r="AV172" i="25"/>
  <c r="AP172" i="25"/>
  <c r="AO172" i="25"/>
  <c r="AN172" i="25"/>
  <c r="AM172" i="25"/>
  <c r="AL172" i="25"/>
  <c r="AK172" i="25"/>
  <c r="AJ172" i="25"/>
  <c r="AI172" i="25"/>
  <c r="AH172" i="25"/>
  <c r="AG172" i="25"/>
  <c r="AV166" i="25"/>
  <c r="AP166" i="25"/>
  <c r="AO166" i="25"/>
  <c r="AN166" i="25"/>
  <c r="AM166" i="25"/>
  <c r="AL166" i="25"/>
  <c r="AK166" i="25"/>
  <c r="AJ166" i="25"/>
  <c r="AI166" i="25"/>
  <c r="AH166" i="25"/>
  <c r="AG166" i="25"/>
  <c r="AV145" i="25"/>
  <c r="AP145" i="25"/>
  <c r="AO145" i="25"/>
  <c r="AN145" i="25"/>
  <c r="AM145" i="25"/>
  <c r="AL145" i="25"/>
  <c r="AK145" i="25"/>
  <c r="AJ145" i="25"/>
  <c r="AI145" i="25"/>
  <c r="AH145" i="25"/>
  <c r="AG145" i="25"/>
  <c r="AV138" i="25"/>
  <c r="AV136" i="25"/>
  <c r="AV132" i="25"/>
  <c r="AP132" i="25"/>
  <c r="AO132" i="25"/>
  <c r="AN132" i="25"/>
  <c r="AM132" i="25"/>
  <c r="AL132" i="25"/>
  <c r="AK132" i="25"/>
  <c r="AJ132" i="25"/>
  <c r="AI132" i="25"/>
  <c r="AH132" i="25"/>
  <c r="AG132" i="25"/>
  <c r="AV128" i="25"/>
  <c r="AV88" i="25"/>
  <c r="AP88" i="25"/>
  <c r="AO88" i="25"/>
  <c r="AN88" i="25"/>
  <c r="AM88" i="25"/>
  <c r="AL88" i="25"/>
  <c r="AK88" i="25"/>
  <c r="AJ88" i="25"/>
  <c r="AI88" i="25"/>
  <c r="AH88" i="25"/>
  <c r="AG88" i="25"/>
  <c r="AV87" i="25"/>
  <c r="AV86" i="25"/>
  <c r="AV84" i="25"/>
  <c r="AP84" i="25"/>
  <c r="AO84" i="25"/>
  <c r="AN84" i="25"/>
  <c r="AM84" i="25"/>
  <c r="AL84" i="25"/>
  <c r="AK84" i="25"/>
  <c r="AJ84" i="25"/>
  <c r="AI84" i="25"/>
  <c r="AH84" i="25"/>
  <c r="AG84" i="25"/>
  <c r="AV83" i="25"/>
  <c r="AP83" i="25"/>
  <c r="AO83" i="25"/>
  <c r="AN83" i="25"/>
  <c r="AM83" i="25"/>
  <c r="AL83" i="25"/>
  <c r="AK83" i="25"/>
  <c r="AJ83" i="25"/>
  <c r="AI83" i="25"/>
  <c r="AH83" i="25"/>
  <c r="AG83" i="25"/>
  <c r="AV75" i="25"/>
  <c r="AV72" i="25"/>
  <c r="AV70" i="25"/>
  <c r="AP67" i="25"/>
  <c r="AO67" i="25"/>
  <c r="AN67" i="25"/>
  <c r="AM67" i="25"/>
  <c r="AL67" i="25"/>
  <c r="AK67" i="25"/>
  <c r="AJ67" i="25"/>
  <c r="AI67" i="25"/>
  <c r="AH67" i="25"/>
  <c r="AG67" i="25"/>
  <c r="AV66" i="25"/>
  <c r="AV65" i="25"/>
  <c r="AV64" i="25"/>
  <c r="AV63" i="25"/>
  <c r="AV62" i="25"/>
  <c r="AV61" i="25"/>
  <c r="AV59" i="25"/>
  <c r="AV58" i="25"/>
  <c r="AV57" i="25"/>
  <c r="AV56" i="25"/>
  <c r="AP56" i="25"/>
  <c r="AO56" i="25"/>
  <c r="AN56" i="25"/>
  <c r="AM56" i="25"/>
  <c r="AL56" i="25"/>
  <c r="AK56" i="25"/>
  <c r="AJ56" i="25"/>
  <c r="AI56" i="25"/>
  <c r="AH56" i="25"/>
  <c r="AG56" i="25"/>
  <c r="AV55" i="25"/>
  <c r="AV54" i="25"/>
  <c r="AV53" i="25"/>
  <c r="AV52" i="25"/>
  <c r="AV50" i="25"/>
  <c r="AP50" i="25"/>
  <c r="AO50" i="25"/>
  <c r="AN50" i="25"/>
  <c r="AM50" i="25"/>
  <c r="AL50" i="25"/>
  <c r="AK50" i="25"/>
  <c r="AJ50" i="25"/>
  <c r="AI50" i="25"/>
  <c r="AH50" i="25"/>
  <c r="AG50" i="25"/>
  <c r="AV49" i="25"/>
  <c r="AP49" i="25"/>
  <c r="AO49" i="25"/>
  <c r="AN49" i="25"/>
  <c r="AM49" i="25"/>
  <c r="AL49" i="25"/>
  <c r="AK49" i="25"/>
  <c r="AJ49" i="25"/>
  <c r="AI49" i="25"/>
  <c r="AH49" i="25"/>
  <c r="AG49" i="25"/>
  <c r="AV48" i="25"/>
  <c r="AP48" i="25"/>
  <c r="AO48" i="25"/>
  <c r="AN48" i="25"/>
  <c r="AM48" i="25"/>
  <c r="AL48" i="25"/>
  <c r="AK48" i="25"/>
  <c r="AJ48" i="25"/>
  <c r="AI48" i="25"/>
  <c r="AH48" i="25"/>
  <c r="AG48" i="25"/>
  <c r="AV47" i="25"/>
  <c r="AP47" i="25"/>
  <c r="AO47" i="25"/>
  <c r="AN47" i="25"/>
  <c r="AM47" i="25"/>
  <c r="AL47" i="25"/>
  <c r="AK47" i="25"/>
  <c r="AJ47" i="25"/>
  <c r="AI47" i="25"/>
  <c r="AH47" i="25"/>
  <c r="AG47" i="25"/>
  <c r="AV46" i="25"/>
  <c r="AV45" i="25"/>
  <c r="AV42" i="25"/>
  <c r="AV32" i="25"/>
  <c r="AV30" i="25"/>
  <c r="AP30" i="25"/>
  <c r="AO30" i="25"/>
  <c r="AN30" i="25"/>
  <c r="AM30" i="25"/>
  <c r="AL30" i="25"/>
  <c r="AK30" i="25"/>
  <c r="AJ30" i="25"/>
  <c r="AI30" i="25"/>
  <c r="AH30" i="25"/>
  <c r="AG30" i="25"/>
  <c r="AV29" i="25"/>
  <c r="AP29" i="25"/>
  <c r="AO29" i="25"/>
  <c r="AN29" i="25"/>
  <c r="AM29" i="25"/>
  <c r="AL29" i="25"/>
  <c r="AK29" i="25"/>
  <c r="AJ29" i="25"/>
  <c r="AI29" i="25"/>
  <c r="AH29" i="25"/>
  <c r="AG29" i="25"/>
  <c r="AV28" i="25"/>
  <c r="AE28" i="25"/>
  <c r="AD28" i="25"/>
  <c r="AC28" i="25"/>
  <c r="AB28" i="25"/>
  <c r="AA28" i="25"/>
  <c r="Z28" i="25"/>
  <c r="Y28" i="25"/>
  <c r="X28" i="25"/>
  <c r="W28" i="25"/>
  <c r="AP26" i="25"/>
  <c r="AO26" i="25"/>
  <c r="AN26" i="25"/>
  <c r="AM26" i="25"/>
  <c r="AL26" i="25"/>
  <c r="AK26" i="25"/>
  <c r="AJ26" i="25"/>
  <c r="AI26" i="25"/>
  <c r="AH26" i="25"/>
  <c r="AG26" i="25"/>
  <c r="AP89" i="25"/>
  <c r="AO89" i="25"/>
  <c r="AN89" i="25"/>
  <c r="AM89" i="25"/>
  <c r="AL89" i="25"/>
  <c r="AK89" i="25"/>
  <c r="AJ89" i="25"/>
  <c r="AI89" i="25"/>
  <c r="AH89" i="25"/>
  <c r="AG89" i="25"/>
  <c r="AP81" i="25"/>
  <c r="AO81" i="25"/>
  <c r="AN81" i="25"/>
  <c r="AM81" i="25"/>
  <c r="AL81" i="25"/>
  <c r="AK81" i="25"/>
  <c r="AJ81" i="25"/>
  <c r="AI81" i="25"/>
  <c r="AH81" i="25"/>
  <c r="AG81" i="25"/>
  <c r="AP31" i="25"/>
  <c r="AO31" i="25"/>
  <c r="AN31" i="25"/>
  <c r="AM31" i="25"/>
  <c r="AL31" i="25"/>
  <c r="AK31" i="25"/>
  <c r="AJ31" i="25"/>
  <c r="AI31" i="25"/>
  <c r="AH31" i="25"/>
  <c r="AG31" i="25"/>
  <c r="AP22" i="25"/>
  <c r="AO22" i="25"/>
  <c r="AN22" i="25"/>
  <c r="AM22" i="25"/>
  <c r="AL22" i="25"/>
  <c r="AK22" i="25"/>
  <c r="AJ22" i="25"/>
  <c r="AI22" i="25"/>
  <c r="AH22" i="25"/>
  <c r="AG22" i="25"/>
  <c r="CO778" i="11" l="1"/>
  <c r="AB778" i="11" s="1"/>
  <c r="AF778" i="11" s="1"/>
  <c r="CE778" i="11" s="1"/>
  <c r="DM38" i="9"/>
  <c r="DN46" i="9"/>
  <c r="DM260" i="9"/>
  <c r="DM111" i="9"/>
  <c r="DN263" i="9"/>
  <c r="DM266" i="9"/>
  <c r="DM22" i="9"/>
  <c r="DM264" i="9"/>
  <c r="DN51" i="9"/>
  <c r="DN506" i="9"/>
  <c r="DN493" i="9"/>
  <c r="DN53" i="9"/>
  <c r="DN259" i="9"/>
  <c r="DM551" i="9"/>
  <c r="DM217" i="9"/>
  <c r="DM12" i="9"/>
  <c r="DN499" i="9"/>
  <c r="DM270" i="9"/>
  <c r="DN43" i="9"/>
  <c r="DM262" i="9"/>
  <c r="DN265" i="9"/>
  <c r="DM268" i="9"/>
  <c r="DM269" i="9"/>
  <c r="DN261" i="9"/>
  <c r="DN325" i="9"/>
  <c r="DM46" i="9"/>
  <c r="DM500" i="9"/>
  <c r="DM549" i="9"/>
  <c r="DN551" i="9"/>
  <c r="DM259" i="9"/>
  <c r="DN271" i="9"/>
  <c r="DM325" i="9"/>
  <c r="DN12" i="9"/>
  <c r="DM271" i="9"/>
  <c r="DM44" i="9"/>
  <c r="J6" i="34" s="1"/>
  <c r="DM263" i="9"/>
  <c r="DN500" i="9"/>
  <c r="DM544" i="9"/>
  <c r="DN11" i="9"/>
  <c r="DM11" i="9"/>
  <c r="DN217" i="9"/>
  <c r="DM261" i="9"/>
  <c r="BU309" i="9"/>
  <c r="W495" i="9"/>
  <c r="BT495" i="9"/>
  <c r="W491" i="9"/>
  <c r="BT491" i="9"/>
  <c r="BT507" i="9"/>
  <c r="DL507" i="9" s="1"/>
  <c r="DN507" i="9" s="1"/>
  <c r="W508" i="9"/>
  <c r="BT508" i="9"/>
  <c r="DI508" i="9" s="1"/>
  <c r="DN508" i="9" s="1"/>
  <c r="DO556" i="9"/>
  <c r="DO557" i="9" s="1"/>
  <c r="DP205" i="9"/>
  <c r="DO551" i="9"/>
  <c r="DO46" i="9"/>
  <c r="DO544" i="9"/>
  <c r="DO262" i="9"/>
  <c r="DO217" i="9"/>
  <c r="W507" i="9"/>
  <c r="BU217" i="9"/>
  <c r="CJ323" i="9"/>
  <c r="CB323" i="9"/>
  <c r="CI323" i="9"/>
  <c r="CA323" i="9"/>
  <c r="CH323" i="9"/>
  <c r="BZ323" i="9"/>
  <c r="DL323" i="9"/>
  <c r="CF323" i="9"/>
  <c r="BX323" i="9"/>
  <c r="CE323" i="9"/>
  <c r="BW323" i="9"/>
  <c r="CD323" i="9"/>
  <c r="DJ323" i="9"/>
  <c r="BV323" i="9"/>
  <c r="CK323" i="9"/>
  <c r="CG323" i="9"/>
  <c r="CC323" i="9"/>
  <c r="BY323" i="9"/>
  <c r="DK323" i="9"/>
  <c r="CL323" i="9"/>
  <c r="DI323" i="9"/>
  <c r="DK298" i="9"/>
  <c r="CE298" i="9"/>
  <c r="BW298" i="9"/>
  <c r="DJ298" i="9"/>
  <c r="CL298" i="9"/>
  <c r="CD298" i="9"/>
  <c r="BV298" i="9"/>
  <c r="DI298" i="9"/>
  <c r="CK298" i="9"/>
  <c r="CC298" i="9"/>
  <c r="CJ298" i="9"/>
  <c r="CB298" i="9"/>
  <c r="CG298" i="9"/>
  <c r="BY298" i="9"/>
  <c r="CI298" i="9"/>
  <c r="DL298" i="9"/>
  <c r="CH298" i="9"/>
  <c r="CF298" i="9"/>
  <c r="BZ298" i="9"/>
  <c r="BX298" i="9"/>
  <c r="CA298" i="9"/>
  <c r="CH326" i="9"/>
  <c r="BZ326" i="9"/>
  <c r="BW326" i="9"/>
  <c r="CG326" i="9"/>
  <c r="BY326" i="9"/>
  <c r="DK326" i="9"/>
  <c r="DL326" i="9"/>
  <c r="CF326" i="9"/>
  <c r="BX326" i="9"/>
  <c r="CE326" i="9"/>
  <c r="DJ326" i="9"/>
  <c r="CL326" i="9"/>
  <c r="CD326" i="9"/>
  <c r="BV326" i="9"/>
  <c r="CC326" i="9"/>
  <c r="DI326" i="9"/>
  <c r="CI326" i="9"/>
  <c r="CB326" i="9"/>
  <c r="CA326" i="9"/>
  <c r="CK326" i="9"/>
  <c r="CJ326" i="9"/>
  <c r="CH332" i="9"/>
  <c r="BZ332" i="9"/>
  <c r="CG332" i="9"/>
  <c r="BY332" i="9"/>
  <c r="DL332" i="9"/>
  <c r="CF332" i="9"/>
  <c r="BX332" i="9"/>
  <c r="DK332" i="9"/>
  <c r="CE332" i="9"/>
  <c r="BW332" i="9"/>
  <c r="CJ332" i="9"/>
  <c r="CB332" i="9"/>
  <c r="DJ332" i="9"/>
  <c r="CL332" i="9"/>
  <c r="DI332" i="9"/>
  <c r="CK332" i="9"/>
  <c r="CI332" i="9"/>
  <c r="CA332" i="9"/>
  <c r="BV332" i="9"/>
  <c r="CD332" i="9"/>
  <c r="CC332" i="9"/>
  <c r="DJ307" i="9"/>
  <c r="DL307" i="9"/>
  <c r="DJ317" i="9"/>
  <c r="DI317" i="9"/>
  <c r="DL306" i="9"/>
  <c r="DJ306" i="9"/>
  <c r="BV316" i="9"/>
  <c r="DM316" i="9" s="1"/>
  <c r="DI316" i="9"/>
  <c r="DN316" i="9" s="1"/>
  <c r="DK497" i="9"/>
  <c r="DI497" i="9"/>
  <c r="DJ497" i="9"/>
  <c r="DK496" i="9"/>
  <c r="DJ496" i="9"/>
  <c r="DI496" i="9"/>
  <c r="DK492" i="9"/>
  <c r="DI492" i="9"/>
  <c r="DJ492" i="9"/>
  <c r="DK494" i="9"/>
  <c r="DL494" i="9"/>
  <c r="DA494" i="9"/>
  <c r="DI494" i="9"/>
  <c r="DJ494" i="9"/>
  <c r="BU325" i="9"/>
  <c r="DL299" i="9"/>
  <c r="CH299" i="9"/>
  <c r="BZ299" i="9"/>
  <c r="DK299" i="9"/>
  <c r="CG299" i="9"/>
  <c r="BY299" i="9"/>
  <c r="DJ299" i="9"/>
  <c r="CF299" i="9"/>
  <c r="BX299" i="9"/>
  <c r="CL299" i="9"/>
  <c r="CD299" i="9"/>
  <c r="BV299" i="9"/>
  <c r="CA299" i="9"/>
  <c r="DI299" i="9"/>
  <c r="CE299" i="9"/>
  <c r="BW299" i="9"/>
  <c r="CK299" i="9"/>
  <c r="CC299" i="9"/>
  <c r="CJ299" i="9"/>
  <c r="CB299" i="9"/>
  <c r="CI299" i="9"/>
  <c r="BV292" i="9"/>
  <c r="DM292" i="9" s="1"/>
  <c r="DI292" i="9"/>
  <c r="DN292" i="9" s="1"/>
  <c r="BU330" i="9"/>
  <c r="CI291" i="9"/>
  <c r="BV291" i="9"/>
  <c r="AQ81" i="25"/>
  <c r="AQ29" i="25"/>
  <c r="AQ49" i="25"/>
  <c r="AQ47" i="25"/>
  <c r="AQ30" i="25"/>
  <c r="AQ50" i="25"/>
  <c r="AQ26" i="25"/>
  <c r="AQ89" i="25"/>
  <c r="AQ83" i="25"/>
  <c r="AQ22" i="25"/>
  <c r="AQ48" i="25"/>
  <c r="AQ31" i="25"/>
  <c r="AQ67" i="25"/>
  <c r="AQ84" i="25"/>
  <c r="AQ132" i="25"/>
  <c r="AQ166" i="25"/>
  <c r="AQ223" i="25"/>
  <c r="AQ106" i="25"/>
  <c r="AQ151" i="25"/>
  <c r="AQ159" i="25"/>
  <c r="AQ175" i="25"/>
  <c r="AQ194" i="25"/>
  <c r="AQ56" i="25"/>
  <c r="AQ107" i="25"/>
  <c r="AQ160" i="25"/>
  <c r="AQ169" i="25"/>
  <c r="AQ177" i="25"/>
  <c r="AQ195" i="25"/>
  <c r="AQ88" i="25"/>
  <c r="AQ201" i="25"/>
  <c r="AQ225" i="25"/>
  <c r="AQ110" i="25"/>
  <c r="AQ155" i="25"/>
  <c r="AQ145" i="25"/>
  <c r="AQ222" i="25"/>
  <c r="AQ105" i="25"/>
  <c r="AQ142" i="25"/>
  <c r="AQ158" i="25"/>
  <c r="AQ167" i="25"/>
  <c r="AQ174" i="25"/>
  <c r="AQ193" i="25"/>
  <c r="AQ102" i="25"/>
  <c r="AQ108" i="25"/>
  <c r="AQ153" i="25"/>
  <c r="AQ161" i="25"/>
  <c r="AQ170" i="25"/>
  <c r="AQ178" i="25"/>
  <c r="AQ196" i="25"/>
  <c r="AQ209" i="25"/>
  <c r="AQ235" i="25"/>
  <c r="AQ111" i="25"/>
  <c r="AQ156" i="25"/>
  <c r="AQ200" i="25"/>
  <c r="AQ109" i="25"/>
  <c r="AQ144" i="25"/>
  <c r="AQ154" i="25"/>
  <c r="AQ171" i="25"/>
  <c r="AQ205" i="25"/>
  <c r="AQ104" i="25"/>
  <c r="AQ112" i="25"/>
  <c r="AQ141" i="25"/>
  <c r="AQ157" i="25"/>
  <c r="AQ168" i="25"/>
  <c r="AQ172" i="25"/>
  <c r="AQ101" i="25"/>
  <c r="AQ152" i="25"/>
  <c r="AM28" i="25"/>
  <c r="AJ28" i="25"/>
  <c r="AL28" i="25"/>
  <c r="AK28" i="25"/>
  <c r="AO28" i="25"/>
  <c r="AH28" i="25"/>
  <c r="AI28" i="25"/>
  <c r="AN28" i="25"/>
  <c r="AP28" i="25"/>
  <c r="AG28" i="25"/>
  <c r="DA556" i="9" l="1"/>
  <c r="DA557" i="9" s="1"/>
  <c r="DA558" i="9"/>
  <c r="DA559" i="9" s="1"/>
  <c r="DN317" i="9"/>
  <c r="DN307" i="9"/>
  <c r="DN299" i="9"/>
  <c r="DN494" i="9"/>
  <c r="DM326" i="9"/>
  <c r="DM291" i="9"/>
  <c r="DN497" i="9"/>
  <c r="DN492" i="9"/>
  <c r="DN332" i="9"/>
  <c r="DN306" i="9"/>
  <c r="DN496" i="9"/>
  <c r="DM332" i="9"/>
  <c r="DN326" i="9"/>
  <c r="DM299" i="9"/>
  <c r="DM323" i="9"/>
  <c r="DN298" i="9"/>
  <c r="DN323" i="9"/>
  <c r="DM298" i="9"/>
  <c r="W199" i="9"/>
  <c r="BU323" i="9"/>
  <c r="DJ495" i="9"/>
  <c r="DC495" i="9"/>
  <c r="DC558" i="9" s="1"/>
  <c r="DC559" i="9" s="1"/>
  <c r="DI495" i="9"/>
  <c r="DL491" i="9"/>
  <c r="DK491" i="9"/>
  <c r="DJ491" i="9"/>
  <c r="DP494" i="9"/>
  <c r="BU326" i="9"/>
  <c r="BU332" i="9"/>
  <c r="BU299" i="9"/>
  <c r="BU298" i="9"/>
  <c r="AB766" i="11"/>
  <c r="BW766" i="11" s="1"/>
  <c r="AQ28" i="25"/>
  <c r="DN495" i="9" l="1"/>
  <c r="DN491" i="9"/>
  <c r="DP495" i="9"/>
  <c r="DP556" i="9" s="1"/>
  <c r="DP557" i="9" s="1"/>
  <c r="DC556" i="9"/>
  <c r="DC557" i="9" s="1"/>
  <c r="I18" i="16"/>
  <c r="J18" i="16"/>
  <c r="C5" i="16"/>
  <c r="C16" i="16"/>
  <c r="C18" i="16"/>
  <c r="E19" i="16" s="1"/>
  <c r="DP558" i="9" l="1"/>
  <c r="G22" i="16"/>
  <c r="H22" i="16" s="1"/>
  <c r="G20" i="16"/>
  <c r="H20" i="16" s="1"/>
  <c r="E22" i="16"/>
  <c r="J22" i="16" s="1"/>
  <c r="G19" i="16"/>
  <c r="H19" i="16" s="1"/>
  <c r="L19" i="16" s="1"/>
  <c r="E20" i="16"/>
  <c r="J20" i="16" s="1"/>
  <c r="G21" i="16"/>
  <c r="H21" i="16" s="1"/>
  <c r="E21" i="16"/>
  <c r="J21" i="16" s="1"/>
  <c r="U642" i="11"/>
  <c r="V642" i="11"/>
  <c r="DK486" i="9"/>
  <c r="CI488" i="9"/>
  <c r="AA641" i="11"/>
  <c r="BI641" i="11"/>
  <c r="BK641" i="11"/>
  <c r="BL641" i="11"/>
  <c r="BM641" i="11"/>
  <c r="BN641" i="11"/>
  <c r="BO641" i="11"/>
  <c r="BP641" i="11"/>
  <c r="BQ641" i="11"/>
  <c r="BR641" i="11"/>
  <c r="BS641" i="11"/>
  <c r="BT641" i="11"/>
  <c r="BU641" i="11"/>
  <c r="BV641" i="11"/>
  <c r="BW641" i="11"/>
  <c r="BX641" i="11"/>
  <c r="BY641" i="11"/>
  <c r="BZ641" i="11"/>
  <c r="CA641" i="11"/>
  <c r="CB641" i="11"/>
  <c r="CC641" i="11"/>
  <c r="CD641" i="11"/>
  <c r="CE641" i="11"/>
  <c r="CF641" i="11"/>
  <c r="CG641" i="11"/>
  <c r="CH641" i="11"/>
  <c r="CI641" i="11"/>
  <c r="CJ641" i="11"/>
  <c r="CK641" i="11"/>
  <c r="CL641" i="11"/>
  <c r="CM641" i="11"/>
  <c r="CN641" i="11"/>
  <c r="CO641" i="11"/>
  <c r="AA640" i="11"/>
  <c r="BI640" i="11"/>
  <c r="BK640" i="11"/>
  <c r="BL640" i="11"/>
  <c r="BM640" i="11"/>
  <c r="BN640" i="11"/>
  <c r="BO640" i="11"/>
  <c r="BP640" i="11"/>
  <c r="BQ640" i="11"/>
  <c r="BR640" i="11"/>
  <c r="BS640" i="11"/>
  <c r="BT640" i="11"/>
  <c r="BU640" i="11"/>
  <c r="BV640" i="11"/>
  <c r="BW640" i="11"/>
  <c r="BX640" i="11"/>
  <c r="BY640" i="11"/>
  <c r="BZ640" i="11"/>
  <c r="CA640" i="11"/>
  <c r="CB640" i="11"/>
  <c r="CC640" i="11"/>
  <c r="CD640" i="11"/>
  <c r="CE640" i="11"/>
  <c r="CF640" i="11"/>
  <c r="CG640" i="11"/>
  <c r="CH640" i="11"/>
  <c r="CI640" i="11"/>
  <c r="CJ640" i="11"/>
  <c r="CK640" i="11"/>
  <c r="CL640" i="11"/>
  <c r="CM640" i="11"/>
  <c r="CN640" i="11"/>
  <c r="CO640" i="11"/>
  <c r="AA639" i="11"/>
  <c r="BI639" i="11"/>
  <c r="BK639" i="11"/>
  <c r="BL639" i="11"/>
  <c r="BM639" i="11"/>
  <c r="BN639" i="11"/>
  <c r="BO639" i="11"/>
  <c r="BP639" i="11"/>
  <c r="BQ639" i="11"/>
  <c r="BR639" i="11"/>
  <c r="BS639" i="11"/>
  <c r="BT639" i="11"/>
  <c r="BU639" i="11"/>
  <c r="BV639" i="11"/>
  <c r="BW639" i="11"/>
  <c r="BX639" i="11"/>
  <c r="BY639" i="11"/>
  <c r="BZ639" i="11"/>
  <c r="CA639" i="11"/>
  <c r="CB639" i="11"/>
  <c r="CC639" i="11"/>
  <c r="CD639" i="11"/>
  <c r="CE639" i="11"/>
  <c r="CF639" i="11"/>
  <c r="CG639" i="11"/>
  <c r="CH639" i="11"/>
  <c r="CI639" i="11"/>
  <c r="CJ639" i="11"/>
  <c r="CK639" i="11"/>
  <c r="CL639" i="11"/>
  <c r="CM639" i="11"/>
  <c r="CN639" i="11"/>
  <c r="CO639" i="11"/>
  <c r="AA638" i="11"/>
  <c r="BI638" i="11"/>
  <c r="BK638" i="11"/>
  <c r="BL638" i="11"/>
  <c r="BM638" i="11"/>
  <c r="BN638" i="11"/>
  <c r="BO638" i="11"/>
  <c r="BP638" i="11"/>
  <c r="BQ638" i="11"/>
  <c r="BR638" i="11"/>
  <c r="BS638" i="11"/>
  <c r="BT638" i="11"/>
  <c r="BU638" i="11"/>
  <c r="BV638" i="11"/>
  <c r="BW638" i="11"/>
  <c r="BX638" i="11"/>
  <c r="BY638" i="11"/>
  <c r="BZ638" i="11"/>
  <c r="CA638" i="11"/>
  <c r="CB638" i="11"/>
  <c r="CC638" i="11"/>
  <c r="CD638" i="11"/>
  <c r="CE638" i="11"/>
  <c r="CF638" i="11"/>
  <c r="CG638" i="11"/>
  <c r="CH638" i="11"/>
  <c r="CI638" i="11"/>
  <c r="CJ638" i="11"/>
  <c r="CK638" i="11"/>
  <c r="CL638" i="11"/>
  <c r="CM638" i="11"/>
  <c r="CN638" i="11"/>
  <c r="CO638" i="11"/>
  <c r="AA637" i="11"/>
  <c r="BI637" i="11"/>
  <c r="BK637" i="11"/>
  <c r="BL637" i="11"/>
  <c r="BM637" i="11"/>
  <c r="BN637" i="11"/>
  <c r="BO637" i="11"/>
  <c r="BP637" i="11"/>
  <c r="BQ637" i="11"/>
  <c r="BR637" i="11"/>
  <c r="BS637" i="11"/>
  <c r="BT637" i="11"/>
  <c r="BU637" i="11"/>
  <c r="BV637" i="11"/>
  <c r="BW637" i="11"/>
  <c r="BX637" i="11"/>
  <c r="BY637" i="11"/>
  <c r="BZ637" i="11"/>
  <c r="CA637" i="11"/>
  <c r="CB637" i="11"/>
  <c r="CC637" i="11"/>
  <c r="CD637" i="11"/>
  <c r="CE637" i="11"/>
  <c r="CF637" i="11"/>
  <c r="CG637" i="11"/>
  <c r="CH637" i="11"/>
  <c r="CI637" i="11"/>
  <c r="CJ637" i="11"/>
  <c r="CK637" i="11"/>
  <c r="CL637" i="11"/>
  <c r="CM637" i="11"/>
  <c r="CN637" i="11"/>
  <c r="CO637" i="11"/>
  <c r="AA636" i="11"/>
  <c r="BI636" i="11"/>
  <c r="BK636" i="11"/>
  <c r="BL636" i="11"/>
  <c r="BM636" i="11"/>
  <c r="BN636" i="11"/>
  <c r="BO636" i="11"/>
  <c r="BP636" i="11"/>
  <c r="BQ636" i="11"/>
  <c r="BR636" i="11"/>
  <c r="BS636" i="11"/>
  <c r="BT636" i="11"/>
  <c r="BU636" i="11"/>
  <c r="BV636" i="11"/>
  <c r="BW636" i="11"/>
  <c r="BX636" i="11"/>
  <c r="BY636" i="11"/>
  <c r="BZ636" i="11"/>
  <c r="CA636" i="11"/>
  <c r="CB636" i="11"/>
  <c r="CC636" i="11"/>
  <c r="CD636" i="11"/>
  <c r="CE636" i="11"/>
  <c r="CF636" i="11"/>
  <c r="CG636" i="11"/>
  <c r="CH636" i="11"/>
  <c r="CI636" i="11"/>
  <c r="CJ636" i="11"/>
  <c r="CK636" i="11"/>
  <c r="CL636" i="11"/>
  <c r="CM636" i="11"/>
  <c r="CN636" i="11"/>
  <c r="CO636" i="11"/>
  <c r="AA635" i="11"/>
  <c r="BI635" i="11"/>
  <c r="BK635" i="11"/>
  <c r="BL635" i="11"/>
  <c r="BM635" i="11"/>
  <c r="BN635" i="11"/>
  <c r="BO635" i="11"/>
  <c r="BP635" i="11"/>
  <c r="BQ635" i="11"/>
  <c r="BR635" i="11"/>
  <c r="BS635" i="11"/>
  <c r="BT635" i="11"/>
  <c r="BU635" i="11"/>
  <c r="BV635" i="11"/>
  <c r="BW635" i="11"/>
  <c r="BX635" i="11"/>
  <c r="BY635" i="11"/>
  <c r="BZ635" i="11"/>
  <c r="CA635" i="11"/>
  <c r="CB635" i="11"/>
  <c r="CC635" i="11"/>
  <c r="CD635" i="11"/>
  <c r="CE635" i="11"/>
  <c r="CF635" i="11"/>
  <c r="CG635" i="11"/>
  <c r="CH635" i="11"/>
  <c r="CI635" i="11"/>
  <c r="CJ635" i="11"/>
  <c r="CK635" i="11"/>
  <c r="CL635" i="11"/>
  <c r="CM635" i="11"/>
  <c r="CN635" i="11"/>
  <c r="CO635" i="11"/>
  <c r="AA634" i="11"/>
  <c r="BI634" i="11"/>
  <c r="BK634" i="11"/>
  <c r="BL634" i="11"/>
  <c r="BM634" i="11"/>
  <c r="BN634" i="11"/>
  <c r="BO634" i="11"/>
  <c r="BP634" i="11"/>
  <c r="BQ634" i="11"/>
  <c r="BR634" i="11"/>
  <c r="BS634" i="11"/>
  <c r="BT634" i="11"/>
  <c r="BU634" i="11"/>
  <c r="BV634" i="11"/>
  <c r="BW634" i="11"/>
  <c r="BX634" i="11"/>
  <c r="BY634" i="11"/>
  <c r="BZ634" i="11"/>
  <c r="CA634" i="11"/>
  <c r="CB634" i="11"/>
  <c r="CC634" i="11"/>
  <c r="CD634" i="11"/>
  <c r="CE634" i="11"/>
  <c r="CF634" i="11"/>
  <c r="CG634" i="11"/>
  <c r="CH634" i="11"/>
  <c r="CI634" i="11"/>
  <c r="CJ634" i="11"/>
  <c r="CK634" i="11"/>
  <c r="CL634" i="11"/>
  <c r="CM634" i="11"/>
  <c r="CN634" i="11"/>
  <c r="CO634" i="11"/>
  <c r="AA633" i="11"/>
  <c r="BI633" i="11"/>
  <c r="BK633" i="11"/>
  <c r="BL633" i="11"/>
  <c r="BM633" i="11"/>
  <c r="BN633" i="11"/>
  <c r="BO633" i="11"/>
  <c r="BP633" i="11"/>
  <c r="BQ633" i="11"/>
  <c r="BR633" i="11"/>
  <c r="BS633" i="11"/>
  <c r="BT633" i="11"/>
  <c r="BU633" i="11"/>
  <c r="BV633" i="11"/>
  <c r="BW633" i="11"/>
  <c r="BX633" i="11"/>
  <c r="BY633" i="11"/>
  <c r="BZ633" i="11"/>
  <c r="CA633" i="11"/>
  <c r="CB633" i="11"/>
  <c r="CC633" i="11"/>
  <c r="CD633" i="11"/>
  <c r="CE633" i="11"/>
  <c r="CF633" i="11"/>
  <c r="CG633" i="11"/>
  <c r="CH633" i="11"/>
  <c r="CI633" i="11"/>
  <c r="CJ633" i="11"/>
  <c r="CK633" i="11"/>
  <c r="CL633" i="11"/>
  <c r="CM633" i="11"/>
  <c r="CN633" i="11"/>
  <c r="CO633" i="11"/>
  <c r="AA632" i="11"/>
  <c r="BI630" i="11"/>
  <c r="BK630" i="11"/>
  <c r="BL630" i="11"/>
  <c r="BM630" i="11"/>
  <c r="BN630" i="11"/>
  <c r="BO630" i="11"/>
  <c r="BP630" i="11"/>
  <c r="BQ630" i="11"/>
  <c r="BR630" i="11"/>
  <c r="BS630" i="11"/>
  <c r="BT630" i="11"/>
  <c r="BU630" i="11"/>
  <c r="BV630" i="11"/>
  <c r="BW630" i="11"/>
  <c r="BX630" i="11"/>
  <c r="BY630" i="11"/>
  <c r="BZ630" i="11"/>
  <c r="CA630" i="11"/>
  <c r="CB630" i="11"/>
  <c r="CC630" i="11"/>
  <c r="CD630" i="11"/>
  <c r="CE630" i="11"/>
  <c r="CF630" i="11"/>
  <c r="CG630" i="11"/>
  <c r="CH630" i="11"/>
  <c r="CI630" i="11"/>
  <c r="CJ630" i="11"/>
  <c r="CK630" i="11"/>
  <c r="CL630" i="11"/>
  <c r="CM630" i="11"/>
  <c r="CN630" i="11"/>
  <c r="CO630" i="11"/>
  <c r="BI631" i="11"/>
  <c r="BK631" i="11"/>
  <c r="BL631" i="11"/>
  <c r="BM631" i="11"/>
  <c r="BN631" i="11"/>
  <c r="BO631" i="11"/>
  <c r="BP631" i="11"/>
  <c r="BQ631" i="11"/>
  <c r="BR631" i="11"/>
  <c r="BS631" i="11"/>
  <c r="BT631" i="11"/>
  <c r="BU631" i="11"/>
  <c r="BV631" i="11"/>
  <c r="BW631" i="11"/>
  <c r="BX631" i="11"/>
  <c r="BY631" i="11"/>
  <c r="BZ631" i="11"/>
  <c r="CA631" i="11"/>
  <c r="CB631" i="11"/>
  <c r="CC631" i="11"/>
  <c r="CD631" i="11"/>
  <c r="CE631" i="11"/>
  <c r="CF631" i="11"/>
  <c r="CG631" i="11"/>
  <c r="CH631" i="11"/>
  <c r="CI631" i="11"/>
  <c r="CJ631" i="11"/>
  <c r="CK631" i="11"/>
  <c r="CL631" i="11"/>
  <c r="CM631" i="11"/>
  <c r="CN631" i="11"/>
  <c r="CO631" i="11"/>
  <c r="H6" i="16"/>
  <c r="H7" i="16"/>
  <c r="H8" i="16"/>
  <c r="H9" i="16"/>
  <c r="G10" i="16"/>
  <c r="H10" i="16" s="1"/>
  <c r="BU488" i="9" l="1"/>
  <c r="DM488" i="9"/>
  <c r="BU486" i="9"/>
  <c r="DN486" i="9"/>
  <c r="BV475" i="9"/>
  <c r="DM475" i="9" s="1"/>
  <c r="DI475" i="9"/>
  <c r="DN475" i="9" s="1"/>
  <c r="DJ485" i="9"/>
  <c r="CL485" i="9"/>
  <c r="CD485" i="9"/>
  <c r="BV485" i="9"/>
  <c r="DI485" i="9"/>
  <c r="CK485" i="9"/>
  <c r="CC485" i="9"/>
  <c r="CJ485" i="9"/>
  <c r="CB485" i="9"/>
  <c r="CH485" i="9"/>
  <c r="BZ485" i="9"/>
  <c r="DL485" i="9"/>
  <c r="CI485" i="9"/>
  <c r="CA485" i="9"/>
  <c r="BY485" i="9"/>
  <c r="DK485" i="9"/>
  <c r="CG485" i="9"/>
  <c r="CF485" i="9"/>
  <c r="BW485" i="9"/>
  <c r="CE485" i="9"/>
  <c r="BX485" i="9"/>
  <c r="BX484" i="9"/>
  <c r="CF484" i="9"/>
  <c r="DL484" i="9"/>
  <c r="BY484" i="9"/>
  <c r="CG484" i="9"/>
  <c r="BZ484" i="9"/>
  <c r="CH484" i="9"/>
  <c r="CB484" i="9"/>
  <c r="CJ484" i="9"/>
  <c r="CK484" i="9"/>
  <c r="DI484" i="9"/>
  <c r="DK484" i="9"/>
  <c r="CA484" i="9"/>
  <c r="CC484" i="9"/>
  <c r="CE484" i="9"/>
  <c r="CL484" i="9"/>
  <c r="DJ484" i="9"/>
  <c r="CI484" i="9"/>
  <c r="BW484" i="9"/>
  <c r="CD484" i="9"/>
  <c r="CH481" i="9"/>
  <c r="BZ481" i="9"/>
  <c r="CG481" i="9"/>
  <c r="BY481" i="9"/>
  <c r="DL481" i="9"/>
  <c r="CF481" i="9"/>
  <c r="BX481" i="9"/>
  <c r="DK481" i="9"/>
  <c r="CE481" i="9"/>
  <c r="BW481" i="9"/>
  <c r="CJ481" i="9"/>
  <c r="CB481" i="9"/>
  <c r="DJ481" i="9"/>
  <c r="CL481" i="9"/>
  <c r="DI481" i="9"/>
  <c r="CK481" i="9"/>
  <c r="CI481" i="9"/>
  <c r="CD481" i="9"/>
  <c r="CC481" i="9"/>
  <c r="CA481" i="9"/>
  <c r="BV481" i="9"/>
  <c r="DL479" i="9"/>
  <c r="CF479" i="9"/>
  <c r="BX479" i="9"/>
  <c r="DK479" i="9"/>
  <c r="CE479" i="9"/>
  <c r="BW479" i="9"/>
  <c r="DJ479" i="9"/>
  <c r="CL479" i="9"/>
  <c r="CD479" i="9"/>
  <c r="BV479" i="9"/>
  <c r="DI479" i="9"/>
  <c r="CK479" i="9"/>
  <c r="CC479" i="9"/>
  <c r="CJ479" i="9"/>
  <c r="CB479" i="9"/>
  <c r="CH479" i="9"/>
  <c r="BZ479" i="9"/>
  <c r="CA479" i="9"/>
  <c r="BY479" i="9"/>
  <c r="CI479" i="9"/>
  <c r="CG479" i="9"/>
  <c r="DI487" i="9"/>
  <c r="CK487" i="9"/>
  <c r="CC487" i="9"/>
  <c r="CJ487" i="9"/>
  <c r="CB487" i="9"/>
  <c r="CI487" i="9"/>
  <c r="CA487" i="9"/>
  <c r="CG487" i="9"/>
  <c r="BY487" i="9"/>
  <c r="CF487" i="9"/>
  <c r="DK487" i="9"/>
  <c r="BV487" i="9"/>
  <c r="CE487" i="9"/>
  <c r="CD487" i="9"/>
  <c r="BX487" i="9"/>
  <c r="DL487" i="9"/>
  <c r="BW487" i="9"/>
  <c r="CL487" i="9"/>
  <c r="CH487" i="9"/>
  <c r="BZ487" i="9"/>
  <c r="DJ487" i="9"/>
  <c r="L20" i="16"/>
  <c r="L22" i="16"/>
  <c r="L21" i="16"/>
  <c r="BV484" i="9"/>
  <c r="BV476" i="9"/>
  <c r="CI476" i="9"/>
  <c r="G23" i="16"/>
  <c r="H23" i="16" s="1"/>
  <c r="L23" i="16" s="1"/>
  <c r="AA611" i="11"/>
  <c r="BI611" i="11"/>
  <c r="BK611" i="11"/>
  <c r="BL611" i="11"/>
  <c r="BM611" i="11"/>
  <c r="BN611" i="11"/>
  <c r="BO611" i="11"/>
  <c r="BP611" i="11"/>
  <c r="BQ611" i="11"/>
  <c r="BR611" i="11"/>
  <c r="BS611" i="11"/>
  <c r="BT611" i="11"/>
  <c r="BU611" i="11"/>
  <c r="BV611" i="11"/>
  <c r="BW611" i="11"/>
  <c r="BX611" i="11"/>
  <c r="BY611" i="11"/>
  <c r="BZ611" i="11"/>
  <c r="CA611" i="11"/>
  <c r="CB611" i="11"/>
  <c r="CC611" i="11"/>
  <c r="CD611" i="11"/>
  <c r="CE611" i="11"/>
  <c r="CF611" i="11"/>
  <c r="CG611" i="11"/>
  <c r="CH611" i="11"/>
  <c r="CI611" i="11"/>
  <c r="CJ611" i="11"/>
  <c r="CK611" i="11"/>
  <c r="CL611" i="11"/>
  <c r="CM611" i="11"/>
  <c r="CN611" i="11"/>
  <c r="CO611" i="11"/>
  <c r="DI23" i="9"/>
  <c r="DN23" i="9" l="1"/>
  <c r="DN481" i="9"/>
  <c r="DN484" i="9"/>
  <c r="DM476" i="9"/>
  <c r="DN479" i="9"/>
  <c r="DM487" i="9"/>
  <c r="DM481" i="9"/>
  <c r="DN485" i="9"/>
  <c r="DM484" i="9"/>
  <c r="DN487" i="9"/>
  <c r="DM485" i="9"/>
  <c r="DM479" i="9"/>
  <c r="BU476" i="9"/>
  <c r="BU485" i="9"/>
  <c r="BU487" i="9"/>
  <c r="BU481" i="9"/>
  <c r="BU479" i="9"/>
  <c r="BU484" i="9"/>
  <c r="BU477" i="9"/>
  <c r="CV546" i="9"/>
  <c r="CP546" i="9"/>
  <c r="BZ546" i="9"/>
  <c r="CO546" i="9"/>
  <c r="BY546" i="9"/>
  <c r="CM546" i="9"/>
  <c r="BW546" i="9"/>
  <c r="CY546" i="9"/>
  <c r="CI546" i="9"/>
  <c r="CX546" i="9"/>
  <c r="CH546" i="9"/>
  <c r="CW546" i="9"/>
  <c r="CG546" i="9"/>
  <c r="CU546" i="9"/>
  <c r="CE546" i="9"/>
  <c r="CQ546" i="9"/>
  <c r="CA546" i="9"/>
  <c r="CZ546" i="9"/>
  <c r="CS546" i="9"/>
  <c r="CF546" i="9"/>
  <c r="CN546" i="9"/>
  <c r="BV546" i="9"/>
  <c r="CD546" i="9"/>
  <c r="CL546" i="9"/>
  <c r="CB546" i="9"/>
  <c r="CT546" i="9"/>
  <c r="CJ546" i="9"/>
  <c r="CC546" i="9"/>
  <c r="CR546" i="9"/>
  <c r="CK546" i="9"/>
  <c r="BX546" i="9"/>
  <c r="AA607" i="11"/>
  <c r="BI607" i="11"/>
  <c r="CB607" i="11"/>
  <c r="CC607" i="11"/>
  <c r="CD607" i="11"/>
  <c r="CE607" i="11"/>
  <c r="CF607" i="11"/>
  <c r="CG607" i="11"/>
  <c r="CH607" i="11"/>
  <c r="CI607" i="11"/>
  <c r="CJ607" i="11"/>
  <c r="CK607" i="11"/>
  <c r="CL607" i="11"/>
  <c r="CM607" i="11"/>
  <c r="CN607" i="11"/>
  <c r="CO607" i="11"/>
  <c r="DM546" i="9" l="1"/>
  <c r="DO546" i="9"/>
  <c r="DI553" i="9"/>
  <c r="DJ553" i="9"/>
  <c r="DK553" i="9"/>
  <c r="CZ553" i="9"/>
  <c r="CB553" i="9"/>
  <c r="CW553" i="9"/>
  <c r="CU553" i="9"/>
  <c r="CS553" i="9"/>
  <c r="CP553" i="9"/>
  <c r="CJ553" i="9"/>
  <c r="CO553" i="9"/>
  <c r="CM553" i="9"/>
  <c r="CK553" i="9"/>
  <c r="CH553" i="9"/>
  <c r="CG553" i="9"/>
  <c r="CE553" i="9"/>
  <c r="CC553" i="9"/>
  <c r="BZ553" i="9"/>
  <c r="BY553" i="9"/>
  <c r="BW553" i="9"/>
  <c r="CY553" i="9"/>
  <c r="CV553" i="9"/>
  <c r="CT553" i="9"/>
  <c r="CQ553" i="9"/>
  <c r="CN553" i="9"/>
  <c r="CL553" i="9"/>
  <c r="CI553" i="9"/>
  <c r="CR553" i="9"/>
  <c r="CF553" i="9"/>
  <c r="CD553" i="9"/>
  <c r="CA553" i="9"/>
  <c r="BX553" i="9"/>
  <c r="BV553" i="9"/>
  <c r="CX553" i="9"/>
  <c r="BJ607" i="11"/>
  <c r="BP607" i="11" s="1"/>
  <c r="DN553" i="9" l="1"/>
  <c r="DM553" i="9"/>
  <c r="DO553" i="9"/>
  <c r="BO607" i="11"/>
  <c r="BK607" i="11"/>
  <c r="BS607" i="11"/>
  <c r="BN607" i="11"/>
  <c r="BR607" i="11"/>
  <c r="BT607" i="11"/>
  <c r="BY607" i="11"/>
  <c r="BV607" i="11"/>
  <c r="BU607" i="11"/>
  <c r="BM607" i="11"/>
  <c r="BL607" i="11"/>
  <c r="BX607" i="11"/>
  <c r="BW607" i="11"/>
  <c r="BZ607" i="11"/>
  <c r="BQ607" i="11"/>
  <c r="CA607" i="11"/>
  <c r="BI606" i="11"/>
  <c r="BK606" i="11"/>
  <c r="BL606" i="11"/>
  <c r="BM606" i="11"/>
  <c r="BN606" i="11"/>
  <c r="BO606" i="11"/>
  <c r="BP606" i="11"/>
  <c r="BQ606" i="11"/>
  <c r="BR606" i="11"/>
  <c r="BS606" i="11"/>
  <c r="BT606" i="11"/>
  <c r="BU606" i="11"/>
  <c r="BV606" i="11"/>
  <c r="BW606" i="11"/>
  <c r="BX606" i="11"/>
  <c r="BY606" i="11"/>
  <c r="BZ606" i="11"/>
  <c r="CA606" i="11"/>
  <c r="CB606" i="11"/>
  <c r="CC606" i="11"/>
  <c r="CD606" i="11"/>
  <c r="CE606" i="11"/>
  <c r="CF606" i="11"/>
  <c r="CG606" i="11"/>
  <c r="CH606" i="11"/>
  <c r="CI606" i="11"/>
  <c r="CJ606" i="11"/>
  <c r="CK606" i="11"/>
  <c r="CL606" i="11"/>
  <c r="CM606" i="11"/>
  <c r="CN606" i="11"/>
  <c r="CO606" i="11"/>
  <c r="BI604" i="11"/>
  <c r="BJ604" i="11" s="1"/>
  <c r="CA604" i="11" s="1"/>
  <c r="BK604" i="11"/>
  <c r="BL604" i="11"/>
  <c r="BM604" i="11"/>
  <c r="BN604" i="11"/>
  <c r="BO604" i="11"/>
  <c r="BP604" i="11"/>
  <c r="BQ604" i="11"/>
  <c r="BR604" i="11"/>
  <c r="BS604" i="11"/>
  <c r="BT604" i="11"/>
  <c r="BU604" i="11"/>
  <c r="BV604" i="11"/>
  <c r="BW604" i="11"/>
  <c r="BX604" i="11"/>
  <c r="BY604" i="11"/>
  <c r="BZ604" i="11"/>
  <c r="CB604" i="11"/>
  <c r="CC604" i="11"/>
  <c r="CD604" i="11"/>
  <c r="CE604" i="11"/>
  <c r="CF604" i="11"/>
  <c r="CG604" i="11"/>
  <c r="CH604" i="11"/>
  <c r="CI604" i="11"/>
  <c r="CJ604" i="11"/>
  <c r="CK604" i="11"/>
  <c r="CL604" i="11"/>
  <c r="CM604" i="11"/>
  <c r="CN604" i="11"/>
  <c r="CO604" i="11"/>
  <c r="BI603" i="11"/>
  <c r="BJ603" i="11" s="1"/>
  <c r="BV603" i="11" s="1"/>
  <c r="BK603" i="11"/>
  <c r="BL603" i="11"/>
  <c r="BM603" i="11"/>
  <c r="BN603" i="11"/>
  <c r="BO603" i="11"/>
  <c r="BP603" i="11"/>
  <c r="BQ603" i="11"/>
  <c r="BR603" i="11"/>
  <c r="BS603" i="11"/>
  <c r="BT603" i="11"/>
  <c r="BU603" i="11"/>
  <c r="BW603" i="11"/>
  <c r="BX603" i="11"/>
  <c r="BY603" i="11"/>
  <c r="BZ603" i="11"/>
  <c r="CA603" i="11"/>
  <c r="CB603" i="11"/>
  <c r="CC603" i="11"/>
  <c r="CD603" i="11"/>
  <c r="CE603" i="11"/>
  <c r="CF603" i="11"/>
  <c r="CG603" i="11"/>
  <c r="CH603" i="11"/>
  <c r="CI603" i="11"/>
  <c r="CJ603" i="11"/>
  <c r="CK603" i="11"/>
  <c r="CL603" i="11"/>
  <c r="CM603" i="11"/>
  <c r="CN603" i="11"/>
  <c r="CO603" i="11"/>
  <c r="BI602" i="11"/>
  <c r="BJ602" i="11" s="1"/>
  <c r="BZ602" i="11" s="1"/>
  <c r="BK602" i="11"/>
  <c r="BL602" i="11"/>
  <c r="BM602" i="11"/>
  <c r="BN602" i="11"/>
  <c r="BO602" i="11"/>
  <c r="BP602" i="11"/>
  <c r="BQ602" i="11"/>
  <c r="BR602" i="11"/>
  <c r="BS602" i="11"/>
  <c r="BT602" i="11"/>
  <c r="BU602" i="11"/>
  <c r="BV602" i="11"/>
  <c r="BW602" i="11"/>
  <c r="BX602" i="11"/>
  <c r="BY602" i="11"/>
  <c r="CA602" i="11"/>
  <c r="CB602" i="11"/>
  <c r="CC602" i="11"/>
  <c r="CD602" i="11"/>
  <c r="CE602" i="11"/>
  <c r="CF602" i="11"/>
  <c r="CG602" i="11"/>
  <c r="CH602" i="11"/>
  <c r="CI602" i="11"/>
  <c r="CJ602" i="11"/>
  <c r="CK602" i="11"/>
  <c r="CL602" i="11"/>
  <c r="CM602" i="11"/>
  <c r="CN602" i="11"/>
  <c r="CO602" i="11"/>
  <c r="BI601" i="11"/>
  <c r="BJ601" i="11" s="1"/>
  <c r="BY601" i="11" s="1"/>
  <c r="BK601" i="11"/>
  <c r="BL601" i="11"/>
  <c r="BM601" i="11"/>
  <c r="BN601" i="11"/>
  <c r="BO601" i="11"/>
  <c r="BP601" i="11"/>
  <c r="BQ601" i="11"/>
  <c r="BR601" i="11"/>
  <c r="BS601" i="11"/>
  <c r="BT601" i="11"/>
  <c r="BU601" i="11"/>
  <c r="BV601" i="11"/>
  <c r="BW601" i="11"/>
  <c r="BX601" i="11"/>
  <c r="BZ601" i="11"/>
  <c r="CA601" i="11"/>
  <c r="CB601" i="11"/>
  <c r="CC601" i="11"/>
  <c r="CD601" i="11"/>
  <c r="CE601" i="11"/>
  <c r="CF601" i="11"/>
  <c r="CG601" i="11"/>
  <c r="CH601" i="11"/>
  <c r="CI601" i="11"/>
  <c r="CJ601" i="11"/>
  <c r="CK601" i="11"/>
  <c r="CL601" i="11"/>
  <c r="CM601" i="11"/>
  <c r="CN601" i="11"/>
  <c r="CO601" i="11"/>
  <c r="BI600" i="11"/>
  <c r="BJ600" i="11" s="1"/>
  <c r="BX600" i="11" s="1"/>
  <c r="BK600" i="11"/>
  <c r="BL600" i="11"/>
  <c r="BM600" i="11"/>
  <c r="BN600" i="11"/>
  <c r="BO600" i="11"/>
  <c r="BP600" i="11"/>
  <c r="BQ600" i="11"/>
  <c r="BR600" i="11"/>
  <c r="BS600" i="11"/>
  <c r="BT600" i="11"/>
  <c r="BU600" i="11"/>
  <c r="BV600" i="11"/>
  <c r="BW600" i="11"/>
  <c r="BY600" i="11"/>
  <c r="BZ600" i="11"/>
  <c r="CA600" i="11"/>
  <c r="CB600" i="11"/>
  <c r="CC600" i="11"/>
  <c r="CD600" i="11"/>
  <c r="CE600" i="11"/>
  <c r="CF600" i="11"/>
  <c r="CG600" i="11"/>
  <c r="CH600" i="11"/>
  <c r="CI600" i="11"/>
  <c r="CJ600" i="11"/>
  <c r="CK600" i="11"/>
  <c r="CL600" i="11"/>
  <c r="CM600" i="11"/>
  <c r="CN600" i="11"/>
  <c r="CO600" i="11"/>
  <c r="BI599" i="11"/>
  <c r="BJ599" i="11" s="1"/>
  <c r="BW599" i="11" s="1"/>
  <c r="BK599" i="11"/>
  <c r="BL599" i="11"/>
  <c r="BM599" i="11"/>
  <c r="BN599" i="11"/>
  <c r="BO599" i="11"/>
  <c r="BP599" i="11"/>
  <c r="BQ599" i="11"/>
  <c r="BR599" i="11"/>
  <c r="BS599" i="11"/>
  <c r="BT599" i="11"/>
  <c r="BU599" i="11"/>
  <c r="BV599" i="11"/>
  <c r="BX599" i="11"/>
  <c r="BY599" i="11"/>
  <c r="BZ599" i="11"/>
  <c r="CA599" i="11"/>
  <c r="CB599" i="11"/>
  <c r="CC599" i="11"/>
  <c r="CD599" i="11"/>
  <c r="CE599" i="11"/>
  <c r="CF599" i="11"/>
  <c r="CG599" i="11"/>
  <c r="CH599" i="11"/>
  <c r="CI599" i="11"/>
  <c r="CJ599" i="11"/>
  <c r="CK599" i="11"/>
  <c r="CL599" i="11"/>
  <c r="CM599" i="11"/>
  <c r="CN599" i="11"/>
  <c r="CO599" i="11"/>
  <c r="BI598" i="11"/>
  <c r="BJ598" i="11" s="1"/>
  <c r="BS598" i="11" s="1"/>
  <c r="BK598" i="11"/>
  <c r="BL598" i="11"/>
  <c r="BM598" i="11"/>
  <c r="BN598" i="11"/>
  <c r="BO598" i="11"/>
  <c r="BP598" i="11"/>
  <c r="BQ598" i="11"/>
  <c r="BR598" i="11"/>
  <c r="BT598" i="11"/>
  <c r="BU598" i="11"/>
  <c r="BV598" i="11"/>
  <c r="BW598" i="11"/>
  <c r="BX598" i="11"/>
  <c r="BY598" i="11"/>
  <c r="BZ598" i="11"/>
  <c r="CA598" i="11"/>
  <c r="CB598" i="11"/>
  <c r="CC598" i="11"/>
  <c r="CD598" i="11"/>
  <c r="CE598" i="11"/>
  <c r="CF598" i="11"/>
  <c r="CG598" i="11"/>
  <c r="CH598" i="11"/>
  <c r="CI598" i="11"/>
  <c r="CJ598" i="11"/>
  <c r="CK598" i="11"/>
  <c r="CL598" i="11"/>
  <c r="CM598" i="11"/>
  <c r="CN598" i="11"/>
  <c r="CO598" i="11"/>
  <c r="BI597" i="11"/>
  <c r="BJ597" i="11" s="1"/>
  <c r="BP597" i="11" s="1"/>
  <c r="BK597" i="11"/>
  <c r="BL597" i="11"/>
  <c r="BM597" i="11"/>
  <c r="BN597" i="11"/>
  <c r="BO597" i="11"/>
  <c r="BQ597" i="11"/>
  <c r="BR597" i="11"/>
  <c r="BS597" i="11"/>
  <c r="BT597" i="11"/>
  <c r="BU597" i="11"/>
  <c r="BV597" i="11"/>
  <c r="BW597" i="11"/>
  <c r="BX597" i="11"/>
  <c r="BY597" i="11"/>
  <c r="BZ597" i="11"/>
  <c r="CA597" i="11"/>
  <c r="CB597" i="11"/>
  <c r="CC597" i="11"/>
  <c r="CD597" i="11"/>
  <c r="CE597" i="11"/>
  <c r="CF597" i="11"/>
  <c r="CG597" i="11"/>
  <c r="CH597" i="11"/>
  <c r="CI597" i="11"/>
  <c r="CJ597" i="11"/>
  <c r="CK597" i="11"/>
  <c r="CL597" i="11"/>
  <c r="CM597" i="11"/>
  <c r="CN597" i="11"/>
  <c r="CO597" i="11"/>
  <c r="BI596" i="11"/>
  <c r="BJ596" i="11" s="1"/>
  <c r="BR596" i="11" s="1"/>
  <c r="BK596" i="11"/>
  <c r="BL596" i="11"/>
  <c r="BM596" i="11"/>
  <c r="BN596" i="11"/>
  <c r="BO596" i="11"/>
  <c r="BP596" i="11"/>
  <c r="BQ596" i="11"/>
  <c r="BS596" i="11"/>
  <c r="BT596" i="11"/>
  <c r="BU596" i="11"/>
  <c r="BV596" i="11"/>
  <c r="BW596" i="11"/>
  <c r="BX596" i="11"/>
  <c r="BY596" i="11"/>
  <c r="BZ596" i="11"/>
  <c r="CA596" i="11"/>
  <c r="CB596" i="11"/>
  <c r="CC596" i="11"/>
  <c r="CD596" i="11"/>
  <c r="CE596" i="11"/>
  <c r="CF596" i="11"/>
  <c r="CG596" i="11"/>
  <c r="CH596" i="11"/>
  <c r="CI596" i="11"/>
  <c r="CJ596" i="11"/>
  <c r="CK596" i="11"/>
  <c r="CL596" i="11"/>
  <c r="CM596" i="11"/>
  <c r="CN596" i="11"/>
  <c r="CO596" i="11"/>
  <c r="BI595" i="11"/>
  <c r="BJ595" i="11" s="1"/>
  <c r="BQ595" i="11" s="1"/>
  <c r="BK595" i="11"/>
  <c r="BL595" i="11"/>
  <c r="BM595" i="11"/>
  <c r="BN595" i="11"/>
  <c r="BO595" i="11"/>
  <c r="BP595" i="11"/>
  <c r="BR595" i="11"/>
  <c r="BS595" i="11"/>
  <c r="BT595" i="11"/>
  <c r="BU595" i="11"/>
  <c r="BV595" i="11"/>
  <c r="BW595" i="11"/>
  <c r="BX595" i="11"/>
  <c r="BY595" i="11"/>
  <c r="BZ595" i="11"/>
  <c r="CA595" i="11"/>
  <c r="CB595" i="11"/>
  <c r="CC595" i="11"/>
  <c r="CD595" i="11"/>
  <c r="CE595" i="11"/>
  <c r="CF595" i="11"/>
  <c r="CG595" i="11"/>
  <c r="CH595" i="11"/>
  <c r="CI595" i="11"/>
  <c r="CJ595" i="11"/>
  <c r="CK595" i="11"/>
  <c r="CL595" i="11"/>
  <c r="CM595" i="11"/>
  <c r="CN595" i="11"/>
  <c r="CO595" i="11"/>
  <c r="BI594" i="11"/>
  <c r="BJ594" i="11" s="1"/>
  <c r="BO594" i="11" s="1"/>
  <c r="BK594" i="11"/>
  <c r="BL594" i="11"/>
  <c r="BM594" i="11"/>
  <c r="BN594" i="11"/>
  <c r="BP594" i="11"/>
  <c r="BQ594" i="11"/>
  <c r="BR594" i="11"/>
  <c r="BS594" i="11"/>
  <c r="BT594" i="11"/>
  <c r="BU594" i="11"/>
  <c r="BV594" i="11"/>
  <c r="BW594" i="11"/>
  <c r="BX594" i="11"/>
  <c r="BY594" i="11"/>
  <c r="BZ594" i="11"/>
  <c r="CA594" i="11"/>
  <c r="CB594" i="11"/>
  <c r="CC594" i="11"/>
  <c r="CD594" i="11"/>
  <c r="CE594" i="11"/>
  <c r="CF594" i="11"/>
  <c r="CG594" i="11"/>
  <c r="CH594" i="11"/>
  <c r="CI594" i="11"/>
  <c r="CJ594" i="11"/>
  <c r="CK594" i="11"/>
  <c r="CL594" i="11"/>
  <c r="CM594" i="11"/>
  <c r="CN594" i="11"/>
  <c r="CO594" i="11"/>
  <c r="BI593" i="11"/>
  <c r="BJ593" i="11" s="1"/>
  <c r="BL593" i="11" s="1"/>
  <c r="BK593" i="11"/>
  <c r="BM593" i="11"/>
  <c r="BN593" i="11"/>
  <c r="BO593" i="11"/>
  <c r="BP593" i="11"/>
  <c r="BQ593" i="11"/>
  <c r="BR593" i="11"/>
  <c r="BS593" i="11"/>
  <c r="BT593" i="11"/>
  <c r="BU593" i="11"/>
  <c r="BV593" i="11"/>
  <c r="BW593" i="11"/>
  <c r="BX593" i="11"/>
  <c r="BY593" i="11"/>
  <c r="BZ593" i="11"/>
  <c r="CA593" i="11"/>
  <c r="CB593" i="11"/>
  <c r="CC593" i="11"/>
  <c r="CD593" i="11"/>
  <c r="CE593" i="11"/>
  <c r="CF593" i="11"/>
  <c r="CG593" i="11"/>
  <c r="CH593" i="11"/>
  <c r="CI593" i="11"/>
  <c r="CJ593" i="11"/>
  <c r="CK593" i="11"/>
  <c r="CL593" i="11"/>
  <c r="CM593" i="11"/>
  <c r="CN593" i="11"/>
  <c r="CO593" i="11"/>
  <c r="BI592" i="11"/>
  <c r="BJ592" i="11" s="1"/>
  <c r="BN592" i="11" s="1"/>
  <c r="BK592" i="11"/>
  <c r="BL592" i="11"/>
  <c r="BM592" i="11"/>
  <c r="BO592" i="11"/>
  <c r="BP592" i="11"/>
  <c r="BQ592" i="11"/>
  <c r="BR592" i="11"/>
  <c r="BS592" i="11"/>
  <c r="BT592" i="11"/>
  <c r="BU592" i="11"/>
  <c r="BV592" i="11"/>
  <c r="BW592" i="11"/>
  <c r="BX592" i="11"/>
  <c r="BY592" i="11"/>
  <c r="BZ592" i="11"/>
  <c r="CA592" i="11"/>
  <c r="CB592" i="11"/>
  <c r="CC592" i="11"/>
  <c r="CD592" i="11"/>
  <c r="CE592" i="11"/>
  <c r="CF592" i="11"/>
  <c r="CG592" i="11"/>
  <c r="CH592" i="11"/>
  <c r="CI592" i="11"/>
  <c r="CJ592" i="11"/>
  <c r="CK592" i="11"/>
  <c r="CL592" i="11"/>
  <c r="CM592" i="11"/>
  <c r="CN592" i="11"/>
  <c r="CO592" i="11"/>
  <c r="BI591" i="11"/>
  <c r="BJ591" i="11" s="1"/>
  <c r="BM591" i="11" s="1"/>
  <c r="BK591" i="11"/>
  <c r="BL591" i="11"/>
  <c r="BN591" i="11"/>
  <c r="BO591" i="11"/>
  <c r="BP591" i="11"/>
  <c r="BQ591" i="11"/>
  <c r="BR591" i="11"/>
  <c r="BS591" i="11"/>
  <c r="BT591" i="11"/>
  <c r="BU591" i="11"/>
  <c r="BV591" i="11"/>
  <c r="BW591" i="11"/>
  <c r="BX591" i="11"/>
  <c r="BY591" i="11"/>
  <c r="BZ591" i="11"/>
  <c r="CA591" i="11"/>
  <c r="CB591" i="11"/>
  <c r="CC591" i="11"/>
  <c r="CD591" i="11"/>
  <c r="CE591" i="11"/>
  <c r="CF591" i="11"/>
  <c r="CG591" i="11"/>
  <c r="CH591" i="11"/>
  <c r="CI591" i="11"/>
  <c r="CJ591" i="11"/>
  <c r="CK591" i="11"/>
  <c r="CL591" i="11"/>
  <c r="CM591" i="11"/>
  <c r="CN591" i="11"/>
  <c r="CO591" i="11"/>
  <c r="CF9" i="9"/>
  <c r="CE8" i="9"/>
  <c r="DM8" i="9" s="1"/>
  <c r="BV7" i="9"/>
  <c r="BI590" i="11"/>
  <c r="BJ590" i="11" s="1"/>
  <c r="CA590" i="11" s="1"/>
  <c r="BK590" i="11"/>
  <c r="BL590" i="11"/>
  <c r="BM590" i="11"/>
  <c r="BN590" i="11"/>
  <c r="BO590" i="11"/>
  <c r="BP590" i="11"/>
  <c r="BQ590" i="11"/>
  <c r="BR590" i="11"/>
  <c r="BS590" i="11"/>
  <c r="BT590" i="11"/>
  <c r="BU590" i="11"/>
  <c r="BV590" i="11"/>
  <c r="BW590" i="11"/>
  <c r="BX590" i="11"/>
  <c r="BY590" i="11"/>
  <c r="BZ590" i="11"/>
  <c r="CB590" i="11"/>
  <c r="CC590" i="11"/>
  <c r="CD590" i="11"/>
  <c r="CE590" i="11"/>
  <c r="CF590" i="11"/>
  <c r="CG590" i="11"/>
  <c r="CH590" i="11"/>
  <c r="CI590" i="11"/>
  <c r="CJ590" i="11"/>
  <c r="CK590" i="11"/>
  <c r="CL590" i="11"/>
  <c r="CM590" i="11"/>
  <c r="CN590" i="11"/>
  <c r="CO590" i="11"/>
  <c r="BI589" i="11"/>
  <c r="BJ589" i="11" s="1"/>
  <c r="BV589" i="11" s="1"/>
  <c r="BK589" i="11"/>
  <c r="BL589" i="11"/>
  <c r="BM589" i="11"/>
  <c r="BN589" i="11"/>
  <c r="BO589" i="11"/>
  <c r="BP589" i="11"/>
  <c r="BQ589" i="11"/>
  <c r="BR589" i="11"/>
  <c r="BS589" i="11"/>
  <c r="BT589" i="11"/>
  <c r="BU589" i="11"/>
  <c r="BW589" i="11"/>
  <c r="BX589" i="11"/>
  <c r="BY589" i="11"/>
  <c r="BZ589" i="11"/>
  <c r="CA589" i="11"/>
  <c r="CB589" i="11"/>
  <c r="CC589" i="11"/>
  <c r="CD589" i="11"/>
  <c r="CE589" i="11"/>
  <c r="CF589" i="11"/>
  <c r="CG589" i="11"/>
  <c r="CH589" i="11"/>
  <c r="CI589" i="11"/>
  <c r="CJ589" i="11"/>
  <c r="CK589" i="11"/>
  <c r="CL589" i="11"/>
  <c r="CM589" i="11"/>
  <c r="CN589" i="11"/>
  <c r="CO589" i="11"/>
  <c r="BI588" i="11"/>
  <c r="BJ588" i="11" s="1"/>
  <c r="BZ588" i="11" s="1"/>
  <c r="BK588" i="11"/>
  <c r="BL588" i="11"/>
  <c r="BM588" i="11"/>
  <c r="BN588" i="11"/>
  <c r="BO588" i="11"/>
  <c r="BP588" i="11"/>
  <c r="BQ588" i="11"/>
  <c r="BR588" i="11"/>
  <c r="BS588" i="11"/>
  <c r="BT588" i="11"/>
  <c r="BU588" i="11"/>
  <c r="BV588" i="11"/>
  <c r="BW588" i="11"/>
  <c r="BX588" i="11"/>
  <c r="BY588" i="11"/>
  <c r="CA588" i="11"/>
  <c r="CB588" i="11"/>
  <c r="CC588" i="11"/>
  <c r="CD588" i="11"/>
  <c r="CE588" i="11"/>
  <c r="CF588" i="11"/>
  <c r="CG588" i="11"/>
  <c r="CH588" i="11"/>
  <c r="CI588" i="11"/>
  <c r="CJ588" i="11"/>
  <c r="CK588" i="11"/>
  <c r="CL588" i="11"/>
  <c r="CM588" i="11"/>
  <c r="CN588" i="11"/>
  <c r="CO588" i="11"/>
  <c r="BI587" i="11"/>
  <c r="BJ587" i="11" s="1"/>
  <c r="BY587" i="11" s="1"/>
  <c r="BK587" i="11"/>
  <c r="BL587" i="11"/>
  <c r="BM587" i="11"/>
  <c r="BN587" i="11"/>
  <c r="BO587" i="11"/>
  <c r="BP587" i="11"/>
  <c r="BQ587" i="11"/>
  <c r="BR587" i="11"/>
  <c r="BS587" i="11"/>
  <c r="BT587" i="11"/>
  <c r="BU587" i="11"/>
  <c r="BV587" i="11"/>
  <c r="BW587" i="11"/>
  <c r="BX587" i="11"/>
  <c r="BZ587" i="11"/>
  <c r="CA587" i="11"/>
  <c r="CB587" i="11"/>
  <c r="CC587" i="11"/>
  <c r="CD587" i="11"/>
  <c r="CE587" i="11"/>
  <c r="CF587" i="11"/>
  <c r="CG587" i="11"/>
  <c r="CH587" i="11"/>
  <c r="CI587" i="11"/>
  <c r="CJ587" i="11"/>
  <c r="CK587" i="11"/>
  <c r="CL587" i="11"/>
  <c r="CM587" i="11"/>
  <c r="CN587" i="11"/>
  <c r="CO587" i="11"/>
  <c r="BI586" i="11"/>
  <c r="BJ586" i="11" s="1"/>
  <c r="BX586" i="11" s="1"/>
  <c r="BK586" i="11"/>
  <c r="BL586" i="11"/>
  <c r="BM586" i="11"/>
  <c r="BN586" i="11"/>
  <c r="BO586" i="11"/>
  <c r="BP586" i="11"/>
  <c r="BQ586" i="11"/>
  <c r="BR586" i="11"/>
  <c r="BS586" i="11"/>
  <c r="BT586" i="11"/>
  <c r="BU586" i="11"/>
  <c r="BV586" i="11"/>
  <c r="BW586" i="11"/>
  <c r="BY586" i="11"/>
  <c r="BZ586" i="11"/>
  <c r="CA586" i="11"/>
  <c r="CB586" i="11"/>
  <c r="CC586" i="11"/>
  <c r="CD586" i="11"/>
  <c r="CE586" i="11"/>
  <c r="CF586" i="11"/>
  <c r="CG586" i="11"/>
  <c r="CH586" i="11"/>
  <c r="CI586" i="11"/>
  <c r="CJ586" i="11"/>
  <c r="CK586" i="11"/>
  <c r="CL586" i="11"/>
  <c r="CM586" i="11"/>
  <c r="CN586" i="11"/>
  <c r="CO586" i="11"/>
  <c r="BI585" i="11"/>
  <c r="BJ585" i="11" s="1"/>
  <c r="BW585" i="11" s="1"/>
  <c r="BK585" i="11"/>
  <c r="BL585" i="11"/>
  <c r="BM585" i="11"/>
  <c r="BN585" i="11"/>
  <c r="BO585" i="11"/>
  <c r="BP585" i="11"/>
  <c r="BQ585" i="11"/>
  <c r="BR585" i="11"/>
  <c r="BS585" i="11"/>
  <c r="BT585" i="11"/>
  <c r="BU585" i="11"/>
  <c r="BV585" i="11"/>
  <c r="BX585" i="11"/>
  <c r="BY585" i="11"/>
  <c r="BZ585" i="11"/>
  <c r="CA585" i="11"/>
  <c r="CB585" i="11"/>
  <c r="CC585" i="11"/>
  <c r="CD585" i="11"/>
  <c r="CE585" i="11"/>
  <c r="CF585" i="11"/>
  <c r="CG585" i="11"/>
  <c r="CH585" i="11"/>
  <c r="CI585" i="11"/>
  <c r="CJ585" i="11"/>
  <c r="CK585" i="11"/>
  <c r="CL585" i="11"/>
  <c r="CM585" i="11"/>
  <c r="CN585" i="11"/>
  <c r="CO585" i="11"/>
  <c r="BI584" i="11"/>
  <c r="BJ584" i="11" s="1"/>
  <c r="BS584" i="11" s="1"/>
  <c r="BK584" i="11"/>
  <c r="BL584" i="11"/>
  <c r="BM584" i="11"/>
  <c r="BN584" i="11"/>
  <c r="BO584" i="11"/>
  <c r="BP584" i="11"/>
  <c r="BQ584" i="11"/>
  <c r="BR584" i="11"/>
  <c r="BT584" i="11"/>
  <c r="BU584" i="11"/>
  <c r="BV584" i="11"/>
  <c r="BW584" i="11"/>
  <c r="BX584" i="11"/>
  <c r="BY584" i="11"/>
  <c r="BZ584" i="11"/>
  <c r="CA584" i="11"/>
  <c r="CB584" i="11"/>
  <c r="CC584" i="11"/>
  <c r="CD584" i="11"/>
  <c r="CE584" i="11"/>
  <c r="CF584" i="11"/>
  <c r="CG584" i="11"/>
  <c r="CH584" i="11"/>
  <c r="CI584" i="11"/>
  <c r="CJ584" i="11"/>
  <c r="CK584" i="11"/>
  <c r="CL584" i="11"/>
  <c r="CM584" i="11"/>
  <c r="CN584" i="11"/>
  <c r="CO584" i="11"/>
  <c r="BI583" i="11"/>
  <c r="BJ583" i="11" s="1"/>
  <c r="BP583" i="11" s="1"/>
  <c r="BK583" i="11"/>
  <c r="BL583" i="11"/>
  <c r="BM583" i="11"/>
  <c r="BN583" i="11"/>
  <c r="BO583" i="11"/>
  <c r="BQ583" i="11"/>
  <c r="BR583" i="11"/>
  <c r="BS583" i="11"/>
  <c r="BT583" i="11"/>
  <c r="BU583" i="11"/>
  <c r="BV583" i="11"/>
  <c r="BW583" i="11"/>
  <c r="BX583" i="11"/>
  <c r="BY583" i="11"/>
  <c r="BZ583" i="11"/>
  <c r="CA583" i="11"/>
  <c r="CB583" i="11"/>
  <c r="CC583" i="11"/>
  <c r="CD583" i="11"/>
  <c r="CE583" i="11"/>
  <c r="CF583" i="11"/>
  <c r="CG583" i="11"/>
  <c r="CH583" i="11"/>
  <c r="CI583" i="11"/>
  <c r="CJ583" i="11"/>
  <c r="CK583" i="11"/>
  <c r="CL583" i="11"/>
  <c r="CM583" i="11"/>
  <c r="CN583" i="11"/>
  <c r="CO583" i="11"/>
  <c r="BI582" i="11"/>
  <c r="BJ582" i="11" s="1"/>
  <c r="BR582" i="11" s="1"/>
  <c r="BK582" i="11"/>
  <c r="BL582" i="11"/>
  <c r="BM582" i="11"/>
  <c r="BN582" i="11"/>
  <c r="BO582" i="11"/>
  <c r="BP582" i="11"/>
  <c r="BQ582" i="11"/>
  <c r="BS582" i="11"/>
  <c r="BT582" i="11"/>
  <c r="BU582" i="11"/>
  <c r="BV582" i="11"/>
  <c r="BW582" i="11"/>
  <c r="BX582" i="11"/>
  <c r="BY582" i="11"/>
  <c r="BZ582" i="11"/>
  <c r="CA582" i="11"/>
  <c r="CB582" i="11"/>
  <c r="CC582" i="11"/>
  <c r="CD582" i="11"/>
  <c r="CE582" i="11"/>
  <c r="CF582" i="11"/>
  <c r="CG582" i="11"/>
  <c r="CH582" i="11"/>
  <c r="CI582" i="11"/>
  <c r="CJ582" i="11"/>
  <c r="CK582" i="11"/>
  <c r="CL582" i="11"/>
  <c r="CM582" i="11"/>
  <c r="CN582" i="11"/>
  <c r="CO582" i="11"/>
  <c r="BI581" i="11"/>
  <c r="BJ581" i="11" s="1"/>
  <c r="BQ581" i="11" s="1"/>
  <c r="BK581" i="11"/>
  <c r="BL581" i="11"/>
  <c r="BM581" i="11"/>
  <c r="BN581" i="11"/>
  <c r="BO581" i="11"/>
  <c r="BP581" i="11"/>
  <c r="BR581" i="11"/>
  <c r="BS581" i="11"/>
  <c r="BT581" i="11"/>
  <c r="BU581" i="11"/>
  <c r="BV581" i="11"/>
  <c r="BW581" i="11"/>
  <c r="BX581" i="11"/>
  <c r="BY581" i="11"/>
  <c r="BZ581" i="11"/>
  <c r="CA581" i="11"/>
  <c r="CB581" i="11"/>
  <c r="CC581" i="11"/>
  <c r="CD581" i="11"/>
  <c r="CE581" i="11"/>
  <c r="CF581" i="11"/>
  <c r="CG581" i="11"/>
  <c r="CH581" i="11"/>
  <c r="CI581" i="11"/>
  <c r="CJ581" i="11"/>
  <c r="CK581" i="11"/>
  <c r="CL581" i="11"/>
  <c r="CM581" i="11"/>
  <c r="CN581" i="11"/>
  <c r="CO581" i="11"/>
  <c r="BI580" i="11"/>
  <c r="BJ580" i="11" s="1"/>
  <c r="BO580" i="11" s="1"/>
  <c r="BK580" i="11"/>
  <c r="BL580" i="11"/>
  <c r="BM580" i="11"/>
  <c r="BN580" i="11"/>
  <c r="BP580" i="11"/>
  <c r="BQ580" i="11"/>
  <c r="BR580" i="11"/>
  <c r="BS580" i="11"/>
  <c r="BT580" i="11"/>
  <c r="BU580" i="11"/>
  <c r="BV580" i="11"/>
  <c r="BW580" i="11"/>
  <c r="BX580" i="11"/>
  <c r="BY580" i="11"/>
  <c r="BZ580" i="11"/>
  <c r="CA580" i="11"/>
  <c r="CB580" i="11"/>
  <c r="CC580" i="11"/>
  <c r="CD580" i="11"/>
  <c r="CE580" i="11"/>
  <c r="CF580" i="11"/>
  <c r="CG580" i="11"/>
  <c r="CH580" i="11"/>
  <c r="CI580" i="11"/>
  <c r="CJ580" i="11"/>
  <c r="CK580" i="11"/>
  <c r="CL580" i="11"/>
  <c r="CM580" i="11"/>
  <c r="CN580" i="11"/>
  <c r="CO580" i="11"/>
  <c r="BI579" i="11"/>
  <c r="BJ579" i="11" s="1"/>
  <c r="BL579" i="11" s="1"/>
  <c r="BK579" i="11"/>
  <c r="BM579" i="11"/>
  <c r="BN579" i="11"/>
  <c r="BO579" i="11"/>
  <c r="BP579" i="11"/>
  <c r="BQ579" i="11"/>
  <c r="BR579" i="11"/>
  <c r="BS579" i="11"/>
  <c r="BT579" i="11"/>
  <c r="BU579" i="11"/>
  <c r="BV579" i="11"/>
  <c r="BW579" i="11"/>
  <c r="BX579" i="11"/>
  <c r="BY579" i="11"/>
  <c r="BZ579" i="11"/>
  <c r="CA579" i="11"/>
  <c r="CB579" i="11"/>
  <c r="CC579" i="11"/>
  <c r="CD579" i="11"/>
  <c r="CE579" i="11"/>
  <c r="CF579" i="11"/>
  <c r="CG579" i="11"/>
  <c r="CH579" i="11"/>
  <c r="CI579" i="11"/>
  <c r="CJ579" i="11"/>
  <c r="CK579" i="11"/>
  <c r="CL579" i="11"/>
  <c r="CM579" i="11"/>
  <c r="CN579" i="11"/>
  <c r="CO579" i="11"/>
  <c r="BI578" i="11"/>
  <c r="BJ578" i="11" s="1"/>
  <c r="BN578" i="11" s="1"/>
  <c r="BK578" i="11"/>
  <c r="BL578" i="11"/>
  <c r="BM578" i="11"/>
  <c r="BO578" i="11"/>
  <c r="BP578" i="11"/>
  <c r="BQ578" i="11"/>
  <c r="BR578" i="11"/>
  <c r="BS578" i="11"/>
  <c r="BT578" i="11"/>
  <c r="BU578" i="11"/>
  <c r="BV578" i="11"/>
  <c r="BW578" i="11"/>
  <c r="BX578" i="11"/>
  <c r="BY578" i="11"/>
  <c r="BZ578" i="11"/>
  <c r="CA578" i="11"/>
  <c r="CB578" i="11"/>
  <c r="CC578" i="11"/>
  <c r="CD578" i="11"/>
  <c r="CE578" i="11"/>
  <c r="CF578" i="11"/>
  <c r="CG578" i="11"/>
  <c r="CH578" i="11"/>
  <c r="CI578" i="11"/>
  <c r="CJ578" i="11"/>
  <c r="CK578" i="11"/>
  <c r="CL578" i="11"/>
  <c r="CM578" i="11"/>
  <c r="CN578" i="11"/>
  <c r="CO578" i="11"/>
  <c r="BI577" i="11"/>
  <c r="BJ577" i="11" s="1"/>
  <c r="BM577" i="11" s="1"/>
  <c r="BK577" i="11"/>
  <c r="BL577" i="11"/>
  <c r="BN577" i="11"/>
  <c r="BO577" i="11"/>
  <c r="BP577" i="11"/>
  <c r="BQ577" i="11"/>
  <c r="BR577" i="11"/>
  <c r="BS577" i="11"/>
  <c r="BT577" i="11"/>
  <c r="BU577" i="11"/>
  <c r="BV577" i="11"/>
  <c r="BW577" i="11"/>
  <c r="BX577" i="11"/>
  <c r="BY577" i="11"/>
  <c r="BZ577" i="11"/>
  <c r="CA577" i="11"/>
  <c r="CB577" i="11"/>
  <c r="CC577" i="11"/>
  <c r="CD577" i="11"/>
  <c r="CE577" i="11"/>
  <c r="CF577" i="11"/>
  <c r="CG577" i="11"/>
  <c r="CH577" i="11"/>
  <c r="CI577" i="11"/>
  <c r="CJ577" i="11"/>
  <c r="CK577" i="11"/>
  <c r="CL577" i="11"/>
  <c r="CM577" i="11"/>
  <c r="CN577" i="11"/>
  <c r="CO577" i="11"/>
  <c r="DM9" i="9" l="1"/>
  <c r="DM7" i="9"/>
  <c r="DI47" i="9"/>
  <c r="BZ47" i="9"/>
  <c r="CH47" i="9"/>
  <c r="DJ47" i="9"/>
  <c r="CA47" i="9"/>
  <c r="CI47" i="9"/>
  <c r="DK47" i="9"/>
  <c r="CB47" i="9"/>
  <c r="CJ47" i="9"/>
  <c r="DL47" i="9"/>
  <c r="BV47" i="9"/>
  <c r="CD47" i="9"/>
  <c r="CL47" i="9"/>
  <c r="BW47" i="9"/>
  <c r="CE47" i="9"/>
  <c r="BX47" i="9"/>
  <c r="CF47" i="9"/>
  <c r="CC47" i="9"/>
  <c r="BY47" i="9"/>
  <c r="CG47" i="9"/>
  <c r="CK47" i="9"/>
  <c r="CD10" i="9"/>
  <c r="BZ10" i="9"/>
  <c r="CL10" i="9"/>
  <c r="CH10" i="9"/>
  <c r="CB10" i="9"/>
  <c r="CC10" i="9"/>
  <c r="BW10" i="9"/>
  <c r="CJ10" i="9"/>
  <c r="CK10" i="9"/>
  <c r="CA10" i="9"/>
  <c r="CI10" i="9"/>
  <c r="BX10" i="9"/>
  <c r="BY10" i="9"/>
  <c r="CG10" i="9"/>
  <c r="CU49" i="9"/>
  <c r="BW49" i="9"/>
  <c r="CM49" i="9"/>
  <c r="CE49" i="9"/>
  <c r="CQ49" i="9"/>
  <c r="CO49" i="9"/>
  <c r="CL49" i="9"/>
  <c r="CI49" i="9"/>
  <c r="CG49" i="9"/>
  <c r="CD49" i="9"/>
  <c r="CA49" i="9"/>
  <c r="BY49" i="9"/>
  <c r="BV49" i="9"/>
  <c r="CZ49" i="9"/>
  <c r="CX49" i="9"/>
  <c r="CV49" i="9"/>
  <c r="CS49" i="9"/>
  <c r="CR49" i="9"/>
  <c r="CP49" i="9"/>
  <c r="CN49" i="9"/>
  <c r="CK49" i="9"/>
  <c r="CJ49" i="9"/>
  <c r="CH49" i="9"/>
  <c r="CF49" i="9"/>
  <c r="CC49" i="9"/>
  <c r="CB49" i="9"/>
  <c r="BZ49" i="9"/>
  <c r="BX49" i="9"/>
  <c r="CY49" i="9"/>
  <c r="CW49" i="9"/>
  <c r="CT49" i="9"/>
  <c r="CU48" i="9"/>
  <c r="CW48" i="9"/>
  <c r="CT48" i="9"/>
  <c r="CN48" i="9"/>
  <c r="CK48" i="9"/>
  <c r="CE48" i="9"/>
  <c r="CA48" i="9"/>
  <c r="BV48" i="9"/>
  <c r="CZ48" i="9"/>
  <c r="CP48" i="9"/>
  <c r="CH48" i="9"/>
  <c r="CR48" i="9"/>
  <c r="CY48" i="9"/>
  <c r="CQ48" i="9"/>
  <c r="CJ48" i="9"/>
  <c r="BZ48" i="9"/>
  <c r="CB48" i="9"/>
  <c r="BW48" i="9"/>
  <c r="CI48" i="9"/>
  <c r="CC48" i="9"/>
  <c r="CD48" i="9"/>
  <c r="CF48" i="9"/>
  <c r="CS48" i="9"/>
  <c r="CL48" i="9"/>
  <c r="CM48" i="9"/>
  <c r="CO48" i="9"/>
  <c r="CV48" i="9"/>
  <c r="CX48" i="9"/>
  <c r="BX48" i="9"/>
  <c r="CG48" i="9"/>
  <c r="BY48" i="9"/>
  <c r="AB573" i="11"/>
  <c r="BK573" i="11"/>
  <c r="BM573" i="11"/>
  <c r="BN573" i="11"/>
  <c r="BO573" i="11"/>
  <c r="BP573" i="11"/>
  <c r="BQ573" i="11"/>
  <c r="BR573" i="11"/>
  <c r="BS573" i="11"/>
  <c r="BT573" i="11"/>
  <c r="BU573" i="11"/>
  <c r="BV573" i="11"/>
  <c r="BW573" i="11"/>
  <c r="BX573" i="11"/>
  <c r="BY573" i="11"/>
  <c r="BZ573" i="11"/>
  <c r="CA573" i="11"/>
  <c r="CB573" i="11"/>
  <c r="CC573" i="11"/>
  <c r="CD573" i="11"/>
  <c r="CE573" i="11"/>
  <c r="CF573" i="11"/>
  <c r="CG573" i="11"/>
  <c r="CH573" i="11"/>
  <c r="CI573" i="11"/>
  <c r="CJ573" i="11"/>
  <c r="CK573" i="11"/>
  <c r="CL573" i="11"/>
  <c r="CM573" i="11"/>
  <c r="CN573" i="11"/>
  <c r="CO573" i="11"/>
  <c r="CP573" i="11"/>
  <c r="CQ573" i="11"/>
  <c r="BK567" i="11"/>
  <c r="BM567" i="11"/>
  <c r="BN567" i="11"/>
  <c r="BO567" i="11"/>
  <c r="BP567" i="11"/>
  <c r="BQ567" i="11"/>
  <c r="BR567" i="11"/>
  <c r="BS567" i="11"/>
  <c r="BT567" i="11"/>
  <c r="BU567" i="11"/>
  <c r="BV567" i="11"/>
  <c r="BW567" i="11"/>
  <c r="BX567" i="11"/>
  <c r="BY567" i="11"/>
  <c r="BZ567" i="11"/>
  <c r="CA567" i="11"/>
  <c r="CB567" i="11"/>
  <c r="CC567" i="11"/>
  <c r="CD567" i="11"/>
  <c r="CE567" i="11"/>
  <c r="CF567" i="11"/>
  <c r="CG567" i="11"/>
  <c r="CH567" i="11"/>
  <c r="CI567" i="11"/>
  <c r="CJ567" i="11"/>
  <c r="CK567" i="11"/>
  <c r="CL567" i="11"/>
  <c r="CM567" i="11"/>
  <c r="CN567" i="11"/>
  <c r="CO567" i="11"/>
  <c r="CP567" i="11"/>
  <c r="CQ567" i="11"/>
  <c r="DM49" i="9" l="1"/>
  <c r="DN47" i="9"/>
  <c r="DM10" i="9"/>
  <c r="DM47" i="9"/>
  <c r="DM48" i="9"/>
  <c r="DO49" i="9"/>
  <c r="DO48" i="9"/>
  <c r="T204" i="9"/>
  <c r="U5" i="15"/>
  <c r="V5" i="15"/>
  <c r="BF561" i="11"/>
  <c r="BH561" i="11"/>
  <c r="BI561" i="11"/>
  <c r="BJ561" i="11"/>
  <c r="BK561" i="11"/>
  <c r="BL561" i="11"/>
  <c r="BM561" i="11"/>
  <c r="BN561" i="11"/>
  <c r="BO561" i="11"/>
  <c r="BP561" i="11"/>
  <c r="BQ561" i="11"/>
  <c r="BR561" i="11"/>
  <c r="BS561" i="11"/>
  <c r="BT561" i="11"/>
  <c r="BU561" i="11"/>
  <c r="BV561" i="11"/>
  <c r="BW561" i="11"/>
  <c r="BX561" i="11"/>
  <c r="BY561" i="11"/>
  <c r="BZ561" i="11"/>
  <c r="CA561" i="11"/>
  <c r="CB561" i="11"/>
  <c r="CC561" i="11"/>
  <c r="CD561" i="11"/>
  <c r="CE561" i="11"/>
  <c r="CF561" i="11"/>
  <c r="CG561" i="11"/>
  <c r="CH561" i="11"/>
  <c r="CI561" i="11"/>
  <c r="CJ561" i="11"/>
  <c r="CK561" i="11"/>
  <c r="CL561" i="11"/>
  <c r="Y559" i="11"/>
  <c r="BF559" i="11"/>
  <c r="BH559" i="11"/>
  <c r="BI559" i="11"/>
  <c r="BJ559" i="11"/>
  <c r="BK559" i="11"/>
  <c r="BL559" i="11"/>
  <c r="BM559" i="11"/>
  <c r="BN559" i="11"/>
  <c r="BO559" i="11"/>
  <c r="BP559" i="11"/>
  <c r="BQ559" i="11"/>
  <c r="BR559" i="11"/>
  <c r="BS559" i="11"/>
  <c r="BT559" i="11"/>
  <c r="BU559" i="11"/>
  <c r="BV559" i="11"/>
  <c r="BW559" i="11"/>
  <c r="BX559" i="11"/>
  <c r="BY559" i="11"/>
  <c r="BZ559" i="11"/>
  <c r="CA559" i="11"/>
  <c r="CB559" i="11"/>
  <c r="CC559" i="11"/>
  <c r="CD559" i="11"/>
  <c r="CE559" i="11"/>
  <c r="CF559" i="11"/>
  <c r="CG559" i="11"/>
  <c r="CH559" i="11"/>
  <c r="CI559" i="11"/>
  <c r="CJ559" i="11"/>
  <c r="CK559" i="11"/>
  <c r="CL559" i="11"/>
  <c r="Y560" i="11"/>
  <c r="BF560" i="11"/>
  <c r="BH560" i="11"/>
  <c r="BI560" i="11"/>
  <c r="BJ560" i="11"/>
  <c r="BK560" i="11"/>
  <c r="BL560" i="11"/>
  <c r="BM560" i="11"/>
  <c r="BN560" i="11"/>
  <c r="BO560" i="11"/>
  <c r="BP560" i="11"/>
  <c r="BQ560" i="11"/>
  <c r="BR560" i="11"/>
  <c r="BS560" i="11"/>
  <c r="BT560" i="11"/>
  <c r="BU560" i="11"/>
  <c r="BV560" i="11"/>
  <c r="BW560" i="11"/>
  <c r="BX560" i="11"/>
  <c r="BY560" i="11"/>
  <c r="BZ560" i="11"/>
  <c r="CA560" i="11"/>
  <c r="CB560" i="11"/>
  <c r="CC560" i="11"/>
  <c r="CD560" i="11"/>
  <c r="CE560" i="11"/>
  <c r="CF560" i="11"/>
  <c r="CG560" i="11"/>
  <c r="CH560" i="11"/>
  <c r="CI560" i="11"/>
  <c r="CJ560" i="11"/>
  <c r="CK560" i="11"/>
  <c r="CL560" i="11"/>
  <c r="CL625" i="12"/>
  <c r="CK625" i="12"/>
  <c r="CJ625" i="12"/>
  <c r="CI625" i="12"/>
  <c r="CH625" i="12"/>
  <c r="CG625" i="12"/>
  <c r="CF625" i="12"/>
  <c r="CE625" i="12"/>
  <c r="CD625" i="12"/>
  <c r="CC625" i="12"/>
  <c r="CB625" i="12"/>
  <c r="CA625" i="12"/>
  <c r="BZ625" i="12"/>
  <c r="BY625" i="12"/>
  <c r="BX625" i="12"/>
  <c r="BW625" i="12"/>
  <c r="BV625" i="12"/>
  <c r="BU625" i="12"/>
  <c r="BT625" i="12"/>
  <c r="BS625" i="12"/>
  <c r="BR625" i="12"/>
  <c r="BQ625" i="12"/>
  <c r="BP625" i="12"/>
  <c r="BO625" i="12"/>
  <c r="BN625" i="12"/>
  <c r="BM625" i="12"/>
  <c r="BL625" i="12"/>
  <c r="BK625" i="12"/>
  <c r="BJ625" i="12"/>
  <c r="BI625" i="12"/>
  <c r="BH625" i="12"/>
  <c r="BF625" i="12"/>
  <c r="Y625" i="12"/>
  <c r="CL624" i="12"/>
  <c r="CK624" i="12"/>
  <c r="CJ624" i="12"/>
  <c r="CI624" i="12"/>
  <c r="CH624" i="12"/>
  <c r="CG624" i="12"/>
  <c r="CF624" i="12"/>
  <c r="CE624" i="12"/>
  <c r="CD624" i="12"/>
  <c r="CC624" i="12"/>
  <c r="CB624" i="12"/>
  <c r="CA624" i="12"/>
  <c r="BZ624" i="12"/>
  <c r="BY624" i="12"/>
  <c r="BX624" i="12"/>
  <c r="BW624" i="12"/>
  <c r="BV624" i="12"/>
  <c r="BU624" i="12"/>
  <c r="BT624" i="12"/>
  <c r="BS624" i="12"/>
  <c r="BR624" i="12"/>
  <c r="BQ624" i="12"/>
  <c r="BP624" i="12"/>
  <c r="BO624" i="12"/>
  <c r="BN624" i="12"/>
  <c r="BM624" i="12"/>
  <c r="BL624" i="12"/>
  <c r="BK624" i="12"/>
  <c r="BJ624" i="12"/>
  <c r="BI624" i="12"/>
  <c r="BH624" i="12"/>
  <c r="BF624" i="12"/>
  <c r="Y624" i="12"/>
  <c r="CL623" i="12"/>
  <c r="CK623" i="12"/>
  <c r="CJ623" i="12"/>
  <c r="CI623" i="12"/>
  <c r="CH623" i="12"/>
  <c r="CG623" i="12"/>
  <c r="CF623" i="12"/>
  <c r="CE623" i="12"/>
  <c r="CD623" i="12"/>
  <c r="CC623" i="12"/>
  <c r="CB623" i="12"/>
  <c r="CA623" i="12"/>
  <c r="BZ623" i="12"/>
  <c r="BY623" i="12"/>
  <c r="BX623" i="12"/>
  <c r="BW623" i="12"/>
  <c r="BV623" i="12"/>
  <c r="BU623" i="12"/>
  <c r="BT623" i="12"/>
  <c r="BS623" i="12"/>
  <c r="BR623" i="12"/>
  <c r="BQ623" i="12"/>
  <c r="BP623" i="12"/>
  <c r="BO623" i="12"/>
  <c r="BN623" i="12"/>
  <c r="BM623" i="12"/>
  <c r="BL623" i="12"/>
  <c r="BK623" i="12"/>
  <c r="BJ623" i="12"/>
  <c r="BI623" i="12"/>
  <c r="BH623" i="12"/>
  <c r="BF623" i="12"/>
  <c r="Y623" i="12"/>
  <c r="CL622" i="12"/>
  <c r="CK622" i="12"/>
  <c r="CJ622" i="12"/>
  <c r="CI622" i="12"/>
  <c r="CH622" i="12"/>
  <c r="CG622" i="12"/>
  <c r="CF622" i="12"/>
  <c r="CE622" i="12"/>
  <c r="CD622" i="12"/>
  <c r="CC622" i="12"/>
  <c r="CB622" i="12"/>
  <c r="CA622" i="12"/>
  <c r="BZ622" i="12"/>
  <c r="BY622" i="12"/>
  <c r="BX622" i="12"/>
  <c r="BW622" i="12"/>
  <c r="BV622" i="12"/>
  <c r="BU622" i="12"/>
  <c r="BT622" i="12"/>
  <c r="BS622" i="12"/>
  <c r="BR622" i="12"/>
  <c r="BQ622" i="12"/>
  <c r="BP622" i="12"/>
  <c r="BO622" i="12"/>
  <c r="BN622" i="12"/>
  <c r="BM622" i="12"/>
  <c r="BL622" i="12"/>
  <c r="BK622" i="12"/>
  <c r="BJ622" i="12"/>
  <c r="BI622" i="12"/>
  <c r="BH622" i="12"/>
  <c r="BF622" i="12"/>
  <c r="Y622" i="12"/>
  <c r="CL621" i="12"/>
  <c r="CK621" i="12"/>
  <c r="CJ621" i="12"/>
  <c r="CI621" i="12"/>
  <c r="CH621" i="12"/>
  <c r="CG621" i="12"/>
  <c r="CF621" i="12"/>
  <c r="CE621" i="12"/>
  <c r="CD621" i="12"/>
  <c r="CC621" i="12"/>
  <c r="CB621" i="12"/>
  <c r="CA621" i="12"/>
  <c r="BZ621" i="12"/>
  <c r="BY621" i="12"/>
  <c r="BX621" i="12"/>
  <c r="BW621" i="12"/>
  <c r="BV621" i="12"/>
  <c r="BU621" i="12"/>
  <c r="BT621" i="12"/>
  <c r="BS621" i="12"/>
  <c r="BR621" i="12"/>
  <c r="BQ621" i="12"/>
  <c r="BP621" i="12"/>
  <c r="BO621" i="12"/>
  <c r="BN621" i="12"/>
  <c r="BM621" i="12"/>
  <c r="BL621" i="12"/>
  <c r="BK621" i="12"/>
  <c r="BJ621" i="12"/>
  <c r="BI621" i="12"/>
  <c r="BH621" i="12"/>
  <c r="BF621" i="12"/>
  <c r="Y621" i="12"/>
  <c r="CL620" i="12"/>
  <c r="CK620" i="12"/>
  <c r="CJ620" i="12"/>
  <c r="CI620" i="12"/>
  <c r="CH620" i="12"/>
  <c r="CG620" i="12"/>
  <c r="CF620" i="12"/>
  <c r="CE620" i="12"/>
  <c r="CD620" i="12"/>
  <c r="CC620" i="12"/>
  <c r="CB620" i="12"/>
  <c r="CA620" i="12"/>
  <c r="BZ620" i="12"/>
  <c r="BY620" i="12"/>
  <c r="BX620" i="12"/>
  <c r="BW620" i="12"/>
  <c r="BV620" i="12"/>
  <c r="BU620" i="12"/>
  <c r="BT620" i="12"/>
  <c r="BS620" i="12"/>
  <c r="BR620" i="12"/>
  <c r="BQ620" i="12"/>
  <c r="BP620" i="12"/>
  <c r="BO620" i="12"/>
  <c r="BN620" i="12"/>
  <c r="BM620" i="12"/>
  <c r="BL620" i="12"/>
  <c r="BK620" i="12"/>
  <c r="BJ620" i="12"/>
  <c r="BI620" i="12"/>
  <c r="BH620" i="12"/>
  <c r="BF620" i="12"/>
  <c r="Y620" i="12"/>
  <c r="CL619" i="12"/>
  <c r="CK619" i="12"/>
  <c r="CJ619" i="12"/>
  <c r="CI619" i="12"/>
  <c r="CH619" i="12"/>
  <c r="CG619" i="12"/>
  <c r="CF619" i="12"/>
  <c r="CE619" i="12"/>
  <c r="CD619" i="12"/>
  <c r="CC619" i="12"/>
  <c r="CB619" i="12"/>
  <c r="CA619" i="12"/>
  <c r="BZ619" i="12"/>
  <c r="BY619" i="12"/>
  <c r="BX619" i="12"/>
  <c r="BW619" i="12"/>
  <c r="BV619" i="12"/>
  <c r="BU619" i="12"/>
  <c r="BT619" i="12"/>
  <c r="BS619" i="12"/>
  <c r="BR619" i="12"/>
  <c r="BQ619" i="12"/>
  <c r="BP619" i="12"/>
  <c r="BO619" i="12"/>
  <c r="BN619" i="12"/>
  <c r="BM619" i="12"/>
  <c r="BL619" i="12"/>
  <c r="BK619" i="12"/>
  <c r="BJ619" i="12"/>
  <c r="BI619" i="12"/>
  <c r="BH619" i="12"/>
  <c r="BF619" i="12"/>
  <c r="Y619" i="12"/>
  <c r="CL612" i="12"/>
  <c r="CK612" i="12"/>
  <c r="CJ612" i="12"/>
  <c r="CI612" i="12"/>
  <c r="CH612" i="12"/>
  <c r="CG612" i="12"/>
  <c r="CF612" i="12"/>
  <c r="CE612" i="12"/>
  <c r="CD612" i="12"/>
  <c r="CC612" i="12"/>
  <c r="CB612" i="12"/>
  <c r="CA612" i="12"/>
  <c r="BZ612" i="12"/>
  <c r="BY612" i="12"/>
  <c r="BX612" i="12"/>
  <c r="BW612" i="12"/>
  <c r="BV612" i="12"/>
  <c r="BU612" i="12"/>
  <c r="BT612" i="12"/>
  <c r="BS612" i="12"/>
  <c r="BR612" i="12"/>
  <c r="BQ612" i="12"/>
  <c r="BP612" i="12"/>
  <c r="BO612" i="12"/>
  <c r="BN612" i="12"/>
  <c r="BM612" i="12"/>
  <c r="BL612" i="12"/>
  <c r="BK612" i="12"/>
  <c r="BJ612" i="12"/>
  <c r="BI612" i="12"/>
  <c r="BH612" i="12"/>
  <c r="BF612" i="12"/>
  <c r="Y612" i="12"/>
  <c r="CL611" i="12"/>
  <c r="CK611" i="12"/>
  <c r="CJ611" i="12"/>
  <c r="CI611" i="12"/>
  <c r="CH611" i="12"/>
  <c r="CG611" i="12"/>
  <c r="CF611" i="12"/>
  <c r="CE611" i="12"/>
  <c r="CD611" i="12"/>
  <c r="CC611" i="12"/>
  <c r="CB611" i="12"/>
  <c r="CA611" i="12"/>
  <c r="BZ611" i="12"/>
  <c r="BY611" i="12"/>
  <c r="BX611" i="12"/>
  <c r="BW611" i="12"/>
  <c r="BV611" i="12"/>
  <c r="BU611" i="12"/>
  <c r="BT611" i="12"/>
  <c r="BS611" i="12"/>
  <c r="BR611" i="12"/>
  <c r="BQ611" i="12"/>
  <c r="BP611" i="12"/>
  <c r="BO611" i="12"/>
  <c r="BN611" i="12"/>
  <c r="BM611" i="12"/>
  <c r="BL611" i="12"/>
  <c r="BK611" i="12"/>
  <c r="BJ611" i="12"/>
  <c r="BI611" i="12"/>
  <c r="BH611" i="12"/>
  <c r="BF611" i="12"/>
  <c r="Y611" i="12"/>
  <c r="CL610" i="12"/>
  <c r="CK610" i="12"/>
  <c r="CJ610" i="12"/>
  <c r="CI610" i="12"/>
  <c r="CH610" i="12"/>
  <c r="CG610" i="12"/>
  <c r="CF610" i="12"/>
  <c r="CE610" i="12"/>
  <c r="CD610" i="12"/>
  <c r="CC610" i="12"/>
  <c r="CB610" i="12"/>
  <c r="CA610" i="12"/>
  <c r="BZ610" i="12"/>
  <c r="BY610" i="12"/>
  <c r="BX610" i="12"/>
  <c r="BW610" i="12"/>
  <c r="BV610" i="12"/>
  <c r="BU610" i="12"/>
  <c r="BT610" i="12"/>
  <c r="BS610" i="12"/>
  <c r="BR610" i="12"/>
  <c r="BQ610" i="12"/>
  <c r="BP610" i="12"/>
  <c r="BO610" i="12"/>
  <c r="BN610" i="12"/>
  <c r="BM610" i="12"/>
  <c r="BL610" i="12"/>
  <c r="BK610" i="12"/>
  <c r="BJ610" i="12"/>
  <c r="BI610" i="12"/>
  <c r="BH610" i="12"/>
  <c r="BF610" i="12"/>
  <c r="Y610" i="12"/>
  <c r="CL567" i="12"/>
  <c r="CK567" i="12"/>
  <c r="CJ567" i="12"/>
  <c r="CI567" i="12"/>
  <c r="CH567" i="12"/>
  <c r="CG567" i="12"/>
  <c r="CF567" i="12"/>
  <c r="CE567" i="12"/>
  <c r="CD567" i="12"/>
  <c r="CC567" i="12"/>
  <c r="CB567" i="12"/>
  <c r="CA567" i="12"/>
  <c r="BZ567" i="12"/>
  <c r="BY567" i="12"/>
  <c r="BX567" i="12"/>
  <c r="BW567" i="12"/>
  <c r="BV567" i="12"/>
  <c r="BU567" i="12"/>
  <c r="BT567" i="12"/>
  <c r="BS567" i="12"/>
  <c r="BR567" i="12"/>
  <c r="BQ567" i="12"/>
  <c r="BP567" i="12"/>
  <c r="BO567" i="12"/>
  <c r="BN567" i="12"/>
  <c r="BM567" i="12"/>
  <c r="BL567" i="12"/>
  <c r="BK567" i="12"/>
  <c r="BJ567" i="12"/>
  <c r="BI567" i="12"/>
  <c r="BH567" i="12"/>
  <c r="BF567" i="12"/>
  <c r="Y567" i="12"/>
  <c r="CL566" i="12"/>
  <c r="CK566" i="12"/>
  <c r="CJ566" i="12"/>
  <c r="CI566" i="12"/>
  <c r="CH566" i="12"/>
  <c r="CG566" i="12"/>
  <c r="CF566" i="12"/>
  <c r="CE566" i="12"/>
  <c r="CD566" i="12"/>
  <c r="CC566" i="12"/>
  <c r="CB566" i="12"/>
  <c r="CA566" i="12"/>
  <c r="BZ566" i="12"/>
  <c r="BY566" i="12"/>
  <c r="BX566" i="12"/>
  <c r="BW566" i="12"/>
  <c r="BV566" i="12"/>
  <c r="BU566" i="12"/>
  <c r="BT566" i="12"/>
  <c r="BS566" i="12"/>
  <c r="BR566" i="12"/>
  <c r="BQ566" i="12"/>
  <c r="BP566" i="12"/>
  <c r="BO566" i="12"/>
  <c r="BN566" i="12"/>
  <c r="BM566" i="12"/>
  <c r="BL566" i="12"/>
  <c r="BK566" i="12"/>
  <c r="BJ566" i="12"/>
  <c r="BI566" i="12"/>
  <c r="BH566" i="12"/>
  <c r="BF566" i="12"/>
  <c r="CL565" i="12"/>
  <c r="CK565" i="12"/>
  <c r="CJ565" i="12"/>
  <c r="CI565" i="12"/>
  <c r="CH565" i="12"/>
  <c r="CG565" i="12"/>
  <c r="CF565" i="12"/>
  <c r="CE565" i="12"/>
  <c r="CD565" i="12"/>
  <c r="CC565" i="12"/>
  <c r="CB565" i="12"/>
  <c r="CA565" i="12"/>
  <c r="BZ565" i="12"/>
  <c r="BY565" i="12"/>
  <c r="BX565" i="12"/>
  <c r="BW565" i="12"/>
  <c r="BV565" i="12"/>
  <c r="BU565" i="12"/>
  <c r="BT565" i="12"/>
  <c r="BS565" i="12"/>
  <c r="BR565" i="12"/>
  <c r="BQ565" i="12"/>
  <c r="BP565" i="12"/>
  <c r="BO565" i="12"/>
  <c r="BN565" i="12"/>
  <c r="BM565" i="12"/>
  <c r="BL565" i="12"/>
  <c r="BK565" i="12"/>
  <c r="BJ565" i="12"/>
  <c r="BI565" i="12"/>
  <c r="BH565" i="12"/>
  <c r="BF565" i="12"/>
  <c r="Y565" i="12"/>
  <c r="CL564" i="12"/>
  <c r="CK564" i="12"/>
  <c r="CJ564" i="12"/>
  <c r="CI564" i="12"/>
  <c r="CH564" i="12"/>
  <c r="CG564" i="12"/>
  <c r="CF564" i="12"/>
  <c r="CE564" i="12"/>
  <c r="CD564" i="12"/>
  <c r="CC564" i="12"/>
  <c r="CB564" i="12"/>
  <c r="CA564" i="12"/>
  <c r="BZ564" i="12"/>
  <c r="BY564" i="12"/>
  <c r="BX564" i="12"/>
  <c r="BW564" i="12"/>
  <c r="BV564" i="12"/>
  <c r="BU564" i="12"/>
  <c r="BT564" i="12"/>
  <c r="BS564" i="12"/>
  <c r="BR564" i="12"/>
  <c r="BQ564" i="12"/>
  <c r="BP564" i="12"/>
  <c r="BO564" i="12"/>
  <c r="BN564" i="12"/>
  <c r="BM564" i="12"/>
  <c r="BL564" i="12"/>
  <c r="BK564" i="12"/>
  <c r="BJ564" i="12"/>
  <c r="BI564" i="12"/>
  <c r="BH564" i="12"/>
  <c r="BF564" i="12"/>
  <c r="Y564" i="12"/>
  <c r="CL563" i="12"/>
  <c r="CK563" i="12"/>
  <c r="CJ563" i="12"/>
  <c r="CI563" i="12"/>
  <c r="CH563" i="12"/>
  <c r="CG563" i="12"/>
  <c r="CF563" i="12"/>
  <c r="CE563" i="12"/>
  <c r="CD563" i="12"/>
  <c r="CC563" i="12"/>
  <c r="CB563" i="12"/>
  <c r="CA563" i="12"/>
  <c r="BZ563" i="12"/>
  <c r="BY563" i="12"/>
  <c r="BX563" i="12"/>
  <c r="BW563" i="12"/>
  <c r="BV563" i="12"/>
  <c r="BU563" i="12"/>
  <c r="BT563" i="12"/>
  <c r="BS563" i="12"/>
  <c r="BR563" i="12"/>
  <c r="BQ563" i="12"/>
  <c r="BP563" i="12"/>
  <c r="BO563" i="12"/>
  <c r="BN563" i="12"/>
  <c r="BM563" i="12"/>
  <c r="BL563" i="12"/>
  <c r="BK563" i="12"/>
  <c r="BJ563" i="12"/>
  <c r="BI563" i="12"/>
  <c r="BH563" i="12"/>
  <c r="BF563" i="12"/>
  <c r="Y563" i="12"/>
  <c r="CL562" i="12"/>
  <c r="CK562" i="12"/>
  <c r="CJ562" i="12"/>
  <c r="CI562" i="12"/>
  <c r="CH562" i="12"/>
  <c r="CG562" i="12"/>
  <c r="CF562" i="12"/>
  <c r="CE562" i="12"/>
  <c r="CD562" i="12"/>
  <c r="CC562" i="12"/>
  <c r="CB562" i="12"/>
  <c r="CA562" i="12"/>
  <c r="BZ562" i="12"/>
  <c r="BY562" i="12"/>
  <c r="BX562" i="12"/>
  <c r="BW562" i="12"/>
  <c r="BV562" i="12"/>
  <c r="BU562" i="12"/>
  <c r="BT562" i="12"/>
  <c r="BS562" i="12"/>
  <c r="BR562" i="12"/>
  <c r="BQ562" i="12"/>
  <c r="BP562" i="12"/>
  <c r="BO562" i="12"/>
  <c r="BN562" i="12"/>
  <c r="BM562" i="12"/>
  <c r="BL562" i="12"/>
  <c r="BK562" i="12"/>
  <c r="BJ562" i="12"/>
  <c r="BI562" i="12"/>
  <c r="BH562" i="12"/>
  <c r="BF562" i="12"/>
  <c r="Y562" i="12"/>
  <c r="CL561" i="12"/>
  <c r="CK561" i="12"/>
  <c r="CJ561" i="12"/>
  <c r="CI561" i="12"/>
  <c r="CH561" i="12"/>
  <c r="CG561" i="12"/>
  <c r="CF561" i="12"/>
  <c r="CE561" i="12"/>
  <c r="CD561" i="12"/>
  <c r="CC561" i="12"/>
  <c r="CB561" i="12"/>
  <c r="CA561" i="12"/>
  <c r="BZ561" i="12"/>
  <c r="BY561" i="12"/>
  <c r="BX561" i="12"/>
  <c r="BW561" i="12"/>
  <c r="BV561" i="12"/>
  <c r="BU561" i="12"/>
  <c r="BT561" i="12"/>
  <c r="BS561" i="12"/>
  <c r="BR561" i="12"/>
  <c r="BQ561" i="12"/>
  <c r="BP561" i="12"/>
  <c r="BO561" i="12"/>
  <c r="BN561" i="12"/>
  <c r="BM561" i="12"/>
  <c r="BL561" i="12"/>
  <c r="BK561" i="12"/>
  <c r="BJ561" i="12"/>
  <c r="BI561" i="12"/>
  <c r="BH561" i="12"/>
  <c r="BF561" i="12"/>
  <c r="Y561" i="12"/>
  <c r="CL560" i="12"/>
  <c r="CK560" i="12"/>
  <c r="CJ560" i="12"/>
  <c r="CI560" i="12"/>
  <c r="CH560" i="12"/>
  <c r="CG560" i="12"/>
  <c r="CF560" i="12"/>
  <c r="CE560" i="12"/>
  <c r="CD560" i="12"/>
  <c r="CC560" i="12"/>
  <c r="CB560" i="12"/>
  <c r="CA560" i="12"/>
  <c r="BZ560" i="12"/>
  <c r="BY560" i="12"/>
  <c r="BX560" i="12"/>
  <c r="BW560" i="12"/>
  <c r="BV560" i="12"/>
  <c r="BU560" i="12"/>
  <c r="BT560" i="12"/>
  <c r="BS560" i="12"/>
  <c r="BR560" i="12"/>
  <c r="BQ560" i="12"/>
  <c r="BP560" i="12"/>
  <c r="BO560" i="12"/>
  <c r="BN560" i="12"/>
  <c r="BM560" i="12"/>
  <c r="BL560" i="12"/>
  <c r="BK560" i="12"/>
  <c r="BJ560" i="12"/>
  <c r="BI560" i="12"/>
  <c r="BH560" i="12"/>
  <c r="BF560" i="12"/>
  <c r="Y560" i="12"/>
  <c r="CL559" i="12"/>
  <c r="CK559" i="12"/>
  <c r="CJ559" i="12"/>
  <c r="CI559" i="12"/>
  <c r="CH559" i="12"/>
  <c r="CG559" i="12"/>
  <c r="CF559" i="12"/>
  <c r="CE559" i="12"/>
  <c r="CD559" i="12"/>
  <c r="CC559" i="12"/>
  <c r="CB559" i="12"/>
  <c r="CA559" i="12"/>
  <c r="BZ559" i="12"/>
  <c r="BY559" i="12"/>
  <c r="BX559" i="12"/>
  <c r="BW559" i="12"/>
  <c r="BV559" i="12"/>
  <c r="BU559" i="12"/>
  <c r="BT559" i="12"/>
  <c r="BS559" i="12"/>
  <c r="BR559" i="12"/>
  <c r="BQ559" i="12"/>
  <c r="BP559" i="12"/>
  <c r="BO559" i="12"/>
  <c r="BN559" i="12"/>
  <c r="BM559" i="12"/>
  <c r="BL559" i="12"/>
  <c r="BK559" i="12"/>
  <c r="BJ559" i="12"/>
  <c r="BI559" i="12"/>
  <c r="BH559" i="12"/>
  <c r="BF559" i="12"/>
  <c r="Y559" i="12"/>
  <c r="CL558" i="12"/>
  <c r="CK558" i="12"/>
  <c r="CJ558" i="12"/>
  <c r="CI558" i="12"/>
  <c r="CH558" i="12"/>
  <c r="CG558" i="12"/>
  <c r="CF558" i="12"/>
  <c r="CE558" i="12"/>
  <c r="CD558" i="12"/>
  <c r="CC558" i="12"/>
  <c r="CB558" i="12"/>
  <c r="CA558" i="12"/>
  <c r="BZ558" i="12"/>
  <c r="BY558" i="12"/>
  <c r="BX558" i="12"/>
  <c r="BW558" i="12"/>
  <c r="BV558" i="12"/>
  <c r="BU558" i="12"/>
  <c r="BT558" i="12"/>
  <c r="BS558" i="12"/>
  <c r="BR558" i="12"/>
  <c r="BQ558" i="12"/>
  <c r="BP558" i="12"/>
  <c r="BO558" i="12"/>
  <c r="BN558" i="12"/>
  <c r="BM558" i="12"/>
  <c r="BL558" i="12"/>
  <c r="BK558" i="12"/>
  <c r="BJ558" i="12"/>
  <c r="BI558" i="12"/>
  <c r="BH558" i="12"/>
  <c r="BF558" i="12"/>
  <c r="Y558" i="12"/>
  <c r="CL557" i="12"/>
  <c r="CK557" i="12"/>
  <c r="CJ557" i="12"/>
  <c r="CI557" i="12"/>
  <c r="CH557" i="12"/>
  <c r="CG557" i="12"/>
  <c r="CF557" i="12"/>
  <c r="CE557" i="12"/>
  <c r="CD557" i="12"/>
  <c r="CC557" i="12"/>
  <c r="CB557" i="12"/>
  <c r="CA557" i="12"/>
  <c r="BZ557" i="12"/>
  <c r="BY557" i="12"/>
  <c r="BX557" i="12"/>
  <c r="BW557" i="12"/>
  <c r="BV557" i="12"/>
  <c r="BU557" i="12"/>
  <c r="BT557" i="12"/>
  <c r="BS557" i="12"/>
  <c r="BR557" i="12"/>
  <c r="BQ557" i="12"/>
  <c r="BP557" i="12"/>
  <c r="BO557" i="12"/>
  <c r="BN557" i="12"/>
  <c r="BM557" i="12"/>
  <c r="BL557" i="12"/>
  <c r="BK557" i="12"/>
  <c r="BJ557" i="12"/>
  <c r="BI557" i="12"/>
  <c r="BH557" i="12"/>
  <c r="BF557" i="12"/>
  <c r="Y557" i="12"/>
  <c r="CL556" i="12"/>
  <c r="CK556" i="12"/>
  <c r="CJ556" i="12"/>
  <c r="CI556" i="12"/>
  <c r="CH556" i="12"/>
  <c r="CG556" i="12"/>
  <c r="CF556" i="12"/>
  <c r="CE556" i="12"/>
  <c r="CD556" i="12"/>
  <c r="CC556" i="12"/>
  <c r="CB556" i="12"/>
  <c r="CA556" i="12"/>
  <c r="BZ556" i="12"/>
  <c r="BY556" i="12"/>
  <c r="BX556" i="12"/>
  <c r="BW556" i="12"/>
  <c r="BV556" i="12"/>
  <c r="BU556" i="12"/>
  <c r="BT556" i="12"/>
  <c r="BS556" i="12"/>
  <c r="BR556" i="12"/>
  <c r="BQ556" i="12"/>
  <c r="BP556" i="12"/>
  <c r="BO556" i="12"/>
  <c r="BN556" i="12"/>
  <c r="BM556" i="12"/>
  <c r="BL556" i="12"/>
  <c r="BK556" i="12"/>
  <c r="BJ556" i="12"/>
  <c r="BI556" i="12"/>
  <c r="BH556" i="12"/>
  <c r="BF556" i="12"/>
  <c r="Y556" i="12"/>
  <c r="CL555" i="12"/>
  <c r="CK555" i="12"/>
  <c r="CJ555" i="12"/>
  <c r="CI555" i="12"/>
  <c r="CH555" i="12"/>
  <c r="CG555" i="12"/>
  <c r="CF555" i="12"/>
  <c r="CE555" i="12"/>
  <c r="CD555" i="12"/>
  <c r="CC555" i="12"/>
  <c r="CB555" i="12"/>
  <c r="CA555" i="12"/>
  <c r="BZ555" i="12"/>
  <c r="BY555" i="12"/>
  <c r="BX555" i="12"/>
  <c r="BW555" i="12"/>
  <c r="BV555" i="12"/>
  <c r="BU555" i="12"/>
  <c r="BT555" i="12"/>
  <c r="BS555" i="12"/>
  <c r="BR555" i="12"/>
  <c r="BQ555" i="12"/>
  <c r="BP555" i="12"/>
  <c r="BO555" i="12"/>
  <c r="BN555" i="12"/>
  <c r="BM555" i="12"/>
  <c r="BL555" i="12"/>
  <c r="BK555" i="12"/>
  <c r="BJ555" i="12"/>
  <c r="BI555" i="12"/>
  <c r="BH555" i="12"/>
  <c r="BF555" i="12"/>
  <c r="Y555" i="12"/>
  <c r="CL554" i="12"/>
  <c r="CK554" i="12"/>
  <c r="CJ554" i="12"/>
  <c r="CI554" i="12"/>
  <c r="CH554" i="12"/>
  <c r="CG554" i="12"/>
  <c r="CF554" i="12"/>
  <c r="CE554" i="12"/>
  <c r="CD554" i="12"/>
  <c r="CC554" i="12"/>
  <c r="CB554" i="12"/>
  <c r="CA554" i="12"/>
  <c r="BZ554" i="12"/>
  <c r="BY554" i="12"/>
  <c r="BX554" i="12"/>
  <c r="BW554" i="12"/>
  <c r="BV554" i="12"/>
  <c r="BU554" i="12"/>
  <c r="BT554" i="12"/>
  <c r="BS554" i="12"/>
  <c r="BR554" i="12"/>
  <c r="BQ554" i="12"/>
  <c r="BP554" i="12"/>
  <c r="BO554" i="12"/>
  <c r="BN554" i="12"/>
  <c r="BM554" i="12"/>
  <c r="BL554" i="12"/>
  <c r="BK554" i="12"/>
  <c r="BJ554" i="12"/>
  <c r="BI554" i="12"/>
  <c r="BH554" i="12"/>
  <c r="BF554" i="12"/>
  <c r="Y554" i="12"/>
  <c r="CL553" i="12"/>
  <c r="CK553" i="12"/>
  <c r="CJ553" i="12"/>
  <c r="CI553" i="12"/>
  <c r="CH553" i="12"/>
  <c r="CG553" i="12"/>
  <c r="CF553" i="12"/>
  <c r="CE553" i="12"/>
  <c r="CD553" i="12"/>
  <c r="CC553" i="12"/>
  <c r="CB553" i="12"/>
  <c r="CA553" i="12"/>
  <c r="BZ553" i="12"/>
  <c r="BY553" i="12"/>
  <c r="BX553" i="12"/>
  <c r="BW553" i="12"/>
  <c r="BV553" i="12"/>
  <c r="BU553" i="12"/>
  <c r="BT553" i="12"/>
  <c r="BS553" i="12"/>
  <c r="BR553" i="12"/>
  <c r="BQ553" i="12"/>
  <c r="BP553" i="12"/>
  <c r="BO553" i="12"/>
  <c r="BN553" i="12"/>
  <c r="BM553" i="12"/>
  <c r="BL553" i="12"/>
  <c r="BK553" i="12"/>
  <c r="BJ553" i="12"/>
  <c r="BI553" i="12"/>
  <c r="BH553" i="12"/>
  <c r="BF553" i="12"/>
  <c r="Y553" i="12"/>
  <c r="CL552" i="12"/>
  <c r="CK552" i="12"/>
  <c r="CJ552" i="12"/>
  <c r="CI552" i="12"/>
  <c r="CH552" i="12"/>
  <c r="CG552" i="12"/>
  <c r="CF552" i="12"/>
  <c r="CE552" i="12"/>
  <c r="CD552" i="12"/>
  <c r="CC552" i="12"/>
  <c r="CB552" i="12"/>
  <c r="CA552" i="12"/>
  <c r="BZ552" i="12"/>
  <c r="BY552" i="12"/>
  <c r="BX552" i="12"/>
  <c r="BW552" i="12"/>
  <c r="BV552" i="12"/>
  <c r="BU552" i="12"/>
  <c r="BT552" i="12"/>
  <c r="BS552" i="12"/>
  <c r="BR552" i="12"/>
  <c r="BQ552" i="12"/>
  <c r="BP552" i="12"/>
  <c r="BO552" i="12"/>
  <c r="BN552" i="12"/>
  <c r="BM552" i="12"/>
  <c r="BL552" i="12"/>
  <c r="BK552" i="12"/>
  <c r="BJ552" i="12"/>
  <c r="BI552" i="12"/>
  <c r="BH552" i="12"/>
  <c r="BF552" i="12"/>
  <c r="Y552" i="12"/>
  <c r="CL551" i="12"/>
  <c r="CK551" i="12"/>
  <c r="CJ551" i="12"/>
  <c r="CI551" i="12"/>
  <c r="CH551" i="12"/>
  <c r="CG551" i="12"/>
  <c r="CF551" i="12"/>
  <c r="CE551" i="12"/>
  <c r="CD551" i="12"/>
  <c r="CC551" i="12"/>
  <c r="CB551" i="12"/>
  <c r="CA551" i="12"/>
  <c r="BZ551" i="12"/>
  <c r="BY551" i="12"/>
  <c r="BX551" i="12"/>
  <c r="BW551" i="12"/>
  <c r="BV551" i="12"/>
  <c r="BU551" i="12"/>
  <c r="BT551" i="12"/>
  <c r="BS551" i="12"/>
  <c r="BR551" i="12"/>
  <c r="BQ551" i="12"/>
  <c r="BP551" i="12"/>
  <c r="BO551" i="12"/>
  <c r="BN551" i="12"/>
  <c r="BM551" i="12"/>
  <c r="BL551" i="12"/>
  <c r="BK551" i="12"/>
  <c r="BJ551" i="12"/>
  <c r="BI551" i="12"/>
  <c r="BH551" i="12"/>
  <c r="BF551" i="12"/>
  <c r="Y551" i="12"/>
  <c r="CL550" i="12"/>
  <c r="CK550" i="12"/>
  <c r="CJ550" i="12"/>
  <c r="CI550" i="12"/>
  <c r="CH550" i="12"/>
  <c r="CG550" i="12"/>
  <c r="CF550" i="12"/>
  <c r="CE550" i="12"/>
  <c r="CD550" i="12"/>
  <c r="CC550" i="12"/>
  <c r="CB550" i="12"/>
  <c r="CA550" i="12"/>
  <c r="BZ550" i="12"/>
  <c r="BY550" i="12"/>
  <c r="BX550" i="12"/>
  <c r="BW550" i="12"/>
  <c r="BV550" i="12"/>
  <c r="BU550" i="12"/>
  <c r="BT550" i="12"/>
  <c r="BS550" i="12"/>
  <c r="BR550" i="12"/>
  <c r="BQ550" i="12"/>
  <c r="BP550" i="12"/>
  <c r="BO550" i="12"/>
  <c r="BN550" i="12"/>
  <c r="BM550" i="12"/>
  <c r="BL550" i="12"/>
  <c r="BK550" i="12"/>
  <c r="BJ550" i="12"/>
  <c r="BI550" i="12"/>
  <c r="BH550" i="12"/>
  <c r="BF550" i="12"/>
  <c r="Y550" i="12"/>
  <c r="CL549" i="12"/>
  <c r="CK549" i="12"/>
  <c r="CJ549" i="12"/>
  <c r="CI549" i="12"/>
  <c r="CH549" i="12"/>
  <c r="CG549" i="12"/>
  <c r="CF549" i="12"/>
  <c r="CE549" i="12"/>
  <c r="CD549" i="12"/>
  <c r="CC549" i="12"/>
  <c r="CB549" i="12"/>
  <c r="CA549" i="12"/>
  <c r="BZ549" i="12"/>
  <c r="BY549" i="12"/>
  <c r="BX549" i="12"/>
  <c r="BW549" i="12"/>
  <c r="BV549" i="12"/>
  <c r="BU549" i="12"/>
  <c r="BT549" i="12"/>
  <c r="BS549" i="12"/>
  <c r="BR549" i="12"/>
  <c r="BQ549" i="12"/>
  <c r="BP549" i="12"/>
  <c r="BO549" i="12"/>
  <c r="BN549" i="12"/>
  <c r="BM549" i="12"/>
  <c r="BL549" i="12"/>
  <c r="BK549" i="12"/>
  <c r="BJ549" i="12"/>
  <c r="BI549" i="12"/>
  <c r="BH549" i="12"/>
  <c r="BF549" i="12"/>
  <c r="Y549" i="12"/>
  <c r="CL548" i="12"/>
  <c r="CK548" i="12"/>
  <c r="CJ548" i="12"/>
  <c r="CI548" i="12"/>
  <c r="CH548" i="12"/>
  <c r="CG548" i="12"/>
  <c r="CF548" i="12"/>
  <c r="CE548" i="12"/>
  <c r="CD548" i="12"/>
  <c r="CC548" i="12"/>
  <c r="CB548" i="12"/>
  <c r="CA548" i="12"/>
  <c r="BZ548" i="12"/>
  <c r="BY548" i="12"/>
  <c r="BX548" i="12"/>
  <c r="BW548" i="12"/>
  <c r="BV548" i="12"/>
  <c r="BU548" i="12"/>
  <c r="BT548" i="12"/>
  <c r="BS548" i="12"/>
  <c r="BR548" i="12"/>
  <c r="BQ548" i="12"/>
  <c r="BP548" i="12"/>
  <c r="BO548" i="12"/>
  <c r="BN548" i="12"/>
  <c r="BM548" i="12"/>
  <c r="BL548" i="12"/>
  <c r="BK548" i="12"/>
  <c r="BJ548" i="12"/>
  <c r="BI548" i="12"/>
  <c r="BH548" i="12"/>
  <c r="BF548" i="12"/>
  <c r="Y548" i="12"/>
  <c r="CL547" i="12"/>
  <c r="CK547" i="12"/>
  <c r="CJ547" i="12"/>
  <c r="CI547" i="12"/>
  <c r="CH547" i="12"/>
  <c r="CG547" i="12"/>
  <c r="CF547" i="12"/>
  <c r="CE547" i="12"/>
  <c r="CD547" i="12"/>
  <c r="CC547" i="12"/>
  <c r="CB547" i="12"/>
  <c r="CA547" i="12"/>
  <c r="BZ547" i="12"/>
  <c r="BY547" i="12"/>
  <c r="BX547" i="12"/>
  <c r="BW547" i="12"/>
  <c r="BV547" i="12"/>
  <c r="BU547" i="12"/>
  <c r="BT547" i="12"/>
  <c r="BS547" i="12"/>
  <c r="BR547" i="12"/>
  <c r="BQ547" i="12"/>
  <c r="BP547" i="12"/>
  <c r="BO547" i="12"/>
  <c r="BN547" i="12"/>
  <c r="BM547" i="12"/>
  <c r="BL547" i="12"/>
  <c r="BK547" i="12"/>
  <c r="BJ547" i="12"/>
  <c r="BI547" i="12"/>
  <c r="BH547" i="12"/>
  <c r="BF547" i="12"/>
  <c r="Y547" i="12"/>
  <c r="CL546" i="12"/>
  <c r="CK546" i="12"/>
  <c r="CJ546" i="12"/>
  <c r="CI546" i="12"/>
  <c r="CH546" i="12"/>
  <c r="CG546" i="12"/>
  <c r="CF546" i="12"/>
  <c r="CE546" i="12"/>
  <c r="CD546" i="12"/>
  <c r="CC546" i="12"/>
  <c r="CB546" i="12"/>
  <c r="CA546" i="12"/>
  <c r="BZ546" i="12"/>
  <c r="BY546" i="12"/>
  <c r="BX546" i="12"/>
  <c r="BW546" i="12"/>
  <c r="BV546" i="12"/>
  <c r="BU546" i="12"/>
  <c r="BT546" i="12"/>
  <c r="BS546" i="12"/>
  <c r="BR546" i="12"/>
  <c r="BQ546" i="12"/>
  <c r="BP546" i="12"/>
  <c r="BO546" i="12"/>
  <c r="BN546" i="12"/>
  <c r="BM546" i="12"/>
  <c r="BL546" i="12"/>
  <c r="BK546" i="12"/>
  <c r="BJ546" i="12"/>
  <c r="BI546" i="12"/>
  <c r="BH546" i="12"/>
  <c r="BF546" i="12"/>
  <c r="Y546" i="12"/>
  <c r="CL545" i="12"/>
  <c r="CK545" i="12"/>
  <c r="CJ545" i="12"/>
  <c r="CI545" i="12"/>
  <c r="CH545" i="12"/>
  <c r="CG545" i="12"/>
  <c r="CF545" i="12"/>
  <c r="CE545" i="12"/>
  <c r="CD545" i="12"/>
  <c r="CC545" i="12"/>
  <c r="CB545" i="12"/>
  <c r="CA545" i="12"/>
  <c r="BZ545" i="12"/>
  <c r="BY545" i="12"/>
  <c r="BX545" i="12"/>
  <c r="BW545" i="12"/>
  <c r="BV545" i="12"/>
  <c r="BU545" i="12"/>
  <c r="BT545" i="12"/>
  <c r="BS545" i="12"/>
  <c r="BR545" i="12"/>
  <c r="BQ545" i="12"/>
  <c r="BP545" i="12"/>
  <c r="BO545" i="12"/>
  <c r="BN545" i="12"/>
  <c r="BM545" i="12"/>
  <c r="BL545" i="12"/>
  <c r="BK545" i="12"/>
  <c r="BJ545" i="12"/>
  <c r="BI545" i="12"/>
  <c r="BH545" i="12"/>
  <c r="BF545" i="12"/>
  <c r="Y545" i="12"/>
  <c r="CL544" i="12"/>
  <c r="CK544" i="12"/>
  <c r="CJ544" i="12"/>
  <c r="CI544" i="12"/>
  <c r="CH544" i="12"/>
  <c r="CG544" i="12"/>
  <c r="CF544" i="12"/>
  <c r="CE544" i="12"/>
  <c r="CD544" i="12"/>
  <c r="CC544" i="12"/>
  <c r="CB544" i="12"/>
  <c r="CA544" i="12"/>
  <c r="BZ544" i="12"/>
  <c r="BY544" i="12"/>
  <c r="BX544" i="12"/>
  <c r="BW544" i="12"/>
  <c r="BV544" i="12"/>
  <c r="BU544" i="12"/>
  <c r="BT544" i="12"/>
  <c r="BS544" i="12"/>
  <c r="BR544" i="12"/>
  <c r="BQ544" i="12"/>
  <c r="BP544" i="12"/>
  <c r="BO544" i="12"/>
  <c r="BN544" i="12"/>
  <c r="BM544" i="12"/>
  <c r="BL544" i="12"/>
  <c r="BK544" i="12"/>
  <c r="BJ544" i="12"/>
  <c r="BI544" i="12"/>
  <c r="BH544" i="12"/>
  <c r="BF544" i="12"/>
  <c r="Y544" i="12"/>
  <c r="CL543" i="12"/>
  <c r="CK543" i="12"/>
  <c r="CJ543" i="12"/>
  <c r="CI543" i="12"/>
  <c r="CH543" i="12"/>
  <c r="CG543" i="12"/>
  <c r="CF543" i="12"/>
  <c r="CE543" i="12"/>
  <c r="CD543" i="12"/>
  <c r="CC543" i="12"/>
  <c r="CB543" i="12"/>
  <c r="CA543" i="12"/>
  <c r="BZ543" i="12"/>
  <c r="BY543" i="12"/>
  <c r="BX543" i="12"/>
  <c r="BW543" i="12"/>
  <c r="BV543" i="12"/>
  <c r="BU543" i="12"/>
  <c r="BT543" i="12"/>
  <c r="BS543" i="12"/>
  <c r="BR543" i="12"/>
  <c r="BQ543" i="12"/>
  <c r="BP543" i="12"/>
  <c r="BO543" i="12"/>
  <c r="BN543" i="12"/>
  <c r="BM543" i="12"/>
  <c r="BL543" i="12"/>
  <c r="BK543" i="12"/>
  <c r="BJ543" i="12"/>
  <c r="BI543" i="12"/>
  <c r="BH543" i="12"/>
  <c r="BF543" i="12"/>
  <c r="Y543" i="12"/>
  <c r="CL542" i="12"/>
  <c r="CK542" i="12"/>
  <c r="CJ542" i="12"/>
  <c r="CI542" i="12"/>
  <c r="CH542" i="12"/>
  <c r="CG542" i="12"/>
  <c r="CF542" i="12"/>
  <c r="CE542" i="12"/>
  <c r="CD542" i="12"/>
  <c r="CC542" i="12"/>
  <c r="CB542" i="12"/>
  <c r="CA542" i="12"/>
  <c r="BZ542" i="12"/>
  <c r="BY542" i="12"/>
  <c r="BX542" i="12"/>
  <c r="BW542" i="12"/>
  <c r="BV542" i="12"/>
  <c r="BU542" i="12"/>
  <c r="BT542" i="12"/>
  <c r="BS542" i="12"/>
  <c r="BR542" i="12"/>
  <c r="BQ542" i="12"/>
  <c r="BP542" i="12"/>
  <c r="BO542" i="12"/>
  <c r="BN542" i="12"/>
  <c r="BM542" i="12"/>
  <c r="BL542" i="12"/>
  <c r="BK542" i="12"/>
  <c r="BJ542" i="12"/>
  <c r="BI542" i="12"/>
  <c r="BH542" i="12"/>
  <c r="BF542" i="12"/>
  <c r="Y542" i="12"/>
  <c r="CL541" i="12"/>
  <c r="CK541" i="12"/>
  <c r="CJ541" i="12"/>
  <c r="CI541" i="12"/>
  <c r="CH541" i="12"/>
  <c r="CG541" i="12"/>
  <c r="CF541" i="12"/>
  <c r="CE541" i="12"/>
  <c r="CD541" i="12"/>
  <c r="CC541" i="12"/>
  <c r="CB541" i="12"/>
  <c r="CA541" i="12"/>
  <c r="BZ541" i="12"/>
  <c r="BY541" i="12"/>
  <c r="BX541" i="12"/>
  <c r="BW541" i="12"/>
  <c r="BV541" i="12"/>
  <c r="BU541" i="12"/>
  <c r="BT541" i="12"/>
  <c r="BS541" i="12"/>
  <c r="BR541" i="12"/>
  <c r="BQ541" i="12"/>
  <c r="BP541" i="12"/>
  <c r="BO541" i="12"/>
  <c r="BN541" i="12"/>
  <c r="BM541" i="12"/>
  <c r="BL541" i="12"/>
  <c r="BK541" i="12"/>
  <c r="BJ541" i="12"/>
  <c r="BI541" i="12"/>
  <c r="BH541" i="12"/>
  <c r="BF541" i="12"/>
  <c r="Y541" i="12"/>
  <c r="CL540" i="12"/>
  <c r="CK540" i="12"/>
  <c r="CJ540" i="12"/>
  <c r="CI540" i="12"/>
  <c r="CH540" i="12"/>
  <c r="CG540" i="12"/>
  <c r="CF540" i="12"/>
  <c r="CE540" i="12"/>
  <c r="CD540" i="12"/>
  <c r="CC540" i="12"/>
  <c r="CB540" i="12"/>
  <c r="CA540" i="12"/>
  <c r="BZ540" i="12"/>
  <c r="BY540" i="12"/>
  <c r="BX540" i="12"/>
  <c r="BW540" i="12"/>
  <c r="BV540" i="12"/>
  <c r="BU540" i="12"/>
  <c r="BT540" i="12"/>
  <c r="BS540" i="12"/>
  <c r="BR540" i="12"/>
  <c r="BQ540" i="12"/>
  <c r="BP540" i="12"/>
  <c r="BO540" i="12"/>
  <c r="BN540" i="12"/>
  <c r="BM540" i="12"/>
  <c r="BL540" i="12"/>
  <c r="BK540" i="12"/>
  <c r="BJ540" i="12"/>
  <c r="BI540" i="12"/>
  <c r="BH540" i="12"/>
  <c r="BF540" i="12"/>
  <c r="Y540" i="12"/>
  <c r="CL539" i="12"/>
  <c r="CK539" i="12"/>
  <c r="CJ539" i="12"/>
  <c r="CI539" i="12"/>
  <c r="CH539" i="12"/>
  <c r="CG539" i="12"/>
  <c r="CF539" i="12"/>
  <c r="CE539" i="12"/>
  <c r="CD539" i="12"/>
  <c r="CC539" i="12"/>
  <c r="CB539" i="12"/>
  <c r="CA539" i="12"/>
  <c r="BZ539" i="12"/>
  <c r="BY539" i="12"/>
  <c r="BX539" i="12"/>
  <c r="BW539" i="12"/>
  <c r="BV539" i="12"/>
  <c r="BU539" i="12"/>
  <c r="BT539" i="12"/>
  <c r="BS539" i="12"/>
  <c r="BR539" i="12"/>
  <c r="BQ539" i="12"/>
  <c r="BP539" i="12"/>
  <c r="BO539" i="12"/>
  <c r="BN539" i="12"/>
  <c r="BM539" i="12"/>
  <c r="BL539" i="12"/>
  <c r="BK539" i="12"/>
  <c r="BJ539" i="12"/>
  <c r="BI539" i="12"/>
  <c r="BH539" i="12"/>
  <c r="BF539" i="12"/>
  <c r="Y539" i="12"/>
  <c r="CL538" i="12"/>
  <c r="CK538" i="12"/>
  <c r="CJ538" i="12"/>
  <c r="CI538" i="12"/>
  <c r="CH538" i="12"/>
  <c r="CG538" i="12"/>
  <c r="CF538" i="12"/>
  <c r="CE538" i="12"/>
  <c r="CD538" i="12"/>
  <c r="CC538" i="12"/>
  <c r="CB538" i="12"/>
  <c r="CA538" i="12"/>
  <c r="BZ538" i="12"/>
  <c r="BY538" i="12"/>
  <c r="BX538" i="12"/>
  <c r="BW538" i="12"/>
  <c r="BV538" i="12"/>
  <c r="BU538" i="12"/>
  <c r="BT538" i="12"/>
  <c r="BS538" i="12"/>
  <c r="BR538" i="12"/>
  <c r="BQ538" i="12"/>
  <c r="BP538" i="12"/>
  <c r="BO538" i="12"/>
  <c r="BN538" i="12"/>
  <c r="BM538" i="12"/>
  <c r="BL538" i="12"/>
  <c r="BK538" i="12"/>
  <c r="BJ538" i="12"/>
  <c r="BI538" i="12"/>
  <c r="BH538" i="12"/>
  <c r="BF538" i="12"/>
  <c r="Y538" i="12"/>
  <c r="CL537" i="12"/>
  <c r="CK537" i="12"/>
  <c r="CJ537" i="12"/>
  <c r="CI537" i="12"/>
  <c r="CH537" i="12"/>
  <c r="CG537" i="12"/>
  <c r="CF537" i="12"/>
  <c r="CE537" i="12"/>
  <c r="CD537" i="12"/>
  <c r="CC537" i="12"/>
  <c r="CB537" i="12"/>
  <c r="CA537" i="12"/>
  <c r="BZ537" i="12"/>
  <c r="BY537" i="12"/>
  <c r="BX537" i="12"/>
  <c r="BW537" i="12"/>
  <c r="BV537" i="12"/>
  <c r="BU537" i="12"/>
  <c r="BT537" i="12"/>
  <c r="BS537" i="12"/>
  <c r="BR537" i="12"/>
  <c r="BQ537" i="12"/>
  <c r="BP537" i="12"/>
  <c r="BO537" i="12"/>
  <c r="BN537" i="12"/>
  <c r="BM537" i="12"/>
  <c r="BL537" i="12"/>
  <c r="BK537" i="12"/>
  <c r="BJ537" i="12"/>
  <c r="BI537" i="12"/>
  <c r="BH537" i="12"/>
  <c r="BF537" i="12"/>
  <c r="Y537" i="12"/>
  <c r="CL536" i="12"/>
  <c r="CK536" i="12"/>
  <c r="CJ536" i="12"/>
  <c r="CI536" i="12"/>
  <c r="CH536" i="12"/>
  <c r="CG536" i="12"/>
  <c r="CF536" i="12"/>
  <c r="CE536" i="12"/>
  <c r="CD536" i="12"/>
  <c r="CC536" i="12"/>
  <c r="CB536" i="12"/>
  <c r="CA536" i="12"/>
  <c r="BZ536" i="12"/>
  <c r="BY536" i="12"/>
  <c r="BX536" i="12"/>
  <c r="BW536" i="12"/>
  <c r="BV536" i="12"/>
  <c r="BU536" i="12"/>
  <c r="BT536" i="12"/>
  <c r="BS536" i="12"/>
  <c r="BR536" i="12"/>
  <c r="BQ536" i="12"/>
  <c r="BP536" i="12"/>
  <c r="BO536" i="12"/>
  <c r="BN536" i="12"/>
  <c r="BM536" i="12"/>
  <c r="BL536" i="12"/>
  <c r="BK536" i="12"/>
  <c r="BJ536" i="12"/>
  <c r="BI536" i="12"/>
  <c r="BH536" i="12"/>
  <c r="BF536" i="12"/>
  <c r="Y536" i="12"/>
  <c r="CL535" i="12"/>
  <c r="CK535" i="12"/>
  <c r="CJ535" i="12"/>
  <c r="CI535" i="12"/>
  <c r="CH535" i="12"/>
  <c r="CG535" i="12"/>
  <c r="CF535" i="12"/>
  <c r="CE535" i="12"/>
  <c r="CD535" i="12"/>
  <c r="CC535" i="12"/>
  <c r="CB535" i="12"/>
  <c r="CA535" i="12"/>
  <c r="BZ535" i="12"/>
  <c r="BY535" i="12"/>
  <c r="BX535" i="12"/>
  <c r="BW535" i="12"/>
  <c r="BV535" i="12"/>
  <c r="BU535" i="12"/>
  <c r="BT535" i="12"/>
  <c r="BS535" i="12"/>
  <c r="BR535" i="12"/>
  <c r="BQ535" i="12"/>
  <c r="BP535" i="12"/>
  <c r="BO535" i="12"/>
  <c r="BN535" i="12"/>
  <c r="BM535" i="12"/>
  <c r="BL535" i="12"/>
  <c r="BK535" i="12"/>
  <c r="BJ535" i="12"/>
  <c r="BI535" i="12"/>
  <c r="BH535" i="12"/>
  <c r="BF535" i="12"/>
  <c r="Y535" i="12"/>
  <c r="CL534" i="12"/>
  <c r="CK534" i="12"/>
  <c r="CJ534" i="12"/>
  <c r="CI534" i="12"/>
  <c r="CH534" i="12"/>
  <c r="CG534" i="12"/>
  <c r="CF534" i="12"/>
  <c r="CE534" i="12"/>
  <c r="CD534" i="12"/>
  <c r="CC534" i="12"/>
  <c r="CB534" i="12"/>
  <c r="CA534" i="12"/>
  <c r="BZ534" i="12"/>
  <c r="BY534" i="12"/>
  <c r="BX534" i="12"/>
  <c r="BW534" i="12"/>
  <c r="BV534" i="12"/>
  <c r="BU534" i="12"/>
  <c r="BT534" i="12"/>
  <c r="BS534" i="12"/>
  <c r="BR534" i="12"/>
  <c r="BQ534" i="12"/>
  <c r="BP534" i="12"/>
  <c r="BO534" i="12"/>
  <c r="BN534" i="12"/>
  <c r="BM534" i="12"/>
  <c r="BL534" i="12"/>
  <c r="BK534" i="12"/>
  <c r="BJ534" i="12"/>
  <c r="BI534" i="12"/>
  <c r="BH534" i="12"/>
  <c r="BF534" i="12"/>
  <c r="Y534" i="12"/>
  <c r="CL533" i="12"/>
  <c r="CK533" i="12"/>
  <c r="CJ533" i="12"/>
  <c r="CI533" i="12"/>
  <c r="CH533" i="12"/>
  <c r="CG533" i="12"/>
  <c r="CF533" i="12"/>
  <c r="CE533" i="12"/>
  <c r="CD533" i="12"/>
  <c r="CC533" i="12"/>
  <c r="CB533" i="12"/>
  <c r="CA533" i="12"/>
  <c r="BZ533" i="12"/>
  <c r="BY533" i="12"/>
  <c r="BX533" i="12"/>
  <c r="BW533" i="12"/>
  <c r="BV533" i="12"/>
  <c r="BU533" i="12"/>
  <c r="BT533" i="12"/>
  <c r="BS533" i="12"/>
  <c r="BR533" i="12"/>
  <c r="BQ533" i="12"/>
  <c r="BP533" i="12"/>
  <c r="BO533" i="12"/>
  <c r="BN533" i="12"/>
  <c r="BM533" i="12"/>
  <c r="BL533" i="12"/>
  <c r="BK533" i="12"/>
  <c r="BJ533" i="12"/>
  <c r="BI533" i="12"/>
  <c r="BH533" i="12"/>
  <c r="BF533" i="12"/>
  <c r="Y533" i="12"/>
  <c r="CL532" i="12"/>
  <c r="CK532" i="12"/>
  <c r="CJ532" i="12"/>
  <c r="CI532" i="12"/>
  <c r="CH532" i="12"/>
  <c r="CG532" i="12"/>
  <c r="CF532" i="12"/>
  <c r="CE532" i="12"/>
  <c r="CD532" i="12"/>
  <c r="CC532" i="12"/>
  <c r="CB532" i="12"/>
  <c r="CA532" i="12"/>
  <c r="BZ532" i="12"/>
  <c r="BY532" i="12"/>
  <c r="BX532" i="12"/>
  <c r="BW532" i="12"/>
  <c r="BV532" i="12"/>
  <c r="BU532" i="12"/>
  <c r="BT532" i="12"/>
  <c r="BS532" i="12"/>
  <c r="BR532" i="12"/>
  <c r="BQ532" i="12"/>
  <c r="BP532" i="12"/>
  <c r="BO532" i="12"/>
  <c r="BN532" i="12"/>
  <c r="BM532" i="12"/>
  <c r="BL532" i="12"/>
  <c r="BK532" i="12"/>
  <c r="BJ532" i="12"/>
  <c r="BI532" i="12"/>
  <c r="BH532" i="12"/>
  <c r="BF532" i="12"/>
  <c r="Y532" i="12"/>
  <c r="CL531" i="12"/>
  <c r="CK531" i="12"/>
  <c r="CJ531" i="12"/>
  <c r="CI531" i="12"/>
  <c r="CH531" i="12"/>
  <c r="CG531" i="12"/>
  <c r="CF531" i="12"/>
  <c r="CE531" i="12"/>
  <c r="CD531" i="12"/>
  <c r="CC531" i="12"/>
  <c r="CB531" i="12"/>
  <c r="CA531" i="12"/>
  <c r="BZ531" i="12"/>
  <c r="BY531" i="12"/>
  <c r="BX531" i="12"/>
  <c r="BW531" i="12"/>
  <c r="BV531" i="12"/>
  <c r="BU531" i="12"/>
  <c r="BT531" i="12"/>
  <c r="BS531" i="12"/>
  <c r="BR531" i="12"/>
  <c r="BQ531" i="12"/>
  <c r="BP531" i="12"/>
  <c r="BO531" i="12"/>
  <c r="BN531" i="12"/>
  <c r="BM531" i="12"/>
  <c r="BL531" i="12"/>
  <c r="BK531" i="12"/>
  <c r="BJ531" i="12"/>
  <c r="BI531" i="12"/>
  <c r="BH531" i="12"/>
  <c r="BF531" i="12"/>
  <c r="Y531" i="12"/>
  <c r="CL530" i="12"/>
  <c r="CK530" i="12"/>
  <c r="CJ530" i="12"/>
  <c r="CI530" i="12"/>
  <c r="CH530" i="12"/>
  <c r="CG530" i="12"/>
  <c r="CF530" i="12"/>
  <c r="CE530" i="12"/>
  <c r="CD530" i="12"/>
  <c r="CC530" i="12"/>
  <c r="CB530" i="12"/>
  <c r="CA530" i="12"/>
  <c r="BZ530" i="12"/>
  <c r="BY530" i="12"/>
  <c r="BX530" i="12"/>
  <c r="BW530" i="12"/>
  <c r="BV530" i="12"/>
  <c r="BU530" i="12"/>
  <c r="BT530" i="12"/>
  <c r="BS530" i="12"/>
  <c r="BR530" i="12"/>
  <c r="BQ530" i="12"/>
  <c r="BP530" i="12"/>
  <c r="BO530" i="12"/>
  <c r="BN530" i="12"/>
  <c r="BM530" i="12"/>
  <c r="BL530" i="12"/>
  <c r="BK530" i="12"/>
  <c r="BJ530" i="12"/>
  <c r="BI530" i="12"/>
  <c r="BH530" i="12"/>
  <c r="BF530" i="12"/>
  <c r="Y530" i="12"/>
  <c r="CL529" i="12"/>
  <c r="CK529" i="12"/>
  <c r="CJ529" i="12"/>
  <c r="CI529" i="12"/>
  <c r="CH529" i="12"/>
  <c r="CG529" i="12"/>
  <c r="CF529" i="12"/>
  <c r="CE529" i="12"/>
  <c r="CD529" i="12"/>
  <c r="CC529" i="12"/>
  <c r="CB529" i="12"/>
  <c r="CA529" i="12"/>
  <c r="BZ529" i="12"/>
  <c r="BY529" i="12"/>
  <c r="BX529" i="12"/>
  <c r="BW529" i="12"/>
  <c r="BV529" i="12"/>
  <c r="BU529" i="12"/>
  <c r="BT529" i="12"/>
  <c r="BS529" i="12"/>
  <c r="BR529" i="12"/>
  <c r="BQ529" i="12"/>
  <c r="BP529" i="12"/>
  <c r="BO529" i="12"/>
  <c r="BN529" i="12"/>
  <c r="BM529" i="12"/>
  <c r="BL529" i="12"/>
  <c r="BK529" i="12"/>
  <c r="BJ529" i="12"/>
  <c r="BI529" i="12"/>
  <c r="BH529" i="12"/>
  <c r="BF529" i="12"/>
  <c r="Y529" i="12"/>
  <c r="CL528" i="12"/>
  <c r="CK528" i="12"/>
  <c r="CJ528" i="12"/>
  <c r="CI528" i="12"/>
  <c r="CH528" i="12"/>
  <c r="CG528" i="12"/>
  <c r="CF528" i="12"/>
  <c r="CE528" i="12"/>
  <c r="CD528" i="12"/>
  <c r="CC528" i="12"/>
  <c r="CB528" i="12"/>
  <c r="CA528" i="12"/>
  <c r="BZ528" i="12"/>
  <c r="BY528" i="12"/>
  <c r="BX528" i="12"/>
  <c r="BW528" i="12"/>
  <c r="BV528" i="12"/>
  <c r="BU528" i="12"/>
  <c r="BT528" i="12"/>
  <c r="BS528" i="12"/>
  <c r="BR528" i="12"/>
  <c r="BQ528" i="12"/>
  <c r="BP528" i="12"/>
  <c r="BO528" i="12"/>
  <c r="BN528" i="12"/>
  <c r="BM528" i="12"/>
  <c r="BL528" i="12"/>
  <c r="BK528" i="12"/>
  <c r="BJ528" i="12"/>
  <c r="BI528" i="12"/>
  <c r="BH528" i="12"/>
  <c r="BF528" i="12"/>
  <c r="Y528" i="12"/>
  <c r="CL527" i="12"/>
  <c r="CK527" i="12"/>
  <c r="CJ527" i="12"/>
  <c r="CI527" i="12"/>
  <c r="CH527" i="12"/>
  <c r="CG527" i="12"/>
  <c r="CF527" i="12"/>
  <c r="CE527" i="12"/>
  <c r="CD527" i="12"/>
  <c r="CC527" i="12"/>
  <c r="CB527" i="12"/>
  <c r="CA527" i="12"/>
  <c r="BZ527" i="12"/>
  <c r="BY527" i="12"/>
  <c r="BX527" i="12"/>
  <c r="BW527" i="12"/>
  <c r="BV527" i="12"/>
  <c r="BU527" i="12"/>
  <c r="BT527" i="12"/>
  <c r="BS527" i="12"/>
  <c r="BR527" i="12"/>
  <c r="BQ527" i="12"/>
  <c r="BP527" i="12"/>
  <c r="BO527" i="12"/>
  <c r="BN527" i="12"/>
  <c r="BM527" i="12"/>
  <c r="BL527" i="12"/>
  <c r="BK527" i="12"/>
  <c r="BJ527" i="12"/>
  <c r="BI527" i="12"/>
  <c r="BH527" i="12"/>
  <c r="BF527" i="12"/>
  <c r="Y527" i="12"/>
  <c r="CL526" i="12"/>
  <c r="CK526" i="12"/>
  <c r="CJ526" i="12"/>
  <c r="CI526" i="12"/>
  <c r="CH526" i="12"/>
  <c r="CG526" i="12"/>
  <c r="CF526" i="12"/>
  <c r="CE526" i="12"/>
  <c r="CD526" i="12"/>
  <c r="CC526" i="12"/>
  <c r="CB526" i="12"/>
  <c r="CA526" i="12"/>
  <c r="BZ526" i="12"/>
  <c r="BY526" i="12"/>
  <c r="BX526" i="12"/>
  <c r="BW526" i="12"/>
  <c r="BV526" i="12"/>
  <c r="BU526" i="12"/>
  <c r="BT526" i="12"/>
  <c r="BS526" i="12"/>
  <c r="BR526" i="12"/>
  <c r="BQ526" i="12"/>
  <c r="BP526" i="12"/>
  <c r="BO526" i="12"/>
  <c r="BN526" i="12"/>
  <c r="BM526" i="12"/>
  <c r="BL526" i="12"/>
  <c r="BK526" i="12"/>
  <c r="BJ526" i="12"/>
  <c r="BI526" i="12"/>
  <c r="BH526" i="12"/>
  <c r="BF526" i="12"/>
  <c r="Y526" i="12"/>
  <c r="CL525" i="12"/>
  <c r="CK525" i="12"/>
  <c r="CJ525" i="12"/>
  <c r="CI525" i="12"/>
  <c r="CH525" i="12"/>
  <c r="CG525" i="12"/>
  <c r="CF525" i="12"/>
  <c r="CE525" i="12"/>
  <c r="CD525" i="12"/>
  <c r="CC525" i="12"/>
  <c r="CB525" i="12"/>
  <c r="CA525" i="12"/>
  <c r="BZ525" i="12"/>
  <c r="BY525" i="12"/>
  <c r="BX525" i="12"/>
  <c r="BW525" i="12"/>
  <c r="BV525" i="12"/>
  <c r="BU525" i="12"/>
  <c r="BT525" i="12"/>
  <c r="BS525" i="12"/>
  <c r="BR525" i="12"/>
  <c r="BQ525" i="12"/>
  <c r="BP525" i="12"/>
  <c r="BO525" i="12"/>
  <c r="BN525" i="12"/>
  <c r="BM525" i="12"/>
  <c r="BL525" i="12"/>
  <c r="BK525" i="12"/>
  <c r="BJ525" i="12"/>
  <c r="BI525" i="12"/>
  <c r="BH525" i="12"/>
  <c r="BF525" i="12"/>
  <c r="Y525" i="12"/>
  <c r="CL524" i="12"/>
  <c r="CK524" i="12"/>
  <c r="CJ524" i="12"/>
  <c r="CI524" i="12"/>
  <c r="CH524" i="12"/>
  <c r="CG524" i="12"/>
  <c r="CF524" i="12"/>
  <c r="CE524" i="12"/>
  <c r="CD524" i="12"/>
  <c r="CC524" i="12"/>
  <c r="CB524" i="12"/>
  <c r="CA524" i="12"/>
  <c r="BZ524" i="12"/>
  <c r="BY524" i="12"/>
  <c r="BX524" i="12"/>
  <c r="BW524" i="12"/>
  <c r="BV524" i="12"/>
  <c r="BU524" i="12"/>
  <c r="BT524" i="12"/>
  <c r="BS524" i="12"/>
  <c r="BR524" i="12"/>
  <c r="BQ524" i="12"/>
  <c r="BP524" i="12"/>
  <c r="BO524" i="12"/>
  <c r="BN524" i="12"/>
  <c r="BM524" i="12"/>
  <c r="BL524" i="12"/>
  <c r="BK524" i="12"/>
  <c r="BJ524" i="12"/>
  <c r="BI524" i="12"/>
  <c r="BH524" i="12"/>
  <c r="BF524" i="12"/>
  <c r="Y524" i="12"/>
  <c r="CL523" i="12"/>
  <c r="CK523" i="12"/>
  <c r="CJ523" i="12"/>
  <c r="CI523" i="12"/>
  <c r="CH523" i="12"/>
  <c r="CG523" i="12"/>
  <c r="CF523" i="12"/>
  <c r="CE523" i="12"/>
  <c r="CD523" i="12"/>
  <c r="CC523" i="12"/>
  <c r="CB523" i="12"/>
  <c r="CA523" i="12"/>
  <c r="BZ523" i="12"/>
  <c r="BY523" i="12"/>
  <c r="BX523" i="12"/>
  <c r="BW523" i="12"/>
  <c r="BV523" i="12"/>
  <c r="BU523" i="12"/>
  <c r="BT523" i="12"/>
  <c r="BS523" i="12"/>
  <c r="BR523" i="12"/>
  <c r="BQ523" i="12"/>
  <c r="BP523" i="12"/>
  <c r="BO523" i="12"/>
  <c r="BN523" i="12"/>
  <c r="BM523" i="12"/>
  <c r="BL523" i="12"/>
  <c r="BK523" i="12"/>
  <c r="BJ523" i="12"/>
  <c r="BI523" i="12"/>
  <c r="BH523" i="12"/>
  <c r="BF523" i="12"/>
  <c r="Y523" i="12"/>
  <c r="CL522" i="12"/>
  <c r="CK522" i="12"/>
  <c r="CJ522" i="12"/>
  <c r="CI522" i="12"/>
  <c r="CH522" i="12"/>
  <c r="CG522" i="12"/>
  <c r="CF522" i="12"/>
  <c r="CE522" i="12"/>
  <c r="CD522" i="12"/>
  <c r="CC522" i="12"/>
  <c r="CB522" i="12"/>
  <c r="CA522" i="12"/>
  <c r="BZ522" i="12"/>
  <c r="BY522" i="12"/>
  <c r="BX522" i="12"/>
  <c r="BW522" i="12"/>
  <c r="BV522" i="12"/>
  <c r="BU522" i="12"/>
  <c r="BT522" i="12"/>
  <c r="BS522" i="12"/>
  <c r="BR522" i="12"/>
  <c r="BQ522" i="12"/>
  <c r="BP522" i="12"/>
  <c r="BO522" i="12"/>
  <c r="BN522" i="12"/>
  <c r="BM522" i="12"/>
  <c r="BL522" i="12"/>
  <c r="BK522" i="12"/>
  <c r="BJ522" i="12"/>
  <c r="BI522" i="12"/>
  <c r="BH522" i="12"/>
  <c r="BF522" i="12"/>
  <c r="Y522" i="12"/>
  <c r="CL521" i="12"/>
  <c r="CK521" i="12"/>
  <c r="CJ521" i="12"/>
  <c r="CI521" i="12"/>
  <c r="CH521" i="12"/>
  <c r="CG521" i="12"/>
  <c r="CF521" i="12"/>
  <c r="CE521" i="12"/>
  <c r="CD521" i="12"/>
  <c r="CC521" i="12"/>
  <c r="CB521" i="12"/>
  <c r="CA521" i="12"/>
  <c r="BZ521" i="12"/>
  <c r="BY521" i="12"/>
  <c r="BX521" i="12"/>
  <c r="BW521" i="12"/>
  <c r="BV521" i="12"/>
  <c r="BU521" i="12"/>
  <c r="BT521" i="12"/>
  <c r="BS521" i="12"/>
  <c r="BR521" i="12"/>
  <c r="BQ521" i="12"/>
  <c r="BP521" i="12"/>
  <c r="BO521" i="12"/>
  <c r="BN521" i="12"/>
  <c r="BM521" i="12"/>
  <c r="BL521" i="12"/>
  <c r="BK521" i="12"/>
  <c r="BJ521" i="12"/>
  <c r="BI521" i="12"/>
  <c r="BH521" i="12"/>
  <c r="BF521" i="12"/>
  <c r="Y521" i="12"/>
  <c r="CL520" i="12"/>
  <c r="CK520" i="12"/>
  <c r="CJ520" i="12"/>
  <c r="CI520" i="12"/>
  <c r="CH520" i="12"/>
  <c r="CG520" i="12"/>
  <c r="CF520" i="12"/>
  <c r="CE520" i="12"/>
  <c r="CD520" i="12"/>
  <c r="CC520" i="12"/>
  <c r="CB520" i="12"/>
  <c r="CA520" i="12"/>
  <c r="BZ520" i="12"/>
  <c r="BY520" i="12"/>
  <c r="BX520" i="12"/>
  <c r="BW520" i="12"/>
  <c r="BV520" i="12"/>
  <c r="BU520" i="12"/>
  <c r="BT520" i="12"/>
  <c r="BS520" i="12"/>
  <c r="BR520" i="12"/>
  <c r="BQ520" i="12"/>
  <c r="BP520" i="12"/>
  <c r="BO520" i="12"/>
  <c r="BN520" i="12"/>
  <c r="BM520" i="12"/>
  <c r="BL520" i="12"/>
  <c r="BK520" i="12"/>
  <c r="BJ520" i="12"/>
  <c r="BI520" i="12"/>
  <c r="BH520" i="12"/>
  <c r="BF520" i="12"/>
  <c r="Y520" i="12"/>
  <c r="CL519" i="12"/>
  <c r="CK519" i="12"/>
  <c r="CJ519" i="12"/>
  <c r="CI519" i="12"/>
  <c r="CH519" i="12"/>
  <c r="CG519" i="12"/>
  <c r="CF519" i="12"/>
  <c r="CE519" i="12"/>
  <c r="CD519" i="12"/>
  <c r="CC519" i="12"/>
  <c r="CB519" i="12"/>
  <c r="CA519" i="12"/>
  <c r="BZ519" i="12"/>
  <c r="BY519" i="12"/>
  <c r="BX519" i="12"/>
  <c r="BW519" i="12"/>
  <c r="BV519" i="12"/>
  <c r="BU519" i="12"/>
  <c r="BT519" i="12"/>
  <c r="BS519" i="12"/>
  <c r="BR519" i="12"/>
  <c r="BQ519" i="12"/>
  <c r="BP519" i="12"/>
  <c r="BO519" i="12"/>
  <c r="BN519" i="12"/>
  <c r="BM519" i="12"/>
  <c r="BL519" i="12"/>
  <c r="BK519" i="12"/>
  <c r="BJ519" i="12"/>
  <c r="BI519" i="12"/>
  <c r="BH519" i="12"/>
  <c r="BF519" i="12"/>
  <c r="Y519" i="12"/>
  <c r="CL518" i="12"/>
  <c r="CK518" i="12"/>
  <c r="CJ518" i="12"/>
  <c r="CI518" i="12"/>
  <c r="CH518" i="12"/>
  <c r="CG518" i="12"/>
  <c r="CF518" i="12"/>
  <c r="CE518" i="12"/>
  <c r="CD518" i="12"/>
  <c r="CC518" i="12"/>
  <c r="CB518" i="12"/>
  <c r="CA518" i="12"/>
  <c r="BZ518" i="12"/>
  <c r="BY518" i="12"/>
  <c r="BX518" i="12"/>
  <c r="BW518" i="12"/>
  <c r="BV518" i="12"/>
  <c r="BU518" i="12"/>
  <c r="BT518" i="12"/>
  <c r="BS518" i="12"/>
  <c r="BR518" i="12"/>
  <c r="BQ518" i="12"/>
  <c r="BP518" i="12"/>
  <c r="BO518" i="12"/>
  <c r="BN518" i="12"/>
  <c r="BM518" i="12"/>
  <c r="BL518" i="12"/>
  <c r="BK518" i="12"/>
  <c r="BJ518" i="12"/>
  <c r="BI518" i="12"/>
  <c r="BH518" i="12"/>
  <c r="BF518" i="12"/>
  <c r="Y518" i="12"/>
  <c r="CL517" i="12"/>
  <c r="CK517" i="12"/>
  <c r="CJ517" i="12"/>
  <c r="CI517" i="12"/>
  <c r="CH517" i="12"/>
  <c r="CG517" i="12"/>
  <c r="CF517" i="12"/>
  <c r="CE517" i="12"/>
  <c r="CD517" i="12"/>
  <c r="CC517" i="12"/>
  <c r="CB517" i="12"/>
  <c r="CA517" i="12"/>
  <c r="BZ517" i="12"/>
  <c r="BY517" i="12"/>
  <c r="BX517" i="12"/>
  <c r="BW517" i="12"/>
  <c r="BV517" i="12"/>
  <c r="BU517" i="12"/>
  <c r="BT517" i="12"/>
  <c r="BS517" i="12"/>
  <c r="BR517" i="12"/>
  <c r="BQ517" i="12"/>
  <c r="BP517" i="12"/>
  <c r="BO517" i="12"/>
  <c r="BN517" i="12"/>
  <c r="BM517" i="12"/>
  <c r="BL517" i="12"/>
  <c r="BK517" i="12"/>
  <c r="BJ517" i="12"/>
  <c r="BI517" i="12"/>
  <c r="BH517" i="12"/>
  <c r="BF517" i="12"/>
  <c r="Y517" i="12"/>
  <c r="CL516" i="12"/>
  <c r="CK516" i="12"/>
  <c r="CJ516" i="12"/>
  <c r="CI516" i="12"/>
  <c r="CH516" i="12"/>
  <c r="CG516" i="12"/>
  <c r="CF516" i="12"/>
  <c r="CE516" i="12"/>
  <c r="CD516" i="12"/>
  <c r="CC516" i="12"/>
  <c r="CB516" i="12"/>
  <c r="CA516" i="12"/>
  <c r="BZ516" i="12"/>
  <c r="BY516" i="12"/>
  <c r="BX516" i="12"/>
  <c r="BW516" i="12"/>
  <c r="BV516" i="12"/>
  <c r="BU516" i="12"/>
  <c r="BT516" i="12"/>
  <c r="BS516" i="12"/>
  <c r="BR516" i="12"/>
  <c r="BQ516" i="12"/>
  <c r="BP516" i="12"/>
  <c r="BO516" i="12"/>
  <c r="BN516" i="12"/>
  <c r="BM516" i="12"/>
  <c r="BL516" i="12"/>
  <c r="BK516" i="12"/>
  <c r="BJ516" i="12"/>
  <c r="BI516" i="12"/>
  <c r="BH516" i="12"/>
  <c r="BF516" i="12"/>
  <c r="Y516" i="12"/>
  <c r="CL515" i="12"/>
  <c r="CK515" i="12"/>
  <c r="CJ515" i="12"/>
  <c r="CI515" i="12"/>
  <c r="CH515" i="12"/>
  <c r="CG515" i="12"/>
  <c r="CF515" i="12"/>
  <c r="CE515" i="12"/>
  <c r="CD515" i="12"/>
  <c r="CC515" i="12"/>
  <c r="CB515" i="12"/>
  <c r="CA515" i="12"/>
  <c r="BZ515" i="12"/>
  <c r="BY515" i="12"/>
  <c r="BX515" i="12"/>
  <c r="BW515" i="12"/>
  <c r="BV515" i="12"/>
  <c r="BU515" i="12"/>
  <c r="BT515" i="12"/>
  <c r="BS515" i="12"/>
  <c r="BR515" i="12"/>
  <c r="BQ515" i="12"/>
  <c r="BP515" i="12"/>
  <c r="BO515" i="12"/>
  <c r="BN515" i="12"/>
  <c r="BM515" i="12"/>
  <c r="BL515" i="12"/>
  <c r="BK515" i="12"/>
  <c r="BJ515" i="12"/>
  <c r="BI515" i="12"/>
  <c r="BH515" i="12"/>
  <c r="BF515" i="12"/>
  <c r="Y515" i="12"/>
  <c r="CL514" i="12"/>
  <c r="CK514" i="12"/>
  <c r="CJ514" i="12"/>
  <c r="CI514" i="12"/>
  <c r="CH514" i="12"/>
  <c r="CG514" i="12"/>
  <c r="CF514" i="12"/>
  <c r="CE514" i="12"/>
  <c r="CD514" i="12"/>
  <c r="CC514" i="12"/>
  <c r="CB514" i="12"/>
  <c r="CA514" i="12"/>
  <c r="BZ514" i="12"/>
  <c r="BY514" i="12"/>
  <c r="BX514" i="12"/>
  <c r="BW514" i="12"/>
  <c r="BV514" i="12"/>
  <c r="BU514" i="12"/>
  <c r="BT514" i="12"/>
  <c r="BS514" i="12"/>
  <c r="BR514" i="12"/>
  <c r="BQ514" i="12"/>
  <c r="BP514" i="12"/>
  <c r="BO514" i="12"/>
  <c r="BN514" i="12"/>
  <c r="BM514" i="12"/>
  <c r="BL514" i="12"/>
  <c r="BK514" i="12"/>
  <c r="BJ514" i="12"/>
  <c r="BI514" i="12"/>
  <c r="BH514" i="12"/>
  <c r="BF514" i="12"/>
  <c r="Y514" i="12"/>
  <c r="CL513" i="12"/>
  <c r="CK513" i="12"/>
  <c r="CJ513" i="12"/>
  <c r="CI513" i="12"/>
  <c r="CH513" i="12"/>
  <c r="CG513" i="12"/>
  <c r="CF513" i="12"/>
  <c r="CE513" i="12"/>
  <c r="CD513" i="12"/>
  <c r="CC513" i="12"/>
  <c r="CB513" i="12"/>
  <c r="CA513" i="12"/>
  <c r="BZ513" i="12"/>
  <c r="BY513" i="12"/>
  <c r="BX513" i="12"/>
  <c r="BW513" i="12"/>
  <c r="BV513" i="12"/>
  <c r="BU513" i="12"/>
  <c r="BT513" i="12"/>
  <c r="BS513" i="12"/>
  <c r="BR513" i="12"/>
  <c r="BQ513" i="12"/>
  <c r="BP513" i="12"/>
  <c r="BO513" i="12"/>
  <c r="BN513" i="12"/>
  <c r="BM513" i="12"/>
  <c r="BL513" i="12"/>
  <c r="BK513" i="12"/>
  <c r="BJ513" i="12"/>
  <c r="BI513" i="12"/>
  <c r="BH513" i="12"/>
  <c r="BF513" i="12"/>
  <c r="Y513" i="12"/>
  <c r="CL512" i="12"/>
  <c r="CK512" i="12"/>
  <c r="CJ512" i="12"/>
  <c r="CI512" i="12"/>
  <c r="CH512" i="12"/>
  <c r="CG512" i="12"/>
  <c r="CF512" i="12"/>
  <c r="CE512" i="12"/>
  <c r="CD512" i="12"/>
  <c r="CC512" i="12"/>
  <c r="CB512" i="12"/>
  <c r="CA512" i="12"/>
  <c r="BZ512" i="12"/>
  <c r="BY512" i="12"/>
  <c r="BX512" i="12"/>
  <c r="BW512" i="12"/>
  <c r="BV512" i="12"/>
  <c r="BU512" i="12"/>
  <c r="BT512" i="12"/>
  <c r="BS512" i="12"/>
  <c r="BR512" i="12"/>
  <c r="BQ512" i="12"/>
  <c r="BP512" i="12"/>
  <c r="BO512" i="12"/>
  <c r="BN512" i="12"/>
  <c r="BM512" i="12"/>
  <c r="BL512" i="12"/>
  <c r="BK512" i="12"/>
  <c r="BJ512" i="12"/>
  <c r="BI512" i="12"/>
  <c r="BH512" i="12"/>
  <c r="BF512" i="12"/>
  <c r="Y512" i="12"/>
  <c r="CL509" i="12"/>
  <c r="CK509" i="12"/>
  <c r="CJ509" i="12"/>
  <c r="CI509" i="12"/>
  <c r="CH509" i="12"/>
  <c r="CG509" i="12"/>
  <c r="CF509" i="12"/>
  <c r="CE509" i="12"/>
  <c r="CD509" i="12"/>
  <c r="CC509" i="12"/>
  <c r="CB509" i="12"/>
  <c r="CA509" i="12"/>
  <c r="BZ509" i="12"/>
  <c r="BY509" i="12"/>
  <c r="BX509" i="12"/>
  <c r="BW509" i="12"/>
  <c r="BV509" i="12"/>
  <c r="BU509" i="12"/>
  <c r="BT509" i="12"/>
  <c r="BS509" i="12"/>
  <c r="BR509" i="12"/>
  <c r="BQ509" i="12"/>
  <c r="BP509" i="12"/>
  <c r="BO509" i="12"/>
  <c r="BN509" i="12"/>
  <c r="BM509" i="12"/>
  <c r="BL509" i="12"/>
  <c r="BK509" i="12"/>
  <c r="BJ509" i="12"/>
  <c r="BI509" i="12"/>
  <c r="BH509" i="12"/>
  <c r="BF509" i="12"/>
  <c r="Y509" i="12"/>
  <c r="CL508" i="12"/>
  <c r="CK508" i="12"/>
  <c r="CJ508" i="12"/>
  <c r="CI508" i="12"/>
  <c r="CH508" i="12"/>
  <c r="CG508" i="12"/>
  <c r="CF508" i="12"/>
  <c r="CE508" i="12"/>
  <c r="CD508" i="12"/>
  <c r="CC508" i="12"/>
  <c r="CB508" i="12"/>
  <c r="CA508" i="12"/>
  <c r="BZ508" i="12"/>
  <c r="BY508" i="12"/>
  <c r="BX508" i="12"/>
  <c r="BW508" i="12"/>
  <c r="BV508" i="12"/>
  <c r="BU508" i="12"/>
  <c r="BT508" i="12"/>
  <c r="BS508" i="12"/>
  <c r="BR508" i="12"/>
  <c r="BQ508" i="12"/>
  <c r="BP508" i="12"/>
  <c r="BO508" i="12"/>
  <c r="BN508" i="12"/>
  <c r="BM508" i="12"/>
  <c r="BL508" i="12"/>
  <c r="BK508" i="12"/>
  <c r="BJ508" i="12"/>
  <c r="BI508" i="12"/>
  <c r="BH508" i="12"/>
  <c r="BF508" i="12"/>
  <c r="Y508" i="12"/>
  <c r="CL507" i="12"/>
  <c r="CK507" i="12"/>
  <c r="CJ507" i="12"/>
  <c r="CI507" i="12"/>
  <c r="CH507" i="12"/>
  <c r="CG507" i="12"/>
  <c r="CF507" i="12"/>
  <c r="CE507" i="12"/>
  <c r="CD507" i="12"/>
  <c r="CC507" i="12"/>
  <c r="CB507" i="12"/>
  <c r="CA507" i="12"/>
  <c r="BZ507" i="12"/>
  <c r="BY507" i="12"/>
  <c r="BX507" i="12"/>
  <c r="BW507" i="12"/>
  <c r="BV507" i="12"/>
  <c r="BU507" i="12"/>
  <c r="BT507" i="12"/>
  <c r="BS507" i="12"/>
  <c r="BR507" i="12"/>
  <c r="BQ507" i="12"/>
  <c r="BP507" i="12"/>
  <c r="BO507" i="12"/>
  <c r="BN507" i="12"/>
  <c r="BM507" i="12"/>
  <c r="BL507" i="12"/>
  <c r="BK507" i="12"/>
  <c r="BJ507" i="12"/>
  <c r="BI507" i="12"/>
  <c r="BH507" i="12"/>
  <c r="BF507" i="12"/>
  <c r="Y507" i="12"/>
  <c r="CL506" i="12"/>
  <c r="CK506" i="12"/>
  <c r="CJ506" i="12"/>
  <c r="CI506" i="12"/>
  <c r="CH506" i="12"/>
  <c r="CG506" i="12"/>
  <c r="CF506" i="12"/>
  <c r="CE506" i="12"/>
  <c r="CD506" i="12"/>
  <c r="CC506" i="12"/>
  <c r="CB506" i="12"/>
  <c r="CA506" i="12"/>
  <c r="BZ506" i="12"/>
  <c r="BY506" i="12"/>
  <c r="BX506" i="12"/>
  <c r="BW506" i="12"/>
  <c r="BV506" i="12"/>
  <c r="BU506" i="12"/>
  <c r="BT506" i="12"/>
  <c r="BS506" i="12"/>
  <c r="BR506" i="12"/>
  <c r="BQ506" i="12"/>
  <c r="BP506" i="12"/>
  <c r="BO506" i="12"/>
  <c r="BN506" i="12"/>
  <c r="BM506" i="12"/>
  <c r="BL506" i="12"/>
  <c r="BK506" i="12"/>
  <c r="BJ506" i="12"/>
  <c r="BI506" i="12"/>
  <c r="BH506" i="12"/>
  <c r="BF506" i="12"/>
  <c r="Y506" i="12"/>
  <c r="CL505" i="12"/>
  <c r="CK505" i="12"/>
  <c r="CJ505" i="12"/>
  <c r="CI505" i="12"/>
  <c r="CH505" i="12"/>
  <c r="CG505" i="12"/>
  <c r="CF505" i="12"/>
  <c r="CE505" i="12"/>
  <c r="CD505" i="12"/>
  <c r="CC505" i="12"/>
  <c r="CB505" i="12"/>
  <c r="CA505" i="12"/>
  <c r="BZ505" i="12"/>
  <c r="BY505" i="12"/>
  <c r="BX505" i="12"/>
  <c r="BW505" i="12"/>
  <c r="BV505" i="12"/>
  <c r="BU505" i="12"/>
  <c r="BT505" i="12"/>
  <c r="BS505" i="12"/>
  <c r="BR505" i="12"/>
  <c r="BQ505" i="12"/>
  <c r="BP505" i="12"/>
  <c r="BO505" i="12"/>
  <c r="BN505" i="12"/>
  <c r="BM505" i="12"/>
  <c r="BL505" i="12"/>
  <c r="BK505" i="12"/>
  <c r="BJ505" i="12"/>
  <c r="BI505" i="12"/>
  <c r="BH505" i="12"/>
  <c r="BF505" i="12"/>
  <c r="Y505" i="12"/>
  <c r="CL504" i="12"/>
  <c r="CK504" i="12"/>
  <c r="CJ504" i="12"/>
  <c r="CI504" i="12"/>
  <c r="CH504" i="12"/>
  <c r="CG504" i="12"/>
  <c r="CF504" i="12"/>
  <c r="CE504" i="12"/>
  <c r="CD504" i="12"/>
  <c r="CC504" i="12"/>
  <c r="CB504" i="12"/>
  <c r="CA504" i="12"/>
  <c r="BZ504" i="12"/>
  <c r="BY504" i="12"/>
  <c r="BX504" i="12"/>
  <c r="BW504" i="12"/>
  <c r="BV504" i="12"/>
  <c r="BU504" i="12"/>
  <c r="BT504" i="12"/>
  <c r="BS504" i="12"/>
  <c r="BR504" i="12"/>
  <c r="BQ504" i="12"/>
  <c r="BP504" i="12"/>
  <c r="BO504" i="12"/>
  <c r="BN504" i="12"/>
  <c r="BM504" i="12"/>
  <c r="BL504" i="12"/>
  <c r="BK504" i="12"/>
  <c r="BJ504" i="12"/>
  <c r="BI504" i="12"/>
  <c r="BH504" i="12"/>
  <c r="BF504" i="12"/>
  <c r="Y504" i="12"/>
  <c r="CL503" i="12"/>
  <c r="CK503" i="12"/>
  <c r="CJ503" i="12"/>
  <c r="CI503" i="12"/>
  <c r="CH503" i="12"/>
  <c r="CG503" i="12"/>
  <c r="CF503" i="12"/>
  <c r="CE503" i="12"/>
  <c r="CD503" i="12"/>
  <c r="CC503" i="12"/>
  <c r="CB503" i="12"/>
  <c r="CA503" i="12"/>
  <c r="BZ503" i="12"/>
  <c r="BY503" i="12"/>
  <c r="BX503" i="12"/>
  <c r="BW503" i="12"/>
  <c r="BV503" i="12"/>
  <c r="BU503" i="12"/>
  <c r="BT503" i="12"/>
  <c r="BS503" i="12"/>
  <c r="BR503" i="12"/>
  <c r="BQ503" i="12"/>
  <c r="BP503" i="12"/>
  <c r="BO503" i="12"/>
  <c r="BN503" i="12"/>
  <c r="BM503" i="12"/>
  <c r="BL503" i="12"/>
  <c r="BK503" i="12"/>
  <c r="BJ503" i="12"/>
  <c r="BI503" i="12"/>
  <c r="BH503" i="12"/>
  <c r="BF503" i="12"/>
  <c r="Y503" i="12"/>
  <c r="CL501" i="12"/>
  <c r="CK501" i="12"/>
  <c r="CJ501" i="12"/>
  <c r="CI501" i="12"/>
  <c r="CH501" i="12"/>
  <c r="CG501" i="12"/>
  <c r="CF501" i="12"/>
  <c r="CE501" i="12"/>
  <c r="CD501" i="12"/>
  <c r="CC501" i="12"/>
  <c r="CB501" i="12"/>
  <c r="CA501" i="12"/>
  <c r="BZ501" i="12"/>
  <c r="BY501" i="12"/>
  <c r="BX501" i="12"/>
  <c r="BW501" i="12"/>
  <c r="BV501" i="12"/>
  <c r="BU501" i="12"/>
  <c r="BT501" i="12"/>
  <c r="BS501" i="12"/>
  <c r="BR501" i="12"/>
  <c r="BQ501" i="12"/>
  <c r="BP501" i="12"/>
  <c r="BO501" i="12"/>
  <c r="BN501" i="12"/>
  <c r="BM501" i="12"/>
  <c r="BL501" i="12"/>
  <c r="BK501" i="12"/>
  <c r="BJ501" i="12"/>
  <c r="BI501" i="12"/>
  <c r="BH501" i="12"/>
  <c r="BF501" i="12"/>
  <c r="Y501" i="12"/>
  <c r="CL500" i="12"/>
  <c r="CK500" i="12"/>
  <c r="CJ500" i="12"/>
  <c r="CI500" i="12"/>
  <c r="CH500" i="12"/>
  <c r="CG500" i="12"/>
  <c r="CF500" i="12"/>
  <c r="CE500" i="12"/>
  <c r="CD500" i="12"/>
  <c r="CC500" i="12"/>
  <c r="CB500" i="12"/>
  <c r="CA500" i="12"/>
  <c r="BZ500" i="12"/>
  <c r="BY500" i="12"/>
  <c r="BX500" i="12"/>
  <c r="BW500" i="12"/>
  <c r="BV500" i="12"/>
  <c r="BU500" i="12"/>
  <c r="BT500" i="12"/>
  <c r="BS500" i="12"/>
  <c r="BR500" i="12"/>
  <c r="BQ500" i="12"/>
  <c r="BP500" i="12"/>
  <c r="BO500" i="12"/>
  <c r="BN500" i="12"/>
  <c r="BM500" i="12"/>
  <c r="BL500" i="12"/>
  <c r="BK500" i="12"/>
  <c r="BJ500" i="12"/>
  <c r="BI500" i="12"/>
  <c r="BH500" i="12"/>
  <c r="BF500" i="12"/>
  <c r="Y500" i="12"/>
  <c r="CL499" i="12"/>
  <c r="CK499" i="12"/>
  <c r="CJ499" i="12"/>
  <c r="CI499" i="12"/>
  <c r="CH499" i="12"/>
  <c r="CG499" i="12"/>
  <c r="CF499" i="12"/>
  <c r="CE499" i="12"/>
  <c r="CD499" i="12"/>
  <c r="CC499" i="12"/>
  <c r="CB499" i="12"/>
  <c r="CA499" i="12"/>
  <c r="BZ499" i="12"/>
  <c r="BY499" i="12"/>
  <c r="BX499" i="12"/>
  <c r="BW499" i="12"/>
  <c r="BV499" i="12"/>
  <c r="BU499" i="12"/>
  <c r="BT499" i="12"/>
  <c r="BS499" i="12"/>
  <c r="BR499" i="12"/>
  <c r="BQ499" i="12"/>
  <c r="BP499" i="12"/>
  <c r="BO499" i="12"/>
  <c r="BN499" i="12"/>
  <c r="BM499" i="12"/>
  <c r="BL499" i="12"/>
  <c r="BK499" i="12"/>
  <c r="BJ499" i="12"/>
  <c r="BI499" i="12"/>
  <c r="BH499" i="12"/>
  <c r="BF499" i="12"/>
  <c r="Y499" i="12"/>
  <c r="CL498" i="12"/>
  <c r="CK498" i="12"/>
  <c r="CJ498" i="12"/>
  <c r="CI498" i="12"/>
  <c r="CH498" i="12"/>
  <c r="CG498" i="12"/>
  <c r="CF498" i="12"/>
  <c r="CE498" i="12"/>
  <c r="CD498" i="12"/>
  <c r="CC498" i="12"/>
  <c r="CB498" i="12"/>
  <c r="CA498" i="12"/>
  <c r="BZ498" i="12"/>
  <c r="BY498" i="12"/>
  <c r="BX498" i="12"/>
  <c r="BW498" i="12"/>
  <c r="BV498" i="12"/>
  <c r="BU498" i="12"/>
  <c r="BT498" i="12"/>
  <c r="BS498" i="12"/>
  <c r="BR498" i="12"/>
  <c r="BQ498" i="12"/>
  <c r="BP498" i="12"/>
  <c r="BO498" i="12"/>
  <c r="BN498" i="12"/>
  <c r="BM498" i="12"/>
  <c r="BL498" i="12"/>
  <c r="BK498" i="12"/>
  <c r="BJ498" i="12"/>
  <c r="BI498" i="12"/>
  <c r="BH498" i="12"/>
  <c r="BF498" i="12"/>
  <c r="Y498" i="12"/>
  <c r="CL497" i="12"/>
  <c r="CK497" i="12"/>
  <c r="CJ497" i="12"/>
  <c r="CI497" i="12"/>
  <c r="CH497" i="12"/>
  <c r="CG497" i="12"/>
  <c r="CF497" i="12"/>
  <c r="CE497" i="12"/>
  <c r="CD497" i="12"/>
  <c r="CC497" i="12"/>
  <c r="CB497" i="12"/>
  <c r="CA497" i="12"/>
  <c r="BZ497" i="12"/>
  <c r="BY497" i="12"/>
  <c r="BX497" i="12"/>
  <c r="BW497" i="12"/>
  <c r="BV497" i="12"/>
  <c r="BU497" i="12"/>
  <c r="BT497" i="12"/>
  <c r="BS497" i="12"/>
  <c r="BR497" i="12"/>
  <c r="BQ497" i="12"/>
  <c r="BP497" i="12"/>
  <c r="BO497" i="12"/>
  <c r="BN497" i="12"/>
  <c r="BM497" i="12"/>
  <c r="BL497" i="12"/>
  <c r="BK497" i="12"/>
  <c r="BJ497" i="12"/>
  <c r="BI497" i="12"/>
  <c r="BH497" i="12"/>
  <c r="BF497" i="12"/>
  <c r="Y497" i="12"/>
  <c r="CL496" i="12"/>
  <c r="CK496" i="12"/>
  <c r="CJ496" i="12"/>
  <c r="CI496" i="12"/>
  <c r="CH496" i="12"/>
  <c r="CG496" i="12"/>
  <c r="CF496" i="12"/>
  <c r="CE496" i="12"/>
  <c r="CD496" i="12"/>
  <c r="CC496" i="12"/>
  <c r="CB496" i="12"/>
  <c r="CA496" i="12"/>
  <c r="BZ496" i="12"/>
  <c r="BY496" i="12"/>
  <c r="BX496" i="12"/>
  <c r="BW496" i="12"/>
  <c r="BV496" i="12"/>
  <c r="BU496" i="12"/>
  <c r="BT496" i="12"/>
  <c r="BS496" i="12"/>
  <c r="BR496" i="12"/>
  <c r="BQ496" i="12"/>
  <c r="BP496" i="12"/>
  <c r="BO496" i="12"/>
  <c r="BN496" i="12"/>
  <c r="BM496" i="12"/>
  <c r="BL496" i="12"/>
  <c r="BK496" i="12"/>
  <c r="BJ496" i="12"/>
  <c r="BI496" i="12"/>
  <c r="BH496" i="12"/>
  <c r="BF496" i="12"/>
  <c r="Y496" i="12"/>
  <c r="CL495" i="12"/>
  <c r="CK495" i="12"/>
  <c r="CJ495" i="12"/>
  <c r="CI495" i="12"/>
  <c r="CH495" i="12"/>
  <c r="CG495" i="12"/>
  <c r="CF495" i="12"/>
  <c r="CE495" i="12"/>
  <c r="CD495" i="12"/>
  <c r="CC495" i="12"/>
  <c r="CB495" i="12"/>
  <c r="CA495" i="12"/>
  <c r="BZ495" i="12"/>
  <c r="BY495" i="12"/>
  <c r="BX495" i="12"/>
  <c r="BW495" i="12"/>
  <c r="BV495" i="12"/>
  <c r="BU495" i="12"/>
  <c r="BT495" i="12"/>
  <c r="BS495" i="12"/>
  <c r="BR495" i="12"/>
  <c r="BQ495" i="12"/>
  <c r="BP495" i="12"/>
  <c r="BO495" i="12"/>
  <c r="BN495" i="12"/>
  <c r="BM495" i="12"/>
  <c r="BL495" i="12"/>
  <c r="BK495" i="12"/>
  <c r="BJ495" i="12"/>
  <c r="BI495" i="12"/>
  <c r="BH495" i="12"/>
  <c r="BF495" i="12"/>
  <c r="Y495" i="12"/>
  <c r="CL494" i="12"/>
  <c r="CK494" i="12"/>
  <c r="CJ494" i="12"/>
  <c r="CI494" i="12"/>
  <c r="CH494" i="12"/>
  <c r="CG494" i="12"/>
  <c r="CF494" i="12"/>
  <c r="CE494" i="12"/>
  <c r="CD494" i="12"/>
  <c r="CC494" i="12"/>
  <c r="CB494" i="12"/>
  <c r="CA494" i="12"/>
  <c r="BZ494" i="12"/>
  <c r="BY494" i="12"/>
  <c r="BX494" i="12"/>
  <c r="BW494" i="12"/>
  <c r="BV494" i="12"/>
  <c r="BU494" i="12"/>
  <c r="BT494" i="12"/>
  <c r="BS494" i="12"/>
  <c r="BR494" i="12"/>
  <c r="BQ494" i="12"/>
  <c r="BP494" i="12"/>
  <c r="BO494" i="12"/>
  <c r="BN494" i="12"/>
  <c r="BM494" i="12"/>
  <c r="BL494" i="12"/>
  <c r="BK494" i="12"/>
  <c r="BJ494" i="12"/>
  <c r="BI494" i="12"/>
  <c r="BH494" i="12"/>
  <c r="BF494" i="12"/>
  <c r="Y494" i="12"/>
  <c r="CL493" i="12"/>
  <c r="CK493" i="12"/>
  <c r="CJ493" i="12"/>
  <c r="CI493" i="12"/>
  <c r="CH493" i="12"/>
  <c r="CG493" i="12"/>
  <c r="CF493" i="12"/>
  <c r="CE493" i="12"/>
  <c r="CD493" i="12"/>
  <c r="CC493" i="12"/>
  <c r="CB493" i="12"/>
  <c r="CA493" i="12"/>
  <c r="BZ493" i="12"/>
  <c r="BY493" i="12"/>
  <c r="BX493" i="12"/>
  <c r="BW493" i="12"/>
  <c r="BV493" i="12"/>
  <c r="BU493" i="12"/>
  <c r="BT493" i="12"/>
  <c r="BS493" i="12"/>
  <c r="BR493" i="12"/>
  <c r="BQ493" i="12"/>
  <c r="BP493" i="12"/>
  <c r="BO493" i="12"/>
  <c r="BN493" i="12"/>
  <c r="BM493" i="12"/>
  <c r="BL493" i="12"/>
  <c r="BK493" i="12"/>
  <c r="BJ493" i="12"/>
  <c r="BI493" i="12"/>
  <c r="BH493" i="12"/>
  <c r="BF493" i="12"/>
  <c r="Y493" i="12"/>
  <c r="CL492" i="12"/>
  <c r="CK492" i="12"/>
  <c r="CJ492" i="12"/>
  <c r="CI492" i="12"/>
  <c r="CH492" i="12"/>
  <c r="CG492" i="12"/>
  <c r="CF492" i="12"/>
  <c r="CE492" i="12"/>
  <c r="CD492" i="12"/>
  <c r="CC492" i="12"/>
  <c r="CB492" i="12"/>
  <c r="CA492" i="12"/>
  <c r="BZ492" i="12"/>
  <c r="BY492" i="12"/>
  <c r="BX492" i="12"/>
  <c r="BW492" i="12"/>
  <c r="BV492" i="12"/>
  <c r="BU492" i="12"/>
  <c r="BT492" i="12"/>
  <c r="BS492" i="12"/>
  <c r="BR492" i="12"/>
  <c r="BQ492" i="12"/>
  <c r="BP492" i="12"/>
  <c r="BO492" i="12"/>
  <c r="BN492" i="12"/>
  <c r="BM492" i="12"/>
  <c r="BL492" i="12"/>
  <c r="BK492" i="12"/>
  <c r="BJ492" i="12"/>
  <c r="BI492" i="12"/>
  <c r="BH492" i="12"/>
  <c r="BF492" i="12"/>
  <c r="Y492" i="12"/>
  <c r="CL491" i="12"/>
  <c r="CK491" i="12"/>
  <c r="CJ491" i="12"/>
  <c r="CI491" i="12"/>
  <c r="CH491" i="12"/>
  <c r="CG491" i="12"/>
  <c r="CF491" i="12"/>
  <c r="CE491" i="12"/>
  <c r="CD491" i="12"/>
  <c r="CC491" i="12"/>
  <c r="CB491" i="12"/>
  <c r="CA491" i="12"/>
  <c r="BZ491" i="12"/>
  <c r="BY491" i="12"/>
  <c r="BX491" i="12"/>
  <c r="BW491" i="12"/>
  <c r="BV491" i="12"/>
  <c r="BU491" i="12"/>
  <c r="BT491" i="12"/>
  <c r="BS491" i="12"/>
  <c r="BR491" i="12"/>
  <c r="BQ491" i="12"/>
  <c r="BP491" i="12"/>
  <c r="BO491" i="12"/>
  <c r="BN491" i="12"/>
  <c r="BM491" i="12"/>
  <c r="BL491" i="12"/>
  <c r="BK491" i="12"/>
  <c r="BJ491" i="12"/>
  <c r="BI491" i="12"/>
  <c r="BH491" i="12"/>
  <c r="BF491" i="12"/>
  <c r="Y491" i="12"/>
  <c r="CL490" i="12"/>
  <c r="CK490" i="12"/>
  <c r="CJ490" i="12"/>
  <c r="CI490" i="12"/>
  <c r="CH490" i="12"/>
  <c r="CG490" i="12"/>
  <c r="CF490" i="12"/>
  <c r="CE490" i="12"/>
  <c r="CD490" i="12"/>
  <c r="CC490" i="12"/>
  <c r="CB490" i="12"/>
  <c r="CA490" i="12"/>
  <c r="BZ490" i="12"/>
  <c r="BY490" i="12"/>
  <c r="BX490" i="12"/>
  <c r="BW490" i="12"/>
  <c r="BV490" i="12"/>
  <c r="BU490" i="12"/>
  <c r="BT490" i="12"/>
  <c r="BS490" i="12"/>
  <c r="BR490" i="12"/>
  <c r="BQ490" i="12"/>
  <c r="BP490" i="12"/>
  <c r="BO490" i="12"/>
  <c r="BN490" i="12"/>
  <c r="BM490" i="12"/>
  <c r="BL490" i="12"/>
  <c r="BK490" i="12"/>
  <c r="BJ490" i="12"/>
  <c r="BI490" i="12"/>
  <c r="BH490" i="12"/>
  <c r="BF490" i="12"/>
  <c r="Y490" i="12"/>
  <c r="CL489" i="12"/>
  <c r="CK489" i="12"/>
  <c r="CJ489" i="12"/>
  <c r="CI489" i="12"/>
  <c r="CH489" i="12"/>
  <c r="CG489" i="12"/>
  <c r="CF489" i="12"/>
  <c r="CE489" i="12"/>
  <c r="CD489" i="12"/>
  <c r="CC489" i="12"/>
  <c r="CB489" i="12"/>
  <c r="CA489" i="12"/>
  <c r="BZ489" i="12"/>
  <c r="BY489" i="12"/>
  <c r="BX489" i="12"/>
  <c r="BW489" i="12"/>
  <c r="BV489" i="12"/>
  <c r="BU489" i="12"/>
  <c r="BT489" i="12"/>
  <c r="BS489" i="12"/>
  <c r="BR489" i="12"/>
  <c r="BQ489" i="12"/>
  <c r="BP489" i="12"/>
  <c r="BO489" i="12"/>
  <c r="BN489" i="12"/>
  <c r="BM489" i="12"/>
  <c r="BL489" i="12"/>
  <c r="BK489" i="12"/>
  <c r="BJ489" i="12"/>
  <c r="BI489" i="12"/>
  <c r="BH489" i="12"/>
  <c r="BF489" i="12"/>
  <c r="Y489" i="12"/>
  <c r="CL488" i="12"/>
  <c r="CK488" i="12"/>
  <c r="CJ488" i="12"/>
  <c r="CI488" i="12"/>
  <c r="CH488" i="12"/>
  <c r="CG488" i="12"/>
  <c r="CF488" i="12"/>
  <c r="CE488" i="12"/>
  <c r="CD488" i="12"/>
  <c r="CC488" i="12"/>
  <c r="CB488" i="12"/>
  <c r="CA488" i="12"/>
  <c r="BZ488" i="12"/>
  <c r="BY488" i="12"/>
  <c r="BX488" i="12"/>
  <c r="BW488" i="12"/>
  <c r="BV488" i="12"/>
  <c r="BU488" i="12"/>
  <c r="BT488" i="12"/>
  <c r="BS488" i="12"/>
  <c r="BR488" i="12"/>
  <c r="BQ488" i="12"/>
  <c r="BP488" i="12"/>
  <c r="BO488" i="12"/>
  <c r="BN488" i="12"/>
  <c r="BM488" i="12"/>
  <c r="BL488" i="12"/>
  <c r="BK488" i="12"/>
  <c r="BJ488" i="12"/>
  <c r="BI488" i="12"/>
  <c r="BH488" i="12"/>
  <c r="BF488" i="12"/>
  <c r="Y488" i="12"/>
  <c r="CL487" i="12"/>
  <c r="CK487" i="12"/>
  <c r="CJ487" i="12"/>
  <c r="CI487" i="12"/>
  <c r="CH487" i="12"/>
  <c r="CG487" i="12"/>
  <c r="CF487" i="12"/>
  <c r="CE487" i="12"/>
  <c r="CD487" i="12"/>
  <c r="CC487" i="12"/>
  <c r="CB487" i="12"/>
  <c r="CA487" i="12"/>
  <c r="BZ487" i="12"/>
  <c r="BY487" i="12"/>
  <c r="BX487" i="12"/>
  <c r="BW487" i="12"/>
  <c r="BV487" i="12"/>
  <c r="BU487" i="12"/>
  <c r="BT487" i="12"/>
  <c r="BS487" i="12"/>
  <c r="BR487" i="12"/>
  <c r="BQ487" i="12"/>
  <c r="BP487" i="12"/>
  <c r="BO487" i="12"/>
  <c r="BN487" i="12"/>
  <c r="BM487" i="12"/>
  <c r="BL487" i="12"/>
  <c r="BK487" i="12"/>
  <c r="BJ487" i="12"/>
  <c r="BI487" i="12"/>
  <c r="BH487" i="12"/>
  <c r="BF487" i="12"/>
  <c r="Y487" i="12"/>
  <c r="CL486" i="12"/>
  <c r="CK486" i="12"/>
  <c r="CJ486" i="12"/>
  <c r="CI486" i="12"/>
  <c r="CH486" i="12"/>
  <c r="CG486" i="12"/>
  <c r="CF486" i="12"/>
  <c r="CE486" i="12"/>
  <c r="CD486" i="12"/>
  <c r="CC486" i="12"/>
  <c r="CB486" i="12"/>
  <c r="CA486" i="12"/>
  <c r="BZ486" i="12"/>
  <c r="BY486" i="12"/>
  <c r="BX486" i="12"/>
  <c r="BW486" i="12"/>
  <c r="BV486" i="12"/>
  <c r="BU486" i="12"/>
  <c r="BT486" i="12"/>
  <c r="BS486" i="12"/>
  <c r="BR486" i="12"/>
  <c r="BQ486" i="12"/>
  <c r="BP486" i="12"/>
  <c r="BO486" i="12"/>
  <c r="BN486" i="12"/>
  <c r="BM486" i="12"/>
  <c r="BL486" i="12"/>
  <c r="BK486" i="12"/>
  <c r="BJ486" i="12"/>
  <c r="BI486" i="12"/>
  <c r="BH486" i="12"/>
  <c r="BF486" i="12"/>
  <c r="Y486" i="12"/>
  <c r="CL485" i="12"/>
  <c r="CK485" i="12"/>
  <c r="CJ485" i="12"/>
  <c r="CI485" i="12"/>
  <c r="CH485" i="12"/>
  <c r="CG485" i="12"/>
  <c r="CF485" i="12"/>
  <c r="CE485" i="12"/>
  <c r="CD485" i="12"/>
  <c r="CC485" i="12"/>
  <c r="CB485" i="12"/>
  <c r="CA485" i="12"/>
  <c r="BZ485" i="12"/>
  <c r="BY485" i="12"/>
  <c r="BX485" i="12"/>
  <c r="BW485" i="12"/>
  <c r="BV485" i="12"/>
  <c r="BU485" i="12"/>
  <c r="BT485" i="12"/>
  <c r="BS485" i="12"/>
  <c r="BR485" i="12"/>
  <c r="BQ485" i="12"/>
  <c r="BP485" i="12"/>
  <c r="BO485" i="12"/>
  <c r="BN485" i="12"/>
  <c r="BM485" i="12"/>
  <c r="BL485" i="12"/>
  <c r="BK485" i="12"/>
  <c r="BJ485" i="12"/>
  <c r="BI485" i="12"/>
  <c r="BH485" i="12"/>
  <c r="BF485" i="12"/>
  <c r="Y485" i="12"/>
  <c r="CL484" i="12"/>
  <c r="CK484" i="12"/>
  <c r="CJ484" i="12"/>
  <c r="CI484" i="12"/>
  <c r="CH484" i="12"/>
  <c r="CG484" i="12"/>
  <c r="CF484" i="12"/>
  <c r="CE484" i="12"/>
  <c r="CD484" i="12"/>
  <c r="CC484" i="12"/>
  <c r="CB484" i="12"/>
  <c r="CA484" i="12"/>
  <c r="BZ484" i="12"/>
  <c r="BY484" i="12"/>
  <c r="BX484" i="12"/>
  <c r="BW484" i="12"/>
  <c r="BV484" i="12"/>
  <c r="BU484" i="12"/>
  <c r="BT484" i="12"/>
  <c r="BS484" i="12"/>
  <c r="BR484" i="12"/>
  <c r="BQ484" i="12"/>
  <c r="BP484" i="12"/>
  <c r="BO484" i="12"/>
  <c r="BN484" i="12"/>
  <c r="BM484" i="12"/>
  <c r="BL484" i="12"/>
  <c r="BK484" i="12"/>
  <c r="BJ484" i="12"/>
  <c r="BI484" i="12"/>
  <c r="BH484" i="12"/>
  <c r="BF484" i="12"/>
  <c r="Y484" i="12"/>
  <c r="CL483" i="12"/>
  <c r="CK483" i="12"/>
  <c r="CJ483" i="12"/>
  <c r="CI483" i="12"/>
  <c r="CH483" i="12"/>
  <c r="CG483" i="12"/>
  <c r="CF483" i="12"/>
  <c r="CE483" i="12"/>
  <c r="CD483" i="12"/>
  <c r="CC483" i="12"/>
  <c r="CB483" i="12"/>
  <c r="CA483" i="12"/>
  <c r="BZ483" i="12"/>
  <c r="BY483" i="12"/>
  <c r="BX483" i="12"/>
  <c r="BW483" i="12"/>
  <c r="BV483" i="12"/>
  <c r="BU483" i="12"/>
  <c r="BT483" i="12"/>
  <c r="BS483" i="12"/>
  <c r="BR483" i="12"/>
  <c r="BQ483" i="12"/>
  <c r="BP483" i="12"/>
  <c r="BO483" i="12"/>
  <c r="BN483" i="12"/>
  <c r="BM483" i="12"/>
  <c r="BL483" i="12"/>
  <c r="BK483" i="12"/>
  <c r="BJ483" i="12"/>
  <c r="BI483" i="12"/>
  <c r="BH483" i="12"/>
  <c r="BF483" i="12"/>
  <c r="Y483" i="12"/>
  <c r="CL482" i="12"/>
  <c r="CK482" i="12"/>
  <c r="CJ482" i="12"/>
  <c r="CI482" i="12"/>
  <c r="CH482" i="12"/>
  <c r="CG482" i="12"/>
  <c r="CF482" i="12"/>
  <c r="CE482" i="12"/>
  <c r="CD482" i="12"/>
  <c r="CC482" i="12"/>
  <c r="CB482" i="12"/>
  <c r="CA482" i="12"/>
  <c r="BZ482" i="12"/>
  <c r="BY482" i="12"/>
  <c r="BX482" i="12"/>
  <c r="BW482" i="12"/>
  <c r="BV482" i="12"/>
  <c r="BU482" i="12"/>
  <c r="BT482" i="12"/>
  <c r="BS482" i="12"/>
  <c r="BR482" i="12"/>
  <c r="BQ482" i="12"/>
  <c r="BP482" i="12"/>
  <c r="BO482" i="12"/>
  <c r="BN482" i="12"/>
  <c r="BM482" i="12"/>
  <c r="BL482" i="12"/>
  <c r="BK482" i="12"/>
  <c r="BJ482" i="12"/>
  <c r="BI482" i="12"/>
  <c r="BH482" i="12"/>
  <c r="BF482" i="12"/>
  <c r="Y482" i="12"/>
  <c r="CL481" i="12"/>
  <c r="CK481" i="12"/>
  <c r="CJ481" i="12"/>
  <c r="CI481" i="12"/>
  <c r="CH481" i="12"/>
  <c r="CG481" i="12"/>
  <c r="CF481" i="12"/>
  <c r="CE481" i="12"/>
  <c r="CD481" i="12"/>
  <c r="CC481" i="12"/>
  <c r="CB481" i="12"/>
  <c r="CA481" i="12"/>
  <c r="BZ481" i="12"/>
  <c r="BY481" i="12"/>
  <c r="BX481" i="12"/>
  <c r="BW481" i="12"/>
  <c r="BV481" i="12"/>
  <c r="BU481" i="12"/>
  <c r="BT481" i="12"/>
  <c r="BS481" i="12"/>
  <c r="BR481" i="12"/>
  <c r="BQ481" i="12"/>
  <c r="BP481" i="12"/>
  <c r="BO481" i="12"/>
  <c r="BN481" i="12"/>
  <c r="BM481" i="12"/>
  <c r="BL481" i="12"/>
  <c r="BK481" i="12"/>
  <c r="BJ481" i="12"/>
  <c r="BI481" i="12"/>
  <c r="BH481" i="12"/>
  <c r="BF481" i="12"/>
  <c r="Y481" i="12"/>
  <c r="CL480" i="12"/>
  <c r="CK480" i="12"/>
  <c r="CJ480" i="12"/>
  <c r="CI480" i="12"/>
  <c r="CH480" i="12"/>
  <c r="CG480" i="12"/>
  <c r="CF480" i="12"/>
  <c r="CE480" i="12"/>
  <c r="CD480" i="12"/>
  <c r="CC480" i="12"/>
  <c r="CB480" i="12"/>
  <c r="CA480" i="12"/>
  <c r="BZ480" i="12"/>
  <c r="BY480" i="12"/>
  <c r="BX480" i="12"/>
  <c r="BW480" i="12"/>
  <c r="BV480" i="12"/>
  <c r="BU480" i="12"/>
  <c r="BT480" i="12"/>
  <c r="BS480" i="12"/>
  <c r="BR480" i="12"/>
  <c r="BQ480" i="12"/>
  <c r="BP480" i="12"/>
  <c r="BO480" i="12"/>
  <c r="BN480" i="12"/>
  <c r="BM480" i="12"/>
  <c r="BL480" i="12"/>
  <c r="BK480" i="12"/>
  <c r="BJ480" i="12"/>
  <c r="BI480" i="12"/>
  <c r="BH480" i="12"/>
  <c r="BF480" i="12"/>
  <c r="Y480" i="12"/>
  <c r="CL479" i="12"/>
  <c r="CK479" i="12"/>
  <c r="CJ479" i="12"/>
  <c r="CI479" i="12"/>
  <c r="CH479" i="12"/>
  <c r="CG479" i="12"/>
  <c r="CF479" i="12"/>
  <c r="CE479" i="12"/>
  <c r="CD479" i="12"/>
  <c r="CC479" i="12"/>
  <c r="CB479" i="12"/>
  <c r="CA479" i="12"/>
  <c r="BZ479" i="12"/>
  <c r="BY479" i="12"/>
  <c r="BX479" i="12"/>
  <c r="BW479" i="12"/>
  <c r="BV479" i="12"/>
  <c r="BU479" i="12"/>
  <c r="BT479" i="12"/>
  <c r="BS479" i="12"/>
  <c r="BR479" i="12"/>
  <c r="BQ479" i="12"/>
  <c r="BP479" i="12"/>
  <c r="BO479" i="12"/>
  <c r="BN479" i="12"/>
  <c r="BM479" i="12"/>
  <c r="BL479" i="12"/>
  <c r="BK479" i="12"/>
  <c r="BJ479" i="12"/>
  <c r="BI479" i="12"/>
  <c r="BH479" i="12"/>
  <c r="BF479" i="12"/>
  <c r="Y479" i="12"/>
  <c r="CL478" i="12"/>
  <c r="CK478" i="12"/>
  <c r="CJ478" i="12"/>
  <c r="CI478" i="12"/>
  <c r="CH478" i="12"/>
  <c r="CG478" i="12"/>
  <c r="CF478" i="12"/>
  <c r="CE478" i="12"/>
  <c r="CD478" i="12"/>
  <c r="CC478" i="12"/>
  <c r="CB478" i="12"/>
  <c r="CA478" i="12"/>
  <c r="BZ478" i="12"/>
  <c r="BY478" i="12"/>
  <c r="BX478" i="12"/>
  <c r="BW478" i="12"/>
  <c r="BV478" i="12"/>
  <c r="BU478" i="12"/>
  <c r="BT478" i="12"/>
  <c r="BS478" i="12"/>
  <c r="BR478" i="12"/>
  <c r="BQ478" i="12"/>
  <c r="BP478" i="12"/>
  <c r="BO478" i="12"/>
  <c r="BN478" i="12"/>
  <c r="BM478" i="12"/>
  <c r="BL478" i="12"/>
  <c r="BK478" i="12"/>
  <c r="BJ478" i="12"/>
  <c r="BI478" i="12"/>
  <c r="BH478" i="12"/>
  <c r="BF478" i="12"/>
  <c r="Y478" i="12"/>
  <c r="CL477" i="12"/>
  <c r="CK477" i="12"/>
  <c r="CJ477" i="12"/>
  <c r="CI477" i="12"/>
  <c r="CH477" i="12"/>
  <c r="CG477" i="12"/>
  <c r="CF477" i="12"/>
  <c r="CE477" i="12"/>
  <c r="CD477" i="12"/>
  <c r="CC477" i="12"/>
  <c r="CB477" i="12"/>
  <c r="CA477" i="12"/>
  <c r="BZ477" i="12"/>
  <c r="BY477" i="12"/>
  <c r="BX477" i="12"/>
  <c r="BW477" i="12"/>
  <c r="BV477" i="12"/>
  <c r="BU477" i="12"/>
  <c r="BT477" i="12"/>
  <c r="BS477" i="12"/>
  <c r="BR477" i="12"/>
  <c r="BQ477" i="12"/>
  <c r="BP477" i="12"/>
  <c r="BO477" i="12"/>
  <c r="BN477" i="12"/>
  <c r="BM477" i="12"/>
  <c r="BL477" i="12"/>
  <c r="BK477" i="12"/>
  <c r="BJ477" i="12"/>
  <c r="BI477" i="12"/>
  <c r="BH477" i="12"/>
  <c r="BF477" i="12"/>
  <c r="Y477" i="12"/>
  <c r="CL476" i="12"/>
  <c r="CK476" i="12"/>
  <c r="CJ476" i="12"/>
  <c r="CI476" i="12"/>
  <c r="CH476" i="12"/>
  <c r="CG476" i="12"/>
  <c r="CF476" i="12"/>
  <c r="CE476" i="12"/>
  <c r="CD476" i="12"/>
  <c r="CC476" i="12"/>
  <c r="CB476" i="12"/>
  <c r="CA476" i="12"/>
  <c r="BZ476" i="12"/>
  <c r="BY476" i="12"/>
  <c r="BX476" i="12"/>
  <c r="BW476" i="12"/>
  <c r="BV476" i="12"/>
  <c r="BU476" i="12"/>
  <c r="BT476" i="12"/>
  <c r="BS476" i="12"/>
  <c r="BR476" i="12"/>
  <c r="BQ476" i="12"/>
  <c r="BP476" i="12"/>
  <c r="BO476" i="12"/>
  <c r="BN476" i="12"/>
  <c r="BM476" i="12"/>
  <c r="BL476" i="12"/>
  <c r="BK476" i="12"/>
  <c r="BJ476" i="12"/>
  <c r="BI476" i="12"/>
  <c r="BH476" i="12"/>
  <c r="BF476" i="12"/>
  <c r="Y476" i="12"/>
  <c r="CL475" i="12"/>
  <c r="CK475" i="12"/>
  <c r="CJ475" i="12"/>
  <c r="CI475" i="12"/>
  <c r="CH475" i="12"/>
  <c r="CG475" i="12"/>
  <c r="CF475" i="12"/>
  <c r="CE475" i="12"/>
  <c r="CD475" i="12"/>
  <c r="CC475" i="12"/>
  <c r="CB475" i="12"/>
  <c r="CA475" i="12"/>
  <c r="BZ475" i="12"/>
  <c r="BY475" i="12"/>
  <c r="BX475" i="12"/>
  <c r="BW475" i="12"/>
  <c r="BV475" i="12"/>
  <c r="BU475" i="12"/>
  <c r="BT475" i="12"/>
  <c r="BS475" i="12"/>
  <c r="BR475" i="12"/>
  <c r="BQ475" i="12"/>
  <c r="BP475" i="12"/>
  <c r="BO475" i="12"/>
  <c r="BN475" i="12"/>
  <c r="BM475" i="12"/>
  <c r="BL475" i="12"/>
  <c r="BK475" i="12"/>
  <c r="BJ475" i="12"/>
  <c r="BI475" i="12"/>
  <c r="BH475" i="12"/>
  <c r="BF475" i="12"/>
  <c r="Y475" i="12"/>
  <c r="CL474" i="12"/>
  <c r="CK474" i="12"/>
  <c r="CJ474" i="12"/>
  <c r="CI474" i="12"/>
  <c r="CH474" i="12"/>
  <c r="CG474" i="12"/>
  <c r="CF474" i="12"/>
  <c r="CE474" i="12"/>
  <c r="CD474" i="12"/>
  <c r="CC474" i="12"/>
  <c r="CB474" i="12"/>
  <c r="CA474" i="12"/>
  <c r="BZ474" i="12"/>
  <c r="BY474" i="12"/>
  <c r="BX474" i="12"/>
  <c r="BW474" i="12"/>
  <c r="BV474" i="12"/>
  <c r="BU474" i="12"/>
  <c r="BT474" i="12"/>
  <c r="BS474" i="12"/>
  <c r="BR474" i="12"/>
  <c r="BQ474" i="12"/>
  <c r="BP474" i="12"/>
  <c r="BO474" i="12"/>
  <c r="BN474" i="12"/>
  <c r="BM474" i="12"/>
  <c r="BL474" i="12"/>
  <c r="BK474" i="12"/>
  <c r="BJ474" i="12"/>
  <c r="BI474" i="12"/>
  <c r="BH474" i="12"/>
  <c r="BF474" i="12"/>
  <c r="Y474" i="12"/>
  <c r="CL473" i="12"/>
  <c r="CK473" i="12"/>
  <c r="CJ473" i="12"/>
  <c r="CI473" i="12"/>
  <c r="CH473" i="12"/>
  <c r="CG473" i="12"/>
  <c r="CF473" i="12"/>
  <c r="CE473" i="12"/>
  <c r="CD473" i="12"/>
  <c r="CC473" i="12"/>
  <c r="CB473" i="12"/>
  <c r="CA473" i="12"/>
  <c r="BZ473" i="12"/>
  <c r="BY473" i="12"/>
  <c r="BX473" i="12"/>
  <c r="BW473" i="12"/>
  <c r="BV473" i="12"/>
  <c r="BU473" i="12"/>
  <c r="BT473" i="12"/>
  <c r="BS473" i="12"/>
  <c r="BR473" i="12"/>
  <c r="BQ473" i="12"/>
  <c r="BP473" i="12"/>
  <c r="BO473" i="12"/>
  <c r="BN473" i="12"/>
  <c r="BM473" i="12"/>
  <c r="BL473" i="12"/>
  <c r="BK473" i="12"/>
  <c r="BJ473" i="12"/>
  <c r="BI473" i="12"/>
  <c r="BH473" i="12"/>
  <c r="BF473" i="12"/>
  <c r="Y473" i="12"/>
  <c r="CL472" i="12"/>
  <c r="CK472" i="12"/>
  <c r="CJ472" i="12"/>
  <c r="CI472" i="12"/>
  <c r="CH472" i="12"/>
  <c r="CG472" i="12"/>
  <c r="CF472" i="12"/>
  <c r="CE472" i="12"/>
  <c r="CD472" i="12"/>
  <c r="CC472" i="12"/>
  <c r="CB472" i="12"/>
  <c r="CA472" i="12"/>
  <c r="BZ472" i="12"/>
  <c r="BY472" i="12"/>
  <c r="BX472" i="12"/>
  <c r="BW472" i="12"/>
  <c r="BV472" i="12"/>
  <c r="BU472" i="12"/>
  <c r="BT472" i="12"/>
  <c r="BS472" i="12"/>
  <c r="BR472" i="12"/>
  <c r="BQ472" i="12"/>
  <c r="BP472" i="12"/>
  <c r="BO472" i="12"/>
  <c r="BN472" i="12"/>
  <c r="BM472" i="12"/>
  <c r="BL472" i="12"/>
  <c r="BK472" i="12"/>
  <c r="BJ472" i="12"/>
  <c r="BI472" i="12"/>
  <c r="BH472" i="12"/>
  <c r="BF472" i="12"/>
  <c r="Y472" i="12"/>
  <c r="CL471" i="12"/>
  <c r="CK471" i="12"/>
  <c r="CJ471" i="12"/>
  <c r="CI471" i="12"/>
  <c r="CH471" i="12"/>
  <c r="CG471" i="12"/>
  <c r="CF471" i="12"/>
  <c r="CE471" i="12"/>
  <c r="CD471" i="12"/>
  <c r="CC471" i="12"/>
  <c r="CB471" i="12"/>
  <c r="CA471" i="12"/>
  <c r="BZ471" i="12"/>
  <c r="BY471" i="12"/>
  <c r="BX471" i="12"/>
  <c r="BW471" i="12"/>
  <c r="BV471" i="12"/>
  <c r="BU471" i="12"/>
  <c r="BT471" i="12"/>
  <c r="BS471" i="12"/>
  <c r="BR471" i="12"/>
  <c r="BQ471" i="12"/>
  <c r="BP471" i="12"/>
  <c r="BO471" i="12"/>
  <c r="BN471" i="12"/>
  <c r="BM471" i="12"/>
  <c r="BL471" i="12"/>
  <c r="BK471" i="12"/>
  <c r="BJ471" i="12"/>
  <c r="BI471" i="12"/>
  <c r="BH471" i="12"/>
  <c r="BF471" i="12"/>
  <c r="Y471" i="12"/>
  <c r="CL470" i="12"/>
  <c r="CK470" i="12"/>
  <c r="CJ470" i="12"/>
  <c r="CI470" i="12"/>
  <c r="CH470" i="12"/>
  <c r="CG470" i="12"/>
  <c r="CF470" i="12"/>
  <c r="CE470" i="12"/>
  <c r="CD470" i="12"/>
  <c r="CC470" i="12"/>
  <c r="CB470" i="12"/>
  <c r="CA470" i="12"/>
  <c r="BZ470" i="12"/>
  <c r="BY470" i="12"/>
  <c r="BX470" i="12"/>
  <c r="BW470" i="12"/>
  <c r="BV470" i="12"/>
  <c r="BU470" i="12"/>
  <c r="BT470" i="12"/>
  <c r="BS470" i="12"/>
  <c r="BR470" i="12"/>
  <c r="BQ470" i="12"/>
  <c r="BP470" i="12"/>
  <c r="BO470" i="12"/>
  <c r="BN470" i="12"/>
  <c r="BM470" i="12"/>
  <c r="BL470" i="12"/>
  <c r="BK470" i="12"/>
  <c r="BJ470" i="12"/>
  <c r="BI470" i="12"/>
  <c r="BH470" i="12"/>
  <c r="BF470" i="12"/>
  <c r="Y470" i="12"/>
  <c r="CL469" i="12"/>
  <c r="CK469" i="12"/>
  <c r="CJ469" i="12"/>
  <c r="CI469" i="12"/>
  <c r="CH469" i="12"/>
  <c r="CG469" i="12"/>
  <c r="CF469" i="12"/>
  <c r="CE469" i="12"/>
  <c r="CD469" i="12"/>
  <c r="CC469" i="12"/>
  <c r="CB469" i="12"/>
  <c r="CA469" i="12"/>
  <c r="BZ469" i="12"/>
  <c r="BY469" i="12"/>
  <c r="BX469" i="12"/>
  <c r="BW469" i="12"/>
  <c r="BV469" i="12"/>
  <c r="BU469" i="12"/>
  <c r="BT469" i="12"/>
  <c r="BS469" i="12"/>
  <c r="BR469" i="12"/>
  <c r="BQ469" i="12"/>
  <c r="BP469" i="12"/>
  <c r="BO469" i="12"/>
  <c r="BN469" i="12"/>
  <c r="BM469" i="12"/>
  <c r="BL469" i="12"/>
  <c r="BK469" i="12"/>
  <c r="BJ469" i="12"/>
  <c r="BI469" i="12"/>
  <c r="BH469" i="12"/>
  <c r="BF469" i="12"/>
  <c r="Y469" i="12"/>
  <c r="CL468" i="12"/>
  <c r="CK468" i="12"/>
  <c r="CJ468" i="12"/>
  <c r="CI468" i="12"/>
  <c r="CH468" i="12"/>
  <c r="CG468" i="12"/>
  <c r="CF468" i="12"/>
  <c r="CE468" i="12"/>
  <c r="CD468" i="12"/>
  <c r="CC468" i="12"/>
  <c r="CB468" i="12"/>
  <c r="CA468" i="12"/>
  <c r="BZ468" i="12"/>
  <c r="BY468" i="12"/>
  <c r="BX468" i="12"/>
  <c r="BW468" i="12"/>
  <c r="BV468" i="12"/>
  <c r="BU468" i="12"/>
  <c r="BT468" i="12"/>
  <c r="BS468" i="12"/>
  <c r="BR468" i="12"/>
  <c r="BQ468" i="12"/>
  <c r="BP468" i="12"/>
  <c r="BO468" i="12"/>
  <c r="BN468" i="12"/>
  <c r="BM468" i="12"/>
  <c r="BL468" i="12"/>
  <c r="BK468" i="12"/>
  <c r="BJ468" i="12"/>
  <c r="BI468" i="12"/>
  <c r="BH468" i="12"/>
  <c r="BF468" i="12"/>
  <c r="Y468" i="12"/>
  <c r="CL467" i="12"/>
  <c r="CK467" i="12"/>
  <c r="CJ467" i="12"/>
  <c r="CI467" i="12"/>
  <c r="CH467" i="12"/>
  <c r="CG467" i="12"/>
  <c r="CF467" i="12"/>
  <c r="CE467" i="12"/>
  <c r="CD467" i="12"/>
  <c r="CC467" i="12"/>
  <c r="CB467" i="12"/>
  <c r="CA467" i="12"/>
  <c r="BZ467" i="12"/>
  <c r="BY467" i="12"/>
  <c r="BX467" i="12"/>
  <c r="BW467" i="12"/>
  <c r="BV467" i="12"/>
  <c r="BU467" i="12"/>
  <c r="BT467" i="12"/>
  <c r="BS467" i="12"/>
  <c r="BR467" i="12"/>
  <c r="BQ467" i="12"/>
  <c r="BP467" i="12"/>
  <c r="BO467" i="12"/>
  <c r="BN467" i="12"/>
  <c r="BM467" i="12"/>
  <c r="BL467" i="12"/>
  <c r="BK467" i="12"/>
  <c r="BJ467" i="12"/>
  <c r="BI467" i="12"/>
  <c r="BH467" i="12"/>
  <c r="BF467" i="12"/>
  <c r="Y467" i="12"/>
  <c r="CL466" i="12"/>
  <c r="CK466" i="12"/>
  <c r="CJ466" i="12"/>
  <c r="CI466" i="12"/>
  <c r="CH466" i="12"/>
  <c r="CG466" i="12"/>
  <c r="CF466" i="12"/>
  <c r="CE466" i="12"/>
  <c r="CD466" i="12"/>
  <c r="CC466" i="12"/>
  <c r="CB466" i="12"/>
  <c r="CA466" i="12"/>
  <c r="BZ466" i="12"/>
  <c r="BY466" i="12"/>
  <c r="BX466" i="12"/>
  <c r="BW466" i="12"/>
  <c r="BV466" i="12"/>
  <c r="BU466" i="12"/>
  <c r="BT466" i="12"/>
  <c r="BS466" i="12"/>
  <c r="BR466" i="12"/>
  <c r="BQ466" i="12"/>
  <c r="BP466" i="12"/>
  <c r="BO466" i="12"/>
  <c r="BN466" i="12"/>
  <c r="BM466" i="12"/>
  <c r="BL466" i="12"/>
  <c r="BK466" i="12"/>
  <c r="BJ466" i="12"/>
  <c r="BI466" i="12"/>
  <c r="BH466" i="12"/>
  <c r="BF466" i="12"/>
  <c r="Y466" i="12"/>
  <c r="CL465" i="12"/>
  <c r="CK465" i="12"/>
  <c r="CJ465" i="12"/>
  <c r="CI465" i="12"/>
  <c r="CH465" i="12"/>
  <c r="CG465" i="12"/>
  <c r="CF465" i="12"/>
  <c r="CE465" i="12"/>
  <c r="CD465" i="12"/>
  <c r="CC465" i="12"/>
  <c r="CB465" i="12"/>
  <c r="CA465" i="12"/>
  <c r="BZ465" i="12"/>
  <c r="BY465" i="12"/>
  <c r="BX465" i="12"/>
  <c r="BW465" i="12"/>
  <c r="BV465" i="12"/>
  <c r="BU465" i="12"/>
  <c r="BT465" i="12"/>
  <c r="BS465" i="12"/>
  <c r="BR465" i="12"/>
  <c r="BQ465" i="12"/>
  <c r="BP465" i="12"/>
  <c r="BO465" i="12"/>
  <c r="BN465" i="12"/>
  <c r="BM465" i="12"/>
  <c r="BL465" i="12"/>
  <c r="BK465" i="12"/>
  <c r="BJ465" i="12"/>
  <c r="BI465" i="12"/>
  <c r="BH465" i="12"/>
  <c r="BF465" i="12"/>
  <c r="Y465" i="12"/>
  <c r="CL464" i="12"/>
  <c r="CK464" i="12"/>
  <c r="CJ464" i="12"/>
  <c r="CI464" i="12"/>
  <c r="CH464" i="12"/>
  <c r="CG464" i="12"/>
  <c r="CF464" i="12"/>
  <c r="CE464" i="12"/>
  <c r="CD464" i="12"/>
  <c r="CC464" i="12"/>
  <c r="CB464" i="12"/>
  <c r="CA464" i="12"/>
  <c r="BZ464" i="12"/>
  <c r="BY464" i="12"/>
  <c r="BX464" i="12"/>
  <c r="BW464" i="12"/>
  <c r="BV464" i="12"/>
  <c r="BU464" i="12"/>
  <c r="BT464" i="12"/>
  <c r="BS464" i="12"/>
  <c r="BR464" i="12"/>
  <c r="BQ464" i="12"/>
  <c r="BP464" i="12"/>
  <c r="BO464" i="12"/>
  <c r="BN464" i="12"/>
  <c r="BM464" i="12"/>
  <c r="BL464" i="12"/>
  <c r="BK464" i="12"/>
  <c r="BJ464" i="12"/>
  <c r="BI464" i="12"/>
  <c r="BH464" i="12"/>
  <c r="BF464" i="12"/>
  <c r="Y464" i="12"/>
  <c r="CL463" i="12"/>
  <c r="CK463" i="12"/>
  <c r="CJ463" i="12"/>
  <c r="CI463" i="12"/>
  <c r="CH463" i="12"/>
  <c r="CG463" i="12"/>
  <c r="CF463" i="12"/>
  <c r="CE463" i="12"/>
  <c r="CD463" i="12"/>
  <c r="CC463" i="12"/>
  <c r="CB463" i="12"/>
  <c r="CA463" i="12"/>
  <c r="BZ463" i="12"/>
  <c r="BY463" i="12"/>
  <c r="BX463" i="12"/>
  <c r="BW463" i="12"/>
  <c r="BV463" i="12"/>
  <c r="BU463" i="12"/>
  <c r="BT463" i="12"/>
  <c r="BS463" i="12"/>
  <c r="BR463" i="12"/>
  <c r="BQ463" i="12"/>
  <c r="BP463" i="12"/>
  <c r="BO463" i="12"/>
  <c r="BN463" i="12"/>
  <c r="BM463" i="12"/>
  <c r="BL463" i="12"/>
  <c r="BK463" i="12"/>
  <c r="BJ463" i="12"/>
  <c r="BI463" i="12"/>
  <c r="BH463" i="12"/>
  <c r="BF463" i="12"/>
  <c r="Y463" i="12"/>
  <c r="CL462" i="12"/>
  <c r="CK462" i="12"/>
  <c r="CJ462" i="12"/>
  <c r="CI462" i="12"/>
  <c r="CH462" i="12"/>
  <c r="CG462" i="12"/>
  <c r="CF462" i="12"/>
  <c r="CE462" i="12"/>
  <c r="CD462" i="12"/>
  <c r="CC462" i="12"/>
  <c r="CB462" i="12"/>
  <c r="CA462" i="12"/>
  <c r="BZ462" i="12"/>
  <c r="BY462" i="12"/>
  <c r="BX462" i="12"/>
  <c r="BW462" i="12"/>
  <c r="BV462" i="12"/>
  <c r="BU462" i="12"/>
  <c r="BT462" i="12"/>
  <c r="BS462" i="12"/>
  <c r="BR462" i="12"/>
  <c r="BQ462" i="12"/>
  <c r="BP462" i="12"/>
  <c r="BO462" i="12"/>
  <c r="BN462" i="12"/>
  <c r="BM462" i="12"/>
  <c r="BL462" i="12"/>
  <c r="BK462" i="12"/>
  <c r="BJ462" i="12"/>
  <c r="BI462" i="12"/>
  <c r="BH462" i="12"/>
  <c r="BF462" i="12"/>
  <c r="Y462" i="12"/>
  <c r="CL461" i="12"/>
  <c r="CK461" i="12"/>
  <c r="CJ461" i="12"/>
  <c r="CI461" i="12"/>
  <c r="CH461" i="12"/>
  <c r="CG461" i="12"/>
  <c r="CF461" i="12"/>
  <c r="CE461" i="12"/>
  <c r="CD461" i="12"/>
  <c r="CC461" i="12"/>
  <c r="CB461" i="12"/>
  <c r="CA461" i="12"/>
  <c r="BZ461" i="12"/>
  <c r="BY461" i="12"/>
  <c r="BX461" i="12"/>
  <c r="BW461" i="12"/>
  <c r="BV461" i="12"/>
  <c r="BU461" i="12"/>
  <c r="BT461" i="12"/>
  <c r="BS461" i="12"/>
  <c r="BR461" i="12"/>
  <c r="BQ461" i="12"/>
  <c r="BP461" i="12"/>
  <c r="BO461" i="12"/>
  <c r="BN461" i="12"/>
  <c r="BM461" i="12"/>
  <c r="BL461" i="12"/>
  <c r="BK461" i="12"/>
  <c r="BJ461" i="12"/>
  <c r="BI461" i="12"/>
  <c r="BH461" i="12"/>
  <c r="BF461" i="12"/>
  <c r="Y461" i="12"/>
  <c r="CL460" i="12"/>
  <c r="CK460" i="12"/>
  <c r="CJ460" i="12"/>
  <c r="CI460" i="12"/>
  <c r="CH460" i="12"/>
  <c r="CG460" i="12"/>
  <c r="CF460" i="12"/>
  <c r="CE460" i="12"/>
  <c r="CD460" i="12"/>
  <c r="CC460" i="12"/>
  <c r="CB460" i="12"/>
  <c r="CA460" i="12"/>
  <c r="BZ460" i="12"/>
  <c r="BY460" i="12"/>
  <c r="BX460" i="12"/>
  <c r="BW460" i="12"/>
  <c r="BV460" i="12"/>
  <c r="BU460" i="12"/>
  <c r="BT460" i="12"/>
  <c r="BS460" i="12"/>
  <c r="BR460" i="12"/>
  <c r="BQ460" i="12"/>
  <c r="BP460" i="12"/>
  <c r="BO460" i="12"/>
  <c r="BN460" i="12"/>
  <c r="BM460" i="12"/>
  <c r="BL460" i="12"/>
  <c r="BK460" i="12"/>
  <c r="BJ460" i="12"/>
  <c r="BI460" i="12"/>
  <c r="BH460" i="12"/>
  <c r="BF460" i="12"/>
  <c r="Y460" i="12"/>
  <c r="CL459" i="12"/>
  <c r="CK459" i="12"/>
  <c r="CJ459" i="12"/>
  <c r="CI459" i="12"/>
  <c r="CH459" i="12"/>
  <c r="CG459" i="12"/>
  <c r="CF459" i="12"/>
  <c r="CE459" i="12"/>
  <c r="CD459" i="12"/>
  <c r="CC459" i="12"/>
  <c r="CB459" i="12"/>
  <c r="CA459" i="12"/>
  <c r="BZ459" i="12"/>
  <c r="BY459" i="12"/>
  <c r="BX459" i="12"/>
  <c r="BW459" i="12"/>
  <c r="BV459" i="12"/>
  <c r="BU459" i="12"/>
  <c r="BT459" i="12"/>
  <c r="BS459" i="12"/>
  <c r="BR459" i="12"/>
  <c r="BQ459" i="12"/>
  <c r="BP459" i="12"/>
  <c r="BO459" i="12"/>
  <c r="BN459" i="12"/>
  <c r="BM459" i="12"/>
  <c r="BL459" i="12"/>
  <c r="BK459" i="12"/>
  <c r="BJ459" i="12"/>
  <c r="BI459" i="12"/>
  <c r="BH459" i="12"/>
  <c r="BF459" i="12"/>
  <c r="Y459" i="12"/>
  <c r="CL458" i="12"/>
  <c r="CK458" i="12"/>
  <c r="CJ458" i="12"/>
  <c r="CI458" i="12"/>
  <c r="CH458" i="12"/>
  <c r="CG458" i="12"/>
  <c r="CF458" i="12"/>
  <c r="CE458" i="12"/>
  <c r="CD458" i="12"/>
  <c r="CC458" i="12"/>
  <c r="CB458" i="12"/>
  <c r="CA458" i="12"/>
  <c r="BZ458" i="12"/>
  <c r="BY458" i="12"/>
  <c r="BX458" i="12"/>
  <c r="BW458" i="12"/>
  <c r="BV458" i="12"/>
  <c r="BU458" i="12"/>
  <c r="BT458" i="12"/>
  <c r="BS458" i="12"/>
  <c r="BR458" i="12"/>
  <c r="BQ458" i="12"/>
  <c r="BP458" i="12"/>
  <c r="BO458" i="12"/>
  <c r="BN458" i="12"/>
  <c r="BM458" i="12"/>
  <c r="BL458" i="12"/>
  <c r="BK458" i="12"/>
  <c r="BJ458" i="12"/>
  <c r="BI458" i="12"/>
  <c r="BH458" i="12"/>
  <c r="BF458" i="12"/>
  <c r="Y458" i="12"/>
  <c r="CL457" i="12"/>
  <c r="CK457" i="12"/>
  <c r="CJ457" i="12"/>
  <c r="CI457" i="12"/>
  <c r="CH457" i="12"/>
  <c r="CG457" i="12"/>
  <c r="CF457" i="12"/>
  <c r="CE457" i="12"/>
  <c r="CD457" i="12"/>
  <c r="CC457" i="12"/>
  <c r="CB457" i="12"/>
  <c r="CA457" i="12"/>
  <c r="BZ457" i="12"/>
  <c r="BY457" i="12"/>
  <c r="BX457" i="12"/>
  <c r="BW457" i="12"/>
  <c r="BV457" i="12"/>
  <c r="BU457" i="12"/>
  <c r="BT457" i="12"/>
  <c r="BS457" i="12"/>
  <c r="BR457" i="12"/>
  <c r="BQ457" i="12"/>
  <c r="BP457" i="12"/>
  <c r="BO457" i="12"/>
  <c r="BN457" i="12"/>
  <c r="BM457" i="12"/>
  <c r="BL457" i="12"/>
  <c r="BK457" i="12"/>
  <c r="BJ457" i="12"/>
  <c r="BI457" i="12"/>
  <c r="BH457" i="12"/>
  <c r="BF457" i="12"/>
  <c r="Y457" i="12"/>
  <c r="CL456" i="12"/>
  <c r="CK456" i="12"/>
  <c r="CJ456" i="12"/>
  <c r="CI456" i="12"/>
  <c r="CH456" i="12"/>
  <c r="CG456" i="12"/>
  <c r="CF456" i="12"/>
  <c r="CE456" i="12"/>
  <c r="CD456" i="12"/>
  <c r="CC456" i="12"/>
  <c r="CB456" i="12"/>
  <c r="CA456" i="12"/>
  <c r="BZ456" i="12"/>
  <c r="BY456" i="12"/>
  <c r="BX456" i="12"/>
  <c r="BW456" i="12"/>
  <c r="BV456" i="12"/>
  <c r="BU456" i="12"/>
  <c r="BT456" i="12"/>
  <c r="BS456" i="12"/>
  <c r="BR456" i="12"/>
  <c r="BQ456" i="12"/>
  <c r="BP456" i="12"/>
  <c r="BO456" i="12"/>
  <c r="BN456" i="12"/>
  <c r="BM456" i="12"/>
  <c r="BL456" i="12"/>
  <c r="BK456" i="12"/>
  <c r="BJ456" i="12"/>
  <c r="BI456" i="12"/>
  <c r="BH456" i="12"/>
  <c r="BF456" i="12"/>
  <c r="Y456" i="12"/>
  <c r="CL455" i="12"/>
  <c r="CK455" i="12"/>
  <c r="CJ455" i="12"/>
  <c r="CI455" i="12"/>
  <c r="CH455" i="12"/>
  <c r="CG455" i="12"/>
  <c r="CF455" i="12"/>
  <c r="CE455" i="12"/>
  <c r="CD455" i="12"/>
  <c r="CC455" i="12"/>
  <c r="CB455" i="12"/>
  <c r="CA455" i="12"/>
  <c r="BZ455" i="12"/>
  <c r="BY455" i="12"/>
  <c r="BX455" i="12"/>
  <c r="BW455" i="12"/>
  <c r="BV455" i="12"/>
  <c r="BU455" i="12"/>
  <c r="BT455" i="12"/>
  <c r="BS455" i="12"/>
  <c r="BR455" i="12"/>
  <c r="BQ455" i="12"/>
  <c r="BP455" i="12"/>
  <c r="BO455" i="12"/>
  <c r="BN455" i="12"/>
  <c r="BM455" i="12"/>
  <c r="BL455" i="12"/>
  <c r="BK455" i="12"/>
  <c r="BJ455" i="12"/>
  <c r="BI455" i="12"/>
  <c r="BH455" i="12"/>
  <c r="BF455" i="12"/>
  <c r="Y455" i="12"/>
  <c r="CL454" i="12"/>
  <c r="CK454" i="12"/>
  <c r="CJ454" i="12"/>
  <c r="CI454" i="12"/>
  <c r="CH454" i="12"/>
  <c r="CG454" i="12"/>
  <c r="CF454" i="12"/>
  <c r="CE454" i="12"/>
  <c r="CD454" i="12"/>
  <c r="CC454" i="12"/>
  <c r="CB454" i="12"/>
  <c r="CA454" i="12"/>
  <c r="BZ454" i="12"/>
  <c r="BY454" i="12"/>
  <c r="BX454" i="12"/>
  <c r="BW454" i="12"/>
  <c r="BV454" i="12"/>
  <c r="BU454" i="12"/>
  <c r="BT454" i="12"/>
  <c r="BS454" i="12"/>
  <c r="BR454" i="12"/>
  <c r="BQ454" i="12"/>
  <c r="BP454" i="12"/>
  <c r="BO454" i="12"/>
  <c r="BN454" i="12"/>
  <c r="BM454" i="12"/>
  <c r="BL454" i="12"/>
  <c r="BK454" i="12"/>
  <c r="BJ454" i="12"/>
  <c r="BI454" i="12"/>
  <c r="BH454" i="12"/>
  <c r="BF454" i="12"/>
  <c r="Y454" i="12"/>
  <c r="CL453" i="12"/>
  <c r="CK453" i="12"/>
  <c r="CJ453" i="12"/>
  <c r="CI453" i="12"/>
  <c r="CH453" i="12"/>
  <c r="CG453" i="12"/>
  <c r="CF453" i="12"/>
  <c r="CE453" i="12"/>
  <c r="CD453" i="12"/>
  <c r="CC453" i="12"/>
  <c r="CB453" i="12"/>
  <c r="CA453" i="12"/>
  <c r="BZ453" i="12"/>
  <c r="BY453" i="12"/>
  <c r="BX453" i="12"/>
  <c r="BW453" i="12"/>
  <c r="BV453" i="12"/>
  <c r="BU453" i="12"/>
  <c r="BT453" i="12"/>
  <c r="BS453" i="12"/>
  <c r="BR453" i="12"/>
  <c r="BQ453" i="12"/>
  <c r="BP453" i="12"/>
  <c r="BO453" i="12"/>
  <c r="BN453" i="12"/>
  <c r="BM453" i="12"/>
  <c r="BL453" i="12"/>
  <c r="BK453" i="12"/>
  <c r="BJ453" i="12"/>
  <c r="BI453" i="12"/>
  <c r="BH453" i="12"/>
  <c r="BF453" i="12"/>
  <c r="Y453" i="12"/>
  <c r="CL452" i="12"/>
  <c r="CK452" i="12"/>
  <c r="CJ452" i="12"/>
  <c r="CI452" i="12"/>
  <c r="CH452" i="12"/>
  <c r="CG452" i="12"/>
  <c r="CF452" i="12"/>
  <c r="CE452" i="12"/>
  <c r="CD452" i="12"/>
  <c r="CC452" i="12"/>
  <c r="CB452" i="12"/>
  <c r="CA452" i="12"/>
  <c r="BZ452" i="12"/>
  <c r="BY452" i="12"/>
  <c r="BX452" i="12"/>
  <c r="BW452" i="12"/>
  <c r="BV452" i="12"/>
  <c r="BU452" i="12"/>
  <c r="BT452" i="12"/>
  <c r="BS452" i="12"/>
  <c r="BR452" i="12"/>
  <c r="BQ452" i="12"/>
  <c r="BP452" i="12"/>
  <c r="BO452" i="12"/>
  <c r="BN452" i="12"/>
  <c r="BM452" i="12"/>
  <c r="BL452" i="12"/>
  <c r="BK452" i="12"/>
  <c r="BJ452" i="12"/>
  <c r="BI452" i="12"/>
  <c r="BH452" i="12"/>
  <c r="BF452" i="12"/>
  <c r="Y452" i="12"/>
  <c r="CL451" i="12"/>
  <c r="CK451" i="12"/>
  <c r="CJ451" i="12"/>
  <c r="CI451" i="12"/>
  <c r="CH451" i="12"/>
  <c r="CG451" i="12"/>
  <c r="CF451" i="12"/>
  <c r="CE451" i="12"/>
  <c r="CD451" i="12"/>
  <c r="CC451" i="12"/>
  <c r="CB451" i="12"/>
  <c r="CA451" i="12"/>
  <c r="BZ451" i="12"/>
  <c r="BY451" i="12"/>
  <c r="BX451" i="12"/>
  <c r="BW451" i="12"/>
  <c r="BV451" i="12"/>
  <c r="BU451" i="12"/>
  <c r="BT451" i="12"/>
  <c r="BS451" i="12"/>
  <c r="BR451" i="12"/>
  <c r="BQ451" i="12"/>
  <c r="BP451" i="12"/>
  <c r="BO451" i="12"/>
  <c r="BN451" i="12"/>
  <c r="BM451" i="12"/>
  <c r="BL451" i="12"/>
  <c r="BK451" i="12"/>
  <c r="BJ451" i="12"/>
  <c r="BI451" i="12"/>
  <c r="BH451" i="12"/>
  <c r="BF451" i="12"/>
  <c r="Y451" i="12"/>
  <c r="CL450" i="12"/>
  <c r="CK450" i="12"/>
  <c r="CJ450" i="12"/>
  <c r="CI450" i="12"/>
  <c r="CH450" i="12"/>
  <c r="CG450" i="12"/>
  <c r="CF450" i="12"/>
  <c r="CE450" i="12"/>
  <c r="CD450" i="12"/>
  <c r="CC450" i="12"/>
  <c r="CB450" i="12"/>
  <c r="CA450" i="12"/>
  <c r="BZ450" i="12"/>
  <c r="BY450" i="12"/>
  <c r="BX450" i="12"/>
  <c r="BW450" i="12"/>
  <c r="BV450" i="12"/>
  <c r="BU450" i="12"/>
  <c r="BT450" i="12"/>
  <c r="BS450" i="12"/>
  <c r="BR450" i="12"/>
  <c r="BQ450" i="12"/>
  <c r="BP450" i="12"/>
  <c r="BO450" i="12"/>
  <c r="BN450" i="12"/>
  <c r="BM450" i="12"/>
  <c r="BL450" i="12"/>
  <c r="BK450" i="12"/>
  <c r="BJ450" i="12"/>
  <c r="BI450" i="12"/>
  <c r="BH450" i="12"/>
  <c r="BF450" i="12"/>
  <c r="Y450" i="12"/>
  <c r="CL449" i="12"/>
  <c r="CK449" i="12"/>
  <c r="CJ449" i="12"/>
  <c r="CI449" i="12"/>
  <c r="CH449" i="12"/>
  <c r="CG449" i="12"/>
  <c r="CF449" i="12"/>
  <c r="CE449" i="12"/>
  <c r="CD449" i="12"/>
  <c r="CC449" i="12"/>
  <c r="CB449" i="12"/>
  <c r="CA449" i="12"/>
  <c r="BZ449" i="12"/>
  <c r="BY449" i="12"/>
  <c r="BX449" i="12"/>
  <c r="BW449" i="12"/>
  <c r="BV449" i="12"/>
  <c r="BU449" i="12"/>
  <c r="BT449" i="12"/>
  <c r="BS449" i="12"/>
  <c r="BR449" i="12"/>
  <c r="BQ449" i="12"/>
  <c r="BP449" i="12"/>
  <c r="BO449" i="12"/>
  <c r="BN449" i="12"/>
  <c r="BM449" i="12"/>
  <c r="BL449" i="12"/>
  <c r="BK449" i="12"/>
  <c r="BJ449" i="12"/>
  <c r="BI449" i="12"/>
  <c r="BH449" i="12"/>
  <c r="BF449" i="12"/>
  <c r="Y449" i="12"/>
  <c r="CL448" i="12"/>
  <c r="CK448" i="12"/>
  <c r="CJ448" i="12"/>
  <c r="CI448" i="12"/>
  <c r="CH448" i="12"/>
  <c r="CG448" i="12"/>
  <c r="CF448" i="12"/>
  <c r="CE448" i="12"/>
  <c r="CD448" i="12"/>
  <c r="CC448" i="12"/>
  <c r="CB448" i="12"/>
  <c r="CA448" i="12"/>
  <c r="BZ448" i="12"/>
  <c r="BY448" i="12"/>
  <c r="BX448" i="12"/>
  <c r="BW448" i="12"/>
  <c r="BV448" i="12"/>
  <c r="BU448" i="12"/>
  <c r="BT448" i="12"/>
  <c r="BS448" i="12"/>
  <c r="BR448" i="12"/>
  <c r="BQ448" i="12"/>
  <c r="BP448" i="12"/>
  <c r="BO448" i="12"/>
  <c r="BN448" i="12"/>
  <c r="BM448" i="12"/>
  <c r="BL448" i="12"/>
  <c r="BK448" i="12"/>
  <c r="BJ448" i="12"/>
  <c r="BI448" i="12"/>
  <c r="BH448" i="12"/>
  <c r="BF448" i="12"/>
  <c r="Y448" i="12"/>
  <c r="CL447" i="12"/>
  <c r="CK447" i="12"/>
  <c r="CJ447" i="12"/>
  <c r="CI447" i="12"/>
  <c r="CH447" i="12"/>
  <c r="CG447" i="12"/>
  <c r="CF447" i="12"/>
  <c r="CE447" i="12"/>
  <c r="CD447" i="12"/>
  <c r="CC447" i="12"/>
  <c r="CB447" i="12"/>
  <c r="CA447" i="12"/>
  <c r="BZ447" i="12"/>
  <c r="BY447" i="12"/>
  <c r="BX447" i="12"/>
  <c r="BW447" i="12"/>
  <c r="BV447" i="12"/>
  <c r="BU447" i="12"/>
  <c r="BT447" i="12"/>
  <c r="BS447" i="12"/>
  <c r="BR447" i="12"/>
  <c r="BQ447" i="12"/>
  <c r="BP447" i="12"/>
  <c r="BO447" i="12"/>
  <c r="BN447" i="12"/>
  <c r="BM447" i="12"/>
  <c r="BL447" i="12"/>
  <c r="BK447" i="12"/>
  <c r="BJ447" i="12"/>
  <c r="BI447" i="12"/>
  <c r="BH447" i="12"/>
  <c r="BF447" i="12"/>
  <c r="Y447" i="12"/>
  <c r="CL446" i="12"/>
  <c r="CK446" i="12"/>
  <c r="CJ446" i="12"/>
  <c r="CI446" i="12"/>
  <c r="CH446" i="12"/>
  <c r="CG446" i="12"/>
  <c r="CF446" i="12"/>
  <c r="CE446" i="12"/>
  <c r="CD446" i="12"/>
  <c r="CC446" i="12"/>
  <c r="CB446" i="12"/>
  <c r="CA446" i="12"/>
  <c r="BZ446" i="12"/>
  <c r="BY446" i="12"/>
  <c r="BX446" i="12"/>
  <c r="BW446" i="12"/>
  <c r="BV446" i="12"/>
  <c r="BU446" i="12"/>
  <c r="BT446" i="12"/>
  <c r="BS446" i="12"/>
  <c r="BR446" i="12"/>
  <c r="BQ446" i="12"/>
  <c r="BP446" i="12"/>
  <c r="BO446" i="12"/>
  <c r="BN446" i="12"/>
  <c r="BM446" i="12"/>
  <c r="BL446" i="12"/>
  <c r="BK446" i="12"/>
  <c r="BJ446" i="12"/>
  <c r="BI446" i="12"/>
  <c r="BH446" i="12"/>
  <c r="BF446" i="12"/>
  <c r="Y446" i="12"/>
  <c r="CL445" i="12"/>
  <c r="CK445" i="12"/>
  <c r="CJ445" i="12"/>
  <c r="CI445" i="12"/>
  <c r="CH445" i="12"/>
  <c r="CG445" i="12"/>
  <c r="CF445" i="12"/>
  <c r="CE445" i="12"/>
  <c r="CD445" i="12"/>
  <c r="CC445" i="12"/>
  <c r="CB445" i="12"/>
  <c r="CA445" i="12"/>
  <c r="BZ445" i="12"/>
  <c r="BY445" i="12"/>
  <c r="BX445" i="12"/>
  <c r="BW445" i="12"/>
  <c r="BV445" i="12"/>
  <c r="BU445" i="12"/>
  <c r="BT445" i="12"/>
  <c r="BS445" i="12"/>
  <c r="BR445" i="12"/>
  <c r="BQ445" i="12"/>
  <c r="BP445" i="12"/>
  <c r="BO445" i="12"/>
  <c r="BN445" i="12"/>
  <c r="BM445" i="12"/>
  <c r="BL445" i="12"/>
  <c r="BK445" i="12"/>
  <c r="BJ445" i="12"/>
  <c r="BI445" i="12"/>
  <c r="BH445" i="12"/>
  <c r="BF445" i="12"/>
  <c r="Y445" i="12"/>
  <c r="CL444" i="12"/>
  <c r="CK444" i="12"/>
  <c r="CJ444" i="12"/>
  <c r="CI444" i="12"/>
  <c r="CH444" i="12"/>
  <c r="CG444" i="12"/>
  <c r="CF444" i="12"/>
  <c r="CE444" i="12"/>
  <c r="CD444" i="12"/>
  <c r="CC444" i="12"/>
  <c r="CB444" i="12"/>
  <c r="CA444" i="12"/>
  <c r="BZ444" i="12"/>
  <c r="BY444" i="12"/>
  <c r="BX444" i="12"/>
  <c r="BW444" i="12"/>
  <c r="BV444" i="12"/>
  <c r="BU444" i="12"/>
  <c r="BT444" i="12"/>
  <c r="BS444" i="12"/>
  <c r="BR444" i="12"/>
  <c r="BQ444" i="12"/>
  <c r="BP444" i="12"/>
  <c r="BO444" i="12"/>
  <c r="BN444" i="12"/>
  <c r="BM444" i="12"/>
  <c r="BL444" i="12"/>
  <c r="BK444" i="12"/>
  <c r="BJ444" i="12"/>
  <c r="BI444" i="12"/>
  <c r="BH444" i="12"/>
  <c r="BF444" i="12"/>
  <c r="Y444" i="12"/>
  <c r="CL443" i="12"/>
  <c r="CK443" i="12"/>
  <c r="CJ443" i="12"/>
  <c r="CI443" i="12"/>
  <c r="CH443" i="12"/>
  <c r="CG443" i="12"/>
  <c r="CF443" i="12"/>
  <c r="CE443" i="12"/>
  <c r="CD443" i="12"/>
  <c r="CC443" i="12"/>
  <c r="CB443" i="12"/>
  <c r="CA443" i="12"/>
  <c r="BZ443" i="12"/>
  <c r="BY443" i="12"/>
  <c r="BX443" i="12"/>
  <c r="BW443" i="12"/>
  <c r="BV443" i="12"/>
  <c r="BU443" i="12"/>
  <c r="BT443" i="12"/>
  <c r="BS443" i="12"/>
  <c r="BR443" i="12"/>
  <c r="BQ443" i="12"/>
  <c r="BP443" i="12"/>
  <c r="BO443" i="12"/>
  <c r="BN443" i="12"/>
  <c r="BM443" i="12"/>
  <c r="BL443" i="12"/>
  <c r="BK443" i="12"/>
  <c r="BJ443" i="12"/>
  <c r="BI443" i="12"/>
  <c r="BH443" i="12"/>
  <c r="BF443" i="12"/>
  <c r="Y443" i="12"/>
  <c r="CL442" i="12"/>
  <c r="CK442" i="12"/>
  <c r="CJ442" i="12"/>
  <c r="CI442" i="12"/>
  <c r="CH442" i="12"/>
  <c r="CG442" i="12"/>
  <c r="CF442" i="12"/>
  <c r="CE442" i="12"/>
  <c r="CD442" i="12"/>
  <c r="CC442" i="12"/>
  <c r="CB442" i="12"/>
  <c r="CA442" i="12"/>
  <c r="BZ442" i="12"/>
  <c r="BY442" i="12"/>
  <c r="BX442" i="12"/>
  <c r="BW442" i="12"/>
  <c r="BV442" i="12"/>
  <c r="BU442" i="12"/>
  <c r="BT442" i="12"/>
  <c r="BS442" i="12"/>
  <c r="BR442" i="12"/>
  <c r="BQ442" i="12"/>
  <c r="BP442" i="12"/>
  <c r="BO442" i="12"/>
  <c r="BN442" i="12"/>
  <c r="BM442" i="12"/>
  <c r="BL442" i="12"/>
  <c r="BK442" i="12"/>
  <c r="BJ442" i="12"/>
  <c r="BI442" i="12"/>
  <c r="BH442" i="12"/>
  <c r="BF442" i="12"/>
  <c r="Y442" i="12"/>
  <c r="CL441" i="12"/>
  <c r="CK441" i="12"/>
  <c r="CJ441" i="12"/>
  <c r="CI441" i="12"/>
  <c r="CH441" i="12"/>
  <c r="CG441" i="12"/>
  <c r="CF441" i="12"/>
  <c r="CE441" i="12"/>
  <c r="CD441" i="12"/>
  <c r="CC441" i="12"/>
  <c r="CB441" i="12"/>
  <c r="CA441" i="12"/>
  <c r="BZ441" i="12"/>
  <c r="BY441" i="12"/>
  <c r="BX441" i="12"/>
  <c r="BW441" i="12"/>
  <c r="BV441" i="12"/>
  <c r="BU441" i="12"/>
  <c r="BT441" i="12"/>
  <c r="BS441" i="12"/>
  <c r="BR441" i="12"/>
  <c r="BQ441" i="12"/>
  <c r="BP441" i="12"/>
  <c r="BO441" i="12"/>
  <c r="BN441" i="12"/>
  <c r="BM441" i="12"/>
  <c r="BL441" i="12"/>
  <c r="BK441" i="12"/>
  <c r="BJ441" i="12"/>
  <c r="BI441" i="12"/>
  <c r="BH441" i="12"/>
  <c r="BF441" i="12"/>
  <c r="Y441" i="12"/>
  <c r="CL440" i="12"/>
  <c r="CK440" i="12"/>
  <c r="CJ440" i="12"/>
  <c r="CI440" i="12"/>
  <c r="CH440" i="12"/>
  <c r="CG440" i="12"/>
  <c r="CF440" i="12"/>
  <c r="CE440" i="12"/>
  <c r="CD440" i="12"/>
  <c r="CC440" i="12"/>
  <c r="CB440" i="12"/>
  <c r="CA440" i="12"/>
  <c r="BZ440" i="12"/>
  <c r="BY440" i="12"/>
  <c r="BX440" i="12"/>
  <c r="BW440" i="12"/>
  <c r="BV440" i="12"/>
  <c r="BU440" i="12"/>
  <c r="BT440" i="12"/>
  <c r="BS440" i="12"/>
  <c r="BR440" i="12"/>
  <c r="BQ440" i="12"/>
  <c r="BP440" i="12"/>
  <c r="BO440" i="12"/>
  <c r="BN440" i="12"/>
  <c r="BM440" i="12"/>
  <c r="BL440" i="12"/>
  <c r="BK440" i="12"/>
  <c r="BJ440" i="12"/>
  <c r="BI440" i="12"/>
  <c r="BH440" i="12"/>
  <c r="BF440" i="12"/>
  <c r="Y440" i="12"/>
  <c r="CL439" i="12"/>
  <c r="CK439" i="12"/>
  <c r="CJ439" i="12"/>
  <c r="CI439" i="12"/>
  <c r="CH439" i="12"/>
  <c r="CG439" i="12"/>
  <c r="CF439" i="12"/>
  <c r="CE439" i="12"/>
  <c r="CD439" i="12"/>
  <c r="CC439" i="12"/>
  <c r="CB439" i="12"/>
  <c r="CA439" i="12"/>
  <c r="BZ439" i="12"/>
  <c r="BY439" i="12"/>
  <c r="BX439" i="12"/>
  <c r="BW439" i="12"/>
  <c r="BV439" i="12"/>
  <c r="BU439" i="12"/>
  <c r="BT439" i="12"/>
  <c r="BS439" i="12"/>
  <c r="BR439" i="12"/>
  <c r="BQ439" i="12"/>
  <c r="BP439" i="12"/>
  <c r="BO439" i="12"/>
  <c r="BN439" i="12"/>
  <c r="BM439" i="12"/>
  <c r="BL439" i="12"/>
  <c r="BK439" i="12"/>
  <c r="BJ439" i="12"/>
  <c r="BI439" i="12"/>
  <c r="BH439" i="12"/>
  <c r="BF439" i="12"/>
  <c r="Y439" i="12"/>
  <c r="CL438" i="12"/>
  <c r="CK438" i="12"/>
  <c r="CJ438" i="12"/>
  <c r="CI438" i="12"/>
  <c r="CH438" i="12"/>
  <c r="CG438" i="12"/>
  <c r="CF438" i="12"/>
  <c r="CE438" i="12"/>
  <c r="CD438" i="12"/>
  <c r="CC438" i="12"/>
  <c r="CB438" i="12"/>
  <c r="CA438" i="12"/>
  <c r="BZ438" i="12"/>
  <c r="BY438" i="12"/>
  <c r="BX438" i="12"/>
  <c r="BW438" i="12"/>
  <c r="BV438" i="12"/>
  <c r="BU438" i="12"/>
  <c r="BT438" i="12"/>
  <c r="BS438" i="12"/>
  <c r="BR438" i="12"/>
  <c r="BQ438" i="12"/>
  <c r="BP438" i="12"/>
  <c r="BO438" i="12"/>
  <c r="BN438" i="12"/>
  <c r="BM438" i="12"/>
  <c r="BL438" i="12"/>
  <c r="BK438" i="12"/>
  <c r="BJ438" i="12"/>
  <c r="BI438" i="12"/>
  <c r="BH438" i="12"/>
  <c r="BF438" i="12"/>
  <c r="Y438" i="12"/>
  <c r="CL437" i="12"/>
  <c r="CK437" i="12"/>
  <c r="CJ437" i="12"/>
  <c r="CI437" i="12"/>
  <c r="CH437" i="12"/>
  <c r="CG437" i="12"/>
  <c r="CF437" i="12"/>
  <c r="CE437" i="12"/>
  <c r="CD437" i="12"/>
  <c r="CC437" i="12"/>
  <c r="CB437" i="12"/>
  <c r="CA437" i="12"/>
  <c r="BZ437" i="12"/>
  <c r="BY437" i="12"/>
  <c r="BX437" i="12"/>
  <c r="BW437" i="12"/>
  <c r="BV437" i="12"/>
  <c r="BU437" i="12"/>
  <c r="BT437" i="12"/>
  <c r="BS437" i="12"/>
  <c r="BR437" i="12"/>
  <c r="BQ437" i="12"/>
  <c r="BP437" i="12"/>
  <c r="BO437" i="12"/>
  <c r="BN437" i="12"/>
  <c r="BM437" i="12"/>
  <c r="BL437" i="12"/>
  <c r="BK437" i="12"/>
  <c r="BJ437" i="12"/>
  <c r="BI437" i="12"/>
  <c r="BH437" i="12"/>
  <c r="BF437" i="12"/>
  <c r="Y437" i="12"/>
  <c r="CL436" i="12"/>
  <c r="CK436" i="12"/>
  <c r="CJ436" i="12"/>
  <c r="CI436" i="12"/>
  <c r="CH436" i="12"/>
  <c r="CG436" i="12"/>
  <c r="CF436" i="12"/>
  <c r="CE436" i="12"/>
  <c r="CD436" i="12"/>
  <c r="CC436" i="12"/>
  <c r="CB436" i="12"/>
  <c r="CA436" i="12"/>
  <c r="BZ436" i="12"/>
  <c r="BY436" i="12"/>
  <c r="BX436" i="12"/>
  <c r="BW436" i="12"/>
  <c r="BV436" i="12"/>
  <c r="BU436" i="12"/>
  <c r="BT436" i="12"/>
  <c r="BS436" i="12"/>
  <c r="BR436" i="12"/>
  <c r="BQ436" i="12"/>
  <c r="BP436" i="12"/>
  <c r="BO436" i="12"/>
  <c r="BN436" i="12"/>
  <c r="BM436" i="12"/>
  <c r="BL436" i="12"/>
  <c r="BK436" i="12"/>
  <c r="BJ436" i="12"/>
  <c r="BI436" i="12"/>
  <c r="BH436" i="12"/>
  <c r="BF436" i="12"/>
  <c r="Y436" i="12"/>
  <c r="CL435" i="12"/>
  <c r="CK435" i="12"/>
  <c r="CJ435" i="12"/>
  <c r="CI435" i="12"/>
  <c r="CH435" i="12"/>
  <c r="CG435" i="12"/>
  <c r="CF435" i="12"/>
  <c r="CE435" i="12"/>
  <c r="CD435" i="12"/>
  <c r="CC435" i="12"/>
  <c r="CB435" i="12"/>
  <c r="CA435" i="12"/>
  <c r="BZ435" i="12"/>
  <c r="BY435" i="12"/>
  <c r="BX435" i="12"/>
  <c r="BW435" i="12"/>
  <c r="BV435" i="12"/>
  <c r="BU435" i="12"/>
  <c r="BT435" i="12"/>
  <c r="BS435" i="12"/>
  <c r="BR435" i="12"/>
  <c r="BQ435" i="12"/>
  <c r="BP435" i="12"/>
  <c r="BO435" i="12"/>
  <c r="BN435" i="12"/>
  <c r="BM435" i="12"/>
  <c r="BL435" i="12"/>
  <c r="BK435" i="12"/>
  <c r="BJ435" i="12"/>
  <c r="BI435" i="12"/>
  <c r="BH435" i="12"/>
  <c r="BF435" i="12"/>
  <c r="Y435" i="12"/>
  <c r="CL434" i="12"/>
  <c r="CK434" i="12"/>
  <c r="CJ434" i="12"/>
  <c r="CI434" i="12"/>
  <c r="CH434" i="12"/>
  <c r="CG434" i="12"/>
  <c r="CF434" i="12"/>
  <c r="CE434" i="12"/>
  <c r="CD434" i="12"/>
  <c r="CC434" i="12"/>
  <c r="CB434" i="12"/>
  <c r="CA434" i="12"/>
  <c r="BZ434" i="12"/>
  <c r="BY434" i="12"/>
  <c r="BX434" i="12"/>
  <c r="BW434" i="12"/>
  <c r="BV434" i="12"/>
  <c r="BU434" i="12"/>
  <c r="BT434" i="12"/>
  <c r="BS434" i="12"/>
  <c r="BR434" i="12"/>
  <c r="BQ434" i="12"/>
  <c r="BP434" i="12"/>
  <c r="BO434" i="12"/>
  <c r="BN434" i="12"/>
  <c r="BM434" i="12"/>
  <c r="BL434" i="12"/>
  <c r="BK434" i="12"/>
  <c r="BJ434" i="12"/>
  <c r="BI434" i="12"/>
  <c r="BH434" i="12"/>
  <c r="BF434" i="12"/>
  <c r="Y434" i="12"/>
  <c r="CL433" i="12"/>
  <c r="CK433" i="12"/>
  <c r="CJ433" i="12"/>
  <c r="CI433" i="12"/>
  <c r="CH433" i="12"/>
  <c r="CG433" i="12"/>
  <c r="CF433" i="12"/>
  <c r="CE433" i="12"/>
  <c r="CD433" i="12"/>
  <c r="CC433" i="12"/>
  <c r="CB433" i="12"/>
  <c r="CA433" i="12"/>
  <c r="BZ433" i="12"/>
  <c r="BY433" i="12"/>
  <c r="BX433" i="12"/>
  <c r="BW433" i="12"/>
  <c r="BV433" i="12"/>
  <c r="BU433" i="12"/>
  <c r="BT433" i="12"/>
  <c r="BS433" i="12"/>
  <c r="BR433" i="12"/>
  <c r="BQ433" i="12"/>
  <c r="BP433" i="12"/>
  <c r="BO433" i="12"/>
  <c r="BN433" i="12"/>
  <c r="BM433" i="12"/>
  <c r="BL433" i="12"/>
  <c r="BK433" i="12"/>
  <c r="BJ433" i="12"/>
  <c r="BI433" i="12"/>
  <c r="BH433" i="12"/>
  <c r="BF433" i="12"/>
  <c r="Y433" i="12"/>
  <c r="CL432" i="12"/>
  <c r="CK432" i="12"/>
  <c r="CJ432" i="12"/>
  <c r="CI432" i="12"/>
  <c r="CH432" i="12"/>
  <c r="CG432" i="12"/>
  <c r="CF432" i="12"/>
  <c r="CE432" i="12"/>
  <c r="CD432" i="12"/>
  <c r="CC432" i="12"/>
  <c r="CB432" i="12"/>
  <c r="CA432" i="12"/>
  <c r="BZ432" i="12"/>
  <c r="BY432" i="12"/>
  <c r="BX432" i="12"/>
  <c r="BW432" i="12"/>
  <c r="BV432" i="12"/>
  <c r="BU432" i="12"/>
  <c r="BT432" i="12"/>
  <c r="BS432" i="12"/>
  <c r="BR432" i="12"/>
  <c r="BQ432" i="12"/>
  <c r="BP432" i="12"/>
  <c r="BO432" i="12"/>
  <c r="BN432" i="12"/>
  <c r="BM432" i="12"/>
  <c r="BL432" i="12"/>
  <c r="BK432" i="12"/>
  <c r="BJ432" i="12"/>
  <c r="BI432" i="12"/>
  <c r="BH432" i="12"/>
  <c r="BF432" i="12"/>
  <c r="Y432" i="12"/>
  <c r="CL431" i="12"/>
  <c r="CK431" i="12"/>
  <c r="CJ431" i="12"/>
  <c r="CI431" i="12"/>
  <c r="CH431" i="12"/>
  <c r="CG431" i="12"/>
  <c r="CF431" i="12"/>
  <c r="CE431" i="12"/>
  <c r="CD431" i="12"/>
  <c r="CC431" i="12"/>
  <c r="CB431" i="12"/>
  <c r="CA431" i="12"/>
  <c r="BZ431" i="12"/>
  <c r="BY431" i="12"/>
  <c r="BX431" i="12"/>
  <c r="BW431" i="12"/>
  <c r="BV431" i="12"/>
  <c r="BU431" i="12"/>
  <c r="BT431" i="12"/>
  <c r="BS431" i="12"/>
  <c r="BR431" i="12"/>
  <c r="BQ431" i="12"/>
  <c r="BP431" i="12"/>
  <c r="BO431" i="12"/>
  <c r="BN431" i="12"/>
  <c r="BM431" i="12"/>
  <c r="BL431" i="12"/>
  <c r="BK431" i="12"/>
  <c r="BJ431" i="12"/>
  <c r="BI431" i="12"/>
  <c r="BH431" i="12"/>
  <c r="BF431" i="12"/>
  <c r="Y431" i="12"/>
  <c r="CL430" i="12"/>
  <c r="CK430" i="12"/>
  <c r="CJ430" i="12"/>
  <c r="CI430" i="12"/>
  <c r="CH430" i="12"/>
  <c r="CG430" i="12"/>
  <c r="CF430" i="12"/>
  <c r="CE430" i="12"/>
  <c r="CD430" i="12"/>
  <c r="CC430" i="12"/>
  <c r="CB430" i="12"/>
  <c r="CA430" i="12"/>
  <c r="BZ430" i="12"/>
  <c r="BY430" i="12"/>
  <c r="BX430" i="12"/>
  <c r="BW430" i="12"/>
  <c r="BV430" i="12"/>
  <c r="BU430" i="12"/>
  <c r="BT430" i="12"/>
  <c r="BS430" i="12"/>
  <c r="BR430" i="12"/>
  <c r="BQ430" i="12"/>
  <c r="BP430" i="12"/>
  <c r="BO430" i="12"/>
  <c r="BN430" i="12"/>
  <c r="BM430" i="12"/>
  <c r="BL430" i="12"/>
  <c r="BK430" i="12"/>
  <c r="BJ430" i="12"/>
  <c r="BI430" i="12"/>
  <c r="BH430" i="12"/>
  <c r="BF430" i="12"/>
  <c r="Y430" i="12"/>
  <c r="CL428" i="12"/>
  <c r="CK428" i="12"/>
  <c r="CJ428" i="12"/>
  <c r="CI428" i="12"/>
  <c r="CH428" i="12"/>
  <c r="CG428" i="12"/>
  <c r="CF428" i="12"/>
  <c r="CE428" i="12"/>
  <c r="CD428" i="12"/>
  <c r="CC428" i="12"/>
  <c r="CB428" i="12"/>
  <c r="CA428" i="12"/>
  <c r="BZ428" i="12"/>
  <c r="BY428" i="12"/>
  <c r="BX428" i="12"/>
  <c r="BW428" i="12"/>
  <c r="BV428" i="12"/>
  <c r="BU428" i="12"/>
  <c r="BT428" i="12"/>
  <c r="BS428" i="12"/>
  <c r="BR428" i="12"/>
  <c r="BQ428" i="12"/>
  <c r="BP428" i="12"/>
  <c r="BO428" i="12"/>
  <c r="BN428" i="12"/>
  <c r="BM428" i="12"/>
  <c r="BL428" i="12"/>
  <c r="BK428" i="12"/>
  <c r="BJ428" i="12"/>
  <c r="BI428" i="12"/>
  <c r="BH428" i="12"/>
  <c r="BF428" i="12"/>
  <c r="CL427" i="12"/>
  <c r="CK427" i="12"/>
  <c r="CJ427" i="12"/>
  <c r="CI427" i="12"/>
  <c r="CH427" i="12"/>
  <c r="CG427" i="12"/>
  <c r="CF427" i="12"/>
  <c r="CE427" i="12"/>
  <c r="CD427" i="12"/>
  <c r="CC427" i="12"/>
  <c r="CB427" i="12"/>
  <c r="CA427" i="12"/>
  <c r="BZ427" i="12"/>
  <c r="BY427" i="12"/>
  <c r="BX427" i="12"/>
  <c r="BW427" i="12"/>
  <c r="BV427" i="12"/>
  <c r="BU427" i="12"/>
  <c r="BT427" i="12"/>
  <c r="BS427" i="12"/>
  <c r="BR427" i="12"/>
  <c r="BQ427" i="12"/>
  <c r="BP427" i="12"/>
  <c r="BO427" i="12"/>
  <c r="BN427" i="12"/>
  <c r="BM427" i="12"/>
  <c r="BL427" i="12"/>
  <c r="BK427" i="12"/>
  <c r="BJ427" i="12"/>
  <c r="BI427" i="12"/>
  <c r="BH427" i="12"/>
  <c r="BF427" i="12"/>
  <c r="Y427" i="12"/>
  <c r="CL426" i="12"/>
  <c r="CK426" i="12"/>
  <c r="CJ426" i="12"/>
  <c r="CI426" i="12"/>
  <c r="CH426" i="12"/>
  <c r="CG426" i="12"/>
  <c r="CF426" i="12"/>
  <c r="CE426" i="12"/>
  <c r="CD426" i="12"/>
  <c r="CC426" i="12"/>
  <c r="CB426" i="12"/>
  <c r="CA426" i="12"/>
  <c r="BZ426" i="12"/>
  <c r="BY426" i="12"/>
  <c r="BX426" i="12"/>
  <c r="BW426" i="12"/>
  <c r="BV426" i="12"/>
  <c r="BU426" i="12"/>
  <c r="BT426" i="12"/>
  <c r="BS426" i="12"/>
  <c r="BR426" i="12"/>
  <c r="BQ426" i="12"/>
  <c r="BP426" i="12"/>
  <c r="BO426" i="12"/>
  <c r="BN426" i="12"/>
  <c r="BM426" i="12"/>
  <c r="BL426" i="12"/>
  <c r="BK426" i="12"/>
  <c r="BJ426" i="12"/>
  <c r="BI426" i="12"/>
  <c r="BH426" i="12"/>
  <c r="BF426" i="12"/>
  <c r="Y426" i="12"/>
  <c r="CL425" i="12"/>
  <c r="CK425" i="12"/>
  <c r="CJ425" i="12"/>
  <c r="CI425" i="12"/>
  <c r="CH425" i="12"/>
  <c r="CG425" i="12"/>
  <c r="CF425" i="12"/>
  <c r="CE425" i="12"/>
  <c r="CD425" i="12"/>
  <c r="CC425" i="12"/>
  <c r="CB425" i="12"/>
  <c r="CA425" i="12"/>
  <c r="BZ425" i="12"/>
  <c r="BY425" i="12"/>
  <c r="BX425" i="12"/>
  <c r="BW425" i="12"/>
  <c r="BV425" i="12"/>
  <c r="BU425" i="12"/>
  <c r="BT425" i="12"/>
  <c r="BS425" i="12"/>
  <c r="BR425" i="12"/>
  <c r="BQ425" i="12"/>
  <c r="BP425" i="12"/>
  <c r="BO425" i="12"/>
  <c r="BN425" i="12"/>
  <c r="BM425" i="12"/>
  <c r="BL425" i="12"/>
  <c r="BK425" i="12"/>
  <c r="BJ425" i="12"/>
  <c r="BI425" i="12"/>
  <c r="BH425" i="12"/>
  <c r="BF425" i="12"/>
  <c r="Y425" i="12"/>
  <c r="CL424" i="12"/>
  <c r="CK424" i="12"/>
  <c r="CJ424" i="12"/>
  <c r="CI424" i="12"/>
  <c r="CH424" i="12"/>
  <c r="CG424" i="12"/>
  <c r="CF424" i="12"/>
  <c r="CE424" i="12"/>
  <c r="CD424" i="12"/>
  <c r="CC424" i="12"/>
  <c r="CB424" i="12"/>
  <c r="CA424" i="12"/>
  <c r="BZ424" i="12"/>
  <c r="BY424" i="12"/>
  <c r="BX424" i="12"/>
  <c r="BW424" i="12"/>
  <c r="BV424" i="12"/>
  <c r="BU424" i="12"/>
  <c r="BT424" i="12"/>
  <c r="BS424" i="12"/>
  <c r="BR424" i="12"/>
  <c r="BQ424" i="12"/>
  <c r="BP424" i="12"/>
  <c r="BO424" i="12"/>
  <c r="BN424" i="12"/>
  <c r="BM424" i="12"/>
  <c r="BL424" i="12"/>
  <c r="BK424" i="12"/>
  <c r="BJ424" i="12"/>
  <c r="BI424" i="12"/>
  <c r="BH424" i="12"/>
  <c r="BF424" i="12"/>
  <c r="Y424" i="12"/>
  <c r="CL423" i="12"/>
  <c r="CK423" i="12"/>
  <c r="CJ423" i="12"/>
  <c r="CI423" i="12"/>
  <c r="CH423" i="12"/>
  <c r="CG423" i="12"/>
  <c r="CF423" i="12"/>
  <c r="CE423" i="12"/>
  <c r="CD423" i="12"/>
  <c r="CC423" i="12"/>
  <c r="CB423" i="12"/>
  <c r="CA423" i="12"/>
  <c r="BZ423" i="12"/>
  <c r="BY423" i="12"/>
  <c r="BX423" i="12"/>
  <c r="BW423" i="12"/>
  <c r="BV423" i="12"/>
  <c r="BU423" i="12"/>
  <c r="BT423" i="12"/>
  <c r="BS423" i="12"/>
  <c r="BR423" i="12"/>
  <c r="BQ423" i="12"/>
  <c r="BP423" i="12"/>
  <c r="BO423" i="12"/>
  <c r="BN423" i="12"/>
  <c r="BM423" i="12"/>
  <c r="BL423" i="12"/>
  <c r="BK423" i="12"/>
  <c r="BJ423" i="12"/>
  <c r="BI423" i="12"/>
  <c r="BH423" i="12"/>
  <c r="BF423" i="12"/>
  <c r="Y423" i="12"/>
  <c r="CL422" i="12"/>
  <c r="CK422" i="12"/>
  <c r="CJ422" i="12"/>
  <c r="CI422" i="12"/>
  <c r="CH422" i="12"/>
  <c r="CG422" i="12"/>
  <c r="CF422" i="12"/>
  <c r="CE422" i="12"/>
  <c r="CD422" i="12"/>
  <c r="CC422" i="12"/>
  <c r="CB422" i="12"/>
  <c r="CA422" i="12"/>
  <c r="BZ422" i="12"/>
  <c r="BY422" i="12"/>
  <c r="BX422" i="12"/>
  <c r="BW422" i="12"/>
  <c r="BV422" i="12"/>
  <c r="BU422" i="12"/>
  <c r="BT422" i="12"/>
  <c r="BS422" i="12"/>
  <c r="BR422" i="12"/>
  <c r="BQ422" i="12"/>
  <c r="BP422" i="12"/>
  <c r="BO422" i="12"/>
  <c r="BN422" i="12"/>
  <c r="BM422" i="12"/>
  <c r="BL422" i="12"/>
  <c r="BK422" i="12"/>
  <c r="BJ422" i="12"/>
  <c r="BI422" i="12"/>
  <c r="BH422" i="12"/>
  <c r="BF422" i="12"/>
  <c r="Y422" i="12"/>
  <c r="CL421" i="12"/>
  <c r="CK421" i="12"/>
  <c r="CJ421" i="12"/>
  <c r="CI421" i="12"/>
  <c r="CH421" i="12"/>
  <c r="CG421" i="12"/>
  <c r="CF421" i="12"/>
  <c r="CE421" i="12"/>
  <c r="CD421" i="12"/>
  <c r="CC421" i="12"/>
  <c r="CB421" i="12"/>
  <c r="CA421" i="12"/>
  <c r="BZ421" i="12"/>
  <c r="BY421" i="12"/>
  <c r="BX421" i="12"/>
  <c r="BW421" i="12"/>
  <c r="BV421" i="12"/>
  <c r="BU421" i="12"/>
  <c r="BT421" i="12"/>
  <c r="BS421" i="12"/>
  <c r="BR421" i="12"/>
  <c r="BQ421" i="12"/>
  <c r="BP421" i="12"/>
  <c r="BO421" i="12"/>
  <c r="BN421" i="12"/>
  <c r="BM421" i="12"/>
  <c r="BL421" i="12"/>
  <c r="BK421" i="12"/>
  <c r="BJ421" i="12"/>
  <c r="BI421" i="12"/>
  <c r="BH421" i="12"/>
  <c r="BF421" i="12"/>
  <c r="Y421" i="12"/>
  <c r="CL420" i="12"/>
  <c r="CK420" i="12"/>
  <c r="CJ420" i="12"/>
  <c r="CI420" i="12"/>
  <c r="CH420" i="12"/>
  <c r="CG420" i="12"/>
  <c r="CF420" i="12"/>
  <c r="CE420" i="12"/>
  <c r="CD420" i="12"/>
  <c r="CC420" i="12"/>
  <c r="CB420" i="12"/>
  <c r="CA420" i="12"/>
  <c r="BZ420" i="12"/>
  <c r="BY420" i="12"/>
  <c r="BX420" i="12"/>
  <c r="BW420" i="12"/>
  <c r="BV420" i="12"/>
  <c r="BU420" i="12"/>
  <c r="BT420" i="12"/>
  <c r="BS420" i="12"/>
  <c r="BR420" i="12"/>
  <c r="BQ420" i="12"/>
  <c r="BP420" i="12"/>
  <c r="BO420" i="12"/>
  <c r="BN420" i="12"/>
  <c r="BM420" i="12"/>
  <c r="BL420" i="12"/>
  <c r="BK420" i="12"/>
  <c r="BJ420" i="12"/>
  <c r="BI420" i="12"/>
  <c r="BH420" i="12"/>
  <c r="BF420" i="12"/>
  <c r="Y420" i="12"/>
  <c r="CL419" i="12"/>
  <c r="CK419" i="12"/>
  <c r="CJ419" i="12"/>
  <c r="CI419" i="12"/>
  <c r="CH419" i="12"/>
  <c r="CG419" i="12"/>
  <c r="CF419" i="12"/>
  <c r="CE419" i="12"/>
  <c r="CD419" i="12"/>
  <c r="CC419" i="12"/>
  <c r="CB419" i="12"/>
  <c r="CA419" i="12"/>
  <c r="BZ419" i="12"/>
  <c r="BY419" i="12"/>
  <c r="BX419" i="12"/>
  <c r="BW419" i="12"/>
  <c r="BV419" i="12"/>
  <c r="BU419" i="12"/>
  <c r="BT419" i="12"/>
  <c r="BS419" i="12"/>
  <c r="BR419" i="12"/>
  <c r="BQ419" i="12"/>
  <c r="BP419" i="12"/>
  <c r="BO419" i="12"/>
  <c r="BN419" i="12"/>
  <c r="BM419" i="12"/>
  <c r="BL419" i="12"/>
  <c r="BK419" i="12"/>
  <c r="BJ419" i="12"/>
  <c r="BI419" i="12"/>
  <c r="BH419" i="12"/>
  <c r="BF419" i="12"/>
  <c r="Y419" i="12"/>
  <c r="CL418" i="12"/>
  <c r="CK418" i="12"/>
  <c r="CJ418" i="12"/>
  <c r="CI418" i="12"/>
  <c r="CH418" i="12"/>
  <c r="CG418" i="12"/>
  <c r="CF418" i="12"/>
  <c r="CE418" i="12"/>
  <c r="CD418" i="12"/>
  <c r="CC418" i="12"/>
  <c r="CB418" i="12"/>
  <c r="CA418" i="12"/>
  <c r="BZ418" i="12"/>
  <c r="BY418" i="12"/>
  <c r="BX418" i="12"/>
  <c r="BW418" i="12"/>
  <c r="BV418" i="12"/>
  <c r="BU418" i="12"/>
  <c r="BT418" i="12"/>
  <c r="BS418" i="12"/>
  <c r="BR418" i="12"/>
  <c r="BQ418" i="12"/>
  <c r="BP418" i="12"/>
  <c r="BO418" i="12"/>
  <c r="BN418" i="12"/>
  <c r="BM418" i="12"/>
  <c r="BL418" i="12"/>
  <c r="BK418" i="12"/>
  <c r="BJ418" i="12"/>
  <c r="BI418" i="12"/>
  <c r="BH418" i="12"/>
  <c r="BF418" i="12"/>
  <c r="Y418" i="12"/>
  <c r="CL417" i="12"/>
  <c r="CK417" i="12"/>
  <c r="CJ417" i="12"/>
  <c r="CI417" i="12"/>
  <c r="CH417" i="12"/>
  <c r="CG417" i="12"/>
  <c r="CF417" i="12"/>
  <c r="CE417" i="12"/>
  <c r="CD417" i="12"/>
  <c r="CC417" i="12"/>
  <c r="CB417" i="12"/>
  <c r="CA417" i="12"/>
  <c r="BZ417" i="12"/>
  <c r="BY417" i="12"/>
  <c r="BX417" i="12"/>
  <c r="BW417" i="12"/>
  <c r="BV417" i="12"/>
  <c r="BU417" i="12"/>
  <c r="BT417" i="12"/>
  <c r="BS417" i="12"/>
  <c r="BR417" i="12"/>
  <c r="BQ417" i="12"/>
  <c r="BP417" i="12"/>
  <c r="BO417" i="12"/>
  <c r="BN417" i="12"/>
  <c r="BM417" i="12"/>
  <c r="BL417" i="12"/>
  <c r="BK417" i="12"/>
  <c r="BJ417" i="12"/>
  <c r="BI417" i="12"/>
  <c r="BH417" i="12"/>
  <c r="BF417" i="12"/>
  <c r="Y417" i="12"/>
  <c r="CL416" i="12"/>
  <c r="CK416" i="12"/>
  <c r="CJ416" i="12"/>
  <c r="CI416" i="12"/>
  <c r="CH416" i="12"/>
  <c r="CG416" i="12"/>
  <c r="CF416" i="12"/>
  <c r="CE416" i="12"/>
  <c r="CD416" i="12"/>
  <c r="CC416" i="12"/>
  <c r="CB416" i="12"/>
  <c r="CA416" i="12"/>
  <c r="BZ416" i="12"/>
  <c r="BY416" i="12"/>
  <c r="BX416" i="12"/>
  <c r="BW416" i="12"/>
  <c r="BV416" i="12"/>
  <c r="BU416" i="12"/>
  <c r="BT416" i="12"/>
  <c r="BS416" i="12"/>
  <c r="BR416" i="12"/>
  <c r="BQ416" i="12"/>
  <c r="BP416" i="12"/>
  <c r="BO416" i="12"/>
  <c r="BN416" i="12"/>
  <c r="BM416" i="12"/>
  <c r="BL416" i="12"/>
  <c r="BK416" i="12"/>
  <c r="BJ416" i="12"/>
  <c r="BI416" i="12"/>
  <c r="BH416" i="12"/>
  <c r="BF416" i="12"/>
  <c r="Y416" i="12"/>
  <c r="CL415" i="12"/>
  <c r="CK415" i="12"/>
  <c r="CJ415" i="12"/>
  <c r="CI415" i="12"/>
  <c r="CH415" i="12"/>
  <c r="CG415" i="12"/>
  <c r="CF415" i="12"/>
  <c r="CE415" i="12"/>
  <c r="CD415" i="12"/>
  <c r="CC415" i="12"/>
  <c r="CB415" i="12"/>
  <c r="CA415" i="12"/>
  <c r="BZ415" i="12"/>
  <c r="BY415" i="12"/>
  <c r="BX415" i="12"/>
  <c r="BW415" i="12"/>
  <c r="BV415" i="12"/>
  <c r="BU415" i="12"/>
  <c r="BT415" i="12"/>
  <c r="BS415" i="12"/>
  <c r="BR415" i="12"/>
  <c r="BQ415" i="12"/>
  <c r="BP415" i="12"/>
  <c r="BO415" i="12"/>
  <c r="BN415" i="12"/>
  <c r="BM415" i="12"/>
  <c r="BL415" i="12"/>
  <c r="BK415" i="12"/>
  <c r="BJ415" i="12"/>
  <c r="BI415" i="12"/>
  <c r="BH415" i="12"/>
  <c r="BF415" i="12"/>
  <c r="Y415" i="12"/>
  <c r="CL414" i="12"/>
  <c r="CK414" i="12"/>
  <c r="CJ414" i="12"/>
  <c r="CI414" i="12"/>
  <c r="CH414" i="12"/>
  <c r="CG414" i="12"/>
  <c r="CF414" i="12"/>
  <c r="CE414" i="12"/>
  <c r="CD414" i="12"/>
  <c r="CC414" i="12"/>
  <c r="CB414" i="12"/>
  <c r="CA414" i="12"/>
  <c r="BZ414" i="12"/>
  <c r="BY414" i="12"/>
  <c r="BX414" i="12"/>
  <c r="BW414" i="12"/>
  <c r="BV414" i="12"/>
  <c r="BU414" i="12"/>
  <c r="BT414" i="12"/>
  <c r="BS414" i="12"/>
  <c r="BR414" i="12"/>
  <c r="BQ414" i="12"/>
  <c r="BP414" i="12"/>
  <c r="BO414" i="12"/>
  <c r="BN414" i="12"/>
  <c r="BM414" i="12"/>
  <c r="BL414" i="12"/>
  <c r="BK414" i="12"/>
  <c r="BJ414" i="12"/>
  <c r="BI414" i="12"/>
  <c r="BH414" i="12"/>
  <c r="BF414" i="12"/>
  <c r="Y414" i="12"/>
  <c r="CL407" i="12"/>
  <c r="CK407" i="12"/>
  <c r="CJ407" i="12"/>
  <c r="CI407" i="12"/>
  <c r="CH407" i="12"/>
  <c r="CG407" i="12"/>
  <c r="CF407" i="12"/>
  <c r="CE407" i="12"/>
  <c r="CD407" i="12"/>
  <c r="CC407" i="12"/>
  <c r="CB407" i="12"/>
  <c r="CA407" i="12"/>
  <c r="BZ407" i="12"/>
  <c r="BY407" i="12"/>
  <c r="BX407" i="12"/>
  <c r="BW407" i="12"/>
  <c r="BV407" i="12"/>
  <c r="BU407" i="12"/>
  <c r="BT407" i="12"/>
  <c r="BS407" i="12"/>
  <c r="BR407" i="12"/>
  <c r="BQ407" i="12"/>
  <c r="BP407" i="12"/>
  <c r="BO407" i="12"/>
  <c r="BN407" i="12"/>
  <c r="BM407" i="12"/>
  <c r="BL407" i="12"/>
  <c r="BK407" i="12"/>
  <c r="BJ407" i="12"/>
  <c r="BI407" i="12"/>
  <c r="BH407" i="12"/>
  <c r="BF407" i="12"/>
  <c r="Y407" i="12"/>
  <c r="CL405" i="12"/>
  <c r="CK405" i="12"/>
  <c r="CJ405" i="12"/>
  <c r="CI405" i="12"/>
  <c r="CH405" i="12"/>
  <c r="CG405" i="12"/>
  <c r="CF405" i="12"/>
  <c r="CE405" i="12"/>
  <c r="CD405" i="12"/>
  <c r="CC405" i="12"/>
  <c r="CB405" i="12"/>
  <c r="CA405" i="12"/>
  <c r="BZ405" i="12"/>
  <c r="BY405" i="12"/>
  <c r="BX405" i="12"/>
  <c r="BW405" i="12"/>
  <c r="BV405" i="12"/>
  <c r="BU405" i="12"/>
  <c r="BT405" i="12"/>
  <c r="BS405" i="12"/>
  <c r="BR405" i="12"/>
  <c r="BQ405" i="12"/>
  <c r="BP405" i="12"/>
  <c r="BO405" i="12"/>
  <c r="BN405" i="12"/>
  <c r="BM405" i="12"/>
  <c r="BL405" i="12"/>
  <c r="BK405" i="12"/>
  <c r="BJ405" i="12"/>
  <c r="BI405" i="12"/>
  <c r="BH405" i="12"/>
  <c r="BF405" i="12"/>
  <c r="Y405" i="12"/>
  <c r="CL404" i="12"/>
  <c r="CK404" i="12"/>
  <c r="CJ404" i="12"/>
  <c r="CI404" i="12"/>
  <c r="CH404" i="12"/>
  <c r="CG404" i="12"/>
  <c r="CF404" i="12"/>
  <c r="CE404" i="12"/>
  <c r="CD404" i="12"/>
  <c r="CC404" i="12"/>
  <c r="CB404" i="12"/>
  <c r="CA404" i="12"/>
  <c r="BZ404" i="12"/>
  <c r="BY404" i="12"/>
  <c r="BX404" i="12"/>
  <c r="BW404" i="12"/>
  <c r="BV404" i="12"/>
  <c r="BU404" i="12"/>
  <c r="BT404" i="12"/>
  <c r="BS404" i="12"/>
  <c r="BR404" i="12"/>
  <c r="BQ404" i="12"/>
  <c r="BP404" i="12"/>
  <c r="BO404" i="12"/>
  <c r="BN404" i="12"/>
  <c r="BM404" i="12"/>
  <c r="BL404" i="12"/>
  <c r="BK404" i="12"/>
  <c r="BJ404" i="12"/>
  <c r="BI404" i="12"/>
  <c r="BH404" i="12"/>
  <c r="BF404" i="12"/>
  <c r="Y404" i="12"/>
  <c r="CL403" i="12"/>
  <c r="CK403" i="12"/>
  <c r="CJ403" i="12"/>
  <c r="CI403" i="12"/>
  <c r="CH403" i="12"/>
  <c r="CG403" i="12"/>
  <c r="CF403" i="12"/>
  <c r="CE403" i="12"/>
  <c r="CD403" i="12"/>
  <c r="CC403" i="12"/>
  <c r="CB403" i="12"/>
  <c r="CA403" i="12"/>
  <c r="BZ403" i="12"/>
  <c r="BY403" i="12"/>
  <c r="BX403" i="12"/>
  <c r="BW403" i="12"/>
  <c r="BV403" i="12"/>
  <c r="BU403" i="12"/>
  <c r="BT403" i="12"/>
  <c r="BS403" i="12"/>
  <c r="BR403" i="12"/>
  <c r="BQ403" i="12"/>
  <c r="BP403" i="12"/>
  <c r="BO403" i="12"/>
  <c r="BN403" i="12"/>
  <c r="BM403" i="12"/>
  <c r="BL403" i="12"/>
  <c r="BK403" i="12"/>
  <c r="BJ403" i="12"/>
  <c r="BI403" i="12"/>
  <c r="BH403" i="12"/>
  <c r="BF403" i="12"/>
  <c r="Y403" i="12"/>
  <c r="CL402" i="12"/>
  <c r="CK402" i="12"/>
  <c r="CJ402" i="12"/>
  <c r="CI402" i="12"/>
  <c r="CH402" i="12"/>
  <c r="CG402" i="12"/>
  <c r="CF402" i="12"/>
  <c r="CE402" i="12"/>
  <c r="CD402" i="12"/>
  <c r="CC402" i="12"/>
  <c r="CB402" i="12"/>
  <c r="CA402" i="12"/>
  <c r="BZ402" i="12"/>
  <c r="BY402" i="12"/>
  <c r="BX402" i="12"/>
  <c r="BW402" i="12"/>
  <c r="BV402" i="12"/>
  <c r="BU402" i="12"/>
  <c r="BT402" i="12"/>
  <c r="BS402" i="12"/>
  <c r="BR402" i="12"/>
  <c r="BQ402" i="12"/>
  <c r="BP402" i="12"/>
  <c r="BO402" i="12"/>
  <c r="BN402" i="12"/>
  <c r="BM402" i="12"/>
  <c r="BL402" i="12"/>
  <c r="BK402" i="12"/>
  <c r="BJ402" i="12"/>
  <c r="BI402" i="12"/>
  <c r="BH402" i="12"/>
  <c r="BF402" i="12"/>
  <c r="Y402" i="12"/>
  <c r="CL401" i="12"/>
  <c r="CK401" i="12"/>
  <c r="CJ401" i="12"/>
  <c r="CI401" i="12"/>
  <c r="CH401" i="12"/>
  <c r="CG401" i="12"/>
  <c r="CF401" i="12"/>
  <c r="CE401" i="12"/>
  <c r="CD401" i="12"/>
  <c r="CC401" i="12"/>
  <c r="CB401" i="12"/>
  <c r="CA401" i="12"/>
  <c r="BZ401" i="12"/>
  <c r="BY401" i="12"/>
  <c r="BX401" i="12"/>
  <c r="BW401" i="12"/>
  <c r="BV401" i="12"/>
  <c r="BU401" i="12"/>
  <c r="BT401" i="12"/>
  <c r="BS401" i="12"/>
  <c r="BR401" i="12"/>
  <c r="BQ401" i="12"/>
  <c r="BP401" i="12"/>
  <c r="BO401" i="12"/>
  <c r="BN401" i="12"/>
  <c r="BM401" i="12"/>
  <c r="BL401" i="12"/>
  <c r="BK401" i="12"/>
  <c r="BJ401" i="12"/>
  <c r="BI401" i="12"/>
  <c r="BH401" i="12"/>
  <c r="BF401" i="12"/>
  <c r="Y401" i="12"/>
  <c r="CL400" i="12"/>
  <c r="CK400" i="12"/>
  <c r="CJ400" i="12"/>
  <c r="CI400" i="12"/>
  <c r="CH400" i="12"/>
  <c r="CG400" i="12"/>
  <c r="CF400" i="12"/>
  <c r="CE400" i="12"/>
  <c r="CD400" i="12"/>
  <c r="CC400" i="12"/>
  <c r="CB400" i="12"/>
  <c r="CA400" i="12"/>
  <c r="BZ400" i="12"/>
  <c r="BY400" i="12"/>
  <c r="BX400" i="12"/>
  <c r="BW400" i="12"/>
  <c r="BV400" i="12"/>
  <c r="BU400" i="12"/>
  <c r="BT400" i="12"/>
  <c r="BS400" i="12"/>
  <c r="BR400" i="12"/>
  <c r="BQ400" i="12"/>
  <c r="BP400" i="12"/>
  <c r="BO400" i="12"/>
  <c r="BN400" i="12"/>
  <c r="BM400" i="12"/>
  <c r="BL400" i="12"/>
  <c r="BK400" i="12"/>
  <c r="BJ400" i="12"/>
  <c r="BI400" i="12"/>
  <c r="BH400" i="12"/>
  <c r="BF400" i="12"/>
  <c r="Y400" i="12"/>
  <c r="CL399" i="12"/>
  <c r="CK399" i="12"/>
  <c r="CJ399" i="12"/>
  <c r="CI399" i="12"/>
  <c r="CH399" i="12"/>
  <c r="CG399" i="12"/>
  <c r="CF399" i="12"/>
  <c r="CE399" i="12"/>
  <c r="CD399" i="12"/>
  <c r="CC399" i="12"/>
  <c r="CB399" i="12"/>
  <c r="CA399" i="12"/>
  <c r="BZ399" i="12"/>
  <c r="BY399" i="12"/>
  <c r="BX399" i="12"/>
  <c r="BW399" i="12"/>
  <c r="BV399" i="12"/>
  <c r="BU399" i="12"/>
  <c r="BT399" i="12"/>
  <c r="BS399" i="12"/>
  <c r="BR399" i="12"/>
  <c r="BQ399" i="12"/>
  <c r="BP399" i="12"/>
  <c r="BO399" i="12"/>
  <c r="BN399" i="12"/>
  <c r="BM399" i="12"/>
  <c r="BL399" i="12"/>
  <c r="BK399" i="12"/>
  <c r="BJ399" i="12"/>
  <c r="BI399" i="12"/>
  <c r="BH399" i="12"/>
  <c r="BF399" i="12"/>
  <c r="Y399" i="12"/>
  <c r="CL398" i="12"/>
  <c r="CK398" i="12"/>
  <c r="CJ398" i="12"/>
  <c r="CI398" i="12"/>
  <c r="CH398" i="12"/>
  <c r="CG398" i="12"/>
  <c r="CF398" i="12"/>
  <c r="CE398" i="12"/>
  <c r="CD398" i="12"/>
  <c r="CC398" i="12"/>
  <c r="CB398" i="12"/>
  <c r="CA398" i="12"/>
  <c r="BZ398" i="12"/>
  <c r="BY398" i="12"/>
  <c r="BX398" i="12"/>
  <c r="BW398" i="12"/>
  <c r="BV398" i="12"/>
  <c r="BU398" i="12"/>
  <c r="BT398" i="12"/>
  <c r="BS398" i="12"/>
  <c r="BR398" i="12"/>
  <c r="BQ398" i="12"/>
  <c r="BP398" i="12"/>
  <c r="BO398" i="12"/>
  <c r="BN398" i="12"/>
  <c r="BM398" i="12"/>
  <c r="BL398" i="12"/>
  <c r="BK398" i="12"/>
  <c r="BJ398" i="12"/>
  <c r="BI398" i="12"/>
  <c r="BH398" i="12"/>
  <c r="BF398" i="12"/>
  <c r="Y398" i="12"/>
  <c r="CL397" i="12"/>
  <c r="CK397" i="12"/>
  <c r="CJ397" i="12"/>
  <c r="CI397" i="12"/>
  <c r="CH397" i="12"/>
  <c r="CG397" i="12"/>
  <c r="CF397" i="12"/>
  <c r="CE397" i="12"/>
  <c r="CD397" i="12"/>
  <c r="CC397" i="12"/>
  <c r="CB397" i="12"/>
  <c r="CA397" i="12"/>
  <c r="BZ397" i="12"/>
  <c r="BY397" i="12"/>
  <c r="BX397" i="12"/>
  <c r="BW397" i="12"/>
  <c r="BV397" i="12"/>
  <c r="BU397" i="12"/>
  <c r="BT397" i="12"/>
  <c r="BS397" i="12"/>
  <c r="BR397" i="12"/>
  <c r="BQ397" i="12"/>
  <c r="BP397" i="12"/>
  <c r="BO397" i="12"/>
  <c r="BN397" i="12"/>
  <c r="BM397" i="12"/>
  <c r="BL397" i="12"/>
  <c r="BK397" i="12"/>
  <c r="BJ397" i="12"/>
  <c r="BI397" i="12"/>
  <c r="BH397" i="12"/>
  <c r="BF397" i="12"/>
  <c r="Y397" i="12"/>
  <c r="CL396" i="12"/>
  <c r="CK396" i="12"/>
  <c r="CJ396" i="12"/>
  <c r="CI396" i="12"/>
  <c r="CH396" i="12"/>
  <c r="CG396" i="12"/>
  <c r="CF396" i="12"/>
  <c r="CE396" i="12"/>
  <c r="CD396" i="12"/>
  <c r="CC396" i="12"/>
  <c r="CB396" i="12"/>
  <c r="CA396" i="12"/>
  <c r="BZ396" i="12"/>
  <c r="BY396" i="12"/>
  <c r="BX396" i="12"/>
  <c r="BW396" i="12"/>
  <c r="BV396" i="12"/>
  <c r="BU396" i="12"/>
  <c r="BT396" i="12"/>
  <c r="BS396" i="12"/>
  <c r="BR396" i="12"/>
  <c r="BQ396" i="12"/>
  <c r="BP396" i="12"/>
  <c r="BO396" i="12"/>
  <c r="BN396" i="12"/>
  <c r="BM396" i="12"/>
  <c r="BL396" i="12"/>
  <c r="BK396" i="12"/>
  <c r="BJ396" i="12"/>
  <c r="BI396" i="12"/>
  <c r="BH396" i="12"/>
  <c r="BF396" i="12"/>
  <c r="Y396" i="12"/>
  <c r="CL395" i="12"/>
  <c r="CK395" i="12"/>
  <c r="CJ395" i="12"/>
  <c r="CI395" i="12"/>
  <c r="CH395" i="12"/>
  <c r="CG395" i="12"/>
  <c r="CF395" i="12"/>
  <c r="CE395" i="12"/>
  <c r="CD395" i="12"/>
  <c r="CC395" i="12"/>
  <c r="CB395" i="12"/>
  <c r="CA395" i="12"/>
  <c r="BZ395" i="12"/>
  <c r="BY395" i="12"/>
  <c r="BX395" i="12"/>
  <c r="BW395" i="12"/>
  <c r="BV395" i="12"/>
  <c r="BU395" i="12"/>
  <c r="BT395" i="12"/>
  <c r="BS395" i="12"/>
  <c r="BR395" i="12"/>
  <c r="BQ395" i="12"/>
  <c r="BP395" i="12"/>
  <c r="BO395" i="12"/>
  <c r="BN395" i="12"/>
  <c r="BM395" i="12"/>
  <c r="BL395" i="12"/>
  <c r="BK395" i="12"/>
  <c r="BJ395" i="12"/>
  <c r="BI395" i="12"/>
  <c r="BH395" i="12"/>
  <c r="BF395" i="12"/>
  <c r="Y395" i="12"/>
  <c r="CL394" i="12"/>
  <c r="CK394" i="12"/>
  <c r="CJ394" i="12"/>
  <c r="CI394" i="12"/>
  <c r="CH394" i="12"/>
  <c r="CG394" i="12"/>
  <c r="CF394" i="12"/>
  <c r="CE394" i="12"/>
  <c r="CD394" i="12"/>
  <c r="CC394" i="12"/>
  <c r="CB394" i="12"/>
  <c r="CA394" i="12"/>
  <c r="BZ394" i="12"/>
  <c r="BY394" i="12"/>
  <c r="BX394" i="12"/>
  <c r="BW394" i="12"/>
  <c r="BV394" i="12"/>
  <c r="BU394" i="12"/>
  <c r="BT394" i="12"/>
  <c r="BS394" i="12"/>
  <c r="BR394" i="12"/>
  <c r="BQ394" i="12"/>
  <c r="BP394" i="12"/>
  <c r="BO394" i="12"/>
  <c r="BN394" i="12"/>
  <c r="BM394" i="12"/>
  <c r="BL394" i="12"/>
  <c r="BK394" i="12"/>
  <c r="BJ394" i="12"/>
  <c r="BI394" i="12"/>
  <c r="BH394" i="12"/>
  <c r="BF394" i="12"/>
  <c r="Y394" i="12"/>
  <c r="CL393" i="12"/>
  <c r="CK393" i="12"/>
  <c r="CJ393" i="12"/>
  <c r="CI393" i="12"/>
  <c r="CH393" i="12"/>
  <c r="CG393" i="12"/>
  <c r="CF393" i="12"/>
  <c r="CE393" i="12"/>
  <c r="CD393" i="12"/>
  <c r="CC393" i="12"/>
  <c r="CB393" i="12"/>
  <c r="CA393" i="12"/>
  <c r="BZ393" i="12"/>
  <c r="BY393" i="12"/>
  <c r="BX393" i="12"/>
  <c r="BW393" i="12"/>
  <c r="BV393" i="12"/>
  <c r="BU393" i="12"/>
  <c r="BT393" i="12"/>
  <c r="BS393" i="12"/>
  <c r="BR393" i="12"/>
  <c r="BQ393" i="12"/>
  <c r="BP393" i="12"/>
  <c r="BO393" i="12"/>
  <c r="BN393" i="12"/>
  <c r="BM393" i="12"/>
  <c r="BL393" i="12"/>
  <c r="BK393" i="12"/>
  <c r="BJ393" i="12"/>
  <c r="BI393" i="12"/>
  <c r="BH393" i="12"/>
  <c r="BF393" i="12"/>
  <c r="Y393" i="12"/>
  <c r="CL392" i="12"/>
  <c r="CK392" i="12"/>
  <c r="CJ392" i="12"/>
  <c r="CI392" i="12"/>
  <c r="CH392" i="12"/>
  <c r="CG392" i="12"/>
  <c r="CF392" i="12"/>
  <c r="CE392" i="12"/>
  <c r="CD392" i="12"/>
  <c r="CC392" i="12"/>
  <c r="CB392" i="12"/>
  <c r="CA392" i="12"/>
  <c r="BZ392" i="12"/>
  <c r="BY392" i="12"/>
  <c r="BX392" i="12"/>
  <c r="BW392" i="12"/>
  <c r="BV392" i="12"/>
  <c r="BU392" i="12"/>
  <c r="BT392" i="12"/>
  <c r="BS392" i="12"/>
  <c r="BR392" i="12"/>
  <c r="BQ392" i="12"/>
  <c r="BP392" i="12"/>
  <c r="BO392" i="12"/>
  <c r="BN392" i="12"/>
  <c r="BM392" i="12"/>
  <c r="BL392" i="12"/>
  <c r="BK392" i="12"/>
  <c r="BJ392" i="12"/>
  <c r="BI392" i="12"/>
  <c r="BH392" i="12"/>
  <c r="BF392" i="12"/>
  <c r="Y392" i="12"/>
  <c r="CL391" i="12"/>
  <c r="CK391" i="12"/>
  <c r="CJ391" i="12"/>
  <c r="CI391" i="12"/>
  <c r="CH391" i="12"/>
  <c r="CG391" i="12"/>
  <c r="CF391" i="12"/>
  <c r="CE391" i="12"/>
  <c r="CD391" i="12"/>
  <c r="CC391" i="12"/>
  <c r="CB391" i="12"/>
  <c r="CA391" i="12"/>
  <c r="BZ391" i="12"/>
  <c r="BY391" i="12"/>
  <c r="BX391" i="12"/>
  <c r="BW391" i="12"/>
  <c r="BV391" i="12"/>
  <c r="BU391" i="12"/>
  <c r="BT391" i="12"/>
  <c r="BS391" i="12"/>
  <c r="BR391" i="12"/>
  <c r="BQ391" i="12"/>
  <c r="BP391" i="12"/>
  <c r="BO391" i="12"/>
  <c r="BN391" i="12"/>
  <c r="BM391" i="12"/>
  <c r="BL391" i="12"/>
  <c r="BK391" i="12"/>
  <c r="BJ391" i="12"/>
  <c r="BI391" i="12"/>
  <c r="BH391" i="12"/>
  <c r="BF391" i="12"/>
  <c r="Y391" i="12"/>
  <c r="CL390" i="12"/>
  <c r="CK390" i="12"/>
  <c r="CJ390" i="12"/>
  <c r="CI390" i="12"/>
  <c r="CH390" i="12"/>
  <c r="CG390" i="12"/>
  <c r="CF390" i="12"/>
  <c r="CE390" i="12"/>
  <c r="CD390" i="12"/>
  <c r="CC390" i="12"/>
  <c r="CB390" i="12"/>
  <c r="CA390" i="12"/>
  <c r="BZ390" i="12"/>
  <c r="BY390" i="12"/>
  <c r="BX390" i="12"/>
  <c r="BW390" i="12"/>
  <c r="BV390" i="12"/>
  <c r="BU390" i="12"/>
  <c r="BT390" i="12"/>
  <c r="BS390" i="12"/>
  <c r="BR390" i="12"/>
  <c r="BQ390" i="12"/>
  <c r="BP390" i="12"/>
  <c r="BO390" i="12"/>
  <c r="BN390" i="12"/>
  <c r="BM390" i="12"/>
  <c r="BL390" i="12"/>
  <c r="BK390" i="12"/>
  <c r="BJ390" i="12"/>
  <c r="BI390" i="12"/>
  <c r="BH390" i="12"/>
  <c r="BF390" i="12"/>
  <c r="Y390" i="12"/>
  <c r="CL389" i="12"/>
  <c r="CK389" i="12"/>
  <c r="CJ389" i="12"/>
  <c r="CI389" i="12"/>
  <c r="CH389" i="12"/>
  <c r="CG389" i="12"/>
  <c r="CF389" i="12"/>
  <c r="CE389" i="12"/>
  <c r="CD389" i="12"/>
  <c r="CC389" i="12"/>
  <c r="CB389" i="12"/>
  <c r="CA389" i="12"/>
  <c r="BZ389" i="12"/>
  <c r="BY389" i="12"/>
  <c r="BX389" i="12"/>
  <c r="BW389" i="12"/>
  <c r="BV389" i="12"/>
  <c r="BU389" i="12"/>
  <c r="BT389" i="12"/>
  <c r="BS389" i="12"/>
  <c r="BR389" i="12"/>
  <c r="BQ389" i="12"/>
  <c r="BP389" i="12"/>
  <c r="BO389" i="12"/>
  <c r="BN389" i="12"/>
  <c r="BM389" i="12"/>
  <c r="BL389" i="12"/>
  <c r="BK389" i="12"/>
  <c r="BJ389" i="12"/>
  <c r="BI389" i="12"/>
  <c r="BH389" i="12"/>
  <c r="BF389" i="12"/>
  <c r="Y389" i="12"/>
  <c r="CL388" i="12"/>
  <c r="CK388" i="12"/>
  <c r="CJ388" i="12"/>
  <c r="CI388" i="12"/>
  <c r="CH388" i="12"/>
  <c r="CG388" i="12"/>
  <c r="CF388" i="12"/>
  <c r="CE388" i="12"/>
  <c r="CD388" i="12"/>
  <c r="CC388" i="12"/>
  <c r="CB388" i="12"/>
  <c r="CA388" i="12"/>
  <c r="BZ388" i="12"/>
  <c r="BY388" i="12"/>
  <c r="BX388" i="12"/>
  <c r="BW388" i="12"/>
  <c r="BV388" i="12"/>
  <c r="BU388" i="12"/>
  <c r="BT388" i="12"/>
  <c r="BS388" i="12"/>
  <c r="BR388" i="12"/>
  <c r="BQ388" i="12"/>
  <c r="BP388" i="12"/>
  <c r="BO388" i="12"/>
  <c r="BN388" i="12"/>
  <c r="BM388" i="12"/>
  <c r="BL388" i="12"/>
  <c r="BK388" i="12"/>
  <c r="BJ388" i="12"/>
  <c r="BI388" i="12"/>
  <c r="BH388" i="12"/>
  <c r="BF388" i="12"/>
  <c r="Y388" i="12"/>
  <c r="CL387" i="12"/>
  <c r="CK387" i="12"/>
  <c r="CJ387" i="12"/>
  <c r="CI387" i="12"/>
  <c r="CH387" i="12"/>
  <c r="CG387" i="12"/>
  <c r="CF387" i="12"/>
  <c r="CE387" i="12"/>
  <c r="CD387" i="12"/>
  <c r="CC387" i="12"/>
  <c r="CB387" i="12"/>
  <c r="CA387" i="12"/>
  <c r="BZ387" i="12"/>
  <c r="BY387" i="12"/>
  <c r="BX387" i="12"/>
  <c r="BW387" i="12"/>
  <c r="BV387" i="12"/>
  <c r="BU387" i="12"/>
  <c r="BT387" i="12"/>
  <c r="BS387" i="12"/>
  <c r="BR387" i="12"/>
  <c r="BQ387" i="12"/>
  <c r="BP387" i="12"/>
  <c r="BO387" i="12"/>
  <c r="BN387" i="12"/>
  <c r="BM387" i="12"/>
  <c r="BL387" i="12"/>
  <c r="BK387" i="12"/>
  <c r="BJ387" i="12"/>
  <c r="BI387" i="12"/>
  <c r="BH387" i="12"/>
  <c r="BF387" i="12"/>
  <c r="Y387" i="12"/>
  <c r="CL386" i="12"/>
  <c r="CK386" i="12"/>
  <c r="CJ386" i="12"/>
  <c r="CI386" i="12"/>
  <c r="CH386" i="12"/>
  <c r="CG386" i="12"/>
  <c r="CF386" i="12"/>
  <c r="CE386" i="12"/>
  <c r="CD386" i="12"/>
  <c r="CC386" i="12"/>
  <c r="CB386" i="12"/>
  <c r="CA386" i="12"/>
  <c r="BZ386" i="12"/>
  <c r="BY386" i="12"/>
  <c r="BX386" i="12"/>
  <c r="BW386" i="12"/>
  <c r="BV386" i="12"/>
  <c r="BU386" i="12"/>
  <c r="BT386" i="12"/>
  <c r="BS386" i="12"/>
  <c r="BR386" i="12"/>
  <c r="BQ386" i="12"/>
  <c r="BP386" i="12"/>
  <c r="BO386" i="12"/>
  <c r="BN386" i="12"/>
  <c r="BM386" i="12"/>
  <c r="BL386" i="12"/>
  <c r="BK386" i="12"/>
  <c r="BJ386" i="12"/>
  <c r="BI386" i="12"/>
  <c r="BH386" i="12"/>
  <c r="BF386" i="12"/>
  <c r="Y386" i="12"/>
  <c r="CL385" i="12"/>
  <c r="CK385" i="12"/>
  <c r="CJ385" i="12"/>
  <c r="CI385" i="12"/>
  <c r="CH385" i="12"/>
  <c r="CG385" i="12"/>
  <c r="CF385" i="12"/>
  <c r="CE385" i="12"/>
  <c r="CD385" i="12"/>
  <c r="CC385" i="12"/>
  <c r="CB385" i="12"/>
  <c r="CA385" i="12"/>
  <c r="BZ385" i="12"/>
  <c r="BY385" i="12"/>
  <c r="BX385" i="12"/>
  <c r="BW385" i="12"/>
  <c r="BV385" i="12"/>
  <c r="BU385" i="12"/>
  <c r="BT385" i="12"/>
  <c r="BS385" i="12"/>
  <c r="BR385" i="12"/>
  <c r="BQ385" i="12"/>
  <c r="BP385" i="12"/>
  <c r="BO385" i="12"/>
  <c r="BN385" i="12"/>
  <c r="BM385" i="12"/>
  <c r="BL385" i="12"/>
  <c r="BK385" i="12"/>
  <c r="BJ385" i="12"/>
  <c r="BI385" i="12"/>
  <c r="BH385" i="12"/>
  <c r="BF385" i="12"/>
  <c r="Y385" i="12"/>
  <c r="CL384" i="12"/>
  <c r="CK384" i="12"/>
  <c r="CJ384" i="12"/>
  <c r="CI384" i="12"/>
  <c r="CH384" i="12"/>
  <c r="CG384" i="12"/>
  <c r="CF384" i="12"/>
  <c r="CE384" i="12"/>
  <c r="CD384" i="12"/>
  <c r="CC384" i="12"/>
  <c r="CB384" i="12"/>
  <c r="CA384" i="12"/>
  <c r="BZ384" i="12"/>
  <c r="BY384" i="12"/>
  <c r="BX384" i="12"/>
  <c r="BW384" i="12"/>
  <c r="BV384" i="12"/>
  <c r="BU384" i="12"/>
  <c r="BT384" i="12"/>
  <c r="BS384" i="12"/>
  <c r="BR384" i="12"/>
  <c r="BQ384" i="12"/>
  <c r="BP384" i="12"/>
  <c r="BO384" i="12"/>
  <c r="BN384" i="12"/>
  <c r="BM384" i="12"/>
  <c r="BL384" i="12"/>
  <c r="BK384" i="12"/>
  <c r="BJ384" i="12"/>
  <c r="BI384" i="12"/>
  <c r="BH384" i="12"/>
  <c r="BF384" i="12"/>
  <c r="Y384" i="12"/>
  <c r="CL383" i="12"/>
  <c r="CK383" i="12"/>
  <c r="CJ383" i="12"/>
  <c r="CI383" i="12"/>
  <c r="CH383" i="12"/>
  <c r="CG383" i="12"/>
  <c r="CF383" i="12"/>
  <c r="CE383" i="12"/>
  <c r="CD383" i="12"/>
  <c r="CC383" i="12"/>
  <c r="CB383" i="12"/>
  <c r="CA383" i="12"/>
  <c r="BZ383" i="12"/>
  <c r="BY383" i="12"/>
  <c r="BX383" i="12"/>
  <c r="BW383" i="12"/>
  <c r="BV383" i="12"/>
  <c r="BU383" i="12"/>
  <c r="BT383" i="12"/>
  <c r="BS383" i="12"/>
  <c r="BR383" i="12"/>
  <c r="BQ383" i="12"/>
  <c r="BP383" i="12"/>
  <c r="BO383" i="12"/>
  <c r="BN383" i="12"/>
  <c r="BM383" i="12"/>
  <c r="BL383" i="12"/>
  <c r="BK383" i="12"/>
  <c r="BJ383" i="12"/>
  <c r="BI383" i="12"/>
  <c r="BH383" i="12"/>
  <c r="BF383" i="12"/>
  <c r="Y383" i="12"/>
  <c r="CL382" i="12"/>
  <c r="CK382" i="12"/>
  <c r="CJ382" i="12"/>
  <c r="CI382" i="12"/>
  <c r="CH382" i="12"/>
  <c r="CG382" i="12"/>
  <c r="CF382" i="12"/>
  <c r="CE382" i="12"/>
  <c r="CD382" i="12"/>
  <c r="CC382" i="12"/>
  <c r="CB382" i="12"/>
  <c r="CA382" i="12"/>
  <c r="BZ382" i="12"/>
  <c r="BY382" i="12"/>
  <c r="BX382" i="12"/>
  <c r="BW382" i="12"/>
  <c r="BV382" i="12"/>
  <c r="BU382" i="12"/>
  <c r="BT382" i="12"/>
  <c r="BS382" i="12"/>
  <c r="BR382" i="12"/>
  <c r="BQ382" i="12"/>
  <c r="BP382" i="12"/>
  <c r="BO382" i="12"/>
  <c r="BN382" i="12"/>
  <c r="BM382" i="12"/>
  <c r="BL382" i="12"/>
  <c r="BK382" i="12"/>
  <c r="BJ382" i="12"/>
  <c r="BI382" i="12"/>
  <c r="BH382" i="12"/>
  <c r="BF382" i="12"/>
  <c r="Y382" i="12"/>
  <c r="CL381" i="12"/>
  <c r="CK381" i="12"/>
  <c r="CJ381" i="12"/>
  <c r="CI381" i="12"/>
  <c r="CH381" i="12"/>
  <c r="CG381" i="12"/>
  <c r="CF381" i="12"/>
  <c r="CE381" i="12"/>
  <c r="CD381" i="12"/>
  <c r="CC381" i="12"/>
  <c r="CB381" i="12"/>
  <c r="CA381" i="12"/>
  <c r="BZ381" i="12"/>
  <c r="BY381" i="12"/>
  <c r="BX381" i="12"/>
  <c r="BW381" i="12"/>
  <c r="BV381" i="12"/>
  <c r="BU381" i="12"/>
  <c r="BT381" i="12"/>
  <c r="BS381" i="12"/>
  <c r="BR381" i="12"/>
  <c r="BQ381" i="12"/>
  <c r="BP381" i="12"/>
  <c r="BO381" i="12"/>
  <c r="BN381" i="12"/>
  <c r="BM381" i="12"/>
  <c r="BL381" i="12"/>
  <c r="BK381" i="12"/>
  <c r="BJ381" i="12"/>
  <c r="BI381" i="12"/>
  <c r="BH381" i="12"/>
  <c r="BF381" i="12"/>
  <c r="Y381" i="12"/>
  <c r="CL380" i="12"/>
  <c r="CK380" i="12"/>
  <c r="CJ380" i="12"/>
  <c r="CI380" i="12"/>
  <c r="CH380" i="12"/>
  <c r="CG380" i="12"/>
  <c r="CF380" i="12"/>
  <c r="CE380" i="12"/>
  <c r="CD380" i="12"/>
  <c r="CC380" i="12"/>
  <c r="CB380" i="12"/>
  <c r="CA380" i="12"/>
  <c r="BZ380" i="12"/>
  <c r="BY380" i="12"/>
  <c r="BX380" i="12"/>
  <c r="BW380" i="12"/>
  <c r="BV380" i="12"/>
  <c r="BU380" i="12"/>
  <c r="BT380" i="12"/>
  <c r="BS380" i="12"/>
  <c r="BR380" i="12"/>
  <c r="BQ380" i="12"/>
  <c r="BP380" i="12"/>
  <c r="BO380" i="12"/>
  <c r="BN380" i="12"/>
  <c r="BM380" i="12"/>
  <c r="BL380" i="12"/>
  <c r="BK380" i="12"/>
  <c r="BJ380" i="12"/>
  <c r="BI380" i="12"/>
  <c r="BH380" i="12"/>
  <c r="BF380" i="12"/>
  <c r="Y380" i="12"/>
  <c r="CL379" i="12"/>
  <c r="CK379" i="12"/>
  <c r="CJ379" i="12"/>
  <c r="CI379" i="12"/>
  <c r="CH379" i="12"/>
  <c r="CG379" i="12"/>
  <c r="CF379" i="12"/>
  <c r="CE379" i="12"/>
  <c r="CD379" i="12"/>
  <c r="CC379" i="12"/>
  <c r="CB379" i="12"/>
  <c r="CA379" i="12"/>
  <c r="BZ379" i="12"/>
  <c r="BY379" i="12"/>
  <c r="BX379" i="12"/>
  <c r="BW379" i="12"/>
  <c r="BV379" i="12"/>
  <c r="BU379" i="12"/>
  <c r="BT379" i="12"/>
  <c r="BS379" i="12"/>
  <c r="BR379" i="12"/>
  <c r="BQ379" i="12"/>
  <c r="BP379" i="12"/>
  <c r="BO379" i="12"/>
  <c r="BN379" i="12"/>
  <c r="BM379" i="12"/>
  <c r="BL379" i="12"/>
  <c r="BK379" i="12"/>
  <c r="BJ379" i="12"/>
  <c r="BI379" i="12"/>
  <c r="BH379" i="12"/>
  <c r="BF379" i="12"/>
  <c r="Y379" i="12"/>
  <c r="CL378" i="12"/>
  <c r="CK378" i="12"/>
  <c r="CJ378" i="12"/>
  <c r="CI378" i="12"/>
  <c r="CH378" i="12"/>
  <c r="CG378" i="12"/>
  <c r="CF378" i="12"/>
  <c r="CE378" i="12"/>
  <c r="CD378" i="12"/>
  <c r="CC378" i="12"/>
  <c r="CB378" i="12"/>
  <c r="CA378" i="12"/>
  <c r="BZ378" i="12"/>
  <c r="BY378" i="12"/>
  <c r="BX378" i="12"/>
  <c r="BW378" i="12"/>
  <c r="BV378" i="12"/>
  <c r="BU378" i="12"/>
  <c r="BT378" i="12"/>
  <c r="BS378" i="12"/>
  <c r="BR378" i="12"/>
  <c r="BQ378" i="12"/>
  <c r="BP378" i="12"/>
  <c r="BO378" i="12"/>
  <c r="BN378" i="12"/>
  <c r="BM378" i="12"/>
  <c r="BL378" i="12"/>
  <c r="BK378" i="12"/>
  <c r="BJ378" i="12"/>
  <c r="BI378" i="12"/>
  <c r="BH378" i="12"/>
  <c r="BF378" i="12"/>
  <c r="Y378" i="12"/>
  <c r="CL377" i="12"/>
  <c r="CK377" i="12"/>
  <c r="CJ377" i="12"/>
  <c r="CI377" i="12"/>
  <c r="CH377" i="12"/>
  <c r="CG377" i="12"/>
  <c r="CF377" i="12"/>
  <c r="CE377" i="12"/>
  <c r="CD377" i="12"/>
  <c r="CC377" i="12"/>
  <c r="CB377" i="12"/>
  <c r="CA377" i="12"/>
  <c r="BZ377" i="12"/>
  <c r="BY377" i="12"/>
  <c r="BX377" i="12"/>
  <c r="BW377" i="12"/>
  <c r="BV377" i="12"/>
  <c r="BU377" i="12"/>
  <c r="BT377" i="12"/>
  <c r="BS377" i="12"/>
  <c r="BR377" i="12"/>
  <c r="BQ377" i="12"/>
  <c r="BP377" i="12"/>
  <c r="BO377" i="12"/>
  <c r="BN377" i="12"/>
  <c r="BM377" i="12"/>
  <c r="BL377" i="12"/>
  <c r="BK377" i="12"/>
  <c r="BJ377" i="12"/>
  <c r="BI377" i="12"/>
  <c r="BH377" i="12"/>
  <c r="BF377" i="12"/>
  <c r="Y377" i="12"/>
  <c r="CL376" i="12"/>
  <c r="CK376" i="12"/>
  <c r="CJ376" i="12"/>
  <c r="CI376" i="12"/>
  <c r="CH376" i="12"/>
  <c r="CG376" i="12"/>
  <c r="CF376" i="12"/>
  <c r="CE376" i="12"/>
  <c r="CD376" i="12"/>
  <c r="CC376" i="12"/>
  <c r="CB376" i="12"/>
  <c r="CA376" i="12"/>
  <c r="BZ376" i="12"/>
  <c r="BY376" i="12"/>
  <c r="BX376" i="12"/>
  <c r="BW376" i="12"/>
  <c r="BV376" i="12"/>
  <c r="BU376" i="12"/>
  <c r="BT376" i="12"/>
  <c r="BS376" i="12"/>
  <c r="BR376" i="12"/>
  <c r="BQ376" i="12"/>
  <c r="BP376" i="12"/>
  <c r="BO376" i="12"/>
  <c r="BN376" i="12"/>
  <c r="BM376" i="12"/>
  <c r="BL376" i="12"/>
  <c r="BK376" i="12"/>
  <c r="BJ376" i="12"/>
  <c r="BI376" i="12"/>
  <c r="BH376" i="12"/>
  <c r="BF376" i="12"/>
  <c r="Y376" i="12"/>
  <c r="CL375" i="12"/>
  <c r="CK375" i="12"/>
  <c r="CJ375" i="12"/>
  <c r="CI375" i="12"/>
  <c r="CH375" i="12"/>
  <c r="CG375" i="12"/>
  <c r="CF375" i="12"/>
  <c r="CE375" i="12"/>
  <c r="CD375" i="12"/>
  <c r="CC375" i="12"/>
  <c r="CB375" i="12"/>
  <c r="CA375" i="12"/>
  <c r="BZ375" i="12"/>
  <c r="BY375" i="12"/>
  <c r="BX375" i="12"/>
  <c r="BW375" i="12"/>
  <c r="BV375" i="12"/>
  <c r="BU375" i="12"/>
  <c r="BT375" i="12"/>
  <c r="BS375" i="12"/>
  <c r="BR375" i="12"/>
  <c r="BQ375" i="12"/>
  <c r="BP375" i="12"/>
  <c r="BO375" i="12"/>
  <c r="BN375" i="12"/>
  <c r="BM375" i="12"/>
  <c r="BL375" i="12"/>
  <c r="BK375" i="12"/>
  <c r="BJ375" i="12"/>
  <c r="BI375" i="12"/>
  <c r="BH375" i="12"/>
  <c r="BF375" i="12"/>
  <c r="Y375" i="12"/>
  <c r="CL374" i="12"/>
  <c r="CK374" i="12"/>
  <c r="CJ374" i="12"/>
  <c r="CI374" i="12"/>
  <c r="CH374" i="12"/>
  <c r="CG374" i="12"/>
  <c r="CF374" i="12"/>
  <c r="CE374" i="12"/>
  <c r="CD374" i="12"/>
  <c r="CC374" i="12"/>
  <c r="CB374" i="12"/>
  <c r="CA374" i="12"/>
  <c r="BZ374" i="12"/>
  <c r="BY374" i="12"/>
  <c r="BX374" i="12"/>
  <c r="BW374" i="12"/>
  <c r="BV374" i="12"/>
  <c r="BU374" i="12"/>
  <c r="BT374" i="12"/>
  <c r="BS374" i="12"/>
  <c r="BR374" i="12"/>
  <c r="BQ374" i="12"/>
  <c r="BP374" i="12"/>
  <c r="BO374" i="12"/>
  <c r="BN374" i="12"/>
  <c r="BM374" i="12"/>
  <c r="BL374" i="12"/>
  <c r="BK374" i="12"/>
  <c r="BJ374" i="12"/>
  <c r="BI374" i="12"/>
  <c r="BH374" i="12"/>
  <c r="BF374" i="12"/>
  <c r="Y374" i="12"/>
  <c r="CL373" i="12"/>
  <c r="CK373" i="12"/>
  <c r="CJ373" i="12"/>
  <c r="CI373" i="12"/>
  <c r="CH373" i="12"/>
  <c r="CG373" i="12"/>
  <c r="CF373" i="12"/>
  <c r="CE373" i="12"/>
  <c r="CD373" i="12"/>
  <c r="CC373" i="12"/>
  <c r="CB373" i="12"/>
  <c r="CA373" i="12"/>
  <c r="BZ373" i="12"/>
  <c r="BY373" i="12"/>
  <c r="BX373" i="12"/>
  <c r="BW373" i="12"/>
  <c r="BV373" i="12"/>
  <c r="BU373" i="12"/>
  <c r="BT373" i="12"/>
  <c r="BS373" i="12"/>
  <c r="BR373" i="12"/>
  <c r="BQ373" i="12"/>
  <c r="BP373" i="12"/>
  <c r="BO373" i="12"/>
  <c r="BN373" i="12"/>
  <c r="BM373" i="12"/>
  <c r="BL373" i="12"/>
  <c r="BK373" i="12"/>
  <c r="BJ373" i="12"/>
  <c r="BI373" i="12"/>
  <c r="BH373" i="12"/>
  <c r="BF373" i="12"/>
  <c r="Y373" i="12"/>
  <c r="CL372" i="12"/>
  <c r="CK372" i="12"/>
  <c r="CJ372" i="12"/>
  <c r="CI372" i="12"/>
  <c r="CH372" i="12"/>
  <c r="CG372" i="12"/>
  <c r="CF372" i="12"/>
  <c r="CE372" i="12"/>
  <c r="CD372" i="12"/>
  <c r="CC372" i="12"/>
  <c r="CB372" i="12"/>
  <c r="CA372" i="12"/>
  <c r="BZ372" i="12"/>
  <c r="BY372" i="12"/>
  <c r="BX372" i="12"/>
  <c r="BW372" i="12"/>
  <c r="BV372" i="12"/>
  <c r="BU372" i="12"/>
  <c r="BT372" i="12"/>
  <c r="BS372" i="12"/>
  <c r="BR372" i="12"/>
  <c r="BQ372" i="12"/>
  <c r="BP372" i="12"/>
  <c r="BO372" i="12"/>
  <c r="BN372" i="12"/>
  <c r="BM372" i="12"/>
  <c r="BL372" i="12"/>
  <c r="BK372" i="12"/>
  <c r="BJ372" i="12"/>
  <c r="BI372" i="12"/>
  <c r="BH372" i="12"/>
  <c r="BF372" i="12"/>
  <c r="Y372" i="12"/>
  <c r="CL371" i="12"/>
  <c r="CK371" i="12"/>
  <c r="CJ371" i="12"/>
  <c r="CI371" i="12"/>
  <c r="CH371" i="12"/>
  <c r="CG371" i="12"/>
  <c r="CF371" i="12"/>
  <c r="CE371" i="12"/>
  <c r="CD371" i="12"/>
  <c r="CC371" i="12"/>
  <c r="CB371" i="12"/>
  <c r="CA371" i="12"/>
  <c r="BZ371" i="12"/>
  <c r="BY371" i="12"/>
  <c r="BX371" i="12"/>
  <c r="BW371" i="12"/>
  <c r="BV371" i="12"/>
  <c r="BU371" i="12"/>
  <c r="BT371" i="12"/>
  <c r="BS371" i="12"/>
  <c r="BR371" i="12"/>
  <c r="BQ371" i="12"/>
  <c r="BP371" i="12"/>
  <c r="BO371" i="12"/>
  <c r="BN371" i="12"/>
  <c r="BM371" i="12"/>
  <c r="BL371" i="12"/>
  <c r="BK371" i="12"/>
  <c r="BJ371" i="12"/>
  <c r="BI371" i="12"/>
  <c r="BH371" i="12"/>
  <c r="BF371" i="12"/>
  <c r="Y371" i="12"/>
  <c r="CL370" i="12"/>
  <c r="CK370" i="12"/>
  <c r="CJ370" i="12"/>
  <c r="CI370" i="12"/>
  <c r="CH370" i="12"/>
  <c r="CG370" i="12"/>
  <c r="CF370" i="12"/>
  <c r="CE370" i="12"/>
  <c r="CD370" i="12"/>
  <c r="CC370" i="12"/>
  <c r="CB370" i="12"/>
  <c r="CA370" i="12"/>
  <c r="BZ370" i="12"/>
  <c r="BY370" i="12"/>
  <c r="BX370" i="12"/>
  <c r="BW370" i="12"/>
  <c r="BV370" i="12"/>
  <c r="BU370" i="12"/>
  <c r="BT370" i="12"/>
  <c r="BS370" i="12"/>
  <c r="BR370" i="12"/>
  <c r="BQ370" i="12"/>
  <c r="BP370" i="12"/>
  <c r="BO370" i="12"/>
  <c r="BN370" i="12"/>
  <c r="BM370" i="12"/>
  <c r="BL370" i="12"/>
  <c r="BK370" i="12"/>
  <c r="BJ370" i="12"/>
  <c r="BI370" i="12"/>
  <c r="BH370" i="12"/>
  <c r="BF370" i="12"/>
  <c r="Y370" i="12"/>
  <c r="CL369" i="12"/>
  <c r="CK369" i="12"/>
  <c r="CJ369" i="12"/>
  <c r="CI369" i="12"/>
  <c r="CH369" i="12"/>
  <c r="CG369" i="12"/>
  <c r="CF369" i="12"/>
  <c r="CE369" i="12"/>
  <c r="CD369" i="12"/>
  <c r="CC369" i="12"/>
  <c r="CB369" i="12"/>
  <c r="CA369" i="12"/>
  <c r="BZ369" i="12"/>
  <c r="BY369" i="12"/>
  <c r="BX369" i="12"/>
  <c r="BW369" i="12"/>
  <c r="BV369" i="12"/>
  <c r="BU369" i="12"/>
  <c r="BT369" i="12"/>
  <c r="BS369" i="12"/>
  <c r="BR369" i="12"/>
  <c r="BQ369" i="12"/>
  <c r="BP369" i="12"/>
  <c r="BO369" i="12"/>
  <c r="BN369" i="12"/>
  <c r="BM369" i="12"/>
  <c r="BL369" i="12"/>
  <c r="BK369" i="12"/>
  <c r="BJ369" i="12"/>
  <c r="BI369" i="12"/>
  <c r="BH369" i="12"/>
  <c r="BF369" i="12"/>
  <c r="CL368" i="12"/>
  <c r="CK368" i="12"/>
  <c r="CJ368" i="12"/>
  <c r="CI368" i="12"/>
  <c r="CH368" i="12"/>
  <c r="CG368" i="12"/>
  <c r="CF368" i="12"/>
  <c r="CE368" i="12"/>
  <c r="CD368" i="12"/>
  <c r="CC368" i="12"/>
  <c r="CB368" i="12"/>
  <c r="CA368" i="12"/>
  <c r="BZ368" i="12"/>
  <c r="BY368" i="12"/>
  <c r="BX368" i="12"/>
  <c r="BW368" i="12"/>
  <c r="BV368" i="12"/>
  <c r="BU368" i="12"/>
  <c r="BT368" i="12"/>
  <c r="BS368" i="12"/>
  <c r="BR368" i="12"/>
  <c r="BQ368" i="12"/>
  <c r="BP368" i="12"/>
  <c r="BO368" i="12"/>
  <c r="BN368" i="12"/>
  <c r="BM368" i="12"/>
  <c r="BL368" i="12"/>
  <c r="BK368" i="12"/>
  <c r="BJ368" i="12"/>
  <c r="BI368" i="12"/>
  <c r="BH368" i="12"/>
  <c r="BF368" i="12"/>
  <c r="CL367" i="12"/>
  <c r="CK367" i="12"/>
  <c r="CJ367" i="12"/>
  <c r="CI367" i="12"/>
  <c r="CH367" i="12"/>
  <c r="CG367" i="12"/>
  <c r="CF367" i="12"/>
  <c r="CE367" i="12"/>
  <c r="CD367" i="12"/>
  <c r="CC367" i="12"/>
  <c r="CB367" i="12"/>
  <c r="CA367" i="12"/>
  <c r="BZ367" i="12"/>
  <c r="BY367" i="12"/>
  <c r="BX367" i="12"/>
  <c r="BW367" i="12"/>
  <c r="BV367" i="12"/>
  <c r="BU367" i="12"/>
  <c r="BT367" i="12"/>
  <c r="BS367" i="12"/>
  <c r="BR367" i="12"/>
  <c r="BQ367" i="12"/>
  <c r="BP367" i="12"/>
  <c r="BO367" i="12"/>
  <c r="BN367" i="12"/>
  <c r="BM367" i="12"/>
  <c r="BL367" i="12"/>
  <c r="BK367" i="12"/>
  <c r="BJ367" i="12"/>
  <c r="BI367" i="12"/>
  <c r="BH367" i="12"/>
  <c r="BF367" i="12"/>
  <c r="CL366" i="12"/>
  <c r="CK366" i="12"/>
  <c r="CJ366" i="12"/>
  <c r="CI366" i="12"/>
  <c r="CH366" i="12"/>
  <c r="CG366" i="12"/>
  <c r="CF366" i="12"/>
  <c r="CE366" i="12"/>
  <c r="CD366" i="12"/>
  <c r="CC366" i="12"/>
  <c r="CB366" i="12"/>
  <c r="CA366" i="12"/>
  <c r="BZ366" i="12"/>
  <c r="BY366" i="12"/>
  <c r="BX366" i="12"/>
  <c r="BW366" i="12"/>
  <c r="BV366" i="12"/>
  <c r="BU366" i="12"/>
  <c r="BT366" i="12"/>
  <c r="BS366" i="12"/>
  <c r="BR366" i="12"/>
  <c r="BQ366" i="12"/>
  <c r="BP366" i="12"/>
  <c r="BO366" i="12"/>
  <c r="BN366" i="12"/>
  <c r="BM366" i="12"/>
  <c r="BL366" i="12"/>
  <c r="BK366" i="12"/>
  <c r="BJ366" i="12"/>
  <c r="BI366" i="12"/>
  <c r="BH366" i="12"/>
  <c r="BF366" i="12"/>
  <c r="CL365" i="12"/>
  <c r="CK365" i="12"/>
  <c r="CJ365" i="12"/>
  <c r="CI365" i="12"/>
  <c r="CH365" i="12"/>
  <c r="CG365" i="12"/>
  <c r="CF365" i="12"/>
  <c r="CE365" i="12"/>
  <c r="CD365" i="12"/>
  <c r="CC365" i="12"/>
  <c r="CB365" i="12"/>
  <c r="CA365" i="12"/>
  <c r="BZ365" i="12"/>
  <c r="BY365" i="12"/>
  <c r="BX365" i="12"/>
  <c r="BW365" i="12"/>
  <c r="BV365" i="12"/>
  <c r="BU365" i="12"/>
  <c r="BT365" i="12"/>
  <c r="BS365" i="12"/>
  <c r="BR365" i="12"/>
  <c r="BQ365" i="12"/>
  <c r="BP365" i="12"/>
  <c r="BO365" i="12"/>
  <c r="BN365" i="12"/>
  <c r="BM365" i="12"/>
  <c r="BL365" i="12"/>
  <c r="BK365" i="12"/>
  <c r="BJ365" i="12"/>
  <c r="BI365" i="12"/>
  <c r="BH365" i="12"/>
  <c r="BF365" i="12"/>
  <c r="CL364" i="12"/>
  <c r="CK364" i="12"/>
  <c r="CJ364" i="12"/>
  <c r="CI364" i="12"/>
  <c r="CH364" i="12"/>
  <c r="CG364" i="12"/>
  <c r="CF364" i="12"/>
  <c r="CE364" i="12"/>
  <c r="CD364" i="12"/>
  <c r="CC364" i="12"/>
  <c r="CB364" i="12"/>
  <c r="CA364" i="12"/>
  <c r="BZ364" i="12"/>
  <c r="BY364" i="12"/>
  <c r="BX364" i="12"/>
  <c r="BW364" i="12"/>
  <c r="BV364" i="12"/>
  <c r="BU364" i="12"/>
  <c r="BT364" i="12"/>
  <c r="BS364" i="12"/>
  <c r="BR364" i="12"/>
  <c r="BQ364" i="12"/>
  <c r="BP364" i="12"/>
  <c r="BO364" i="12"/>
  <c r="BN364" i="12"/>
  <c r="BM364" i="12"/>
  <c r="BL364" i="12"/>
  <c r="BK364" i="12"/>
  <c r="BJ364" i="12"/>
  <c r="BI364" i="12"/>
  <c r="BH364" i="12"/>
  <c r="BF364" i="12"/>
  <c r="Y364" i="12"/>
  <c r="CL363" i="12"/>
  <c r="CK363" i="12"/>
  <c r="CJ363" i="12"/>
  <c r="CI363" i="12"/>
  <c r="CH363" i="12"/>
  <c r="CG363" i="12"/>
  <c r="CF363" i="12"/>
  <c r="CE363" i="12"/>
  <c r="CD363" i="12"/>
  <c r="CC363" i="12"/>
  <c r="CB363" i="12"/>
  <c r="CA363" i="12"/>
  <c r="BZ363" i="12"/>
  <c r="BY363" i="12"/>
  <c r="BX363" i="12"/>
  <c r="BW363" i="12"/>
  <c r="BV363" i="12"/>
  <c r="BU363" i="12"/>
  <c r="BT363" i="12"/>
  <c r="BS363" i="12"/>
  <c r="BR363" i="12"/>
  <c r="BQ363" i="12"/>
  <c r="BP363" i="12"/>
  <c r="BO363" i="12"/>
  <c r="BN363" i="12"/>
  <c r="BM363" i="12"/>
  <c r="BL363" i="12"/>
  <c r="BK363" i="12"/>
  <c r="BJ363" i="12"/>
  <c r="BI363" i="12"/>
  <c r="BH363" i="12"/>
  <c r="BF363" i="12"/>
  <c r="Y363" i="12"/>
  <c r="CL362" i="12"/>
  <c r="CK362" i="12"/>
  <c r="CJ362" i="12"/>
  <c r="CI362" i="12"/>
  <c r="CH362" i="12"/>
  <c r="CG362" i="12"/>
  <c r="CF362" i="12"/>
  <c r="CE362" i="12"/>
  <c r="CD362" i="12"/>
  <c r="CC362" i="12"/>
  <c r="CB362" i="12"/>
  <c r="CA362" i="12"/>
  <c r="BZ362" i="12"/>
  <c r="BY362" i="12"/>
  <c r="BX362" i="12"/>
  <c r="BW362" i="12"/>
  <c r="BV362" i="12"/>
  <c r="BU362" i="12"/>
  <c r="BT362" i="12"/>
  <c r="BS362" i="12"/>
  <c r="BR362" i="12"/>
  <c r="BQ362" i="12"/>
  <c r="BP362" i="12"/>
  <c r="BO362" i="12"/>
  <c r="BN362" i="12"/>
  <c r="BM362" i="12"/>
  <c r="BL362" i="12"/>
  <c r="BK362" i="12"/>
  <c r="BJ362" i="12"/>
  <c r="BI362" i="12"/>
  <c r="BH362" i="12"/>
  <c r="BF362" i="12"/>
  <c r="Y362" i="12"/>
  <c r="CL361" i="12"/>
  <c r="CK361" i="12"/>
  <c r="CJ361" i="12"/>
  <c r="CI361" i="12"/>
  <c r="CH361" i="12"/>
  <c r="CG361" i="12"/>
  <c r="CF361" i="12"/>
  <c r="CE361" i="12"/>
  <c r="CD361" i="12"/>
  <c r="CC361" i="12"/>
  <c r="CB361" i="12"/>
  <c r="CA361" i="12"/>
  <c r="BZ361" i="12"/>
  <c r="BY361" i="12"/>
  <c r="BX361" i="12"/>
  <c r="BW361" i="12"/>
  <c r="BV361" i="12"/>
  <c r="BU361" i="12"/>
  <c r="BT361" i="12"/>
  <c r="BS361" i="12"/>
  <c r="BR361" i="12"/>
  <c r="BQ361" i="12"/>
  <c r="BP361" i="12"/>
  <c r="BO361" i="12"/>
  <c r="BN361" i="12"/>
  <c r="BM361" i="12"/>
  <c r="BL361" i="12"/>
  <c r="BK361" i="12"/>
  <c r="BJ361" i="12"/>
  <c r="BI361" i="12"/>
  <c r="BH361" i="12"/>
  <c r="BF361" i="12"/>
  <c r="Y361" i="12"/>
  <c r="CL360" i="12"/>
  <c r="CK360" i="12"/>
  <c r="CJ360" i="12"/>
  <c r="CI360" i="12"/>
  <c r="CH360" i="12"/>
  <c r="CG360" i="12"/>
  <c r="CF360" i="12"/>
  <c r="CE360" i="12"/>
  <c r="CD360" i="12"/>
  <c r="CC360" i="12"/>
  <c r="CB360" i="12"/>
  <c r="CA360" i="12"/>
  <c r="BZ360" i="12"/>
  <c r="BY360" i="12"/>
  <c r="BX360" i="12"/>
  <c r="BW360" i="12"/>
  <c r="BV360" i="12"/>
  <c r="BU360" i="12"/>
  <c r="BT360" i="12"/>
  <c r="BS360" i="12"/>
  <c r="BR360" i="12"/>
  <c r="BQ360" i="12"/>
  <c r="BP360" i="12"/>
  <c r="BO360" i="12"/>
  <c r="BN360" i="12"/>
  <c r="BM360" i="12"/>
  <c r="BL360" i="12"/>
  <c r="BK360" i="12"/>
  <c r="BJ360" i="12"/>
  <c r="BI360" i="12"/>
  <c r="BH360" i="12"/>
  <c r="BF360" i="12"/>
  <c r="Y360" i="12"/>
  <c r="CL359" i="12"/>
  <c r="CK359" i="12"/>
  <c r="CJ359" i="12"/>
  <c r="CI359" i="12"/>
  <c r="CH359" i="12"/>
  <c r="CG359" i="12"/>
  <c r="CF359" i="12"/>
  <c r="CE359" i="12"/>
  <c r="CD359" i="12"/>
  <c r="CC359" i="12"/>
  <c r="CB359" i="12"/>
  <c r="CA359" i="12"/>
  <c r="BZ359" i="12"/>
  <c r="BY359" i="12"/>
  <c r="BX359" i="12"/>
  <c r="BW359" i="12"/>
  <c r="BV359" i="12"/>
  <c r="BU359" i="12"/>
  <c r="BT359" i="12"/>
  <c r="BS359" i="12"/>
  <c r="BR359" i="12"/>
  <c r="BQ359" i="12"/>
  <c r="BP359" i="12"/>
  <c r="BO359" i="12"/>
  <c r="BN359" i="12"/>
  <c r="BM359" i="12"/>
  <c r="BL359" i="12"/>
  <c r="BK359" i="12"/>
  <c r="BJ359" i="12"/>
  <c r="BI359" i="12"/>
  <c r="BH359" i="12"/>
  <c r="BF359" i="12"/>
  <c r="Y359" i="12"/>
  <c r="CL358" i="12"/>
  <c r="CK358" i="12"/>
  <c r="CJ358" i="12"/>
  <c r="CI358" i="12"/>
  <c r="CH358" i="12"/>
  <c r="CG358" i="12"/>
  <c r="CF358" i="12"/>
  <c r="CE358" i="12"/>
  <c r="CD358" i="12"/>
  <c r="CC358" i="12"/>
  <c r="CB358" i="12"/>
  <c r="CA358" i="12"/>
  <c r="BZ358" i="12"/>
  <c r="BY358" i="12"/>
  <c r="BX358" i="12"/>
  <c r="BW358" i="12"/>
  <c r="BV358" i="12"/>
  <c r="BU358" i="12"/>
  <c r="BT358" i="12"/>
  <c r="BS358" i="12"/>
  <c r="BR358" i="12"/>
  <c r="BQ358" i="12"/>
  <c r="BP358" i="12"/>
  <c r="BO358" i="12"/>
  <c r="BN358" i="12"/>
  <c r="BM358" i="12"/>
  <c r="BL358" i="12"/>
  <c r="BK358" i="12"/>
  <c r="BJ358" i="12"/>
  <c r="BI358" i="12"/>
  <c r="BH358" i="12"/>
  <c r="BF358" i="12"/>
  <c r="Y358" i="12"/>
  <c r="CL357" i="12"/>
  <c r="CK357" i="12"/>
  <c r="CJ357" i="12"/>
  <c r="CI357" i="12"/>
  <c r="CH357" i="12"/>
  <c r="CG357" i="12"/>
  <c r="CF357" i="12"/>
  <c r="CE357" i="12"/>
  <c r="CD357" i="12"/>
  <c r="CC357" i="12"/>
  <c r="CB357" i="12"/>
  <c r="CA357" i="12"/>
  <c r="BZ357" i="12"/>
  <c r="BY357" i="12"/>
  <c r="BX357" i="12"/>
  <c r="BW357" i="12"/>
  <c r="BV357" i="12"/>
  <c r="BU357" i="12"/>
  <c r="BT357" i="12"/>
  <c r="BS357" i="12"/>
  <c r="BR357" i="12"/>
  <c r="BQ357" i="12"/>
  <c r="BP357" i="12"/>
  <c r="BO357" i="12"/>
  <c r="BN357" i="12"/>
  <c r="BM357" i="12"/>
  <c r="BL357" i="12"/>
  <c r="BK357" i="12"/>
  <c r="BJ357" i="12"/>
  <c r="BI357" i="12"/>
  <c r="BH357" i="12"/>
  <c r="BF357" i="12"/>
  <c r="Y357" i="12"/>
  <c r="CL356" i="12"/>
  <c r="CK356" i="12"/>
  <c r="CJ356" i="12"/>
  <c r="CI356" i="12"/>
  <c r="CH356" i="12"/>
  <c r="CG356" i="12"/>
  <c r="CF356" i="12"/>
  <c r="CE356" i="12"/>
  <c r="CD356" i="12"/>
  <c r="CC356" i="12"/>
  <c r="CB356" i="12"/>
  <c r="CA356" i="12"/>
  <c r="BZ356" i="12"/>
  <c r="BY356" i="12"/>
  <c r="BX356" i="12"/>
  <c r="BW356" i="12"/>
  <c r="BV356" i="12"/>
  <c r="BU356" i="12"/>
  <c r="BT356" i="12"/>
  <c r="BS356" i="12"/>
  <c r="BR356" i="12"/>
  <c r="BQ356" i="12"/>
  <c r="BP356" i="12"/>
  <c r="BO356" i="12"/>
  <c r="BN356" i="12"/>
  <c r="BM356" i="12"/>
  <c r="BL356" i="12"/>
  <c r="BK356" i="12"/>
  <c r="BJ356" i="12"/>
  <c r="BI356" i="12"/>
  <c r="BH356" i="12"/>
  <c r="BF356" i="12"/>
  <c r="Y356" i="12"/>
  <c r="CL355" i="12"/>
  <c r="CK355" i="12"/>
  <c r="CJ355" i="12"/>
  <c r="CI355" i="12"/>
  <c r="CH355" i="12"/>
  <c r="CG355" i="12"/>
  <c r="CF355" i="12"/>
  <c r="CE355" i="12"/>
  <c r="CD355" i="12"/>
  <c r="CC355" i="12"/>
  <c r="CB355" i="12"/>
  <c r="CA355" i="12"/>
  <c r="BZ355" i="12"/>
  <c r="BY355" i="12"/>
  <c r="BX355" i="12"/>
  <c r="BW355" i="12"/>
  <c r="BV355" i="12"/>
  <c r="BU355" i="12"/>
  <c r="BT355" i="12"/>
  <c r="BS355" i="12"/>
  <c r="BR355" i="12"/>
  <c r="BQ355" i="12"/>
  <c r="BP355" i="12"/>
  <c r="BO355" i="12"/>
  <c r="BN355" i="12"/>
  <c r="BM355" i="12"/>
  <c r="BL355" i="12"/>
  <c r="BK355" i="12"/>
  <c r="BJ355" i="12"/>
  <c r="BI355" i="12"/>
  <c r="BH355" i="12"/>
  <c r="BF355" i="12"/>
  <c r="Y355" i="12"/>
  <c r="CL354" i="12"/>
  <c r="CK354" i="12"/>
  <c r="CJ354" i="12"/>
  <c r="CI354" i="12"/>
  <c r="CH354" i="12"/>
  <c r="CG354" i="12"/>
  <c r="CF354" i="12"/>
  <c r="CE354" i="12"/>
  <c r="CD354" i="12"/>
  <c r="CC354" i="12"/>
  <c r="CB354" i="12"/>
  <c r="CA354" i="12"/>
  <c r="BZ354" i="12"/>
  <c r="BY354" i="12"/>
  <c r="BX354" i="12"/>
  <c r="BW354" i="12"/>
  <c r="BV354" i="12"/>
  <c r="BU354" i="12"/>
  <c r="BT354" i="12"/>
  <c r="BS354" i="12"/>
  <c r="BR354" i="12"/>
  <c r="BQ354" i="12"/>
  <c r="BP354" i="12"/>
  <c r="BO354" i="12"/>
  <c r="BN354" i="12"/>
  <c r="BM354" i="12"/>
  <c r="BL354" i="12"/>
  <c r="BK354" i="12"/>
  <c r="BJ354" i="12"/>
  <c r="BI354" i="12"/>
  <c r="BH354" i="12"/>
  <c r="BF354" i="12"/>
  <c r="Y354" i="12"/>
  <c r="CL353" i="12"/>
  <c r="CK353" i="12"/>
  <c r="CJ353" i="12"/>
  <c r="CI353" i="12"/>
  <c r="CH353" i="12"/>
  <c r="CG353" i="12"/>
  <c r="CF353" i="12"/>
  <c r="CE353" i="12"/>
  <c r="CD353" i="12"/>
  <c r="CC353" i="12"/>
  <c r="CB353" i="12"/>
  <c r="CA353" i="12"/>
  <c r="BZ353" i="12"/>
  <c r="BY353" i="12"/>
  <c r="BX353" i="12"/>
  <c r="BW353" i="12"/>
  <c r="BV353" i="12"/>
  <c r="BU353" i="12"/>
  <c r="BT353" i="12"/>
  <c r="BS353" i="12"/>
  <c r="BR353" i="12"/>
  <c r="BQ353" i="12"/>
  <c r="BP353" i="12"/>
  <c r="BO353" i="12"/>
  <c r="BN353" i="12"/>
  <c r="BM353" i="12"/>
  <c r="BL353" i="12"/>
  <c r="BK353" i="12"/>
  <c r="BJ353" i="12"/>
  <c r="BI353" i="12"/>
  <c r="BH353" i="12"/>
  <c r="BF353" i="12"/>
  <c r="Y353" i="12"/>
  <c r="CL352" i="12"/>
  <c r="CK352" i="12"/>
  <c r="CJ352" i="12"/>
  <c r="CI352" i="12"/>
  <c r="CH352" i="12"/>
  <c r="CG352" i="12"/>
  <c r="CF352" i="12"/>
  <c r="CE352" i="12"/>
  <c r="CD352" i="12"/>
  <c r="CC352" i="12"/>
  <c r="CB352" i="12"/>
  <c r="CA352" i="12"/>
  <c r="BZ352" i="12"/>
  <c r="BY352" i="12"/>
  <c r="BX352" i="12"/>
  <c r="BW352" i="12"/>
  <c r="BV352" i="12"/>
  <c r="BU352" i="12"/>
  <c r="BT352" i="12"/>
  <c r="BS352" i="12"/>
  <c r="BR352" i="12"/>
  <c r="BQ352" i="12"/>
  <c r="BP352" i="12"/>
  <c r="BO352" i="12"/>
  <c r="BN352" i="12"/>
  <c r="BM352" i="12"/>
  <c r="BL352" i="12"/>
  <c r="BK352" i="12"/>
  <c r="BJ352" i="12"/>
  <c r="BI352" i="12"/>
  <c r="BH352" i="12"/>
  <c r="BF352" i="12"/>
  <c r="Y352" i="12"/>
  <c r="CL351" i="12"/>
  <c r="CK351" i="12"/>
  <c r="CJ351" i="12"/>
  <c r="CI351" i="12"/>
  <c r="CH351" i="12"/>
  <c r="CG351" i="12"/>
  <c r="CF351" i="12"/>
  <c r="CE351" i="12"/>
  <c r="CD351" i="12"/>
  <c r="CC351" i="12"/>
  <c r="CB351" i="12"/>
  <c r="CA351" i="12"/>
  <c r="BZ351" i="12"/>
  <c r="BY351" i="12"/>
  <c r="BX351" i="12"/>
  <c r="BW351" i="12"/>
  <c r="BV351" i="12"/>
  <c r="BU351" i="12"/>
  <c r="BT351" i="12"/>
  <c r="BS351" i="12"/>
  <c r="BR351" i="12"/>
  <c r="BQ351" i="12"/>
  <c r="BP351" i="12"/>
  <c r="BO351" i="12"/>
  <c r="BN351" i="12"/>
  <c r="BM351" i="12"/>
  <c r="BL351" i="12"/>
  <c r="BK351" i="12"/>
  <c r="BJ351" i="12"/>
  <c r="BI351" i="12"/>
  <c r="BH351" i="12"/>
  <c r="BF351" i="12"/>
  <c r="Y351" i="12"/>
  <c r="CL350" i="12"/>
  <c r="CK350" i="12"/>
  <c r="CJ350" i="12"/>
  <c r="CI350" i="12"/>
  <c r="CH350" i="12"/>
  <c r="CG350" i="12"/>
  <c r="CF350" i="12"/>
  <c r="CE350" i="12"/>
  <c r="CD350" i="12"/>
  <c r="CC350" i="12"/>
  <c r="CB350" i="12"/>
  <c r="CA350" i="12"/>
  <c r="BZ350" i="12"/>
  <c r="BY350" i="12"/>
  <c r="BX350" i="12"/>
  <c r="BW350" i="12"/>
  <c r="BV350" i="12"/>
  <c r="BU350" i="12"/>
  <c r="BT350" i="12"/>
  <c r="BS350" i="12"/>
  <c r="BR350" i="12"/>
  <c r="BQ350" i="12"/>
  <c r="BP350" i="12"/>
  <c r="BO350" i="12"/>
  <c r="BN350" i="12"/>
  <c r="BM350" i="12"/>
  <c r="BL350" i="12"/>
  <c r="BK350" i="12"/>
  <c r="BJ350" i="12"/>
  <c r="BI350" i="12"/>
  <c r="BH350" i="12"/>
  <c r="BF350" i="12"/>
  <c r="Y350" i="12"/>
  <c r="CL349" i="12"/>
  <c r="CK349" i="12"/>
  <c r="CJ349" i="12"/>
  <c r="CI349" i="12"/>
  <c r="CH349" i="12"/>
  <c r="CG349" i="12"/>
  <c r="CF349" i="12"/>
  <c r="CE349" i="12"/>
  <c r="CD349" i="12"/>
  <c r="CC349" i="12"/>
  <c r="CB349" i="12"/>
  <c r="CA349" i="12"/>
  <c r="BZ349" i="12"/>
  <c r="BY349" i="12"/>
  <c r="BX349" i="12"/>
  <c r="BW349" i="12"/>
  <c r="BV349" i="12"/>
  <c r="BU349" i="12"/>
  <c r="BT349" i="12"/>
  <c r="BS349" i="12"/>
  <c r="BR349" i="12"/>
  <c r="BQ349" i="12"/>
  <c r="BP349" i="12"/>
  <c r="BO349" i="12"/>
  <c r="BN349" i="12"/>
  <c r="BM349" i="12"/>
  <c r="BL349" i="12"/>
  <c r="BK349" i="12"/>
  <c r="BJ349" i="12"/>
  <c r="BI349" i="12"/>
  <c r="BH349" i="12"/>
  <c r="BF349" i="12"/>
  <c r="Y349" i="12"/>
  <c r="CL348" i="12"/>
  <c r="CK348" i="12"/>
  <c r="CJ348" i="12"/>
  <c r="CI348" i="12"/>
  <c r="CH348" i="12"/>
  <c r="CG348" i="12"/>
  <c r="CF348" i="12"/>
  <c r="CE348" i="12"/>
  <c r="CD348" i="12"/>
  <c r="CC348" i="12"/>
  <c r="CB348" i="12"/>
  <c r="CA348" i="12"/>
  <c r="BZ348" i="12"/>
  <c r="BY348" i="12"/>
  <c r="BX348" i="12"/>
  <c r="BW348" i="12"/>
  <c r="BV348" i="12"/>
  <c r="BU348" i="12"/>
  <c r="BT348" i="12"/>
  <c r="BS348" i="12"/>
  <c r="BR348" i="12"/>
  <c r="BQ348" i="12"/>
  <c r="BP348" i="12"/>
  <c r="BO348" i="12"/>
  <c r="BN348" i="12"/>
  <c r="BM348" i="12"/>
  <c r="BL348" i="12"/>
  <c r="BK348" i="12"/>
  <c r="BJ348" i="12"/>
  <c r="BI348" i="12"/>
  <c r="BH348" i="12"/>
  <c r="BF348" i="12"/>
  <c r="Y348" i="12"/>
  <c r="CL347" i="12"/>
  <c r="CK347" i="12"/>
  <c r="CJ347" i="12"/>
  <c r="CI347" i="12"/>
  <c r="CH347" i="12"/>
  <c r="CG347" i="12"/>
  <c r="CF347" i="12"/>
  <c r="CE347" i="12"/>
  <c r="CD347" i="12"/>
  <c r="CC347" i="12"/>
  <c r="CB347" i="12"/>
  <c r="CA347" i="12"/>
  <c r="BZ347" i="12"/>
  <c r="BY347" i="12"/>
  <c r="BX347" i="12"/>
  <c r="BV347" i="12"/>
  <c r="BU347" i="12"/>
  <c r="BT347" i="12"/>
  <c r="BS347" i="12"/>
  <c r="BR347" i="12"/>
  <c r="BQ347" i="12"/>
  <c r="BP347" i="12"/>
  <c r="BO347" i="12"/>
  <c r="BN347" i="12"/>
  <c r="BM347" i="12"/>
  <c r="BL347" i="12"/>
  <c r="BK347" i="12"/>
  <c r="BJ347" i="12"/>
  <c r="BI347" i="12"/>
  <c r="BH347" i="12"/>
  <c r="BF347" i="12"/>
  <c r="Y347" i="12"/>
  <c r="CL346" i="12"/>
  <c r="CK346" i="12"/>
  <c r="CJ346" i="12"/>
  <c r="CI346" i="12"/>
  <c r="CH346" i="12"/>
  <c r="CG346" i="12"/>
  <c r="CF346" i="12"/>
  <c r="CE346" i="12"/>
  <c r="CD346" i="12"/>
  <c r="CC346" i="12"/>
  <c r="CB346" i="12"/>
  <c r="CA346" i="12"/>
  <c r="BZ346" i="12"/>
  <c r="BY346" i="12"/>
  <c r="BX346" i="12"/>
  <c r="BV346" i="12"/>
  <c r="BU346" i="12"/>
  <c r="BT346" i="12"/>
  <c r="BS346" i="12"/>
  <c r="BR346" i="12"/>
  <c r="BQ346" i="12"/>
  <c r="BP346" i="12"/>
  <c r="BO346" i="12"/>
  <c r="BN346" i="12"/>
  <c r="BM346" i="12"/>
  <c r="BL346" i="12"/>
  <c r="BK346" i="12"/>
  <c r="BJ346" i="12"/>
  <c r="BI346" i="12"/>
  <c r="BH346" i="12"/>
  <c r="BF346" i="12"/>
  <c r="Y346" i="12"/>
  <c r="CL345" i="12"/>
  <c r="CK345" i="12"/>
  <c r="CJ345" i="12"/>
  <c r="CI345" i="12"/>
  <c r="CH345" i="12"/>
  <c r="CG345" i="12"/>
  <c r="CF345" i="12"/>
  <c r="CE345" i="12"/>
  <c r="CD345" i="12"/>
  <c r="CC345" i="12"/>
  <c r="CB345" i="12"/>
  <c r="CA345" i="12"/>
  <c r="BZ345" i="12"/>
  <c r="BY345" i="12"/>
  <c r="BX345" i="12"/>
  <c r="BW345" i="12"/>
  <c r="BU345" i="12"/>
  <c r="BT345" i="12"/>
  <c r="BS345" i="12"/>
  <c r="BR345" i="12"/>
  <c r="BQ345" i="12"/>
  <c r="BP345" i="12"/>
  <c r="BO345" i="12"/>
  <c r="BN345" i="12"/>
  <c r="BM345" i="12"/>
  <c r="BL345" i="12"/>
  <c r="BK345" i="12"/>
  <c r="BJ345" i="12"/>
  <c r="BI345" i="12"/>
  <c r="BH345" i="12"/>
  <c r="BF345" i="12"/>
  <c r="Y345" i="12"/>
  <c r="CL344" i="12"/>
  <c r="CK344" i="12"/>
  <c r="CJ344" i="12"/>
  <c r="CI344" i="12"/>
  <c r="CH344" i="12"/>
  <c r="CG344" i="12"/>
  <c r="CF344" i="12"/>
  <c r="CE344" i="12"/>
  <c r="CD344" i="12"/>
  <c r="CC344" i="12"/>
  <c r="CB344" i="12"/>
  <c r="CA344" i="12"/>
  <c r="BZ344" i="12"/>
  <c r="BY344" i="12"/>
  <c r="BX344" i="12"/>
  <c r="BW344" i="12"/>
  <c r="BV344" i="12"/>
  <c r="BT344" i="12"/>
  <c r="BS344" i="12"/>
  <c r="BR344" i="12"/>
  <c r="BQ344" i="12"/>
  <c r="BP344" i="12"/>
  <c r="BO344" i="12"/>
  <c r="BN344" i="12"/>
  <c r="BM344" i="12"/>
  <c r="BL344" i="12"/>
  <c r="BK344" i="12"/>
  <c r="BJ344" i="12"/>
  <c r="BI344" i="12"/>
  <c r="BH344" i="12"/>
  <c r="BF344" i="12"/>
  <c r="Y344" i="12"/>
  <c r="CL343" i="12"/>
  <c r="CK343" i="12"/>
  <c r="CJ343" i="12"/>
  <c r="CI343" i="12"/>
  <c r="CH343" i="12"/>
  <c r="CG343" i="12"/>
  <c r="CF343" i="12"/>
  <c r="CE343" i="12"/>
  <c r="CD343" i="12"/>
  <c r="CC343" i="12"/>
  <c r="CB343" i="12"/>
  <c r="CA343" i="12"/>
  <c r="BZ343" i="12"/>
  <c r="BY343" i="12"/>
  <c r="BX343" i="12"/>
  <c r="BW343" i="12"/>
  <c r="BV343" i="12"/>
  <c r="BU343" i="12"/>
  <c r="BT343" i="12"/>
  <c r="BS343" i="12"/>
  <c r="BQ343" i="12"/>
  <c r="BP343" i="12"/>
  <c r="BO343" i="12"/>
  <c r="BN343" i="12"/>
  <c r="BM343" i="12"/>
  <c r="BL343" i="12"/>
  <c r="BK343" i="12"/>
  <c r="BJ343" i="12"/>
  <c r="BI343" i="12"/>
  <c r="BH343" i="12"/>
  <c r="BF343" i="12"/>
  <c r="Y343" i="12"/>
  <c r="CL342" i="12"/>
  <c r="CK342" i="12"/>
  <c r="CJ342" i="12"/>
  <c r="CI342" i="12"/>
  <c r="CH342" i="12"/>
  <c r="CG342" i="12"/>
  <c r="CF342" i="12"/>
  <c r="CE342" i="12"/>
  <c r="CD342" i="12"/>
  <c r="CC342" i="12"/>
  <c r="CB342" i="12"/>
  <c r="CA342" i="12"/>
  <c r="BZ342" i="12"/>
  <c r="BY342" i="12"/>
  <c r="BX342" i="12"/>
  <c r="BW342" i="12"/>
  <c r="BV342" i="12"/>
  <c r="BU342" i="12"/>
  <c r="BT342" i="12"/>
  <c r="BS342" i="12"/>
  <c r="BR342" i="12"/>
  <c r="BP342" i="12"/>
  <c r="BO342" i="12"/>
  <c r="BN342" i="12"/>
  <c r="BM342" i="12"/>
  <c r="BL342" i="12"/>
  <c r="BK342" i="12"/>
  <c r="BJ342" i="12"/>
  <c r="BI342" i="12"/>
  <c r="BH342" i="12"/>
  <c r="BF342" i="12"/>
  <c r="Y342" i="12"/>
  <c r="CL341" i="12"/>
  <c r="CK341" i="12"/>
  <c r="CJ341" i="12"/>
  <c r="CI341" i="12"/>
  <c r="CH341" i="12"/>
  <c r="CG341" i="12"/>
  <c r="CF341" i="12"/>
  <c r="CE341" i="12"/>
  <c r="CD341" i="12"/>
  <c r="CC341" i="12"/>
  <c r="CB341" i="12"/>
  <c r="CA341" i="12"/>
  <c r="BZ341" i="12"/>
  <c r="BY341" i="12"/>
  <c r="BX341" i="12"/>
  <c r="BW341" i="12"/>
  <c r="BV341" i="12"/>
  <c r="BU341" i="12"/>
  <c r="BS341" i="12"/>
  <c r="BR341" i="12"/>
  <c r="BQ341" i="12"/>
  <c r="BP341" i="12"/>
  <c r="BO341" i="12"/>
  <c r="BN341" i="12"/>
  <c r="BM341" i="12"/>
  <c r="BL341" i="12"/>
  <c r="BK341" i="12"/>
  <c r="BJ341" i="12"/>
  <c r="BI341" i="12"/>
  <c r="BH341" i="12"/>
  <c r="BF341" i="12"/>
  <c r="Y341" i="12"/>
  <c r="CL340" i="12"/>
  <c r="CK340" i="12"/>
  <c r="CJ340" i="12"/>
  <c r="CI340" i="12"/>
  <c r="CH340" i="12"/>
  <c r="CG340" i="12"/>
  <c r="CF340" i="12"/>
  <c r="CE340" i="12"/>
  <c r="CD340" i="12"/>
  <c r="CC340" i="12"/>
  <c r="CB340" i="12"/>
  <c r="CA340" i="12"/>
  <c r="BZ340" i="12"/>
  <c r="BY340" i="12"/>
  <c r="BX340" i="12"/>
  <c r="BW340" i="12"/>
  <c r="BV340" i="12"/>
  <c r="BU340" i="12"/>
  <c r="BT340" i="12"/>
  <c r="BS340" i="12"/>
  <c r="BR340" i="12"/>
  <c r="BQ340" i="12"/>
  <c r="BO340" i="12"/>
  <c r="BN340" i="12"/>
  <c r="BM340" i="12"/>
  <c r="BL340" i="12"/>
  <c r="BK340" i="12"/>
  <c r="BJ340" i="12"/>
  <c r="BI340" i="12"/>
  <c r="BH340" i="12"/>
  <c r="BF340" i="12"/>
  <c r="Y340" i="12"/>
  <c r="CL339" i="12"/>
  <c r="CK339" i="12"/>
  <c r="CJ339" i="12"/>
  <c r="CI339" i="12"/>
  <c r="CH339" i="12"/>
  <c r="CG339" i="12"/>
  <c r="CF339" i="12"/>
  <c r="CE339" i="12"/>
  <c r="CD339" i="12"/>
  <c r="CC339" i="12"/>
  <c r="CB339" i="12"/>
  <c r="CA339" i="12"/>
  <c r="BZ339" i="12"/>
  <c r="BY339" i="12"/>
  <c r="BX339" i="12"/>
  <c r="BW339" i="12"/>
  <c r="BV339" i="12"/>
  <c r="BU339" i="12"/>
  <c r="BT339" i="12"/>
  <c r="BS339" i="12"/>
  <c r="BR339" i="12"/>
  <c r="BQ339" i="12"/>
  <c r="BP339" i="12"/>
  <c r="BO339" i="12"/>
  <c r="BN339" i="12"/>
  <c r="BL339" i="12"/>
  <c r="BK339" i="12"/>
  <c r="BJ339" i="12"/>
  <c r="BI339" i="12"/>
  <c r="BH339" i="12"/>
  <c r="BF339" i="12"/>
  <c r="Y339" i="12"/>
  <c r="CL338" i="12"/>
  <c r="CK338" i="12"/>
  <c r="CJ338" i="12"/>
  <c r="CI338" i="12"/>
  <c r="CH338" i="12"/>
  <c r="CG338" i="12"/>
  <c r="CF338" i="12"/>
  <c r="CE338" i="12"/>
  <c r="CD338" i="12"/>
  <c r="CC338" i="12"/>
  <c r="CB338" i="12"/>
  <c r="CA338" i="12"/>
  <c r="BZ338" i="12"/>
  <c r="BY338" i="12"/>
  <c r="BX338" i="12"/>
  <c r="BW338" i="12"/>
  <c r="BV338" i="12"/>
  <c r="BU338" i="12"/>
  <c r="BT338" i="12"/>
  <c r="BS338" i="12"/>
  <c r="BR338" i="12"/>
  <c r="BQ338" i="12"/>
  <c r="BP338" i="12"/>
  <c r="BN338" i="12"/>
  <c r="BM338" i="12"/>
  <c r="BL338" i="12"/>
  <c r="BK338" i="12"/>
  <c r="BJ338" i="12"/>
  <c r="BI338" i="12"/>
  <c r="BH338" i="12"/>
  <c r="BF338" i="12"/>
  <c r="Y338" i="12"/>
  <c r="CL337" i="12"/>
  <c r="CK337" i="12"/>
  <c r="CJ337" i="12"/>
  <c r="CI337" i="12"/>
  <c r="CH337" i="12"/>
  <c r="CG337" i="12"/>
  <c r="CF337" i="12"/>
  <c r="CE337" i="12"/>
  <c r="CD337" i="12"/>
  <c r="CC337" i="12"/>
  <c r="CB337" i="12"/>
  <c r="CA337" i="12"/>
  <c r="BZ337" i="12"/>
  <c r="BY337" i="12"/>
  <c r="BX337" i="12"/>
  <c r="BW337" i="12"/>
  <c r="BV337" i="12"/>
  <c r="BU337" i="12"/>
  <c r="BT337" i="12"/>
  <c r="BS337" i="12"/>
  <c r="BR337" i="12"/>
  <c r="BQ337" i="12"/>
  <c r="BP337" i="12"/>
  <c r="BO337" i="12"/>
  <c r="BM337" i="12"/>
  <c r="BL337" i="12"/>
  <c r="BK337" i="12"/>
  <c r="BJ337" i="12"/>
  <c r="BI337" i="12"/>
  <c r="BH337" i="12"/>
  <c r="BF337" i="12"/>
  <c r="Y337" i="12"/>
  <c r="CL336" i="12"/>
  <c r="CK336" i="12"/>
  <c r="CJ336" i="12"/>
  <c r="CI336" i="12"/>
  <c r="CH336" i="12"/>
  <c r="CG336" i="12"/>
  <c r="CF336" i="12"/>
  <c r="CE336" i="12"/>
  <c r="CD336" i="12"/>
  <c r="CC336" i="12"/>
  <c r="CB336" i="12"/>
  <c r="CA336" i="12"/>
  <c r="BZ336" i="12"/>
  <c r="BY336" i="12"/>
  <c r="BX336" i="12"/>
  <c r="BW336" i="12"/>
  <c r="BV336" i="12"/>
  <c r="BU336" i="12"/>
  <c r="BT336" i="12"/>
  <c r="BS336" i="12"/>
  <c r="BR336" i="12"/>
  <c r="BQ336" i="12"/>
  <c r="BP336" i="12"/>
  <c r="BO336" i="12"/>
  <c r="BN336" i="12"/>
  <c r="BM336" i="12"/>
  <c r="BK336" i="12"/>
  <c r="BJ336" i="12"/>
  <c r="BI336" i="12"/>
  <c r="BH336" i="12"/>
  <c r="BF336" i="12"/>
  <c r="Y336" i="12"/>
  <c r="CL335" i="12"/>
  <c r="CK335" i="12"/>
  <c r="CJ335" i="12"/>
  <c r="CI335" i="12"/>
  <c r="CH335" i="12"/>
  <c r="CG335" i="12"/>
  <c r="CF335" i="12"/>
  <c r="CE335" i="12"/>
  <c r="CD335" i="12"/>
  <c r="CC335" i="12"/>
  <c r="CB335" i="12"/>
  <c r="CA335" i="12"/>
  <c r="BZ335" i="12"/>
  <c r="BY335" i="12"/>
  <c r="BX335" i="12"/>
  <c r="BW335" i="12"/>
  <c r="BV335" i="12"/>
  <c r="BU335" i="12"/>
  <c r="BT335" i="12"/>
  <c r="BS335" i="12"/>
  <c r="BR335" i="12"/>
  <c r="BQ335" i="12"/>
  <c r="BP335" i="12"/>
  <c r="BO335" i="12"/>
  <c r="BN335" i="12"/>
  <c r="BM335" i="12"/>
  <c r="BL335" i="12"/>
  <c r="BK335" i="12"/>
  <c r="BJ335" i="12"/>
  <c r="BH335" i="12"/>
  <c r="BF335" i="12"/>
  <c r="Y335" i="12"/>
  <c r="CL334" i="12"/>
  <c r="CK334" i="12"/>
  <c r="CJ334" i="12"/>
  <c r="CI334" i="12"/>
  <c r="CH334" i="12"/>
  <c r="CG334" i="12"/>
  <c r="CF334" i="12"/>
  <c r="CE334" i="12"/>
  <c r="CD334" i="12"/>
  <c r="CC334" i="12"/>
  <c r="CB334" i="12"/>
  <c r="CA334" i="12"/>
  <c r="BZ334" i="12"/>
  <c r="BY334" i="12"/>
  <c r="BX334" i="12"/>
  <c r="BW334" i="12"/>
  <c r="BV334" i="12"/>
  <c r="BU334" i="12"/>
  <c r="BT334" i="12"/>
  <c r="BS334" i="12"/>
  <c r="BR334" i="12"/>
  <c r="BQ334" i="12"/>
  <c r="BP334" i="12"/>
  <c r="BO334" i="12"/>
  <c r="BN334" i="12"/>
  <c r="BM334" i="12"/>
  <c r="BL334" i="12"/>
  <c r="BJ334" i="12"/>
  <c r="BI334" i="12"/>
  <c r="BH334" i="12"/>
  <c r="BF334" i="12"/>
  <c r="Y334" i="12"/>
  <c r="CL333" i="12"/>
  <c r="CK333" i="12"/>
  <c r="CJ333" i="12"/>
  <c r="CI333" i="12"/>
  <c r="CH333" i="12"/>
  <c r="CG333" i="12"/>
  <c r="CF333" i="12"/>
  <c r="CE333" i="12"/>
  <c r="CD333" i="12"/>
  <c r="CC333" i="12"/>
  <c r="CB333" i="12"/>
  <c r="CA333" i="12"/>
  <c r="BZ333" i="12"/>
  <c r="BY333" i="12"/>
  <c r="BX333" i="12"/>
  <c r="BW333" i="12"/>
  <c r="BV333" i="12"/>
  <c r="BU333" i="12"/>
  <c r="BT333" i="12"/>
  <c r="BS333" i="12"/>
  <c r="BR333" i="12"/>
  <c r="BQ333" i="12"/>
  <c r="BP333" i="12"/>
  <c r="BO333" i="12"/>
  <c r="BN333" i="12"/>
  <c r="BM333" i="12"/>
  <c r="BL333" i="12"/>
  <c r="BK333" i="12"/>
  <c r="BI333" i="12"/>
  <c r="BH333" i="12"/>
  <c r="BF333" i="12"/>
  <c r="Y333" i="12"/>
  <c r="CL332" i="12"/>
  <c r="CK332" i="12"/>
  <c r="CJ332" i="12"/>
  <c r="CI332" i="12"/>
  <c r="CH332" i="12"/>
  <c r="CG332" i="12"/>
  <c r="CF332" i="12"/>
  <c r="CE332" i="12"/>
  <c r="CD332" i="12"/>
  <c r="CC332" i="12"/>
  <c r="CB332" i="12"/>
  <c r="CA332" i="12"/>
  <c r="BZ332" i="12"/>
  <c r="BY332" i="12"/>
  <c r="BX332" i="12"/>
  <c r="BW332" i="12"/>
  <c r="BV332" i="12"/>
  <c r="BU332" i="12"/>
  <c r="BT332" i="12"/>
  <c r="BS332" i="12"/>
  <c r="BR332" i="12"/>
  <c r="BQ332" i="12"/>
  <c r="BP332" i="12"/>
  <c r="BO332" i="12"/>
  <c r="BN332" i="12"/>
  <c r="BM332" i="12"/>
  <c r="BL332" i="12"/>
  <c r="BK332" i="12"/>
  <c r="BJ332" i="12"/>
  <c r="BI332" i="12"/>
  <c r="BF332" i="12"/>
  <c r="Y332" i="12"/>
  <c r="CL331" i="12"/>
  <c r="CK331" i="12"/>
  <c r="CJ331" i="12"/>
  <c r="CI331" i="12"/>
  <c r="CH331" i="12"/>
  <c r="CG331" i="12"/>
  <c r="CF331" i="12"/>
  <c r="CE331" i="12"/>
  <c r="CD331" i="12"/>
  <c r="CC331" i="12"/>
  <c r="CB331" i="12"/>
  <c r="CA331" i="12"/>
  <c r="BZ331" i="12"/>
  <c r="BY331" i="12"/>
  <c r="BW331" i="12"/>
  <c r="BV331" i="12"/>
  <c r="BU331" i="12"/>
  <c r="BT331" i="12"/>
  <c r="BS331" i="12"/>
  <c r="BR331" i="12"/>
  <c r="BQ331" i="12"/>
  <c r="BP331" i="12"/>
  <c r="BO331" i="12"/>
  <c r="BN331" i="12"/>
  <c r="BM331" i="12"/>
  <c r="BL331" i="12"/>
  <c r="BK331" i="12"/>
  <c r="BJ331" i="12"/>
  <c r="BI331" i="12"/>
  <c r="BH331" i="12"/>
  <c r="BF331" i="12"/>
  <c r="Y331" i="12"/>
  <c r="CL330" i="12"/>
  <c r="CK330" i="12"/>
  <c r="CJ330" i="12"/>
  <c r="CI330" i="12"/>
  <c r="CH330" i="12"/>
  <c r="CG330" i="12"/>
  <c r="CF330" i="12"/>
  <c r="CE330" i="12"/>
  <c r="CD330" i="12"/>
  <c r="CC330" i="12"/>
  <c r="CB330" i="12"/>
  <c r="CA330" i="12"/>
  <c r="BZ330" i="12"/>
  <c r="BY330" i="12"/>
  <c r="BX330" i="12"/>
  <c r="BW330" i="12"/>
  <c r="BV330" i="12"/>
  <c r="BU330" i="12"/>
  <c r="BT330" i="12"/>
  <c r="BS330" i="12"/>
  <c r="BR330" i="12"/>
  <c r="BQ330" i="12"/>
  <c r="BP330" i="12"/>
  <c r="BO330" i="12"/>
  <c r="BN330" i="12"/>
  <c r="BM330" i="12"/>
  <c r="BL330" i="12"/>
  <c r="BK330" i="12"/>
  <c r="BJ330" i="12"/>
  <c r="BI330" i="12"/>
  <c r="BH330" i="12"/>
  <c r="BF330" i="12"/>
  <c r="CL329" i="12"/>
  <c r="CK329" i="12"/>
  <c r="CJ329" i="12"/>
  <c r="CI329" i="12"/>
  <c r="CH329" i="12"/>
  <c r="CG329" i="12"/>
  <c r="CF329" i="12"/>
  <c r="CE329" i="12"/>
  <c r="CD329" i="12"/>
  <c r="CC329" i="12"/>
  <c r="CB329" i="12"/>
  <c r="CA329" i="12"/>
  <c r="BZ329" i="12"/>
  <c r="BY329" i="12"/>
  <c r="BX329" i="12"/>
  <c r="BW329" i="12"/>
  <c r="BV329" i="12"/>
  <c r="BU329" i="12"/>
  <c r="BT329" i="12"/>
  <c r="BS329" i="12"/>
  <c r="BR329" i="12"/>
  <c r="BQ329" i="12"/>
  <c r="BP329" i="12"/>
  <c r="BO329" i="12"/>
  <c r="BN329" i="12"/>
  <c r="BM329" i="12"/>
  <c r="BL329" i="12"/>
  <c r="BK329" i="12"/>
  <c r="BJ329" i="12"/>
  <c r="BI329" i="12"/>
  <c r="BH329" i="12"/>
  <c r="BF329" i="12"/>
  <c r="CL328" i="12"/>
  <c r="CK328" i="12"/>
  <c r="CJ328" i="12"/>
  <c r="CI328" i="12"/>
  <c r="CH328" i="12"/>
  <c r="CG328" i="12"/>
  <c r="CF328" i="12"/>
  <c r="CE328" i="12"/>
  <c r="CD328" i="12"/>
  <c r="CC328" i="12"/>
  <c r="CB328" i="12"/>
  <c r="CA328" i="12"/>
  <c r="BZ328" i="12"/>
  <c r="BY328" i="12"/>
  <c r="BX328" i="12"/>
  <c r="BW328" i="12"/>
  <c r="BV328" i="12"/>
  <c r="BU328" i="12"/>
  <c r="BT328" i="12"/>
  <c r="BS328" i="12"/>
  <c r="BR328" i="12"/>
  <c r="BQ328" i="12"/>
  <c r="BP328" i="12"/>
  <c r="BO328" i="12"/>
  <c r="BN328" i="12"/>
  <c r="BM328" i="12"/>
  <c r="BL328" i="12"/>
  <c r="BK328" i="12"/>
  <c r="BJ328" i="12"/>
  <c r="BI328" i="12"/>
  <c r="BH328" i="12"/>
  <c r="BF328" i="12"/>
  <c r="CL327" i="12"/>
  <c r="CK327" i="12"/>
  <c r="CJ327" i="12"/>
  <c r="CI327" i="12"/>
  <c r="CH327" i="12"/>
  <c r="CG327" i="12"/>
  <c r="CF327" i="12"/>
  <c r="CE327" i="12"/>
  <c r="CD327" i="12"/>
  <c r="CC327" i="12"/>
  <c r="CB327" i="12"/>
  <c r="CA327" i="12"/>
  <c r="BZ327" i="12"/>
  <c r="BY327" i="12"/>
  <c r="BX327" i="12"/>
  <c r="BW327" i="12"/>
  <c r="BV327" i="12"/>
  <c r="BU327" i="12"/>
  <c r="BT327" i="12"/>
  <c r="BS327" i="12"/>
  <c r="BR327" i="12"/>
  <c r="BQ327" i="12"/>
  <c r="BP327" i="12"/>
  <c r="BO327" i="12"/>
  <c r="BN327" i="12"/>
  <c r="BM327" i="12"/>
  <c r="BL327" i="12"/>
  <c r="BK327" i="12"/>
  <c r="BJ327" i="12"/>
  <c r="BI327" i="12"/>
  <c r="BH327" i="12"/>
  <c r="BF327" i="12"/>
  <c r="CL326" i="12"/>
  <c r="CK326" i="12"/>
  <c r="CJ326" i="12"/>
  <c r="CI326" i="12"/>
  <c r="CH326" i="12"/>
  <c r="CG326" i="12"/>
  <c r="CF326" i="12"/>
  <c r="CE326" i="12"/>
  <c r="CD326" i="12"/>
  <c r="CC326" i="12"/>
  <c r="CB326" i="12"/>
  <c r="CA326" i="12"/>
  <c r="BZ326" i="12"/>
  <c r="BY326" i="12"/>
  <c r="BX326" i="12"/>
  <c r="BW326" i="12"/>
  <c r="BV326" i="12"/>
  <c r="BU326" i="12"/>
  <c r="BT326" i="12"/>
  <c r="BS326" i="12"/>
  <c r="BR326" i="12"/>
  <c r="BQ326" i="12"/>
  <c r="BP326" i="12"/>
  <c r="BO326" i="12"/>
  <c r="BN326" i="12"/>
  <c r="BM326" i="12"/>
  <c r="BL326" i="12"/>
  <c r="BK326" i="12"/>
  <c r="BJ326" i="12"/>
  <c r="BI326" i="12"/>
  <c r="BH326" i="12"/>
  <c r="BF326" i="12"/>
  <c r="CL325" i="12"/>
  <c r="CK325" i="12"/>
  <c r="CJ325" i="12"/>
  <c r="CI325" i="12"/>
  <c r="CH325" i="12"/>
  <c r="CG325" i="12"/>
  <c r="CF325" i="12"/>
  <c r="CE325" i="12"/>
  <c r="CD325" i="12"/>
  <c r="CC325" i="12"/>
  <c r="CB325" i="12"/>
  <c r="CA325" i="12"/>
  <c r="BZ325" i="12"/>
  <c r="BY325" i="12"/>
  <c r="BX325" i="12"/>
  <c r="BW325" i="12"/>
  <c r="BV325" i="12"/>
  <c r="BU325" i="12"/>
  <c r="BT325" i="12"/>
  <c r="BS325" i="12"/>
  <c r="BR325" i="12"/>
  <c r="BQ325" i="12"/>
  <c r="BP325" i="12"/>
  <c r="BO325" i="12"/>
  <c r="BN325" i="12"/>
  <c r="BM325" i="12"/>
  <c r="BL325" i="12"/>
  <c r="BK325" i="12"/>
  <c r="BJ325" i="12"/>
  <c r="BI325" i="12"/>
  <c r="BH325" i="12"/>
  <c r="BF325" i="12"/>
  <c r="CL324" i="12"/>
  <c r="CK324" i="12"/>
  <c r="CJ324" i="12"/>
  <c r="CI324" i="12"/>
  <c r="CH324" i="12"/>
  <c r="CG324" i="12"/>
  <c r="CF324" i="12"/>
  <c r="CE324" i="12"/>
  <c r="CD324" i="12"/>
  <c r="CC324" i="12"/>
  <c r="CB324" i="12"/>
  <c r="CA324" i="12"/>
  <c r="BZ324" i="12"/>
  <c r="BY324" i="12"/>
  <c r="BX324" i="12"/>
  <c r="BW324" i="12"/>
  <c r="BV324" i="12"/>
  <c r="BU324" i="12"/>
  <c r="BT324" i="12"/>
  <c r="BS324" i="12"/>
  <c r="BR324" i="12"/>
  <c r="BQ324" i="12"/>
  <c r="BP324" i="12"/>
  <c r="BO324" i="12"/>
  <c r="BN324" i="12"/>
  <c r="BM324" i="12"/>
  <c r="BL324" i="12"/>
  <c r="BK324" i="12"/>
  <c r="BJ324" i="12"/>
  <c r="BI324" i="12"/>
  <c r="BH324" i="12"/>
  <c r="BF324" i="12"/>
  <c r="CL323" i="12"/>
  <c r="CK323" i="12"/>
  <c r="CJ323" i="12"/>
  <c r="CI323" i="12"/>
  <c r="CH323" i="12"/>
  <c r="CG323" i="12"/>
  <c r="CF323" i="12"/>
  <c r="CE323" i="12"/>
  <c r="CD323" i="12"/>
  <c r="CC323" i="12"/>
  <c r="CB323" i="12"/>
  <c r="CA323" i="12"/>
  <c r="BZ323" i="12"/>
  <c r="BY323" i="12"/>
  <c r="BX323" i="12"/>
  <c r="BW323" i="12"/>
  <c r="BV323" i="12"/>
  <c r="BU323" i="12"/>
  <c r="BT323" i="12"/>
  <c r="BS323" i="12"/>
  <c r="BR323" i="12"/>
  <c r="BQ323" i="12"/>
  <c r="BP323" i="12"/>
  <c r="BO323" i="12"/>
  <c r="BN323" i="12"/>
  <c r="BM323" i="12"/>
  <c r="BL323" i="12"/>
  <c r="BK323" i="12"/>
  <c r="BJ323" i="12"/>
  <c r="BI323" i="12"/>
  <c r="BH323" i="12"/>
  <c r="BF323" i="12"/>
  <c r="CL322" i="12"/>
  <c r="CK322" i="12"/>
  <c r="CJ322" i="12"/>
  <c r="CI322" i="12"/>
  <c r="CH322" i="12"/>
  <c r="CG322" i="12"/>
  <c r="CF322" i="12"/>
  <c r="CE322" i="12"/>
  <c r="CD322" i="12"/>
  <c r="CC322" i="12"/>
  <c r="CB322" i="12"/>
  <c r="CA322" i="12"/>
  <c r="BZ322" i="12"/>
  <c r="BY322" i="12"/>
  <c r="BX322" i="12"/>
  <c r="BW322" i="12"/>
  <c r="BV322" i="12"/>
  <c r="BU322" i="12"/>
  <c r="BT322" i="12"/>
  <c r="BS322" i="12"/>
  <c r="BR322" i="12"/>
  <c r="BQ322" i="12"/>
  <c r="BP322" i="12"/>
  <c r="BO322" i="12"/>
  <c r="BN322" i="12"/>
  <c r="BM322" i="12"/>
  <c r="BL322" i="12"/>
  <c r="BK322" i="12"/>
  <c r="BJ322" i="12"/>
  <c r="BI322" i="12"/>
  <c r="BH322" i="12"/>
  <c r="BF322" i="12"/>
  <c r="CL321" i="12"/>
  <c r="CK321" i="12"/>
  <c r="CJ321" i="12"/>
  <c r="CI321" i="12"/>
  <c r="CH321" i="12"/>
  <c r="CG321" i="12"/>
  <c r="CF321" i="12"/>
  <c r="CE321" i="12"/>
  <c r="CD321" i="12"/>
  <c r="CC321" i="12"/>
  <c r="CB321" i="12"/>
  <c r="CA321" i="12"/>
  <c r="BZ321" i="12"/>
  <c r="BY321" i="12"/>
  <c r="BX321" i="12"/>
  <c r="BW321" i="12"/>
  <c r="BV321" i="12"/>
  <c r="BU321" i="12"/>
  <c r="BT321" i="12"/>
  <c r="BS321" i="12"/>
  <c r="BR321" i="12"/>
  <c r="BQ321" i="12"/>
  <c r="BP321" i="12"/>
  <c r="BO321" i="12"/>
  <c r="BN321" i="12"/>
  <c r="BM321" i="12"/>
  <c r="BL321" i="12"/>
  <c r="BK321" i="12"/>
  <c r="BJ321" i="12"/>
  <c r="BI321" i="12"/>
  <c r="BH321" i="12"/>
  <c r="BF321" i="12"/>
  <c r="CL320" i="12"/>
  <c r="CK320" i="12"/>
  <c r="CJ320" i="12"/>
  <c r="CI320" i="12"/>
  <c r="CH320" i="12"/>
  <c r="CG320" i="12"/>
  <c r="CF320" i="12"/>
  <c r="CE320" i="12"/>
  <c r="CD320" i="12"/>
  <c r="CC320" i="12"/>
  <c r="CB320" i="12"/>
  <c r="CA320" i="12"/>
  <c r="BZ320" i="12"/>
  <c r="BY320" i="12"/>
  <c r="BX320" i="12"/>
  <c r="BW320" i="12"/>
  <c r="BV320" i="12"/>
  <c r="BU320" i="12"/>
  <c r="BT320" i="12"/>
  <c r="BS320" i="12"/>
  <c r="BR320" i="12"/>
  <c r="BQ320" i="12"/>
  <c r="BP320" i="12"/>
  <c r="BO320" i="12"/>
  <c r="BN320" i="12"/>
  <c r="BM320" i="12"/>
  <c r="BL320" i="12"/>
  <c r="BK320" i="12"/>
  <c r="BJ320" i="12"/>
  <c r="BI320" i="12"/>
  <c r="BH320" i="12"/>
  <c r="BF320" i="12"/>
  <c r="CL319" i="12"/>
  <c r="CK319" i="12"/>
  <c r="CJ319" i="12"/>
  <c r="CI319" i="12"/>
  <c r="CH319" i="12"/>
  <c r="CG319" i="12"/>
  <c r="CF319" i="12"/>
  <c r="CE319" i="12"/>
  <c r="CD319" i="12"/>
  <c r="CC319" i="12"/>
  <c r="CB319" i="12"/>
  <c r="CA319" i="12"/>
  <c r="BZ319" i="12"/>
  <c r="BY319" i="12"/>
  <c r="BX319" i="12"/>
  <c r="BW319" i="12"/>
  <c r="BV319" i="12"/>
  <c r="BU319" i="12"/>
  <c r="BT319" i="12"/>
  <c r="BS319" i="12"/>
  <c r="BR319" i="12"/>
  <c r="BQ319" i="12"/>
  <c r="BP319" i="12"/>
  <c r="BO319" i="12"/>
  <c r="BN319" i="12"/>
  <c r="BM319" i="12"/>
  <c r="BL319" i="12"/>
  <c r="BK319" i="12"/>
  <c r="BJ319" i="12"/>
  <c r="BI319" i="12"/>
  <c r="BH319" i="12"/>
  <c r="BF319" i="12"/>
  <c r="CL318" i="12"/>
  <c r="CK318" i="12"/>
  <c r="CJ318" i="12"/>
  <c r="CI318" i="12"/>
  <c r="CH318" i="12"/>
  <c r="CG318" i="12"/>
  <c r="CF318" i="12"/>
  <c r="CE318" i="12"/>
  <c r="CD318" i="12"/>
  <c r="CC318" i="12"/>
  <c r="CB318" i="12"/>
  <c r="CA318" i="12"/>
  <c r="BZ318" i="12"/>
  <c r="BY318" i="12"/>
  <c r="BX318" i="12"/>
  <c r="BW318" i="12"/>
  <c r="BV318" i="12"/>
  <c r="BU318" i="12"/>
  <c r="BT318" i="12"/>
  <c r="BS318" i="12"/>
  <c r="BR318" i="12"/>
  <c r="BQ318" i="12"/>
  <c r="BP318" i="12"/>
  <c r="BO318" i="12"/>
  <c r="BN318" i="12"/>
  <c r="BM318" i="12"/>
  <c r="BL318" i="12"/>
  <c r="BK318" i="12"/>
  <c r="BJ318" i="12"/>
  <c r="BI318" i="12"/>
  <c r="BH318" i="12"/>
  <c r="BF318" i="12"/>
  <c r="CL317" i="12"/>
  <c r="CK317" i="12"/>
  <c r="CJ317" i="12"/>
  <c r="CI317" i="12"/>
  <c r="CH317" i="12"/>
  <c r="CG317" i="12"/>
  <c r="CF317" i="12"/>
  <c r="CE317" i="12"/>
  <c r="CD317" i="12"/>
  <c r="CC317" i="12"/>
  <c r="CB317" i="12"/>
  <c r="CA317" i="12"/>
  <c r="BZ317" i="12"/>
  <c r="BY317" i="12"/>
  <c r="BX317" i="12"/>
  <c r="BW317" i="12"/>
  <c r="BV317" i="12"/>
  <c r="BU317" i="12"/>
  <c r="BT317" i="12"/>
  <c r="BS317" i="12"/>
  <c r="BR317" i="12"/>
  <c r="BQ317" i="12"/>
  <c r="BP317" i="12"/>
  <c r="BO317" i="12"/>
  <c r="BN317" i="12"/>
  <c r="BM317" i="12"/>
  <c r="BL317" i="12"/>
  <c r="BK317" i="12"/>
  <c r="BJ317" i="12"/>
  <c r="BI317" i="12"/>
  <c r="BH317" i="12"/>
  <c r="BF317" i="12"/>
  <c r="CL316" i="12"/>
  <c r="CK316" i="12"/>
  <c r="CJ316" i="12"/>
  <c r="CI316" i="12"/>
  <c r="CH316" i="12"/>
  <c r="CG316" i="12"/>
  <c r="CF316" i="12"/>
  <c r="CE316" i="12"/>
  <c r="CD316" i="12"/>
  <c r="CC316" i="12"/>
  <c r="CB316" i="12"/>
  <c r="CA316" i="12"/>
  <c r="BZ316" i="12"/>
  <c r="BY316" i="12"/>
  <c r="BX316" i="12"/>
  <c r="BW316" i="12"/>
  <c r="BV316" i="12"/>
  <c r="BU316" i="12"/>
  <c r="BT316" i="12"/>
  <c r="BS316" i="12"/>
  <c r="BR316" i="12"/>
  <c r="BQ316" i="12"/>
  <c r="BP316" i="12"/>
  <c r="BO316" i="12"/>
  <c r="BN316" i="12"/>
  <c r="BM316" i="12"/>
  <c r="BL316" i="12"/>
  <c r="BK316" i="12"/>
  <c r="BJ316" i="12"/>
  <c r="BI316" i="12"/>
  <c r="BH316" i="12"/>
  <c r="BF316" i="12"/>
  <c r="CL315" i="12"/>
  <c r="CK315" i="12"/>
  <c r="CJ315" i="12"/>
  <c r="CI315" i="12"/>
  <c r="CH315" i="12"/>
  <c r="CG315" i="12"/>
  <c r="CF315" i="12"/>
  <c r="CE315" i="12"/>
  <c r="CD315" i="12"/>
  <c r="CC315" i="12"/>
  <c r="CB315" i="12"/>
  <c r="CA315" i="12"/>
  <c r="BZ315" i="12"/>
  <c r="BY315" i="12"/>
  <c r="BX315" i="12"/>
  <c r="BW315" i="12"/>
  <c r="BV315" i="12"/>
  <c r="BU315" i="12"/>
  <c r="BT315" i="12"/>
  <c r="BS315" i="12"/>
  <c r="BR315" i="12"/>
  <c r="BQ315" i="12"/>
  <c r="BP315" i="12"/>
  <c r="BO315" i="12"/>
  <c r="BN315" i="12"/>
  <c r="BM315" i="12"/>
  <c r="BL315" i="12"/>
  <c r="BK315" i="12"/>
  <c r="BJ315" i="12"/>
  <c r="BI315" i="12"/>
  <c r="BH315" i="12"/>
  <c r="BF315" i="12"/>
  <c r="CL314" i="12"/>
  <c r="CK314" i="12"/>
  <c r="CJ314" i="12"/>
  <c r="CI314" i="12"/>
  <c r="CH314" i="12"/>
  <c r="CG314" i="12"/>
  <c r="CF314" i="12"/>
  <c r="CE314" i="12"/>
  <c r="CD314" i="12"/>
  <c r="CC314" i="12"/>
  <c r="CB314" i="12"/>
  <c r="CA314" i="12"/>
  <c r="BZ314" i="12"/>
  <c r="BY314" i="12"/>
  <c r="BX314" i="12"/>
  <c r="BW314" i="12"/>
  <c r="BV314" i="12"/>
  <c r="BU314" i="12"/>
  <c r="BT314" i="12"/>
  <c r="BS314" i="12"/>
  <c r="BR314" i="12"/>
  <c r="BQ314" i="12"/>
  <c r="BP314" i="12"/>
  <c r="BO314" i="12"/>
  <c r="BN314" i="12"/>
  <c r="BM314" i="12"/>
  <c r="BL314" i="12"/>
  <c r="BK314" i="12"/>
  <c r="BJ314" i="12"/>
  <c r="BI314" i="12"/>
  <c r="BH314" i="12"/>
  <c r="BF314" i="12"/>
  <c r="CL313" i="12"/>
  <c r="CK313" i="12"/>
  <c r="CJ313" i="12"/>
  <c r="CI313" i="12"/>
  <c r="CH313" i="12"/>
  <c r="CG313" i="12"/>
  <c r="CF313" i="12"/>
  <c r="CE313" i="12"/>
  <c r="CD313" i="12"/>
  <c r="CC313" i="12"/>
  <c r="CB313" i="12"/>
  <c r="CA313" i="12"/>
  <c r="BZ313" i="12"/>
  <c r="BY313" i="12"/>
  <c r="BW313" i="12"/>
  <c r="BV313" i="12"/>
  <c r="BU313" i="12"/>
  <c r="BT313" i="12"/>
  <c r="BS313" i="12"/>
  <c r="BR313" i="12"/>
  <c r="BQ313" i="12"/>
  <c r="BP313" i="12"/>
  <c r="BO313" i="12"/>
  <c r="BN313" i="12"/>
  <c r="BM313" i="12"/>
  <c r="BL313" i="12"/>
  <c r="BK313" i="12"/>
  <c r="BJ313" i="12"/>
  <c r="BI313" i="12"/>
  <c r="BH313" i="12"/>
  <c r="BF313" i="12"/>
  <c r="BG313" i="12" s="1"/>
  <c r="BX313" i="12" s="1"/>
  <c r="CL312" i="12"/>
  <c r="CK312" i="12"/>
  <c r="CJ312" i="12"/>
  <c r="CI312" i="12"/>
  <c r="CH312" i="12"/>
  <c r="CG312" i="12"/>
  <c r="CF312" i="12"/>
  <c r="CE312" i="12"/>
  <c r="CD312" i="12"/>
  <c r="CC312" i="12"/>
  <c r="CB312" i="12"/>
  <c r="CA312" i="12"/>
  <c r="BZ312" i="12"/>
  <c r="BY312" i="12"/>
  <c r="BX312" i="12"/>
  <c r="BW312" i="12"/>
  <c r="BV312" i="12"/>
  <c r="BU312" i="12"/>
  <c r="BT312" i="12"/>
  <c r="BS312" i="12"/>
  <c r="BR312" i="12"/>
  <c r="BQ312" i="12"/>
  <c r="BP312" i="12"/>
  <c r="BO312" i="12"/>
  <c r="BN312" i="12"/>
  <c r="BM312" i="12"/>
  <c r="BL312" i="12"/>
  <c r="BK312" i="12"/>
  <c r="BJ312" i="12"/>
  <c r="BI312" i="12"/>
  <c r="BH312" i="12"/>
  <c r="BF312" i="12"/>
  <c r="CL311" i="12"/>
  <c r="CK311" i="12"/>
  <c r="CJ311" i="12"/>
  <c r="CI311" i="12"/>
  <c r="CH311" i="12"/>
  <c r="CG311" i="12"/>
  <c r="CF311" i="12"/>
  <c r="CE311" i="12"/>
  <c r="CD311" i="12"/>
  <c r="CC311" i="12"/>
  <c r="CB311" i="12"/>
  <c r="CA311" i="12"/>
  <c r="BZ311" i="12"/>
  <c r="BY311" i="12"/>
  <c r="BX311" i="12"/>
  <c r="BW311" i="12"/>
  <c r="BV311" i="12"/>
  <c r="BU311" i="12"/>
  <c r="BT311" i="12"/>
  <c r="BS311" i="12"/>
  <c r="BR311" i="12"/>
  <c r="BQ311" i="12"/>
  <c r="BP311" i="12"/>
  <c r="BO311" i="12"/>
  <c r="BN311" i="12"/>
  <c r="BM311" i="12"/>
  <c r="BL311" i="12"/>
  <c r="BK311" i="12"/>
  <c r="BJ311" i="12"/>
  <c r="BI311" i="12"/>
  <c r="BH311" i="12"/>
  <c r="BF311" i="12"/>
  <c r="CL310" i="12"/>
  <c r="CK310" i="12"/>
  <c r="CJ310" i="12"/>
  <c r="CI310" i="12"/>
  <c r="CH310" i="12"/>
  <c r="CG310" i="12"/>
  <c r="CF310" i="12"/>
  <c r="CE310" i="12"/>
  <c r="CD310" i="12"/>
  <c r="CC310" i="12"/>
  <c r="CB310" i="12"/>
  <c r="CA310" i="12"/>
  <c r="BZ310" i="12"/>
  <c r="BY310" i="12"/>
  <c r="BX310" i="12"/>
  <c r="BW310" i="12"/>
  <c r="BV310" i="12"/>
  <c r="BU310" i="12"/>
  <c r="BT310" i="12"/>
  <c r="BS310" i="12"/>
  <c r="BR310" i="12"/>
  <c r="BQ310" i="12"/>
  <c r="BP310" i="12"/>
  <c r="BO310" i="12"/>
  <c r="BN310" i="12"/>
  <c r="BM310" i="12"/>
  <c r="BL310" i="12"/>
  <c r="BK310" i="12"/>
  <c r="BJ310" i="12"/>
  <c r="BI310" i="12"/>
  <c r="BH310" i="12"/>
  <c r="BF310" i="12"/>
  <c r="CL309" i="12"/>
  <c r="CK309" i="12"/>
  <c r="CJ309" i="12"/>
  <c r="CI309" i="12"/>
  <c r="CH309" i="12"/>
  <c r="CG309" i="12"/>
  <c r="CF309" i="12"/>
  <c r="CE309" i="12"/>
  <c r="CD309" i="12"/>
  <c r="CC309" i="12"/>
  <c r="CB309" i="12"/>
  <c r="CA309" i="12"/>
  <c r="BZ309" i="12"/>
  <c r="BY309" i="12"/>
  <c r="BX309" i="12"/>
  <c r="BW309" i="12"/>
  <c r="BV309" i="12"/>
  <c r="BU309" i="12"/>
  <c r="BT309" i="12"/>
  <c r="BS309" i="12"/>
  <c r="BR309" i="12"/>
  <c r="BQ309" i="12"/>
  <c r="BP309" i="12"/>
  <c r="BO309" i="12"/>
  <c r="BN309" i="12"/>
  <c r="BM309" i="12"/>
  <c r="BL309" i="12"/>
  <c r="BK309" i="12"/>
  <c r="BJ309" i="12"/>
  <c r="BI309" i="12"/>
  <c r="BH309" i="12"/>
  <c r="BF309" i="12"/>
  <c r="CL308" i="12"/>
  <c r="CK308" i="12"/>
  <c r="CJ308" i="12"/>
  <c r="CI308" i="12"/>
  <c r="CH308" i="12"/>
  <c r="CG308" i="12"/>
  <c r="CF308" i="12"/>
  <c r="CE308" i="12"/>
  <c r="CD308" i="12"/>
  <c r="CC308" i="12"/>
  <c r="CB308" i="12"/>
  <c r="CA308" i="12"/>
  <c r="BZ308" i="12"/>
  <c r="BY308" i="12"/>
  <c r="BW308" i="12"/>
  <c r="BV308" i="12"/>
  <c r="BU308" i="12"/>
  <c r="BT308" i="12"/>
  <c r="BS308" i="12"/>
  <c r="BR308" i="12"/>
  <c r="BQ308" i="12"/>
  <c r="BP308" i="12"/>
  <c r="BO308" i="12"/>
  <c r="BN308" i="12"/>
  <c r="BM308" i="12"/>
  <c r="BL308" i="12"/>
  <c r="BK308" i="12"/>
  <c r="BJ308" i="12"/>
  <c r="BI308" i="12"/>
  <c r="BH308" i="12"/>
  <c r="BF308" i="12"/>
  <c r="BG308" i="12" s="1"/>
  <c r="BX308" i="12" s="1"/>
  <c r="CL307" i="12"/>
  <c r="CK307" i="12"/>
  <c r="CJ307" i="12"/>
  <c r="CI307" i="12"/>
  <c r="CH307" i="12"/>
  <c r="CG307" i="12"/>
  <c r="CF307" i="12"/>
  <c r="CE307" i="12"/>
  <c r="CD307" i="12"/>
  <c r="CC307" i="12"/>
  <c r="CB307" i="12"/>
  <c r="CA307" i="12"/>
  <c r="BZ307" i="12"/>
  <c r="BY307" i="12"/>
  <c r="BW307" i="12"/>
  <c r="BV307" i="12"/>
  <c r="BU307" i="12"/>
  <c r="BT307" i="12"/>
  <c r="BS307" i="12"/>
  <c r="BR307" i="12"/>
  <c r="BQ307" i="12"/>
  <c r="BP307" i="12"/>
  <c r="BO307" i="12"/>
  <c r="BN307" i="12"/>
  <c r="BM307" i="12"/>
  <c r="BL307" i="12"/>
  <c r="BK307" i="12"/>
  <c r="BJ307" i="12"/>
  <c r="BI307" i="12"/>
  <c r="BH307" i="12"/>
  <c r="BF307" i="12"/>
  <c r="BG307" i="12" s="1"/>
  <c r="BX307" i="12" s="1"/>
  <c r="CL306" i="12"/>
  <c r="CK306" i="12"/>
  <c r="CJ306" i="12"/>
  <c r="CI306" i="12"/>
  <c r="CH306" i="12"/>
  <c r="CG306" i="12"/>
  <c r="CF306" i="12"/>
  <c r="CE306" i="12"/>
  <c r="CD306" i="12"/>
  <c r="CC306" i="12"/>
  <c r="CB306" i="12"/>
  <c r="CA306" i="12"/>
  <c r="BZ306" i="12"/>
  <c r="BY306" i="12"/>
  <c r="BW306" i="12"/>
  <c r="BV306" i="12"/>
  <c r="BU306" i="12"/>
  <c r="BT306" i="12"/>
  <c r="BS306" i="12"/>
  <c r="BR306" i="12"/>
  <c r="BQ306" i="12"/>
  <c r="BP306" i="12"/>
  <c r="BO306" i="12"/>
  <c r="BN306" i="12"/>
  <c r="BM306" i="12"/>
  <c r="BL306" i="12"/>
  <c r="BK306" i="12"/>
  <c r="BJ306" i="12"/>
  <c r="BI306" i="12"/>
  <c r="BH306" i="12"/>
  <c r="BF306" i="12"/>
  <c r="BG306" i="12" s="1"/>
  <c r="BX306" i="12" s="1"/>
  <c r="CL305" i="12"/>
  <c r="CK305" i="12"/>
  <c r="CJ305" i="12"/>
  <c r="CI305" i="12"/>
  <c r="CH305" i="12"/>
  <c r="CG305" i="12"/>
  <c r="CF305" i="12"/>
  <c r="CE305" i="12"/>
  <c r="CD305" i="12"/>
  <c r="CC305" i="12"/>
  <c r="CB305" i="12"/>
  <c r="CA305" i="12"/>
  <c r="BZ305" i="12"/>
  <c r="BY305" i="12"/>
  <c r="BX305" i="12"/>
  <c r="BW305" i="12"/>
  <c r="BV305" i="12"/>
  <c r="BU305" i="12"/>
  <c r="BT305" i="12"/>
  <c r="BR305" i="12"/>
  <c r="BQ305" i="12"/>
  <c r="BP305" i="12"/>
  <c r="BO305" i="12"/>
  <c r="BN305" i="12"/>
  <c r="BM305" i="12"/>
  <c r="BL305" i="12"/>
  <c r="BK305" i="12"/>
  <c r="BJ305" i="12"/>
  <c r="BI305" i="12"/>
  <c r="BH305" i="12"/>
  <c r="BF305" i="12"/>
  <c r="BG305" i="12" s="1"/>
  <c r="BS305" i="12" s="1"/>
  <c r="CL304" i="12"/>
  <c r="CK304" i="12"/>
  <c r="CJ304" i="12"/>
  <c r="CI304" i="12"/>
  <c r="CH304" i="12"/>
  <c r="CG304" i="12"/>
  <c r="CF304" i="12"/>
  <c r="CE304" i="12"/>
  <c r="CD304" i="12"/>
  <c r="CC304" i="12"/>
  <c r="CB304" i="12"/>
  <c r="CA304" i="12"/>
  <c r="BZ304" i="12"/>
  <c r="BY304" i="12"/>
  <c r="BX304" i="12"/>
  <c r="BW304" i="12"/>
  <c r="BV304" i="12"/>
  <c r="BU304" i="12"/>
  <c r="BT304" i="12"/>
  <c r="BS304" i="12"/>
  <c r="BR304" i="12"/>
  <c r="BQ304" i="12"/>
  <c r="BP304" i="12"/>
  <c r="BO304" i="12"/>
  <c r="BN304" i="12"/>
  <c r="BM304" i="12"/>
  <c r="BL304" i="12"/>
  <c r="BK304" i="12"/>
  <c r="BJ304" i="12"/>
  <c r="BI304" i="12"/>
  <c r="BH304" i="12"/>
  <c r="BF304" i="12"/>
  <c r="CL303" i="12"/>
  <c r="CK303" i="12"/>
  <c r="CJ303" i="12"/>
  <c r="CI303" i="12"/>
  <c r="CH303" i="12"/>
  <c r="CG303" i="12"/>
  <c r="CF303" i="12"/>
  <c r="CE303" i="12"/>
  <c r="CD303" i="12"/>
  <c r="CC303" i="12"/>
  <c r="CB303" i="12"/>
  <c r="CA303" i="12"/>
  <c r="BZ303" i="12"/>
  <c r="BY303" i="12"/>
  <c r="BX303" i="12"/>
  <c r="BW303" i="12"/>
  <c r="BV303" i="12"/>
  <c r="BU303" i="12"/>
  <c r="BT303" i="12"/>
  <c r="BR303" i="12"/>
  <c r="BQ303" i="12"/>
  <c r="BP303" i="12"/>
  <c r="BO303" i="12"/>
  <c r="BN303" i="12"/>
  <c r="BM303" i="12"/>
  <c r="BL303" i="12"/>
  <c r="BK303" i="12"/>
  <c r="BJ303" i="12"/>
  <c r="BI303" i="12"/>
  <c r="BH303" i="12"/>
  <c r="BF303" i="12"/>
  <c r="BG303" i="12" s="1"/>
  <c r="BS303" i="12" s="1"/>
  <c r="CL302" i="12"/>
  <c r="CK302" i="12"/>
  <c r="CJ302" i="12"/>
  <c r="CI302" i="12"/>
  <c r="CH302" i="12"/>
  <c r="CG302" i="12"/>
  <c r="CF302" i="12"/>
  <c r="CE302" i="12"/>
  <c r="CD302" i="12"/>
  <c r="CC302" i="12"/>
  <c r="CB302" i="12"/>
  <c r="CA302" i="12"/>
  <c r="BZ302" i="12"/>
  <c r="BY302" i="12"/>
  <c r="BX302" i="12"/>
  <c r="BW302" i="12"/>
  <c r="BV302" i="12"/>
  <c r="BU302" i="12"/>
  <c r="BT302" i="12"/>
  <c r="BR302" i="12"/>
  <c r="BQ302" i="12"/>
  <c r="BP302" i="12"/>
  <c r="BO302" i="12"/>
  <c r="BN302" i="12"/>
  <c r="BM302" i="12"/>
  <c r="BL302" i="12"/>
  <c r="BK302" i="12"/>
  <c r="BJ302" i="12"/>
  <c r="BI302" i="12"/>
  <c r="BH302" i="12"/>
  <c r="BF302" i="12"/>
  <c r="BG302" i="12" s="1"/>
  <c r="BS302" i="12" s="1"/>
  <c r="CL301" i="12"/>
  <c r="CK301" i="12"/>
  <c r="CJ301" i="12"/>
  <c r="CI301" i="12"/>
  <c r="CH301" i="12"/>
  <c r="CG301" i="12"/>
  <c r="CF301" i="12"/>
  <c r="CE301" i="12"/>
  <c r="CD301" i="12"/>
  <c r="CC301" i="12"/>
  <c r="CB301" i="12"/>
  <c r="CA301" i="12"/>
  <c r="BZ301" i="12"/>
  <c r="BY301" i="12"/>
  <c r="BX301" i="12"/>
  <c r="BW301" i="12"/>
  <c r="BV301" i="12"/>
  <c r="BU301" i="12"/>
  <c r="BT301" i="12"/>
  <c r="BR301" i="12"/>
  <c r="BQ301" i="12"/>
  <c r="BP301" i="12"/>
  <c r="BO301" i="12"/>
  <c r="BN301" i="12"/>
  <c r="BM301" i="12"/>
  <c r="BL301" i="12"/>
  <c r="BK301" i="12"/>
  <c r="BJ301" i="12"/>
  <c r="BI301" i="12"/>
  <c r="BH301" i="12"/>
  <c r="BF301" i="12"/>
  <c r="BG301" i="12" s="1"/>
  <c r="BS301" i="12" s="1"/>
  <c r="CL300" i="12"/>
  <c r="CK300" i="12"/>
  <c r="CJ300" i="12"/>
  <c r="CI300" i="12"/>
  <c r="CH300" i="12"/>
  <c r="CG300" i="12"/>
  <c r="CF300" i="12"/>
  <c r="CE300" i="12"/>
  <c r="CD300" i="12"/>
  <c r="CC300" i="12"/>
  <c r="CB300" i="12"/>
  <c r="CA300" i="12"/>
  <c r="BZ300" i="12"/>
  <c r="BY300" i="12"/>
  <c r="BX300" i="12"/>
  <c r="BW300" i="12"/>
  <c r="BV300" i="12"/>
  <c r="BU300" i="12"/>
  <c r="BT300" i="12"/>
  <c r="BR300" i="12"/>
  <c r="BQ300" i="12"/>
  <c r="BP300" i="12"/>
  <c r="BO300" i="12"/>
  <c r="BN300" i="12"/>
  <c r="BM300" i="12"/>
  <c r="BL300" i="12"/>
  <c r="BK300" i="12"/>
  <c r="BJ300" i="12"/>
  <c r="BI300" i="12"/>
  <c r="BH300" i="12"/>
  <c r="BF300" i="12"/>
  <c r="BG300" i="12" s="1"/>
  <c r="BS300" i="12" s="1"/>
  <c r="CL299" i="12"/>
  <c r="CK299" i="12"/>
  <c r="CJ299" i="12"/>
  <c r="CI299" i="12"/>
  <c r="CH299" i="12"/>
  <c r="CG299" i="12"/>
  <c r="CF299" i="12"/>
  <c r="CE299" i="12"/>
  <c r="CD299" i="12"/>
  <c r="CC299" i="12"/>
  <c r="CB299" i="12"/>
  <c r="CA299" i="12"/>
  <c r="BZ299" i="12"/>
  <c r="BY299" i="12"/>
  <c r="BX299" i="12"/>
  <c r="BW299" i="12"/>
  <c r="BV299" i="12"/>
  <c r="BU299" i="12"/>
  <c r="BT299" i="12"/>
  <c r="BR299" i="12"/>
  <c r="BQ299" i="12"/>
  <c r="BP299" i="12"/>
  <c r="BO299" i="12"/>
  <c r="BN299" i="12"/>
  <c r="BM299" i="12"/>
  <c r="BL299" i="12"/>
  <c r="BK299" i="12"/>
  <c r="BJ299" i="12"/>
  <c r="BI299" i="12"/>
  <c r="BH299" i="12"/>
  <c r="BF299" i="12"/>
  <c r="BG299" i="12" s="1"/>
  <c r="BS299" i="12" s="1"/>
  <c r="CL298" i="12"/>
  <c r="CK298" i="12"/>
  <c r="CJ298" i="12"/>
  <c r="CI298" i="12"/>
  <c r="CH298" i="12"/>
  <c r="CG298" i="12"/>
  <c r="CF298" i="12"/>
  <c r="CE298" i="12"/>
  <c r="CD298" i="12"/>
  <c r="CC298" i="12"/>
  <c r="CB298" i="12"/>
  <c r="CA298" i="12"/>
  <c r="BZ298" i="12"/>
  <c r="BY298" i="12"/>
  <c r="BX298" i="12"/>
  <c r="BW298" i="12"/>
  <c r="BV298" i="12"/>
  <c r="BU298" i="12"/>
  <c r="BT298" i="12"/>
  <c r="BR298" i="12"/>
  <c r="BQ298" i="12"/>
  <c r="BP298" i="12"/>
  <c r="BO298" i="12"/>
  <c r="BN298" i="12"/>
  <c r="BM298" i="12"/>
  <c r="BL298" i="12"/>
  <c r="BK298" i="12"/>
  <c r="BJ298" i="12"/>
  <c r="BI298" i="12"/>
  <c r="BH298" i="12"/>
  <c r="BF298" i="12"/>
  <c r="BG298" i="12" s="1"/>
  <c r="BS298" i="12" s="1"/>
  <c r="CL297" i="12"/>
  <c r="CK297" i="12"/>
  <c r="CJ297" i="12"/>
  <c r="CI297" i="12"/>
  <c r="CH297" i="12"/>
  <c r="CG297" i="12"/>
  <c r="CF297" i="12"/>
  <c r="CE297" i="12"/>
  <c r="CD297" i="12"/>
  <c r="CC297" i="12"/>
  <c r="CB297" i="12"/>
  <c r="CA297" i="12"/>
  <c r="BZ297" i="12"/>
  <c r="BY297" i="12"/>
  <c r="BX297" i="12"/>
  <c r="BV297" i="12"/>
  <c r="BU297" i="12"/>
  <c r="BT297" i="12"/>
  <c r="BS297" i="12"/>
  <c r="BR297" i="12"/>
  <c r="BQ297" i="12"/>
  <c r="BP297" i="12"/>
  <c r="BO297" i="12"/>
  <c r="BN297" i="12"/>
  <c r="BM297" i="12"/>
  <c r="BL297" i="12"/>
  <c r="BK297" i="12"/>
  <c r="BJ297" i="12"/>
  <c r="BI297" i="12"/>
  <c r="BH297" i="12"/>
  <c r="BF297" i="12"/>
  <c r="BG297" i="12" s="1"/>
  <c r="BW297" i="12" s="1"/>
  <c r="CL296" i="12"/>
  <c r="CK296" i="12"/>
  <c r="CJ296" i="12"/>
  <c r="CI296" i="12"/>
  <c r="CH296" i="12"/>
  <c r="CG296" i="12"/>
  <c r="CF296" i="12"/>
  <c r="CE296" i="12"/>
  <c r="CD296" i="12"/>
  <c r="CC296" i="12"/>
  <c r="CB296" i="12"/>
  <c r="CA296" i="12"/>
  <c r="BZ296" i="12"/>
  <c r="BY296" i="12"/>
  <c r="BX296" i="12"/>
  <c r="BW296" i="12"/>
  <c r="BV296" i="12"/>
  <c r="BU296" i="12"/>
  <c r="BT296" i="12"/>
  <c r="BS296" i="12"/>
  <c r="BR296" i="12"/>
  <c r="BQ296" i="12"/>
  <c r="BP296" i="12"/>
  <c r="BO296" i="12"/>
  <c r="BN296" i="12"/>
  <c r="BM296" i="12"/>
  <c r="BL296" i="12"/>
  <c r="BK296" i="12"/>
  <c r="BJ296" i="12"/>
  <c r="BI296" i="12"/>
  <c r="BH296" i="12"/>
  <c r="BF296" i="12"/>
  <c r="CL295" i="12"/>
  <c r="CK295" i="12"/>
  <c r="CJ295" i="12"/>
  <c r="CI295" i="12"/>
  <c r="CH295" i="12"/>
  <c r="CG295" i="12"/>
  <c r="CF295" i="12"/>
  <c r="CE295" i="12"/>
  <c r="CD295" i="12"/>
  <c r="CC295" i="12"/>
  <c r="CB295" i="12"/>
  <c r="CA295" i="12"/>
  <c r="BZ295" i="12"/>
  <c r="BY295" i="12"/>
  <c r="BX295" i="12"/>
  <c r="BW295" i="12"/>
  <c r="BV295" i="12"/>
  <c r="BU295" i="12"/>
  <c r="BT295" i="12"/>
  <c r="BS295" i="12"/>
  <c r="BR295" i="12"/>
  <c r="BQ295" i="12"/>
  <c r="BP295" i="12"/>
  <c r="BO295" i="12"/>
  <c r="BN295" i="12"/>
  <c r="BM295" i="12"/>
  <c r="BL295" i="12"/>
  <c r="BK295" i="12"/>
  <c r="BJ295" i="12"/>
  <c r="BI295" i="12"/>
  <c r="BH295" i="12"/>
  <c r="BF295" i="12"/>
  <c r="CL294" i="12"/>
  <c r="CK294" i="12"/>
  <c r="CJ294" i="12"/>
  <c r="CI294" i="12"/>
  <c r="CH294" i="12"/>
  <c r="CG294" i="12"/>
  <c r="CF294" i="12"/>
  <c r="CE294" i="12"/>
  <c r="CD294" i="12"/>
  <c r="CC294" i="12"/>
  <c r="CB294" i="12"/>
  <c r="CA294" i="12"/>
  <c r="BZ294" i="12"/>
  <c r="BY294" i="12"/>
  <c r="BX294" i="12"/>
  <c r="BV294" i="12"/>
  <c r="BU294" i="12"/>
  <c r="BT294" i="12"/>
  <c r="BS294" i="12"/>
  <c r="BR294" i="12"/>
  <c r="BQ294" i="12"/>
  <c r="BP294" i="12"/>
  <c r="BO294" i="12"/>
  <c r="BN294" i="12"/>
  <c r="BM294" i="12"/>
  <c r="BL294" i="12"/>
  <c r="BK294" i="12"/>
  <c r="BJ294" i="12"/>
  <c r="BI294" i="12"/>
  <c r="BH294" i="12"/>
  <c r="BF294" i="12"/>
  <c r="BG294" i="12" s="1"/>
  <c r="BW294" i="12" s="1"/>
  <c r="CL293" i="12"/>
  <c r="CK293" i="12"/>
  <c r="CJ293" i="12"/>
  <c r="CI293" i="12"/>
  <c r="CH293" i="12"/>
  <c r="CG293" i="12"/>
  <c r="CF293" i="12"/>
  <c r="CE293" i="12"/>
  <c r="CD293" i="12"/>
  <c r="CC293" i="12"/>
  <c r="CB293" i="12"/>
  <c r="CA293" i="12"/>
  <c r="BZ293" i="12"/>
  <c r="BY293" i="12"/>
  <c r="BX293" i="12"/>
  <c r="BV293" i="12"/>
  <c r="BU293" i="12"/>
  <c r="BT293" i="12"/>
  <c r="BS293" i="12"/>
  <c r="BR293" i="12"/>
  <c r="BQ293" i="12"/>
  <c r="BP293" i="12"/>
  <c r="BO293" i="12"/>
  <c r="BN293" i="12"/>
  <c r="BM293" i="12"/>
  <c r="BL293" i="12"/>
  <c r="BK293" i="12"/>
  <c r="BJ293" i="12"/>
  <c r="BI293" i="12"/>
  <c r="BH293" i="12"/>
  <c r="BF293" i="12"/>
  <c r="BG293" i="12" s="1"/>
  <c r="BW293" i="12" s="1"/>
  <c r="CL292" i="12"/>
  <c r="CK292" i="12"/>
  <c r="CJ292" i="12"/>
  <c r="CI292" i="12"/>
  <c r="CH292" i="12"/>
  <c r="CG292" i="12"/>
  <c r="CF292" i="12"/>
  <c r="CE292" i="12"/>
  <c r="CD292" i="12"/>
  <c r="CC292" i="12"/>
  <c r="CB292" i="12"/>
  <c r="CA292" i="12"/>
  <c r="BZ292" i="12"/>
  <c r="BY292" i="12"/>
  <c r="BX292" i="12"/>
  <c r="BV292" i="12"/>
  <c r="BU292" i="12"/>
  <c r="BT292" i="12"/>
  <c r="BS292" i="12"/>
  <c r="BR292" i="12"/>
  <c r="BQ292" i="12"/>
  <c r="BP292" i="12"/>
  <c r="BO292" i="12"/>
  <c r="BN292" i="12"/>
  <c r="BM292" i="12"/>
  <c r="BL292" i="12"/>
  <c r="BK292" i="12"/>
  <c r="BJ292" i="12"/>
  <c r="BI292" i="12"/>
  <c r="BH292" i="12"/>
  <c r="BF292" i="12"/>
  <c r="BG292" i="12" s="1"/>
  <c r="BW292" i="12" s="1"/>
  <c r="CL291" i="12"/>
  <c r="CK291" i="12"/>
  <c r="CJ291" i="12"/>
  <c r="CI291" i="12"/>
  <c r="CH291" i="12"/>
  <c r="CG291" i="12"/>
  <c r="CF291" i="12"/>
  <c r="CE291" i="12"/>
  <c r="CD291" i="12"/>
  <c r="CC291" i="12"/>
  <c r="CB291" i="12"/>
  <c r="CA291" i="12"/>
  <c r="BZ291" i="12"/>
  <c r="BY291" i="12"/>
  <c r="BX291" i="12"/>
  <c r="BV291" i="12"/>
  <c r="BU291" i="12"/>
  <c r="BT291" i="12"/>
  <c r="BS291" i="12"/>
  <c r="BR291" i="12"/>
  <c r="BQ291" i="12"/>
  <c r="BP291" i="12"/>
  <c r="BO291" i="12"/>
  <c r="BN291" i="12"/>
  <c r="BM291" i="12"/>
  <c r="BL291" i="12"/>
  <c r="BK291" i="12"/>
  <c r="BJ291" i="12"/>
  <c r="BI291" i="12"/>
  <c r="BH291" i="12"/>
  <c r="BF291" i="12"/>
  <c r="BG291" i="12" s="1"/>
  <c r="BW291" i="12" s="1"/>
  <c r="CL290" i="12"/>
  <c r="CK290" i="12"/>
  <c r="CJ290" i="12"/>
  <c r="CI290" i="12"/>
  <c r="CH290" i="12"/>
  <c r="CG290" i="12"/>
  <c r="CF290" i="12"/>
  <c r="CE290" i="12"/>
  <c r="CD290" i="12"/>
  <c r="CC290" i="12"/>
  <c r="CB290" i="12"/>
  <c r="CA290" i="12"/>
  <c r="BZ290" i="12"/>
  <c r="BY290" i="12"/>
  <c r="BX290" i="12"/>
  <c r="BV290" i="12"/>
  <c r="BU290" i="12"/>
  <c r="BT290" i="12"/>
  <c r="BS290" i="12"/>
  <c r="BR290" i="12"/>
  <c r="BQ290" i="12"/>
  <c r="BP290" i="12"/>
  <c r="BO290" i="12"/>
  <c r="BN290" i="12"/>
  <c r="BM290" i="12"/>
  <c r="BL290" i="12"/>
  <c r="BK290" i="12"/>
  <c r="BJ290" i="12"/>
  <c r="BI290" i="12"/>
  <c r="BH290" i="12"/>
  <c r="BF290" i="12"/>
  <c r="BG290" i="12" s="1"/>
  <c r="BW290" i="12" s="1"/>
  <c r="CL289" i="12"/>
  <c r="CK289" i="12"/>
  <c r="CJ289" i="12"/>
  <c r="CI289" i="12"/>
  <c r="CH289" i="12"/>
  <c r="CG289" i="12"/>
  <c r="CF289" i="12"/>
  <c r="CE289" i="12"/>
  <c r="CD289" i="12"/>
  <c r="CC289" i="12"/>
  <c r="CB289" i="12"/>
  <c r="CA289" i="12"/>
  <c r="BZ289" i="12"/>
  <c r="BY289" i="12"/>
  <c r="BX289" i="12"/>
  <c r="BW289" i="12"/>
  <c r="BU289" i="12"/>
  <c r="BT289" i="12"/>
  <c r="BS289" i="12"/>
  <c r="BR289" i="12"/>
  <c r="BQ289" i="12"/>
  <c r="BP289" i="12"/>
  <c r="BO289" i="12"/>
  <c r="BN289" i="12"/>
  <c r="BM289" i="12"/>
  <c r="BL289" i="12"/>
  <c r="BK289" i="12"/>
  <c r="BJ289" i="12"/>
  <c r="BI289" i="12"/>
  <c r="BH289" i="12"/>
  <c r="BF289" i="12"/>
  <c r="BG289" i="12" s="1"/>
  <c r="BV289" i="12" s="1"/>
  <c r="CL288" i="12"/>
  <c r="CK288" i="12"/>
  <c r="CJ288" i="12"/>
  <c r="CI288" i="12"/>
  <c r="CH288" i="12"/>
  <c r="CG288" i="12"/>
  <c r="CF288" i="12"/>
  <c r="CE288" i="12"/>
  <c r="CD288" i="12"/>
  <c r="CC288" i="12"/>
  <c r="CB288" i="12"/>
  <c r="CA288" i="12"/>
  <c r="BZ288" i="12"/>
  <c r="BY288" i="12"/>
  <c r="BX288" i="12"/>
  <c r="BW288" i="12"/>
  <c r="BV288" i="12"/>
  <c r="BU288" i="12"/>
  <c r="BT288" i="12"/>
  <c r="BS288" i="12"/>
  <c r="BR288" i="12"/>
  <c r="BQ288" i="12"/>
  <c r="BP288" i="12"/>
  <c r="BO288" i="12"/>
  <c r="BN288" i="12"/>
  <c r="BM288" i="12"/>
  <c r="BL288" i="12"/>
  <c r="BK288" i="12"/>
  <c r="BJ288" i="12"/>
  <c r="BI288" i="12"/>
  <c r="BH288" i="12"/>
  <c r="BF288" i="12"/>
  <c r="CL287" i="12"/>
  <c r="CK287" i="12"/>
  <c r="CJ287" i="12"/>
  <c r="CI287" i="12"/>
  <c r="CH287" i="12"/>
  <c r="CG287" i="12"/>
  <c r="CF287" i="12"/>
  <c r="CE287" i="12"/>
  <c r="CD287" i="12"/>
  <c r="CC287" i="12"/>
  <c r="CB287" i="12"/>
  <c r="CA287" i="12"/>
  <c r="BZ287" i="12"/>
  <c r="BY287" i="12"/>
  <c r="BX287" i="12"/>
  <c r="BW287" i="12"/>
  <c r="BV287" i="12"/>
  <c r="BU287" i="12"/>
  <c r="BT287" i="12"/>
  <c r="BS287" i="12"/>
  <c r="BR287" i="12"/>
  <c r="BQ287" i="12"/>
  <c r="BP287" i="12"/>
  <c r="BO287" i="12"/>
  <c r="BN287" i="12"/>
  <c r="BM287" i="12"/>
  <c r="BL287" i="12"/>
  <c r="BK287" i="12"/>
  <c r="BJ287" i="12"/>
  <c r="BI287" i="12"/>
  <c r="BH287" i="12"/>
  <c r="BF287" i="12"/>
  <c r="CL286" i="12"/>
  <c r="CK286" i="12"/>
  <c r="CJ286" i="12"/>
  <c r="CI286" i="12"/>
  <c r="CH286" i="12"/>
  <c r="CG286" i="12"/>
  <c r="CF286" i="12"/>
  <c r="CE286" i="12"/>
  <c r="CD286" i="12"/>
  <c r="CC286" i="12"/>
  <c r="CB286" i="12"/>
  <c r="CA286" i="12"/>
  <c r="BZ286" i="12"/>
  <c r="BY286" i="12"/>
  <c r="BX286" i="12"/>
  <c r="BW286" i="12"/>
  <c r="BU286" i="12"/>
  <c r="BT286" i="12"/>
  <c r="BS286" i="12"/>
  <c r="BR286" i="12"/>
  <c r="BQ286" i="12"/>
  <c r="BP286" i="12"/>
  <c r="BO286" i="12"/>
  <c r="BN286" i="12"/>
  <c r="BM286" i="12"/>
  <c r="BL286" i="12"/>
  <c r="BK286" i="12"/>
  <c r="BJ286" i="12"/>
  <c r="BI286" i="12"/>
  <c r="BH286" i="12"/>
  <c r="BF286" i="12"/>
  <c r="BG286" i="12" s="1"/>
  <c r="BV286" i="12" s="1"/>
  <c r="CL285" i="12"/>
  <c r="CK285" i="12"/>
  <c r="CJ285" i="12"/>
  <c r="CI285" i="12"/>
  <c r="CH285" i="12"/>
  <c r="CG285" i="12"/>
  <c r="CF285" i="12"/>
  <c r="CE285" i="12"/>
  <c r="CD285" i="12"/>
  <c r="CC285" i="12"/>
  <c r="CB285" i="12"/>
  <c r="CA285" i="12"/>
  <c r="BZ285" i="12"/>
  <c r="BY285" i="12"/>
  <c r="BX285" i="12"/>
  <c r="BW285" i="12"/>
  <c r="BU285" i="12"/>
  <c r="BT285" i="12"/>
  <c r="BS285" i="12"/>
  <c r="BR285" i="12"/>
  <c r="BQ285" i="12"/>
  <c r="BP285" i="12"/>
  <c r="BO285" i="12"/>
  <c r="BN285" i="12"/>
  <c r="BM285" i="12"/>
  <c r="BL285" i="12"/>
  <c r="BK285" i="12"/>
  <c r="BJ285" i="12"/>
  <c r="BI285" i="12"/>
  <c r="BH285" i="12"/>
  <c r="BF285" i="12"/>
  <c r="BG285" i="12" s="1"/>
  <c r="BV285" i="12" s="1"/>
  <c r="CL284" i="12"/>
  <c r="CK284" i="12"/>
  <c r="CJ284" i="12"/>
  <c r="CI284" i="12"/>
  <c r="CH284" i="12"/>
  <c r="CG284" i="12"/>
  <c r="CF284" i="12"/>
  <c r="CE284" i="12"/>
  <c r="CD284" i="12"/>
  <c r="CC284" i="12"/>
  <c r="CB284" i="12"/>
  <c r="CA284" i="12"/>
  <c r="BZ284" i="12"/>
  <c r="BY284" i="12"/>
  <c r="BX284" i="12"/>
  <c r="BW284" i="12"/>
  <c r="BU284" i="12"/>
  <c r="BT284" i="12"/>
  <c r="BS284" i="12"/>
  <c r="BR284" i="12"/>
  <c r="BQ284" i="12"/>
  <c r="BP284" i="12"/>
  <c r="BO284" i="12"/>
  <c r="BN284" i="12"/>
  <c r="BM284" i="12"/>
  <c r="BL284" i="12"/>
  <c r="BK284" i="12"/>
  <c r="BJ284" i="12"/>
  <c r="BI284" i="12"/>
  <c r="BH284" i="12"/>
  <c r="BF284" i="12"/>
  <c r="BG284" i="12" s="1"/>
  <c r="BV284" i="12" s="1"/>
  <c r="CL283" i="12"/>
  <c r="CK283" i="12"/>
  <c r="CJ283" i="12"/>
  <c r="CI283" i="12"/>
  <c r="CH283" i="12"/>
  <c r="CG283" i="12"/>
  <c r="CF283" i="12"/>
  <c r="CE283" i="12"/>
  <c r="CD283" i="12"/>
  <c r="CC283" i="12"/>
  <c r="CB283" i="12"/>
  <c r="CA283" i="12"/>
  <c r="BZ283" i="12"/>
  <c r="BY283" i="12"/>
  <c r="BX283" i="12"/>
  <c r="BW283" i="12"/>
  <c r="BU283" i="12"/>
  <c r="BT283" i="12"/>
  <c r="BS283" i="12"/>
  <c r="BR283" i="12"/>
  <c r="BQ283" i="12"/>
  <c r="BP283" i="12"/>
  <c r="BO283" i="12"/>
  <c r="BN283" i="12"/>
  <c r="BM283" i="12"/>
  <c r="BL283" i="12"/>
  <c r="BK283" i="12"/>
  <c r="BJ283" i="12"/>
  <c r="BI283" i="12"/>
  <c r="BH283" i="12"/>
  <c r="BF283" i="12"/>
  <c r="BG283" i="12" s="1"/>
  <c r="BV283" i="12" s="1"/>
  <c r="CL282" i="12"/>
  <c r="CK282" i="12"/>
  <c r="CJ282" i="12"/>
  <c r="CI282" i="12"/>
  <c r="CH282" i="12"/>
  <c r="CG282" i="12"/>
  <c r="CF282" i="12"/>
  <c r="CE282" i="12"/>
  <c r="CD282" i="12"/>
  <c r="CC282" i="12"/>
  <c r="CB282" i="12"/>
  <c r="CA282" i="12"/>
  <c r="BZ282" i="12"/>
  <c r="BY282" i="12"/>
  <c r="BX282" i="12"/>
  <c r="BW282" i="12"/>
  <c r="BU282" i="12"/>
  <c r="BT282" i="12"/>
  <c r="BS282" i="12"/>
  <c r="BR282" i="12"/>
  <c r="BQ282" i="12"/>
  <c r="BP282" i="12"/>
  <c r="BO282" i="12"/>
  <c r="BN282" i="12"/>
  <c r="BM282" i="12"/>
  <c r="BL282" i="12"/>
  <c r="BK282" i="12"/>
  <c r="BJ282" i="12"/>
  <c r="BI282" i="12"/>
  <c r="BH282" i="12"/>
  <c r="BF282" i="12"/>
  <c r="BG282" i="12" s="1"/>
  <c r="BV282" i="12" s="1"/>
  <c r="CL281" i="12"/>
  <c r="CK281" i="12"/>
  <c r="CJ281" i="12"/>
  <c r="CI281" i="12"/>
  <c r="CH281" i="12"/>
  <c r="CG281" i="12"/>
  <c r="CF281" i="12"/>
  <c r="CE281" i="12"/>
  <c r="CD281" i="12"/>
  <c r="CC281" i="12"/>
  <c r="CB281" i="12"/>
  <c r="CA281" i="12"/>
  <c r="BZ281" i="12"/>
  <c r="BY281" i="12"/>
  <c r="BX281" i="12"/>
  <c r="BW281" i="12"/>
  <c r="BV281" i="12"/>
  <c r="BT281" i="12"/>
  <c r="BS281" i="12"/>
  <c r="BR281" i="12"/>
  <c r="BQ281" i="12"/>
  <c r="BP281" i="12"/>
  <c r="BO281" i="12"/>
  <c r="BN281" i="12"/>
  <c r="BM281" i="12"/>
  <c r="BL281" i="12"/>
  <c r="BK281" i="12"/>
  <c r="BJ281" i="12"/>
  <c r="BI281" i="12"/>
  <c r="BH281" i="12"/>
  <c r="BF281" i="12"/>
  <c r="BG281" i="12" s="1"/>
  <c r="BU281" i="12" s="1"/>
  <c r="CL280" i="12"/>
  <c r="CK280" i="12"/>
  <c r="CJ280" i="12"/>
  <c r="CI280" i="12"/>
  <c r="CH280" i="12"/>
  <c r="CG280" i="12"/>
  <c r="CF280" i="12"/>
  <c r="CE280" i="12"/>
  <c r="CD280" i="12"/>
  <c r="CC280" i="12"/>
  <c r="CB280" i="12"/>
  <c r="CA280" i="12"/>
  <c r="BZ280" i="12"/>
  <c r="BY280" i="12"/>
  <c r="BX280" i="12"/>
  <c r="BW280" i="12"/>
  <c r="BV280" i="12"/>
  <c r="BU280" i="12"/>
  <c r="BT280" i="12"/>
  <c r="BS280" i="12"/>
  <c r="BR280" i="12"/>
  <c r="BQ280" i="12"/>
  <c r="BP280" i="12"/>
  <c r="BO280" i="12"/>
  <c r="BN280" i="12"/>
  <c r="BM280" i="12"/>
  <c r="BL280" i="12"/>
  <c r="BK280" i="12"/>
  <c r="BJ280" i="12"/>
  <c r="BI280" i="12"/>
  <c r="BH280" i="12"/>
  <c r="BF280" i="12"/>
  <c r="CL279" i="12"/>
  <c r="CK279" i="12"/>
  <c r="CJ279" i="12"/>
  <c r="CI279" i="12"/>
  <c r="CH279" i="12"/>
  <c r="CG279" i="12"/>
  <c r="CF279" i="12"/>
  <c r="CE279" i="12"/>
  <c r="CD279" i="12"/>
  <c r="CC279" i="12"/>
  <c r="CB279" i="12"/>
  <c r="CA279" i="12"/>
  <c r="BZ279" i="12"/>
  <c r="BY279" i="12"/>
  <c r="BX279" i="12"/>
  <c r="BW279" i="12"/>
  <c r="BV279" i="12"/>
  <c r="BT279" i="12"/>
  <c r="BS279" i="12"/>
  <c r="BR279" i="12"/>
  <c r="BQ279" i="12"/>
  <c r="BP279" i="12"/>
  <c r="BO279" i="12"/>
  <c r="BN279" i="12"/>
  <c r="BM279" i="12"/>
  <c r="BL279" i="12"/>
  <c r="BK279" i="12"/>
  <c r="BJ279" i="12"/>
  <c r="BI279" i="12"/>
  <c r="BH279" i="12"/>
  <c r="BF279" i="12"/>
  <c r="BG279" i="12" s="1"/>
  <c r="BU279" i="12" s="1"/>
  <c r="CL278" i="12"/>
  <c r="CK278" i="12"/>
  <c r="CJ278" i="12"/>
  <c r="CI278" i="12"/>
  <c r="CH278" i="12"/>
  <c r="CG278" i="12"/>
  <c r="CF278" i="12"/>
  <c r="CE278" i="12"/>
  <c r="CD278" i="12"/>
  <c r="CC278" i="12"/>
  <c r="CB278" i="12"/>
  <c r="CA278" i="12"/>
  <c r="BZ278" i="12"/>
  <c r="BY278" i="12"/>
  <c r="BX278" i="12"/>
  <c r="BW278" i="12"/>
  <c r="BV278" i="12"/>
  <c r="BT278" i="12"/>
  <c r="BS278" i="12"/>
  <c r="BR278" i="12"/>
  <c r="BQ278" i="12"/>
  <c r="BP278" i="12"/>
  <c r="BO278" i="12"/>
  <c r="BN278" i="12"/>
  <c r="BM278" i="12"/>
  <c r="BL278" i="12"/>
  <c r="BK278" i="12"/>
  <c r="BJ278" i="12"/>
  <c r="BI278" i="12"/>
  <c r="BH278" i="12"/>
  <c r="BF278" i="12"/>
  <c r="BG278" i="12" s="1"/>
  <c r="BU278" i="12" s="1"/>
  <c r="CL277" i="12"/>
  <c r="CK277" i="12"/>
  <c r="CJ277" i="12"/>
  <c r="CI277" i="12"/>
  <c r="CH277" i="12"/>
  <c r="CG277" i="12"/>
  <c r="CF277" i="12"/>
  <c r="CE277" i="12"/>
  <c r="CD277" i="12"/>
  <c r="CC277" i="12"/>
  <c r="CB277" i="12"/>
  <c r="CA277" i="12"/>
  <c r="BZ277" i="12"/>
  <c r="BY277" i="12"/>
  <c r="BX277" i="12"/>
  <c r="BW277" i="12"/>
  <c r="BV277" i="12"/>
  <c r="BT277" i="12"/>
  <c r="BS277" i="12"/>
  <c r="BR277" i="12"/>
  <c r="BQ277" i="12"/>
  <c r="BP277" i="12"/>
  <c r="BO277" i="12"/>
  <c r="BN277" i="12"/>
  <c r="BM277" i="12"/>
  <c r="BL277" i="12"/>
  <c r="BK277" i="12"/>
  <c r="BJ277" i="12"/>
  <c r="BI277" i="12"/>
  <c r="BH277" i="12"/>
  <c r="BF277" i="12"/>
  <c r="BG277" i="12" s="1"/>
  <c r="BU277" i="12" s="1"/>
  <c r="CL276" i="12"/>
  <c r="CK276" i="12"/>
  <c r="CJ276" i="12"/>
  <c r="CI276" i="12"/>
  <c r="CH276" i="12"/>
  <c r="CG276" i="12"/>
  <c r="CF276" i="12"/>
  <c r="CE276" i="12"/>
  <c r="CD276" i="12"/>
  <c r="CC276" i="12"/>
  <c r="CB276" i="12"/>
  <c r="CA276" i="12"/>
  <c r="BZ276" i="12"/>
  <c r="BY276" i="12"/>
  <c r="BX276" i="12"/>
  <c r="BW276" i="12"/>
  <c r="BV276" i="12"/>
  <c r="BT276" i="12"/>
  <c r="BS276" i="12"/>
  <c r="BR276" i="12"/>
  <c r="BQ276" i="12"/>
  <c r="BP276" i="12"/>
  <c r="BO276" i="12"/>
  <c r="BN276" i="12"/>
  <c r="BM276" i="12"/>
  <c r="BL276" i="12"/>
  <c r="BK276" i="12"/>
  <c r="BJ276" i="12"/>
  <c r="BI276" i="12"/>
  <c r="BH276" i="12"/>
  <c r="BF276" i="12"/>
  <c r="BG276" i="12" s="1"/>
  <c r="BU276" i="12" s="1"/>
  <c r="CL275" i="12"/>
  <c r="CK275" i="12"/>
  <c r="CJ275" i="12"/>
  <c r="CI275" i="12"/>
  <c r="CH275" i="12"/>
  <c r="CG275" i="12"/>
  <c r="CF275" i="12"/>
  <c r="CE275" i="12"/>
  <c r="CD275" i="12"/>
  <c r="CC275" i="12"/>
  <c r="CB275" i="12"/>
  <c r="CA275" i="12"/>
  <c r="BZ275" i="12"/>
  <c r="BY275" i="12"/>
  <c r="BX275" i="12"/>
  <c r="BW275" i="12"/>
  <c r="BV275" i="12"/>
  <c r="BT275" i="12"/>
  <c r="BS275" i="12"/>
  <c r="BR275" i="12"/>
  <c r="BQ275" i="12"/>
  <c r="BP275" i="12"/>
  <c r="BO275" i="12"/>
  <c r="BN275" i="12"/>
  <c r="BM275" i="12"/>
  <c r="BL275" i="12"/>
  <c r="BK275" i="12"/>
  <c r="BJ275" i="12"/>
  <c r="BI275" i="12"/>
  <c r="BH275" i="12"/>
  <c r="BF275" i="12"/>
  <c r="BG275" i="12" s="1"/>
  <c r="BU275" i="12" s="1"/>
  <c r="CL274" i="12"/>
  <c r="CK274" i="12"/>
  <c r="CJ274" i="12"/>
  <c r="CI274" i="12"/>
  <c r="CH274" i="12"/>
  <c r="CG274" i="12"/>
  <c r="CF274" i="12"/>
  <c r="CE274" i="12"/>
  <c r="CD274" i="12"/>
  <c r="CC274" i="12"/>
  <c r="CB274" i="12"/>
  <c r="CA274" i="12"/>
  <c r="BZ274" i="12"/>
  <c r="BY274" i="12"/>
  <c r="BX274" i="12"/>
  <c r="BW274" i="12"/>
  <c r="BV274" i="12"/>
  <c r="BT274" i="12"/>
  <c r="BS274" i="12"/>
  <c r="BR274" i="12"/>
  <c r="BQ274" i="12"/>
  <c r="BP274" i="12"/>
  <c r="BO274" i="12"/>
  <c r="BN274" i="12"/>
  <c r="BM274" i="12"/>
  <c r="BL274" i="12"/>
  <c r="BK274" i="12"/>
  <c r="BJ274" i="12"/>
  <c r="BI274" i="12"/>
  <c r="BH274" i="12"/>
  <c r="BF274" i="12"/>
  <c r="BG274" i="12" s="1"/>
  <c r="BU274" i="12" s="1"/>
  <c r="CL273" i="12"/>
  <c r="CK273" i="12"/>
  <c r="CJ273" i="12"/>
  <c r="CI273" i="12"/>
  <c r="CH273" i="12"/>
  <c r="CG273" i="12"/>
  <c r="CF273" i="12"/>
  <c r="CE273" i="12"/>
  <c r="CD273" i="12"/>
  <c r="CC273" i="12"/>
  <c r="CB273" i="12"/>
  <c r="CA273" i="12"/>
  <c r="BZ273" i="12"/>
  <c r="BY273" i="12"/>
  <c r="BX273" i="12"/>
  <c r="BW273" i="12"/>
  <c r="BV273" i="12"/>
  <c r="BU273" i="12"/>
  <c r="BT273" i="12"/>
  <c r="BS273" i="12"/>
  <c r="BQ273" i="12"/>
  <c r="BP273" i="12"/>
  <c r="BO273" i="12"/>
  <c r="BN273" i="12"/>
  <c r="BM273" i="12"/>
  <c r="BL273" i="12"/>
  <c r="BK273" i="12"/>
  <c r="BJ273" i="12"/>
  <c r="BI273" i="12"/>
  <c r="BH273" i="12"/>
  <c r="BF273" i="12"/>
  <c r="BG273" i="12" s="1"/>
  <c r="BR273" i="12" s="1"/>
  <c r="CL272" i="12"/>
  <c r="CK272" i="12"/>
  <c r="CJ272" i="12"/>
  <c r="CI272" i="12"/>
  <c r="CH272" i="12"/>
  <c r="CG272" i="12"/>
  <c r="CF272" i="12"/>
  <c r="CE272" i="12"/>
  <c r="CD272" i="12"/>
  <c r="CC272" i="12"/>
  <c r="CB272" i="12"/>
  <c r="CA272" i="12"/>
  <c r="BZ272" i="12"/>
  <c r="BY272" i="12"/>
  <c r="BX272" i="12"/>
  <c r="BW272" i="12"/>
  <c r="BV272" i="12"/>
  <c r="BU272" i="12"/>
  <c r="BT272" i="12"/>
  <c r="BS272" i="12"/>
  <c r="BQ272" i="12"/>
  <c r="BP272" i="12"/>
  <c r="BO272" i="12"/>
  <c r="BN272" i="12"/>
  <c r="BM272" i="12"/>
  <c r="BL272" i="12"/>
  <c r="BK272" i="12"/>
  <c r="BJ272" i="12"/>
  <c r="BI272" i="12"/>
  <c r="BH272" i="12"/>
  <c r="BF272" i="12"/>
  <c r="BG272" i="12" s="1"/>
  <c r="BR272" i="12" s="1"/>
  <c r="CL271" i="12"/>
  <c r="CK271" i="12"/>
  <c r="CJ271" i="12"/>
  <c r="CI271" i="12"/>
  <c r="CH271" i="12"/>
  <c r="CG271" i="12"/>
  <c r="CF271" i="12"/>
  <c r="CE271" i="12"/>
  <c r="CD271" i="12"/>
  <c r="CC271" i="12"/>
  <c r="CB271" i="12"/>
  <c r="CA271" i="12"/>
  <c r="BZ271" i="12"/>
  <c r="BY271" i="12"/>
  <c r="BX271" i="12"/>
  <c r="BW271" i="12"/>
  <c r="BV271" i="12"/>
  <c r="BU271" i="12"/>
  <c r="BT271" i="12"/>
  <c r="BS271" i="12"/>
  <c r="BQ271" i="12"/>
  <c r="BP271" i="12"/>
  <c r="BO271" i="12"/>
  <c r="BN271" i="12"/>
  <c r="BM271" i="12"/>
  <c r="BL271" i="12"/>
  <c r="BK271" i="12"/>
  <c r="BJ271" i="12"/>
  <c r="BI271" i="12"/>
  <c r="BH271" i="12"/>
  <c r="BF271" i="12"/>
  <c r="BG271" i="12" s="1"/>
  <c r="BR271" i="12" s="1"/>
  <c r="CL270" i="12"/>
  <c r="CK270" i="12"/>
  <c r="CJ270" i="12"/>
  <c r="CI270" i="12"/>
  <c r="CH270" i="12"/>
  <c r="CG270" i="12"/>
  <c r="CF270" i="12"/>
  <c r="CE270" i="12"/>
  <c r="CD270" i="12"/>
  <c r="CC270" i="12"/>
  <c r="CB270" i="12"/>
  <c r="CA270" i="12"/>
  <c r="BZ270" i="12"/>
  <c r="BY270" i="12"/>
  <c r="BX270" i="12"/>
  <c r="BW270" i="12"/>
  <c r="BV270" i="12"/>
  <c r="BU270" i="12"/>
  <c r="BT270" i="12"/>
  <c r="BS270" i="12"/>
  <c r="BQ270" i="12"/>
  <c r="BP270" i="12"/>
  <c r="BO270" i="12"/>
  <c r="BN270" i="12"/>
  <c r="BM270" i="12"/>
  <c r="BL270" i="12"/>
  <c r="BK270" i="12"/>
  <c r="BJ270" i="12"/>
  <c r="BI270" i="12"/>
  <c r="BH270" i="12"/>
  <c r="BF270" i="12"/>
  <c r="BG270" i="12" s="1"/>
  <c r="BR270" i="12" s="1"/>
  <c r="CL269" i="12"/>
  <c r="CK269" i="12"/>
  <c r="CJ269" i="12"/>
  <c r="CI269" i="12"/>
  <c r="CH269" i="12"/>
  <c r="CG269" i="12"/>
  <c r="CF269" i="12"/>
  <c r="CE269" i="12"/>
  <c r="CD269" i="12"/>
  <c r="CC269" i="12"/>
  <c r="CB269" i="12"/>
  <c r="CA269" i="12"/>
  <c r="BZ269" i="12"/>
  <c r="BY269" i="12"/>
  <c r="BX269" i="12"/>
  <c r="BW269" i="12"/>
  <c r="BV269" i="12"/>
  <c r="BU269" i="12"/>
  <c r="BT269" i="12"/>
  <c r="BS269" i="12"/>
  <c r="BQ269" i="12"/>
  <c r="BP269" i="12"/>
  <c r="BO269" i="12"/>
  <c r="BN269" i="12"/>
  <c r="BM269" i="12"/>
  <c r="BL269" i="12"/>
  <c r="BK269" i="12"/>
  <c r="BJ269" i="12"/>
  <c r="BI269" i="12"/>
  <c r="BH269" i="12"/>
  <c r="BF269" i="12"/>
  <c r="BG269" i="12" s="1"/>
  <c r="BR269" i="12" s="1"/>
  <c r="CL268" i="12"/>
  <c r="CK268" i="12"/>
  <c r="CJ268" i="12"/>
  <c r="CI268" i="12"/>
  <c r="CH268" i="12"/>
  <c r="CG268" i="12"/>
  <c r="CF268" i="12"/>
  <c r="CE268" i="12"/>
  <c r="CD268" i="12"/>
  <c r="CC268" i="12"/>
  <c r="CB268" i="12"/>
  <c r="CA268" i="12"/>
  <c r="BZ268" i="12"/>
  <c r="BY268" i="12"/>
  <c r="BX268" i="12"/>
  <c r="BW268" i="12"/>
  <c r="BV268" i="12"/>
  <c r="BU268" i="12"/>
  <c r="BT268" i="12"/>
  <c r="BS268" i="12"/>
  <c r="BQ268" i="12"/>
  <c r="BP268" i="12"/>
  <c r="BO268" i="12"/>
  <c r="BN268" i="12"/>
  <c r="BM268" i="12"/>
  <c r="BL268" i="12"/>
  <c r="BK268" i="12"/>
  <c r="BJ268" i="12"/>
  <c r="BI268" i="12"/>
  <c r="BH268" i="12"/>
  <c r="BF268" i="12"/>
  <c r="BG268" i="12" s="1"/>
  <c r="BR268" i="12" s="1"/>
  <c r="CL267" i="12"/>
  <c r="CK267" i="12"/>
  <c r="CJ267" i="12"/>
  <c r="CI267" i="12"/>
  <c r="CH267" i="12"/>
  <c r="CG267" i="12"/>
  <c r="CF267" i="12"/>
  <c r="CE267" i="12"/>
  <c r="CD267" i="12"/>
  <c r="CC267" i="12"/>
  <c r="CB267" i="12"/>
  <c r="CA267" i="12"/>
  <c r="BZ267" i="12"/>
  <c r="BY267" i="12"/>
  <c r="BX267" i="12"/>
  <c r="BW267" i="12"/>
  <c r="BV267" i="12"/>
  <c r="BU267" i="12"/>
  <c r="BT267" i="12"/>
  <c r="BS267" i="12"/>
  <c r="BQ267" i="12"/>
  <c r="BP267" i="12"/>
  <c r="BO267" i="12"/>
  <c r="BN267" i="12"/>
  <c r="BM267" i="12"/>
  <c r="BL267" i="12"/>
  <c r="BK267" i="12"/>
  <c r="BJ267" i="12"/>
  <c r="BI267" i="12"/>
  <c r="BH267" i="12"/>
  <c r="BF267" i="12"/>
  <c r="BG267" i="12" s="1"/>
  <c r="BR267" i="12" s="1"/>
  <c r="CL266" i="12"/>
  <c r="CK266" i="12"/>
  <c r="CJ266" i="12"/>
  <c r="CI266" i="12"/>
  <c r="CH266" i="12"/>
  <c r="CG266" i="12"/>
  <c r="CF266" i="12"/>
  <c r="CE266" i="12"/>
  <c r="CD266" i="12"/>
  <c r="CC266" i="12"/>
  <c r="CB266" i="12"/>
  <c r="CA266" i="12"/>
  <c r="BZ266" i="12"/>
  <c r="BY266" i="12"/>
  <c r="BX266" i="12"/>
  <c r="BW266" i="12"/>
  <c r="BV266" i="12"/>
  <c r="BU266" i="12"/>
  <c r="BT266" i="12"/>
  <c r="BS266" i="12"/>
  <c r="BQ266" i="12"/>
  <c r="BP266" i="12"/>
  <c r="BO266" i="12"/>
  <c r="BN266" i="12"/>
  <c r="BM266" i="12"/>
  <c r="BL266" i="12"/>
  <c r="BK266" i="12"/>
  <c r="BJ266" i="12"/>
  <c r="BI266" i="12"/>
  <c r="BH266" i="12"/>
  <c r="BF266" i="12"/>
  <c r="BG266" i="12" s="1"/>
  <c r="BR266" i="12" s="1"/>
  <c r="CL265" i="12"/>
  <c r="CK265" i="12"/>
  <c r="CJ265" i="12"/>
  <c r="CI265" i="12"/>
  <c r="CH265" i="12"/>
  <c r="CG265" i="12"/>
  <c r="CF265" i="12"/>
  <c r="CE265" i="12"/>
  <c r="CD265" i="12"/>
  <c r="CC265" i="12"/>
  <c r="CB265" i="12"/>
  <c r="CA265" i="12"/>
  <c r="BZ265" i="12"/>
  <c r="BY265" i="12"/>
  <c r="BX265" i="12"/>
  <c r="BW265" i="12"/>
  <c r="BV265" i="12"/>
  <c r="BU265" i="12"/>
  <c r="BT265" i="12"/>
  <c r="BS265" i="12"/>
  <c r="BR265" i="12"/>
  <c r="BP265" i="12"/>
  <c r="BO265" i="12"/>
  <c r="BN265" i="12"/>
  <c r="BM265" i="12"/>
  <c r="BL265" i="12"/>
  <c r="BK265" i="12"/>
  <c r="BJ265" i="12"/>
  <c r="BI265" i="12"/>
  <c r="BH265" i="12"/>
  <c r="BF265" i="12"/>
  <c r="BG265" i="12" s="1"/>
  <c r="BQ265" i="12" s="1"/>
  <c r="CL264" i="12"/>
  <c r="CK264" i="12"/>
  <c r="CJ264" i="12"/>
  <c r="CI264" i="12"/>
  <c r="CH264" i="12"/>
  <c r="CG264" i="12"/>
  <c r="CF264" i="12"/>
  <c r="CE264" i="12"/>
  <c r="CD264" i="12"/>
  <c r="CC264" i="12"/>
  <c r="CB264" i="12"/>
  <c r="CA264" i="12"/>
  <c r="BZ264" i="12"/>
  <c r="BY264" i="12"/>
  <c r="BX264" i="12"/>
  <c r="BW264" i="12"/>
  <c r="BV264" i="12"/>
  <c r="BU264" i="12"/>
  <c r="BT264" i="12"/>
  <c r="BS264" i="12"/>
  <c r="BR264" i="12"/>
  <c r="BP264" i="12"/>
  <c r="BO264" i="12"/>
  <c r="BN264" i="12"/>
  <c r="BM264" i="12"/>
  <c r="BL264" i="12"/>
  <c r="BK264" i="12"/>
  <c r="BJ264" i="12"/>
  <c r="BI264" i="12"/>
  <c r="BH264" i="12"/>
  <c r="BF264" i="12"/>
  <c r="BG264" i="12" s="1"/>
  <c r="BQ264" i="12" s="1"/>
  <c r="CL263" i="12"/>
  <c r="CK263" i="12"/>
  <c r="CJ263" i="12"/>
  <c r="CI263" i="12"/>
  <c r="CH263" i="12"/>
  <c r="CG263" i="12"/>
  <c r="CF263" i="12"/>
  <c r="CE263" i="12"/>
  <c r="CD263" i="12"/>
  <c r="CC263" i="12"/>
  <c r="CB263" i="12"/>
  <c r="CA263" i="12"/>
  <c r="BZ263" i="12"/>
  <c r="BY263" i="12"/>
  <c r="BX263" i="12"/>
  <c r="BW263" i="12"/>
  <c r="BV263" i="12"/>
  <c r="BU263" i="12"/>
  <c r="BT263" i="12"/>
  <c r="BS263" i="12"/>
  <c r="BR263" i="12"/>
  <c r="BP263" i="12"/>
  <c r="BO263" i="12"/>
  <c r="BN263" i="12"/>
  <c r="BM263" i="12"/>
  <c r="BL263" i="12"/>
  <c r="BK263" i="12"/>
  <c r="BJ263" i="12"/>
  <c r="BI263" i="12"/>
  <c r="BH263" i="12"/>
  <c r="BF263" i="12"/>
  <c r="BG263" i="12" s="1"/>
  <c r="BQ263" i="12" s="1"/>
  <c r="CL262" i="12"/>
  <c r="CK262" i="12"/>
  <c r="CJ262" i="12"/>
  <c r="CI262" i="12"/>
  <c r="CH262" i="12"/>
  <c r="CG262" i="12"/>
  <c r="CF262" i="12"/>
  <c r="CE262" i="12"/>
  <c r="CD262" i="12"/>
  <c r="CC262" i="12"/>
  <c r="CB262" i="12"/>
  <c r="CA262" i="12"/>
  <c r="BZ262" i="12"/>
  <c r="BY262" i="12"/>
  <c r="BX262" i="12"/>
  <c r="BW262" i="12"/>
  <c r="BV262" i="12"/>
  <c r="BU262" i="12"/>
  <c r="BT262" i="12"/>
  <c r="BS262" i="12"/>
  <c r="BR262" i="12"/>
  <c r="BP262" i="12"/>
  <c r="BO262" i="12"/>
  <c r="BN262" i="12"/>
  <c r="BM262" i="12"/>
  <c r="BL262" i="12"/>
  <c r="BK262" i="12"/>
  <c r="BJ262" i="12"/>
  <c r="BI262" i="12"/>
  <c r="BH262" i="12"/>
  <c r="BF262" i="12"/>
  <c r="BG262" i="12" s="1"/>
  <c r="BQ262" i="12" s="1"/>
  <c r="CL261" i="12"/>
  <c r="CK261" i="12"/>
  <c r="CJ261" i="12"/>
  <c r="CI261" i="12"/>
  <c r="CH261" i="12"/>
  <c r="CG261" i="12"/>
  <c r="CF261" i="12"/>
  <c r="CE261" i="12"/>
  <c r="CD261" i="12"/>
  <c r="CC261" i="12"/>
  <c r="CB261" i="12"/>
  <c r="CA261" i="12"/>
  <c r="BZ261" i="12"/>
  <c r="BY261" i="12"/>
  <c r="BX261" i="12"/>
  <c r="BW261" i="12"/>
  <c r="BV261" i="12"/>
  <c r="BU261" i="12"/>
  <c r="BT261" i="12"/>
  <c r="BS261" i="12"/>
  <c r="BR261" i="12"/>
  <c r="BP261" i="12"/>
  <c r="BO261" i="12"/>
  <c r="BN261" i="12"/>
  <c r="BM261" i="12"/>
  <c r="BL261" i="12"/>
  <c r="BK261" i="12"/>
  <c r="BJ261" i="12"/>
  <c r="BI261" i="12"/>
  <c r="BH261" i="12"/>
  <c r="BF261" i="12"/>
  <c r="BG261" i="12" s="1"/>
  <c r="BQ261" i="12" s="1"/>
  <c r="CL260" i="12"/>
  <c r="CK260" i="12"/>
  <c r="CJ260" i="12"/>
  <c r="CI260" i="12"/>
  <c r="CH260" i="12"/>
  <c r="CG260" i="12"/>
  <c r="CF260" i="12"/>
  <c r="CE260" i="12"/>
  <c r="CD260" i="12"/>
  <c r="CC260" i="12"/>
  <c r="CB260" i="12"/>
  <c r="CA260" i="12"/>
  <c r="BZ260" i="12"/>
  <c r="BY260" i="12"/>
  <c r="BX260" i="12"/>
  <c r="BW260" i="12"/>
  <c r="BV260" i="12"/>
  <c r="BU260" i="12"/>
  <c r="BT260" i="12"/>
  <c r="BS260" i="12"/>
  <c r="BR260" i="12"/>
  <c r="BP260" i="12"/>
  <c r="BO260" i="12"/>
  <c r="BN260" i="12"/>
  <c r="BM260" i="12"/>
  <c r="BL260" i="12"/>
  <c r="BK260" i="12"/>
  <c r="BJ260" i="12"/>
  <c r="BI260" i="12"/>
  <c r="BH260" i="12"/>
  <c r="BF260" i="12"/>
  <c r="BG260" i="12" s="1"/>
  <c r="BQ260" i="12" s="1"/>
  <c r="CL259" i="12"/>
  <c r="CK259" i="12"/>
  <c r="CJ259" i="12"/>
  <c r="CI259" i="12"/>
  <c r="CH259" i="12"/>
  <c r="CG259" i="12"/>
  <c r="CF259" i="12"/>
  <c r="CE259" i="12"/>
  <c r="CD259" i="12"/>
  <c r="CC259" i="12"/>
  <c r="CB259" i="12"/>
  <c r="CA259" i="12"/>
  <c r="BZ259" i="12"/>
  <c r="BY259" i="12"/>
  <c r="BX259" i="12"/>
  <c r="BW259" i="12"/>
  <c r="BV259" i="12"/>
  <c r="BU259" i="12"/>
  <c r="BT259" i="12"/>
  <c r="BS259" i="12"/>
  <c r="BR259" i="12"/>
  <c r="BP259" i="12"/>
  <c r="BO259" i="12"/>
  <c r="BN259" i="12"/>
  <c r="BM259" i="12"/>
  <c r="BL259" i="12"/>
  <c r="BK259" i="12"/>
  <c r="BJ259" i="12"/>
  <c r="BI259" i="12"/>
  <c r="BH259" i="12"/>
  <c r="BF259" i="12"/>
  <c r="BG259" i="12" s="1"/>
  <c r="BQ259" i="12" s="1"/>
  <c r="CL258" i="12"/>
  <c r="CK258" i="12"/>
  <c r="CJ258" i="12"/>
  <c r="CI258" i="12"/>
  <c r="CH258" i="12"/>
  <c r="CG258" i="12"/>
  <c r="CF258" i="12"/>
  <c r="CE258" i="12"/>
  <c r="CD258" i="12"/>
  <c r="CC258" i="12"/>
  <c r="CB258" i="12"/>
  <c r="CA258" i="12"/>
  <c r="BZ258" i="12"/>
  <c r="BY258" i="12"/>
  <c r="BX258" i="12"/>
  <c r="BW258" i="12"/>
  <c r="BV258" i="12"/>
  <c r="BU258" i="12"/>
  <c r="BT258" i="12"/>
  <c r="BS258" i="12"/>
  <c r="BR258" i="12"/>
  <c r="BP258" i="12"/>
  <c r="BO258" i="12"/>
  <c r="BN258" i="12"/>
  <c r="BM258" i="12"/>
  <c r="BL258" i="12"/>
  <c r="BK258" i="12"/>
  <c r="BJ258" i="12"/>
  <c r="BI258" i="12"/>
  <c r="BH258" i="12"/>
  <c r="BF258" i="12"/>
  <c r="BG258" i="12" s="1"/>
  <c r="BQ258" i="12" s="1"/>
  <c r="CL257" i="12"/>
  <c r="CK257" i="12"/>
  <c r="CJ257" i="12"/>
  <c r="CI257" i="12"/>
  <c r="CH257" i="12"/>
  <c r="CG257" i="12"/>
  <c r="CF257" i="12"/>
  <c r="CE257" i="12"/>
  <c r="CD257" i="12"/>
  <c r="CC257" i="12"/>
  <c r="CB257" i="12"/>
  <c r="CA257" i="12"/>
  <c r="BZ257" i="12"/>
  <c r="BY257" i="12"/>
  <c r="BX257" i="12"/>
  <c r="BW257" i="12"/>
  <c r="BV257" i="12"/>
  <c r="BU257" i="12"/>
  <c r="BS257" i="12"/>
  <c r="BR257" i="12"/>
  <c r="BQ257" i="12"/>
  <c r="BP257" i="12"/>
  <c r="BO257" i="12"/>
  <c r="BN257" i="12"/>
  <c r="BM257" i="12"/>
  <c r="BL257" i="12"/>
  <c r="BK257" i="12"/>
  <c r="BJ257" i="12"/>
  <c r="BI257" i="12"/>
  <c r="BH257" i="12"/>
  <c r="BF257" i="12"/>
  <c r="BG257" i="12" s="1"/>
  <c r="BT257" i="12" s="1"/>
  <c r="CL256" i="12"/>
  <c r="CK256" i="12"/>
  <c r="CJ256" i="12"/>
  <c r="CI256" i="12"/>
  <c r="CH256" i="12"/>
  <c r="CG256" i="12"/>
  <c r="CF256" i="12"/>
  <c r="CE256" i="12"/>
  <c r="CD256" i="12"/>
  <c r="CC256" i="12"/>
  <c r="CB256" i="12"/>
  <c r="CA256" i="12"/>
  <c r="BZ256" i="12"/>
  <c r="BY256" i="12"/>
  <c r="BX256" i="12"/>
  <c r="BW256" i="12"/>
  <c r="BV256" i="12"/>
  <c r="BU256" i="12"/>
  <c r="BT256" i="12"/>
  <c r="BS256" i="12"/>
  <c r="BR256" i="12"/>
  <c r="BQ256" i="12"/>
  <c r="BP256" i="12"/>
  <c r="BO256" i="12"/>
  <c r="BN256" i="12"/>
  <c r="BM256" i="12"/>
  <c r="BL256" i="12"/>
  <c r="BK256" i="12"/>
  <c r="BJ256" i="12"/>
  <c r="BI256" i="12"/>
  <c r="BH256" i="12"/>
  <c r="BF256" i="12"/>
  <c r="CL255" i="12"/>
  <c r="CK255" i="12"/>
  <c r="CJ255" i="12"/>
  <c r="CI255" i="12"/>
  <c r="CH255" i="12"/>
  <c r="CG255" i="12"/>
  <c r="CF255" i="12"/>
  <c r="CE255" i="12"/>
  <c r="CD255" i="12"/>
  <c r="CC255" i="12"/>
  <c r="CB255" i="12"/>
  <c r="CA255" i="12"/>
  <c r="BZ255" i="12"/>
  <c r="BY255" i="12"/>
  <c r="BX255" i="12"/>
  <c r="BW255" i="12"/>
  <c r="BV255" i="12"/>
  <c r="BU255" i="12"/>
  <c r="BS255" i="12"/>
  <c r="BR255" i="12"/>
  <c r="BQ255" i="12"/>
  <c r="BP255" i="12"/>
  <c r="BO255" i="12"/>
  <c r="BN255" i="12"/>
  <c r="BM255" i="12"/>
  <c r="BL255" i="12"/>
  <c r="BK255" i="12"/>
  <c r="BJ255" i="12"/>
  <c r="BI255" i="12"/>
  <c r="BH255" i="12"/>
  <c r="BF255" i="12"/>
  <c r="BG255" i="12" s="1"/>
  <c r="BT255" i="12" s="1"/>
  <c r="CL254" i="12"/>
  <c r="CK254" i="12"/>
  <c r="CJ254" i="12"/>
  <c r="CI254" i="12"/>
  <c r="CH254" i="12"/>
  <c r="CG254" i="12"/>
  <c r="CF254" i="12"/>
  <c r="CE254" i="12"/>
  <c r="CD254" i="12"/>
  <c r="CC254" i="12"/>
  <c r="CB254" i="12"/>
  <c r="CA254" i="12"/>
  <c r="BZ254" i="12"/>
  <c r="BY254" i="12"/>
  <c r="BX254" i="12"/>
  <c r="BW254" i="12"/>
  <c r="BV254" i="12"/>
  <c r="BU254" i="12"/>
  <c r="BS254" i="12"/>
  <c r="BR254" i="12"/>
  <c r="BQ254" i="12"/>
  <c r="BP254" i="12"/>
  <c r="BO254" i="12"/>
  <c r="BN254" i="12"/>
  <c r="BM254" i="12"/>
  <c r="BL254" i="12"/>
  <c r="BK254" i="12"/>
  <c r="BJ254" i="12"/>
  <c r="BI254" i="12"/>
  <c r="BH254" i="12"/>
  <c r="BF254" i="12"/>
  <c r="BG254" i="12" s="1"/>
  <c r="BT254" i="12" s="1"/>
  <c r="CL253" i="12"/>
  <c r="CK253" i="12"/>
  <c r="CJ253" i="12"/>
  <c r="CI253" i="12"/>
  <c r="CH253" i="12"/>
  <c r="CG253" i="12"/>
  <c r="CF253" i="12"/>
  <c r="CE253" i="12"/>
  <c r="CD253" i="12"/>
  <c r="CC253" i="12"/>
  <c r="CB253" i="12"/>
  <c r="CA253" i="12"/>
  <c r="BZ253" i="12"/>
  <c r="BY253" i="12"/>
  <c r="BX253" i="12"/>
  <c r="BW253" i="12"/>
  <c r="BV253" i="12"/>
  <c r="BU253" i="12"/>
  <c r="BS253" i="12"/>
  <c r="BR253" i="12"/>
  <c r="BQ253" i="12"/>
  <c r="BP253" i="12"/>
  <c r="BO253" i="12"/>
  <c r="BN253" i="12"/>
  <c r="BM253" i="12"/>
  <c r="BL253" i="12"/>
  <c r="BK253" i="12"/>
  <c r="BJ253" i="12"/>
  <c r="BI253" i="12"/>
  <c r="BH253" i="12"/>
  <c r="BF253" i="12"/>
  <c r="BG253" i="12" s="1"/>
  <c r="BT253" i="12" s="1"/>
  <c r="CL252" i="12"/>
  <c r="CK252" i="12"/>
  <c r="CJ252" i="12"/>
  <c r="CI252" i="12"/>
  <c r="CH252" i="12"/>
  <c r="CG252" i="12"/>
  <c r="CF252" i="12"/>
  <c r="CE252" i="12"/>
  <c r="CD252" i="12"/>
  <c r="CC252" i="12"/>
  <c r="CB252" i="12"/>
  <c r="CA252" i="12"/>
  <c r="BZ252" i="12"/>
  <c r="BY252" i="12"/>
  <c r="BX252" i="12"/>
  <c r="BW252" i="12"/>
  <c r="BV252" i="12"/>
  <c r="BU252" i="12"/>
  <c r="BS252" i="12"/>
  <c r="BR252" i="12"/>
  <c r="BQ252" i="12"/>
  <c r="BP252" i="12"/>
  <c r="BO252" i="12"/>
  <c r="BN252" i="12"/>
  <c r="BM252" i="12"/>
  <c r="BL252" i="12"/>
  <c r="BK252" i="12"/>
  <c r="BJ252" i="12"/>
  <c r="BI252" i="12"/>
  <c r="BH252" i="12"/>
  <c r="BF252" i="12"/>
  <c r="BG252" i="12" s="1"/>
  <c r="BT252" i="12" s="1"/>
  <c r="CL251" i="12"/>
  <c r="CK251" i="12"/>
  <c r="CJ251" i="12"/>
  <c r="CI251" i="12"/>
  <c r="CH251" i="12"/>
  <c r="CG251" i="12"/>
  <c r="CF251" i="12"/>
  <c r="CE251" i="12"/>
  <c r="CD251" i="12"/>
  <c r="CC251" i="12"/>
  <c r="CB251" i="12"/>
  <c r="CA251" i="12"/>
  <c r="BZ251" i="12"/>
  <c r="BY251" i="12"/>
  <c r="BX251" i="12"/>
  <c r="BW251" i="12"/>
  <c r="BV251" i="12"/>
  <c r="BU251" i="12"/>
  <c r="BS251" i="12"/>
  <c r="BR251" i="12"/>
  <c r="BQ251" i="12"/>
  <c r="BP251" i="12"/>
  <c r="BO251" i="12"/>
  <c r="BN251" i="12"/>
  <c r="BM251" i="12"/>
  <c r="BL251" i="12"/>
  <c r="BK251" i="12"/>
  <c r="BJ251" i="12"/>
  <c r="BI251" i="12"/>
  <c r="BH251" i="12"/>
  <c r="BF251" i="12"/>
  <c r="BG251" i="12" s="1"/>
  <c r="BT251" i="12" s="1"/>
  <c r="CL250" i="12"/>
  <c r="CK250" i="12"/>
  <c r="CJ250" i="12"/>
  <c r="CI250" i="12"/>
  <c r="CH250" i="12"/>
  <c r="CG250" i="12"/>
  <c r="CF250" i="12"/>
  <c r="CE250" i="12"/>
  <c r="CD250" i="12"/>
  <c r="CC250" i="12"/>
  <c r="CB250" i="12"/>
  <c r="CA250" i="12"/>
  <c r="BZ250" i="12"/>
  <c r="BY250" i="12"/>
  <c r="BX250" i="12"/>
  <c r="BW250" i="12"/>
  <c r="BV250" i="12"/>
  <c r="BU250" i="12"/>
  <c r="BS250" i="12"/>
  <c r="BR250" i="12"/>
  <c r="BQ250" i="12"/>
  <c r="BP250" i="12"/>
  <c r="BO250" i="12"/>
  <c r="BN250" i="12"/>
  <c r="BM250" i="12"/>
  <c r="BL250" i="12"/>
  <c r="BK250" i="12"/>
  <c r="BJ250" i="12"/>
  <c r="BI250" i="12"/>
  <c r="BH250" i="12"/>
  <c r="BF250" i="12"/>
  <c r="BG250" i="12" s="1"/>
  <c r="BT250" i="12" s="1"/>
  <c r="CL249" i="12"/>
  <c r="CK249" i="12"/>
  <c r="CJ249" i="12"/>
  <c r="CI249" i="12"/>
  <c r="CH249" i="12"/>
  <c r="CG249" i="12"/>
  <c r="CF249" i="12"/>
  <c r="CE249" i="12"/>
  <c r="CD249" i="12"/>
  <c r="CC249" i="12"/>
  <c r="CB249" i="12"/>
  <c r="CA249" i="12"/>
  <c r="BZ249" i="12"/>
  <c r="BY249" i="12"/>
  <c r="BX249" i="12"/>
  <c r="BW249" i="12"/>
  <c r="BV249" i="12"/>
  <c r="BU249" i="12"/>
  <c r="BT249" i="12"/>
  <c r="BS249" i="12"/>
  <c r="BR249" i="12"/>
  <c r="BQ249" i="12"/>
  <c r="BO249" i="12"/>
  <c r="BN249" i="12"/>
  <c r="BM249" i="12"/>
  <c r="BL249" i="12"/>
  <c r="BK249" i="12"/>
  <c r="BJ249" i="12"/>
  <c r="BI249" i="12"/>
  <c r="BH249" i="12"/>
  <c r="BF249" i="12"/>
  <c r="BG249" i="12" s="1"/>
  <c r="BP249" i="12" s="1"/>
  <c r="CL248" i="12"/>
  <c r="CK248" i="12"/>
  <c r="CJ248" i="12"/>
  <c r="CI248" i="12"/>
  <c r="CH248" i="12"/>
  <c r="CG248" i="12"/>
  <c r="CF248" i="12"/>
  <c r="CE248" i="12"/>
  <c r="CD248" i="12"/>
  <c r="CC248" i="12"/>
  <c r="CB248" i="12"/>
  <c r="CA248" i="12"/>
  <c r="BZ248" i="12"/>
  <c r="BY248" i="12"/>
  <c r="BX248" i="12"/>
  <c r="BW248" i="12"/>
  <c r="BV248" i="12"/>
  <c r="BU248" i="12"/>
  <c r="BT248" i="12"/>
  <c r="BS248" i="12"/>
  <c r="BR248" i="12"/>
  <c r="BQ248" i="12"/>
  <c r="BO248" i="12"/>
  <c r="BN248" i="12"/>
  <c r="BM248" i="12"/>
  <c r="BL248" i="12"/>
  <c r="BK248" i="12"/>
  <c r="BJ248" i="12"/>
  <c r="BI248" i="12"/>
  <c r="BH248" i="12"/>
  <c r="BF248" i="12"/>
  <c r="BG248" i="12" s="1"/>
  <c r="BP248" i="12" s="1"/>
  <c r="CL247" i="12"/>
  <c r="CK247" i="12"/>
  <c r="CJ247" i="12"/>
  <c r="CI247" i="12"/>
  <c r="CH247" i="12"/>
  <c r="CG247" i="12"/>
  <c r="CF247" i="12"/>
  <c r="CE247" i="12"/>
  <c r="CD247" i="12"/>
  <c r="CC247" i="12"/>
  <c r="CB247" i="12"/>
  <c r="CA247" i="12"/>
  <c r="BZ247" i="12"/>
  <c r="BY247" i="12"/>
  <c r="BX247" i="12"/>
  <c r="BW247" i="12"/>
  <c r="BV247" i="12"/>
  <c r="BU247" i="12"/>
  <c r="BT247" i="12"/>
  <c r="BS247" i="12"/>
  <c r="BR247" i="12"/>
  <c r="BQ247" i="12"/>
  <c r="BO247" i="12"/>
  <c r="BN247" i="12"/>
  <c r="BM247" i="12"/>
  <c r="BL247" i="12"/>
  <c r="BK247" i="12"/>
  <c r="BJ247" i="12"/>
  <c r="BI247" i="12"/>
  <c r="BH247" i="12"/>
  <c r="BF247" i="12"/>
  <c r="BG247" i="12" s="1"/>
  <c r="BP247" i="12" s="1"/>
  <c r="CL246" i="12"/>
  <c r="CK246" i="12"/>
  <c r="CJ246" i="12"/>
  <c r="CI246" i="12"/>
  <c r="CH246" i="12"/>
  <c r="CG246" i="12"/>
  <c r="CF246" i="12"/>
  <c r="CE246" i="12"/>
  <c r="CD246" i="12"/>
  <c r="CC246" i="12"/>
  <c r="CB246" i="12"/>
  <c r="CA246" i="12"/>
  <c r="BZ246" i="12"/>
  <c r="BY246" i="12"/>
  <c r="BX246" i="12"/>
  <c r="BW246" i="12"/>
  <c r="BV246" i="12"/>
  <c r="BU246" i="12"/>
  <c r="BT246" i="12"/>
  <c r="BS246" i="12"/>
  <c r="BR246" i="12"/>
  <c r="BQ246" i="12"/>
  <c r="BO246" i="12"/>
  <c r="BN246" i="12"/>
  <c r="BM246" i="12"/>
  <c r="BL246" i="12"/>
  <c r="BK246" i="12"/>
  <c r="BJ246" i="12"/>
  <c r="BI246" i="12"/>
  <c r="BH246" i="12"/>
  <c r="BF246" i="12"/>
  <c r="BG246" i="12" s="1"/>
  <c r="BP246" i="12" s="1"/>
  <c r="CL245" i="12"/>
  <c r="CK245" i="12"/>
  <c r="CJ245" i="12"/>
  <c r="CI245" i="12"/>
  <c r="CH245" i="12"/>
  <c r="CG245" i="12"/>
  <c r="CF245" i="12"/>
  <c r="CE245" i="12"/>
  <c r="CD245" i="12"/>
  <c r="CC245" i="12"/>
  <c r="CB245" i="12"/>
  <c r="CA245" i="12"/>
  <c r="BZ245" i="12"/>
  <c r="BY245" i="12"/>
  <c r="BX245" i="12"/>
  <c r="BW245" i="12"/>
  <c r="BV245" i="12"/>
  <c r="BU245" i="12"/>
  <c r="BT245" i="12"/>
  <c r="BS245" i="12"/>
  <c r="BR245" i="12"/>
  <c r="BQ245" i="12"/>
  <c r="BO245" i="12"/>
  <c r="BN245" i="12"/>
  <c r="BM245" i="12"/>
  <c r="BL245" i="12"/>
  <c r="BK245" i="12"/>
  <c r="BJ245" i="12"/>
  <c r="BI245" i="12"/>
  <c r="BH245" i="12"/>
  <c r="BF245" i="12"/>
  <c r="BG245" i="12" s="1"/>
  <c r="BP245" i="12" s="1"/>
  <c r="CL244" i="12"/>
  <c r="CK244" i="12"/>
  <c r="CJ244" i="12"/>
  <c r="CI244" i="12"/>
  <c r="CH244" i="12"/>
  <c r="CG244" i="12"/>
  <c r="CF244" i="12"/>
  <c r="CE244" i="12"/>
  <c r="CD244" i="12"/>
  <c r="CC244" i="12"/>
  <c r="CB244" i="12"/>
  <c r="CA244" i="12"/>
  <c r="BZ244" i="12"/>
  <c r="BY244" i="12"/>
  <c r="BX244" i="12"/>
  <c r="BW244" i="12"/>
  <c r="BV244" i="12"/>
  <c r="BU244" i="12"/>
  <c r="BT244" i="12"/>
  <c r="BS244" i="12"/>
  <c r="BR244" i="12"/>
  <c r="BQ244" i="12"/>
  <c r="BO244" i="12"/>
  <c r="BN244" i="12"/>
  <c r="BM244" i="12"/>
  <c r="BL244" i="12"/>
  <c r="BK244" i="12"/>
  <c r="BJ244" i="12"/>
  <c r="BI244" i="12"/>
  <c r="BH244" i="12"/>
  <c r="BF244" i="12"/>
  <c r="BG244" i="12" s="1"/>
  <c r="BP244" i="12" s="1"/>
  <c r="CL243" i="12"/>
  <c r="CK243" i="12"/>
  <c r="CJ243" i="12"/>
  <c r="CI243" i="12"/>
  <c r="CH243" i="12"/>
  <c r="CG243" i="12"/>
  <c r="CF243" i="12"/>
  <c r="CE243" i="12"/>
  <c r="CD243" i="12"/>
  <c r="CC243" i="12"/>
  <c r="CB243" i="12"/>
  <c r="CA243" i="12"/>
  <c r="BZ243" i="12"/>
  <c r="BY243" i="12"/>
  <c r="BX243" i="12"/>
  <c r="BW243" i="12"/>
  <c r="BV243" i="12"/>
  <c r="BU243" i="12"/>
  <c r="BT243" i="12"/>
  <c r="BS243" i="12"/>
  <c r="BR243" i="12"/>
  <c r="BQ243" i="12"/>
  <c r="BO243" i="12"/>
  <c r="BN243" i="12"/>
  <c r="BM243" i="12"/>
  <c r="BL243" i="12"/>
  <c r="BK243" i="12"/>
  <c r="BJ243" i="12"/>
  <c r="BI243" i="12"/>
  <c r="BH243" i="12"/>
  <c r="BF243" i="12"/>
  <c r="BG243" i="12" s="1"/>
  <c r="BP243" i="12" s="1"/>
  <c r="CL242" i="12"/>
  <c r="CK242" i="12"/>
  <c r="CJ242" i="12"/>
  <c r="CI242" i="12"/>
  <c r="CH242" i="12"/>
  <c r="CG242" i="12"/>
  <c r="CF242" i="12"/>
  <c r="CE242" i="12"/>
  <c r="CD242" i="12"/>
  <c r="CC242" i="12"/>
  <c r="CB242" i="12"/>
  <c r="CA242" i="12"/>
  <c r="BZ242" i="12"/>
  <c r="BY242" i="12"/>
  <c r="BX242" i="12"/>
  <c r="BW242" i="12"/>
  <c r="BV242" i="12"/>
  <c r="BU242" i="12"/>
  <c r="BT242" i="12"/>
  <c r="BS242" i="12"/>
  <c r="BR242" i="12"/>
  <c r="BQ242" i="12"/>
  <c r="BO242" i="12"/>
  <c r="BN242" i="12"/>
  <c r="BM242" i="12"/>
  <c r="BL242" i="12"/>
  <c r="BK242" i="12"/>
  <c r="BJ242" i="12"/>
  <c r="BI242" i="12"/>
  <c r="BH242" i="12"/>
  <c r="BF242" i="12"/>
  <c r="BG242" i="12" s="1"/>
  <c r="BP242" i="12" s="1"/>
  <c r="CL241" i="12"/>
  <c r="CK241" i="12"/>
  <c r="CJ241" i="12"/>
  <c r="CI241" i="12"/>
  <c r="CH241" i="12"/>
  <c r="CG241" i="12"/>
  <c r="CF241" i="12"/>
  <c r="CE241" i="12"/>
  <c r="CD241" i="12"/>
  <c r="CC241" i="12"/>
  <c r="CB241" i="12"/>
  <c r="CA241" i="12"/>
  <c r="BZ241" i="12"/>
  <c r="BY241" i="12"/>
  <c r="BX241" i="12"/>
  <c r="BW241" i="12"/>
  <c r="BV241" i="12"/>
  <c r="BU241" i="12"/>
  <c r="BT241" i="12"/>
  <c r="BS241" i="12"/>
  <c r="BR241" i="12"/>
  <c r="BQ241" i="12"/>
  <c r="BP241" i="12"/>
  <c r="BO241" i="12"/>
  <c r="BN241" i="12"/>
  <c r="BL241" i="12"/>
  <c r="BK241" i="12"/>
  <c r="BJ241" i="12"/>
  <c r="BI241" i="12"/>
  <c r="BH241" i="12"/>
  <c r="BF241" i="12"/>
  <c r="BG241" i="12" s="1"/>
  <c r="BM241" i="12" s="1"/>
  <c r="CL240" i="12"/>
  <c r="CK240" i="12"/>
  <c r="CJ240" i="12"/>
  <c r="CI240" i="12"/>
  <c r="CH240" i="12"/>
  <c r="CG240" i="12"/>
  <c r="CF240" i="12"/>
  <c r="CE240" i="12"/>
  <c r="CD240" i="12"/>
  <c r="CC240" i="12"/>
  <c r="CB240" i="12"/>
  <c r="CA240" i="12"/>
  <c r="BZ240" i="12"/>
  <c r="BY240" i="12"/>
  <c r="BX240" i="12"/>
  <c r="BW240" i="12"/>
  <c r="BV240" i="12"/>
  <c r="BU240" i="12"/>
  <c r="BT240" i="12"/>
  <c r="BS240" i="12"/>
  <c r="BR240" i="12"/>
  <c r="BQ240" i="12"/>
  <c r="BP240" i="12"/>
  <c r="BO240" i="12"/>
  <c r="BN240" i="12"/>
  <c r="BM240" i="12"/>
  <c r="BL240" i="12"/>
  <c r="BK240" i="12"/>
  <c r="BJ240" i="12"/>
  <c r="BI240" i="12"/>
  <c r="BH240" i="12"/>
  <c r="BF240" i="12"/>
  <c r="CL239" i="12"/>
  <c r="CK239" i="12"/>
  <c r="CJ239" i="12"/>
  <c r="CI239" i="12"/>
  <c r="CH239" i="12"/>
  <c r="CG239" i="12"/>
  <c r="CF239" i="12"/>
  <c r="CE239" i="12"/>
  <c r="CD239" i="12"/>
  <c r="CC239" i="12"/>
  <c r="CB239" i="12"/>
  <c r="CA239" i="12"/>
  <c r="BZ239" i="12"/>
  <c r="BY239" i="12"/>
  <c r="BX239" i="12"/>
  <c r="BW239" i="12"/>
  <c r="BV239" i="12"/>
  <c r="BU239" i="12"/>
  <c r="BT239" i="12"/>
  <c r="BS239" i="12"/>
  <c r="BR239" i="12"/>
  <c r="BQ239" i="12"/>
  <c r="BP239" i="12"/>
  <c r="BO239" i="12"/>
  <c r="BN239" i="12"/>
  <c r="BL239" i="12"/>
  <c r="BK239" i="12"/>
  <c r="BJ239" i="12"/>
  <c r="BI239" i="12"/>
  <c r="BH239" i="12"/>
  <c r="BF239" i="12"/>
  <c r="BG239" i="12" s="1"/>
  <c r="BM239" i="12" s="1"/>
  <c r="CL238" i="12"/>
  <c r="CK238" i="12"/>
  <c r="CJ238" i="12"/>
  <c r="CI238" i="12"/>
  <c r="CH238" i="12"/>
  <c r="CG238" i="12"/>
  <c r="CF238" i="12"/>
  <c r="CE238" i="12"/>
  <c r="CD238" i="12"/>
  <c r="CC238" i="12"/>
  <c r="CB238" i="12"/>
  <c r="CA238" i="12"/>
  <c r="BZ238" i="12"/>
  <c r="BY238" i="12"/>
  <c r="BX238" i="12"/>
  <c r="BW238" i="12"/>
  <c r="BV238" i="12"/>
  <c r="BU238" i="12"/>
  <c r="BT238" i="12"/>
  <c r="BS238" i="12"/>
  <c r="BR238" i="12"/>
  <c r="BQ238" i="12"/>
  <c r="BP238" i="12"/>
  <c r="BO238" i="12"/>
  <c r="BN238" i="12"/>
  <c r="BL238" i="12"/>
  <c r="BK238" i="12"/>
  <c r="BJ238" i="12"/>
  <c r="BI238" i="12"/>
  <c r="BH238" i="12"/>
  <c r="BF238" i="12"/>
  <c r="BG238" i="12" s="1"/>
  <c r="BM238" i="12" s="1"/>
  <c r="CL237" i="12"/>
  <c r="CK237" i="12"/>
  <c r="CJ237" i="12"/>
  <c r="CI237" i="12"/>
  <c r="CH237" i="12"/>
  <c r="CG237" i="12"/>
  <c r="CF237" i="12"/>
  <c r="CE237" i="12"/>
  <c r="CD237" i="12"/>
  <c r="CC237" i="12"/>
  <c r="CB237" i="12"/>
  <c r="CA237" i="12"/>
  <c r="BZ237" i="12"/>
  <c r="BY237" i="12"/>
  <c r="BX237" i="12"/>
  <c r="BW237" i="12"/>
  <c r="BV237" i="12"/>
  <c r="BU237" i="12"/>
  <c r="BT237" i="12"/>
  <c r="BS237" i="12"/>
  <c r="BR237" i="12"/>
  <c r="BQ237" i="12"/>
  <c r="BP237" i="12"/>
  <c r="BO237" i="12"/>
  <c r="BN237" i="12"/>
  <c r="BL237" i="12"/>
  <c r="BK237" i="12"/>
  <c r="BJ237" i="12"/>
  <c r="BI237" i="12"/>
  <c r="BH237" i="12"/>
  <c r="BF237" i="12"/>
  <c r="BG237" i="12" s="1"/>
  <c r="BM237" i="12" s="1"/>
  <c r="CL236" i="12"/>
  <c r="CK236" i="12"/>
  <c r="CJ236" i="12"/>
  <c r="CI236" i="12"/>
  <c r="CH236" i="12"/>
  <c r="CG236" i="12"/>
  <c r="CF236" i="12"/>
  <c r="CE236" i="12"/>
  <c r="CD236" i="12"/>
  <c r="CC236" i="12"/>
  <c r="CB236" i="12"/>
  <c r="CA236" i="12"/>
  <c r="BZ236" i="12"/>
  <c r="BY236" i="12"/>
  <c r="BX236" i="12"/>
  <c r="BW236" i="12"/>
  <c r="BV236" i="12"/>
  <c r="BU236" i="12"/>
  <c r="BT236" i="12"/>
  <c r="BS236" i="12"/>
  <c r="BR236" i="12"/>
  <c r="BQ236" i="12"/>
  <c r="BP236" i="12"/>
  <c r="BO236" i="12"/>
  <c r="BN236" i="12"/>
  <c r="BL236" i="12"/>
  <c r="BK236" i="12"/>
  <c r="BJ236" i="12"/>
  <c r="BI236" i="12"/>
  <c r="BH236" i="12"/>
  <c r="BF236" i="12"/>
  <c r="BG236" i="12" s="1"/>
  <c r="BM236" i="12" s="1"/>
  <c r="CL235" i="12"/>
  <c r="CK235" i="12"/>
  <c r="CJ235" i="12"/>
  <c r="CI235" i="12"/>
  <c r="CH235" i="12"/>
  <c r="CG235" i="12"/>
  <c r="CF235" i="12"/>
  <c r="CE235" i="12"/>
  <c r="CD235" i="12"/>
  <c r="CC235" i="12"/>
  <c r="CB235" i="12"/>
  <c r="CA235" i="12"/>
  <c r="BZ235" i="12"/>
  <c r="BY235" i="12"/>
  <c r="BX235" i="12"/>
  <c r="BW235" i="12"/>
  <c r="BV235" i="12"/>
  <c r="BU235" i="12"/>
  <c r="BT235" i="12"/>
  <c r="BS235" i="12"/>
  <c r="BR235" i="12"/>
  <c r="BQ235" i="12"/>
  <c r="BP235" i="12"/>
  <c r="BO235" i="12"/>
  <c r="BN235" i="12"/>
  <c r="BL235" i="12"/>
  <c r="BK235" i="12"/>
  <c r="BJ235" i="12"/>
  <c r="BI235" i="12"/>
  <c r="BH235" i="12"/>
  <c r="BF235" i="12"/>
  <c r="BG235" i="12" s="1"/>
  <c r="BM235" i="12" s="1"/>
  <c r="CL234" i="12"/>
  <c r="CK234" i="12"/>
  <c r="CJ234" i="12"/>
  <c r="CI234" i="12"/>
  <c r="CH234" i="12"/>
  <c r="CG234" i="12"/>
  <c r="CF234" i="12"/>
  <c r="CE234" i="12"/>
  <c r="CD234" i="12"/>
  <c r="CC234" i="12"/>
  <c r="CB234" i="12"/>
  <c r="CA234" i="12"/>
  <c r="BZ234" i="12"/>
  <c r="BY234" i="12"/>
  <c r="BX234" i="12"/>
  <c r="BW234" i="12"/>
  <c r="BV234" i="12"/>
  <c r="BU234" i="12"/>
  <c r="BT234" i="12"/>
  <c r="BS234" i="12"/>
  <c r="BR234" i="12"/>
  <c r="BQ234" i="12"/>
  <c r="BP234" i="12"/>
  <c r="BO234" i="12"/>
  <c r="BN234" i="12"/>
  <c r="BL234" i="12"/>
  <c r="BK234" i="12"/>
  <c r="BJ234" i="12"/>
  <c r="BI234" i="12"/>
  <c r="BH234" i="12"/>
  <c r="BF234" i="12"/>
  <c r="BG234" i="12" s="1"/>
  <c r="BM234" i="12" s="1"/>
  <c r="CL233" i="12"/>
  <c r="CK233" i="12"/>
  <c r="CJ233" i="12"/>
  <c r="CI233" i="12"/>
  <c r="CH233" i="12"/>
  <c r="CG233" i="12"/>
  <c r="CF233" i="12"/>
  <c r="CE233" i="12"/>
  <c r="CD233" i="12"/>
  <c r="CC233" i="12"/>
  <c r="CB233" i="12"/>
  <c r="CA233" i="12"/>
  <c r="BZ233" i="12"/>
  <c r="BY233" i="12"/>
  <c r="BX233" i="12"/>
  <c r="BW233" i="12"/>
  <c r="BV233" i="12"/>
  <c r="BU233" i="12"/>
  <c r="BT233" i="12"/>
  <c r="BS233" i="12"/>
  <c r="BR233" i="12"/>
  <c r="BQ233" i="12"/>
  <c r="BP233" i="12"/>
  <c r="BN233" i="12"/>
  <c r="BM233" i="12"/>
  <c r="BL233" i="12"/>
  <c r="BK233" i="12"/>
  <c r="BJ233" i="12"/>
  <c r="BI233" i="12"/>
  <c r="BH233" i="12"/>
  <c r="BF233" i="12"/>
  <c r="BG233" i="12" s="1"/>
  <c r="BO233" i="12" s="1"/>
  <c r="CL232" i="12"/>
  <c r="CK232" i="12"/>
  <c r="CJ232" i="12"/>
  <c r="CI232" i="12"/>
  <c r="CH232" i="12"/>
  <c r="CG232" i="12"/>
  <c r="CF232" i="12"/>
  <c r="CE232" i="12"/>
  <c r="CD232" i="12"/>
  <c r="CC232" i="12"/>
  <c r="CB232" i="12"/>
  <c r="CA232" i="12"/>
  <c r="BZ232" i="12"/>
  <c r="BY232" i="12"/>
  <c r="BX232" i="12"/>
  <c r="BW232" i="12"/>
  <c r="BV232" i="12"/>
  <c r="BU232" i="12"/>
  <c r="BT232" i="12"/>
  <c r="BS232" i="12"/>
  <c r="BR232" i="12"/>
  <c r="BQ232" i="12"/>
  <c r="BP232" i="12"/>
  <c r="BO232" i="12"/>
  <c r="BN232" i="12"/>
  <c r="BM232" i="12"/>
  <c r="BL232" i="12"/>
  <c r="BK232" i="12"/>
  <c r="BJ232" i="12"/>
  <c r="BI232" i="12"/>
  <c r="BH232" i="12"/>
  <c r="BF232" i="12"/>
  <c r="CL231" i="12"/>
  <c r="CK231" i="12"/>
  <c r="CJ231" i="12"/>
  <c r="CI231" i="12"/>
  <c r="CH231" i="12"/>
  <c r="CG231" i="12"/>
  <c r="CF231" i="12"/>
  <c r="CE231" i="12"/>
  <c r="CD231" i="12"/>
  <c r="CC231" i="12"/>
  <c r="CB231" i="12"/>
  <c r="CA231" i="12"/>
  <c r="BZ231" i="12"/>
  <c r="BY231" i="12"/>
  <c r="BX231" i="12"/>
  <c r="BW231" i="12"/>
  <c r="BV231" i="12"/>
  <c r="BU231" i="12"/>
  <c r="BT231" i="12"/>
  <c r="BS231" i="12"/>
  <c r="BR231" i="12"/>
  <c r="BQ231" i="12"/>
  <c r="BP231" i="12"/>
  <c r="BN231" i="12"/>
  <c r="BM231" i="12"/>
  <c r="BL231" i="12"/>
  <c r="BK231" i="12"/>
  <c r="BJ231" i="12"/>
  <c r="BI231" i="12"/>
  <c r="BH231" i="12"/>
  <c r="BF231" i="12"/>
  <c r="BG231" i="12" s="1"/>
  <c r="BO231" i="12" s="1"/>
  <c r="CL230" i="12"/>
  <c r="CK230" i="12"/>
  <c r="CJ230" i="12"/>
  <c r="CI230" i="12"/>
  <c r="CH230" i="12"/>
  <c r="CG230" i="12"/>
  <c r="CF230" i="12"/>
  <c r="CE230" i="12"/>
  <c r="CD230" i="12"/>
  <c r="CC230" i="12"/>
  <c r="CB230" i="12"/>
  <c r="CA230" i="12"/>
  <c r="BZ230" i="12"/>
  <c r="BY230" i="12"/>
  <c r="BX230" i="12"/>
  <c r="BW230" i="12"/>
  <c r="BV230" i="12"/>
  <c r="BU230" i="12"/>
  <c r="BT230" i="12"/>
  <c r="BS230" i="12"/>
  <c r="BR230" i="12"/>
  <c r="BQ230" i="12"/>
  <c r="BP230" i="12"/>
  <c r="BN230" i="12"/>
  <c r="BM230" i="12"/>
  <c r="BL230" i="12"/>
  <c r="BK230" i="12"/>
  <c r="BJ230" i="12"/>
  <c r="BI230" i="12"/>
  <c r="BH230" i="12"/>
  <c r="BF230" i="12"/>
  <c r="BG230" i="12" s="1"/>
  <c r="BO230" i="12" s="1"/>
  <c r="CL229" i="12"/>
  <c r="CK229" i="12"/>
  <c r="CJ229" i="12"/>
  <c r="CI229" i="12"/>
  <c r="CH229" i="12"/>
  <c r="CG229" i="12"/>
  <c r="CF229" i="12"/>
  <c r="CE229" i="12"/>
  <c r="CD229" i="12"/>
  <c r="CC229" i="12"/>
  <c r="CB229" i="12"/>
  <c r="CA229" i="12"/>
  <c r="BZ229" i="12"/>
  <c r="BY229" i="12"/>
  <c r="BX229" i="12"/>
  <c r="BW229" i="12"/>
  <c r="BV229" i="12"/>
  <c r="BU229" i="12"/>
  <c r="BT229" i="12"/>
  <c r="BS229" i="12"/>
  <c r="BR229" i="12"/>
  <c r="BQ229" i="12"/>
  <c r="BP229" i="12"/>
  <c r="BN229" i="12"/>
  <c r="BM229" i="12"/>
  <c r="BL229" i="12"/>
  <c r="BK229" i="12"/>
  <c r="BJ229" i="12"/>
  <c r="BI229" i="12"/>
  <c r="BH229" i="12"/>
  <c r="BF229" i="12"/>
  <c r="BG229" i="12" s="1"/>
  <c r="BO229" i="12" s="1"/>
  <c r="CL228" i="12"/>
  <c r="CK228" i="12"/>
  <c r="CJ228" i="12"/>
  <c r="CI228" i="12"/>
  <c r="CH228" i="12"/>
  <c r="CG228" i="12"/>
  <c r="CF228" i="12"/>
  <c r="CE228" i="12"/>
  <c r="CD228" i="12"/>
  <c r="CC228" i="12"/>
  <c r="CB228" i="12"/>
  <c r="CA228" i="12"/>
  <c r="BZ228" i="12"/>
  <c r="BY228" i="12"/>
  <c r="BX228" i="12"/>
  <c r="BW228" i="12"/>
  <c r="BV228" i="12"/>
  <c r="BU228" i="12"/>
  <c r="BT228" i="12"/>
  <c r="BS228" i="12"/>
  <c r="BR228" i="12"/>
  <c r="BQ228" i="12"/>
  <c r="BP228" i="12"/>
  <c r="BN228" i="12"/>
  <c r="BM228" i="12"/>
  <c r="BL228" i="12"/>
  <c r="BK228" i="12"/>
  <c r="BJ228" i="12"/>
  <c r="BI228" i="12"/>
  <c r="BH228" i="12"/>
  <c r="BF228" i="12"/>
  <c r="BG228" i="12" s="1"/>
  <c r="BO228" i="12" s="1"/>
  <c r="CL227" i="12"/>
  <c r="CK227" i="12"/>
  <c r="CJ227" i="12"/>
  <c r="CI227" i="12"/>
  <c r="CH227" i="12"/>
  <c r="CG227" i="12"/>
  <c r="CF227" i="12"/>
  <c r="CE227" i="12"/>
  <c r="CD227" i="12"/>
  <c r="CC227" i="12"/>
  <c r="CB227" i="12"/>
  <c r="CA227" i="12"/>
  <c r="BZ227" i="12"/>
  <c r="BY227" i="12"/>
  <c r="BX227" i="12"/>
  <c r="BW227" i="12"/>
  <c r="BV227" i="12"/>
  <c r="BU227" i="12"/>
  <c r="BT227" i="12"/>
  <c r="BS227" i="12"/>
  <c r="BR227" i="12"/>
  <c r="BQ227" i="12"/>
  <c r="BP227" i="12"/>
  <c r="BN227" i="12"/>
  <c r="BM227" i="12"/>
  <c r="BL227" i="12"/>
  <c r="BK227" i="12"/>
  <c r="BJ227" i="12"/>
  <c r="BI227" i="12"/>
  <c r="BH227" i="12"/>
  <c r="BF227" i="12"/>
  <c r="BG227" i="12" s="1"/>
  <c r="BO227" i="12" s="1"/>
  <c r="CL226" i="12"/>
  <c r="CK226" i="12"/>
  <c r="CJ226" i="12"/>
  <c r="CI226" i="12"/>
  <c r="CH226" i="12"/>
  <c r="CG226" i="12"/>
  <c r="CF226" i="12"/>
  <c r="CE226" i="12"/>
  <c r="CD226" i="12"/>
  <c r="CC226" i="12"/>
  <c r="CB226" i="12"/>
  <c r="CA226" i="12"/>
  <c r="BZ226" i="12"/>
  <c r="BY226" i="12"/>
  <c r="BX226" i="12"/>
  <c r="BW226" i="12"/>
  <c r="BV226" i="12"/>
  <c r="BU226" i="12"/>
  <c r="BT226" i="12"/>
  <c r="BS226" i="12"/>
  <c r="BR226" i="12"/>
  <c r="BQ226" i="12"/>
  <c r="BP226" i="12"/>
  <c r="BN226" i="12"/>
  <c r="BM226" i="12"/>
  <c r="BL226" i="12"/>
  <c r="BK226" i="12"/>
  <c r="BJ226" i="12"/>
  <c r="BI226" i="12"/>
  <c r="BH226" i="12"/>
  <c r="BF226" i="12"/>
  <c r="BG226" i="12" s="1"/>
  <c r="BO226" i="12" s="1"/>
  <c r="CL225" i="12"/>
  <c r="CK225" i="12"/>
  <c r="CJ225" i="12"/>
  <c r="CI225" i="12"/>
  <c r="CH225" i="12"/>
  <c r="CG225" i="12"/>
  <c r="CF225" i="12"/>
  <c r="CE225" i="12"/>
  <c r="CD225" i="12"/>
  <c r="CC225" i="12"/>
  <c r="CB225" i="12"/>
  <c r="CA225" i="12"/>
  <c r="BZ225" i="12"/>
  <c r="BY225" i="12"/>
  <c r="BX225" i="12"/>
  <c r="BW225" i="12"/>
  <c r="BV225" i="12"/>
  <c r="BU225" i="12"/>
  <c r="BT225" i="12"/>
  <c r="BS225" i="12"/>
  <c r="BR225" i="12"/>
  <c r="BQ225" i="12"/>
  <c r="BP225" i="12"/>
  <c r="BO225" i="12"/>
  <c r="BM225" i="12"/>
  <c r="BL225" i="12"/>
  <c r="BK225" i="12"/>
  <c r="BJ225" i="12"/>
  <c r="BI225" i="12"/>
  <c r="BH225" i="12"/>
  <c r="BF225" i="12"/>
  <c r="BG225" i="12" s="1"/>
  <c r="BN225" i="12" s="1"/>
  <c r="CL224" i="12"/>
  <c r="CK224" i="12"/>
  <c r="CJ224" i="12"/>
  <c r="CI224" i="12"/>
  <c r="CH224" i="12"/>
  <c r="CG224" i="12"/>
  <c r="CF224" i="12"/>
  <c r="CE224" i="12"/>
  <c r="CD224" i="12"/>
  <c r="CC224" i="12"/>
  <c r="CB224" i="12"/>
  <c r="CA224" i="12"/>
  <c r="BZ224" i="12"/>
  <c r="BY224" i="12"/>
  <c r="BX224" i="12"/>
  <c r="BW224" i="12"/>
  <c r="BV224" i="12"/>
  <c r="BU224" i="12"/>
  <c r="BT224" i="12"/>
  <c r="BS224" i="12"/>
  <c r="BR224" i="12"/>
  <c r="BQ224" i="12"/>
  <c r="BP224" i="12"/>
  <c r="BO224" i="12"/>
  <c r="BN224" i="12"/>
  <c r="BM224" i="12"/>
  <c r="BL224" i="12"/>
  <c r="BK224" i="12"/>
  <c r="BJ224" i="12"/>
  <c r="BI224" i="12"/>
  <c r="BH224" i="12"/>
  <c r="BF224" i="12"/>
  <c r="CL223" i="12"/>
  <c r="CK223" i="12"/>
  <c r="CJ223" i="12"/>
  <c r="CI223" i="12"/>
  <c r="CH223" i="12"/>
  <c r="CG223" i="12"/>
  <c r="CF223" i="12"/>
  <c r="CE223" i="12"/>
  <c r="CD223" i="12"/>
  <c r="CC223" i="12"/>
  <c r="CB223" i="12"/>
  <c r="CA223" i="12"/>
  <c r="BZ223" i="12"/>
  <c r="BY223" i="12"/>
  <c r="BX223" i="12"/>
  <c r="BW223" i="12"/>
  <c r="BV223" i="12"/>
  <c r="BU223" i="12"/>
  <c r="BT223" i="12"/>
  <c r="BS223" i="12"/>
  <c r="BR223" i="12"/>
  <c r="BQ223" i="12"/>
  <c r="BP223" i="12"/>
  <c r="BO223" i="12"/>
  <c r="BN223" i="12"/>
  <c r="BM223" i="12"/>
  <c r="BL223" i="12"/>
  <c r="BK223" i="12"/>
  <c r="BJ223" i="12"/>
  <c r="BI223" i="12"/>
  <c r="BH223" i="12"/>
  <c r="BF223" i="12"/>
  <c r="CL222" i="12"/>
  <c r="CK222" i="12"/>
  <c r="CJ222" i="12"/>
  <c r="CI222" i="12"/>
  <c r="CH222" i="12"/>
  <c r="CG222" i="12"/>
  <c r="CF222" i="12"/>
  <c r="CE222" i="12"/>
  <c r="CD222" i="12"/>
  <c r="CC222" i="12"/>
  <c r="CB222" i="12"/>
  <c r="CA222" i="12"/>
  <c r="BZ222" i="12"/>
  <c r="BY222" i="12"/>
  <c r="BX222" i="12"/>
  <c r="BW222" i="12"/>
  <c r="BV222" i="12"/>
  <c r="BU222" i="12"/>
  <c r="BT222" i="12"/>
  <c r="BS222" i="12"/>
  <c r="BR222" i="12"/>
  <c r="BQ222" i="12"/>
  <c r="BP222" i="12"/>
  <c r="BO222" i="12"/>
  <c r="BM222" i="12"/>
  <c r="BL222" i="12"/>
  <c r="BK222" i="12"/>
  <c r="BJ222" i="12"/>
  <c r="BI222" i="12"/>
  <c r="BH222" i="12"/>
  <c r="BF222" i="12"/>
  <c r="BG222" i="12" s="1"/>
  <c r="BN222" i="12" s="1"/>
  <c r="CL221" i="12"/>
  <c r="CK221" i="12"/>
  <c r="CJ221" i="12"/>
  <c r="CI221" i="12"/>
  <c r="CH221" i="12"/>
  <c r="CG221" i="12"/>
  <c r="CF221" i="12"/>
  <c r="CE221" i="12"/>
  <c r="CD221" i="12"/>
  <c r="CC221" i="12"/>
  <c r="CB221" i="12"/>
  <c r="CA221" i="12"/>
  <c r="BZ221" i="12"/>
  <c r="BY221" i="12"/>
  <c r="BX221" i="12"/>
  <c r="BW221" i="12"/>
  <c r="BV221" i="12"/>
  <c r="BU221" i="12"/>
  <c r="BT221" i="12"/>
  <c r="BS221" i="12"/>
  <c r="BR221" i="12"/>
  <c r="BQ221" i="12"/>
  <c r="BP221" i="12"/>
  <c r="BO221" i="12"/>
  <c r="BM221" i="12"/>
  <c r="BL221" i="12"/>
  <c r="BK221" i="12"/>
  <c r="BJ221" i="12"/>
  <c r="BI221" i="12"/>
  <c r="BH221" i="12"/>
  <c r="BF221" i="12"/>
  <c r="BG221" i="12" s="1"/>
  <c r="BN221" i="12" s="1"/>
  <c r="CL220" i="12"/>
  <c r="CK220" i="12"/>
  <c r="CJ220" i="12"/>
  <c r="CI220" i="12"/>
  <c r="CH220" i="12"/>
  <c r="CG220" i="12"/>
  <c r="CF220" i="12"/>
  <c r="CE220" i="12"/>
  <c r="CD220" i="12"/>
  <c r="CC220" i="12"/>
  <c r="CB220" i="12"/>
  <c r="CA220" i="12"/>
  <c r="BZ220" i="12"/>
  <c r="BY220" i="12"/>
  <c r="BX220" i="12"/>
  <c r="BW220" i="12"/>
  <c r="BV220" i="12"/>
  <c r="BU220" i="12"/>
  <c r="BT220" i="12"/>
  <c r="BS220" i="12"/>
  <c r="BR220" i="12"/>
  <c r="BQ220" i="12"/>
  <c r="BP220" i="12"/>
  <c r="BO220" i="12"/>
  <c r="BM220" i="12"/>
  <c r="BL220" i="12"/>
  <c r="BK220" i="12"/>
  <c r="BJ220" i="12"/>
  <c r="BI220" i="12"/>
  <c r="BH220" i="12"/>
  <c r="BF220" i="12"/>
  <c r="BG220" i="12" s="1"/>
  <c r="BN220" i="12" s="1"/>
  <c r="CL219" i="12"/>
  <c r="CK219" i="12"/>
  <c r="CJ219" i="12"/>
  <c r="CI219" i="12"/>
  <c r="CH219" i="12"/>
  <c r="CG219" i="12"/>
  <c r="CF219" i="12"/>
  <c r="CE219" i="12"/>
  <c r="CD219" i="12"/>
  <c r="CC219" i="12"/>
  <c r="CB219" i="12"/>
  <c r="CA219" i="12"/>
  <c r="BZ219" i="12"/>
  <c r="BY219" i="12"/>
  <c r="BX219" i="12"/>
  <c r="BW219" i="12"/>
  <c r="BV219" i="12"/>
  <c r="BU219" i="12"/>
  <c r="BT219" i="12"/>
  <c r="BS219" i="12"/>
  <c r="BR219" i="12"/>
  <c r="BQ219" i="12"/>
  <c r="BP219" i="12"/>
  <c r="BO219" i="12"/>
  <c r="BM219" i="12"/>
  <c r="BL219" i="12"/>
  <c r="BK219" i="12"/>
  <c r="BJ219" i="12"/>
  <c r="BI219" i="12"/>
  <c r="BH219" i="12"/>
  <c r="BF219" i="12"/>
  <c r="BG219" i="12" s="1"/>
  <c r="BN219" i="12" s="1"/>
  <c r="CL218" i="12"/>
  <c r="CK218" i="12"/>
  <c r="CJ218" i="12"/>
  <c r="CI218" i="12"/>
  <c r="CH218" i="12"/>
  <c r="CG218" i="12"/>
  <c r="CF218" i="12"/>
  <c r="CE218" i="12"/>
  <c r="CD218" i="12"/>
  <c r="CC218" i="12"/>
  <c r="CB218" i="12"/>
  <c r="CA218" i="12"/>
  <c r="BZ218" i="12"/>
  <c r="BY218" i="12"/>
  <c r="BX218" i="12"/>
  <c r="BW218" i="12"/>
  <c r="BV218" i="12"/>
  <c r="BU218" i="12"/>
  <c r="BT218" i="12"/>
  <c r="BS218" i="12"/>
  <c r="BR218" i="12"/>
  <c r="BQ218" i="12"/>
  <c r="BP218" i="12"/>
  <c r="BO218" i="12"/>
  <c r="BM218" i="12"/>
  <c r="BL218" i="12"/>
  <c r="BK218" i="12"/>
  <c r="BJ218" i="12"/>
  <c r="BI218" i="12"/>
  <c r="BH218" i="12"/>
  <c r="BF218" i="12"/>
  <c r="BG218" i="12" s="1"/>
  <c r="BN218" i="12" s="1"/>
  <c r="CL217" i="12"/>
  <c r="CK217" i="12"/>
  <c r="CJ217" i="12"/>
  <c r="CI217" i="12"/>
  <c r="CH217" i="12"/>
  <c r="CG217" i="12"/>
  <c r="CF217" i="12"/>
  <c r="CE217" i="12"/>
  <c r="CD217" i="12"/>
  <c r="CC217" i="12"/>
  <c r="CB217" i="12"/>
  <c r="CA217" i="12"/>
  <c r="BZ217" i="12"/>
  <c r="BY217" i="12"/>
  <c r="BX217" i="12"/>
  <c r="BW217" i="12"/>
  <c r="BV217" i="12"/>
  <c r="BU217" i="12"/>
  <c r="BT217" i="12"/>
  <c r="BS217" i="12"/>
  <c r="BR217" i="12"/>
  <c r="BQ217" i="12"/>
  <c r="BP217" i="12"/>
  <c r="BO217" i="12"/>
  <c r="BN217" i="12"/>
  <c r="BM217" i="12"/>
  <c r="BK217" i="12"/>
  <c r="BJ217" i="12"/>
  <c r="BI217" i="12"/>
  <c r="BH217" i="12"/>
  <c r="BF217" i="12"/>
  <c r="BG217" i="12" s="1"/>
  <c r="BL217" i="12" s="1"/>
  <c r="CL216" i="12"/>
  <c r="CK216" i="12"/>
  <c r="CJ216" i="12"/>
  <c r="CI216" i="12"/>
  <c r="CH216" i="12"/>
  <c r="CG216" i="12"/>
  <c r="CF216" i="12"/>
  <c r="CE216" i="12"/>
  <c r="CD216" i="12"/>
  <c r="CC216" i="12"/>
  <c r="CB216" i="12"/>
  <c r="CA216" i="12"/>
  <c r="BZ216" i="12"/>
  <c r="BY216" i="12"/>
  <c r="BX216" i="12"/>
  <c r="BW216" i="12"/>
  <c r="BV216" i="12"/>
  <c r="BU216" i="12"/>
  <c r="BT216" i="12"/>
  <c r="BS216" i="12"/>
  <c r="BR216" i="12"/>
  <c r="BQ216" i="12"/>
  <c r="BP216" i="12"/>
  <c r="BO216" i="12"/>
  <c r="BN216" i="12"/>
  <c r="BM216" i="12"/>
  <c r="BL216" i="12"/>
  <c r="BK216" i="12"/>
  <c r="BJ216" i="12"/>
  <c r="BI216" i="12"/>
  <c r="BH216" i="12"/>
  <c r="BF216" i="12"/>
  <c r="CL215" i="12"/>
  <c r="CK215" i="12"/>
  <c r="CJ215" i="12"/>
  <c r="CI215" i="12"/>
  <c r="CH215" i="12"/>
  <c r="CG215" i="12"/>
  <c r="CF215" i="12"/>
  <c r="CE215" i="12"/>
  <c r="CD215" i="12"/>
  <c r="CC215" i="12"/>
  <c r="CB215" i="12"/>
  <c r="CA215" i="12"/>
  <c r="BZ215" i="12"/>
  <c r="BY215" i="12"/>
  <c r="BX215" i="12"/>
  <c r="BW215" i="12"/>
  <c r="BV215" i="12"/>
  <c r="BU215" i="12"/>
  <c r="BT215" i="12"/>
  <c r="BS215" i="12"/>
  <c r="BR215" i="12"/>
  <c r="BQ215" i="12"/>
  <c r="BP215" i="12"/>
  <c r="BO215" i="12"/>
  <c r="BN215" i="12"/>
  <c r="BM215" i="12"/>
  <c r="BK215" i="12"/>
  <c r="BJ215" i="12"/>
  <c r="BI215" i="12"/>
  <c r="BH215" i="12"/>
  <c r="BF215" i="12"/>
  <c r="BG215" i="12" s="1"/>
  <c r="BL215" i="12" s="1"/>
  <c r="CL214" i="12"/>
  <c r="CK214" i="12"/>
  <c r="CJ214" i="12"/>
  <c r="CI214" i="12"/>
  <c r="CH214" i="12"/>
  <c r="CG214" i="12"/>
  <c r="CF214" i="12"/>
  <c r="CE214" i="12"/>
  <c r="CD214" i="12"/>
  <c r="CC214" i="12"/>
  <c r="CB214" i="12"/>
  <c r="CA214" i="12"/>
  <c r="BZ214" i="12"/>
  <c r="BY214" i="12"/>
  <c r="BX214" i="12"/>
  <c r="BW214" i="12"/>
  <c r="BV214" i="12"/>
  <c r="BU214" i="12"/>
  <c r="BT214" i="12"/>
  <c r="BS214" i="12"/>
  <c r="BR214" i="12"/>
  <c r="BQ214" i="12"/>
  <c r="BP214" i="12"/>
  <c r="BO214" i="12"/>
  <c r="BN214" i="12"/>
  <c r="BM214" i="12"/>
  <c r="BK214" i="12"/>
  <c r="BJ214" i="12"/>
  <c r="BI214" i="12"/>
  <c r="BH214" i="12"/>
  <c r="BF214" i="12"/>
  <c r="BG214" i="12" s="1"/>
  <c r="BL214" i="12" s="1"/>
  <c r="CL213" i="12"/>
  <c r="CK213" i="12"/>
  <c r="CJ213" i="12"/>
  <c r="CI213" i="12"/>
  <c r="CH213" i="12"/>
  <c r="CG213" i="12"/>
  <c r="CF213" i="12"/>
  <c r="CE213" i="12"/>
  <c r="CD213" i="12"/>
  <c r="CC213" i="12"/>
  <c r="CB213" i="12"/>
  <c r="CA213" i="12"/>
  <c r="BZ213" i="12"/>
  <c r="BY213" i="12"/>
  <c r="BX213" i="12"/>
  <c r="BW213" i="12"/>
  <c r="BV213" i="12"/>
  <c r="BU213" i="12"/>
  <c r="BT213" i="12"/>
  <c r="BS213" i="12"/>
  <c r="BR213" i="12"/>
  <c r="BQ213" i="12"/>
  <c r="BP213" i="12"/>
  <c r="BO213" i="12"/>
  <c r="BN213" i="12"/>
  <c r="BM213" i="12"/>
  <c r="BK213" i="12"/>
  <c r="BJ213" i="12"/>
  <c r="BI213" i="12"/>
  <c r="BH213" i="12"/>
  <c r="BF213" i="12"/>
  <c r="BG213" i="12" s="1"/>
  <c r="BL213" i="12" s="1"/>
  <c r="CL212" i="12"/>
  <c r="CK212" i="12"/>
  <c r="CJ212" i="12"/>
  <c r="CI212" i="12"/>
  <c r="CH212" i="12"/>
  <c r="CG212" i="12"/>
  <c r="CF212" i="12"/>
  <c r="CE212" i="12"/>
  <c r="CD212" i="12"/>
  <c r="CC212" i="12"/>
  <c r="CB212" i="12"/>
  <c r="CA212" i="12"/>
  <c r="BZ212" i="12"/>
  <c r="BY212" i="12"/>
  <c r="BX212" i="12"/>
  <c r="BW212" i="12"/>
  <c r="BV212" i="12"/>
  <c r="BU212" i="12"/>
  <c r="BT212" i="12"/>
  <c r="BS212" i="12"/>
  <c r="BR212" i="12"/>
  <c r="BQ212" i="12"/>
  <c r="BP212" i="12"/>
  <c r="BO212" i="12"/>
  <c r="BN212" i="12"/>
  <c r="BM212" i="12"/>
  <c r="BK212" i="12"/>
  <c r="BJ212" i="12"/>
  <c r="BI212" i="12"/>
  <c r="BH212" i="12"/>
  <c r="BF212" i="12"/>
  <c r="BG212" i="12" s="1"/>
  <c r="BL212" i="12" s="1"/>
  <c r="CL211" i="12"/>
  <c r="CK211" i="12"/>
  <c r="CJ211" i="12"/>
  <c r="CI211" i="12"/>
  <c r="CH211" i="12"/>
  <c r="CG211" i="12"/>
  <c r="CF211" i="12"/>
  <c r="CE211" i="12"/>
  <c r="CD211" i="12"/>
  <c r="CC211" i="12"/>
  <c r="CB211" i="12"/>
  <c r="CA211" i="12"/>
  <c r="BZ211" i="12"/>
  <c r="BY211" i="12"/>
  <c r="BX211" i="12"/>
  <c r="BW211" i="12"/>
  <c r="BV211" i="12"/>
  <c r="BU211" i="12"/>
  <c r="BT211" i="12"/>
  <c r="BS211" i="12"/>
  <c r="BR211" i="12"/>
  <c r="BQ211" i="12"/>
  <c r="BP211" i="12"/>
  <c r="BO211" i="12"/>
  <c r="BN211" i="12"/>
  <c r="BM211" i="12"/>
  <c r="BK211" i="12"/>
  <c r="BJ211" i="12"/>
  <c r="BI211" i="12"/>
  <c r="BH211" i="12"/>
  <c r="BF211" i="12"/>
  <c r="BG211" i="12" s="1"/>
  <c r="BL211" i="12" s="1"/>
  <c r="CL210" i="12"/>
  <c r="CK210" i="12"/>
  <c r="CJ210" i="12"/>
  <c r="CI210" i="12"/>
  <c r="CH210" i="12"/>
  <c r="CG210" i="12"/>
  <c r="CF210" i="12"/>
  <c r="CE210" i="12"/>
  <c r="CD210" i="12"/>
  <c r="CC210" i="12"/>
  <c r="CB210" i="12"/>
  <c r="CA210" i="12"/>
  <c r="BZ210" i="12"/>
  <c r="BY210" i="12"/>
  <c r="BX210" i="12"/>
  <c r="BW210" i="12"/>
  <c r="BV210" i="12"/>
  <c r="BU210" i="12"/>
  <c r="BT210" i="12"/>
  <c r="BS210" i="12"/>
  <c r="BR210" i="12"/>
  <c r="BQ210" i="12"/>
  <c r="BP210" i="12"/>
  <c r="BO210" i="12"/>
  <c r="BN210" i="12"/>
  <c r="BM210" i="12"/>
  <c r="BK210" i="12"/>
  <c r="BJ210" i="12"/>
  <c r="BI210" i="12"/>
  <c r="BH210" i="12"/>
  <c r="BF210" i="12"/>
  <c r="BG210" i="12" s="1"/>
  <c r="BL210" i="12" s="1"/>
  <c r="CL209" i="12"/>
  <c r="CK209" i="12"/>
  <c r="CJ209" i="12"/>
  <c r="CI209" i="12"/>
  <c r="CH209" i="12"/>
  <c r="CG209" i="12"/>
  <c r="CF209" i="12"/>
  <c r="CE209" i="12"/>
  <c r="CD209" i="12"/>
  <c r="CC209" i="12"/>
  <c r="CB209" i="12"/>
  <c r="CA209" i="12"/>
  <c r="BZ209" i="12"/>
  <c r="BY209" i="12"/>
  <c r="BX209" i="12"/>
  <c r="BW209" i="12"/>
  <c r="BV209" i="12"/>
  <c r="BU209" i="12"/>
  <c r="BT209" i="12"/>
  <c r="BS209" i="12"/>
  <c r="BR209" i="12"/>
  <c r="BQ209" i="12"/>
  <c r="BP209" i="12"/>
  <c r="BO209" i="12"/>
  <c r="BN209" i="12"/>
  <c r="BM209" i="12"/>
  <c r="BL209" i="12"/>
  <c r="BK209" i="12"/>
  <c r="BJ209" i="12"/>
  <c r="BH209" i="12"/>
  <c r="BF209" i="12"/>
  <c r="BG209" i="12" s="1"/>
  <c r="BI209" i="12" s="1"/>
  <c r="CL208" i="12"/>
  <c r="CK208" i="12"/>
  <c r="CJ208" i="12"/>
  <c r="CI208" i="12"/>
  <c r="CH208" i="12"/>
  <c r="CG208" i="12"/>
  <c r="CF208" i="12"/>
  <c r="CE208" i="12"/>
  <c r="CD208" i="12"/>
  <c r="CC208" i="12"/>
  <c r="CB208" i="12"/>
  <c r="CA208" i="12"/>
  <c r="BZ208" i="12"/>
  <c r="BY208" i="12"/>
  <c r="BX208" i="12"/>
  <c r="BW208" i="12"/>
  <c r="BV208" i="12"/>
  <c r="BU208" i="12"/>
  <c r="BT208" i="12"/>
  <c r="BS208" i="12"/>
  <c r="BR208" i="12"/>
  <c r="BQ208" i="12"/>
  <c r="BP208" i="12"/>
  <c r="BO208" i="12"/>
  <c r="BN208" i="12"/>
  <c r="BM208" i="12"/>
  <c r="BL208" i="12"/>
  <c r="BK208" i="12"/>
  <c r="BJ208" i="12"/>
  <c r="BI208" i="12"/>
  <c r="BH208" i="12"/>
  <c r="BF208" i="12"/>
  <c r="CL207" i="12"/>
  <c r="CK207" i="12"/>
  <c r="CJ207" i="12"/>
  <c r="CI207" i="12"/>
  <c r="CH207" i="12"/>
  <c r="CG207" i="12"/>
  <c r="CF207" i="12"/>
  <c r="CE207" i="12"/>
  <c r="CD207" i="12"/>
  <c r="CC207" i="12"/>
  <c r="CB207" i="12"/>
  <c r="CA207" i="12"/>
  <c r="BZ207" i="12"/>
  <c r="BY207" i="12"/>
  <c r="BX207" i="12"/>
  <c r="BW207" i="12"/>
  <c r="BV207" i="12"/>
  <c r="BU207" i="12"/>
  <c r="BT207" i="12"/>
  <c r="BS207" i="12"/>
  <c r="BR207" i="12"/>
  <c r="BQ207" i="12"/>
  <c r="BP207" i="12"/>
  <c r="BO207" i="12"/>
  <c r="BN207" i="12"/>
  <c r="BM207" i="12"/>
  <c r="BL207" i="12"/>
  <c r="BK207" i="12"/>
  <c r="BJ207" i="12"/>
  <c r="BH207" i="12"/>
  <c r="BF207" i="12"/>
  <c r="BG207" i="12" s="1"/>
  <c r="BI207" i="12" s="1"/>
  <c r="CL206" i="12"/>
  <c r="CK206" i="12"/>
  <c r="CJ206" i="12"/>
  <c r="CI206" i="12"/>
  <c r="CH206" i="12"/>
  <c r="CG206" i="12"/>
  <c r="CF206" i="12"/>
  <c r="CE206" i="12"/>
  <c r="CD206" i="12"/>
  <c r="CC206" i="12"/>
  <c r="CB206" i="12"/>
  <c r="CA206" i="12"/>
  <c r="BZ206" i="12"/>
  <c r="BY206" i="12"/>
  <c r="BX206" i="12"/>
  <c r="BW206" i="12"/>
  <c r="BV206" i="12"/>
  <c r="BU206" i="12"/>
  <c r="BT206" i="12"/>
  <c r="BS206" i="12"/>
  <c r="BR206" i="12"/>
  <c r="BQ206" i="12"/>
  <c r="BP206" i="12"/>
  <c r="BO206" i="12"/>
  <c r="BN206" i="12"/>
  <c r="BM206" i="12"/>
  <c r="BL206" i="12"/>
  <c r="BK206" i="12"/>
  <c r="BJ206" i="12"/>
  <c r="BH206" i="12"/>
  <c r="BF206" i="12"/>
  <c r="BG206" i="12" s="1"/>
  <c r="BI206" i="12" s="1"/>
  <c r="CL205" i="12"/>
  <c r="CK205" i="12"/>
  <c r="CJ205" i="12"/>
  <c r="CI205" i="12"/>
  <c r="CH205" i="12"/>
  <c r="CG205" i="12"/>
  <c r="CF205" i="12"/>
  <c r="CE205" i="12"/>
  <c r="CD205" i="12"/>
  <c r="CC205" i="12"/>
  <c r="CB205" i="12"/>
  <c r="CA205" i="12"/>
  <c r="BZ205" i="12"/>
  <c r="BY205" i="12"/>
  <c r="BX205" i="12"/>
  <c r="BW205" i="12"/>
  <c r="BV205" i="12"/>
  <c r="BU205" i="12"/>
  <c r="BT205" i="12"/>
  <c r="BS205" i="12"/>
  <c r="BR205" i="12"/>
  <c r="BQ205" i="12"/>
  <c r="BP205" i="12"/>
  <c r="BO205" i="12"/>
  <c r="BN205" i="12"/>
  <c r="BM205" i="12"/>
  <c r="BL205" i="12"/>
  <c r="BK205" i="12"/>
  <c r="BJ205" i="12"/>
  <c r="BH205" i="12"/>
  <c r="BF205" i="12"/>
  <c r="BG205" i="12" s="1"/>
  <c r="BI205" i="12" s="1"/>
  <c r="CL204" i="12"/>
  <c r="CK204" i="12"/>
  <c r="CJ204" i="12"/>
  <c r="CI204" i="12"/>
  <c r="CH204" i="12"/>
  <c r="CG204" i="12"/>
  <c r="CF204" i="12"/>
  <c r="CE204" i="12"/>
  <c r="CD204" i="12"/>
  <c r="CC204" i="12"/>
  <c r="CB204" i="12"/>
  <c r="CA204" i="12"/>
  <c r="BZ204" i="12"/>
  <c r="BY204" i="12"/>
  <c r="BX204" i="12"/>
  <c r="BW204" i="12"/>
  <c r="BV204" i="12"/>
  <c r="BU204" i="12"/>
  <c r="BT204" i="12"/>
  <c r="BS204" i="12"/>
  <c r="BR204" i="12"/>
  <c r="BQ204" i="12"/>
  <c r="BP204" i="12"/>
  <c r="BO204" i="12"/>
  <c r="BN204" i="12"/>
  <c r="BM204" i="12"/>
  <c r="BL204" i="12"/>
  <c r="BK204" i="12"/>
  <c r="BJ204" i="12"/>
  <c r="BH204" i="12"/>
  <c r="BF204" i="12"/>
  <c r="BG204" i="12" s="1"/>
  <c r="BI204" i="12" s="1"/>
  <c r="CL203" i="12"/>
  <c r="CK203" i="12"/>
  <c r="CJ203" i="12"/>
  <c r="CI203" i="12"/>
  <c r="CH203" i="12"/>
  <c r="CG203" i="12"/>
  <c r="CF203" i="12"/>
  <c r="CE203" i="12"/>
  <c r="CD203" i="12"/>
  <c r="CC203" i="12"/>
  <c r="CB203" i="12"/>
  <c r="CA203" i="12"/>
  <c r="BZ203" i="12"/>
  <c r="BY203" i="12"/>
  <c r="BX203" i="12"/>
  <c r="BW203" i="12"/>
  <c r="BV203" i="12"/>
  <c r="BU203" i="12"/>
  <c r="BT203" i="12"/>
  <c r="BS203" i="12"/>
  <c r="BR203" i="12"/>
  <c r="BQ203" i="12"/>
  <c r="BP203" i="12"/>
  <c r="BO203" i="12"/>
  <c r="BN203" i="12"/>
  <c r="BM203" i="12"/>
  <c r="BL203" i="12"/>
  <c r="BK203" i="12"/>
  <c r="BJ203" i="12"/>
  <c r="BH203" i="12"/>
  <c r="BF203" i="12"/>
  <c r="BG203" i="12" s="1"/>
  <c r="BI203" i="12" s="1"/>
  <c r="CL202" i="12"/>
  <c r="CK202" i="12"/>
  <c r="CJ202" i="12"/>
  <c r="CI202" i="12"/>
  <c r="CH202" i="12"/>
  <c r="CG202" i="12"/>
  <c r="CF202" i="12"/>
  <c r="CE202" i="12"/>
  <c r="CD202" i="12"/>
  <c r="CC202" i="12"/>
  <c r="CB202" i="12"/>
  <c r="CA202" i="12"/>
  <c r="BZ202" i="12"/>
  <c r="BY202" i="12"/>
  <c r="BX202" i="12"/>
  <c r="BW202" i="12"/>
  <c r="BV202" i="12"/>
  <c r="BU202" i="12"/>
  <c r="BT202" i="12"/>
  <c r="BS202" i="12"/>
  <c r="BR202" i="12"/>
  <c r="BQ202" i="12"/>
  <c r="BP202" i="12"/>
  <c r="BO202" i="12"/>
  <c r="BN202" i="12"/>
  <c r="BM202" i="12"/>
  <c r="BL202" i="12"/>
  <c r="BK202" i="12"/>
  <c r="BJ202" i="12"/>
  <c r="BH202" i="12"/>
  <c r="BF202" i="12"/>
  <c r="BG202" i="12" s="1"/>
  <c r="BI202" i="12" s="1"/>
  <c r="CL201" i="12"/>
  <c r="CK201" i="12"/>
  <c r="CJ201" i="12"/>
  <c r="CI201" i="12"/>
  <c r="CH201" i="12"/>
  <c r="CG201" i="12"/>
  <c r="CF201" i="12"/>
  <c r="CE201" i="12"/>
  <c r="CD201" i="12"/>
  <c r="CC201" i="12"/>
  <c r="CB201" i="12"/>
  <c r="CA201" i="12"/>
  <c r="BZ201" i="12"/>
  <c r="BY201" i="12"/>
  <c r="BX201" i="12"/>
  <c r="BW201" i="12"/>
  <c r="BV201" i="12"/>
  <c r="BU201" i="12"/>
  <c r="BT201" i="12"/>
  <c r="BS201" i="12"/>
  <c r="BR201" i="12"/>
  <c r="BQ201" i="12"/>
  <c r="BP201" i="12"/>
  <c r="BO201" i="12"/>
  <c r="BN201" i="12"/>
  <c r="BM201" i="12"/>
  <c r="BL201" i="12"/>
  <c r="BJ201" i="12"/>
  <c r="BI201" i="12"/>
  <c r="BH201" i="12"/>
  <c r="BF201" i="12"/>
  <c r="BG201" i="12" s="1"/>
  <c r="BK201" i="12" s="1"/>
  <c r="CL200" i="12"/>
  <c r="CK200" i="12"/>
  <c r="CJ200" i="12"/>
  <c r="CI200" i="12"/>
  <c r="CH200" i="12"/>
  <c r="CG200" i="12"/>
  <c r="CF200" i="12"/>
  <c r="CE200" i="12"/>
  <c r="CD200" i="12"/>
  <c r="CC200" i="12"/>
  <c r="CB200" i="12"/>
  <c r="CA200" i="12"/>
  <c r="BZ200" i="12"/>
  <c r="BY200" i="12"/>
  <c r="BX200" i="12"/>
  <c r="BW200" i="12"/>
  <c r="BV200" i="12"/>
  <c r="BU200" i="12"/>
  <c r="BT200" i="12"/>
  <c r="BS200" i="12"/>
  <c r="BR200" i="12"/>
  <c r="BQ200" i="12"/>
  <c r="BP200" i="12"/>
  <c r="BO200" i="12"/>
  <c r="BN200" i="12"/>
  <c r="BM200" i="12"/>
  <c r="BL200" i="12"/>
  <c r="BK200" i="12"/>
  <c r="BJ200" i="12"/>
  <c r="BI200" i="12"/>
  <c r="BH200" i="12"/>
  <c r="BF200" i="12"/>
  <c r="CL199" i="12"/>
  <c r="CK199" i="12"/>
  <c r="CJ199" i="12"/>
  <c r="CI199" i="12"/>
  <c r="CH199" i="12"/>
  <c r="CG199" i="12"/>
  <c r="CF199" i="12"/>
  <c r="CE199" i="12"/>
  <c r="CD199" i="12"/>
  <c r="CC199" i="12"/>
  <c r="CB199" i="12"/>
  <c r="CA199" i="12"/>
  <c r="BZ199" i="12"/>
  <c r="BY199" i="12"/>
  <c r="BX199" i="12"/>
  <c r="BW199" i="12"/>
  <c r="BV199" i="12"/>
  <c r="BU199" i="12"/>
  <c r="BT199" i="12"/>
  <c r="BS199" i="12"/>
  <c r="BR199" i="12"/>
  <c r="BQ199" i="12"/>
  <c r="BP199" i="12"/>
  <c r="BO199" i="12"/>
  <c r="BN199" i="12"/>
  <c r="BM199" i="12"/>
  <c r="BL199" i="12"/>
  <c r="BJ199" i="12"/>
  <c r="BI199" i="12"/>
  <c r="BH199" i="12"/>
  <c r="BF199" i="12"/>
  <c r="BG199" i="12" s="1"/>
  <c r="BK199" i="12" s="1"/>
  <c r="CL198" i="12"/>
  <c r="CK198" i="12"/>
  <c r="CJ198" i="12"/>
  <c r="CI198" i="12"/>
  <c r="CH198" i="12"/>
  <c r="CG198" i="12"/>
  <c r="CF198" i="12"/>
  <c r="CE198" i="12"/>
  <c r="CD198" i="12"/>
  <c r="CC198" i="12"/>
  <c r="CB198" i="12"/>
  <c r="CA198" i="12"/>
  <c r="BZ198" i="12"/>
  <c r="BY198" i="12"/>
  <c r="BX198" i="12"/>
  <c r="BW198" i="12"/>
  <c r="BV198" i="12"/>
  <c r="BU198" i="12"/>
  <c r="BT198" i="12"/>
  <c r="BS198" i="12"/>
  <c r="BR198" i="12"/>
  <c r="BQ198" i="12"/>
  <c r="BP198" i="12"/>
  <c r="BO198" i="12"/>
  <c r="BN198" i="12"/>
  <c r="BM198" i="12"/>
  <c r="BL198" i="12"/>
  <c r="BJ198" i="12"/>
  <c r="BI198" i="12"/>
  <c r="BH198" i="12"/>
  <c r="BF198" i="12"/>
  <c r="BG198" i="12" s="1"/>
  <c r="BK198" i="12" s="1"/>
  <c r="CL197" i="12"/>
  <c r="CK197" i="12"/>
  <c r="CJ197" i="12"/>
  <c r="CI197" i="12"/>
  <c r="CH197" i="12"/>
  <c r="CG197" i="12"/>
  <c r="CF197" i="12"/>
  <c r="CE197" i="12"/>
  <c r="CD197" i="12"/>
  <c r="CC197" i="12"/>
  <c r="CB197" i="12"/>
  <c r="CA197" i="12"/>
  <c r="BZ197" i="12"/>
  <c r="BY197" i="12"/>
  <c r="BX197" i="12"/>
  <c r="BW197" i="12"/>
  <c r="BV197" i="12"/>
  <c r="BU197" i="12"/>
  <c r="BT197" i="12"/>
  <c r="BS197" i="12"/>
  <c r="BR197" i="12"/>
  <c r="BQ197" i="12"/>
  <c r="BP197" i="12"/>
  <c r="BO197" i="12"/>
  <c r="BN197" i="12"/>
  <c r="BM197" i="12"/>
  <c r="BL197" i="12"/>
  <c r="BJ197" i="12"/>
  <c r="BI197" i="12"/>
  <c r="BH197" i="12"/>
  <c r="BF197" i="12"/>
  <c r="BG197" i="12" s="1"/>
  <c r="BK197" i="12" s="1"/>
  <c r="CL196" i="12"/>
  <c r="CK196" i="12"/>
  <c r="CJ196" i="12"/>
  <c r="CI196" i="12"/>
  <c r="CH196" i="12"/>
  <c r="CG196" i="12"/>
  <c r="CF196" i="12"/>
  <c r="CE196" i="12"/>
  <c r="CD196" i="12"/>
  <c r="CC196" i="12"/>
  <c r="CB196" i="12"/>
  <c r="CA196" i="12"/>
  <c r="BZ196" i="12"/>
  <c r="BY196" i="12"/>
  <c r="BX196" i="12"/>
  <c r="BW196" i="12"/>
  <c r="BV196" i="12"/>
  <c r="BU196" i="12"/>
  <c r="BT196" i="12"/>
  <c r="BS196" i="12"/>
  <c r="BR196" i="12"/>
  <c r="BQ196" i="12"/>
  <c r="BP196" i="12"/>
  <c r="BO196" i="12"/>
  <c r="BN196" i="12"/>
  <c r="BM196" i="12"/>
  <c r="BL196" i="12"/>
  <c r="BJ196" i="12"/>
  <c r="BI196" i="12"/>
  <c r="BH196" i="12"/>
  <c r="BF196" i="12"/>
  <c r="BG196" i="12" s="1"/>
  <c r="BK196" i="12" s="1"/>
  <c r="CL195" i="12"/>
  <c r="CK195" i="12"/>
  <c r="CJ195" i="12"/>
  <c r="CI195" i="12"/>
  <c r="CH195" i="12"/>
  <c r="CG195" i="12"/>
  <c r="CF195" i="12"/>
  <c r="CE195" i="12"/>
  <c r="CD195" i="12"/>
  <c r="CC195" i="12"/>
  <c r="CB195" i="12"/>
  <c r="CA195" i="12"/>
  <c r="BZ195" i="12"/>
  <c r="BY195" i="12"/>
  <c r="BX195" i="12"/>
  <c r="BW195" i="12"/>
  <c r="BV195" i="12"/>
  <c r="BU195" i="12"/>
  <c r="BT195" i="12"/>
  <c r="BS195" i="12"/>
  <c r="BR195" i="12"/>
  <c r="BQ195" i="12"/>
  <c r="BP195" i="12"/>
  <c r="BO195" i="12"/>
  <c r="BN195" i="12"/>
  <c r="BM195" i="12"/>
  <c r="BL195" i="12"/>
  <c r="BJ195" i="12"/>
  <c r="BI195" i="12"/>
  <c r="BH195" i="12"/>
  <c r="BF195" i="12"/>
  <c r="BG195" i="12" s="1"/>
  <c r="BK195" i="12" s="1"/>
  <c r="CL194" i="12"/>
  <c r="CK194" i="12"/>
  <c r="CJ194" i="12"/>
  <c r="CI194" i="12"/>
  <c r="CH194" i="12"/>
  <c r="CG194" i="12"/>
  <c r="CF194" i="12"/>
  <c r="CE194" i="12"/>
  <c r="CD194" i="12"/>
  <c r="CC194" i="12"/>
  <c r="CB194" i="12"/>
  <c r="CA194" i="12"/>
  <c r="BZ194" i="12"/>
  <c r="BY194" i="12"/>
  <c r="BX194" i="12"/>
  <c r="BW194" i="12"/>
  <c r="BV194" i="12"/>
  <c r="BU194" i="12"/>
  <c r="BT194" i="12"/>
  <c r="BS194" i="12"/>
  <c r="BR194" i="12"/>
  <c r="BQ194" i="12"/>
  <c r="BP194" i="12"/>
  <c r="BO194" i="12"/>
  <c r="BN194" i="12"/>
  <c r="BM194" i="12"/>
  <c r="BL194" i="12"/>
  <c r="BJ194" i="12"/>
  <c r="BI194" i="12"/>
  <c r="BH194" i="12"/>
  <c r="BF194" i="12"/>
  <c r="BG194" i="12" s="1"/>
  <c r="BK194" i="12" s="1"/>
  <c r="CL193" i="12"/>
  <c r="CK193" i="12"/>
  <c r="CJ193" i="12"/>
  <c r="CI193" i="12"/>
  <c r="CH193" i="12"/>
  <c r="CG193" i="12"/>
  <c r="CF193" i="12"/>
  <c r="CE193" i="12"/>
  <c r="CD193" i="12"/>
  <c r="CC193" i="12"/>
  <c r="CB193" i="12"/>
  <c r="CA193" i="12"/>
  <c r="BZ193" i="12"/>
  <c r="BY193" i="12"/>
  <c r="BX193" i="12"/>
  <c r="BW193" i="12"/>
  <c r="BV193" i="12"/>
  <c r="BU193" i="12"/>
  <c r="BT193" i="12"/>
  <c r="BS193" i="12"/>
  <c r="BR193" i="12"/>
  <c r="BQ193" i="12"/>
  <c r="BP193" i="12"/>
  <c r="BO193" i="12"/>
  <c r="BN193" i="12"/>
  <c r="BM193" i="12"/>
  <c r="BL193" i="12"/>
  <c r="BK193" i="12"/>
  <c r="BI193" i="12"/>
  <c r="BH193" i="12"/>
  <c r="BF193" i="12"/>
  <c r="BG193" i="12" s="1"/>
  <c r="BJ193" i="12" s="1"/>
  <c r="CL192" i="12"/>
  <c r="CK192" i="12"/>
  <c r="CJ192" i="12"/>
  <c r="CI192" i="12"/>
  <c r="CH192" i="12"/>
  <c r="CG192" i="12"/>
  <c r="CF192" i="12"/>
  <c r="CE192" i="12"/>
  <c r="CD192" i="12"/>
  <c r="CC192" i="12"/>
  <c r="CB192" i="12"/>
  <c r="CA192" i="12"/>
  <c r="BZ192" i="12"/>
  <c r="BY192" i="12"/>
  <c r="BX192" i="12"/>
  <c r="BW192" i="12"/>
  <c r="BV192" i="12"/>
  <c r="BU192" i="12"/>
  <c r="BT192" i="12"/>
  <c r="BS192" i="12"/>
  <c r="BR192" i="12"/>
  <c r="BQ192" i="12"/>
  <c r="BP192" i="12"/>
  <c r="BO192" i="12"/>
  <c r="BN192" i="12"/>
  <c r="BM192" i="12"/>
  <c r="BL192" i="12"/>
  <c r="BK192" i="12"/>
  <c r="BJ192" i="12"/>
  <c r="BI192" i="12"/>
  <c r="BH192" i="12"/>
  <c r="BF192" i="12"/>
  <c r="CL191" i="12"/>
  <c r="CK191" i="12"/>
  <c r="CJ191" i="12"/>
  <c r="CI191" i="12"/>
  <c r="CH191" i="12"/>
  <c r="CG191" i="12"/>
  <c r="CF191" i="12"/>
  <c r="CE191" i="12"/>
  <c r="CD191" i="12"/>
  <c r="CC191" i="12"/>
  <c r="CB191" i="12"/>
  <c r="CA191" i="12"/>
  <c r="BZ191" i="12"/>
  <c r="BY191" i="12"/>
  <c r="BX191" i="12"/>
  <c r="BW191" i="12"/>
  <c r="BV191" i="12"/>
  <c r="BU191" i="12"/>
  <c r="BT191" i="12"/>
  <c r="BS191" i="12"/>
  <c r="BR191" i="12"/>
  <c r="BQ191" i="12"/>
  <c r="BP191" i="12"/>
  <c r="BO191" i="12"/>
  <c r="BN191" i="12"/>
  <c r="BM191" i="12"/>
  <c r="BL191" i="12"/>
  <c r="BK191" i="12"/>
  <c r="BI191" i="12"/>
  <c r="BH191" i="12"/>
  <c r="BF191" i="12"/>
  <c r="BG191" i="12" s="1"/>
  <c r="BJ191" i="12" s="1"/>
  <c r="CL190" i="12"/>
  <c r="CK190" i="12"/>
  <c r="CJ190" i="12"/>
  <c r="CI190" i="12"/>
  <c r="CH190" i="12"/>
  <c r="CG190" i="12"/>
  <c r="CF190" i="12"/>
  <c r="CE190" i="12"/>
  <c r="CD190" i="12"/>
  <c r="CC190" i="12"/>
  <c r="CB190" i="12"/>
  <c r="CA190" i="12"/>
  <c r="BZ190" i="12"/>
  <c r="BY190" i="12"/>
  <c r="BX190" i="12"/>
  <c r="BW190" i="12"/>
  <c r="BV190" i="12"/>
  <c r="BU190" i="12"/>
  <c r="BT190" i="12"/>
  <c r="BS190" i="12"/>
  <c r="BR190" i="12"/>
  <c r="BQ190" i="12"/>
  <c r="BP190" i="12"/>
  <c r="BO190" i="12"/>
  <c r="BN190" i="12"/>
  <c r="BM190" i="12"/>
  <c r="BL190" i="12"/>
  <c r="BK190" i="12"/>
  <c r="BI190" i="12"/>
  <c r="BH190" i="12"/>
  <c r="BF190" i="12"/>
  <c r="BG190" i="12" s="1"/>
  <c r="BJ190" i="12" s="1"/>
  <c r="CL189" i="12"/>
  <c r="CK189" i="12"/>
  <c r="CJ189" i="12"/>
  <c r="CI189" i="12"/>
  <c r="CH189" i="12"/>
  <c r="CG189" i="12"/>
  <c r="CF189" i="12"/>
  <c r="CE189" i="12"/>
  <c r="CD189" i="12"/>
  <c r="CC189" i="12"/>
  <c r="CB189" i="12"/>
  <c r="CA189" i="12"/>
  <c r="BZ189" i="12"/>
  <c r="BY189" i="12"/>
  <c r="BX189" i="12"/>
  <c r="BW189" i="12"/>
  <c r="BV189" i="12"/>
  <c r="BU189" i="12"/>
  <c r="BT189" i="12"/>
  <c r="BS189" i="12"/>
  <c r="BR189" i="12"/>
  <c r="BQ189" i="12"/>
  <c r="BP189" i="12"/>
  <c r="BO189" i="12"/>
  <c r="BN189" i="12"/>
  <c r="BM189" i="12"/>
  <c r="BL189" i="12"/>
  <c r="BK189" i="12"/>
  <c r="BI189" i="12"/>
  <c r="BH189" i="12"/>
  <c r="BF189" i="12"/>
  <c r="BG189" i="12" s="1"/>
  <c r="BJ189" i="12" s="1"/>
  <c r="CL188" i="12"/>
  <c r="CK188" i="12"/>
  <c r="CJ188" i="12"/>
  <c r="CI188" i="12"/>
  <c r="CH188" i="12"/>
  <c r="CG188" i="12"/>
  <c r="CF188" i="12"/>
  <c r="CE188" i="12"/>
  <c r="CD188" i="12"/>
  <c r="CC188" i="12"/>
  <c r="CB188" i="12"/>
  <c r="CA188" i="12"/>
  <c r="BZ188" i="12"/>
  <c r="BY188" i="12"/>
  <c r="BX188" i="12"/>
  <c r="BW188" i="12"/>
  <c r="BV188" i="12"/>
  <c r="BU188" i="12"/>
  <c r="BT188" i="12"/>
  <c r="BS188" i="12"/>
  <c r="BR188" i="12"/>
  <c r="BQ188" i="12"/>
  <c r="BP188" i="12"/>
  <c r="BO188" i="12"/>
  <c r="BN188" i="12"/>
  <c r="BM188" i="12"/>
  <c r="BL188" i="12"/>
  <c r="BK188" i="12"/>
  <c r="BI188" i="12"/>
  <c r="BH188" i="12"/>
  <c r="BF188" i="12"/>
  <c r="BG188" i="12" s="1"/>
  <c r="BJ188" i="12" s="1"/>
  <c r="CL187" i="12"/>
  <c r="CK187" i="12"/>
  <c r="CJ187" i="12"/>
  <c r="CI187" i="12"/>
  <c r="CH187" i="12"/>
  <c r="CG187" i="12"/>
  <c r="CF187" i="12"/>
  <c r="CE187" i="12"/>
  <c r="CD187" i="12"/>
  <c r="CC187" i="12"/>
  <c r="CB187" i="12"/>
  <c r="CA187" i="12"/>
  <c r="BZ187" i="12"/>
  <c r="BY187" i="12"/>
  <c r="BX187" i="12"/>
  <c r="BW187" i="12"/>
  <c r="BV187" i="12"/>
  <c r="BU187" i="12"/>
  <c r="BT187" i="12"/>
  <c r="BS187" i="12"/>
  <c r="BR187" i="12"/>
  <c r="BQ187" i="12"/>
  <c r="BP187" i="12"/>
  <c r="BO187" i="12"/>
  <c r="BN187" i="12"/>
  <c r="BM187" i="12"/>
  <c r="BL187" i="12"/>
  <c r="BK187" i="12"/>
  <c r="BI187" i="12"/>
  <c r="BH187" i="12"/>
  <c r="BF187" i="12"/>
  <c r="BG187" i="12" s="1"/>
  <c r="BJ187" i="12" s="1"/>
  <c r="CL186" i="12"/>
  <c r="CK186" i="12"/>
  <c r="CJ186" i="12"/>
  <c r="CI186" i="12"/>
  <c r="CH186" i="12"/>
  <c r="CG186" i="12"/>
  <c r="CF186" i="12"/>
  <c r="CE186" i="12"/>
  <c r="CD186" i="12"/>
  <c r="CC186" i="12"/>
  <c r="CB186" i="12"/>
  <c r="CA186" i="12"/>
  <c r="BZ186" i="12"/>
  <c r="BY186" i="12"/>
  <c r="BX186" i="12"/>
  <c r="BW186" i="12"/>
  <c r="BV186" i="12"/>
  <c r="BU186" i="12"/>
  <c r="BT186" i="12"/>
  <c r="BS186" i="12"/>
  <c r="BR186" i="12"/>
  <c r="BQ186" i="12"/>
  <c r="BP186" i="12"/>
  <c r="BO186" i="12"/>
  <c r="BN186" i="12"/>
  <c r="BM186" i="12"/>
  <c r="BL186" i="12"/>
  <c r="BK186" i="12"/>
  <c r="BI186" i="12"/>
  <c r="BH186" i="12"/>
  <c r="BF186" i="12"/>
  <c r="BG186" i="12" s="1"/>
  <c r="BJ186" i="12" s="1"/>
  <c r="CL185" i="12"/>
  <c r="CK185" i="12"/>
  <c r="CJ185" i="12"/>
  <c r="CI185" i="12"/>
  <c r="CH185" i="12"/>
  <c r="CG185" i="12"/>
  <c r="CF185" i="12"/>
  <c r="CE185" i="12"/>
  <c r="CD185" i="12"/>
  <c r="CC185" i="12"/>
  <c r="CB185" i="12"/>
  <c r="CA185" i="12"/>
  <c r="BZ185" i="12"/>
  <c r="BY185" i="12"/>
  <c r="BX185" i="12"/>
  <c r="BW185" i="12"/>
  <c r="BV185" i="12"/>
  <c r="BU185" i="12"/>
  <c r="BT185" i="12"/>
  <c r="BS185" i="12"/>
  <c r="BR185" i="12"/>
  <c r="BQ185" i="12"/>
  <c r="BP185" i="12"/>
  <c r="BO185" i="12"/>
  <c r="BN185" i="12"/>
  <c r="BM185" i="12"/>
  <c r="BL185" i="12"/>
  <c r="BK185" i="12"/>
  <c r="BJ185" i="12"/>
  <c r="BI185" i="12"/>
  <c r="BF185" i="12"/>
  <c r="BG185" i="12" s="1"/>
  <c r="BH185" i="12" s="1"/>
  <c r="CL184" i="12"/>
  <c r="CK184" i="12"/>
  <c r="CJ184" i="12"/>
  <c r="CI184" i="12"/>
  <c r="CH184" i="12"/>
  <c r="CG184" i="12"/>
  <c r="CF184" i="12"/>
  <c r="CE184" i="12"/>
  <c r="CD184" i="12"/>
  <c r="CC184" i="12"/>
  <c r="CB184" i="12"/>
  <c r="CA184" i="12"/>
  <c r="BZ184" i="12"/>
  <c r="BY184" i="12"/>
  <c r="BX184" i="12"/>
  <c r="BW184" i="12"/>
  <c r="BV184" i="12"/>
  <c r="BU184" i="12"/>
  <c r="BT184" i="12"/>
  <c r="BS184" i="12"/>
  <c r="BR184" i="12"/>
  <c r="BQ184" i="12"/>
  <c r="BP184" i="12"/>
  <c r="BO184" i="12"/>
  <c r="BN184" i="12"/>
  <c r="BM184" i="12"/>
  <c r="BL184" i="12"/>
  <c r="BK184" i="12"/>
  <c r="BJ184" i="12"/>
  <c r="BI184" i="12"/>
  <c r="BF184" i="12"/>
  <c r="BG184" i="12" s="1"/>
  <c r="BH184" i="12" s="1"/>
  <c r="CL183" i="12"/>
  <c r="CK183" i="12"/>
  <c r="CJ183" i="12"/>
  <c r="CI183" i="12"/>
  <c r="CH183" i="12"/>
  <c r="CG183" i="12"/>
  <c r="CF183" i="12"/>
  <c r="CE183" i="12"/>
  <c r="CD183" i="12"/>
  <c r="CC183" i="12"/>
  <c r="CB183" i="12"/>
  <c r="CA183" i="12"/>
  <c r="BZ183" i="12"/>
  <c r="BY183" i="12"/>
  <c r="BX183" i="12"/>
  <c r="BW183" i="12"/>
  <c r="BV183" i="12"/>
  <c r="BU183" i="12"/>
  <c r="BT183" i="12"/>
  <c r="BS183" i="12"/>
  <c r="BR183" i="12"/>
  <c r="BQ183" i="12"/>
  <c r="BP183" i="12"/>
  <c r="BO183" i="12"/>
  <c r="BN183" i="12"/>
  <c r="BM183" i="12"/>
  <c r="BL183" i="12"/>
  <c r="BK183" i="12"/>
  <c r="BJ183" i="12"/>
  <c r="BI183" i="12"/>
  <c r="BF183" i="12"/>
  <c r="BG183" i="12" s="1"/>
  <c r="BH183" i="12" s="1"/>
  <c r="CL182" i="12"/>
  <c r="CK182" i="12"/>
  <c r="CJ182" i="12"/>
  <c r="CI182" i="12"/>
  <c r="CH182" i="12"/>
  <c r="CG182" i="12"/>
  <c r="CF182" i="12"/>
  <c r="CE182" i="12"/>
  <c r="CD182" i="12"/>
  <c r="CC182" i="12"/>
  <c r="CB182" i="12"/>
  <c r="CA182" i="12"/>
  <c r="BZ182" i="12"/>
  <c r="BY182" i="12"/>
  <c r="BX182" i="12"/>
  <c r="BW182" i="12"/>
  <c r="BV182" i="12"/>
  <c r="BU182" i="12"/>
  <c r="BT182" i="12"/>
  <c r="BS182" i="12"/>
  <c r="BR182" i="12"/>
  <c r="BQ182" i="12"/>
  <c r="BP182" i="12"/>
  <c r="BO182" i="12"/>
  <c r="BN182" i="12"/>
  <c r="BM182" i="12"/>
  <c r="BL182" i="12"/>
  <c r="BK182" i="12"/>
  <c r="BJ182" i="12"/>
  <c r="BI182" i="12"/>
  <c r="BF182" i="12"/>
  <c r="BG182" i="12" s="1"/>
  <c r="BH182" i="12" s="1"/>
  <c r="CL181" i="12"/>
  <c r="CK181" i="12"/>
  <c r="CJ181" i="12"/>
  <c r="CI181" i="12"/>
  <c r="CH181" i="12"/>
  <c r="CG181" i="12"/>
  <c r="CF181" i="12"/>
  <c r="CE181" i="12"/>
  <c r="CD181" i="12"/>
  <c r="CC181" i="12"/>
  <c r="CB181" i="12"/>
  <c r="CA181" i="12"/>
  <c r="BZ181" i="12"/>
  <c r="BY181" i="12"/>
  <c r="BX181" i="12"/>
  <c r="BW181" i="12"/>
  <c r="BV181" i="12"/>
  <c r="BU181" i="12"/>
  <c r="BT181" i="12"/>
  <c r="BS181" i="12"/>
  <c r="BR181" i="12"/>
  <c r="BQ181" i="12"/>
  <c r="BP181" i="12"/>
  <c r="BO181" i="12"/>
  <c r="BN181" i="12"/>
  <c r="BM181" i="12"/>
  <c r="BL181" i="12"/>
  <c r="BK181" i="12"/>
  <c r="BJ181" i="12"/>
  <c r="BI181" i="12"/>
  <c r="BF181" i="12"/>
  <c r="BG181" i="12" s="1"/>
  <c r="BH181" i="12" s="1"/>
  <c r="CL180" i="12"/>
  <c r="CK180" i="12"/>
  <c r="CJ180" i="12"/>
  <c r="CI180" i="12"/>
  <c r="CH180" i="12"/>
  <c r="CG180" i="12"/>
  <c r="CF180" i="12"/>
  <c r="CE180" i="12"/>
  <c r="CD180" i="12"/>
  <c r="CC180" i="12"/>
  <c r="CB180" i="12"/>
  <c r="CA180" i="12"/>
  <c r="BZ180" i="12"/>
  <c r="BY180" i="12"/>
  <c r="BX180" i="12"/>
  <c r="BW180" i="12"/>
  <c r="BV180" i="12"/>
  <c r="BU180" i="12"/>
  <c r="BT180" i="12"/>
  <c r="BS180" i="12"/>
  <c r="BR180" i="12"/>
  <c r="BQ180" i="12"/>
  <c r="BP180" i="12"/>
  <c r="BO180" i="12"/>
  <c r="BN180" i="12"/>
  <c r="BM180" i="12"/>
  <c r="BL180" i="12"/>
  <c r="BK180" i="12"/>
  <c r="BJ180" i="12"/>
  <c r="BI180" i="12"/>
  <c r="BF180" i="12"/>
  <c r="BG180" i="12" s="1"/>
  <c r="BH180" i="12" s="1"/>
  <c r="CL179" i="12"/>
  <c r="CK179" i="12"/>
  <c r="CJ179" i="12"/>
  <c r="CI179" i="12"/>
  <c r="CH179" i="12"/>
  <c r="CG179" i="12"/>
  <c r="CF179" i="12"/>
  <c r="CE179" i="12"/>
  <c r="CD179" i="12"/>
  <c r="CC179" i="12"/>
  <c r="CB179" i="12"/>
  <c r="CA179" i="12"/>
  <c r="BZ179" i="12"/>
  <c r="BY179" i="12"/>
  <c r="BX179" i="12"/>
  <c r="BW179" i="12"/>
  <c r="BV179" i="12"/>
  <c r="BU179" i="12"/>
  <c r="BT179" i="12"/>
  <c r="BS179" i="12"/>
  <c r="BR179" i="12"/>
  <c r="BQ179" i="12"/>
  <c r="BP179" i="12"/>
  <c r="BO179" i="12"/>
  <c r="BN179" i="12"/>
  <c r="BM179" i="12"/>
  <c r="BL179" i="12"/>
  <c r="BK179" i="12"/>
  <c r="BJ179" i="12"/>
  <c r="BI179" i="12"/>
  <c r="BF179" i="12"/>
  <c r="BG179" i="12" s="1"/>
  <c r="BH179" i="12" s="1"/>
  <c r="CL178" i="12"/>
  <c r="CK178" i="12"/>
  <c r="CJ178" i="12"/>
  <c r="CI178" i="12"/>
  <c r="CH178" i="12"/>
  <c r="CG178" i="12"/>
  <c r="CF178" i="12"/>
  <c r="CE178" i="12"/>
  <c r="CD178" i="12"/>
  <c r="CC178" i="12"/>
  <c r="CB178" i="12"/>
  <c r="CA178" i="12"/>
  <c r="BZ178" i="12"/>
  <c r="BY178" i="12"/>
  <c r="BX178" i="12"/>
  <c r="BW178" i="12"/>
  <c r="BV178" i="12"/>
  <c r="BU178" i="12"/>
  <c r="BT178" i="12"/>
  <c r="BS178" i="12"/>
  <c r="BR178" i="12"/>
  <c r="BQ178" i="12"/>
  <c r="BP178" i="12"/>
  <c r="BO178" i="12"/>
  <c r="BN178" i="12"/>
  <c r="BM178" i="12"/>
  <c r="BL178" i="12"/>
  <c r="BK178" i="12"/>
  <c r="BJ178" i="12"/>
  <c r="BI178" i="12"/>
  <c r="BF178" i="12"/>
  <c r="BG178" i="12" s="1"/>
  <c r="BH178" i="12" s="1"/>
  <c r="CL177" i="12"/>
  <c r="CK177" i="12"/>
  <c r="CJ177" i="12"/>
  <c r="CI177" i="12"/>
  <c r="CH177" i="12"/>
  <c r="CG177" i="12"/>
  <c r="CF177" i="12"/>
  <c r="CE177" i="12"/>
  <c r="CD177" i="12"/>
  <c r="CC177" i="12"/>
  <c r="CB177" i="12"/>
  <c r="CA177" i="12"/>
  <c r="BZ177" i="12"/>
  <c r="BY177" i="12"/>
  <c r="BX177" i="12"/>
  <c r="BW177" i="12"/>
  <c r="BV177" i="12"/>
  <c r="BU177" i="12"/>
  <c r="BT177" i="12"/>
  <c r="BR177" i="12"/>
  <c r="BQ177" i="12"/>
  <c r="BP177" i="12"/>
  <c r="BO177" i="12"/>
  <c r="BN177" i="12"/>
  <c r="BM177" i="12"/>
  <c r="BL177" i="12"/>
  <c r="BK177" i="12"/>
  <c r="BJ177" i="12"/>
  <c r="BI177" i="12"/>
  <c r="BH177" i="12"/>
  <c r="BF177" i="12"/>
  <c r="U177" i="12"/>
  <c r="Y177" i="12" s="1"/>
  <c r="CL176" i="12"/>
  <c r="CK176" i="12"/>
  <c r="CJ176" i="12"/>
  <c r="CI176" i="12"/>
  <c r="CH176" i="12"/>
  <c r="CG176" i="12"/>
  <c r="CF176" i="12"/>
  <c r="CE176" i="12"/>
  <c r="CD176" i="12"/>
  <c r="CC176" i="12"/>
  <c r="CB176" i="12"/>
  <c r="CA176" i="12"/>
  <c r="BZ176" i="12"/>
  <c r="BY176" i="12"/>
  <c r="BX176" i="12"/>
  <c r="BV176" i="12"/>
  <c r="BU176" i="12"/>
  <c r="BT176" i="12"/>
  <c r="BS176" i="12"/>
  <c r="BR176" i="12"/>
  <c r="BQ176" i="12"/>
  <c r="BP176" i="12"/>
  <c r="BO176" i="12"/>
  <c r="BN176" i="12"/>
  <c r="BM176" i="12"/>
  <c r="BL176" i="12"/>
  <c r="BK176" i="12"/>
  <c r="BJ176" i="12"/>
  <c r="BI176" i="12"/>
  <c r="BH176" i="12"/>
  <c r="BF176" i="12"/>
  <c r="U176" i="12"/>
  <c r="Y176" i="12" s="1"/>
  <c r="CL175" i="12"/>
  <c r="CK175" i="12"/>
  <c r="CJ175" i="12"/>
  <c r="CI175" i="12"/>
  <c r="CH175" i="12"/>
  <c r="CG175" i="12"/>
  <c r="CF175" i="12"/>
  <c r="CE175" i="12"/>
  <c r="CD175" i="12"/>
  <c r="CC175" i="12"/>
  <c r="CB175" i="12"/>
  <c r="CA175" i="12"/>
  <c r="BZ175" i="12"/>
  <c r="BY175" i="12"/>
  <c r="BX175" i="12"/>
  <c r="BW175" i="12"/>
  <c r="BU175" i="12"/>
  <c r="BT175" i="12"/>
  <c r="BS175" i="12"/>
  <c r="BR175" i="12"/>
  <c r="BQ175" i="12"/>
  <c r="BP175" i="12"/>
  <c r="BO175" i="12"/>
  <c r="BN175" i="12"/>
  <c r="BM175" i="12"/>
  <c r="BL175" i="12"/>
  <c r="BK175" i="12"/>
  <c r="BJ175" i="12"/>
  <c r="BI175" i="12"/>
  <c r="BH175" i="12"/>
  <c r="BF175" i="12"/>
  <c r="U175" i="12"/>
  <c r="Y175" i="12" s="1"/>
  <c r="CL174" i="12"/>
  <c r="CK174" i="12"/>
  <c r="CJ174" i="12"/>
  <c r="CI174" i="12"/>
  <c r="CH174" i="12"/>
  <c r="CG174" i="12"/>
  <c r="CF174" i="12"/>
  <c r="CE174" i="12"/>
  <c r="CD174" i="12"/>
  <c r="CC174" i="12"/>
  <c r="CB174" i="12"/>
  <c r="CA174" i="12"/>
  <c r="BZ174" i="12"/>
  <c r="BY174" i="12"/>
  <c r="BX174" i="12"/>
  <c r="BW174" i="12"/>
  <c r="BV174" i="12"/>
  <c r="BT174" i="12"/>
  <c r="BS174" i="12"/>
  <c r="BR174" i="12"/>
  <c r="BQ174" i="12"/>
  <c r="BP174" i="12"/>
  <c r="BO174" i="12"/>
  <c r="BN174" i="12"/>
  <c r="BM174" i="12"/>
  <c r="BL174" i="12"/>
  <c r="BK174" i="12"/>
  <c r="BJ174" i="12"/>
  <c r="BI174" i="12"/>
  <c r="BH174" i="12"/>
  <c r="BF174" i="12"/>
  <c r="U174" i="12"/>
  <c r="Y174" i="12" s="1"/>
  <c r="CL173" i="12"/>
  <c r="CK173" i="12"/>
  <c r="CJ173" i="12"/>
  <c r="CI173" i="12"/>
  <c r="CH173" i="12"/>
  <c r="CG173" i="12"/>
  <c r="CF173" i="12"/>
  <c r="CE173" i="12"/>
  <c r="CD173" i="12"/>
  <c r="CC173" i="12"/>
  <c r="CB173" i="12"/>
  <c r="CA173" i="12"/>
  <c r="BZ173" i="12"/>
  <c r="BY173" i="12"/>
  <c r="BX173" i="12"/>
  <c r="BW173" i="12"/>
  <c r="BV173" i="12"/>
  <c r="BU173" i="12"/>
  <c r="BT173" i="12"/>
  <c r="BS173" i="12"/>
  <c r="BQ173" i="12"/>
  <c r="BP173" i="12"/>
  <c r="BO173" i="12"/>
  <c r="BN173" i="12"/>
  <c r="BM173" i="12"/>
  <c r="BL173" i="12"/>
  <c r="BK173" i="12"/>
  <c r="BJ173" i="12"/>
  <c r="BI173" i="12"/>
  <c r="BH173" i="12"/>
  <c r="BF173" i="12"/>
  <c r="U173" i="12"/>
  <c r="Y173" i="12" s="1"/>
  <c r="CL172" i="12"/>
  <c r="CK172" i="12"/>
  <c r="CJ172" i="12"/>
  <c r="CI172" i="12"/>
  <c r="CH172" i="12"/>
  <c r="CG172" i="12"/>
  <c r="CF172" i="12"/>
  <c r="CE172" i="12"/>
  <c r="CD172" i="12"/>
  <c r="CC172" i="12"/>
  <c r="CB172" i="12"/>
  <c r="CA172" i="12"/>
  <c r="BZ172" i="12"/>
  <c r="BY172" i="12"/>
  <c r="BX172" i="12"/>
  <c r="BW172" i="12"/>
  <c r="BV172" i="12"/>
  <c r="BU172" i="12"/>
  <c r="BT172" i="12"/>
  <c r="BS172" i="12"/>
  <c r="BR172" i="12"/>
  <c r="BP172" i="12"/>
  <c r="BO172" i="12"/>
  <c r="BN172" i="12"/>
  <c r="BM172" i="12"/>
  <c r="BL172" i="12"/>
  <c r="BK172" i="12"/>
  <c r="BJ172" i="12"/>
  <c r="BI172" i="12"/>
  <c r="BH172" i="12"/>
  <c r="BF172" i="12"/>
  <c r="U172" i="12"/>
  <c r="Y172" i="12" s="1"/>
  <c r="CL171" i="12"/>
  <c r="CK171" i="12"/>
  <c r="CJ171" i="12"/>
  <c r="CI171" i="12"/>
  <c r="CH171" i="12"/>
  <c r="CG171" i="12"/>
  <c r="CF171" i="12"/>
  <c r="CE171" i="12"/>
  <c r="CD171" i="12"/>
  <c r="CC171" i="12"/>
  <c r="CB171" i="12"/>
  <c r="CA171" i="12"/>
  <c r="BZ171" i="12"/>
  <c r="BY171" i="12"/>
  <c r="BX171" i="12"/>
  <c r="BW171" i="12"/>
  <c r="BV171" i="12"/>
  <c r="BU171" i="12"/>
  <c r="BS171" i="12"/>
  <c r="BR171" i="12"/>
  <c r="BQ171" i="12"/>
  <c r="BP171" i="12"/>
  <c r="BO171" i="12"/>
  <c r="BN171" i="12"/>
  <c r="BM171" i="12"/>
  <c r="BL171" i="12"/>
  <c r="BK171" i="12"/>
  <c r="BJ171" i="12"/>
  <c r="BI171" i="12"/>
  <c r="BH171" i="12"/>
  <c r="BF171" i="12"/>
  <c r="U171" i="12"/>
  <c r="Y171" i="12" s="1"/>
  <c r="CL170" i="12"/>
  <c r="CK170" i="12"/>
  <c r="CJ170" i="12"/>
  <c r="CI170" i="12"/>
  <c r="CH170" i="12"/>
  <c r="CG170" i="12"/>
  <c r="CF170" i="12"/>
  <c r="CE170" i="12"/>
  <c r="CD170" i="12"/>
  <c r="CC170" i="12"/>
  <c r="CB170" i="12"/>
  <c r="CA170" i="12"/>
  <c r="BZ170" i="12"/>
  <c r="BY170" i="12"/>
  <c r="BX170" i="12"/>
  <c r="BW170" i="12"/>
  <c r="BV170" i="12"/>
  <c r="BU170" i="12"/>
  <c r="BT170" i="12"/>
  <c r="BS170" i="12"/>
  <c r="BR170" i="12"/>
  <c r="BQ170" i="12"/>
  <c r="BO170" i="12"/>
  <c r="BN170" i="12"/>
  <c r="BM170" i="12"/>
  <c r="BL170" i="12"/>
  <c r="BK170" i="12"/>
  <c r="BJ170" i="12"/>
  <c r="BI170" i="12"/>
  <c r="BH170" i="12"/>
  <c r="BF170" i="12"/>
  <c r="U170" i="12"/>
  <c r="Y170" i="12" s="1"/>
  <c r="CL169" i="12"/>
  <c r="CK169" i="12"/>
  <c r="CJ169" i="12"/>
  <c r="CI169" i="12"/>
  <c r="CH169" i="12"/>
  <c r="CG169" i="12"/>
  <c r="CF169" i="12"/>
  <c r="CE169" i="12"/>
  <c r="CD169" i="12"/>
  <c r="CC169" i="12"/>
  <c r="CB169" i="12"/>
  <c r="CA169" i="12"/>
  <c r="BZ169" i="12"/>
  <c r="BY169" i="12"/>
  <c r="BX169" i="12"/>
  <c r="BW169" i="12"/>
  <c r="BV169" i="12"/>
  <c r="BU169" i="12"/>
  <c r="BT169" i="12"/>
  <c r="BS169" i="12"/>
  <c r="BR169" i="12"/>
  <c r="BQ169" i="12"/>
  <c r="BP169" i="12"/>
  <c r="BO169" i="12"/>
  <c r="BN169" i="12"/>
  <c r="BL169" i="12"/>
  <c r="BK169" i="12"/>
  <c r="BJ169" i="12"/>
  <c r="BI169" i="12"/>
  <c r="BH169" i="12"/>
  <c r="BF169" i="12"/>
  <c r="Y169" i="12"/>
  <c r="CL168" i="12"/>
  <c r="CK168" i="12"/>
  <c r="CJ168" i="12"/>
  <c r="CI168" i="12"/>
  <c r="CH168" i="12"/>
  <c r="CG168" i="12"/>
  <c r="CF168" i="12"/>
  <c r="CE168" i="12"/>
  <c r="CD168" i="12"/>
  <c r="CC168" i="12"/>
  <c r="CB168" i="12"/>
  <c r="CA168" i="12"/>
  <c r="BZ168" i="12"/>
  <c r="BY168" i="12"/>
  <c r="BX168" i="12"/>
  <c r="BW168" i="12"/>
  <c r="BV168" i="12"/>
  <c r="BU168" i="12"/>
  <c r="BT168" i="12"/>
  <c r="BS168" i="12"/>
  <c r="BR168" i="12"/>
  <c r="BQ168" i="12"/>
  <c r="BP168" i="12"/>
  <c r="BN168" i="12"/>
  <c r="BM168" i="12"/>
  <c r="BL168" i="12"/>
  <c r="BK168" i="12"/>
  <c r="BJ168" i="12"/>
  <c r="BI168" i="12"/>
  <c r="BH168" i="12"/>
  <c r="BF168" i="12"/>
  <c r="Y168" i="12"/>
  <c r="CL167" i="12"/>
  <c r="CK167" i="12"/>
  <c r="CJ167" i="12"/>
  <c r="CI167" i="12"/>
  <c r="CH167" i="12"/>
  <c r="CG167" i="12"/>
  <c r="CF167" i="12"/>
  <c r="CE167" i="12"/>
  <c r="CD167" i="12"/>
  <c r="CC167" i="12"/>
  <c r="CB167" i="12"/>
  <c r="CA167" i="12"/>
  <c r="BZ167" i="12"/>
  <c r="BY167" i="12"/>
  <c r="BX167" i="12"/>
  <c r="BW167" i="12"/>
  <c r="BV167" i="12"/>
  <c r="BU167" i="12"/>
  <c r="BT167" i="12"/>
  <c r="BS167" i="12"/>
  <c r="BR167" i="12"/>
  <c r="BQ167" i="12"/>
  <c r="BP167" i="12"/>
  <c r="BO167" i="12"/>
  <c r="BM167" i="12"/>
  <c r="BL167" i="12"/>
  <c r="BK167" i="12"/>
  <c r="BJ167" i="12"/>
  <c r="BI167" i="12"/>
  <c r="BH167" i="12"/>
  <c r="BF167" i="12"/>
  <c r="Y167" i="12"/>
  <c r="CL166" i="12"/>
  <c r="CK166" i="12"/>
  <c r="CJ166" i="12"/>
  <c r="CI166" i="12"/>
  <c r="CH166" i="12"/>
  <c r="CG166" i="12"/>
  <c r="CF166" i="12"/>
  <c r="CE166" i="12"/>
  <c r="CD166" i="12"/>
  <c r="CC166" i="12"/>
  <c r="CB166" i="12"/>
  <c r="CA166" i="12"/>
  <c r="BZ166" i="12"/>
  <c r="BY166" i="12"/>
  <c r="BX166" i="12"/>
  <c r="BW166" i="12"/>
  <c r="BV166" i="12"/>
  <c r="BU166" i="12"/>
  <c r="BT166" i="12"/>
  <c r="BS166" i="12"/>
  <c r="BR166" i="12"/>
  <c r="BQ166" i="12"/>
  <c r="BP166" i="12"/>
  <c r="BO166" i="12"/>
  <c r="BN166" i="12"/>
  <c r="BM166" i="12"/>
  <c r="BK166" i="12"/>
  <c r="BJ166" i="12"/>
  <c r="BI166" i="12"/>
  <c r="BH166" i="12"/>
  <c r="BF166" i="12"/>
  <c r="Y166" i="12"/>
  <c r="CL165" i="12"/>
  <c r="CK165" i="12"/>
  <c r="CJ165" i="12"/>
  <c r="CI165" i="12"/>
  <c r="CH165" i="12"/>
  <c r="CG165" i="12"/>
  <c r="CF165" i="12"/>
  <c r="CE165" i="12"/>
  <c r="CD165" i="12"/>
  <c r="CC165" i="12"/>
  <c r="CB165" i="12"/>
  <c r="CA165" i="12"/>
  <c r="BZ165" i="12"/>
  <c r="BY165" i="12"/>
  <c r="BX165" i="12"/>
  <c r="BW165" i="12"/>
  <c r="BV165" i="12"/>
  <c r="BU165" i="12"/>
  <c r="BT165" i="12"/>
  <c r="BS165" i="12"/>
  <c r="BR165" i="12"/>
  <c r="BQ165" i="12"/>
  <c r="BP165" i="12"/>
  <c r="BO165" i="12"/>
  <c r="BN165" i="12"/>
  <c r="BM165" i="12"/>
  <c r="BL165" i="12"/>
  <c r="BK165" i="12"/>
  <c r="BJ165" i="12"/>
  <c r="BH165" i="12"/>
  <c r="BF165" i="12"/>
  <c r="Y165" i="12"/>
  <c r="CL164" i="12"/>
  <c r="CK164" i="12"/>
  <c r="CJ164" i="12"/>
  <c r="CI164" i="12"/>
  <c r="CH164" i="12"/>
  <c r="CG164" i="12"/>
  <c r="CF164" i="12"/>
  <c r="CE164" i="12"/>
  <c r="CD164" i="12"/>
  <c r="CC164" i="12"/>
  <c r="CB164" i="12"/>
  <c r="CA164" i="12"/>
  <c r="BZ164" i="12"/>
  <c r="BY164" i="12"/>
  <c r="BX164" i="12"/>
  <c r="BW164" i="12"/>
  <c r="BV164" i="12"/>
  <c r="BU164" i="12"/>
  <c r="BT164" i="12"/>
  <c r="BS164" i="12"/>
  <c r="BR164" i="12"/>
  <c r="BQ164" i="12"/>
  <c r="BP164" i="12"/>
  <c r="BO164" i="12"/>
  <c r="BN164" i="12"/>
  <c r="BM164" i="12"/>
  <c r="BL164" i="12"/>
  <c r="BJ164" i="12"/>
  <c r="BI164" i="12"/>
  <c r="BH164" i="12"/>
  <c r="BF164" i="12"/>
  <c r="Y164" i="12"/>
  <c r="CL163" i="12"/>
  <c r="CK163" i="12"/>
  <c r="CJ163" i="12"/>
  <c r="CI163" i="12"/>
  <c r="CH163" i="12"/>
  <c r="CG163" i="12"/>
  <c r="CF163" i="12"/>
  <c r="CE163" i="12"/>
  <c r="CD163" i="12"/>
  <c r="CC163" i="12"/>
  <c r="CB163" i="12"/>
  <c r="CA163" i="12"/>
  <c r="BZ163" i="12"/>
  <c r="BY163" i="12"/>
  <c r="BX163" i="12"/>
  <c r="BW163" i="12"/>
  <c r="BV163" i="12"/>
  <c r="BU163" i="12"/>
  <c r="BT163" i="12"/>
  <c r="BS163" i="12"/>
  <c r="BR163" i="12"/>
  <c r="BQ163" i="12"/>
  <c r="BP163" i="12"/>
  <c r="BO163" i="12"/>
  <c r="BN163" i="12"/>
  <c r="BM163" i="12"/>
  <c r="BL163" i="12"/>
  <c r="BK163" i="12"/>
  <c r="BI163" i="12"/>
  <c r="BH163" i="12"/>
  <c r="BF163" i="12"/>
  <c r="Y163" i="12"/>
  <c r="CL162" i="12"/>
  <c r="CK162" i="12"/>
  <c r="CJ162" i="12"/>
  <c r="CI162" i="12"/>
  <c r="CH162" i="12"/>
  <c r="CG162" i="12"/>
  <c r="CF162" i="12"/>
  <c r="CE162" i="12"/>
  <c r="CD162" i="12"/>
  <c r="CC162" i="12"/>
  <c r="CB162" i="12"/>
  <c r="CA162" i="12"/>
  <c r="BZ162" i="12"/>
  <c r="BY162" i="12"/>
  <c r="BX162" i="12"/>
  <c r="BW162" i="12"/>
  <c r="BV162" i="12"/>
  <c r="BU162" i="12"/>
  <c r="BT162" i="12"/>
  <c r="BS162" i="12"/>
  <c r="BR162" i="12"/>
  <c r="BQ162" i="12"/>
  <c r="BP162" i="12"/>
  <c r="BO162" i="12"/>
  <c r="BN162" i="12"/>
  <c r="BM162" i="12"/>
  <c r="BL162" i="12"/>
  <c r="BK162" i="12"/>
  <c r="BJ162" i="12"/>
  <c r="BI162" i="12"/>
  <c r="BF162" i="12"/>
  <c r="Y162" i="12"/>
  <c r="CL161" i="12"/>
  <c r="CK161" i="12"/>
  <c r="CJ161" i="12"/>
  <c r="CI161" i="12"/>
  <c r="CH161" i="12"/>
  <c r="CG161" i="12"/>
  <c r="CF161" i="12"/>
  <c r="CE161" i="12"/>
  <c r="CD161" i="12"/>
  <c r="CC161" i="12"/>
  <c r="CB161" i="12"/>
  <c r="CA161" i="12"/>
  <c r="BZ161" i="12"/>
  <c r="BY161" i="12"/>
  <c r="BW161" i="12"/>
  <c r="BV161" i="12"/>
  <c r="BU161" i="12"/>
  <c r="BT161" i="12"/>
  <c r="BS161" i="12"/>
  <c r="BR161" i="12"/>
  <c r="BQ161" i="12"/>
  <c r="BP161" i="12"/>
  <c r="BO161" i="12"/>
  <c r="BN161" i="12"/>
  <c r="BM161" i="12"/>
  <c r="BL161" i="12"/>
  <c r="BK161" i="12"/>
  <c r="BJ161" i="12"/>
  <c r="BI161" i="12"/>
  <c r="BH161" i="12"/>
  <c r="BF161" i="12"/>
  <c r="Y161" i="12"/>
  <c r="CL160" i="12"/>
  <c r="CK160" i="12"/>
  <c r="CJ160" i="12"/>
  <c r="CI160" i="12"/>
  <c r="CH160" i="12"/>
  <c r="CG160" i="12"/>
  <c r="CF160" i="12"/>
  <c r="CE160" i="12"/>
  <c r="CD160" i="12"/>
  <c r="CC160" i="12"/>
  <c r="CB160" i="12"/>
  <c r="CA160" i="12"/>
  <c r="BZ160" i="12"/>
  <c r="BY160" i="12"/>
  <c r="BX160" i="12"/>
  <c r="BW160" i="12"/>
  <c r="BV160" i="12"/>
  <c r="BU160" i="12"/>
  <c r="BT160" i="12"/>
  <c r="BR160" i="12"/>
  <c r="BQ160" i="12"/>
  <c r="BP160" i="12"/>
  <c r="BO160" i="12"/>
  <c r="BN160" i="12"/>
  <c r="BM160" i="12"/>
  <c r="BL160" i="12"/>
  <c r="BK160" i="12"/>
  <c r="BJ160" i="12"/>
  <c r="BI160" i="12"/>
  <c r="BH160" i="12"/>
  <c r="BF160" i="12"/>
  <c r="U160" i="12"/>
  <c r="Y160" i="12" s="1"/>
  <c r="CL159" i="12"/>
  <c r="CK159" i="12"/>
  <c r="CJ159" i="12"/>
  <c r="CI159" i="12"/>
  <c r="CH159" i="12"/>
  <c r="CG159" i="12"/>
  <c r="CF159" i="12"/>
  <c r="CE159" i="12"/>
  <c r="CD159" i="12"/>
  <c r="CC159" i="12"/>
  <c r="CB159" i="12"/>
  <c r="CA159" i="12"/>
  <c r="BZ159" i="12"/>
  <c r="BY159" i="12"/>
  <c r="BX159" i="12"/>
  <c r="BV159" i="12"/>
  <c r="BU159" i="12"/>
  <c r="BT159" i="12"/>
  <c r="BS159" i="12"/>
  <c r="BR159" i="12"/>
  <c r="BQ159" i="12"/>
  <c r="BP159" i="12"/>
  <c r="BO159" i="12"/>
  <c r="BN159" i="12"/>
  <c r="BM159" i="12"/>
  <c r="BL159" i="12"/>
  <c r="BK159" i="12"/>
  <c r="BJ159" i="12"/>
  <c r="BI159" i="12"/>
  <c r="BH159" i="12"/>
  <c r="BF159" i="12"/>
  <c r="U159" i="12"/>
  <c r="Y159" i="12" s="1"/>
  <c r="CL158" i="12"/>
  <c r="CK158" i="12"/>
  <c r="CJ158" i="12"/>
  <c r="CI158" i="12"/>
  <c r="CH158" i="12"/>
  <c r="CG158" i="12"/>
  <c r="CF158" i="12"/>
  <c r="CE158" i="12"/>
  <c r="CD158" i="12"/>
  <c r="CC158" i="12"/>
  <c r="CB158" i="12"/>
  <c r="CA158" i="12"/>
  <c r="BZ158" i="12"/>
  <c r="BY158" i="12"/>
  <c r="BX158" i="12"/>
  <c r="BW158" i="12"/>
  <c r="BU158" i="12"/>
  <c r="BT158" i="12"/>
  <c r="BS158" i="12"/>
  <c r="BR158" i="12"/>
  <c r="BQ158" i="12"/>
  <c r="BP158" i="12"/>
  <c r="BO158" i="12"/>
  <c r="BN158" i="12"/>
  <c r="BM158" i="12"/>
  <c r="BL158" i="12"/>
  <c r="BK158" i="12"/>
  <c r="BJ158" i="12"/>
  <c r="BI158" i="12"/>
  <c r="BH158" i="12"/>
  <c r="BF158" i="12"/>
  <c r="U158" i="12"/>
  <c r="Y158" i="12" s="1"/>
  <c r="CL157" i="12"/>
  <c r="CK157" i="12"/>
  <c r="CJ157" i="12"/>
  <c r="CI157" i="12"/>
  <c r="CH157" i="12"/>
  <c r="CG157" i="12"/>
  <c r="CF157" i="12"/>
  <c r="CE157" i="12"/>
  <c r="CD157" i="12"/>
  <c r="CC157" i="12"/>
  <c r="CB157" i="12"/>
  <c r="CA157" i="12"/>
  <c r="BZ157" i="12"/>
  <c r="BY157" i="12"/>
  <c r="BX157" i="12"/>
  <c r="BW157" i="12"/>
  <c r="BV157" i="12"/>
  <c r="BT157" i="12"/>
  <c r="BS157" i="12"/>
  <c r="BR157" i="12"/>
  <c r="BQ157" i="12"/>
  <c r="BP157" i="12"/>
  <c r="BO157" i="12"/>
  <c r="BN157" i="12"/>
  <c r="BM157" i="12"/>
  <c r="BL157" i="12"/>
  <c r="BK157" i="12"/>
  <c r="BJ157" i="12"/>
  <c r="BI157" i="12"/>
  <c r="BH157" i="12"/>
  <c r="BF157" i="12"/>
  <c r="U157" i="12"/>
  <c r="Y157" i="12" s="1"/>
  <c r="CL156" i="12"/>
  <c r="CK156" i="12"/>
  <c r="CJ156" i="12"/>
  <c r="CI156" i="12"/>
  <c r="CH156" i="12"/>
  <c r="CG156" i="12"/>
  <c r="CF156" i="12"/>
  <c r="CE156" i="12"/>
  <c r="CD156" i="12"/>
  <c r="CC156" i="12"/>
  <c r="CB156" i="12"/>
  <c r="CA156" i="12"/>
  <c r="BZ156" i="12"/>
  <c r="BY156" i="12"/>
  <c r="BX156" i="12"/>
  <c r="BW156" i="12"/>
  <c r="BV156" i="12"/>
  <c r="BU156" i="12"/>
  <c r="BT156" i="12"/>
  <c r="BS156" i="12"/>
  <c r="BQ156" i="12"/>
  <c r="BP156" i="12"/>
  <c r="BO156" i="12"/>
  <c r="BN156" i="12"/>
  <c r="BM156" i="12"/>
  <c r="BL156" i="12"/>
  <c r="BK156" i="12"/>
  <c r="BJ156" i="12"/>
  <c r="BI156" i="12"/>
  <c r="BH156" i="12"/>
  <c r="BF156" i="12"/>
  <c r="U156" i="12"/>
  <c r="Y156" i="12" s="1"/>
  <c r="CL155" i="12"/>
  <c r="CK155" i="12"/>
  <c r="CJ155" i="12"/>
  <c r="CI155" i="12"/>
  <c r="CH155" i="12"/>
  <c r="CG155" i="12"/>
  <c r="CF155" i="12"/>
  <c r="CE155" i="12"/>
  <c r="CD155" i="12"/>
  <c r="CC155" i="12"/>
  <c r="CB155" i="12"/>
  <c r="CA155" i="12"/>
  <c r="BZ155" i="12"/>
  <c r="BY155" i="12"/>
  <c r="BX155" i="12"/>
  <c r="BW155" i="12"/>
  <c r="BV155" i="12"/>
  <c r="BU155" i="12"/>
  <c r="BT155" i="12"/>
  <c r="BS155" i="12"/>
  <c r="BR155" i="12"/>
  <c r="BP155" i="12"/>
  <c r="BO155" i="12"/>
  <c r="BN155" i="12"/>
  <c r="BM155" i="12"/>
  <c r="BL155" i="12"/>
  <c r="BK155" i="12"/>
  <c r="BJ155" i="12"/>
  <c r="BI155" i="12"/>
  <c r="BH155" i="12"/>
  <c r="BF155" i="12"/>
  <c r="U155" i="12"/>
  <c r="Y155" i="12" s="1"/>
  <c r="CL154" i="12"/>
  <c r="CK154" i="12"/>
  <c r="CJ154" i="12"/>
  <c r="CI154" i="12"/>
  <c r="CH154" i="12"/>
  <c r="CG154" i="12"/>
  <c r="CF154" i="12"/>
  <c r="CE154" i="12"/>
  <c r="CD154" i="12"/>
  <c r="CC154" i="12"/>
  <c r="CB154" i="12"/>
  <c r="CA154" i="12"/>
  <c r="BZ154" i="12"/>
  <c r="BY154" i="12"/>
  <c r="BX154" i="12"/>
  <c r="BW154" i="12"/>
  <c r="BV154" i="12"/>
  <c r="BU154" i="12"/>
  <c r="BS154" i="12"/>
  <c r="BR154" i="12"/>
  <c r="BQ154" i="12"/>
  <c r="BP154" i="12"/>
  <c r="BO154" i="12"/>
  <c r="BN154" i="12"/>
  <c r="BM154" i="12"/>
  <c r="BL154" i="12"/>
  <c r="BK154" i="12"/>
  <c r="BJ154" i="12"/>
  <c r="BI154" i="12"/>
  <c r="BH154" i="12"/>
  <c r="BF154" i="12"/>
  <c r="U154" i="12"/>
  <c r="Y154" i="12" s="1"/>
  <c r="CL153" i="12"/>
  <c r="CK153" i="12"/>
  <c r="CJ153" i="12"/>
  <c r="CI153" i="12"/>
  <c r="CH153" i="12"/>
  <c r="CG153" i="12"/>
  <c r="CF153" i="12"/>
  <c r="CE153" i="12"/>
  <c r="CD153" i="12"/>
  <c r="CC153" i="12"/>
  <c r="CB153" i="12"/>
  <c r="CA153" i="12"/>
  <c r="BZ153" i="12"/>
  <c r="BY153" i="12"/>
  <c r="BX153" i="12"/>
  <c r="BW153" i="12"/>
  <c r="BV153" i="12"/>
  <c r="BU153" i="12"/>
  <c r="BT153" i="12"/>
  <c r="BS153" i="12"/>
  <c r="BR153" i="12"/>
  <c r="BQ153" i="12"/>
  <c r="BO153" i="12"/>
  <c r="BN153" i="12"/>
  <c r="BM153" i="12"/>
  <c r="BL153" i="12"/>
  <c r="BK153" i="12"/>
  <c r="BJ153" i="12"/>
  <c r="BI153" i="12"/>
  <c r="BH153" i="12"/>
  <c r="BF153" i="12"/>
  <c r="U153" i="12"/>
  <c r="Y153" i="12" s="1"/>
  <c r="CL152" i="12"/>
  <c r="CK152" i="12"/>
  <c r="CJ152" i="12"/>
  <c r="CI152" i="12"/>
  <c r="CH152" i="12"/>
  <c r="CG152" i="12"/>
  <c r="CF152" i="12"/>
  <c r="CE152" i="12"/>
  <c r="CD152" i="12"/>
  <c r="CC152" i="12"/>
  <c r="CB152" i="12"/>
  <c r="CA152" i="12"/>
  <c r="BZ152" i="12"/>
  <c r="BY152" i="12"/>
  <c r="BX152" i="12"/>
  <c r="BW152" i="12"/>
  <c r="BV152" i="12"/>
  <c r="BU152" i="12"/>
  <c r="BT152" i="12"/>
  <c r="BS152" i="12"/>
  <c r="BR152" i="12"/>
  <c r="BQ152" i="12"/>
  <c r="BP152" i="12"/>
  <c r="BO152" i="12"/>
  <c r="BN152" i="12"/>
  <c r="BL152" i="12"/>
  <c r="BK152" i="12"/>
  <c r="BJ152" i="12"/>
  <c r="BI152" i="12"/>
  <c r="BH152" i="12"/>
  <c r="BF152" i="12"/>
  <c r="Y152" i="12"/>
  <c r="CL151" i="12"/>
  <c r="CK151" i="12"/>
  <c r="CJ151" i="12"/>
  <c r="CI151" i="12"/>
  <c r="CH151" i="12"/>
  <c r="CG151" i="12"/>
  <c r="CF151" i="12"/>
  <c r="CE151" i="12"/>
  <c r="CD151" i="12"/>
  <c r="CC151" i="12"/>
  <c r="CB151" i="12"/>
  <c r="CA151" i="12"/>
  <c r="BZ151" i="12"/>
  <c r="BY151" i="12"/>
  <c r="BX151" i="12"/>
  <c r="BW151" i="12"/>
  <c r="BV151" i="12"/>
  <c r="BU151" i="12"/>
  <c r="BT151" i="12"/>
  <c r="BS151" i="12"/>
  <c r="BR151" i="12"/>
  <c r="BQ151" i="12"/>
  <c r="BP151" i="12"/>
  <c r="BN151" i="12"/>
  <c r="BM151" i="12"/>
  <c r="BL151" i="12"/>
  <c r="BK151" i="12"/>
  <c r="BJ151" i="12"/>
  <c r="BI151" i="12"/>
  <c r="BH151" i="12"/>
  <c r="BF151" i="12"/>
  <c r="Y151" i="12"/>
  <c r="CL150" i="12"/>
  <c r="CK150" i="12"/>
  <c r="CJ150" i="12"/>
  <c r="CI150" i="12"/>
  <c r="CH150" i="12"/>
  <c r="CG150" i="12"/>
  <c r="CF150" i="12"/>
  <c r="CE150" i="12"/>
  <c r="CD150" i="12"/>
  <c r="CC150" i="12"/>
  <c r="CB150" i="12"/>
  <c r="CA150" i="12"/>
  <c r="BZ150" i="12"/>
  <c r="BY150" i="12"/>
  <c r="BX150" i="12"/>
  <c r="BW150" i="12"/>
  <c r="BV150" i="12"/>
  <c r="BU150" i="12"/>
  <c r="BT150" i="12"/>
  <c r="BS150" i="12"/>
  <c r="BR150" i="12"/>
  <c r="BQ150" i="12"/>
  <c r="BP150" i="12"/>
  <c r="BO150" i="12"/>
  <c r="BM150" i="12"/>
  <c r="BL150" i="12"/>
  <c r="BK150" i="12"/>
  <c r="BJ150" i="12"/>
  <c r="BI150" i="12"/>
  <c r="BH150" i="12"/>
  <c r="BF150" i="12"/>
  <c r="Y150" i="12"/>
  <c r="CL149" i="12"/>
  <c r="CK149" i="12"/>
  <c r="CJ149" i="12"/>
  <c r="CI149" i="12"/>
  <c r="CH149" i="12"/>
  <c r="CG149" i="12"/>
  <c r="CF149" i="12"/>
  <c r="CE149" i="12"/>
  <c r="CD149" i="12"/>
  <c r="CC149" i="12"/>
  <c r="CB149" i="12"/>
  <c r="CA149" i="12"/>
  <c r="BZ149" i="12"/>
  <c r="BY149" i="12"/>
  <c r="BX149" i="12"/>
  <c r="BW149" i="12"/>
  <c r="BV149" i="12"/>
  <c r="BU149" i="12"/>
  <c r="BT149" i="12"/>
  <c r="BS149" i="12"/>
  <c r="BR149" i="12"/>
  <c r="BQ149" i="12"/>
  <c r="BP149" i="12"/>
  <c r="BO149" i="12"/>
  <c r="BN149" i="12"/>
  <c r="BM149" i="12"/>
  <c r="BK149" i="12"/>
  <c r="BJ149" i="12"/>
  <c r="BI149" i="12"/>
  <c r="BH149" i="12"/>
  <c r="BF149" i="12"/>
  <c r="Y149" i="12"/>
  <c r="CL148" i="12"/>
  <c r="CK148" i="12"/>
  <c r="CJ148" i="12"/>
  <c r="CI148" i="12"/>
  <c r="CH148" i="12"/>
  <c r="CG148" i="12"/>
  <c r="CF148" i="12"/>
  <c r="CE148" i="12"/>
  <c r="CD148" i="12"/>
  <c r="CC148" i="12"/>
  <c r="CB148" i="12"/>
  <c r="CA148" i="12"/>
  <c r="BZ148" i="12"/>
  <c r="BY148" i="12"/>
  <c r="BX148" i="12"/>
  <c r="BW148" i="12"/>
  <c r="BV148" i="12"/>
  <c r="BU148" i="12"/>
  <c r="BT148" i="12"/>
  <c r="BS148" i="12"/>
  <c r="BR148" i="12"/>
  <c r="BQ148" i="12"/>
  <c r="BP148" i="12"/>
  <c r="BO148" i="12"/>
  <c r="BN148" i="12"/>
  <c r="BM148" i="12"/>
  <c r="BL148" i="12"/>
  <c r="BK148" i="12"/>
  <c r="BJ148" i="12"/>
  <c r="BH148" i="12"/>
  <c r="BF148" i="12"/>
  <c r="Y148" i="12"/>
  <c r="CL147" i="12"/>
  <c r="CK147" i="12"/>
  <c r="CJ147" i="12"/>
  <c r="CI147" i="12"/>
  <c r="CH147" i="12"/>
  <c r="CG147" i="12"/>
  <c r="CF147" i="12"/>
  <c r="CE147" i="12"/>
  <c r="CD147" i="12"/>
  <c r="CC147" i="12"/>
  <c r="CB147" i="12"/>
  <c r="CA147" i="12"/>
  <c r="BZ147" i="12"/>
  <c r="BY147" i="12"/>
  <c r="BX147" i="12"/>
  <c r="BW147" i="12"/>
  <c r="BV147" i="12"/>
  <c r="BU147" i="12"/>
  <c r="BT147" i="12"/>
  <c r="BS147" i="12"/>
  <c r="BR147" i="12"/>
  <c r="BQ147" i="12"/>
  <c r="BP147" i="12"/>
  <c r="BO147" i="12"/>
  <c r="BN147" i="12"/>
  <c r="BM147" i="12"/>
  <c r="BL147" i="12"/>
  <c r="BJ147" i="12"/>
  <c r="BI147" i="12"/>
  <c r="BH147" i="12"/>
  <c r="BF147" i="12"/>
  <c r="Y147" i="12"/>
  <c r="CL146" i="12"/>
  <c r="CK146" i="12"/>
  <c r="CJ146" i="12"/>
  <c r="CI146" i="12"/>
  <c r="CH146" i="12"/>
  <c r="CG146" i="12"/>
  <c r="CF146" i="12"/>
  <c r="CE146" i="12"/>
  <c r="CD146" i="12"/>
  <c r="CC146" i="12"/>
  <c r="CB146" i="12"/>
  <c r="CA146" i="12"/>
  <c r="BZ146" i="12"/>
  <c r="BY146" i="12"/>
  <c r="BX146" i="12"/>
  <c r="BW146" i="12"/>
  <c r="BV146" i="12"/>
  <c r="BU146" i="12"/>
  <c r="BT146" i="12"/>
  <c r="BS146" i="12"/>
  <c r="BR146" i="12"/>
  <c r="BQ146" i="12"/>
  <c r="BP146" i="12"/>
  <c r="BO146" i="12"/>
  <c r="BN146" i="12"/>
  <c r="BM146" i="12"/>
  <c r="BL146" i="12"/>
  <c r="BK146" i="12"/>
  <c r="BI146" i="12"/>
  <c r="BH146" i="12"/>
  <c r="BF146" i="12"/>
  <c r="Y146" i="12"/>
  <c r="CL145" i="12"/>
  <c r="CK145" i="12"/>
  <c r="CJ145" i="12"/>
  <c r="CI145" i="12"/>
  <c r="CH145" i="12"/>
  <c r="CG145" i="12"/>
  <c r="CF145" i="12"/>
  <c r="CE145" i="12"/>
  <c r="CD145" i="12"/>
  <c r="CC145" i="12"/>
  <c r="CB145" i="12"/>
  <c r="CA145" i="12"/>
  <c r="BZ145" i="12"/>
  <c r="BY145" i="12"/>
  <c r="BX145" i="12"/>
  <c r="BW145" i="12"/>
  <c r="BV145" i="12"/>
  <c r="BU145" i="12"/>
  <c r="BT145" i="12"/>
  <c r="BS145" i="12"/>
  <c r="BR145" i="12"/>
  <c r="BQ145" i="12"/>
  <c r="BP145" i="12"/>
  <c r="BO145" i="12"/>
  <c r="BN145" i="12"/>
  <c r="BM145" i="12"/>
  <c r="BL145" i="12"/>
  <c r="BK145" i="12"/>
  <c r="BJ145" i="12"/>
  <c r="BI145" i="12"/>
  <c r="BF145" i="12"/>
  <c r="Y145" i="12"/>
  <c r="CL144" i="12"/>
  <c r="CK144" i="12"/>
  <c r="CJ144" i="12"/>
  <c r="CI144" i="12"/>
  <c r="CH144" i="12"/>
  <c r="CG144" i="12"/>
  <c r="CF144" i="12"/>
  <c r="CE144" i="12"/>
  <c r="CD144" i="12"/>
  <c r="CC144" i="12"/>
  <c r="CB144" i="12"/>
  <c r="CA144" i="12"/>
  <c r="BZ144" i="12"/>
  <c r="BY144" i="12"/>
  <c r="BW144" i="12"/>
  <c r="BV144" i="12"/>
  <c r="BU144" i="12"/>
  <c r="BT144" i="12"/>
  <c r="BS144" i="12"/>
  <c r="BR144" i="12"/>
  <c r="BQ144" i="12"/>
  <c r="BP144" i="12"/>
  <c r="BO144" i="12"/>
  <c r="BN144" i="12"/>
  <c r="BM144" i="12"/>
  <c r="BL144" i="12"/>
  <c r="BK144" i="12"/>
  <c r="BJ144" i="12"/>
  <c r="BI144" i="12"/>
  <c r="BH144" i="12"/>
  <c r="BF144" i="12"/>
  <c r="Y144" i="12"/>
  <c r="CL143" i="12"/>
  <c r="CK143" i="12"/>
  <c r="CJ143" i="12"/>
  <c r="CI143" i="12"/>
  <c r="CH143" i="12"/>
  <c r="CG143" i="12"/>
  <c r="CF143" i="12"/>
  <c r="CE143" i="12"/>
  <c r="CD143" i="12"/>
  <c r="CC143" i="12"/>
  <c r="CB143" i="12"/>
  <c r="CA143" i="12"/>
  <c r="BZ143" i="12"/>
  <c r="BY143" i="12"/>
  <c r="BX143" i="12"/>
  <c r="BW143" i="12"/>
  <c r="BV143" i="12"/>
  <c r="BU143" i="12"/>
  <c r="BT143" i="12"/>
  <c r="BR143" i="12"/>
  <c r="BQ143" i="12"/>
  <c r="BP143" i="12"/>
  <c r="BO143" i="12"/>
  <c r="BN143" i="12"/>
  <c r="BM143" i="12"/>
  <c r="BL143" i="12"/>
  <c r="BK143" i="12"/>
  <c r="BJ143" i="12"/>
  <c r="BI143" i="12"/>
  <c r="BH143" i="12"/>
  <c r="BF143" i="12"/>
  <c r="U143" i="12"/>
  <c r="Y143" i="12" s="1"/>
  <c r="CL142" i="12"/>
  <c r="CK142" i="12"/>
  <c r="CJ142" i="12"/>
  <c r="CI142" i="12"/>
  <c r="CH142" i="12"/>
  <c r="CG142" i="12"/>
  <c r="CF142" i="12"/>
  <c r="CE142" i="12"/>
  <c r="CD142" i="12"/>
  <c r="CC142" i="12"/>
  <c r="CB142" i="12"/>
  <c r="CA142" i="12"/>
  <c r="BZ142" i="12"/>
  <c r="BY142" i="12"/>
  <c r="BX142" i="12"/>
  <c r="BV142" i="12"/>
  <c r="BU142" i="12"/>
  <c r="BT142" i="12"/>
  <c r="BS142" i="12"/>
  <c r="BR142" i="12"/>
  <c r="BQ142" i="12"/>
  <c r="BP142" i="12"/>
  <c r="BO142" i="12"/>
  <c r="BN142" i="12"/>
  <c r="BM142" i="12"/>
  <c r="BL142" i="12"/>
  <c r="BK142" i="12"/>
  <c r="BJ142" i="12"/>
  <c r="BI142" i="12"/>
  <c r="BH142" i="12"/>
  <c r="BF142" i="12"/>
  <c r="U142" i="12"/>
  <c r="Y142" i="12" s="1"/>
  <c r="CL141" i="12"/>
  <c r="CK141" i="12"/>
  <c r="CJ141" i="12"/>
  <c r="CI141" i="12"/>
  <c r="CH141" i="12"/>
  <c r="CG141" i="12"/>
  <c r="CF141" i="12"/>
  <c r="CE141" i="12"/>
  <c r="CD141" i="12"/>
  <c r="CC141" i="12"/>
  <c r="CB141" i="12"/>
  <c r="CA141" i="12"/>
  <c r="BZ141" i="12"/>
  <c r="BY141" i="12"/>
  <c r="BX141" i="12"/>
  <c r="BW141" i="12"/>
  <c r="BU141" i="12"/>
  <c r="BT141" i="12"/>
  <c r="BS141" i="12"/>
  <c r="BR141" i="12"/>
  <c r="BQ141" i="12"/>
  <c r="BP141" i="12"/>
  <c r="BO141" i="12"/>
  <c r="BN141" i="12"/>
  <c r="BM141" i="12"/>
  <c r="BL141" i="12"/>
  <c r="BK141" i="12"/>
  <c r="BJ141" i="12"/>
  <c r="BI141" i="12"/>
  <c r="BH141" i="12"/>
  <c r="BF141" i="12"/>
  <c r="U141" i="12"/>
  <c r="Y141" i="12" s="1"/>
  <c r="CL140" i="12"/>
  <c r="CK140" i="12"/>
  <c r="CJ140" i="12"/>
  <c r="CI140" i="12"/>
  <c r="CH140" i="12"/>
  <c r="CG140" i="12"/>
  <c r="CF140" i="12"/>
  <c r="CE140" i="12"/>
  <c r="CD140" i="12"/>
  <c r="CC140" i="12"/>
  <c r="CB140" i="12"/>
  <c r="CA140" i="12"/>
  <c r="BZ140" i="12"/>
  <c r="BY140" i="12"/>
  <c r="BX140" i="12"/>
  <c r="BW140" i="12"/>
  <c r="BV140" i="12"/>
  <c r="BT140" i="12"/>
  <c r="BS140" i="12"/>
  <c r="BR140" i="12"/>
  <c r="BQ140" i="12"/>
  <c r="BP140" i="12"/>
  <c r="BO140" i="12"/>
  <c r="BN140" i="12"/>
  <c r="BM140" i="12"/>
  <c r="BL140" i="12"/>
  <c r="BK140" i="12"/>
  <c r="BJ140" i="12"/>
  <c r="BI140" i="12"/>
  <c r="BH140" i="12"/>
  <c r="BF140" i="12"/>
  <c r="U140" i="12"/>
  <c r="Y140" i="12" s="1"/>
  <c r="CL139" i="12"/>
  <c r="CK139" i="12"/>
  <c r="CJ139" i="12"/>
  <c r="CI139" i="12"/>
  <c r="CH139" i="12"/>
  <c r="CG139" i="12"/>
  <c r="CF139" i="12"/>
  <c r="CE139" i="12"/>
  <c r="CD139" i="12"/>
  <c r="CC139" i="12"/>
  <c r="CB139" i="12"/>
  <c r="CA139" i="12"/>
  <c r="BZ139" i="12"/>
  <c r="BY139" i="12"/>
  <c r="BX139" i="12"/>
  <c r="BW139" i="12"/>
  <c r="BV139" i="12"/>
  <c r="BU139" i="12"/>
  <c r="BT139" i="12"/>
  <c r="BS139" i="12"/>
  <c r="BQ139" i="12"/>
  <c r="BP139" i="12"/>
  <c r="BO139" i="12"/>
  <c r="BN139" i="12"/>
  <c r="BM139" i="12"/>
  <c r="BL139" i="12"/>
  <c r="BK139" i="12"/>
  <c r="BJ139" i="12"/>
  <c r="BI139" i="12"/>
  <c r="BH139" i="12"/>
  <c r="BF139" i="12"/>
  <c r="U139" i="12"/>
  <c r="Y139" i="12" s="1"/>
  <c r="CL138" i="12"/>
  <c r="CK138" i="12"/>
  <c r="CJ138" i="12"/>
  <c r="CI138" i="12"/>
  <c r="CH138" i="12"/>
  <c r="CG138" i="12"/>
  <c r="CF138" i="12"/>
  <c r="CE138" i="12"/>
  <c r="CD138" i="12"/>
  <c r="CC138" i="12"/>
  <c r="CB138" i="12"/>
  <c r="CA138" i="12"/>
  <c r="BZ138" i="12"/>
  <c r="BY138" i="12"/>
  <c r="BX138" i="12"/>
  <c r="BW138" i="12"/>
  <c r="BV138" i="12"/>
  <c r="BU138" i="12"/>
  <c r="BT138" i="12"/>
  <c r="BS138" i="12"/>
  <c r="BR138" i="12"/>
  <c r="BP138" i="12"/>
  <c r="BO138" i="12"/>
  <c r="BN138" i="12"/>
  <c r="BM138" i="12"/>
  <c r="BL138" i="12"/>
  <c r="BK138" i="12"/>
  <c r="BJ138" i="12"/>
  <c r="BI138" i="12"/>
  <c r="BH138" i="12"/>
  <c r="BF138" i="12"/>
  <c r="U138" i="12"/>
  <c r="Y138" i="12" s="1"/>
  <c r="CL137" i="12"/>
  <c r="CK137" i="12"/>
  <c r="CJ137" i="12"/>
  <c r="CI137" i="12"/>
  <c r="CH137" i="12"/>
  <c r="CG137" i="12"/>
  <c r="CF137" i="12"/>
  <c r="CE137" i="12"/>
  <c r="CD137" i="12"/>
  <c r="CC137" i="12"/>
  <c r="CB137" i="12"/>
  <c r="CA137" i="12"/>
  <c r="BZ137" i="12"/>
  <c r="BY137" i="12"/>
  <c r="BX137" i="12"/>
  <c r="BW137" i="12"/>
  <c r="BV137" i="12"/>
  <c r="BU137" i="12"/>
  <c r="BS137" i="12"/>
  <c r="BR137" i="12"/>
  <c r="BQ137" i="12"/>
  <c r="BP137" i="12"/>
  <c r="BO137" i="12"/>
  <c r="BN137" i="12"/>
  <c r="BM137" i="12"/>
  <c r="BL137" i="12"/>
  <c r="BK137" i="12"/>
  <c r="BJ137" i="12"/>
  <c r="BI137" i="12"/>
  <c r="BH137" i="12"/>
  <c r="BF137" i="12"/>
  <c r="U137" i="12"/>
  <c r="Y137" i="12" s="1"/>
  <c r="CL136" i="12"/>
  <c r="CK136" i="12"/>
  <c r="CJ136" i="12"/>
  <c r="CI136" i="12"/>
  <c r="CH136" i="12"/>
  <c r="CG136" i="12"/>
  <c r="CF136" i="12"/>
  <c r="CE136" i="12"/>
  <c r="CD136" i="12"/>
  <c r="CC136" i="12"/>
  <c r="CB136" i="12"/>
  <c r="CA136" i="12"/>
  <c r="BZ136" i="12"/>
  <c r="BY136" i="12"/>
  <c r="BX136" i="12"/>
  <c r="BW136" i="12"/>
  <c r="BV136" i="12"/>
  <c r="BU136" i="12"/>
  <c r="BT136" i="12"/>
  <c r="BS136" i="12"/>
  <c r="BR136" i="12"/>
  <c r="BQ136" i="12"/>
  <c r="BO136" i="12"/>
  <c r="BN136" i="12"/>
  <c r="BM136" i="12"/>
  <c r="BL136" i="12"/>
  <c r="BK136" i="12"/>
  <c r="BJ136" i="12"/>
  <c r="BI136" i="12"/>
  <c r="BH136" i="12"/>
  <c r="BF136" i="12"/>
  <c r="U136" i="12"/>
  <c r="Y136" i="12" s="1"/>
  <c r="CL135" i="12"/>
  <c r="CK135" i="12"/>
  <c r="CJ135" i="12"/>
  <c r="CI135" i="12"/>
  <c r="CH135" i="12"/>
  <c r="CG135" i="12"/>
  <c r="CF135" i="12"/>
  <c r="CE135" i="12"/>
  <c r="CD135" i="12"/>
  <c r="CC135" i="12"/>
  <c r="CB135" i="12"/>
  <c r="CA135" i="12"/>
  <c r="BZ135" i="12"/>
  <c r="BY135" i="12"/>
  <c r="BX135" i="12"/>
  <c r="BW135" i="12"/>
  <c r="BV135" i="12"/>
  <c r="BU135" i="12"/>
  <c r="BT135" i="12"/>
  <c r="BS135" i="12"/>
  <c r="BR135" i="12"/>
  <c r="BQ135" i="12"/>
  <c r="BP135" i="12"/>
  <c r="BO135" i="12"/>
  <c r="BN135" i="12"/>
  <c r="BL135" i="12"/>
  <c r="BK135" i="12"/>
  <c r="BJ135" i="12"/>
  <c r="BI135" i="12"/>
  <c r="BH135" i="12"/>
  <c r="BF135" i="12"/>
  <c r="Y135" i="12"/>
  <c r="CL134" i="12"/>
  <c r="CK134" i="12"/>
  <c r="CJ134" i="12"/>
  <c r="CI134" i="12"/>
  <c r="CH134" i="12"/>
  <c r="CG134" i="12"/>
  <c r="CF134" i="12"/>
  <c r="CE134" i="12"/>
  <c r="CD134" i="12"/>
  <c r="CC134" i="12"/>
  <c r="CB134" i="12"/>
  <c r="CA134" i="12"/>
  <c r="BZ134" i="12"/>
  <c r="BY134" i="12"/>
  <c r="BX134" i="12"/>
  <c r="BW134" i="12"/>
  <c r="BV134" i="12"/>
  <c r="BU134" i="12"/>
  <c r="BT134" i="12"/>
  <c r="BS134" i="12"/>
  <c r="BR134" i="12"/>
  <c r="BQ134" i="12"/>
  <c r="BP134" i="12"/>
  <c r="BN134" i="12"/>
  <c r="BM134" i="12"/>
  <c r="BL134" i="12"/>
  <c r="BK134" i="12"/>
  <c r="BJ134" i="12"/>
  <c r="BI134" i="12"/>
  <c r="BH134" i="12"/>
  <c r="BF134" i="12"/>
  <c r="Y134" i="12"/>
  <c r="CL133" i="12"/>
  <c r="CK133" i="12"/>
  <c r="CJ133" i="12"/>
  <c r="CI133" i="12"/>
  <c r="CH133" i="12"/>
  <c r="CG133" i="12"/>
  <c r="CF133" i="12"/>
  <c r="CE133" i="12"/>
  <c r="CD133" i="12"/>
  <c r="CC133" i="12"/>
  <c r="CB133" i="12"/>
  <c r="CA133" i="12"/>
  <c r="BZ133" i="12"/>
  <c r="BY133" i="12"/>
  <c r="BX133" i="12"/>
  <c r="BW133" i="12"/>
  <c r="BV133" i="12"/>
  <c r="BU133" i="12"/>
  <c r="BT133" i="12"/>
  <c r="BS133" i="12"/>
  <c r="BR133" i="12"/>
  <c r="BQ133" i="12"/>
  <c r="BP133" i="12"/>
  <c r="BO133" i="12"/>
  <c r="BM133" i="12"/>
  <c r="BL133" i="12"/>
  <c r="BK133" i="12"/>
  <c r="BJ133" i="12"/>
  <c r="BI133" i="12"/>
  <c r="BH133" i="12"/>
  <c r="BF133" i="12"/>
  <c r="Y133" i="12"/>
  <c r="CL132" i="12"/>
  <c r="CK132" i="12"/>
  <c r="CJ132" i="12"/>
  <c r="CI132" i="12"/>
  <c r="CH132" i="12"/>
  <c r="CG132" i="12"/>
  <c r="CF132" i="12"/>
  <c r="CE132" i="12"/>
  <c r="CD132" i="12"/>
  <c r="CC132" i="12"/>
  <c r="CB132" i="12"/>
  <c r="CA132" i="12"/>
  <c r="BZ132" i="12"/>
  <c r="BY132" i="12"/>
  <c r="BX132" i="12"/>
  <c r="BW132" i="12"/>
  <c r="BV132" i="12"/>
  <c r="BU132" i="12"/>
  <c r="BT132" i="12"/>
  <c r="BS132" i="12"/>
  <c r="BR132" i="12"/>
  <c r="BQ132" i="12"/>
  <c r="BP132" i="12"/>
  <c r="BO132" i="12"/>
  <c r="BN132" i="12"/>
  <c r="BM132" i="12"/>
  <c r="BK132" i="12"/>
  <c r="BJ132" i="12"/>
  <c r="BI132" i="12"/>
  <c r="BH132" i="12"/>
  <c r="BF132" i="12"/>
  <c r="Y132" i="12"/>
  <c r="CL131" i="12"/>
  <c r="CK131" i="12"/>
  <c r="CJ131" i="12"/>
  <c r="CI131" i="12"/>
  <c r="CH131" i="12"/>
  <c r="CG131" i="12"/>
  <c r="CF131" i="12"/>
  <c r="CE131" i="12"/>
  <c r="CD131" i="12"/>
  <c r="CC131" i="12"/>
  <c r="CB131" i="12"/>
  <c r="CA131" i="12"/>
  <c r="BZ131" i="12"/>
  <c r="BY131" i="12"/>
  <c r="BX131" i="12"/>
  <c r="BW131" i="12"/>
  <c r="BV131" i="12"/>
  <c r="BU131" i="12"/>
  <c r="BT131" i="12"/>
  <c r="BS131" i="12"/>
  <c r="BR131" i="12"/>
  <c r="BQ131" i="12"/>
  <c r="BP131" i="12"/>
  <c r="BO131" i="12"/>
  <c r="BN131" i="12"/>
  <c r="BM131" i="12"/>
  <c r="BL131" i="12"/>
  <c r="BK131" i="12"/>
  <c r="BJ131" i="12"/>
  <c r="BH131" i="12"/>
  <c r="BF131" i="12"/>
  <c r="Y131" i="12"/>
  <c r="CL130" i="12"/>
  <c r="CK130" i="12"/>
  <c r="CJ130" i="12"/>
  <c r="CI130" i="12"/>
  <c r="CH130" i="12"/>
  <c r="CG130" i="12"/>
  <c r="CF130" i="12"/>
  <c r="CE130" i="12"/>
  <c r="CD130" i="12"/>
  <c r="CC130" i="12"/>
  <c r="CB130" i="12"/>
  <c r="CA130" i="12"/>
  <c r="BZ130" i="12"/>
  <c r="BY130" i="12"/>
  <c r="BX130" i="12"/>
  <c r="BW130" i="12"/>
  <c r="BV130" i="12"/>
  <c r="BU130" i="12"/>
  <c r="BT130" i="12"/>
  <c r="BS130" i="12"/>
  <c r="BR130" i="12"/>
  <c r="BQ130" i="12"/>
  <c r="BP130" i="12"/>
  <c r="BO130" i="12"/>
  <c r="BN130" i="12"/>
  <c r="BM130" i="12"/>
  <c r="BL130" i="12"/>
  <c r="BJ130" i="12"/>
  <c r="BI130" i="12"/>
  <c r="BH130" i="12"/>
  <c r="BF130" i="12"/>
  <c r="Y130" i="12"/>
  <c r="CL129" i="12"/>
  <c r="CK129" i="12"/>
  <c r="CJ129" i="12"/>
  <c r="CI129" i="12"/>
  <c r="CH129" i="12"/>
  <c r="CG129" i="12"/>
  <c r="CF129" i="12"/>
  <c r="CE129" i="12"/>
  <c r="CD129" i="12"/>
  <c r="CC129" i="12"/>
  <c r="CB129" i="12"/>
  <c r="CA129" i="12"/>
  <c r="BZ129" i="12"/>
  <c r="BY129" i="12"/>
  <c r="BX129" i="12"/>
  <c r="BW129" i="12"/>
  <c r="BV129" i="12"/>
  <c r="BU129" i="12"/>
  <c r="BT129" i="12"/>
  <c r="BS129" i="12"/>
  <c r="BR129" i="12"/>
  <c r="BQ129" i="12"/>
  <c r="BP129" i="12"/>
  <c r="BO129" i="12"/>
  <c r="BN129" i="12"/>
  <c r="BM129" i="12"/>
  <c r="BL129" i="12"/>
  <c r="BK129" i="12"/>
  <c r="BI129" i="12"/>
  <c r="BH129" i="12"/>
  <c r="BF129" i="12"/>
  <c r="Y129" i="12"/>
  <c r="CL128" i="12"/>
  <c r="CK128" i="12"/>
  <c r="CJ128" i="12"/>
  <c r="CI128" i="12"/>
  <c r="CH128" i="12"/>
  <c r="CG128" i="12"/>
  <c r="CF128" i="12"/>
  <c r="CE128" i="12"/>
  <c r="CD128" i="12"/>
  <c r="CC128" i="12"/>
  <c r="CB128" i="12"/>
  <c r="CA128" i="12"/>
  <c r="BZ128" i="12"/>
  <c r="BY128" i="12"/>
  <c r="BX128" i="12"/>
  <c r="BW128" i="12"/>
  <c r="BV128" i="12"/>
  <c r="BU128" i="12"/>
  <c r="BT128" i="12"/>
  <c r="BS128" i="12"/>
  <c r="BR128" i="12"/>
  <c r="BQ128" i="12"/>
  <c r="BP128" i="12"/>
  <c r="BO128" i="12"/>
  <c r="BN128" i="12"/>
  <c r="BM128" i="12"/>
  <c r="BL128" i="12"/>
  <c r="BK128" i="12"/>
  <c r="BJ128" i="12"/>
  <c r="BI128" i="12"/>
  <c r="BF128" i="12"/>
  <c r="Y128" i="12"/>
  <c r="CL127" i="12"/>
  <c r="CK127" i="12"/>
  <c r="CJ127" i="12"/>
  <c r="CI127" i="12"/>
  <c r="CH127" i="12"/>
  <c r="CG127" i="12"/>
  <c r="CF127" i="12"/>
  <c r="CE127" i="12"/>
  <c r="CD127" i="12"/>
  <c r="CC127" i="12"/>
  <c r="CB127" i="12"/>
  <c r="CA127" i="12"/>
  <c r="BZ127" i="12"/>
  <c r="BY127" i="12"/>
  <c r="BW127" i="12"/>
  <c r="BV127" i="12"/>
  <c r="BU127" i="12"/>
  <c r="BT127" i="12"/>
  <c r="BS127" i="12"/>
  <c r="BR127" i="12"/>
  <c r="BQ127" i="12"/>
  <c r="BP127" i="12"/>
  <c r="BO127" i="12"/>
  <c r="BN127" i="12"/>
  <c r="BM127" i="12"/>
  <c r="BL127" i="12"/>
  <c r="BK127" i="12"/>
  <c r="BJ127" i="12"/>
  <c r="BI127" i="12"/>
  <c r="BH127" i="12"/>
  <c r="BF127" i="12"/>
  <c r="Y127" i="12"/>
  <c r="CL126" i="12"/>
  <c r="CK126" i="12"/>
  <c r="CJ126" i="12"/>
  <c r="CI126" i="12"/>
  <c r="CH126" i="12"/>
  <c r="CG126" i="12"/>
  <c r="CF126" i="12"/>
  <c r="CE126" i="12"/>
  <c r="CD126" i="12"/>
  <c r="CC126" i="12"/>
  <c r="CB126" i="12"/>
  <c r="CA126" i="12"/>
  <c r="BZ126" i="12"/>
  <c r="BY126" i="12"/>
  <c r="BX126" i="12"/>
  <c r="BW126" i="12"/>
  <c r="BV126" i="12"/>
  <c r="BU126" i="12"/>
  <c r="BT126" i="12"/>
  <c r="BR126" i="12"/>
  <c r="BQ126" i="12"/>
  <c r="BP126" i="12"/>
  <c r="BO126" i="12"/>
  <c r="BN126" i="12"/>
  <c r="BM126" i="12"/>
  <c r="BL126" i="12"/>
  <c r="BK126" i="12"/>
  <c r="BJ126" i="12"/>
  <c r="BI126" i="12"/>
  <c r="BH126" i="12"/>
  <c r="BF126" i="12"/>
  <c r="U126" i="12"/>
  <c r="Y126" i="12" s="1"/>
  <c r="CL125" i="12"/>
  <c r="CK125" i="12"/>
  <c r="CJ125" i="12"/>
  <c r="CI125" i="12"/>
  <c r="CH125" i="12"/>
  <c r="CG125" i="12"/>
  <c r="CF125" i="12"/>
  <c r="CE125" i="12"/>
  <c r="CD125" i="12"/>
  <c r="CC125" i="12"/>
  <c r="CB125" i="12"/>
  <c r="CA125" i="12"/>
  <c r="BZ125" i="12"/>
  <c r="BY125" i="12"/>
  <c r="BX125" i="12"/>
  <c r="BV125" i="12"/>
  <c r="BU125" i="12"/>
  <c r="BT125" i="12"/>
  <c r="BS125" i="12"/>
  <c r="BR125" i="12"/>
  <c r="BQ125" i="12"/>
  <c r="BP125" i="12"/>
  <c r="BO125" i="12"/>
  <c r="BN125" i="12"/>
  <c r="BM125" i="12"/>
  <c r="BL125" i="12"/>
  <c r="BK125" i="12"/>
  <c r="BJ125" i="12"/>
  <c r="BI125" i="12"/>
  <c r="BH125" i="12"/>
  <c r="BF125" i="12"/>
  <c r="U125" i="12"/>
  <c r="Y125" i="12" s="1"/>
  <c r="CL124" i="12"/>
  <c r="CK124" i="12"/>
  <c r="CJ124" i="12"/>
  <c r="CI124" i="12"/>
  <c r="CH124" i="12"/>
  <c r="CG124" i="12"/>
  <c r="CF124" i="12"/>
  <c r="CE124" i="12"/>
  <c r="CD124" i="12"/>
  <c r="CC124" i="12"/>
  <c r="CB124" i="12"/>
  <c r="CA124" i="12"/>
  <c r="BZ124" i="12"/>
  <c r="BY124" i="12"/>
  <c r="BX124" i="12"/>
  <c r="BW124" i="12"/>
  <c r="BU124" i="12"/>
  <c r="BT124" i="12"/>
  <c r="BS124" i="12"/>
  <c r="BR124" i="12"/>
  <c r="BQ124" i="12"/>
  <c r="BP124" i="12"/>
  <c r="BO124" i="12"/>
  <c r="BN124" i="12"/>
  <c r="BM124" i="12"/>
  <c r="BL124" i="12"/>
  <c r="BK124" i="12"/>
  <c r="BJ124" i="12"/>
  <c r="BI124" i="12"/>
  <c r="BH124" i="12"/>
  <c r="BF124" i="12"/>
  <c r="U124" i="12"/>
  <c r="Y124" i="12" s="1"/>
  <c r="CL123" i="12"/>
  <c r="CK123" i="12"/>
  <c r="CJ123" i="12"/>
  <c r="CI123" i="12"/>
  <c r="CH123" i="12"/>
  <c r="CG123" i="12"/>
  <c r="CF123" i="12"/>
  <c r="CE123" i="12"/>
  <c r="CD123" i="12"/>
  <c r="CC123" i="12"/>
  <c r="CB123" i="12"/>
  <c r="CA123" i="12"/>
  <c r="BZ123" i="12"/>
  <c r="BY123" i="12"/>
  <c r="BX123" i="12"/>
  <c r="BW123" i="12"/>
  <c r="BV123" i="12"/>
  <c r="BT123" i="12"/>
  <c r="BS123" i="12"/>
  <c r="BR123" i="12"/>
  <c r="BQ123" i="12"/>
  <c r="BP123" i="12"/>
  <c r="BO123" i="12"/>
  <c r="BN123" i="12"/>
  <c r="BM123" i="12"/>
  <c r="BL123" i="12"/>
  <c r="BK123" i="12"/>
  <c r="BJ123" i="12"/>
  <c r="BI123" i="12"/>
  <c r="BH123" i="12"/>
  <c r="BF123" i="12"/>
  <c r="U123" i="12"/>
  <c r="Y123" i="12" s="1"/>
  <c r="CL122" i="12"/>
  <c r="CK122" i="12"/>
  <c r="CJ122" i="12"/>
  <c r="CI122" i="12"/>
  <c r="CH122" i="12"/>
  <c r="CG122" i="12"/>
  <c r="CF122" i="12"/>
  <c r="CE122" i="12"/>
  <c r="CD122" i="12"/>
  <c r="CC122" i="12"/>
  <c r="CB122" i="12"/>
  <c r="CA122" i="12"/>
  <c r="BZ122" i="12"/>
  <c r="BY122" i="12"/>
  <c r="BX122" i="12"/>
  <c r="BW122" i="12"/>
  <c r="BV122" i="12"/>
  <c r="BU122" i="12"/>
  <c r="BT122" i="12"/>
  <c r="BS122" i="12"/>
  <c r="BR122" i="12"/>
  <c r="BQ122" i="12"/>
  <c r="BP122" i="12"/>
  <c r="BO122" i="12"/>
  <c r="BN122" i="12"/>
  <c r="BM122" i="12"/>
  <c r="BL122" i="12"/>
  <c r="BK122" i="12"/>
  <c r="BJ122" i="12"/>
  <c r="BI122" i="12"/>
  <c r="BH122" i="12"/>
  <c r="BF122" i="12"/>
  <c r="U122" i="12"/>
  <c r="Y122" i="12" s="1"/>
  <c r="CL121" i="12"/>
  <c r="CK121" i="12"/>
  <c r="CJ121" i="12"/>
  <c r="CI121" i="12"/>
  <c r="CH121" i="12"/>
  <c r="CG121" i="12"/>
  <c r="CF121" i="12"/>
  <c r="CE121" i="12"/>
  <c r="CD121" i="12"/>
  <c r="CC121" i="12"/>
  <c r="CB121" i="12"/>
  <c r="CA121" i="12"/>
  <c r="BZ121" i="12"/>
  <c r="BY121" i="12"/>
  <c r="BX121" i="12"/>
  <c r="BW121" i="12"/>
  <c r="BV121" i="12"/>
  <c r="BU121" i="12"/>
  <c r="BT121" i="12"/>
  <c r="BS121" i="12"/>
  <c r="BR121" i="12"/>
  <c r="BQ121" i="12"/>
  <c r="BP121" i="12"/>
  <c r="BO121" i="12"/>
  <c r="BN121" i="12"/>
  <c r="BM121" i="12"/>
  <c r="BL121" i="12"/>
  <c r="BK121" i="12"/>
  <c r="BJ121" i="12"/>
  <c r="BI121" i="12"/>
  <c r="BH121" i="12"/>
  <c r="BF121" i="12"/>
  <c r="U121" i="12"/>
  <c r="Y121" i="12" s="1"/>
  <c r="CL120" i="12"/>
  <c r="CK120" i="12"/>
  <c r="CJ120" i="12"/>
  <c r="CI120" i="12"/>
  <c r="CH120" i="12"/>
  <c r="CG120" i="12"/>
  <c r="CF120" i="12"/>
  <c r="CE120" i="12"/>
  <c r="CD120" i="12"/>
  <c r="CC120" i="12"/>
  <c r="CB120" i="12"/>
  <c r="CA120" i="12"/>
  <c r="BZ120" i="12"/>
  <c r="BY120" i="12"/>
  <c r="BX120" i="12"/>
  <c r="BW120" i="12"/>
  <c r="BV120" i="12"/>
  <c r="BU120" i="12"/>
  <c r="BS120" i="12"/>
  <c r="BR120" i="12"/>
  <c r="BQ120" i="12"/>
  <c r="BP120" i="12"/>
  <c r="BO120" i="12"/>
  <c r="BN120" i="12"/>
  <c r="BM120" i="12"/>
  <c r="BL120" i="12"/>
  <c r="BK120" i="12"/>
  <c r="BJ120" i="12"/>
  <c r="BI120" i="12"/>
  <c r="BH120" i="12"/>
  <c r="BF120" i="12"/>
  <c r="U120" i="12"/>
  <c r="Y120" i="12" s="1"/>
  <c r="CL119" i="12"/>
  <c r="CK119" i="12"/>
  <c r="CJ119" i="12"/>
  <c r="CI119" i="12"/>
  <c r="CH119" i="12"/>
  <c r="CG119" i="12"/>
  <c r="CF119" i="12"/>
  <c r="CE119" i="12"/>
  <c r="CD119" i="12"/>
  <c r="CC119" i="12"/>
  <c r="CB119" i="12"/>
  <c r="CA119" i="12"/>
  <c r="BZ119" i="12"/>
  <c r="BY119" i="12"/>
  <c r="BX119" i="12"/>
  <c r="BW119" i="12"/>
  <c r="BV119" i="12"/>
  <c r="BU119" i="12"/>
  <c r="BT119" i="12"/>
  <c r="BS119" i="12"/>
  <c r="BR119" i="12"/>
  <c r="BQ119" i="12"/>
  <c r="BO119" i="12"/>
  <c r="BN119" i="12"/>
  <c r="BM119" i="12"/>
  <c r="BL119" i="12"/>
  <c r="BK119" i="12"/>
  <c r="BJ119" i="12"/>
  <c r="BI119" i="12"/>
  <c r="BH119" i="12"/>
  <c r="BF119" i="12"/>
  <c r="U119" i="12"/>
  <c r="Y119" i="12" s="1"/>
  <c r="CL118" i="12"/>
  <c r="CK118" i="12"/>
  <c r="CJ118" i="12"/>
  <c r="CI118" i="12"/>
  <c r="CH118" i="12"/>
  <c r="CG118" i="12"/>
  <c r="CF118" i="12"/>
  <c r="CE118" i="12"/>
  <c r="CD118" i="12"/>
  <c r="CC118" i="12"/>
  <c r="CB118" i="12"/>
  <c r="CA118" i="12"/>
  <c r="BZ118" i="12"/>
  <c r="BY118" i="12"/>
  <c r="BX118" i="12"/>
  <c r="BW118" i="12"/>
  <c r="BV118" i="12"/>
  <c r="BU118" i="12"/>
  <c r="BT118" i="12"/>
  <c r="BS118" i="12"/>
  <c r="BR118" i="12"/>
  <c r="BQ118" i="12"/>
  <c r="BP118" i="12"/>
  <c r="BO118" i="12"/>
  <c r="BN118" i="12"/>
  <c r="BL118" i="12"/>
  <c r="BK118" i="12"/>
  <c r="BJ118" i="12"/>
  <c r="BI118" i="12"/>
  <c r="BH118" i="12"/>
  <c r="BF118" i="12"/>
  <c r="Y118" i="12"/>
  <c r="CL117" i="12"/>
  <c r="CK117" i="12"/>
  <c r="CJ117" i="12"/>
  <c r="CI117" i="12"/>
  <c r="CH117" i="12"/>
  <c r="CG117" i="12"/>
  <c r="CF117" i="12"/>
  <c r="CE117" i="12"/>
  <c r="CD117" i="12"/>
  <c r="CC117" i="12"/>
  <c r="CB117" i="12"/>
  <c r="CA117" i="12"/>
  <c r="BZ117" i="12"/>
  <c r="BY117" i="12"/>
  <c r="BX117" i="12"/>
  <c r="BW117" i="12"/>
  <c r="BV117" i="12"/>
  <c r="BU117" i="12"/>
  <c r="BT117" i="12"/>
  <c r="BS117" i="12"/>
  <c r="BR117" i="12"/>
  <c r="BQ117" i="12"/>
  <c r="BP117" i="12"/>
  <c r="BN117" i="12"/>
  <c r="BM117" i="12"/>
  <c r="BL117" i="12"/>
  <c r="BK117" i="12"/>
  <c r="BJ117" i="12"/>
  <c r="BI117" i="12"/>
  <c r="BH117" i="12"/>
  <c r="BF117" i="12"/>
  <c r="Y117" i="12"/>
  <c r="CL116" i="12"/>
  <c r="CK116" i="12"/>
  <c r="CJ116" i="12"/>
  <c r="CI116" i="12"/>
  <c r="CH116" i="12"/>
  <c r="CG116" i="12"/>
  <c r="CF116" i="12"/>
  <c r="CE116" i="12"/>
  <c r="CD116" i="12"/>
  <c r="CC116" i="12"/>
  <c r="CB116" i="12"/>
  <c r="CA116" i="12"/>
  <c r="BZ116" i="12"/>
  <c r="BY116" i="12"/>
  <c r="BX116" i="12"/>
  <c r="BW116" i="12"/>
  <c r="BV116" i="12"/>
  <c r="BU116" i="12"/>
  <c r="BT116" i="12"/>
  <c r="BS116" i="12"/>
  <c r="BR116" i="12"/>
  <c r="BQ116" i="12"/>
  <c r="BP116" i="12"/>
  <c r="BO116" i="12"/>
  <c r="BM116" i="12"/>
  <c r="BL116" i="12"/>
  <c r="BK116" i="12"/>
  <c r="BJ116" i="12"/>
  <c r="BI116" i="12"/>
  <c r="BH116" i="12"/>
  <c r="BF116" i="12"/>
  <c r="Y116" i="12"/>
  <c r="CL115" i="12"/>
  <c r="CK115" i="12"/>
  <c r="CJ115" i="12"/>
  <c r="CI115" i="12"/>
  <c r="CH115" i="12"/>
  <c r="CG115" i="12"/>
  <c r="CF115" i="12"/>
  <c r="CE115" i="12"/>
  <c r="CD115" i="12"/>
  <c r="CC115" i="12"/>
  <c r="CB115" i="12"/>
  <c r="CA115" i="12"/>
  <c r="BZ115" i="12"/>
  <c r="BY115" i="12"/>
  <c r="BX115" i="12"/>
  <c r="BW115" i="12"/>
  <c r="BV115" i="12"/>
  <c r="BU115" i="12"/>
  <c r="BT115" i="12"/>
  <c r="BS115" i="12"/>
  <c r="BR115" i="12"/>
  <c r="BQ115" i="12"/>
  <c r="BP115" i="12"/>
  <c r="BO115" i="12"/>
  <c r="BN115" i="12"/>
  <c r="BM115" i="12"/>
  <c r="BK115" i="12"/>
  <c r="BJ115" i="12"/>
  <c r="BI115" i="12"/>
  <c r="BH115" i="12"/>
  <c r="BF115" i="12"/>
  <c r="Y115" i="12"/>
  <c r="CL114" i="12"/>
  <c r="CK114" i="12"/>
  <c r="CJ114" i="12"/>
  <c r="CI114" i="12"/>
  <c r="CH114" i="12"/>
  <c r="CG114" i="12"/>
  <c r="CF114" i="12"/>
  <c r="CE114" i="12"/>
  <c r="CD114" i="12"/>
  <c r="CC114" i="12"/>
  <c r="CB114" i="12"/>
  <c r="CA114" i="12"/>
  <c r="BZ114" i="12"/>
  <c r="BY114" i="12"/>
  <c r="BX114" i="12"/>
  <c r="BW114" i="12"/>
  <c r="BV114" i="12"/>
  <c r="BU114" i="12"/>
  <c r="BT114" i="12"/>
  <c r="BS114" i="12"/>
  <c r="BR114" i="12"/>
  <c r="BQ114" i="12"/>
  <c r="BP114" i="12"/>
  <c r="BO114" i="12"/>
  <c r="BN114" i="12"/>
  <c r="BM114" i="12"/>
  <c r="BL114" i="12"/>
  <c r="BK114" i="12"/>
  <c r="BJ114" i="12"/>
  <c r="BH114" i="12"/>
  <c r="BF114" i="12"/>
  <c r="Y114" i="12"/>
  <c r="CL113" i="12"/>
  <c r="CK113" i="12"/>
  <c r="CJ113" i="12"/>
  <c r="CI113" i="12"/>
  <c r="CH113" i="12"/>
  <c r="CG113" i="12"/>
  <c r="CF113" i="12"/>
  <c r="CE113" i="12"/>
  <c r="CD113" i="12"/>
  <c r="CC113" i="12"/>
  <c r="CB113" i="12"/>
  <c r="CA113" i="12"/>
  <c r="BZ113" i="12"/>
  <c r="BY113" i="12"/>
  <c r="BX113" i="12"/>
  <c r="BW113" i="12"/>
  <c r="BV113" i="12"/>
  <c r="BU113" i="12"/>
  <c r="BT113" i="12"/>
  <c r="BS113" i="12"/>
  <c r="BR113" i="12"/>
  <c r="BQ113" i="12"/>
  <c r="BP113" i="12"/>
  <c r="BO113" i="12"/>
  <c r="BN113" i="12"/>
  <c r="BM113" i="12"/>
  <c r="BL113" i="12"/>
  <c r="BJ113" i="12"/>
  <c r="BI113" i="12"/>
  <c r="BH113" i="12"/>
  <c r="BF113" i="12"/>
  <c r="Y113" i="12"/>
  <c r="CL112" i="12"/>
  <c r="CK112" i="12"/>
  <c r="CJ112" i="12"/>
  <c r="CI112" i="12"/>
  <c r="CH112" i="12"/>
  <c r="CG112" i="12"/>
  <c r="CF112" i="12"/>
  <c r="CE112" i="12"/>
  <c r="CD112" i="12"/>
  <c r="CC112" i="12"/>
  <c r="CB112" i="12"/>
  <c r="CA112" i="12"/>
  <c r="BZ112" i="12"/>
  <c r="BY112" i="12"/>
  <c r="BX112" i="12"/>
  <c r="BW112" i="12"/>
  <c r="BV112" i="12"/>
  <c r="BU112" i="12"/>
  <c r="BT112" i="12"/>
  <c r="BS112" i="12"/>
  <c r="BR112" i="12"/>
  <c r="BQ112" i="12"/>
  <c r="BP112" i="12"/>
  <c r="BO112" i="12"/>
  <c r="BN112" i="12"/>
  <c r="BM112" i="12"/>
  <c r="BL112" i="12"/>
  <c r="BK112" i="12"/>
  <c r="BI112" i="12"/>
  <c r="BH112" i="12"/>
  <c r="BF112" i="12"/>
  <c r="Y112" i="12"/>
  <c r="CL111" i="12"/>
  <c r="CK111" i="12"/>
  <c r="CJ111" i="12"/>
  <c r="CI111" i="12"/>
  <c r="CH111" i="12"/>
  <c r="CG111" i="12"/>
  <c r="CF111" i="12"/>
  <c r="CE111" i="12"/>
  <c r="CD111" i="12"/>
  <c r="CC111" i="12"/>
  <c r="CB111" i="12"/>
  <c r="CA111" i="12"/>
  <c r="BZ111" i="12"/>
  <c r="BY111" i="12"/>
  <c r="BX111" i="12"/>
  <c r="BW111" i="12"/>
  <c r="BV111" i="12"/>
  <c r="BU111" i="12"/>
  <c r="BT111" i="12"/>
  <c r="BS111" i="12"/>
  <c r="BR111" i="12"/>
  <c r="BQ111" i="12"/>
  <c r="BP111" i="12"/>
  <c r="BO111" i="12"/>
  <c r="BN111" i="12"/>
  <c r="BM111" i="12"/>
  <c r="BL111" i="12"/>
  <c r="BK111" i="12"/>
  <c r="BJ111" i="12"/>
  <c r="BI111" i="12"/>
  <c r="BF111" i="12"/>
  <c r="Y111" i="12"/>
  <c r="CL110" i="12"/>
  <c r="CK110" i="12"/>
  <c r="CJ110" i="12"/>
  <c r="CI110" i="12"/>
  <c r="CH110" i="12"/>
  <c r="CG110" i="12"/>
  <c r="CF110" i="12"/>
  <c r="CE110" i="12"/>
  <c r="CD110" i="12"/>
  <c r="CC110" i="12"/>
  <c r="CB110" i="12"/>
  <c r="CA110" i="12"/>
  <c r="BZ110" i="12"/>
  <c r="BY110" i="12"/>
  <c r="BW110" i="12"/>
  <c r="BV110" i="12"/>
  <c r="BU110" i="12"/>
  <c r="BT110" i="12"/>
  <c r="BS110" i="12"/>
  <c r="BR110" i="12"/>
  <c r="BQ110" i="12"/>
  <c r="BP110" i="12"/>
  <c r="BO110" i="12"/>
  <c r="BN110" i="12"/>
  <c r="BM110" i="12"/>
  <c r="BL110" i="12"/>
  <c r="BK110" i="12"/>
  <c r="BJ110" i="12"/>
  <c r="BI110" i="12"/>
  <c r="BH110" i="12"/>
  <c r="BF110" i="12"/>
  <c r="Y110" i="12"/>
  <c r="CL109" i="12"/>
  <c r="CK109" i="12"/>
  <c r="CJ109" i="12"/>
  <c r="CI109" i="12"/>
  <c r="CH109" i="12"/>
  <c r="CG109" i="12"/>
  <c r="CF109" i="12"/>
  <c r="CE109" i="12"/>
  <c r="CD109" i="12"/>
  <c r="CC109" i="12"/>
  <c r="CB109" i="12"/>
  <c r="CA109" i="12"/>
  <c r="BZ109" i="12"/>
  <c r="BY109" i="12"/>
  <c r="BX109" i="12"/>
  <c r="BW109" i="12"/>
  <c r="BV109" i="12"/>
  <c r="BU109" i="12"/>
  <c r="BT109" i="12"/>
  <c r="BR109" i="12"/>
  <c r="BQ109" i="12"/>
  <c r="BP109" i="12"/>
  <c r="BO109" i="12"/>
  <c r="BN109" i="12"/>
  <c r="BM109" i="12"/>
  <c r="BL109" i="12"/>
  <c r="BK109" i="12"/>
  <c r="BJ109" i="12"/>
  <c r="BI109" i="12"/>
  <c r="BH109" i="12"/>
  <c r="BF109" i="12"/>
  <c r="U109" i="12"/>
  <c r="Y109" i="12" s="1"/>
  <c r="CL108" i="12"/>
  <c r="CK108" i="12"/>
  <c r="CJ108" i="12"/>
  <c r="CI108" i="12"/>
  <c r="CH108" i="12"/>
  <c r="CG108" i="12"/>
  <c r="CF108" i="12"/>
  <c r="CE108" i="12"/>
  <c r="CD108" i="12"/>
  <c r="CC108" i="12"/>
  <c r="CB108" i="12"/>
  <c r="CA108" i="12"/>
  <c r="BZ108" i="12"/>
  <c r="BY108" i="12"/>
  <c r="BX108" i="12"/>
  <c r="BV108" i="12"/>
  <c r="BU108" i="12"/>
  <c r="BT108" i="12"/>
  <c r="BS108" i="12"/>
  <c r="BR108" i="12"/>
  <c r="BQ108" i="12"/>
  <c r="BP108" i="12"/>
  <c r="BO108" i="12"/>
  <c r="BN108" i="12"/>
  <c r="BM108" i="12"/>
  <c r="BL108" i="12"/>
  <c r="BK108" i="12"/>
  <c r="BJ108" i="12"/>
  <c r="BI108" i="12"/>
  <c r="BH108" i="12"/>
  <c r="BF108" i="12"/>
  <c r="U108" i="12"/>
  <c r="Y108" i="12" s="1"/>
  <c r="CL107" i="12"/>
  <c r="CK107" i="12"/>
  <c r="CJ107" i="12"/>
  <c r="CI107" i="12"/>
  <c r="CH107" i="12"/>
  <c r="CG107" i="12"/>
  <c r="CF107" i="12"/>
  <c r="CE107" i="12"/>
  <c r="CD107" i="12"/>
  <c r="CC107" i="12"/>
  <c r="CB107" i="12"/>
  <c r="CA107" i="12"/>
  <c r="BZ107" i="12"/>
  <c r="BY107" i="12"/>
  <c r="BX107" i="12"/>
  <c r="BW107" i="12"/>
  <c r="BU107" i="12"/>
  <c r="BT107" i="12"/>
  <c r="BS107" i="12"/>
  <c r="BR107" i="12"/>
  <c r="BQ107" i="12"/>
  <c r="BP107" i="12"/>
  <c r="BO107" i="12"/>
  <c r="BN107" i="12"/>
  <c r="BM107" i="12"/>
  <c r="BL107" i="12"/>
  <c r="BK107" i="12"/>
  <c r="BJ107" i="12"/>
  <c r="BI107" i="12"/>
  <c r="BH107" i="12"/>
  <c r="BF107" i="12"/>
  <c r="U107" i="12"/>
  <c r="Y107" i="12" s="1"/>
  <c r="CL106" i="12"/>
  <c r="CK106" i="12"/>
  <c r="CJ106" i="12"/>
  <c r="CI106" i="12"/>
  <c r="CH106" i="12"/>
  <c r="CG106" i="12"/>
  <c r="CF106" i="12"/>
  <c r="CE106" i="12"/>
  <c r="CD106" i="12"/>
  <c r="CC106" i="12"/>
  <c r="CB106" i="12"/>
  <c r="CA106" i="12"/>
  <c r="BZ106" i="12"/>
  <c r="BY106" i="12"/>
  <c r="BX106" i="12"/>
  <c r="BW106" i="12"/>
  <c r="BV106" i="12"/>
  <c r="BT106" i="12"/>
  <c r="BS106" i="12"/>
  <c r="BR106" i="12"/>
  <c r="BQ106" i="12"/>
  <c r="BP106" i="12"/>
  <c r="BO106" i="12"/>
  <c r="BN106" i="12"/>
  <c r="BM106" i="12"/>
  <c r="BL106" i="12"/>
  <c r="BK106" i="12"/>
  <c r="BJ106" i="12"/>
  <c r="BI106" i="12"/>
  <c r="BH106" i="12"/>
  <c r="BF106" i="12"/>
  <c r="U106" i="12"/>
  <c r="Y106" i="12" s="1"/>
  <c r="CL105" i="12"/>
  <c r="CK105" i="12"/>
  <c r="CJ105" i="12"/>
  <c r="CI105" i="12"/>
  <c r="CH105" i="12"/>
  <c r="CG105" i="12"/>
  <c r="CF105" i="12"/>
  <c r="CE105" i="12"/>
  <c r="CD105" i="12"/>
  <c r="CC105" i="12"/>
  <c r="CB105" i="12"/>
  <c r="CA105" i="12"/>
  <c r="BZ105" i="12"/>
  <c r="BY105" i="12"/>
  <c r="BX105" i="12"/>
  <c r="BW105" i="12"/>
  <c r="BV105" i="12"/>
  <c r="BU105" i="12"/>
  <c r="BT105" i="12"/>
  <c r="BS105" i="12"/>
  <c r="BQ105" i="12"/>
  <c r="BP105" i="12"/>
  <c r="BO105" i="12"/>
  <c r="BN105" i="12"/>
  <c r="BM105" i="12"/>
  <c r="BL105" i="12"/>
  <c r="BK105" i="12"/>
  <c r="BJ105" i="12"/>
  <c r="BI105" i="12"/>
  <c r="BH105" i="12"/>
  <c r="BF105" i="12"/>
  <c r="U105" i="12"/>
  <c r="Y105" i="12" s="1"/>
  <c r="CL104" i="12"/>
  <c r="CK104" i="12"/>
  <c r="CJ104" i="12"/>
  <c r="CI104" i="12"/>
  <c r="CH104" i="12"/>
  <c r="CG104" i="12"/>
  <c r="CF104" i="12"/>
  <c r="CE104" i="12"/>
  <c r="CD104" i="12"/>
  <c r="CC104" i="12"/>
  <c r="CB104" i="12"/>
  <c r="CA104" i="12"/>
  <c r="BZ104" i="12"/>
  <c r="BY104" i="12"/>
  <c r="BX104" i="12"/>
  <c r="BW104" i="12"/>
  <c r="BV104" i="12"/>
  <c r="BU104" i="12"/>
  <c r="BT104" i="12"/>
  <c r="BS104" i="12"/>
  <c r="BR104" i="12"/>
  <c r="BP104" i="12"/>
  <c r="BO104" i="12"/>
  <c r="BN104" i="12"/>
  <c r="BM104" i="12"/>
  <c r="BL104" i="12"/>
  <c r="BK104" i="12"/>
  <c r="BJ104" i="12"/>
  <c r="BI104" i="12"/>
  <c r="BH104" i="12"/>
  <c r="BF104" i="12"/>
  <c r="U104" i="12"/>
  <c r="Y104" i="12" s="1"/>
  <c r="CL103" i="12"/>
  <c r="CK103" i="12"/>
  <c r="CJ103" i="12"/>
  <c r="CI103" i="12"/>
  <c r="CH103" i="12"/>
  <c r="CG103" i="12"/>
  <c r="CF103" i="12"/>
  <c r="CE103" i="12"/>
  <c r="CD103" i="12"/>
  <c r="CC103" i="12"/>
  <c r="CB103" i="12"/>
  <c r="CA103" i="12"/>
  <c r="BZ103" i="12"/>
  <c r="BY103" i="12"/>
  <c r="BX103" i="12"/>
  <c r="BW103" i="12"/>
  <c r="BV103" i="12"/>
  <c r="BU103" i="12"/>
  <c r="BS103" i="12"/>
  <c r="BR103" i="12"/>
  <c r="BQ103" i="12"/>
  <c r="BP103" i="12"/>
  <c r="BO103" i="12"/>
  <c r="BN103" i="12"/>
  <c r="BM103" i="12"/>
  <c r="BL103" i="12"/>
  <c r="BK103" i="12"/>
  <c r="BJ103" i="12"/>
  <c r="BI103" i="12"/>
  <c r="BH103" i="12"/>
  <c r="BF103" i="12"/>
  <c r="U103" i="12"/>
  <c r="Y103" i="12" s="1"/>
  <c r="CL102" i="12"/>
  <c r="CK102" i="12"/>
  <c r="CJ102" i="12"/>
  <c r="CI102" i="12"/>
  <c r="CH102" i="12"/>
  <c r="CG102" i="12"/>
  <c r="CF102" i="12"/>
  <c r="CE102" i="12"/>
  <c r="CD102" i="12"/>
  <c r="CC102" i="12"/>
  <c r="CB102" i="12"/>
  <c r="CA102" i="12"/>
  <c r="BZ102" i="12"/>
  <c r="BY102" i="12"/>
  <c r="BX102" i="12"/>
  <c r="BW102" i="12"/>
  <c r="BV102" i="12"/>
  <c r="BU102" i="12"/>
  <c r="BT102" i="12"/>
  <c r="BS102" i="12"/>
  <c r="BR102" i="12"/>
  <c r="BQ102" i="12"/>
  <c r="BO102" i="12"/>
  <c r="BN102" i="12"/>
  <c r="BM102" i="12"/>
  <c r="BL102" i="12"/>
  <c r="BK102" i="12"/>
  <c r="BJ102" i="12"/>
  <c r="BI102" i="12"/>
  <c r="BH102" i="12"/>
  <c r="BF102" i="12"/>
  <c r="U102" i="12"/>
  <c r="Y102" i="12" s="1"/>
  <c r="CL101" i="12"/>
  <c r="CK101" i="12"/>
  <c r="CJ101" i="12"/>
  <c r="CI101" i="12"/>
  <c r="CH101" i="12"/>
  <c r="CG101" i="12"/>
  <c r="CF101" i="12"/>
  <c r="CE101" i="12"/>
  <c r="CD101" i="12"/>
  <c r="CC101" i="12"/>
  <c r="CB101" i="12"/>
  <c r="CA101" i="12"/>
  <c r="BZ101" i="12"/>
  <c r="BY101" i="12"/>
  <c r="BX101" i="12"/>
  <c r="BW101" i="12"/>
  <c r="BV101" i="12"/>
  <c r="BU101" i="12"/>
  <c r="BT101" i="12"/>
  <c r="BS101" i="12"/>
  <c r="BR101" i="12"/>
  <c r="BQ101" i="12"/>
  <c r="BP101" i="12"/>
  <c r="BO101" i="12"/>
  <c r="BM101" i="12"/>
  <c r="BL101" i="12"/>
  <c r="BK101" i="12"/>
  <c r="BJ101" i="12"/>
  <c r="BI101" i="12"/>
  <c r="BH101" i="12"/>
  <c r="BF101" i="12"/>
  <c r="Y101" i="12"/>
  <c r="CL100" i="12"/>
  <c r="CK100" i="12"/>
  <c r="CJ100" i="12"/>
  <c r="CI100" i="12"/>
  <c r="CH100" i="12"/>
  <c r="CG100" i="12"/>
  <c r="CF100" i="12"/>
  <c r="CE100" i="12"/>
  <c r="CD100" i="12"/>
  <c r="CC100" i="12"/>
  <c r="CB100" i="12"/>
  <c r="CA100" i="12"/>
  <c r="BZ100" i="12"/>
  <c r="BY100" i="12"/>
  <c r="BX100" i="12"/>
  <c r="BW100" i="12"/>
  <c r="BV100" i="12"/>
  <c r="BU100" i="12"/>
  <c r="BT100" i="12"/>
  <c r="BS100" i="12"/>
  <c r="BR100" i="12"/>
  <c r="BQ100" i="12"/>
  <c r="BP100" i="12"/>
  <c r="BN100" i="12"/>
  <c r="BM100" i="12"/>
  <c r="BL100" i="12"/>
  <c r="BK100" i="12"/>
  <c r="BJ100" i="12"/>
  <c r="BI100" i="12"/>
  <c r="BH100" i="12"/>
  <c r="BF100" i="12"/>
  <c r="Y100" i="12"/>
  <c r="CL99" i="12"/>
  <c r="CK99" i="12"/>
  <c r="CJ99" i="12"/>
  <c r="CI99" i="12"/>
  <c r="CH99" i="12"/>
  <c r="CG99" i="12"/>
  <c r="CF99" i="12"/>
  <c r="CE99" i="12"/>
  <c r="CD99" i="12"/>
  <c r="CC99" i="12"/>
  <c r="CB99" i="12"/>
  <c r="CA99" i="12"/>
  <c r="BZ99" i="12"/>
  <c r="BY99" i="12"/>
  <c r="BX99" i="12"/>
  <c r="BW99" i="12"/>
  <c r="BV99" i="12"/>
  <c r="BU99" i="12"/>
  <c r="BT99" i="12"/>
  <c r="BS99" i="12"/>
  <c r="BR99" i="12"/>
  <c r="BQ99" i="12"/>
  <c r="BP99" i="12"/>
  <c r="BO99" i="12"/>
  <c r="BM99" i="12"/>
  <c r="BL99" i="12"/>
  <c r="BK99" i="12"/>
  <c r="BJ99" i="12"/>
  <c r="BI99" i="12"/>
  <c r="BH99" i="12"/>
  <c r="BF99" i="12"/>
  <c r="Y99" i="12"/>
  <c r="CL98" i="12"/>
  <c r="CK98" i="12"/>
  <c r="CJ98" i="12"/>
  <c r="CI98" i="12"/>
  <c r="CH98" i="12"/>
  <c r="CG98" i="12"/>
  <c r="CF98" i="12"/>
  <c r="CE98" i="12"/>
  <c r="CD98" i="12"/>
  <c r="CC98" i="12"/>
  <c r="CB98" i="12"/>
  <c r="CA98" i="12"/>
  <c r="BZ98" i="12"/>
  <c r="BY98" i="12"/>
  <c r="BX98" i="12"/>
  <c r="BW98" i="12"/>
  <c r="BV98" i="12"/>
  <c r="BU98" i="12"/>
  <c r="BT98" i="12"/>
  <c r="BS98" i="12"/>
  <c r="BR98" i="12"/>
  <c r="BQ98" i="12"/>
  <c r="BP98" i="12"/>
  <c r="BO98" i="12"/>
  <c r="BN98" i="12"/>
  <c r="BM98" i="12"/>
  <c r="BK98" i="12"/>
  <c r="BJ98" i="12"/>
  <c r="BI98" i="12"/>
  <c r="BH98" i="12"/>
  <c r="BF98" i="12"/>
  <c r="Y98" i="12"/>
  <c r="CL97" i="12"/>
  <c r="CK97" i="12"/>
  <c r="CJ97" i="12"/>
  <c r="CI97" i="12"/>
  <c r="CH97" i="12"/>
  <c r="CG97" i="12"/>
  <c r="CF97" i="12"/>
  <c r="CE97" i="12"/>
  <c r="CD97" i="12"/>
  <c r="CC97" i="12"/>
  <c r="CB97" i="12"/>
  <c r="CA97" i="12"/>
  <c r="BZ97" i="12"/>
  <c r="BY97" i="12"/>
  <c r="BX97" i="12"/>
  <c r="BW97" i="12"/>
  <c r="BV97" i="12"/>
  <c r="BU97" i="12"/>
  <c r="BT97" i="12"/>
  <c r="BS97" i="12"/>
  <c r="BR97" i="12"/>
  <c r="BQ97" i="12"/>
  <c r="BP97" i="12"/>
  <c r="BO97" i="12"/>
  <c r="BN97" i="12"/>
  <c r="BM97" i="12"/>
  <c r="BL97" i="12"/>
  <c r="BK97" i="12"/>
  <c r="BJ97" i="12"/>
  <c r="BH97" i="12"/>
  <c r="BF97" i="12"/>
  <c r="Y97" i="12"/>
  <c r="CL96" i="12"/>
  <c r="CK96" i="12"/>
  <c r="CJ96" i="12"/>
  <c r="CI96" i="12"/>
  <c r="CH96" i="12"/>
  <c r="CG96" i="12"/>
  <c r="CF96" i="12"/>
  <c r="CE96" i="12"/>
  <c r="CD96" i="12"/>
  <c r="CC96" i="12"/>
  <c r="CB96" i="12"/>
  <c r="CA96" i="12"/>
  <c r="BZ96" i="12"/>
  <c r="BY96" i="12"/>
  <c r="BX96" i="12"/>
  <c r="BW96" i="12"/>
  <c r="BV96" i="12"/>
  <c r="BU96" i="12"/>
  <c r="BT96" i="12"/>
  <c r="BS96" i="12"/>
  <c r="BR96" i="12"/>
  <c r="BQ96" i="12"/>
  <c r="BP96" i="12"/>
  <c r="BO96" i="12"/>
  <c r="BN96" i="12"/>
  <c r="BM96" i="12"/>
  <c r="BL96" i="12"/>
  <c r="BJ96" i="12"/>
  <c r="BI96" i="12"/>
  <c r="BH96" i="12"/>
  <c r="BF96" i="12"/>
  <c r="Y96" i="12"/>
  <c r="CL95" i="12"/>
  <c r="CK95" i="12"/>
  <c r="CJ95" i="12"/>
  <c r="CI95" i="12"/>
  <c r="CH95" i="12"/>
  <c r="CG95" i="12"/>
  <c r="CF95" i="12"/>
  <c r="CE95" i="12"/>
  <c r="CD95" i="12"/>
  <c r="CC95" i="12"/>
  <c r="CB95" i="12"/>
  <c r="CA95" i="12"/>
  <c r="BZ95" i="12"/>
  <c r="BY95" i="12"/>
  <c r="BX95" i="12"/>
  <c r="BW95" i="12"/>
  <c r="BV95" i="12"/>
  <c r="BU95" i="12"/>
  <c r="BT95" i="12"/>
  <c r="BS95" i="12"/>
  <c r="BR95" i="12"/>
  <c r="BQ95" i="12"/>
  <c r="BP95" i="12"/>
  <c r="BO95" i="12"/>
  <c r="BN95" i="12"/>
  <c r="BM95" i="12"/>
  <c r="BL95" i="12"/>
  <c r="BK95" i="12"/>
  <c r="BI95" i="12"/>
  <c r="BH95" i="12"/>
  <c r="BF95" i="12"/>
  <c r="Y95" i="12"/>
  <c r="CL94" i="12"/>
  <c r="CK94" i="12"/>
  <c r="CJ94" i="12"/>
  <c r="CI94" i="12"/>
  <c r="CH94" i="12"/>
  <c r="CG94" i="12"/>
  <c r="CF94" i="12"/>
  <c r="CE94" i="12"/>
  <c r="CD94" i="12"/>
  <c r="CC94" i="12"/>
  <c r="CB94" i="12"/>
  <c r="CA94" i="12"/>
  <c r="BZ94" i="12"/>
  <c r="BY94" i="12"/>
  <c r="BX94" i="12"/>
  <c r="BW94" i="12"/>
  <c r="BV94" i="12"/>
  <c r="BU94" i="12"/>
  <c r="BT94" i="12"/>
  <c r="BS94" i="12"/>
  <c r="BR94" i="12"/>
  <c r="BQ94" i="12"/>
  <c r="BP94" i="12"/>
  <c r="BO94" i="12"/>
  <c r="BN94" i="12"/>
  <c r="BM94" i="12"/>
  <c r="BL94" i="12"/>
  <c r="BK94" i="12"/>
  <c r="BJ94" i="12"/>
  <c r="BI94" i="12"/>
  <c r="BF94" i="12"/>
  <c r="Y94" i="12"/>
  <c r="CL93" i="12"/>
  <c r="CK93" i="12"/>
  <c r="CJ93" i="12"/>
  <c r="CI93" i="12"/>
  <c r="CH93" i="12"/>
  <c r="CG93" i="12"/>
  <c r="CF93" i="12"/>
  <c r="CE93" i="12"/>
  <c r="CD93" i="12"/>
  <c r="CC93" i="12"/>
  <c r="CB93" i="12"/>
  <c r="CA93" i="12"/>
  <c r="BZ93" i="12"/>
  <c r="BY93" i="12"/>
  <c r="BW93" i="12"/>
  <c r="BV93" i="12"/>
  <c r="BU93" i="12"/>
  <c r="BT93" i="12"/>
  <c r="BS93" i="12"/>
  <c r="BR93" i="12"/>
  <c r="BQ93" i="12"/>
  <c r="BP93" i="12"/>
  <c r="BO93" i="12"/>
  <c r="BN93" i="12"/>
  <c r="BM93" i="12"/>
  <c r="BL93" i="12"/>
  <c r="BK93" i="12"/>
  <c r="BJ93" i="12"/>
  <c r="BI93" i="12"/>
  <c r="BH93" i="12"/>
  <c r="BF93" i="12"/>
  <c r="Y93" i="12"/>
  <c r="CL92" i="12"/>
  <c r="CK92" i="12"/>
  <c r="CJ92" i="12"/>
  <c r="CI92" i="12"/>
  <c r="CH92" i="12"/>
  <c r="CG92" i="12"/>
  <c r="CF92" i="12"/>
  <c r="CE92" i="12"/>
  <c r="CD92" i="12"/>
  <c r="CC92" i="12"/>
  <c r="CB92" i="12"/>
  <c r="CA92" i="12"/>
  <c r="BZ92" i="12"/>
  <c r="BY92" i="12"/>
  <c r="BX92" i="12"/>
  <c r="BW92" i="12"/>
  <c r="BV92" i="12"/>
  <c r="BU92" i="12"/>
  <c r="BT92" i="12"/>
  <c r="BR92" i="12"/>
  <c r="BQ92" i="12"/>
  <c r="BP92" i="12"/>
  <c r="BO92" i="12"/>
  <c r="BN92" i="12"/>
  <c r="BM92" i="12"/>
  <c r="BL92" i="12"/>
  <c r="BK92" i="12"/>
  <c r="BJ92" i="12"/>
  <c r="BI92" i="12"/>
  <c r="BH92" i="12"/>
  <c r="BF92" i="12"/>
  <c r="U92" i="12"/>
  <c r="Y92" i="12" s="1"/>
  <c r="CL91" i="12"/>
  <c r="CK91" i="12"/>
  <c r="CJ91" i="12"/>
  <c r="CI91" i="12"/>
  <c r="CH91" i="12"/>
  <c r="CG91" i="12"/>
  <c r="CF91" i="12"/>
  <c r="CE91" i="12"/>
  <c r="CD91" i="12"/>
  <c r="CC91" i="12"/>
  <c r="CB91" i="12"/>
  <c r="CA91" i="12"/>
  <c r="BZ91" i="12"/>
  <c r="BY91" i="12"/>
  <c r="BX91" i="12"/>
  <c r="BV91" i="12"/>
  <c r="BU91" i="12"/>
  <c r="BT91" i="12"/>
  <c r="BS91" i="12"/>
  <c r="BR91" i="12"/>
  <c r="BQ91" i="12"/>
  <c r="BP91" i="12"/>
  <c r="BO91" i="12"/>
  <c r="BN91" i="12"/>
  <c r="BM91" i="12"/>
  <c r="BL91" i="12"/>
  <c r="BK91" i="12"/>
  <c r="BJ91" i="12"/>
  <c r="BI91" i="12"/>
  <c r="BH91" i="12"/>
  <c r="BF91" i="12"/>
  <c r="U91" i="12"/>
  <c r="Y91" i="12" s="1"/>
  <c r="CL90" i="12"/>
  <c r="CK90" i="12"/>
  <c r="CJ90" i="12"/>
  <c r="CI90" i="12"/>
  <c r="CH90" i="12"/>
  <c r="CG90" i="12"/>
  <c r="CF90" i="12"/>
  <c r="CE90" i="12"/>
  <c r="CD90" i="12"/>
  <c r="CC90" i="12"/>
  <c r="CB90" i="12"/>
  <c r="CA90" i="12"/>
  <c r="BZ90" i="12"/>
  <c r="BY90" i="12"/>
  <c r="BX90" i="12"/>
  <c r="BW90" i="12"/>
  <c r="BU90" i="12"/>
  <c r="BT90" i="12"/>
  <c r="BS90" i="12"/>
  <c r="BR90" i="12"/>
  <c r="BQ90" i="12"/>
  <c r="BP90" i="12"/>
  <c r="BO90" i="12"/>
  <c r="BN90" i="12"/>
  <c r="BM90" i="12"/>
  <c r="BL90" i="12"/>
  <c r="BK90" i="12"/>
  <c r="BJ90" i="12"/>
  <c r="BI90" i="12"/>
  <c r="BH90" i="12"/>
  <c r="BF90" i="12"/>
  <c r="U90" i="12"/>
  <c r="Y90" i="12" s="1"/>
  <c r="CL89" i="12"/>
  <c r="CK89" i="12"/>
  <c r="CJ89" i="12"/>
  <c r="CI89" i="12"/>
  <c r="CH89" i="12"/>
  <c r="CG89" i="12"/>
  <c r="CF89" i="12"/>
  <c r="CE89" i="12"/>
  <c r="CD89" i="12"/>
  <c r="CC89" i="12"/>
  <c r="CB89" i="12"/>
  <c r="CA89" i="12"/>
  <c r="BZ89" i="12"/>
  <c r="BY89" i="12"/>
  <c r="BX89" i="12"/>
  <c r="BW89" i="12"/>
  <c r="BV89" i="12"/>
  <c r="BT89" i="12"/>
  <c r="BS89" i="12"/>
  <c r="BR89" i="12"/>
  <c r="BQ89" i="12"/>
  <c r="BP89" i="12"/>
  <c r="BO89" i="12"/>
  <c r="BN89" i="12"/>
  <c r="BM89" i="12"/>
  <c r="BL89" i="12"/>
  <c r="BK89" i="12"/>
  <c r="BJ89" i="12"/>
  <c r="BI89" i="12"/>
  <c r="BH89" i="12"/>
  <c r="BF89" i="12"/>
  <c r="U89" i="12"/>
  <c r="Y89" i="12" s="1"/>
  <c r="CL88" i="12"/>
  <c r="CK88" i="12"/>
  <c r="CJ88" i="12"/>
  <c r="CI88" i="12"/>
  <c r="CH88" i="12"/>
  <c r="CG88" i="12"/>
  <c r="CF88" i="12"/>
  <c r="CE88" i="12"/>
  <c r="CD88" i="12"/>
  <c r="CC88" i="12"/>
  <c r="CB88" i="12"/>
  <c r="CA88" i="12"/>
  <c r="BZ88" i="12"/>
  <c r="BY88" i="12"/>
  <c r="BX88" i="12"/>
  <c r="BW88" i="12"/>
  <c r="BV88" i="12"/>
  <c r="BU88" i="12"/>
  <c r="BT88" i="12"/>
  <c r="BS88" i="12"/>
  <c r="BQ88" i="12"/>
  <c r="BP88" i="12"/>
  <c r="BO88" i="12"/>
  <c r="BN88" i="12"/>
  <c r="BM88" i="12"/>
  <c r="BL88" i="12"/>
  <c r="BK88" i="12"/>
  <c r="BJ88" i="12"/>
  <c r="BI88" i="12"/>
  <c r="BH88" i="12"/>
  <c r="BF88" i="12"/>
  <c r="U88" i="12"/>
  <c r="Y88" i="12" s="1"/>
  <c r="CL87" i="12"/>
  <c r="CK87" i="12"/>
  <c r="CJ87" i="12"/>
  <c r="CI87" i="12"/>
  <c r="CH87" i="12"/>
  <c r="CG87" i="12"/>
  <c r="CF87" i="12"/>
  <c r="CE87" i="12"/>
  <c r="CD87" i="12"/>
  <c r="CC87" i="12"/>
  <c r="CB87" i="12"/>
  <c r="CA87" i="12"/>
  <c r="BZ87" i="12"/>
  <c r="BY87" i="12"/>
  <c r="BX87" i="12"/>
  <c r="BW87" i="12"/>
  <c r="BV87" i="12"/>
  <c r="BU87" i="12"/>
  <c r="BT87" i="12"/>
  <c r="BS87" i="12"/>
  <c r="BR87" i="12"/>
  <c r="BP87" i="12"/>
  <c r="BO87" i="12"/>
  <c r="BN87" i="12"/>
  <c r="BM87" i="12"/>
  <c r="BL87" i="12"/>
  <c r="BK87" i="12"/>
  <c r="BJ87" i="12"/>
  <c r="BI87" i="12"/>
  <c r="BH87" i="12"/>
  <c r="BF87" i="12"/>
  <c r="Y87" i="12"/>
  <c r="CL86" i="12"/>
  <c r="CK86" i="12"/>
  <c r="CJ86" i="12"/>
  <c r="CI86" i="12"/>
  <c r="CH86" i="12"/>
  <c r="CG86" i="12"/>
  <c r="CF86" i="12"/>
  <c r="CE86" i="12"/>
  <c r="CD86" i="12"/>
  <c r="CC86" i="12"/>
  <c r="CB86" i="12"/>
  <c r="CA86" i="12"/>
  <c r="BZ86" i="12"/>
  <c r="BY86" i="12"/>
  <c r="BX86" i="12"/>
  <c r="BW86" i="12"/>
  <c r="BV86" i="12"/>
  <c r="BU86" i="12"/>
  <c r="BS86" i="12"/>
  <c r="BR86" i="12"/>
  <c r="BQ86" i="12"/>
  <c r="BP86" i="12"/>
  <c r="BO86" i="12"/>
  <c r="BN86" i="12"/>
  <c r="BM86" i="12"/>
  <c r="BL86" i="12"/>
  <c r="BK86" i="12"/>
  <c r="BJ86" i="12"/>
  <c r="BI86" i="12"/>
  <c r="BH86" i="12"/>
  <c r="BF86" i="12"/>
  <c r="Y86" i="12"/>
  <c r="CL85" i="12"/>
  <c r="CK85" i="12"/>
  <c r="CJ85" i="12"/>
  <c r="CI85" i="12"/>
  <c r="CH85" i="12"/>
  <c r="CG85" i="12"/>
  <c r="CF85" i="12"/>
  <c r="CE85" i="12"/>
  <c r="CD85" i="12"/>
  <c r="CC85" i="12"/>
  <c r="CB85" i="12"/>
  <c r="CA85" i="12"/>
  <c r="BZ85" i="12"/>
  <c r="BY85" i="12"/>
  <c r="BX85" i="12"/>
  <c r="BW85" i="12"/>
  <c r="BV85" i="12"/>
  <c r="BU85" i="12"/>
  <c r="BT85" i="12"/>
  <c r="BS85" i="12"/>
  <c r="BR85" i="12"/>
  <c r="BQ85" i="12"/>
  <c r="BO85" i="12"/>
  <c r="BN85" i="12"/>
  <c r="BM85" i="12"/>
  <c r="BL85" i="12"/>
  <c r="BK85" i="12"/>
  <c r="BJ85" i="12"/>
  <c r="BI85" i="12"/>
  <c r="BH85" i="12"/>
  <c r="BF85" i="12"/>
  <c r="Y85" i="12"/>
  <c r="CL84" i="12"/>
  <c r="CK84" i="12"/>
  <c r="CJ84" i="12"/>
  <c r="CI84" i="12"/>
  <c r="CH84" i="12"/>
  <c r="CG84" i="12"/>
  <c r="CF84" i="12"/>
  <c r="CE84" i="12"/>
  <c r="CD84" i="12"/>
  <c r="CC84" i="12"/>
  <c r="CB84" i="12"/>
  <c r="CA84" i="12"/>
  <c r="BZ84" i="12"/>
  <c r="BY84" i="12"/>
  <c r="BX84" i="12"/>
  <c r="BW84" i="12"/>
  <c r="BV84" i="12"/>
  <c r="BU84" i="12"/>
  <c r="BT84" i="12"/>
  <c r="BS84" i="12"/>
  <c r="BR84" i="12"/>
  <c r="BQ84" i="12"/>
  <c r="BP84" i="12"/>
  <c r="BO84" i="12"/>
  <c r="BN84" i="12"/>
  <c r="BL84" i="12"/>
  <c r="BK84" i="12"/>
  <c r="BJ84" i="12"/>
  <c r="BI84" i="12"/>
  <c r="BH84" i="12"/>
  <c r="BF84" i="12"/>
  <c r="Y84" i="12"/>
  <c r="CL83" i="12"/>
  <c r="CK83" i="12"/>
  <c r="CJ83" i="12"/>
  <c r="CI83" i="12"/>
  <c r="CH83" i="12"/>
  <c r="CG83" i="12"/>
  <c r="CF83" i="12"/>
  <c r="CE83" i="12"/>
  <c r="CD83" i="12"/>
  <c r="CC83" i="12"/>
  <c r="CB83" i="12"/>
  <c r="CA83" i="12"/>
  <c r="BZ83" i="12"/>
  <c r="BY83" i="12"/>
  <c r="BX83" i="12"/>
  <c r="BW83" i="12"/>
  <c r="BV83" i="12"/>
  <c r="BU83" i="12"/>
  <c r="BT83" i="12"/>
  <c r="BS83" i="12"/>
  <c r="BR83" i="12"/>
  <c r="BQ83" i="12"/>
  <c r="BP83" i="12"/>
  <c r="BN83" i="12"/>
  <c r="BM83" i="12"/>
  <c r="BL83" i="12"/>
  <c r="BK83" i="12"/>
  <c r="BJ83" i="12"/>
  <c r="BI83" i="12"/>
  <c r="BH83" i="12"/>
  <c r="BF83" i="12"/>
  <c r="Y83" i="12"/>
  <c r="CL82" i="12"/>
  <c r="CK82" i="12"/>
  <c r="CJ82" i="12"/>
  <c r="CI82" i="12"/>
  <c r="CH82" i="12"/>
  <c r="CG82" i="12"/>
  <c r="CF82" i="12"/>
  <c r="CE82" i="12"/>
  <c r="CD82" i="12"/>
  <c r="CC82" i="12"/>
  <c r="CB82" i="12"/>
  <c r="CA82" i="12"/>
  <c r="BZ82" i="12"/>
  <c r="BY82" i="12"/>
  <c r="BX82" i="12"/>
  <c r="BW82" i="12"/>
  <c r="BV82" i="12"/>
  <c r="BU82" i="12"/>
  <c r="BT82" i="12"/>
  <c r="BS82" i="12"/>
  <c r="BR82" i="12"/>
  <c r="BQ82" i="12"/>
  <c r="BP82" i="12"/>
  <c r="BO82" i="12"/>
  <c r="BM82" i="12"/>
  <c r="BL82" i="12"/>
  <c r="BK82" i="12"/>
  <c r="BJ82" i="12"/>
  <c r="BI82" i="12"/>
  <c r="BH82" i="12"/>
  <c r="BF82" i="12"/>
  <c r="Y82" i="12"/>
  <c r="CL81" i="12"/>
  <c r="CK81" i="12"/>
  <c r="CJ81" i="12"/>
  <c r="CI81" i="12"/>
  <c r="CH81" i="12"/>
  <c r="CG81" i="12"/>
  <c r="CF81" i="12"/>
  <c r="CE81" i="12"/>
  <c r="CD81" i="12"/>
  <c r="CC81" i="12"/>
  <c r="CB81" i="12"/>
  <c r="CA81" i="12"/>
  <c r="BZ81" i="12"/>
  <c r="BY81" i="12"/>
  <c r="BX81" i="12"/>
  <c r="BW81" i="12"/>
  <c r="BV81" i="12"/>
  <c r="BU81" i="12"/>
  <c r="BT81" i="12"/>
  <c r="BS81" i="12"/>
  <c r="BR81" i="12"/>
  <c r="BQ81" i="12"/>
  <c r="BP81" i="12"/>
  <c r="BO81" i="12"/>
  <c r="BN81" i="12"/>
  <c r="BM81" i="12"/>
  <c r="BK81" i="12"/>
  <c r="BJ81" i="12"/>
  <c r="BI81" i="12"/>
  <c r="BH81" i="12"/>
  <c r="BF81" i="12"/>
  <c r="Y81" i="12"/>
  <c r="CL80" i="12"/>
  <c r="CK80" i="12"/>
  <c r="CJ80" i="12"/>
  <c r="CI80" i="12"/>
  <c r="CH80" i="12"/>
  <c r="CG80" i="12"/>
  <c r="CF80" i="12"/>
  <c r="CE80" i="12"/>
  <c r="CD80" i="12"/>
  <c r="CC80" i="12"/>
  <c r="CB80" i="12"/>
  <c r="CA80" i="12"/>
  <c r="BZ80" i="12"/>
  <c r="BY80" i="12"/>
  <c r="BX80" i="12"/>
  <c r="BW80" i="12"/>
  <c r="BV80" i="12"/>
  <c r="BU80" i="12"/>
  <c r="BT80" i="12"/>
  <c r="BS80" i="12"/>
  <c r="BR80" i="12"/>
  <c r="BQ80" i="12"/>
  <c r="BP80" i="12"/>
  <c r="BO80" i="12"/>
  <c r="BN80" i="12"/>
  <c r="BM80" i="12"/>
  <c r="BL80" i="12"/>
  <c r="BK80" i="12"/>
  <c r="BJ80" i="12"/>
  <c r="BH80" i="12"/>
  <c r="BF80" i="12"/>
  <c r="Y80" i="12"/>
  <c r="CL79" i="12"/>
  <c r="CK79" i="12"/>
  <c r="CJ79" i="12"/>
  <c r="CI79" i="12"/>
  <c r="CH79" i="12"/>
  <c r="CG79" i="12"/>
  <c r="CF79" i="12"/>
  <c r="CE79" i="12"/>
  <c r="CD79" i="12"/>
  <c r="CC79" i="12"/>
  <c r="CB79" i="12"/>
  <c r="CA79" i="12"/>
  <c r="BZ79" i="12"/>
  <c r="BY79" i="12"/>
  <c r="BX79" i="12"/>
  <c r="BW79" i="12"/>
  <c r="BV79" i="12"/>
  <c r="BU79" i="12"/>
  <c r="BT79" i="12"/>
  <c r="BS79" i="12"/>
  <c r="BR79" i="12"/>
  <c r="BQ79" i="12"/>
  <c r="BP79" i="12"/>
  <c r="BO79" i="12"/>
  <c r="BN79" i="12"/>
  <c r="BM79" i="12"/>
  <c r="BL79" i="12"/>
  <c r="BJ79" i="12"/>
  <c r="BI79" i="12"/>
  <c r="BH79" i="12"/>
  <c r="BF79" i="12"/>
  <c r="Y79" i="12"/>
  <c r="CL78" i="12"/>
  <c r="CK78" i="12"/>
  <c r="CJ78" i="12"/>
  <c r="CI78" i="12"/>
  <c r="CH78" i="12"/>
  <c r="CG78" i="12"/>
  <c r="CF78" i="12"/>
  <c r="CE78" i="12"/>
  <c r="CD78" i="12"/>
  <c r="CC78" i="12"/>
  <c r="CB78" i="12"/>
  <c r="CA78" i="12"/>
  <c r="BZ78" i="12"/>
  <c r="BY78" i="12"/>
  <c r="BX78" i="12"/>
  <c r="BW78" i="12"/>
  <c r="BV78" i="12"/>
  <c r="BU78" i="12"/>
  <c r="BT78" i="12"/>
  <c r="BS78" i="12"/>
  <c r="BR78" i="12"/>
  <c r="BQ78" i="12"/>
  <c r="BP78" i="12"/>
  <c r="BO78" i="12"/>
  <c r="BN78" i="12"/>
  <c r="BM78" i="12"/>
  <c r="BL78" i="12"/>
  <c r="BK78" i="12"/>
  <c r="BI78" i="12"/>
  <c r="BH78" i="12"/>
  <c r="BF78" i="12"/>
  <c r="Y78" i="12"/>
  <c r="CL77" i="12"/>
  <c r="CK77" i="12"/>
  <c r="CJ77" i="12"/>
  <c r="CI77" i="12"/>
  <c r="CH77" i="12"/>
  <c r="CG77" i="12"/>
  <c r="CF77" i="12"/>
  <c r="CE77" i="12"/>
  <c r="CD77" i="12"/>
  <c r="CC77" i="12"/>
  <c r="CB77" i="12"/>
  <c r="CA77" i="12"/>
  <c r="BZ77" i="12"/>
  <c r="BY77" i="12"/>
  <c r="BX77" i="12"/>
  <c r="BW77" i="12"/>
  <c r="BV77" i="12"/>
  <c r="BU77" i="12"/>
  <c r="BT77" i="12"/>
  <c r="BS77" i="12"/>
  <c r="BR77" i="12"/>
  <c r="BQ77" i="12"/>
  <c r="BP77" i="12"/>
  <c r="BO77" i="12"/>
  <c r="BN77" i="12"/>
  <c r="BM77" i="12"/>
  <c r="BL77" i="12"/>
  <c r="BK77" i="12"/>
  <c r="BJ77" i="12"/>
  <c r="BI77" i="12"/>
  <c r="BF77" i="12"/>
  <c r="Y77" i="12"/>
  <c r="CL76" i="12"/>
  <c r="CK76" i="12"/>
  <c r="CJ76" i="12"/>
  <c r="CI76" i="12"/>
  <c r="CH76" i="12"/>
  <c r="CG76" i="12"/>
  <c r="CF76" i="12"/>
  <c r="CE76" i="12"/>
  <c r="CD76" i="12"/>
  <c r="CC76" i="12"/>
  <c r="CB76" i="12"/>
  <c r="CA76" i="12"/>
  <c r="BZ76" i="12"/>
  <c r="BY76" i="12"/>
  <c r="BW76" i="12"/>
  <c r="BV76" i="12"/>
  <c r="BU76" i="12"/>
  <c r="BT76" i="12"/>
  <c r="BS76" i="12"/>
  <c r="BR76" i="12"/>
  <c r="BQ76" i="12"/>
  <c r="BP76" i="12"/>
  <c r="BO76" i="12"/>
  <c r="BN76" i="12"/>
  <c r="BM76" i="12"/>
  <c r="BL76" i="12"/>
  <c r="BK76" i="12"/>
  <c r="BJ76" i="12"/>
  <c r="BI76" i="12"/>
  <c r="BH76" i="12"/>
  <c r="BF76" i="12"/>
  <c r="Y76" i="12"/>
  <c r="CL75" i="12"/>
  <c r="CK75" i="12"/>
  <c r="CJ75" i="12"/>
  <c r="CI75" i="12"/>
  <c r="CH75" i="12"/>
  <c r="CG75" i="12"/>
  <c r="CF75" i="12"/>
  <c r="CE75" i="12"/>
  <c r="CD75" i="12"/>
  <c r="CC75" i="12"/>
  <c r="CB75" i="12"/>
  <c r="CA75" i="12"/>
  <c r="BZ75" i="12"/>
  <c r="BY75" i="12"/>
  <c r="BW75" i="12"/>
  <c r="BV75" i="12"/>
  <c r="BU75" i="12"/>
  <c r="BT75" i="12"/>
  <c r="BS75" i="12"/>
  <c r="BR75" i="12"/>
  <c r="BQ75" i="12"/>
  <c r="BP75" i="12"/>
  <c r="BO75" i="12"/>
  <c r="BN75" i="12"/>
  <c r="BM75" i="12"/>
  <c r="BL75" i="12"/>
  <c r="BK75" i="12"/>
  <c r="BJ75" i="12"/>
  <c r="BI75" i="12"/>
  <c r="BH75" i="12"/>
  <c r="BF75" i="12"/>
  <c r="BG75" i="12" s="1"/>
  <c r="BX75" i="12" s="1"/>
  <c r="CL74" i="12"/>
  <c r="CK74" i="12"/>
  <c r="CJ74" i="12"/>
  <c r="CI74" i="12"/>
  <c r="CH74" i="12"/>
  <c r="CG74" i="12"/>
  <c r="CF74" i="12"/>
  <c r="CE74" i="12"/>
  <c r="CD74" i="12"/>
  <c r="CC74" i="12"/>
  <c r="CB74" i="12"/>
  <c r="CA74" i="12"/>
  <c r="BZ74" i="12"/>
  <c r="BY74" i="12"/>
  <c r="BW74" i="12"/>
  <c r="BV74" i="12"/>
  <c r="BU74" i="12"/>
  <c r="BT74" i="12"/>
  <c r="BS74" i="12"/>
  <c r="BR74" i="12"/>
  <c r="BQ74" i="12"/>
  <c r="BP74" i="12"/>
  <c r="BO74" i="12"/>
  <c r="BN74" i="12"/>
  <c r="BM74" i="12"/>
  <c r="BL74" i="12"/>
  <c r="BK74" i="12"/>
  <c r="BJ74" i="12"/>
  <c r="BI74" i="12"/>
  <c r="BH74" i="12"/>
  <c r="BF74" i="12"/>
  <c r="BG74" i="12" s="1"/>
  <c r="BX74" i="12" s="1"/>
  <c r="CL73" i="12"/>
  <c r="CK73" i="12"/>
  <c r="CJ73" i="12"/>
  <c r="CI73" i="12"/>
  <c r="CH73" i="12"/>
  <c r="CG73" i="12"/>
  <c r="CF73" i="12"/>
  <c r="CE73" i="12"/>
  <c r="CD73" i="12"/>
  <c r="CC73" i="12"/>
  <c r="CB73" i="12"/>
  <c r="CA73" i="12"/>
  <c r="BZ73" i="12"/>
  <c r="BY73" i="12"/>
  <c r="BX73" i="12"/>
  <c r="BW73" i="12"/>
  <c r="BV73" i="12"/>
  <c r="BU73" i="12"/>
  <c r="BT73" i="12"/>
  <c r="BR73" i="12"/>
  <c r="BQ73" i="12"/>
  <c r="BP73" i="12"/>
  <c r="BO73" i="12"/>
  <c r="BN73" i="12"/>
  <c r="BM73" i="12"/>
  <c r="BL73" i="12"/>
  <c r="BK73" i="12"/>
  <c r="BJ73" i="12"/>
  <c r="BI73" i="12"/>
  <c r="BH73" i="12"/>
  <c r="BF73" i="12"/>
  <c r="BG73" i="12" s="1"/>
  <c r="BS73" i="12" s="1"/>
  <c r="CL72" i="12"/>
  <c r="CK72" i="12"/>
  <c r="CJ72" i="12"/>
  <c r="CI72" i="12"/>
  <c r="CH72" i="12"/>
  <c r="CG72" i="12"/>
  <c r="CF72" i="12"/>
  <c r="CE72" i="12"/>
  <c r="CD72" i="12"/>
  <c r="CC72" i="12"/>
  <c r="CB72" i="12"/>
  <c r="CA72" i="12"/>
  <c r="BZ72" i="12"/>
  <c r="BY72" i="12"/>
  <c r="BX72" i="12"/>
  <c r="BW72" i="12"/>
  <c r="BV72" i="12"/>
  <c r="BU72" i="12"/>
  <c r="BT72" i="12"/>
  <c r="BR72" i="12"/>
  <c r="BQ72" i="12"/>
  <c r="BP72" i="12"/>
  <c r="BO72" i="12"/>
  <c r="BN72" i="12"/>
  <c r="BM72" i="12"/>
  <c r="BL72" i="12"/>
  <c r="BK72" i="12"/>
  <c r="BJ72" i="12"/>
  <c r="BI72" i="12"/>
  <c r="BH72" i="12"/>
  <c r="BF72" i="12"/>
  <c r="BG72" i="12" s="1"/>
  <c r="BS72" i="12" s="1"/>
  <c r="CL71" i="12"/>
  <c r="CK71" i="12"/>
  <c r="CJ71" i="12"/>
  <c r="CI71" i="12"/>
  <c r="CH71" i="12"/>
  <c r="CG71" i="12"/>
  <c r="CF71" i="12"/>
  <c r="CE71" i="12"/>
  <c r="CD71" i="12"/>
  <c r="CC71" i="12"/>
  <c r="CB71" i="12"/>
  <c r="CA71" i="12"/>
  <c r="BZ71" i="12"/>
  <c r="BY71" i="12"/>
  <c r="BX71" i="12"/>
  <c r="BV71" i="12"/>
  <c r="BU71" i="12"/>
  <c r="BT71" i="12"/>
  <c r="BS71" i="12"/>
  <c r="BR71" i="12"/>
  <c r="BQ71" i="12"/>
  <c r="BP71" i="12"/>
  <c r="BO71" i="12"/>
  <c r="BN71" i="12"/>
  <c r="BM71" i="12"/>
  <c r="BL71" i="12"/>
  <c r="BK71" i="12"/>
  <c r="BJ71" i="12"/>
  <c r="BI71" i="12"/>
  <c r="BH71" i="12"/>
  <c r="BF71" i="12"/>
  <c r="BG71" i="12" s="1"/>
  <c r="BW71" i="12" s="1"/>
  <c r="CL70" i="12"/>
  <c r="CK70" i="12"/>
  <c r="CJ70" i="12"/>
  <c r="CI70" i="12"/>
  <c r="CH70" i="12"/>
  <c r="CG70" i="12"/>
  <c r="CF70" i="12"/>
  <c r="CE70" i="12"/>
  <c r="CD70" i="12"/>
  <c r="CC70" i="12"/>
  <c r="CB70" i="12"/>
  <c r="CA70" i="12"/>
  <c r="BZ70" i="12"/>
  <c r="BY70" i="12"/>
  <c r="BX70" i="12"/>
  <c r="BV70" i="12"/>
  <c r="BU70" i="12"/>
  <c r="BT70" i="12"/>
  <c r="BS70" i="12"/>
  <c r="BR70" i="12"/>
  <c r="BQ70" i="12"/>
  <c r="BP70" i="12"/>
  <c r="BO70" i="12"/>
  <c r="BN70" i="12"/>
  <c r="BM70" i="12"/>
  <c r="BL70" i="12"/>
  <c r="BK70" i="12"/>
  <c r="BJ70" i="12"/>
  <c r="BI70" i="12"/>
  <c r="BH70" i="12"/>
  <c r="BF70" i="12"/>
  <c r="BG70" i="12" s="1"/>
  <c r="BW70" i="12" s="1"/>
  <c r="CL69" i="12"/>
  <c r="CK69" i="12"/>
  <c r="CJ69" i="12"/>
  <c r="CI69" i="12"/>
  <c r="CH69" i="12"/>
  <c r="CG69" i="12"/>
  <c r="CF69" i="12"/>
  <c r="CE69" i="12"/>
  <c r="CD69" i="12"/>
  <c r="CC69" i="12"/>
  <c r="CB69" i="12"/>
  <c r="CA69" i="12"/>
  <c r="BZ69" i="12"/>
  <c r="BY69" i="12"/>
  <c r="BX69" i="12"/>
  <c r="BW69" i="12"/>
  <c r="BU69" i="12"/>
  <c r="BT69" i="12"/>
  <c r="BS69" i="12"/>
  <c r="BR69" i="12"/>
  <c r="BQ69" i="12"/>
  <c r="BP69" i="12"/>
  <c r="BO69" i="12"/>
  <c r="BN69" i="12"/>
  <c r="BM69" i="12"/>
  <c r="BL69" i="12"/>
  <c r="BK69" i="12"/>
  <c r="BJ69" i="12"/>
  <c r="BI69" i="12"/>
  <c r="BH69" i="12"/>
  <c r="BF69" i="12"/>
  <c r="BG69" i="12" s="1"/>
  <c r="BV69" i="12" s="1"/>
  <c r="CL68" i="12"/>
  <c r="CK68" i="12"/>
  <c r="CJ68" i="12"/>
  <c r="CI68" i="12"/>
  <c r="CH68" i="12"/>
  <c r="CG68" i="12"/>
  <c r="CF68" i="12"/>
  <c r="CE68" i="12"/>
  <c r="CD68" i="12"/>
  <c r="CC68" i="12"/>
  <c r="CB68" i="12"/>
  <c r="CA68" i="12"/>
  <c r="BZ68" i="12"/>
  <c r="BY68" i="12"/>
  <c r="BX68" i="12"/>
  <c r="BW68" i="12"/>
  <c r="BU68" i="12"/>
  <c r="BT68" i="12"/>
  <c r="BS68" i="12"/>
  <c r="BR68" i="12"/>
  <c r="BQ68" i="12"/>
  <c r="BP68" i="12"/>
  <c r="BO68" i="12"/>
  <c r="BN68" i="12"/>
  <c r="BM68" i="12"/>
  <c r="BL68" i="12"/>
  <c r="BK68" i="12"/>
  <c r="BJ68" i="12"/>
  <c r="BI68" i="12"/>
  <c r="BH68" i="12"/>
  <c r="BF68" i="12"/>
  <c r="BG68" i="12" s="1"/>
  <c r="BV68" i="12" s="1"/>
  <c r="CL67" i="12"/>
  <c r="CK67" i="12"/>
  <c r="CJ67" i="12"/>
  <c r="CI67" i="12"/>
  <c r="CH67" i="12"/>
  <c r="CG67" i="12"/>
  <c r="CF67" i="12"/>
  <c r="CE67" i="12"/>
  <c r="CD67" i="12"/>
  <c r="CC67" i="12"/>
  <c r="CB67" i="12"/>
  <c r="CA67" i="12"/>
  <c r="BZ67" i="12"/>
  <c r="BY67" i="12"/>
  <c r="BX67" i="12"/>
  <c r="BW67" i="12"/>
  <c r="BV67" i="12"/>
  <c r="BT67" i="12"/>
  <c r="BS67" i="12"/>
  <c r="BR67" i="12"/>
  <c r="BQ67" i="12"/>
  <c r="BP67" i="12"/>
  <c r="BO67" i="12"/>
  <c r="BN67" i="12"/>
  <c r="BM67" i="12"/>
  <c r="BL67" i="12"/>
  <c r="BK67" i="12"/>
  <c r="BJ67" i="12"/>
  <c r="BI67" i="12"/>
  <c r="BH67" i="12"/>
  <c r="BF67" i="12"/>
  <c r="BG67" i="12" s="1"/>
  <c r="BU67" i="12" s="1"/>
  <c r="CL66" i="12"/>
  <c r="CK66" i="12"/>
  <c r="CJ66" i="12"/>
  <c r="CI66" i="12"/>
  <c r="CH66" i="12"/>
  <c r="CG66" i="12"/>
  <c r="CF66" i="12"/>
  <c r="CE66" i="12"/>
  <c r="CD66" i="12"/>
  <c r="CC66" i="12"/>
  <c r="CB66" i="12"/>
  <c r="CA66" i="12"/>
  <c r="BZ66" i="12"/>
  <c r="BY66" i="12"/>
  <c r="BX66" i="12"/>
  <c r="BW66" i="12"/>
  <c r="BV66" i="12"/>
  <c r="BT66" i="12"/>
  <c r="BS66" i="12"/>
  <c r="BR66" i="12"/>
  <c r="BQ66" i="12"/>
  <c r="BP66" i="12"/>
  <c r="BO66" i="12"/>
  <c r="BN66" i="12"/>
  <c r="BM66" i="12"/>
  <c r="BL66" i="12"/>
  <c r="BK66" i="12"/>
  <c r="BJ66" i="12"/>
  <c r="BI66" i="12"/>
  <c r="BH66" i="12"/>
  <c r="BF66" i="12"/>
  <c r="BG66" i="12" s="1"/>
  <c r="BU66" i="12" s="1"/>
  <c r="CL65" i="12"/>
  <c r="CK65" i="12"/>
  <c r="CJ65" i="12"/>
  <c r="CI65" i="12"/>
  <c r="CH65" i="12"/>
  <c r="CG65" i="12"/>
  <c r="CF65" i="12"/>
  <c r="CE65" i="12"/>
  <c r="CD65" i="12"/>
  <c r="CC65" i="12"/>
  <c r="CB65" i="12"/>
  <c r="CA65" i="12"/>
  <c r="BZ65" i="12"/>
  <c r="BY65" i="12"/>
  <c r="BX65" i="12"/>
  <c r="BW65" i="12"/>
  <c r="BV65" i="12"/>
  <c r="BU65" i="12"/>
  <c r="BT65" i="12"/>
  <c r="BS65" i="12"/>
  <c r="BQ65" i="12"/>
  <c r="BP65" i="12"/>
  <c r="BO65" i="12"/>
  <c r="BN65" i="12"/>
  <c r="BM65" i="12"/>
  <c r="BL65" i="12"/>
  <c r="BK65" i="12"/>
  <c r="BJ65" i="12"/>
  <c r="BI65" i="12"/>
  <c r="BH65" i="12"/>
  <c r="BF65" i="12"/>
  <c r="BG65" i="12" s="1"/>
  <c r="BR65" i="12" s="1"/>
  <c r="CL64" i="12"/>
  <c r="CK64" i="12"/>
  <c r="CJ64" i="12"/>
  <c r="CI64" i="12"/>
  <c r="CH64" i="12"/>
  <c r="CG64" i="12"/>
  <c r="CF64" i="12"/>
  <c r="CE64" i="12"/>
  <c r="CD64" i="12"/>
  <c r="CC64" i="12"/>
  <c r="CB64" i="12"/>
  <c r="CA64" i="12"/>
  <c r="BZ64" i="12"/>
  <c r="BY64" i="12"/>
  <c r="BX64" i="12"/>
  <c r="BW64" i="12"/>
  <c r="BV64" i="12"/>
  <c r="BU64" i="12"/>
  <c r="BT64" i="12"/>
  <c r="BS64" i="12"/>
  <c r="BQ64" i="12"/>
  <c r="BP64" i="12"/>
  <c r="BO64" i="12"/>
  <c r="BN64" i="12"/>
  <c r="BM64" i="12"/>
  <c r="BL64" i="12"/>
  <c r="BK64" i="12"/>
  <c r="BJ64" i="12"/>
  <c r="BI64" i="12"/>
  <c r="BH64" i="12"/>
  <c r="BF64" i="12"/>
  <c r="BG64" i="12" s="1"/>
  <c r="BR64" i="12" s="1"/>
  <c r="CL63" i="12"/>
  <c r="CK63" i="12"/>
  <c r="CJ63" i="12"/>
  <c r="CI63" i="12"/>
  <c r="CH63" i="12"/>
  <c r="CG63" i="12"/>
  <c r="CF63" i="12"/>
  <c r="CE63" i="12"/>
  <c r="CD63" i="12"/>
  <c r="CC63" i="12"/>
  <c r="CB63" i="12"/>
  <c r="CA63" i="12"/>
  <c r="BZ63" i="12"/>
  <c r="BY63" i="12"/>
  <c r="BX63" i="12"/>
  <c r="BW63" i="12"/>
  <c r="BV63" i="12"/>
  <c r="BU63" i="12"/>
  <c r="BT63" i="12"/>
  <c r="BS63" i="12"/>
  <c r="BR63" i="12"/>
  <c r="BP63" i="12"/>
  <c r="BO63" i="12"/>
  <c r="BN63" i="12"/>
  <c r="BM63" i="12"/>
  <c r="BL63" i="12"/>
  <c r="BK63" i="12"/>
  <c r="BJ63" i="12"/>
  <c r="BI63" i="12"/>
  <c r="BH63" i="12"/>
  <c r="BF63" i="12"/>
  <c r="BG63" i="12" s="1"/>
  <c r="BQ63" i="12" s="1"/>
  <c r="CL62" i="12"/>
  <c r="CK62" i="12"/>
  <c r="CJ62" i="12"/>
  <c r="CI62" i="12"/>
  <c r="CH62" i="12"/>
  <c r="CG62" i="12"/>
  <c r="CF62" i="12"/>
  <c r="CE62" i="12"/>
  <c r="CD62" i="12"/>
  <c r="CC62" i="12"/>
  <c r="CB62" i="12"/>
  <c r="CA62" i="12"/>
  <c r="BZ62" i="12"/>
  <c r="BY62" i="12"/>
  <c r="BX62" i="12"/>
  <c r="BW62" i="12"/>
  <c r="BV62" i="12"/>
  <c r="BU62" i="12"/>
  <c r="BT62" i="12"/>
  <c r="BS62" i="12"/>
  <c r="BR62" i="12"/>
  <c r="BP62" i="12"/>
  <c r="BO62" i="12"/>
  <c r="BN62" i="12"/>
  <c r="BM62" i="12"/>
  <c r="BL62" i="12"/>
  <c r="BK62" i="12"/>
  <c r="BJ62" i="12"/>
  <c r="BI62" i="12"/>
  <c r="BH62" i="12"/>
  <c r="BF62" i="12"/>
  <c r="BG62" i="12" s="1"/>
  <c r="BQ62" i="12" s="1"/>
  <c r="CL61" i="12"/>
  <c r="CK61" i="12"/>
  <c r="CJ61" i="12"/>
  <c r="CI61" i="12"/>
  <c r="CH61" i="12"/>
  <c r="CG61" i="12"/>
  <c r="CF61" i="12"/>
  <c r="CE61" i="12"/>
  <c r="CD61" i="12"/>
  <c r="CC61" i="12"/>
  <c r="CB61" i="12"/>
  <c r="CA61" i="12"/>
  <c r="BZ61" i="12"/>
  <c r="BY61" i="12"/>
  <c r="BX61" i="12"/>
  <c r="BW61" i="12"/>
  <c r="BV61" i="12"/>
  <c r="BU61" i="12"/>
  <c r="BS61" i="12"/>
  <c r="BR61" i="12"/>
  <c r="BQ61" i="12"/>
  <c r="BP61" i="12"/>
  <c r="BO61" i="12"/>
  <c r="BN61" i="12"/>
  <c r="BM61" i="12"/>
  <c r="BL61" i="12"/>
  <c r="BK61" i="12"/>
  <c r="BJ61" i="12"/>
  <c r="BI61" i="12"/>
  <c r="BH61" i="12"/>
  <c r="BF61" i="12"/>
  <c r="BG61" i="12" s="1"/>
  <c r="BT61" i="12" s="1"/>
  <c r="CL60" i="12"/>
  <c r="CK60" i="12"/>
  <c r="CJ60" i="12"/>
  <c r="CI60" i="12"/>
  <c r="CH60" i="12"/>
  <c r="CG60" i="12"/>
  <c r="CF60" i="12"/>
  <c r="CE60" i="12"/>
  <c r="CD60" i="12"/>
  <c r="CC60" i="12"/>
  <c r="CB60" i="12"/>
  <c r="CA60" i="12"/>
  <c r="BZ60" i="12"/>
  <c r="BY60" i="12"/>
  <c r="BX60" i="12"/>
  <c r="BW60" i="12"/>
  <c r="BV60" i="12"/>
  <c r="BU60" i="12"/>
  <c r="BS60" i="12"/>
  <c r="BR60" i="12"/>
  <c r="BQ60" i="12"/>
  <c r="BP60" i="12"/>
  <c r="BO60" i="12"/>
  <c r="BN60" i="12"/>
  <c r="BM60" i="12"/>
  <c r="BL60" i="12"/>
  <c r="BK60" i="12"/>
  <c r="BJ60" i="12"/>
  <c r="BI60" i="12"/>
  <c r="BH60" i="12"/>
  <c r="BF60" i="12"/>
  <c r="BG60" i="12" s="1"/>
  <c r="BT60" i="12" s="1"/>
  <c r="CL59" i="12"/>
  <c r="CK59" i="12"/>
  <c r="CJ59" i="12"/>
  <c r="CI59" i="12"/>
  <c r="CH59" i="12"/>
  <c r="CG59" i="12"/>
  <c r="CF59" i="12"/>
  <c r="CE59" i="12"/>
  <c r="CD59" i="12"/>
  <c r="CC59" i="12"/>
  <c r="CB59" i="12"/>
  <c r="CA59" i="12"/>
  <c r="BZ59" i="12"/>
  <c r="BY59" i="12"/>
  <c r="BX59" i="12"/>
  <c r="BW59" i="12"/>
  <c r="BV59" i="12"/>
  <c r="BU59" i="12"/>
  <c r="BT59" i="12"/>
  <c r="BS59" i="12"/>
  <c r="BR59" i="12"/>
  <c r="BQ59" i="12"/>
  <c r="BO59" i="12"/>
  <c r="BN59" i="12"/>
  <c r="BM59" i="12"/>
  <c r="BL59" i="12"/>
  <c r="BK59" i="12"/>
  <c r="BJ59" i="12"/>
  <c r="BI59" i="12"/>
  <c r="BH59" i="12"/>
  <c r="BF59" i="12"/>
  <c r="BG59" i="12" s="1"/>
  <c r="BP59" i="12" s="1"/>
  <c r="CL58" i="12"/>
  <c r="CK58" i="12"/>
  <c r="CJ58" i="12"/>
  <c r="CI58" i="12"/>
  <c r="CH58" i="12"/>
  <c r="CG58" i="12"/>
  <c r="CF58" i="12"/>
  <c r="CE58" i="12"/>
  <c r="CD58" i="12"/>
  <c r="CC58" i="12"/>
  <c r="CB58" i="12"/>
  <c r="CA58" i="12"/>
  <c r="BZ58" i="12"/>
  <c r="BY58" i="12"/>
  <c r="BX58" i="12"/>
  <c r="BW58" i="12"/>
  <c r="BV58" i="12"/>
  <c r="BU58" i="12"/>
  <c r="BT58" i="12"/>
  <c r="BS58" i="12"/>
  <c r="BR58" i="12"/>
  <c r="BQ58" i="12"/>
  <c r="BO58" i="12"/>
  <c r="BN58" i="12"/>
  <c r="BM58" i="12"/>
  <c r="BL58" i="12"/>
  <c r="BK58" i="12"/>
  <c r="BJ58" i="12"/>
  <c r="BI58" i="12"/>
  <c r="BH58" i="12"/>
  <c r="BF58" i="12"/>
  <c r="BG58" i="12" s="1"/>
  <c r="BP58" i="12" s="1"/>
  <c r="CL57" i="12"/>
  <c r="CK57" i="12"/>
  <c r="CJ57" i="12"/>
  <c r="CI57" i="12"/>
  <c r="CH57" i="12"/>
  <c r="CG57" i="12"/>
  <c r="CF57" i="12"/>
  <c r="CE57" i="12"/>
  <c r="CD57" i="12"/>
  <c r="CC57" i="12"/>
  <c r="CB57" i="12"/>
  <c r="CA57" i="12"/>
  <c r="BZ57" i="12"/>
  <c r="BY57" i="12"/>
  <c r="BX57" i="12"/>
  <c r="BW57" i="12"/>
  <c r="BV57" i="12"/>
  <c r="BU57" i="12"/>
  <c r="BT57" i="12"/>
  <c r="BS57" i="12"/>
  <c r="BR57" i="12"/>
  <c r="BQ57" i="12"/>
  <c r="BP57" i="12"/>
  <c r="BO57" i="12"/>
  <c r="BN57" i="12"/>
  <c r="BL57" i="12"/>
  <c r="BK57" i="12"/>
  <c r="BJ57" i="12"/>
  <c r="BI57" i="12"/>
  <c r="BH57" i="12"/>
  <c r="BF57" i="12"/>
  <c r="BG57" i="12" s="1"/>
  <c r="BM57" i="12" s="1"/>
  <c r="CL56" i="12"/>
  <c r="CK56" i="12"/>
  <c r="CJ56" i="12"/>
  <c r="CI56" i="12"/>
  <c r="CH56" i="12"/>
  <c r="CG56" i="12"/>
  <c r="CF56" i="12"/>
  <c r="CE56" i="12"/>
  <c r="CD56" i="12"/>
  <c r="CC56" i="12"/>
  <c r="CB56" i="12"/>
  <c r="CA56" i="12"/>
  <c r="BZ56" i="12"/>
  <c r="BY56" i="12"/>
  <c r="BX56" i="12"/>
  <c r="BW56" i="12"/>
  <c r="BV56" i="12"/>
  <c r="BU56" i="12"/>
  <c r="BT56" i="12"/>
  <c r="BS56" i="12"/>
  <c r="BR56" i="12"/>
  <c r="BQ56" i="12"/>
  <c r="BP56" i="12"/>
  <c r="BO56" i="12"/>
  <c r="BN56" i="12"/>
  <c r="BL56" i="12"/>
  <c r="BK56" i="12"/>
  <c r="BJ56" i="12"/>
  <c r="BI56" i="12"/>
  <c r="BH56" i="12"/>
  <c r="BF56" i="12"/>
  <c r="BG56" i="12" s="1"/>
  <c r="BM56" i="12" s="1"/>
  <c r="CL55" i="12"/>
  <c r="CK55" i="12"/>
  <c r="CJ55" i="12"/>
  <c r="CI55" i="12"/>
  <c r="CH55" i="12"/>
  <c r="CG55" i="12"/>
  <c r="CF55" i="12"/>
  <c r="CE55" i="12"/>
  <c r="CD55" i="12"/>
  <c r="CC55" i="12"/>
  <c r="CB55" i="12"/>
  <c r="CA55" i="12"/>
  <c r="BZ55" i="12"/>
  <c r="BY55" i="12"/>
  <c r="BX55" i="12"/>
  <c r="BW55" i="12"/>
  <c r="BV55" i="12"/>
  <c r="BU55" i="12"/>
  <c r="BT55" i="12"/>
  <c r="BS55" i="12"/>
  <c r="BR55" i="12"/>
  <c r="BQ55" i="12"/>
  <c r="BP55" i="12"/>
  <c r="BN55" i="12"/>
  <c r="BM55" i="12"/>
  <c r="BL55" i="12"/>
  <c r="BK55" i="12"/>
  <c r="BJ55" i="12"/>
  <c r="BI55" i="12"/>
  <c r="BH55" i="12"/>
  <c r="BF55" i="12"/>
  <c r="BG55" i="12" s="1"/>
  <c r="BO55" i="12" s="1"/>
  <c r="CL54" i="12"/>
  <c r="CK54" i="12"/>
  <c r="CJ54" i="12"/>
  <c r="CI54" i="12"/>
  <c r="CH54" i="12"/>
  <c r="CG54" i="12"/>
  <c r="CF54" i="12"/>
  <c r="CE54" i="12"/>
  <c r="CD54" i="12"/>
  <c r="CC54" i="12"/>
  <c r="CB54" i="12"/>
  <c r="CA54" i="12"/>
  <c r="BZ54" i="12"/>
  <c r="BY54" i="12"/>
  <c r="BX54" i="12"/>
  <c r="BW54" i="12"/>
  <c r="BV54" i="12"/>
  <c r="BU54" i="12"/>
  <c r="BT54" i="12"/>
  <c r="BS54" i="12"/>
  <c r="BR54" i="12"/>
  <c r="BQ54" i="12"/>
  <c r="BP54" i="12"/>
  <c r="BN54" i="12"/>
  <c r="BM54" i="12"/>
  <c r="BL54" i="12"/>
  <c r="BK54" i="12"/>
  <c r="BJ54" i="12"/>
  <c r="BI54" i="12"/>
  <c r="BH54" i="12"/>
  <c r="BF54" i="12"/>
  <c r="BG54" i="12" s="1"/>
  <c r="BO54" i="12" s="1"/>
  <c r="CL53" i="12"/>
  <c r="CK53" i="12"/>
  <c r="CJ53" i="12"/>
  <c r="CI53" i="12"/>
  <c r="CH53" i="12"/>
  <c r="CG53" i="12"/>
  <c r="CF53" i="12"/>
  <c r="CE53" i="12"/>
  <c r="CD53" i="12"/>
  <c r="CC53" i="12"/>
  <c r="CB53" i="12"/>
  <c r="CA53" i="12"/>
  <c r="BZ53" i="12"/>
  <c r="BY53" i="12"/>
  <c r="BX53" i="12"/>
  <c r="BW53" i="12"/>
  <c r="BV53" i="12"/>
  <c r="BU53" i="12"/>
  <c r="BT53" i="12"/>
  <c r="BS53" i="12"/>
  <c r="BR53" i="12"/>
  <c r="BQ53" i="12"/>
  <c r="BP53" i="12"/>
  <c r="BO53" i="12"/>
  <c r="BM53" i="12"/>
  <c r="BL53" i="12"/>
  <c r="BK53" i="12"/>
  <c r="BJ53" i="12"/>
  <c r="BI53" i="12"/>
  <c r="BH53" i="12"/>
  <c r="BF53" i="12"/>
  <c r="BG53" i="12" s="1"/>
  <c r="BN53" i="12" s="1"/>
  <c r="CL52" i="12"/>
  <c r="CK52" i="12"/>
  <c r="CJ52" i="12"/>
  <c r="CI52" i="12"/>
  <c r="CH52" i="12"/>
  <c r="CG52" i="12"/>
  <c r="CF52" i="12"/>
  <c r="CE52" i="12"/>
  <c r="CD52" i="12"/>
  <c r="CC52" i="12"/>
  <c r="CB52" i="12"/>
  <c r="CA52" i="12"/>
  <c r="BZ52" i="12"/>
  <c r="BY52" i="12"/>
  <c r="BX52" i="12"/>
  <c r="BW52" i="12"/>
  <c r="BV52" i="12"/>
  <c r="BU52" i="12"/>
  <c r="BT52" i="12"/>
  <c r="BS52" i="12"/>
  <c r="BR52" i="12"/>
  <c r="BQ52" i="12"/>
  <c r="BP52" i="12"/>
  <c r="BO52" i="12"/>
  <c r="BM52" i="12"/>
  <c r="BL52" i="12"/>
  <c r="BK52" i="12"/>
  <c r="BJ52" i="12"/>
  <c r="BI52" i="12"/>
  <c r="BH52" i="12"/>
  <c r="BF52" i="12"/>
  <c r="BG52" i="12" s="1"/>
  <c r="BN52" i="12" s="1"/>
  <c r="CL51" i="12"/>
  <c r="CK51" i="12"/>
  <c r="CJ51" i="12"/>
  <c r="CI51" i="12"/>
  <c r="CH51" i="12"/>
  <c r="CG51" i="12"/>
  <c r="CF51" i="12"/>
  <c r="CE51" i="12"/>
  <c r="CD51" i="12"/>
  <c r="CC51" i="12"/>
  <c r="CB51" i="12"/>
  <c r="CA51" i="12"/>
  <c r="BZ51" i="12"/>
  <c r="BY51" i="12"/>
  <c r="BX51" i="12"/>
  <c r="BW51" i="12"/>
  <c r="BV51" i="12"/>
  <c r="BU51" i="12"/>
  <c r="BT51" i="12"/>
  <c r="BS51" i="12"/>
  <c r="BR51" i="12"/>
  <c r="BQ51" i="12"/>
  <c r="BP51" i="12"/>
  <c r="BO51" i="12"/>
  <c r="BN51" i="12"/>
  <c r="BM51" i="12"/>
  <c r="BK51" i="12"/>
  <c r="BJ51" i="12"/>
  <c r="BI51" i="12"/>
  <c r="BH51" i="12"/>
  <c r="BF51" i="12"/>
  <c r="BG51" i="12" s="1"/>
  <c r="BL51" i="12" s="1"/>
  <c r="CL50" i="12"/>
  <c r="CK50" i="12"/>
  <c r="CJ50" i="12"/>
  <c r="CI50" i="12"/>
  <c r="CH50" i="12"/>
  <c r="CG50" i="12"/>
  <c r="CF50" i="12"/>
  <c r="CE50" i="12"/>
  <c r="CD50" i="12"/>
  <c r="CC50" i="12"/>
  <c r="CB50" i="12"/>
  <c r="CA50" i="12"/>
  <c r="BZ50" i="12"/>
  <c r="BY50" i="12"/>
  <c r="BX50" i="12"/>
  <c r="BW50" i="12"/>
  <c r="BV50" i="12"/>
  <c r="BU50" i="12"/>
  <c r="BT50" i="12"/>
  <c r="BS50" i="12"/>
  <c r="BR50" i="12"/>
  <c r="BQ50" i="12"/>
  <c r="BP50" i="12"/>
  <c r="BO50" i="12"/>
  <c r="BN50" i="12"/>
  <c r="BM50" i="12"/>
  <c r="BK50" i="12"/>
  <c r="BJ50" i="12"/>
  <c r="BI50" i="12"/>
  <c r="BH50" i="12"/>
  <c r="BF50" i="12"/>
  <c r="BG50" i="12" s="1"/>
  <c r="BL50" i="12" s="1"/>
  <c r="CL49" i="12"/>
  <c r="CK49" i="12"/>
  <c r="CJ49" i="12"/>
  <c r="CI49" i="12"/>
  <c r="CH49" i="12"/>
  <c r="CG49" i="12"/>
  <c r="CF49" i="12"/>
  <c r="CE49" i="12"/>
  <c r="CD49" i="12"/>
  <c r="CC49" i="12"/>
  <c r="CB49" i="12"/>
  <c r="CA49" i="12"/>
  <c r="BZ49" i="12"/>
  <c r="BY49" i="12"/>
  <c r="BX49" i="12"/>
  <c r="BW49" i="12"/>
  <c r="BV49" i="12"/>
  <c r="BU49" i="12"/>
  <c r="BT49" i="12"/>
  <c r="BS49" i="12"/>
  <c r="BR49" i="12"/>
  <c r="BQ49" i="12"/>
  <c r="BP49" i="12"/>
  <c r="BO49" i="12"/>
  <c r="BN49" i="12"/>
  <c r="BM49" i="12"/>
  <c r="BL49" i="12"/>
  <c r="BK49" i="12"/>
  <c r="BJ49" i="12"/>
  <c r="BH49" i="12"/>
  <c r="BF49" i="12"/>
  <c r="BG49" i="12" s="1"/>
  <c r="BI49" i="12" s="1"/>
  <c r="CL48" i="12"/>
  <c r="CK48" i="12"/>
  <c r="CJ48" i="12"/>
  <c r="CI48" i="12"/>
  <c r="CH48" i="12"/>
  <c r="CG48" i="12"/>
  <c r="CF48" i="12"/>
  <c r="CE48" i="12"/>
  <c r="CD48" i="12"/>
  <c r="CC48" i="12"/>
  <c r="CB48" i="12"/>
  <c r="CA48" i="12"/>
  <c r="BZ48" i="12"/>
  <c r="BY48" i="12"/>
  <c r="BX48" i="12"/>
  <c r="BW48" i="12"/>
  <c r="BV48" i="12"/>
  <c r="BU48" i="12"/>
  <c r="BT48" i="12"/>
  <c r="BS48" i="12"/>
  <c r="BR48" i="12"/>
  <c r="BQ48" i="12"/>
  <c r="BP48" i="12"/>
  <c r="BO48" i="12"/>
  <c r="BN48" i="12"/>
  <c r="BM48" i="12"/>
  <c r="BL48" i="12"/>
  <c r="BK48" i="12"/>
  <c r="BJ48" i="12"/>
  <c r="BH48" i="12"/>
  <c r="BF48" i="12"/>
  <c r="BG48" i="12" s="1"/>
  <c r="BI48" i="12" s="1"/>
  <c r="CL47" i="12"/>
  <c r="CK47" i="12"/>
  <c r="CJ47" i="12"/>
  <c r="CI47" i="12"/>
  <c r="CH47" i="12"/>
  <c r="CG47" i="12"/>
  <c r="CF47" i="12"/>
  <c r="CE47" i="12"/>
  <c r="CD47" i="12"/>
  <c r="CC47" i="12"/>
  <c r="CB47" i="12"/>
  <c r="CA47" i="12"/>
  <c r="BZ47" i="12"/>
  <c r="BY47" i="12"/>
  <c r="BX47" i="12"/>
  <c r="BW47" i="12"/>
  <c r="BV47" i="12"/>
  <c r="BU47" i="12"/>
  <c r="BT47" i="12"/>
  <c r="BS47" i="12"/>
  <c r="BR47" i="12"/>
  <c r="BQ47" i="12"/>
  <c r="BP47" i="12"/>
  <c r="BO47" i="12"/>
  <c r="BN47" i="12"/>
  <c r="BM47" i="12"/>
  <c r="BL47" i="12"/>
  <c r="BJ47" i="12"/>
  <c r="BI47" i="12"/>
  <c r="BH47" i="12"/>
  <c r="BF47" i="12"/>
  <c r="BG47" i="12" s="1"/>
  <c r="BK47" i="12" s="1"/>
  <c r="CL46" i="12"/>
  <c r="CK46" i="12"/>
  <c r="CJ46" i="12"/>
  <c r="CI46" i="12"/>
  <c r="CH46" i="12"/>
  <c r="CG46" i="12"/>
  <c r="CF46" i="12"/>
  <c r="CE46" i="12"/>
  <c r="CD46" i="12"/>
  <c r="CC46" i="12"/>
  <c r="CB46" i="12"/>
  <c r="CA46" i="12"/>
  <c r="BZ46" i="12"/>
  <c r="BY46" i="12"/>
  <c r="BX46" i="12"/>
  <c r="BW46" i="12"/>
  <c r="BV46" i="12"/>
  <c r="BU46" i="12"/>
  <c r="BT46" i="12"/>
  <c r="BS46" i="12"/>
  <c r="BR46" i="12"/>
  <c r="BQ46" i="12"/>
  <c r="BP46" i="12"/>
  <c r="BO46" i="12"/>
  <c r="BN46" i="12"/>
  <c r="BM46" i="12"/>
  <c r="BL46" i="12"/>
  <c r="BJ46" i="12"/>
  <c r="BI46" i="12"/>
  <c r="BH46" i="12"/>
  <c r="BF46" i="12"/>
  <c r="BG46" i="12" s="1"/>
  <c r="BK46" i="12" s="1"/>
  <c r="CL45" i="12"/>
  <c r="CK45" i="12"/>
  <c r="CJ45" i="12"/>
  <c r="CI45" i="12"/>
  <c r="CH45" i="12"/>
  <c r="CG45" i="12"/>
  <c r="CF45" i="12"/>
  <c r="CE45" i="12"/>
  <c r="CD45" i="12"/>
  <c r="CC45" i="12"/>
  <c r="CB45" i="12"/>
  <c r="CA45" i="12"/>
  <c r="BZ45" i="12"/>
  <c r="BY45" i="12"/>
  <c r="BX45" i="12"/>
  <c r="BW45" i="12"/>
  <c r="BV45" i="12"/>
  <c r="BU45" i="12"/>
  <c r="BT45" i="12"/>
  <c r="BS45" i="12"/>
  <c r="BR45" i="12"/>
  <c r="BQ45" i="12"/>
  <c r="BP45" i="12"/>
  <c r="BO45" i="12"/>
  <c r="BN45" i="12"/>
  <c r="BM45" i="12"/>
  <c r="BL45" i="12"/>
  <c r="BK45" i="12"/>
  <c r="BI45" i="12"/>
  <c r="BH45" i="12"/>
  <c r="BF45" i="12"/>
  <c r="BG45" i="12" s="1"/>
  <c r="BJ45" i="12" s="1"/>
  <c r="CL44" i="12"/>
  <c r="CK44" i="12"/>
  <c r="CJ44" i="12"/>
  <c r="CI44" i="12"/>
  <c r="CH44" i="12"/>
  <c r="CG44" i="12"/>
  <c r="CF44" i="12"/>
  <c r="CE44" i="12"/>
  <c r="CD44" i="12"/>
  <c r="CC44" i="12"/>
  <c r="CB44" i="12"/>
  <c r="CA44" i="12"/>
  <c r="BZ44" i="12"/>
  <c r="BY44" i="12"/>
  <c r="BX44" i="12"/>
  <c r="BW44" i="12"/>
  <c r="BV44" i="12"/>
  <c r="BU44" i="12"/>
  <c r="BT44" i="12"/>
  <c r="BS44" i="12"/>
  <c r="BR44" i="12"/>
  <c r="BQ44" i="12"/>
  <c r="BP44" i="12"/>
  <c r="BO44" i="12"/>
  <c r="BN44" i="12"/>
  <c r="BM44" i="12"/>
  <c r="BL44" i="12"/>
  <c r="BK44" i="12"/>
  <c r="BI44" i="12"/>
  <c r="BH44" i="12"/>
  <c r="BF44" i="12"/>
  <c r="BG44" i="12" s="1"/>
  <c r="BJ44" i="12" s="1"/>
  <c r="CL43" i="12"/>
  <c r="CK43" i="12"/>
  <c r="CJ43" i="12"/>
  <c r="CI43" i="12"/>
  <c r="CH43" i="12"/>
  <c r="CG43" i="12"/>
  <c r="CF43" i="12"/>
  <c r="CE43" i="12"/>
  <c r="CD43" i="12"/>
  <c r="CC43" i="12"/>
  <c r="CB43" i="12"/>
  <c r="CA43" i="12"/>
  <c r="BZ43" i="12"/>
  <c r="BY43" i="12"/>
  <c r="BX43" i="12"/>
  <c r="BW43" i="12"/>
  <c r="BV43" i="12"/>
  <c r="BU43" i="12"/>
  <c r="BT43" i="12"/>
  <c r="BS43" i="12"/>
  <c r="BR43" i="12"/>
  <c r="BQ43" i="12"/>
  <c r="BP43" i="12"/>
  <c r="BO43" i="12"/>
  <c r="BN43" i="12"/>
  <c r="BM43" i="12"/>
  <c r="BL43" i="12"/>
  <c r="BK43" i="12"/>
  <c r="BJ43" i="12"/>
  <c r="BI43" i="12"/>
  <c r="BF43" i="12"/>
  <c r="BG43" i="12" s="1"/>
  <c r="BH43" i="12" s="1"/>
  <c r="CL42" i="12"/>
  <c r="CK42" i="12"/>
  <c r="CJ42" i="12"/>
  <c r="CI42" i="12"/>
  <c r="CH42" i="12"/>
  <c r="CG42" i="12"/>
  <c r="CF42" i="12"/>
  <c r="CE42" i="12"/>
  <c r="CD42" i="12"/>
  <c r="CC42" i="12"/>
  <c r="CB42" i="12"/>
  <c r="CA42" i="12"/>
  <c r="BZ42" i="12"/>
  <c r="BY42" i="12"/>
  <c r="BX42" i="12"/>
  <c r="BW42" i="12"/>
  <c r="BV42" i="12"/>
  <c r="BU42" i="12"/>
  <c r="BT42" i="12"/>
  <c r="BS42" i="12"/>
  <c r="BR42" i="12"/>
  <c r="BQ42" i="12"/>
  <c r="BP42" i="12"/>
  <c r="BO42" i="12"/>
  <c r="BN42" i="12"/>
  <c r="BM42" i="12"/>
  <c r="BL42" i="12"/>
  <c r="BK42" i="12"/>
  <c r="BJ42" i="12"/>
  <c r="BI42" i="12"/>
  <c r="BF42" i="12"/>
  <c r="BG42" i="12" s="1"/>
  <c r="BH42" i="12" s="1"/>
  <c r="CL41" i="12"/>
  <c r="CK41" i="12"/>
  <c r="CJ41" i="12"/>
  <c r="CI41" i="12"/>
  <c r="CH41" i="12"/>
  <c r="CG41" i="12"/>
  <c r="CF41" i="12"/>
  <c r="CE41" i="12"/>
  <c r="CD41" i="12"/>
  <c r="CC41" i="12"/>
  <c r="CB41" i="12"/>
  <c r="CA41" i="12"/>
  <c r="BZ41" i="12"/>
  <c r="BY41" i="12"/>
  <c r="BX41" i="12"/>
  <c r="BW41" i="12"/>
  <c r="BV41" i="12"/>
  <c r="BU41" i="12"/>
  <c r="BT41" i="12"/>
  <c r="BS41" i="12"/>
  <c r="BR41" i="12"/>
  <c r="BQ41" i="12"/>
  <c r="BP41" i="12"/>
  <c r="BO41" i="12"/>
  <c r="BN41" i="12"/>
  <c r="BM41" i="12"/>
  <c r="BL41" i="12"/>
  <c r="BK41" i="12"/>
  <c r="BJ41" i="12"/>
  <c r="BI41" i="12"/>
  <c r="BH41" i="12"/>
  <c r="BF41" i="12"/>
  <c r="CL40" i="12"/>
  <c r="CK40" i="12"/>
  <c r="CJ40" i="12"/>
  <c r="CI40" i="12"/>
  <c r="CH40" i="12"/>
  <c r="CG40" i="12"/>
  <c r="CF40" i="12"/>
  <c r="CE40" i="12"/>
  <c r="CD40" i="12"/>
  <c r="CC40" i="12"/>
  <c r="CB40" i="12"/>
  <c r="CA40" i="12"/>
  <c r="BZ40" i="12"/>
  <c r="BY40" i="12"/>
  <c r="BX40" i="12"/>
  <c r="BW40" i="12"/>
  <c r="BV40" i="12"/>
  <c r="BU40" i="12"/>
  <c r="BT40" i="12"/>
  <c r="BS40" i="12"/>
  <c r="BR40" i="12"/>
  <c r="BQ40" i="12"/>
  <c r="BP40" i="12"/>
  <c r="BO40" i="12"/>
  <c r="BN40" i="12"/>
  <c r="BM40" i="12"/>
  <c r="BL40" i="12"/>
  <c r="BK40" i="12"/>
  <c r="BJ40" i="12"/>
  <c r="BI40" i="12"/>
  <c r="BH40" i="12"/>
  <c r="BF40" i="12"/>
  <c r="Y40" i="12"/>
  <c r="CL39" i="12"/>
  <c r="CK39" i="12"/>
  <c r="CJ39" i="12"/>
  <c r="CI39" i="12"/>
  <c r="CH39" i="12"/>
  <c r="CG39" i="12"/>
  <c r="CF39" i="12"/>
  <c r="CE39" i="12"/>
  <c r="CD39" i="12"/>
  <c r="CC39" i="12"/>
  <c r="CB39" i="12"/>
  <c r="CA39" i="12"/>
  <c r="BZ39" i="12"/>
  <c r="BY39" i="12"/>
  <c r="BF39" i="12"/>
  <c r="Y39" i="12"/>
  <c r="CL38" i="12"/>
  <c r="CK38" i="12"/>
  <c r="CJ38" i="12"/>
  <c r="CI38" i="12"/>
  <c r="CH38" i="12"/>
  <c r="CG38" i="12"/>
  <c r="CF38" i="12"/>
  <c r="CE38" i="12"/>
  <c r="CD38" i="12"/>
  <c r="CC38" i="12"/>
  <c r="CB38" i="12"/>
  <c r="CA38" i="12"/>
  <c r="BZ38" i="12"/>
  <c r="BY38" i="12"/>
  <c r="BX38" i="12"/>
  <c r="BW38" i="12"/>
  <c r="BV38" i="12"/>
  <c r="BU38" i="12"/>
  <c r="BT38" i="12"/>
  <c r="BS38" i="12"/>
  <c r="BR38" i="12"/>
  <c r="BQ38" i="12"/>
  <c r="BP38" i="12"/>
  <c r="BO38" i="12"/>
  <c r="BN38" i="12"/>
  <c r="BM38" i="12"/>
  <c r="BL38" i="12"/>
  <c r="BK38" i="12"/>
  <c r="BJ38" i="12"/>
  <c r="BI38" i="12"/>
  <c r="BH38" i="12"/>
  <c r="BF38" i="12"/>
  <c r="CL37" i="12"/>
  <c r="CK37" i="12"/>
  <c r="CJ37" i="12"/>
  <c r="CI37" i="12"/>
  <c r="CH37" i="12"/>
  <c r="CG37" i="12"/>
  <c r="CF37" i="12"/>
  <c r="CE37" i="12"/>
  <c r="CD37" i="12"/>
  <c r="CC37" i="12"/>
  <c r="CB37" i="12"/>
  <c r="CA37" i="12"/>
  <c r="BZ37" i="12"/>
  <c r="BY37" i="12"/>
  <c r="BX37" i="12"/>
  <c r="BW37" i="12"/>
  <c r="BV37" i="12"/>
  <c r="BU37" i="12"/>
  <c r="BT37" i="12"/>
  <c r="BS37" i="12"/>
  <c r="BR37" i="12"/>
  <c r="BQ37" i="12"/>
  <c r="BP37" i="12"/>
  <c r="BO37" i="12"/>
  <c r="BN37" i="12"/>
  <c r="BM37" i="12"/>
  <c r="BL37" i="12"/>
  <c r="BK37" i="12"/>
  <c r="BJ37" i="12"/>
  <c r="BI37" i="12"/>
  <c r="BH37" i="12"/>
  <c r="BF37" i="12"/>
  <c r="CL36" i="12"/>
  <c r="CK36" i="12"/>
  <c r="CJ36" i="12"/>
  <c r="CI36" i="12"/>
  <c r="CH36" i="12"/>
  <c r="CG36" i="12"/>
  <c r="CF36" i="12"/>
  <c r="CE36" i="12"/>
  <c r="CD36" i="12"/>
  <c r="CC36" i="12"/>
  <c r="CB36" i="12"/>
  <c r="CA36" i="12"/>
  <c r="BZ36" i="12"/>
  <c r="BY36" i="12"/>
  <c r="BX36" i="12"/>
  <c r="BW36" i="12"/>
  <c r="BV36" i="12"/>
  <c r="BU36" i="12"/>
  <c r="BT36" i="12"/>
  <c r="BS36" i="12"/>
  <c r="BR36" i="12"/>
  <c r="BQ36" i="12"/>
  <c r="BP36" i="12"/>
  <c r="BO36" i="12"/>
  <c r="BN36" i="12"/>
  <c r="BM36" i="12"/>
  <c r="BL36" i="12"/>
  <c r="BK36" i="12"/>
  <c r="BJ36" i="12"/>
  <c r="BI36" i="12"/>
  <c r="BH36" i="12"/>
  <c r="BF36" i="12"/>
  <c r="CL35" i="12"/>
  <c r="CK35" i="12"/>
  <c r="CJ35" i="12"/>
  <c r="CI35" i="12"/>
  <c r="CH35" i="12"/>
  <c r="CG35" i="12"/>
  <c r="CF35" i="12"/>
  <c r="CE35" i="12"/>
  <c r="CD35" i="12"/>
  <c r="CC35" i="12"/>
  <c r="CB35" i="12"/>
  <c r="CA35" i="12"/>
  <c r="BZ35" i="12"/>
  <c r="BY35" i="12"/>
  <c r="BX35" i="12"/>
  <c r="BW35" i="12"/>
  <c r="BV35" i="12"/>
  <c r="BU35" i="12"/>
  <c r="BT35" i="12"/>
  <c r="BS35" i="12"/>
  <c r="BR35" i="12"/>
  <c r="BQ35" i="12"/>
  <c r="BP35" i="12"/>
  <c r="BO35" i="12"/>
  <c r="BN35" i="12"/>
  <c r="BM35" i="12"/>
  <c r="BL35" i="12"/>
  <c r="BK35" i="12"/>
  <c r="BJ35" i="12"/>
  <c r="BI35" i="12"/>
  <c r="BH35" i="12"/>
  <c r="BF35" i="12"/>
  <c r="Y35" i="12"/>
  <c r="CL34" i="12"/>
  <c r="CK34" i="12"/>
  <c r="CJ34" i="12"/>
  <c r="CI34" i="12"/>
  <c r="CH34" i="12"/>
  <c r="CG34" i="12"/>
  <c r="CF34" i="12"/>
  <c r="CE34" i="12"/>
  <c r="CD34" i="12"/>
  <c r="CC34" i="12"/>
  <c r="CB34" i="12"/>
  <c r="CA34" i="12"/>
  <c r="BZ34" i="12"/>
  <c r="BY34" i="12"/>
  <c r="BX34" i="12"/>
  <c r="BW34" i="12"/>
  <c r="BV34" i="12"/>
  <c r="BU34" i="12"/>
  <c r="BT34" i="12"/>
  <c r="BS34" i="12"/>
  <c r="BR34" i="12"/>
  <c r="BQ34" i="12"/>
  <c r="BP34" i="12"/>
  <c r="BO34" i="12"/>
  <c r="BN34" i="12"/>
  <c r="BM34" i="12"/>
  <c r="BL34" i="12"/>
  <c r="BK34" i="12"/>
  <c r="BJ34" i="12"/>
  <c r="BI34" i="12"/>
  <c r="BH34" i="12"/>
  <c r="BF34" i="12"/>
  <c r="CL33" i="12"/>
  <c r="CK33" i="12"/>
  <c r="CJ33" i="12"/>
  <c r="CI33" i="12"/>
  <c r="CH33" i="12"/>
  <c r="CG33" i="12"/>
  <c r="CF33" i="12"/>
  <c r="CE33" i="12"/>
  <c r="CD33" i="12"/>
  <c r="CC33" i="12"/>
  <c r="CB33" i="12"/>
  <c r="CA33" i="12"/>
  <c r="BZ33" i="12"/>
  <c r="BY33" i="12"/>
  <c r="BF33" i="12"/>
  <c r="Y33" i="12"/>
  <c r="CL32" i="12"/>
  <c r="CK32" i="12"/>
  <c r="CJ32" i="12"/>
  <c r="CI32" i="12"/>
  <c r="CH32" i="12"/>
  <c r="CG32" i="12"/>
  <c r="CF32" i="12"/>
  <c r="CE32" i="12"/>
  <c r="CD32" i="12"/>
  <c r="CC32" i="12"/>
  <c r="CB32" i="12"/>
  <c r="CA32" i="12"/>
  <c r="BZ32" i="12"/>
  <c r="BY32" i="12"/>
  <c r="BF32" i="12"/>
  <c r="Y32" i="12"/>
  <c r="BF31" i="12"/>
  <c r="Y31" i="12"/>
  <c r="BF30" i="12"/>
  <c r="Y30" i="12"/>
  <c r="CL29" i="12"/>
  <c r="CK29" i="12"/>
  <c r="CJ29" i="12"/>
  <c r="CI29" i="12"/>
  <c r="CH29" i="12"/>
  <c r="CG29" i="12"/>
  <c r="CF29" i="12"/>
  <c r="CE29" i="12"/>
  <c r="CD29" i="12"/>
  <c r="CC29" i="12"/>
  <c r="CB29" i="12"/>
  <c r="CA29" i="12"/>
  <c r="BZ29" i="12"/>
  <c r="BY29" i="12"/>
  <c r="BX29" i="12"/>
  <c r="BW29" i="12"/>
  <c r="BV29" i="12"/>
  <c r="BU29" i="12"/>
  <c r="BT29" i="12"/>
  <c r="BS29" i="12"/>
  <c r="BR29" i="12"/>
  <c r="BQ29" i="12"/>
  <c r="BP29" i="12"/>
  <c r="BO29" i="12"/>
  <c r="BN29" i="12"/>
  <c r="BM29" i="12"/>
  <c r="BL29" i="12"/>
  <c r="BK29" i="12"/>
  <c r="BJ29" i="12"/>
  <c r="BI29" i="12"/>
  <c r="BH29" i="12"/>
  <c r="BF29" i="12"/>
  <c r="CL28" i="12"/>
  <c r="CK28" i="12"/>
  <c r="CJ28" i="12"/>
  <c r="CI28" i="12"/>
  <c r="CH28" i="12"/>
  <c r="CG28" i="12"/>
  <c r="CF28" i="12"/>
  <c r="CE28" i="12"/>
  <c r="CD28" i="12"/>
  <c r="CC28" i="12"/>
  <c r="CB28" i="12"/>
  <c r="CA28" i="12"/>
  <c r="BZ28" i="12"/>
  <c r="BY28" i="12"/>
  <c r="BX28" i="12"/>
  <c r="BW28" i="12"/>
  <c r="BV28" i="12"/>
  <c r="BU28" i="12"/>
  <c r="BT28" i="12"/>
  <c r="BS28" i="12"/>
  <c r="BR28" i="12"/>
  <c r="BQ28" i="12"/>
  <c r="BP28" i="12"/>
  <c r="BO28" i="12"/>
  <c r="BN28" i="12"/>
  <c r="BM28" i="12"/>
  <c r="BL28" i="12"/>
  <c r="BK28" i="12"/>
  <c r="BJ28" i="12"/>
  <c r="BI28" i="12"/>
  <c r="BH28" i="12"/>
  <c r="BF28" i="12"/>
  <c r="CL27" i="12"/>
  <c r="CK27" i="12"/>
  <c r="CJ27" i="12"/>
  <c r="CI27" i="12"/>
  <c r="CH27" i="12"/>
  <c r="CG27" i="12"/>
  <c r="CF27" i="12"/>
  <c r="CE27" i="12"/>
  <c r="CD27" i="12"/>
  <c r="CC27" i="12"/>
  <c r="CB27" i="12"/>
  <c r="CA27" i="12"/>
  <c r="BZ27" i="12"/>
  <c r="BY27" i="12"/>
  <c r="BX27" i="12"/>
  <c r="BW27" i="12"/>
  <c r="BV27" i="12"/>
  <c r="BU27" i="12"/>
  <c r="BT27" i="12"/>
  <c r="BS27" i="12"/>
  <c r="BR27" i="12"/>
  <c r="BQ27" i="12"/>
  <c r="BP27" i="12"/>
  <c r="BO27" i="12"/>
  <c r="BN27" i="12"/>
  <c r="BM27" i="12"/>
  <c r="BL27" i="12"/>
  <c r="BK27" i="12"/>
  <c r="BJ27" i="12"/>
  <c r="BI27" i="12"/>
  <c r="BH27" i="12"/>
  <c r="BF27" i="12"/>
  <c r="CL26" i="12"/>
  <c r="CK26" i="12"/>
  <c r="CJ26" i="12"/>
  <c r="CI26" i="12"/>
  <c r="CH26" i="12"/>
  <c r="CG26" i="12"/>
  <c r="CF26" i="12"/>
  <c r="CE26" i="12"/>
  <c r="CD26" i="12"/>
  <c r="CC26" i="12"/>
  <c r="CB26" i="12"/>
  <c r="CA26" i="12"/>
  <c r="BZ26" i="12"/>
  <c r="BY26" i="12"/>
  <c r="BX26" i="12"/>
  <c r="BW26" i="12"/>
  <c r="BV26" i="12"/>
  <c r="BU26" i="12"/>
  <c r="BT26" i="12"/>
  <c r="BS26" i="12"/>
  <c r="BR26" i="12"/>
  <c r="BQ26" i="12"/>
  <c r="BP26" i="12"/>
  <c r="BO26" i="12"/>
  <c r="BN26" i="12"/>
  <c r="BM26" i="12"/>
  <c r="BL26" i="12"/>
  <c r="BK26" i="12"/>
  <c r="BJ26" i="12"/>
  <c r="BI26" i="12"/>
  <c r="BH26" i="12"/>
  <c r="BF26" i="12"/>
  <c r="CL25" i="12"/>
  <c r="CK25" i="12"/>
  <c r="CJ25" i="12"/>
  <c r="CI25" i="12"/>
  <c r="CH25" i="12"/>
  <c r="CG25" i="12"/>
  <c r="CF25" i="12"/>
  <c r="CE25" i="12"/>
  <c r="CD25" i="12"/>
  <c r="CC25" i="12"/>
  <c r="CB25" i="12"/>
  <c r="CA25" i="12"/>
  <c r="BZ25" i="12"/>
  <c r="BY25" i="12"/>
  <c r="BX25" i="12"/>
  <c r="BW25" i="12"/>
  <c r="BV25" i="12"/>
  <c r="BU25" i="12"/>
  <c r="BT25" i="12"/>
  <c r="BS25" i="12"/>
  <c r="BR25" i="12"/>
  <c r="BQ25" i="12"/>
  <c r="BP25" i="12"/>
  <c r="BO25" i="12"/>
  <c r="BN25" i="12"/>
  <c r="BM25" i="12"/>
  <c r="BL25" i="12"/>
  <c r="BK25" i="12"/>
  <c r="BJ25" i="12"/>
  <c r="BI25" i="12"/>
  <c r="BH25" i="12"/>
  <c r="BF25" i="12"/>
  <c r="CL24" i="12"/>
  <c r="CK24" i="12"/>
  <c r="CJ24" i="12"/>
  <c r="CI24" i="12"/>
  <c r="CH24" i="12"/>
  <c r="CG24" i="12"/>
  <c r="CF24" i="12"/>
  <c r="CE24" i="12"/>
  <c r="CD24" i="12"/>
  <c r="CC24" i="12"/>
  <c r="CB24" i="12"/>
  <c r="CA24" i="12"/>
  <c r="BZ24" i="12"/>
  <c r="BY24" i="12"/>
  <c r="BX24" i="12"/>
  <c r="BW24" i="12"/>
  <c r="BV24" i="12"/>
  <c r="BU24" i="12"/>
  <c r="BT24" i="12"/>
  <c r="BS24" i="12"/>
  <c r="BR24" i="12"/>
  <c r="BQ24" i="12"/>
  <c r="BP24" i="12"/>
  <c r="BO24" i="12"/>
  <c r="BN24" i="12"/>
  <c r="BM24" i="12"/>
  <c r="BL24" i="12"/>
  <c r="BK24" i="12"/>
  <c r="BJ24" i="12"/>
  <c r="BI24" i="12"/>
  <c r="BH24" i="12"/>
  <c r="BF24" i="12"/>
  <c r="CL23" i="12"/>
  <c r="CK23" i="12"/>
  <c r="CJ23" i="12"/>
  <c r="CI23" i="12"/>
  <c r="CH23" i="12"/>
  <c r="CG23" i="12"/>
  <c r="CF23" i="12"/>
  <c r="CE23" i="12"/>
  <c r="CD23" i="12"/>
  <c r="CC23" i="12"/>
  <c r="CB23" i="12"/>
  <c r="CA23" i="12"/>
  <c r="BZ23" i="12"/>
  <c r="BY23" i="12"/>
  <c r="BX23" i="12"/>
  <c r="BW23" i="12"/>
  <c r="BV23" i="12"/>
  <c r="BT23" i="12"/>
  <c r="BS23" i="12"/>
  <c r="BR23" i="12"/>
  <c r="BQ23" i="12"/>
  <c r="BP23" i="12"/>
  <c r="BO23" i="12"/>
  <c r="BN23" i="12"/>
  <c r="BM23" i="12"/>
  <c r="BL23" i="12"/>
  <c r="BK23" i="12"/>
  <c r="BJ23" i="12"/>
  <c r="BI23" i="12"/>
  <c r="BH23" i="12"/>
  <c r="BF23" i="12"/>
  <c r="BG23" i="12" s="1"/>
  <c r="BU23" i="12" s="1"/>
  <c r="CL22" i="12"/>
  <c r="CK22" i="12"/>
  <c r="CJ22" i="12"/>
  <c r="CI22" i="12"/>
  <c r="CH22" i="12"/>
  <c r="CG22" i="12"/>
  <c r="CF22" i="12"/>
  <c r="CE22" i="12"/>
  <c r="CD22" i="12"/>
  <c r="CC22" i="12"/>
  <c r="CB22" i="12"/>
  <c r="CA22" i="12"/>
  <c r="BZ22" i="12"/>
  <c r="BY22" i="12"/>
  <c r="BX22" i="12"/>
  <c r="BW22" i="12"/>
  <c r="BV22" i="12"/>
  <c r="BU22" i="12"/>
  <c r="BT22" i="12"/>
  <c r="BS22" i="12"/>
  <c r="BR22" i="12"/>
  <c r="BQ22" i="12"/>
  <c r="BP22" i="12"/>
  <c r="BN22" i="12"/>
  <c r="BM22" i="12"/>
  <c r="BL22" i="12"/>
  <c r="BK22" i="12"/>
  <c r="BJ22" i="12"/>
  <c r="BI22" i="12"/>
  <c r="BH22" i="12"/>
  <c r="BF22" i="12"/>
  <c r="BG22" i="12" s="1"/>
  <c r="BO22" i="12" s="1"/>
  <c r="CL21" i="12"/>
  <c r="CK21" i="12"/>
  <c r="CJ21" i="12"/>
  <c r="CI21" i="12"/>
  <c r="CH21" i="12"/>
  <c r="CG21" i="12"/>
  <c r="CF21" i="12"/>
  <c r="CE21" i="12"/>
  <c r="CD21" i="12"/>
  <c r="CC21" i="12"/>
  <c r="CB21" i="12"/>
  <c r="CA21" i="12"/>
  <c r="BZ21" i="12"/>
  <c r="BY21" i="12"/>
  <c r="BX21" i="12"/>
  <c r="BW21" i="12"/>
  <c r="BV21" i="12"/>
  <c r="BU21" i="12"/>
  <c r="BT21" i="12"/>
  <c r="BS21" i="12"/>
  <c r="BR21" i="12"/>
  <c r="BP21" i="12"/>
  <c r="BO21" i="12"/>
  <c r="BN21" i="12"/>
  <c r="BM21" i="12"/>
  <c r="BL21" i="12"/>
  <c r="BK21" i="12"/>
  <c r="BJ21" i="12"/>
  <c r="BI21" i="12"/>
  <c r="BH21" i="12"/>
  <c r="BF21" i="12"/>
  <c r="BG21" i="12" s="1"/>
  <c r="BQ21" i="12" s="1"/>
  <c r="CL20" i="12"/>
  <c r="CK20" i="12"/>
  <c r="CJ20" i="12"/>
  <c r="CI20" i="12"/>
  <c r="CH20" i="12"/>
  <c r="CG20" i="12"/>
  <c r="CF20" i="12"/>
  <c r="CE20" i="12"/>
  <c r="CD20" i="12"/>
  <c r="CC20" i="12"/>
  <c r="CB20" i="12"/>
  <c r="CA20" i="12"/>
  <c r="BZ20" i="12"/>
  <c r="BY20" i="12"/>
  <c r="BX20" i="12"/>
  <c r="BW20" i="12"/>
  <c r="BV20" i="12"/>
  <c r="BU20" i="12"/>
  <c r="BT20" i="12"/>
  <c r="BS20" i="12"/>
  <c r="BR20" i="12"/>
  <c r="BQ20" i="12"/>
  <c r="BP20" i="12"/>
  <c r="BO20" i="12"/>
  <c r="BN20" i="12"/>
  <c r="BM20" i="12"/>
  <c r="BL20" i="12"/>
  <c r="BK20" i="12"/>
  <c r="BJ20" i="12"/>
  <c r="BI20" i="12"/>
  <c r="BF20" i="12"/>
  <c r="BG20" i="12" s="1"/>
  <c r="BH20" i="12" s="1"/>
  <c r="CL19" i="12"/>
  <c r="CK19" i="12"/>
  <c r="CJ19" i="12"/>
  <c r="CI19" i="12"/>
  <c r="CH19" i="12"/>
  <c r="CG19" i="12"/>
  <c r="CF19" i="12"/>
  <c r="CE19" i="12"/>
  <c r="CD19" i="12"/>
  <c r="CC19" i="12"/>
  <c r="CB19" i="12"/>
  <c r="CA19" i="12"/>
  <c r="BZ19" i="12"/>
  <c r="BY19" i="12"/>
  <c r="BX19" i="12"/>
  <c r="BW19" i="12"/>
  <c r="BV19" i="12"/>
  <c r="BU19" i="12"/>
  <c r="BT19" i="12"/>
  <c r="BS19" i="12"/>
  <c r="BR19" i="12"/>
  <c r="BQ19" i="12"/>
  <c r="BP19" i="12"/>
  <c r="BO19" i="12"/>
  <c r="BN19" i="12"/>
  <c r="BM19" i="12"/>
  <c r="BL19" i="12"/>
  <c r="BK19" i="12"/>
  <c r="BJ19" i="12"/>
  <c r="BI19" i="12"/>
  <c r="BH19" i="12"/>
  <c r="BF19" i="12"/>
  <c r="CL18" i="12"/>
  <c r="CK18" i="12"/>
  <c r="CJ18" i="12"/>
  <c r="CI18" i="12"/>
  <c r="CH18" i="12"/>
  <c r="CG18" i="12"/>
  <c r="CF18" i="12"/>
  <c r="CE18" i="12"/>
  <c r="CD18" i="12"/>
  <c r="CC18" i="12"/>
  <c r="CB18" i="12"/>
  <c r="CA18" i="12"/>
  <c r="BZ18" i="12"/>
  <c r="BY18" i="12"/>
  <c r="BX18" i="12"/>
  <c r="BW18" i="12"/>
  <c r="BV18" i="12"/>
  <c r="BU18" i="12"/>
  <c r="BT18" i="12"/>
  <c r="BS18" i="12"/>
  <c r="BR18" i="12"/>
  <c r="BQ18" i="12"/>
  <c r="BP18" i="12"/>
  <c r="BO18" i="12"/>
  <c r="BN18" i="12"/>
  <c r="BM18" i="12"/>
  <c r="BL18" i="12"/>
  <c r="BK18" i="12"/>
  <c r="BJ18" i="12"/>
  <c r="BI18" i="12"/>
  <c r="BF18" i="12"/>
  <c r="Y18" i="12"/>
  <c r="CL17" i="12"/>
  <c r="CK17" i="12"/>
  <c r="CJ17" i="12"/>
  <c r="CI17" i="12"/>
  <c r="CH17" i="12"/>
  <c r="CG17" i="12"/>
  <c r="CF17" i="12"/>
  <c r="CE17" i="12"/>
  <c r="CD17" i="12"/>
  <c r="CC17" i="12"/>
  <c r="CB17" i="12"/>
  <c r="CA17" i="12"/>
  <c r="BZ17" i="12"/>
  <c r="BY17" i="12"/>
  <c r="BX17" i="12"/>
  <c r="BW17" i="12"/>
  <c r="BV17" i="12"/>
  <c r="BU17" i="12"/>
  <c r="BT17" i="12"/>
  <c r="BS17" i="12"/>
  <c r="BR17" i="12"/>
  <c r="BQ17" i="12"/>
  <c r="BP17" i="12"/>
  <c r="BO17" i="12"/>
  <c r="BN17" i="12"/>
  <c r="BM17" i="12"/>
  <c r="BL17" i="12"/>
  <c r="BK17" i="12"/>
  <c r="BI17" i="12"/>
  <c r="BH17" i="12"/>
  <c r="BF17" i="12"/>
  <c r="Y17" i="12"/>
  <c r="CL16" i="12"/>
  <c r="CK16" i="12"/>
  <c r="CJ16" i="12"/>
  <c r="CI16" i="12"/>
  <c r="CH16" i="12"/>
  <c r="CG16" i="12"/>
  <c r="CF16" i="12"/>
  <c r="CE16" i="12"/>
  <c r="CD16" i="12"/>
  <c r="CC16" i="12"/>
  <c r="CB16" i="12"/>
  <c r="CA16" i="12"/>
  <c r="BZ16" i="12"/>
  <c r="BY16" i="12"/>
  <c r="BX16" i="12"/>
  <c r="BW16" i="12"/>
  <c r="BV16" i="12"/>
  <c r="BU16" i="12"/>
  <c r="BT16" i="12"/>
  <c r="BS16" i="12"/>
  <c r="BR16" i="12"/>
  <c r="BQ16" i="12"/>
  <c r="BP16" i="12"/>
  <c r="BO16" i="12"/>
  <c r="BN16" i="12"/>
  <c r="BM16" i="12"/>
  <c r="BL16" i="12"/>
  <c r="BK16" i="12"/>
  <c r="BJ16" i="12"/>
  <c r="BI16" i="12"/>
  <c r="BF16" i="12"/>
  <c r="Y16" i="12"/>
  <c r="CL15" i="12"/>
  <c r="CK15" i="12"/>
  <c r="CJ15" i="12"/>
  <c r="CI15" i="12"/>
  <c r="CH15" i="12"/>
  <c r="CG15" i="12"/>
  <c r="CF15" i="12"/>
  <c r="CE15" i="12"/>
  <c r="CD15" i="12"/>
  <c r="CC15" i="12"/>
  <c r="CB15" i="12"/>
  <c r="CA15" i="12"/>
  <c r="BZ15" i="12"/>
  <c r="BY15" i="12"/>
  <c r="BX15" i="12"/>
  <c r="BW15" i="12"/>
  <c r="BV15" i="12"/>
  <c r="BU15" i="12"/>
  <c r="BT15" i="12"/>
  <c r="BS15" i="12"/>
  <c r="BR15" i="12"/>
  <c r="BP15" i="12"/>
  <c r="BO15" i="12"/>
  <c r="BN15" i="12"/>
  <c r="BM15" i="12"/>
  <c r="BL15" i="12"/>
  <c r="BK15" i="12"/>
  <c r="BJ15" i="12"/>
  <c r="BI15" i="12"/>
  <c r="BH15" i="12"/>
  <c r="BF15" i="12"/>
  <c r="Y15" i="12"/>
  <c r="CL14" i="12"/>
  <c r="CK14" i="12"/>
  <c r="CJ14" i="12"/>
  <c r="CI14" i="12"/>
  <c r="CH14" i="12"/>
  <c r="CG14" i="12"/>
  <c r="CF14" i="12"/>
  <c r="CE14" i="12"/>
  <c r="CD14" i="12"/>
  <c r="CC14" i="12"/>
  <c r="CB14" i="12"/>
  <c r="CA14" i="12"/>
  <c r="BZ14" i="12"/>
  <c r="BY14" i="12"/>
  <c r="BX14" i="12"/>
  <c r="BW14" i="12"/>
  <c r="BV14" i="12"/>
  <c r="BU14" i="12"/>
  <c r="BT14" i="12"/>
  <c r="BS14" i="12"/>
  <c r="BR14" i="12"/>
  <c r="BQ14" i="12"/>
  <c r="BP14" i="12"/>
  <c r="BN14" i="12"/>
  <c r="BM14" i="12"/>
  <c r="BL14" i="12"/>
  <c r="BK14" i="12"/>
  <c r="BJ14" i="12"/>
  <c r="BI14" i="12"/>
  <c r="BH14" i="12"/>
  <c r="BF14" i="12"/>
  <c r="Y14" i="12"/>
  <c r="CL13" i="12"/>
  <c r="CK13" i="12"/>
  <c r="CJ13" i="12"/>
  <c r="CI13" i="12"/>
  <c r="CH13" i="12"/>
  <c r="CG13" i="12"/>
  <c r="CF13" i="12"/>
  <c r="CE13" i="12"/>
  <c r="CD13" i="12"/>
  <c r="CC13" i="12"/>
  <c r="CB13" i="12"/>
  <c r="CA13" i="12"/>
  <c r="BZ13" i="12"/>
  <c r="BY13" i="12"/>
  <c r="BX13" i="12"/>
  <c r="BW13" i="12"/>
  <c r="BV13" i="12"/>
  <c r="BT13" i="12"/>
  <c r="BS13" i="12"/>
  <c r="BR13" i="12"/>
  <c r="BQ13" i="12"/>
  <c r="BP13" i="12"/>
  <c r="BO13" i="12"/>
  <c r="BN13" i="12"/>
  <c r="BM13" i="12"/>
  <c r="BL13" i="12"/>
  <c r="BK13" i="12"/>
  <c r="BJ13" i="12"/>
  <c r="BI13" i="12"/>
  <c r="BH13" i="12"/>
  <c r="BF13" i="12"/>
  <c r="Y13" i="12"/>
  <c r="CL12" i="12"/>
  <c r="CK12" i="12"/>
  <c r="CJ12" i="12"/>
  <c r="CI12" i="12"/>
  <c r="CH12" i="12"/>
  <c r="CG12" i="12"/>
  <c r="CF12" i="12"/>
  <c r="CE12" i="12"/>
  <c r="CD12" i="12"/>
  <c r="CC12" i="12"/>
  <c r="CB12" i="12"/>
  <c r="CA12" i="12"/>
  <c r="BZ12" i="12"/>
  <c r="BY12" i="12"/>
  <c r="BF12" i="12"/>
  <c r="Y12" i="12"/>
  <c r="CL11" i="12"/>
  <c r="CK11" i="12"/>
  <c r="CJ11" i="12"/>
  <c r="CI11" i="12"/>
  <c r="CH11" i="12"/>
  <c r="CG11" i="12"/>
  <c r="CF11" i="12"/>
  <c r="CE11" i="12"/>
  <c r="CD11" i="12"/>
  <c r="CC11" i="12"/>
  <c r="CB11" i="12"/>
  <c r="CA11" i="12"/>
  <c r="BZ11" i="12"/>
  <c r="BY11" i="12"/>
  <c r="BF11" i="12"/>
  <c r="Y11" i="12"/>
  <c r="CL10" i="12"/>
  <c r="CK10" i="12"/>
  <c r="CJ10" i="12"/>
  <c r="CI10" i="12"/>
  <c r="CH10" i="12"/>
  <c r="CG10" i="12"/>
  <c r="CF10" i="12"/>
  <c r="CE10" i="12"/>
  <c r="CD10" i="12"/>
  <c r="CC10" i="12"/>
  <c r="CB10" i="12"/>
  <c r="CA10" i="12"/>
  <c r="BZ10" i="12"/>
  <c r="BY10" i="12"/>
  <c r="BF10" i="12"/>
  <c r="Y10" i="12"/>
  <c r="CL9" i="12"/>
  <c r="CK9" i="12"/>
  <c r="CJ9" i="12"/>
  <c r="CI9" i="12"/>
  <c r="CH9" i="12"/>
  <c r="CG9" i="12"/>
  <c r="CF9" i="12"/>
  <c r="CE9" i="12"/>
  <c r="CD9" i="12"/>
  <c r="CC9" i="12"/>
  <c r="CB9" i="12"/>
  <c r="CA9" i="12"/>
  <c r="BZ9" i="12"/>
  <c r="BY9" i="12"/>
  <c r="BX9" i="12"/>
  <c r="BW9" i="12"/>
  <c r="BV9" i="12"/>
  <c r="BU9" i="12"/>
  <c r="BT9" i="12"/>
  <c r="BS9" i="12"/>
  <c r="BR9" i="12"/>
  <c r="BQ9" i="12"/>
  <c r="BP9" i="12"/>
  <c r="BO9" i="12"/>
  <c r="BN9" i="12"/>
  <c r="BM9" i="12"/>
  <c r="BL9" i="12"/>
  <c r="BK9" i="12"/>
  <c r="BJ9" i="12"/>
  <c r="BI9" i="12"/>
  <c r="BF9" i="12"/>
  <c r="Y9" i="12"/>
  <c r="CL8" i="12"/>
  <c r="CK8" i="12"/>
  <c r="CJ8" i="12"/>
  <c r="CI8" i="12"/>
  <c r="CH8" i="12"/>
  <c r="CG8" i="12"/>
  <c r="CF8" i="12"/>
  <c r="CE8" i="12"/>
  <c r="CD8" i="12"/>
  <c r="CC8" i="12"/>
  <c r="CB8" i="12"/>
  <c r="CA8" i="12"/>
  <c r="BZ8" i="12"/>
  <c r="BY8" i="12"/>
  <c r="BX8" i="12"/>
  <c r="BW8" i="12"/>
  <c r="BV8" i="12"/>
  <c r="BU8" i="12"/>
  <c r="BT8" i="12"/>
  <c r="BS8" i="12"/>
  <c r="BR8" i="12"/>
  <c r="BQ8" i="12"/>
  <c r="BP8" i="12"/>
  <c r="BO8" i="12"/>
  <c r="BN8" i="12"/>
  <c r="BM8" i="12"/>
  <c r="BL8" i="12"/>
  <c r="BK8" i="12"/>
  <c r="BJ8" i="12"/>
  <c r="BI8" i="12"/>
  <c r="BH8" i="12"/>
  <c r="BF8" i="12"/>
  <c r="CL7" i="12"/>
  <c r="CK7" i="12"/>
  <c r="CJ7" i="12"/>
  <c r="CI7" i="12"/>
  <c r="CH7" i="12"/>
  <c r="CG7" i="12"/>
  <c r="CF7" i="12"/>
  <c r="CE7" i="12"/>
  <c r="CD7" i="12"/>
  <c r="CC7" i="12"/>
  <c r="CB7" i="12"/>
  <c r="CA7" i="12"/>
  <c r="BZ7" i="12"/>
  <c r="BY7" i="12"/>
  <c r="BF7" i="12"/>
  <c r="Y7" i="12"/>
  <c r="CL6" i="12"/>
  <c r="CK6" i="12"/>
  <c r="CJ6" i="12"/>
  <c r="CI6" i="12"/>
  <c r="CH6" i="12"/>
  <c r="CG6" i="12"/>
  <c r="CF6" i="12"/>
  <c r="CE6" i="12"/>
  <c r="CD6" i="12"/>
  <c r="CC6" i="12"/>
  <c r="CB6" i="12"/>
  <c r="CA6" i="12"/>
  <c r="BZ6" i="12"/>
  <c r="BY6" i="12"/>
  <c r="BX6" i="12"/>
  <c r="BW6" i="12"/>
  <c r="BV6" i="12"/>
  <c r="BU6" i="12"/>
  <c r="BT6" i="12"/>
  <c r="BS6" i="12"/>
  <c r="BR6" i="12"/>
  <c r="BP6" i="12"/>
  <c r="BO6" i="12"/>
  <c r="BN6" i="12"/>
  <c r="BM6" i="12"/>
  <c r="BL6" i="12"/>
  <c r="BK6" i="12"/>
  <c r="BJ6" i="12"/>
  <c r="BI6" i="12"/>
  <c r="BH6" i="12"/>
  <c r="BF6" i="12"/>
  <c r="Y6" i="12"/>
  <c r="CL5" i="12"/>
  <c r="CK5" i="12"/>
  <c r="CJ5" i="12"/>
  <c r="CI5" i="12"/>
  <c r="CH5" i="12"/>
  <c r="CG5" i="12"/>
  <c r="CF5" i="12"/>
  <c r="CE5" i="12"/>
  <c r="CD5" i="12"/>
  <c r="CC5" i="12"/>
  <c r="CB5" i="12"/>
  <c r="CA5" i="12"/>
  <c r="BZ5" i="12"/>
  <c r="BY5" i="12"/>
  <c r="BX5" i="12"/>
  <c r="BW5" i="12"/>
  <c r="BV5" i="12"/>
  <c r="BU5" i="12"/>
  <c r="BT5" i="12"/>
  <c r="BS5" i="12"/>
  <c r="BR5" i="12"/>
  <c r="BQ5" i="12"/>
  <c r="BP5" i="12"/>
  <c r="BO5" i="12"/>
  <c r="BN5" i="12"/>
  <c r="BM5" i="12"/>
  <c r="BL5" i="12"/>
  <c r="BK5" i="12"/>
  <c r="BI5" i="12"/>
  <c r="BH5" i="12"/>
  <c r="BF5" i="12"/>
  <c r="BG5" i="12" s="1"/>
  <c r="BJ5" i="12" s="1"/>
  <c r="CL4" i="12"/>
  <c r="CK4" i="12"/>
  <c r="CJ4" i="12"/>
  <c r="CI4" i="12"/>
  <c r="CH4" i="12"/>
  <c r="CG4" i="12"/>
  <c r="CF4" i="12"/>
  <c r="CE4" i="12"/>
  <c r="CD4" i="12"/>
  <c r="CC4" i="12"/>
  <c r="CB4" i="12"/>
  <c r="CA4" i="12"/>
  <c r="BZ4" i="12"/>
  <c r="BY4" i="12"/>
  <c r="BX4" i="12"/>
  <c r="BW4" i="12"/>
  <c r="BV4" i="12"/>
  <c r="BU4" i="12"/>
  <c r="BT4" i="12"/>
  <c r="BS4" i="12"/>
  <c r="BR4" i="12"/>
  <c r="BQ4" i="12"/>
  <c r="BP4" i="12"/>
  <c r="BO4" i="12"/>
  <c r="BN4" i="12"/>
  <c r="BM4" i="12"/>
  <c r="BL4" i="12"/>
  <c r="BK4" i="12"/>
  <c r="BJ4" i="12"/>
  <c r="BI4" i="12"/>
  <c r="BF4" i="12"/>
  <c r="Y4" i="12"/>
  <c r="CL3" i="12"/>
  <c r="CK3" i="12"/>
  <c r="CJ3" i="12"/>
  <c r="CI3" i="12"/>
  <c r="CH3" i="12"/>
  <c r="CG3" i="12"/>
  <c r="CF3" i="12"/>
  <c r="CE3" i="12"/>
  <c r="CD3" i="12"/>
  <c r="CC3" i="12"/>
  <c r="CB3" i="12"/>
  <c r="CA3" i="12"/>
  <c r="BZ3" i="12"/>
  <c r="BY3" i="12"/>
  <c r="BX3" i="12"/>
  <c r="BW3" i="12"/>
  <c r="BV3" i="12"/>
  <c r="BU3" i="12"/>
  <c r="BT3" i="12"/>
  <c r="BS3" i="12"/>
  <c r="BR3" i="12"/>
  <c r="BQ3" i="12"/>
  <c r="BP3" i="12"/>
  <c r="BO3" i="12"/>
  <c r="BN3" i="12"/>
  <c r="BM3" i="12"/>
  <c r="BL3" i="12"/>
  <c r="BK3" i="12"/>
  <c r="BJ3" i="12"/>
  <c r="BI3" i="12"/>
  <c r="BF3" i="12"/>
  <c r="Y3" i="12"/>
  <c r="CJ553" i="11"/>
  <c r="CI553" i="11"/>
  <c r="CG553" i="11"/>
  <c r="CE553" i="11"/>
  <c r="CD553" i="11"/>
  <c r="CC553" i="11"/>
  <c r="CA553" i="11"/>
  <c r="BZ553" i="11"/>
  <c r="BY553" i="11"/>
  <c r="BW553" i="11"/>
  <c r="BV553" i="11"/>
  <c r="BU553" i="11"/>
  <c r="BT553" i="11"/>
  <c r="BS553" i="11"/>
  <c r="BR553" i="11"/>
  <c r="BQ553" i="11"/>
  <c r="BP553" i="11"/>
  <c r="BO553" i="11"/>
  <c r="BN553" i="11"/>
  <c r="BM553" i="11"/>
  <c r="BL553" i="11"/>
  <c r="BK553" i="11"/>
  <c r="BJ553" i="11"/>
  <c r="BI553" i="11"/>
  <c r="BH553" i="11"/>
  <c r="BF553" i="11"/>
  <c r="BG553" i="11" s="1"/>
  <c r="CL553" i="11" s="1"/>
  <c r="CL552" i="11"/>
  <c r="CK552" i="11"/>
  <c r="CJ552" i="11"/>
  <c r="CI552" i="11"/>
  <c r="CH552" i="11"/>
  <c r="CG552" i="11"/>
  <c r="CF552" i="11"/>
  <c r="CE552" i="11"/>
  <c r="CD552" i="11"/>
  <c r="CC552" i="11"/>
  <c r="CB552" i="11"/>
  <c r="CA552" i="11"/>
  <c r="BZ552" i="11"/>
  <c r="BY552" i="11"/>
  <c r="BX552" i="11"/>
  <c r="BW552" i="11"/>
  <c r="BV552" i="11"/>
  <c r="BU552" i="11"/>
  <c r="BT552" i="11"/>
  <c r="BS552" i="11"/>
  <c r="BR552" i="11"/>
  <c r="BQ552" i="11"/>
  <c r="BP552" i="11"/>
  <c r="BO552" i="11"/>
  <c r="BN552" i="11"/>
  <c r="BM552" i="11"/>
  <c r="BL552" i="11"/>
  <c r="BK552" i="11"/>
  <c r="BJ552" i="11"/>
  <c r="BI552" i="11"/>
  <c r="BH552" i="11"/>
  <c r="BF552" i="11"/>
  <c r="CL551" i="11"/>
  <c r="CK551" i="11"/>
  <c r="CJ551" i="11"/>
  <c r="CI551" i="11"/>
  <c r="CH551" i="11"/>
  <c r="CG551" i="11"/>
  <c r="CF551" i="11"/>
  <c r="CE551" i="11"/>
  <c r="CD551" i="11"/>
  <c r="CC551" i="11"/>
  <c r="CB551" i="11"/>
  <c r="CA551" i="11"/>
  <c r="BZ551" i="11"/>
  <c r="BY551" i="11"/>
  <c r="BX551" i="11"/>
  <c r="BW551" i="11"/>
  <c r="BV551" i="11"/>
  <c r="BU551" i="11"/>
  <c r="BT551" i="11"/>
  <c r="BS551" i="11"/>
  <c r="BR551" i="11"/>
  <c r="BQ551" i="11"/>
  <c r="BP551" i="11"/>
  <c r="BO551" i="11"/>
  <c r="BN551" i="11"/>
  <c r="BM551" i="11"/>
  <c r="BL551" i="11"/>
  <c r="BK551" i="11"/>
  <c r="BJ551" i="11"/>
  <c r="BI551" i="11"/>
  <c r="BH551" i="11"/>
  <c r="BF551" i="11"/>
  <c r="CL550" i="11"/>
  <c r="CK550" i="11"/>
  <c r="CJ550" i="11"/>
  <c r="CI550" i="11"/>
  <c r="CH550" i="11"/>
  <c r="CG550" i="11"/>
  <c r="CF550" i="11"/>
  <c r="CE550" i="11"/>
  <c r="CD550" i="11"/>
  <c r="CC550" i="11"/>
  <c r="CB550" i="11"/>
  <c r="CA550" i="11"/>
  <c r="BZ550" i="11"/>
  <c r="BY550" i="11"/>
  <c r="BX550" i="11"/>
  <c r="BW550" i="11"/>
  <c r="BV550" i="11"/>
  <c r="BU550" i="11"/>
  <c r="BT550" i="11"/>
  <c r="BS550" i="11"/>
  <c r="BR550" i="11"/>
  <c r="BQ550" i="11"/>
  <c r="BP550" i="11"/>
  <c r="BO550" i="11"/>
  <c r="BN550" i="11"/>
  <c r="BM550" i="11"/>
  <c r="BL550" i="11"/>
  <c r="BK550" i="11"/>
  <c r="BJ550" i="11"/>
  <c r="BI550" i="11"/>
  <c r="BH550" i="11"/>
  <c r="BF550" i="11"/>
  <c r="CL549" i="11"/>
  <c r="CK549" i="11"/>
  <c r="CJ549" i="11"/>
  <c r="CI549" i="11"/>
  <c r="CH549" i="11"/>
  <c r="CG549" i="11"/>
  <c r="CF549" i="11"/>
  <c r="CE549" i="11"/>
  <c r="CD549" i="11"/>
  <c r="CC549" i="11"/>
  <c r="CB549" i="11"/>
  <c r="CA549" i="11"/>
  <c r="BZ549" i="11"/>
  <c r="BY549" i="11"/>
  <c r="BX549" i="11"/>
  <c r="BW549" i="11"/>
  <c r="BV549" i="11"/>
  <c r="BU549" i="11"/>
  <c r="BT549" i="11"/>
  <c r="BS549" i="11"/>
  <c r="BR549" i="11"/>
  <c r="BQ549" i="11"/>
  <c r="BP549" i="11"/>
  <c r="BO549" i="11"/>
  <c r="BN549" i="11"/>
  <c r="BM549" i="11"/>
  <c r="BL549" i="11"/>
  <c r="BK549" i="11"/>
  <c r="BJ549" i="11"/>
  <c r="BI549" i="11"/>
  <c r="BH549" i="11"/>
  <c r="BF549" i="11"/>
  <c r="CJ548" i="11"/>
  <c r="CI548" i="11"/>
  <c r="CG548" i="11"/>
  <c r="CE548" i="11"/>
  <c r="CD548" i="11"/>
  <c r="CC548" i="11"/>
  <c r="CA548" i="11"/>
  <c r="BZ548" i="11"/>
  <c r="BY548" i="11"/>
  <c r="BW548" i="11"/>
  <c r="BV548" i="11"/>
  <c r="BU548" i="11"/>
  <c r="BT548" i="11"/>
  <c r="BS548" i="11"/>
  <c r="BR548" i="11"/>
  <c r="BQ548" i="11"/>
  <c r="BP548" i="11"/>
  <c r="BO548" i="11"/>
  <c r="BN548" i="11"/>
  <c r="BM548" i="11"/>
  <c r="BL548" i="11"/>
  <c r="BK548" i="11"/>
  <c r="BJ548" i="11"/>
  <c r="BI548" i="11"/>
  <c r="BH548" i="11"/>
  <c r="BF548" i="11"/>
  <c r="BG548" i="11" s="1"/>
  <c r="CL548" i="11" s="1"/>
  <c r="CJ547" i="11"/>
  <c r="CI547" i="11"/>
  <c r="CG547" i="11"/>
  <c r="CE547" i="11"/>
  <c r="CD547" i="11"/>
  <c r="CC547" i="11"/>
  <c r="CA547" i="11"/>
  <c r="BZ547" i="11"/>
  <c r="BY547" i="11"/>
  <c r="BW547" i="11"/>
  <c r="BV547" i="11"/>
  <c r="BU547" i="11"/>
  <c r="BT547" i="11"/>
  <c r="BS547" i="11"/>
  <c r="BR547" i="11"/>
  <c r="BQ547" i="11"/>
  <c r="BP547" i="11"/>
  <c r="BO547" i="11"/>
  <c r="BN547" i="11"/>
  <c r="BM547" i="11"/>
  <c r="BL547" i="11"/>
  <c r="BK547" i="11"/>
  <c r="BJ547" i="11"/>
  <c r="BI547" i="11"/>
  <c r="BH547" i="11"/>
  <c r="BF547" i="11"/>
  <c r="BG547" i="11" s="1"/>
  <c r="CL547" i="11" s="1"/>
  <c r="CJ546" i="11"/>
  <c r="CI546" i="11"/>
  <c r="CG546" i="11"/>
  <c r="CE546" i="11"/>
  <c r="CD546" i="11"/>
  <c r="CC546" i="11"/>
  <c r="CA546" i="11"/>
  <c r="BZ546" i="11"/>
  <c r="BY546" i="11"/>
  <c r="BW546" i="11"/>
  <c r="BV546" i="11"/>
  <c r="BU546" i="11"/>
  <c r="BT546" i="11"/>
  <c r="BS546" i="11"/>
  <c r="BR546" i="11"/>
  <c r="BQ546" i="11"/>
  <c r="BP546" i="11"/>
  <c r="BO546" i="11"/>
  <c r="BN546" i="11"/>
  <c r="BM546" i="11"/>
  <c r="BL546" i="11"/>
  <c r="BK546" i="11"/>
  <c r="BJ546" i="11"/>
  <c r="BI546" i="11"/>
  <c r="BH546" i="11"/>
  <c r="BF546" i="11"/>
  <c r="BG546" i="11" s="1"/>
  <c r="BG331" i="12" l="1"/>
  <c r="BX331" i="12" s="1"/>
  <c r="BG159" i="12"/>
  <c r="BW159" i="12" s="1"/>
  <c r="BG160" i="12"/>
  <c r="BS160" i="12" s="1"/>
  <c r="BG161" i="12"/>
  <c r="BX161" i="12" s="1"/>
  <c r="BG162" i="12"/>
  <c r="BH162" i="12" s="1"/>
  <c r="BG163" i="12"/>
  <c r="BJ163" i="12" s="1"/>
  <c r="BG164" i="12"/>
  <c r="BK164" i="12" s="1"/>
  <c r="BG165" i="12"/>
  <c r="BI165" i="12" s="1"/>
  <c r="BG166" i="12"/>
  <c r="BL166" i="12" s="1"/>
  <c r="BG92" i="12"/>
  <c r="BS92" i="12" s="1"/>
  <c r="BG93" i="12"/>
  <c r="BX93" i="12" s="1"/>
  <c r="BG94" i="12"/>
  <c r="BH94" i="12" s="1"/>
  <c r="BG97" i="12"/>
  <c r="BI97" i="12" s="1"/>
  <c r="BG98" i="12"/>
  <c r="BL98" i="12" s="1"/>
  <c r="BG99" i="12"/>
  <c r="BN99" i="12" s="1"/>
  <c r="BG101" i="12"/>
  <c r="BN101" i="12" s="1"/>
  <c r="BG171" i="12"/>
  <c r="BT171" i="12" s="1"/>
  <c r="BG172" i="12"/>
  <c r="BQ172" i="12" s="1"/>
  <c r="BG156" i="12"/>
  <c r="BR156" i="12" s="1"/>
  <c r="BG39" i="12"/>
  <c r="BO39" i="12" s="1"/>
  <c r="BG126" i="12"/>
  <c r="BS126" i="12" s="1"/>
  <c r="BG127" i="12"/>
  <c r="BX127" i="12" s="1"/>
  <c r="BG170" i="12"/>
  <c r="BP170" i="12" s="1"/>
  <c r="BG332" i="12"/>
  <c r="BH332" i="12" s="1"/>
  <c r="BG335" i="12"/>
  <c r="BI335" i="12" s="1"/>
  <c r="BG336" i="12"/>
  <c r="BL336" i="12" s="1"/>
  <c r="BG341" i="12"/>
  <c r="BT341" i="12" s="1"/>
  <c r="BG343" i="12"/>
  <c r="BR343" i="12" s="1"/>
  <c r="BG344" i="12"/>
  <c r="BU344" i="12" s="1"/>
  <c r="BG345" i="12"/>
  <c r="BV345" i="12" s="1"/>
  <c r="BG85" i="12"/>
  <c r="BP85" i="12" s="1"/>
  <c r="BG105" i="12"/>
  <c r="BR105" i="12" s="1"/>
  <c r="BG106" i="12"/>
  <c r="BU106" i="12" s="1"/>
  <c r="BG107" i="12"/>
  <c r="BV107" i="12" s="1"/>
  <c r="BG108" i="12"/>
  <c r="BW108" i="12" s="1"/>
  <c r="BG109" i="12"/>
  <c r="BS109" i="12" s="1"/>
  <c r="BG110" i="12"/>
  <c r="BX110" i="12" s="1"/>
  <c r="BG111" i="12"/>
  <c r="BH111" i="12" s="1"/>
  <c r="BG114" i="12"/>
  <c r="BI114" i="12" s="1"/>
  <c r="BG115" i="12"/>
  <c r="BL115" i="12" s="1"/>
  <c r="BG116" i="12"/>
  <c r="BN116" i="12" s="1"/>
  <c r="BG119" i="12"/>
  <c r="BP119" i="12" s="1"/>
  <c r="BG120" i="12"/>
  <c r="BT120" i="12" s="1"/>
  <c r="BG147" i="12"/>
  <c r="BK147" i="12" s="1"/>
  <c r="BG148" i="12"/>
  <c r="BI148" i="12" s="1"/>
  <c r="BG149" i="12"/>
  <c r="BL149" i="12" s="1"/>
  <c r="BG150" i="12"/>
  <c r="BN150" i="12" s="1"/>
  <c r="BG6" i="12"/>
  <c r="BQ6" i="12" s="1"/>
  <c r="BG7" i="12"/>
  <c r="BI7" i="12" s="1"/>
  <c r="BG9" i="12"/>
  <c r="BH9" i="12" s="1"/>
  <c r="BG11" i="12"/>
  <c r="BS11" i="12" s="1"/>
  <c r="BG12" i="12"/>
  <c r="BU12" i="12" s="1"/>
  <c r="BG13" i="12"/>
  <c r="BU13" i="12" s="1"/>
  <c r="BG15" i="12"/>
  <c r="BQ15" i="12" s="1"/>
  <c r="BG16" i="12"/>
  <c r="BH16" i="12" s="1"/>
  <c r="BG17" i="12"/>
  <c r="BJ17" i="12" s="1"/>
  <c r="BG18" i="12"/>
  <c r="BH18" i="12" s="1"/>
  <c r="BG32" i="12"/>
  <c r="BL32" i="12" s="1"/>
  <c r="BG33" i="12"/>
  <c r="BM33" i="12" s="1"/>
  <c r="BG31" i="12"/>
  <c r="BM31" i="12" s="1"/>
  <c r="BG89" i="12"/>
  <c r="BU89" i="12" s="1"/>
  <c r="BG90" i="12"/>
  <c r="BV90" i="12" s="1"/>
  <c r="BG91" i="12"/>
  <c r="BW91" i="12" s="1"/>
  <c r="BG128" i="12"/>
  <c r="BH128" i="12" s="1"/>
  <c r="BG129" i="12"/>
  <c r="BJ129" i="12" s="1"/>
  <c r="BG130" i="12"/>
  <c r="BK130" i="12" s="1"/>
  <c r="BG131" i="12"/>
  <c r="BI131" i="12" s="1"/>
  <c r="BG133" i="12"/>
  <c r="BN133" i="12" s="1"/>
  <c r="BG134" i="12"/>
  <c r="BO134" i="12" s="1"/>
  <c r="BG135" i="12"/>
  <c r="BM135" i="12" s="1"/>
  <c r="BG136" i="12"/>
  <c r="BP136" i="12" s="1"/>
  <c r="BG137" i="12"/>
  <c r="BT137" i="12" s="1"/>
  <c r="BG337" i="12"/>
  <c r="BN337" i="12" s="1"/>
  <c r="BG340" i="12"/>
  <c r="BP340" i="12" s="1"/>
  <c r="BG3" i="12"/>
  <c r="BH3" i="12" s="1"/>
  <c r="BG4" i="12"/>
  <c r="BH4" i="12" s="1"/>
  <c r="BG152" i="12"/>
  <c r="BM152" i="12" s="1"/>
  <c r="BG153" i="12"/>
  <c r="BP153" i="12" s="1"/>
  <c r="BG138" i="12"/>
  <c r="BQ138" i="12" s="1"/>
  <c r="BG167" i="12"/>
  <c r="BN167" i="12" s="1"/>
  <c r="BG104" i="12"/>
  <c r="BQ104" i="12" s="1"/>
  <c r="BG146" i="12"/>
  <c r="BJ146" i="12" s="1"/>
  <c r="BG154" i="12"/>
  <c r="BT154" i="12" s="1"/>
  <c r="BG155" i="12"/>
  <c r="BQ155" i="12" s="1"/>
  <c r="BG77" i="12"/>
  <c r="BH77" i="12" s="1"/>
  <c r="BG78" i="12"/>
  <c r="BJ78" i="12" s="1"/>
  <c r="BG79" i="12"/>
  <c r="BK79" i="12" s="1"/>
  <c r="BG81" i="12"/>
  <c r="BL81" i="12" s="1"/>
  <c r="BG84" i="12"/>
  <c r="BM84" i="12" s="1"/>
  <c r="BG173" i="12"/>
  <c r="BR173" i="12" s="1"/>
  <c r="BG174" i="12"/>
  <c r="BU174" i="12" s="1"/>
  <c r="BG175" i="12"/>
  <c r="BV175" i="12" s="1"/>
  <c r="BG88" i="12"/>
  <c r="BR88" i="12" s="1"/>
  <c r="BG76" i="12"/>
  <c r="BX76" i="12" s="1"/>
  <c r="BG95" i="12"/>
  <c r="BJ95" i="12" s="1"/>
  <c r="BG117" i="12"/>
  <c r="BO117" i="12" s="1"/>
  <c r="BG10" i="12"/>
  <c r="BN10" i="12" s="1"/>
  <c r="BG14" i="12"/>
  <c r="BO14" i="12" s="1"/>
  <c r="BG80" i="12"/>
  <c r="BI80" i="12" s="1"/>
  <c r="BG82" i="12"/>
  <c r="BN82" i="12" s="1"/>
  <c r="BG83" i="12"/>
  <c r="BO83" i="12" s="1"/>
  <c r="BG123" i="12"/>
  <c r="BU123" i="12" s="1"/>
  <c r="BG139" i="12"/>
  <c r="BR139" i="12" s="1"/>
  <c r="BG158" i="12"/>
  <c r="BV158" i="12" s="1"/>
  <c r="BG168" i="12"/>
  <c r="BO168" i="12" s="1"/>
  <c r="BG169" i="12"/>
  <c r="BM169" i="12" s="1"/>
  <c r="BG177" i="12"/>
  <c r="BS177" i="12" s="1"/>
  <c r="BG347" i="12"/>
  <c r="BW347" i="12" s="1"/>
  <c r="BG30" i="12"/>
  <c r="BJ30" i="12" s="1"/>
  <c r="BG118" i="12"/>
  <c r="BM118" i="12" s="1"/>
  <c r="BG132" i="12"/>
  <c r="BL132" i="12" s="1"/>
  <c r="BG102" i="12"/>
  <c r="BP102" i="12" s="1"/>
  <c r="BG103" i="12"/>
  <c r="BT103" i="12" s="1"/>
  <c r="BG124" i="12"/>
  <c r="BV124" i="12" s="1"/>
  <c r="BG140" i="12"/>
  <c r="BU140" i="12" s="1"/>
  <c r="BG141" i="12"/>
  <c r="BV141" i="12" s="1"/>
  <c r="BG142" i="12"/>
  <c r="BW142" i="12" s="1"/>
  <c r="BG333" i="12"/>
  <c r="BJ333" i="12" s="1"/>
  <c r="BG151" i="12"/>
  <c r="BO151" i="12" s="1"/>
  <c r="BG113" i="12"/>
  <c r="BK113" i="12" s="1"/>
  <c r="BG86" i="12"/>
  <c r="BT86" i="12" s="1"/>
  <c r="BG87" i="12"/>
  <c r="BQ87" i="12" s="1"/>
  <c r="BG125" i="12"/>
  <c r="BW125" i="12" s="1"/>
  <c r="BG143" i="12"/>
  <c r="BS143" i="12" s="1"/>
  <c r="BG144" i="12"/>
  <c r="BX144" i="12" s="1"/>
  <c r="BG339" i="12"/>
  <c r="BM339" i="12" s="1"/>
  <c r="BQ12" i="12"/>
  <c r="BH12" i="12"/>
  <c r="BG112" i="12"/>
  <c r="BJ112" i="12" s="1"/>
  <c r="BH39" i="12"/>
  <c r="BG342" i="12"/>
  <c r="BQ342" i="12" s="1"/>
  <c r="BG100" i="12"/>
  <c r="BO100" i="12" s="1"/>
  <c r="BG145" i="12"/>
  <c r="BH145" i="12" s="1"/>
  <c r="BG346" i="12"/>
  <c r="BW346" i="12" s="1"/>
  <c r="BG96" i="12"/>
  <c r="BK96" i="12" s="1"/>
  <c r="BG334" i="12"/>
  <c r="BK334" i="12" s="1"/>
  <c r="BG157" i="12"/>
  <c r="BU157" i="12" s="1"/>
  <c r="BG176" i="12"/>
  <c r="BW176" i="12" s="1"/>
  <c r="BG338" i="12"/>
  <c r="BO338" i="12" s="1"/>
  <c r="CL546" i="11"/>
  <c r="CF546" i="11"/>
  <c r="CH546" i="11"/>
  <c r="BX546" i="11"/>
  <c r="BX547" i="11"/>
  <c r="CF547" i="11"/>
  <c r="CH547" i="11"/>
  <c r="CF553" i="11"/>
  <c r="CB546" i="11"/>
  <c r="CH548" i="11"/>
  <c r="BX553" i="11"/>
  <c r="CK546" i="11"/>
  <c r="CB547" i="11"/>
  <c r="CH553" i="11"/>
  <c r="CK547" i="11"/>
  <c r="CB548" i="11"/>
  <c r="CF548" i="11"/>
  <c r="CK548" i="11"/>
  <c r="CB553" i="11"/>
  <c r="BX548" i="11"/>
  <c r="CK553" i="11"/>
  <c r="BW31" i="12" l="1"/>
  <c r="BU10" i="12"/>
  <c r="CD31" i="12"/>
  <c r="BN31" i="12"/>
  <c r="BT39" i="12"/>
  <c r="CL31" i="12"/>
  <c r="BV31" i="12"/>
  <c r="BR12" i="12"/>
  <c r="CG31" i="12"/>
  <c r="BK12" i="12"/>
  <c r="BN39" i="12"/>
  <c r="BK39" i="12"/>
  <c r="BZ31" i="12"/>
  <c r="BH31" i="12"/>
  <c r="BL39" i="12"/>
  <c r="CB31" i="12"/>
  <c r="BT12" i="12"/>
  <c r="BL31" i="12"/>
  <c r="BJ12" i="12"/>
  <c r="BQ39" i="12"/>
  <c r="CJ31" i="12"/>
  <c r="BN12" i="12"/>
  <c r="BV33" i="12"/>
  <c r="BI10" i="12"/>
  <c r="BI32" i="12"/>
  <c r="BT10" i="12"/>
  <c r="BL10" i="12"/>
  <c r="BP10" i="12"/>
  <c r="BQ10" i="12"/>
  <c r="BR10" i="12"/>
  <c r="BR11" i="12"/>
  <c r="BH11" i="12"/>
  <c r="BI33" i="12"/>
  <c r="BS39" i="12"/>
  <c r="BR39" i="12"/>
  <c r="BH10" i="12"/>
  <c r="BJ10" i="12"/>
  <c r="BY31" i="12"/>
  <c r="BR31" i="12"/>
  <c r="BI31" i="12"/>
  <c r="CE31" i="12"/>
  <c r="BL12" i="12"/>
  <c r="BV12" i="12"/>
  <c r="BW39" i="12"/>
  <c r="BP39" i="12"/>
  <c r="BR32" i="12"/>
  <c r="BX10" i="12"/>
  <c r="BK10" i="12"/>
  <c r="BO31" i="12"/>
  <c r="CA31" i="12"/>
  <c r="BK31" i="12"/>
  <c r="BP31" i="12"/>
  <c r="BP12" i="12"/>
  <c r="BO12" i="12"/>
  <c r="BM39" i="12"/>
  <c r="BI39" i="12"/>
  <c r="BU32" i="12"/>
  <c r="BV10" i="12"/>
  <c r="BS10" i="12"/>
  <c r="CH31" i="12"/>
  <c r="BJ31" i="12"/>
  <c r="BT31" i="12"/>
  <c r="BX31" i="12"/>
  <c r="BS12" i="12"/>
  <c r="BW12" i="12"/>
  <c r="BV39" i="12"/>
  <c r="BW32" i="12"/>
  <c r="BO10" i="12"/>
  <c r="BM10" i="12"/>
  <c r="BQ31" i="12"/>
  <c r="BS31" i="12"/>
  <c r="CC31" i="12"/>
  <c r="CF31" i="12"/>
  <c r="BM12" i="12"/>
  <c r="BI12" i="12"/>
  <c r="BX39" i="12"/>
  <c r="BU39" i="12"/>
  <c r="BJ39" i="12"/>
  <c r="BW10" i="12"/>
  <c r="BU31" i="12"/>
  <c r="CI31" i="12"/>
  <c r="CK31" i="12"/>
  <c r="BX12" i="12"/>
  <c r="BN7" i="12"/>
  <c r="BU30" i="12"/>
  <c r="BV7" i="12"/>
  <c r="BX7" i="12"/>
  <c r="BN30" i="12"/>
  <c r="BR7" i="12"/>
  <c r="BW30" i="12"/>
  <c r="BK7" i="12"/>
  <c r="BZ30" i="12"/>
  <c r="BQ7" i="12"/>
  <c r="BM7" i="12"/>
  <c r="CH30" i="12"/>
  <c r="BR33" i="12"/>
  <c r="BM11" i="12"/>
  <c r="BJ32" i="12"/>
  <c r="BJ33" i="12"/>
  <c r="BL7" i="12"/>
  <c r="BN33" i="12"/>
  <c r="BK33" i="12"/>
  <c r="BT33" i="12"/>
  <c r="BK32" i="12"/>
  <c r="BN32" i="12"/>
  <c r="BJ11" i="12"/>
  <c r="BI11" i="12"/>
  <c r="BT7" i="12"/>
  <c r="BS7" i="12"/>
  <c r="BL30" i="12"/>
  <c r="BO33" i="12"/>
  <c r="BP11" i="12"/>
  <c r="BO32" i="12"/>
  <c r="BX32" i="12"/>
  <c r="BV11" i="12"/>
  <c r="BH33" i="12"/>
  <c r="BU33" i="12"/>
  <c r="BM32" i="12"/>
  <c r="BT32" i="12"/>
  <c r="BV32" i="12"/>
  <c r="BL11" i="12"/>
  <c r="BQ11" i="12"/>
  <c r="BP7" i="12"/>
  <c r="BO7" i="12"/>
  <c r="BX30" i="12"/>
  <c r="BP33" i="12"/>
  <c r="BN11" i="12"/>
  <c r="BL33" i="12"/>
  <c r="BU11" i="12"/>
  <c r="BW33" i="12"/>
  <c r="BS33" i="12"/>
  <c r="BH32" i="12"/>
  <c r="BP32" i="12"/>
  <c r="BO11" i="12"/>
  <c r="BK11" i="12"/>
  <c r="BU7" i="12"/>
  <c r="BW7" i="12"/>
  <c r="CA30" i="12"/>
  <c r="BX33" i="12"/>
  <c r="BX11" i="12"/>
  <c r="BS32" i="12"/>
  <c r="BH7" i="12"/>
  <c r="BQ33" i="12"/>
  <c r="BQ32" i="12"/>
  <c r="BT11" i="12"/>
  <c r="BW11" i="12"/>
  <c r="BJ7" i="12"/>
  <c r="CB30" i="12"/>
  <c r="BS30" i="12"/>
  <c r="CF30" i="12"/>
  <c r="CJ30" i="12"/>
  <c r="BI30" i="12"/>
  <c r="CG30" i="12"/>
  <c r="BK30" i="12"/>
  <c r="BM30" i="12"/>
  <c r="BP30" i="12"/>
  <c r="BT30" i="12"/>
  <c r="BV30" i="12"/>
  <c r="BY30" i="12"/>
  <c r="CC30" i="12"/>
  <c r="CE30" i="12"/>
  <c r="CI30" i="12"/>
  <c r="BR30" i="12"/>
  <c r="BO30" i="12"/>
  <c r="BH30" i="12"/>
  <c r="CL30" i="12"/>
  <c r="CD30" i="12"/>
  <c r="CK30" i="12"/>
  <c r="BQ30" i="12"/>
  <c r="CG384" i="11" l="1"/>
  <c r="CF384" i="11"/>
  <c r="CE384" i="11"/>
  <c r="CD384" i="11"/>
  <c r="CC384" i="11"/>
  <c r="CB384" i="11"/>
  <c r="CA384" i="11"/>
  <c r="BZ384" i="11"/>
  <c r="BX384" i="11"/>
  <c r="BW384" i="11"/>
  <c r="BV384" i="11"/>
  <c r="BU384" i="11"/>
  <c r="BT384" i="11"/>
  <c r="BS384" i="11"/>
  <c r="BR384" i="11"/>
  <c r="BQ384" i="11"/>
  <c r="BP384" i="11"/>
  <c r="BO384" i="11"/>
  <c r="BN384" i="11"/>
  <c r="BM384" i="11"/>
  <c r="BL384" i="11"/>
  <c r="BK384" i="11"/>
  <c r="BJ384" i="11"/>
  <c r="BI384" i="11"/>
  <c r="BH384" i="11"/>
  <c r="BG384" i="11"/>
  <c r="BF384" i="11"/>
  <c r="BE384" i="11"/>
  <c r="BD384" i="11"/>
  <c r="BC384" i="11"/>
  <c r="BA384" i="11"/>
  <c r="S384" i="11"/>
  <c r="CG383" i="11"/>
  <c r="CF383" i="11"/>
  <c r="CE383" i="11"/>
  <c r="CD383" i="11"/>
  <c r="CC383" i="11"/>
  <c r="CB383" i="11"/>
  <c r="CA383" i="11"/>
  <c r="BZ383" i="11"/>
  <c r="BX383" i="11"/>
  <c r="BW383" i="11"/>
  <c r="BV383" i="11"/>
  <c r="BU383" i="11"/>
  <c r="BT383" i="11"/>
  <c r="BS383" i="11"/>
  <c r="BR383" i="11"/>
  <c r="BQ383" i="11"/>
  <c r="BP383" i="11"/>
  <c r="BO383" i="11"/>
  <c r="BN383" i="11"/>
  <c r="BM383" i="11"/>
  <c r="BL383" i="11"/>
  <c r="BK383" i="11"/>
  <c r="BJ383" i="11"/>
  <c r="BI383" i="11"/>
  <c r="BH383" i="11"/>
  <c r="BG383" i="11"/>
  <c r="BF383" i="11"/>
  <c r="BE383" i="11"/>
  <c r="BD383" i="11"/>
  <c r="BC383" i="11"/>
  <c r="BA383" i="11"/>
  <c r="S383" i="11"/>
  <c r="CG382" i="11"/>
  <c r="CF382" i="11"/>
  <c r="CE382" i="11"/>
  <c r="CD382" i="11"/>
  <c r="CC382" i="11"/>
  <c r="CB382" i="11"/>
  <c r="CA382" i="11"/>
  <c r="BW382" i="11"/>
  <c r="BV382" i="11"/>
  <c r="BU382" i="11"/>
  <c r="BT382" i="11"/>
  <c r="BS382" i="11"/>
  <c r="BR382" i="11"/>
  <c r="BQ382" i="11"/>
  <c r="BP382" i="11"/>
  <c r="BO382" i="11"/>
  <c r="BN382" i="11"/>
  <c r="BM382" i="11"/>
  <c r="BL382" i="11"/>
  <c r="BK382" i="11"/>
  <c r="BJ382" i="11"/>
  <c r="BI382" i="11"/>
  <c r="BH382" i="11"/>
  <c r="BG382" i="11"/>
  <c r="BF382" i="11"/>
  <c r="BE382" i="11"/>
  <c r="BD382" i="11"/>
  <c r="BC382" i="11"/>
  <c r="BA382" i="11"/>
  <c r="S382" i="11"/>
  <c r="CG381" i="11"/>
  <c r="CF381" i="11"/>
  <c r="CE381" i="11"/>
  <c r="CD381" i="11"/>
  <c r="CC381" i="11"/>
  <c r="CB381" i="11"/>
  <c r="CA381" i="11"/>
  <c r="BW381" i="11"/>
  <c r="BV381" i="11"/>
  <c r="BU381" i="11"/>
  <c r="BT381" i="11"/>
  <c r="BS381" i="11"/>
  <c r="BR381" i="11"/>
  <c r="BQ381" i="11"/>
  <c r="BP381" i="11"/>
  <c r="BO381" i="11"/>
  <c r="BN381" i="11"/>
  <c r="BM381" i="11"/>
  <c r="BL381" i="11"/>
  <c r="BK381" i="11"/>
  <c r="BJ381" i="11"/>
  <c r="BI381" i="11"/>
  <c r="BH381" i="11"/>
  <c r="BG381" i="11"/>
  <c r="BF381" i="11"/>
  <c r="BE381" i="11"/>
  <c r="BD381" i="11"/>
  <c r="BC381" i="11"/>
  <c r="BA381" i="11"/>
  <c r="S381" i="11"/>
  <c r="CG380" i="11"/>
  <c r="CF380" i="11"/>
  <c r="CE380" i="11"/>
  <c r="CD380" i="11"/>
  <c r="CC380" i="11"/>
  <c r="CB380" i="11"/>
  <c r="CA380" i="11"/>
  <c r="BZ380" i="11"/>
  <c r="BY380" i="11"/>
  <c r="BX380" i="11"/>
  <c r="BW380" i="11"/>
  <c r="BV380" i="11"/>
  <c r="BU380" i="11"/>
  <c r="BT380" i="11"/>
  <c r="BS380" i="11"/>
  <c r="BR380" i="11"/>
  <c r="BQ380" i="11"/>
  <c r="BP380" i="11"/>
  <c r="BO380" i="11"/>
  <c r="BN380" i="11"/>
  <c r="BM380" i="11"/>
  <c r="BL380" i="11"/>
  <c r="BK380" i="11"/>
  <c r="BJ380" i="11"/>
  <c r="BI380" i="11"/>
  <c r="BH380" i="11"/>
  <c r="BG380" i="11"/>
  <c r="BF380" i="11"/>
  <c r="BE380" i="11"/>
  <c r="BD380" i="11"/>
  <c r="BC380" i="11"/>
  <c r="BA380" i="11"/>
  <c r="S380" i="11"/>
  <c r="CG379" i="11"/>
  <c r="CF379" i="11"/>
  <c r="CE379" i="11"/>
  <c r="CD379" i="11"/>
  <c r="CC379" i="11"/>
  <c r="CB379" i="11"/>
  <c r="CA379" i="11"/>
  <c r="BZ379" i="11"/>
  <c r="BY379" i="11"/>
  <c r="BX379" i="11"/>
  <c r="BW379" i="11"/>
  <c r="BV379" i="11"/>
  <c r="BU379" i="11"/>
  <c r="BT379" i="11"/>
  <c r="BS379" i="11"/>
  <c r="BR379" i="11"/>
  <c r="BQ379" i="11"/>
  <c r="BP379" i="11"/>
  <c r="BO379" i="11"/>
  <c r="BN379" i="11"/>
  <c r="BM379" i="11"/>
  <c r="BL379" i="11"/>
  <c r="BK379" i="11"/>
  <c r="BJ379" i="11"/>
  <c r="BI379" i="11"/>
  <c r="BH379" i="11"/>
  <c r="BG379" i="11"/>
  <c r="BF379" i="11"/>
  <c r="BE379" i="11"/>
  <c r="BD379" i="11"/>
  <c r="BC379" i="11"/>
  <c r="BA379" i="11"/>
  <c r="S379" i="11"/>
  <c r="CG378" i="11"/>
  <c r="CF378" i="11"/>
  <c r="CE378" i="11"/>
  <c r="CD378" i="11"/>
  <c r="CC378" i="11"/>
  <c r="CB378" i="11"/>
  <c r="CA378" i="11"/>
  <c r="BZ378" i="11"/>
  <c r="BY378" i="11"/>
  <c r="BX378" i="11"/>
  <c r="BW378" i="11"/>
  <c r="BV378" i="11"/>
  <c r="BU378" i="11"/>
  <c r="BT378" i="11"/>
  <c r="BS378" i="11"/>
  <c r="BR378" i="11"/>
  <c r="BQ378" i="11"/>
  <c r="BP378" i="11"/>
  <c r="BO378" i="11"/>
  <c r="BN378" i="11"/>
  <c r="BM378" i="11"/>
  <c r="BL378" i="11"/>
  <c r="BK378" i="11"/>
  <c r="BJ378" i="11"/>
  <c r="BI378" i="11"/>
  <c r="BH378" i="11"/>
  <c r="BG378" i="11"/>
  <c r="BF378" i="11"/>
  <c r="BE378" i="11"/>
  <c r="BD378" i="11"/>
  <c r="BC378" i="11"/>
  <c r="BA378" i="11"/>
  <c r="CG377" i="11"/>
  <c r="CF377" i="11"/>
  <c r="CE377" i="11"/>
  <c r="CD377" i="11"/>
  <c r="CC377" i="11"/>
  <c r="CB377" i="11"/>
  <c r="CA377" i="11"/>
  <c r="BW377" i="11"/>
  <c r="BV377" i="11"/>
  <c r="BU377" i="11"/>
  <c r="BT377" i="11"/>
  <c r="BS377" i="11"/>
  <c r="BR377" i="11"/>
  <c r="BQ377" i="11"/>
  <c r="BP377" i="11"/>
  <c r="BO377" i="11"/>
  <c r="BN377" i="11"/>
  <c r="BM377" i="11"/>
  <c r="BL377" i="11"/>
  <c r="BK377" i="11"/>
  <c r="BJ377" i="11"/>
  <c r="BI377" i="11"/>
  <c r="BH377" i="11"/>
  <c r="BG377" i="11"/>
  <c r="BF377" i="11"/>
  <c r="BE377" i="11"/>
  <c r="BD377" i="11"/>
  <c r="BC377" i="11"/>
  <c r="BA377" i="11"/>
  <c r="S377" i="11"/>
  <c r="CG376" i="11"/>
  <c r="CF376" i="11"/>
  <c r="CE376" i="11"/>
  <c r="CD376" i="11"/>
  <c r="CC376" i="11"/>
  <c r="CB376" i="11"/>
  <c r="CA376" i="11"/>
  <c r="BW376" i="11"/>
  <c r="BV376" i="11"/>
  <c r="BU376" i="11"/>
  <c r="BT376" i="11"/>
  <c r="BS376" i="11"/>
  <c r="BR376" i="11"/>
  <c r="BQ376" i="11"/>
  <c r="BP376" i="11"/>
  <c r="BO376" i="11"/>
  <c r="BN376" i="11"/>
  <c r="BM376" i="11"/>
  <c r="BL376" i="11"/>
  <c r="BK376" i="11"/>
  <c r="BJ376" i="11"/>
  <c r="BI376" i="11"/>
  <c r="BH376" i="11"/>
  <c r="BG376" i="11"/>
  <c r="BF376" i="11"/>
  <c r="BE376" i="11"/>
  <c r="BD376" i="11"/>
  <c r="BC376" i="11"/>
  <c r="BA376" i="11"/>
  <c r="S376" i="11"/>
  <c r="CG375" i="11"/>
  <c r="CF375" i="11"/>
  <c r="CE375" i="11"/>
  <c r="CD375" i="11"/>
  <c r="CC375" i="11"/>
  <c r="CB375" i="11"/>
  <c r="CA375" i="11"/>
  <c r="BY375" i="11"/>
  <c r="BW375" i="11"/>
  <c r="BV375" i="11"/>
  <c r="BU375" i="11"/>
  <c r="BT375" i="11"/>
  <c r="BS375" i="11"/>
  <c r="BR375" i="11"/>
  <c r="BQ375" i="11"/>
  <c r="BP375" i="11"/>
  <c r="BO375" i="11"/>
  <c r="BN375" i="11"/>
  <c r="BM375" i="11"/>
  <c r="BL375" i="11"/>
  <c r="BK375" i="11"/>
  <c r="BJ375" i="11"/>
  <c r="BI375" i="11"/>
  <c r="BH375" i="11"/>
  <c r="BG375" i="11"/>
  <c r="BF375" i="11"/>
  <c r="BE375" i="11"/>
  <c r="BD375" i="11"/>
  <c r="BC375" i="11"/>
  <c r="BA375" i="11"/>
  <c r="S375" i="11"/>
  <c r="CG374" i="11"/>
  <c r="CF374" i="11"/>
  <c r="CE374" i="11"/>
  <c r="CD374" i="11"/>
  <c r="CC374" i="11"/>
  <c r="CB374" i="11"/>
  <c r="CA374" i="11"/>
  <c r="BZ374" i="11"/>
  <c r="BY374" i="11"/>
  <c r="BW374" i="11"/>
  <c r="BV374" i="11"/>
  <c r="BU374" i="11"/>
  <c r="BT374" i="11"/>
  <c r="BS374" i="11"/>
  <c r="BR374" i="11"/>
  <c r="BQ374" i="11"/>
  <c r="BP374" i="11"/>
  <c r="BO374" i="11"/>
  <c r="BN374" i="11"/>
  <c r="BM374" i="11"/>
  <c r="BL374" i="11"/>
  <c r="BK374" i="11"/>
  <c r="BJ374" i="11"/>
  <c r="BI374" i="11"/>
  <c r="BH374" i="11"/>
  <c r="BG374" i="11"/>
  <c r="BF374" i="11"/>
  <c r="BE374" i="11"/>
  <c r="BD374" i="11"/>
  <c r="BC374" i="11"/>
  <c r="BA374" i="11"/>
  <c r="S374" i="11"/>
  <c r="CG336" i="11"/>
  <c r="CF336" i="11"/>
  <c r="CE336" i="11"/>
  <c r="CD336" i="11"/>
  <c r="CC336" i="11"/>
  <c r="CB336" i="11"/>
  <c r="BW336" i="11"/>
  <c r="BV336" i="11"/>
  <c r="BU336" i="11"/>
  <c r="BT336" i="11"/>
  <c r="BS336" i="11"/>
  <c r="BR336" i="11"/>
  <c r="BQ336" i="11"/>
  <c r="BP336" i="11"/>
  <c r="BO336" i="11"/>
  <c r="BN336" i="11"/>
  <c r="BM336" i="11"/>
  <c r="BL336" i="11"/>
  <c r="BK336" i="11"/>
  <c r="BJ336" i="11"/>
  <c r="BI336" i="11"/>
  <c r="BH336" i="11"/>
  <c r="BG336" i="11"/>
  <c r="BF336" i="11"/>
  <c r="BE336" i="11"/>
  <c r="BD336" i="11"/>
  <c r="BC336" i="11"/>
  <c r="BA336" i="11"/>
  <c r="S336" i="11"/>
  <c r="CG372" i="11"/>
  <c r="CF372" i="11"/>
  <c r="CE372" i="11"/>
  <c r="CD372" i="11"/>
  <c r="CC372" i="11"/>
  <c r="CB372" i="11"/>
  <c r="CA372" i="11"/>
  <c r="BY372" i="11"/>
  <c r="BW372" i="11"/>
  <c r="BV372" i="11"/>
  <c r="BU372" i="11"/>
  <c r="BT372" i="11"/>
  <c r="BS372" i="11"/>
  <c r="BR372" i="11"/>
  <c r="BQ372" i="11"/>
  <c r="BP372" i="11"/>
  <c r="BO372" i="11"/>
  <c r="BN372" i="11"/>
  <c r="BM372" i="11"/>
  <c r="BL372" i="11"/>
  <c r="BK372" i="11"/>
  <c r="BJ372" i="11"/>
  <c r="BI372" i="11"/>
  <c r="BH372" i="11"/>
  <c r="BG372" i="11"/>
  <c r="BF372" i="11"/>
  <c r="BE372" i="11"/>
  <c r="BD372" i="11"/>
  <c r="BC372" i="11"/>
  <c r="BA372" i="11"/>
  <c r="S372" i="11"/>
  <c r="CG371" i="11"/>
  <c r="CF371" i="11"/>
  <c r="CE371" i="11"/>
  <c r="CD371" i="11"/>
  <c r="CC371" i="11"/>
  <c r="CB371" i="11"/>
  <c r="BW371" i="11"/>
  <c r="BV371" i="11"/>
  <c r="BU371" i="11"/>
  <c r="BT371" i="11"/>
  <c r="BS371" i="11"/>
  <c r="BR371" i="11"/>
  <c r="BQ371" i="11"/>
  <c r="BP371" i="11"/>
  <c r="BO371" i="11"/>
  <c r="BN371" i="11"/>
  <c r="BM371" i="11"/>
  <c r="BL371" i="11"/>
  <c r="BK371" i="11"/>
  <c r="BJ371" i="11"/>
  <c r="BI371" i="11"/>
  <c r="BH371" i="11"/>
  <c r="BG371" i="11"/>
  <c r="BF371" i="11"/>
  <c r="BE371" i="11"/>
  <c r="BD371" i="11"/>
  <c r="BC371" i="11"/>
  <c r="BA371" i="11"/>
  <c r="S371" i="11"/>
  <c r="CG370" i="11"/>
  <c r="CF370" i="11"/>
  <c r="CE370" i="11"/>
  <c r="CD370" i="11"/>
  <c r="CC370" i="11"/>
  <c r="CB370" i="11"/>
  <c r="BW370" i="11"/>
  <c r="BV370" i="11"/>
  <c r="BU370" i="11"/>
  <c r="BT370" i="11"/>
  <c r="BS370" i="11"/>
  <c r="BR370" i="11"/>
  <c r="BQ370" i="11"/>
  <c r="BP370" i="11"/>
  <c r="BO370" i="11"/>
  <c r="BN370" i="11"/>
  <c r="BM370" i="11"/>
  <c r="BL370" i="11"/>
  <c r="BK370" i="11"/>
  <c r="BJ370" i="11"/>
  <c r="BI370" i="11"/>
  <c r="BH370" i="11"/>
  <c r="BG370" i="11"/>
  <c r="BF370" i="11"/>
  <c r="BE370" i="11"/>
  <c r="BD370" i="11"/>
  <c r="BC370" i="11"/>
  <c r="BA370" i="11"/>
  <c r="S370" i="11"/>
  <c r="CG369" i="11"/>
  <c r="CF369" i="11"/>
  <c r="CE369" i="11"/>
  <c r="CD369" i="11"/>
  <c r="CC369" i="11"/>
  <c r="CB369" i="11"/>
  <c r="CA369" i="11"/>
  <c r="BZ369" i="11"/>
  <c r="BY369" i="11"/>
  <c r="BX369" i="11"/>
  <c r="BW369" i="11"/>
  <c r="BV369" i="11"/>
  <c r="BU369" i="11"/>
  <c r="BT369" i="11"/>
  <c r="BS369" i="11"/>
  <c r="BR369" i="11"/>
  <c r="BQ369" i="11"/>
  <c r="BP369" i="11"/>
  <c r="BO369" i="11"/>
  <c r="BN369" i="11"/>
  <c r="BM369" i="11"/>
  <c r="BL369" i="11"/>
  <c r="BK369" i="11"/>
  <c r="BJ369" i="11"/>
  <c r="BI369" i="11"/>
  <c r="BH369" i="11"/>
  <c r="BG369" i="11"/>
  <c r="BF369" i="11"/>
  <c r="BE369" i="11"/>
  <c r="BD369" i="11"/>
  <c r="BC369" i="11"/>
  <c r="BA369" i="11"/>
  <c r="CG368" i="11"/>
  <c r="CF368" i="11"/>
  <c r="CE368" i="11"/>
  <c r="CD368" i="11"/>
  <c r="CC368" i="11"/>
  <c r="CB368" i="11"/>
  <c r="BW368" i="11"/>
  <c r="BV368" i="11"/>
  <c r="BU368" i="11"/>
  <c r="BT368" i="11"/>
  <c r="BS368" i="11"/>
  <c r="BR368" i="11"/>
  <c r="BQ368" i="11"/>
  <c r="BP368" i="11"/>
  <c r="BO368" i="11"/>
  <c r="BN368" i="11"/>
  <c r="BM368" i="11"/>
  <c r="BL368" i="11"/>
  <c r="BK368" i="11"/>
  <c r="BJ368" i="11"/>
  <c r="BI368" i="11"/>
  <c r="BH368" i="11"/>
  <c r="BG368" i="11"/>
  <c r="BF368" i="11"/>
  <c r="BE368" i="11"/>
  <c r="BD368" i="11"/>
  <c r="BC368" i="11"/>
  <c r="BA368" i="11"/>
  <c r="S368" i="11"/>
  <c r="CG367" i="11"/>
  <c r="CF367" i="11"/>
  <c r="CE367" i="11"/>
  <c r="CD367" i="11"/>
  <c r="CC367" i="11"/>
  <c r="CB367" i="11"/>
  <c r="BW367" i="11"/>
  <c r="BV367" i="11"/>
  <c r="BU367" i="11"/>
  <c r="BT367" i="11"/>
  <c r="BS367" i="11"/>
  <c r="BR367" i="11"/>
  <c r="BQ367" i="11"/>
  <c r="BP367" i="11"/>
  <c r="BO367" i="11"/>
  <c r="BN367" i="11"/>
  <c r="BM367" i="11"/>
  <c r="BL367" i="11"/>
  <c r="BK367" i="11"/>
  <c r="BJ367" i="11"/>
  <c r="BI367" i="11"/>
  <c r="BH367" i="11"/>
  <c r="BG367" i="11"/>
  <c r="BF367" i="11"/>
  <c r="BE367" i="11"/>
  <c r="BD367" i="11"/>
  <c r="BC367" i="11"/>
  <c r="BA367" i="11"/>
  <c r="S367" i="11"/>
  <c r="CG366" i="11"/>
  <c r="CF366" i="11"/>
  <c r="CE366" i="11"/>
  <c r="CD366" i="11"/>
  <c r="CC366" i="11"/>
  <c r="CB366" i="11"/>
  <c r="BW366" i="11"/>
  <c r="BV366" i="11"/>
  <c r="BU366" i="11"/>
  <c r="BT366" i="11"/>
  <c r="BS366" i="11"/>
  <c r="BR366" i="11"/>
  <c r="BQ366" i="11"/>
  <c r="BP366" i="11"/>
  <c r="BO366" i="11"/>
  <c r="BN366" i="11"/>
  <c r="BM366" i="11"/>
  <c r="BL366" i="11"/>
  <c r="BK366" i="11"/>
  <c r="BJ366" i="11"/>
  <c r="BI366" i="11"/>
  <c r="BH366" i="11"/>
  <c r="BG366" i="11"/>
  <c r="BF366" i="11"/>
  <c r="BE366" i="11"/>
  <c r="BD366" i="11"/>
  <c r="BC366" i="11"/>
  <c r="BA366" i="11"/>
  <c r="S366" i="11"/>
  <c r="CG365" i="11"/>
  <c r="CF365" i="11"/>
  <c r="CE365" i="11"/>
  <c r="CD365" i="11"/>
  <c r="CC365" i="11"/>
  <c r="CB365" i="11"/>
  <c r="CA365" i="11"/>
  <c r="BY365" i="11"/>
  <c r="BW365" i="11"/>
  <c r="BV365" i="11"/>
  <c r="BU365" i="11"/>
  <c r="BT365" i="11"/>
  <c r="BS365" i="11"/>
  <c r="BR365" i="11"/>
  <c r="BQ365" i="11"/>
  <c r="BP365" i="11"/>
  <c r="BO365" i="11"/>
  <c r="BN365" i="11"/>
  <c r="BM365" i="11"/>
  <c r="BL365" i="11"/>
  <c r="BK365" i="11"/>
  <c r="BJ365" i="11"/>
  <c r="BI365" i="11"/>
  <c r="BH365" i="11"/>
  <c r="BG365" i="11"/>
  <c r="BF365" i="11"/>
  <c r="BE365" i="11"/>
  <c r="BD365" i="11"/>
  <c r="BC365" i="11"/>
  <c r="BA365" i="11"/>
  <c r="S365" i="11"/>
  <c r="CG364" i="11"/>
  <c r="CF364" i="11"/>
  <c r="CE364" i="11"/>
  <c r="CD364" i="11"/>
  <c r="CC364" i="11"/>
  <c r="CB364" i="11"/>
  <c r="BW364" i="11"/>
  <c r="BV364" i="11"/>
  <c r="BU364" i="11"/>
  <c r="BT364" i="11"/>
  <c r="BS364" i="11"/>
  <c r="BR364" i="11"/>
  <c r="BQ364" i="11"/>
  <c r="BP364" i="11"/>
  <c r="BO364" i="11"/>
  <c r="BN364" i="11"/>
  <c r="BM364" i="11"/>
  <c r="BL364" i="11"/>
  <c r="BK364" i="11"/>
  <c r="BJ364" i="11"/>
  <c r="BI364" i="11"/>
  <c r="BH364" i="11"/>
  <c r="BG364" i="11"/>
  <c r="BF364" i="11"/>
  <c r="BE364" i="11"/>
  <c r="BD364" i="11"/>
  <c r="BC364" i="11"/>
  <c r="BA364" i="11"/>
  <c r="S364" i="11"/>
  <c r="CG363" i="11"/>
  <c r="CF363" i="11"/>
  <c r="CE363" i="11"/>
  <c r="CD363" i="11"/>
  <c r="CC363" i="11"/>
  <c r="CB363" i="11"/>
  <c r="BW363" i="11"/>
  <c r="BV363" i="11"/>
  <c r="BU363" i="11"/>
  <c r="BT363" i="11"/>
  <c r="BS363" i="11"/>
  <c r="BR363" i="11"/>
  <c r="BQ363" i="11"/>
  <c r="BP363" i="11"/>
  <c r="BO363" i="11"/>
  <c r="BN363" i="11"/>
  <c r="BM363" i="11"/>
  <c r="BL363" i="11"/>
  <c r="BK363" i="11"/>
  <c r="BJ363" i="11"/>
  <c r="BI363" i="11"/>
  <c r="BH363" i="11"/>
  <c r="BG363" i="11"/>
  <c r="BF363" i="11"/>
  <c r="BE363" i="11"/>
  <c r="BD363" i="11"/>
  <c r="BC363" i="11"/>
  <c r="BA363" i="11"/>
  <c r="S363" i="11"/>
  <c r="CG362" i="11"/>
  <c r="CF362" i="11"/>
  <c r="CE362" i="11"/>
  <c r="CD362" i="11"/>
  <c r="CC362" i="11"/>
  <c r="CB362" i="11"/>
  <c r="BW362" i="11"/>
  <c r="BV362" i="11"/>
  <c r="BU362" i="11"/>
  <c r="BT362" i="11"/>
  <c r="BS362" i="11"/>
  <c r="BR362" i="11"/>
  <c r="BQ362" i="11"/>
  <c r="BP362" i="11"/>
  <c r="BO362" i="11"/>
  <c r="BN362" i="11"/>
  <c r="BM362" i="11"/>
  <c r="BL362" i="11"/>
  <c r="BK362" i="11"/>
  <c r="BJ362" i="11"/>
  <c r="BI362" i="11"/>
  <c r="BH362" i="11"/>
  <c r="BG362" i="11"/>
  <c r="BF362" i="11"/>
  <c r="BE362" i="11"/>
  <c r="BD362" i="11"/>
  <c r="BC362" i="11"/>
  <c r="BA362" i="11"/>
  <c r="S362" i="11"/>
  <c r="CG361" i="11"/>
  <c r="CF361" i="11"/>
  <c r="CE361" i="11"/>
  <c r="CD361" i="11"/>
  <c r="CC361" i="11"/>
  <c r="CB361" i="11"/>
  <c r="BW361" i="11"/>
  <c r="BV361" i="11"/>
  <c r="BU361" i="11"/>
  <c r="BT361" i="11"/>
  <c r="BS361" i="11"/>
  <c r="BR361" i="11"/>
  <c r="BQ361" i="11"/>
  <c r="BP361" i="11"/>
  <c r="BO361" i="11"/>
  <c r="BN361" i="11"/>
  <c r="BM361" i="11"/>
  <c r="BL361" i="11"/>
  <c r="BK361" i="11"/>
  <c r="BJ361" i="11"/>
  <c r="BI361" i="11"/>
  <c r="BH361" i="11"/>
  <c r="BG361" i="11"/>
  <c r="BF361" i="11"/>
  <c r="BE361" i="11"/>
  <c r="BD361" i="11"/>
  <c r="BC361" i="11"/>
  <c r="BA361" i="11"/>
  <c r="S361" i="11"/>
  <c r="CG360" i="11"/>
  <c r="CF360" i="11"/>
  <c r="CE360" i="11"/>
  <c r="CD360" i="11"/>
  <c r="CC360" i="11"/>
  <c r="CB360" i="11"/>
  <c r="BW360" i="11"/>
  <c r="BV360" i="11"/>
  <c r="BU360" i="11"/>
  <c r="BT360" i="11"/>
  <c r="BS360" i="11"/>
  <c r="BR360" i="11"/>
  <c r="BQ360" i="11"/>
  <c r="BP360" i="11"/>
  <c r="BO360" i="11"/>
  <c r="BN360" i="11"/>
  <c r="BM360" i="11"/>
  <c r="BL360" i="11"/>
  <c r="BK360" i="11"/>
  <c r="BJ360" i="11"/>
  <c r="BI360" i="11"/>
  <c r="BH360" i="11"/>
  <c r="BG360" i="11"/>
  <c r="BF360" i="11"/>
  <c r="BE360" i="11"/>
  <c r="BD360" i="11"/>
  <c r="BC360" i="11"/>
  <c r="BA360" i="11"/>
  <c r="S360" i="11"/>
  <c r="CG359" i="11"/>
  <c r="CF359" i="11"/>
  <c r="CE359" i="11"/>
  <c r="CD359" i="11"/>
  <c r="CC359" i="11"/>
  <c r="CB359" i="11"/>
  <c r="CA359" i="11"/>
  <c r="BZ359" i="11"/>
  <c r="BY359" i="11"/>
  <c r="BX359" i="11"/>
  <c r="BW359" i="11"/>
  <c r="BV359" i="11"/>
  <c r="BU359" i="11"/>
  <c r="BT359" i="11"/>
  <c r="BS359" i="11"/>
  <c r="BR359" i="11"/>
  <c r="BQ359" i="11"/>
  <c r="BP359" i="11"/>
  <c r="BO359" i="11"/>
  <c r="BN359" i="11"/>
  <c r="BM359" i="11"/>
  <c r="BL359" i="11"/>
  <c r="BK359" i="11"/>
  <c r="BJ359" i="11"/>
  <c r="BI359" i="11"/>
  <c r="BH359" i="11"/>
  <c r="BG359" i="11"/>
  <c r="BF359" i="11"/>
  <c r="BE359" i="11"/>
  <c r="BD359" i="11"/>
  <c r="BC359" i="11"/>
  <c r="BA359" i="11"/>
  <c r="S359" i="11"/>
  <c r="CG358" i="11"/>
  <c r="CF358" i="11"/>
  <c r="CE358" i="11"/>
  <c r="CD358" i="11"/>
  <c r="CC358" i="11"/>
  <c r="CB358" i="11"/>
  <c r="BW358" i="11"/>
  <c r="BV358" i="11"/>
  <c r="BU358" i="11"/>
  <c r="BT358" i="11"/>
  <c r="BS358" i="11"/>
  <c r="BR358" i="11"/>
  <c r="BQ358" i="11"/>
  <c r="BP358" i="11"/>
  <c r="BO358" i="11"/>
  <c r="BN358" i="11"/>
  <c r="BM358" i="11"/>
  <c r="BL358" i="11"/>
  <c r="BK358" i="11"/>
  <c r="BJ358" i="11"/>
  <c r="BI358" i="11"/>
  <c r="BH358" i="11"/>
  <c r="BG358" i="11"/>
  <c r="BF358" i="11"/>
  <c r="BE358" i="11"/>
  <c r="BD358" i="11"/>
  <c r="BC358" i="11"/>
  <c r="BA358" i="11"/>
  <c r="S358" i="11"/>
  <c r="CG357" i="11"/>
  <c r="CF357" i="11"/>
  <c r="CE357" i="11"/>
  <c r="CD357" i="11"/>
  <c r="CC357" i="11"/>
  <c r="CB357" i="11"/>
  <c r="BW357" i="11"/>
  <c r="BV357" i="11"/>
  <c r="BU357" i="11"/>
  <c r="BT357" i="11"/>
  <c r="BS357" i="11"/>
  <c r="BR357" i="11"/>
  <c r="BQ357" i="11"/>
  <c r="BP357" i="11"/>
  <c r="BO357" i="11"/>
  <c r="BN357" i="11"/>
  <c r="BM357" i="11"/>
  <c r="BL357" i="11"/>
  <c r="BK357" i="11"/>
  <c r="BJ357" i="11"/>
  <c r="BI357" i="11"/>
  <c r="BH357" i="11"/>
  <c r="BG357" i="11"/>
  <c r="BF357" i="11"/>
  <c r="BE357" i="11"/>
  <c r="BD357" i="11"/>
  <c r="BC357" i="11"/>
  <c r="BA357" i="11"/>
  <c r="S357" i="11"/>
  <c r="CG356" i="11"/>
  <c r="CF356" i="11"/>
  <c r="CE356" i="11"/>
  <c r="CD356" i="11"/>
  <c r="CC356" i="11"/>
  <c r="CB356" i="11"/>
  <c r="CA356" i="11"/>
  <c r="BZ356" i="11"/>
  <c r="BY356" i="11"/>
  <c r="BX356" i="11"/>
  <c r="BS356" i="11"/>
  <c r="BR356" i="11"/>
  <c r="BQ356" i="11"/>
  <c r="BP356" i="11"/>
  <c r="BO356" i="11"/>
  <c r="BN356" i="11"/>
  <c r="BM356" i="11"/>
  <c r="BL356" i="11"/>
  <c r="BK356" i="11"/>
  <c r="BJ356" i="11"/>
  <c r="BI356" i="11"/>
  <c r="BH356" i="11"/>
  <c r="BG356" i="11"/>
  <c r="BF356" i="11"/>
  <c r="BE356" i="11"/>
  <c r="BD356" i="11"/>
  <c r="BC356" i="11"/>
  <c r="BA356" i="11"/>
  <c r="S356" i="11"/>
  <c r="CG355" i="11"/>
  <c r="CF355" i="11"/>
  <c r="CE355" i="11"/>
  <c r="CD355" i="11"/>
  <c r="CC355" i="11"/>
  <c r="CB355" i="11"/>
  <c r="CA355" i="11"/>
  <c r="BZ355" i="11"/>
  <c r="BY355" i="11"/>
  <c r="BX355" i="11"/>
  <c r="BW355" i="11"/>
  <c r="BV355" i="11"/>
  <c r="BU355" i="11"/>
  <c r="BT355" i="11"/>
  <c r="BS355" i="11"/>
  <c r="BR355" i="11"/>
  <c r="BQ355" i="11"/>
  <c r="BP355" i="11"/>
  <c r="BO355" i="11"/>
  <c r="BN355" i="11"/>
  <c r="BM355" i="11"/>
  <c r="BL355" i="11"/>
  <c r="BK355" i="11"/>
  <c r="BJ355" i="11"/>
  <c r="BI355" i="11"/>
  <c r="BH355" i="11"/>
  <c r="BG355" i="11"/>
  <c r="BF355" i="11"/>
  <c r="BE355" i="11"/>
  <c r="BD355" i="11"/>
  <c r="BC355" i="11"/>
  <c r="BA355" i="11"/>
  <c r="CG354" i="11"/>
  <c r="CF354" i="11"/>
  <c r="CE354" i="11"/>
  <c r="CD354" i="11"/>
  <c r="CC354" i="11"/>
  <c r="CB354" i="11"/>
  <c r="CA354" i="11"/>
  <c r="BZ354" i="11"/>
  <c r="BY354" i="11"/>
  <c r="BX354" i="11"/>
  <c r="BS354" i="11"/>
  <c r="BR354" i="11"/>
  <c r="BQ354" i="11"/>
  <c r="BP354" i="11"/>
  <c r="BO354" i="11"/>
  <c r="BN354" i="11"/>
  <c r="BM354" i="11"/>
  <c r="BL354" i="11"/>
  <c r="BK354" i="11"/>
  <c r="BJ354" i="11"/>
  <c r="BI354" i="11"/>
  <c r="BH354" i="11"/>
  <c r="BG354" i="11"/>
  <c r="BF354" i="11"/>
  <c r="BE354" i="11"/>
  <c r="BD354" i="11"/>
  <c r="BC354" i="11"/>
  <c r="BA354" i="11"/>
  <c r="S354" i="11"/>
  <c r="CG353" i="11"/>
  <c r="CF353" i="11"/>
  <c r="CE353" i="11"/>
  <c r="CD353" i="11"/>
  <c r="CC353" i="11"/>
  <c r="CB353" i="11"/>
  <c r="CA353" i="11"/>
  <c r="BZ353" i="11"/>
  <c r="BY353" i="11"/>
  <c r="BX353" i="11"/>
  <c r="BW353" i="11"/>
  <c r="BV353" i="11"/>
  <c r="BU353" i="11"/>
  <c r="BS353" i="11"/>
  <c r="BR353" i="11"/>
  <c r="BQ353" i="11"/>
  <c r="BP353" i="11"/>
  <c r="BO353" i="11"/>
  <c r="BN353" i="11"/>
  <c r="BM353" i="11"/>
  <c r="BL353" i="11"/>
  <c r="BK353" i="11"/>
  <c r="BJ353" i="11"/>
  <c r="BI353" i="11"/>
  <c r="BH353" i="11"/>
  <c r="BG353" i="11"/>
  <c r="BF353" i="11"/>
  <c r="BE353" i="11"/>
  <c r="BD353" i="11"/>
  <c r="BC353" i="11"/>
  <c r="BA353" i="11"/>
  <c r="S353" i="11"/>
  <c r="CG352" i="11"/>
  <c r="CF352" i="11"/>
  <c r="CE352" i="11"/>
  <c r="CD352" i="11"/>
  <c r="CC352" i="11"/>
  <c r="CB352" i="11"/>
  <c r="CA352" i="11"/>
  <c r="BZ352" i="11"/>
  <c r="BY352" i="11"/>
  <c r="BX352" i="11"/>
  <c r="BS352" i="11"/>
  <c r="BR352" i="11"/>
  <c r="BQ352" i="11"/>
  <c r="BP352" i="11"/>
  <c r="BO352" i="11"/>
  <c r="BN352" i="11"/>
  <c r="BM352" i="11"/>
  <c r="BL352" i="11"/>
  <c r="BK352" i="11"/>
  <c r="BJ352" i="11"/>
  <c r="BI352" i="11"/>
  <c r="BH352" i="11"/>
  <c r="BG352" i="11"/>
  <c r="BF352" i="11"/>
  <c r="BE352" i="11"/>
  <c r="BD352" i="11"/>
  <c r="BC352" i="11"/>
  <c r="BA352" i="11"/>
  <c r="S352" i="11"/>
  <c r="CG373" i="11"/>
  <c r="CF373" i="11"/>
  <c r="CE373" i="11"/>
  <c r="CD373" i="11"/>
  <c r="CC373" i="11"/>
  <c r="CB373" i="11"/>
  <c r="CA373" i="11"/>
  <c r="BZ373" i="11"/>
  <c r="BY373" i="11"/>
  <c r="BX373" i="11"/>
  <c r="BW373" i="11"/>
  <c r="BV373" i="11"/>
  <c r="BU373" i="11"/>
  <c r="BS373" i="11"/>
  <c r="BR373" i="11"/>
  <c r="BQ373" i="11"/>
  <c r="BP373" i="11"/>
  <c r="BO373" i="11"/>
  <c r="BN373" i="11"/>
  <c r="BM373" i="11"/>
  <c r="BL373" i="11"/>
  <c r="BK373" i="11"/>
  <c r="BJ373" i="11"/>
  <c r="BI373" i="11"/>
  <c r="BH373" i="11"/>
  <c r="BG373" i="11"/>
  <c r="BF373" i="11"/>
  <c r="BE373" i="11"/>
  <c r="BD373" i="11"/>
  <c r="BC373" i="11"/>
  <c r="BA373" i="11"/>
  <c r="S373" i="11"/>
  <c r="CG350" i="11"/>
  <c r="CF350" i="11"/>
  <c r="CE350" i="11"/>
  <c r="CD350" i="11"/>
  <c r="CC350" i="11"/>
  <c r="CB350" i="11"/>
  <c r="CA350" i="11"/>
  <c r="BZ350" i="11"/>
  <c r="BY350" i="11"/>
  <c r="BX350" i="11"/>
  <c r="BW350" i="11"/>
  <c r="BV350" i="11"/>
  <c r="BU350" i="11"/>
  <c r="BS350" i="11"/>
  <c r="BR350" i="11"/>
  <c r="BQ350" i="11"/>
  <c r="BP350" i="11"/>
  <c r="BO350" i="11"/>
  <c r="BN350" i="11"/>
  <c r="BM350" i="11"/>
  <c r="BL350" i="11"/>
  <c r="BK350" i="11"/>
  <c r="BJ350" i="11"/>
  <c r="BI350" i="11"/>
  <c r="BH350" i="11"/>
  <c r="BG350" i="11"/>
  <c r="BF350" i="11"/>
  <c r="BE350" i="11"/>
  <c r="BD350" i="11"/>
  <c r="BC350" i="11"/>
  <c r="BA350" i="11"/>
  <c r="S350" i="11"/>
  <c r="CG349" i="11"/>
  <c r="CF349" i="11"/>
  <c r="CE349" i="11"/>
  <c r="CD349" i="11"/>
  <c r="CC349" i="11"/>
  <c r="CB349" i="11"/>
  <c r="CA349" i="11"/>
  <c r="BZ349" i="11"/>
  <c r="BY349" i="11"/>
  <c r="BX349" i="11"/>
  <c r="BW349" i="11"/>
  <c r="BV349" i="11"/>
  <c r="BU349" i="11"/>
  <c r="BS349" i="11"/>
  <c r="BR349" i="11"/>
  <c r="BQ349" i="11"/>
  <c r="BP349" i="11"/>
  <c r="BO349" i="11"/>
  <c r="BN349" i="11"/>
  <c r="BM349" i="11"/>
  <c r="BL349" i="11"/>
  <c r="BK349" i="11"/>
  <c r="BJ349" i="11"/>
  <c r="BI349" i="11"/>
  <c r="BH349" i="11"/>
  <c r="BG349" i="11"/>
  <c r="BF349" i="11"/>
  <c r="BE349" i="11"/>
  <c r="BD349" i="11"/>
  <c r="BC349" i="11"/>
  <c r="BA349" i="11"/>
  <c r="S349" i="11"/>
  <c r="CG348" i="11"/>
  <c r="CF348" i="11"/>
  <c r="CE348" i="11"/>
  <c r="CD348" i="11"/>
  <c r="CC348" i="11"/>
  <c r="CB348" i="11"/>
  <c r="CA348" i="11"/>
  <c r="BZ348" i="11"/>
  <c r="BY348" i="11"/>
  <c r="BX348" i="11"/>
  <c r="BW348" i="11"/>
  <c r="BV348" i="11"/>
  <c r="BU348" i="11"/>
  <c r="BS348" i="11"/>
  <c r="BR348" i="11"/>
  <c r="BQ348" i="11"/>
  <c r="BP348" i="11"/>
  <c r="BO348" i="11"/>
  <c r="BN348" i="11"/>
  <c r="BM348" i="11"/>
  <c r="BL348" i="11"/>
  <c r="BK348" i="11"/>
  <c r="BJ348" i="11"/>
  <c r="BI348" i="11"/>
  <c r="BH348" i="11"/>
  <c r="BG348" i="11"/>
  <c r="BF348" i="11"/>
  <c r="BE348" i="11"/>
  <c r="BD348" i="11"/>
  <c r="BC348" i="11"/>
  <c r="BA348" i="11"/>
  <c r="S348" i="11"/>
  <c r="CG347" i="11"/>
  <c r="CF347" i="11"/>
  <c r="CE347" i="11"/>
  <c r="CD347" i="11"/>
  <c r="CC347" i="11"/>
  <c r="CB347" i="11"/>
  <c r="CA347" i="11"/>
  <c r="BZ347" i="11"/>
  <c r="BY347" i="11"/>
  <c r="BX347" i="11"/>
  <c r="BW347" i="11"/>
  <c r="BS347" i="11"/>
  <c r="BR347" i="11"/>
  <c r="BQ347" i="11"/>
  <c r="BP347" i="11"/>
  <c r="BO347" i="11"/>
  <c r="BN347" i="11"/>
  <c r="BM347" i="11"/>
  <c r="BL347" i="11"/>
  <c r="BK347" i="11"/>
  <c r="BJ347" i="11"/>
  <c r="BI347" i="11"/>
  <c r="BH347" i="11"/>
  <c r="BG347" i="11"/>
  <c r="BF347" i="11"/>
  <c r="BE347" i="11"/>
  <c r="BD347" i="11"/>
  <c r="BC347" i="11"/>
  <c r="BA347" i="11"/>
  <c r="S347" i="11"/>
  <c r="CG346" i="11"/>
  <c r="CF346" i="11"/>
  <c r="CE346" i="11"/>
  <c r="CD346" i="11"/>
  <c r="CC346" i="11"/>
  <c r="CB346" i="11"/>
  <c r="CA346" i="11"/>
  <c r="BZ346" i="11"/>
  <c r="BY346" i="11"/>
  <c r="BX346" i="11"/>
  <c r="BW346" i="11"/>
  <c r="BS346" i="11"/>
  <c r="BR346" i="11"/>
  <c r="BQ346" i="11"/>
  <c r="BP346" i="11"/>
  <c r="BO346" i="11"/>
  <c r="BN346" i="11"/>
  <c r="BM346" i="11"/>
  <c r="BL346" i="11"/>
  <c r="BK346" i="11"/>
  <c r="BJ346" i="11"/>
  <c r="BI346" i="11"/>
  <c r="BH346" i="11"/>
  <c r="BG346" i="11"/>
  <c r="BF346" i="11"/>
  <c r="BE346" i="11"/>
  <c r="BD346" i="11"/>
  <c r="BC346" i="11"/>
  <c r="BA346" i="11"/>
  <c r="S346" i="11"/>
  <c r="CG345" i="11"/>
  <c r="CF345" i="11"/>
  <c r="CE345" i="11"/>
  <c r="CD345" i="11"/>
  <c r="CC345" i="11"/>
  <c r="CB345" i="11"/>
  <c r="CA345" i="11"/>
  <c r="BZ345" i="11"/>
  <c r="BY345" i="11"/>
  <c r="BX345" i="11"/>
  <c r="BW345" i="11"/>
  <c r="BS345" i="11"/>
  <c r="BR345" i="11"/>
  <c r="BQ345" i="11"/>
  <c r="BP345" i="11"/>
  <c r="BO345" i="11"/>
  <c r="BN345" i="11"/>
  <c r="BM345" i="11"/>
  <c r="BL345" i="11"/>
  <c r="BK345" i="11"/>
  <c r="BJ345" i="11"/>
  <c r="BI345" i="11"/>
  <c r="BH345" i="11"/>
  <c r="BG345" i="11"/>
  <c r="BF345" i="11"/>
  <c r="BE345" i="11"/>
  <c r="BD345" i="11"/>
  <c r="BC345" i="11"/>
  <c r="BA345" i="11"/>
  <c r="S345" i="11"/>
  <c r="CG344" i="11"/>
  <c r="CF344" i="11"/>
  <c r="CE344" i="11"/>
  <c r="CD344" i="11"/>
  <c r="CC344" i="11"/>
  <c r="CB344" i="11"/>
  <c r="CA344" i="11"/>
  <c r="BZ344" i="11"/>
  <c r="BY344" i="11"/>
  <c r="BX344" i="11"/>
  <c r="BW344" i="11"/>
  <c r="BS344" i="11"/>
  <c r="BR344" i="11"/>
  <c r="BQ344" i="11"/>
  <c r="BP344" i="11"/>
  <c r="BO344" i="11"/>
  <c r="BN344" i="11"/>
  <c r="BM344" i="11"/>
  <c r="BL344" i="11"/>
  <c r="BK344" i="11"/>
  <c r="BJ344" i="11"/>
  <c r="BI344" i="11"/>
  <c r="BH344" i="11"/>
  <c r="BG344" i="11"/>
  <c r="BF344" i="11"/>
  <c r="BE344" i="11"/>
  <c r="BD344" i="11"/>
  <c r="BC344" i="11"/>
  <c r="BA344" i="11"/>
  <c r="S344" i="11"/>
  <c r="CG343" i="11"/>
  <c r="CF343" i="11"/>
  <c r="CE343" i="11"/>
  <c r="CD343" i="11"/>
  <c r="CC343" i="11"/>
  <c r="CB343" i="11"/>
  <c r="CA343" i="11"/>
  <c r="BZ343" i="11"/>
  <c r="BY343" i="11"/>
  <c r="BX343" i="11"/>
  <c r="BS343" i="11"/>
  <c r="BR343" i="11"/>
  <c r="BQ343" i="11"/>
  <c r="BP343" i="11"/>
  <c r="BO343" i="11"/>
  <c r="BN343" i="11"/>
  <c r="BM343" i="11"/>
  <c r="BL343" i="11"/>
  <c r="BK343" i="11"/>
  <c r="BJ343" i="11"/>
  <c r="BI343" i="11"/>
  <c r="BH343" i="11"/>
  <c r="BG343" i="11"/>
  <c r="BF343" i="11"/>
  <c r="BE343" i="11"/>
  <c r="BD343" i="11"/>
  <c r="BC343" i="11"/>
  <c r="BA343" i="11"/>
  <c r="S343" i="11"/>
  <c r="CG342" i="11"/>
  <c r="CF342" i="11"/>
  <c r="CE342" i="11"/>
  <c r="CD342" i="11"/>
  <c r="CC342" i="11"/>
  <c r="CB342" i="11"/>
  <c r="CA342" i="11"/>
  <c r="BZ342" i="11"/>
  <c r="BY342" i="11"/>
  <c r="BX342" i="11"/>
  <c r="BS342" i="11"/>
  <c r="BR342" i="11"/>
  <c r="BQ342" i="11"/>
  <c r="BP342" i="11"/>
  <c r="BO342" i="11"/>
  <c r="BN342" i="11"/>
  <c r="BM342" i="11"/>
  <c r="BL342" i="11"/>
  <c r="BK342" i="11"/>
  <c r="BJ342" i="11"/>
  <c r="BI342" i="11"/>
  <c r="BH342" i="11"/>
  <c r="BG342" i="11"/>
  <c r="BF342" i="11"/>
  <c r="BE342" i="11"/>
  <c r="BD342" i="11"/>
  <c r="BC342" i="11"/>
  <c r="BA342" i="11"/>
  <c r="S342" i="11"/>
  <c r="CG341" i="11"/>
  <c r="CF341" i="11"/>
  <c r="CE341" i="11"/>
  <c r="CD341" i="11"/>
  <c r="CC341" i="11"/>
  <c r="CB341" i="11"/>
  <c r="CA341" i="11"/>
  <c r="BZ341" i="11"/>
  <c r="BY341" i="11"/>
  <c r="BX341" i="11"/>
  <c r="BS341" i="11"/>
  <c r="BR341" i="11"/>
  <c r="BQ341" i="11"/>
  <c r="BP341" i="11"/>
  <c r="BO341" i="11"/>
  <c r="BN341" i="11"/>
  <c r="BM341" i="11"/>
  <c r="BL341" i="11"/>
  <c r="BK341" i="11"/>
  <c r="BJ341" i="11"/>
  <c r="BI341" i="11"/>
  <c r="BH341" i="11"/>
  <c r="BG341" i="11"/>
  <c r="BF341" i="11"/>
  <c r="BE341" i="11"/>
  <c r="BD341" i="11"/>
  <c r="BC341" i="11"/>
  <c r="BA341" i="11"/>
  <c r="S341" i="11"/>
  <c r="CG340" i="11"/>
  <c r="CF340" i="11"/>
  <c r="CE340" i="11"/>
  <c r="CD340" i="11"/>
  <c r="CC340" i="11"/>
  <c r="CB340" i="11"/>
  <c r="CA340" i="11"/>
  <c r="BZ340" i="11"/>
  <c r="BY340" i="11"/>
  <c r="BX340" i="11"/>
  <c r="BS340" i="11"/>
  <c r="BR340" i="11"/>
  <c r="BQ340" i="11"/>
  <c r="BP340" i="11"/>
  <c r="BO340" i="11"/>
  <c r="BN340" i="11"/>
  <c r="BM340" i="11"/>
  <c r="BL340" i="11"/>
  <c r="BK340" i="11"/>
  <c r="BJ340" i="11"/>
  <c r="BI340" i="11"/>
  <c r="BH340" i="11"/>
  <c r="BG340" i="11"/>
  <c r="BF340" i="11"/>
  <c r="BE340" i="11"/>
  <c r="BD340" i="11"/>
  <c r="BC340" i="11"/>
  <c r="BA340" i="11"/>
  <c r="S340" i="11"/>
  <c r="CG339" i="11"/>
  <c r="CF339" i="11"/>
  <c r="CE339" i="11"/>
  <c r="CD339" i="11"/>
  <c r="CC339" i="11"/>
  <c r="CB339" i="11"/>
  <c r="CA339" i="11"/>
  <c r="BZ339" i="11"/>
  <c r="BY339" i="11"/>
  <c r="BX339" i="11"/>
  <c r="BS339" i="11"/>
  <c r="BR339" i="11"/>
  <c r="BQ339" i="11"/>
  <c r="BP339" i="11"/>
  <c r="BO339" i="11"/>
  <c r="BN339" i="11"/>
  <c r="BM339" i="11"/>
  <c r="BL339" i="11"/>
  <c r="BK339" i="11"/>
  <c r="BJ339" i="11"/>
  <c r="BI339" i="11"/>
  <c r="BH339" i="11"/>
  <c r="BG339" i="11"/>
  <c r="BF339" i="11"/>
  <c r="BE339" i="11"/>
  <c r="BD339" i="11"/>
  <c r="BC339" i="11"/>
  <c r="BA339" i="11"/>
  <c r="S339" i="11"/>
  <c r="CG338" i="11"/>
  <c r="CF338" i="11"/>
  <c r="CE338" i="11"/>
  <c r="CD338" i="11"/>
  <c r="CC338" i="11"/>
  <c r="CB338" i="11"/>
  <c r="CA338" i="11"/>
  <c r="BZ338" i="11"/>
  <c r="BY338" i="11"/>
  <c r="BX338" i="11"/>
  <c r="BS338" i="11"/>
  <c r="BR338" i="11"/>
  <c r="BQ338" i="11"/>
  <c r="BP338" i="11"/>
  <c r="BO338" i="11"/>
  <c r="BN338" i="11"/>
  <c r="BM338" i="11"/>
  <c r="BL338" i="11"/>
  <c r="BK338" i="11"/>
  <c r="BJ338" i="11"/>
  <c r="BI338" i="11"/>
  <c r="BH338" i="11"/>
  <c r="BG338" i="11"/>
  <c r="BF338" i="11"/>
  <c r="BE338" i="11"/>
  <c r="BD338" i="11"/>
  <c r="BC338" i="11"/>
  <c r="BA338" i="11"/>
  <c r="S338" i="11"/>
  <c r="CG337" i="11"/>
  <c r="CF337" i="11"/>
  <c r="CE337" i="11"/>
  <c r="CD337" i="11"/>
  <c r="CC337" i="11"/>
  <c r="CB337" i="11"/>
  <c r="CA337" i="11"/>
  <c r="BZ337" i="11"/>
  <c r="BY337" i="11"/>
  <c r="BX337" i="11"/>
  <c r="BS337" i="11"/>
  <c r="BR337" i="11"/>
  <c r="BQ337" i="11"/>
  <c r="BP337" i="11"/>
  <c r="BO337" i="11"/>
  <c r="BN337" i="11"/>
  <c r="BM337" i="11"/>
  <c r="BL337" i="11"/>
  <c r="BK337" i="11"/>
  <c r="BJ337" i="11"/>
  <c r="BI337" i="11"/>
  <c r="BH337" i="11"/>
  <c r="BG337" i="11"/>
  <c r="BF337" i="11"/>
  <c r="BE337" i="11"/>
  <c r="BD337" i="11"/>
  <c r="BC337" i="11"/>
  <c r="BA337" i="11"/>
  <c r="S337" i="11"/>
  <c r="CG335" i="11"/>
  <c r="CF335" i="11"/>
  <c r="CE335" i="11"/>
  <c r="CD335" i="11"/>
  <c r="CC335" i="11"/>
  <c r="CB335" i="11"/>
  <c r="CA335" i="11"/>
  <c r="BZ335" i="11"/>
  <c r="BY335" i="11"/>
  <c r="BX335" i="11"/>
  <c r="BS335" i="11"/>
  <c r="BR335" i="11"/>
  <c r="BQ335" i="11"/>
  <c r="BP335" i="11"/>
  <c r="BO335" i="11"/>
  <c r="BN335" i="11"/>
  <c r="BM335" i="11"/>
  <c r="BL335" i="11"/>
  <c r="BK335" i="11"/>
  <c r="BJ335" i="11"/>
  <c r="BI335" i="11"/>
  <c r="BH335" i="11"/>
  <c r="BG335" i="11"/>
  <c r="BF335" i="11"/>
  <c r="BE335" i="11"/>
  <c r="BD335" i="11"/>
  <c r="BC335" i="11"/>
  <c r="BA335" i="11"/>
  <c r="S335" i="11"/>
  <c r="CG334" i="11"/>
  <c r="CF334" i="11"/>
  <c r="CE334" i="11"/>
  <c r="CD334" i="11"/>
  <c r="CC334" i="11"/>
  <c r="CB334" i="11"/>
  <c r="CA334" i="11"/>
  <c r="BZ334" i="11"/>
  <c r="BY334" i="11"/>
  <c r="BX334" i="11"/>
  <c r="BS334" i="11"/>
  <c r="BR334" i="11"/>
  <c r="BQ334" i="11"/>
  <c r="BP334" i="11"/>
  <c r="BO334" i="11"/>
  <c r="BN334" i="11"/>
  <c r="BM334" i="11"/>
  <c r="BL334" i="11"/>
  <c r="BK334" i="11"/>
  <c r="BJ334" i="11"/>
  <c r="BI334" i="11"/>
  <c r="BH334" i="11"/>
  <c r="BG334" i="11"/>
  <c r="BF334" i="11"/>
  <c r="BE334" i="11"/>
  <c r="BD334" i="11"/>
  <c r="BC334" i="11"/>
  <c r="BA334" i="11"/>
  <c r="S334" i="11"/>
  <c r="CG333" i="11"/>
  <c r="CF333" i="11"/>
  <c r="CE333" i="11"/>
  <c r="CD333" i="11"/>
  <c r="CC333" i="11"/>
  <c r="CB333" i="11"/>
  <c r="CA333" i="11"/>
  <c r="BZ333" i="11"/>
  <c r="BY333" i="11"/>
  <c r="BX333" i="11"/>
  <c r="BS333" i="11"/>
  <c r="BR333" i="11"/>
  <c r="BQ333" i="11"/>
  <c r="BP333" i="11"/>
  <c r="BO333" i="11"/>
  <c r="BN333" i="11"/>
  <c r="BM333" i="11"/>
  <c r="BL333" i="11"/>
  <c r="BK333" i="11"/>
  <c r="BJ333" i="11"/>
  <c r="BI333" i="11"/>
  <c r="BH333" i="11"/>
  <c r="BG333" i="11"/>
  <c r="BF333" i="11"/>
  <c r="BE333" i="11"/>
  <c r="BD333" i="11"/>
  <c r="BC333" i="11"/>
  <c r="BA333" i="11"/>
  <c r="S333" i="11"/>
  <c r="CG332" i="11"/>
  <c r="CF332" i="11"/>
  <c r="CE332" i="11"/>
  <c r="CD332" i="11"/>
  <c r="CC332" i="11"/>
  <c r="CB332" i="11"/>
  <c r="CA332" i="11"/>
  <c r="BZ332" i="11"/>
  <c r="BY332" i="11"/>
  <c r="BX332" i="11"/>
  <c r="BS332" i="11"/>
  <c r="BR332" i="11"/>
  <c r="BQ332" i="11"/>
  <c r="BP332" i="11"/>
  <c r="BO332" i="11"/>
  <c r="BN332" i="11"/>
  <c r="BM332" i="11"/>
  <c r="BL332" i="11"/>
  <c r="BK332" i="11"/>
  <c r="BJ332" i="11"/>
  <c r="BI332" i="11"/>
  <c r="BH332" i="11"/>
  <c r="BG332" i="11"/>
  <c r="BF332" i="11"/>
  <c r="BE332" i="11"/>
  <c r="BD332" i="11"/>
  <c r="BC332" i="11"/>
  <c r="BA332" i="11"/>
  <c r="S332" i="11"/>
  <c r="CG331" i="11"/>
  <c r="CF331" i="11"/>
  <c r="CE331" i="11"/>
  <c r="CD331" i="11"/>
  <c r="CC331" i="11"/>
  <c r="CB331" i="11"/>
  <c r="CA331" i="11"/>
  <c r="BZ331" i="11"/>
  <c r="BY331" i="11"/>
  <c r="BX331" i="11"/>
  <c r="BS331" i="11"/>
  <c r="BR331" i="11"/>
  <c r="BQ331" i="11"/>
  <c r="BP331" i="11"/>
  <c r="BO331" i="11"/>
  <c r="BN331" i="11"/>
  <c r="BM331" i="11"/>
  <c r="BL331" i="11"/>
  <c r="BK331" i="11"/>
  <c r="BJ331" i="11"/>
  <c r="BI331" i="11"/>
  <c r="BH331" i="11"/>
  <c r="BG331" i="11"/>
  <c r="BF331" i="11"/>
  <c r="BE331" i="11"/>
  <c r="BD331" i="11"/>
  <c r="BC331" i="11"/>
  <c r="BA331" i="11"/>
  <c r="S331" i="11"/>
  <c r="CG330" i="11"/>
  <c r="CF330" i="11"/>
  <c r="CE330" i="11"/>
  <c r="CD330" i="11"/>
  <c r="CC330" i="11"/>
  <c r="CB330" i="11"/>
  <c r="CA330" i="11"/>
  <c r="BZ330" i="11"/>
  <c r="BY330" i="11"/>
  <c r="BX330" i="11"/>
  <c r="BS330" i="11"/>
  <c r="BR330" i="11"/>
  <c r="BQ330" i="11"/>
  <c r="BP330" i="11"/>
  <c r="BO330" i="11"/>
  <c r="BN330" i="11"/>
  <c r="BM330" i="11"/>
  <c r="BL330" i="11"/>
  <c r="BK330" i="11"/>
  <c r="BJ330" i="11"/>
  <c r="BI330" i="11"/>
  <c r="BH330" i="11"/>
  <c r="BG330" i="11"/>
  <c r="BF330" i="11"/>
  <c r="BE330" i="11"/>
  <c r="BD330" i="11"/>
  <c r="BC330" i="11"/>
  <c r="BA330" i="11"/>
  <c r="S330" i="11"/>
  <c r="CG300" i="11"/>
  <c r="CF300" i="11"/>
  <c r="CE300" i="11"/>
  <c r="CD300" i="11"/>
  <c r="CC300" i="11"/>
  <c r="CB300" i="11"/>
  <c r="CA300" i="11"/>
  <c r="BZ300" i="11"/>
  <c r="BY300" i="11"/>
  <c r="BX300" i="11"/>
  <c r="BS300" i="11"/>
  <c r="BR300" i="11"/>
  <c r="BQ300" i="11"/>
  <c r="BP300" i="11"/>
  <c r="BO300" i="11"/>
  <c r="BN300" i="11"/>
  <c r="BM300" i="11"/>
  <c r="BL300" i="11"/>
  <c r="BK300" i="11"/>
  <c r="BJ300" i="11"/>
  <c r="BI300" i="11"/>
  <c r="BH300" i="11"/>
  <c r="BG300" i="11"/>
  <c r="BF300" i="11"/>
  <c r="BE300" i="11"/>
  <c r="BD300" i="11"/>
  <c r="BC300" i="11"/>
  <c r="BA300" i="11"/>
  <c r="S300" i="11"/>
  <c r="CG329" i="11"/>
  <c r="CF329" i="11"/>
  <c r="CE329" i="11"/>
  <c r="CD329" i="11"/>
  <c r="CC329" i="11"/>
  <c r="CB329" i="11"/>
  <c r="CA329" i="11"/>
  <c r="BZ329" i="11"/>
  <c r="BY329" i="11"/>
  <c r="BX329" i="11"/>
  <c r="BS329" i="11"/>
  <c r="BR329" i="11"/>
  <c r="BQ329" i="11"/>
  <c r="BP329" i="11"/>
  <c r="BO329" i="11"/>
  <c r="BN329" i="11"/>
  <c r="BM329" i="11"/>
  <c r="BL329" i="11"/>
  <c r="BK329" i="11"/>
  <c r="BJ329" i="11"/>
  <c r="BI329" i="11"/>
  <c r="BH329" i="11"/>
  <c r="BG329" i="11"/>
  <c r="BF329" i="11"/>
  <c r="BE329" i="11"/>
  <c r="BD329" i="11"/>
  <c r="BC329" i="11"/>
  <c r="BA329" i="11"/>
  <c r="S329" i="11"/>
  <c r="CG328" i="11"/>
  <c r="CF328" i="11"/>
  <c r="CE328" i="11"/>
  <c r="CD328" i="11"/>
  <c r="CC328" i="11"/>
  <c r="CB328" i="11"/>
  <c r="CA328" i="11"/>
  <c r="BZ328" i="11"/>
  <c r="BY328" i="11"/>
  <c r="BX328" i="11"/>
  <c r="BW328" i="11"/>
  <c r="BV328" i="11"/>
  <c r="BU328" i="11"/>
  <c r="BT328" i="11"/>
  <c r="BS328" i="11"/>
  <c r="BR328" i="11"/>
  <c r="BQ328" i="11"/>
  <c r="BP328" i="11"/>
  <c r="BO328" i="11"/>
  <c r="BN328" i="11"/>
  <c r="BM328" i="11"/>
  <c r="BL328" i="11"/>
  <c r="BK328" i="11"/>
  <c r="BJ328" i="11"/>
  <c r="BI328" i="11"/>
  <c r="BH328" i="11"/>
  <c r="BG328" i="11"/>
  <c r="BF328" i="11"/>
  <c r="BE328" i="11"/>
  <c r="BD328" i="11"/>
  <c r="BC328" i="11"/>
  <c r="BA328" i="11"/>
  <c r="CG327" i="11"/>
  <c r="CF327" i="11"/>
  <c r="CE327" i="11"/>
  <c r="CD327" i="11"/>
  <c r="CC327" i="11"/>
  <c r="CB327" i="11"/>
  <c r="CA327" i="11"/>
  <c r="BZ327" i="11"/>
  <c r="BY327" i="11"/>
  <c r="BX327" i="11"/>
  <c r="BS327" i="11"/>
  <c r="BR327" i="11"/>
  <c r="BQ327" i="11"/>
  <c r="BP327" i="11"/>
  <c r="BO327" i="11"/>
  <c r="BN327" i="11"/>
  <c r="BM327" i="11"/>
  <c r="BL327" i="11"/>
  <c r="BK327" i="11"/>
  <c r="BJ327" i="11"/>
  <c r="BI327" i="11"/>
  <c r="BH327" i="11"/>
  <c r="BG327" i="11"/>
  <c r="BF327" i="11"/>
  <c r="BE327" i="11"/>
  <c r="BD327" i="11"/>
  <c r="BC327" i="11"/>
  <c r="BA327" i="11"/>
  <c r="S327" i="11"/>
  <c r="CG326" i="11"/>
  <c r="CF326" i="11"/>
  <c r="CE326" i="11"/>
  <c r="CD326" i="11"/>
  <c r="CC326" i="11"/>
  <c r="CB326" i="11"/>
  <c r="CA326" i="11"/>
  <c r="BZ326" i="11"/>
  <c r="BY326" i="11"/>
  <c r="BX326" i="11"/>
  <c r="BS326" i="11"/>
  <c r="BR326" i="11"/>
  <c r="BQ326" i="11"/>
  <c r="BP326" i="11"/>
  <c r="BO326" i="11"/>
  <c r="BN326" i="11"/>
  <c r="BM326" i="11"/>
  <c r="BL326" i="11"/>
  <c r="BK326" i="11"/>
  <c r="BJ326" i="11"/>
  <c r="BI326" i="11"/>
  <c r="BH326" i="11"/>
  <c r="BG326" i="11"/>
  <c r="BF326" i="11"/>
  <c r="BE326" i="11"/>
  <c r="BD326" i="11"/>
  <c r="BC326" i="11"/>
  <c r="BA326" i="11"/>
  <c r="S326" i="11"/>
  <c r="CG325" i="11"/>
  <c r="CF325" i="11"/>
  <c r="CE325" i="11"/>
  <c r="CD325" i="11"/>
  <c r="CC325" i="11"/>
  <c r="CB325" i="11"/>
  <c r="CA325" i="11"/>
  <c r="BZ325" i="11"/>
  <c r="BY325" i="11"/>
  <c r="BX325" i="11"/>
  <c r="BS325" i="11"/>
  <c r="BR325" i="11"/>
  <c r="BQ325" i="11"/>
  <c r="BP325" i="11"/>
  <c r="BO325" i="11"/>
  <c r="BN325" i="11"/>
  <c r="BM325" i="11"/>
  <c r="BL325" i="11"/>
  <c r="BK325" i="11"/>
  <c r="BJ325" i="11"/>
  <c r="BI325" i="11"/>
  <c r="BH325" i="11"/>
  <c r="BG325" i="11"/>
  <c r="BF325" i="11"/>
  <c r="BE325" i="11"/>
  <c r="BD325" i="11"/>
  <c r="BC325" i="11"/>
  <c r="BA325" i="11"/>
  <c r="S325" i="11"/>
  <c r="CG324" i="11"/>
  <c r="CF324" i="11"/>
  <c r="CE324" i="11"/>
  <c r="CD324" i="11"/>
  <c r="CC324" i="11"/>
  <c r="CB324" i="11"/>
  <c r="CA324" i="11"/>
  <c r="BZ324" i="11"/>
  <c r="BY324" i="11"/>
  <c r="BX324" i="11"/>
  <c r="BS324" i="11"/>
  <c r="BR324" i="11"/>
  <c r="BQ324" i="11"/>
  <c r="BP324" i="11"/>
  <c r="BO324" i="11"/>
  <c r="BN324" i="11"/>
  <c r="BM324" i="11"/>
  <c r="BL324" i="11"/>
  <c r="BK324" i="11"/>
  <c r="BJ324" i="11"/>
  <c r="BI324" i="11"/>
  <c r="BH324" i="11"/>
  <c r="BG324" i="11"/>
  <c r="BF324" i="11"/>
  <c r="BE324" i="11"/>
  <c r="BD324" i="11"/>
  <c r="BC324" i="11"/>
  <c r="BA324" i="11"/>
  <c r="S324" i="11"/>
  <c r="CG323" i="11"/>
  <c r="CF323" i="11"/>
  <c r="CE323" i="11"/>
  <c r="CD323" i="11"/>
  <c r="CC323" i="11"/>
  <c r="CB323" i="11"/>
  <c r="CA323" i="11"/>
  <c r="BZ323" i="11"/>
  <c r="BY323" i="11"/>
  <c r="BX323" i="11"/>
  <c r="BS323" i="11"/>
  <c r="BR323" i="11"/>
  <c r="BQ323" i="11"/>
  <c r="BP323" i="11"/>
  <c r="BO323" i="11"/>
  <c r="BN323" i="11"/>
  <c r="BM323" i="11"/>
  <c r="BL323" i="11"/>
  <c r="BK323" i="11"/>
  <c r="BJ323" i="11"/>
  <c r="BI323" i="11"/>
  <c r="BH323" i="11"/>
  <c r="BG323" i="11"/>
  <c r="BF323" i="11"/>
  <c r="BE323" i="11"/>
  <c r="BD323" i="11"/>
  <c r="BC323" i="11"/>
  <c r="BA323" i="11"/>
  <c r="S323" i="11"/>
  <c r="CG322" i="11"/>
  <c r="CF322" i="11"/>
  <c r="CE322" i="11"/>
  <c r="CD322" i="11"/>
  <c r="CC322" i="11"/>
  <c r="CB322" i="11"/>
  <c r="CA322" i="11"/>
  <c r="BZ322" i="11"/>
  <c r="BY322" i="11"/>
  <c r="BX322" i="11"/>
  <c r="BS322" i="11"/>
  <c r="BR322" i="11"/>
  <c r="BQ322" i="11"/>
  <c r="BP322" i="11"/>
  <c r="BO322" i="11"/>
  <c r="BN322" i="11"/>
  <c r="BM322" i="11"/>
  <c r="BL322" i="11"/>
  <c r="BK322" i="11"/>
  <c r="BJ322" i="11"/>
  <c r="BI322" i="11"/>
  <c r="BH322" i="11"/>
  <c r="BG322" i="11"/>
  <c r="BF322" i="11"/>
  <c r="BE322" i="11"/>
  <c r="BD322" i="11"/>
  <c r="BC322" i="11"/>
  <c r="BA322" i="11"/>
  <c r="S322" i="11"/>
  <c r="CG321" i="11"/>
  <c r="CF321" i="11"/>
  <c r="CE321" i="11"/>
  <c r="CD321" i="11"/>
  <c r="CC321" i="11"/>
  <c r="CB321" i="11"/>
  <c r="CA321" i="11"/>
  <c r="BZ321" i="11"/>
  <c r="BY321" i="11"/>
  <c r="BX321" i="11"/>
  <c r="BS321" i="11"/>
  <c r="BR321" i="11"/>
  <c r="BQ321" i="11"/>
  <c r="BP321" i="11"/>
  <c r="BO321" i="11"/>
  <c r="BN321" i="11"/>
  <c r="BM321" i="11"/>
  <c r="BL321" i="11"/>
  <c r="BK321" i="11"/>
  <c r="BJ321" i="11"/>
  <c r="BI321" i="11"/>
  <c r="BH321" i="11"/>
  <c r="BG321" i="11"/>
  <c r="BF321" i="11"/>
  <c r="BE321" i="11"/>
  <c r="BD321" i="11"/>
  <c r="BC321" i="11"/>
  <c r="BA321" i="11"/>
  <c r="S321" i="11"/>
  <c r="CG320" i="11"/>
  <c r="CF320" i="11"/>
  <c r="CE320" i="11"/>
  <c r="CD320" i="11"/>
  <c r="CC320" i="11"/>
  <c r="CB320" i="11"/>
  <c r="CA320" i="11"/>
  <c r="BZ320" i="11"/>
  <c r="BY320" i="11"/>
  <c r="BX320" i="11"/>
  <c r="BS320" i="11"/>
  <c r="BR320" i="11"/>
  <c r="BQ320" i="11"/>
  <c r="BP320" i="11"/>
  <c r="BO320" i="11"/>
  <c r="BN320" i="11"/>
  <c r="BM320" i="11"/>
  <c r="BL320" i="11"/>
  <c r="BK320" i="11"/>
  <c r="BJ320" i="11"/>
  <c r="BI320" i="11"/>
  <c r="BH320" i="11"/>
  <c r="BG320" i="11"/>
  <c r="BF320" i="11"/>
  <c r="BE320" i="11"/>
  <c r="BD320" i="11"/>
  <c r="BC320" i="11"/>
  <c r="BA320" i="11"/>
  <c r="S320" i="11"/>
  <c r="CG319" i="11"/>
  <c r="CF319" i="11"/>
  <c r="CE319" i="11"/>
  <c r="CD319" i="11"/>
  <c r="CC319" i="11"/>
  <c r="CB319" i="11"/>
  <c r="CA319" i="11"/>
  <c r="BZ319" i="11"/>
  <c r="BY319" i="11"/>
  <c r="BX319" i="11"/>
  <c r="BS319" i="11"/>
  <c r="BR319" i="11"/>
  <c r="BQ319" i="11"/>
  <c r="BP319" i="11"/>
  <c r="BO319" i="11"/>
  <c r="BN319" i="11"/>
  <c r="BM319" i="11"/>
  <c r="BL319" i="11"/>
  <c r="BK319" i="11"/>
  <c r="BJ319" i="11"/>
  <c r="BI319" i="11"/>
  <c r="BH319" i="11"/>
  <c r="BG319" i="11"/>
  <c r="BF319" i="11"/>
  <c r="BE319" i="11"/>
  <c r="BD319" i="11"/>
  <c r="BC319" i="11"/>
  <c r="BA319" i="11"/>
  <c r="S319" i="11"/>
  <c r="CG318" i="11"/>
  <c r="CF318" i="11"/>
  <c r="CE318" i="11"/>
  <c r="CD318" i="11"/>
  <c r="CC318" i="11"/>
  <c r="CB318" i="11"/>
  <c r="CA318" i="11"/>
  <c r="BZ318" i="11"/>
  <c r="BY318" i="11"/>
  <c r="BX318" i="11"/>
  <c r="BS318" i="11"/>
  <c r="BR318" i="11"/>
  <c r="BQ318" i="11"/>
  <c r="BP318" i="11"/>
  <c r="BO318" i="11"/>
  <c r="BN318" i="11"/>
  <c r="BM318" i="11"/>
  <c r="BL318" i="11"/>
  <c r="BK318" i="11"/>
  <c r="BJ318" i="11"/>
  <c r="BI318" i="11"/>
  <c r="BH318" i="11"/>
  <c r="BG318" i="11"/>
  <c r="BF318" i="11"/>
  <c r="BE318" i="11"/>
  <c r="BD318" i="11"/>
  <c r="BC318" i="11"/>
  <c r="BA318" i="11"/>
  <c r="S318" i="11"/>
  <c r="BB368" i="11" l="1"/>
  <c r="CA368" i="11" s="1"/>
  <c r="BB377" i="11"/>
  <c r="BZ377" i="11" s="1"/>
  <c r="BB323" i="11"/>
  <c r="BU323" i="11" s="1"/>
  <c r="BB331" i="11"/>
  <c r="BT331" i="11" s="1"/>
  <c r="BB340" i="11"/>
  <c r="BW340" i="11" s="1"/>
  <c r="BB346" i="11"/>
  <c r="BV346" i="11" s="1"/>
  <c r="BB384" i="11"/>
  <c r="BY384" i="11" s="1"/>
  <c r="BB336" i="11"/>
  <c r="CA336" i="11" s="1"/>
  <c r="BB357" i="11"/>
  <c r="BZ357" i="11" s="1"/>
  <c r="BB344" i="11"/>
  <c r="BV344" i="11" s="1"/>
  <c r="BB348" i="11"/>
  <c r="BT348" i="11" s="1"/>
  <c r="BB360" i="11"/>
  <c r="CA360" i="11" s="1"/>
  <c r="BB361" i="11"/>
  <c r="BY361" i="11" s="1"/>
  <c r="BB319" i="11"/>
  <c r="BV319" i="11" s="1"/>
  <c r="BB327" i="11"/>
  <c r="BT327" i="11" s="1"/>
  <c r="BB335" i="11"/>
  <c r="BW335" i="11" s="1"/>
  <c r="BB350" i="11"/>
  <c r="BT350" i="11" s="1"/>
  <c r="BB352" i="11"/>
  <c r="BU352" i="11" s="1"/>
  <c r="BB300" i="11"/>
  <c r="BU300" i="11" s="1"/>
  <c r="BB338" i="11"/>
  <c r="BW338" i="11" s="1"/>
  <c r="BB354" i="11"/>
  <c r="BW354" i="11" s="1"/>
  <c r="BB333" i="11"/>
  <c r="BT333" i="11" s="1"/>
  <c r="BB342" i="11"/>
  <c r="BU342" i="11" s="1"/>
  <c r="BB364" i="11"/>
  <c r="BX364" i="11" s="1"/>
  <c r="BB376" i="11"/>
  <c r="BZ376" i="11" s="1"/>
  <c r="BB374" i="11"/>
  <c r="BX374" i="11" s="1"/>
  <c r="BB370" i="11"/>
  <c r="BY370" i="11" s="1"/>
  <c r="BB365" i="11"/>
  <c r="BX365" i="11" s="1"/>
  <c r="BB372" i="11"/>
  <c r="BZ372" i="11" s="1"/>
  <c r="BB321" i="11"/>
  <c r="BU321" i="11" s="1"/>
  <c r="BB347" i="11"/>
  <c r="BU347" i="11" s="1"/>
  <c r="BB371" i="11"/>
  <c r="CA371" i="11" s="1"/>
  <c r="BB318" i="11"/>
  <c r="BU318" i="11" s="1"/>
  <c r="BB326" i="11"/>
  <c r="BV326" i="11" s="1"/>
  <c r="BB320" i="11"/>
  <c r="BV320" i="11" s="1"/>
  <c r="BB329" i="11"/>
  <c r="BU329" i="11" s="1"/>
  <c r="BB337" i="11"/>
  <c r="BW337" i="11" s="1"/>
  <c r="BB325" i="11"/>
  <c r="BU325" i="11" s="1"/>
  <c r="BB367" i="11"/>
  <c r="BZ367" i="11" s="1"/>
  <c r="BB373" i="11"/>
  <c r="BT373" i="11" s="1"/>
  <c r="BB339" i="11"/>
  <c r="BW339" i="11" s="1"/>
  <c r="BB362" i="11"/>
  <c r="BY362" i="11" s="1"/>
  <c r="BB382" i="11"/>
  <c r="BZ382" i="11" s="1"/>
  <c r="BB381" i="11"/>
  <c r="BZ381" i="11" s="1"/>
  <c r="BB334" i="11"/>
  <c r="BV334" i="11" s="1"/>
  <c r="BB341" i="11"/>
  <c r="BV341" i="11" s="1"/>
  <c r="BB345" i="11"/>
  <c r="BU345" i="11" s="1"/>
  <c r="BB322" i="11"/>
  <c r="BW322" i="11" s="1"/>
  <c r="BB330" i="11"/>
  <c r="BV330" i="11" s="1"/>
  <c r="BB353" i="11"/>
  <c r="BT353" i="11" s="1"/>
  <c r="BB356" i="11"/>
  <c r="BW356" i="11" s="1"/>
  <c r="BB363" i="11"/>
  <c r="CA363" i="11" s="1"/>
  <c r="BB375" i="11"/>
  <c r="BX375" i="11" s="1"/>
  <c r="BB324" i="11"/>
  <c r="BW324" i="11" s="1"/>
  <c r="BB332" i="11"/>
  <c r="BU332" i="11" s="1"/>
  <c r="BB343" i="11"/>
  <c r="BU343" i="11" s="1"/>
  <c r="BB349" i="11"/>
  <c r="BT349" i="11" s="1"/>
  <c r="BB358" i="11"/>
  <c r="CA358" i="11" s="1"/>
  <c r="BB366" i="11"/>
  <c r="CA366" i="11" s="1"/>
  <c r="BB383" i="11"/>
  <c r="BY383" i="11" s="1"/>
  <c r="BX368" i="11" l="1"/>
  <c r="BY368" i="11"/>
  <c r="BZ368" i="11"/>
  <c r="BX377" i="11"/>
  <c r="BY377" i="11"/>
  <c r="BT346" i="11"/>
  <c r="BW331" i="11"/>
  <c r="BU340" i="11"/>
  <c r="BU346" i="11"/>
  <c r="BT340" i="11"/>
  <c r="BV331" i="11"/>
  <c r="BV323" i="11"/>
  <c r="BT323" i="11"/>
  <c r="BW323" i="11"/>
  <c r="BU331" i="11"/>
  <c r="BV340" i="11"/>
  <c r="BT300" i="11"/>
  <c r="BX336" i="11"/>
  <c r="BT352" i="11"/>
  <c r="BU344" i="11"/>
  <c r="BZ360" i="11"/>
  <c r="BY336" i="11"/>
  <c r="BZ336" i="11"/>
  <c r="BX360" i="11"/>
  <c r="CA357" i="11"/>
  <c r="BU354" i="11"/>
  <c r="BT330" i="11"/>
  <c r="BX357" i="11"/>
  <c r="BV342" i="11"/>
  <c r="BY360" i="11"/>
  <c r="BT342" i="11"/>
  <c r="CA361" i="11"/>
  <c r="BY357" i="11"/>
  <c r="BV354" i="11"/>
  <c r="BT344" i="11"/>
  <c r="BZ361" i="11"/>
  <c r="BT354" i="11"/>
  <c r="BX372" i="11"/>
  <c r="BX361" i="11"/>
  <c r="BT319" i="11"/>
  <c r="BW342" i="11"/>
  <c r="BU327" i="11"/>
  <c r="BV327" i="11"/>
  <c r="BW327" i="11"/>
  <c r="BT335" i="11"/>
  <c r="BT337" i="11"/>
  <c r="BU335" i="11"/>
  <c r="BW319" i="11"/>
  <c r="BW333" i="11"/>
  <c r="BY364" i="11"/>
  <c r="BV333" i="11"/>
  <c r="BV335" i="11"/>
  <c r="BX376" i="11"/>
  <c r="BU333" i="11"/>
  <c r="BZ364" i="11"/>
  <c r="BY376" i="11"/>
  <c r="CA364" i="11"/>
  <c r="BW300" i="11"/>
  <c r="BW318" i="11"/>
  <c r="BU338" i="11"/>
  <c r="BU319" i="11"/>
  <c r="BV352" i="11"/>
  <c r="BW352" i="11"/>
  <c r="BW325" i="11"/>
  <c r="BV300" i="11"/>
  <c r="BT321" i="11"/>
  <c r="BV338" i="11"/>
  <c r="BT338" i="11"/>
  <c r="CA370" i="11"/>
  <c r="BZ370" i="11"/>
  <c r="BX370" i="11"/>
  <c r="BZ365" i="11"/>
  <c r="BV318" i="11"/>
  <c r="BV325" i="11"/>
  <c r="BT322" i="11"/>
  <c r="BT332" i="11"/>
  <c r="BV343" i="11"/>
  <c r="BV322" i="11"/>
  <c r="BT325" i="11"/>
  <c r="BV345" i="11"/>
  <c r="BV321" i="11"/>
  <c r="BW321" i="11"/>
  <c r="BZ375" i="11"/>
  <c r="BT324" i="11"/>
  <c r="BW332" i="11"/>
  <c r="BT318" i="11"/>
  <c r="BV347" i="11"/>
  <c r="CA367" i="11"/>
  <c r="BV324" i="11"/>
  <c r="BX371" i="11"/>
  <c r="BT341" i="11"/>
  <c r="BY371" i="11"/>
  <c r="BU341" i="11"/>
  <c r="BW326" i="11"/>
  <c r="BZ371" i="11"/>
  <c r="BT347" i="11"/>
  <c r="BW330" i="11"/>
  <c r="BU337" i="11"/>
  <c r="BV337" i="11"/>
  <c r="BW343" i="11"/>
  <c r="BV332" i="11"/>
  <c r="BT320" i="11"/>
  <c r="BZ362" i="11"/>
  <c r="BX362" i="11"/>
  <c r="BU320" i="11"/>
  <c r="CA362" i="11"/>
  <c r="BT326" i="11"/>
  <c r="BW320" i="11"/>
  <c r="BT345" i="11"/>
  <c r="BU326" i="11"/>
  <c r="BT339" i="11"/>
  <c r="BV329" i="11"/>
  <c r="BU322" i="11"/>
  <c r="BT334" i="11"/>
  <c r="BU339" i="11"/>
  <c r="BX367" i="11"/>
  <c r="BW329" i="11"/>
  <c r="BT343" i="11"/>
  <c r="BV339" i="11"/>
  <c r="BY367" i="11"/>
  <c r="BT329" i="11"/>
  <c r="BX382" i="11"/>
  <c r="BZ363" i="11"/>
  <c r="BY382" i="11"/>
  <c r="BW334" i="11"/>
  <c r="BT356" i="11"/>
  <c r="BX381" i="11"/>
  <c r="BU334" i="11"/>
  <c r="BX366" i="11"/>
  <c r="BY366" i="11"/>
  <c r="BU356" i="11"/>
  <c r="BY381" i="11"/>
  <c r="BZ366" i="11"/>
  <c r="BV356" i="11"/>
  <c r="BU324" i="11"/>
  <c r="BY358" i="11"/>
  <c r="BX363" i="11"/>
  <c r="BU330" i="11"/>
  <c r="BW341" i="11"/>
  <c r="BX358" i="11"/>
  <c r="BZ358" i="11"/>
  <c r="BY363" i="11"/>
  <c r="CG317" i="11" l="1"/>
  <c r="CF317" i="11"/>
  <c r="CE317" i="11"/>
  <c r="CD317" i="11"/>
  <c r="CC317" i="11"/>
  <c r="CB317" i="11"/>
  <c r="CA317" i="11"/>
  <c r="BZ317" i="11"/>
  <c r="BY317" i="11"/>
  <c r="BX317" i="11"/>
  <c r="BW317" i="11"/>
  <c r="BV317" i="11"/>
  <c r="BU317" i="11"/>
  <c r="BT317" i="11"/>
  <c r="BS317" i="11"/>
  <c r="BR317" i="11"/>
  <c r="BQ317" i="11"/>
  <c r="BP317" i="11"/>
  <c r="BO317" i="11"/>
  <c r="BN317" i="11"/>
  <c r="BM317" i="11"/>
  <c r="BL317" i="11"/>
  <c r="BK317" i="11"/>
  <c r="BJ317" i="11"/>
  <c r="BI317" i="11"/>
  <c r="BH317" i="11"/>
  <c r="BG317" i="11"/>
  <c r="BF317" i="11"/>
  <c r="BE317" i="11"/>
  <c r="BD317" i="11"/>
  <c r="BC317" i="11"/>
  <c r="BA317" i="11"/>
  <c r="CG316" i="11"/>
  <c r="CF316" i="11"/>
  <c r="CE316" i="11"/>
  <c r="CD316" i="11"/>
  <c r="CC316" i="11"/>
  <c r="CB316" i="11"/>
  <c r="CA316" i="11"/>
  <c r="BZ316" i="11"/>
  <c r="BY316" i="11"/>
  <c r="BX316" i="11"/>
  <c r="BW316" i="11"/>
  <c r="BV316" i="11"/>
  <c r="BU316" i="11"/>
  <c r="BT316" i="11"/>
  <c r="BS316" i="11"/>
  <c r="BR316" i="11"/>
  <c r="BQ316" i="11"/>
  <c r="BP316" i="11"/>
  <c r="BO316" i="11"/>
  <c r="BN316" i="11"/>
  <c r="BM316" i="11"/>
  <c r="BL316" i="11"/>
  <c r="BK316" i="11"/>
  <c r="BJ316" i="11"/>
  <c r="BI316" i="11"/>
  <c r="BH316" i="11"/>
  <c r="BG316" i="11"/>
  <c r="BF316" i="11"/>
  <c r="BE316" i="11"/>
  <c r="BD316" i="11"/>
  <c r="BC316" i="11"/>
  <c r="BA316" i="11"/>
  <c r="S316" i="11"/>
  <c r="CG315" i="11"/>
  <c r="CF315" i="11"/>
  <c r="CE315" i="11"/>
  <c r="CD315" i="11"/>
  <c r="CC315" i="11"/>
  <c r="CB315" i="11"/>
  <c r="CA315" i="11"/>
  <c r="BZ315" i="11"/>
  <c r="BY315" i="11"/>
  <c r="BX315" i="11"/>
  <c r="BW315" i="11"/>
  <c r="BV315" i="11"/>
  <c r="BU315" i="11"/>
  <c r="BT315" i="11"/>
  <c r="BS315" i="11"/>
  <c r="BR315" i="11"/>
  <c r="BQ315" i="11"/>
  <c r="BP315" i="11"/>
  <c r="BO315" i="11"/>
  <c r="BN315" i="11"/>
  <c r="BM315" i="11"/>
  <c r="BL315" i="11"/>
  <c r="BK315" i="11"/>
  <c r="BJ315" i="11"/>
  <c r="BI315" i="11"/>
  <c r="BH315" i="11"/>
  <c r="BG315" i="11"/>
  <c r="BF315" i="11"/>
  <c r="BE315" i="11"/>
  <c r="BD315" i="11"/>
  <c r="BC315" i="11"/>
  <c r="BA315" i="11"/>
  <c r="CG314" i="11"/>
  <c r="CF314" i="11"/>
  <c r="CE314" i="11"/>
  <c r="CD314" i="11"/>
  <c r="CC314" i="11"/>
  <c r="CB314" i="11"/>
  <c r="CA314" i="11"/>
  <c r="BZ314" i="11"/>
  <c r="BY314" i="11"/>
  <c r="BX314" i="11"/>
  <c r="BW314" i="11"/>
  <c r="BV314" i="11"/>
  <c r="BU314" i="11"/>
  <c r="BT314" i="11"/>
  <c r="BS314" i="11"/>
  <c r="BR314" i="11"/>
  <c r="BQ314" i="11"/>
  <c r="BP314" i="11"/>
  <c r="BO314" i="11"/>
  <c r="BN314" i="11"/>
  <c r="BM314" i="11"/>
  <c r="BL314" i="11"/>
  <c r="BK314" i="11"/>
  <c r="BJ314" i="11"/>
  <c r="BI314" i="11"/>
  <c r="BH314" i="11"/>
  <c r="BG314" i="11"/>
  <c r="BF314" i="11"/>
  <c r="BE314" i="11"/>
  <c r="BD314" i="11"/>
  <c r="BC314" i="11"/>
  <c r="BA314" i="11"/>
  <c r="S314" i="11"/>
  <c r="CG313" i="11"/>
  <c r="CF313" i="11"/>
  <c r="CE313" i="11"/>
  <c r="CD313" i="11"/>
  <c r="CC313" i="11"/>
  <c r="CB313" i="11"/>
  <c r="CA313" i="11"/>
  <c r="BZ313" i="11"/>
  <c r="BX313" i="11"/>
  <c r="BW313" i="11"/>
  <c r="BV313" i="11"/>
  <c r="BU313" i="11"/>
  <c r="BT313" i="11"/>
  <c r="BS313" i="11"/>
  <c r="BR313" i="11"/>
  <c r="BQ313" i="11"/>
  <c r="BP313" i="11"/>
  <c r="BO313" i="11"/>
  <c r="BN313" i="11"/>
  <c r="BM313" i="11"/>
  <c r="BL313" i="11"/>
  <c r="BK313" i="11"/>
  <c r="BJ313" i="11"/>
  <c r="BI313" i="11"/>
  <c r="BH313" i="11"/>
  <c r="BG313" i="11"/>
  <c r="BF313" i="11"/>
  <c r="BE313" i="11"/>
  <c r="BD313" i="11"/>
  <c r="BC313" i="11"/>
  <c r="BA313" i="11"/>
  <c r="S313" i="11"/>
  <c r="CG312" i="11"/>
  <c r="CF312" i="11"/>
  <c r="CE312" i="11"/>
  <c r="CD312" i="11"/>
  <c r="CC312" i="11"/>
  <c r="CB312" i="11"/>
  <c r="CA312" i="11"/>
  <c r="BZ312" i="11"/>
  <c r="BX312" i="11"/>
  <c r="BW312" i="11"/>
  <c r="BV312" i="11"/>
  <c r="BU312" i="11"/>
  <c r="BT312" i="11"/>
  <c r="BS312" i="11"/>
  <c r="BR312" i="11"/>
  <c r="BQ312" i="11"/>
  <c r="BP312" i="11"/>
  <c r="BO312" i="11"/>
  <c r="BN312" i="11"/>
  <c r="BM312" i="11"/>
  <c r="BL312" i="11"/>
  <c r="BK312" i="11"/>
  <c r="BJ312" i="11"/>
  <c r="BI312" i="11"/>
  <c r="BH312" i="11"/>
  <c r="BG312" i="11"/>
  <c r="BF312" i="11"/>
  <c r="BE312" i="11"/>
  <c r="BD312" i="11"/>
  <c r="BC312" i="11"/>
  <c r="BA312" i="11"/>
  <c r="S312" i="11"/>
  <c r="CG311" i="11"/>
  <c r="CF311" i="11"/>
  <c r="CE311" i="11"/>
  <c r="CD311" i="11"/>
  <c r="CC311" i="11"/>
  <c r="CB311" i="11"/>
  <c r="CA311" i="11"/>
  <c r="BW311" i="11"/>
  <c r="BV311" i="11"/>
  <c r="BU311" i="11"/>
  <c r="BT311" i="11"/>
  <c r="BS311" i="11"/>
  <c r="BR311" i="11"/>
  <c r="BQ311" i="11"/>
  <c r="BP311" i="11"/>
  <c r="BO311" i="11"/>
  <c r="BN311" i="11"/>
  <c r="BM311" i="11"/>
  <c r="BL311" i="11"/>
  <c r="BK311" i="11"/>
  <c r="BJ311" i="11"/>
  <c r="BI311" i="11"/>
  <c r="BH311" i="11"/>
  <c r="BG311" i="11"/>
  <c r="BF311" i="11"/>
  <c r="BE311" i="11"/>
  <c r="BD311" i="11"/>
  <c r="BC311" i="11"/>
  <c r="BA311" i="11"/>
  <c r="S311" i="11"/>
  <c r="CG310" i="11"/>
  <c r="CF310" i="11"/>
  <c r="CE310" i="11"/>
  <c r="CD310" i="11"/>
  <c r="CC310" i="11"/>
  <c r="CB310" i="11"/>
  <c r="CA310" i="11"/>
  <c r="BW310" i="11"/>
  <c r="BV310" i="11"/>
  <c r="BU310" i="11"/>
  <c r="BT310" i="11"/>
  <c r="BS310" i="11"/>
  <c r="BR310" i="11"/>
  <c r="BQ310" i="11"/>
  <c r="BP310" i="11"/>
  <c r="BO310" i="11"/>
  <c r="BN310" i="11"/>
  <c r="BM310" i="11"/>
  <c r="BL310" i="11"/>
  <c r="BK310" i="11"/>
  <c r="BJ310" i="11"/>
  <c r="BI310" i="11"/>
  <c r="BH310" i="11"/>
  <c r="BG310" i="11"/>
  <c r="BF310" i="11"/>
  <c r="BE310" i="11"/>
  <c r="BD310" i="11"/>
  <c r="BC310" i="11"/>
  <c r="BA310" i="11"/>
  <c r="S310" i="11"/>
  <c r="CG309" i="11"/>
  <c r="CF309" i="11"/>
  <c r="CE309" i="11"/>
  <c r="CD309" i="11"/>
  <c r="CC309" i="11"/>
  <c r="CB309" i="11"/>
  <c r="CA309" i="11"/>
  <c r="BZ309" i="11"/>
  <c r="BY309" i="11"/>
  <c r="BX309" i="11"/>
  <c r="BW309" i="11"/>
  <c r="BV309" i="11"/>
  <c r="BU309" i="11"/>
  <c r="BT309" i="11"/>
  <c r="BS309" i="11"/>
  <c r="BR309" i="11"/>
  <c r="BQ309" i="11"/>
  <c r="BP309" i="11"/>
  <c r="BO309" i="11"/>
  <c r="BN309" i="11"/>
  <c r="BM309" i="11"/>
  <c r="BL309" i="11"/>
  <c r="BK309" i="11"/>
  <c r="BJ309" i="11"/>
  <c r="BI309" i="11"/>
  <c r="BH309" i="11"/>
  <c r="BG309" i="11"/>
  <c r="BF309" i="11"/>
  <c r="BE309" i="11"/>
  <c r="BD309" i="11"/>
  <c r="BC309" i="11"/>
  <c r="BA309" i="11"/>
  <c r="S309" i="11"/>
  <c r="CG308" i="11"/>
  <c r="CF308" i="11"/>
  <c r="CE308" i="11"/>
  <c r="CD308" i="11"/>
  <c r="CC308" i="11"/>
  <c r="CB308" i="11"/>
  <c r="CA308" i="11"/>
  <c r="BZ308" i="11"/>
  <c r="BY308" i="11"/>
  <c r="BX308" i="11"/>
  <c r="BW308" i="11"/>
  <c r="BV308" i="11"/>
  <c r="BU308" i="11"/>
  <c r="BT308" i="11"/>
  <c r="BS308" i="11"/>
  <c r="BR308" i="11"/>
  <c r="BQ308" i="11"/>
  <c r="BP308" i="11"/>
  <c r="BO308" i="11"/>
  <c r="BN308" i="11"/>
  <c r="BM308" i="11"/>
  <c r="BL308" i="11"/>
  <c r="BK308" i="11"/>
  <c r="BJ308" i="11"/>
  <c r="BI308" i="11"/>
  <c r="BH308" i="11"/>
  <c r="BG308" i="11"/>
  <c r="BF308" i="11"/>
  <c r="BE308" i="11"/>
  <c r="BD308" i="11"/>
  <c r="BC308" i="11"/>
  <c r="BA308" i="11"/>
  <c r="S308" i="11"/>
  <c r="CG307" i="11"/>
  <c r="CF307" i="11"/>
  <c r="CE307" i="11"/>
  <c r="CD307" i="11"/>
  <c r="CC307" i="11"/>
  <c r="CB307" i="11"/>
  <c r="CA307" i="11"/>
  <c r="BZ307" i="11"/>
  <c r="BY307" i="11"/>
  <c r="BX307" i="11"/>
  <c r="BW307" i="11"/>
  <c r="BV307" i="11"/>
  <c r="BU307" i="11"/>
  <c r="BT307" i="11"/>
  <c r="BS307" i="11"/>
  <c r="BR307" i="11"/>
  <c r="BQ307" i="11"/>
  <c r="BP307" i="11"/>
  <c r="BO307" i="11"/>
  <c r="BN307" i="11"/>
  <c r="BM307" i="11"/>
  <c r="BL307" i="11"/>
  <c r="BK307" i="11"/>
  <c r="BJ307" i="11"/>
  <c r="BI307" i="11"/>
  <c r="BH307" i="11"/>
  <c r="BG307" i="11"/>
  <c r="BF307" i="11"/>
  <c r="BE307" i="11"/>
  <c r="BD307" i="11"/>
  <c r="BC307" i="11"/>
  <c r="BA307" i="11"/>
  <c r="S307" i="11"/>
  <c r="CG306" i="11"/>
  <c r="CF306" i="11"/>
  <c r="CE306" i="11"/>
  <c r="CD306" i="11"/>
  <c r="CC306" i="11"/>
  <c r="CB306" i="11"/>
  <c r="CA306" i="11"/>
  <c r="BZ306" i="11"/>
  <c r="BY306" i="11"/>
  <c r="BX306" i="11"/>
  <c r="BW306" i="11"/>
  <c r="BV306" i="11"/>
  <c r="BU306" i="11"/>
  <c r="BT306" i="11"/>
  <c r="BS306" i="11"/>
  <c r="BR306" i="11"/>
  <c r="BQ306" i="11"/>
  <c r="BP306" i="11"/>
  <c r="BO306" i="11"/>
  <c r="BN306" i="11"/>
  <c r="BM306" i="11"/>
  <c r="BL306" i="11"/>
  <c r="BK306" i="11"/>
  <c r="BJ306" i="11"/>
  <c r="BI306" i="11"/>
  <c r="BH306" i="11"/>
  <c r="BG306" i="11"/>
  <c r="BF306" i="11"/>
  <c r="BE306" i="11"/>
  <c r="BD306" i="11"/>
  <c r="BC306" i="11"/>
  <c r="BA306" i="11"/>
  <c r="CG305" i="11"/>
  <c r="CF305" i="11"/>
  <c r="CE305" i="11"/>
  <c r="CD305" i="11"/>
  <c r="CC305" i="11"/>
  <c r="CB305" i="11"/>
  <c r="CA305" i="11"/>
  <c r="BW305" i="11"/>
  <c r="BV305" i="11"/>
  <c r="BU305" i="11"/>
  <c r="BT305" i="11"/>
  <c r="BS305" i="11"/>
  <c r="BR305" i="11"/>
  <c r="BQ305" i="11"/>
  <c r="BP305" i="11"/>
  <c r="BO305" i="11"/>
  <c r="BN305" i="11"/>
  <c r="BM305" i="11"/>
  <c r="BL305" i="11"/>
  <c r="BK305" i="11"/>
  <c r="BJ305" i="11"/>
  <c r="BI305" i="11"/>
  <c r="BH305" i="11"/>
  <c r="BG305" i="11"/>
  <c r="BF305" i="11"/>
  <c r="BE305" i="11"/>
  <c r="BD305" i="11"/>
  <c r="BC305" i="11"/>
  <c r="BA305" i="11"/>
  <c r="S305" i="11"/>
  <c r="CG304" i="11"/>
  <c r="CF304" i="11"/>
  <c r="CE304" i="11"/>
  <c r="CD304" i="11"/>
  <c r="CC304" i="11"/>
  <c r="CB304" i="11"/>
  <c r="CA304" i="11"/>
  <c r="BW304" i="11"/>
  <c r="BV304" i="11"/>
  <c r="BU304" i="11"/>
  <c r="BT304" i="11"/>
  <c r="BS304" i="11"/>
  <c r="BR304" i="11"/>
  <c r="BQ304" i="11"/>
  <c r="BP304" i="11"/>
  <c r="BO304" i="11"/>
  <c r="BN304" i="11"/>
  <c r="BM304" i="11"/>
  <c r="BL304" i="11"/>
  <c r="BK304" i="11"/>
  <c r="BJ304" i="11"/>
  <c r="BI304" i="11"/>
  <c r="BH304" i="11"/>
  <c r="BG304" i="11"/>
  <c r="BF304" i="11"/>
  <c r="BE304" i="11"/>
  <c r="BD304" i="11"/>
  <c r="BC304" i="11"/>
  <c r="BA304" i="11"/>
  <c r="S304" i="11"/>
  <c r="CG303" i="11"/>
  <c r="CF303" i="11"/>
  <c r="CE303" i="11"/>
  <c r="CD303" i="11"/>
  <c r="CC303" i="11"/>
  <c r="CB303" i="11"/>
  <c r="CA303" i="11"/>
  <c r="BW303" i="11"/>
  <c r="BV303" i="11"/>
  <c r="BU303" i="11"/>
  <c r="BT303" i="11"/>
  <c r="BS303" i="11"/>
  <c r="BR303" i="11"/>
  <c r="BQ303" i="11"/>
  <c r="BP303" i="11"/>
  <c r="BO303" i="11"/>
  <c r="BN303" i="11"/>
  <c r="BM303" i="11"/>
  <c r="BL303" i="11"/>
  <c r="BK303" i="11"/>
  <c r="BJ303" i="11"/>
  <c r="BI303" i="11"/>
  <c r="BH303" i="11"/>
  <c r="BG303" i="11"/>
  <c r="BF303" i="11"/>
  <c r="BE303" i="11"/>
  <c r="BD303" i="11"/>
  <c r="BC303" i="11"/>
  <c r="BA303" i="11"/>
  <c r="S303" i="11"/>
  <c r="CG302" i="11"/>
  <c r="CF302" i="11"/>
  <c r="CE302" i="11"/>
  <c r="CD302" i="11"/>
  <c r="CC302" i="11"/>
  <c r="CB302" i="11"/>
  <c r="CA302" i="11"/>
  <c r="BY302" i="11"/>
  <c r="BW302" i="11"/>
  <c r="BV302" i="11"/>
  <c r="BU302" i="11"/>
  <c r="BT302" i="11"/>
  <c r="BS302" i="11"/>
  <c r="BR302" i="11"/>
  <c r="BQ302" i="11"/>
  <c r="BP302" i="11"/>
  <c r="BO302" i="11"/>
  <c r="BN302" i="11"/>
  <c r="BM302" i="11"/>
  <c r="BL302" i="11"/>
  <c r="BK302" i="11"/>
  <c r="BJ302" i="11"/>
  <c r="BI302" i="11"/>
  <c r="BH302" i="11"/>
  <c r="BG302" i="11"/>
  <c r="BF302" i="11"/>
  <c r="BE302" i="11"/>
  <c r="BD302" i="11"/>
  <c r="BC302" i="11"/>
  <c r="BA302" i="11"/>
  <c r="S302" i="11"/>
  <c r="CG301" i="11"/>
  <c r="CF301" i="11"/>
  <c r="CE301" i="11"/>
  <c r="CD301" i="11"/>
  <c r="CC301" i="11"/>
  <c r="CB301" i="11"/>
  <c r="CA301" i="11"/>
  <c r="BZ301" i="11"/>
  <c r="BY301" i="11"/>
  <c r="BW301" i="11"/>
  <c r="BV301" i="11"/>
  <c r="BU301" i="11"/>
  <c r="BT301" i="11"/>
  <c r="BS301" i="11"/>
  <c r="BR301" i="11"/>
  <c r="BQ301" i="11"/>
  <c r="BP301" i="11"/>
  <c r="BO301" i="11"/>
  <c r="BN301" i="11"/>
  <c r="BM301" i="11"/>
  <c r="BL301" i="11"/>
  <c r="BK301" i="11"/>
  <c r="BJ301" i="11"/>
  <c r="BI301" i="11"/>
  <c r="BH301" i="11"/>
  <c r="BG301" i="11"/>
  <c r="BF301" i="11"/>
  <c r="BE301" i="11"/>
  <c r="BD301" i="11"/>
  <c r="BC301" i="11"/>
  <c r="BA301" i="11"/>
  <c r="S301" i="11"/>
  <c r="CG299" i="11"/>
  <c r="CF299" i="11"/>
  <c r="CE299" i="11"/>
  <c r="CD299" i="11"/>
  <c r="CC299" i="11"/>
  <c r="CB299" i="11"/>
  <c r="BW299" i="11"/>
  <c r="BV299" i="11"/>
  <c r="BU299" i="11"/>
  <c r="BT299" i="11"/>
  <c r="BS299" i="11"/>
  <c r="BR299" i="11"/>
  <c r="BQ299" i="11"/>
  <c r="BP299" i="11"/>
  <c r="BO299" i="11"/>
  <c r="BN299" i="11"/>
  <c r="BM299" i="11"/>
  <c r="BL299" i="11"/>
  <c r="BK299" i="11"/>
  <c r="BJ299" i="11"/>
  <c r="BI299" i="11"/>
  <c r="BH299" i="11"/>
  <c r="BG299" i="11"/>
  <c r="BF299" i="11"/>
  <c r="BE299" i="11"/>
  <c r="BD299" i="11"/>
  <c r="BC299" i="11"/>
  <c r="BA299" i="11"/>
  <c r="S299" i="11"/>
  <c r="CG277" i="11"/>
  <c r="CF277" i="11"/>
  <c r="CE277" i="11"/>
  <c r="CD277" i="11"/>
  <c r="CC277" i="11"/>
  <c r="CB277" i="11"/>
  <c r="BW277" i="11"/>
  <c r="BV277" i="11"/>
  <c r="BU277" i="11"/>
  <c r="BT277" i="11"/>
  <c r="BS277" i="11"/>
  <c r="BR277" i="11"/>
  <c r="BQ277" i="11"/>
  <c r="BP277" i="11"/>
  <c r="BO277" i="11"/>
  <c r="BN277" i="11"/>
  <c r="BM277" i="11"/>
  <c r="BL277" i="11"/>
  <c r="BK277" i="11"/>
  <c r="BJ277" i="11"/>
  <c r="BI277" i="11"/>
  <c r="BH277" i="11"/>
  <c r="BG277" i="11"/>
  <c r="BF277" i="11"/>
  <c r="BE277" i="11"/>
  <c r="BD277" i="11"/>
  <c r="BC277" i="11"/>
  <c r="BA277" i="11"/>
  <c r="S277" i="11"/>
  <c r="CG298" i="11"/>
  <c r="CF298" i="11"/>
  <c r="CE298" i="11"/>
  <c r="CD298" i="11"/>
  <c r="CC298" i="11"/>
  <c r="CB298" i="11"/>
  <c r="CA298" i="11"/>
  <c r="BY298" i="11"/>
  <c r="BW298" i="11"/>
  <c r="BV298" i="11"/>
  <c r="BU298" i="11"/>
  <c r="BT298" i="11"/>
  <c r="BS298" i="11"/>
  <c r="BR298" i="11"/>
  <c r="BQ298" i="11"/>
  <c r="BP298" i="11"/>
  <c r="BO298" i="11"/>
  <c r="BN298" i="11"/>
  <c r="BM298" i="11"/>
  <c r="BL298" i="11"/>
  <c r="BK298" i="11"/>
  <c r="BJ298" i="11"/>
  <c r="BI298" i="11"/>
  <c r="BH298" i="11"/>
  <c r="BG298" i="11"/>
  <c r="BF298" i="11"/>
  <c r="BE298" i="11"/>
  <c r="BD298" i="11"/>
  <c r="BC298" i="11"/>
  <c r="BA298" i="11"/>
  <c r="S298" i="11"/>
  <c r="CG297" i="11"/>
  <c r="CF297" i="11"/>
  <c r="CE297" i="11"/>
  <c r="CD297" i="11"/>
  <c r="CC297" i="11"/>
  <c r="CB297" i="11"/>
  <c r="BW297" i="11"/>
  <c r="BV297" i="11"/>
  <c r="BU297" i="11"/>
  <c r="BT297" i="11"/>
  <c r="BS297" i="11"/>
  <c r="BR297" i="11"/>
  <c r="BQ297" i="11"/>
  <c r="BP297" i="11"/>
  <c r="BO297" i="11"/>
  <c r="BN297" i="11"/>
  <c r="BM297" i="11"/>
  <c r="BL297" i="11"/>
  <c r="BK297" i="11"/>
  <c r="BJ297" i="11"/>
  <c r="BI297" i="11"/>
  <c r="BH297" i="11"/>
  <c r="BG297" i="11"/>
  <c r="BF297" i="11"/>
  <c r="BE297" i="11"/>
  <c r="BD297" i="11"/>
  <c r="BC297" i="11"/>
  <c r="BA297" i="11"/>
  <c r="S297" i="11"/>
  <c r="CG296" i="11"/>
  <c r="CF296" i="11"/>
  <c r="CE296" i="11"/>
  <c r="CD296" i="11"/>
  <c r="CC296" i="11"/>
  <c r="CB296" i="11"/>
  <c r="BW296" i="11"/>
  <c r="BV296" i="11"/>
  <c r="BU296" i="11"/>
  <c r="BT296" i="11"/>
  <c r="BS296" i="11"/>
  <c r="BR296" i="11"/>
  <c r="BQ296" i="11"/>
  <c r="BP296" i="11"/>
  <c r="BO296" i="11"/>
  <c r="BN296" i="11"/>
  <c r="BM296" i="11"/>
  <c r="BL296" i="11"/>
  <c r="BK296" i="11"/>
  <c r="BJ296" i="11"/>
  <c r="BI296" i="11"/>
  <c r="BH296" i="11"/>
  <c r="BG296" i="11"/>
  <c r="BF296" i="11"/>
  <c r="BE296" i="11"/>
  <c r="BD296" i="11"/>
  <c r="BC296" i="11"/>
  <c r="BA296" i="11"/>
  <c r="S296" i="11"/>
  <c r="CG295" i="11"/>
  <c r="CF295" i="11"/>
  <c r="CE295" i="11"/>
  <c r="CD295" i="11"/>
  <c r="CC295" i="11"/>
  <c r="CB295" i="11"/>
  <c r="CA295" i="11"/>
  <c r="BZ295" i="11"/>
  <c r="BY295" i="11"/>
  <c r="BX295" i="11"/>
  <c r="BW295" i="11"/>
  <c r="BV295" i="11"/>
  <c r="BU295" i="11"/>
  <c r="BT295" i="11"/>
  <c r="BS295" i="11"/>
  <c r="BR295" i="11"/>
  <c r="BQ295" i="11"/>
  <c r="BP295" i="11"/>
  <c r="BO295" i="11"/>
  <c r="BN295" i="11"/>
  <c r="BM295" i="11"/>
  <c r="BL295" i="11"/>
  <c r="BK295" i="11"/>
  <c r="BJ295" i="11"/>
  <c r="BI295" i="11"/>
  <c r="BH295" i="11"/>
  <c r="BG295" i="11"/>
  <c r="BF295" i="11"/>
  <c r="BE295" i="11"/>
  <c r="BD295" i="11"/>
  <c r="BC295" i="11"/>
  <c r="BA295" i="11"/>
  <c r="CG294" i="11"/>
  <c r="CF294" i="11"/>
  <c r="CE294" i="11"/>
  <c r="CD294" i="11"/>
  <c r="CC294" i="11"/>
  <c r="CB294" i="11"/>
  <c r="BW294" i="11"/>
  <c r="BV294" i="11"/>
  <c r="BU294" i="11"/>
  <c r="BT294" i="11"/>
  <c r="BS294" i="11"/>
  <c r="BR294" i="11"/>
  <c r="BQ294" i="11"/>
  <c r="BP294" i="11"/>
  <c r="BO294" i="11"/>
  <c r="BN294" i="11"/>
  <c r="BM294" i="11"/>
  <c r="BL294" i="11"/>
  <c r="BK294" i="11"/>
  <c r="BJ294" i="11"/>
  <c r="BI294" i="11"/>
  <c r="BH294" i="11"/>
  <c r="BG294" i="11"/>
  <c r="BF294" i="11"/>
  <c r="BE294" i="11"/>
  <c r="BD294" i="11"/>
  <c r="BC294" i="11"/>
  <c r="BA294" i="11"/>
  <c r="S294" i="11"/>
  <c r="CG293" i="11"/>
  <c r="CF293" i="11"/>
  <c r="CE293" i="11"/>
  <c r="CD293" i="11"/>
  <c r="CC293" i="11"/>
  <c r="CB293" i="11"/>
  <c r="BW293" i="11"/>
  <c r="BV293" i="11"/>
  <c r="BU293" i="11"/>
  <c r="BT293" i="11"/>
  <c r="BS293" i="11"/>
  <c r="BR293" i="11"/>
  <c r="BQ293" i="11"/>
  <c r="BP293" i="11"/>
  <c r="BO293" i="11"/>
  <c r="BN293" i="11"/>
  <c r="BM293" i="11"/>
  <c r="BL293" i="11"/>
  <c r="BK293" i="11"/>
  <c r="BJ293" i="11"/>
  <c r="BI293" i="11"/>
  <c r="BH293" i="11"/>
  <c r="BG293" i="11"/>
  <c r="BF293" i="11"/>
  <c r="BE293" i="11"/>
  <c r="BD293" i="11"/>
  <c r="BC293" i="11"/>
  <c r="BA293" i="11"/>
  <c r="S293" i="11"/>
  <c r="CG292" i="11"/>
  <c r="CF292" i="11"/>
  <c r="CE292" i="11"/>
  <c r="CD292" i="11"/>
  <c r="CC292" i="11"/>
  <c r="CB292" i="11"/>
  <c r="BW292" i="11"/>
  <c r="BV292" i="11"/>
  <c r="BU292" i="11"/>
  <c r="BT292" i="11"/>
  <c r="BS292" i="11"/>
  <c r="BR292" i="11"/>
  <c r="BQ292" i="11"/>
  <c r="BP292" i="11"/>
  <c r="BO292" i="11"/>
  <c r="BN292" i="11"/>
  <c r="BM292" i="11"/>
  <c r="BL292" i="11"/>
  <c r="BK292" i="11"/>
  <c r="BJ292" i="11"/>
  <c r="BI292" i="11"/>
  <c r="BH292" i="11"/>
  <c r="BG292" i="11"/>
  <c r="BF292" i="11"/>
  <c r="BE292" i="11"/>
  <c r="BD292" i="11"/>
  <c r="BC292" i="11"/>
  <c r="BA292" i="11"/>
  <c r="S292" i="11"/>
  <c r="CG291" i="11"/>
  <c r="CF291" i="11"/>
  <c r="CE291" i="11"/>
  <c r="CD291" i="11"/>
  <c r="CC291" i="11"/>
  <c r="CB291" i="11"/>
  <c r="CA291" i="11"/>
  <c r="BY291" i="11"/>
  <c r="BW291" i="11"/>
  <c r="BV291" i="11"/>
  <c r="BU291" i="11"/>
  <c r="BT291" i="11"/>
  <c r="BS291" i="11"/>
  <c r="BR291" i="11"/>
  <c r="BQ291" i="11"/>
  <c r="BP291" i="11"/>
  <c r="BO291" i="11"/>
  <c r="BN291" i="11"/>
  <c r="BM291" i="11"/>
  <c r="BL291" i="11"/>
  <c r="BK291" i="11"/>
  <c r="BJ291" i="11"/>
  <c r="BI291" i="11"/>
  <c r="BH291" i="11"/>
  <c r="BG291" i="11"/>
  <c r="BF291" i="11"/>
  <c r="BE291" i="11"/>
  <c r="BD291" i="11"/>
  <c r="BC291" i="11"/>
  <c r="BA291" i="11"/>
  <c r="S291" i="11"/>
  <c r="CG290" i="11"/>
  <c r="CF290" i="11"/>
  <c r="CE290" i="11"/>
  <c r="CD290" i="11"/>
  <c r="CC290" i="11"/>
  <c r="CB290" i="11"/>
  <c r="BW290" i="11"/>
  <c r="BV290" i="11"/>
  <c r="BU290" i="11"/>
  <c r="BT290" i="11"/>
  <c r="BS290" i="11"/>
  <c r="BR290" i="11"/>
  <c r="BQ290" i="11"/>
  <c r="BP290" i="11"/>
  <c r="BO290" i="11"/>
  <c r="BN290" i="11"/>
  <c r="BM290" i="11"/>
  <c r="BL290" i="11"/>
  <c r="BK290" i="11"/>
  <c r="BJ290" i="11"/>
  <c r="BI290" i="11"/>
  <c r="BH290" i="11"/>
  <c r="BG290" i="11"/>
  <c r="BF290" i="11"/>
  <c r="BE290" i="11"/>
  <c r="BD290" i="11"/>
  <c r="BC290" i="11"/>
  <c r="BA290" i="11"/>
  <c r="S290" i="11"/>
  <c r="CG289" i="11"/>
  <c r="CF289" i="11"/>
  <c r="CE289" i="11"/>
  <c r="CD289" i="11"/>
  <c r="CC289" i="11"/>
  <c r="CB289" i="11"/>
  <c r="BW289" i="11"/>
  <c r="BV289" i="11"/>
  <c r="BU289" i="11"/>
  <c r="BT289" i="11"/>
  <c r="BS289" i="11"/>
  <c r="BR289" i="11"/>
  <c r="BQ289" i="11"/>
  <c r="BP289" i="11"/>
  <c r="BO289" i="11"/>
  <c r="BN289" i="11"/>
  <c r="BM289" i="11"/>
  <c r="BL289" i="11"/>
  <c r="BK289" i="11"/>
  <c r="BJ289" i="11"/>
  <c r="BI289" i="11"/>
  <c r="BH289" i="11"/>
  <c r="BG289" i="11"/>
  <c r="BF289" i="11"/>
  <c r="BE289" i="11"/>
  <c r="BD289" i="11"/>
  <c r="BC289" i="11"/>
  <c r="BA289" i="11"/>
  <c r="S289" i="11"/>
  <c r="CG288" i="11"/>
  <c r="CF288" i="11"/>
  <c r="CE288" i="11"/>
  <c r="CD288" i="11"/>
  <c r="CC288" i="11"/>
  <c r="CB288" i="11"/>
  <c r="BW288" i="11"/>
  <c r="BV288" i="11"/>
  <c r="BU288" i="11"/>
  <c r="BT288" i="11"/>
  <c r="BS288" i="11"/>
  <c r="BR288" i="11"/>
  <c r="BQ288" i="11"/>
  <c r="BP288" i="11"/>
  <c r="BO288" i="11"/>
  <c r="BN288" i="11"/>
  <c r="BM288" i="11"/>
  <c r="BL288" i="11"/>
  <c r="BK288" i="11"/>
  <c r="BJ288" i="11"/>
  <c r="BI288" i="11"/>
  <c r="BH288" i="11"/>
  <c r="BG288" i="11"/>
  <c r="BF288" i="11"/>
  <c r="BE288" i="11"/>
  <c r="BD288" i="11"/>
  <c r="BC288" i="11"/>
  <c r="BA288" i="11"/>
  <c r="S288" i="11"/>
  <c r="CG287" i="11"/>
  <c r="CF287" i="11"/>
  <c r="CE287" i="11"/>
  <c r="CD287" i="11"/>
  <c r="CC287" i="11"/>
  <c r="CB287" i="11"/>
  <c r="BW287" i="11"/>
  <c r="BV287" i="11"/>
  <c r="BU287" i="11"/>
  <c r="BT287" i="11"/>
  <c r="BS287" i="11"/>
  <c r="BR287" i="11"/>
  <c r="BQ287" i="11"/>
  <c r="BP287" i="11"/>
  <c r="BO287" i="11"/>
  <c r="BN287" i="11"/>
  <c r="BM287" i="11"/>
  <c r="BL287" i="11"/>
  <c r="BK287" i="11"/>
  <c r="BJ287" i="11"/>
  <c r="BI287" i="11"/>
  <c r="BH287" i="11"/>
  <c r="BG287" i="11"/>
  <c r="BF287" i="11"/>
  <c r="BE287" i="11"/>
  <c r="BD287" i="11"/>
  <c r="BC287" i="11"/>
  <c r="BA287" i="11"/>
  <c r="S287" i="11"/>
  <c r="CG286" i="11"/>
  <c r="CF286" i="11"/>
  <c r="CE286" i="11"/>
  <c r="CD286" i="11"/>
  <c r="CC286" i="11"/>
  <c r="CB286" i="11"/>
  <c r="BW286" i="11"/>
  <c r="BV286" i="11"/>
  <c r="BU286" i="11"/>
  <c r="BT286" i="11"/>
  <c r="BS286" i="11"/>
  <c r="BR286" i="11"/>
  <c r="BQ286" i="11"/>
  <c r="BP286" i="11"/>
  <c r="BO286" i="11"/>
  <c r="BN286" i="11"/>
  <c r="BM286" i="11"/>
  <c r="BL286" i="11"/>
  <c r="BK286" i="11"/>
  <c r="BJ286" i="11"/>
  <c r="BI286" i="11"/>
  <c r="BH286" i="11"/>
  <c r="BG286" i="11"/>
  <c r="BF286" i="11"/>
  <c r="BE286" i="11"/>
  <c r="BD286" i="11"/>
  <c r="BC286" i="11"/>
  <c r="BA286" i="11"/>
  <c r="S286" i="11"/>
  <c r="CG285" i="11"/>
  <c r="CF285" i="11"/>
  <c r="CE285" i="11"/>
  <c r="CD285" i="11"/>
  <c r="CC285" i="11"/>
  <c r="CB285" i="11"/>
  <c r="CA285" i="11"/>
  <c r="BZ285" i="11"/>
  <c r="BY285" i="11"/>
  <c r="BX285" i="11"/>
  <c r="BW285" i="11"/>
  <c r="BV285" i="11"/>
  <c r="BU285" i="11"/>
  <c r="BT285" i="11"/>
  <c r="BS285" i="11"/>
  <c r="BR285" i="11"/>
  <c r="BQ285" i="11"/>
  <c r="BP285" i="11"/>
  <c r="BO285" i="11"/>
  <c r="BN285" i="11"/>
  <c r="BM285" i="11"/>
  <c r="BL285" i="11"/>
  <c r="BK285" i="11"/>
  <c r="BJ285" i="11"/>
  <c r="BI285" i="11"/>
  <c r="BH285" i="11"/>
  <c r="BG285" i="11"/>
  <c r="BF285" i="11"/>
  <c r="BE285" i="11"/>
  <c r="BD285" i="11"/>
  <c r="BC285" i="11"/>
  <c r="BA285" i="11"/>
  <c r="S285" i="11"/>
  <c r="CG284" i="11"/>
  <c r="CF284" i="11"/>
  <c r="CE284" i="11"/>
  <c r="CD284" i="11"/>
  <c r="CC284" i="11"/>
  <c r="CB284" i="11"/>
  <c r="BW284" i="11"/>
  <c r="BV284" i="11"/>
  <c r="BU284" i="11"/>
  <c r="BT284" i="11"/>
  <c r="BS284" i="11"/>
  <c r="BR284" i="11"/>
  <c r="BQ284" i="11"/>
  <c r="BP284" i="11"/>
  <c r="BO284" i="11"/>
  <c r="BN284" i="11"/>
  <c r="BM284" i="11"/>
  <c r="BL284" i="11"/>
  <c r="BK284" i="11"/>
  <c r="BJ284" i="11"/>
  <c r="BI284" i="11"/>
  <c r="BH284" i="11"/>
  <c r="BG284" i="11"/>
  <c r="BF284" i="11"/>
  <c r="BE284" i="11"/>
  <c r="BD284" i="11"/>
  <c r="BC284" i="11"/>
  <c r="BA284" i="11"/>
  <c r="S284" i="11"/>
  <c r="CG283" i="11"/>
  <c r="CF283" i="11"/>
  <c r="CE283" i="11"/>
  <c r="CD283" i="11"/>
  <c r="CC283" i="11"/>
  <c r="CB283" i="11"/>
  <c r="BW283" i="11"/>
  <c r="BV283" i="11"/>
  <c r="BU283" i="11"/>
  <c r="BT283" i="11"/>
  <c r="BS283" i="11"/>
  <c r="BR283" i="11"/>
  <c r="BQ283" i="11"/>
  <c r="BP283" i="11"/>
  <c r="BO283" i="11"/>
  <c r="BN283" i="11"/>
  <c r="BM283" i="11"/>
  <c r="BL283" i="11"/>
  <c r="BK283" i="11"/>
  <c r="BJ283" i="11"/>
  <c r="BI283" i="11"/>
  <c r="BH283" i="11"/>
  <c r="BG283" i="11"/>
  <c r="BF283" i="11"/>
  <c r="BE283" i="11"/>
  <c r="BD283" i="11"/>
  <c r="BC283" i="11"/>
  <c r="BA283" i="11"/>
  <c r="S283" i="11"/>
  <c r="CG282" i="11"/>
  <c r="CF282" i="11"/>
  <c r="CE282" i="11"/>
  <c r="CD282" i="11"/>
  <c r="CC282" i="11"/>
  <c r="CB282" i="11"/>
  <c r="CA282" i="11"/>
  <c r="BZ282" i="11"/>
  <c r="BY282" i="11"/>
  <c r="BX282" i="11"/>
  <c r="BS282" i="11"/>
  <c r="BR282" i="11"/>
  <c r="BQ282" i="11"/>
  <c r="BP282" i="11"/>
  <c r="BO282" i="11"/>
  <c r="BN282" i="11"/>
  <c r="BM282" i="11"/>
  <c r="BL282" i="11"/>
  <c r="BK282" i="11"/>
  <c r="BJ282" i="11"/>
  <c r="BI282" i="11"/>
  <c r="BH282" i="11"/>
  <c r="BG282" i="11"/>
  <c r="BF282" i="11"/>
  <c r="BE282" i="11"/>
  <c r="BD282" i="11"/>
  <c r="BC282" i="11"/>
  <c r="BA282" i="11"/>
  <c r="S282" i="11"/>
  <c r="CG281" i="11"/>
  <c r="CF281" i="11"/>
  <c r="CE281" i="11"/>
  <c r="CD281" i="11"/>
  <c r="CC281" i="11"/>
  <c r="CB281" i="11"/>
  <c r="CA281" i="11"/>
  <c r="BZ281" i="11"/>
  <c r="BY281" i="11"/>
  <c r="BX281" i="11"/>
  <c r="BW281" i="11"/>
  <c r="BV281" i="11"/>
  <c r="BU281" i="11"/>
  <c r="BT281" i="11"/>
  <c r="BS281" i="11"/>
  <c r="BR281" i="11"/>
  <c r="BQ281" i="11"/>
  <c r="BP281" i="11"/>
  <c r="BO281" i="11"/>
  <c r="BN281" i="11"/>
  <c r="BM281" i="11"/>
  <c r="BL281" i="11"/>
  <c r="BK281" i="11"/>
  <c r="BJ281" i="11"/>
  <c r="BI281" i="11"/>
  <c r="BH281" i="11"/>
  <c r="BG281" i="11"/>
  <c r="BF281" i="11"/>
  <c r="BE281" i="11"/>
  <c r="BD281" i="11"/>
  <c r="BC281" i="11"/>
  <c r="BA281" i="11"/>
  <c r="CG280" i="11"/>
  <c r="CF280" i="11"/>
  <c r="CE280" i="11"/>
  <c r="CD280" i="11"/>
  <c r="CC280" i="11"/>
  <c r="CB280" i="11"/>
  <c r="CA280" i="11"/>
  <c r="BZ280" i="11"/>
  <c r="BY280" i="11"/>
  <c r="BX280" i="11"/>
  <c r="BS280" i="11"/>
  <c r="BR280" i="11"/>
  <c r="BQ280" i="11"/>
  <c r="BP280" i="11"/>
  <c r="BO280" i="11"/>
  <c r="BN280" i="11"/>
  <c r="BM280" i="11"/>
  <c r="BL280" i="11"/>
  <c r="BK280" i="11"/>
  <c r="BJ280" i="11"/>
  <c r="BI280" i="11"/>
  <c r="BH280" i="11"/>
  <c r="BG280" i="11"/>
  <c r="BF280" i="11"/>
  <c r="BE280" i="11"/>
  <c r="BD280" i="11"/>
  <c r="BC280" i="11"/>
  <c r="BA280" i="11"/>
  <c r="S280" i="11"/>
  <c r="CG279" i="11"/>
  <c r="CF279" i="11"/>
  <c r="CE279" i="11"/>
  <c r="CD279" i="11"/>
  <c r="CC279" i="11"/>
  <c r="CB279" i="11"/>
  <c r="CA279" i="11"/>
  <c r="BZ279" i="11"/>
  <c r="BY279" i="11"/>
  <c r="BX279" i="11"/>
  <c r="BW279" i="11"/>
  <c r="BV279" i="11"/>
  <c r="BU279" i="11"/>
  <c r="BS279" i="11"/>
  <c r="BR279" i="11"/>
  <c r="BQ279" i="11"/>
  <c r="BP279" i="11"/>
  <c r="BO279" i="11"/>
  <c r="BN279" i="11"/>
  <c r="BM279" i="11"/>
  <c r="BL279" i="11"/>
  <c r="BK279" i="11"/>
  <c r="BJ279" i="11"/>
  <c r="BI279" i="11"/>
  <c r="BH279" i="11"/>
  <c r="BG279" i="11"/>
  <c r="BF279" i="11"/>
  <c r="BE279" i="11"/>
  <c r="BD279" i="11"/>
  <c r="BC279" i="11"/>
  <c r="BA279" i="11"/>
  <c r="S279" i="11"/>
  <c r="CG278" i="11"/>
  <c r="CF278" i="11"/>
  <c r="CE278" i="11"/>
  <c r="CD278" i="11"/>
  <c r="CC278" i="11"/>
  <c r="CB278" i="11"/>
  <c r="CA278" i="11"/>
  <c r="BZ278" i="11"/>
  <c r="BY278" i="11"/>
  <c r="BX278" i="11"/>
  <c r="BS278" i="11"/>
  <c r="BR278" i="11"/>
  <c r="BQ278" i="11"/>
  <c r="BP278" i="11"/>
  <c r="BO278" i="11"/>
  <c r="BN278" i="11"/>
  <c r="BM278" i="11"/>
  <c r="BL278" i="11"/>
  <c r="BK278" i="11"/>
  <c r="BJ278" i="11"/>
  <c r="BI278" i="11"/>
  <c r="BH278" i="11"/>
  <c r="BG278" i="11"/>
  <c r="BF278" i="11"/>
  <c r="BE278" i="11"/>
  <c r="BD278" i="11"/>
  <c r="BC278" i="11"/>
  <c r="BA278" i="11"/>
  <c r="S278" i="11"/>
  <c r="CG351" i="11"/>
  <c r="CF351" i="11"/>
  <c r="CE351" i="11"/>
  <c r="CD351" i="11"/>
  <c r="CC351" i="11"/>
  <c r="CB351" i="11"/>
  <c r="CA351" i="11"/>
  <c r="BZ351" i="11"/>
  <c r="BY351" i="11"/>
  <c r="BX351" i="11"/>
  <c r="BW351" i="11"/>
  <c r="BV351" i="11"/>
  <c r="BU351" i="11"/>
  <c r="BS351" i="11"/>
  <c r="BR351" i="11"/>
  <c r="BQ351" i="11"/>
  <c r="BP351" i="11"/>
  <c r="BO351" i="11"/>
  <c r="BN351" i="11"/>
  <c r="BM351" i="11"/>
  <c r="BL351" i="11"/>
  <c r="BK351" i="11"/>
  <c r="BJ351" i="11"/>
  <c r="BI351" i="11"/>
  <c r="BH351" i="11"/>
  <c r="BG351" i="11"/>
  <c r="BF351" i="11"/>
  <c r="BE351" i="11"/>
  <c r="BD351" i="11"/>
  <c r="BC351" i="11"/>
  <c r="BA351" i="11"/>
  <c r="S351" i="11"/>
  <c r="CG276" i="11"/>
  <c r="CF276" i="11"/>
  <c r="CE276" i="11"/>
  <c r="CD276" i="11"/>
  <c r="CC276" i="11"/>
  <c r="CB276" i="11"/>
  <c r="CA276" i="11"/>
  <c r="BZ276" i="11"/>
  <c r="BY276" i="11"/>
  <c r="BX276" i="11"/>
  <c r="BW276" i="11"/>
  <c r="BV276" i="11"/>
  <c r="BU276" i="11"/>
  <c r="BS276" i="11"/>
  <c r="BR276" i="11"/>
  <c r="BQ276" i="11"/>
  <c r="BP276" i="11"/>
  <c r="BO276" i="11"/>
  <c r="BN276" i="11"/>
  <c r="BM276" i="11"/>
  <c r="BL276" i="11"/>
  <c r="BK276" i="11"/>
  <c r="BJ276" i="11"/>
  <c r="BI276" i="11"/>
  <c r="BH276" i="11"/>
  <c r="BG276" i="11"/>
  <c r="BF276" i="11"/>
  <c r="BE276" i="11"/>
  <c r="BD276" i="11"/>
  <c r="BC276" i="11"/>
  <c r="BA276" i="11"/>
  <c r="S276" i="11"/>
  <c r="CG275" i="11"/>
  <c r="CF275" i="11"/>
  <c r="CE275" i="11"/>
  <c r="CD275" i="11"/>
  <c r="CC275" i="11"/>
  <c r="CB275" i="11"/>
  <c r="CA275" i="11"/>
  <c r="BZ275" i="11"/>
  <c r="BY275" i="11"/>
  <c r="BX275" i="11"/>
  <c r="BW275" i="11"/>
  <c r="BV275" i="11"/>
  <c r="BU275" i="11"/>
  <c r="BS275" i="11"/>
  <c r="BR275" i="11"/>
  <c r="BQ275" i="11"/>
  <c r="BP275" i="11"/>
  <c r="BO275" i="11"/>
  <c r="BN275" i="11"/>
  <c r="BM275" i="11"/>
  <c r="BL275" i="11"/>
  <c r="BK275" i="11"/>
  <c r="BJ275" i="11"/>
  <c r="BI275" i="11"/>
  <c r="BH275" i="11"/>
  <c r="BG275" i="11"/>
  <c r="BF275" i="11"/>
  <c r="BE275" i="11"/>
  <c r="BD275" i="11"/>
  <c r="BC275" i="11"/>
  <c r="BA275" i="11"/>
  <c r="S275" i="11"/>
  <c r="CG274" i="11"/>
  <c r="CF274" i="11"/>
  <c r="CE274" i="11"/>
  <c r="CD274" i="11"/>
  <c r="CC274" i="11"/>
  <c r="CB274" i="11"/>
  <c r="CA274" i="11"/>
  <c r="BZ274" i="11"/>
  <c r="BY274" i="11"/>
  <c r="BX274" i="11"/>
  <c r="BW274" i="11"/>
  <c r="BV274" i="11"/>
  <c r="BU274" i="11"/>
  <c r="BS274" i="11"/>
  <c r="BR274" i="11"/>
  <c r="BQ274" i="11"/>
  <c r="BP274" i="11"/>
  <c r="BO274" i="11"/>
  <c r="BN274" i="11"/>
  <c r="BM274" i="11"/>
  <c r="BL274" i="11"/>
  <c r="BK274" i="11"/>
  <c r="BJ274" i="11"/>
  <c r="BI274" i="11"/>
  <c r="BH274" i="11"/>
  <c r="BG274" i="11"/>
  <c r="BF274" i="11"/>
  <c r="BE274" i="11"/>
  <c r="BD274" i="11"/>
  <c r="BC274" i="11"/>
  <c r="BA274" i="11"/>
  <c r="S274" i="11"/>
  <c r="CG273" i="11"/>
  <c r="CF273" i="11"/>
  <c r="CE273" i="11"/>
  <c r="CD273" i="11"/>
  <c r="CC273" i="11"/>
  <c r="CB273" i="11"/>
  <c r="CA273" i="11"/>
  <c r="BZ273" i="11"/>
  <c r="BY273" i="11"/>
  <c r="BX273" i="11"/>
  <c r="BW273" i="11"/>
  <c r="BS273" i="11"/>
  <c r="BR273" i="11"/>
  <c r="BQ273" i="11"/>
  <c r="BP273" i="11"/>
  <c r="BO273" i="11"/>
  <c r="BN273" i="11"/>
  <c r="BM273" i="11"/>
  <c r="BL273" i="11"/>
  <c r="BK273" i="11"/>
  <c r="BJ273" i="11"/>
  <c r="BI273" i="11"/>
  <c r="BH273" i="11"/>
  <c r="BG273" i="11"/>
  <c r="BF273" i="11"/>
  <c r="BE273" i="11"/>
  <c r="BD273" i="11"/>
  <c r="BC273" i="11"/>
  <c r="BA273" i="11"/>
  <c r="S273" i="11"/>
  <c r="CG272" i="11"/>
  <c r="CF272" i="11"/>
  <c r="CE272" i="11"/>
  <c r="CD272" i="11"/>
  <c r="CC272" i="11"/>
  <c r="CB272" i="11"/>
  <c r="CA272" i="11"/>
  <c r="BZ272" i="11"/>
  <c r="BY272" i="11"/>
  <c r="BX272" i="11"/>
  <c r="BW272" i="11"/>
  <c r="BS272" i="11"/>
  <c r="BR272" i="11"/>
  <c r="BQ272" i="11"/>
  <c r="BP272" i="11"/>
  <c r="BO272" i="11"/>
  <c r="BN272" i="11"/>
  <c r="BM272" i="11"/>
  <c r="BL272" i="11"/>
  <c r="BK272" i="11"/>
  <c r="BJ272" i="11"/>
  <c r="BI272" i="11"/>
  <c r="BH272" i="11"/>
  <c r="BG272" i="11"/>
  <c r="BF272" i="11"/>
  <c r="BE272" i="11"/>
  <c r="BD272" i="11"/>
  <c r="BC272" i="11"/>
  <c r="BA272" i="11"/>
  <c r="S272" i="11"/>
  <c r="CG271" i="11"/>
  <c r="CF271" i="11"/>
  <c r="CE271" i="11"/>
  <c r="CD271" i="11"/>
  <c r="CC271" i="11"/>
  <c r="CB271" i="11"/>
  <c r="CA271" i="11"/>
  <c r="BZ271" i="11"/>
  <c r="BY271" i="11"/>
  <c r="BX271" i="11"/>
  <c r="BW271" i="11"/>
  <c r="BS271" i="11"/>
  <c r="BR271" i="11"/>
  <c r="BQ271" i="11"/>
  <c r="BP271" i="11"/>
  <c r="BO271" i="11"/>
  <c r="BN271" i="11"/>
  <c r="BM271" i="11"/>
  <c r="BL271" i="11"/>
  <c r="BK271" i="11"/>
  <c r="BJ271" i="11"/>
  <c r="BI271" i="11"/>
  <c r="BH271" i="11"/>
  <c r="BG271" i="11"/>
  <c r="BF271" i="11"/>
  <c r="BE271" i="11"/>
  <c r="BD271" i="11"/>
  <c r="BC271" i="11"/>
  <c r="BA271" i="11"/>
  <c r="S271" i="11"/>
  <c r="CG270" i="11"/>
  <c r="CF270" i="11"/>
  <c r="CE270" i="11"/>
  <c r="CD270" i="11"/>
  <c r="CC270" i="11"/>
  <c r="CB270" i="11"/>
  <c r="CA270" i="11"/>
  <c r="BZ270" i="11"/>
  <c r="BY270" i="11"/>
  <c r="BX270" i="11"/>
  <c r="BW270" i="11"/>
  <c r="BS270" i="11"/>
  <c r="BR270" i="11"/>
  <c r="BQ270" i="11"/>
  <c r="BP270" i="11"/>
  <c r="BO270" i="11"/>
  <c r="BN270" i="11"/>
  <c r="BM270" i="11"/>
  <c r="BL270" i="11"/>
  <c r="BK270" i="11"/>
  <c r="BJ270" i="11"/>
  <c r="BI270" i="11"/>
  <c r="BH270" i="11"/>
  <c r="BG270" i="11"/>
  <c r="BF270" i="11"/>
  <c r="BE270" i="11"/>
  <c r="BD270" i="11"/>
  <c r="BC270" i="11"/>
  <c r="BA270" i="11"/>
  <c r="S270" i="11"/>
  <c r="CG269" i="11"/>
  <c r="CF269" i="11"/>
  <c r="CE269" i="11"/>
  <c r="CD269" i="11"/>
  <c r="CC269" i="11"/>
  <c r="CB269" i="11"/>
  <c r="CA269" i="11"/>
  <c r="BZ269" i="11"/>
  <c r="BY269" i="11"/>
  <c r="BX269" i="11"/>
  <c r="BW269" i="11"/>
  <c r="BV269" i="11"/>
  <c r="BU269" i="11"/>
  <c r="BT269" i="11"/>
  <c r="BS269" i="11"/>
  <c r="BR269" i="11"/>
  <c r="BQ269" i="11"/>
  <c r="BP269" i="11"/>
  <c r="BO269" i="11"/>
  <c r="BN269" i="11"/>
  <c r="BM269" i="11"/>
  <c r="BL269" i="11"/>
  <c r="BK269" i="11"/>
  <c r="BJ269" i="11"/>
  <c r="BI269" i="11"/>
  <c r="BH269" i="11"/>
  <c r="BG269" i="11"/>
  <c r="BF269" i="11"/>
  <c r="BE269" i="11"/>
  <c r="BD269" i="11"/>
  <c r="BC269" i="11"/>
  <c r="BA269" i="11"/>
  <c r="S269" i="11"/>
  <c r="CG268" i="11"/>
  <c r="CF268" i="11"/>
  <c r="CE268" i="11"/>
  <c r="CD268" i="11"/>
  <c r="CC268" i="11"/>
  <c r="CB268" i="11"/>
  <c r="CA268" i="11"/>
  <c r="BZ268" i="11"/>
  <c r="BY268" i="11"/>
  <c r="BX268" i="11"/>
  <c r="BW268" i="11"/>
  <c r="BV268" i="11"/>
  <c r="BU268" i="11"/>
  <c r="BT268" i="11"/>
  <c r="BS268" i="11"/>
  <c r="BR268" i="11"/>
  <c r="BQ268" i="11"/>
  <c r="BP268" i="11"/>
  <c r="BO268" i="11"/>
  <c r="BN268" i="11"/>
  <c r="BM268" i="11"/>
  <c r="BL268" i="11"/>
  <c r="BK268" i="11"/>
  <c r="BJ268" i="11"/>
  <c r="BI268" i="11"/>
  <c r="BH268" i="11"/>
  <c r="BG268" i="11"/>
  <c r="BF268" i="11"/>
  <c r="BE268" i="11"/>
  <c r="BD268" i="11"/>
  <c r="BC268" i="11"/>
  <c r="BA268" i="11"/>
  <c r="CG267" i="11"/>
  <c r="CF267" i="11"/>
  <c r="CE267" i="11"/>
  <c r="CD267" i="11"/>
  <c r="CC267" i="11"/>
  <c r="CB267" i="11"/>
  <c r="CA267" i="11"/>
  <c r="BZ267" i="11"/>
  <c r="BY267" i="11"/>
  <c r="BX267" i="11"/>
  <c r="BS267" i="11"/>
  <c r="BR267" i="11"/>
  <c r="BQ267" i="11"/>
  <c r="BP267" i="11"/>
  <c r="BO267" i="11"/>
  <c r="BN267" i="11"/>
  <c r="BM267" i="11"/>
  <c r="BL267" i="11"/>
  <c r="BK267" i="11"/>
  <c r="BJ267" i="11"/>
  <c r="BI267" i="11"/>
  <c r="BH267" i="11"/>
  <c r="BG267" i="11"/>
  <c r="BF267" i="11"/>
  <c r="BE267" i="11"/>
  <c r="BD267" i="11"/>
  <c r="BC267" i="11"/>
  <c r="BA267" i="11"/>
  <c r="S267" i="11"/>
  <c r="CG266" i="11"/>
  <c r="CF266" i="11"/>
  <c r="CE266" i="11"/>
  <c r="CD266" i="11"/>
  <c r="CC266" i="11"/>
  <c r="CB266" i="11"/>
  <c r="CA266" i="11"/>
  <c r="BZ266" i="11"/>
  <c r="BY266" i="11"/>
  <c r="BX266" i="11"/>
  <c r="BS266" i="11"/>
  <c r="BR266" i="11"/>
  <c r="BQ266" i="11"/>
  <c r="BP266" i="11"/>
  <c r="BO266" i="11"/>
  <c r="BN266" i="11"/>
  <c r="BM266" i="11"/>
  <c r="BL266" i="11"/>
  <c r="BK266" i="11"/>
  <c r="BJ266" i="11"/>
  <c r="BI266" i="11"/>
  <c r="BH266" i="11"/>
  <c r="BG266" i="11"/>
  <c r="BF266" i="11"/>
  <c r="BE266" i="11"/>
  <c r="BD266" i="11"/>
  <c r="BC266" i="11"/>
  <c r="BA266" i="11"/>
  <c r="S266" i="11"/>
  <c r="CG265" i="11"/>
  <c r="CF265" i="11"/>
  <c r="CE265" i="11"/>
  <c r="CD265" i="11"/>
  <c r="CC265" i="11"/>
  <c r="CB265" i="11"/>
  <c r="CA265" i="11"/>
  <c r="BZ265" i="11"/>
  <c r="BY265" i="11"/>
  <c r="BX265" i="11"/>
  <c r="BS265" i="11"/>
  <c r="BR265" i="11"/>
  <c r="BQ265" i="11"/>
  <c r="BP265" i="11"/>
  <c r="BO265" i="11"/>
  <c r="BN265" i="11"/>
  <c r="BM265" i="11"/>
  <c r="BL265" i="11"/>
  <c r="BK265" i="11"/>
  <c r="BJ265" i="11"/>
  <c r="BI265" i="11"/>
  <c r="BH265" i="11"/>
  <c r="BG265" i="11"/>
  <c r="BF265" i="11"/>
  <c r="BE265" i="11"/>
  <c r="BD265" i="11"/>
  <c r="BC265" i="11"/>
  <c r="BA265" i="11"/>
  <c r="S265" i="11"/>
  <c r="CG264" i="11"/>
  <c r="CF264" i="11"/>
  <c r="CE264" i="11"/>
  <c r="CD264" i="11"/>
  <c r="CC264" i="11"/>
  <c r="CB264" i="11"/>
  <c r="CA264" i="11"/>
  <c r="BZ264" i="11"/>
  <c r="BY264" i="11"/>
  <c r="BX264" i="11"/>
  <c r="BS264" i="11"/>
  <c r="BR264" i="11"/>
  <c r="BQ264" i="11"/>
  <c r="BP264" i="11"/>
  <c r="BO264" i="11"/>
  <c r="BN264" i="11"/>
  <c r="BM264" i="11"/>
  <c r="BL264" i="11"/>
  <c r="BK264" i="11"/>
  <c r="BJ264" i="11"/>
  <c r="BI264" i="11"/>
  <c r="BH264" i="11"/>
  <c r="BG264" i="11"/>
  <c r="BF264" i="11"/>
  <c r="BE264" i="11"/>
  <c r="BD264" i="11"/>
  <c r="BC264" i="11"/>
  <c r="BA264" i="11"/>
  <c r="S264" i="11"/>
  <c r="CG263" i="11"/>
  <c r="CF263" i="11"/>
  <c r="CE263" i="11"/>
  <c r="CD263" i="11"/>
  <c r="CC263" i="11"/>
  <c r="CB263" i="11"/>
  <c r="CA263" i="11"/>
  <c r="BZ263" i="11"/>
  <c r="BY263" i="11"/>
  <c r="BX263" i="11"/>
  <c r="BS263" i="11"/>
  <c r="BR263" i="11"/>
  <c r="BQ263" i="11"/>
  <c r="BP263" i="11"/>
  <c r="BO263" i="11"/>
  <c r="BN263" i="11"/>
  <c r="BM263" i="11"/>
  <c r="BL263" i="11"/>
  <c r="BK263" i="11"/>
  <c r="BJ263" i="11"/>
  <c r="BI263" i="11"/>
  <c r="BH263" i="11"/>
  <c r="BG263" i="11"/>
  <c r="BF263" i="11"/>
  <c r="BE263" i="11"/>
  <c r="BD263" i="11"/>
  <c r="BC263" i="11"/>
  <c r="BA263" i="11"/>
  <c r="S263" i="11"/>
  <c r="CG262" i="11"/>
  <c r="CF262" i="11"/>
  <c r="CE262" i="11"/>
  <c r="CD262" i="11"/>
  <c r="CC262" i="11"/>
  <c r="CB262" i="11"/>
  <c r="CA262" i="11"/>
  <c r="BZ262" i="11"/>
  <c r="BY262" i="11"/>
  <c r="BX262" i="11"/>
  <c r="BS262" i="11"/>
  <c r="BR262" i="11"/>
  <c r="BQ262" i="11"/>
  <c r="BP262" i="11"/>
  <c r="BO262" i="11"/>
  <c r="BN262" i="11"/>
  <c r="BM262" i="11"/>
  <c r="BL262" i="11"/>
  <c r="BK262" i="11"/>
  <c r="BJ262" i="11"/>
  <c r="BI262" i="11"/>
  <c r="BH262" i="11"/>
  <c r="BG262" i="11"/>
  <c r="BF262" i="11"/>
  <c r="BE262" i="11"/>
  <c r="BD262" i="11"/>
  <c r="BC262" i="11"/>
  <c r="BA262" i="11"/>
  <c r="S262" i="11"/>
  <c r="CG261" i="11"/>
  <c r="CF261" i="11"/>
  <c r="CE261" i="11"/>
  <c r="CD261" i="11"/>
  <c r="CC261" i="11"/>
  <c r="CB261" i="11"/>
  <c r="CA261" i="11"/>
  <c r="BZ261" i="11"/>
  <c r="BY261" i="11"/>
  <c r="BX261" i="11"/>
  <c r="BS261" i="11"/>
  <c r="BR261" i="11"/>
  <c r="BQ261" i="11"/>
  <c r="BP261" i="11"/>
  <c r="BO261" i="11"/>
  <c r="BN261" i="11"/>
  <c r="BM261" i="11"/>
  <c r="BL261" i="11"/>
  <c r="BK261" i="11"/>
  <c r="BJ261" i="11"/>
  <c r="BI261" i="11"/>
  <c r="BH261" i="11"/>
  <c r="BG261" i="11"/>
  <c r="BF261" i="11"/>
  <c r="BE261" i="11"/>
  <c r="BD261" i="11"/>
  <c r="BC261" i="11"/>
  <c r="BA261" i="11"/>
  <c r="S261" i="11"/>
  <c r="CG260" i="11"/>
  <c r="CF260" i="11"/>
  <c r="CE260" i="11"/>
  <c r="CD260" i="11"/>
  <c r="CC260" i="11"/>
  <c r="CB260" i="11"/>
  <c r="CA260" i="11"/>
  <c r="BZ260" i="11"/>
  <c r="BY260" i="11"/>
  <c r="BX260" i="11"/>
  <c r="BS260" i="11"/>
  <c r="BR260" i="11"/>
  <c r="BQ260" i="11"/>
  <c r="BP260" i="11"/>
  <c r="BO260" i="11"/>
  <c r="BN260" i="11"/>
  <c r="BM260" i="11"/>
  <c r="BL260" i="11"/>
  <c r="BK260" i="11"/>
  <c r="BJ260" i="11"/>
  <c r="BI260" i="11"/>
  <c r="BH260" i="11"/>
  <c r="BG260" i="11"/>
  <c r="BF260" i="11"/>
  <c r="BE260" i="11"/>
  <c r="BD260" i="11"/>
  <c r="BC260" i="11"/>
  <c r="BA260" i="11"/>
  <c r="S260" i="11"/>
  <c r="CG259" i="11"/>
  <c r="CF259" i="11"/>
  <c r="CE259" i="11"/>
  <c r="CD259" i="11"/>
  <c r="CC259" i="11"/>
  <c r="CB259" i="11"/>
  <c r="CA259" i="11"/>
  <c r="BZ259" i="11"/>
  <c r="BY259" i="11"/>
  <c r="BX259" i="11"/>
  <c r="BS259" i="11"/>
  <c r="BR259" i="11"/>
  <c r="BQ259" i="11"/>
  <c r="BP259" i="11"/>
  <c r="BO259" i="11"/>
  <c r="BN259" i="11"/>
  <c r="BM259" i="11"/>
  <c r="BL259" i="11"/>
  <c r="BK259" i="11"/>
  <c r="BJ259" i="11"/>
  <c r="BI259" i="11"/>
  <c r="BH259" i="11"/>
  <c r="BG259" i="11"/>
  <c r="BF259" i="11"/>
  <c r="BE259" i="11"/>
  <c r="BD259" i="11"/>
  <c r="BC259" i="11"/>
  <c r="BA259" i="11"/>
  <c r="S259" i="11"/>
  <c r="CG258" i="11"/>
  <c r="CF258" i="11"/>
  <c r="CE258" i="11"/>
  <c r="CD258" i="11"/>
  <c r="CC258" i="11"/>
  <c r="CB258" i="11"/>
  <c r="CA258" i="11"/>
  <c r="BZ258" i="11"/>
  <c r="BY258" i="11"/>
  <c r="BX258" i="11"/>
  <c r="BS258" i="11"/>
  <c r="BR258" i="11"/>
  <c r="BQ258" i="11"/>
  <c r="BP258" i="11"/>
  <c r="BO258" i="11"/>
  <c r="BN258" i="11"/>
  <c r="BM258" i="11"/>
  <c r="BL258" i="11"/>
  <c r="BK258" i="11"/>
  <c r="BJ258" i="11"/>
  <c r="BI258" i="11"/>
  <c r="BH258" i="11"/>
  <c r="BG258" i="11"/>
  <c r="BF258" i="11"/>
  <c r="BE258" i="11"/>
  <c r="BD258" i="11"/>
  <c r="BC258" i="11"/>
  <c r="BA258" i="11"/>
  <c r="S258" i="11"/>
  <c r="CG257" i="11"/>
  <c r="CF257" i="11"/>
  <c r="CE257" i="11"/>
  <c r="CD257" i="11"/>
  <c r="CC257" i="11"/>
  <c r="CB257" i="11"/>
  <c r="CA257" i="11"/>
  <c r="BZ257" i="11"/>
  <c r="BY257" i="11"/>
  <c r="BX257" i="11"/>
  <c r="BS257" i="11"/>
  <c r="BR257" i="11"/>
  <c r="BQ257" i="11"/>
  <c r="BP257" i="11"/>
  <c r="BO257" i="11"/>
  <c r="BN257" i="11"/>
  <c r="BM257" i="11"/>
  <c r="BL257" i="11"/>
  <c r="BK257" i="11"/>
  <c r="BJ257" i="11"/>
  <c r="BI257" i="11"/>
  <c r="BH257" i="11"/>
  <c r="BG257" i="11"/>
  <c r="BF257" i="11"/>
  <c r="BE257" i="11"/>
  <c r="BD257" i="11"/>
  <c r="BC257" i="11"/>
  <c r="BA257" i="11"/>
  <c r="S257" i="11"/>
  <c r="CG256" i="11"/>
  <c r="CF256" i="11"/>
  <c r="CE256" i="11"/>
  <c r="CD256" i="11"/>
  <c r="CC256" i="11"/>
  <c r="CB256" i="11"/>
  <c r="CA256" i="11"/>
  <c r="BZ256" i="11"/>
  <c r="BY256" i="11"/>
  <c r="BX256" i="11"/>
  <c r="BS256" i="11"/>
  <c r="BR256" i="11"/>
  <c r="BQ256" i="11"/>
  <c r="BP256" i="11"/>
  <c r="BO256" i="11"/>
  <c r="BN256" i="11"/>
  <c r="BM256" i="11"/>
  <c r="BL256" i="11"/>
  <c r="BK256" i="11"/>
  <c r="BJ256" i="11"/>
  <c r="BI256" i="11"/>
  <c r="BH256" i="11"/>
  <c r="BG256" i="11"/>
  <c r="BF256" i="11"/>
  <c r="BE256" i="11"/>
  <c r="BD256" i="11"/>
  <c r="BC256" i="11"/>
  <c r="BA256" i="11"/>
  <c r="S256" i="11"/>
  <c r="CG255" i="11"/>
  <c r="CF255" i="11"/>
  <c r="CE255" i="11"/>
  <c r="CD255" i="11"/>
  <c r="CC255" i="11"/>
  <c r="CB255" i="11"/>
  <c r="CA255" i="11"/>
  <c r="BZ255" i="11"/>
  <c r="BY255" i="11"/>
  <c r="BX255" i="11"/>
  <c r="BS255" i="11"/>
  <c r="BR255" i="11"/>
  <c r="BQ255" i="11"/>
  <c r="BP255" i="11"/>
  <c r="BO255" i="11"/>
  <c r="BN255" i="11"/>
  <c r="BM255" i="11"/>
  <c r="BL255" i="11"/>
  <c r="BK255" i="11"/>
  <c r="BJ255" i="11"/>
  <c r="BI255" i="11"/>
  <c r="BH255" i="11"/>
  <c r="BG255" i="11"/>
  <c r="BF255" i="11"/>
  <c r="BE255" i="11"/>
  <c r="BD255" i="11"/>
  <c r="BC255" i="11"/>
  <c r="BA255" i="11"/>
  <c r="S255" i="11"/>
  <c r="CG254" i="11"/>
  <c r="CF254" i="11"/>
  <c r="CE254" i="11"/>
  <c r="CD254" i="11"/>
  <c r="CC254" i="11"/>
  <c r="CB254" i="11"/>
  <c r="CA254" i="11"/>
  <c r="BZ254" i="11"/>
  <c r="BY254" i="11"/>
  <c r="BX254" i="11"/>
  <c r="BS254" i="11"/>
  <c r="BR254" i="11"/>
  <c r="BQ254" i="11"/>
  <c r="BP254" i="11"/>
  <c r="BO254" i="11"/>
  <c r="BN254" i="11"/>
  <c r="BM254" i="11"/>
  <c r="BL254" i="11"/>
  <c r="BK254" i="11"/>
  <c r="BJ254" i="11"/>
  <c r="BI254" i="11"/>
  <c r="BH254" i="11"/>
  <c r="BG254" i="11"/>
  <c r="BF254" i="11"/>
  <c r="BE254" i="11"/>
  <c r="BD254" i="11"/>
  <c r="BC254" i="11"/>
  <c r="BA254" i="11"/>
  <c r="S254" i="11"/>
  <c r="CG253" i="11"/>
  <c r="CF253" i="11"/>
  <c r="CE253" i="11"/>
  <c r="CD253" i="11"/>
  <c r="CC253" i="11"/>
  <c r="CB253" i="11"/>
  <c r="CA253" i="11"/>
  <c r="BZ253" i="11"/>
  <c r="BY253" i="11"/>
  <c r="BX253" i="11"/>
  <c r="BS253" i="11"/>
  <c r="BR253" i="11"/>
  <c r="BQ253" i="11"/>
  <c r="BP253" i="11"/>
  <c r="BO253" i="11"/>
  <c r="BN253" i="11"/>
  <c r="BM253" i="11"/>
  <c r="BL253" i="11"/>
  <c r="BK253" i="11"/>
  <c r="BJ253" i="11"/>
  <c r="BI253" i="11"/>
  <c r="BH253" i="11"/>
  <c r="BG253" i="11"/>
  <c r="BF253" i="11"/>
  <c r="BE253" i="11"/>
  <c r="BD253" i="11"/>
  <c r="BC253" i="11"/>
  <c r="BA253" i="11"/>
  <c r="S253" i="11"/>
  <c r="CG252" i="11"/>
  <c r="CF252" i="11"/>
  <c r="CE252" i="11"/>
  <c r="CD252" i="11"/>
  <c r="CC252" i="11"/>
  <c r="CB252" i="11"/>
  <c r="CA252" i="11"/>
  <c r="BZ252" i="11"/>
  <c r="BY252" i="11"/>
  <c r="BX252" i="11"/>
  <c r="BW252" i="11"/>
  <c r="BV252" i="11"/>
  <c r="BU252" i="11"/>
  <c r="BT252" i="11"/>
  <c r="BS252" i="11"/>
  <c r="BR252" i="11"/>
  <c r="BQ252" i="11"/>
  <c r="BP252" i="11"/>
  <c r="BO252" i="11"/>
  <c r="BN252" i="11"/>
  <c r="BM252" i="11"/>
  <c r="BL252" i="11"/>
  <c r="BK252" i="11"/>
  <c r="BJ252" i="11"/>
  <c r="BI252" i="11"/>
  <c r="BH252" i="11"/>
  <c r="BG252" i="11"/>
  <c r="BF252" i="11"/>
  <c r="BE252" i="11"/>
  <c r="BD252" i="11"/>
  <c r="BC252" i="11"/>
  <c r="BA252" i="11"/>
  <c r="CG251" i="11"/>
  <c r="CF251" i="11"/>
  <c r="CE251" i="11"/>
  <c r="CD251" i="11"/>
  <c r="CC251" i="11"/>
  <c r="CB251" i="11"/>
  <c r="CA251" i="11"/>
  <c r="BZ251" i="11"/>
  <c r="BY251" i="11"/>
  <c r="BX251" i="11"/>
  <c r="BS251" i="11"/>
  <c r="BR251" i="11"/>
  <c r="BQ251" i="11"/>
  <c r="BP251" i="11"/>
  <c r="BO251" i="11"/>
  <c r="BN251" i="11"/>
  <c r="BM251" i="11"/>
  <c r="BL251" i="11"/>
  <c r="BK251" i="11"/>
  <c r="BJ251" i="11"/>
  <c r="BI251" i="11"/>
  <c r="BH251" i="11"/>
  <c r="BG251" i="11"/>
  <c r="BF251" i="11"/>
  <c r="BE251" i="11"/>
  <c r="BD251" i="11"/>
  <c r="BC251" i="11"/>
  <c r="BA251" i="11"/>
  <c r="S251" i="11"/>
  <c r="CG250" i="11"/>
  <c r="CF250" i="11"/>
  <c r="CE250" i="11"/>
  <c r="CD250" i="11"/>
  <c r="CC250" i="11"/>
  <c r="CB250" i="11"/>
  <c r="CA250" i="11"/>
  <c r="BZ250" i="11"/>
  <c r="BY250" i="11"/>
  <c r="BX250" i="11"/>
  <c r="BS250" i="11"/>
  <c r="BR250" i="11"/>
  <c r="BQ250" i="11"/>
  <c r="BP250" i="11"/>
  <c r="BO250" i="11"/>
  <c r="BN250" i="11"/>
  <c r="BM250" i="11"/>
  <c r="BL250" i="11"/>
  <c r="BK250" i="11"/>
  <c r="BJ250" i="11"/>
  <c r="BI250" i="11"/>
  <c r="BH250" i="11"/>
  <c r="BG250" i="11"/>
  <c r="BF250" i="11"/>
  <c r="BE250" i="11"/>
  <c r="BD250" i="11"/>
  <c r="BC250" i="11"/>
  <c r="BA250" i="11"/>
  <c r="S250" i="11"/>
  <c r="CG249" i="11"/>
  <c r="CF249" i="11"/>
  <c r="CE249" i="11"/>
  <c r="CD249" i="11"/>
  <c r="CC249" i="11"/>
  <c r="CB249" i="11"/>
  <c r="CA249" i="11"/>
  <c r="BZ249" i="11"/>
  <c r="BY249" i="11"/>
  <c r="BX249" i="11"/>
  <c r="BS249" i="11"/>
  <c r="BR249" i="11"/>
  <c r="BQ249" i="11"/>
  <c r="BP249" i="11"/>
  <c r="BO249" i="11"/>
  <c r="BN249" i="11"/>
  <c r="BM249" i="11"/>
  <c r="BL249" i="11"/>
  <c r="BK249" i="11"/>
  <c r="BJ249" i="11"/>
  <c r="BI249" i="11"/>
  <c r="BH249" i="11"/>
  <c r="BG249" i="11"/>
  <c r="BF249" i="11"/>
  <c r="BE249" i="11"/>
  <c r="BD249" i="11"/>
  <c r="BC249" i="11"/>
  <c r="BA249" i="11"/>
  <c r="S249" i="11"/>
  <c r="CG248" i="11"/>
  <c r="CF248" i="11"/>
  <c r="CE248" i="11"/>
  <c r="CD248" i="11"/>
  <c r="CC248" i="11"/>
  <c r="CB248" i="11"/>
  <c r="CA248" i="11"/>
  <c r="BZ248" i="11"/>
  <c r="BY248" i="11"/>
  <c r="BX248" i="11"/>
  <c r="BS248" i="11"/>
  <c r="BR248" i="11"/>
  <c r="BQ248" i="11"/>
  <c r="BP248" i="11"/>
  <c r="BO248" i="11"/>
  <c r="BN248" i="11"/>
  <c r="BM248" i="11"/>
  <c r="BL248" i="11"/>
  <c r="BK248" i="11"/>
  <c r="BJ248" i="11"/>
  <c r="BI248" i="11"/>
  <c r="BH248" i="11"/>
  <c r="BG248" i="11"/>
  <c r="BF248" i="11"/>
  <c r="BE248" i="11"/>
  <c r="BD248" i="11"/>
  <c r="BC248" i="11"/>
  <c r="BA248" i="11"/>
  <c r="S248" i="11"/>
  <c r="CG247" i="11"/>
  <c r="CF247" i="11"/>
  <c r="CE247" i="11"/>
  <c r="CD247" i="11"/>
  <c r="CC247" i="11"/>
  <c r="CB247" i="11"/>
  <c r="CA247" i="11"/>
  <c r="BZ247" i="11"/>
  <c r="BY247" i="11"/>
  <c r="BX247" i="11"/>
  <c r="BS247" i="11"/>
  <c r="BR247" i="11"/>
  <c r="BQ247" i="11"/>
  <c r="BP247" i="11"/>
  <c r="BO247" i="11"/>
  <c r="BN247" i="11"/>
  <c r="BM247" i="11"/>
  <c r="BL247" i="11"/>
  <c r="BK247" i="11"/>
  <c r="BJ247" i="11"/>
  <c r="BI247" i="11"/>
  <c r="BH247" i="11"/>
  <c r="BG247" i="11"/>
  <c r="BF247" i="11"/>
  <c r="BE247" i="11"/>
  <c r="BD247" i="11"/>
  <c r="BC247" i="11"/>
  <c r="BA247" i="11"/>
  <c r="S247" i="11"/>
  <c r="CG246" i="11"/>
  <c r="CF246" i="11"/>
  <c r="CE246" i="11"/>
  <c r="CD246" i="11"/>
  <c r="CC246" i="11"/>
  <c r="CB246" i="11"/>
  <c r="CA246" i="11"/>
  <c r="BZ246" i="11"/>
  <c r="BY246" i="11"/>
  <c r="BX246" i="11"/>
  <c r="BS246" i="11"/>
  <c r="BR246" i="11"/>
  <c r="BQ246" i="11"/>
  <c r="BP246" i="11"/>
  <c r="BO246" i="11"/>
  <c r="BN246" i="11"/>
  <c r="BM246" i="11"/>
  <c r="BL246" i="11"/>
  <c r="BK246" i="11"/>
  <c r="BJ246" i="11"/>
  <c r="BI246" i="11"/>
  <c r="BH246" i="11"/>
  <c r="BG246" i="11"/>
  <c r="BF246" i="11"/>
  <c r="BE246" i="11"/>
  <c r="BD246" i="11"/>
  <c r="BC246" i="11"/>
  <c r="BA246" i="11"/>
  <c r="S246" i="11"/>
  <c r="CG245" i="11"/>
  <c r="CF245" i="11"/>
  <c r="CE245" i="11"/>
  <c r="CD245" i="11"/>
  <c r="CC245" i="11"/>
  <c r="CB245" i="11"/>
  <c r="CA245" i="11"/>
  <c r="BZ245" i="11"/>
  <c r="BY245" i="11"/>
  <c r="BX245" i="11"/>
  <c r="BS245" i="11"/>
  <c r="BR245" i="11"/>
  <c r="BQ245" i="11"/>
  <c r="BP245" i="11"/>
  <c r="BO245" i="11"/>
  <c r="BN245" i="11"/>
  <c r="BM245" i="11"/>
  <c r="BL245" i="11"/>
  <c r="BK245" i="11"/>
  <c r="BJ245" i="11"/>
  <c r="BI245" i="11"/>
  <c r="BH245" i="11"/>
  <c r="BG245" i="11"/>
  <c r="BF245" i="11"/>
  <c r="BE245" i="11"/>
  <c r="BD245" i="11"/>
  <c r="BC245" i="11"/>
  <c r="BA245" i="11"/>
  <c r="S245" i="11"/>
  <c r="CG244" i="11"/>
  <c r="CF244" i="11"/>
  <c r="CE244" i="11"/>
  <c r="CD244" i="11"/>
  <c r="CC244" i="11"/>
  <c r="CB244" i="11"/>
  <c r="CA244" i="11"/>
  <c r="BZ244" i="11"/>
  <c r="BY244" i="11"/>
  <c r="BX244" i="11"/>
  <c r="BS244" i="11"/>
  <c r="BR244" i="11"/>
  <c r="BQ244" i="11"/>
  <c r="BP244" i="11"/>
  <c r="BO244" i="11"/>
  <c r="BN244" i="11"/>
  <c r="BM244" i="11"/>
  <c r="BL244" i="11"/>
  <c r="BK244" i="11"/>
  <c r="BJ244" i="11"/>
  <c r="BI244" i="11"/>
  <c r="BH244" i="11"/>
  <c r="BG244" i="11"/>
  <c r="BF244" i="11"/>
  <c r="BE244" i="11"/>
  <c r="BD244" i="11"/>
  <c r="BC244" i="11"/>
  <c r="BA244" i="11"/>
  <c r="S244" i="11"/>
  <c r="CG243" i="11"/>
  <c r="CF243" i="11"/>
  <c r="CE243" i="11"/>
  <c r="CD243" i="11"/>
  <c r="CC243" i="11"/>
  <c r="CB243" i="11"/>
  <c r="CA243" i="11"/>
  <c r="BZ243" i="11"/>
  <c r="BY243" i="11"/>
  <c r="BX243" i="11"/>
  <c r="BS243" i="11"/>
  <c r="BR243" i="11"/>
  <c r="BQ243" i="11"/>
  <c r="BP243" i="11"/>
  <c r="BO243" i="11"/>
  <c r="BN243" i="11"/>
  <c r="BM243" i="11"/>
  <c r="BL243" i="11"/>
  <c r="BK243" i="11"/>
  <c r="BJ243" i="11"/>
  <c r="BI243" i="11"/>
  <c r="BH243" i="11"/>
  <c r="BG243" i="11"/>
  <c r="BF243" i="11"/>
  <c r="BE243" i="11"/>
  <c r="BD243" i="11"/>
  <c r="BC243" i="11"/>
  <c r="BA243" i="11"/>
  <c r="S243" i="11"/>
  <c r="CG242" i="11"/>
  <c r="CF242" i="11"/>
  <c r="CE242" i="11"/>
  <c r="CD242" i="11"/>
  <c r="CC242" i="11"/>
  <c r="CB242" i="11"/>
  <c r="CA242" i="11"/>
  <c r="BZ242" i="11"/>
  <c r="BY242" i="11"/>
  <c r="BX242" i="11"/>
  <c r="BS242" i="11"/>
  <c r="BR242" i="11"/>
  <c r="BQ242" i="11"/>
  <c r="BP242" i="11"/>
  <c r="BO242" i="11"/>
  <c r="BN242" i="11"/>
  <c r="BM242" i="11"/>
  <c r="BL242" i="11"/>
  <c r="BK242" i="11"/>
  <c r="BJ242" i="11"/>
  <c r="BI242" i="11"/>
  <c r="BH242" i="11"/>
  <c r="BG242" i="11"/>
  <c r="BF242" i="11"/>
  <c r="BE242" i="11"/>
  <c r="BD242" i="11"/>
  <c r="BC242" i="11"/>
  <c r="BA242" i="11"/>
  <c r="S242" i="11"/>
  <c r="CG241" i="11"/>
  <c r="CF241" i="11"/>
  <c r="CE241" i="11"/>
  <c r="CD241" i="11"/>
  <c r="CC241" i="11"/>
  <c r="CB241" i="11"/>
  <c r="CA241" i="11"/>
  <c r="BZ241" i="11"/>
  <c r="BY241" i="11"/>
  <c r="BX241" i="11"/>
  <c r="BS241" i="11"/>
  <c r="BR241" i="11"/>
  <c r="BQ241" i="11"/>
  <c r="BP241" i="11"/>
  <c r="BO241" i="11"/>
  <c r="BN241" i="11"/>
  <c r="BM241" i="11"/>
  <c r="BL241" i="11"/>
  <c r="BK241" i="11"/>
  <c r="BJ241" i="11"/>
  <c r="BI241" i="11"/>
  <c r="BH241" i="11"/>
  <c r="BG241" i="11"/>
  <c r="BF241" i="11"/>
  <c r="BE241" i="11"/>
  <c r="BD241" i="11"/>
  <c r="BC241" i="11"/>
  <c r="BA241" i="11"/>
  <c r="S241" i="11"/>
  <c r="CG240" i="11"/>
  <c r="CE240" i="11"/>
  <c r="CD240" i="11"/>
  <c r="CC240" i="11"/>
  <c r="CB240" i="11"/>
  <c r="CA240" i="11"/>
  <c r="BZ240" i="11"/>
  <c r="BY240" i="11"/>
  <c r="BX240" i="11"/>
  <c r="BW240" i="11"/>
  <c r="BV240" i="11"/>
  <c r="BU240" i="11"/>
  <c r="BT240" i="11"/>
  <c r="BS240" i="11"/>
  <c r="BR240" i="11"/>
  <c r="BQ240" i="11"/>
  <c r="BP240" i="11"/>
  <c r="BO240" i="11"/>
  <c r="BN240" i="11"/>
  <c r="BM240" i="11"/>
  <c r="BL240" i="11"/>
  <c r="BK240" i="11"/>
  <c r="BJ240" i="11"/>
  <c r="BI240" i="11"/>
  <c r="BH240" i="11"/>
  <c r="BG240" i="11"/>
  <c r="BF240" i="11"/>
  <c r="BE240" i="11"/>
  <c r="BD240" i="11"/>
  <c r="BC240" i="11"/>
  <c r="BA240" i="11"/>
  <c r="S240" i="11"/>
  <c r="CG239" i="11"/>
  <c r="CF239" i="11"/>
  <c r="CE239" i="11"/>
  <c r="CC239" i="11"/>
  <c r="CB239" i="11"/>
  <c r="CA239" i="11"/>
  <c r="BZ239" i="11"/>
  <c r="BY239" i="11"/>
  <c r="BX239" i="11"/>
  <c r="BW239" i="11"/>
  <c r="BV239" i="11"/>
  <c r="BU239" i="11"/>
  <c r="BT239" i="11"/>
  <c r="BS239" i="11"/>
  <c r="BR239" i="11"/>
  <c r="BQ239" i="11"/>
  <c r="BP239" i="11"/>
  <c r="BO239" i="11"/>
  <c r="BN239" i="11"/>
  <c r="BM239" i="11"/>
  <c r="BL239" i="11"/>
  <c r="BK239" i="11"/>
  <c r="BJ239" i="11"/>
  <c r="BI239" i="11"/>
  <c r="BH239" i="11"/>
  <c r="BG239" i="11"/>
  <c r="BF239" i="11"/>
  <c r="BE239" i="11"/>
  <c r="BD239" i="11"/>
  <c r="BC239" i="11"/>
  <c r="BA239" i="11"/>
  <c r="S239" i="11"/>
  <c r="CG238" i="11"/>
  <c r="CF238" i="11"/>
  <c r="CE238" i="11"/>
  <c r="CD238" i="11"/>
  <c r="CC238" i="11"/>
  <c r="CA238" i="11"/>
  <c r="BZ238" i="11"/>
  <c r="BY238" i="11"/>
  <c r="BX238" i="11"/>
  <c r="BW238" i="11"/>
  <c r="BV238" i="11"/>
  <c r="BU238" i="11"/>
  <c r="BT238" i="11"/>
  <c r="BS238" i="11"/>
  <c r="BR238" i="11"/>
  <c r="BQ238" i="11"/>
  <c r="BP238" i="11"/>
  <c r="BO238" i="11"/>
  <c r="BN238" i="11"/>
  <c r="BM238" i="11"/>
  <c r="BL238" i="11"/>
  <c r="BK238" i="11"/>
  <c r="BJ238" i="11"/>
  <c r="BI238" i="11"/>
  <c r="BH238" i="11"/>
  <c r="BG238" i="11"/>
  <c r="BF238" i="11"/>
  <c r="BE238" i="11"/>
  <c r="BD238" i="11"/>
  <c r="BC238" i="11"/>
  <c r="BA238" i="11"/>
  <c r="S238" i="11"/>
  <c r="CG237" i="11"/>
  <c r="CF237" i="11"/>
  <c r="CE237" i="11"/>
  <c r="CD237" i="11"/>
  <c r="CB237" i="11"/>
  <c r="CA237" i="11"/>
  <c r="BZ237" i="11"/>
  <c r="BY237" i="11"/>
  <c r="BX237" i="11"/>
  <c r="BW237" i="11"/>
  <c r="BV237" i="11"/>
  <c r="BU237" i="11"/>
  <c r="BT237" i="11"/>
  <c r="BS237" i="11"/>
  <c r="BR237" i="11"/>
  <c r="BQ237" i="11"/>
  <c r="BP237" i="11"/>
  <c r="BO237" i="11"/>
  <c r="BN237" i="11"/>
  <c r="BM237" i="11"/>
  <c r="BL237" i="11"/>
  <c r="BK237" i="11"/>
  <c r="BJ237" i="11"/>
  <c r="BI237" i="11"/>
  <c r="BH237" i="11"/>
  <c r="BG237" i="11"/>
  <c r="BF237" i="11"/>
  <c r="BE237" i="11"/>
  <c r="BD237" i="11"/>
  <c r="BC237" i="11"/>
  <c r="BA237" i="11"/>
  <c r="S237" i="11"/>
  <c r="CG236" i="11"/>
  <c r="CF236" i="11"/>
  <c r="CE236" i="11"/>
  <c r="CD236" i="11"/>
  <c r="CC236" i="11"/>
  <c r="CB236" i="11"/>
  <c r="CA236" i="11"/>
  <c r="BZ236" i="11"/>
  <c r="BY236" i="11"/>
  <c r="BX236" i="11"/>
  <c r="BV236" i="11"/>
  <c r="BU236" i="11"/>
  <c r="BT236" i="11"/>
  <c r="BS236" i="11"/>
  <c r="BR236" i="11"/>
  <c r="BQ236" i="11"/>
  <c r="BP236" i="11"/>
  <c r="BO236" i="11"/>
  <c r="BN236" i="11"/>
  <c r="BM236" i="11"/>
  <c r="BL236" i="11"/>
  <c r="BK236" i="11"/>
  <c r="BJ236" i="11"/>
  <c r="BI236" i="11"/>
  <c r="BH236" i="11"/>
  <c r="BG236" i="11"/>
  <c r="BF236" i="11"/>
  <c r="BE236" i="11"/>
  <c r="BD236" i="11"/>
  <c r="BC236" i="11"/>
  <c r="BA236" i="11"/>
  <c r="S236" i="11"/>
  <c r="CG235" i="11"/>
  <c r="CF235" i="11"/>
  <c r="CE235" i="11"/>
  <c r="CD235" i="11"/>
  <c r="CC235" i="11"/>
  <c r="CB235" i="11"/>
  <c r="CA235" i="11"/>
  <c r="BZ235" i="11"/>
  <c r="BY235" i="11"/>
  <c r="BX235" i="11"/>
  <c r="BW235" i="11"/>
  <c r="BV235" i="11"/>
  <c r="BT235" i="11"/>
  <c r="BS235" i="11"/>
  <c r="BR235" i="11"/>
  <c r="BQ235" i="11"/>
  <c r="BP235" i="11"/>
  <c r="BO235" i="11"/>
  <c r="BN235" i="11"/>
  <c r="BM235" i="11"/>
  <c r="BL235" i="11"/>
  <c r="BK235" i="11"/>
  <c r="BJ235" i="11"/>
  <c r="BI235" i="11"/>
  <c r="BH235" i="11"/>
  <c r="BG235" i="11"/>
  <c r="BF235" i="11"/>
  <c r="BE235" i="11"/>
  <c r="BD235" i="11"/>
  <c r="BC235" i="11"/>
  <c r="BA235" i="11"/>
  <c r="S235" i="11"/>
  <c r="CG234" i="11"/>
  <c r="CF234" i="11"/>
  <c r="CE234" i="11"/>
  <c r="CD234" i="11"/>
  <c r="CC234" i="11"/>
  <c r="CB234" i="11"/>
  <c r="CA234" i="11"/>
  <c r="BZ234" i="11"/>
  <c r="BY234" i="11"/>
  <c r="BX234" i="11"/>
  <c r="BW234" i="11"/>
  <c r="BU234" i="11"/>
  <c r="BT234" i="11"/>
  <c r="BS234" i="11"/>
  <c r="BR234" i="11"/>
  <c r="BQ234" i="11"/>
  <c r="BP234" i="11"/>
  <c r="BO234" i="11"/>
  <c r="BN234" i="11"/>
  <c r="BM234" i="11"/>
  <c r="BL234" i="11"/>
  <c r="BK234" i="11"/>
  <c r="BJ234" i="11"/>
  <c r="BI234" i="11"/>
  <c r="BH234" i="11"/>
  <c r="BG234" i="11"/>
  <c r="BF234" i="11"/>
  <c r="BE234" i="11"/>
  <c r="BD234" i="11"/>
  <c r="BC234" i="11"/>
  <c r="BA234" i="11"/>
  <c r="S234" i="11"/>
  <c r="CG233" i="11"/>
  <c r="CF233" i="11"/>
  <c r="CE233" i="11"/>
  <c r="CD233" i="11"/>
  <c r="CC233" i="11"/>
  <c r="CB233" i="11"/>
  <c r="CA233" i="11"/>
  <c r="BZ233" i="11"/>
  <c r="BY233" i="11"/>
  <c r="BX233" i="11"/>
  <c r="BW233" i="11"/>
  <c r="BV233" i="11"/>
  <c r="BU233" i="11"/>
  <c r="BS233" i="11"/>
  <c r="BR233" i="11"/>
  <c r="BQ233" i="11"/>
  <c r="BP233" i="11"/>
  <c r="BO233" i="11"/>
  <c r="BN233" i="11"/>
  <c r="BM233" i="11"/>
  <c r="BL233" i="11"/>
  <c r="BK233" i="11"/>
  <c r="BJ233" i="11"/>
  <c r="BI233" i="11"/>
  <c r="BH233" i="11"/>
  <c r="BG233" i="11"/>
  <c r="BF233" i="11"/>
  <c r="BE233" i="11"/>
  <c r="BD233" i="11"/>
  <c r="BC233" i="11"/>
  <c r="BA233" i="11"/>
  <c r="S233" i="11"/>
  <c r="CG232" i="11"/>
  <c r="CF232" i="11"/>
  <c r="CE232" i="11"/>
  <c r="CD232" i="11"/>
  <c r="CC232" i="11"/>
  <c r="CB232" i="11"/>
  <c r="BZ232" i="11"/>
  <c r="BY232" i="11"/>
  <c r="BX232" i="11"/>
  <c r="BW232" i="11"/>
  <c r="BV232" i="11"/>
  <c r="BU232" i="11"/>
  <c r="BT232" i="11"/>
  <c r="BS232" i="11"/>
  <c r="BR232" i="11"/>
  <c r="BQ232" i="11"/>
  <c r="BP232" i="11"/>
  <c r="BO232" i="11"/>
  <c r="BN232" i="11"/>
  <c r="BM232" i="11"/>
  <c r="BL232" i="11"/>
  <c r="BK232" i="11"/>
  <c r="BJ232" i="11"/>
  <c r="BI232" i="11"/>
  <c r="BH232" i="11"/>
  <c r="BG232" i="11"/>
  <c r="BF232" i="11"/>
  <c r="BE232" i="11"/>
  <c r="BD232" i="11"/>
  <c r="BC232" i="11"/>
  <c r="BA232" i="11"/>
  <c r="S232" i="11"/>
  <c r="CG231" i="11"/>
  <c r="CF231" i="11"/>
  <c r="CE231" i="11"/>
  <c r="CD231" i="11"/>
  <c r="CC231" i="11"/>
  <c r="CB231" i="11"/>
  <c r="CA231" i="11"/>
  <c r="BY231" i="11"/>
  <c r="BX231" i="11"/>
  <c r="BW231" i="11"/>
  <c r="BV231" i="11"/>
  <c r="BU231" i="11"/>
  <c r="BT231" i="11"/>
  <c r="BS231" i="11"/>
  <c r="BR231" i="11"/>
  <c r="BQ231" i="11"/>
  <c r="BP231" i="11"/>
  <c r="BO231" i="11"/>
  <c r="BN231" i="11"/>
  <c r="BM231" i="11"/>
  <c r="BL231" i="11"/>
  <c r="BK231" i="11"/>
  <c r="BJ231" i="11"/>
  <c r="BI231" i="11"/>
  <c r="BH231" i="11"/>
  <c r="BG231" i="11"/>
  <c r="BF231" i="11"/>
  <c r="BE231" i="11"/>
  <c r="BD231" i="11"/>
  <c r="BC231" i="11"/>
  <c r="BA231" i="11"/>
  <c r="S231" i="11"/>
  <c r="CG230" i="11"/>
  <c r="CF230" i="11"/>
  <c r="CE230" i="11"/>
  <c r="CD230" i="11"/>
  <c r="CC230" i="11"/>
  <c r="CB230" i="11"/>
  <c r="CA230" i="11"/>
  <c r="BZ230" i="11"/>
  <c r="BX230" i="11"/>
  <c r="BW230" i="11"/>
  <c r="BV230" i="11"/>
  <c r="BU230" i="11"/>
  <c r="BT230" i="11"/>
  <c r="BS230" i="11"/>
  <c r="BR230" i="11"/>
  <c r="BQ230" i="11"/>
  <c r="BP230" i="11"/>
  <c r="BO230" i="11"/>
  <c r="BN230" i="11"/>
  <c r="BM230" i="11"/>
  <c r="BL230" i="11"/>
  <c r="BK230" i="11"/>
  <c r="BJ230" i="11"/>
  <c r="BI230" i="11"/>
  <c r="BH230" i="11"/>
  <c r="BG230" i="11"/>
  <c r="BF230" i="11"/>
  <c r="BE230" i="11"/>
  <c r="BD230" i="11"/>
  <c r="BC230" i="11"/>
  <c r="BA230" i="11"/>
  <c r="S230" i="11"/>
  <c r="CG229" i="11"/>
  <c r="CF229" i="11"/>
  <c r="CE229" i="11"/>
  <c r="CD229" i="11"/>
  <c r="CC229" i="11"/>
  <c r="CB229" i="11"/>
  <c r="CA229" i="11"/>
  <c r="BZ229" i="11"/>
  <c r="BY229" i="11"/>
  <c r="BW229" i="11"/>
  <c r="BV229" i="11"/>
  <c r="BU229" i="11"/>
  <c r="BT229" i="11"/>
  <c r="BS229" i="11"/>
  <c r="BR229" i="11"/>
  <c r="BQ229" i="11"/>
  <c r="BP229" i="11"/>
  <c r="BO229" i="11"/>
  <c r="BN229" i="11"/>
  <c r="BM229" i="11"/>
  <c r="BL229" i="11"/>
  <c r="BK229" i="11"/>
  <c r="BJ229" i="11"/>
  <c r="BI229" i="11"/>
  <c r="BH229" i="11"/>
  <c r="BG229" i="11"/>
  <c r="BF229" i="11"/>
  <c r="BE229" i="11"/>
  <c r="BD229" i="11"/>
  <c r="BC229" i="11"/>
  <c r="BA229" i="11"/>
  <c r="S229" i="11"/>
  <c r="CG228" i="11"/>
  <c r="CF228" i="11"/>
  <c r="CE228" i="11"/>
  <c r="CD228" i="11"/>
  <c r="CC228" i="11"/>
  <c r="CB228" i="11"/>
  <c r="CA228" i="11"/>
  <c r="BZ228" i="11"/>
  <c r="BY228" i="11"/>
  <c r="BX228" i="11"/>
  <c r="BW228" i="11"/>
  <c r="BV228" i="11"/>
  <c r="BU228" i="11"/>
  <c r="BT228" i="11"/>
  <c r="BS228" i="11"/>
  <c r="BR228" i="11"/>
  <c r="BQ228" i="11"/>
  <c r="BP228" i="11"/>
  <c r="BO228" i="11"/>
  <c r="BN228" i="11"/>
  <c r="BM228" i="11"/>
  <c r="BL228" i="11"/>
  <c r="BK228" i="11"/>
  <c r="BJ228" i="11"/>
  <c r="BI228" i="11"/>
  <c r="BH228" i="11"/>
  <c r="BG228" i="11"/>
  <c r="BF228" i="11"/>
  <c r="BE228" i="11"/>
  <c r="BD228" i="11"/>
  <c r="BA228" i="11"/>
  <c r="S228" i="11"/>
  <c r="CG227" i="11"/>
  <c r="CF227" i="11"/>
  <c r="CE227" i="11"/>
  <c r="CD227" i="11"/>
  <c r="CC227" i="11"/>
  <c r="CB227" i="11"/>
  <c r="CA227" i="11"/>
  <c r="BZ227" i="11"/>
  <c r="BY227" i="11"/>
  <c r="BX227" i="11"/>
  <c r="BW227" i="11"/>
  <c r="BV227" i="11"/>
  <c r="BU227" i="11"/>
  <c r="BT227" i="11"/>
  <c r="BS227" i="11"/>
  <c r="BR227" i="11"/>
  <c r="BQ227" i="11"/>
  <c r="BP227" i="11"/>
  <c r="BO227" i="11"/>
  <c r="BN227" i="11"/>
  <c r="BM227" i="11"/>
  <c r="BL227" i="11"/>
  <c r="BK227" i="11"/>
  <c r="BJ227" i="11"/>
  <c r="BI227" i="11"/>
  <c r="BH227" i="11"/>
  <c r="BG227" i="11"/>
  <c r="BF227" i="11"/>
  <c r="BE227" i="11"/>
  <c r="BD227" i="11"/>
  <c r="BC227" i="11"/>
  <c r="BA227" i="11"/>
  <c r="CG226" i="11"/>
  <c r="CF226" i="11"/>
  <c r="CE226" i="11"/>
  <c r="CD226" i="11"/>
  <c r="CC226" i="11"/>
  <c r="CB226" i="11"/>
  <c r="CA226" i="11"/>
  <c r="BZ226" i="11"/>
  <c r="BY226" i="11"/>
  <c r="BX226" i="11"/>
  <c r="BW226" i="11"/>
  <c r="BV226" i="11"/>
  <c r="BU226" i="11"/>
  <c r="BT226" i="11"/>
  <c r="BS226" i="11"/>
  <c r="BR226" i="11"/>
  <c r="BQ226" i="11"/>
  <c r="BP226" i="11"/>
  <c r="BO226" i="11"/>
  <c r="BN226" i="11"/>
  <c r="BM226" i="11"/>
  <c r="BL226" i="11"/>
  <c r="BK226" i="11"/>
  <c r="BJ226" i="11"/>
  <c r="BI226" i="11"/>
  <c r="BH226" i="11"/>
  <c r="BG226" i="11"/>
  <c r="BF226" i="11"/>
  <c r="BE226" i="11"/>
  <c r="BD226" i="11"/>
  <c r="BC226" i="11"/>
  <c r="BA226" i="11"/>
  <c r="CG225" i="11"/>
  <c r="CF225" i="11"/>
  <c r="CE225" i="11"/>
  <c r="CD225" i="11"/>
  <c r="CC225" i="11"/>
  <c r="CB225" i="11"/>
  <c r="CA225" i="11"/>
  <c r="BZ225" i="11"/>
  <c r="BY225" i="11"/>
  <c r="BX225" i="11"/>
  <c r="BW225" i="11"/>
  <c r="BV225" i="11"/>
  <c r="BU225" i="11"/>
  <c r="BT225" i="11"/>
  <c r="BS225" i="11"/>
  <c r="BR225" i="11"/>
  <c r="BQ225" i="11"/>
  <c r="BP225" i="11"/>
  <c r="BO225" i="11"/>
  <c r="BN225" i="11"/>
  <c r="BM225" i="11"/>
  <c r="BL225" i="11"/>
  <c r="BK225" i="11"/>
  <c r="BJ225" i="11"/>
  <c r="BI225" i="11"/>
  <c r="BH225" i="11"/>
  <c r="BG225" i="11"/>
  <c r="BF225" i="11"/>
  <c r="BE225" i="11"/>
  <c r="BD225" i="11"/>
  <c r="BC225" i="11"/>
  <c r="BA225" i="11"/>
  <c r="CG224" i="11"/>
  <c r="CF224" i="11"/>
  <c r="CE224" i="11"/>
  <c r="CD224" i="11"/>
  <c r="CC224" i="11"/>
  <c r="CB224" i="11"/>
  <c r="CA224" i="11"/>
  <c r="BZ224" i="11"/>
  <c r="BY224" i="11"/>
  <c r="BX224" i="11"/>
  <c r="BW224" i="11"/>
  <c r="BV224" i="11"/>
  <c r="BU224" i="11"/>
  <c r="BT224" i="11"/>
  <c r="BS224" i="11"/>
  <c r="BR224" i="11"/>
  <c r="BQ224" i="11"/>
  <c r="BP224" i="11"/>
  <c r="BO224" i="11"/>
  <c r="BN224" i="11"/>
  <c r="BM224" i="11"/>
  <c r="BL224" i="11"/>
  <c r="BK224" i="11"/>
  <c r="BJ224" i="11"/>
  <c r="BI224" i="11"/>
  <c r="BH224" i="11"/>
  <c r="BG224" i="11"/>
  <c r="BF224" i="11"/>
  <c r="BE224" i="11"/>
  <c r="BD224" i="11"/>
  <c r="BC224" i="11"/>
  <c r="BA224" i="11"/>
  <c r="CG223" i="11"/>
  <c r="CF223" i="11"/>
  <c r="CE223" i="11"/>
  <c r="CD223" i="11"/>
  <c r="CC223" i="11"/>
  <c r="CB223" i="11"/>
  <c r="CA223" i="11"/>
  <c r="BZ223" i="11"/>
  <c r="BY223" i="11"/>
  <c r="BX223" i="11"/>
  <c r="BW223" i="11"/>
  <c r="BV223" i="11"/>
  <c r="BU223" i="11"/>
  <c r="BT223" i="11"/>
  <c r="BS223" i="11"/>
  <c r="BR223" i="11"/>
  <c r="BQ223" i="11"/>
  <c r="BP223" i="11"/>
  <c r="BO223" i="11"/>
  <c r="BN223" i="11"/>
  <c r="BM223" i="11"/>
  <c r="BL223" i="11"/>
  <c r="BK223" i="11"/>
  <c r="BJ223" i="11"/>
  <c r="BI223" i="11"/>
  <c r="BH223" i="11"/>
  <c r="BG223" i="11"/>
  <c r="BF223" i="11"/>
  <c r="BE223" i="11"/>
  <c r="BD223" i="11"/>
  <c r="BC223" i="11"/>
  <c r="BA223" i="11"/>
  <c r="CG222" i="11"/>
  <c r="CF222" i="11"/>
  <c r="CE222" i="11"/>
  <c r="CD222" i="11"/>
  <c r="CC222" i="11"/>
  <c r="CB222" i="11"/>
  <c r="CA222" i="11"/>
  <c r="BZ222" i="11"/>
  <c r="BY222" i="11"/>
  <c r="BX222" i="11"/>
  <c r="BW222" i="11"/>
  <c r="BV222" i="11"/>
  <c r="BU222" i="11"/>
  <c r="BT222" i="11"/>
  <c r="BS222" i="11"/>
  <c r="BR222" i="11"/>
  <c r="BQ222" i="11"/>
  <c r="BP222" i="11"/>
  <c r="BO222" i="11"/>
  <c r="BN222" i="11"/>
  <c r="BM222" i="11"/>
  <c r="BL222" i="11"/>
  <c r="BK222" i="11"/>
  <c r="BJ222" i="11"/>
  <c r="BI222" i="11"/>
  <c r="BH222" i="11"/>
  <c r="BG222" i="11"/>
  <c r="BF222" i="11"/>
  <c r="BE222" i="11"/>
  <c r="BD222" i="11"/>
  <c r="BC222" i="11"/>
  <c r="BA222" i="11"/>
  <c r="CG221" i="11"/>
  <c r="CF221" i="11"/>
  <c r="CE221" i="11"/>
  <c r="CD221" i="11"/>
  <c r="CC221" i="11"/>
  <c r="CB221" i="11"/>
  <c r="CA221" i="11"/>
  <c r="BZ221" i="11"/>
  <c r="BY221" i="11"/>
  <c r="BX221" i="11"/>
  <c r="BW221" i="11"/>
  <c r="BV221" i="11"/>
  <c r="BU221" i="11"/>
  <c r="BT221" i="11"/>
  <c r="BS221" i="11"/>
  <c r="BR221" i="11"/>
  <c r="BQ221" i="11"/>
  <c r="BP221" i="11"/>
  <c r="BO221" i="11"/>
  <c r="BN221" i="11"/>
  <c r="BM221" i="11"/>
  <c r="BL221" i="11"/>
  <c r="BK221" i="11"/>
  <c r="BJ221" i="11"/>
  <c r="BI221" i="11"/>
  <c r="BH221" i="11"/>
  <c r="BG221" i="11"/>
  <c r="BF221" i="11"/>
  <c r="BE221" i="11"/>
  <c r="BD221" i="11"/>
  <c r="BC221" i="11"/>
  <c r="BA221" i="11"/>
  <c r="CG220" i="11"/>
  <c r="CF220" i="11"/>
  <c r="CE220" i="11"/>
  <c r="CD220" i="11"/>
  <c r="CC220" i="11"/>
  <c r="CB220" i="11"/>
  <c r="CA220" i="11"/>
  <c r="BZ220" i="11"/>
  <c r="BY220" i="11"/>
  <c r="BX220" i="11"/>
  <c r="BW220" i="11"/>
  <c r="BV220" i="11"/>
  <c r="BU220" i="11"/>
  <c r="BT220" i="11"/>
  <c r="BS220" i="11"/>
  <c r="BR220" i="11"/>
  <c r="BQ220" i="11"/>
  <c r="BP220" i="11"/>
  <c r="BO220" i="11"/>
  <c r="BN220" i="11"/>
  <c r="BM220" i="11"/>
  <c r="BL220" i="11"/>
  <c r="BK220" i="11"/>
  <c r="BJ220" i="11"/>
  <c r="BI220" i="11"/>
  <c r="BH220" i="11"/>
  <c r="BG220" i="11"/>
  <c r="BF220" i="11"/>
  <c r="BE220" i="11"/>
  <c r="BD220" i="11"/>
  <c r="BC220" i="11"/>
  <c r="BA220" i="11"/>
  <c r="CG219" i="11"/>
  <c r="CF219" i="11"/>
  <c r="CE219" i="11"/>
  <c r="CD219" i="11"/>
  <c r="CC219" i="11"/>
  <c r="CB219" i="11"/>
  <c r="CA219" i="11"/>
  <c r="BZ219" i="11"/>
  <c r="BY219" i="11"/>
  <c r="BX219" i="11"/>
  <c r="BW219" i="11"/>
  <c r="BV219" i="11"/>
  <c r="BU219" i="11"/>
  <c r="BT219" i="11"/>
  <c r="BS219" i="11"/>
  <c r="BR219" i="11"/>
  <c r="BQ219" i="11"/>
  <c r="BP219" i="11"/>
  <c r="BO219" i="11"/>
  <c r="BN219" i="11"/>
  <c r="BM219" i="11"/>
  <c r="BL219" i="11"/>
  <c r="BK219" i="11"/>
  <c r="BJ219" i="11"/>
  <c r="BI219" i="11"/>
  <c r="BH219" i="11"/>
  <c r="BG219" i="11"/>
  <c r="BF219" i="11"/>
  <c r="BE219" i="11"/>
  <c r="BD219" i="11"/>
  <c r="BC219" i="11"/>
  <c r="BA219" i="11"/>
  <c r="CG218" i="11"/>
  <c r="CF218" i="11"/>
  <c r="CE218" i="11"/>
  <c r="CD218" i="11"/>
  <c r="CC218" i="11"/>
  <c r="CB218" i="11"/>
  <c r="CA218" i="11"/>
  <c r="BZ218" i="11"/>
  <c r="BY218" i="11"/>
  <c r="BX218" i="11"/>
  <c r="BW218" i="11"/>
  <c r="BV218" i="11"/>
  <c r="BU218" i="11"/>
  <c r="BT218" i="11"/>
  <c r="BS218" i="11"/>
  <c r="BR218" i="11"/>
  <c r="BQ218" i="11"/>
  <c r="BP218" i="11"/>
  <c r="BO218" i="11"/>
  <c r="BN218" i="11"/>
  <c r="BM218" i="11"/>
  <c r="BL218" i="11"/>
  <c r="BK218" i="11"/>
  <c r="BJ218" i="11"/>
  <c r="BI218" i="11"/>
  <c r="BH218" i="11"/>
  <c r="BG218" i="11"/>
  <c r="BF218" i="11"/>
  <c r="BE218" i="11"/>
  <c r="BD218" i="11"/>
  <c r="BC218" i="11"/>
  <c r="BA218" i="11"/>
  <c r="CG217" i="11"/>
  <c r="CF217" i="11"/>
  <c r="CE217" i="11"/>
  <c r="CD217" i="11"/>
  <c r="CC217" i="11"/>
  <c r="CB217" i="11"/>
  <c r="CA217" i="11"/>
  <c r="BZ217" i="11"/>
  <c r="BY217" i="11"/>
  <c r="BX217" i="11"/>
  <c r="BW217" i="11"/>
  <c r="BV217" i="11"/>
  <c r="BU217" i="11"/>
  <c r="BT217" i="11"/>
  <c r="BS217" i="11"/>
  <c r="BR217" i="11"/>
  <c r="BQ217" i="11"/>
  <c r="BP217" i="11"/>
  <c r="BO217" i="11"/>
  <c r="BN217" i="11"/>
  <c r="BM217" i="11"/>
  <c r="BL217" i="11"/>
  <c r="BK217" i="11"/>
  <c r="BJ217" i="11"/>
  <c r="BI217" i="11"/>
  <c r="BH217" i="11"/>
  <c r="BG217" i="11"/>
  <c r="BF217" i="11"/>
  <c r="BE217" i="11"/>
  <c r="BD217" i="11"/>
  <c r="BC217" i="11"/>
  <c r="BA217" i="11"/>
  <c r="CG216" i="11"/>
  <c r="CF216" i="11"/>
  <c r="CE216" i="11"/>
  <c r="CD216" i="11"/>
  <c r="CC216" i="11"/>
  <c r="CB216" i="11"/>
  <c r="CA216" i="11"/>
  <c r="BZ216" i="11"/>
  <c r="BY216" i="11"/>
  <c r="BX216" i="11"/>
  <c r="BW216" i="11"/>
  <c r="BV216" i="11"/>
  <c r="BU216" i="11"/>
  <c r="BT216" i="11"/>
  <c r="BS216" i="11"/>
  <c r="BR216" i="11"/>
  <c r="BQ216" i="11"/>
  <c r="BP216" i="11"/>
  <c r="BO216" i="11"/>
  <c r="BN216" i="11"/>
  <c r="BM216" i="11"/>
  <c r="BL216" i="11"/>
  <c r="BK216" i="11"/>
  <c r="BJ216" i="11"/>
  <c r="BI216" i="11"/>
  <c r="BH216" i="11"/>
  <c r="BG216" i="11"/>
  <c r="BF216" i="11"/>
  <c r="BE216" i="11"/>
  <c r="BD216" i="11"/>
  <c r="BC216" i="11"/>
  <c r="BA216" i="11"/>
  <c r="CG215" i="11"/>
  <c r="CF215" i="11"/>
  <c r="CE215" i="11"/>
  <c r="CD215" i="11"/>
  <c r="CC215" i="11"/>
  <c r="CB215" i="11"/>
  <c r="CA215" i="11"/>
  <c r="BZ215" i="11"/>
  <c r="BY215" i="11"/>
  <c r="BX215" i="11"/>
  <c r="BW215" i="11"/>
  <c r="BV215" i="11"/>
  <c r="BU215" i="11"/>
  <c r="BT215" i="11"/>
  <c r="BS215" i="11"/>
  <c r="BR215" i="11"/>
  <c r="BQ215" i="11"/>
  <c r="BP215" i="11"/>
  <c r="BO215" i="11"/>
  <c r="BN215" i="11"/>
  <c r="BM215" i="11"/>
  <c r="BL215" i="11"/>
  <c r="BK215" i="11"/>
  <c r="BJ215" i="11"/>
  <c r="BI215" i="11"/>
  <c r="BH215" i="11"/>
  <c r="BG215" i="11"/>
  <c r="BF215" i="11"/>
  <c r="BE215" i="11"/>
  <c r="BD215" i="11"/>
  <c r="BC215" i="11"/>
  <c r="BA215" i="11"/>
  <c r="CG214" i="11"/>
  <c r="CF214" i="11"/>
  <c r="CE214" i="11"/>
  <c r="CC214" i="11"/>
  <c r="CB214" i="11"/>
  <c r="CA214" i="11"/>
  <c r="BZ214" i="11"/>
  <c r="BY214" i="11"/>
  <c r="BX214" i="11"/>
  <c r="BW214" i="11"/>
  <c r="BV214" i="11"/>
  <c r="BU214" i="11"/>
  <c r="BT214" i="11"/>
  <c r="BS214" i="11"/>
  <c r="BR214" i="11"/>
  <c r="BQ214" i="11"/>
  <c r="BP214" i="11"/>
  <c r="BO214" i="11"/>
  <c r="BN214" i="11"/>
  <c r="BM214" i="11"/>
  <c r="BL214" i="11"/>
  <c r="BK214" i="11"/>
  <c r="BJ214" i="11"/>
  <c r="BI214" i="11"/>
  <c r="BH214" i="11"/>
  <c r="BG214" i="11"/>
  <c r="BF214" i="11"/>
  <c r="BE214" i="11"/>
  <c r="BD214" i="11"/>
  <c r="BC214" i="11"/>
  <c r="BA214" i="11"/>
  <c r="BB214" i="11" s="1"/>
  <c r="CD214" i="11" s="1"/>
  <c r="CG213" i="11"/>
  <c r="CF213" i="11"/>
  <c r="CE213" i="11"/>
  <c r="CD213" i="11"/>
  <c r="CC213" i="11"/>
  <c r="CB213" i="11"/>
  <c r="CA213" i="11"/>
  <c r="BZ213" i="11"/>
  <c r="BY213" i="11"/>
  <c r="BX213" i="11"/>
  <c r="BW213" i="11"/>
  <c r="BV213" i="11"/>
  <c r="BU213" i="11"/>
  <c r="BT213" i="11"/>
  <c r="BS213" i="11"/>
  <c r="BR213" i="11"/>
  <c r="BQ213" i="11"/>
  <c r="BP213" i="11"/>
  <c r="BO213" i="11"/>
  <c r="BN213" i="11"/>
  <c r="BM213" i="11"/>
  <c r="BL213" i="11"/>
  <c r="BK213" i="11"/>
  <c r="BJ213" i="11"/>
  <c r="BI213" i="11"/>
  <c r="BH213" i="11"/>
  <c r="BG213" i="11"/>
  <c r="BF213" i="11"/>
  <c r="BE213" i="11"/>
  <c r="BD213" i="11"/>
  <c r="BC213" i="11"/>
  <c r="BA213" i="11"/>
  <c r="CG212" i="11"/>
  <c r="CF212" i="11"/>
  <c r="CE212" i="11"/>
  <c r="CD212" i="11"/>
  <c r="CC212" i="11"/>
  <c r="CB212" i="11"/>
  <c r="CA212" i="11"/>
  <c r="BZ212" i="11"/>
  <c r="BY212" i="11"/>
  <c r="BX212" i="11"/>
  <c r="BW212" i="11"/>
  <c r="BV212" i="11"/>
  <c r="BU212" i="11"/>
  <c r="BT212" i="11"/>
  <c r="BS212" i="11"/>
  <c r="BR212" i="11"/>
  <c r="BQ212" i="11"/>
  <c r="BP212" i="11"/>
  <c r="BO212" i="11"/>
  <c r="BN212" i="11"/>
  <c r="BM212" i="11"/>
  <c r="BL212" i="11"/>
  <c r="BK212" i="11"/>
  <c r="BJ212" i="11"/>
  <c r="BI212" i="11"/>
  <c r="BH212" i="11"/>
  <c r="BG212" i="11"/>
  <c r="BF212" i="11"/>
  <c r="BE212" i="11"/>
  <c r="BD212" i="11"/>
  <c r="BC212" i="11"/>
  <c r="BA212" i="11"/>
  <c r="CG211" i="11"/>
  <c r="CF211" i="11"/>
  <c r="CE211" i="11"/>
  <c r="CD211" i="11"/>
  <c r="CC211" i="11"/>
  <c r="CB211" i="11"/>
  <c r="CA211" i="11"/>
  <c r="BZ211" i="11"/>
  <c r="BY211" i="11"/>
  <c r="BX211" i="11"/>
  <c r="BW211" i="11"/>
  <c r="BV211" i="11"/>
  <c r="BU211" i="11"/>
  <c r="BT211" i="11"/>
  <c r="BS211" i="11"/>
  <c r="BR211" i="11"/>
  <c r="BQ211" i="11"/>
  <c r="BP211" i="11"/>
  <c r="BO211" i="11"/>
  <c r="BN211" i="11"/>
  <c r="BM211" i="11"/>
  <c r="BL211" i="11"/>
  <c r="BK211" i="11"/>
  <c r="BJ211" i="11"/>
  <c r="BI211" i="11"/>
  <c r="BH211" i="11"/>
  <c r="BG211" i="11"/>
  <c r="BF211" i="11"/>
  <c r="BE211" i="11"/>
  <c r="BD211" i="11"/>
  <c r="BC211" i="11"/>
  <c r="BA211" i="11"/>
  <c r="CG210" i="11"/>
  <c r="CF210" i="11"/>
  <c r="CE210" i="11"/>
  <c r="CD210" i="11"/>
  <c r="CC210" i="11"/>
  <c r="CB210" i="11"/>
  <c r="CA210" i="11"/>
  <c r="BZ210" i="11"/>
  <c r="BY210" i="11"/>
  <c r="BX210" i="11"/>
  <c r="BW210" i="11"/>
  <c r="BV210" i="11"/>
  <c r="BU210" i="11"/>
  <c r="BT210" i="11"/>
  <c r="BS210" i="11"/>
  <c r="BR210" i="11"/>
  <c r="BQ210" i="11"/>
  <c r="BP210" i="11"/>
  <c r="BO210" i="11"/>
  <c r="BN210" i="11"/>
  <c r="BM210" i="11"/>
  <c r="BL210" i="11"/>
  <c r="BK210" i="11"/>
  <c r="BJ210" i="11"/>
  <c r="BI210" i="11"/>
  <c r="BH210" i="11"/>
  <c r="BG210" i="11"/>
  <c r="BF210" i="11"/>
  <c r="BE210" i="11"/>
  <c r="BD210" i="11"/>
  <c r="BC210" i="11"/>
  <c r="BA210" i="11"/>
  <c r="CG209" i="11"/>
  <c r="CF209" i="11"/>
  <c r="CE209" i="11"/>
  <c r="CC209" i="11"/>
  <c r="CB209" i="11"/>
  <c r="CA209" i="11"/>
  <c r="BZ209" i="11"/>
  <c r="BY209" i="11"/>
  <c r="BX209" i="11"/>
  <c r="BW209" i="11"/>
  <c r="BV209" i="11"/>
  <c r="BU209" i="11"/>
  <c r="BT209" i="11"/>
  <c r="BS209" i="11"/>
  <c r="BR209" i="11"/>
  <c r="BQ209" i="11"/>
  <c r="BP209" i="11"/>
  <c r="BO209" i="11"/>
  <c r="BN209" i="11"/>
  <c r="BM209" i="11"/>
  <c r="BL209" i="11"/>
  <c r="BK209" i="11"/>
  <c r="BJ209" i="11"/>
  <c r="BI209" i="11"/>
  <c r="BH209" i="11"/>
  <c r="BG209" i="11"/>
  <c r="BF209" i="11"/>
  <c r="BE209" i="11"/>
  <c r="BD209" i="11"/>
  <c r="BC209" i="11"/>
  <c r="BA209" i="11"/>
  <c r="BB209" i="11" s="1"/>
  <c r="CD209" i="11" s="1"/>
  <c r="CG208" i="11"/>
  <c r="CF208" i="11"/>
  <c r="CE208" i="11"/>
  <c r="CC208" i="11"/>
  <c r="CB208" i="11"/>
  <c r="CA208" i="11"/>
  <c r="BZ208" i="11"/>
  <c r="BY208" i="11"/>
  <c r="BX208" i="11"/>
  <c r="BW208" i="11"/>
  <c r="BV208" i="11"/>
  <c r="BU208" i="11"/>
  <c r="BT208" i="11"/>
  <c r="BS208" i="11"/>
  <c r="BR208" i="11"/>
  <c r="BQ208" i="11"/>
  <c r="BP208" i="11"/>
  <c r="BO208" i="11"/>
  <c r="BN208" i="11"/>
  <c r="BM208" i="11"/>
  <c r="BL208" i="11"/>
  <c r="BK208" i="11"/>
  <c r="BJ208" i="11"/>
  <c r="BI208" i="11"/>
  <c r="BH208" i="11"/>
  <c r="BG208" i="11"/>
  <c r="BF208" i="11"/>
  <c r="BE208" i="11"/>
  <c r="BD208" i="11"/>
  <c r="BC208" i="11"/>
  <c r="BA208" i="11"/>
  <c r="BB208" i="11" s="1"/>
  <c r="CD208" i="11" s="1"/>
  <c r="CG207" i="11"/>
  <c r="CF207" i="11"/>
  <c r="CE207" i="11"/>
  <c r="CC207" i="11"/>
  <c r="CB207" i="11"/>
  <c r="CA207" i="11"/>
  <c r="BZ207" i="11"/>
  <c r="BY207" i="11"/>
  <c r="BX207" i="11"/>
  <c r="BW207" i="11"/>
  <c r="BV207" i="11"/>
  <c r="BU207" i="11"/>
  <c r="BT207" i="11"/>
  <c r="BS207" i="11"/>
  <c r="BR207" i="11"/>
  <c r="BQ207" i="11"/>
  <c r="BP207" i="11"/>
  <c r="BO207" i="11"/>
  <c r="BN207" i="11"/>
  <c r="BM207" i="11"/>
  <c r="BL207" i="11"/>
  <c r="BK207" i="11"/>
  <c r="BJ207" i="11"/>
  <c r="BI207" i="11"/>
  <c r="BH207" i="11"/>
  <c r="BG207" i="11"/>
  <c r="BF207" i="11"/>
  <c r="BE207" i="11"/>
  <c r="BD207" i="11"/>
  <c r="BC207" i="11"/>
  <c r="BA207" i="11"/>
  <c r="BB207" i="11" s="1"/>
  <c r="CD207" i="11" s="1"/>
  <c r="CG206" i="11"/>
  <c r="CF206" i="11"/>
  <c r="CE206" i="11"/>
  <c r="CD206" i="11"/>
  <c r="CB206" i="11"/>
  <c r="CA206" i="11"/>
  <c r="BZ206" i="11"/>
  <c r="BY206" i="11"/>
  <c r="BX206" i="11"/>
  <c r="BW206" i="11"/>
  <c r="BV206" i="11"/>
  <c r="BU206" i="11"/>
  <c r="BT206" i="11"/>
  <c r="BS206" i="11"/>
  <c r="BR206" i="11"/>
  <c r="BQ206" i="11"/>
  <c r="BP206" i="11"/>
  <c r="BO206" i="11"/>
  <c r="BN206" i="11"/>
  <c r="BM206" i="11"/>
  <c r="BL206" i="11"/>
  <c r="BK206" i="11"/>
  <c r="BJ206" i="11"/>
  <c r="BI206" i="11"/>
  <c r="BH206" i="11"/>
  <c r="BG206" i="11"/>
  <c r="BF206" i="11"/>
  <c r="BE206" i="11"/>
  <c r="BD206" i="11"/>
  <c r="BC206" i="11"/>
  <c r="BA206" i="11"/>
  <c r="BB206" i="11" s="1"/>
  <c r="CC206" i="11" s="1"/>
  <c r="CG205" i="11"/>
  <c r="CF205" i="11"/>
  <c r="CE205" i="11"/>
  <c r="CD205" i="11"/>
  <c r="CC205" i="11"/>
  <c r="CB205" i="11"/>
  <c r="CA205" i="11"/>
  <c r="BZ205" i="11"/>
  <c r="BY205" i="11"/>
  <c r="BX205" i="11"/>
  <c r="BW205" i="11"/>
  <c r="BV205" i="11"/>
  <c r="BU205" i="11"/>
  <c r="BT205" i="11"/>
  <c r="BS205" i="11"/>
  <c r="BR205" i="11"/>
  <c r="BQ205" i="11"/>
  <c r="BP205" i="11"/>
  <c r="BO205" i="11"/>
  <c r="BN205" i="11"/>
  <c r="BM205" i="11"/>
  <c r="BL205" i="11"/>
  <c r="BK205" i="11"/>
  <c r="BJ205" i="11"/>
  <c r="BI205" i="11"/>
  <c r="BH205" i="11"/>
  <c r="BG205" i="11"/>
  <c r="BF205" i="11"/>
  <c r="BE205" i="11"/>
  <c r="BD205" i="11"/>
  <c r="BC205" i="11"/>
  <c r="BA205" i="11"/>
  <c r="CG204" i="11"/>
  <c r="CF204" i="11"/>
  <c r="CE204" i="11"/>
  <c r="CD204" i="11"/>
  <c r="CC204" i="11"/>
  <c r="CB204" i="11"/>
  <c r="CA204" i="11"/>
  <c r="BZ204" i="11"/>
  <c r="BY204" i="11"/>
  <c r="BX204" i="11"/>
  <c r="BW204" i="11"/>
  <c r="BV204" i="11"/>
  <c r="BU204" i="11"/>
  <c r="BT204" i="11"/>
  <c r="BS204" i="11"/>
  <c r="BR204" i="11"/>
  <c r="BQ204" i="11"/>
  <c r="BP204" i="11"/>
  <c r="BO204" i="11"/>
  <c r="BN204" i="11"/>
  <c r="BM204" i="11"/>
  <c r="BL204" i="11"/>
  <c r="BK204" i="11"/>
  <c r="BJ204" i="11"/>
  <c r="BI204" i="11"/>
  <c r="BH204" i="11"/>
  <c r="BG204" i="11"/>
  <c r="BF204" i="11"/>
  <c r="BE204" i="11"/>
  <c r="BD204" i="11"/>
  <c r="BC204" i="11"/>
  <c r="BA204" i="11"/>
  <c r="CG203" i="11"/>
  <c r="CF203" i="11"/>
  <c r="CE203" i="11"/>
  <c r="CD203" i="11"/>
  <c r="CC203" i="11"/>
  <c r="CB203" i="11"/>
  <c r="CA203" i="11"/>
  <c r="BZ203" i="11"/>
  <c r="BY203" i="11"/>
  <c r="BX203" i="11"/>
  <c r="BW203" i="11"/>
  <c r="BV203" i="11"/>
  <c r="BU203" i="11"/>
  <c r="BT203" i="11"/>
  <c r="BS203" i="11"/>
  <c r="BR203" i="11"/>
  <c r="BQ203" i="11"/>
  <c r="BP203" i="11"/>
  <c r="BO203" i="11"/>
  <c r="BN203" i="11"/>
  <c r="BM203" i="11"/>
  <c r="BL203" i="11"/>
  <c r="BK203" i="11"/>
  <c r="BJ203" i="11"/>
  <c r="BI203" i="11"/>
  <c r="BH203" i="11"/>
  <c r="BG203" i="11"/>
  <c r="BF203" i="11"/>
  <c r="BE203" i="11"/>
  <c r="BD203" i="11"/>
  <c r="BC203" i="11"/>
  <c r="BA203" i="11"/>
  <c r="CG202" i="11"/>
  <c r="CF202" i="11"/>
  <c r="CE202" i="11"/>
  <c r="CD202" i="11"/>
  <c r="CC202" i="11"/>
  <c r="CB202" i="11"/>
  <c r="CA202" i="11"/>
  <c r="BZ202" i="11"/>
  <c r="BY202" i="11"/>
  <c r="BX202" i="11"/>
  <c r="BW202" i="11"/>
  <c r="BV202" i="11"/>
  <c r="BU202" i="11"/>
  <c r="BT202" i="11"/>
  <c r="BS202" i="11"/>
  <c r="BR202" i="11"/>
  <c r="BQ202" i="11"/>
  <c r="BP202" i="11"/>
  <c r="BO202" i="11"/>
  <c r="BN202" i="11"/>
  <c r="BM202" i="11"/>
  <c r="BL202" i="11"/>
  <c r="BK202" i="11"/>
  <c r="BJ202" i="11"/>
  <c r="BI202" i="11"/>
  <c r="BH202" i="11"/>
  <c r="BG202" i="11"/>
  <c r="BF202" i="11"/>
  <c r="BE202" i="11"/>
  <c r="BD202" i="11"/>
  <c r="BC202" i="11"/>
  <c r="BA202" i="11"/>
  <c r="CG201" i="11"/>
  <c r="CF201" i="11"/>
  <c r="CE201" i="11"/>
  <c r="CD201" i="11"/>
  <c r="CB201" i="11"/>
  <c r="CA201" i="11"/>
  <c r="BZ201" i="11"/>
  <c r="BY201" i="11"/>
  <c r="BX201" i="11"/>
  <c r="BW201" i="11"/>
  <c r="BV201" i="11"/>
  <c r="BU201" i="11"/>
  <c r="BT201" i="11"/>
  <c r="BS201" i="11"/>
  <c r="BR201" i="11"/>
  <c r="BQ201" i="11"/>
  <c r="BP201" i="11"/>
  <c r="BO201" i="11"/>
  <c r="BN201" i="11"/>
  <c r="BM201" i="11"/>
  <c r="BL201" i="11"/>
  <c r="BK201" i="11"/>
  <c r="BJ201" i="11"/>
  <c r="BI201" i="11"/>
  <c r="BH201" i="11"/>
  <c r="BG201" i="11"/>
  <c r="BF201" i="11"/>
  <c r="BE201" i="11"/>
  <c r="BD201" i="11"/>
  <c r="BC201" i="11"/>
  <c r="BA201" i="11"/>
  <c r="BB201" i="11" s="1"/>
  <c r="CC201" i="11" s="1"/>
  <c r="CG200" i="11"/>
  <c r="CF200" i="11"/>
  <c r="CE200" i="11"/>
  <c r="CD200" i="11"/>
  <c r="CB200" i="11"/>
  <c r="CA200" i="11"/>
  <c r="BZ200" i="11"/>
  <c r="BY200" i="11"/>
  <c r="BX200" i="11"/>
  <c r="BW200" i="11"/>
  <c r="BV200" i="11"/>
  <c r="BU200" i="11"/>
  <c r="BT200" i="11"/>
  <c r="BS200" i="11"/>
  <c r="BR200" i="11"/>
  <c r="BQ200" i="11"/>
  <c r="BP200" i="11"/>
  <c r="BO200" i="11"/>
  <c r="BN200" i="11"/>
  <c r="BM200" i="11"/>
  <c r="BL200" i="11"/>
  <c r="BK200" i="11"/>
  <c r="BJ200" i="11"/>
  <c r="BI200" i="11"/>
  <c r="BH200" i="11"/>
  <c r="BG200" i="11"/>
  <c r="BF200" i="11"/>
  <c r="BE200" i="11"/>
  <c r="BD200" i="11"/>
  <c r="BC200" i="11"/>
  <c r="BA200" i="11"/>
  <c r="BB200" i="11" s="1"/>
  <c r="CC200" i="11" s="1"/>
  <c r="CG199" i="11"/>
  <c r="CF199" i="11"/>
  <c r="CE199" i="11"/>
  <c r="CD199" i="11"/>
  <c r="CB199" i="11"/>
  <c r="CA199" i="11"/>
  <c r="BZ199" i="11"/>
  <c r="BY199" i="11"/>
  <c r="BX199" i="11"/>
  <c r="BW199" i="11"/>
  <c r="BV199" i="11"/>
  <c r="BU199" i="11"/>
  <c r="BT199" i="11"/>
  <c r="BS199" i="11"/>
  <c r="BR199" i="11"/>
  <c r="BQ199" i="11"/>
  <c r="BP199" i="11"/>
  <c r="BO199" i="11"/>
  <c r="BN199" i="11"/>
  <c r="BM199" i="11"/>
  <c r="BL199" i="11"/>
  <c r="BK199" i="11"/>
  <c r="BJ199" i="11"/>
  <c r="BI199" i="11"/>
  <c r="BH199" i="11"/>
  <c r="BG199" i="11"/>
  <c r="BF199" i="11"/>
  <c r="BE199" i="11"/>
  <c r="BD199" i="11"/>
  <c r="BC199" i="11"/>
  <c r="BA199" i="11"/>
  <c r="BB199" i="11" s="1"/>
  <c r="CC199" i="11" s="1"/>
  <c r="CG198" i="11"/>
  <c r="CF198" i="11"/>
  <c r="CE198" i="11"/>
  <c r="CD198" i="11"/>
  <c r="CC198" i="11"/>
  <c r="CA198" i="11"/>
  <c r="BZ198" i="11"/>
  <c r="BY198" i="11"/>
  <c r="BX198" i="11"/>
  <c r="BW198" i="11"/>
  <c r="BV198" i="11"/>
  <c r="BU198" i="11"/>
  <c r="BT198" i="11"/>
  <c r="BS198" i="11"/>
  <c r="BR198" i="11"/>
  <c r="BQ198" i="11"/>
  <c r="BP198" i="11"/>
  <c r="BO198" i="11"/>
  <c r="BN198" i="11"/>
  <c r="BM198" i="11"/>
  <c r="BL198" i="11"/>
  <c r="BK198" i="11"/>
  <c r="BJ198" i="11"/>
  <c r="BI198" i="11"/>
  <c r="BH198" i="11"/>
  <c r="BG198" i="11"/>
  <c r="BF198" i="11"/>
  <c r="BE198" i="11"/>
  <c r="BD198" i="11"/>
  <c r="BC198" i="11"/>
  <c r="BA198" i="11"/>
  <c r="BB198" i="11" s="1"/>
  <c r="CB198" i="11" s="1"/>
  <c r="CG197" i="11"/>
  <c r="CF197" i="11"/>
  <c r="CE197" i="11"/>
  <c r="CD197" i="11"/>
  <c r="CC197" i="11"/>
  <c r="CB197" i="11"/>
  <c r="CA197" i="11"/>
  <c r="BZ197" i="11"/>
  <c r="BY197" i="11"/>
  <c r="BX197" i="11"/>
  <c r="BW197" i="11"/>
  <c r="BV197" i="11"/>
  <c r="BU197" i="11"/>
  <c r="BT197" i="11"/>
  <c r="BS197" i="11"/>
  <c r="BR197" i="11"/>
  <c r="BQ197" i="11"/>
  <c r="BP197" i="11"/>
  <c r="BO197" i="11"/>
  <c r="BN197" i="11"/>
  <c r="BM197" i="11"/>
  <c r="BL197" i="11"/>
  <c r="BK197" i="11"/>
  <c r="BJ197" i="11"/>
  <c r="BI197" i="11"/>
  <c r="BH197" i="11"/>
  <c r="BG197" i="11"/>
  <c r="BF197" i="11"/>
  <c r="BE197" i="11"/>
  <c r="BD197" i="11"/>
  <c r="BC197" i="11"/>
  <c r="BA197" i="11"/>
  <c r="CG196" i="11"/>
  <c r="CF196" i="11"/>
  <c r="CE196" i="11"/>
  <c r="CD196" i="11"/>
  <c r="CC196" i="11"/>
  <c r="CB196" i="11"/>
  <c r="CA196" i="11"/>
  <c r="BZ196" i="11"/>
  <c r="BY196" i="11"/>
  <c r="BX196" i="11"/>
  <c r="BW196" i="11"/>
  <c r="BV196" i="11"/>
  <c r="BU196" i="11"/>
  <c r="BT196" i="11"/>
  <c r="BS196" i="11"/>
  <c r="BR196" i="11"/>
  <c r="BQ196" i="11"/>
  <c r="BP196" i="11"/>
  <c r="BO196" i="11"/>
  <c r="BN196" i="11"/>
  <c r="BM196" i="11"/>
  <c r="BL196" i="11"/>
  <c r="BK196" i="11"/>
  <c r="BJ196" i="11"/>
  <c r="BI196" i="11"/>
  <c r="BH196" i="11"/>
  <c r="BG196" i="11"/>
  <c r="BF196" i="11"/>
  <c r="BE196" i="11"/>
  <c r="BD196" i="11"/>
  <c r="BC196" i="11"/>
  <c r="BA196" i="11"/>
  <c r="CG195" i="11"/>
  <c r="CF195" i="11"/>
  <c r="CE195" i="11"/>
  <c r="CD195" i="11"/>
  <c r="CC195" i="11"/>
  <c r="CA195" i="11"/>
  <c r="BZ195" i="11"/>
  <c r="BY195" i="11"/>
  <c r="BX195" i="11"/>
  <c r="BW195" i="11"/>
  <c r="BV195" i="11"/>
  <c r="BU195" i="11"/>
  <c r="BT195" i="11"/>
  <c r="BS195" i="11"/>
  <c r="BR195" i="11"/>
  <c r="BQ195" i="11"/>
  <c r="BP195" i="11"/>
  <c r="BO195" i="11"/>
  <c r="BN195" i="11"/>
  <c r="BM195" i="11"/>
  <c r="BL195" i="11"/>
  <c r="BK195" i="11"/>
  <c r="BJ195" i="11"/>
  <c r="BI195" i="11"/>
  <c r="BH195" i="11"/>
  <c r="BG195" i="11"/>
  <c r="BF195" i="11"/>
  <c r="BE195" i="11"/>
  <c r="BD195" i="11"/>
  <c r="BC195" i="11"/>
  <c r="BA195" i="11"/>
  <c r="BB195" i="11" s="1"/>
  <c r="CB195" i="11" s="1"/>
  <c r="CG194" i="11"/>
  <c r="CF194" i="11"/>
  <c r="CE194" i="11"/>
  <c r="CD194" i="11"/>
  <c r="CC194" i="11"/>
  <c r="CA194" i="11"/>
  <c r="BZ194" i="11"/>
  <c r="BY194" i="11"/>
  <c r="BX194" i="11"/>
  <c r="BW194" i="11"/>
  <c r="BV194" i="11"/>
  <c r="BU194" i="11"/>
  <c r="BT194" i="11"/>
  <c r="BS194" i="11"/>
  <c r="BR194" i="11"/>
  <c r="BQ194" i="11"/>
  <c r="BP194" i="11"/>
  <c r="BO194" i="11"/>
  <c r="BN194" i="11"/>
  <c r="BM194" i="11"/>
  <c r="BL194" i="11"/>
  <c r="BK194" i="11"/>
  <c r="BJ194" i="11"/>
  <c r="BI194" i="11"/>
  <c r="BH194" i="11"/>
  <c r="BG194" i="11"/>
  <c r="BF194" i="11"/>
  <c r="BE194" i="11"/>
  <c r="BD194" i="11"/>
  <c r="BC194" i="11"/>
  <c r="BA194" i="11"/>
  <c r="BB194" i="11" s="1"/>
  <c r="CB194" i="11" s="1"/>
  <c r="CG193" i="11"/>
  <c r="CF193" i="11"/>
  <c r="CE193" i="11"/>
  <c r="CD193" i="11"/>
  <c r="CC193" i="11"/>
  <c r="CA193" i="11"/>
  <c r="BZ193" i="11"/>
  <c r="BY193" i="11"/>
  <c r="BX193" i="11"/>
  <c r="BW193" i="11"/>
  <c r="BV193" i="11"/>
  <c r="BU193" i="11"/>
  <c r="BT193" i="11"/>
  <c r="BS193" i="11"/>
  <c r="BR193" i="11"/>
  <c r="BQ193" i="11"/>
  <c r="BP193" i="11"/>
  <c r="BO193" i="11"/>
  <c r="BN193" i="11"/>
  <c r="BM193" i="11"/>
  <c r="BL193" i="11"/>
  <c r="BK193" i="11"/>
  <c r="BJ193" i="11"/>
  <c r="BI193" i="11"/>
  <c r="BH193" i="11"/>
  <c r="BG193" i="11"/>
  <c r="BF193" i="11"/>
  <c r="BE193" i="11"/>
  <c r="BD193" i="11"/>
  <c r="BC193" i="11"/>
  <c r="BA193" i="11"/>
  <c r="BB193" i="11" s="1"/>
  <c r="CB193" i="11" s="1"/>
  <c r="CG192" i="11"/>
  <c r="CF192" i="11"/>
  <c r="CE192" i="11"/>
  <c r="CD192" i="11"/>
  <c r="CC192" i="11"/>
  <c r="CA192" i="11"/>
  <c r="BZ192" i="11"/>
  <c r="BY192" i="11"/>
  <c r="BX192" i="11"/>
  <c r="BW192" i="11"/>
  <c r="BV192" i="11"/>
  <c r="BU192" i="11"/>
  <c r="BT192" i="11"/>
  <c r="BS192" i="11"/>
  <c r="BR192" i="11"/>
  <c r="BQ192" i="11"/>
  <c r="BP192" i="11"/>
  <c r="BO192" i="11"/>
  <c r="BN192" i="11"/>
  <c r="BM192" i="11"/>
  <c r="BL192" i="11"/>
  <c r="BK192" i="11"/>
  <c r="BJ192" i="11"/>
  <c r="BI192" i="11"/>
  <c r="BH192" i="11"/>
  <c r="BG192" i="11"/>
  <c r="BF192" i="11"/>
  <c r="BE192" i="11"/>
  <c r="BD192" i="11"/>
  <c r="BC192" i="11"/>
  <c r="BA192" i="11"/>
  <c r="BB192" i="11" s="1"/>
  <c r="CB192" i="11" s="1"/>
  <c r="CG191" i="11"/>
  <c r="CF191" i="11"/>
  <c r="CE191" i="11"/>
  <c r="CD191" i="11"/>
  <c r="CC191" i="11"/>
  <c r="CA191" i="11"/>
  <c r="BZ191" i="11"/>
  <c r="BY191" i="11"/>
  <c r="BX191" i="11"/>
  <c r="BW191" i="11"/>
  <c r="BV191" i="11"/>
  <c r="BU191" i="11"/>
  <c r="BT191" i="11"/>
  <c r="BS191" i="11"/>
  <c r="BR191" i="11"/>
  <c r="BQ191" i="11"/>
  <c r="BP191" i="11"/>
  <c r="BO191" i="11"/>
  <c r="BN191" i="11"/>
  <c r="BM191" i="11"/>
  <c r="BL191" i="11"/>
  <c r="BK191" i="11"/>
  <c r="BJ191" i="11"/>
  <c r="BI191" i="11"/>
  <c r="BH191" i="11"/>
  <c r="BG191" i="11"/>
  <c r="BF191" i="11"/>
  <c r="BE191" i="11"/>
  <c r="BD191" i="11"/>
  <c r="BC191" i="11"/>
  <c r="BA191" i="11"/>
  <c r="BB191" i="11" s="1"/>
  <c r="CB191" i="11" s="1"/>
  <c r="CG190" i="11"/>
  <c r="CF190" i="11"/>
  <c r="CE190" i="11"/>
  <c r="CD190" i="11"/>
  <c r="CC190" i="11"/>
  <c r="CB190" i="11"/>
  <c r="CA190" i="11"/>
  <c r="BZ190" i="11"/>
  <c r="BY190" i="11"/>
  <c r="BX190" i="11"/>
  <c r="BV190" i="11"/>
  <c r="BU190" i="11"/>
  <c r="BT190" i="11"/>
  <c r="BS190" i="11"/>
  <c r="BR190" i="11"/>
  <c r="BQ190" i="11"/>
  <c r="BP190" i="11"/>
  <c r="BO190" i="11"/>
  <c r="BN190" i="11"/>
  <c r="BM190" i="11"/>
  <c r="BL190" i="11"/>
  <c r="BK190" i="11"/>
  <c r="BJ190" i="11"/>
  <c r="BI190" i="11"/>
  <c r="BH190" i="11"/>
  <c r="BG190" i="11"/>
  <c r="BF190" i="11"/>
  <c r="BE190" i="11"/>
  <c r="BD190" i="11"/>
  <c r="BC190" i="11"/>
  <c r="BA190" i="11"/>
  <c r="BB190" i="11" s="1"/>
  <c r="BW190" i="11" s="1"/>
  <c r="CG189" i="11"/>
  <c r="CF189" i="11"/>
  <c r="CE189" i="11"/>
  <c r="CD189" i="11"/>
  <c r="CC189" i="11"/>
  <c r="CB189" i="11"/>
  <c r="CA189" i="11"/>
  <c r="BZ189" i="11"/>
  <c r="BY189" i="11"/>
  <c r="BX189" i="11"/>
  <c r="BW189" i="11"/>
  <c r="BV189" i="11"/>
  <c r="BU189" i="11"/>
  <c r="BT189" i="11"/>
  <c r="BS189" i="11"/>
  <c r="BR189" i="11"/>
  <c r="BQ189" i="11"/>
  <c r="BP189" i="11"/>
  <c r="BO189" i="11"/>
  <c r="BN189" i="11"/>
  <c r="BM189" i="11"/>
  <c r="BL189" i="11"/>
  <c r="BK189" i="11"/>
  <c r="BJ189" i="11"/>
  <c r="BI189" i="11"/>
  <c r="BH189" i="11"/>
  <c r="BG189" i="11"/>
  <c r="BF189" i="11"/>
  <c r="BE189" i="11"/>
  <c r="BD189" i="11"/>
  <c r="BC189" i="11"/>
  <c r="BA189" i="11"/>
  <c r="CG188" i="11"/>
  <c r="CF188" i="11"/>
  <c r="CE188" i="11"/>
  <c r="CD188" i="11"/>
  <c r="CC188" i="11"/>
  <c r="CB188" i="11"/>
  <c r="CA188" i="11"/>
  <c r="BZ188" i="11"/>
  <c r="BY188" i="11"/>
  <c r="BX188" i="11"/>
  <c r="BW188" i="11"/>
  <c r="BV188" i="11"/>
  <c r="BU188" i="11"/>
  <c r="BT188" i="11"/>
  <c r="BS188" i="11"/>
  <c r="BR188" i="11"/>
  <c r="BQ188" i="11"/>
  <c r="BP188" i="11"/>
  <c r="BO188" i="11"/>
  <c r="BN188" i="11"/>
  <c r="BM188" i="11"/>
  <c r="BL188" i="11"/>
  <c r="BK188" i="11"/>
  <c r="BJ188" i="11"/>
  <c r="BI188" i="11"/>
  <c r="BH188" i="11"/>
  <c r="BG188" i="11"/>
  <c r="BF188" i="11"/>
  <c r="BE188" i="11"/>
  <c r="BD188" i="11"/>
  <c r="BC188" i="11"/>
  <c r="BA188" i="11"/>
  <c r="CG187" i="11"/>
  <c r="CF187" i="11"/>
  <c r="CE187" i="11"/>
  <c r="CD187" i="11"/>
  <c r="CC187" i="11"/>
  <c r="CB187" i="11"/>
  <c r="CA187" i="11"/>
  <c r="BZ187" i="11"/>
  <c r="BY187" i="11"/>
  <c r="BX187" i="11"/>
  <c r="BW187" i="11"/>
  <c r="BV187" i="11"/>
  <c r="BU187" i="11"/>
  <c r="BT187" i="11"/>
  <c r="BS187" i="11"/>
  <c r="BR187" i="11"/>
  <c r="BQ187" i="11"/>
  <c r="BP187" i="11"/>
  <c r="BO187" i="11"/>
  <c r="BN187" i="11"/>
  <c r="BM187" i="11"/>
  <c r="BL187" i="11"/>
  <c r="BK187" i="11"/>
  <c r="BJ187" i="11"/>
  <c r="BI187" i="11"/>
  <c r="BH187" i="11"/>
  <c r="BG187" i="11"/>
  <c r="BF187" i="11"/>
  <c r="BE187" i="11"/>
  <c r="BD187" i="11"/>
  <c r="BC187" i="11"/>
  <c r="BA187" i="11"/>
  <c r="CG186" i="11"/>
  <c r="CF186" i="11"/>
  <c r="CE186" i="11"/>
  <c r="CD186" i="11"/>
  <c r="CC186" i="11"/>
  <c r="CB186" i="11"/>
  <c r="CA186" i="11"/>
  <c r="BZ186" i="11"/>
  <c r="BY186" i="11"/>
  <c r="BX186" i="11"/>
  <c r="BW186" i="11"/>
  <c r="BV186" i="11"/>
  <c r="BU186" i="11"/>
  <c r="BT186" i="11"/>
  <c r="BS186" i="11"/>
  <c r="BR186" i="11"/>
  <c r="BQ186" i="11"/>
  <c r="BP186" i="11"/>
  <c r="BO186" i="11"/>
  <c r="BN186" i="11"/>
  <c r="BM186" i="11"/>
  <c r="BL186" i="11"/>
  <c r="BK186" i="11"/>
  <c r="BJ186" i="11"/>
  <c r="BI186" i="11"/>
  <c r="BH186" i="11"/>
  <c r="BG186" i="11"/>
  <c r="BF186" i="11"/>
  <c r="BE186" i="11"/>
  <c r="BD186" i="11"/>
  <c r="BC186" i="11"/>
  <c r="BA186" i="11"/>
  <c r="CG185" i="11"/>
  <c r="CF185" i="11"/>
  <c r="CE185" i="11"/>
  <c r="CD185" i="11"/>
  <c r="CC185" i="11"/>
  <c r="CB185" i="11"/>
  <c r="CA185" i="11"/>
  <c r="BZ185" i="11"/>
  <c r="BY185" i="11"/>
  <c r="BX185" i="11"/>
  <c r="BV185" i="11"/>
  <c r="BU185" i="11"/>
  <c r="BT185" i="11"/>
  <c r="BS185" i="11"/>
  <c r="BR185" i="11"/>
  <c r="BQ185" i="11"/>
  <c r="BP185" i="11"/>
  <c r="BO185" i="11"/>
  <c r="BN185" i="11"/>
  <c r="BM185" i="11"/>
  <c r="BL185" i="11"/>
  <c r="BK185" i="11"/>
  <c r="BJ185" i="11"/>
  <c r="BI185" i="11"/>
  <c r="BH185" i="11"/>
  <c r="BG185" i="11"/>
  <c r="BF185" i="11"/>
  <c r="BE185" i="11"/>
  <c r="BD185" i="11"/>
  <c r="BC185" i="11"/>
  <c r="BA185" i="11"/>
  <c r="BB185" i="11" s="1"/>
  <c r="BW185" i="11" s="1"/>
  <c r="CG184" i="11"/>
  <c r="CF184" i="11"/>
  <c r="CE184" i="11"/>
  <c r="CD184" i="11"/>
  <c r="CC184" i="11"/>
  <c r="CB184" i="11"/>
  <c r="CA184" i="11"/>
  <c r="BZ184" i="11"/>
  <c r="BY184" i="11"/>
  <c r="BX184" i="11"/>
  <c r="BV184" i="11"/>
  <c r="BU184" i="11"/>
  <c r="BT184" i="11"/>
  <c r="BS184" i="11"/>
  <c r="BR184" i="11"/>
  <c r="BQ184" i="11"/>
  <c r="BP184" i="11"/>
  <c r="BO184" i="11"/>
  <c r="BN184" i="11"/>
  <c r="BM184" i="11"/>
  <c r="BL184" i="11"/>
  <c r="BK184" i="11"/>
  <c r="BJ184" i="11"/>
  <c r="BI184" i="11"/>
  <c r="BH184" i="11"/>
  <c r="BG184" i="11"/>
  <c r="BF184" i="11"/>
  <c r="BE184" i="11"/>
  <c r="BD184" i="11"/>
  <c r="BC184" i="11"/>
  <c r="BA184" i="11"/>
  <c r="BB184" i="11" s="1"/>
  <c r="BW184" i="11" s="1"/>
  <c r="CG183" i="11"/>
  <c r="CF183" i="11"/>
  <c r="CE183" i="11"/>
  <c r="CD183" i="11"/>
  <c r="CC183" i="11"/>
  <c r="CB183" i="11"/>
  <c r="CA183" i="11"/>
  <c r="BZ183" i="11"/>
  <c r="BY183" i="11"/>
  <c r="BX183" i="11"/>
  <c r="BV183" i="11"/>
  <c r="BU183" i="11"/>
  <c r="BT183" i="11"/>
  <c r="BS183" i="11"/>
  <c r="BR183" i="11"/>
  <c r="BQ183" i="11"/>
  <c r="BP183" i="11"/>
  <c r="BO183" i="11"/>
  <c r="BN183" i="11"/>
  <c r="BM183" i="11"/>
  <c r="BL183" i="11"/>
  <c r="BK183" i="11"/>
  <c r="BJ183" i="11"/>
  <c r="BI183" i="11"/>
  <c r="BH183" i="11"/>
  <c r="BG183" i="11"/>
  <c r="BF183" i="11"/>
  <c r="BE183" i="11"/>
  <c r="BD183" i="11"/>
  <c r="BC183" i="11"/>
  <c r="BA183" i="11"/>
  <c r="BB183" i="11" s="1"/>
  <c r="BW183" i="11" s="1"/>
  <c r="CG182" i="11"/>
  <c r="CF182" i="11"/>
  <c r="CE182" i="11"/>
  <c r="CD182" i="11"/>
  <c r="CC182" i="11"/>
  <c r="CB182" i="11"/>
  <c r="CA182" i="11"/>
  <c r="BZ182" i="11"/>
  <c r="BY182" i="11"/>
  <c r="BX182" i="11"/>
  <c r="BW182" i="11"/>
  <c r="BV182" i="11"/>
  <c r="BT182" i="11"/>
  <c r="BS182" i="11"/>
  <c r="BR182" i="11"/>
  <c r="BQ182" i="11"/>
  <c r="BP182" i="11"/>
  <c r="BO182" i="11"/>
  <c r="BN182" i="11"/>
  <c r="BM182" i="11"/>
  <c r="BL182" i="11"/>
  <c r="BK182" i="11"/>
  <c r="BJ182" i="11"/>
  <c r="BI182" i="11"/>
  <c r="BH182" i="11"/>
  <c r="BG182" i="11"/>
  <c r="BF182" i="11"/>
  <c r="BE182" i="11"/>
  <c r="BD182" i="11"/>
  <c r="BC182" i="11"/>
  <c r="BA182" i="11"/>
  <c r="BB182" i="11" s="1"/>
  <c r="BU182" i="11" s="1"/>
  <c r="CG181" i="11"/>
  <c r="CF181" i="11"/>
  <c r="CE181" i="11"/>
  <c r="CD181" i="11"/>
  <c r="CC181" i="11"/>
  <c r="CB181" i="11"/>
  <c r="CA181" i="11"/>
  <c r="BZ181" i="11"/>
  <c r="BY181" i="11"/>
  <c r="BX181" i="11"/>
  <c r="BW181" i="11"/>
  <c r="BV181" i="11"/>
  <c r="BU181" i="11"/>
  <c r="BT181" i="11"/>
  <c r="BS181" i="11"/>
  <c r="BR181" i="11"/>
  <c r="BQ181" i="11"/>
  <c r="BP181" i="11"/>
  <c r="BO181" i="11"/>
  <c r="BN181" i="11"/>
  <c r="BM181" i="11"/>
  <c r="BL181" i="11"/>
  <c r="BK181" i="11"/>
  <c r="BJ181" i="11"/>
  <c r="BI181" i="11"/>
  <c r="BH181" i="11"/>
  <c r="BG181" i="11"/>
  <c r="BF181" i="11"/>
  <c r="BE181" i="11"/>
  <c r="BD181" i="11"/>
  <c r="BC181" i="11"/>
  <c r="BA181" i="11"/>
  <c r="CG180" i="11"/>
  <c r="CF180" i="11"/>
  <c r="CE180" i="11"/>
  <c r="CD180" i="11"/>
  <c r="CC180" i="11"/>
  <c r="CB180" i="11"/>
  <c r="CA180" i="11"/>
  <c r="BZ180" i="11"/>
  <c r="BY180" i="11"/>
  <c r="BX180" i="11"/>
  <c r="BW180" i="11"/>
  <c r="BV180" i="11"/>
  <c r="BT180" i="11"/>
  <c r="BS180" i="11"/>
  <c r="BR180" i="11"/>
  <c r="BQ180" i="11"/>
  <c r="BP180" i="11"/>
  <c r="BO180" i="11"/>
  <c r="BN180" i="11"/>
  <c r="BM180" i="11"/>
  <c r="BL180" i="11"/>
  <c r="BK180" i="11"/>
  <c r="BJ180" i="11"/>
  <c r="BI180" i="11"/>
  <c r="BH180" i="11"/>
  <c r="BG180" i="11"/>
  <c r="BF180" i="11"/>
  <c r="BE180" i="11"/>
  <c r="BD180" i="11"/>
  <c r="BC180" i="11"/>
  <c r="BA180" i="11"/>
  <c r="BB180" i="11" s="1"/>
  <c r="BU180" i="11" s="1"/>
  <c r="CG179" i="11"/>
  <c r="CF179" i="11"/>
  <c r="CE179" i="11"/>
  <c r="CD179" i="11"/>
  <c r="CC179" i="11"/>
  <c r="CB179" i="11"/>
  <c r="CA179" i="11"/>
  <c r="BZ179" i="11"/>
  <c r="BY179" i="11"/>
  <c r="BX179" i="11"/>
  <c r="BW179" i="11"/>
  <c r="BV179" i="11"/>
  <c r="BT179" i="11"/>
  <c r="BS179" i="11"/>
  <c r="BR179" i="11"/>
  <c r="BQ179" i="11"/>
  <c r="BP179" i="11"/>
  <c r="BO179" i="11"/>
  <c r="BN179" i="11"/>
  <c r="BM179" i="11"/>
  <c r="BL179" i="11"/>
  <c r="BK179" i="11"/>
  <c r="BJ179" i="11"/>
  <c r="BI179" i="11"/>
  <c r="BH179" i="11"/>
  <c r="BG179" i="11"/>
  <c r="BF179" i="11"/>
  <c r="BE179" i="11"/>
  <c r="BD179" i="11"/>
  <c r="BC179" i="11"/>
  <c r="BA179" i="11"/>
  <c r="BB179" i="11" s="1"/>
  <c r="BU179" i="11" s="1"/>
  <c r="CG178" i="11"/>
  <c r="CF178" i="11"/>
  <c r="CE178" i="11"/>
  <c r="CD178" i="11"/>
  <c r="CC178" i="11"/>
  <c r="CB178" i="11"/>
  <c r="CA178" i="11"/>
  <c r="BZ178" i="11"/>
  <c r="BY178" i="11"/>
  <c r="BX178" i="11"/>
  <c r="BW178" i="11"/>
  <c r="BV178" i="11"/>
  <c r="BT178" i="11"/>
  <c r="BS178" i="11"/>
  <c r="BR178" i="11"/>
  <c r="BQ178" i="11"/>
  <c r="BP178" i="11"/>
  <c r="BO178" i="11"/>
  <c r="BN178" i="11"/>
  <c r="BM178" i="11"/>
  <c r="BL178" i="11"/>
  <c r="BK178" i="11"/>
  <c r="BJ178" i="11"/>
  <c r="BI178" i="11"/>
  <c r="BH178" i="11"/>
  <c r="BG178" i="11"/>
  <c r="BF178" i="11"/>
  <c r="BE178" i="11"/>
  <c r="BD178" i="11"/>
  <c r="BC178" i="11"/>
  <c r="BA178" i="11"/>
  <c r="BB178" i="11" s="1"/>
  <c r="BU178" i="11" s="1"/>
  <c r="CG177" i="11"/>
  <c r="CF177" i="11"/>
  <c r="CE177" i="11"/>
  <c r="CD177" i="11"/>
  <c r="CC177" i="11"/>
  <c r="CB177" i="11"/>
  <c r="CA177" i="11"/>
  <c r="BZ177" i="11"/>
  <c r="BY177" i="11"/>
  <c r="BX177" i="11"/>
  <c r="BW177" i="11"/>
  <c r="BV177" i="11"/>
  <c r="BT177" i="11"/>
  <c r="BS177" i="11"/>
  <c r="BR177" i="11"/>
  <c r="BQ177" i="11"/>
  <c r="BP177" i="11"/>
  <c r="BO177" i="11"/>
  <c r="BN177" i="11"/>
  <c r="BM177" i="11"/>
  <c r="BL177" i="11"/>
  <c r="BK177" i="11"/>
  <c r="BJ177" i="11"/>
  <c r="BI177" i="11"/>
  <c r="BH177" i="11"/>
  <c r="BG177" i="11"/>
  <c r="BF177" i="11"/>
  <c r="BE177" i="11"/>
  <c r="BD177" i="11"/>
  <c r="BC177" i="11"/>
  <c r="BA177" i="11"/>
  <c r="BB177" i="11" s="1"/>
  <c r="BU177" i="11" s="1"/>
  <c r="CG176" i="11"/>
  <c r="CF176" i="11"/>
  <c r="CE176" i="11"/>
  <c r="CD176" i="11"/>
  <c r="CC176" i="11"/>
  <c r="CB176" i="11"/>
  <c r="CA176" i="11"/>
  <c r="BZ176" i="11"/>
  <c r="BY176" i="11"/>
  <c r="BX176" i="11"/>
  <c r="BW176" i="11"/>
  <c r="BV176" i="11"/>
  <c r="BT176" i="11"/>
  <c r="BS176" i="11"/>
  <c r="BR176" i="11"/>
  <c r="BQ176" i="11"/>
  <c r="BP176" i="11"/>
  <c r="BO176" i="11"/>
  <c r="BN176" i="11"/>
  <c r="BM176" i="11"/>
  <c r="BL176" i="11"/>
  <c r="BK176" i="11"/>
  <c r="BJ176" i="11"/>
  <c r="BI176" i="11"/>
  <c r="BH176" i="11"/>
  <c r="BG176" i="11"/>
  <c r="BF176" i="11"/>
  <c r="BE176" i="11"/>
  <c r="BD176" i="11"/>
  <c r="BC176" i="11"/>
  <c r="BA176" i="11"/>
  <c r="BB176" i="11" s="1"/>
  <c r="BU176" i="11" s="1"/>
  <c r="CG175" i="11"/>
  <c r="CF175" i="11"/>
  <c r="CE175" i="11"/>
  <c r="CD175" i="11"/>
  <c r="CC175" i="11"/>
  <c r="CB175" i="11"/>
  <c r="CA175" i="11"/>
  <c r="BZ175" i="11"/>
  <c r="BY175" i="11"/>
  <c r="BX175" i="11"/>
  <c r="BW175" i="11"/>
  <c r="BV175" i="11"/>
  <c r="BT175" i="11"/>
  <c r="BS175" i="11"/>
  <c r="BR175" i="11"/>
  <c r="BQ175" i="11"/>
  <c r="BP175" i="11"/>
  <c r="BO175" i="11"/>
  <c r="BN175" i="11"/>
  <c r="BM175" i="11"/>
  <c r="BL175" i="11"/>
  <c r="BK175" i="11"/>
  <c r="BJ175" i="11"/>
  <c r="BI175" i="11"/>
  <c r="BH175" i="11"/>
  <c r="BG175" i="11"/>
  <c r="BF175" i="11"/>
  <c r="BE175" i="11"/>
  <c r="BD175" i="11"/>
  <c r="BC175" i="11"/>
  <c r="BA175" i="11"/>
  <c r="BB175" i="11" s="1"/>
  <c r="BU175" i="11" s="1"/>
  <c r="CG174" i="11"/>
  <c r="CF174" i="11"/>
  <c r="CE174" i="11"/>
  <c r="CD174" i="11"/>
  <c r="CC174" i="11"/>
  <c r="CB174" i="11"/>
  <c r="CA174" i="11"/>
  <c r="BZ174" i="11"/>
  <c r="BY174" i="11"/>
  <c r="BX174" i="11"/>
  <c r="BW174" i="11"/>
  <c r="BU174" i="11"/>
  <c r="BT174" i="11"/>
  <c r="BS174" i="11"/>
  <c r="BR174" i="11"/>
  <c r="BQ174" i="11"/>
  <c r="BP174" i="11"/>
  <c r="BO174" i="11"/>
  <c r="BN174" i="11"/>
  <c r="BM174" i="11"/>
  <c r="BL174" i="11"/>
  <c r="BK174" i="11"/>
  <c r="BJ174" i="11"/>
  <c r="BI174" i="11"/>
  <c r="BH174" i="11"/>
  <c r="BG174" i="11"/>
  <c r="BF174" i="11"/>
  <c r="BE174" i="11"/>
  <c r="BD174" i="11"/>
  <c r="BC174" i="11"/>
  <c r="BA174" i="11"/>
  <c r="BB174" i="11" s="1"/>
  <c r="BV174" i="11" s="1"/>
  <c r="CG173" i="11"/>
  <c r="CF173" i="11"/>
  <c r="CE173" i="11"/>
  <c r="CD173" i="11"/>
  <c r="CC173" i="11"/>
  <c r="CB173" i="11"/>
  <c r="CA173" i="11"/>
  <c r="BZ173" i="11"/>
  <c r="BY173" i="11"/>
  <c r="BX173" i="11"/>
  <c r="BW173" i="11"/>
  <c r="BV173" i="11"/>
  <c r="BU173" i="11"/>
  <c r="BT173" i="11"/>
  <c r="BS173" i="11"/>
  <c r="BR173" i="11"/>
  <c r="BQ173" i="11"/>
  <c r="BP173" i="11"/>
  <c r="BO173" i="11"/>
  <c r="BN173" i="11"/>
  <c r="BM173" i="11"/>
  <c r="BL173" i="11"/>
  <c r="BK173" i="11"/>
  <c r="BJ173" i="11"/>
  <c r="BI173" i="11"/>
  <c r="BH173" i="11"/>
  <c r="BG173" i="11"/>
  <c r="BF173" i="11"/>
  <c r="BE173" i="11"/>
  <c r="BD173" i="11"/>
  <c r="BC173" i="11"/>
  <c r="BA173" i="11"/>
  <c r="CG172" i="11"/>
  <c r="CF172" i="11"/>
  <c r="CE172" i="11"/>
  <c r="CD172" i="11"/>
  <c r="CC172" i="11"/>
  <c r="CB172" i="11"/>
  <c r="CA172" i="11"/>
  <c r="BZ172" i="11"/>
  <c r="BY172" i="11"/>
  <c r="BX172" i="11"/>
  <c r="BW172" i="11"/>
  <c r="BU172" i="11"/>
  <c r="BT172" i="11"/>
  <c r="BS172" i="11"/>
  <c r="BR172" i="11"/>
  <c r="BQ172" i="11"/>
  <c r="BP172" i="11"/>
  <c r="BO172" i="11"/>
  <c r="BN172" i="11"/>
  <c r="BM172" i="11"/>
  <c r="BL172" i="11"/>
  <c r="BK172" i="11"/>
  <c r="BJ172" i="11"/>
  <c r="BI172" i="11"/>
  <c r="BH172" i="11"/>
  <c r="BG172" i="11"/>
  <c r="BF172" i="11"/>
  <c r="BE172" i="11"/>
  <c r="BD172" i="11"/>
  <c r="BC172" i="11"/>
  <c r="BA172" i="11"/>
  <c r="BB172" i="11" s="1"/>
  <c r="BV172" i="11" s="1"/>
  <c r="CG171" i="11"/>
  <c r="CF171" i="11"/>
  <c r="CE171" i="11"/>
  <c r="CD171" i="11"/>
  <c r="CC171" i="11"/>
  <c r="CB171" i="11"/>
  <c r="CA171" i="11"/>
  <c r="BZ171" i="11"/>
  <c r="BY171" i="11"/>
  <c r="BX171" i="11"/>
  <c r="BW171" i="11"/>
  <c r="BU171" i="11"/>
  <c r="BT171" i="11"/>
  <c r="BS171" i="11"/>
  <c r="BR171" i="11"/>
  <c r="BQ171" i="11"/>
  <c r="BP171" i="11"/>
  <c r="BO171" i="11"/>
  <c r="BN171" i="11"/>
  <c r="BM171" i="11"/>
  <c r="BL171" i="11"/>
  <c r="BK171" i="11"/>
  <c r="BJ171" i="11"/>
  <c r="BI171" i="11"/>
  <c r="BH171" i="11"/>
  <c r="BG171" i="11"/>
  <c r="BF171" i="11"/>
  <c r="BE171" i="11"/>
  <c r="BD171" i="11"/>
  <c r="BC171" i="11"/>
  <c r="BA171" i="11"/>
  <c r="BB171" i="11" s="1"/>
  <c r="BV171" i="11" s="1"/>
  <c r="CG170" i="11"/>
  <c r="CF170" i="11"/>
  <c r="CE170" i="11"/>
  <c r="CD170" i="11"/>
  <c r="CC170" i="11"/>
  <c r="CB170" i="11"/>
  <c r="CA170" i="11"/>
  <c r="BZ170" i="11"/>
  <c r="BY170" i="11"/>
  <c r="BX170" i="11"/>
  <c r="BW170" i="11"/>
  <c r="BU170" i="11"/>
  <c r="BT170" i="11"/>
  <c r="BS170" i="11"/>
  <c r="BR170" i="11"/>
  <c r="BQ170" i="11"/>
  <c r="BP170" i="11"/>
  <c r="BO170" i="11"/>
  <c r="BN170" i="11"/>
  <c r="BM170" i="11"/>
  <c r="BL170" i="11"/>
  <c r="BK170" i="11"/>
  <c r="BJ170" i="11"/>
  <c r="BI170" i="11"/>
  <c r="BH170" i="11"/>
  <c r="BG170" i="11"/>
  <c r="BF170" i="11"/>
  <c r="BE170" i="11"/>
  <c r="BD170" i="11"/>
  <c r="BC170" i="11"/>
  <c r="BA170" i="11"/>
  <c r="BB170" i="11" s="1"/>
  <c r="BV170" i="11" s="1"/>
  <c r="CG169" i="11"/>
  <c r="CF169" i="11"/>
  <c r="CE169" i="11"/>
  <c r="CD169" i="11"/>
  <c r="CC169" i="11"/>
  <c r="CB169" i="11"/>
  <c r="CA169" i="11"/>
  <c r="BZ169" i="11"/>
  <c r="BY169" i="11"/>
  <c r="BX169" i="11"/>
  <c r="BW169" i="11"/>
  <c r="BU169" i="11"/>
  <c r="BT169" i="11"/>
  <c r="BS169" i="11"/>
  <c r="BR169" i="11"/>
  <c r="BQ169" i="11"/>
  <c r="BP169" i="11"/>
  <c r="BO169" i="11"/>
  <c r="BN169" i="11"/>
  <c r="BM169" i="11"/>
  <c r="BL169" i="11"/>
  <c r="BK169" i="11"/>
  <c r="BJ169" i="11"/>
  <c r="BI169" i="11"/>
  <c r="BH169" i="11"/>
  <c r="BG169" i="11"/>
  <c r="BF169" i="11"/>
  <c r="BE169" i="11"/>
  <c r="BD169" i="11"/>
  <c r="BC169" i="11"/>
  <c r="BA169" i="11"/>
  <c r="BB169" i="11" s="1"/>
  <c r="BV169" i="11" s="1"/>
  <c r="CG168" i="11"/>
  <c r="CF168" i="11"/>
  <c r="CE168" i="11"/>
  <c r="CD168" i="11"/>
  <c r="CC168" i="11"/>
  <c r="CB168" i="11"/>
  <c r="CA168" i="11"/>
  <c r="BZ168" i="11"/>
  <c r="BY168" i="11"/>
  <c r="BX168" i="11"/>
  <c r="BW168" i="11"/>
  <c r="BU168" i="11"/>
  <c r="BT168" i="11"/>
  <c r="BS168" i="11"/>
  <c r="BR168" i="11"/>
  <c r="BQ168" i="11"/>
  <c r="BP168" i="11"/>
  <c r="BO168" i="11"/>
  <c r="BN168" i="11"/>
  <c r="BM168" i="11"/>
  <c r="BL168" i="11"/>
  <c r="BK168" i="11"/>
  <c r="BJ168" i="11"/>
  <c r="BI168" i="11"/>
  <c r="BH168" i="11"/>
  <c r="BG168" i="11"/>
  <c r="BF168" i="11"/>
  <c r="BE168" i="11"/>
  <c r="BD168" i="11"/>
  <c r="BC168" i="11"/>
  <c r="BA168" i="11"/>
  <c r="BB168" i="11" s="1"/>
  <c r="BV168" i="11" s="1"/>
  <c r="CG167" i="11"/>
  <c r="CF167" i="11"/>
  <c r="CE167" i="11"/>
  <c r="CD167" i="11"/>
  <c r="CC167" i="11"/>
  <c r="CB167" i="11"/>
  <c r="CA167" i="11"/>
  <c r="BZ167" i="11"/>
  <c r="BY167" i="11"/>
  <c r="BX167" i="11"/>
  <c r="BW167" i="11"/>
  <c r="BU167" i="11"/>
  <c r="BT167" i="11"/>
  <c r="BS167" i="11"/>
  <c r="BR167" i="11"/>
  <c r="BQ167" i="11"/>
  <c r="BP167" i="11"/>
  <c r="BO167" i="11"/>
  <c r="BN167" i="11"/>
  <c r="BM167" i="11"/>
  <c r="BL167" i="11"/>
  <c r="BK167" i="11"/>
  <c r="BJ167" i="11"/>
  <c r="BI167" i="11"/>
  <c r="BH167" i="11"/>
  <c r="BG167" i="11"/>
  <c r="BF167" i="11"/>
  <c r="BE167" i="11"/>
  <c r="BD167" i="11"/>
  <c r="BC167" i="11"/>
  <c r="BA167" i="11"/>
  <c r="BB167" i="11" s="1"/>
  <c r="BV167" i="11" s="1"/>
  <c r="CG166" i="11"/>
  <c r="CF166" i="11"/>
  <c r="CE166" i="11"/>
  <c r="CD166" i="11"/>
  <c r="CC166" i="11"/>
  <c r="CB166" i="11"/>
  <c r="CA166" i="11"/>
  <c r="BZ166" i="11"/>
  <c r="BY166" i="11"/>
  <c r="BX166" i="11"/>
  <c r="BW166" i="11"/>
  <c r="BV166" i="11"/>
  <c r="BU166" i="11"/>
  <c r="BS166" i="11"/>
  <c r="BR166" i="11"/>
  <c r="BQ166" i="11"/>
  <c r="BP166" i="11"/>
  <c r="BO166" i="11"/>
  <c r="BN166" i="11"/>
  <c r="BM166" i="11"/>
  <c r="BL166" i="11"/>
  <c r="BK166" i="11"/>
  <c r="BJ166" i="11"/>
  <c r="BI166" i="11"/>
  <c r="BH166" i="11"/>
  <c r="BG166" i="11"/>
  <c r="BF166" i="11"/>
  <c r="BE166" i="11"/>
  <c r="BD166" i="11"/>
  <c r="BC166" i="11"/>
  <c r="BA166" i="11"/>
  <c r="BB166" i="11" s="1"/>
  <c r="BT166" i="11" s="1"/>
  <c r="CG165" i="11"/>
  <c r="CF165" i="11"/>
  <c r="CE165" i="11"/>
  <c r="CD165" i="11"/>
  <c r="CC165" i="11"/>
  <c r="CB165" i="11"/>
  <c r="CA165" i="11"/>
  <c r="BZ165" i="11"/>
  <c r="BY165" i="11"/>
  <c r="BX165" i="11"/>
  <c r="BW165" i="11"/>
  <c r="BV165" i="11"/>
  <c r="BU165" i="11"/>
  <c r="BS165" i="11"/>
  <c r="BR165" i="11"/>
  <c r="BQ165" i="11"/>
  <c r="BP165" i="11"/>
  <c r="BO165" i="11"/>
  <c r="BN165" i="11"/>
  <c r="BM165" i="11"/>
  <c r="BL165" i="11"/>
  <c r="BK165" i="11"/>
  <c r="BJ165" i="11"/>
  <c r="BI165" i="11"/>
  <c r="BH165" i="11"/>
  <c r="BG165" i="11"/>
  <c r="BF165" i="11"/>
  <c r="BE165" i="11"/>
  <c r="BD165" i="11"/>
  <c r="BC165" i="11"/>
  <c r="BA165" i="11"/>
  <c r="BB165" i="11" s="1"/>
  <c r="BT165" i="11" s="1"/>
  <c r="CG164" i="11"/>
  <c r="CF164" i="11"/>
  <c r="CE164" i="11"/>
  <c r="CD164" i="11"/>
  <c r="CC164" i="11"/>
  <c r="CB164" i="11"/>
  <c r="CA164" i="11"/>
  <c r="BZ164" i="11"/>
  <c r="BY164" i="11"/>
  <c r="BX164" i="11"/>
  <c r="BW164" i="11"/>
  <c r="BV164" i="11"/>
  <c r="BU164" i="11"/>
  <c r="BS164" i="11"/>
  <c r="BR164" i="11"/>
  <c r="BQ164" i="11"/>
  <c r="BP164" i="11"/>
  <c r="BO164" i="11"/>
  <c r="BN164" i="11"/>
  <c r="BM164" i="11"/>
  <c r="BL164" i="11"/>
  <c r="BK164" i="11"/>
  <c r="BJ164" i="11"/>
  <c r="BI164" i="11"/>
  <c r="BH164" i="11"/>
  <c r="BG164" i="11"/>
  <c r="BF164" i="11"/>
  <c r="BE164" i="11"/>
  <c r="BD164" i="11"/>
  <c r="BC164" i="11"/>
  <c r="BA164" i="11"/>
  <c r="BB164" i="11" s="1"/>
  <c r="BT164" i="11" s="1"/>
  <c r="CG163" i="11"/>
  <c r="CF163" i="11"/>
  <c r="CE163" i="11"/>
  <c r="CD163" i="11"/>
  <c r="CC163" i="11"/>
  <c r="CB163" i="11"/>
  <c r="CA163" i="11"/>
  <c r="BZ163" i="11"/>
  <c r="BY163" i="11"/>
  <c r="BX163" i="11"/>
  <c r="BW163" i="11"/>
  <c r="BV163" i="11"/>
  <c r="BU163" i="11"/>
  <c r="BS163" i="11"/>
  <c r="BR163" i="11"/>
  <c r="BQ163" i="11"/>
  <c r="BP163" i="11"/>
  <c r="BO163" i="11"/>
  <c r="BN163" i="11"/>
  <c r="BM163" i="11"/>
  <c r="BL163" i="11"/>
  <c r="BK163" i="11"/>
  <c r="BJ163" i="11"/>
  <c r="BI163" i="11"/>
  <c r="BH163" i="11"/>
  <c r="BG163" i="11"/>
  <c r="BF163" i="11"/>
  <c r="BE163" i="11"/>
  <c r="BD163" i="11"/>
  <c r="BC163" i="11"/>
  <c r="BA163" i="11"/>
  <c r="BB163" i="11" s="1"/>
  <c r="BT163" i="11" s="1"/>
  <c r="CG162" i="11"/>
  <c r="CF162" i="11"/>
  <c r="CE162" i="11"/>
  <c r="CD162" i="11"/>
  <c r="CC162" i="11"/>
  <c r="CB162" i="11"/>
  <c r="CA162" i="11"/>
  <c r="BZ162" i="11"/>
  <c r="BY162" i="11"/>
  <c r="BX162" i="11"/>
  <c r="BW162" i="11"/>
  <c r="BV162" i="11"/>
  <c r="BU162" i="11"/>
  <c r="BS162" i="11"/>
  <c r="BR162" i="11"/>
  <c r="BQ162" i="11"/>
  <c r="BP162" i="11"/>
  <c r="BO162" i="11"/>
  <c r="BN162" i="11"/>
  <c r="BM162" i="11"/>
  <c r="BL162" i="11"/>
  <c r="BK162" i="11"/>
  <c r="BJ162" i="11"/>
  <c r="BI162" i="11"/>
  <c r="BH162" i="11"/>
  <c r="BG162" i="11"/>
  <c r="BF162" i="11"/>
  <c r="BE162" i="11"/>
  <c r="BD162" i="11"/>
  <c r="BC162" i="11"/>
  <c r="BA162" i="11"/>
  <c r="BB162" i="11" s="1"/>
  <c r="BT162" i="11" s="1"/>
  <c r="CG161" i="11"/>
  <c r="CF161" i="11"/>
  <c r="CE161" i="11"/>
  <c r="CD161" i="11"/>
  <c r="CC161" i="11"/>
  <c r="CB161" i="11"/>
  <c r="CA161" i="11"/>
  <c r="BZ161" i="11"/>
  <c r="BY161" i="11"/>
  <c r="BX161" i="11"/>
  <c r="BW161" i="11"/>
  <c r="BV161" i="11"/>
  <c r="BU161" i="11"/>
  <c r="BS161" i="11"/>
  <c r="BR161" i="11"/>
  <c r="BQ161" i="11"/>
  <c r="BP161" i="11"/>
  <c r="BO161" i="11"/>
  <c r="BN161" i="11"/>
  <c r="BM161" i="11"/>
  <c r="BL161" i="11"/>
  <c r="BK161" i="11"/>
  <c r="BJ161" i="11"/>
  <c r="BI161" i="11"/>
  <c r="BH161" i="11"/>
  <c r="BG161" i="11"/>
  <c r="BF161" i="11"/>
  <c r="BE161" i="11"/>
  <c r="BD161" i="11"/>
  <c r="BC161" i="11"/>
  <c r="BA161" i="11"/>
  <c r="BB161" i="11" s="1"/>
  <c r="BT161" i="11" s="1"/>
  <c r="CG160" i="11"/>
  <c r="CF160" i="11"/>
  <c r="CE160" i="11"/>
  <c r="CD160" i="11"/>
  <c r="CC160" i="11"/>
  <c r="CB160" i="11"/>
  <c r="CA160" i="11"/>
  <c r="BZ160" i="11"/>
  <c r="BY160" i="11"/>
  <c r="BX160" i="11"/>
  <c r="BW160" i="11"/>
  <c r="BV160" i="11"/>
  <c r="BU160" i="11"/>
  <c r="BS160" i="11"/>
  <c r="BR160" i="11"/>
  <c r="BQ160" i="11"/>
  <c r="BP160" i="11"/>
  <c r="BO160" i="11"/>
  <c r="BN160" i="11"/>
  <c r="BM160" i="11"/>
  <c r="BL160" i="11"/>
  <c r="BK160" i="11"/>
  <c r="BJ160" i="11"/>
  <c r="BI160" i="11"/>
  <c r="BH160" i="11"/>
  <c r="BG160" i="11"/>
  <c r="BF160" i="11"/>
  <c r="BE160" i="11"/>
  <c r="BD160" i="11"/>
  <c r="BC160" i="11"/>
  <c r="BA160" i="11"/>
  <c r="BB160" i="11" s="1"/>
  <c r="BT160" i="11" s="1"/>
  <c r="CG159" i="11"/>
  <c r="CF159" i="11"/>
  <c r="CE159" i="11"/>
  <c r="CD159" i="11"/>
  <c r="CC159" i="11"/>
  <c r="CB159" i="11"/>
  <c r="CA159" i="11"/>
  <c r="BZ159" i="11"/>
  <c r="BY159" i="11"/>
  <c r="BX159" i="11"/>
  <c r="BW159" i="11"/>
  <c r="BV159" i="11"/>
  <c r="BU159" i="11"/>
  <c r="BS159" i="11"/>
  <c r="BR159" i="11"/>
  <c r="BQ159" i="11"/>
  <c r="BP159" i="11"/>
  <c r="BO159" i="11"/>
  <c r="BN159" i="11"/>
  <c r="BM159" i="11"/>
  <c r="BL159" i="11"/>
  <c r="BK159" i="11"/>
  <c r="BJ159" i="11"/>
  <c r="BI159" i="11"/>
  <c r="BH159" i="11"/>
  <c r="BG159" i="11"/>
  <c r="BF159" i="11"/>
  <c r="BE159" i="11"/>
  <c r="BD159" i="11"/>
  <c r="BC159" i="11"/>
  <c r="BA159" i="11"/>
  <c r="BB159" i="11" s="1"/>
  <c r="BT159" i="11" s="1"/>
  <c r="CG158" i="11"/>
  <c r="CF158" i="11"/>
  <c r="CE158" i="11"/>
  <c r="CD158" i="11"/>
  <c r="CC158" i="11"/>
  <c r="CB158" i="11"/>
  <c r="BZ158" i="11"/>
  <c r="BY158" i="11"/>
  <c r="BX158" i="11"/>
  <c r="BW158" i="11"/>
  <c r="BV158" i="11"/>
  <c r="BU158" i="11"/>
  <c r="BT158" i="11"/>
  <c r="BS158" i="11"/>
  <c r="BR158" i="11"/>
  <c r="BQ158" i="11"/>
  <c r="BP158" i="11"/>
  <c r="BO158" i="11"/>
  <c r="BN158" i="11"/>
  <c r="BM158" i="11"/>
  <c r="BL158" i="11"/>
  <c r="BK158" i="11"/>
  <c r="BJ158" i="11"/>
  <c r="BI158" i="11"/>
  <c r="BH158" i="11"/>
  <c r="BG158" i="11"/>
  <c r="BF158" i="11"/>
  <c r="BE158" i="11"/>
  <c r="BD158" i="11"/>
  <c r="BC158" i="11"/>
  <c r="BA158" i="11"/>
  <c r="BB158" i="11" s="1"/>
  <c r="CA158" i="11" s="1"/>
  <c r="CG157" i="11"/>
  <c r="CF157" i="11"/>
  <c r="CE157" i="11"/>
  <c r="CD157" i="11"/>
  <c r="CC157" i="11"/>
  <c r="CB157" i="11"/>
  <c r="CA157" i="11"/>
  <c r="BZ157" i="11"/>
  <c r="BY157" i="11"/>
  <c r="BX157" i="11"/>
  <c r="BW157" i="11"/>
  <c r="BV157" i="11"/>
  <c r="BU157" i="11"/>
  <c r="BT157" i="11"/>
  <c r="BS157" i="11"/>
  <c r="BR157" i="11"/>
  <c r="BQ157" i="11"/>
  <c r="BP157" i="11"/>
  <c r="BO157" i="11"/>
  <c r="BN157" i="11"/>
  <c r="BM157" i="11"/>
  <c r="BL157" i="11"/>
  <c r="BK157" i="11"/>
  <c r="BJ157" i="11"/>
  <c r="BI157" i="11"/>
  <c r="BH157" i="11"/>
  <c r="BG157" i="11"/>
  <c r="BF157" i="11"/>
  <c r="BE157" i="11"/>
  <c r="BD157" i="11"/>
  <c r="BC157" i="11"/>
  <c r="BA157" i="11"/>
  <c r="CG156" i="11"/>
  <c r="CF156" i="11"/>
  <c r="CE156" i="11"/>
  <c r="CD156" i="11"/>
  <c r="CC156" i="11"/>
  <c r="CB156" i="11"/>
  <c r="CA156" i="11"/>
  <c r="BZ156" i="11"/>
  <c r="BY156" i="11"/>
  <c r="BX156" i="11"/>
  <c r="BW156" i="11"/>
  <c r="BV156" i="11"/>
  <c r="BU156" i="11"/>
  <c r="BT156" i="11"/>
  <c r="BS156" i="11"/>
  <c r="BR156" i="11"/>
  <c r="BQ156" i="11"/>
  <c r="BP156" i="11"/>
  <c r="BO156" i="11"/>
  <c r="BN156" i="11"/>
  <c r="BM156" i="11"/>
  <c r="BL156" i="11"/>
  <c r="BK156" i="11"/>
  <c r="BJ156" i="11"/>
  <c r="BI156" i="11"/>
  <c r="BH156" i="11"/>
  <c r="BG156" i="11"/>
  <c r="BF156" i="11"/>
  <c r="BE156" i="11"/>
  <c r="BD156" i="11"/>
  <c r="BC156" i="11"/>
  <c r="BA156" i="11"/>
  <c r="CG155" i="11"/>
  <c r="CF155" i="11"/>
  <c r="CE155" i="11"/>
  <c r="CD155" i="11"/>
  <c r="CC155" i="11"/>
  <c r="CB155" i="11"/>
  <c r="CA155" i="11"/>
  <c r="BZ155" i="11"/>
  <c r="BY155" i="11"/>
  <c r="BX155" i="11"/>
  <c r="BW155" i="11"/>
  <c r="BV155" i="11"/>
  <c r="BU155" i="11"/>
  <c r="BT155" i="11"/>
  <c r="BS155" i="11"/>
  <c r="BR155" i="11"/>
  <c r="BQ155" i="11"/>
  <c r="BP155" i="11"/>
  <c r="BO155" i="11"/>
  <c r="BN155" i="11"/>
  <c r="BM155" i="11"/>
  <c r="BL155" i="11"/>
  <c r="BK155" i="11"/>
  <c r="BJ155" i="11"/>
  <c r="BI155" i="11"/>
  <c r="BH155" i="11"/>
  <c r="BG155" i="11"/>
  <c r="BF155" i="11"/>
  <c r="BE155" i="11"/>
  <c r="BD155" i="11"/>
  <c r="BC155" i="11"/>
  <c r="BA155" i="11"/>
  <c r="CG154" i="11"/>
  <c r="CF154" i="11"/>
  <c r="CE154" i="11"/>
  <c r="CD154" i="11"/>
  <c r="CC154" i="11"/>
  <c r="CB154" i="11"/>
  <c r="BZ154" i="11"/>
  <c r="BY154" i="11"/>
  <c r="BX154" i="11"/>
  <c r="BW154" i="11"/>
  <c r="BV154" i="11"/>
  <c r="BU154" i="11"/>
  <c r="BT154" i="11"/>
  <c r="BS154" i="11"/>
  <c r="BR154" i="11"/>
  <c r="BQ154" i="11"/>
  <c r="BP154" i="11"/>
  <c r="BO154" i="11"/>
  <c r="BN154" i="11"/>
  <c r="BM154" i="11"/>
  <c r="BL154" i="11"/>
  <c r="BK154" i="11"/>
  <c r="BJ154" i="11"/>
  <c r="BI154" i="11"/>
  <c r="BH154" i="11"/>
  <c r="BG154" i="11"/>
  <c r="BF154" i="11"/>
  <c r="BE154" i="11"/>
  <c r="BD154" i="11"/>
  <c r="BC154" i="11"/>
  <c r="BA154" i="11"/>
  <c r="BB154" i="11" s="1"/>
  <c r="CA154" i="11" s="1"/>
  <c r="CG153" i="11"/>
  <c r="CF153" i="11"/>
  <c r="CE153" i="11"/>
  <c r="CD153" i="11"/>
  <c r="CC153" i="11"/>
  <c r="CB153" i="11"/>
  <c r="BZ153" i="11"/>
  <c r="BY153" i="11"/>
  <c r="BX153" i="11"/>
  <c r="BW153" i="11"/>
  <c r="BV153" i="11"/>
  <c r="BU153" i="11"/>
  <c r="BT153" i="11"/>
  <c r="BS153" i="11"/>
  <c r="BR153" i="11"/>
  <c r="BQ153" i="11"/>
  <c r="BP153" i="11"/>
  <c r="BO153" i="11"/>
  <c r="BN153" i="11"/>
  <c r="BM153" i="11"/>
  <c r="BL153" i="11"/>
  <c r="BK153" i="11"/>
  <c r="BJ153" i="11"/>
  <c r="BI153" i="11"/>
  <c r="BH153" i="11"/>
  <c r="BG153" i="11"/>
  <c r="BF153" i="11"/>
  <c r="BE153" i="11"/>
  <c r="BD153" i="11"/>
  <c r="BC153" i="11"/>
  <c r="BA153" i="11"/>
  <c r="BB153" i="11" s="1"/>
  <c r="CA153" i="11" s="1"/>
  <c r="CG152" i="11"/>
  <c r="CF152" i="11"/>
  <c r="CE152" i="11"/>
  <c r="CD152" i="11"/>
  <c r="CC152" i="11"/>
  <c r="CB152" i="11"/>
  <c r="BZ152" i="11"/>
  <c r="BY152" i="11"/>
  <c r="BX152" i="11"/>
  <c r="BW152" i="11"/>
  <c r="BV152" i="11"/>
  <c r="BU152" i="11"/>
  <c r="BT152" i="11"/>
  <c r="BS152" i="11"/>
  <c r="BR152" i="11"/>
  <c r="BQ152" i="11"/>
  <c r="BP152" i="11"/>
  <c r="BO152" i="11"/>
  <c r="BN152" i="11"/>
  <c r="BM152" i="11"/>
  <c r="BL152" i="11"/>
  <c r="BK152" i="11"/>
  <c r="BJ152" i="11"/>
  <c r="BI152" i="11"/>
  <c r="BH152" i="11"/>
  <c r="BG152" i="11"/>
  <c r="BF152" i="11"/>
  <c r="BE152" i="11"/>
  <c r="BD152" i="11"/>
  <c r="BC152" i="11"/>
  <c r="BA152" i="11"/>
  <c r="BB152" i="11" s="1"/>
  <c r="CA152" i="11" s="1"/>
  <c r="CG151" i="11"/>
  <c r="CF151" i="11"/>
  <c r="CE151" i="11"/>
  <c r="CD151" i="11"/>
  <c r="CC151" i="11"/>
  <c r="CB151" i="11"/>
  <c r="BZ151" i="11"/>
  <c r="BY151" i="11"/>
  <c r="BX151" i="11"/>
  <c r="BW151" i="11"/>
  <c r="BV151" i="11"/>
  <c r="BU151" i="11"/>
  <c r="BT151" i="11"/>
  <c r="BS151" i="11"/>
  <c r="BR151" i="11"/>
  <c r="BQ151" i="11"/>
  <c r="BP151" i="11"/>
  <c r="BO151" i="11"/>
  <c r="BN151" i="11"/>
  <c r="BM151" i="11"/>
  <c r="BL151" i="11"/>
  <c r="BK151" i="11"/>
  <c r="BJ151" i="11"/>
  <c r="BI151" i="11"/>
  <c r="BH151" i="11"/>
  <c r="BG151" i="11"/>
  <c r="BF151" i="11"/>
  <c r="BE151" i="11"/>
  <c r="BD151" i="11"/>
  <c r="BC151" i="11"/>
  <c r="BA151" i="11"/>
  <c r="BB151" i="11" s="1"/>
  <c r="CA151" i="11" s="1"/>
  <c r="CG150" i="11"/>
  <c r="CF150" i="11"/>
  <c r="CE150" i="11"/>
  <c r="CD150" i="11"/>
  <c r="CC150" i="11"/>
  <c r="CB150" i="11"/>
  <c r="CA150" i="11"/>
  <c r="BY150" i="11"/>
  <c r="BX150" i="11"/>
  <c r="BW150" i="11"/>
  <c r="BV150" i="11"/>
  <c r="BU150" i="11"/>
  <c r="BT150" i="11"/>
  <c r="BS150" i="11"/>
  <c r="BR150" i="11"/>
  <c r="BQ150" i="11"/>
  <c r="BP150" i="11"/>
  <c r="BO150" i="11"/>
  <c r="BN150" i="11"/>
  <c r="BM150" i="11"/>
  <c r="BL150" i="11"/>
  <c r="BK150" i="11"/>
  <c r="BJ150" i="11"/>
  <c r="BI150" i="11"/>
  <c r="BH150" i="11"/>
  <c r="BG150" i="11"/>
  <c r="BF150" i="11"/>
  <c r="BE150" i="11"/>
  <c r="BD150" i="11"/>
  <c r="BC150" i="11"/>
  <c r="BA150" i="11"/>
  <c r="BB150" i="11" s="1"/>
  <c r="BZ150" i="11" s="1"/>
  <c r="CG149" i="11"/>
  <c r="CF149" i="11"/>
  <c r="CE149" i="11"/>
  <c r="CD149" i="11"/>
  <c r="CC149" i="11"/>
  <c r="CB149" i="11"/>
  <c r="CA149" i="11"/>
  <c r="BY149" i="11"/>
  <c r="BX149" i="11"/>
  <c r="BW149" i="11"/>
  <c r="BV149" i="11"/>
  <c r="BU149" i="11"/>
  <c r="BT149" i="11"/>
  <c r="BS149" i="11"/>
  <c r="BR149" i="11"/>
  <c r="BQ149" i="11"/>
  <c r="BP149" i="11"/>
  <c r="BO149" i="11"/>
  <c r="BN149" i="11"/>
  <c r="BM149" i="11"/>
  <c r="BL149" i="11"/>
  <c r="BK149" i="11"/>
  <c r="BJ149" i="11"/>
  <c r="BI149" i="11"/>
  <c r="BH149" i="11"/>
  <c r="BG149" i="11"/>
  <c r="BF149" i="11"/>
  <c r="BE149" i="11"/>
  <c r="BD149" i="11"/>
  <c r="BC149" i="11"/>
  <c r="BA149" i="11"/>
  <c r="BB149" i="11" s="1"/>
  <c r="BZ149" i="11" s="1"/>
  <c r="CG148" i="11"/>
  <c r="CF148" i="11"/>
  <c r="CE148" i="11"/>
  <c r="CD148" i="11"/>
  <c r="CC148" i="11"/>
  <c r="CB148" i="11"/>
  <c r="CA148" i="11"/>
  <c r="BY148" i="11"/>
  <c r="BX148" i="11"/>
  <c r="BW148" i="11"/>
  <c r="BV148" i="11"/>
  <c r="BU148" i="11"/>
  <c r="BT148" i="11"/>
  <c r="BS148" i="11"/>
  <c r="BR148" i="11"/>
  <c r="BQ148" i="11"/>
  <c r="BP148" i="11"/>
  <c r="BO148" i="11"/>
  <c r="BN148" i="11"/>
  <c r="BM148" i="11"/>
  <c r="BL148" i="11"/>
  <c r="BK148" i="11"/>
  <c r="BJ148" i="11"/>
  <c r="BI148" i="11"/>
  <c r="BH148" i="11"/>
  <c r="BG148" i="11"/>
  <c r="BF148" i="11"/>
  <c r="BE148" i="11"/>
  <c r="BD148" i="11"/>
  <c r="BC148" i="11"/>
  <c r="BA148" i="11"/>
  <c r="BB148" i="11" s="1"/>
  <c r="BZ148" i="11" s="1"/>
  <c r="CG147" i="11"/>
  <c r="CF147" i="11"/>
  <c r="CE147" i="11"/>
  <c r="CD147" i="11"/>
  <c r="CC147" i="11"/>
  <c r="CB147" i="11"/>
  <c r="CA147" i="11"/>
  <c r="BY147" i="11"/>
  <c r="BX147" i="11"/>
  <c r="BW147" i="11"/>
  <c r="BV147" i="11"/>
  <c r="BU147" i="11"/>
  <c r="BT147" i="11"/>
  <c r="BS147" i="11"/>
  <c r="BR147" i="11"/>
  <c r="BQ147" i="11"/>
  <c r="BP147" i="11"/>
  <c r="BO147" i="11"/>
  <c r="BN147" i="11"/>
  <c r="BM147" i="11"/>
  <c r="BL147" i="11"/>
  <c r="BK147" i="11"/>
  <c r="BJ147" i="11"/>
  <c r="BI147" i="11"/>
  <c r="BH147" i="11"/>
  <c r="BG147" i="11"/>
  <c r="BF147" i="11"/>
  <c r="BE147" i="11"/>
  <c r="BD147" i="11"/>
  <c r="BC147" i="11"/>
  <c r="BA147" i="11"/>
  <c r="BB147" i="11" s="1"/>
  <c r="BZ147" i="11" s="1"/>
  <c r="CG146" i="11"/>
  <c r="CF146" i="11"/>
  <c r="CE146" i="11"/>
  <c r="CD146" i="11"/>
  <c r="CC146" i="11"/>
  <c r="CB146" i="11"/>
  <c r="CA146" i="11"/>
  <c r="BY146" i="11"/>
  <c r="BX146" i="11"/>
  <c r="BW146" i="11"/>
  <c r="BV146" i="11"/>
  <c r="BU146" i="11"/>
  <c r="BT146" i="11"/>
  <c r="BS146" i="11"/>
  <c r="BR146" i="11"/>
  <c r="BQ146" i="11"/>
  <c r="BP146" i="11"/>
  <c r="BO146" i="11"/>
  <c r="BN146" i="11"/>
  <c r="BM146" i="11"/>
  <c r="BL146" i="11"/>
  <c r="BK146" i="11"/>
  <c r="BJ146" i="11"/>
  <c r="BI146" i="11"/>
  <c r="BH146" i="11"/>
  <c r="BG146" i="11"/>
  <c r="BF146" i="11"/>
  <c r="BE146" i="11"/>
  <c r="BD146" i="11"/>
  <c r="BC146" i="11"/>
  <c r="BA146" i="11"/>
  <c r="BB146" i="11" s="1"/>
  <c r="BZ146" i="11" s="1"/>
  <c r="CG145" i="11"/>
  <c r="CF145" i="11"/>
  <c r="CE145" i="11"/>
  <c r="CD145" i="11"/>
  <c r="CC145" i="11"/>
  <c r="CB145" i="11"/>
  <c r="CA145" i="11"/>
  <c r="BY145" i="11"/>
  <c r="BX145" i="11"/>
  <c r="BW145" i="11"/>
  <c r="BV145" i="11"/>
  <c r="BU145" i="11"/>
  <c r="BT145" i="11"/>
  <c r="BS145" i="11"/>
  <c r="BR145" i="11"/>
  <c r="BQ145" i="11"/>
  <c r="BP145" i="11"/>
  <c r="BO145" i="11"/>
  <c r="BN145" i="11"/>
  <c r="BM145" i="11"/>
  <c r="BL145" i="11"/>
  <c r="BK145" i="11"/>
  <c r="BJ145" i="11"/>
  <c r="BI145" i="11"/>
  <c r="BH145" i="11"/>
  <c r="BG145" i="11"/>
  <c r="BF145" i="11"/>
  <c r="BE145" i="11"/>
  <c r="BD145" i="11"/>
  <c r="BC145" i="11"/>
  <c r="BA145" i="11"/>
  <c r="BB145" i="11" s="1"/>
  <c r="BZ145" i="11" s="1"/>
  <c r="CG144" i="11"/>
  <c r="CF144" i="11"/>
  <c r="CE144" i="11"/>
  <c r="CD144" i="11"/>
  <c r="CC144" i="11"/>
  <c r="CB144" i="11"/>
  <c r="CA144" i="11"/>
  <c r="BY144" i="11"/>
  <c r="BX144" i="11"/>
  <c r="BW144" i="11"/>
  <c r="BV144" i="11"/>
  <c r="BU144" i="11"/>
  <c r="BT144" i="11"/>
  <c r="BS144" i="11"/>
  <c r="BR144" i="11"/>
  <c r="BQ144" i="11"/>
  <c r="BP144" i="11"/>
  <c r="BO144" i="11"/>
  <c r="BN144" i="11"/>
  <c r="BM144" i="11"/>
  <c r="BL144" i="11"/>
  <c r="BK144" i="11"/>
  <c r="BJ144" i="11"/>
  <c r="BI144" i="11"/>
  <c r="BH144" i="11"/>
  <c r="BG144" i="11"/>
  <c r="BF144" i="11"/>
  <c r="BE144" i="11"/>
  <c r="BD144" i="11"/>
  <c r="BC144" i="11"/>
  <c r="BA144" i="11"/>
  <c r="BB144" i="11" s="1"/>
  <c r="BZ144" i="11" s="1"/>
  <c r="CG143" i="11"/>
  <c r="CF143" i="11"/>
  <c r="CE143" i="11"/>
  <c r="CD143" i="11"/>
  <c r="CC143" i="11"/>
  <c r="CB143" i="11"/>
  <c r="CA143" i="11"/>
  <c r="BY143" i="11"/>
  <c r="BX143" i="11"/>
  <c r="BW143" i="11"/>
  <c r="BV143" i="11"/>
  <c r="BU143" i="11"/>
  <c r="BT143" i="11"/>
  <c r="BS143" i="11"/>
  <c r="BR143" i="11"/>
  <c r="BQ143" i="11"/>
  <c r="BP143" i="11"/>
  <c r="BO143" i="11"/>
  <c r="BN143" i="11"/>
  <c r="BM143" i="11"/>
  <c r="BL143" i="11"/>
  <c r="BK143" i="11"/>
  <c r="BJ143" i="11"/>
  <c r="BI143" i="11"/>
  <c r="BH143" i="11"/>
  <c r="BG143" i="11"/>
  <c r="BF143" i="11"/>
  <c r="BE143" i="11"/>
  <c r="BD143" i="11"/>
  <c r="BC143" i="11"/>
  <c r="BA143" i="11"/>
  <c r="BB143" i="11" s="1"/>
  <c r="BZ143" i="11" s="1"/>
  <c r="CG142" i="11"/>
  <c r="CF142" i="11"/>
  <c r="CE142" i="11"/>
  <c r="CD142" i="11"/>
  <c r="CC142" i="11"/>
  <c r="CB142" i="11"/>
  <c r="CA142" i="11"/>
  <c r="BZ142" i="11"/>
  <c r="BX142" i="11"/>
  <c r="BW142" i="11"/>
  <c r="BV142" i="11"/>
  <c r="BU142" i="11"/>
  <c r="BT142" i="11"/>
  <c r="BS142" i="11"/>
  <c r="BR142" i="11"/>
  <c r="BQ142" i="11"/>
  <c r="BP142" i="11"/>
  <c r="BO142" i="11"/>
  <c r="BN142" i="11"/>
  <c r="BM142" i="11"/>
  <c r="BL142" i="11"/>
  <c r="BK142" i="11"/>
  <c r="BJ142" i="11"/>
  <c r="BI142" i="11"/>
  <c r="BH142" i="11"/>
  <c r="BG142" i="11"/>
  <c r="BF142" i="11"/>
  <c r="BE142" i="11"/>
  <c r="BD142" i="11"/>
  <c r="BC142" i="11"/>
  <c r="BA142" i="11"/>
  <c r="BB142" i="11" s="1"/>
  <c r="BY142" i="11" s="1"/>
  <c r="CG141" i="11"/>
  <c r="CF141" i="11"/>
  <c r="CE141" i="11"/>
  <c r="CD141" i="11"/>
  <c r="CC141" i="11"/>
  <c r="CB141" i="11"/>
  <c r="CA141" i="11"/>
  <c r="BZ141" i="11"/>
  <c r="BX141" i="11"/>
  <c r="BW141" i="11"/>
  <c r="BV141" i="11"/>
  <c r="BU141" i="11"/>
  <c r="BT141" i="11"/>
  <c r="BS141" i="11"/>
  <c r="BR141" i="11"/>
  <c r="BQ141" i="11"/>
  <c r="BP141" i="11"/>
  <c r="BO141" i="11"/>
  <c r="BN141" i="11"/>
  <c r="BM141" i="11"/>
  <c r="BL141" i="11"/>
  <c r="BK141" i="11"/>
  <c r="BJ141" i="11"/>
  <c r="BI141" i="11"/>
  <c r="BH141" i="11"/>
  <c r="BG141" i="11"/>
  <c r="BF141" i="11"/>
  <c r="BE141" i="11"/>
  <c r="BD141" i="11"/>
  <c r="BC141" i="11"/>
  <c r="BA141" i="11"/>
  <c r="BB141" i="11" s="1"/>
  <c r="BY141" i="11" s="1"/>
  <c r="CG140" i="11"/>
  <c r="CF140" i="11"/>
  <c r="CE140" i="11"/>
  <c r="CD140" i="11"/>
  <c r="CC140" i="11"/>
  <c r="CB140" i="11"/>
  <c r="CA140" i="11"/>
  <c r="BZ140" i="11"/>
  <c r="BX140" i="11"/>
  <c r="BW140" i="11"/>
  <c r="BV140" i="11"/>
  <c r="BU140" i="11"/>
  <c r="BT140" i="11"/>
  <c r="BS140" i="11"/>
  <c r="BR140" i="11"/>
  <c r="BQ140" i="11"/>
  <c r="BP140" i="11"/>
  <c r="BO140" i="11"/>
  <c r="BN140" i="11"/>
  <c r="BM140" i="11"/>
  <c r="BL140" i="11"/>
  <c r="BK140" i="11"/>
  <c r="BJ140" i="11"/>
  <c r="BI140" i="11"/>
  <c r="BH140" i="11"/>
  <c r="BG140" i="11"/>
  <c r="BF140" i="11"/>
  <c r="BE140" i="11"/>
  <c r="BD140" i="11"/>
  <c r="BC140" i="11"/>
  <c r="BA140" i="11"/>
  <c r="BB140" i="11" s="1"/>
  <c r="BY140" i="11" s="1"/>
  <c r="CG139" i="11"/>
  <c r="CF139" i="11"/>
  <c r="CE139" i="11"/>
  <c r="CD139" i="11"/>
  <c r="CC139" i="11"/>
  <c r="CB139" i="11"/>
  <c r="CA139" i="11"/>
  <c r="BZ139" i="11"/>
  <c r="BX139" i="11"/>
  <c r="BW139" i="11"/>
  <c r="BV139" i="11"/>
  <c r="BU139" i="11"/>
  <c r="BT139" i="11"/>
  <c r="BS139" i="11"/>
  <c r="BR139" i="11"/>
  <c r="BQ139" i="11"/>
  <c r="BP139" i="11"/>
  <c r="BO139" i="11"/>
  <c r="BN139" i="11"/>
  <c r="BM139" i="11"/>
  <c r="BL139" i="11"/>
  <c r="BK139" i="11"/>
  <c r="BJ139" i="11"/>
  <c r="BI139" i="11"/>
  <c r="BH139" i="11"/>
  <c r="BG139" i="11"/>
  <c r="BF139" i="11"/>
  <c r="BE139" i="11"/>
  <c r="BD139" i="11"/>
  <c r="BC139" i="11"/>
  <c r="BA139" i="11"/>
  <c r="BB139" i="11" s="1"/>
  <c r="BY139" i="11" s="1"/>
  <c r="CG138" i="11"/>
  <c r="CF138" i="11"/>
  <c r="CE138" i="11"/>
  <c r="CD138" i="11"/>
  <c r="CC138" i="11"/>
  <c r="CB138" i="11"/>
  <c r="CA138" i="11"/>
  <c r="BZ138" i="11"/>
  <c r="BX138" i="11"/>
  <c r="BW138" i="11"/>
  <c r="BV138" i="11"/>
  <c r="BU138" i="11"/>
  <c r="BT138" i="11"/>
  <c r="BS138" i="11"/>
  <c r="BR138" i="11"/>
  <c r="BQ138" i="11"/>
  <c r="BP138" i="11"/>
  <c r="BO138" i="11"/>
  <c r="BN138" i="11"/>
  <c r="BM138" i="11"/>
  <c r="BL138" i="11"/>
  <c r="BK138" i="11"/>
  <c r="BJ138" i="11"/>
  <c r="BI138" i="11"/>
  <c r="BH138" i="11"/>
  <c r="BG138" i="11"/>
  <c r="BF138" i="11"/>
  <c r="BE138" i="11"/>
  <c r="BD138" i="11"/>
  <c r="BC138" i="11"/>
  <c r="BA138" i="11"/>
  <c r="BB138" i="11" s="1"/>
  <c r="BY138" i="11" s="1"/>
  <c r="CG137" i="11"/>
  <c r="CF137" i="11"/>
  <c r="CE137" i="11"/>
  <c r="CD137" i="11"/>
  <c r="CC137" i="11"/>
  <c r="CB137" i="11"/>
  <c r="CA137" i="11"/>
  <c r="BZ137" i="11"/>
  <c r="BX137" i="11"/>
  <c r="BW137" i="11"/>
  <c r="BV137" i="11"/>
  <c r="BU137" i="11"/>
  <c r="BT137" i="11"/>
  <c r="BS137" i="11"/>
  <c r="BR137" i="11"/>
  <c r="BQ137" i="11"/>
  <c r="BP137" i="11"/>
  <c r="BO137" i="11"/>
  <c r="BN137" i="11"/>
  <c r="BM137" i="11"/>
  <c r="BL137" i="11"/>
  <c r="BK137" i="11"/>
  <c r="BJ137" i="11"/>
  <c r="BI137" i="11"/>
  <c r="BH137" i="11"/>
  <c r="BG137" i="11"/>
  <c r="BF137" i="11"/>
  <c r="BE137" i="11"/>
  <c r="BD137" i="11"/>
  <c r="BC137" i="11"/>
  <c r="BA137" i="11"/>
  <c r="BB137" i="11" s="1"/>
  <c r="BY137" i="11" s="1"/>
  <c r="CG136" i="11"/>
  <c r="CF136" i="11"/>
  <c r="CE136" i="11"/>
  <c r="CD136" i="11"/>
  <c r="CC136" i="11"/>
  <c r="CB136" i="11"/>
  <c r="CA136" i="11"/>
  <c r="BZ136" i="11"/>
  <c r="BX136" i="11"/>
  <c r="BW136" i="11"/>
  <c r="BV136" i="11"/>
  <c r="BU136" i="11"/>
  <c r="BT136" i="11"/>
  <c r="BS136" i="11"/>
  <c r="BR136" i="11"/>
  <c r="BQ136" i="11"/>
  <c r="BP136" i="11"/>
  <c r="BO136" i="11"/>
  <c r="BN136" i="11"/>
  <c r="BM136" i="11"/>
  <c r="BL136" i="11"/>
  <c r="BK136" i="11"/>
  <c r="BJ136" i="11"/>
  <c r="BI136" i="11"/>
  <c r="BH136" i="11"/>
  <c r="BG136" i="11"/>
  <c r="BF136" i="11"/>
  <c r="BE136" i="11"/>
  <c r="BD136" i="11"/>
  <c r="BC136" i="11"/>
  <c r="BA136" i="11"/>
  <c r="BB136" i="11" s="1"/>
  <c r="BY136" i="11" s="1"/>
  <c r="CG135" i="11"/>
  <c r="CF135" i="11"/>
  <c r="CE135" i="11"/>
  <c r="CD135" i="11"/>
  <c r="CC135" i="11"/>
  <c r="CB135" i="11"/>
  <c r="CA135" i="11"/>
  <c r="BZ135" i="11"/>
  <c r="BX135" i="11"/>
  <c r="BW135" i="11"/>
  <c r="BV135" i="11"/>
  <c r="BU135" i="11"/>
  <c r="BT135" i="11"/>
  <c r="BS135" i="11"/>
  <c r="BR135" i="11"/>
  <c r="BQ135" i="11"/>
  <c r="BP135" i="11"/>
  <c r="BO135" i="11"/>
  <c r="BN135" i="11"/>
  <c r="BM135" i="11"/>
  <c r="BL135" i="11"/>
  <c r="BK135" i="11"/>
  <c r="BJ135" i="11"/>
  <c r="BI135" i="11"/>
  <c r="BH135" i="11"/>
  <c r="BG135" i="11"/>
  <c r="BF135" i="11"/>
  <c r="BE135" i="11"/>
  <c r="BD135" i="11"/>
  <c r="BC135" i="11"/>
  <c r="BA135" i="11"/>
  <c r="BB135" i="11" s="1"/>
  <c r="BY135" i="11" s="1"/>
  <c r="CG134" i="11"/>
  <c r="CF134" i="11"/>
  <c r="CE134" i="11"/>
  <c r="CD134" i="11"/>
  <c r="CC134" i="11"/>
  <c r="CB134" i="11"/>
  <c r="CA134" i="11"/>
  <c r="BZ134" i="11"/>
  <c r="BY134" i="11"/>
  <c r="BW134" i="11"/>
  <c r="BV134" i="11"/>
  <c r="BU134" i="11"/>
  <c r="BT134" i="11"/>
  <c r="BS134" i="11"/>
  <c r="BR134" i="11"/>
  <c r="BQ134" i="11"/>
  <c r="BP134" i="11"/>
  <c r="BO134" i="11"/>
  <c r="BN134" i="11"/>
  <c r="BM134" i="11"/>
  <c r="BL134" i="11"/>
  <c r="BK134" i="11"/>
  <c r="BJ134" i="11"/>
  <c r="BI134" i="11"/>
  <c r="BH134" i="11"/>
  <c r="BG134" i="11"/>
  <c r="BF134" i="11"/>
  <c r="BE134" i="11"/>
  <c r="BD134" i="11"/>
  <c r="BC134" i="11"/>
  <c r="BA134" i="11"/>
  <c r="BB134" i="11" s="1"/>
  <c r="BX134" i="11" s="1"/>
  <c r="CG133" i="11"/>
  <c r="CF133" i="11"/>
  <c r="CE133" i="11"/>
  <c r="CD133" i="11"/>
  <c r="CC133" i="11"/>
  <c r="CB133" i="11"/>
  <c r="CA133" i="11"/>
  <c r="BZ133" i="11"/>
  <c r="BY133" i="11"/>
  <c r="BW133" i="11"/>
  <c r="BV133" i="11"/>
  <c r="BU133" i="11"/>
  <c r="BT133" i="11"/>
  <c r="BS133" i="11"/>
  <c r="BR133" i="11"/>
  <c r="BQ133" i="11"/>
  <c r="BP133" i="11"/>
  <c r="BO133" i="11"/>
  <c r="BN133" i="11"/>
  <c r="BM133" i="11"/>
  <c r="BL133" i="11"/>
  <c r="BK133" i="11"/>
  <c r="BJ133" i="11"/>
  <c r="BI133" i="11"/>
  <c r="BH133" i="11"/>
  <c r="BG133" i="11"/>
  <c r="BF133" i="11"/>
  <c r="BE133" i="11"/>
  <c r="BD133" i="11"/>
  <c r="BC133" i="11"/>
  <c r="BA133" i="11"/>
  <c r="BB133" i="11" s="1"/>
  <c r="BX133" i="11" s="1"/>
  <c r="CG132" i="11"/>
  <c r="CF132" i="11"/>
  <c r="CE132" i="11"/>
  <c r="CD132" i="11"/>
  <c r="CC132" i="11"/>
  <c r="CB132" i="11"/>
  <c r="CA132" i="11"/>
  <c r="BZ132" i="11"/>
  <c r="BY132" i="11"/>
  <c r="BW132" i="11"/>
  <c r="BV132" i="11"/>
  <c r="BU132" i="11"/>
  <c r="BT132" i="11"/>
  <c r="BS132" i="11"/>
  <c r="BR132" i="11"/>
  <c r="BQ132" i="11"/>
  <c r="BP132" i="11"/>
  <c r="BO132" i="11"/>
  <c r="BN132" i="11"/>
  <c r="BM132" i="11"/>
  <c r="BL132" i="11"/>
  <c r="BK132" i="11"/>
  <c r="BJ132" i="11"/>
  <c r="BI132" i="11"/>
  <c r="BH132" i="11"/>
  <c r="BG132" i="11"/>
  <c r="BF132" i="11"/>
  <c r="BE132" i="11"/>
  <c r="BD132" i="11"/>
  <c r="BC132" i="11"/>
  <c r="BA132" i="11"/>
  <c r="BB132" i="11" s="1"/>
  <c r="BX132" i="11" s="1"/>
  <c r="CG131" i="11"/>
  <c r="CF131" i="11"/>
  <c r="CE131" i="11"/>
  <c r="CD131" i="11"/>
  <c r="CC131" i="11"/>
  <c r="CB131" i="11"/>
  <c r="CA131" i="11"/>
  <c r="BZ131" i="11"/>
  <c r="BY131" i="11"/>
  <c r="BW131" i="11"/>
  <c r="BV131" i="11"/>
  <c r="BU131" i="11"/>
  <c r="BT131" i="11"/>
  <c r="BS131" i="11"/>
  <c r="BR131" i="11"/>
  <c r="BQ131" i="11"/>
  <c r="BP131" i="11"/>
  <c r="BO131" i="11"/>
  <c r="BN131" i="11"/>
  <c r="BM131" i="11"/>
  <c r="BL131" i="11"/>
  <c r="BK131" i="11"/>
  <c r="BJ131" i="11"/>
  <c r="BI131" i="11"/>
  <c r="BH131" i="11"/>
  <c r="BG131" i="11"/>
  <c r="BF131" i="11"/>
  <c r="BE131" i="11"/>
  <c r="BD131" i="11"/>
  <c r="BC131" i="11"/>
  <c r="BA131" i="11"/>
  <c r="BB131" i="11" s="1"/>
  <c r="BX131" i="11" s="1"/>
  <c r="CG130" i="11"/>
  <c r="CF130" i="11"/>
  <c r="CE130" i="11"/>
  <c r="CD130" i="11"/>
  <c r="CC130" i="11"/>
  <c r="CB130" i="11"/>
  <c r="CA130" i="11"/>
  <c r="BZ130" i="11"/>
  <c r="BY130" i="11"/>
  <c r="BW130" i="11"/>
  <c r="BV130" i="11"/>
  <c r="BU130" i="11"/>
  <c r="BT130" i="11"/>
  <c r="BS130" i="11"/>
  <c r="BR130" i="11"/>
  <c r="BQ130" i="11"/>
  <c r="BP130" i="11"/>
  <c r="BO130" i="11"/>
  <c r="BN130" i="11"/>
  <c r="BM130" i="11"/>
  <c r="BL130" i="11"/>
  <c r="BK130" i="11"/>
  <c r="BJ130" i="11"/>
  <c r="BI130" i="11"/>
  <c r="BH130" i="11"/>
  <c r="BG130" i="11"/>
  <c r="BF130" i="11"/>
  <c r="BE130" i="11"/>
  <c r="BD130" i="11"/>
  <c r="BC130" i="11"/>
  <c r="BA130" i="11"/>
  <c r="BB130" i="11" s="1"/>
  <c r="BX130" i="11" s="1"/>
  <c r="CG129" i="11"/>
  <c r="CF129" i="11"/>
  <c r="CE129" i="11"/>
  <c r="CD129" i="11"/>
  <c r="CC129" i="11"/>
  <c r="CB129" i="11"/>
  <c r="CA129" i="11"/>
  <c r="BZ129" i="11"/>
  <c r="BY129" i="11"/>
  <c r="BW129" i="11"/>
  <c r="BV129" i="11"/>
  <c r="BU129" i="11"/>
  <c r="BT129" i="11"/>
  <c r="BS129" i="11"/>
  <c r="BR129" i="11"/>
  <c r="BQ129" i="11"/>
  <c r="BP129" i="11"/>
  <c r="BO129" i="11"/>
  <c r="BN129" i="11"/>
  <c r="BM129" i="11"/>
  <c r="BL129" i="11"/>
  <c r="BK129" i="11"/>
  <c r="BJ129" i="11"/>
  <c r="BI129" i="11"/>
  <c r="BH129" i="11"/>
  <c r="BG129" i="11"/>
  <c r="BF129" i="11"/>
  <c r="BE129" i="11"/>
  <c r="BD129" i="11"/>
  <c r="BC129" i="11"/>
  <c r="BA129" i="11"/>
  <c r="BB129" i="11" s="1"/>
  <c r="BX129" i="11" s="1"/>
  <c r="CG128" i="11"/>
  <c r="CF128" i="11"/>
  <c r="CE128" i="11"/>
  <c r="CD128" i="11"/>
  <c r="CC128" i="11"/>
  <c r="CB128" i="11"/>
  <c r="CA128" i="11"/>
  <c r="BZ128" i="11"/>
  <c r="BY128" i="11"/>
  <c r="BW128" i="11"/>
  <c r="BV128" i="11"/>
  <c r="BU128" i="11"/>
  <c r="BT128" i="11"/>
  <c r="BS128" i="11"/>
  <c r="BR128" i="11"/>
  <c r="BQ128" i="11"/>
  <c r="BP128" i="11"/>
  <c r="BO128" i="11"/>
  <c r="BN128" i="11"/>
  <c r="BM128" i="11"/>
  <c r="BL128" i="11"/>
  <c r="BK128" i="11"/>
  <c r="BJ128" i="11"/>
  <c r="BI128" i="11"/>
  <c r="BH128" i="11"/>
  <c r="BG128" i="11"/>
  <c r="BF128" i="11"/>
  <c r="BE128" i="11"/>
  <c r="BD128" i="11"/>
  <c r="BC128" i="11"/>
  <c r="BA128" i="11"/>
  <c r="BB128" i="11" s="1"/>
  <c r="BX128" i="11" s="1"/>
  <c r="CG127" i="11"/>
  <c r="CF127" i="11"/>
  <c r="CE127" i="11"/>
  <c r="CD127" i="11"/>
  <c r="CC127" i="11"/>
  <c r="CB127" i="11"/>
  <c r="CA127" i="11"/>
  <c r="BZ127" i="11"/>
  <c r="BY127" i="11"/>
  <c r="BW127" i="11"/>
  <c r="BV127" i="11"/>
  <c r="BU127" i="11"/>
  <c r="BT127" i="11"/>
  <c r="BS127" i="11"/>
  <c r="BR127" i="11"/>
  <c r="BQ127" i="11"/>
  <c r="BP127" i="11"/>
  <c r="BO127" i="11"/>
  <c r="BN127" i="11"/>
  <c r="BM127" i="11"/>
  <c r="BL127" i="11"/>
  <c r="BK127" i="11"/>
  <c r="BJ127" i="11"/>
  <c r="BI127" i="11"/>
  <c r="BH127" i="11"/>
  <c r="BG127" i="11"/>
  <c r="BF127" i="11"/>
  <c r="BE127" i="11"/>
  <c r="BD127" i="11"/>
  <c r="BC127" i="11"/>
  <c r="BA127" i="11"/>
  <c r="BB127" i="11" s="1"/>
  <c r="BX127" i="11" s="1"/>
  <c r="CG126" i="11"/>
  <c r="CE126" i="11"/>
  <c r="CD126" i="11"/>
  <c r="CC126" i="11"/>
  <c r="CB126" i="11"/>
  <c r="CA126" i="11"/>
  <c r="BZ126" i="11"/>
  <c r="BY126" i="11"/>
  <c r="BX126" i="11"/>
  <c r="BW126" i="11"/>
  <c r="BV126" i="11"/>
  <c r="BU126" i="11"/>
  <c r="BT126" i="11"/>
  <c r="BS126" i="11"/>
  <c r="BR126" i="11"/>
  <c r="BQ126" i="11"/>
  <c r="BP126" i="11"/>
  <c r="BO126" i="11"/>
  <c r="BN126" i="11"/>
  <c r="BM126" i="11"/>
  <c r="BL126" i="11"/>
  <c r="BK126" i="11"/>
  <c r="BJ126" i="11"/>
  <c r="BI126" i="11"/>
  <c r="BH126" i="11"/>
  <c r="BG126" i="11"/>
  <c r="BF126" i="11"/>
  <c r="BE126" i="11"/>
  <c r="BD126" i="11"/>
  <c r="BC126" i="11"/>
  <c r="BA126" i="11"/>
  <c r="BB126" i="11" s="1"/>
  <c r="CF126" i="11" s="1"/>
  <c r="CG125" i="11"/>
  <c r="CF125" i="11"/>
  <c r="CE125" i="11"/>
  <c r="CD125" i="11"/>
  <c r="CC125" i="11"/>
  <c r="CB125" i="11"/>
  <c r="CA125" i="11"/>
  <c r="BZ125" i="11"/>
  <c r="BY125" i="11"/>
  <c r="BX125" i="11"/>
  <c r="BW125" i="11"/>
  <c r="BV125" i="11"/>
  <c r="BU125" i="11"/>
  <c r="BT125" i="11"/>
  <c r="BS125" i="11"/>
  <c r="BR125" i="11"/>
  <c r="BQ125" i="11"/>
  <c r="BP125" i="11"/>
  <c r="BO125" i="11"/>
  <c r="BN125" i="11"/>
  <c r="BM125" i="11"/>
  <c r="BL125" i="11"/>
  <c r="BK125" i="11"/>
  <c r="BJ125" i="11"/>
  <c r="BI125" i="11"/>
  <c r="BH125" i="11"/>
  <c r="BG125" i="11"/>
  <c r="BF125" i="11"/>
  <c r="BE125" i="11"/>
  <c r="BD125" i="11"/>
  <c r="BC125" i="11"/>
  <c r="BA125" i="11"/>
  <c r="CG124" i="11"/>
  <c r="CF124" i="11"/>
  <c r="CE124" i="11"/>
  <c r="CD124" i="11"/>
  <c r="CC124" i="11"/>
  <c r="CB124" i="11"/>
  <c r="CA124" i="11"/>
  <c r="BZ124" i="11"/>
  <c r="BY124" i="11"/>
  <c r="BX124" i="11"/>
  <c r="BW124" i="11"/>
  <c r="BV124" i="11"/>
  <c r="BU124" i="11"/>
  <c r="BT124" i="11"/>
  <c r="BS124" i="11"/>
  <c r="BR124" i="11"/>
  <c r="BQ124" i="11"/>
  <c r="BP124" i="11"/>
  <c r="BO124" i="11"/>
  <c r="BN124" i="11"/>
  <c r="BM124" i="11"/>
  <c r="BL124" i="11"/>
  <c r="BK124" i="11"/>
  <c r="BJ124" i="11"/>
  <c r="BI124" i="11"/>
  <c r="BH124" i="11"/>
  <c r="BG124" i="11"/>
  <c r="BF124" i="11"/>
  <c r="BE124" i="11"/>
  <c r="BD124" i="11"/>
  <c r="BC124" i="11"/>
  <c r="BA124" i="11"/>
  <c r="CG123" i="11"/>
  <c r="CF123" i="11"/>
  <c r="CE123" i="11"/>
  <c r="CD123" i="11"/>
  <c r="CC123" i="11"/>
  <c r="CB123" i="11"/>
  <c r="CA123" i="11"/>
  <c r="BZ123" i="11"/>
  <c r="BY123" i="11"/>
  <c r="BX123" i="11"/>
  <c r="BW123" i="11"/>
  <c r="BV123" i="11"/>
  <c r="BU123" i="11"/>
  <c r="BT123" i="11"/>
  <c r="BS123" i="11"/>
  <c r="BR123" i="11"/>
  <c r="BQ123" i="11"/>
  <c r="BP123" i="11"/>
  <c r="BO123" i="11"/>
  <c r="BN123" i="11"/>
  <c r="BM123" i="11"/>
  <c r="BL123" i="11"/>
  <c r="BK123" i="11"/>
  <c r="BJ123" i="11"/>
  <c r="BI123" i="11"/>
  <c r="BH123" i="11"/>
  <c r="BG123" i="11"/>
  <c r="BF123" i="11"/>
  <c r="BE123" i="11"/>
  <c r="BD123" i="11"/>
  <c r="BC123" i="11"/>
  <c r="BA123" i="11"/>
  <c r="CG122" i="11"/>
  <c r="CE122" i="11"/>
  <c r="CD122" i="11"/>
  <c r="CC122" i="11"/>
  <c r="CB122" i="11"/>
  <c r="CA122" i="11"/>
  <c r="BZ122" i="11"/>
  <c r="BY122" i="11"/>
  <c r="BX122" i="11"/>
  <c r="BW122" i="11"/>
  <c r="BV122" i="11"/>
  <c r="BU122" i="11"/>
  <c r="BT122" i="11"/>
  <c r="BS122" i="11"/>
  <c r="BR122" i="11"/>
  <c r="BQ122" i="11"/>
  <c r="BP122" i="11"/>
  <c r="BO122" i="11"/>
  <c r="BN122" i="11"/>
  <c r="BM122" i="11"/>
  <c r="BL122" i="11"/>
  <c r="BK122" i="11"/>
  <c r="BJ122" i="11"/>
  <c r="BI122" i="11"/>
  <c r="BH122" i="11"/>
  <c r="BG122" i="11"/>
  <c r="BF122" i="11"/>
  <c r="BE122" i="11"/>
  <c r="BD122" i="11"/>
  <c r="BC122" i="11"/>
  <c r="BA122" i="11"/>
  <c r="BB122" i="11" s="1"/>
  <c r="CF122" i="11" s="1"/>
  <c r="CG121" i="11"/>
  <c r="CE121" i="11"/>
  <c r="CD121" i="11"/>
  <c r="CC121" i="11"/>
  <c r="CB121" i="11"/>
  <c r="CA121" i="11"/>
  <c r="BZ121" i="11"/>
  <c r="BY121" i="11"/>
  <c r="BX121" i="11"/>
  <c r="BW121" i="11"/>
  <c r="BV121" i="11"/>
  <c r="BU121" i="11"/>
  <c r="BT121" i="11"/>
  <c r="BS121" i="11"/>
  <c r="BR121" i="11"/>
  <c r="BQ121" i="11"/>
  <c r="BP121" i="11"/>
  <c r="BO121" i="11"/>
  <c r="BN121" i="11"/>
  <c r="BM121" i="11"/>
  <c r="BL121" i="11"/>
  <c r="BK121" i="11"/>
  <c r="BJ121" i="11"/>
  <c r="BI121" i="11"/>
  <c r="BH121" i="11"/>
  <c r="BG121" i="11"/>
  <c r="BF121" i="11"/>
  <c r="BE121" i="11"/>
  <c r="BD121" i="11"/>
  <c r="BC121" i="11"/>
  <c r="BA121" i="11"/>
  <c r="BB121" i="11" s="1"/>
  <c r="CF121" i="11" s="1"/>
  <c r="CG120" i="11"/>
  <c r="CE120" i="11"/>
  <c r="CD120" i="11"/>
  <c r="CC120" i="11"/>
  <c r="CB120" i="11"/>
  <c r="CA120" i="11"/>
  <c r="BZ120" i="11"/>
  <c r="BY120" i="11"/>
  <c r="BX120" i="11"/>
  <c r="BW120" i="11"/>
  <c r="BV120" i="11"/>
  <c r="BU120" i="11"/>
  <c r="BT120" i="11"/>
  <c r="BS120" i="11"/>
  <c r="BR120" i="11"/>
  <c r="BQ120" i="11"/>
  <c r="BP120" i="11"/>
  <c r="BO120" i="11"/>
  <c r="BN120" i="11"/>
  <c r="BM120" i="11"/>
  <c r="BL120" i="11"/>
  <c r="BK120" i="11"/>
  <c r="BJ120" i="11"/>
  <c r="BI120" i="11"/>
  <c r="BH120" i="11"/>
  <c r="BG120" i="11"/>
  <c r="BF120" i="11"/>
  <c r="BE120" i="11"/>
  <c r="BD120" i="11"/>
  <c r="BC120" i="11"/>
  <c r="BA120" i="11"/>
  <c r="BB120" i="11" s="1"/>
  <c r="CF120" i="11" s="1"/>
  <c r="CG119" i="11"/>
  <c r="CE119" i="11"/>
  <c r="CD119" i="11"/>
  <c r="CC119" i="11"/>
  <c r="CB119" i="11"/>
  <c r="CA119" i="11"/>
  <c r="BZ119" i="11"/>
  <c r="BY119" i="11"/>
  <c r="BX119" i="11"/>
  <c r="BW119" i="11"/>
  <c r="BV119" i="11"/>
  <c r="BU119" i="11"/>
  <c r="BT119" i="11"/>
  <c r="BS119" i="11"/>
  <c r="BR119" i="11"/>
  <c r="BQ119" i="11"/>
  <c r="BP119" i="11"/>
  <c r="BO119" i="11"/>
  <c r="BN119" i="11"/>
  <c r="BM119" i="11"/>
  <c r="BL119" i="11"/>
  <c r="BK119" i="11"/>
  <c r="BJ119" i="11"/>
  <c r="BI119" i="11"/>
  <c r="BH119" i="11"/>
  <c r="BG119" i="11"/>
  <c r="BF119" i="11"/>
  <c r="BE119" i="11"/>
  <c r="BD119" i="11"/>
  <c r="BC119" i="11"/>
  <c r="BA119" i="11"/>
  <c r="BB119" i="11" s="1"/>
  <c r="CF119" i="11" s="1"/>
  <c r="CE118" i="11"/>
  <c r="CD118" i="11"/>
  <c r="CB118" i="11"/>
  <c r="BZ118" i="11"/>
  <c r="BY118" i="11"/>
  <c r="BX118" i="11"/>
  <c r="BV118" i="11"/>
  <c r="BU118" i="11"/>
  <c r="BT118" i="11"/>
  <c r="BR118" i="11"/>
  <c r="BQ118" i="11"/>
  <c r="BP118" i="11"/>
  <c r="BO118" i="11"/>
  <c r="BN118" i="11"/>
  <c r="BM118" i="11"/>
  <c r="BL118" i="11"/>
  <c r="BK118" i="11"/>
  <c r="BJ118" i="11"/>
  <c r="BI118" i="11"/>
  <c r="BH118" i="11"/>
  <c r="BG118" i="11"/>
  <c r="BF118" i="11"/>
  <c r="BE118" i="11"/>
  <c r="BD118" i="11"/>
  <c r="BC118" i="11"/>
  <c r="BA118" i="11"/>
  <c r="BB118" i="11" s="1"/>
  <c r="CG117" i="11"/>
  <c r="CF117" i="11"/>
  <c r="CE117" i="11"/>
  <c r="CD117" i="11"/>
  <c r="CC117" i="11"/>
  <c r="CB117" i="11"/>
  <c r="CA117" i="11"/>
  <c r="BZ117" i="11"/>
  <c r="BY117" i="11"/>
  <c r="BX117" i="11"/>
  <c r="BW117" i="11"/>
  <c r="BV117" i="11"/>
  <c r="BU117" i="11"/>
  <c r="BT117" i="11"/>
  <c r="BS117" i="11"/>
  <c r="BR117" i="11"/>
  <c r="BQ117" i="11"/>
  <c r="BP117" i="11"/>
  <c r="BO117" i="11"/>
  <c r="BN117" i="11"/>
  <c r="BM117" i="11"/>
  <c r="BL117" i="11"/>
  <c r="BK117" i="11"/>
  <c r="BJ117" i="11"/>
  <c r="BI117" i="11"/>
  <c r="BH117" i="11"/>
  <c r="BG117" i="11"/>
  <c r="BF117" i="11"/>
  <c r="BE117" i="11"/>
  <c r="BD117" i="11"/>
  <c r="BC117" i="11"/>
  <c r="BA117" i="11"/>
  <c r="CG116" i="11"/>
  <c r="CF116" i="11"/>
  <c r="CE116" i="11"/>
  <c r="CD116" i="11"/>
  <c r="CC116" i="11"/>
  <c r="CB116" i="11"/>
  <c r="CA116" i="11"/>
  <c r="BZ116" i="11"/>
  <c r="BY116" i="11"/>
  <c r="BX116" i="11"/>
  <c r="BW116" i="11"/>
  <c r="BV116" i="11"/>
  <c r="BU116" i="11"/>
  <c r="BT116" i="11"/>
  <c r="BS116" i="11"/>
  <c r="BR116" i="11"/>
  <c r="BQ116" i="11"/>
  <c r="BP116" i="11"/>
  <c r="BO116" i="11"/>
  <c r="BN116" i="11"/>
  <c r="BM116" i="11"/>
  <c r="BL116" i="11"/>
  <c r="BK116" i="11"/>
  <c r="BJ116" i="11"/>
  <c r="BI116" i="11"/>
  <c r="BH116" i="11"/>
  <c r="BG116" i="11"/>
  <c r="BF116" i="11"/>
  <c r="BE116" i="11"/>
  <c r="BD116" i="11"/>
  <c r="BC116" i="11"/>
  <c r="BA116" i="11"/>
  <c r="CG115" i="11"/>
  <c r="CF115" i="11"/>
  <c r="CE115" i="11"/>
  <c r="CD115" i="11"/>
  <c r="CC115" i="11"/>
  <c r="CB115" i="11"/>
  <c r="CA115" i="11"/>
  <c r="BZ115" i="11"/>
  <c r="BY115" i="11"/>
  <c r="BX115" i="11"/>
  <c r="BW115" i="11"/>
  <c r="BV115" i="11"/>
  <c r="BU115" i="11"/>
  <c r="BT115" i="11"/>
  <c r="BS115" i="11"/>
  <c r="BR115" i="11"/>
  <c r="BQ115" i="11"/>
  <c r="BP115" i="11"/>
  <c r="BO115" i="11"/>
  <c r="BN115" i="11"/>
  <c r="BM115" i="11"/>
  <c r="BL115" i="11"/>
  <c r="BK115" i="11"/>
  <c r="BJ115" i="11"/>
  <c r="BI115" i="11"/>
  <c r="BH115" i="11"/>
  <c r="BG115" i="11"/>
  <c r="BF115" i="11"/>
  <c r="BE115" i="11"/>
  <c r="BD115" i="11"/>
  <c r="BC115" i="11"/>
  <c r="BA115" i="11"/>
  <c r="CG114" i="11"/>
  <c r="CF114" i="11"/>
  <c r="CE114" i="11"/>
  <c r="CD114" i="11"/>
  <c r="CC114" i="11"/>
  <c r="CB114" i="11"/>
  <c r="CA114" i="11"/>
  <c r="BZ114" i="11"/>
  <c r="BY114" i="11"/>
  <c r="BX114" i="11"/>
  <c r="BW114" i="11"/>
  <c r="BV114" i="11"/>
  <c r="BU114" i="11"/>
  <c r="BT114" i="11"/>
  <c r="BS114" i="11"/>
  <c r="BR114" i="11"/>
  <c r="BQ114" i="11"/>
  <c r="BP114" i="11"/>
  <c r="BO114" i="11"/>
  <c r="BN114" i="11"/>
  <c r="BM114" i="11"/>
  <c r="BL114" i="11"/>
  <c r="BK114" i="11"/>
  <c r="BJ114" i="11"/>
  <c r="BI114" i="11"/>
  <c r="BH114" i="11"/>
  <c r="BG114" i="11"/>
  <c r="BF114" i="11"/>
  <c r="BE114" i="11"/>
  <c r="BD114" i="11"/>
  <c r="BC114" i="11"/>
  <c r="BA114" i="11"/>
  <c r="CE113" i="11"/>
  <c r="CD113" i="11"/>
  <c r="CB113" i="11"/>
  <c r="BZ113" i="11"/>
  <c r="BY113" i="11"/>
  <c r="BX113" i="11"/>
  <c r="BV113" i="11"/>
  <c r="BU113" i="11"/>
  <c r="BT113" i="11"/>
  <c r="BR113" i="11"/>
  <c r="BQ113" i="11"/>
  <c r="BP113" i="11"/>
  <c r="BO113" i="11"/>
  <c r="BN113" i="11"/>
  <c r="BM113" i="11"/>
  <c r="BL113" i="11"/>
  <c r="BK113" i="11"/>
  <c r="BJ113" i="11"/>
  <c r="BI113" i="11"/>
  <c r="BH113" i="11"/>
  <c r="BG113" i="11"/>
  <c r="BF113" i="11"/>
  <c r="BE113" i="11"/>
  <c r="BD113" i="11"/>
  <c r="BC113" i="11"/>
  <c r="BA113" i="11"/>
  <c r="BB113" i="11" s="1"/>
  <c r="CF113" i="11" s="1"/>
  <c r="CE112" i="11"/>
  <c r="CD112" i="11"/>
  <c r="CB112" i="11"/>
  <c r="BZ112" i="11"/>
  <c r="BY112" i="11"/>
  <c r="BX112" i="11"/>
  <c r="BV112" i="11"/>
  <c r="BU112" i="11"/>
  <c r="BT112" i="11"/>
  <c r="BR112" i="11"/>
  <c r="BQ112" i="11"/>
  <c r="BP112" i="11"/>
  <c r="BO112" i="11"/>
  <c r="BN112" i="11"/>
  <c r="BM112" i="11"/>
  <c r="BL112" i="11"/>
  <c r="BK112" i="11"/>
  <c r="BJ112" i="11"/>
  <c r="BI112" i="11"/>
  <c r="BH112" i="11"/>
  <c r="BG112" i="11"/>
  <c r="BF112" i="11"/>
  <c r="BE112" i="11"/>
  <c r="BD112" i="11"/>
  <c r="BC112" i="11"/>
  <c r="BA112" i="11"/>
  <c r="BB112" i="11" s="1"/>
  <c r="CE111" i="11"/>
  <c r="CD111" i="11"/>
  <c r="CB111" i="11"/>
  <c r="BZ111" i="11"/>
  <c r="BY111" i="11"/>
  <c r="BX111" i="11"/>
  <c r="BV111" i="11"/>
  <c r="BU111" i="11"/>
  <c r="BT111" i="11"/>
  <c r="BR111" i="11"/>
  <c r="BQ111" i="11"/>
  <c r="BP111" i="11"/>
  <c r="BO111" i="11"/>
  <c r="BN111" i="11"/>
  <c r="BM111" i="11"/>
  <c r="BL111" i="11"/>
  <c r="BK111" i="11"/>
  <c r="BJ111" i="11"/>
  <c r="BI111" i="11"/>
  <c r="BH111" i="11"/>
  <c r="BG111" i="11"/>
  <c r="BF111" i="11"/>
  <c r="BE111" i="11"/>
  <c r="BD111" i="11"/>
  <c r="BC111" i="11"/>
  <c r="BA111" i="11"/>
  <c r="BB111" i="11" s="1"/>
  <c r="CG110" i="11"/>
  <c r="CE110" i="11"/>
  <c r="CD110" i="11"/>
  <c r="CC110" i="11"/>
  <c r="CB110" i="11"/>
  <c r="CA110" i="11"/>
  <c r="BZ110" i="11"/>
  <c r="BY110" i="11"/>
  <c r="BX110" i="11"/>
  <c r="BW110" i="11"/>
  <c r="BV110" i="11"/>
  <c r="BU110" i="11"/>
  <c r="BT110" i="11"/>
  <c r="BS110" i="11"/>
  <c r="BR110" i="11"/>
  <c r="BQ110" i="11"/>
  <c r="BP110" i="11"/>
  <c r="BO110" i="11"/>
  <c r="BN110" i="11"/>
  <c r="BM110" i="11"/>
  <c r="BL110" i="11"/>
  <c r="BK110" i="11"/>
  <c r="BJ110" i="11"/>
  <c r="BI110" i="11"/>
  <c r="BH110" i="11"/>
  <c r="BG110" i="11"/>
  <c r="BF110" i="11"/>
  <c r="BE110" i="11"/>
  <c r="BD110" i="11"/>
  <c r="BC110" i="11"/>
  <c r="BA110" i="11"/>
  <c r="S110" i="11"/>
  <c r="CG109" i="11"/>
  <c r="CF109" i="11"/>
  <c r="CE109" i="11"/>
  <c r="CC109" i="11"/>
  <c r="CB109" i="11"/>
  <c r="CA109" i="11"/>
  <c r="BZ109" i="11"/>
  <c r="BY109" i="11"/>
  <c r="BX109" i="11"/>
  <c r="BW109" i="11"/>
  <c r="BV109" i="11"/>
  <c r="BU109" i="11"/>
  <c r="BT109" i="11"/>
  <c r="BS109" i="11"/>
  <c r="BR109" i="11"/>
  <c r="BQ109" i="11"/>
  <c r="BP109" i="11"/>
  <c r="BO109" i="11"/>
  <c r="BN109" i="11"/>
  <c r="BM109" i="11"/>
  <c r="BL109" i="11"/>
  <c r="BK109" i="11"/>
  <c r="BJ109" i="11"/>
  <c r="BI109" i="11"/>
  <c r="BH109" i="11"/>
  <c r="BG109" i="11"/>
  <c r="BF109" i="11"/>
  <c r="BE109" i="11"/>
  <c r="BD109" i="11"/>
  <c r="BC109" i="11"/>
  <c r="BA109" i="11"/>
  <c r="S109" i="11"/>
  <c r="CG108" i="11"/>
  <c r="CF108" i="11"/>
  <c r="CE108" i="11"/>
  <c r="CD108" i="11"/>
  <c r="CC108" i="11"/>
  <c r="CA108" i="11"/>
  <c r="BZ108" i="11"/>
  <c r="BY108" i="11"/>
  <c r="BX108" i="11"/>
  <c r="BW108" i="11"/>
  <c r="BV108" i="11"/>
  <c r="BU108" i="11"/>
  <c r="BT108" i="11"/>
  <c r="BS108" i="11"/>
  <c r="BR108" i="11"/>
  <c r="BQ108" i="11"/>
  <c r="BP108" i="11"/>
  <c r="BO108" i="11"/>
  <c r="BN108" i="11"/>
  <c r="BM108" i="11"/>
  <c r="BL108" i="11"/>
  <c r="BK108" i="11"/>
  <c r="BJ108" i="11"/>
  <c r="BI108" i="11"/>
  <c r="BH108" i="11"/>
  <c r="BG108" i="11"/>
  <c r="BF108" i="11"/>
  <c r="BE108" i="11"/>
  <c r="BD108" i="11"/>
  <c r="BC108" i="11"/>
  <c r="BA108" i="11"/>
  <c r="S108" i="11"/>
  <c r="CG107" i="11"/>
  <c r="CF107" i="11"/>
  <c r="CE107" i="11"/>
  <c r="CD107" i="11"/>
  <c r="CB107" i="11"/>
  <c r="CA107" i="11"/>
  <c r="BZ107" i="11"/>
  <c r="BY107" i="11"/>
  <c r="BX107" i="11"/>
  <c r="BW107" i="11"/>
  <c r="BV107" i="11"/>
  <c r="BU107" i="11"/>
  <c r="BT107" i="11"/>
  <c r="BS107" i="11"/>
  <c r="BR107" i="11"/>
  <c r="BQ107" i="11"/>
  <c r="BP107" i="11"/>
  <c r="BO107" i="11"/>
  <c r="BN107" i="11"/>
  <c r="BM107" i="11"/>
  <c r="BL107" i="11"/>
  <c r="BK107" i="11"/>
  <c r="BJ107" i="11"/>
  <c r="BI107" i="11"/>
  <c r="BH107" i="11"/>
  <c r="BG107" i="11"/>
  <c r="BF107" i="11"/>
  <c r="BE107" i="11"/>
  <c r="BD107" i="11"/>
  <c r="BC107" i="11"/>
  <c r="BA107" i="11"/>
  <c r="S107" i="11"/>
  <c r="CG106" i="11"/>
  <c r="CF106" i="11"/>
  <c r="CE106" i="11"/>
  <c r="CD106" i="11"/>
  <c r="CC106" i="11"/>
  <c r="CB106" i="11"/>
  <c r="CA106" i="11"/>
  <c r="BZ106" i="11"/>
  <c r="BY106" i="11"/>
  <c r="BX106" i="11"/>
  <c r="BV106" i="11"/>
  <c r="BU106" i="11"/>
  <c r="BT106" i="11"/>
  <c r="BS106" i="11"/>
  <c r="BR106" i="11"/>
  <c r="BQ106" i="11"/>
  <c r="BP106" i="11"/>
  <c r="BO106" i="11"/>
  <c r="BN106" i="11"/>
  <c r="BM106" i="11"/>
  <c r="BL106" i="11"/>
  <c r="BK106" i="11"/>
  <c r="BJ106" i="11"/>
  <c r="BI106" i="11"/>
  <c r="BH106" i="11"/>
  <c r="BG106" i="11"/>
  <c r="BF106" i="11"/>
  <c r="BE106" i="11"/>
  <c r="BD106" i="11"/>
  <c r="BC106" i="11"/>
  <c r="BA106" i="11"/>
  <c r="S106" i="11"/>
  <c r="CG105" i="11"/>
  <c r="CF105" i="11"/>
  <c r="CE105" i="11"/>
  <c r="CD105" i="11"/>
  <c r="CC105" i="11"/>
  <c r="CB105" i="11"/>
  <c r="CA105" i="11"/>
  <c r="BZ105" i="11"/>
  <c r="BY105" i="11"/>
  <c r="BX105" i="11"/>
  <c r="BW105" i="11"/>
  <c r="BV105" i="11"/>
  <c r="BT105" i="11"/>
  <c r="BS105" i="11"/>
  <c r="BR105" i="11"/>
  <c r="BQ105" i="11"/>
  <c r="BP105" i="11"/>
  <c r="BO105" i="11"/>
  <c r="BN105" i="11"/>
  <c r="BM105" i="11"/>
  <c r="BL105" i="11"/>
  <c r="BK105" i="11"/>
  <c r="BJ105" i="11"/>
  <c r="BI105" i="11"/>
  <c r="BH105" i="11"/>
  <c r="BG105" i="11"/>
  <c r="BF105" i="11"/>
  <c r="BE105" i="11"/>
  <c r="BD105" i="11"/>
  <c r="BC105" i="11"/>
  <c r="BA105" i="11"/>
  <c r="S105" i="11"/>
  <c r="CG104" i="11"/>
  <c r="CF104" i="11"/>
  <c r="CE104" i="11"/>
  <c r="CD104" i="11"/>
  <c r="CC104" i="11"/>
  <c r="CB104" i="11"/>
  <c r="CA104" i="11"/>
  <c r="BZ104" i="11"/>
  <c r="BY104" i="11"/>
  <c r="BX104" i="11"/>
  <c r="BW104" i="11"/>
  <c r="BU104" i="11"/>
  <c r="BT104" i="11"/>
  <c r="BS104" i="11"/>
  <c r="BR104" i="11"/>
  <c r="BQ104" i="11"/>
  <c r="BP104" i="11"/>
  <c r="BO104" i="11"/>
  <c r="BN104" i="11"/>
  <c r="BM104" i="11"/>
  <c r="BL104" i="11"/>
  <c r="BK104" i="11"/>
  <c r="BJ104" i="11"/>
  <c r="BI104" i="11"/>
  <c r="BH104" i="11"/>
  <c r="BG104" i="11"/>
  <c r="BF104" i="11"/>
  <c r="BE104" i="11"/>
  <c r="BD104" i="11"/>
  <c r="BC104" i="11"/>
  <c r="BA104" i="11"/>
  <c r="S104" i="11"/>
  <c r="CG103" i="11"/>
  <c r="CF103" i="11"/>
  <c r="CE103" i="11"/>
  <c r="CD103" i="11"/>
  <c r="CC103" i="11"/>
  <c r="CB103" i="11"/>
  <c r="CA103" i="11"/>
  <c r="BZ103" i="11"/>
  <c r="BY103" i="11"/>
  <c r="BX103" i="11"/>
  <c r="BW103" i="11"/>
  <c r="BV103" i="11"/>
  <c r="BU103" i="11"/>
  <c r="BS103" i="11"/>
  <c r="BR103" i="11"/>
  <c r="BQ103" i="11"/>
  <c r="BP103" i="11"/>
  <c r="BO103" i="11"/>
  <c r="BN103" i="11"/>
  <c r="BM103" i="11"/>
  <c r="BL103" i="11"/>
  <c r="BK103" i="11"/>
  <c r="BJ103" i="11"/>
  <c r="BI103" i="11"/>
  <c r="BH103" i="11"/>
  <c r="BG103" i="11"/>
  <c r="BF103" i="11"/>
  <c r="BE103" i="11"/>
  <c r="BD103" i="11"/>
  <c r="BC103" i="11"/>
  <c r="BA103" i="11"/>
  <c r="S103" i="11"/>
  <c r="CG102" i="11"/>
  <c r="CF102" i="11"/>
  <c r="CE102" i="11"/>
  <c r="CD102" i="11"/>
  <c r="CC102" i="11"/>
  <c r="CB102" i="11"/>
  <c r="BZ102" i="11"/>
  <c r="BY102" i="11"/>
  <c r="BX102" i="11"/>
  <c r="BW102" i="11"/>
  <c r="BV102" i="11"/>
  <c r="BU102" i="11"/>
  <c r="BT102" i="11"/>
  <c r="BS102" i="11"/>
  <c r="BR102" i="11"/>
  <c r="BQ102" i="11"/>
  <c r="BP102" i="11"/>
  <c r="BO102" i="11"/>
  <c r="BN102" i="11"/>
  <c r="BM102" i="11"/>
  <c r="BL102" i="11"/>
  <c r="BK102" i="11"/>
  <c r="BJ102" i="11"/>
  <c r="BI102" i="11"/>
  <c r="BH102" i="11"/>
  <c r="BG102" i="11"/>
  <c r="BF102" i="11"/>
  <c r="BE102" i="11"/>
  <c r="BD102" i="11"/>
  <c r="BC102" i="11"/>
  <c r="BA102" i="11"/>
  <c r="S102" i="11"/>
  <c r="CG101" i="11"/>
  <c r="CF101" i="11"/>
  <c r="CE101" i="11"/>
  <c r="CD101" i="11"/>
  <c r="CC101" i="11"/>
  <c r="CB101" i="11"/>
  <c r="CA101" i="11"/>
  <c r="BY101" i="11"/>
  <c r="BX101" i="11"/>
  <c r="BW101" i="11"/>
  <c r="BV101" i="11"/>
  <c r="BU101" i="11"/>
  <c r="BT101" i="11"/>
  <c r="BS101" i="11"/>
  <c r="BR101" i="11"/>
  <c r="BQ101" i="11"/>
  <c r="BP101" i="11"/>
  <c r="BO101" i="11"/>
  <c r="BN101" i="11"/>
  <c r="BM101" i="11"/>
  <c r="BL101" i="11"/>
  <c r="BK101" i="11"/>
  <c r="BJ101" i="11"/>
  <c r="BI101" i="11"/>
  <c r="BH101" i="11"/>
  <c r="BG101" i="11"/>
  <c r="BF101" i="11"/>
  <c r="BE101" i="11"/>
  <c r="BD101" i="11"/>
  <c r="BC101" i="11"/>
  <c r="BA101" i="11"/>
  <c r="S101" i="11"/>
  <c r="CG100" i="11"/>
  <c r="CF100" i="11"/>
  <c r="CE100" i="11"/>
  <c r="CD100" i="11"/>
  <c r="CC100" i="11"/>
  <c r="CB100" i="11"/>
  <c r="CA100" i="11"/>
  <c r="BZ100" i="11"/>
  <c r="BX100" i="11"/>
  <c r="BW100" i="11"/>
  <c r="BV100" i="11"/>
  <c r="BU100" i="11"/>
  <c r="BT100" i="11"/>
  <c r="BS100" i="11"/>
  <c r="BR100" i="11"/>
  <c r="BQ100" i="11"/>
  <c r="BP100" i="11"/>
  <c r="BO100" i="11"/>
  <c r="BN100" i="11"/>
  <c r="BM100" i="11"/>
  <c r="BL100" i="11"/>
  <c r="BK100" i="11"/>
  <c r="BJ100" i="11"/>
  <c r="BI100" i="11"/>
  <c r="BH100" i="11"/>
  <c r="BG100" i="11"/>
  <c r="BF100" i="11"/>
  <c r="BE100" i="11"/>
  <c r="BD100" i="11"/>
  <c r="BC100" i="11"/>
  <c r="BA100" i="11"/>
  <c r="S100" i="11"/>
  <c r="CG99" i="11"/>
  <c r="CF99" i="11"/>
  <c r="CE99" i="11"/>
  <c r="CD99" i="11"/>
  <c r="CC99" i="11"/>
  <c r="CB99" i="11"/>
  <c r="CA99" i="11"/>
  <c r="BZ99" i="11"/>
  <c r="BY99" i="11"/>
  <c r="BW99" i="11"/>
  <c r="BV99" i="11"/>
  <c r="BU99" i="11"/>
  <c r="BT99" i="11"/>
  <c r="BS99" i="11"/>
  <c r="BR99" i="11"/>
  <c r="BQ99" i="11"/>
  <c r="BP99" i="11"/>
  <c r="BO99" i="11"/>
  <c r="BN99" i="11"/>
  <c r="BM99" i="11"/>
  <c r="BL99" i="11"/>
  <c r="BK99" i="11"/>
  <c r="BJ99" i="11"/>
  <c r="BI99" i="11"/>
  <c r="BH99" i="11"/>
  <c r="BG99" i="11"/>
  <c r="BF99" i="11"/>
  <c r="BE99" i="11"/>
  <c r="BD99" i="11"/>
  <c r="BC99" i="11"/>
  <c r="BA99" i="11"/>
  <c r="S99" i="11"/>
  <c r="CG98" i="11"/>
  <c r="CF98" i="11"/>
  <c r="CE98" i="11"/>
  <c r="CD98" i="11"/>
  <c r="CC98" i="11"/>
  <c r="CB98" i="11"/>
  <c r="CA98" i="11"/>
  <c r="BZ98" i="11"/>
  <c r="BY98" i="11"/>
  <c r="BX98" i="11"/>
  <c r="BW98" i="11"/>
  <c r="BV98" i="11"/>
  <c r="BU98" i="11"/>
  <c r="BT98" i="11"/>
  <c r="BS98" i="11"/>
  <c r="BR98" i="11"/>
  <c r="BQ98" i="11"/>
  <c r="BP98" i="11"/>
  <c r="BO98" i="11"/>
  <c r="BN98" i="11"/>
  <c r="BM98" i="11"/>
  <c r="BL98" i="11"/>
  <c r="BK98" i="11"/>
  <c r="BJ98" i="11"/>
  <c r="BI98" i="11"/>
  <c r="BH98" i="11"/>
  <c r="BG98" i="11"/>
  <c r="BF98" i="11"/>
  <c r="BE98" i="11"/>
  <c r="BD98" i="11"/>
  <c r="BA98" i="11"/>
  <c r="S98" i="11"/>
  <c r="CG97" i="11"/>
  <c r="CE97" i="11"/>
  <c r="CD97" i="11"/>
  <c r="CC97" i="11"/>
  <c r="CB97" i="11"/>
  <c r="CA97" i="11"/>
  <c r="BZ97" i="11"/>
  <c r="BY97" i="11"/>
  <c r="BX97" i="11"/>
  <c r="BW97" i="11"/>
  <c r="BV97" i="11"/>
  <c r="BU97" i="11"/>
  <c r="BT97" i="11"/>
  <c r="BS97" i="11"/>
  <c r="BR97" i="11"/>
  <c r="BQ97" i="11"/>
  <c r="BP97" i="11"/>
  <c r="BO97" i="11"/>
  <c r="BN97" i="11"/>
  <c r="BM97" i="11"/>
  <c r="BL97" i="11"/>
  <c r="BK97" i="11"/>
  <c r="BJ97" i="11"/>
  <c r="BI97" i="11"/>
  <c r="BH97" i="11"/>
  <c r="BG97" i="11"/>
  <c r="BF97" i="11"/>
  <c r="BE97" i="11"/>
  <c r="BD97" i="11"/>
  <c r="BC97" i="11"/>
  <c r="BA97" i="11"/>
  <c r="S97" i="11"/>
  <c r="CG96" i="11"/>
  <c r="CF96" i="11"/>
  <c r="CE96" i="11"/>
  <c r="CC96" i="11"/>
  <c r="CB96" i="11"/>
  <c r="CA96" i="11"/>
  <c r="BZ96" i="11"/>
  <c r="BY96" i="11"/>
  <c r="BX96" i="11"/>
  <c r="BW96" i="11"/>
  <c r="BV96" i="11"/>
  <c r="BU96" i="11"/>
  <c r="BT96" i="11"/>
  <c r="BS96" i="11"/>
  <c r="BR96" i="11"/>
  <c r="BQ96" i="11"/>
  <c r="BP96" i="11"/>
  <c r="BO96" i="11"/>
  <c r="BN96" i="11"/>
  <c r="BM96" i="11"/>
  <c r="BL96" i="11"/>
  <c r="BK96" i="11"/>
  <c r="BJ96" i="11"/>
  <c r="BI96" i="11"/>
  <c r="BH96" i="11"/>
  <c r="BG96" i="11"/>
  <c r="BF96" i="11"/>
  <c r="BE96" i="11"/>
  <c r="BD96" i="11"/>
  <c r="BC96" i="11"/>
  <c r="BA96" i="11"/>
  <c r="S96" i="11"/>
  <c r="CG95" i="11"/>
  <c r="CF95" i="11"/>
  <c r="CE95" i="11"/>
  <c r="CD95" i="11"/>
  <c r="CC95" i="11"/>
  <c r="CA95" i="11"/>
  <c r="BZ95" i="11"/>
  <c r="BY95" i="11"/>
  <c r="BX95" i="11"/>
  <c r="BW95" i="11"/>
  <c r="BV95" i="11"/>
  <c r="BU95" i="11"/>
  <c r="BT95" i="11"/>
  <c r="BS95" i="11"/>
  <c r="BR95" i="11"/>
  <c r="BQ95" i="11"/>
  <c r="BP95" i="11"/>
  <c r="BO95" i="11"/>
  <c r="BN95" i="11"/>
  <c r="BM95" i="11"/>
  <c r="BL95" i="11"/>
  <c r="BK95" i="11"/>
  <c r="BJ95" i="11"/>
  <c r="BI95" i="11"/>
  <c r="BH95" i="11"/>
  <c r="BG95" i="11"/>
  <c r="BF95" i="11"/>
  <c r="BE95" i="11"/>
  <c r="BD95" i="11"/>
  <c r="BC95" i="11"/>
  <c r="BA95" i="11"/>
  <c r="S95" i="11"/>
  <c r="CG94" i="11"/>
  <c r="CF94" i="11"/>
  <c r="CE94" i="11"/>
  <c r="CD94" i="11"/>
  <c r="CB94" i="11"/>
  <c r="CA94" i="11"/>
  <c r="BZ94" i="11"/>
  <c r="BY94" i="11"/>
  <c r="BX94" i="11"/>
  <c r="BW94" i="11"/>
  <c r="BV94" i="11"/>
  <c r="BU94" i="11"/>
  <c r="BT94" i="11"/>
  <c r="BS94" i="11"/>
  <c r="BR94" i="11"/>
  <c r="BQ94" i="11"/>
  <c r="BP94" i="11"/>
  <c r="BO94" i="11"/>
  <c r="BN94" i="11"/>
  <c r="BM94" i="11"/>
  <c r="BL94" i="11"/>
  <c r="BK94" i="11"/>
  <c r="BJ94" i="11"/>
  <c r="BI94" i="11"/>
  <c r="BH94" i="11"/>
  <c r="BG94" i="11"/>
  <c r="BF94" i="11"/>
  <c r="BE94" i="11"/>
  <c r="BD94" i="11"/>
  <c r="BC94" i="11"/>
  <c r="BA94" i="11"/>
  <c r="S94" i="11"/>
  <c r="CG93" i="11"/>
  <c r="CF93" i="11"/>
  <c r="CE93" i="11"/>
  <c r="CD93" i="11"/>
  <c r="CC93" i="11"/>
  <c r="CB93" i="11"/>
  <c r="CA93" i="11"/>
  <c r="BZ93" i="11"/>
  <c r="BY93" i="11"/>
  <c r="BX93" i="11"/>
  <c r="BV93" i="11"/>
  <c r="BU93" i="11"/>
  <c r="BT93" i="11"/>
  <c r="BS93" i="11"/>
  <c r="BR93" i="11"/>
  <c r="BQ93" i="11"/>
  <c r="BP93" i="11"/>
  <c r="BO93" i="11"/>
  <c r="BN93" i="11"/>
  <c r="BM93" i="11"/>
  <c r="BL93" i="11"/>
  <c r="BK93" i="11"/>
  <c r="BJ93" i="11"/>
  <c r="BI93" i="11"/>
  <c r="BH93" i="11"/>
  <c r="BG93" i="11"/>
  <c r="BF93" i="11"/>
  <c r="BE93" i="11"/>
  <c r="BD93" i="11"/>
  <c r="BC93" i="11"/>
  <c r="BA93" i="11"/>
  <c r="S93" i="11"/>
  <c r="CG92" i="11"/>
  <c r="CF92" i="11"/>
  <c r="CE92" i="11"/>
  <c r="CD92" i="11"/>
  <c r="CC92" i="11"/>
  <c r="CB92" i="11"/>
  <c r="CA92" i="11"/>
  <c r="BZ92" i="11"/>
  <c r="BY92" i="11"/>
  <c r="BX92" i="11"/>
  <c r="BW92" i="11"/>
  <c r="BV92" i="11"/>
  <c r="BT92" i="11"/>
  <c r="BS92" i="11"/>
  <c r="BR92" i="11"/>
  <c r="BQ92" i="11"/>
  <c r="BP92" i="11"/>
  <c r="BO92" i="11"/>
  <c r="BN92" i="11"/>
  <c r="BM92" i="11"/>
  <c r="BL92" i="11"/>
  <c r="BK92" i="11"/>
  <c r="BJ92" i="11"/>
  <c r="BI92" i="11"/>
  <c r="BH92" i="11"/>
  <c r="BG92" i="11"/>
  <c r="BF92" i="11"/>
  <c r="BE92" i="11"/>
  <c r="BD92" i="11"/>
  <c r="BC92" i="11"/>
  <c r="BA92" i="11"/>
  <c r="S92" i="11"/>
  <c r="CG91" i="11"/>
  <c r="CF91" i="11"/>
  <c r="CE91" i="11"/>
  <c r="CD91" i="11"/>
  <c r="CC91" i="11"/>
  <c r="CB91" i="11"/>
  <c r="CA91" i="11"/>
  <c r="BZ91" i="11"/>
  <c r="BY91" i="11"/>
  <c r="BX91" i="11"/>
  <c r="BW91" i="11"/>
  <c r="BU91" i="11"/>
  <c r="BT91" i="11"/>
  <c r="BS91" i="11"/>
  <c r="BR91" i="11"/>
  <c r="BQ91" i="11"/>
  <c r="BP91" i="11"/>
  <c r="BO91" i="11"/>
  <c r="BN91" i="11"/>
  <c r="BM91" i="11"/>
  <c r="BL91" i="11"/>
  <c r="BK91" i="11"/>
  <c r="BJ91" i="11"/>
  <c r="BI91" i="11"/>
  <c r="BH91" i="11"/>
  <c r="BG91" i="11"/>
  <c r="BF91" i="11"/>
  <c r="BE91" i="11"/>
  <c r="BD91" i="11"/>
  <c r="BC91" i="11"/>
  <c r="BA91" i="11"/>
  <c r="S91" i="11"/>
  <c r="CG90" i="11"/>
  <c r="CF90" i="11"/>
  <c r="CE90" i="11"/>
  <c r="CD90" i="11"/>
  <c r="CC90" i="11"/>
  <c r="CB90" i="11"/>
  <c r="CA90" i="11"/>
  <c r="BZ90" i="11"/>
  <c r="BY90" i="11"/>
  <c r="BX90" i="11"/>
  <c r="BW90" i="11"/>
  <c r="BV90" i="11"/>
  <c r="BU90" i="11"/>
  <c r="BS90" i="11"/>
  <c r="BR90" i="11"/>
  <c r="BQ90" i="11"/>
  <c r="BP90" i="11"/>
  <c r="BO90" i="11"/>
  <c r="BN90" i="11"/>
  <c r="BM90" i="11"/>
  <c r="BL90" i="11"/>
  <c r="BK90" i="11"/>
  <c r="BJ90" i="11"/>
  <c r="BI90" i="11"/>
  <c r="BH90" i="11"/>
  <c r="BG90" i="11"/>
  <c r="BF90" i="11"/>
  <c r="BE90" i="11"/>
  <c r="BD90" i="11"/>
  <c r="BC90" i="11"/>
  <c r="BA90" i="11"/>
  <c r="S90" i="11"/>
  <c r="CG89" i="11"/>
  <c r="CF89" i="11"/>
  <c r="CE89" i="11"/>
  <c r="CD89" i="11"/>
  <c r="CC89" i="11"/>
  <c r="CB89" i="11"/>
  <c r="BZ89" i="11"/>
  <c r="BY89" i="11"/>
  <c r="BX89" i="11"/>
  <c r="BW89" i="11"/>
  <c r="BV89" i="11"/>
  <c r="BU89" i="11"/>
  <c r="BT89" i="11"/>
  <c r="BS89" i="11"/>
  <c r="BR89" i="11"/>
  <c r="BQ89" i="11"/>
  <c r="BP89" i="11"/>
  <c r="BO89" i="11"/>
  <c r="BN89" i="11"/>
  <c r="BM89" i="11"/>
  <c r="BL89" i="11"/>
  <c r="BK89" i="11"/>
  <c r="BJ89" i="11"/>
  <c r="BI89" i="11"/>
  <c r="BH89" i="11"/>
  <c r="BG89" i="11"/>
  <c r="BF89" i="11"/>
  <c r="BE89" i="11"/>
  <c r="BD89" i="11"/>
  <c r="BC89" i="11"/>
  <c r="BA89" i="11"/>
  <c r="S89" i="11"/>
  <c r="CG88" i="11"/>
  <c r="CF88" i="11"/>
  <c r="CE88" i="11"/>
  <c r="CD88" i="11"/>
  <c r="CC88" i="11"/>
  <c r="CB88" i="11"/>
  <c r="CA88" i="11"/>
  <c r="BY88" i="11"/>
  <c r="BX88" i="11"/>
  <c r="BW88" i="11"/>
  <c r="BV88" i="11"/>
  <c r="BU88" i="11"/>
  <c r="BT88" i="11"/>
  <c r="BS88" i="11"/>
  <c r="BR88" i="11"/>
  <c r="BQ88" i="11"/>
  <c r="BP88" i="11"/>
  <c r="BO88" i="11"/>
  <c r="BN88" i="11"/>
  <c r="BM88" i="11"/>
  <c r="BL88" i="11"/>
  <c r="BK88" i="11"/>
  <c r="BJ88" i="11"/>
  <c r="BI88" i="11"/>
  <c r="BH88" i="11"/>
  <c r="BG88" i="11"/>
  <c r="BF88" i="11"/>
  <c r="BE88" i="11"/>
  <c r="BD88" i="11"/>
  <c r="BC88" i="11"/>
  <c r="BA88" i="11"/>
  <c r="S88" i="11"/>
  <c r="CG87" i="11"/>
  <c r="CF87" i="11"/>
  <c r="CE87" i="11"/>
  <c r="CD87" i="11"/>
  <c r="CC87" i="11"/>
  <c r="CB87" i="11"/>
  <c r="CA87" i="11"/>
  <c r="BZ87" i="11"/>
  <c r="BX87" i="11"/>
  <c r="BW87" i="11"/>
  <c r="BV87" i="11"/>
  <c r="BU87" i="11"/>
  <c r="BT87" i="11"/>
  <c r="BS87" i="11"/>
  <c r="BR87" i="11"/>
  <c r="BQ87" i="11"/>
  <c r="BP87" i="11"/>
  <c r="BO87" i="11"/>
  <c r="BN87" i="11"/>
  <c r="BM87" i="11"/>
  <c r="BL87" i="11"/>
  <c r="BK87" i="11"/>
  <c r="BJ87" i="11"/>
  <c r="BI87" i="11"/>
  <c r="BH87" i="11"/>
  <c r="BG87" i="11"/>
  <c r="BF87" i="11"/>
  <c r="BE87" i="11"/>
  <c r="BD87" i="11"/>
  <c r="BC87" i="11"/>
  <c r="BA87" i="11"/>
  <c r="S87" i="11"/>
  <c r="CG86" i="11"/>
  <c r="CF86" i="11"/>
  <c r="CE86" i="11"/>
  <c r="CD86" i="11"/>
  <c r="CC86" i="11"/>
  <c r="CB86" i="11"/>
  <c r="CA86" i="11"/>
  <c r="BZ86" i="11"/>
  <c r="BY86" i="11"/>
  <c r="BW86" i="11"/>
  <c r="BV86" i="11"/>
  <c r="BU86" i="11"/>
  <c r="BT86" i="11"/>
  <c r="BS86" i="11"/>
  <c r="BR86" i="11"/>
  <c r="BQ86" i="11"/>
  <c r="BP86" i="11"/>
  <c r="BO86" i="11"/>
  <c r="BN86" i="11"/>
  <c r="BM86" i="11"/>
  <c r="BL86" i="11"/>
  <c r="BK86" i="11"/>
  <c r="BJ86" i="11"/>
  <c r="BI86" i="11"/>
  <c r="BH86" i="11"/>
  <c r="BG86" i="11"/>
  <c r="BF86" i="11"/>
  <c r="BE86" i="11"/>
  <c r="BD86" i="11"/>
  <c r="BC86" i="11"/>
  <c r="BA86" i="11"/>
  <c r="S86" i="11"/>
  <c r="CG85" i="11"/>
  <c r="CF85" i="11"/>
  <c r="CE85" i="11"/>
  <c r="CD85" i="11"/>
  <c r="CC85" i="11"/>
  <c r="CB85" i="11"/>
  <c r="CA85" i="11"/>
  <c r="BZ85" i="11"/>
  <c r="BY85" i="11"/>
  <c r="BX85" i="11"/>
  <c r="BW85" i="11"/>
  <c r="BV85" i="11"/>
  <c r="BU85" i="11"/>
  <c r="BT85" i="11"/>
  <c r="BS85" i="11"/>
  <c r="BR85" i="11"/>
  <c r="BQ85" i="11"/>
  <c r="BP85" i="11"/>
  <c r="BO85" i="11"/>
  <c r="BN85" i="11"/>
  <c r="BM85" i="11"/>
  <c r="BL85" i="11"/>
  <c r="BK85" i="11"/>
  <c r="BJ85" i="11"/>
  <c r="BI85" i="11"/>
  <c r="BH85" i="11"/>
  <c r="BG85" i="11"/>
  <c r="BF85" i="11"/>
  <c r="BE85" i="11"/>
  <c r="BD85" i="11"/>
  <c r="BA85" i="11"/>
  <c r="S85" i="11"/>
  <c r="CG84" i="11"/>
  <c r="CE84" i="11"/>
  <c r="CD84" i="11"/>
  <c r="CC84" i="11"/>
  <c r="CB84" i="11"/>
  <c r="CA84" i="11"/>
  <c r="BZ84" i="11"/>
  <c r="BY84" i="11"/>
  <c r="BX84" i="11"/>
  <c r="BW84" i="11"/>
  <c r="BV84" i="11"/>
  <c r="BU84" i="11"/>
  <c r="BT84" i="11"/>
  <c r="BS84" i="11"/>
  <c r="BR84" i="11"/>
  <c r="BQ84" i="11"/>
  <c r="BP84" i="11"/>
  <c r="BO84" i="11"/>
  <c r="BN84" i="11"/>
  <c r="BM84" i="11"/>
  <c r="BL84" i="11"/>
  <c r="BK84" i="11"/>
  <c r="BJ84" i="11"/>
  <c r="BI84" i="11"/>
  <c r="BH84" i="11"/>
  <c r="BG84" i="11"/>
  <c r="BF84" i="11"/>
  <c r="BE84" i="11"/>
  <c r="BD84" i="11"/>
  <c r="BC84" i="11"/>
  <c r="BA84" i="11"/>
  <c r="S84" i="11"/>
  <c r="CG83" i="11"/>
  <c r="CF83" i="11"/>
  <c r="CE83" i="11"/>
  <c r="CC83" i="11"/>
  <c r="CB83" i="11"/>
  <c r="CA83" i="11"/>
  <c r="BZ83" i="11"/>
  <c r="BY83" i="11"/>
  <c r="BX83" i="11"/>
  <c r="BW83" i="11"/>
  <c r="BV83" i="11"/>
  <c r="BU83" i="11"/>
  <c r="BT83" i="11"/>
  <c r="BS83" i="11"/>
  <c r="BR83" i="11"/>
  <c r="BQ83" i="11"/>
  <c r="BP83" i="11"/>
  <c r="BO83" i="11"/>
  <c r="BN83" i="11"/>
  <c r="BM83" i="11"/>
  <c r="BL83" i="11"/>
  <c r="BK83" i="11"/>
  <c r="BJ83" i="11"/>
  <c r="BI83" i="11"/>
  <c r="BH83" i="11"/>
  <c r="BG83" i="11"/>
  <c r="BF83" i="11"/>
  <c r="BE83" i="11"/>
  <c r="BD83" i="11"/>
  <c r="BC83" i="11"/>
  <c r="BA83" i="11"/>
  <c r="S83" i="11"/>
  <c r="CG82" i="11"/>
  <c r="CF82" i="11"/>
  <c r="CE82" i="11"/>
  <c r="CD82" i="11"/>
  <c r="CC82" i="11"/>
  <c r="CA82" i="11"/>
  <c r="BZ82" i="11"/>
  <c r="BY82" i="11"/>
  <c r="BX82" i="11"/>
  <c r="BW82" i="11"/>
  <c r="BV82" i="11"/>
  <c r="BU82" i="11"/>
  <c r="BT82" i="11"/>
  <c r="BS82" i="11"/>
  <c r="BR82" i="11"/>
  <c r="BQ82" i="11"/>
  <c r="BP82" i="11"/>
  <c r="BO82" i="11"/>
  <c r="BN82" i="11"/>
  <c r="BM82" i="11"/>
  <c r="BL82" i="11"/>
  <c r="BK82" i="11"/>
  <c r="BJ82" i="11"/>
  <c r="BI82" i="11"/>
  <c r="BH82" i="11"/>
  <c r="BG82" i="11"/>
  <c r="BF82" i="11"/>
  <c r="BE82" i="11"/>
  <c r="BD82" i="11"/>
  <c r="BC82" i="11"/>
  <c r="BA82" i="11"/>
  <c r="S82" i="11"/>
  <c r="CG81" i="11"/>
  <c r="CF81" i="11"/>
  <c r="CE81" i="11"/>
  <c r="CD81" i="11"/>
  <c r="CB81" i="11"/>
  <c r="CA81" i="11"/>
  <c r="BZ81" i="11"/>
  <c r="BY81" i="11"/>
  <c r="BX81" i="11"/>
  <c r="BW81" i="11"/>
  <c r="BV81" i="11"/>
  <c r="BU81" i="11"/>
  <c r="BT81" i="11"/>
  <c r="BS81" i="11"/>
  <c r="BR81" i="11"/>
  <c r="BQ81" i="11"/>
  <c r="BP81" i="11"/>
  <c r="BO81" i="11"/>
  <c r="BN81" i="11"/>
  <c r="BM81" i="11"/>
  <c r="BL81" i="11"/>
  <c r="BK81" i="11"/>
  <c r="BJ81" i="11"/>
  <c r="BI81" i="11"/>
  <c r="BH81" i="11"/>
  <c r="BG81" i="11"/>
  <c r="BF81" i="11"/>
  <c r="BE81" i="11"/>
  <c r="BD81" i="11"/>
  <c r="BC81" i="11"/>
  <c r="BA81" i="11"/>
  <c r="S81" i="11"/>
  <c r="CG80" i="11"/>
  <c r="CF80" i="11"/>
  <c r="CE80" i="11"/>
  <c r="CD80" i="11"/>
  <c r="CC80" i="11"/>
  <c r="CB80" i="11"/>
  <c r="CA80" i="11"/>
  <c r="BZ80" i="11"/>
  <c r="BY80" i="11"/>
  <c r="BX80" i="11"/>
  <c r="BV80" i="11"/>
  <c r="BU80" i="11"/>
  <c r="BT80" i="11"/>
  <c r="BS80" i="11"/>
  <c r="BR80" i="11"/>
  <c r="BQ80" i="11"/>
  <c r="BP80" i="11"/>
  <c r="BO80" i="11"/>
  <c r="BN80" i="11"/>
  <c r="BM80" i="11"/>
  <c r="BL80" i="11"/>
  <c r="BK80" i="11"/>
  <c r="BJ80" i="11"/>
  <c r="BI80" i="11"/>
  <c r="BH80" i="11"/>
  <c r="BG80" i="11"/>
  <c r="BF80" i="11"/>
  <c r="BE80" i="11"/>
  <c r="BD80" i="11"/>
  <c r="BC80" i="11"/>
  <c r="BA80" i="11"/>
  <c r="S80" i="11"/>
  <c r="CG79" i="11"/>
  <c r="CF79" i="11"/>
  <c r="CE79" i="11"/>
  <c r="CD79" i="11"/>
  <c r="CC79" i="11"/>
  <c r="CB79" i="11"/>
  <c r="CA79" i="11"/>
  <c r="BZ79" i="11"/>
  <c r="BY79" i="11"/>
  <c r="BX79" i="11"/>
  <c r="BW79" i="11"/>
  <c r="BV79" i="11"/>
  <c r="BT79" i="11"/>
  <c r="BS79" i="11"/>
  <c r="BR79" i="11"/>
  <c r="BQ79" i="11"/>
  <c r="BP79" i="11"/>
  <c r="BO79" i="11"/>
  <c r="BN79" i="11"/>
  <c r="BM79" i="11"/>
  <c r="BL79" i="11"/>
  <c r="BK79" i="11"/>
  <c r="BJ79" i="11"/>
  <c r="BI79" i="11"/>
  <c r="BH79" i="11"/>
  <c r="BG79" i="11"/>
  <c r="BF79" i="11"/>
  <c r="BE79" i="11"/>
  <c r="BD79" i="11"/>
  <c r="BC79" i="11"/>
  <c r="BA79" i="11"/>
  <c r="S79" i="11"/>
  <c r="CG78" i="11"/>
  <c r="CF78" i="11"/>
  <c r="CE78" i="11"/>
  <c r="CD78" i="11"/>
  <c r="CC78" i="11"/>
  <c r="CB78" i="11"/>
  <c r="CA78" i="11"/>
  <c r="BZ78" i="11"/>
  <c r="BY78" i="11"/>
  <c r="BX78" i="11"/>
  <c r="BW78" i="11"/>
  <c r="BU78" i="11"/>
  <c r="BT78" i="11"/>
  <c r="BS78" i="11"/>
  <c r="BR78" i="11"/>
  <c r="BQ78" i="11"/>
  <c r="BP78" i="11"/>
  <c r="BO78" i="11"/>
  <c r="BN78" i="11"/>
  <c r="BM78" i="11"/>
  <c r="BL78" i="11"/>
  <c r="BK78" i="11"/>
  <c r="BJ78" i="11"/>
  <c r="BI78" i="11"/>
  <c r="BH78" i="11"/>
  <c r="BG78" i="11"/>
  <c r="BF78" i="11"/>
  <c r="BE78" i="11"/>
  <c r="BD78" i="11"/>
  <c r="BC78" i="11"/>
  <c r="BA78" i="11"/>
  <c r="S78" i="11"/>
  <c r="CG77" i="11"/>
  <c r="CF77" i="11"/>
  <c r="CE77" i="11"/>
  <c r="CD77" i="11"/>
  <c r="CC77" i="11"/>
  <c r="CB77" i="11"/>
  <c r="CA77" i="11"/>
  <c r="BZ77" i="11"/>
  <c r="BY77" i="11"/>
  <c r="BX77" i="11"/>
  <c r="BW77" i="11"/>
  <c r="BV77" i="11"/>
  <c r="BU77" i="11"/>
  <c r="BS77" i="11"/>
  <c r="BR77" i="11"/>
  <c r="BQ77" i="11"/>
  <c r="BP77" i="11"/>
  <c r="BO77" i="11"/>
  <c r="BN77" i="11"/>
  <c r="BM77" i="11"/>
  <c r="BL77" i="11"/>
  <c r="BK77" i="11"/>
  <c r="BJ77" i="11"/>
  <c r="BI77" i="11"/>
  <c r="BH77" i="11"/>
  <c r="BG77" i="11"/>
  <c r="BF77" i="11"/>
  <c r="BE77" i="11"/>
  <c r="BD77" i="11"/>
  <c r="BC77" i="11"/>
  <c r="BA77" i="11"/>
  <c r="S77" i="11"/>
  <c r="CG76" i="11"/>
  <c r="CF76" i="11"/>
  <c r="CE76" i="11"/>
  <c r="CD76" i="11"/>
  <c r="CC76" i="11"/>
  <c r="CB76" i="11"/>
  <c r="BZ76" i="11"/>
  <c r="BY76" i="11"/>
  <c r="BX76" i="11"/>
  <c r="BW76" i="11"/>
  <c r="BV76" i="11"/>
  <c r="BU76" i="11"/>
  <c r="BT76" i="11"/>
  <c r="BS76" i="11"/>
  <c r="BR76" i="11"/>
  <c r="BQ76" i="11"/>
  <c r="BP76" i="11"/>
  <c r="BO76" i="11"/>
  <c r="BN76" i="11"/>
  <c r="BM76" i="11"/>
  <c r="BL76" i="11"/>
  <c r="BK76" i="11"/>
  <c r="BJ76" i="11"/>
  <c r="BI76" i="11"/>
  <c r="BH76" i="11"/>
  <c r="BG76" i="11"/>
  <c r="BF76" i="11"/>
  <c r="BE76" i="11"/>
  <c r="BD76" i="11"/>
  <c r="BC76" i="11"/>
  <c r="BA76" i="11"/>
  <c r="S76" i="11"/>
  <c r="CG75" i="11"/>
  <c r="CF75" i="11"/>
  <c r="CE75" i="11"/>
  <c r="CD75" i="11"/>
  <c r="CC75" i="11"/>
  <c r="CB75" i="11"/>
  <c r="CA75" i="11"/>
  <c r="BY75" i="11"/>
  <c r="BX75" i="11"/>
  <c r="BW75" i="11"/>
  <c r="BV75" i="11"/>
  <c r="BU75" i="11"/>
  <c r="BT75" i="11"/>
  <c r="BS75" i="11"/>
  <c r="BR75" i="11"/>
  <c r="BQ75" i="11"/>
  <c r="BP75" i="11"/>
  <c r="BO75" i="11"/>
  <c r="BN75" i="11"/>
  <c r="BM75" i="11"/>
  <c r="BL75" i="11"/>
  <c r="BK75" i="11"/>
  <c r="BJ75" i="11"/>
  <c r="BI75" i="11"/>
  <c r="BH75" i="11"/>
  <c r="BG75" i="11"/>
  <c r="BF75" i="11"/>
  <c r="BE75" i="11"/>
  <c r="BD75" i="11"/>
  <c r="BC75" i="11"/>
  <c r="BA75" i="11"/>
  <c r="S75" i="11"/>
  <c r="CG74" i="11"/>
  <c r="CF74" i="11"/>
  <c r="CE74" i="11"/>
  <c r="CD74" i="11"/>
  <c r="CC74" i="11"/>
  <c r="CB74" i="11"/>
  <c r="CA74" i="11"/>
  <c r="BZ74" i="11"/>
  <c r="BX74" i="11"/>
  <c r="BW74" i="11"/>
  <c r="BV74" i="11"/>
  <c r="BU74" i="11"/>
  <c r="BT74" i="11"/>
  <c r="BS74" i="11"/>
  <c r="BR74" i="11"/>
  <c r="BQ74" i="11"/>
  <c r="BP74" i="11"/>
  <c r="BO74" i="11"/>
  <c r="BN74" i="11"/>
  <c r="BM74" i="11"/>
  <c r="BL74" i="11"/>
  <c r="BK74" i="11"/>
  <c r="BJ74" i="11"/>
  <c r="BI74" i="11"/>
  <c r="BH74" i="11"/>
  <c r="BG74" i="11"/>
  <c r="BF74" i="11"/>
  <c r="BE74" i="11"/>
  <c r="BD74" i="11"/>
  <c r="BC74" i="11"/>
  <c r="BA74" i="11"/>
  <c r="S74" i="11"/>
  <c r="CG73" i="11"/>
  <c r="CF73" i="11"/>
  <c r="CE73" i="11"/>
  <c r="CD73" i="11"/>
  <c r="CC73" i="11"/>
  <c r="CB73" i="11"/>
  <c r="CA73" i="11"/>
  <c r="BZ73" i="11"/>
  <c r="BY73" i="11"/>
  <c r="BW73" i="11"/>
  <c r="BV73" i="11"/>
  <c r="BU73" i="11"/>
  <c r="BT73" i="11"/>
  <c r="BS73" i="11"/>
  <c r="BR73" i="11"/>
  <c r="BQ73" i="11"/>
  <c r="BP73" i="11"/>
  <c r="BO73" i="11"/>
  <c r="BN73" i="11"/>
  <c r="BM73" i="11"/>
  <c r="BL73" i="11"/>
  <c r="BK73" i="11"/>
  <c r="BJ73" i="11"/>
  <c r="BI73" i="11"/>
  <c r="BH73" i="11"/>
  <c r="BG73" i="11"/>
  <c r="BF73" i="11"/>
  <c r="BE73" i="11"/>
  <c r="BD73" i="11"/>
  <c r="BC73" i="11"/>
  <c r="BA73" i="11"/>
  <c r="S73" i="11"/>
  <c r="CG72" i="11"/>
  <c r="CF72" i="11"/>
  <c r="CE72" i="11"/>
  <c r="CD72" i="11"/>
  <c r="CC72" i="11"/>
  <c r="CB72" i="11"/>
  <c r="CA72" i="11"/>
  <c r="BZ72" i="11"/>
  <c r="BY72" i="11"/>
  <c r="BX72" i="11"/>
  <c r="BW72" i="11"/>
  <c r="BV72" i="11"/>
  <c r="BU72" i="11"/>
  <c r="BT72" i="11"/>
  <c r="BS72" i="11"/>
  <c r="BR72" i="11"/>
  <c r="BQ72" i="11"/>
  <c r="BP72" i="11"/>
  <c r="BO72" i="11"/>
  <c r="BN72" i="11"/>
  <c r="BM72" i="11"/>
  <c r="BL72" i="11"/>
  <c r="BK72" i="11"/>
  <c r="BJ72" i="11"/>
  <c r="BI72" i="11"/>
  <c r="BH72" i="11"/>
  <c r="BG72" i="11"/>
  <c r="BF72" i="11"/>
  <c r="BE72" i="11"/>
  <c r="BD72" i="11"/>
  <c r="BA72" i="11"/>
  <c r="S72" i="11"/>
  <c r="CG71" i="11"/>
  <c r="CE71" i="11"/>
  <c r="CD71" i="11"/>
  <c r="CC71" i="11"/>
  <c r="CB71" i="11"/>
  <c r="CA71" i="11"/>
  <c r="BZ71" i="11"/>
  <c r="BY71" i="11"/>
  <c r="BX71" i="11"/>
  <c r="BW71" i="11"/>
  <c r="BV71" i="11"/>
  <c r="BU71" i="11"/>
  <c r="BT71" i="11"/>
  <c r="BS71" i="11"/>
  <c r="BR71" i="11"/>
  <c r="BQ71" i="11"/>
  <c r="BP71" i="11"/>
  <c r="BO71" i="11"/>
  <c r="BN71" i="11"/>
  <c r="BM71" i="11"/>
  <c r="BL71" i="11"/>
  <c r="BK71" i="11"/>
  <c r="BJ71" i="11"/>
  <c r="BI71" i="11"/>
  <c r="BH71" i="11"/>
  <c r="BG71" i="11"/>
  <c r="BF71" i="11"/>
  <c r="BE71" i="11"/>
  <c r="BD71" i="11"/>
  <c r="BC71" i="11"/>
  <c r="BA71" i="11"/>
  <c r="S71" i="11"/>
  <c r="CG70" i="11"/>
  <c r="CF70" i="11"/>
  <c r="CE70" i="11"/>
  <c r="CC70" i="11"/>
  <c r="CB70" i="11"/>
  <c r="CA70" i="11"/>
  <c r="BZ70" i="11"/>
  <c r="BY70" i="11"/>
  <c r="BX70" i="11"/>
  <c r="BW70" i="11"/>
  <c r="BV70" i="11"/>
  <c r="BU70" i="11"/>
  <c r="BT70" i="11"/>
  <c r="BS70" i="11"/>
  <c r="BR70" i="11"/>
  <c r="BQ70" i="11"/>
  <c r="BP70" i="11"/>
  <c r="BO70" i="11"/>
  <c r="BN70" i="11"/>
  <c r="BM70" i="11"/>
  <c r="BL70" i="11"/>
  <c r="BK70" i="11"/>
  <c r="BJ70" i="11"/>
  <c r="BI70" i="11"/>
  <c r="BH70" i="11"/>
  <c r="BG70" i="11"/>
  <c r="BF70" i="11"/>
  <c r="BE70" i="11"/>
  <c r="BD70" i="11"/>
  <c r="BC70" i="11"/>
  <c r="BA70" i="11"/>
  <c r="S70" i="11"/>
  <c r="CG69" i="11"/>
  <c r="CF69" i="11"/>
  <c r="CE69" i="11"/>
  <c r="CD69" i="11"/>
  <c r="CC69" i="11"/>
  <c r="CA69" i="11"/>
  <c r="BZ69" i="11"/>
  <c r="BY69" i="11"/>
  <c r="BX69" i="11"/>
  <c r="BW69" i="11"/>
  <c r="BV69" i="11"/>
  <c r="BU69" i="11"/>
  <c r="BT69" i="11"/>
  <c r="BS69" i="11"/>
  <c r="BR69" i="11"/>
  <c r="BQ69" i="11"/>
  <c r="BP69" i="11"/>
  <c r="BO69" i="11"/>
  <c r="BN69" i="11"/>
  <c r="BM69" i="11"/>
  <c r="BL69" i="11"/>
  <c r="BK69" i="11"/>
  <c r="BJ69" i="11"/>
  <c r="BI69" i="11"/>
  <c r="BH69" i="11"/>
  <c r="BG69" i="11"/>
  <c r="BF69" i="11"/>
  <c r="BE69" i="11"/>
  <c r="BD69" i="11"/>
  <c r="BC69" i="11"/>
  <c r="BA69" i="11"/>
  <c r="S69" i="11"/>
  <c r="CG68" i="11"/>
  <c r="CF68" i="11"/>
  <c r="CE68" i="11"/>
  <c r="CD68" i="11"/>
  <c r="CB68" i="11"/>
  <c r="CA68" i="11"/>
  <c r="BZ68" i="11"/>
  <c r="BY68" i="11"/>
  <c r="BX68" i="11"/>
  <c r="BW68" i="11"/>
  <c r="BV68" i="11"/>
  <c r="BU68" i="11"/>
  <c r="BT68" i="11"/>
  <c r="BS68" i="11"/>
  <c r="BR68" i="11"/>
  <c r="BQ68" i="11"/>
  <c r="BP68" i="11"/>
  <c r="BO68" i="11"/>
  <c r="BN68" i="11"/>
  <c r="BM68" i="11"/>
  <c r="BL68" i="11"/>
  <c r="BK68" i="11"/>
  <c r="BJ68" i="11"/>
  <c r="BI68" i="11"/>
  <c r="BH68" i="11"/>
  <c r="BG68" i="11"/>
  <c r="BF68" i="11"/>
  <c r="BE68" i="11"/>
  <c r="BD68" i="11"/>
  <c r="BC68" i="11"/>
  <c r="BA68" i="11"/>
  <c r="S68" i="11"/>
  <c r="CG67" i="11"/>
  <c r="CF67" i="11"/>
  <c r="CE67" i="11"/>
  <c r="CD67" i="11"/>
  <c r="CC67" i="11"/>
  <c r="CB67" i="11"/>
  <c r="CA67" i="11"/>
  <c r="BZ67" i="11"/>
  <c r="BY67" i="11"/>
  <c r="BX67" i="11"/>
  <c r="BV67" i="11"/>
  <c r="BU67" i="11"/>
  <c r="BT67" i="11"/>
  <c r="BS67" i="11"/>
  <c r="BR67" i="11"/>
  <c r="BQ67" i="11"/>
  <c r="BP67" i="11"/>
  <c r="BO67" i="11"/>
  <c r="BN67" i="11"/>
  <c r="BM67" i="11"/>
  <c r="BL67" i="11"/>
  <c r="BK67" i="11"/>
  <c r="BJ67" i="11"/>
  <c r="BI67" i="11"/>
  <c r="BH67" i="11"/>
  <c r="BG67" i="11"/>
  <c r="BF67" i="11"/>
  <c r="BE67" i="11"/>
  <c r="BD67" i="11"/>
  <c r="BC67" i="11"/>
  <c r="BA67" i="11"/>
  <c r="S67" i="11"/>
  <c r="CG66" i="11"/>
  <c r="CF66" i="11"/>
  <c r="CE66" i="11"/>
  <c r="CD66" i="11"/>
  <c r="CC66" i="11"/>
  <c r="CB66" i="11"/>
  <c r="CA66" i="11"/>
  <c r="BZ66" i="11"/>
  <c r="BY66" i="11"/>
  <c r="BX66" i="11"/>
  <c r="BW66" i="11"/>
  <c r="BV66" i="11"/>
  <c r="BT66" i="11"/>
  <c r="BS66" i="11"/>
  <c r="BR66" i="11"/>
  <c r="BQ66" i="11"/>
  <c r="BP66" i="11"/>
  <c r="BO66" i="11"/>
  <c r="BN66" i="11"/>
  <c r="BM66" i="11"/>
  <c r="BL66" i="11"/>
  <c r="BK66" i="11"/>
  <c r="BJ66" i="11"/>
  <c r="BI66" i="11"/>
  <c r="BH66" i="11"/>
  <c r="BG66" i="11"/>
  <c r="BF66" i="11"/>
  <c r="BE66" i="11"/>
  <c r="BD66" i="11"/>
  <c r="BC66" i="11"/>
  <c r="BA66" i="11"/>
  <c r="S66" i="11"/>
  <c r="CG65" i="11"/>
  <c r="CF65" i="11"/>
  <c r="CE65" i="11"/>
  <c r="CD65" i="11"/>
  <c r="CC65" i="11"/>
  <c r="CB65" i="11"/>
  <c r="CA65" i="11"/>
  <c r="BZ65" i="11"/>
  <c r="BY65" i="11"/>
  <c r="BX65" i="11"/>
  <c r="BW65" i="11"/>
  <c r="BU65" i="11"/>
  <c r="BT65" i="11"/>
  <c r="BS65" i="11"/>
  <c r="BR65" i="11"/>
  <c r="BQ65" i="11"/>
  <c r="BP65" i="11"/>
  <c r="BO65" i="11"/>
  <c r="BN65" i="11"/>
  <c r="BM65" i="11"/>
  <c r="BL65" i="11"/>
  <c r="BK65" i="11"/>
  <c r="BJ65" i="11"/>
  <c r="BI65" i="11"/>
  <c r="BH65" i="11"/>
  <c r="BG65" i="11"/>
  <c r="BF65" i="11"/>
  <c r="BE65" i="11"/>
  <c r="BD65" i="11"/>
  <c r="BC65" i="11"/>
  <c r="BA65" i="11"/>
  <c r="S65" i="11"/>
  <c r="CG64" i="11"/>
  <c r="CF64" i="11"/>
  <c r="CE64" i="11"/>
  <c r="CD64" i="11"/>
  <c r="CC64" i="11"/>
  <c r="CB64" i="11"/>
  <c r="CA64" i="11"/>
  <c r="BZ64" i="11"/>
  <c r="BY64" i="11"/>
  <c r="BX64" i="11"/>
  <c r="BW64" i="11"/>
  <c r="BV64" i="11"/>
  <c r="BU64" i="11"/>
  <c r="BS64" i="11"/>
  <c r="BR64" i="11"/>
  <c r="BQ64" i="11"/>
  <c r="BP64" i="11"/>
  <c r="BO64" i="11"/>
  <c r="BN64" i="11"/>
  <c r="BM64" i="11"/>
  <c r="BL64" i="11"/>
  <c r="BK64" i="11"/>
  <c r="BJ64" i="11"/>
  <c r="BI64" i="11"/>
  <c r="BH64" i="11"/>
  <c r="BG64" i="11"/>
  <c r="BF64" i="11"/>
  <c r="BE64" i="11"/>
  <c r="BD64" i="11"/>
  <c r="BC64" i="11"/>
  <c r="BA64" i="11"/>
  <c r="S64" i="11"/>
  <c r="CG63" i="11"/>
  <c r="CF63" i="11"/>
  <c r="CE63" i="11"/>
  <c r="CD63" i="11"/>
  <c r="CC63" i="11"/>
  <c r="CB63" i="11"/>
  <c r="BZ63" i="11"/>
  <c r="BY63" i="11"/>
  <c r="BX63" i="11"/>
  <c r="BW63" i="11"/>
  <c r="BV63" i="11"/>
  <c r="BU63" i="11"/>
  <c r="BT63" i="11"/>
  <c r="BS63" i="11"/>
  <c r="BR63" i="11"/>
  <c r="BQ63" i="11"/>
  <c r="BP63" i="11"/>
  <c r="BO63" i="11"/>
  <c r="BN63" i="11"/>
  <c r="BM63" i="11"/>
  <c r="BL63" i="11"/>
  <c r="BK63" i="11"/>
  <c r="BJ63" i="11"/>
  <c r="BI63" i="11"/>
  <c r="BH63" i="11"/>
  <c r="BG63" i="11"/>
  <c r="BF63" i="11"/>
  <c r="BE63" i="11"/>
  <c r="BD63" i="11"/>
  <c r="BC63" i="11"/>
  <c r="BA63" i="11"/>
  <c r="S63" i="11"/>
  <c r="CG62" i="11"/>
  <c r="CF62" i="11"/>
  <c r="CE62" i="11"/>
  <c r="CD62" i="11"/>
  <c r="CC62" i="11"/>
  <c r="CB62" i="11"/>
  <c r="CA62" i="11"/>
  <c r="BY62" i="11"/>
  <c r="BX62" i="11"/>
  <c r="BW62" i="11"/>
  <c r="BV62" i="11"/>
  <c r="BU62" i="11"/>
  <c r="BT62" i="11"/>
  <c r="BS62" i="11"/>
  <c r="BR62" i="11"/>
  <c r="BQ62" i="11"/>
  <c r="BP62" i="11"/>
  <c r="BO62" i="11"/>
  <c r="BN62" i="11"/>
  <c r="BM62" i="11"/>
  <c r="BL62" i="11"/>
  <c r="BK62" i="11"/>
  <c r="BJ62" i="11"/>
  <c r="BI62" i="11"/>
  <c r="BH62" i="11"/>
  <c r="BG62" i="11"/>
  <c r="BF62" i="11"/>
  <c r="BE62" i="11"/>
  <c r="BD62" i="11"/>
  <c r="BC62" i="11"/>
  <c r="BA62" i="11"/>
  <c r="S62" i="11"/>
  <c r="CG61" i="11"/>
  <c r="CF61" i="11"/>
  <c r="CE61" i="11"/>
  <c r="CD61" i="11"/>
  <c r="CC61" i="11"/>
  <c r="CB61" i="11"/>
  <c r="CA61" i="11"/>
  <c r="BZ61" i="11"/>
  <c r="BX61" i="11"/>
  <c r="BW61" i="11"/>
  <c r="BV61" i="11"/>
  <c r="BU61" i="11"/>
  <c r="BT61" i="11"/>
  <c r="BS61" i="11"/>
  <c r="BR61" i="11"/>
  <c r="BQ61" i="11"/>
  <c r="BP61" i="11"/>
  <c r="BO61" i="11"/>
  <c r="BN61" i="11"/>
  <c r="BM61" i="11"/>
  <c r="BL61" i="11"/>
  <c r="BK61" i="11"/>
  <c r="BJ61" i="11"/>
  <c r="BI61" i="11"/>
  <c r="BH61" i="11"/>
  <c r="BG61" i="11"/>
  <c r="BF61" i="11"/>
  <c r="BE61" i="11"/>
  <c r="BD61" i="11"/>
  <c r="BC61" i="11"/>
  <c r="BA61" i="11"/>
  <c r="S61" i="11"/>
  <c r="CG60" i="11"/>
  <c r="CF60" i="11"/>
  <c r="CE60" i="11"/>
  <c r="CD60" i="11"/>
  <c r="CC60" i="11"/>
  <c r="CB60" i="11"/>
  <c r="CA60" i="11"/>
  <c r="BZ60" i="11"/>
  <c r="BY60" i="11"/>
  <c r="BW60" i="11"/>
  <c r="BV60" i="11"/>
  <c r="BU60" i="11"/>
  <c r="BT60" i="11"/>
  <c r="BS60" i="11"/>
  <c r="BR60" i="11"/>
  <c r="BQ60" i="11"/>
  <c r="BP60" i="11"/>
  <c r="BO60" i="11"/>
  <c r="BN60" i="11"/>
  <c r="BM60" i="11"/>
  <c r="BL60" i="11"/>
  <c r="BK60" i="11"/>
  <c r="BJ60" i="11"/>
  <c r="BI60" i="11"/>
  <c r="BH60" i="11"/>
  <c r="BG60" i="11"/>
  <c r="BF60" i="11"/>
  <c r="BE60" i="11"/>
  <c r="BD60" i="11"/>
  <c r="BC60" i="11"/>
  <c r="BA60" i="11"/>
  <c r="S60" i="11"/>
  <c r="CG59" i="11"/>
  <c r="CF59" i="11"/>
  <c r="CE59" i="11"/>
  <c r="CD59" i="11"/>
  <c r="CC59" i="11"/>
  <c r="CB59" i="11"/>
  <c r="CA59" i="11"/>
  <c r="BZ59" i="11"/>
  <c r="BY59" i="11"/>
  <c r="BX59" i="11"/>
  <c r="BW59" i="11"/>
  <c r="BV59" i="11"/>
  <c r="BU59" i="11"/>
  <c r="BT59" i="11"/>
  <c r="BS59" i="11"/>
  <c r="BR59" i="11"/>
  <c r="BQ59" i="11"/>
  <c r="BP59" i="11"/>
  <c r="BO59" i="11"/>
  <c r="BN59" i="11"/>
  <c r="BM59" i="11"/>
  <c r="BL59" i="11"/>
  <c r="BK59" i="11"/>
  <c r="BJ59" i="11"/>
  <c r="BI59" i="11"/>
  <c r="BH59" i="11"/>
  <c r="BG59" i="11"/>
  <c r="BF59" i="11"/>
  <c r="BE59" i="11"/>
  <c r="BD59" i="11"/>
  <c r="BA59" i="11"/>
  <c r="S59" i="11"/>
  <c r="CG58" i="11"/>
  <c r="CE58" i="11"/>
  <c r="CD58" i="11"/>
  <c r="CC58" i="11"/>
  <c r="CB58" i="11"/>
  <c r="CA58" i="11"/>
  <c r="BZ58" i="11"/>
  <c r="BY58" i="11"/>
  <c r="BX58" i="11"/>
  <c r="BW58" i="11"/>
  <c r="BV58" i="11"/>
  <c r="BU58" i="11"/>
  <c r="BT58" i="11"/>
  <c r="BS58" i="11"/>
  <c r="BR58" i="11"/>
  <c r="BQ58" i="11"/>
  <c r="BP58" i="11"/>
  <c r="BO58" i="11"/>
  <c r="BN58" i="11"/>
  <c r="BM58" i="11"/>
  <c r="BL58" i="11"/>
  <c r="BK58" i="11"/>
  <c r="BJ58" i="11"/>
  <c r="BI58" i="11"/>
  <c r="BH58" i="11"/>
  <c r="BG58" i="11"/>
  <c r="BF58" i="11"/>
  <c r="BE58" i="11"/>
  <c r="BD58" i="11"/>
  <c r="BC58" i="11"/>
  <c r="BA58" i="11"/>
  <c r="S58" i="11"/>
  <c r="CG57" i="11"/>
  <c r="CF57" i="11"/>
  <c r="CE57" i="11"/>
  <c r="CC57" i="11"/>
  <c r="CB57" i="11"/>
  <c r="CA57" i="11"/>
  <c r="BZ57" i="11"/>
  <c r="BY57" i="11"/>
  <c r="BX57" i="11"/>
  <c r="BW57" i="11"/>
  <c r="BV57" i="11"/>
  <c r="BU57" i="11"/>
  <c r="BT57" i="11"/>
  <c r="BS57" i="11"/>
  <c r="BR57" i="11"/>
  <c r="BQ57" i="11"/>
  <c r="BP57" i="11"/>
  <c r="BO57" i="11"/>
  <c r="BN57" i="11"/>
  <c r="BM57" i="11"/>
  <c r="BL57" i="11"/>
  <c r="BK57" i="11"/>
  <c r="BJ57" i="11"/>
  <c r="BI57" i="11"/>
  <c r="BH57" i="11"/>
  <c r="BG57" i="11"/>
  <c r="BF57" i="11"/>
  <c r="BE57" i="11"/>
  <c r="BD57" i="11"/>
  <c r="BC57" i="11"/>
  <c r="BA57" i="11"/>
  <c r="S57" i="11"/>
  <c r="CG56" i="11"/>
  <c r="CF56" i="11"/>
  <c r="CE56" i="11"/>
  <c r="CD56" i="11"/>
  <c r="CC56" i="11"/>
  <c r="CA56" i="11"/>
  <c r="BZ56" i="11"/>
  <c r="BY56" i="11"/>
  <c r="BX56" i="11"/>
  <c r="BW56" i="11"/>
  <c r="BV56" i="11"/>
  <c r="BU56" i="11"/>
  <c r="BT56" i="11"/>
  <c r="BS56" i="11"/>
  <c r="BR56" i="11"/>
  <c r="BQ56" i="11"/>
  <c r="BP56" i="11"/>
  <c r="BO56" i="11"/>
  <c r="BN56" i="11"/>
  <c r="BM56" i="11"/>
  <c r="BL56" i="11"/>
  <c r="BK56" i="11"/>
  <c r="BJ56" i="11"/>
  <c r="BI56" i="11"/>
  <c r="BH56" i="11"/>
  <c r="BG56" i="11"/>
  <c r="BF56" i="11"/>
  <c r="BE56" i="11"/>
  <c r="BD56" i="11"/>
  <c r="BC56" i="11"/>
  <c r="BA56" i="11"/>
  <c r="S56" i="11"/>
  <c r="CG55" i="11"/>
  <c r="CF55" i="11"/>
  <c r="CE55" i="11"/>
  <c r="CD55" i="11"/>
  <c r="CB55" i="11"/>
  <c r="CA55" i="11"/>
  <c r="BZ55" i="11"/>
  <c r="BY55" i="11"/>
  <c r="BX55" i="11"/>
  <c r="BW55" i="11"/>
  <c r="BV55" i="11"/>
  <c r="BU55" i="11"/>
  <c r="BT55" i="11"/>
  <c r="BS55" i="11"/>
  <c r="BR55" i="11"/>
  <c r="BQ55" i="11"/>
  <c r="BP55" i="11"/>
  <c r="BO55" i="11"/>
  <c r="BN55" i="11"/>
  <c r="BM55" i="11"/>
  <c r="BL55" i="11"/>
  <c r="BK55" i="11"/>
  <c r="BJ55" i="11"/>
  <c r="BI55" i="11"/>
  <c r="BH55" i="11"/>
  <c r="BG55" i="11"/>
  <c r="BF55" i="11"/>
  <c r="BE55" i="11"/>
  <c r="BD55" i="11"/>
  <c r="BC55" i="11"/>
  <c r="BA55" i="11"/>
  <c r="S55" i="11"/>
  <c r="CG54" i="11"/>
  <c r="CF54" i="11"/>
  <c r="CE54" i="11"/>
  <c r="CD54" i="11"/>
  <c r="CC54" i="11"/>
  <c r="CB54" i="11"/>
  <c r="CA54" i="11"/>
  <c r="BZ54" i="11"/>
  <c r="BY54" i="11"/>
  <c r="BX54" i="11"/>
  <c r="BV54" i="11"/>
  <c r="BU54" i="11"/>
  <c r="BT54" i="11"/>
  <c r="BS54" i="11"/>
  <c r="BR54" i="11"/>
  <c r="BQ54" i="11"/>
  <c r="BP54" i="11"/>
  <c r="BO54" i="11"/>
  <c r="BN54" i="11"/>
  <c r="BM54" i="11"/>
  <c r="BL54" i="11"/>
  <c r="BK54" i="11"/>
  <c r="BJ54" i="11"/>
  <c r="BI54" i="11"/>
  <c r="BH54" i="11"/>
  <c r="BG54" i="11"/>
  <c r="BF54" i="11"/>
  <c r="BE54" i="11"/>
  <c r="BD54" i="11"/>
  <c r="BC54" i="11"/>
  <c r="BA54" i="11"/>
  <c r="S54" i="11"/>
  <c r="CG53" i="11"/>
  <c r="CF53" i="11"/>
  <c r="CE53" i="11"/>
  <c r="CD53" i="11"/>
  <c r="CC53" i="11"/>
  <c r="CB53" i="11"/>
  <c r="CA53" i="11"/>
  <c r="BZ53" i="11"/>
  <c r="BY53" i="11"/>
  <c r="BX53" i="11"/>
  <c r="BW53" i="11"/>
  <c r="BV53" i="11"/>
  <c r="BT53" i="11"/>
  <c r="BS53" i="11"/>
  <c r="BR53" i="11"/>
  <c r="BQ53" i="11"/>
  <c r="BP53" i="11"/>
  <c r="BO53" i="11"/>
  <c r="BN53" i="11"/>
  <c r="BM53" i="11"/>
  <c r="BL53" i="11"/>
  <c r="BK53" i="11"/>
  <c r="BJ53" i="11"/>
  <c r="BI53" i="11"/>
  <c r="BH53" i="11"/>
  <c r="BG53" i="11"/>
  <c r="BF53" i="11"/>
  <c r="BE53" i="11"/>
  <c r="BD53" i="11"/>
  <c r="BC53" i="11"/>
  <c r="BA53" i="11"/>
  <c r="S53" i="11"/>
  <c r="CG52" i="11"/>
  <c r="CF52" i="11"/>
  <c r="CE52" i="11"/>
  <c r="CD52" i="11"/>
  <c r="CC52" i="11"/>
  <c r="CB52" i="11"/>
  <c r="CA52" i="11"/>
  <c r="BZ52" i="11"/>
  <c r="BY52" i="11"/>
  <c r="BX52" i="11"/>
  <c r="BW52" i="11"/>
  <c r="BU52" i="11"/>
  <c r="BT52" i="11"/>
  <c r="BS52" i="11"/>
  <c r="BR52" i="11"/>
  <c r="BQ52" i="11"/>
  <c r="BP52" i="11"/>
  <c r="BO52" i="11"/>
  <c r="BN52" i="11"/>
  <c r="BM52" i="11"/>
  <c r="BL52" i="11"/>
  <c r="BK52" i="11"/>
  <c r="BJ52" i="11"/>
  <c r="BI52" i="11"/>
  <c r="BH52" i="11"/>
  <c r="BG52" i="11"/>
  <c r="BF52" i="11"/>
  <c r="BE52" i="11"/>
  <c r="BD52" i="11"/>
  <c r="BC52" i="11"/>
  <c r="BA52" i="11"/>
  <c r="S52" i="11"/>
  <c r="CG51" i="11"/>
  <c r="CF51" i="11"/>
  <c r="CE51" i="11"/>
  <c r="CD51" i="11"/>
  <c r="CC51" i="11"/>
  <c r="CB51" i="11"/>
  <c r="CA51" i="11"/>
  <c r="BZ51" i="11"/>
  <c r="BY51" i="11"/>
  <c r="BX51" i="11"/>
  <c r="BW51" i="11"/>
  <c r="BV51" i="11"/>
  <c r="BU51" i="11"/>
  <c r="BS51" i="11"/>
  <c r="BR51" i="11"/>
  <c r="BQ51" i="11"/>
  <c r="BP51" i="11"/>
  <c r="BO51" i="11"/>
  <c r="BN51" i="11"/>
  <c r="BM51" i="11"/>
  <c r="BL51" i="11"/>
  <c r="BK51" i="11"/>
  <c r="BJ51" i="11"/>
  <c r="BI51" i="11"/>
  <c r="BH51" i="11"/>
  <c r="BG51" i="11"/>
  <c r="BF51" i="11"/>
  <c r="BE51" i="11"/>
  <c r="BD51" i="11"/>
  <c r="BC51" i="11"/>
  <c r="BA51" i="11"/>
  <c r="S51" i="11"/>
  <c r="CG50" i="11"/>
  <c r="CF50" i="11"/>
  <c r="CE50" i="11"/>
  <c r="CD50" i="11"/>
  <c r="CC50" i="11"/>
  <c r="CB50" i="11"/>
  <c r="BZ50" i="11"/>
  <c r="BY50" i="11"/>
  <c r="BX50" i="11"/>
  <c r="BW50" i="11"/>
  <c r="BV50" i="11"/>
  <c r="BU50" i="11"/>
  <c r="BT50" i="11"/>
  <c r="BS50" i="11"/>
  <c r="BR50" i="11"/>
  <c r="BQ50" i="11"/>
  <c r="BP50" i="11"/>
  <c r="BO50" i="11"/>
  <c r="BN50" i="11"/>
  <c r="BM50" i="11"/>
  <c r="BL50" i="11"/>
  <c r="BK50" i="11"/>
  <c r="BJ50" i="11"/>
  <c r="BI50" i="11"/>
  <c r="BH50" i="11"/>
  <c r="BG50" i="11"/>
  <c r="BF50" i="11"/>
  <c r="BE50" i="11"/>
  <c r="BD50" i="11"/>
  <c r="BC50" i="11"/>
  <c r="BA50" i="11"/>
  <c r="S50" i="11"/>
  <c r="CG49" i="11"/>
  <c r="CF49" i="11"/>
  <c r="CE49" i="11"/>
  <c r="CD49" i="11"/>
  <c r="CC49" i="11"/>
  <c r="CB49" i="11"/>
  <c r="CA49" i="11"/>
  <c r="BY49" i="11"/>
  <c r="BX49" i="11"/>
  <c r="BW49" i="11"/>
  <c r="BV49" i="11"/>
  <c r="BU49" i="11"/>
  <c r="BT49" i="11"/>
  <c r="BS49" i="11"/>
  <c r="BR49" i="11"/>
  <c r="BQ49" i="11"/>
  <c r="BP49" i="11"/>
  <c r="BO49" i="11"/>
  <c r="BN49" i="11"/>
  <c r="BM49" i="11"/>
  <c r="BL49" i="11"/>
  <c r="BK49" i="11"/>
  <c r="BJ49" i="11"/>
  <c r="BI49" i="11"/>
  <c r="BH49" i="11"/>
  <c r="BG49" i="11"/>
  <c r="BF49" i="11"/>
  <c r="BE49" i="11"/>
  <c r="BD49" i="11"/>
  <c r="BC49" i="11"/>
  <c r="BA49" i="11"/>
  <c r="S49" i="11"/>
  <c r="CG48" i="11"/>
  <c r="CF48" i="11"/>
  <c r="CE48" i="11"/>
  <c r="CD48" i="11"/>
  <c r="CC48" i="11"/>
  <c r="CB48" i="11"/>
  <c r="CA48" i="11"/>
  <c r="BZ48" i="11"/>
  <c r="BX48" i="11"/>
  <c r="BW48" i="11"/>
  <c r="BV48" i="11"/>
  <c r="BU48" i="11"/>
  <c r="BT48" i="11"/>
  <c r="BS48" i="11"/>
  <c r="BR48" i="11"/>
  <c r="BQ48" i="11"/>
  <c r="BP48" i="11"/>
  <c r="BO48" i="11"/>
  <c r="BN48" i="11"/>
  <c r="BM48" i="11"/>
  <c r="BL48" i="11"/>
  <c r="BK48" i="11"/>
  <c r="BJ48" i="11"/>
  <c r="BI48" i="11"/>
  <c r="BH48" i="11"/>
  <c r="BG48" i="11"/>
  <c r="BF48" i="11"/>
  <c r="BE48" i="11"/>
  <c r="BD48" i="11"/>
  <c r="BC48" i="11"/>
  <c r="BA48" i="11"/>
  <c r="S48" i="11"/>
  <c r="CG47" i="11"/>
  <c r="CF47" i="11"/>
  <c r="CE47" i="11"/>
  <c r="CD47" i="11"/>
  <c r="CC47" i="11"/>
  <c r="CB47" i="11"/>
  <c r="CA47" i="11"/>
  <c r="BZ47" i="11"/>
  <c r="BY47" i="11"/>
  <c r="BW47" i="11"/>
  <c r="BV47" i="11"/>
  <c r="BU47" i="11"/>
  <c r="BT47" i="11"/>
  <c r="BS47" i="11"/>
  <c r="BR47" i="11"/>
  <c r="BQ47" i="11"/>
  <c r="BP47" i="11"/>
  <c r="BO47" i="11"/>
  <c r="BN47" i="11"/>
  <c r="BM47" i="11"/>
  <c r="BL47" i="11"/>
  <c r="BK47" i="11"/>
  <c r="BJ47" i="11"/>
  <c r="BI47" i="11"/>
  <c r="BH47" i="11"/>
  <c r="BG47" i="11"/>
  <c r="BF47" i="11"/>
  <c r="BE47" i="11"/>
  <c r="BD47" i="11"/>
  <c r="BC47" i="11"/>
  <c r="BA47" i="11"/>
  <c r="S47" i="11"/>
  <c r="CG46" i="11"/>
  <c r="CF46" i="11"/>
  <c r="CE46" i="11"/>
  <c r="CD46" i="11"/>
  <c r="CC46" i="11"/>
  <c r="CB46" i="11"/>
  <c r="CA46" i="11"/>
  <c r="BZ46" i="11"/>
  <c r="BY46" i="11"/>
  <c r="BX46" i="11"/>
  <c r="BW46" i="11"/>
  <c r="BV46" i="11"/>
  <c r="BU46" i="11"/>
  <c r="BT46" i="11"/>
  <c r="BS46" i="11"/>
  <c r="BR46" i="11"/>
  <c r="BQ46" i="11"/>
  <c r="BP46" i="11"/>
  <c r="BO46" i="11"/>
  <c r="BN46" i="11"/>
  <c r="BM46" i="11"/>
  <c r="BL46" i="11"/>
  <c r="BK46" i="11"/>
  <c r="BJ46" i="11"/>
  <c r="BI46" i="11"/>
  <c r="BH46" i="11"/>
  <c r="BG46" i="11"/>
  <c r="BF46" i="11"/>
  <c r="BE46" i="11"/>
  <c r="BD46" i="11"/>
  <c r="BA46" i="11"/>
  <c r="S46" i="11"/>
  <c r="CG45" i="11"/>
  <c r="CE45" i="11"/>
  <c r="CD45" i="11"/>
  <c r="CC45" i="11"/>
  <c r="CB45" i="11"/>
  <c r="CA45" i="11"/>
  <c r="BZ45" i="11"/>
  <c r="BY45" i="11"/>
  <c r="BX45" i="11"/>
  <c r="BW45" i="11"/>
  <c r="BV45" i="11"/>
  <c r="BU45" i="11"/>
  <c r="BT45" i="11"/>
  <c r="BS45" i="11"/>
  <c r="BR45" i="11"/>
  <c r="BQ45" i="11"/>
  <c r="BP45" i="11"/>
  <c r="BO45" i="11"/>
  <c r="BN45" i="11"/>
  <c r="BM45" i="11"/>
  <c r="BL45" i="11"/>
  <c r="BK45" i="11"/>
  <c r="BJ45" i="11"/>
  <c r="BI45" i="11"/>
  <c r="BH45" i="11"/>
  <c r="BG45" i="11"/>
  <c r="BF45" i="11"/>
  <c r="BE45" i="11"/>
  <c r="BD45" i="11"/>
  <c r="BC45" i="11"/>
  <c r="BA45" i="11"/>
  <c r="S45" i="11"/>
  <c r="CG44" i="11"/>
  <c r="CF44" i="11"/>
  <c r="CE44" i="11"/>
  <c r="CC44" i="11"/>
  <c r="CB44" i="11"/>
  <c r="CA44" i="11"/>
  <c r="BZ44" i="11"/>
  <c r="BY44" i="11"/>
  <c r="BX44" i="11"/>
  <c r="BW44" i="11"/>
  <c r="BV44" i="11"/>
  <c r="BU44" i="11"/>
  <c r="BT44" i="11"/>
  <c r="BS44" i="11"/>
  <c r="BR44" i="11"/>
  <c r="BQ44" i="11"/>
  <c r="BP44" i="11"/>
  <c r="BO44" i="11"/>
  <c r="BN44" i="11"/>
  <c r="BM44" i="11"/>
  <c r="BL44" i="11"/>
  <c r="BK44" i="11"/>
  <c r="BJ44" i="11"/>
  <c r="BI44" i="11"/>
  <c r="BH44" i="11"/>
  <c r="BG44" i="11"/>
  <c r="BF44" i="11"/>
  <c r="BE44" i="11"/>
  <c r="BD44" i="11"/>
  <c r="BC44" i="11"/>
  <c r="BA44" i="11"/>
  <c r="S44" i="11"/>
  <c r="CG43" i="11"/>
  <c r="CF43" i="11"/>
  <c r="CE43" i="11"/>
  <c r="CD43" i="11"/>
  <c r="CC43" i="11"/>
  <c r="CA43" i="11"/>
  <c r="BZ43" i="11"/>
  <c r="BY43" i="11"/>
  <c r="BX43" i="11"/>
  <c r="BW43" i="11"/>
  <c r="BV43" i="11"/>
  <c r="BU43" i="11"/>
  <c r="BT43" i="11"/>
  <c r="BS43" i="11"/>
  <c r="BR43" i="11"/>
  <c r="BQ43" i="11"/>
  <c r="BP43" i="11"/>
  <c r="BO43" i="11"/>
  <c r="BN43" i="11"/>
  <c r="BM43" i="11"/>
  <c r="BL43" i="11"/>
  <c r="BK43" i="11"/>
  <c r="BJ43" i="11"/>
  <c r="BI43" i="11"/>
  <c r="BH43" i="11"/>
  <c r="BG43" i="11"/>
  <c r="BF43" i="11"/>
  <c r="BE43" i="11"/>
  <c r="BD43" i="11"/>
  <c r="BC43" i="11"/>
  <c r="BA43" i="11"/>
  <c r="S43" i="11"/>
  <c r="CG42" i="11"/>
  <c r="CF42" i="11"/>
  <c r="CE42" i="11"/>
  <c r="CD42" i="11"/>
  <c r="CB42" i="11"/>
  <c r="CA42" i="11"/>
  <c r="BZ42" i="11"/>
  <c r="BY42" i="11"/>
  <c r="BX42" i="11"/>
  <c r="BW42" i="11"/>
  <c r="BV42" i="11"/>
  <c r="BU42" i="11"/>
  <c r="BT42" i="11"/>
  <c r="BS42" i="11"/>
  <c r="BR42" i="11"/>
  <c r="BQ42" i="11"/>
  <c r="BP42" i="11"/>
  <c r="BO42" i="11"/>
  <c r="BN42" i="11"/>
  <c r="BM42" i="11"/>
  <c r="BL42" i="11"/>
  <c r="BK42" i="11"/>
  <c r="BJ42" i="11"/>
  <c r="BI42" i="11"/>
  <c r="BH42" i="11"/>
  <c r="BG42" i="11"/>
  <c r="BF42" i="11"/>
  <c r="BE42" i="11"/>
  <c r="BD42" i="11"/>
  <c r="BC42" i="11"/>
  <c r="BA42" i="11"/>
  <c r="S42" i="11"/>
  <c r="CG41" i="11"/>
  <c r="CF41" i="11"/>
  <c r="CE41" i="11"/>
  <c r="CD41" i="11"/>
  <c r="CC41" i="11"/>
  <c r="CB41" i="11"/>
  <c r="CA41" i="11"/>
  <c r="BZ41" i="11"/>
  <c r="BY41" i="11"/>
  <c r="BX41" i="11"/>
  <c r="BV41" i="11"/>
  <c r="BU41" i="11"/>
  <c r="BT41" i="11"/>
  <c r="BS41" i="11"/>
  <c r="BR41" i="11"/>
  <c r="BQ41" i="11"/>
  <c r="BP41" i="11"/>
  <c r="BO41" i="11"/>
  <c r="BN41" i="11"/>
  <c r="BM41" i="11"/>
  <c r="BL41" i="11"/>
  <c r="BK41" i="11"/>
  <c r="BJ41" i="11"/>
  <c r="BI41" i="11"/>
  <c r="BH41" i="11"/>
  <c r="BG41" i="11"/>
  <c r="BF41" i="11"/>
  <c r="BE41" i="11"/>
  <c r="BD41" i="11"/>
  <c r="BC41" i="11"/>
  <c r="BA41" i="11"/>
  <c r="S41" i="11"/>
  <c r="CG40" i="11"/>
  <c r="CF40" i="11"/>
  <c r="CE40" i="11"/>
  <c r="CD40" i="11"/>
  <c r="CC40" i="11"/>
  <c r="CB40" i="11"/>
  <c r="CA40" i="11"/>
  <c r="BZ40" i="11"/>
  <c r="BY40" i="11"/>
  <c r="BX40" i="11"/>
  <c r="BW40" i="11"/>
  <c r="BV40" i="11"/>
  <c r="BT40" i="11"/>
  <c r="BS40" i="11"/>
  <c r="BR40" i="11"/>
  <c r="BQ40" i="11"/>
  <c r="BP40" i="11"/>
  <c r="BO40" i="11"/>
  <c r="BN40" i="11"/>
  <c r="BM40" i="11"/>
  <c r="BL40" i="11"/>
  <c r="BK40" i="11"/>
  <c r="BJ40" i="11"/>
  <c r="BI40" i="11"/>
  <c r="BH40" i="11"/>
  <c r="BG40" i="11"/>
  <c r="BF40" i="11"/>
  <c r="BE40" i="11"/>
  <c r="BD40" i="11"/>
  <c r="BC40" i="11"/>
  <c r="BA40" i="11"/>
  <c r="S40" i="11"/>
  <c r="CG39" i="11"/>
  <c r="CF39" i="11"/>
  <c r="CE39" i="11"/>
  <c r="CD39" i="11"/>
  <c r="CC39" i="11"/>
  <c r="CB39" i="11"/>
  <c r="CA39" i="11"/>
  <c r="BZ39" i="11"/>
  <c r="BY39" i="11"/>
  <c r="BX39" i="11"/>
  <c r="BW39" i="11"/>
  <c r="BU39" i="11"/>
  <c r="BT39" i="11"/>
  <c r="BS39" i="11"/>
  <c r="BR39" i="11"/>
  <c r="BQ39" i="11"/>
  <c r="BP39" i="11"/>
  <c r="BO39" i="11"/>
  <c r="BN39" i="11"/>
  <c r="BM39" i="11"/>
  <c r="BL39" i="11"/>
  <c r="BK39" i="11"/>
  <c r="BJ39" i="11"/>
  <c r="BI39" i="11"/>
  <c r="BH39" i="11"/>
  <c r="BG39" i="11"/>
  <c r="BF39" i="11"/>
  <c r="BE39" i="11"/>
  <c r="BD39" i="11"/>
  <c r="BC39" i="11"/>
  <c r="BA39" i="11"/>
  <c r="S39" i="11"/>
  <c r="CG38" i="11"/>
  <c r="CF38" i="11"/>
  <c r="CE38" i="11"/>
  <c r="CD38" i="11"/>
  <c r="CC38" i="11"/>
  <c r="CB38" i="11"/>
  <c r="CA38" i="11"/>
  <c r="BZ38" i="11"/>
  <c r="BY38" i="11"/>
  <c r="BX38" i="11"/>
  <c r="BW38" i="11"/>
  <c r="BV38" i="11"/>
  <c r="BU38" i="11"/>
  <c r="BS38" i="11"/>
  <c r="BR38" i="11"/>
  <c r="BQ38" i="11"/>
  <c r="BP38" i="11"/>
  <c r="BO38" i="11"/>
  <c r="BN38" i="11"/>
  <c r="BM38" i="11"/>
  <c r="BL38" i="11"/>
  <c r="BK38" i="11"/>
  <c r="BJ38" i="11"/>
  <c r="BI38" i="11"/>
  <c r="BH38" i="11"/>
  <c r="BG38" i="11"/>
  <c r="BF38" i="11"/>
  <c r="BE38" i="11"/>
  <c r="BD38" i="11"/>
  <c r="BC38" i="11"/>
  <c r="BA38" i="11"/>
  <c r="S38" i="11"/>
  <c r="CG37" i="11"/>
  <c r="CF37" i="11"/>
  <c r="CE37" i="11"/>
  <c r="CD37" i="11"/>
  <c r="CC37" i="11"/>
  <c r="CB37" i="11"/>
  <c r="BZ37" i="11"/>
  <c r="BY37" i="11"/>
  <c r="BX37" i="11"/>
  <c r="BW37" i="11"/>
  <c r="BV37" i="11"/>
  <c r="BU37" i="11"/>
  <c r="BT37" i="11"/>
  <c r="BS37" i="11"/>
  <c r="BR37" i="11"/>
  <c r="BQ37" i="11"/>
  <c r="BP37" i="11"/>
  <c r="BO37" i="11"/>
  <c r="BN37" i="11"/>
  <c r="BM37" i="11"/>
  <c r="BL37" i="11"/>
  <c r="BK37" i="11"/>
  <c r="BJ37" i="11"/>
  <c r="BI37" i="11"/>
  <c r="BH37" i="11"/>
  <c r="BG37" i="11"/>
  <c r="BF37" i="11"/>
  <c r="BE37" i="11"/>
  <c r="BD37" i="11"/>
  <c r="BC37" i="11"/>
  <c r="BA37" i="11"/>
  <c r="S37" i="11"/>
  <c r="CG36" i="11"/>
  <c r="CF36" i="11"/>
  <c r="CE36" i="11"/>
  <c r="CD36" i="11"/>
  <c r="CC36" i="11"/>
  <c r="CB36" i="11"/>
  <c r="CA36" i="11"/>
  <c r="BY36" i="11"/>
  <c r="BX36" i="11"/>
  <c r="BW36" i="11"/>
  <c r="BV36" i="11"/>
  <c r="BU36" i="11"/>
  <c r="BT36" i="11"/>
  <c r="BS36" i="11"/>
  <c r="BR36" i="11"/>
  <c r="BQ36" i="11"/>
  <c r="BP36" i="11"/>
  <c r="BO36" i="11"/>
  <c r="BN36" i="11"/>
  <c r="BM36" i="11"/>
  <c r="BL36" i="11"/>
  <c r="BK36" i="11"/>
  <c r="BJ36" i="11"/>
  <c r="BI36" i="11"/>
  <c r="BH36" i="11"/>
  <c r="BG36" i="11"/>
  <c r="BF36" i="11"/>
  <c r="BE36" i="11"/>
  <c r="BD36" i="11"/>
  <c r="BC36" i="11"/>
  <c r="BA36" i="11"/>
  <c r="S36" i="11"/>
  <c r="CG35" i="11"/>
  <c r="CF35" i="11"/>
  <c r="CE35" i="11"/>
  <c r="CD35" i="11"/>
  <c r="CC35" i="11"/>
  <c r="CB35" i="11"/>
  <c r="CA35" i="11"/>
  <c r="BZ35" i="11"/>
  <c r="BX35" i="11"/>
  <c r="BW35" i="11"/>
  <c r="BV35" i="11"/>
  <c r="BU35" i="11"/>
  <c r="BT35" i="11"/>
  <c r="BS35" i="11"/>
  <c r="BR35" i="11"/>
  <c r="BQ35" i="11"/>
  <c r="BP35" i="11"/>
  <c r="BO35" i="11"/>
  <c r="BN35" i="11"/>
  <c r="BM35" i="11"/>
  <c r="BL35" i="11"/>
  <c r="BK35" i="11"/>
  <c r="BJ35" i="11"/>
  <c r="BI35" i="11"/>
  <c r="BH35" i="11"/>
  <c r="BG35" i="11"/>
  <c r="BF35" i="11"/>
  <c r="BE35" i="11"/>
  <c r="BD35" i="11"/>
  <c r="BC35" i="11"/>
  <c r="BA35" i="11"/>
  <c r="S35" i="11"/>
  <c r="CG34" i="11"/>
  <c r="CF34" i="11"/>
  <c r="CE34" i="11"/>
  <c r="CD34" i="11"/>
  <c r="CC34" i="11"/>
  <c r="CB34" i="11"/>
  <c r="CA34" i="11"/>
  <c r="BZ34" i="11"/>
  <c r="BY34" i="11"/>
  <c r="BW34" i="11"/>
  <c r="BV34" i="11"/>
  <c r="BU34" i="11"/>
  <c r="BT34" i="11"/>
  <c r="BS34" i="11"/>
  <c r="BR34" i="11"/>
  <c r="BQ34" i="11"/>
  <c r="BP34" i="11"/>
  <c r="BO34" i="11"/>
  <c r="BN34" i="11"/>
  <c r="BM34" i="11"/>
  <c r="BL34" i="11"/>
  <c r="BK34" i="11"/>
  <c r="BJ34" i="11"/>
  <c r="BI34" i="11"/>
  <c r="BH34" i="11"/>
  <c r="BG34" i="11"/>
  <c r="BF34" i="11"/>
  <c r="BE34" i="11"/>
  <c r="BD34" i="11"/>
  <c r="BC34" i="11"/>
  <c r="BA34" i="11"/>
  <c r="S34" i="11"/>
  <c r="BA33" i="11"/>
  <c r="S33" i="11"/>
  <c r="CG32" i="11"/>
  <c r="CF32" i="11"/>
  <c r="CE32" i="11"/>
  <c r="CD32" i="11"/>
  <c r="CC32" i="11"/>
  <c r="CB32" i="11"/>
  <c r="BZ32" i="11"/>
  <c r="BY32" i="11"/>
  <c r="BX32" i="11"/>
  <c r="BW32" i="11"/>
  <c r="BV32" i="11"/>
  <c r="BU32" i="11"/>
  <c r="BT32" i="11"/>
  <c r="BS32" i="11"/>
  <c r="BR32" i="11"/>
  <c r="BQ32" i="11"/>
  <c r="BP32" i="11"/>
  <c r="BO32" i="11"/>
  <c r="BN32" i="11"/>
  <c r="BM32" i="11"/>
  <c r="BL32" i="11"/>
  <c r="BK32" i="11"/>
  <c r="BJ32" i="11"/>
  <c r="BI32" i="11"/>
  <c r="BH32" i="11"/>
  <c r="BG32" i="11"/>
  <c r="BF32" i="11"/>
  <c r="BE32" i="11"/>
  <c r="BD32" i="11"/>
  <c r="BC32" i="11"/>
  <c r="BA32" i="11"/>
  <c r="BB32" i="11" s="1"/>
  <c r="CA32" i="11" s="1"/>
  <c r="CG31" i="11"/>
  <c r="CF31" i="11"/>
  <c r="CE31" i="11"/>
  <c r="CD31" i="11"/>
  <c r="CC31" i="11"/>
  <c r="CB31" i="11"/>
  <c r="BZ31" i="11"/>
  <c r="BY31" i="11"/>
  <c r="BX31" i="11"/>
  <c r="BW31" i="11"/>
  <c r="BV31" i="11"/>
  <c r="BU31" i="11"/>
  <c r="BT31" i="11"/>
  <c r="BS31" i="11"/>
  <c r="BR31" i="11"/>
  <c r="BQ31" i="11"/>
  <c r="BP31" i="11"/>
  <c r="BO31" i="11"/>
  <c r="BN31" i="11"/>
  <c r="BM31" i="11"/>
  <c r="BL31" i="11"/>
  <c r="BK31" i="11"/>
  <c r="BJ31" i="11"/>
  <c r="BI31" i="11"/>
  <c r="BH31" i="11"/>
  <c r="BG31" i="11"/>
  <c r="BF31" i="11"/>
  <c r="BE31" i="11"/>
  <c r="BD31" i="11"/>
  <c r="BC31" i="11"/>
  <c r="BA31" i="11"/>
  <c r="BB31" i="11" s="1"/>
  <c r="CA31" i="11" s="1"/>
  <c r="CG30" i="11"/>
  <c r="CF30" i="11"/>
  <c r="CE30" i="11"/>
  <c r="CD30" i="11"/>
  <c r="CC30" i="11"/>
  <c r="CB30" i="11"/>
  <c r="CA30" i="11"/>
  <c r="BY30" i="11"/>
  <c r="BX30" i="11"/>
  <c r="BW30" i="11"/>
  <c r="BV30" i="11"/>
  <c r="BU30" i="11"/>
  <c r="BT30" i="11"/>
  <c r="BS30" i="11"/>
  <c r="BR30" i="11"/>
  <c r="BQ30" i="11"/>
  <c r="BP30" i="11"/>
  <c r="BO30" i="11"/>
  <c r="BN30" i="11"/>
  <c r="BM30" i="11"/>
  <c r="BL30" i="11"/>
  <c r="BK30" i="11"/>
  <c r="BJ30" i="11"/>
  <c r="BI30" i="11"/>
  <c r="BH30" i="11"/>
  <c r="BG30" i="11"/>
  <c r="BF30" i="11"/>
  <c r="BE30" i="11"/>
  <c r="BD30" i="11"/>
  <c r="BC30" i="11"/>
  <c r="BA30" i="11"/>
  <c r="BB30" i="11" s="1"/>
  <c r="BZ30" i="11" s="1"/>
  <c r="CG29" i="11"/>
  <c r="CF29" i="11"/>
  <c r="CE29" i="11"/>
  <c r="CD29" i="11"/>
  <c r="CC29" i="11"/>
  <c r="CB29" i="11"/>
  <c r="CA29" i="11"/>
  <c r="BY29" i="11"/>
  <c r="BX29" i="11"/>
  <c r="BW29" i="11"/>
  <c r="BV29" i="11"/>
  <c r="BU29" i="11"/>
  <c r="BT29" i="11"/>
  <c r="BS29" i="11"/>
  <c r="BR29" i="11"/>
  <c r="BQ29" i="11"/>
  <c r="BP29" i="11"/>
  <c r="BO29" i="11"/>
  <c r="BN29" i="11"/>
  <c r="BM29" i="11"/>
  <c r="BL29" i="11"/>
  <c r="BK29" i="11"/>
  <c r="BJ29" i="11"/>
  <c r="BI29" i="11"/>
  <c r="BH29" i="11"/>
  <c r="BG29" i="11"/>
  <c r="BF29" i="11"/>
  <c r="BE29" i="11"/>
  <c r="BD29" i="11"/>
  <c r="BC29" i="11"/>
  <c r="BA29" i="11"/>
  <c r="BB29" i="11" s="1"/>
  <c r="BZ29" i="11" s="1"/>
  <c r="CG28" i="11"/>
  <c r="CF28" i="11"/>
  <c r="CE28" i="11"/>
  <c r="CD28" i="11"/>
  <c r="CC28" i="11"/>
  <c r="CB28" i="11"/>
  <c r="CA28" i="11"/>
  <c r="BZ28" i="11"/>
  <c r="BX28" i="11"/>
  <c r="BW28" i="11"/>
  <c r="BV28" i="11"/>
  <c r="BU28" i="11"/>
  <c r="BT28" i="11"/>
  <c r="BS28" i="11"/>
  <c r="BR28" i="11"/>
  <c r="BQ28" i="11"/>
  <c r="BP28" i="11"/>
  <c r="BO28" i="11"/>
  <c r="BN28" i="11"/>
  <c r="BM28" i="11"/>
  <c r="BL28" i="11"/>
  <c r="BK28" i="11"/>
  <c r="BJ28" i="11"/>
  <c r="BI28" i="11"/>
  <c r="BH28" i="11"/>
  <c r="BG28" i="11"/>
  <c r="BF28" i="11"/>
  <c r="BE28" i="11"/>
  <c r="BD28" i="11"/>
  <c r="BC28" i="11"/>
  <c r="BA28" i="11"/>
  <c r="BB28" i="11" s="1"/>
  <c r="BY28" i="11" s="1"/>
  <c r="CG27" i="11"/>
  <c r="CF27" i="11"/>
  <c r="CE27" i="11"/>
  <c r="CD27" i="11"/>
  <c r="CC27" i="11"/>
  <c r="CB27" i="11"/>
  <c r="CA27" i="11"/>
  <c r="BZ27" i="11"/>
  <c r="BX27" i="11"/>
  <c r="BW27" i="11"/>
  <c r="BV27" i="11"/>
  <c r="BU27" i="11"/>
  <c r="BT27" i="11"/>
  <c r="BS27" i="11"/>
  <c r="BR27" i="11"/>
  <c r="BQ27" i="11"/>
  <c r="BP27" i="11"/>
  <c r="BO27" i="11"/>
  <c r="BN27" i="11"/>
  <c r="BM27" i="11"/>
  <c r="BL27" i="11"/>
  <c r="BK27" i="11"/>
  <c r="BJ27" i="11"/>
  <c r="BI27" i="11"/>
  <c r="BH27" i="11"/>
  <c r="BG27" i="11"/>
  <c r="BF27" i="11"/>
  <c r="BE27" i="11"/>
  <c r="BD27" i="11"/>
  <c r="BC27" i="11"/>
  <c r="BA27" i="11"/>
  <c r="BB27" i="11" s="1"/>
  <c r="BY27" i="11" s="1"/>
  <c r="CG26" i="11"/>
  <c r="CF26" i="11"/>
  <c r="CE26" i="11"/>
  <c r="CD26" i="11"/>
  <c r="CC26" i="11"/>
  <c r="CB26" i="11"/>
  <c r="CA26" i="11"/>
  <c r="BZ26" i="11"/>
  <c r="BY26" i="11"/>
  <c r="BW26" i="11"/>
  <c r="BV26" i="11"/>
  <c r="BU26" i="11"/>
  <c r="BT26" i="11"/>
  <c r="BS26" i="11"/>
  <c r="BR26" i="11"/>
  <c r="BQ26" i="11"/>
  <c r="BP26" i="11"/>
  <c r="BO26" i="11"/>
  <c r="BN26" i="11"/>
  <c r="BM26" i="11"/>
  <c r="BL26" i="11"/>
  <c r="BK26" i="11"/>
  <c r="BJ26" i="11"/>
  <c r="BI26" i="11"/>
  <c r="BH26" i="11"/>
  <c r="BG26" i="11"/>
  <c r="BF26" i="11"/>
  <c r="BE26" i="11"/>
  <c r="BD26" i="11"/>
  <c r="BC26" i="11"/>
  <c r="BA26" i="11"/>
  <c r="BB26" i="11" s="1"/>
  <c r="BX26" i="11" s="1"/>
  <c r="CG25" i="11"/>
  <c r="CF25" i="11"/>
  <c r="CE25" i="11"/>
  <c r="CD25" i="11"/>
  <c r="CC25" i="11"/>
  <c r="CB25" i="11"/>
  <c r="CA25" i="11"/>
  <c r="BZ25" i="11"/>
  <c r="BY25" i="11"/>
  <c r="BW25" i="11"/>
  <c r="BV25" i="11"/>
  <c r="BU25" i="11"/>
  <c r="BT25" i="11"/>
  <c r="BS25" i="11"/>
  <c r="BR25" i="11"/>
  <c r="BQ25" i="11"/>
  <c r="BP25" i="11"/>
  <c r="BO25" i="11"/>
  <c r="BN25" i="11"/>
  <c r="BM25" i="11"/>
  <c r="BL25" i="11"/>
  <c r="BK25" i="11"/>
  <c r="BJ25" i="11"/>
  <c r="BI25" i="11"/>
  <c r="BH25" i="11"/>
  <c r="BG25" i="11"/>
  <c r="BF25" i="11"/>
  <c r="BE25" i="11"/>
  <c r="BD25" i="11"/>
  <c r="BC25" i="11"/>
  <c r="BA25" i="11"/>
  <c r="BB25" i="11" s="1"/>
  <c r="BX25" i="11" s="1"/>
  <c r="CG24" i="11"/>
  <c r="CF24" i="11"/>
  <c r="CE24" i="11"/>
  <c r="CD24" i="11"/>
  <c r="CC24" i="11"/>
  <c r="CB24" i="11"/>
  <c r="CA24" i="11"/>
  <c r="BZ24" i="11"/>
  <c r="BY24" i="11"/>
  <c r="BX24" i="11"/>
  <c r="BS24" i="11"/>
  <c r="BR24" i="11"/>
  <c r="BQ24" i="11"/>
  <c r="BP24" i="11"/>
  <c r="BO24" i="11"/>
  <c r="BN24" i="11"/>
  <c r="BM24" i="11"/>
  <c r="BL24" i="11"/>
  <c r="BK24" i="11"/>
  <c r="BJ24" i="11"/>
  <c r="BI24" i="11"/>
  <c r="BH24" i="11"/>
  <c r="BG24" i="11"/>
  <c r="BF24" i="11"/>
  <c r="BE24" i="11"/>
  <c r="BD24" i="11"/>
  <c r="BC24" i="11"/>
  <c r="BA24" i="11"/>
  <c r="BB24" i="11" s="1"/>
  <c r="CG23" i="11"/>
  <c r="CF23" i="11"/>
  <c r="CE23" i="11"/>
  <c r="CD23" i="11"/>
  <c r="CC23" i="11"/>
  <c r="CB23" i="11"/>
  <c r="CA23" i="11"/>
  <c r="BZ23" i="11"/>
  <c r="BY23" i="11"/>
  <c r="BX23" i="11"/>
  <c r="BW23" i="11"/>
  <c r="BV23" i="11"/>
  <c r="BU23" i="11"/>
  <c r="BT23" i="11"/>
  <c r="BS23" i="11"/>
  <c r="BR23" i="11"/>
  <c r="BQ23" i="11"/>
  <c r="BP23" i="11"/>
  <c r="BO23" i="11"/>
  <c r="BN23" i="11"/>
  <c r="BM23" i="11"/>
  <c r="BL23" i="11"/>
  <c r="BK23" i="11"/>
  <c r="BJ23" i="11"/>
  <c r="BI23" i="11"/>
  <c r="BH23" i="11"/>
  <c r="BG23" i="11"/>
  <c r="BF23" i="11"/>
  <c r="BE23" i="11"/>
  <c r="BD23" i="11"/>
  <c r="BC23" i="11"/>
  <c r="BA23" i="11"/>
  <c r="CG22" i="11"/>
  <c r="CF22" i="11"/>
  <c r="CE22" i="11"/>
  <c r="CD22" i="11"/>
  <c r="CC22" i="11"/>
  <c r="CB22" i="11"/>
  <c r="CA22" i="11"/>
  <c r="BZ22" i="11"/>
  <c r="BY22" i="11"/>
  <c r="BX22" i="11"/>
  <c r="BW22" i="11"/>
  <c r="BV22" i="11"/>
  <c r="BU22" i="11"/>
  <c r="BT22" i="11"/>
  <c r="BS22" i="11"/>
  <c r="BR22" i="11"/>
  <c r="BQ22" i="11"/>
  <c r="BP22" i="11"/>
  <c r="BO22" i="11"/>
  <c r="BN22" i="11"/>
  <c r="BM22" i="11"/>
  <c r="BL22" i="11"/>
  <c r="BK22" i="11"/>
  <c r="BJ22" i="11"/>
  <c r="BI22" i="11"/>
  <c r="BH22" i="11"/>
  <c r="BG22" i="11"/>
  <c r="BF22" i="11"/>
  <c r="BE22" i="11"/>
  <c r="BD22" i="11"/>
  <c r="BC22" i="11"/>
  <c r="BA22" i="11"/>
  <c r="CG21" i="11"/>
  <c r="CD21" i="11"/>
  <c r="CC21" i="11"/>
  <c r="CB21" i="11"/>
  <c r="CA21" i="11"/>
  <c r="BZ21" i="11"/>
  <c r="BY21" i="11"/>
  <c r="BX21" i="11"/>
  <c r="BW21" i="11"/>
  <c r="BV21" i="11"/>
  <c r="BU21" i="11"/>
  <c r="BT21" i="11"/>
  <c r="BS21" i="11"/>
  <c r="BR21" i="11"/>
  <c r="BQ21" i="11"/>
  <c r="BP21" i="11"/>
  <c r="BO21" i="11"/>
  <c r="BN21" i="11"/>
  <c r="BM21" i="11"/>
  <c r="BL21" i="11"/>
  <c r="BK21" i="11"/>
  <c r="BJ21" i="11"/>
  <c r="BI21" i="11"/>
  <c r="BH21" i="11"/>
  <c r="BG21" i="11"/>
  <c r="BF21" i="11"/>
  <c r="BE21" i="11"/>
  <c r="BD21" i="11"/>
  <c r="BC21" i="11"/>
  <c r="BA21" i="11"/>
  <c r="S21" i="11"/>
  <c r="CG20" i="11"/>
  <c r="CF20" i="11"/>
  <c r="CE20" i="11"/>
  <c r="CD20" i="11"/>
  <c r="CA20" i="11"/>
  <c r="BZ20" i="11"/>
  <c r="BY20" i="11"/>
  <c r="BX20" i="11"/>
  <c r="BW20" i="11"/>
  <c r="BV20" i="11"/>
  <c r="BU20" i="11"/>
  <c r="BT20" i="11"/>
  <c r="BS20" i="11"/>
  <c r="BR20" i="11"/>
  <c r="BQ20" i="11"/>
  <c r="BP20" i="11"/>
  <c r="BO20" i="11"/>
  <c r="BN20" i="11"/>
  <c r="BM20" i="11"/>
  <c r="BL20" i="11"/>
  <c r="BK20" i="11"/>
  <c r="BJ20" i="11"/>
  <c r="BI20" i="11"/>
  <c r="BH20" i="11"/>
  <c r="BG20" i="11"/>
  <c r="BF20" i="11"/>
  <c r="BE20" i="11"/>
  <c r="BD20" i="11"/>
  <c r="BC20" i="11"/>
  <c r="BA20" i="11"/>
  <c r="S20" i="11"/>
  <c r="CG19" i="11"/>
  <c r="CF19" i="11"/>
  <c r="CE19" i="11"/>
  <c r="CD19" i="11"/>
  <c r="CC19" i="11"/>
  <c r="CB19" i="11"/>
  <c r="BW19" i="11"/>
  <c r="BV19" i="11"/>
  <c r="BU19" i="11"/>
  <c r="BT19" i="11"/>
  <c r="BS19" i="11"/>
  <c r="BR19" i="11"/>
  <c r="BQ19" i="11"/>
  <c r="BP19" i="11"/>
  <c r="BO19" i="11"/>
  <c r="BN19" i="11"/>
  <c r="BM19" i="11"/>
  <c r="BL19" i="11"/>
  <c r="BK19" i="11"/>
  <c r="BJ19" i="11"/>
  <c r="BI19" i="11"/>
  <c r="BH19" i="11"/>
  <c r="BG19" i="11"/>
  <c r="BF19" i="11"/>
  <c r="BE19" i="11"/>
  <c r="BD19" i="11"/>
  <c r="BC19" i="11"/>
  <c r="BA19" i="11"/>
  <c r="S19" i="11"/>
  <c r="CG18" i="11"/>
  <c r="CF18" i="11"/>
  <c r="CE18" i="11"/>
  <c r="CD18" i="11"/>
  <c r="CC18" i="11"/>
  <c r="CB18" i="11"/>
  <c r="CA18" i="11"/>
  <c r="BZ18" i="11"/>
  <c r="BY18" i="11"/>
  <c r="BX18" i="11"/>
  <c r="BS18" i="11"/>
  <c r="BR18" i="11"/>
  <c r="BQ18" i="11"/>
  <c r="BP18" i="11"/>
  <c r="BO18" i="11"/>
  <c r="BN18" i="11"/>
  <c r="BM18" i="11"/>
  <c r="BL18" i="11"/>
  <c r="BK18" i="11"/>
  <c r="BJ18" i="11"/>
  <c r="BI18" i="11"/>
  <c r="BH18" i="11"/>
  <c r="BG18" i="11"/>
  <c r="BF18" i="11"/>
  <c r="BE18" i="11"/>
  <c r="BD18" i="11"/>
  <c r="BC18" i="11"/>
  <c r="BA18" i="11"/>
  <c r="S18" i="11"/>
  <c r="CG17" i="11"/>
  <c r="CF17" i="11"/>
  <c r="CE17" i="11"/>
  <c r="CD17" i="11"/>
  <c r="CC17" i="11"/>
  <c r="CB17" i="11"/>
  <c r="CA17" i="11"/>
  <c r="BZ17" i="11"/>
  <c r="BY17" i="11"/>
  <c r="BX17" i="11"/>
  <c r="BW17" i="11"/>
  <c r="BV17" i="11"/>
  <c r="BU17" i="11"/>
  <c r="BT17" i="11"/>
  <c r="BS17" i="11"/>
  <c r="BR17" i="11"/>
  <c r="BQ17" i="11"/>
  <c r="BP17" i="11"/>
  <c r="BO17" i="11"/>
  <c r="BN17" i="11"/>
  <c r="BM17" i="11"/>
  <c r="BL17" i="11"/>
  <c r="BK17" i="11"/>
  <c r="BJ17" i="11"/>
  <c r="BI17" i="11"/>
  <c r="BH17" i="11"/>
  <c r="BG17" i="11"/>
  <c r="BF17" i="11"/>
  <c r="BE17" i="11"/>
  <c r="BD17" i="11"/>
  <c r="BC17" i="11"/>
  <c r="BA17" i="11"/>
  <c r="CG16" i="11"/>
  <c r="CF16" i="11"/>
  <c r="CE16" i="11"/>
  <c r="CD16" i="11"/>
  <c r="CC16" i="11"/>
  <c r="CB16" i="11"/>
  <c r="CA16" i="11"/>
  <c r="BZ16" i="11"/>
  <c r="BY16" i="11"/>
  <c r="BX16" i="11"/>
  <c r="BW16" i="11"/>
  <c r="BV16" i="11"/>
  <c r="BU16" i="11"/>
  <c r="BS16" i="11"/>
  <c r="BR16" i="11"/>
  <c r="BQ16" i="11"/>
  <c r="BP16" i="11"/>
  <c r="BO16" i="11"/>
  <c r="BN16" i="11"/>
  <c r="BM16" i="11"/>
  <c r="BL16" i="11"/>
  <c r="BK16" i="11"/>
  <c r="BJ16" i="11"/>
  <c r="BI16" i="11"/>
  <c r="BH16" i="11"/>
  <c r="BG16" i="11"/>
  <c r="BF16" i="11"/>
  <c r="BE16" i="11"/>
  <c r="BD16" i="11"/>
  <c r="BC16" i="11"/>
  <c r="BA16" i="11"/>
  <c r="BB16" i="11" s="1"/>
  <c r="BT16" i="11" s="1"/>
  <c r="CG15" i="11"/>
  <c r="CF15" i="11"/>
  <c r="CE15" i="11"/>
  <c r="CD15" i="11"/>
  <c r="CC15" i="11"/>
  <c r="CB15" i="11"/>
  <c r="CA15" i="11"/>
  <c r="BZ15" i="11"/>
  <c r="BY15" i="11"/>
  <c r="BX15" i="11"/>
  <c r="BW15" i="11"/>
  <c r="BV15" i="11"/>
  <c r="BU15" i="11"/>
  <c r="BT15" i="11"/>
  <c r="BS15" i="11"/>
  <c r="BR15" i="11"/>
  <c r="BQ15" i="11"/>
  <c r="BP15" i="11"/>
  <c r="BO15" i="11"/>
  <c r="BN15" i="11"/>
  <c r="BM15" i="11"/>
  <c r="BL15" i="11"/>
  <c r="BK15" i="11"/>
  <c r="BJ15" i="11"/>
  <c r="BI15" i="11"/>
  <c r="BH15" i="11"/>
  <c r="BG15" i="11"/>
  <c r="BF15" i="11"/>
  <c r="BE15" i="11"/>
  <c r="BD15" i="11"/>
  <c r="BC15" i="11"/>
  <c r="BA15" i="11"/>
  <c r="CG14" i="11"/>
  <c r="CF14" i="11"/>
  <c r="CE14" i="11"/>
  <c r="CD14" i="11"/>
  <c r="CC14" i="11"/>
  <c r="CB14" i="11"/>
  <c r="CA14" i="11"/>
  <c r="BZ14" i="11"/>
  <c r="BY14" i="11"/>
  <c r="BX14" i="11"/>
  <c r="BW14" i="11"/>
  <c r="BV14" i="11"/>
  <c r="BU14" i="11"/>
  <c r="BT14" i="11"/>
  <c r="BS14" i="11"/>
  <c r="BR14" i="11"/>
  <c r="BQ14" i="11"/>
  <c r="BP14" i="11"/>
  <c r="BO14" i="11"/>
  <c r="BN14" i="11"/>
  <c r="BM14" i="11"/>
  <c r="BL14" i="11"/>
  <c r="BK14" i="11"/>
  <c r="BJ14" i="11"/>
  <c r="BI14" i="11"/>
  <c r="BH14" i="11"/>
  <c r="BG14" i="11"/>
  <c r="BF14" i="11"/>
  <c r="BE14" i="11"/>
  <c r="BD14" i="11"/>
  <c r="BC14" i="11"/>
  <c r="BA14" i="11"/>
  <c r="CG13" i="11"/>
  <c r="CF13" i="11"/>
  <c r="CE13" i="11"/>
  <c r="CD13" i="11"/>
  <c r="CC13" i="11"/>
  <c r="CB13" i="11"/>
  <c r="CA13" i="11"/>
  <c r="BZ13" i="11"/>
  <c r="BY13" i="11"/>
  <c r="BX13" i="11"/>
  <c r="BW13" i="11"/>
  <c r="BV13" i="11"/>
  <c r="BU13" i="11"/>
  <c r="BS13" i="11"/>
  <c r="BR13" i="11"/>
  <c r="BQ13" i="11"/>
  <c r="BP13" i="11"/>
  <c r="BO13" i="11"/>
  <c r="BN13" i="11"/>
  <c r="BM13" i="11"/>
  <c r="BL13" i="11"/>
  <c r="BK13" i="11"/>
  <c r="BJ13" i="11"/>
  <c r="BI13" i="11"/>
  <c r="BH13" i="11"/>
  <c r="BG13" i="11"/>
  <c r="BF13" i="11"/>
  <c r="BE13" i="11"/>
  <c r="BD13" i="11"/>
  <c r="BC13" i="11"/>
  <c r="BA13" i="11"/>
  <c r="S13" i="11"/>
  <c r="CG12" i="11"/>
  <c r="CF12" i="11"/>
  <c r="CE12" i="11"/>
  <c r="CD12" i="11"/>
  <c r="CC12" i="11"/>
  <c r="CB12" i="11"/>
  <c r="BW12" i="11"/>
  <c r="BV12" i="11"/>
  <c r="BU12" i="11"/>
  <c r="BT12" i="11"/>
  <c r="BS12" i="11"/>
  <c r="BR12" i="11"/>
  <c r="BQ12" i="11"/>
  <c r="BP12" i="11"/>
  <c r="BO12" i="11"/>
  <c r="BN12" i="11"/>
  <c r="BM12" i="11"/>
  <c r="BL12" i="11"/>
  <c r="BK12" i="11"/>
  <c r="BJ12" i="11"/>
  <c r="BI12" i="11"/>
  <c r="BH12" i="11"/>
  <c r="BG12" i="11"/>
  <c r="BF12" i="11"/>
  <c r="BE12" i="11"/>
  <c r="BD12" i="11"/>
  <c r="BC12" i="11"/>
  <c r="BA12" i="11"/>
  <c r="S12" i="11"/>
  <c r="CG11" i="11"/>
  <c r="CF11" i="11"/>
  <c r="CE11" i="11"/>
  <c r="CD11" i="11"/>
  <c r="CC11" i="11"/>
  <c r="CB11" i="11"/>
  <c r="CA11" i="11"/>
  <c r="BZ11" i="11"/>
  <c r="BY11" i="11"/>
  <c r="BX11" i="11"/>
  <c r="BS11" i="11"/>
  <c r="BR11" i="11"/>
  <c r="BQ11" i="11"/>
  <c r="BP11" i="11"/>
  <c r="BO11" i="11"/>
  <c r="BN11" i="11"/>
  <c r="BM11" i="11"/>
  <c r="BL11" i="11"/>
  <c r="BK11" i="11"/>
  <c r="BJ11" i="11"/>
  <c r="BI11" i="11"/>
  <c r="BH11" i="11"/>
  <c r="BG11" i="11"/>
  <c r="BF11" i="11"/>
  <c r="BE11" i="11"/>
  <c r="BD11" i="11"/>
  <c r="BC11" i="11"/>
  <c r="BA11" i="11"/>
  <c r="S11" i="11"/>
  <c r="CG10" i="11"/>
  <c r="CF10" i="11"/>
  <c r="CE10" i="11"/>
  <c r="CD10" i="11"/>
  <c r="CC10" i="11"/>
  <c r="CB10" i="11"/>
  <c r="CA10" i="11"/>
  <c r="BZ10" i="11"/>
  <c r="BY10" i="11"/>
  <c r="BX10" i="11"/>
  <c r="BW10" i="11"/>
  <c r="BV10" i="11"/>
  <c r="BU10" i="11"/>
  <c r="BT10" i="11"/>
  <c r="BS10" i="11"/>
  <c r="BR10" i="11"/>
  <c r="BQ10" i="11"/>
  <c r="BP10" i="11"/>
  <c r="BO10" i="11"/>
  <c r="BN10" i="11"/>
  <c r="BM10" i="11"/>
  <c r="BL10" i="11"/>
  <c r="BK10" i="11"/>
  <c r="BJ10" i="11"/>
  <c r="BI10" i="11"/>
  <c r="BH10" i="11"/>
  <c r="BG10" i="11"/>
  <c r="BF10" i="11"/>
  <c r="BE10" i="11"/>
  <c r="BD10" i="11"/>
  <c r="BC10" i="11"/>
  <c r="BA10" i="11"/>
  <c r="CG9" i="11"/>
  <c r="CF9" i="11"/>
  <c r="CE9" i="11"/>
  <c r="CD9" i="11"/>
  <c r="CC9" i="11"/>
  <c r="CB9" i="11"/>
  <c r="BW9" i="11"/>
  <c r="BV9" i="11"/>
  <c r="BU9" i="11"/>
  <c r="BT9" i="11"/>
  <c r="BS9" i="11"/>
  <c r="BR9" i="11"/>
  <c r="BQ9" i="11"/>
  <c r="BP9" i="11"/>
  <c r="BO9" i="11"/>
  <c r="BN9" i="11"/>
  <c r="BM9" i="11"/>
  <c r="BL9" i="11"/>
  <c r="BK9" i="11"/>
  <c r="BJ9" i="11"/>
  <c r="BI9" i="11"/>
  <c r="BH9" i="11"/>
  <c r="BG9" i="11"/>
  <c r="BF9" i="11"/>
  <c r="BE9" i="11"/>
  <c r="BD9" i="11"/>
  <c r="BC9" i="11"/>
  <c r="BA9" i="11"/>
  <c r="S9" i="11"/>
  <c r="CG8" i="11"/>
  <c r="CF8" i="11"/>
  <c r="CE8" i="11"/>
  <c r="CD8" i="11"/>
  <c r="CC8" i="11"/>
  <c r="CB8" i="11"/>
  <c r="CA8" i="11"/>
  <c r="BZ8" i="11"/>
  <c r="BY8" i="11"/>
  <c r="BX8" i="11"/>
  <c r="BS8" i="11"/>
  <c r="BR8" i="11"/>
  <c r="BQ8" i="11"/>
  <c r="BP8" i="11"/>
  <c r="BO8" i="11"/>
  <c r="BN8" i="11"/>
  <c r="BM8" i="11"/>
  <c r="BL8" i="11"/>
  <c r="BK8" i="11"/>
  <c r="BJ8" i="11"/>
  <c r="BI8" i="11"/>
  <c r="BH8" i="11"/>
  <c r="BG8" i="11"/>
  <c r="BF8" i="11"/>
  <c r="BE8" i="11"/>
  <c r="BD8" i="11"/>
  <c r="BC8" i="11"/>
  <c r="BA8" i="11"/>
  <c r="S8" i="11"/>
  <c r="CG7" i="11"/>
  <c r="CF7" i="11"/>
  <c r="CE7" i="11"/>
  <c r="CD7" i="11"/>
  <c r="CC7" i="11"/>
  <c r="CB7" i="11"/>
  <c r="CA7" i="11"/>
  <c r="BZ7" i="11"/>
  <c r="BY7" i="11"/>
  <c r="BX7" i="11"/>
  <c r="BW7" i="11"/>
  <c r="BV7" i="11"/>
  <c r="BU7" i="11"/>
  <c r="BT7" i="11"/>
  <c r="BS7" i="11"/>
  <c r="BR7" i="11"/>
  <c r="BQ7" i="11"/>
  <c r="BP7" i="11"/>
  <c r="BO7" i="11"/>
  <c r="BN7" i="11"/>
  <c r="BM7" i="11"/>
  <c r="BL7" i="11"/>
  <c r="BK7" i="11"/>
  <c r="BJ7" i="11"/>
  <c r="BI7" i="11"/>
  <c r="BH7" i="11"/>
  <c r="BG7" i="11"/>
  <c r="BF7" i="11"/>
  <c r="BE7" i="11"/>
  <c r="BD7" i="11"/>
  <c r="BC7" i="11"/>
  <c r="BA7" i="11"/>
  <c r="CG6" i="11"/>
  <c r="CD6" i="11"/>
  <c r="CC6" i="11"/>
  <c r="CB6" i="11"/>
  <c r="CA6" i="11"/>
  <c r="BZ6" i="11"/>
  <c r="BY6" i="11"/>
  <c r="BX6" i="11"/>
  <c r="BW6" i="11"/>
  <c r="BV6" i="11"/>
  <c r="BU6" i="11"/>
  <c r="BT6" i="11"/>
  <c r="BS6" i="11"/>
  <c r="BR6" i="11"/>
  <c r="BQ6" i="11"/>
  <c r="BP6" i="11"/>
  <c r="BO6" i="11"/>
  <c r="BN6" i="11"/>
  <c r="BM6" i="11"/>
  <c r="BL6" i="11"/>
  <c r="BK6" i="11"/>
  <c r="BJ6" i="11"/>
  <c r="BI6" i="11"/>
  <c r="BH6" i="11"/>
  <c r="BG6" i="11"/>
  <c r="BF6" i="11"/>
  <c r="BE6" i="11"/>
  <c r="BD6" i="11"/>
  <c r="BC6" i="11"/>
  <c r="BA6" i="11"/>
  <c r="S6" i="11"/>
  <c r="CG5" i="11"/>
  <c r="CF5" i="11"/>
  <c r="CE5" i="11"/>
  <c r="CD5" i="11"/>
  <c r="CA5" i="11"/>
  <c r="BZ5" i="11"/>
  <c r="BY5" i="11"/>
  <c r="BX5" i="11"/>
  <c r="BW5" i="11"/>
  <c r="BV5" i="11"/>
  <c r="BU5" i="11"/>
  <c r="BT5" i="11"/>
  <c r="BS5" i="11"/>
  <c r="BR5" i="11"/>
  <c r="BQ5" i="11"/>
  <c r="BP5" i="11"/>
  <c r="BO5" i="11"/>
  <c r="BN5" i="11"/>
  <c r="BM5" i="11"/>
  <c r="BL5" i="11"/>
  <c r="BK5" i="11"/>
  <c r="BJ5" i="11"/>
  <c r="BI5" i="11"/>
  <c r="BH5" i="11"/>
  <c r="BG5" i="11"/>
  <c r="BF5" i="11"/>
  <c r="BE5" i="11"/>
  <c r="BD5" i="11"/>
  <c r="BC5" i="11"/>
  <c r="BA5" i="11"/>
  <c r="S5" i="11"/>
  <c r="CG4" i="11"/>
  <c r="CF4" i="11"/>
  <c r="CE4" i="11"/>
  <c r="CD4" i="11"/>
  <c r="CC4" i="11"/>
  <c r="CB4" i="11"/>
  <c r="CA4" i="11"/>
  <c r="BZ4" i="11"/>
  <c r="BY4" i="11"/>
  <c r="BW4" i="11"/>
  <c r="BV4" i="11"/>
  <c r="BU4" i="11"/>
  <c r="BT4" i="11"/>
  <c r="BS4" i="11"/>
  <c r="BR4" i="11"/>
  <c r="BQ4" i="11"/>
  <c r="BP4" i="11"/>
  <c r="BO4" i="11"/>
  <c r="BN4" i="11"/>
  <c r="BM4" i="11"/>
  <c r="BL4" i="11"/>
  <c r="BK4" i="11"/>
  <c r="BJ4" i="11"/>
  <c r="BI4" i="11"/>
  <c r="BH4" i="11"/>
  <c r="BG4" i="11"/>
  <c r="BF4" i="11"/>
  <c r="BE4" i="11"/>
  <c r="BD4" i="11"/>
  <c r="BC4" i="11"/>
  <c r="BA4" i="11"/>
  <c r="S4" i="11"/>
  <c r="CG3" i="11"/>
  <c r="CF3" i="11"/>
  <c r="CE3" i="11"/>
  <c r="CD3" i="11"/>
  <c r="CC3" i="11"/>
  <c r="CB3" i="11"/>
  <c r="CA3" i="11"/>
  <c r="BZ3" i="11"/>
  <c r="BY3" i="11"/>
  <c r="BX3" i="11"/>
  <c r="BW3" i="11"/>
  <c r="BV3" i="11"/>
  <c r="BU3" i="11"/>
  <c r="BS3" i="11"/>
  <c r="BR3" i="11"/>
  <c r="BQ3" i="11"/>
  <c r="BP3" i="11"/>
  <c r="BO3" i="11"/>
  <c r="BN3" i="11"/>
  <c r="BM3" i="11"/>
  <c r="BL3" i="11"/>
  <c r="BK3" i="11"/>
  <c r="BJ3" i="11"/>
  <c r="BI3" i="11"/>
  <c r="BH3" i="11"/>
  <c r="BG3" i="11"/>
  <c r="BF3" i="11"/>
  <c r="BE3" i="11"/>
  <c r="BD3" i="11"/>
  <c r="BC3" i="11"/>
  <c r="BA3" i="11"/>
  <c r="S3" i="11"/>
  <c r="DM27" i="9"/>
  <c r="BV26" i="9"/>
  <c r="CE29" i="9"/>
  <c r="DM29" i="9" s="1"/>
  <c r="CF30" i="9"/>
  <c r="BV42" i="9"/>
  <c r="DM42" i="9" s="1"/>
  <c r="BV37" i="9"/>
  <c r="DM37" i="9" s="1"/>
  <c r="DI465" i="9"/>
  <c r="DN465" i="9" s="1"/>
  <c r="BV464" i="9"/>
  <c r="DM464" i="9" s="1"/>
  <c r="CU556" i="9"/>
  <c r="CE333" i="9"/>
  <c r="DM333" i="9" s="1"/>
  <c r="CF312" i="9"/>
  <c r="DM312" i="9" s="1"/>
  <c r="DM30" i="9" l="1"/>
  <c r="DM26" i="9"/>
  <c r="CI416" i="9"/>
  <c r="CA416" i="9"/>
  <c r="CH416" i="9"/>
  <c r="BZ416" i="9"/>
  <c r="CG416" i="9"/>
  <c r="BY416" i="9"/>
  <c r="DK416" i="9"/>
  <c r="CE416" i="9"/>
  <c r="BW416" i="9"/>
  <c r="DI416" i="9"/>
  <c r="CK416" i="9"/>
  <c r="CF416" i="9"/>
  <c r="CB416" i="9"/>
  <c r="DJ416" i="9"/>
  <c r="CJ416" i="9"/>
  <c r="CC416" i="9"/>
  <c r="DL416" i="9"/>
  <c r="DL558" i="9" s="1"/>
  <c r="CL416" i="9"/>
  <c r="CD416" i="9"/>
  <c r="BX416" i="9"/>
  <c r="BV416" i="9"/>
  <c r="DI31" i="9"/>
  <c r="DJ31" i="9"/>
  <c r="DK31" i="9"/>
  <c r="CM556" i="9"/>
  <c r="CN556" i="9"/>
  <c r="CP556" i="9"/>
  <c r="CV556" i="9"/>
  <c r="CR556" i="9"/>
  <c r="CT556" i="9"/>
  <c r="CO556" i="9"/>
  <c r="CW556" i="9"/>
  <c r="CX556" i="9"/>
  <c r="CQ556" i="9"/>
  <c r="CY556" i="9"/>
  <c r="CZ556" i="9"/>
  <c r="CS556" i="9"/>
  <c r="BU337" i="9"/>
  <c r="BU347" i="9"/>
  <c r="BU320" i="9"/>
  <c r="BU346" i="9"/>
  <c r="BU341" i="9"/>
  <c r="DI552" i="9"/>
  <c r="DJ552" i="9"/>
  <c r="DK552" i="9"/>
  <c r="BW318" i="9"/>
  <c r="BV318" i="9"/>
  <c r="CH318" i="9"/>
  <c r="BZ318" i="9"/>
  <c r="CG318" i="9"/>
  <c r="BY318" i="9"/>
  <c r="CF318" i="9"/>
  <c r="BX318" i="9"/>
  <c r="CE318" i="9"/>
  <c r="T203" i="9" s="1"/>
  <c r="CL318" i="9"/>
  <c r="CD318" i="9"/>
  <c r="CK318" i="9"/>
  <c r="CC318" i="9"/>
  <c r="CJ318" i="9"/>
  <c r="CB318" i="9"/>
  <c r="CI318" i="9"/>
  <c r="CA318" i="9"/>
  <c r="BV41" i="9"/>
  <c r="BX41" i="9"/>
  <c r="CE41" i="9"/>
  <c r="CF41" i="9"/>
  <c r="BV31" i="9"/>
  <c r="DM31" i="9" s="1"/>
  <c r="CY552" i="9"/>
  <c r="CY558" i="9" s="1"/>
  <c r="CY559" i="9" s="1"/>
  <c r="CH552" i="9"/>
  <c r="CD552" i="9"/>
  <c r="BZ552" i="9"/>
  <c r="BV552" i="9"/>
  <c r="CX552" i="9"/>
  <c r="CX558" i="9" s="1"/>
  <c r="CX559" i="9" s="1"/>
  <c r="CT552" i="9"/>
  <c r="CT558" i="9" s="1"/>
  <c r="CT559" i="9" s="1"/>
  <c r="CP552" i="9"/>
  <c r="CP558" i="9" s="1"/>
  <c r="CP559" i="9" s="1"/>
  <c r="CL552" i="9"/>
  <c r="CV552" i="9"/>
  <c r="CV558" i="9" s="1"/>
  <c r="CV559" i="9" s="1"/>
  <c r="BY552" i="9"/>
  <c r="CB552" i="9"/>
  <c r="CG552" i="9"/>
  <c r="CJ552" i="9"/>
  <c r="CO552" i="9"/>
  <c r="CO558" i="9" s="1"/>
  <c r="CO559" i="9" s="1"/>
  <c r="CR552" i="9"/>
  <c r="CR558" i="9" s="1"/>
  <c r="CR559" i="9" s="1"/>
  <c r="BW552" i="9"/>
  <c r="CW552" i="9"/>
  <c r="CW558" i="9" s="1"/>
  <c r="CW559" i="9" s="1"/>
  <c r="CZ552" i="9"/>
  <c r="CZ558" i="9" s="1"/>
  <c r="CZ559" i="9" s="1"/>
  <c r="CC552" i="9"/>
  <c r="CE552" i="9"/>
  <c r="BX552" i="9"/>
  <c r="CA552" i="9"/>
  <c r="CK552" i="9"/>
  <c r="CM552" i="9"/>
  <c r="CM558" i="9" s="1"/>
  <c r="CM559" i="9" s="1"/>
  <c r="CF552" i="9"/>
  <c r="CI552" i="9"/>
  <c r="CS552" i="9"/>
  <c r="CS558" i="9" s="1"/>
  <c r="CS559" i="9" s="1"/>
  <c r="CU552" i="9"/>
  <c r="CU558" i="9" s="1"/>
  <c r="CU559" i="9" s="1"/>
  <c r="CN552" i="9"/>
  <c r="CN558" i="9" s="1"/>
  <c r="CN559" i="9" s="1"/>
  <c r="CQ552" i="9"/>
  <c r="CQ558" i="9" s="1"/>
  <c r="CQ559" i="9" s="1"/>
  <c r="CI465" i="9"/>
  <c r="BV465" i="9"/>
  <c r="CC28" i="9"/>
  <c r="CA28" i="9"/>
  <c r="CB41" i="9"/>
  <c r="BY41" i="9"/>
  <c r="CC41" i="9"/>
  <c r="BZ41" i="9"/>
  <c r="CD41" i="9"/>
  <c r="CA41" i="9"/>
  <c r="BM556" i="9"/>
  <c r="BN556" i="9"/>
  <c r="BL556" i="9"/>
  <c r="BI556" i="9"/>
  <c r="BB59" i="11"/>
  <c r="BC59" i="11" s="1"/>
  <c r="BB241" i="11"/>
  <c r="BW241" i="11" s="1"/>
  <c r="BB258" i="11"/>
  <c r="BW258" i="11" s="1"/>
  <c r="BB351" i="11"/>
  <c r="BT351" i="11" s="1"/>
  <c r="BB278" i="11"/>
  <c r="BU278" i="11" s="1"/>
  <c r="BB228" i="11"/>
  <c r="BC228" i="11" s="1"/>
  <c r="BB229" i="11"/>
  <c r="BX229" i="11" s="1"/>
  <c r="BB230" i="11"/>
  <c r="BY230" i="11" s="1"/>
  <c r="BB231" i="11"/>
  <c r="BZ231" i="11" s="1"/>
  <c r="BB232" i="11"/>
  <c r="CA232" i="11" s="1"/>
  <c r="BB233" i="11"/>
  <c r="BT233" i="11" s="1"/>
  <c r="BB234" i="11"/>
  <c r="BV234" i="11" s="1"/>
  <c r="BB238" i="11"/>
  <c r="CB238" i="11" s="1"/>
  <c r="BB257" i="11"/>
  <c r="BW257" i="11" s="1"/>
  <c r="BB270" i="11"/>
  <c r="BT270" i="11" s="1"/>
  <c r="BB276" i="11"/>
  <c r="BT276" i="11" s="1"/>
  <c r="BB311" i="11"/>
  <c r="BZ311" i="11" s="1"/>
  <c r="BB38" i="11"/>
  <c r="BT38" i="11" s="1"/>
  <c r="BB46" i="11"/>
  <c r="BC46" i="11" s="1"/>
  <c r="BB47" i="11"/>
  <c r="BX47" i="11" s="1"/>
  <c r="BB49" i="11"/>
  <c r="BZ49" i="11" s="1"/>
  <c r="BB54" i="11"/>
  <c r="BW54" i="11" s="1"/>
  <c r="BB55" i="11"/>
  <c r="CC55" i="11" s="1"/>
  <c r="BB57" i="11"/>
  <c r="CD57" i="11" s="1"/>
  <c r="BB58" i="11"/>
  <c r="CF58" i="11" s="1"/>
  <c r="BB250" i="11"/>
  <c r="BV250" i="11" s="1"/>
  <c r="BB273" i="11"/>
  <c r="BU273" i="11" s="1"/>
  <c r="BB282" i="11"/>
  <c r="BT282" i="11" s="1"/>
  <c r="BB61" i="11"/>
  <c r="BY61" i="11" s="1"/>
  <c r="BB62" i="11"/>
  <c r="BZ62" i="11" s="1"/>
  <c r="BB63" i="11"/>
  <c r="CA63" i="11" s="1"/>
  <c r="BB66" i="11"/>
  <c r="BU66" i="11" s="1"/>
  <c r="BB67" i="11"/>
  <c r="BW67" i="11" s="1"/>
  <c r="BB271" i="11"/>
  <c r="BV271" i="11" s="1"/>
  <c r="BB297" i="11"/>
  <c r="BZ297" i="11" s="1"/>
  <c r="BB3" i="11"/>
  <c r="BT3" i="11" s="1"/>
  <c r="BB4" i="11"/>
  <c r="BX4" i="11" s="1"/>
  <c r="BB72" i="11"/>
  <c r="BC72" i="11" s="1"/>
  <c r="BB76" i="11"/>
  <c r="CA76" i="11" s="1"/>
  <c r="BB77" i="11"/>
  <c r="BT77" i="11" s="1"/>
  <c r="BB79" i="11"/>
  <c r="BU79" i="11" s="1"/>
  <c r="BB83" i="11"/>
  <c r="CD83" i="11" s="1"/>
  <c r="BB84" i="11"/>
  <c r="CF84" i="11" s="1"/>
  <c r="BB86" i="11"/>
  <c r="BX86" i="11" s="1"/>
  <c r="BB87" i="11"/>
  <c r="BY87" i="11" s="1"/>
  <c r="BB88" i="11"/>
  <c r="BZ88" i="11" s="1"/>
  <c r="BB92" i="11"/>
  <c r="BU92" i="11" s="1"/>
  <c r="BB95" i="11"/>
  <c r="CB95" i="11" s="1"/>
  <c r="BB96" i="11"/>
  <c r="CD96" i="11" s="1"/>
  <c r="BB245" i="11"/>
  <c r="BT245" i="11" s="1"/>
  <c r="BB248" i="11"/>
  <c r="BW248" i="11" s="1"/>
  <c r="BB274" i="11"/>
  <c r="BT274" i="11" s="1"/>
  <c r="BB296" i="11"/>
  <c r="CA296" i="11" s="1"/>
  <c r="BB13" i="11"/>
  <c r="BT13" i="11" s="1"/>
  <c r="BB99" i="11"/>
  <c r="BX99" i="11" s="1"/>
  <c r="BB100" i="11"/>
  <c r="BY100" i="11" s="1"/>
  <c r="BB101" i="11"/>
  <c r="BZ101" i="11" s="1"/>
  <c r="BB102" i="11"/>
  <c r="CA102" i="11" s="1"/>
  <c r="BB104" i="11"/>
  <c r="BV104" i="11" s="1"/>
  <c r="BB109" i="11"/>
  <c r="CD109" i="11" s="1"/>
  <c r="BB110" i="11"/>
  <c r="CF110" i="11" s="1"/>
  <c r="BB33" i="11"/>
  <c r="BD33" i="11" s="1"/>
  <c r="BB247" i="11"/>
  <c r="BT247" i="11" s="1"/>
  <c r="BB291" i="11"/>
  <c r="BZ291" i="11" s="1"/>
  <c r="BB18" i="11"/>
  <c r="BW18" i="11" s="1"/>
  <c r="BB244" i="11"/>
  <c r="BW244" i="11" s="1"/>
  <c r="BB253" i="11"/>
  <c r="BV253" i="11" s="1"/>
  <c r="BB288" i="11"/>
  <c r="BZ288" i="11" s="1"/>
  <c r="BB301" i="11"/>
  <c r="BX301" i="11" s="1"/>
  <c r="BB302" i="11"/>
  <c r="BZ302" i="11" s="1"/>
  <c r="BB313" i="11"/>
  <c r="BY313" i="11" s="1"/>
  <c r="BB242" i="11"/>
  <c r="BT242" i="11" s="1"/>
  <c r="BB280" i="11"/>
  <c r="BV280" i="11" s="1"/>
  <c r="BB284" i="11"/>
  <c r="BX284" i="11" s="1"/>
  <c r="BB294" i="11"/>
  <c r="BZ294" i="11" s="1"/>
  <c r="BB303" i="11"/>
  <c r="BY303" i="11" s="1"/>
  <c r="BB8" i="11"/>
  <c r="BV8" i="11" s="1"/>
  <c r="BB71" i="11"/>
  <c r="CF71" i="11" s="1"/>
  <c r="BB90" i="11"/>
  <c r="BT90" i="11" s="1"/>
  <c r="BB98" i="11"/>
  <c r="BC98" i="11" s="1"/>
  <c r="BB283" i="11"/>
  <c r="BZ283" i="11" s="1"/>
  <c r="BB290" i="11"/>
  <c r="BZ290" i="11" s="1"/>
  <c r="BB51" i="11"/>
  <c r="BT51" i="11" s="1"/>
  <c r="BB35" i="11"/>
  <c r="BY35" i="11" s="1"/>
  <c r="BB36" i="11"/>
  <c r="BZ36" i="11" s="1"/>
  <c r="BB37" i="11"/>
  <c r="CA37" i="11" s="1"/>
  <c r="BB82" i="11"/>
  <c r="CB82" i="11" s="1"/>
  <c r="BB94" i="11"/>
  <c r="CC94" i="11" s="1"/>
  <c r="BB265" i="11"/>
  <c r="BV265" i="11" s="1"/>
  <c r="BB53" i="11"/>
  <c r="BU53" i="11" s="1"/>
  <c r="BB9" i="11"/>
  <c r="BZ9" i="11" s="1"/>
  <c r="BB21" i="11"/>
  <c r="CF21" i="11" s="1"/>
  <c r="BB43" i="11"/>
  <c r="CB43" i="11" s="1"/>
  <c r="BB44" i="11"/>
  <c r="CD44" i="11" s="1"/>
  <c r="BB45" i="11"/>
  <c r="CF45" i="11" s="1"/>
  <c r="BB106" i="11"/>
  <c r="BW106" i="11" s="1"/>
  <c r="BB108" i="11"/>
  <c r="CB108" i="11" s="1"/>
  <c r="BB305" i="11"/>
  <c r="BY305" i="11" s="1"/>
  <c r="BB264" i="11"/>
  <c r="BT264" i="11" s="1"/>
  <c r="BB289" i="11"/>
  <c r="BX289" i="11" s="1"/>
  <c r="BB310" i="11"/>
  <c r="BZ310" i="11" s="1"/>
  <c r="BB6" i="11"/>
  <c r="CF6" i="11" s="1"/>
  <c r="BB12" i="11"/>
  <c r="BY12" i="11" s="1"/>
  <c r="BB20" i="11"/>
  <c r="CC20" i="11" s="1"/>
  <c r="BB251" i="11"/>
  <c r="BT251" i="11" s="1"/>
  <c r="BB261" i="11"/>
  <c r="BW261" i="11" s="1"/>
  <c r="BB272" i="11"/>
  <c r="BV272" i="11" s="1"/>
  <c r="BB292" i="11"/>
  <c r="BZ292" i="11" s="1"/>
  <c r="BB304" i="11"/>
  <c r="BX304" i="11" s="1"/>
  <c r="BV24" i="11"/>
  <c r="BW24" i="11"/>
  <c r="CG113" i="11"/>
  <c r="CC113" i="11"/>
  <c r="CA113" i="11"/>
  <c r="BS113" i="11"/>
  <c r="BW113" i="11"/>
  <c r="BB41" i="11"/>
  <c r="BW41" i="11" s="1"/>
  <c r="BB42" i="11"/>
  <c r="CC42" i="11" s="1"/>
  <c r="BB5" i="11"/>
  <c r="CC5" i="11" s="1"/>
  <c r="BB34" i="11"/>
  <c r="BX34" i="11" s="1"/>
  <c r="BB39" i="11"/>
  <c r="BV39" i="11" s="1"/>
  <c r="BB40" i="11"/>
  <c r="BU40" i="11" s="1"/>
  <c r="BB48" i="11"/>
  <c r="BY48" i="11" s="1"/>
  <c r="BB50" i="11"/>
  <c r="CA50" i="11" s="1"/>
  <c r="BB52" i="11"/>
  <c r="BV52" i="11" s="1"/>
  <c r="BB68" i="11"/>
  <c r="CC68" i="11" s="1"/>
  <c r="BB69" i="11"/>
  <c r="CB69" i="11" s="1"/>
  <c r="BB70" i="11"/>
  <c r="CD70" i="11" s="1"/>
  <c r="BB107" i="11"/>
  <c r="CC107" i="11" s="1"/>
  <c r="BB255" i="11"/>
  <c r="BV255" i="11" s="1"/>
  <c r="BB262" i="11"/>
  <c r="BW262" i="11" s="1"/>
  <c r="BB287" i="11"/>
  <c r="CA287" i="11" s="1"/>
  <c r="BB299" i="11"/>
  <c r="CA299" i="11" s="1"/>
  <c r="BB312" i="11"/>
  <c r="BY312" i="11" s="1"/>
  <c r="BB235" i="11"/>
  <c r="BU235" i="11" s="1"/>
  <c r="BB236" i="11"/>
  <c r="BW236" i="11" s="1"/>
  <c r="BB237" i="11"/>
  <c r="CC237" i="11" s="1"/>
  <c r="BB254" i="11"/>
  <c r="BW254" i="11" s="1"/>
  <c r="BB267" i="11"/>
  <c r="BV267" i="11" s="1"/>
  <c r="BB279" i="11"/>
  <c r="BT279" i="11" s="1"/>
  <c r="BB286" i="11"/>
  <c r="BY286" i="11" s="1"/>
  <c r="BB298" i="11"/>
  <c r="BB277" i="11"/>
  <c r="CA277" i="11" s="1"/>
  <c r="BB56" i="11"/>
  <c r="CB56" i="11" s="1"/>
  <c r="BB275" i="11"/>
  <c r="BT275" i="11" s="1"/>
  <c r="BB60" i="11"/>
  <c r="BX60" i="11" s="1"/>
  <c r="BB74" i="11"/>
  <c r="BY74" i="11" s="1"/>
  <c r="BB75" i="11"/>
  <c r="BZ75" i="11" s="1"/>
  <c r="BB78" i="11"/>
  <c r="BV78" i="11" s="1"/>
  <c r="BB80" i="11"/>
  <c r="BW80" i="11" s="1"/>
  <c r="BB89" i="11"/>
  <c r="CA89" i="11" s="1"/>
  <c r="BB103" i="11"/>
  <c r="BT103" i="11" s="1"/>
  <c r="BB239" i="11"/>
  <c r="CD239" i="11" s="1"/>
  <c r="BB240" i="11"/>
  <c r="CF240" i="11" s="1"/>
  <c r="BB243" i="11"/>
  <c r="BT243" i="11" s="1"/>
  <c r="BB246" i="11"/>
  <c r="BU246" i="11" s="1"/>
  <c r="BB260" i="11"/>
  <c r="BT260" i="11" s="1"/>
  <c r="BB249" i="11"/>
  <c r="BW249" i="11" s="1"/>
  <c r="BB263" i="11"/>
  <c r="BU263" i="11" s="1"/>
  <c r="BB293" i="11"/>
  <c r="BZ293" i="11" s="1"/>
  <c r="BB11" i="11"/>
  <c r="BW11" i="11" s="1"/>
  <c r="BB64" i="11"/>
  <c r="BT64" i="11" s="1"/>
  <c r="BB65" i="11"/>
  <c r="BV65" i="11" s="1"/>
  <c r="BB93" i="11"/>
  <c r="BW93" i="11" s="1"/>
  <c r="BB105" i="11"/>
  <c r="BU105" i="11" s="1"/>
  <c r="BB256" i="11"/>
  <c r="BV256" i="11" s="1"/>
  <c r="BB259" i="11"/>
  <c r="BV259" i="11" s="1"/>
  <c r="BB266" i="11"/>
  <c r="BW266" i="11" s="1"/>
  <c r="BB19" i="11"/>
  <c r="CF111" i="11"/>
  <c r="BW111" i="11"/>
  <c r="CA111" i="11"/>
  <c r="BS111" i="11"/>
  <c r="CC111" i="11"/>
  <c r="CC118" i="11"/>
  <c r="CA118" i="11"/>
  <c r="BS118" i="11"/>
  <c r="CG118" i="11"/>
  <c r="CF118" i="11"/>
  <c r="BB81" i="11"/>
  <c r="CC81" i="11" s="1"/>
  <c r="BB85" i="11"/>
  <c r="BC85" i="11" s="1"/>
  <c r="CG111" i="11"/>
  <c r="BB73" i="11"/>
  <c r="BX73" i="11" s="1"/>
  <c r="BB97" i="11"/>
  <c r="CF97" i="11" s="1"/>
  <c r="BW112" i="11"/>
  <c r="CC112" i="11"/>
  <c r="CA112" i="11"/>
  <c r="BS112" i="11"/>
  <c r="BT24" i="11"/>
  <c r="BW118" i="11"/>
  <c r="BU24" i="11"/>
  <c r="CF112" i="11"/>
  <c r="BB91" i="11"/>
  <c r="BV91" i="11" s="1"/>
  <c r="CG112" i="11"/>
  <c r="BV36" i="9"/>
  <c r="DM36" i="9" s="1"/>
  <c r="D23" i="38" l="1"/>
  <c r="E23" i="38" s="1"/>
  <c r="DM39" i="9"/>
  <c r="DN416" i="9"/>
  <c r="DM465" i="9"/>
  <c r="DN552" i="9"/>
  <c r="DM552" i="9"/>
  <c r="DM416" i="9"/>
  <c r="DM41" i="9"/>
  <c r="DM318" i="9"/>
  <c r="DM45" i="9"/>
  <c r="DM28" i="9"/>
  <c r="DN31" i="9"/>
  <c r="CK558" i="9"/>
  <c r="CH558" i="9"/>
  <c r="CE558" i="9"/>
  <c r="BY558" i="9"/>
  <c r="CD558" i="9"/>
  <c r="BX558" i="9"/>
  <c r="CJ558" i="9"/>
  <c r="CC558" i="9"/>
  <c r="CA558" i="9"/>
  <c r="BZ558" i="9"/>
  <c r="CB558" i="9"/>
  <c r="T202" i="9"/>
  <c r="X202" i="9" s="1"/>
  <c r="BT202" i="9" s="1"/>
  <c r="CG558" i="9"/>
  <c r="BW558" i="9"/>
  <c r="CL558" i="9"/>
  <c r="DO552" i="9"/>
  <c r="DO558" i="9" s="1"/>
  <c r="X203" i="9"/>
  <c r="BT203" i="9" s="1"/>
  <c r="CM557" i="9"/>
  <c r="CH556" i="9"/>
  <c r="CW557" i="9"/>
  <c r="CJ556" i="9"/>
  <c r="CJ557" i="9" s="1"/>
  <c r="CV557" i="9"/>
  <c r="CQ557" i="9"/>
  <c r="CX557" i="9"/>
  <c r="CE556" i="9"/>
  <c r="CE557" i="9" s="1"/>
  <c r="CB556" i="9"/>
  <c r="CB557" i="9" s="1"/>
  <c r="CC556" i="9"/>
  <c r="CC557" i="9" s="1"/>
  <c r="BW556" i="9"/>
  <c r="CG556" i="9"/>
  <c r="CG557" i="9" s="1"/>
  <c r="CZ557" i="9"/>
  <c r="CK556" i="9"/>
  <c r="CK557" i="9" s="1"/>
  <c r="CY557" i="9"/>
  <c r="CL556" i="9"/>
  <c r="CL557" i="9" s="1"/>
  <c r="BX556" i="9"/>
  <c r="BU416" i="9"/>
  <c r="CU557" i="9"/>
  <c r="CN557" i="9"/>
  <c r="CR557" i="9"/>
  <c r="CP557" i="9"/>
  <c r="CO557" i="9"/>
  <c r="CT557" i="9"/>
  <c r="CS557" i="9"/>
  <c r="X204" i="9"/>
  <c r="BT204" i="9" s="1"/>
  <c r="BU335" i="9"/>
  <c r="BW278" i="11"/>
  <c r="BV278" i="11"/>
  <c r="BT278" i="11"/>
  <c r="BV241" i="11"/>
  <c r="BT261" i="11"/>
  <c r="BU261" i="11"/>
  <c r="CA9" i="11"/>
  <c r="BV261" i="11"/>
  <c r="BU282" i="11"/>
  <c r="BX297" i="11"/>
  <c r="BV248" i="11"/>
  <c r="BT259" i="11"/>
  <c r="BU241" i="11"/>
  <c r="BZ303" i="11"/>
  <c r="BX9" i="11"/>
  <c r="CA297" i="11"/>
  <c r="BY9" i="11"/>
  <c r="BX288" i="11"/>
  <c r="BZ287" i="11"/>
  <c r="BU272" i="11"/>
  <c r="BV282" i="11"/>
  <c r="BU248" i="11"/>
  <c r="BV264" i="11"/>
  <c r="BT257" i="11"/>
  <c r="BU257" i="11"/>
  <c r="BW282" i="11"/>
  <c r="BZ289" i="11"/>
  <c r="BV257" i="11"/>
  <c r="BX303" i="11"/>
  <c r="CA289" i="11"/>
  <c r="BX286" i="11"/>
  <c r="BZ286" i="11"/>
  <c r="BU260" i="11"/>
  <c r="CA286" i="11"/>
  <c r="BV260" i="11"/>
  <c r="BW260" i="11"/>
  <c r="CE21" i="11"/>
  <c r="BJ33" i="11"/>
  <c r="BF33" i="11"/>
  <c r="BO33" i="11"/>
  <c r="CA288" i="11"/>
  <c r="BX287" i="11"/>
  <c r="BY288" i="11"/>
  <c r="BT258" i="11"/>
  <c r="BL33" i="11"/>
  <c r="BN33" i="11"/>
  <c r="BR33" i="11"/>
  <c r="BZ277" i="11"/>
  <c r="BT241" i="11"/>
  <c r="BU258" i="11"/>
  <c r="BV33" i="11"/>
  <c r="BZ33" i="11"/>
  <c r="BW243" i="11"/>
  <c r="BU259" i="11"/>
  <c r="BP33" i="11"/>
  <c r="CA33" i="11"/>
  <c r="CA283" i="11"/>
  <c r="BV258" i="11"/>
  <c r="BH33" i="11"/>
  <c r="BY296" i="11"/>
  <c r="BX33" i="11"/>
  <c r="BT11" i="11"/>
  <c r="BV18" i="11"/>
  <c r="BY311" i="11"/>
  <c r="BM33" i="11"/>
  <c r="BQ33" i="11"/>
  <c r="BU245" i="11"/>
  <c r="BV245" i="11"/>
  <c r="BU33" i="11"/>
  <c r="BY33" i="11"/>
  <c r="BC33" i="11"/>
  <c r="BU11" i="11"/>
  <c r="BV273" i="11"/>
  <c r="BX12" i="11"/>
  <c r="BT271" i="11"/>
  <c r="BT273" i="11"/>
  <c r="BW33" i="11"/>
  <c r="BY289" i="11"/>
  <c r="BW259" i="11"/>
  <c r="BW245" i="11"/>
  <c r="BT33" i="11"/>
  <c r="BK33" i="11"/>
  <c r="CC33" i="11"/>
  <c r="CE33" i="11"/>
  <c r="CG33" i="11"/>
  <c r="BV11" i="11"/>
  <c r="BX302" i="11"/>
  <c r="BW250" i="11"/>
  <c r="BU243" i="11"/>
  <c r="BW265" i="11"/>
  <c r="BS33" i="11"/>
  <c r="CD33" i="11"/>
  <c r="CF33" i="11"/>
  <c r="BX311" i="11"/>
  <c r="BV243" i="11"/>
  <c r="BW247" i="11"/>
  <c r="BE33" i="11"/>
  <c r="BG33" i="11"/>
  <c r="BI33" i="11"/>
  <c r="CA12" i="11"/>
  <c r="CB33" i="11"/>
  <c r="BT244" i="11"/>
  <c r="CA290" i="11"/>
  <c r="BY290" i="11"/>
  <c r="BU244" i="11"/>
  <c r="BT249" i="11"/>
  <c r="BV244" i="11"/>
  <c r="BY284" i="11"/>
  <c r="BU270" i="11"/>
  <c r="BT255" i="11"/>
  <c r="BZ284" i="11"/>
  <c r="BV270" i="11"/>
  <c r="CA284" i="11"/>
  <c r="BT254" i="11"/>
  <c r="CB20" i="11"/>
  <c r="BX277" i="11"/>
  <c r="BV247" i="11"/>
  <c r="BT265" i="11"/>
  <c r="BT246" i="11"/>
  <c r="BU253" i="11"/>
  <c r="BY293" i="11"/>
  <c r="BX296" i="11"/>
  <c r="CA293" i="11"/>
  <c r="BT250" i="11"/>
  <c r="BU271" i="11"/>
  <c r="BZ296" i="11"/>
  <c r="BU250" i="11"/>
  <c r="BY294" i="11"/>
  <c r="BU247" i="11"/>
  <c r="BZ305" i="11"/>
  <c r="BT248" i="11"/>
  <c r="BT253" i="11"/>
  <c r="BY287" i="11"/>
  <c r="BU249" i="11"/>
  <c r="BZ304" i="11"/>
  <c r="CE6" i="11"/>
  <c r="BW253" i="11"/>
  <c r="BW256" i="11"/>
  <c r="BY297" i="11"/>
  <c r="BW242" i="11"/>
  <c r="CB5" i="11"/>
  <c r="BV263" i="11"/>
  <c r="BW263" i="11"/>
  <c r="CA292" i="11"/>
  <c r="BX291" i="11"/>
  <c r="BX310" i="11"/>
  <c r="BU242" i="11"/>
  <c r="BY283" i="11"/>
  <c r="BT280" i="11"/>
  <c r="BT262" i="11"/>
  <c r="BT263" i="11"/>
  <c r="BX292" i="11"/>
  <c r="BY310" i="11"/>
  <c r="CA294" i="11"/>
  <c r="BV262" i="11"/>
  <c r="BY292" i="11"/>
  <c r="BW8" i="11"/>
  <c r="BX283" i="11"/>
  <c r="BX305" i="11"/>
  <c r="BU254" i="11"/>
  <c r="BT256" i="11"/>
  <c r="BU251" i="11"/>
  <c r="BV254" i="11"/>
  <c r="BT18" i="11"/>
  <c r="BW255" i="11"/>
  <c r="BW251" i="11"/>
  <c r="BU256" i="11"/>
  <c r="BY304" i="11"/>
  <c r="BU18" i="11"/>
  <c r="BW280" i="11"/>
  <c r="BU255" i="11"/>
  <c r="BU8" i="11"/>
  <c r="BT272" i="11"/>
  <c r="BU265" i="11"/>
  <c r="BV249" i="11"/>
  <c r="BV246" i="11"/>
  <c r="BX294" i="11"/>
  <c r="BX293" i="11"/>
  <c r="BW246" i="11"/>
  <c r="BV242" i="11"/>
  <c r="BU280" i="11"/>
  <c r="BY277" i="11"/>
  <c r="BU262" i="11"/>
  <c r="BX290" i="11"/>
  <c r="BV251" i="11"/>
  <c r="BU264" i="11"/>
  <c r="BT8" i="11"/>
  <c r="BW264" i="11"/>
  <c r="BZ12" i="11"/>
  <c r="BW267" i="11"/>
  <c r="BT267" i="11"/>
  <c r="BU267" i="11"/>
  <c r="BT266" i="11"/>
  <c r="BX299" i="11"/>
  <c r="BU266" i="11"/>
  <c r="BY299" i="11"/>
  <c r="BZ298" i="11"/>
  <c r="BX298" i="11"/>
  <c r="BV266" i="11"/>
  <c r="BZ299" i="11"/>
  <c r="CA19" i="11"/>
  <c r="BZ19" i="11"/>
  <c r="BY19" i="11"/>
  <c r="BX19" i="11"/>
  <c r="BZ559" i="9" l="1"/>
  <c r="D7" i="38"/>
  <c r="E7" i="38" s="1"/>
  <c r="CA559" i="9"/>
  <c r="D8" i="38"/>
  <c r="E8" i="38" s="1"/>
  <c r="CK559" i="9"/>
  <c r="D18" i="38"/>
  <c r="E18" i="38" s="1"/>
  <c r="CC559" i="9"/>
  <c r="D10" i="38"/>
  <c r="E10" i="38" s="1"/>
  <c r="CL559" i="9"/>
  <c r="D19" i="38"/>
  <c r="E19" i="38" s="1"/>
  <c r="CJ559" i="9"/>
  <c r="D17" i="38"/>
  <c r="E17" i="38" s="1"/>
  <c r="BW559" i="9"/>
  <c r="D4" i="38"/>
  <c r="E4" i="38" s="1"/>
  <c r="BX559" i="9"/>
  <c r="D5" i="38"/>
  <c r="E5" i="38" s="1"/>
  <c r="CG559" i="9"/>
  <c r="D14" i="38"/>
  <c r="E14" i="38" s="1"/>
  <c r="CD559" i="9"/>
  <c r="D11" i="38"/>
  <c r="E11" i="38" s="1"/>
  <c r="CH559" i="9"/>
  <c r="D15" i="38"/>
  <c r="E15" i="38" s="1"/>
  <c r="BY559" i="9"/>
  <c r="D6" i="38"/>
  <c r="E6" i="38" s="1"/>
  <c r="CB559" i="9"/>
  <c r="D9" i="38"/>
  <c r="E9" i="38" s="1"/>
  <c r="CE559" i="9"/>
  <c r="D12" i="38"/>
  <c r="E12" i="38" s="1"/>
  <c r="W203" i="9"/>
  <c r="W202" i="9"/>
  <c r="W204" i="9"/>
  <c r="X73" i="9"/>
  <c r="BT73" i="9" s="1"/>
  <c r="O730" i="4"/>
  <c r="AZ4" i="4"/>
  <c r="BA4" i="4"/>
  <c r="BB4" i="4"/>
  <c r="BC4" i="4"/>
  <c r="BD4" i="4"/>
  <c r="BE4" i="4"/>
  <c r="BF4" i="4"/>
  <c r="BG4" i="4"/>
  <c r="BH4" i="4"/>
  <c r="BI4" i="4"/>
  <c r="BJ4" i="4"/>
  <c r="BK4" i="4"/>
  <c r="BL4" i="4"/>
  <c r="BM4" i="4"/>
  <c r="BN4" i="4"/>
  <c r="BO4" i="4"/>
  <c r="BP4" i="4"/>
  <c r="BQ4" i="4"/>
  <c r="BR4" i="4"/>
  <c r="BS4" i="4"/>
  <c r="BT4" i="4"/>
  <c r="BU4" i="4"/>
  <c r="BV4" i="4"/>
  <c r="BW4" i="4"/>
  <c r="BX4" i="4"/>
  <c r="BY4" i="4"/>
  <c r="BZ4" i="4"/>
  <c r="CA4" i="4"/>
  <c r="CB4" i="4"/>
  <c r="CC4" i="4"/>
  <c r="AY5" i="4"/>
  <c r="AZ5" i="4"/>
  <c r="BB5" i="4"/>
  <c r="BC5" i="4"/>
  <c r="BD5" i="4"/>
  <c r="BE5" i="4"/>
  <c r="BF5" i="4"/>
  <c r="BG5" i="4"/>
  <c r="BH5" i="4"/>
  <c r="BI5" i="4"/>
  <c r="BJ5" i="4"/>
  <c r="BK5" i="4"/>
  <c r="BL5" i="4"/>
  <c r="BM5" i="4"/>
  <c r="BN5" i="4"/>
  <c r="BO5" i="4"/>
  <c r="BP5" i="4"/>
  <c r="BQ5" i="4"/>
  <c r="BR5" i="4"/>
  <c r="BS5" i="4"/>
  <c r="BT5" i="4"/>
  <c r="BU5" i="4"/>
  <c r="BV5" i="4"/>
  <c r="BW5" i="4"/>
  <c r="BX5" i="4"/>
  <c r="BY5" i="4"/>
  <c r="BZ5" i="4"/>
  <c r="CA5" i="4"/>
  <c r="CB5" i="4"/>
  <c r="CC5" i="4"/>
  <c r="AY6" i="4"/>
  <c r="AZ6" i="4"/>
  <c r="BA6" i="4"/>
  <c r="BB6" i="4"/>
  <c r="BC6" i="4"/>
  <c r="BD6" i="4"/>
  <c r="BE6" i="4"/>
  <c r="BF6" i="4"/>
  <c r="BG6" i="4"/>
  <c r="BI6" i="4"/>
  <c r="BJ6" i="4"/>
  <c r="BK6" i="4"/>
  <c r="BL6" i="4"/>
  <c r="BM6" i="4"/>
  <c r="BN6" i="4"/>
  <c r="BO6" i="4"/>
  <c r="BP6" i="4"/>
  <c r="BQ6" i="4"/>
  <c r="BR6" i="4"/>
  <c r="BS6" i="4"/>
  <c r="BT6" i="4"/>
  <c r="BU6" i="4"/>
  <c r="BV6" i="4"/>
  <c r="BW6" i="4"/>
  <c r="BX6" i="4"/>
  <c r="BY6" i="4"/>
  <c r="BZ6" i="4"/>
  <c r="CA6" i="4"/>
  <c r="CB6" i="4"/>
  <c r="CC6" i="4"/>
  <c r="BP7" i="4"/>
  <c r="BQ7" i="4"/>
  <c r="BR7" i="4"/>
  <c r="BS7" i="4"/>
  <c r="BT7" i="4"/>
  <c r="BU7" i="4"/>
  <c r="BV7" i="4"/>
  <c r="BW7" i="4"/>
  <c r="BX7" i="4"/>
  <c r="BY7" i="4"/>
  <c r="BZ7" i="4"/>
  <c r="CA7" i="4"/>
  <c r="CB7" i="4"/>
  <c r="CC7" i="4"/>
  <c r="AY8" i="4"/>
  <c r="AZ8" i="4"/>
  <c r="BA8" i="4"/>
  <c r="BB8" i="4"/>
  <c r="BC8" i="4"/>
  <c r="BD8" i="4"/>
  <c r="BE8" i="4"/>
  <c r="BF8" i="4"/>
  <c r="BG8" i="4"/>
  <c r="BH8" i="4"/>
  <c r="BI8" i="4"/>
  <c r="BJ8" i="4"/>
  <c r="BK8" i="4"/>
  <c r="BL8" i="4"/>
  <c r="BM8" i="4"/>
  <c r="BN8" i="4"/>
  <c r="BO8" i="4"/>
  <c r="BQ8" i="4"/>
  <c r="BR8" i="4"/>
  <c r="BS8" i="4"/>
  <c r="BT8" i="4"/>
  <c r="BU8" i="4"/>
  <c r="BV8" i="4"/>
  <c r="BW8" i="4"/>
  <c r="BX8" i="4"/>
  <c r="BY8" i="4"/>
  <c r="BZ8" i="4"/>
  <c r="CA8" i="4"/>
  <c r="CB8" i="4"/>
  <c r="CC8" i="4"/>
  <c r="AY9" i="4"/>
  <c r="AZ9" i="4"/>
  <c r="BA9" i="4"/>
  <c r="BB9" i="4"/>
  <c r="BC9" i="4"/>
  <c r="BD9" i="4"/>
  <c r="BE9" i="4"/>
  <c r="BF9" i="4"/>
  <c r="BG9" i="4"/>
  <c r="BH9" i="4"/>
  <c r="BI9" i="4"/>
  <c r="BJ9" i="4"/>
  <c r="BK9" i="4"/>
  <c r="BL9" i="4"/>
  <c r="BM9" i="4"/>
  <c r="BN9" i="4"/>
  <c r="BO9" i="4"/>
  <c r="BP9" i="4"/>
  <c r="BQ9" i="4"/>
  <c r="BR9" i="4"/>
  <c r="BS9" i="4"/>
  <c r="BU9" i="4"/>
  <c r="BV9" i="4"/>
  <c r="BW9" i="4"/>
  <c r="BX9" i="4"/>
  <c r="BY9" i="4"/>
  <c r="BZ9" i="4"/>
  <c r="CA9" i="4"/>
  <c r="CB9" i="4"/>
  <c r="CC9" i="4"/>
  <c r="AY10" i="4"/>
  <c r="AZ10" i="4"/>
  <c r="BA10" i="4"/>
  <c r="BB10" i="4"/>
  <c r="BC10" i="4"/>
  <c r="BD10" i="4"/>
  <c r="BE10" i="4"/>
  <c r="BF10" i="4"/>
  <c r="BG10" i="4"/>
  <c r="BH10" i="4"/>
  <c r="BI10" i="4"/>
  <c r="BJ10" i="4"/>
  <c r="BK10" i="4"/>
  <c r="BL10" i="4"/>
  <c r="BM10" i="4"/>
  <c r="BN10" i="4"/>
  <c r="BO10" i="4"/>
  <c r="BP10" i="4"/>
  <c r="BQ10" i="4"/>
  <c r="BR10" i="4"/>
  <c r="BS10" i="4"/>
  <c r="BT10" i="4"/>
  <c r="BU10" i="4"/>
  <c r="BV10" i="4"/>
  <c r="BW10" i="4"/>
  <c r="BZ10" i="4"/>
  <c r="CA10" i="4"/>
  <c r="CB10" i="4"/>
  <c r="CC10" i="4"/>
  <c r="AY11" i="4"/>
  <c r="AZ11" i="4"/>
  <c r="BA11" i="4"/>
  <c r="BB11" i="4"/>
  <c r="BC11" i="4"/>
  <c r="BD11" i="4"/>
  <c r="BE11" i="4"/>
  <c r="BF11" i="4"/>
  <c r="BG11" i="4"/>
  <c r="BH11" i="4"/>
  <c r="BI11" i="4"/>
  <c r="BJ11" i="4"/>
  <c r="BK11" i="4"/>
  <c r="BL11" i="4"/>
  <c r="BM11" i="4"/>
  <c r="BN11" i="4"/>
  <c r="BO11" i="4"/>
  <c r="BP11" i="4"/>
  <c r="BQ11" i="4"/>
  <c r="BR11" i="4"/>
  <c r="BS11" i="4"/>
  <c r="BT11" i="4"/>
  <c r="BU11" i="4"/>
  <c r="BV11" i="4"/>
  <c r="BW11" i="4"/>
  <c r="BX11" i="4"/>
  <c r="BY11" i="4"/>
  <c r="BZ11" i="4"/>
  <c r="CC11" i="4"/>
  <c r="AY12" i="4"/>
  <c r="AZ12" i="4"/>
  <c r="BA12" i="4"/>
  <c r="BB12" i="4"/>
  <c r="BC12" i="4"/>
  <c r="BD12" i="4"/>
  <c r="BE12" i="4"/>
  <c r="BF12" i="4"/>
  <c r="BG12" i="4"/>
  <c r="BH12" i="4"/>
  <c r="BI12" i="4"/>
  <c r="BJ12" i="4"/>
  <c r="BK12" i="4"/>
  <c r="BL12" i="4"/>
  <c r="BM12" i="4"/>
  <c r="BN12" i="4"/>
  <c r="BO12" i="4"/>
  <c r="BP12" i="4"/>
  <c r="BQ12" i="4"/>
  <c r="BR12" i="4"/>
  <c r="BS12" i="4"/>
  <c r="BT12" i="4"/>
  <c r="BU12" i="4"/>
  <c r="BV12" i="4"/>
  <c r="BW12" i="4"/>
  <c r="BX12" i="4"/>
  <c r="BY12" i="4"/>
  <c r="BZ12" i="4"/>
  <c r="CA12" i="4"/>
  <c r="CB12" i="4"/>
  <c r="CC12" i="4"/>
  <c r="AY13" i="4"/>
  <c r="AZ13" i="4"/>
  <c r="BA13" i="4"/>
  <c r="BB13" i="4"/>
  <c r="BC13" i="4"/>
  <c r="BD13" i="4"/>
  <c r="BE13" i="4"/>
  <c r="BF13" i="4"/>
  <c r="BG13" i="4"/>
  <c r="BH13" i="4"/>
  <c r="BI13" i="4"/>
  <c r="BJ13" i="4"/>
  <c r="BK13" i="4"/>
  <c r="BL13" i="4"/>
  <c r="BM13" i="4"/>
  <c r="BN13" i="4"/>
  <c r="BO13" i="4"/>
  <c r="BP13" i="4"/>
  <c r="BQ13" i="4"/>
  <c r="BR13" i="4"/>
  <c r="BS13" i="4"/>
  <c r="BT13" i="4"/>
  <c r="BU13" i="4"/>
  <c r="BV13" i="4"/>
  <c r="BW13" i="4"/>
  <c r="BX13" i="4"/>
  <c r="BY13" i="4"/>
  <c r="BZ13" i="4"/>
  <c r="CA13" i="4"/>
  <c r="CB13" i="4"/>
  <c r="CC13" i="4"/>
  <c r="AZ14" i="4"/>
  <c r="BA14" i="4"/>
  <c r="BB14" i="4"/>
  <c r="BC14" i="4"/>
  <c r="BD14" i="4"/>
  <c r="BE14" i="4"/>
  <c r="BF14" i="4"/>
  <c r="BG14" i="4"/>
  <c r="BH14" i="4"/>
  <c r="BI14" i="4"/>
  <c r="BJ14" i="4"/>
  <c r="BK14" i="4"/>
  <c r="BL14" i="4"/>
  <c r="BM14" i="4"/>
  <c r="BN14" i="4"/>
  <c r="BO14" i="4"/>
  <c r="BP14" i="4"/>
  <c r="BQ14" i="4"/>
  <c r="BR14" i="4"/>
  <c r="BS14" i="4"/>
  <c r="BT14" i="4"/>
  <c r="BU14" i="4"/>
  <c r="BV14" i="4"/>
  <c r="BW14" i="4"/>
  <c r="BX14" i="4"/>
  <c r="BY14" i="4"/>
  <c r="BZ14" i="4"/>
  <c r="CA14" i="4"/>
  <c r="CB14" i="4"/>
  <c r="CC14" i="4"/>
  <c r="BP15" i="4"/>
  <c r="BQ15" i="4"/>
  <c r="BR15" i="4"/>
  <c r="BS15" i="4"/>
  <c r="BT15" i="4"/>
  <c r="BU15" i="4"/>
  <c r="BV15" i="4"/>
  <c r="BW15" i="4"/>
  <c r="BX15" i="4"/>
  <c r="BY15" i="4"/>
  <c r="BZ15" i="4"/>
  <c r="CA15" i="4"/>
  <c r="CB15" i="4"/>
  <c r="CC15" i="4"/>
  <c r="AY16" i="4"/>
  <c r="AZ16" i="4"/>
  <c r="BA16" i="4"/>
  <c r="BB16" i="4"/>
  <c r="BC16" i="4"/>
  <c r="BD16" i="4"/>
  <c r="BE16" i="4"/>
  <c r="BF16" i="4"/>
  <c r="BG16" i="4"/>
  <c r="BH16" i="4"/>
  <c r="BI16" i="4"/>
  <c r="BJ16" i="4"/>
  <c r="BK16" i="4"/>
  <c r="BL16" i="4"/>
  <c r="BM16" i="4"/>
  <c r="BN16" i="4"/>
  <c r="BO16" i="4"/>
  <c r="BT16" i="4"/>
  <c r="BU16" i="4"/>
  <c r="BV16" i="4"/>
  <c r="BW16" i="4"/>
  <c r="BX16" i="4"/>
  <c r="BY16" i="4"/>
  <c r="BZ16" i="4"/>
  <c r="CA16" i="4"/>
  <c r="CB16" i="4"/>
  <c r="CC16" i="4"/>
  <c r="AY17" i="4"/>
  <c r="AZ17" i="4"/>
  <c r="BA17" i="4"/>
  <c r="BB17" i="4"/>
  <c r="BC17" i="4"/>
  <c r="BD17" i="4"/>
  <c r="BE17" i="4"/>
  <c r="BF17" i="4"/>
  <c r="BG17" i="4"/>
  <c r="BH17" i="4"/>
  <c r="BI17" i="4"/>
  <c r="BJ17" i="4"/>
  <c r="BK17" i="4"/>
  <c r="BL17" i="4"/>
  <c r="BM17" i="4"/>
  <c r="BN17" i="4"/>
  <c r="BO17" i="4"/>
  <c r="BP17" i="4"/>
  <c r="BQ17" i="4"/>
  <c r="BR17" i="4"/>
  <c r="BS17" i="4"/>
  <c r="BX17" i="4"/>
  <c r="BY17" i="4"/>
  <c r="BZ17" i="4"/>
  <c r="CA17" i="4"/>
  <c r="CB17" i="4"/>
  <c r="CC17" i="4"/>
  <c r="AY18" i="4"/>
  <c r="AZ18" i="4"/>
  <c r="BA18" i="4"/>
  <c r="BB18" i="4"/>
  <c r="BC18" i="4"/>
  <c r="BD18" i="4"/>
  <c r="BE18" i="4"/>
  <c r="BF18" i="4"/>
  <c r="BG18" i="4"/>
  <c r="BH18" i="4"/>
  <c r="BI18" i="4"/>
  <c r="BJ18" i="4"/>
  <c r="BK18" i="4"/>
  <c r="BL18" i="4"/>
  <c r="BM18" i="4"/>
  <c r="BN18" i="4"/>
  <c r="BO18" i="4"/>
  <c r="BP18" i="4"/>
  <c r="BQ18" i="4"/>
  <c r="BR18" i="4"/>
  <c r="BS18" i="4"/>
  <c r="BT18" i="4"/>
  <c r="BU18" i="4"/>
  <c r="BV18" i="4"/>
  <c r="BW18" i="4"/>
  <c r="BX18" i="4"/>
  <c r="BY18" i="4"/>
  <c r="BZ18" i="4"/>
  <c r="CA18" i="4"/>
  <c r="CB18" i="4"/>
  <c r="CC18" i="4"/>
  <c r="BP19" i="4"/>
  <c r="BQ19" i="4"/>
  <c r="BR19" i="4"/>
  <c r="BS19" i="4"/>
  <c r="BT19" i="4"/>
  <c r="BU19" i="4"/>
  <c r="BV19" i="4"/>
  <c r="BW19" i="4"/>
  <c r="BX19" i="4"/>
  <c r="BY19" i="4"/>
  <c r="BZ19" i="4"/>
  <c r="CA19" i="4"/>
  <c r="CB19" i="4"/>
  <c r="CC19" i="4"/>
  <c r="BP20" i="4"/>
  <c r="BQ20" i="4"/>
  <c r="BR20" i="4"/>
  <c r="BS20" i="4"/>
  <c r="BT20" i="4"/>
  <c r="BU20" i="4"/>
  <c r="BV20" i="4"/>
  <c r="BW20" i="4"/>
  <c r="BX20" i="4"/>
  <c r="BY20" i="4"/>
  <c r="BZ20" i="4"/>
  <c r="CA20" i="4"/>
  <c r="CB20" i="4"/>
  <c r="CC20" i="4"/>
  <c r="AY21" i="4"/>
  <c r="AZ21" i="4"/>
  <c r="BA21" i="4"/>
  <c r="BB21" i="4"/>
  <c r="BC21" i="4"/>
  <c r="BD21" i="4"/>
  <c r="BE21" i="4"/>
  <c r="BF21" i="4"/>
  <c r="BG21" i="4"/>
  <c r="BH21" i="4"/>
  <c r="BI21" i="4"/>
  <c r="BJ21" i="4"/>
  <c r="BK21" i="4"/>
  <c r="BL21" i="4"/>
  <c r="BM21" i="4"/>
  <c r="BN21" i="4"/>
  <c r="BO21" i="4"/>
  <c r="BT21" i="4"/>
  <c r="BU21" i="4"/>
  <c r="BV21" i="4"/>
  <c r="BW21" i="4"/>
  <c r="BX21" i="4"/>
  <c r="BY21" i="4"/>
  <c r="BZ21" i="4"/>
  <c r="CA21" i="4"/>
  <c r="CB21" i="4"/>
  <c r="CC21" i="4"/>
  <c r="AY22" i="4"/>
  <c r="AZ22" i="4"/>
  <c r="BA22" i="4"/>
  <c r="BB22" i="4"/>
  <c r="BC22" i="4"/>
  <c r="BD22" i="4"/>
  <c r="BE22" i="4"/>
  <c r="BF22" i="4"/>
  <c r="BG22" i="4"/>
  <c r="BH22" i="4"/>
  <c r="BI22" i="4"/>
  <c r="BJ22" i="4"/>
  <c r="BK22" i="4"/>
  <c r="BL22" i="4"/>
  <c r="BM22" i="4"/>
  <c r="BN22" i="4"/>
  <c r="BO22" i="4"/>
  <c r="BP22" i="4"/>
  <c r="BQ22" i="4"/>
  <c r="BR22" i="4"/>
  <c r="BS22" i="4"/>
  <c r="BX22" i="4"/>
  <c r="BY22" i="4"/>
  <c r="BZ22" i="4"/>
  <c r="CA22" i="4"/>
  <c r="CB22" i="4"/>
  <c r="CC22" i="4"/>
  <c r="AY23" i="4"/>
  <c r="AZ23" i="4"/>
  <c r="BA23" i="4"/>
  <c r="BB23" i="4"/>
  <c r="BC23" i="4"/>
  <c r="BD23" i="4"/>
  <c r="BE23" i="4"/>
  <c r="BF23" i="4"/>
  <c r="BG23" i="4"/>
  <c r="BH23" i="4"/>
  <c r="BI23" i="4"/>
  <c r="BJ23" i="4"/>
  <c r="BK23" i="4"/>
  <c r="BM23" i="4"/>
  <c r="BN23" i="4"/>
  <c r="BO23" i="4"/>
  <c r="BP23" i="4"/>
  <c r="BQ23" i="4"/>
  <c r="BR23" i="4"/>
  <c r="BS23" i="4"/>
  <c r="BT23" i="4"/>
  <c r="BU23" i="4"/>
  <c r="BV23" i="4"/>
  <c r="BW23" i="4"/>
  <c r="BX23" i="4"/>
  <c r="BY23" i="4"/>
  <c r="BZ23" i="4"/>
  <c r="CA23" i="4"/>
  <c r="CB23" i="4"/>
  <c r="CC23" i="4"/>
  <c r="AY24" i="4"/>
  <c r="AZ24" i="4"/>
  <c r="BA24" i="4"/>
  <c r="BB24" i="4"/>
  <c r="BC24" i="4"/>
  <c r="BD24" i="4"/>
  <c r="BE24" i="4"/>
  <c r="BG24" i="4"/>
  <c r="BH24" i="4"/>
  <c r="BI24" i="4"/>
  <c r="BJ24" i="4"/>
  <c r="BK24" i="4"/>
  <c r="BL24" i="4"/>
  <c r="BM24" i="4"/>
  <c r="BN24" i="4"/>
  <c r="BO24" i="4"/>
  <c r="BP24" i="4"/>
  <c r="BQ24" i="4"/>
  <c r="BR24" i="4"/>
  <c r="BS24" i="4"/>
  <c r="BT24" i="4"/>
  <c r="BU24" i="4"/>
  <c r="BV24" i="4"/>
  <c r="BW24" i="4"/>
  <c r="BX24" i="4"/>
  <c r="BY24" i="4"/>
  <c r="BZ24" i="4"/>
  <c r="CA24" i="4"/>
  <c r="CB24" i="4"/>
  <c r="CC24" i="4"/>
  <c r="AY25" i="4"/>
  <c r="AZ25" i="4"/>
  <c r="BA25" i="4"/>
  <c r="BB25" i="4"/>
  <c r="BC25" i="4"/>
  <c r="BD25" i="4"/>
  <c r="BE25" i="4"/>
  <c r="BF25" i="4"/>
  <c r="BG25" i="4"/>
  <c r="BI25" i="4"/>
  <c r="BJ25" i="4"/>
  <c r="BK25" i="4"/>
  <c r="BL25" i="4"/>
  <c r="BM25" i="4"/>
  <c r="BN25" i="4"/>
  <c r="BO25" i="4"/>
  <c r="BP25" i="4"/>
  <c r="BQ25" i="4"/>
  <c r="BR25" i="4"/>
  <c r="BS25" i="4"/>
  <c r="BT25" i="4"/>
  <c r="BU25" i="4"/>
  <c r="BV25" i="4"/>
  <c r="BW25" i="4"/>
  <c r="BX25" i="4"/>
  <c r="BY25" i="4"/>
  <c r="BZ25" i="4"/>
  <c r="CA25" i="4"/>
  <c r="CB25" i="4"/>
  <c r="CC25" i="4"/>
  <c r="AZ26" i="4"/>
  <c r="BA26" i="4"/>
  <c r="BB26" i="4"/>
  <c r="BC26" i="4"/>
  <c r="BD26" i="4"/>
  <c r="BE26" i="4"/>
  <c r="BF26" i="4"/>
  <c r="BG26" i="4"/>
  <c r="BH26" i="4"/>
  <c r="BI26" i="4"/>
  <c r="BJ26" i="4"/>
  <c r="BK26" i="4"/>
  <c r="BL26" i="4"/>
  <c r="BM26" i="4"/>
  <c r="BN26" i="4"/>
  <c r="BO26" i="4"/>
  <c r="BP26" i="4"/>
  <c r="BQ26" i="4"/>
  <c r="BR26" i="4"/>
  <c r="BS26" i="4"/>
  <c r="BT26" i="4"/>
  <c r="BU26" i="4"/>
  <c r="BV26" i="4"/>
  <c r="BW26" i="4"/>
  <c r="BX26" i="4"/>
  <c r="BY26" i="4"/>
  <c r="BZ26" i="4"/>
  <c r="CA26" i="4"/>
  <c r="CB26" i="4"/>
  <c r="CC26" i="4"/>
  <c r="AY27" i="4"/>
  <c r="AZ27" i="4"/>
  <c r="BB27" i="4"/>
  <c r="BC27" i="4"/>
  <c r="BD27" i="4"/>
  <c r="BE27" i="4"/>
  <c r="BF27" i="4"/>
  <c r="BG27" i="4"/>
  <c r="BH27" i="4"/>
  <c r="BI27" i="4"/>
  <c r="BJ27" i="4"/>
  <c r="BK27" i="4"/>
  <c r="BL27" i="4"/>
  <c r="BM27" i="4"/>
  <c r="BN27" i="4"/>
  <c r="BO27" i="4"/>
  <c r="BP27" i="4"/>
  <c r="BQ27" i="4"/>
  <c r="BR27" i="4"/>
  <c r="BS27" i="4"/>
  <c r="BT27" i="4"/>
  <c r="BU27" i="4"/>
  <c r="BV27" i="4"/>
  <c r="BW27" i="4"/>
  <c r="BX27" i="4"/>
  <c r="BY27" i="4"/>
  <c r="BZ27" i="4"/>
  <c r="CA27" i="4"/>
  <c r="CB27" i="4"/>
  <c r="CC27" i="4"/>
  <c r="AY28" i="4"/>
  <c r="AZ28" i="4"/>
  <c r="BA28" i="4"/>
  <c r="BB28" i="4"/>
  <c r="BC28" i="4"/>
  <c r="BD28" i="4"/>
  <c r="BE28" i="4"/>
  <c r="BF28" i="4"/>
  <c r="BG28" i="4"/>
  <c r="BH28" i="4"/>
  <c r="BI28" i="4"/>
  <c r="BJ28" i="4"/>
  <c r="BK28" i="4"/>
  <c r="BL28" i="4"/>
  <c r="BM28" i="4"/>
  <c r="BN28" i="4"/>
  <c r="BO28" i="4"/>
  <c r="BQ28" i="4"/>
  <c r="BR28" i="4"/>
  <c r="BS28" i="4"/>
  <c r="BT28" i="4"/>
  <c r="BU28" i="4"/>
  <c r="BV28" i="4"/>
  <c r="BW28" i="4"/>
  <c r="BX28" i="4"/>
  <c r="BY28" i="4"/>
  <c r="BZ28" i="4"/>
  <c r="CA28" i="4"/>
  <c r="CB28" i="4"/>
  <c r="CC28" i="4"/>
  <c r="AZ29" i="4"/>
  <c r="BA29" i="4"/>
  <c r="BB29" i="4"/>
  <c r="BC29" i="4"/>
  <c r="BD29" i="4"/>
  <c r="BE29" i="4"/>
  <c r="BF29" i="4"/>
  <c r="BG29" i="4"/>
  <c r="BH29" i="4"/>
  <c r="BI29" i="4"/>
  <c r="BJ29" i="4"/>
  <c r="BK29" i="4"/>
  <c r="BL29" i="4"/>
  <c r="BM29" i="4"/>
  <c r="BN29" i="4"/>
  <c r="BO29" i="4"/>
  <c r="BP29" i="4"/>
  <c r="BQ29" i="4"/>
  <c r="BR29" i="4"/>
  <c r="BS29" i="4"/>
  <c r="BT29" i="4"/>
  <c r="BU29" i="4"/>
  <c r="BV29" i="4"/>
  <c r="BW29" i="4"/>
  <c r="BX29" i="4"/>
  <c r="BY29" i="4"/>
  <c r="BZ29" i="4"/>
  <c r="CA29" i="4"/>
  <c r="CB29" i="4"/>
  <c r="CC29" i="4"/>
  <c r="AY30" i="4"/>
  <c r="AZ30" i="4"/>
  <c r="BA30" i="4"/>
  <c r="BB30" i="4"/>
  <c r="BC30" i="4"/>
  <c r="BD30" i="4"/>
  <c r="BE30" i="4"/>
  <c r="BF30" i="4"/>
  <c r="BG30" i="4"/>
  <c r="BH30" i="4"/>
  <c r="BI30" i="4"/>
  <c r="BJ30" i="4"/>
  <c r="BK30" i="4"/>
  <c r="BL30" i="4"/>
  <c r="BM30" i="4"/>
  <c r="BN30" i="4"/>
  <c r="BO30" i="4"/>
  <c r="BP30" i="4"/>
  <c r="BQ30" i="4"/>
  <c r="BR30" i="4"/>
  <c r="BS30" i="4"/>
  <c r="BT30" i="4"/>
  <c r="BU30" i="4"/>
  <c r="BV30" i="4"/>
  <c r="BW30" i="4"/>
  <c r="BX30" i="4"/>
  <c r="BY30" i="4"/>
  <c r="BZ30" i="4"/>
  <c r="CA30" i="4"/>
  <c r="CB30" i="4"/>
  <c r="CC30" i="4"/>
  <c r="AY31" i="4"/>
  <c r="AZ31" i="4"/>
  <c r="BA31" i="4"/>
  <c r="BB31" i="4"/>
  <c r="BC31" i="4"/>
  <c r="BD31" i="4"/>
  <c r="BE31" i="4"/>
  <c r="BF31" i="4"/>
  <c r="BG31" i="4"/>
  <c r="BH31" i="4"/>
  <c r="BI31" i="4"/>
  <c r="BJ31" i="4"/>
  <c r="BK31" i="4"/>
  <c r="BL31" i="4"/>
  <c r="BM31" i="4"/>
  <c r="BN31" i="4"/>
  <c r="BO31" i="4"/>
  <c r="BP31" i="4"/>
  <c r="BQ31" i="4"/>
  <c r="BR31" i="4"/>
  <c r="BS31" i="4"/>
  <c r="BT31" i="4"/>
  <c r="BU31" i="4"/>
  <c r="BV31" i="4"/>
  <c r="BW31" i="4"/>
  <c r="BX31" i="4"/>
  <c r="BY31" i="4"/>
  <c r="BZ31" i="4"/>
  <c r="CA31" i="4"/>
  <c r="CB31" i="4"/>
  <c r="CC31" i="4"/>
  <c r="AY32" i="4"/>
  <c r="AZ32" i="4"/>
  <c r="BA32" i="4"/>
  <c r="BB32" i="4"/>
  <c r="BC32" i="4"/>
  <c r="BD32" i="4"/>
  <c r="BE32" i="4"/>
  <c r="BF32" i="4"/>
  <c r="BG32" i="4"/>
  <c r="BH32" i="4"/>
  <c r="BI32" i="4"/>
  <c r="BJ32" i="4"/>
  <c r="BK32" i="4"/>
  <c r="BL32" i="4"/>
  <c r="BM32" i="4"/>
  <c r="BN32" i="4"/>
  <c r="BO32" i="4"/>
  <c r="BP32" i="4"/>
  <c r="BQ32" i="4"/>
  <c r="BR32" i="4"/>
  <c r="BS32" i="4"/>
  <c r="BT32" i="4"/>
  <c r="BU32" i="4"/>
  <c r="BV32" i="4"/>
  <c r="BW32" i="4"/>
  <c r="BX32" i="4"/>
  <c r="BY32" i="4"/>
  <c r="BZ32" i="4"/>
  <c r="CA32" i="4"/>
  <c r="CB32" i="4"/>
  <c r="CC32" i="4"/>
  <c r="AZ33" i="4"/>
  <c r="BA33" i="4"/>
  <c r="BB33" i="4"/>
  <c r="BC33" i="4"/>
  <c r="BD33" i="4"/>
  <c r="BE33" i="4"/>
  <c r="BF33" i="4"/>
  <c r="BG33" i="4"/>
  <c r="BH33" i="4"/>
  <c r="BI33" i="4"/>
  <c r="BJ33" i="4"/>
  <c r="BK33" i="4"/>
  <c r="BL33" i="4"/>
  <c r="BM33" i="4"/>
  <c r="BN33" i="4"/>
  <c r="BO33" i="4"/>
  <c r="BP33" i="4"/>
  <c r="BQ33" i="4"/>
  <c r="BR33" i="4"/>
  <c r="BS33" i="4"/>
  <c r="BT33" i="4"/>
  <c r="BU33" i="4"/>
  <c r="BV33" i="4"/>
  <c r="BW33" i="4"/>
  <c r="BX33" i="4"/>
  <c r="BY33" i="4"/>
  <c r="BZ33" i="4"/>
  <c r="CA33" i="4"/>
  <c r="CB33" i="4"/>
  <c r="CC33" i="4"/>
  <c r="AY34" i="4"/>
  <c r="AZ34" i="4"/>
  <c r="BA34" i="4"/>
  <c r="BB34" i="4"/>
  <c r="BC34" i="4"/>
  <c r="BD34" i="4"/>
  <c r="BE34" i="4"/>
  <c r="BF34" i="4"/>
  <c r="BG34" i="4"/>
  <c r="BI34" i="4"/>
  <c r="BJ34" i="4"/>
  <c r="BK34" i="4"/>
  <c r="BL34" i="4"/>
  <c r="BM34" i="4"/>
  <c r="BN34" i="4"/>
  <c r="BO34" i="4"/>
  <c r="BP34" i="4"/>
  <c r="BQ34" i="4"/>
  <c r="BR34" i="4"/>
  <c r="BS34" i="4"/>
  <c r="BT34" i="4"/>
  <c r="BU34" i="4"/>
  <c r="BV34" i="4"/>
  <c r="BW34" i="4"/>
  <c r="BX34" i="4"/>
  <c r="BY34" i="4"/>
  <c r="BZ34" i="4"/>
  <c r="CA34" i="4"/>
  <c r="CB34" i="4"/>
  <c r="CC34" i="4"/>
  <c r="AY35" i="4"/>
  <c r="AZ35" i="4"/>
  <c r="BA35" i="4"/>
  <c r="BB35" i="4"/>
  <c r="BC35" i="4"/>
  <c r="BD35" i="4"/>
  <c r="BE35" i="4"/>
  <c r="BG35" i="4"/>
  <c r="BH35" i="4"/>
  <c r="BI35" i="4"/>
  <c r="BJ35" i="4"/>
  <c r="BK35" i="4"/>
  <c r="BL35" i="4"/>
  <c r="BM35" i="4"/>
  <c r="BN35" i="4"/>
  <c r="BO35" i="4"/>
  <c r="BP35" i="4"/>
  <c r="BQ35" i="4"/>
  <c r="BR35" i="4"/>
  <c r="BS35" i="4"/>
  <c r="BT35" i="4"/>
  <c r="BU35" i="4"/>
  <c r="BV35" i="4"/>
  <c r="BW35" i="4"/>
  <c r="BX35" i="4"/>
  <c r="BY35" i="4"/>
  <c r="BZ35" i="4"/>
  <c r="CA35" i="4"/>
  <c r="CB35" i="4"/>
  <c r="CC35" i="4"/>
  <c r="AY36" i="4"/>
  <c r="AZ36" i="4"/>
  <c r="BA36" i="4"/>
  <c r="BB36" i="4"/>
  <c r="BC36" i="4"/>
  <c r="BD36" i="4"/>
  <c r="BE36" i="4"/>
  <c r="BF36" i="4"/>
  <c r="BG36" i="4"/>
  <c r="BH36" i="4"/>
  <c r="BI36" i="4"/>
  <c r="BJ36" i="4"/>
  <c r="BK36" i="4"/>
  <c r="BL36" i="4"/>
  <c r="BM36" i="4"/>
  <c r="BN36" i="4"/>
  <c r="BO36" i="4"/>
  <c r="BQ36" i="4"/>
  <c r="BR36" i="4"/>
  <c r="BS36" i="4"/>
  <c r="BT36" i="4"/>
  <c r="BU36" i="4"/>
  <c r="BV36" i="4"/>
  <c r="BW36" i="4"/>
  <c r="BX36" i="4"/>
  <c r="BY36" i="4"/>
  <c r="BZ36" i="4"/>
  <c r="CA36" i="4"/>
  <c r="CB36" i="4"/>
  <c r="CC36" i="4"/>
  <c r="AY37" i="4"/>
  <c r="AZ37" i="4"/>
  <c r="BA37" i="4"/>
  <c r="BB37" i="4"/>
  <c r="BC37" i="4"/>
  <c r="BD37" i="4"/>
  <c r="BE37" i="4"/>
  <c r="BF37" i="4"/>
  <c r="BG37" i="4"/>
  <c r="BH37" i="4"/>
  <c r="BI37" i="4"/>
  <c r="BJ37" i="4"/>
  <c r="BK37" i="4"/>
  <c r="BM37" i="4"/>
  <c r="BN37" i="4"/>
  <c r="BO37" i="4"/>
  <c r="BP37" i="4"/>
  <c r="BQ37" i="4"/>
  <c r="BR37" i="4"/>
  <c r="BS37" i="4"/>
  <c r="BT37" i="4"/>
  <c r="BU37" i="4"/>
  <c r="BV37" i="4"/>
  <c r="BW37" i="4"/>
  <c r="BX37" i="4"/>
  <c r="BY37" i="4"/>
  <c r="BZ37" i="4"/>
  <c r="CA37" i="4"/>
  <c r="CB37" i="4"/>
  <c r="CC37" i="4"/>
  <c r="AY38" i="4"/>
  <c r="AZ38" i="4"/>
  <c r="BA38" i="4"/>
  <c r="BB38" i="4"/>
  <c r="BC38" i="4"/>
  <c r="BD38" i="4"/>
  <c r="BE38" i="4"/>
  <c r="BF38" i="4"/>
  <c r="BG38" i="4"/>
  <c r="BH38" i="4"/>
  <c r="BI38" i="4"/>
  <c r="BJ38" i="4"/>
  <c r="BK38" i="4"/>
  <c r="BL38" i="4"/>
  <c r="BM38" i="4"/>
  <c r="BN38" i="4"/>
  <c r="BO38" i="4"/>
  <c r="BP38" i="4"/>
  <c r="BQ38" i="4"/>
  <c r="BR38" i="4"/>
  <c r="BS38" i="4"/>
  <c r="BT38" i="4"/>
  <c r="BU38" i="4"/>
  <c r="BV38" i="4"/>
  <c r="BW38" i="4"/>
  <c r="BX38" i="4"/>
  <c r="BY38" i="4"/>
  <c r="BZ38" i="4"/>
  <c r="CA38" i="4"/>
  <c r="CB38" i="4"/>
  <c r="CC38" i="4"/>
  <c r="AY39" i="4"/>
  <c r="AZ39" i="4"/>
  <c r="BA39" i="4"/>
  <c r="BB39" i="4"/>
  <c r="BC39" i="4"/>
  <c r="BD39" i="4"/>
  <c r="BE39" i="4"/>
  <c r="BF39" i="4"/>
  <c r="BG39" i="4"/>
  <c r="BH39" i="4"/>
  <c r="BI39" i="4"/>
  <c r="BJ39" i="4"/>
  <c r="BK39" i="4"/>
  <c r="BL39" i="4"/>
  <c r="BM39" i="4"/>
  <c r="BN39" i="4"/>
  <c r="BO39" i="4"/>
  <c r="BP39" i="4"/>
  <c r="BQ39" i="4"/>
  <c r="BR39" i="4"/>
  <c r="BS39" i="4"/>
  <c r="BT39" i="4"/>
  <c r="BU39" i="4"/>
  <c r="BV39" i="4"/>
  <c r="BW39" i="4"/>
  <c r="BX39" i="4"/>
  <c r="BY39" i="4"/>
  <c r="BZ39" i="4"/>
  <c r="CA39" i="4"/>
  <c r="CB39" i="4"/>
  <c r="CC39" i="4"/>
  <c r="AY40" i="4"/>
  <c r="AZ40" i="4"/>
  <c r="BA40" i="4"/>
  <c r="BB40" i="4"/>
  <c r="BC40" i="4"/>
  <c r="BD40" i="4"/>
  <c r="BE40" i="4"/>
  <c r="BF40" i="4"/>
  <c r="BG40" i="4"/>
  <c r="BH40" i="4"/>
  <c r="BI40" i="4"/>
  <c r="BJ40" i="4"/>
  <c r="BK40" i="4"/>
  <c r="BL40" i="4"/>
  <c r="BM40" i="4"/>
  <c r="BN40" i="4"/>
  <c r="BO40" i="4"/>
  <c r="BP40" i="4"/>
  <c r="BQ40" i="4"/>
  <c r="BR40" i="4"/>
  <c r="BS40" i="4"/>
  <c r="BT40" i="4"/>
  <c r="BU40" i="4"/>
  <c r="BV40" i="4"/>
  <c r="BW40" i="4"/>
  <c r="BX40" i="4"/>
  <c r="BY40" i="4"/>
  <c r="BZ40" i="4"/>
  <c r="CA40" i="4"/>
  <c r="CB40" i="4"/>
  <c r="CC40" i="4"/>
  <c r="AY41" i="4"/>
  <c r="AZ41" i="4"/>
  <c r="BA41" i="4"/>
  <c r="BB41" i="4"/>
  <c r="BC41" i="4"/>
  <c r="BD41" i="4"/>
  <c r="BE41" i="4"/>
  <c r="BF41" i="4"/>
  <c r="BG41" i="4"/>
  <c r="BH41" i="4"/>
  <c r="BI41" i="4"/>
  <c r="BJ41" i="4"/>
  <c r="BK41" i="4"/>
  <c r="BL41" i="4"/>
  <c r="BM41" i="4"/>
  <c r="BN41" i="4"/>
  <c r="BO41" i="4"/>
  <c r="BP41" i="4"/>
  <c r="BQ41" i="4"/>
  <c r="BR41" i="4"/>
  <c r="BS41" i="4"/>
  <c r="BT41" i="4"/>
  <c r="BU41" i="4"/>
  <c r="BV41" i="4"/>
  <c r="BW41" i="4"/>
  <c r="BX41" i="4"/>
  <c r="BY41" i="4"/>
  <c r="BZ41" i="4"/>
  <c r="CA41" i="4"/>
  <c r="CB41" i="4"/>
  <c r="CC41" i="4"/>
  <c r="AY42" i="4"/>
  <c r="AZ42" i="4"/>
  <c r="BA42" i="4"/>
  <c r="BB42" i="4"/>
  <c r="BC42" i="4"/>
  <c r="BD42" i="4"/>
  <c r="BE42" i="4"/>
  <c r="BF42" i="4"/>
  <c r="BG42" i="4"/>
  <c r="BH42" i="4"/>
  <c r="BI42" i="4"/>
  <c r="BJ42" i="4"/>
  <c r="BK42" i="4"/>
  <c r="BL42" i="4"/>
  <c r="BM42" i="4"/>
  <c r="BN42" i="4"/>
  <c r="BO42" i="4"/>
  <c r="BP42" i="4"/>
  <c r="BQ42" i="4"/>
  <c r="BR42" i="4"/>
  <c r="BS42" i="4"/>
  <c r="BT42" i="4"/>
  <c r="BU42" i="4"/>
  <c r="BV42" i="4"/>
  <c r="BW42" i="4"/>
  <c r="BX42" i="4"/>
  <c r="BY42" i="4"/>
  <c r="BZ42" i="4"/>
  <c r="CA42" i="4"/>
  <c r="CB42" i="4"/>
  <c r="CC42" i="4"/>
  <c r="AY43" i="4"/>
  <c r="AZ43" i="4"/>
  <c r="BA43" i="4"/>
  <c r="BB43" i="4"/>
  <c r="BC43" i="4"/>
  <c r="BD43" i="4"/>
  <c r="BE43" i="4"/>
  <c r="BF43" i="4"/>
  <c r="BG43" i="4"/>
  <c r="BH43" i="4"/>
  <c r="BI43" i="4"/>
  <c r="BJ43" i="4"/>
  <c r="BK43" i="4"/>
  <c r="BL43" i="4"/>
  <c r="BM43" i="4"/>
  <c r="BN43" i="4"/>
  <c r="BO43" i="4"/>
  <c r="BP43" i="4"/>
  <c r="BQ43" i="4"/>
  <c r="BR43" i="4"/>
  <c r="BS43" i="4"/>
  <c r="BT43" i="4"/>
  <c r="BU43" i="4"/>
  <c r="BV43" i="4"/>
  <c r="BW43" i="4"/>
  <c r="BX43" i="4"/>
  <c r="BY43" i="4"/>
  <c r="BZ43" i="4"/>
  <c r="CA43" i="4"/>
  <c r="CB43" i="4"/>
  <c r="CC43" i="4"/>
  <c r="AY44" i="4"/>
  <c r="AZ44" i="4"/>
  <c r="BA44" i="4"/>
  <c r="BB44" i="4"/>
  <c r="BC44" i="4"/>
  <c r="BD44" i="4"/>
  <c r="BE44" i="4"/>
  <c r="BF44" i="4"/>
  <c r="BG44" i="4"/>
  <c r="BH44" i="4"/>
  <c r="BI44" i="4"/>
  <c r="BJ44" i="4"/>
  <c r="BK44" i="4"/>
  <c r="BL44" i="4"/>
  <c r="BM44" i="4"/>
  <c r="BN44" i="4"/>
  <c r="BO44" i="4"/>
  <c r="BP44" i="4"/>
  <c r="BQ44" i="4"/>
  <c r="BR44" i="4"/>
  <c r="BS44" i="4"/>
  <c r="BT44" i="4"/>
  <c r="BU44" i="4"/>
  <c r="BV44" i="4"/>
  <c r="BW44" i="4"/>
  <c r="BX44" i="4"/>
  <c r="BY44" i="4"/>
  <c r="BZ44" i="4"/>
  <c r="CA44" i="4"/>
  <c r="CB44" i="4"/>
  <c r="CC44" i="4"/>
  <c r="BP47" i="4"/>
  <c r="BQ47" i="4"/>
  <c r="BR47" i="4"/>
  <c r="BS47" i="4"/>
  <c r="BT47" i="4"/>
  <c r="BU47" i="4"/>
  <c r="BV47" i="4"/>
  <c r="BW47" i="4"/>
  <c r="BX47" i="4"/>
  <c r="BY47" i="4"/>
  <c r="BZ47" i="4"/>
  <c r="CA47" i="4"/>
  <c r="CB47" i="4"/>
  <c r="CC47" i="4"/>
  <c r="BP48" i="4"/>
  <c r="BQ48" i="4"/>
  <c r="BR48" i="4"/>
  <c r="BS48" i="4"/>
  <c r="BT48" i="4"/>
  <c r="BU48" i="4"/>
  <c r="BV48" i="4"/>
  <c r="BW48" i="4"/>
  <c r="BX48" i="4"/>
  <c r="BY48" i="4"/>
  <c r="BZ48" i="4"/>
  <c r="CA48" i="4"/>
  <c r="CB48" i="4"/>
  <c r="CC48" i="4"/>
  <c r="AY49" i="4"/>
  <c r="AZ49" i="4"/>
  <c r="BA49" i="4"/>
  <c r="BB49" i="4"/>
  <c r="BC49" i="4"/>
  <c r="BD49" i="4"/>
  <c r="BE49" i="4"/>
  <c r="BF49" i="4"/>
  <c r="BG49" i="4"/>
  <c r="BH49" i="4"/>
  <c r="BI49" i="4"/>
  <c r="BJ49" i="4"/>
  <c r="BK49" i="4"/>
  <c r="BL49" i="4"/>
  <c r="BM49" i="4"/>
  <c r="BN49" i="4"/>
  <c r="BO49" i="4"/>
  <c r="BT49" i="4"/>
  <c r="BU49" i="4"/>
  <c r="BV49" i="4"/>
  <c r="BW49" i="4"/>
  <c r="BX49" i="4"/>
  <c r="BY49" i="4"/>
  <c r="BZ49" i="4"/>
  <c r="CA49" i="4"/>
  <c r="CB49" i="4"/>
  <c r="CC49" i="4"/>
  <c r="AY50" i="4"/>
  <c r="AZ50" i="4"/>
  <c r="BA50" i="4"/>
  <c r="BB50" i="4"/>
  <c r="BC50" i="4"/>
  <c r="BD50" i="4"/>
  <c r="BE50" i="4"/>
  <c r="BF50" i="4"/>
  <c r="BG50" i="4"/>
  <c r="BH50" i="4"/>
  <c r="BI50" i="4"/>
  <c r="BJ50" i="4"/>
  <c r="BK50" i="4"/>
  <c r="BL50" i="4"/>
  <c r="BM50" i="4"/>
  <c r="BN50" i="4"/>
  <c r="BO50" i="4"/>
  <c r="BP50" i="4"/>
  <c r="BQ50" i="4"/>
  <c r="BR50" i="4"/>
  <c r="BS50" i="4"/>
  <c r="BX50" i="4"/>
  <c r="BY50" i="4"/>
  <c r="BZ50" i="4"/>
  <c r="CA50" i="4"/>
  <c r="CB50" i="4"/>
  <c r="CC50" i="4"/>
  <c r="AY51" i="4"/>
  <c r="AZ51" i="4"/>
  <c r="BA51" i="4"/>
  <c r="BB51" i="4"/>
  <c r="BC51" i="4"/>
  <c r="BD51" i="4"/>
  <c r="BE51" i="4"/>
  <c r="BF51" i="4"/>
  <c r="BG51" i="4"/>
  <c r="BH51" i="4"/>
  <c r="BI51" i="4"/>
  <c r="BJ51" i="4"/>
  <c r="BK51" i="4"/>
  <c r="BL51" i="4"/>
  <c r="BM51" i="4"/>
  <c r="BN51" i="4"/>
  <c r="BO51" i="4"/>
  <c r="BP51" i="4"/>
  <c r="BQ51" i="4"/>
  <c r="BR51" i="4"/>
  <c r="BS51" i="4"/>
  <c r="BT51" i="4"/>
  <c r="BU51" i="4"/>
  <c r="BV51" i="4"/>
  <c r="BW51" i="4"/>
  <c r="BZ51" i="4"/>
  <c r="CA51" i="4"/>
  <c r="CB51" i="4"/>
  <c r="CC51" i="4"/>
  <c r="AY52" i="4"/>
  <c r="AZ52" i="4"/>
  <c r="BA52" i="4"/>
  <c r="BB52" i="4"/>
  <c r="BC52" i="4"/>
  <c r="BD52" i="4"/>
  <c r="BE52" i="4"/>
  <c r="BF52" i="4"/>
  <c r="BG52" i="4"/>
  <c r="BH52" i="4"/>
  <c r="BI52" i="4"/>
  <c r="BJ52" i="4"/>
  <c r="BK52" i="4"/>
  <c r="BL52" i="4"/>
  <c r="BM52" i="4"/>
  <c r="BN52" i="4"/>
  <c r="BO52" i="4"/>
  <c r="BP52" i="4"/>
  <c r="BQ52" i="4"/>
  <c r="BR52" i="4"/>
  <c r="BS52" i="4"/>
  <c r="BT52" i="4"/>
  <c r="BU52" i="4"/>
  <c r="BV52" i="4"/>
  <c r="BW52" i="4"/>
  <c r="BX52" i="4"/>
  <c r="BY52" i="4"/>
  <c r="BZ52" i="4"/>
  <c r="CC52" i="4"/>
  <c r="AY53" i="4"/>
  <c r="AZ53" i="4"/>
  <c r="BA53" i="4"/>
  <c r="BB53" i="4"/>
  <c r="BC53" i="4"/>
  <c r="BD53" i="4"/>
  <c r="BE53" i="4"/>
  <c r="BF53" i="4"/>
  <c r="BG53" i="4"/>
  <c r="BH53" i="4"/>
  <c r="BI53" i="4"/>
  <c r="BJ53" i="4"/>
  <c r="BK53" i="4"/>
  <c r="BL53" i="4"/>
  <c r="BM53" i="4"/>
  <c r="BN53" i="4"/>
  <c r="BO53" i="4"/>
  <c r="BP53" i="4"/>
  <c r="BQ53" i="4"/>
  <c r="BR53" i="4"/>
  <c r="BS53" i="4"/>
  <c r="BT53" i="4"/>
  <c r="BU53" i="4"/>
  <c r="BV53" i="4"/>
  <c r="BW53" i="4"/>
  <c r="BX53" i="4"/>
  <c r="BY53" i="4"/>
  <c r="BZ53" i="4"/>
  <c r="CA53" i="4"/>
  <c r="CB53" i="4"/>
  <c r="CC53" i="4"/>
  <c r="AY54" i="4"/>
  <c r="AZ54" i="4"/>
  <c r="BA54" i="4"/>
  <c r="BB54" i="4"/>
  <c r="BC54" i="4"/>
  <c r="BD54" i="4"/>
  <c r="BE54" i="4"/>
  <c r="BF54" i="4"/>
  <c r="BG54" i="4"/>
  <c r="BH54" i="4"/>
  <c r="BI54" i="4"/>
  <c r="BJ54" i="4"/>
  <c r="BK54" i="4"/>
  <c r="BL54" i="4"/>
  <c r="BM54" i="4"/>
  <c r="BN54" i="4"/>
  <c r="BO54" i="4"/>
  <c r="BP54" i="4"/>
  <c r="BQ54" i="4"/>
  <c r="BR54" i="4"/>
  <c r="BS54" i="4"/>
  <c r="BT54" i="4"/>
  <c r="BU54" i="4"/>
  <c r="BV54" i="4"/>
  <c r="BW54" i="4"/>
  <c r="BX54" i="4"/>
  <c r="BY54" i="4"/>
  <c r="BZ54" i="4"/>
  <c r="CA54" i="4"/>
  <c r="CB54" i="4"/>
  <c r="CC54" i="4"/>
  <c r="AY55" i="4"/>
  <c r="AZ55" i="4"/>
  <c r="BA55" i="4"/>
  <c r="BB55" i="4"/>
  <c r="BC55" i="4"/>
  <c r="BD55" i="4"/>
  <c r="BE55" i="4"/>
  <c r="BF55" i="4"/>
  <c r="BG55" i="4"/>
  <c r="BH55" i="4"/>
  <c r="BI55" i="4"/>
  <c r="BJ55" i="4"/>
  <c r="BK55" i="4"/>
  <c r="BL55" i="4"/>
  <c r="BM55" i="4"/>
  <c r="BN55" i="4"/>
  <c r="BO55" i="4"/>
  <c r="BP55" i="4"/>
  <c r="BQ55" i="4"/>
  <c r="BR55" i="4"/>
  <c r="BS55" i="4"/>
  <c r="BT55" i="4"/>
  <c r="BU55" i="4"/>
  <c r="BV55" i="4"/>
  <c r="BW55" i="4"/>
  <c r="BX55" i="4"/>
  <c r="BY55" i="4"/>
  <c r="BZ55" i="4"/>
  <c r="CA55" i="4"/>
  <c r="CB55" i="4"/>
  <c r="CC55" i="4"/>
  <c r="AY56" i="4"/>
  <c r="AZ56" i="4"/>
  <c r="BA56" i="4"/>
  <c r="BB56" i="4"/>
  <c r="BC56" i="4"/>
  <c r="BD56" i="4"/>
  <c r="BE56" i="4"/>
  <c r="BF56" i="4"/>
  <c r="BG56" i="4"/>
  <c r="BH56" i="4"/>
  <c r="BI56" i="4"/>
  <c r="BJ56" i="4"/>
  <c r="BK56" i="4"/>
  <c r="BL56" i="4"/>
  <c r="BM56" i="4"/>
  <c r="BN56" i="4"/>
  <c r="BO56" i="4"/>
  <c r="BP56" i="4"/>
  <c r="BQ56" i="4"/>
  <c r="BR56" i="4"/>
  <c r="BS56" i="4"/>
  <c r="BT56" i="4"/>
  <c r="BU56" i="4"/>
  <c r="BV56" i="4"/>
  <c r="BW56" i="4"/>
  <c r="BX56" i="4"/>
  <c r="BY56" i="4"/>
  <c r="BZ56" i="4"/>
  <c r="CA56" i="4"/>
  <c r="CB56" i="4"/>
  <c r="CC56" i="4"/>
  <c r="AY57" i="4"/>
  <c r="AZ57" i="4"/>
  <c r="BA57" i="4"/>
  <c r="BB57" i="4"/>
  <c r="BC57" i="4"/>
  <c r="BD57" i="4"/>
  <c r="BE57" i="4"/>
  <c r="BF57" i="4"/>
  <c r="BG57" i="4"/>
  <c r="BH57" i="4"/>
  <c r="BI57" i="4"/>
  <c r="BJ57" i="4"/>
  <c r="BK57" i="4"/>
  <c r="BL57" i="4"/>
  <c r="BM57" i="4"/>
  <c r="BN57" i="4"/>
  <c r="BO57" i="4"/>
  <c r="BP57" i="4"/>
  <c r="BQ57" i="4"/>
  <c r="BR57" i="4"/>
  <c r="BS57" i="4"/>
  <c r="BT57" i="4"/>
  <c r="BU57" i="4"/>
  <c r="BV57" i="4"/>
  <c r="BW57" i="4"/>
  <c r="BX57" i="4"/>
  <c r="BY57" i="4"/>
  <c r="BZ57" i="4"/>
  <c r="CA57" i="4"/>
  <c r="CB57" i="4"/>
  <c r="CC57" i="4"/>
  <c r="AY58" i="4"/>
  <c r="AZ58" i="4"/>
  <c r="BA58" i="4"/>
  <c r="BB58" i="4"/>
  <c r="BC58" i="4"/>
  <c r="BD58" i="4"/>
  <c r="BE58" i="4"/>
  <c r="BF58" i="4"/>
  <c r="BG58" i="4"/>
  <c r="BH58" i="4"/>
  <c r="BI58" i="4"/>
  <c r="BJ58" i="4"/>
  <c r="BK58" i="4"/>
  <c r="BL58" i="4"/>
  <c r="BM58" i="4"/>
  <c r="BN58" i="4"/>
  <c r="BO58" i="4"/>
  <c r="BP58" i="4"/>
  <c r="BQ58" i="4"/>
  <c r="BR58" i="4"/>
  <c r="BS58" i="4"/>
  <c r="BT58" i="4"/>
  <c r="BU58" i="4"/>
  <c r="BV58" i="4"/>
  <c r="BW58" i="4"/>
  <c r="BX58" i="4"/>
  <c r="BY58" i="4"/>
  <c r="BZ58" i="4"/>
  <c r="CA58" i="4"/>
  <c r="CB58" i="4"/>
  <c r="CC58" i="4"/>
  <c r="AY59" i="4"/>
  <c r="AZ59" i="4"/>
  <c r="BA59" i="4"/>
  <c r="BB59" i="4"/>
  <c r="BC59" i="4"/>
  <c r="BD59" i="4"/>
  <c r="BE59" i="4"/>
  <c r="BF59" i="4"/>
  <c r="BG59" i="4"/>
  <c r="BH59" i="4"/>
  <c r="BI59" i="4"/>
  <c r="BJ59" i="4"/>
  <c r="BK59" i="4"/>
  <c r="BL59" i="4"/>
  <c r="BM59" i="4"/>
  <c r="BN59" i="4"/>
  <c r="BO59" i="4"/>
  <c r="BP59" i="4"/>
  <c r="BQ59" i="4"/>
  <c r="BR59" i="4"/>
  <c r="BS59" i="4"/>
  <c r="BT59" i="4"/>
  <c r="BU59" i="4"/>
  <c r="BV59" i="4"/>
  <c r="BW59" i="4"/>
  <c r="BX59" i="4"/>
  <c r="BY59" i="4"/>
  <c r="BZ59" i="4"/>
  <c r="CA59" i="4"/>
  <c r="CB59" i="4"/>
  <c r="CC59" i="4"/>
  <c r="BP60" i="4"/>
  <c r="BQ60" i="4"/>
  <c r="BR60" i="4"/>
  <c r="BS60" i="4"/>
  <c r="BT60" i="4"/>
  <c r="BU60" i="4"/>
  <c r="BV60" i="4"/>
  <c r="BW60" i="4"/>
  <c r="BX60" i="4"/>
  <c r="BY60" i="4"/>
  <c r="BZ60" i="4"/>
  <c r="CA60" i="4"/>
  <c r="CB60" i="4"/>
  <c r="CC60" i="4"/>
  <c r="AY61" i="4"/>
  <c r="AZ61" i="4"/>
  <c r="BA61" i="4"/>
  <c r="BB61" i="4"/>
  <c r="BC61" i="4"/>
  <c r="BD61" i="4"/>
  <c r="BE61" i="4"/>
  <c r="BF61" i="4"/>
  <c r="BG61" i="4"/>
  <c r="BH61" i="4"/>
  <c r="BI61" i="4"/>
  <c r="BJ61" i="4"/>
  <c r="BK61" i="4"/>
  <c r="BL61" i="4"/>
  <c r="BM61" i="4"/>
  <c r="BN61" i="4"/>
  <c r="BO61" i="4"/>
  <c r="BP61" i="4"/>
  <c r="BQ61" i="4"/>
  <c r="BR61" i="4"/>
  <c r="BS61" i="4"/>
  <c r="BT61" i="4"/>
  <c r="BU61" i="4"/>
  <c r="BV61" i="4"/>
  <c r="BW61" i="4"/>
  <c r="BX61" i="4"/>
  <c r="BY61" i="4"/>
  <c r="BZ61" i="4"/>
  <c r="CA61" i="4"/>
  <c r="CB61" i="4"/>
  <c r="CC61" i="4"/>
  <c r="AY62" i="4"/>
  <c r="AZ62" i="4"/>
  <c r="BA62" i="4"/>
  <c r="BB62" i="4"/>
  <c r="BC62" i="4"/>
  <c r="BD62" i="4"/>
  <c r="BE62" i="4"/>
  <c r="BF62" i="4"/>
  <c r="BG62" i="4"/>
  <c r="BH62" i="4"/>
  <c r="BI62" i="4"/>
  <c r="BJ62" i="4"/>
  <c r="BK62" i="4"/>
  <c r="BL62" i="4"/>
  <c r="BM62" i="4"/>
  <c r="BN62" i="4"/>
  <c r="BO62" i="4"/>
  <c r="BP62" i="4"/>
  <c r="BQ62" i="4"/>
  <c r="BR62" i="4"/>
  <c r="BS62" i="4"/>
  <c r="BT62" i="4"/>
  <c r="BU62" i="4"/>
  <c r="BV62" i="4"/>
  <c r="BW62" i="4"/>
  <c r="BX62" i="4"/>
  <c r="BY62" i="4"/>
  <c r="BZ62" i="4"/>
  <c r="CA62" i="4"/>
  <c r="CB62" i="4"/>
  <c r="CC62" i="4"/>
  <c r="AY63" i="4"/>
  <c r="AZ63" i="4"/>
  <c r="BA63" i="4"/>
  <c r="BB63" i="4"/>
  <c r="BC63" i="4"/>
  <c r="BD63" i="4"/>
  <c r="BE63" i="4"/>
  <c r="BF63" i="4"/>
  <c r="BG63" i="4"/>
  <c r="BH63" i="4"/>
  <c r="BI63" i="4"/>
  <c r="BJ63" i="4"/>
  <c r="BK63" i="4"/>
  <c r="BL63" i="4"/>
  <c r="BM63" i="4"/>
  <c r="BN63" i="4"/>
  <c r="BO63" i="4"/>
  <c r="BT63" i="4"/>
  <c r="BU63" i="4"/>
  <c r="BV63" i="4"/>
  <c r="BW63" i="4"/>
  <c r="BX63" i="4"/>
  <c r="BY63" i="4"/>
  <c r="BZ63" i="4"/>
  <c r="CA63" i="4"/>
  <c r="CB63" i="4"/>
  <c r="CC63" i="4"/>
  <c r="AY64" i="4"/>
  <c r="AZ64" i="4"/>
  <c r="BA64" i="4"/>
  <c r="BB64" i="4"/>
  <c r="BC64" i="4"/>
  <c r="BD64" i="4"/>
  <c r="BE64" i="4"/>
  <c r="BF64" i="4"/>
  <c r="BG64" i="4"/>
  <c r="BH64" i="4"/>
  <c r="BI64" i="4"/>
  <c r="BJ64" i="4"/>
  <c r="BK64" i="4"/>
  <c r="BL64" i="4"/>
  <c r="BM64" i="4"/>
  <c r="BN64" i="4"/>
  <c r="BO64" i="4"/>
  <c r="BP64" i="4"/>
  <c r="BQ64" i="4"/>
  <c r="BR64" i="4"/>
  <c r="BS64" i="4"/>
  <c r="BU64" i="4"/>
  <c r="BV64" i="4"/>
  <c r="BW64" i="4"/>
  <c r="BX64" i="4"/>
  <c r="BY64" i="4"/>
  <c r="BZ64" i="4"/>
  <c r="CA64" i="4"/>
  <c r="CB64" i="4"/>
  <c r="CC64" i="4"/>
  <c r="AY65" i="4"/>
  <c r="AZ65" i="4"/>
  <c r="BA65" i="4"/>
  <c r="BB65" i="4"/>
  <c r="BC65" i="4"/>
  <c r="BD65" i="4"/>
  <c r="BE65" i="4"/>
  <c r="BF65" i="4"/>
  <c r="BG65" i="4"/>
  <c r="BH65" i="4"/>
  <c r="BI65" i="4"/>
  <c r="BJ65" i="4"/>
  <c r="BK65" i="4"/>
  <c r="BL65" i="4"/>
  <c r="BM65" i="4"/>
  <c r="BN65" i="4"/>
  <c r="BO65" i="4"/>
  <c r="BP65" i="4"/>
  <c r="BQ65" i="4"/>
  <c r="BR65" i="4"/>
  <c r="BS65" i="4"/>
  <c r="BU65" i="4"/>
  <c r="BV65" i="4"/>
  <c r="BW65" i="4"/>
  <c r="BX65" i="4"/>
  <c r="BY65" i="4"/>
  <c r="BZ65" i="4"/>
  <c r="CA65" i="4"/>
  <c r="CB65" i="4"/>
  <c r="CC65" i="4"/>
  <c r="AY66" i="4"/>
  <c r="AZ66" i="4"/>
  <c r="BA66" i="4"/>
  <c r="BB66" i="4"/>
  <c r="BC66" i="4"/>
  <c r="BD66" i="4"/>
  <c r="BE66" i="4"/>
  <c r="BF66" i="4"/>
  <c r="BG66" i="4"/>
  <c r="BH66" i="4"/>
  <c r="BI66" i="4"/>
  <c r="BJ66" i="4"/>
  <c r="BK66" i="4"/>
  <c r="BL66" i="4"/>
  <c r="BM66" i="4"/>
  <c r="BN66" i="4"/>
  <c r="BO66" i="4"/>
  <c r="BP66" i="4"/>
  <c r="BQ66" i="4"/>
  <c r="BR66" i="4"/>
  <c r="BS66" i="4"/>
  <c r="BT66" i="4"/>
  <c r="BV66" i="4"/>
  <c r="BW66" i="4"/>
  <c r="BX66" i="4"/>
  <c r="BY66" i="4"/>
  <c r="BZ66" i="4"/>
  <c r="CA66" i="4"/>
  <c r="CB66" i="4"/>
  <c r="CC66" i="4"/>
  <c r="AY67" i="4"/>
  <c r="AZ67" i="4"/>
  <c r="BA67" i="4"/>
  <c r="BB67" i="4"/>
  <c r="BC67" i="4"/>
  <c r="BD67" i="4"/>
  <c r="BE67" i="4"/>
  <c r="BF67" i="4"/>
  <c r="BG67" i="4"/>
  <c r="BH67" i="4"/>
  <c r="BI67" i="4"/>
  <c r="BJ67" i="4"/>
  <c r="BK67" i="4"/>
  <c r="BL67" i="4"/>
  <c r="BM67" i="4"/>
  <c r="BN67" i="4"/>
  <c r="BO67" i="4"/>
  <c r="BP67" i="4"/>
  <c r="BQ67" i="4"/>
  <c r="BR67" i="4"/>
  <c r="BS67" i="4"/>
  <c r="BT67" i="4"/>
  <c r="BV67" i="4"/>
  <c r="BW67" i="4"/>
  <c r="BX67" i="4"/>
  <c r="BY67" i="4"/>
  <c r="BZ67" i="4"/>
  <c r="CA67" i="4"/>
  <c r="CB67" i="4"/>
  <c r="CC67" i="4"/>
  <c r="AY68" i="4"/>
  <c r="AZ68" i="4"/>
  <c r="BA68" i="4"/>
  <c r="BB68" i="4"/>
  <c r="BC68" i="4"/>
  <c r="BD68" i="4"/>
  <c r="BE68" i="4"/>
  <c r="BF68" i="4"/>
  <c r="BG68" i="4"/>
  <c r="BH68" i="4"/>
  <c r="BI68" i="4"/>
  <c r="BJ68" i="4"/>
  <c r="BK68" i="4"/>
  <c r="BL68" i="4"/>
  <c r="BM68" i="4"/>
  <c r="BN68" i="4"/>
  <c r="BO68" i="4"/>
  <c r="BP68" i="4"/>
  <c r="BQ68" i="4"/>
  <c r="BR68" i="4"/>
  <c r="BS68" i="4"/>
  <c r="BT68" i="4"/>
  <c r="BU68" i="4"/>
  <c r="BW68" i="4"/>
  <c r="BX68" i="4"/>
  <c r="BY68" i="4"/>
  <c r="BZ68" i="4"/>
  <c r="CA68" i="4"/>
  <c r="CB68" i="4"/>
  <c r="CC68" i="4"/>
  <c r="AY69" i="4"/>
  <c r="AZ69" i="4"/>
  <c r="BA69" i="4"/>
  <c r="BB69" i="4"/>
  <c r="BC69" i="4"/>
  <c r="BD69" i="4"/>
  <c r="BE69" i="4"/>
  <c r="BF69" i="4"/>
  <c r="BG69" i="4"/>
  <c r="BH69" i="4"/>
  <c r="BI69" i="4"/>
  <c r="BJ69" i="4"/>
  <c r="BK69" i="4"/>
  <c r="BL69" i="4"/>
  <c r="BM69" i="4"/>
  <c r="BN69" i="4"/>
  <c r="BO69" i="4"/>
  <c r="BP69" i="4"/>
  <c r="BQ69" i="4"/>
  <c r="BR69" i="4"/>
  <c r="BS69" i="4"/>
  <c r="BT69" i="4"/>
  <c r="BU69" i="4"/>
  <c r="BW69" i="4"/>
  <c r="BX69" i="4"/>
  <c r="BY69" i="4"/>
  <c r="BZ69" i="4"/>
  <c r="CA69" i="4"/>
  <c r="CB69" i="4"/>
  <c r="CC69" i="4"/>
  <c r="AY70" i="4"/>
  <c r="AZ70" i="4"/>
  <c r="BA70" i="4"/>
  <c r="BB70" i="4"/>
  <c r="BC70" i="4"/>
  <c r="BD70" i="4"/>
  <c r="BE70" i="4"/>
  <c r="BF70" i="4"/>
  <c r="BG70" i="4"/>
  <c r="BH70" i="4"/>
  <c r="BI70" i="4"/>
  <c r="BJ70" i="4"/>
  <c r="BK70" i="4"/>
  <c r="BL70" i="4"/>
  <c r="BM70" i="4"/>
  <c r="BN70" i="4"/>
  <c r="BO70" i="4"/>
  <c r="BP70" i="4"/>
  <c r="BQ70" i="4"/>
  <c r="BR70" i="4"/>
  <c r="BS70" i="4"/>
  <c r="BT70" i="4"/>
  <c r="BU70" i="4"/>
  <c r="BV70" i="4"/>
  <c r="BX70" i="4"/>
  <c r="BY70" i="4"/>
  <c r="BZ70" i="4"/>
  <c r="CA70" i="4"/>
  <c r="CB70" i="4"/>
  <c r="CC70" i="4"/>
  <c r="AY71" i="4"/>
  <c r="AZ71" i="4"/>
  <c r="BA71" i="4"/>
  <c r="BB71" i="4"/>
  <c r="BC71" i="4"/>
  <c r="BD71" i="4"/>
  <c r="BE71" i="4"/>
  <c r="BF71" i="4"/>
  <c r="BG71" i="4"/>
  <c r="BH71" i="4"/>
  <c r="BI71" i="4"/>
  <c r="BJ71" i="4"/>
  <c r="BK71" i="4"/>
  <c r="BL71" i="4"/>
  <c r="BM71" i="4"/>
  <c r="BN71" i="4"/>
  <c r="BO71" i="4"/>
  <c r="BP71" i="4"/>
  <c r="BQ71" i="4"/>
  <c r="BR71" i="4"/>
  <c r="BS71" i="4"/>
  <c r="BT71" i="4"/>
  <c r="BU71" i="4"/>
  <c r="BV71" i="4"/>
  <c r="BX71" i="4"/>
  <c r="BY71" i="4"/>
  <c r="BZ71" i="4"/>
  <c r="CA71" i="4"/>
  <c r="CB71" i="4"/>
  <c r="CC71" i="4"/>
  <c r="AZ72" i="4"/>
  <c r="BA72" i="4"/>
  <c r="BB72" i="4"/>
  <c r="BC72" i="4"/>
  <c r="BD72" i="4"/>
  <c r="BE72" i="4"/>
  <c r="BF72" i="4"/>
  <c r="BG72" i="4"/>
  <c r="BH72" i="4"/>
  <c r="BI72" i="4"/>
  <c r="BJ72" i="4"/>
  <c r="BK72" i="4"/>
  <c r="BL72" i="4"/>
  <c r="BM72" i="4"/>
  <c r="BN72" i="4"/>
  <c r="BO72" i="4"/>
  <c r="BP72" i="4"/>
  <c r="BQ72" i="4"/>
  <c r="BR72" i="4"/>
  <c r="BS72" i="4"/>
  <c r="BT72" i="4"/>
  <c r="BU72" i="4"/>
  <c r="BV72" i="4"/>
  <c r="BW72" i="4"/>
  <c r="BX72" i="4"/>
  <c r="BY72" i="4"/>
  <c r="BZ72" i="4"/>
  <c r="CA72" i="4"/>
  <c r="CB72" i="4"/>
  <c r="CC72" i="4"/>
  <c r="AZ73" i="4"/>
  <c r="BA73" i="4"/>
  <c r="BB73" i="4"/>
  <c r="BC73" i="4"/>
  <c r="BD73" i="4"/>
  <c r="BE73" i="4"/>
  <c r="BF73" i="4"/>
  <c r="BG73" i="4"/>
  <c r="BH73" i="4"/>
  <c r="BI73" i="4"/>
  <c r="BJ73" i="4"/>
  <c r="BK73" i="4"/>
  <c r="BL73" i="4"/>
  <c r="BM73" i="4"/>
  <c r="BN73" i="4"/>
  <c r="BO73" i="4"/>
  <c r="BP73" i="4"/>
  <c r="BQ73" i="4"/>
  <c r="BR73" i="4"/>
  <c r="BS73" i="4"/>
  <c r="BT73" i="4"/>
  <c r="BU73" i="4"/>
  <c r="BV73" i="4"/>
  <c r="BW73" i="4"/>
  <c r="BX73" i="4"/>
  <c r="BY73" i="4"/>
  <c r="BZ73" i="4"/>
  <c r="CA73" i="4"/>
  <c r="CB73" i="4"/>
  <c r="CC73" i="4"/>
  <c r="AY74" i="4"/>
  <c r="AZ74" i="4"/>
  <c r="BB74" i="4"/>
  <c r="BC74" i="4"/>
  <c r="BD74" i="4"/>
  <c r="BE74" i="4"/>
  <c r="BF74" i="4"/>
  <c r="BG74" i="4"/>
  <c r="BH74" i="4"/>
  <c r="BI74" i="4"/>
  <c r="BJ74" i="4"/>
  <c r="BK74" i="4"/>
  <c r="BL74" i="4"/>
  <c r="BM74" i="4"/>
  <c r="BN74" i="4"/>
  <c r="BO74" i="4"/>
  <c r="BP74" i="4"/>
  <c r="BQ74" i="4"/>
  <c r="BR74" i="4"/>
  <c r="BS74" i="4"/>
  <c r="BT74" i="4"/>
  <c r="BU74" i="4"/>
  <c r="BV74" i="4"/>
  <c r="BW74" i="4"/>
  <c r="BX74" i="4"/>
  <c r="BY74" i="4"/>
  <c r="BZ74" i="4"/>
  <c r="CA74" i="4"/>
  <c r="CB74" i="4"/>
  <c r="CC74" i="4"/>
  <c r="AY75" i="4"/>
  <c r="AZ75" i="4"/>
  <c r="BB75" i="4"/>
  <c r="BC75" i="4"/>
  <c r="BD75" i="4"/>
  <c r="BE75" i="4"/>
  <c r="BF75" i="4"/>
  <c r="BG75" i="4"/>
  <c r="BH75" i="4"/>
  <c r="BI75" i="4"/>
  <c r="BJ75" i="4"/>
  <c r="BK75" i="4"/>
  <c r="BL75" i="4"/>
  <c r="BM75" i="4"/>
  <c r="BN75" i="4"/>
  <c r="BO75" i="4"/>
  <c r="BP75" i="4"/>
  <c r="BQ75" i="4"/>
  <c r="BR75" i="4"/>
  <c r="BS75" i="4"/>
  <c r="BT75" i="4"/>
  <c r="BU75" i="4"/>
  <c r="BV75" i="4"/>
  <c r="BW75" i="4"/>
  <c r="BX75" i="4"/>
  <c r="BY75" i="4"/>
  <c r="BZ75" i="4"/>
  <c r="CA75" i="4"/>
  <c r="CB75" i="4"/>
  <c r="CC75" i="4"/>
  <c r="AY76" i="4"/>
  <c r="AZ76" i="4"/>
  <c r="BA76" i="4"/>
  <c r="BC76" i="4"/>
  <c r="BD76" i="4"/>
  <c r="BE76" i="4"/>
  <c r="BF76" i="4"/>
  <c r="BG76" i="4"/>
  <c r="BH76" i="4"/>
  <c r="BI76" i="4"/>
  <c r="BJ76" i="4"/>
  <c r="BK76" i="4"/>
  <c r="BL76" i="4"/>
  <c r="BM76" i="4"/>
  <c r="BN76" i="4"/>
  <c r="BO76" i="4"/>
  <c r="BP76" i="4"/>
  <c r="BQ76" i="4"/>
  <c r="BR76" i="4"/>
  <c r="BS76" i="4"/>
  <c r="BT76" i="4"/>
  <c r="BU76" i="4"/>
  <c r="BV76" i="4"/>
  <c r="BW76" i="4"/>
  <c r="BX76" i="4"/>
  <c r="BY76" i="4"/>
  <c r="BZ76" i="4"/>
  <c r="CA76" i="4"/>
  <c r="CB76" i="4"/>
  <c r="CC76" i="4"/>
  <c r="AY77" i="4"/>
  <c r="AZ77" i="4"/>
  <c r="BA77" i="4"/>
  <c r="BC77" i="4"/>
  <c r="BD77" i="4"/>
  <c r="BE77" i="4"/>
  <c r="BF77" i="4"/>
  <c r="BG77" i="4"/>
  <c r="BH77" i="4"/>
  <c r="BI77" i="4"/>
  <c r="BJ77" i="4"/>
  <c r="BK77" i="4"/>
  <c r="BL77" i="4"/>
  <c r="BM77" i="4"/>
  <c r="BN77" i="4"/>
  <c r="BO77" i="4"/>
  <c r="BP77" i="4"/>
  <c r="BQ77" i="4"/>
  <c r="BR77" i="4"/>
  <c r="BS77" i="4"/>
  <c r="BT77" i="4"/>
  <c r="BU77" i="4"/>
  <c r="BV77" i="4"/>
  <c r="BW77" i="4"/>
  <c r="BX77" i="4"/>
  <c r="BY77" i="4"/>
  <c r="BZ77" i="4"/>
  <c r="CA77" i="4"/>
  <c r="CB77" i="4"/>
  <c r="CC77" i="4"/>
  <c r="AY78" i="4"/>
  <c r="BA78" i="4"/>
  <c r="BB78" i="4"/>
  <c r="BC78" i="4"/>
  <c r="BD78" i="4"/>
  <c r="BE78" i="4"/>
  <c r="BF78" i="4"/>
  <c r="BG78" i="4"/>
  <c r="BH78" i="4"/>
  <c r="BI78" i="4"/>
  <c r="BJ78" i="4"/>
  <c r="BK78" i="4"/>
  <c r="BL78" i="4"/>
  <c r="BM78" i="4"/>
  <c r="BN78" i="4"/>
  <c r="BO78" i="4"/>
  <c r="BP78" i="4"/>
  <c r="BQ78" i="4"/>
  <c r="BR78" i="4"/>
  <c r="BS78" i="4"/>
  <c r="BT78" i="4"/>
  <c r="BU78" i="4"/>
  <c r="BV78" i="4"/>
  <c r="BW78" i="4"/>
  <c r="BX78" i="4"/>
  <c r="BY78" i="4"/>
  <c r="BZ78" i="4"/>
  <c r="CA78" i="4"/>
  <c r="CB78" i="4"/>
  <c r="CC78" i="4"/>
  <c r="AY79" i="4"/>
  <c r="BA79" i="4"/>
  <c r="BB79" i="4"/>
  <c r="BC79" i="4"/>
  <c r="BD79" i="4"/>
  <c r="BE79" i="4"/>
  <c r="BF79" i="4"/>
  <c r="BG79" i="4"/>
  <c r="BH79" i="4"/>
  <c r="BI79" i="4"/>
  <c r="BJ79" i="4"/>
  <c r="BK79" i="4"/>
  <c r="BL79" i="4"/>
  <c r="BM79" i="4"/>
  <c r="BN79" i="4"/>
  <c r="BO79" i="4"/>
  <c r="BP79" i="4"/>
  <c r="BQ79" i="4"/>
  <c r="BR79" i="4"/>
  <c r="BS79" i="4"/>
  <c r="BT79" i="4"/>
  <c r="BU79" i="4"/>
  <c r="BV79" i="4"/>
  <c r="BW79" i="4"/>
  <c r="BX79" i="4"/>
  <c r="BY79" i="4"/>
  <c r="BZ79" i="4"/>
  <c r="CA79" i="4"/>
  <c r="CB79" i="4"/>
  <c r="CC79" i="4"/>
  <c r="AY80" i="4"/>
  <c r="AZ80" i="4"/>
  <c r="BA80" i="4"/>
  <c r="BB80" i="4"/>
  <c r="BD80" i="4"/>
  <c r="BE80" i="4"/>
  <c r="BF80" i="4"/>
  <c r="BG80" i="4"/>
  <c r="BH80" i="4"/>
  <c r="BI80" i="4"/>
  <c r="BJ80" i="4"/>
  <c r="BK80" i="4"/>
  <c r="BL80" i="4"/>
  <c r="BM80" i="4"/>
  <c r="BN80" i="4"/>
  <c r="BO80" i="4"/>
  <c r="BP80" i="4"/>
  <c r="BQ80" i="4"/>
  <c r="BR80" i="4"/>
  <c r="BS80" i="4"/>
  <c r="BT80" i="4"/>
  <c r="BU80" i="4"/>
  <c r="BV80" i="4"/>
  <c r="BW80" i="4"/>
  <c r="BX80" i="4"/>
  <c r="BY80" i="4"/>
  <c r="BZ80" i="4"/>
  <c r="CA80" i="4"/>
  <c r="CB80" i="4"/>
  <c r="CC80" i="4"/>
  <c r="AY81" i="4"/>
  <c r="AZ81" i="4"/>
  <c r="BA81" i="4"/>
  <c r="BB81" i="4"/>
  <c r="BD81" i="4"/>
  <c r="BE81" i="4"/>
  <c r="BF81" i="4"/>
  <c r="BG81" i="4"/>
  <c r="BH81" i="4"/>
  <c r="BI81" i="4"/>
  <c r="BJ81" i="4"/>
  <c r="BK81" i="4"/>
  <c r="BL81" i="4"/>
  <c r="BM81" i="4"/>
  <c r="BN81" i="4"/>
  <c r="BO81" i="4"/>
  <c r="BP81" i="4"/>
  <c r="BQ81" i="4"/>
  <c r="BR81" i="4"/>
  <c r="BS81" i="4"/>
  <c r="BT81" i="4"/>
  <c r="BU81" i="4"/>
  <c r="BV81" i="4"/>
  <c r="BW81" i="4"/>
  <c r="BX81" i="4"/>
  <c r="BY81" i="4"/>
  <c r="BZ81" i="4"/>
  <c r="CA81" i="4"/>
  <c r="CB81" i="4"/>
  <c r="CC81" i="4"/>
  <c r="AY82" i="4"/>
  <c r="AZ82" i="4"/>
  <c r="BA82" i="4"/>
  <c r="BB82" i="4"/>
  <c r="BC82" i="4"/>
  <c r="BD82" i="4"/>
  <c r="BF82" i="4"/>
  <c r="BG82" i="4"/>
  <c r="BH82" i="4"/>
  <c r="BI82" i="4"/>
  <c r="BJ82" i="4"/>
  <c r="BK82" i="4"/>
  <c r="BL82" i="4"/>
  <c r="BM82" i="4"/>
  <c r="BN82" i="4"/>
  <c r="BO82" i="4"/>
  <c r="BP82" i="4"/>
  <c r="BQ82" i="4"/>
  <c r="BR82" i="4"/>
  <c r="BS82" i="4"/>
  <c r="BT82" i="4"/>
  <c r="BU82" i="4"/>
  <c r="BV82" i="4"/>
  <c r="BW82" i="4"/>
  <c r="BX82" i="4"/>
  <c r="BY82" i="4"/>
  <c r="BZ82" i="4"/>
  <c r="CA82" i="4"/>
  <c r="CB82" i="4"/>
  <c r="CC82" i="4"/>
  <c r="AY83" i="4"/>
  <c r="AZ83" i="4"/>
  <c r="BA83" i="4"/>
  <c r="BB83" i="4"/>
  <c r="BC83" i="4"/>
  <c r="BD83" i="4"/>
  <c r="BF83" i="4"/>
  <c r="BG83" i="4"/>
  <c r="BH83" i="4"/>
  <c r="BI83" i="4"/>
  <c r="BJ83" i="4"/>
  <c r="BK83" i="4"/>
  <c r="BL83" i="4"/>
  <c r="BM83" i="4"/>
  <c r="BN83" i="4"/>
  <c r="BO83" i="4"/>
  <c r="BP83" i="4"/>
  <c r="BQ83" i="4"/>
  <c r="BR83" i="4"/>
  <c r="BS83" i="4"/>
  <c r="BT83" i="4"/>
  <c r="BU83" i="4"/>
  <c r="BV83" i="4"/>
  <c r="BW83" i="4"/>
  <c r="BX83" i="4"/>
  <c r="BY83" i="4"/>
  <c r="BZ83" i="4"/>
  <c r="CA83" i="4"/>
  <c r="CB83" i="4"/>
  <c r="CC83" i="4"/>
  <c r="AY84" i="4"/>
  <c r="AZ84" i="4"/>
  <c r="BA84" i="4"/>
  <c r="BB84" i="4"/>
  <c r="BC84" i="4"/>
  <c r="BD84" i="4"/>
  <c r="BE84" i="4"/>
  <c r="BG84" i="4"/>
  <c r="BH84" i="4"/>
  <c r="BI84" i="4"/>
  <c r="BJ84" i="4"/>
  <c r="BK84" i="4"/>
  <c r="BL84" i="4"/>
  <c r="BM84" i="4"/>
  <c r="BN84" i="4"/>
  <c r="BO84" i="4"/>
  <c r="BP84" i="4"/>
  <c r="BQ84" i="4"/>
  <c r="BR84" i="4"/>
  <c r="BS84" i="4"/>
  <c r="BT84" i="4"/>
  <c r="BU84" i="4"/>
  <c r="BV84" i="4"/>
  <c r="BW84" i="4"/>
  <c r="BX84" i="4"/>
  <c r="BY84" i="4"/>
  <c r="BZ84" i="4"/>
  <c r="CA84" i="4"/>
  <c r="CB84" i="4"/>
  <c r="CC84" i="4"/>
  <c r="AY85" i="4"/>
  <c r="AZ85" i="4"/>
  <c r="BA85" i="4"/>
  <c r="BB85" i="4"/>
  <c r="BC85" i="4"/>
  <c r="BD85" i="4"/>
  <c r="BE85" i="4"/>
  <c r="BG85" i="4"/>
  <c r="BH85" i="4"/>
  <c r="BI85" i="4"/>
  <c r="BJ85" i="4"/>
  <c r="BK85" i="4"/>
  <c r="BL85" i="4"/>
  <c r="BM85" i="4"/>
  <c r="BN85" i="4"/>
  <c r="BO85" i="4"/>
  <c r="BP85" i="4"/>
  <c r="BQ85" i="4"/>
  <c r="BR85" i="4"/>
  <c r="BS85" i="4"/>
  <c r="BT85" i="4"/>
  <c r="BU85" i="4"/>
  <c r="BV85" i="4"/>
  <c r="BW85" i="4"/>
  <c r="BX85" i="4"/>
  <c r="BY85" i="4"/>
  <c r="BZ85" i="4"/>
  <c r="CA85" i="4"/>
  <c r="CB85" i="4"/>
  <c r="CC85" i="4"/>
  <c r="AY86" i="4"/>
  <c r="AZ86" i="4"/>
  <c r="BA86" i="4"/>
  <c r="BB86" i="4"/>
  <c r="BC86" i="4"/>
  <c r="BE86" i="4"/>
  <c r="BF86" i="4"/>
  <c r="BG86" i="4"/>
  <c r="BH86" i="4"/>
  <c r="BI86" i="4"/>
  <c r="BJ86" i="4"/>
  <c r="BK86" i="4"/>
  <c r="BL86" i="4"/>
  <c r="BM86" i="4"/>
  <c r="BN86" i="4"/>
  <c r="BO86" i="4"/>
  <c r="BP86" i="4"/>
  <c r="BQ86" i="4"/>
  <c r="BR86" i="4"/>
  <c r="BS86" i="4"/>
  <c r="BT86" i="4"/>
  <c r="BU86" i="4"/>
  <c r="BV86" i="4"/>
  <c r="BW86" i="4"/>
  <c r="BX86" i="4"/>
  <c r="BY86" i="4"/>
  <c r="BZ86" i="4"/>
  <c r="CA86" i="4"/>
  <c r="CB86" i="4"/>
  <c r="CC86" i="4"/>
  <c r="AY87" i="4"/>
  <c r="AZ87" i="4"/>
  <c r="BA87" i="4"/>
  <c r="BB87" i="4"/>
  <c r="BC87" i="4"/>
  <c r="BE87" i="4"/>
  <c r="BF87" i="4"/>
  <c r="BG87" i="4"/>
  <c r="BH87" i="4"/>
  <c r="BI87" i="4"/>
  <c r="BJ87" i="4"/>
  <c r="BK87" i="4"/>
  <c r="BL87" i="4"/>
  <c r="BM87" i="4"/>
  <c r="BN87" i="4"/>
  <c r="BO87" i="4"/>
  <c r="BP87" i="4"/>
  <c r="BQ87" i="4"/>
  <c r="BR87" i="4"/>
  <c r="BS87" i="4"/>
  <c r="BT87" i="4"/>
  <c r="BU87" i="4"/>
  <c r="BV87" i="4"/>
  <c r="BW87" i="4"/>
  <c r="BX87" i="4"/>
  <c r="BY87" i="4"/>
  <c r="BZ87" i="4"/>
  <c r="CA87" i="4"/>
  <c r="CB87" i="4"/>
  <c r="CC87" i="4"/>
  <c r="AY88" i="4"/>
  <c r="AZ88" i="4"/>
  <c r="BA88" i="4"/>
  <c r="BB88" i="4"/>
  <c r="BC88" i="4"/>
  <c r="BD88" i="4"/>
  <c r="BE88" i="4"/>
  <c r="BF88" i="4"/>
  <c r="BH88" i="4"/>
  <c r="BI88" i="4"/>
  <c r="BJ88" i="4"/>
  <c r="BK88" i="4"/>
  <c r="BL88" i="4"/>
  <c r="BM88" i="4"/>
  <c r="BN88" i="4"/>
  <c r="BO88" i="4"/>
  <c r="BP88" i="4"/>
  <c r="BQ88" i="4"/>
  <c r="BR88" i="4"/>
  <c r="BS88" i="4"/>
  <c r="BT88" i="4"/>
  <c r="BU88" i="4"/>
  <c r="BV88" i="4"/>
  <c r="BW88" i="4"/>
  <c r="BX88" i="4"/>
  <c r="BY88" i="4"/>
  <c r="BZ88" i="4"/>
  <c r="CA88" i="4"/>
  <c r="CB88" i="4"/>
  <c r="CC88" i="4"/>
  <c r="AY89" i="4"/>
  <c r="AZ89" i="4"/>
  <c r="BA89" i="4"/>
  <c r="BB89" i="4"/>
  <c r="BC89" i="4"/>
  <c r="BD89" i="4"/>
  <c r="BE89" i="4"/>
  <c r="BF89" i="4"/>
  <c r="BH89" i="4"/>
  <c r="BI89" i="4"/>
  <c r="BJ89" i="4"/>
  <c r="BK89" i="4"/>
  <c r="BL89" i="4"/>
  <c r="BM89" i="4"/>
  <c r="BN89" i="4"/>
  <c r="BO89" i="4"/>
  <c r="BP89" i="4"/>
  <c r="BQ89" i="4"/>
  <c r="BR89" i="4"/>
  <c r="BS89" i="4"/>
  <c r="BT89" i="4"/>
  <c r="BU89" i="4"/>
  <c r="BV89" i="4"/>
  <c r="BW89" i="4"/>
  <c r="BX89" i="4"/>
  <c r="BY89" i="4"/>
  <c r="BZ89" i="4"/>
  <c r="CA89" i="4"/>
  <c r="CB89" i="4"/>
  <c r="CC89" i="4"/>
  <c r="AY90" i="4"/>
  <c r="AZ90" i="4"/>
  <c r="BA90" i="4"/>
  <c r="BB90" i="4"/>
  <c r="BC90" i="4"/>
  <c r="BD90" i="4"/>
  <c r="BE90" i="4"/>
  <c r="BF90" i="4"/>
  <c r="BG90" i="4"/>
  <c r="BH90" i="4"/>
  <c r="BI90" i="4"/>
  <c r="BJ90" i="4"/>
  <c r="BL90" i="4"/>
  <c r="BM90" i="4"/>
  <c r="BN90" i="4"/>
  <c r="BO90" i="4"/>
  <c r="BP90" i="4"/>
  <c r="BQ90" i="4"/>
  <c r="BR90" i="4"/>
  <c r="BS90" i="4"/>
  <c r="BT90" i="4"/>
  <c r="BU90" i="4"/>
  <c r="BV90" i="4"/>
  <c r="BW90" i="4"/>
  <c r="BX90" i="4"/>
  <c r="BY90" i="4"/>
  <c r="BZ90" i="4"/>
  <c r="CA90" i="4"/>
  <c r="CB90" i="4"/>
  <c r="CC90" i="4"/>
  <c r="AY91" i="4"/>
  <c r="AZ91" i="4"/>
  <c r="BA91" i="4"/>
  <c r="BB91" i="4"/>
  <c r="BC91" i="4"/>
  <c r="BD91" i="4"/>
  <c r="BE91" i="4"/>
  <c r="BF91" i="4"/>
  <c r="BG91" i="4"/>
  <c r="BH91" i="4"/>
  <c r="BI91" i="4"/>
  <c r="BJ91" i="4"/>
  <c r="BL91" i="4"/>
  <c r="BM91" i="4"/>
  <c r="BN91" i="4"/>
  <c r="BO91" i="4"/>
  <c r="BP91" i="4"/>
  <c r="BQ91" i="4"/>
  <c r="BR91" i="4"/>
  <c r="BS91" i="4"/>
  <c r="BT91" i="4"/>
  <c r="BU91" i="4"/>
  <c r="BV91" i="4"/>
  <c r="BW91" i="4"/>
  <c r="BX91" i="4"/>
  <c r="BY91" i="4"/>
  <c r="BZ91" i="4"/>
  <c r="CA91" i="4"/>
  <c r="CB91" i="4"/>
  <c r="CC91" i="4"/>
  <c r="AY92" i="4"/>
  <c r="AZ92" i="4"/>
  <c r="BA92" i="4"/>
  <c r="BB92" i="4"/>
  <c r="BC92" i="4"/>
  <c r="BD92" i="4"/>
  <c r="BE92" i="4"/>
  <c r="BF92" i="4"/>
  <c r="BG92" i="4"/>
  <c r="BI92" i="4"/>
  <c r="BJ92" i="4"/>
  <c r="BK92" i="4"/>
  <c r="BL92" i="4"/>
  <c r="BM92" i="4"/>
  <c r="BN92" i="4"/>
  <c r="BO92" i="4"/>
  <c r="BP92" i="4"/>
  <c r="BQ92" i="4"/>
  <c r="BR92" i="4"/>
  <c r="BS92" i="4"/>
  <c r="BT92" i="4"/>
  <c r="BU92" i="4"/>
  <c r="BV92" i="4"/>
  <c r="BW92" i="4"/>
  <c r="BX92" i="4"/>
  <c r="BY92" i="4"/>
  <c r="BZ92" i="4"/>
  <c r="CA92" i="4"/>
  <c r="CB92" i="4"/>
  <c r="CC92" i="4"/>
  <c r="AY93" i="4"/>
  <c r="AZ93" i="4"/>
  <c r="BA93" i="4"/>
  <c r="BB93" i="4"/>
  <c r="BC93" i="4"/>
  <c r="BD93" i="4"/>
  <c r="BE93" i="4"/>
  <c r="BF93" i="4"/>
  <c r="BG93" i="4"/>
  <c r="BI93" i="4"/>
  <c r="BJ93" i="4"/>
  <c r="BK93" i="4"/>
  <c r="BL93" i="4"/>
  <c r="BM93" i="4"/>
  <c r="BN93" i="4"/>
  <c r="BO93" i="4"/>
  <c r="BP93" i="4"/>
  <c r="BQ93" i="4"/>
  <c r="BR93" i="4"/>
  <c r="BS93" i="4"/>
  <c r="BT93" i="4"/>
  <c r="BU93" i="4"/>
  <c r="BV93" i="4"/>
  <c r="BW93" i="4"/>
  <c r="BX93" i="4"/>
  <c r="BY93" i="4"/>
  <c r="BZ93" i="4"/>
  <c r="CA93" i="4"/>
  <c r="CB93" i="4"/>
  <c r="CC93" i="4"/>
  <c r="AY94" i="4"/>
  <c r="AZ94" i="4"/>
  <c r="BA94" i="4"/>
  <c r="BB94" i="4"/>
  <c r="BC94" i="4"/>
  <c r="BD94" i="4"/>
  <c r="BE94" i="4"/>
  <c r="BF94" i="4"/>
  <c r="BG94" i="4"/>
  <c r="BH94" i="4"/>
  <c r="BJ94" i="4"/>
  <c r="BK94" i="4"/>
  <c r="BL94" i="4"/>
  <c r="BM94" i="4"/>
  <c r="BN94" i="4"/>
  <c r="BO94" i="4"/>
  <c r="BP94" i="4"/>
  <c r="BQ94" i="4"/>
  <c r="BR94" i="4"/>
  <c r="BS94" i="4"/>
  <c r="BT94" i="4"/>
  <c r="BU94" i="4"/>
  <c r="BV94" i="4"/>
  <c r="BW94" i="4"/>
  <c r="BX94" i="4"/>
  <c r="BY94" i="4"/>
  <c r="BZ94" i="4"/>
  <c r="CA94" i="4"/>
  <c r="CB94" i="4"/>
  <c r="CC94" i="4"/>
  <c r="AY95" i="4"/>
  <c r="AZ95" i="4"/>
  <c r="BA95" i="4"/>
  <c r="BB95" i="4"/>
  <c r="BC95" i="4"/>
  <c r="BD95" i="4"/>
  <c r="BE95" i="4"/>
  <c r="BF95" i="4"/>
  <c r="BG95" i="4"/>
  <c r="BH95" i="4"/>
  <c r="BJ95" i="4"/>
  <c r="BK95" i="4"/>
  <c r="BL95" i="4"/>
  <c r="BM95" i="4"/>
  <c r="BN95" i="4"/>
  <c r="BO95" i="4"/>
  <c r="BP95" i="4"/>
  <c r="BQ95" i="4"/>
  <c r="BR95" i="4"/>
  <c r="BS95" i="4"/>
  <c r="BT95" i="4"/>
  <c r="BU95" i="4"/>
  <c r="BV95" i="4"/>
  <c r="BW95" i="4"/>
  <c r="BX95" i="4"/>
  <c r="BY95" i="4"/>
  <c r="BZ95" i="4"/>
  <c r="CA95" i="4"/>
  <c r="CB95" i="4"/>
  <c r="CC95" i="4"/>
  <c r="AY96" i="4"/>
  <c r="AZ96" i="4"/>
  <c r="BA96" i="4"/>
  <c r="BB96" i="4"/>
  <c r="BC96" i="4"/>
  <c r="BD96" i="4"/>
  <c r="BE96" i="4"/>
  <c r="BF96" i="4"/>
  <c r="BG96" i="4"/>
  <c r="BH96" i="4"/>
  <c r="BI96" i="4"/>
  <c r="BJ96" i="4"/>
  <c r="BK96" i="4"/>
  <c r="BM96" i="4"/>
  <c r="BN96" i="4"/>
  <c r="BO96" i="4"/>
  <c r="BP96" i="4"/>
  <c r="BQ96" i="4"/>
  <c r="BR96" i="4"/>
  <c r="BS96" i="4"/>
  <c r="BT96" i="4"/>
  <c r="BU96" i="4"/>
  <c r="BV96" i="4"/>
  <c r="BW96" i="4"/>
  <c r="BX96" i="4"/>
  <c r="BY96" i="4"/>
  <c r="BZ96" i="4"/>
  <c r="CA96" i="4"/>
  <c r="CB96" i="4"/>
  <c r="CC96" i="4"/>
  <c r="AY97" i="4"/>
  <c r="AZ97" i="4"/>
  <c r="BA97" i="4"/>
  <c r="BB97" i="4"/>
  <c r="BC97" i="4"/>
  <c r="BD97" i="4"/>
  <c r="BE97" i="4"/>
  <c r="BF97" i="4"/>
  <c r="BG97" i="4"/>
  <c r="BH97" i="4"/>
  <c r="BI97" i="4"/>
  <c r="BJ97" i="4"/>
  <c r="BK97" i="4"/>
  <c r="BM97" i="4"/>
  <c r="BN97" i="4"/>
  <c r="BO97" i="4"/>
  <c r="BP97" i="4"/>
  <c r="BQ97" i="4"/>
  <c r="BR97" i="4"/>
  <c r="BS97" i="4"/>
  <c r="BT97" i="4"/>
  <c r="BU97" i="4"/>
  <c r="BV97" i="4"/>
  <c r="BW97" i="4"/>
  <c r="BX97" i="4"/>
  <c r="BY97" i="4"/>
  <c r="BZ97" i="4"/>
  <c r="CA97" i="4"/>
  <c r="CB97" i="4"/>
  <c r="CC97" i="4"/>
  <c r="AY98" i="4"/>
  <c r="AZ98" i="4"/>
  <c r="BA98" i="4"/>
  <c r="BB98" i="4"/>
  <c r="BC98" i="4"/>
  <c r="BD98" i="4"/>
  <c r="BE98" i="4"/>
  <c r="BF98" i="4"/>
  <c r="BG98" i="4"/>
  <c r="BH98" i="4"/>
  <c r="BI98" i="4"/>
  <c r="BJ98" i="4"/>
  <c r="BK98" i="4"/>
  <c r="BL98" i="4"/>
  <c r="BN98" i="4"/>
  <c r="BO98" i="4"/>
  <c r="BP98" i="4"/>
  <c r="BQ98" i="4"/>
  <c r="BR98" i="4"/>
  <c r="BS98" i="4"/>
  <c r="BT98" i="4"/>
  <c r="BU98" i="4"/>
  <c r="BV98" i="4"/>
  <c r="BW98" i="4"/>
  <c r="BX98" i="4"/>
  <c r="BY98" i="4"/>
  <c r="BZ98" i="4"/>
  <c r="CA98" i="4"/>
  <c r="CB98" i="4"/>
  <c r="CC98" i="4"/>
  <c r="AY99" i="4"/>
  <c r="AZ99" i="4"/>
  <c r="BA99" i="4"/>
  <c r="BB99" i="4"/>
  <c r="BC99" i="4"/>
  <c r="BD99" i="4"/>
  <c r="BE99" i="4"/>
  <c r="BF99" i="4"/>
  <c r="BG99" i="4"/>
  <c r="BH99" i="4"/>
  <c r="BI99" i="4"/>
  <c r="BJ99" i="4"/>
  <c r="BK99" i="4"/>
  <c r="BL99" i="4"/>
  <c r="BN99" i="4"/>
  <c r="BO99" i="4"/>
  <c r="BP99" i="4"/>
  <c r="BQ99" i="4"/>
  <c r="BR99" i="4"/>
  <c r="BS99" i="4"/>
  <c r="BT99" i="4"/>
  <c r="BU99" i="4"/>
  <c r="BV99" i="4"/>
  <c r="BW99" i="4"/>
  <c r="BX99" i="4"/>
  <c r="BY99" i="4"/>
  <c r="BZ99" i="4"/>
  <c r="CA99" i="4"/>
  <c r="CB99" i="4"/>
  <c r="CC99" i="4"/>
  <c r="AY100" i="4"/>
  <c r="AZ100" i="4"/>
  <c r="BA100" i="4"/>
  <c r="BB100" i="4"/>
  <c r="BC100" i="4"/>
  <c r="BD100" i="4"/>
  <c r="BE100" i="4"/>
  <c r="BF100" i="4"/>
  <c r="BG100" i="4"/>
  <c r="BH100" i="4"/>
  <c r="BI100" i="4"/>
  <c r="BJ100" i="4"/>
  <c r="BK100" i="4"/>
  <c r="BL100" i="4"/>
  <c r="BM100" i="4"/>
  <c r="BO100" i="4"/>
  <c r="BP100" i="4"/>
  <c r="BQ100" i="4"/>
  <c r="BR100" i="4"/>
  <c r="BS100" i="4"/>
  <c r="BT100" i="4"/>
  <c r="BU100" i="4"/>
  <c r="BV100" i="4"/>
  <c r="BW100" i="4"/>
  <c r="BX100" i="4"/>
  <c r="BY100" i="4"/>
  <c r="BZ100" i="4"/>
  <c r="CA100" i="4"/>
  <c r="CB100" i="4"/>
  <c r="CC100" i="4"/>
  <c r="AY101" i="4"/>
  <c r="AZ101" i="4"/>
  <c r="BA101" i="4"/>
  <c r="BB101" i="4"/>
  <c r="BC101" i="4"/>
  <c r="BD101" i="4"/>
  <c r="BE101" i="4"/>
  <c r="BF101" i="4"/>
  <c r="BG101" i="4"/>
  <c r="BH101" i="4"/>
  <c r="BI101" i="4"/>
  <c r="BJ101" i="4"/>
  <c r="BK101" i="4"/>
  <c r="BL101" i="4"/>
  <c r="BM101" i="4"/>
  <c r="BO101" i="4"/>
  <c r="BP101" i="4"/>
  <c r="BQ101" i="4"/>
  <c r="BR101" i="4"/>
  <c r="BS101" i="4"/>
  <c r="BT101" i="4"/>
  <c r="BU101" i="4"/>
  <c r="BV101" i="4"/>
  <c r="BW101" i="4"/>
  <c r="BX101" i="4"/>
  <c r="BY101" i="4"/>
  <c r="BZ101" i="4"/>
  <c r="CA101" i="4"/>
  <c r="CB101" i="4"/>
  <c r="CC101" i="4"/>
  <c r="AY102" i="4"/>
  <c r="AZ102" i="4"/>
  <c r="BA102" i="4"/>
  <c r="BB102" i="4"/>
  <c r="BC102" i="4"/>
  <c r="BD102" i="4"/>
  <c r="BE102" i="4"/>
  <c r="BF102" i="4"/>
  <c r="BG102" i="4"/>
  <c r="BH102" i="4"/>
  <c r="BI102" i="4"/>
  <c r="BK102" i="4"/>
  <c r="BL102" i="4"/>
  <c r="BM102" i="4"/>
  <c r="BN102" i="4"/>
  <c r="BO102" i="4"/>
  <c r="BP102" i="4"/>
  <c r="BQ102" i="4"/>
  <c r="BR102" i="4"/>
  <c r="BS102" i="4"/>
  <c r="BT102" i="4"/>
  <c r="BU102" i="4"/>
  <c r="BV102" i="4"/>
  <c r="BW102" i="4"/>
  <c r="BX102" i="4"/>
  <c r="BY102" i="4"/>
  <c r="BZ102" i="4"/>
  <c r="CA102" i="4"/>
  <c r="CB102" i="4"/>
  <c r="CC102" i="4"/>
  <c r="AY103" i="4"/>
  <c r="AZ103" i="4"/>
  <c r="BA103" i="4"/>
  <c r="BB103" i="4"/>
  <c r="BC103" i="4"/>
  <c r="BD103" i="4"/>
  <c r="BE103" i="4"/>
  <c r="BF103" i="4"/>
  <c r="BG103" i="4"/>
  <c r="BH103" i="4"/>
  <c r="BI103" i="4"/>
  <c r="BK103" i="4"/>
  <c r="BL103" i="4"/>
  <c r="BM103" i="4"/>
  <c r="BN103" i="4"/>
  <c r="BO103" i="4"/>
  <c r="BP103" i="4"/>
  <c r="BQ103" i="4"/>
  <c r="BR103" i="4"/>
  <c r="BS103" i="4"/>
  <c r="BT103" i="4"/>
  <c r="BU103" i="4"/>
  <c r="BV103" i="4"/>
  <c r="BW103" i="4"/>
  <c r="BX103" i="4"/>
  <c r="BY103" i="4"/>
  <c r="BZ103" i="4"/>
  <c r="CA103" i="4"/>
  <c r="CB103" i="4"/>
  <c r="CC103" i="4"/>
  <c r="AY104" i="4"/>
  <c r="AZ104" i="4"/>
  <c r="BA104" i="4"/>
  <c r="BB104" i="4"/>
  <c r="BC104" i="4"/>
  <c r="BD104" i="4"/>
  <c r="BE104" i="4"/>
  <c r="BF104" i="4"/>
  <c r="BG104" i="4"/>
  <c r="BH104" i="4"/>
  <c r="BI104" i="4"/>
  <c r="BJ104" i="4"/>
  <c r="BK104" i="4"/>
  <c r="BL104" i="4"/>
  <c r="BM104" i="4"/>
  <c r="BN104" i="4"/>
  <c r="BP104" i="4"/>
  <c r="BQ104" i="4"/>
  <c r="BR104" i="4"/>
  <c r="BS104" i="4"/>
  <c r="BT104" i="4"/>
  <c r="BU104" i="4"/>
  <c r="BV104" i="4"/>
  <c r="BW104" i="4"/>
  <c r="BX104" i="4"/>
  <c r="BY104" i="4"/>
  <c r="BZ104" i="4"/>
  <c r="CA104" i="4"/>
  <c r="CB104" i="4"/>
  <c r="CC104" i="4"/>
  <c r="AY105" i="4"/>
  <c r="AZ105" i="4"/>
  <c r="BA105" i="4"/>
  <c r="BB105" i="4"/>
  <c r="BC105" i="4"/>
  <c r="BD105" i="4"/>
  <c r="BE105" i="4"/>
  <c r="BF105" i="4"/>
  <c r="BG105" i="4"/>
  <c r="BH105" i="4"/>
  <c r="BI105" i="4"/>
  <c r="BJ105" i="4"/>
  <c r="BK105" i="4"/>
  <c r="BL105" i="4"/>
  <c r="BM105" i="4"/>
  <c r="BN105" i="4"/>
  <c r="BP105" i="4"/>
  <c r="BQ105" i="4"/>
  <c r="BR105" i="4"/>
  <c r="BS105" i="4"/>
  <c r="BT105" i="4"/>
  <c r="BU105" i="4"/>
  <c r="BV105" i="4"/>
  <c r="BW105" i="4"/>
  <c r="BX105" i="4"/>
  <c r="BY105" i="4"/>
  <c r="BZ105" i="4"/>
  <c r="CA105" i="4"/>
  <c r="CB105" i="4"/>
  <c r="CC105" i="4"/>
  <c r="AY107" i="4"/>
  <c r="AZ107" i="4"/>
  <c r="BA107" i="4"/>
  <c r="BB107" i="4"/>
  <c r="BC107" i="4"/>
  <c r="BD107" i="4"/>
  <c r="BE107" i="4"/>
  <c r="BF107" i="4"/>
  <c r="BG107" i="4"/>
  <c r="BH107" i="4"/>
  <c r="BI107" i="4"/>
  <c r="BJ107" i="4"/>
  <c r="BK107" i="4"/>
  <c r="BL107" i="4"/>
  <c r="BM107" i="4"/>
  <c r="BN107" i="4"/>
  <c r="BO107" i="4"/>
  <c r="BP107" i="4"/>
  <c r="BQ107" i="4"/>
  <c r="BR107" i="4"/>
  <c r="BS107" i="4"/>
  <c r="BU107" i="4"/>
  <c r="BV107" i="4"/>
  <c r="BW107" i="4"/>
  <c r="BX107" i="4"/>
  <c r="BY107" i="4"/>
  <c r="BZ107" i="4"/>
  <c r="CA107" i="4"/>
  <c r="CB107" i="4"/>
  <c r="CC107" i="4"/>
  <c r="AY108" i="4"/>
  <c r="AZ108" i="4"/>
  <c r="BA108" i="4"/>
  <c r="BB108" i="4"/>
  <c r="BC108" i="4"/>
  <c r="BD108" i="4"/>
  <c r="BE108" i="4"/>
  <c r="BF108" i="4"/>
  <c r="BG108" i="4"/>
  <c r="BH108" i="4"/>
  <c r="BI108" i="4"/>
  <c r="BJ108" i="4"/>
  <c r="BK108" i="4"/>
  <c r="BL108" i="4"/>
  <c r="BM108" i="4"/>
  <c r="BN108" i="4"/>
  <c r="BO108" i="4"/>
  <c r="BP108" i="4"/>
  <c r="BQ108" i="4"/>
  <c r="BR108" i="4"/>
  <c r="BS108" i="4"/>
  <c r="BT108" i="4"/>
  <c r="BV108" i="4"/>
  <c r="BW108" i="4"/>
  <c r="BX108" i="4"/>
  <c r="BY108" i="4"/>
  <c r="BZ108" i="4"/>
  <c r="CA108" i="4"/>
  <c r="CB108" i="4"/>
  <c r="CC108" i="4"/>
  <c r="AY109" i="4"/>
  <c r="AZ109" i="4"/>
  <c r="BA109" i="4"/>
  <c r="BB109" i="4"/>
  <c r="BC109" i="4"/>
  <c r="BD109" i="4"/>
  <c r="BE109" i="4"/>
  <c r="BF109" i="4"/>
  <c r="BG109" i="4"/>
  <c r="BH109" i="4"/>
  <c r="BI109" i="4"/>
  <c r="BJ109" i="4"/>
  <c r="BK109" i="4"/>
  <c r="BL109" i="4"/>
  <c r="BM109" i="4"/>
  <c r="BN109" i="4"/>
  <c r="BO109" i="4"/>
  <c r="BP109" i="4"/>
  <c r="BQ109" i="4"/>
  <c r="BR109" i="4"/>
  <c r="BS109" i="4"/>
  <c r="BT109" i="4"/>
  <c r="BU109" i="4"/>
  <c r="BW109" i="4"/>
  <c r="BX109" i="4"/>
  <c r="BY109" i="4"/>
  <c r="BZ109" i="4"/>
  <c r="CA109" i="4"/>
  <c r="CB109" i="4"/>
  <c r="CC109" i="4"/>
  <c r="AY110" i="4"/>
  <c r="AZ110" i="4"/>
  <c r="BA110" i="4"/>
  <c r="BB110" i="4"/>
  <c r="BC110" i="4"/>
  <c r="BD110" i="4"/>
  <c r="BE110" i="4"/>
  <c r="BF110" i="4"/>
  <c r="BG110" i="4"/>
  <c r="BH110" i="4"/>
  <c r="BI110" i="4"/>
  <c r="BJ110" i="4"/>
  <c r="BK110" i="4"/>
  <c r="BL110" i="4"/>
  <c r="BM110" i="4"/>
  <c r="BN110" i="4"/>
  <c r="BO110" i="4"/>
  <c r="BP110" i="4"/>
  <c r="BQ110" i="4"/>
  <c r="BR110" i="4"/>
  <c r="BS110" i="4"/>
  <c r="BT110" i="4"/>
  <c r="BU110" i="4"/>
  <c r="BV110" i="4"/>
  <c r="BX110" i="4"/>
  <c r="BY110" i="4"/>
  <c r="BZ110" i="4"/>
  <c r="CA110" i="4"/>
  <c r="CB110" i="4"/>
  <c r="CC110" i="4"/>
  <c r="AY111" i="4"/>
  <c r="AZ111" i="4"/>
  <c r="BA111" i="4"/>
  <c r="BB111" i="4"/>
  <c r="BC111" i="4"/>
  <c r="BD111" i="4"/>
  <c r="BE111" i="4"/>
  <c r="BF111" i="4"/>
  <c r="BG111" i="4"/>
  <c r="BH111" i="4"/>
  <c r="BI111" i="4"/>
  <c r="BJ111" i="4"/>
  <c r="BK111" i="4"/>
  <c r="BL111" i="4"/>
  <c r="BM111" i="4"/>
  <c r="BN111" i="4"/>
  <c r="BO111" i="4"/>
  <c r="BQ111" i="4"/>
  <c r="BR111" i="4"/>
  <c r="BS111" i="4"/>
  <c r="BT111" i="4"/>
  <c r="BU111" i="4"/>
  <c r="BV111" i="4"/>
  <c r="BW111" i="4"/>
  <c r="BX111" i="4"/>
  <c r="BY111" i="4"/>
  <c r="BZ111" i="4"/>
  <c r="CA111" i="4"/>
  <c r="CB111" i="4"/>
  <c r="CC111" i="4"/>
  <c r="AY112" i="4"/>
  <c r="AZ112" i="4"/>
  <c r="BA112" i="4"/>
  <c r="BB112" i="4"/>
  <c r="BC112" i="4"/>
  <c r="BD112" i="4"/>
  <c r="BE112" i="4"/>
  <c r="BF112" i="4"/>
  <c r="BG112" i="4"/>
  <c r="BH112" i="4"/>
  <c r="BI112" i="4"/>
  <c r="BJ112" i="4"/>
  <c r="BK112" i="4"/>
  <c r="BL112" i="4"/>
  <c r="BM112" i="4"/>
  <c r="BN112" i="4"/>
  <c r="BO112" i="4"/>
  <c r="BP112" i="4"/>
  <c r="BQ112" i="4"/>
  <c r="BS112" i="4"/>
  <c r="BT112" i="4"/>
  <c r="BU112" i="4"/>
  <c r="BV112" i="4"/>
  <c r="BW112" i="4"/>
  <c r="BX112" i="4"/>
  <c r="BY112" i="4"/>
  <c r="BZ112" i="4"/>
  <c r="CA112" i="4"/>
  <c r="CB112" i="4"/>
  <c r="CC112" i="4"/>
  <c r="AY113" i="4"/>
  <c r="AZ113" i="4"/>
  <c r="BA113" i="4"/>
  <c r="BB113" i="4"/>
  <c r="BC113" i="4"/>
  <c r="BD113" i="4"/>
  <c r="BE113" i="4"/>
  <c r="BF113" i="4"/>
  <c r="BG113" i="4"/>
  <c r="BH113" i="4"/>
  <c r="BI113" i="4"/>
  <c r="BJ113" i="4"/>
  <c r="BK113" i="4"/>
  <c r="BL113" i="4"/>
  <c r="BM113" i="4"/>
  <c r="BN113" i="4"/>
  <c r="BO113" i="4"/>
  <c r="BP113" i="4"/>
  <c r="BR113" i="4"/>
  <c r="BS113" i="4"/>
  <c r="BT113" i="4"/>
  <c r="BU113" i="4"/>
  <c r="BV113" i="4"/>
  <c r="BW113" i="4"/>
  <c r="BX113" i="4"/>
  <c r="BY113" i="4"/>
  <c r="BZ113" i="4"/>
  <c r="CA113" i="4"/>
  <c r="CB113" i="4"/>
  <c r="CC113" i="4"/>
  <c r="AY114" i="4"/>
  <c r="AZ114" i="4"/>
  <c r="BA114" i="4"/>
  <c r="BB114" i="4"/>
  <c r="BC114" i="4"/>
  <c r="BD114" i="4"/>
  <c r="BE114" i="4"/>
  <c r="BF114" i="4"/>
  <c r="BG114" i="4"/>
  <c r="BH114" i="4"/>
  <c r="BI114" i="4"/>
  <c r="BJ114" i="4"/>
  <c r="BK114" i="4"/>
  <c r="BL114" i="4"/>
  <c r="BM114" i="4"/>
  <c r="BN114" i="4"/>
  <c r="BO114" i="4"/>
  <c r="BP114" i="4"/>
  <c r="BQ114" i="4"/>
  <c r="BR114" i="4"/>
  <c r="BT114" i="4"/>
  <c r="BU114" i="4"/>
  <c r="BV114" i="4"/>
  <c r="BW114" i="4"/>
  <c r="BX114" i="4"/>
  <c r="BY114" i="4"/>
  <c r="BZ114" i="4"/>
  <c r="CA114" i="4"/>
  <c r="CB114" i="4"/>
  <c r="CC114" i="4"/>
  <c r="AY115" i="4"/>
  <c r="AZ115" i="4"/>
  <c r="BA115" i="4"/>
  <c r="BB115" i="4"/>
  <c r="BC115" i="4"/>
  <c r="BD115" i="4"/>
  <c r="BE115" i="4"/>
  <c r="BF115" i="4"/>
  <c r="BG115" i="4"/>
  <c r="BH115" i="4"/>
  <c r="BI115" i="4"/>
  <c r="BJ115" i="4"/>
  <c r="BK115" i="4"/>
  <c r="BL115" i="4"/>
  <c r="BM115" i="4"/>
  <c r="BN115" i="4"/>
  <c r="BO115" i="4"/>
  <c r="BP115" i="4"/>
  <c r="BQ115" i="4"/>
  <c r="BR115" i="4"/>
  <c r="BS115" i="4"/>
  <c r="BT115" i="4"/>
  <c r="BU115" i="4"/>
  <c r="BV115" i="4"/>
  <c r="BW115" i="4"/>
  <c r="BX115" i="4"/>
  <c r="BZ115" i="4"/>
  <c r="CA115" i="4"/>
  <c r="CB115" i="4"/>
  <c r="CC115" i="4"/>
  <c r="AY116" i="4"/>
  <c r="AZ116" i="4"/>
  <c r="BA116" i="4"/>
  <c r="BB116" i="4"/>
  <c r="BC116" i="4"/>
  <c r="BD116" i="4"/>
  <c r="BE116" i="4"/>
  <c r="BF116" i="4"/>
  <c r="BG116" i="4"/>
  <c r="BH116" i="4"/>
  <c r="BI116" i="4"/>
  <c r="BJ116" i="4"/>
  <c r="BK116" i="4"/>
  <c r="BL116" i="4"/>
  <c r="BM116" i="4"/>
  <c r="BN116" i="4"/>
  <c r="BO116" i="4"/>
  <c r="BP116" i="4"/>
  <c r="BQ116" i="4"/>
  <c r="BR116" i="4"/>
  <c r="BS116" i="4"/>
  <c r="BT116" i="4"/>
  <c r="BU116" i="4"/>
  <c r="BV116" i="4"/>
  <c r="BW116" i="4"/>
  <c r="BY116" i="4"/>
  <c r="BZ116" i="4"/>
  <c r="CA116" i="4"/>
  <c r="CB116" i="4"/>
  <c r="CC116" i="4"/>
  <c r="AY117" i="4"/>
  <c r="AZ117" i="4"/>
  <c r="BA117" i="4"/>
  <c r="BB117" i="4"/>
  <c r="BC117" i="4"/>
  <c r="BD117" i="4"/>
  <c r="BE117" i="4"/>
  <c r="BF117" i="4"/>
  <c r="BG117" i="4"/>
  <c r="BH117" i="4"/>
  <c r="BI117" i="4"/>
  <c r="BJ117" i="4"/>
  <c r="BK117" i="4"/>
  <c r="BL117" i="4"/>
  <c r="BM117" i="4"/>
  <c r="BN117" i="4"/>
  <c r="BO117" i="4"/>
  <c r="BP117" i="4"/>
  <c r="BQ117" i="4"/>
  <c r="BR117" i="4"/>
  <c r="BS117" i="4"/>
  <c r="BT117" i="4"/>
  <c r="BU117" i="4"/>
  <c r="BV117" i="4"/>
  <c r="BW117" i="4"/>
  <c r="BX117" i="4"/>
  <c r="BY117" i="4"/>
  <c r="CA117" i="4"/>
  <c r="CB117" i="4"/>
  <c r="CC117" i="4"/>
  <c r="AY118" i="4"/>
  <c r="AZ118" i="4"/>
  <c r="BA118" i="4"/>
  <c r="BB118" i="4"/>
  <c r="BC118" i="4"/>
  <c r="BD118" i="4"/>
  <c r="BE118" i="4"/>
  <c r="BF118" i="4"/>
  <c r="BG118" i="4"/>
  <c r="BH118" i="4"/>
  <c r="BI118" i="4"/>
  <c r="BJ118" i="4"/>
  <c r="BK118" i="4"/>
  <c r="BL118" i="4"/>
  <c r="BM118" i="4"/>
  <c r="BN118" i="4"/>
  <c r="BO118" i="4"/>
  <c r="BP118" i="4"/>
  <c r="BQ118" i="4"/>
  <c r="BR118" i="4"/>
  <c r="BS118" i="4"/>
  <c r="BT118" i="4"/>
  <c r="BU118" i="4"/>
  <c r="BV118" i="4"/>
  <c r="BW118" i="4"/>
  <c r="BX118" i="4"/>
  <c r="BY118" i="4"/>
  <c r="BZ118" i="4"/>
  <c r="CA118" i="4"/>
  <c r="CC118" i="4"/>
  <c r="AY119" i="4"/>
  <c r="AZ119" i="4"/>
  <c r="BA119" i="4"/>
  <c r="BB119" i="4"/>
  <c r="BC119" i="4"/>
  <c r="BD119" i="4"/>
  <c r="BE119" i="4"/>
  <c r="BF119" i="4"/>
  <c r="BG119" i="4"/>
  <c r="BH119" i="4"/>
  <c r="BI119" i="4"/>
  <c r="BJ119" i="4"/>
  <c r="BK119" i="4"/>
  <c r="BL119" i="4"/>
  <c r="BM119" i="4"/>
  <c r="BN119" i="4"/>
  <c r="BO119" i="4"/>
  <c r="BP119" i="4"/>
  <c r="BQ119" i="4"/>
  <c r="BR119" i="4"/>
  <c r="BS119" i="4"/>
  <c r="BT119" i="4"/>
  <c r="BU119" i="4"/>
  <c r="BV119" i="4"/>
  <c r="BW119" i="4"/>
  <c r="BX119" i="4"/>
  <c r="BY119" i="4"/>
  <c r="BZ119" i="4"/>
  <c r="CB119" i="4"/>
  <c r="CC119" i="4"/>
  <c r="AY120" i="4"/>
  <c r="AZ120" i="4"/>
  <c r="BA120" i="4"/>
  <c r="BB120" i="4"/>
  <c r="BC120" i="4"/>
  <c r="BD120" i="4"/>
  <c r="BE120" i="4"/>
  <c r="BF120" i="4"/>
  <c r="BG120" i="4"/>
  <c r="BH120" i="4"/>
  <c r="BI120" i="4"/>
  <c r="BJ120" i="4"/>
  <c r="BK120" i="4"/>
  <c r="BL120" i="4"/>
  <c r="BM120" i="4"/>
  <c r="BN120" i="4"/>
  <c r="BP120" i="4"/>
  <c r="BQ120" i="4"/>
  <c r="BR120" i="4"/>
  <c r="BS120" i="4"/>
  <c r="BT120" i="4"/>
  <c r="BU120" i="4"/>
  <c r="BV120" i="4"/>
  <c r="BW120" i="4"/>
  <c r="BX120" i="4"/>
  <c r="BY120" i="4"/>
  <c r="BZ120" i="4"/>
  <c r="CA120" i="4"/>
  <c r="CB120" i="4"/>
  <c r="CC120" i="4"/>
  <c r="AZ121" i="4"/>
  <c r="BA121" i="4"/>
  <c r="BB121" i="4"/>
  <c r="BC121" i="4"/>
  <c r="BD121" i="4"/>
  <c r="BE121" i="4"/>
  <c r="BF121" i="4"/>
  <c r="BG121" i="4"/>
  <c r="BH121" i="4"/>
  <c r="BI121" i="4"/>
  <c r="BJ121" i="4"/>
  <c r="BK121" i="4"/>
  <c r="BL121" i="4"/>
  <c r="BM121" i="4"/>
  <c r="BN121" i="4"/>
  <c r="BO121" i="4"/>
  <c r="BP121" i="4"/>
  <c r="BQ121" i="4"/>
  <c r="BR121" i="4"/>
  <c r="BS121" i="4"/>
  <c r="BT121" i="4"/>
  <c r="BU121" i="4"/>
  <c r="BV121" i="4"/>
  <c r="BW121" i="4"/>
  <c r="BX121" i="4"/>
  <c r="BY121" i="4"/>
  <c r="BZ121" i="4"/>
  <c r="CA121" i="4"/>
  <c r="CB121" i="4"/>
  <c r="CC121" i="4"/>
  <c r="AY122" i="4"/>
  <c r="AZ122" i="4"/>
  <c r="BB122" i="4"/>
  <c r="BC122" i="4"/>
  <c r="BD122" i="4"/>
  <c r="BE122" i="4"/>
  <c r="BF122" i="4"/>
  <c r="BG122" i="4"/>
  <c r="BH122" i="4"/>
  <c r="BI122" i="4"/>
  <c r="BJ122" i="4"/>
  <c r="BK122" i="4"/>
  <c r="BL122" i="4"/>
  <c r="BM122" i="4"/>
  <c r="BN122" i="4"/>
  <c r="BO122" i="4"/>
  <c r="BP122" i="4"/>
  <c r="BQ122" i="4"/>
  <c r="BR122" i="4"/>
  <c r="BS122" i="4"/>
  <c r="BT122" i="4"/>
  <c r="BU122" i="4"/>
  <c r="BV122" i="4"/>
  <c r="BW122" i="4"/>
  <c r="BX122" i="4"/>
  <c r="BY122" i="4"/>
  <c r="BZ122" i="4"/>
  <c r="CA122" i="4"/>
  <c r="CB122" i="4"/>
  <c r="CC122" i="4"/>
  <c r="AY123" i="4"/>
  <c r="AZ123" i="4"/>
  <c r="BA123" i="4"/>
  <c r="BC123" i="4"/>
  <c r="BD123" i="4"/>
  <c r="BE123" i="4"/>
  <c r="BF123" i="4"/>
  <c r="BG123" i="4"/>
  <c r="BH123" i="4"/>
  <c r="BI123" i="4"/>
  <c r="BJ123" i="4"/>
  <c r="BK123" i="4"/>
  <c r="BL123" i="4"/>
  <c r="BM123" i="4"/>
  <c r="BN123" i="4"/>
  <c r="BO123" i="4"/>
  <c r="BP123" i="4"/>
  <c r="BQ123" i="4"/>
  <c r="BR123" i="4"/>
  <c r="BS123" i="4"/>
  <c r="BT123" i="4"/>
  <c r="BU123" i="4"/>
  <c r="BV123" i="4"/>
  <c r="BW123" i="4"/>
  <c r="BX123" i="4"/>
  <c r="BY123" i="4"/>
  <c r="BZ123" i="4"/>
  <c r="CA123" i="4"/>
  <c r="CB123" i="4"/>
  <c r="CC123" i="4"/>
  <c r="AY124" i="4"/>
  <c r="BA124" i="4"/>
  <c r="BB124" i="4"/>
  <c r="BC124" i="4"/>
  <c r="BD124" i="4"/>
  <c r="BE124" i="4"/>
  <c r="BF124" i="4"/>
  <c r="BG124" i="4"/>
  <c r="BH124" i="4"/>
  <c r="BI124" i="4"/>
  <c r="BJ124" i="4"/>
  <c r="BK124" i="4"/>
  <c r="BL124" i="4"/>
  <c r="BM124" i="4"/>
  <c r="BN124" i="4"/>
  <c r="BO124" i="4"/>
  <c r="BP124" i="4"/>
  <c r="BQ124" i="4"/>
  <c r="BR124" i="4"/>
  <c r="BS124" i="4"/>
  <c r="BT124" i="4"/>
  <c r="BU124" i="4"/>
  <c r="BV124" i="4"/>
  <c r="BW124" i="4"/>
  <c r="BX124" i="4"/>
  <c r="BY124" i="4"/>
  <c r="BZ124" i="4"/>
  <c r="CA124" i="4"/>
  <c r="CB124" i="4"/>
  <c r="CC124" i="4"/>
  <c r="AY125" i="4"/>
  <c r="AZ125" i="4"/>
  <c r="BA125" i="4"/>
  <c r="BB125" i="4"/>
  <c r="BD125" i="4"/>
  <c r="BE125" i="4"/>
  <c r="BF125" i="4"/>
  <c r="BG125" i="4"/>
  <c r="BH125" i="4"/>
  <c r="BI125" i="4"/>
  <c r="BJ125" i="4"/>
  <c r="BK125" i="4"/>
  <c r="BL125" i="4"/>
  <c r="BM125" i="4"/>
  <c r="BN125" i="4"/>
  <c r="BO125" i="4"/>
  <c r="BP125" i="4"/>
  <c r="BQ125" i="4"/>
  <c r="BR125" i="4"/>
  <c r="BS125" i="4"/>
  <c r="BT125" i="4"/>
  <c r="BU125" i="4"/>
  <c r="BV125" i="4"/>
  <c r="BW125" i="4"/>
  <c r="BX125" i="4"/>
  <c r="BY125" i="4"/>
  <c r="BZ125" i="4"/>
  <c r="CA125" i="4"/>
  <c r="CB125" i="4"/>
  <c r="CC125" i="4"/>
  <c r="AY126" i="4"/>
  <c r="AZ126" i="4"/>
  <c r="BA126" i="4"/>
  <c r="BB126" i="4"/>
  <c r="BC126" i="4"/>
  <c r="BD126" i="4"/>
  <c r="BF126" i="4"/>
  <c r="BG126" i="4"/>
  <c r="BH126" i="4"/>
  <c r="BI126" i="4"/>
  <c r="BJ126" i="4"/>
  <c r="BK126" i="4"/>
  <c r="BL126" i="4"/>
  <c r="BM126" i="4"/>
  <c r="BN126" i="4"/>
  <c r="BO126" i="4"/>
  <c r="BP126" i="4"/>
  <c r="BQ126" i="4"/>
  <c r="BR126" i="4"/>
  <c r="BS126" i="4"/>
  <c r="BT126" i="4"/>
  <c r="BU126" i="4"/>
  <c r="BV126" i="4"/>
  <c r="BW126" i="4"/>
  <c r="BX126" i="4"/>
  <c r="BY126" i="4"/>
  <c r="BZ126" i="4"/>
  <c r="CA126" i="4"/>
  <c r="CB126" i="4"/>
  <c r="CC126" i="4"/>
  <c r="AY127" i="4"/>
  <c r="AZ127" i="4"/>
  <c r="BA127" i="4"/>
  <c r="BB127" i="4"/>
  <c r="BC127" i="4"/>
  <c r="BD127" i="4"/>
  <c r="BE127" i="4"/>
  <c r="BG127" i="4"/>
  <c r="BH127" i="4"/>
  <c r="BI127" i="4"/>
  <c r="BJ127" i="4"/>
  <c r="BK127" i="4"/>
  <c r="BL127" i="4"/>
  <c r="BM127" i="4"/>
  <c r="BN127" i="4"/>
  <c r="BO127" i="4"/>
  <c r="BP127" i="4"/>
  <c r="BQ127" i="4"/>
  <c r="BR127" i="4"/>
  <c r="BS127" i="4"/>
  <c r="BT127" i="4"/>
  <c r="BU127" i="4"/>
  <c r="BV127" i="4"/>
  <c r="BW127" i="4"/>
  <c r="BX127" i="4"/>
  <c r="BY127" i="4"/>
  <c r="BZ127" i="4"/>
  <c r="CA127" i="4"/>
  <c r="CB127" i="4"/>
  <c r="CC127" i="4"/>
  <c r="AY128" i="4"/>
  <c r="AZ128" i="4"/>
  <c r="BA128" i="4"/>
  <c r="BB128" i="4"/>
  <c r="BC128" i="4"/>
  <c r="BE128" i="4"/>
  <c r="BF128" i="4"/>
  <c r="BG128" i="4"/>
  <c r="BH128" i="4"/>
  <c r="BI128" i="4"/>
  <c r="BJ128" i="4"/>
  <c r="BK128" i="4"/>
  <c r="BL128" i="4"/>
  <c r="BM128" i="4"/>
  <c r="BN128" i="4"/>
  <c r="BO128" i="4"/>
  <c r="BP128" i="4"/>
  <c r="BQ128" i="4"/>
  <c r="BR128" i="4"/>
  <c r="BS128" i="4"/>
  <c r="BT128" i="4"/>
  <c r="BU128" i="4"/>
  <c r="BV128" i="4"/>
  <c r="BW128" i="4"/>
  <c r="BX128" i="4"/>
  <c r="BY128" i="4"/>
  <c r="BZ128" i="4"/>
  <c r="CA128" i="4"/>
  <c r="CB128" i="4"/>
  <c r="CC128" i="4"/>
  <c r="AY129" i="4"/>
  <c r="AZ129" i="4"/>
  <c r="BA129" i="4"/>
  <c r="BB129" i="4"/>
  <c r="BC129" i="4"/>
  <c r="BD129" i="4"/>
  <c r="BE129" i="4"/>
  <c r="BF129" i="4"/>
  <c r="BH129" i="4"/>
  <c r="BI129" i="4"/>
  <c r="BJ129" i="4"/>
  <c r="BK129" i="4"/>
  <c r="BL129" i="4"/>
  <c r="BM129" i="4"/>
  <c r="BN129" i="4"/>
  <c r="BO129" i="4"/>
  <c r="BP129" i="4"/>
  <c r="BQ129" i="4"/>
  <c r="BR129" i="4"/>
  <c r="BS129" i="4"/>
  <c r="BT129" i="4"/>
  <c r="BU129" i="4"/>
  <c r="BV129" i="4"/>
  <c r="BW129" i="4"/>
  <c r="BX129" i="4"/>
  <c r="BY129" i="4"/>
  <c r="BZ129" i="4"/>
  <c r="CA129" i="4"/>
  <c r="CB129" i="4"/>
  <c r="CC129" i="4"/>
  <c r="AY130" i="4"/>
  <c r="AZ130" i="4"/>
  <c r="BA130" i="4"/>
  <c r="BB130" i="4"/>
  <c r="BC130" i="4"/>
  <c r="BD130" i="4"/>
  <c r="BE130" i="4"/>
  <c r="BF130" i="4"/>
  <c r="BG130" i="4"/>
  <c r="BH130" i="4"/>
  <c r="BI130" i="4"/>
  <c r="BJ130" i="4"/>
  <c r="BL130" i="4"/>
  <c r="BM130" i="4"/>
  <c r="BN130" i="4"/>
  <c r="BO130" i="4"/>
  <c r="BP130" i="4"/>
  <c r="BQ130" i="4"/>
  <c r="BR130" i="4"/>
  <c r="BS130" i="4"/>
  <c r="BT130" i="4"/>
  <c r="BU130" i="4"/>
  <c r="BV130" i="4"/>
  <c r="BW130" i="4"/>
  <c r="BX130" i="4"/>
  <c r="BY130" i="4"/>
  <c r="BZ130" i="4"/>
  <c r="CA130" i="4"/>
  <c r="CB130" i="4"/>
  <c r="CC130" i="4"/>
  <c r="AY131" i="4"/>
  <c r="AZ131" i="4"/>
  <c r="BA131" i="4"/>
  <c r="BB131" i="4"/>
  <c r="BC131" i="4"/>
  <c r="BD131" i="4"/>
  <c r="BE131" i="4"/>
  <c r="BF131" i="4"/>
  <c r="BG131" i="4"/>
  <c r="BI131" i="4"/>
  <c r="BJ131" i="4"/>
  <c r="BK131" i="4"/>
  <c r="BL131" i="4"/>
  <c r="BM131" i="4"/>
  <c r="BN131" i="4"/>
  <c r="BO131" i="4"/>
  <c r="BP131" i="4"/>
  <c r="BQ131" i="4"/>
  <c r="BR131" i="4"/>
  <c r="BS131" i="4"/>
  <c r="BT131" i="4"/>
  <c r="BU131" i="4"/>
  <c r="BV131" i="4"/>
  <c r="BW131" i="4"/>
  <c r="BX131" i="4"/>
  <c r="BY131" i="4"/>
  <c r="BZ131" i="4"/>
  <c r="CA131" i="4"/>
  <c r="CB131" i="4"/>
  <c r="CC131" i="4"/>
  <c r="AY132" i="4"/>
  <c r="AZ132" i="4"/>
  <c r="BA132" i="4"/>
  <c r="BB132" i="4"/>
  <c r="BC132" i="4"/>
  <c r="BD132" i="4"/>
  <c r="BE132" i="4"/>
  <c r="BF132" i="4"/>
  <c r="BG132" i="4"/>
  <c r="BH132" i="4"/>
  <c r="BJ132" i="4"/>
  <c r="BK132" i="4"/>
  <c r="BL132" i="4"/>
  <c r="BM132" i="4"/>
  <c r="BN132" i="4"/>
  <c r="BO132" i="4"/>
  <c r="BP132" i="4"/>
  <c r="BQ132" i="4"/>
  <c r="BR132" i="4"/>
  <c r="BS132" i="4"/>
  <c r="BT132" i="4"/>
  <c r="BU132" i="4"/>
  <c r="BV132" i="4"/>
  <c r="BW132" i="4"/>
  <c r="BX132" i="4"/>
  <c r="BY132" i="4"/>
  <c r="BZ132" i="4"/>
  <c r="CA132" i="4"/>
  <c r="CB132" i="4"/>
  <c r="CC132" i="4"/>
  <c r="AY133" i="4"/>
  <c r="AZ133" i="4"/>
  <c r="BA133" i="4"/>
  <c r="BB133" i="4"/>
  <c r="BC133" i="4"/>
  <c r="BD133" i="4"/>
  <c r="BE133" i="4"/>
  <c r="BF133" i="4"/>
  <c r="BG133" i="4"/>
  <c r="BH133" i="4"/>
  <c r="BI133" i="4"/>
  <c r="BJ133" i="4"/>
  <c r="BK133" i="4"/>
  <c r="BM133" i="4"/>
  <c r="BN133" i="4"/>
  <c r="BO133" i="4"/>
  <c r="BP133" i="4"/>
  <c r="BQ133" i="4"/>
  <c r="BR133" i="4"/>
  <c r="BS133" i="4"/>
  <c r="BT133" i="4"/>
  <c r="BU133" i="4"/>
  <c r="BV133" i="4"/>
  <c r="BW133" i="4"/>
  <c r="BX133" i="4"/>
  <c r="BY133" i="4"/>
  <c r="BZ133" i="4"/>
  <c r="CA133" i="4"/>
  <c r="CB133" i="4"/>
  <c r="CC133" i="4"/>
  <c r="AY134" i="4"/>
  <c r="AZ134" i="4"/>
  <c r="BA134" i="4"/>
  <c r="BB134" i="4"/>
  <c r="BC134" i="4"/>
  <c r="BD134" i="4"/>
  <c r="BE134" i="4"/>
  <c r="BF134" i="4"/>
  <c r="BG134" i="4"/>
  <c r="BH134" i="4"/>
  <c r="BI134" i="4"/>
  <c r="BJ134" i="4"/>
  <c r="BK134" i="4"/>
  <c r="BL134" i="4"/>
  <c r="BN134" i="4"/>
  <c r="BO134" i="4"/>
  <c r="BP134" i="4"/>
  <c r="BQ134" i="4"/>
  <c r="BR134" i="4"/>
  <c r="BS134" i="4"/>
  <c r="BT134" i="4"/>
  <c r="BU134" i="4"/>
  <c r="BV134" i="4"/>
  <c r="BW134" i="4"/>
  <c r="BX134" i="4"/>
  <c r="BY134" i="4"/>
  <c r="BZ134" i="4"/>
  <c r="CA134" i="4"/>
  <c r="CB134" i="4"/>
  <c r="CC134" i="4"/>
  <c r="AY135" i="4"/>
  <c r="AZ135" i="4"/>
  <c r="BA135" i="4"/>
  <c r="BB135" i="4"/>
  <c r="BC135" i="4"/>
  <c r="BD135" i="4"/>
  <c r="BE135" i="4"/>
  <c r="BF135" i="4"/>
  <c r="BG135" i="4"/>
  <c r="BH135" i="4"/>
  <c r="BI135" i="4"/>
  <c r="BJ135" i="4"/>
  <c r="BK135" i="4"/>
  <c r="BL135" i="4"/>
  <c r="BM135" i="4"/>
  <c r="BO135" i="4"/>
  <c r="BP135" i="4"/>
  <c r="BQ135" i="4"/>
  <c r="BR135" i="4"/>
  <c r="BS135" i="4"/>
  <c r="BT135" i="4"/>
  <c r="BU135" i="4"/>
  <c r="BV135" i="4"/>
  <c r="BW135" i="4"/>
  <c r="BX135" i="4"/>
  <c r="BY135" i="4"/>
  <c r="BZ135" i="4"/>
  <c r="CA135" i="4"/>
  <c r="CB135" i="4"/>
  <c r="CC135" i="4"/>
  <c r="AY136" i="4"/>
  <c r="AZ136" i="4"/>
  <c r="BA136" i="4"/>
  <c r="BB136" i="4"/>
  <c r="BC136" i="4"/>
  <c r="BD136" i="4"/>
  <c r="BE136" i="4"/>
  <c r="BF136" i="4"/>
  <c r="BG136" i="4"/>
  <c r="BH136" i="4"/>
  <c r="BI136" i="4"/>
  <c r="BK136" i="4"/>
  <c r="BL136" i="4"/>
  <c r="BM136" i="4"/>
  <c r="BN136" i="4"/>
  <c r="BO136" i="4"/>
  <c r="BP136" i="4"/>
  <c r="BQ136" i="4"/>
  <c r="BR136" i="4"/>
  <c r="BS136" i="4"/>
  <c r="BT136" i="4"/>
  <c r="BU136" i="4"/>
  <c r="BV136" i="4"/>
  <c r="BW136" i="4"/>
  <c r="BX136" i="4"/>
  <c r="BY136" i="4"/>
  <c r="BZ136" i="4"/>
  <c r="CA136" i="4"/>
  <c r="CB136" i="4"/>
  <c r="CC136" i="4"/>
  <c r="AZ137" i="4"/>
  <c r="BA137" i="4"/>
  <c r="BB137" i="4"/>
  <c r="BC137" i="4"/>
  <c r="BD137" i="4"/>
  <c r="BE137" i="4"/>
  <c r="BF137" i="4"/>
  <c r="BG137" i="4"/>
  <c r="BH137" i="4"/>
  <c r="BI137" i="4"/>
  <c r="BJ137" i="4"/>
  <c r="BK137" i="4"/>
  <c r="BL137" i="4"/>
  <c r="BM137" i="4"/>
  <c r="BN137" i="4"/>
  <c r="BO137" i="4"/>
  <c r="BP137" i="4"/>
  <c r="BQ137" i="4"/>
  <c r="BR137" i="4"/>
  <c r="BS137" i="4"/>
  <c r="BT137" i="4"/>
  <c r="BU137" i="4"/>
  <c r="BV137" i="4"/>
  <c r="BW137" i="4"/>
  <c r="BX137" i="4"/>
  <c r="BY137" i="4"/>
  <c r="BZ137" i="4"/>
  <c r="CA137" i="4"/>
  <c r="CB137" i="4"/>
  <c r="CC137" i="4"/>
  <c r="AY138" i="4"/>
  <c r="AZ138" i="4"/>
  <c r="BA138" i="4"/>
  <c r="BB138" i="4"/>
  <c r="BC138" i="4"/>
  <c r="BD138" i="4"/>
  <c r="BE138" i="4"/>
  <c r="BF138" i="4"/>
  <c r="BG138" i="4"/>
  <c r="BH138" i="4"/>
  <c r="BI138" i="4"/>
  <c r="BJ138" i="4"/>
  <c r="BK138" i="4"/>
  <c r="BL138" i="4"/>
  <c r="BM138" i="4"/>
  <c r="BN138" i="4"/>
  <c r="BO138" i="4"/>
  <c r="BP138" i="4"/>
  <c r="BQ138" i="4"/>
  <c r="BR138" i="4"/>
  <c r="BS138" i="4"/>
  <c r="BU138" i="4"/>
  <c r="BV138" i="4"/>
  <c r="BW138" i="4"/>
  <c r="BX138" i="4"/>
  <c r="BY138" i="4"/>
  <c r="BZ138" i="4"/>
  <c r="CA138" i="4"/>
  <c r="CB138" i="4"/>
  <c r="CC138" i="4"/>
  <c r="AY139" i="4"/>
  <c r="AZ139" i="4"/>
  <c r="BA139" i="4"/>
  <c r="BB139" i="4"/>
  <c r="BC139" i="4"/>
  <c r="BD139" i="4"/>
  <c r="BE139" i="4"/>
  <c r="BF139" i="4"/>
  <c r="BG139" i="4"/>
  <c r="BH139" i="4"/>
  <c r="BI139" i="4"/>
  <c r="BJ139" i="4"/>
  <c r="BK139" i="4"/>
  <c r="BL139" i="4"/>
  <c r="BM139" i="4"/>
  <c r="BN139" i="4"/>
  <c r="BO139" i="4"/>
  <c r="BP139" i="4"/>
  <c r="BQ139" i="4"/>
  <c r="BR139" i="4"/>
  <c r="BS139" i="4"/>
  <c r="BT139" i="4"/>
  <c r="BV139" i="4"/>
  <c r="BW139" i="4"/>
  <c r="BX139" i="4"/>
  <c r="BY139" i="4"/>
  <c r="BZ139" i="4"/>
  <c r="CA139" i="4"/>
  <c r="CB139" i="4"/>
  <c r="CC139" i="4"/>
  <c r="AY140" i="4"/>
  <c r="AZ140" i="4"/>
  <c r="BA140" i="4"/>
  <c r="BB140" i="4"/>
  <c r="BC140" i="4"/>
  <c r="BD140" i="4"/>
  <c r="BE140" i="4"/>
  <c r="BF140" i="4"/>
  <c r="BG140" i="4"/>
  <c r="BH140" i="4"/>
  <c r="BI140" i="4"/>
  <c r="BJ140" i="4"/>
  <c r="BK140" i="4"/>
  <c r="BL140" i="4"/>
  <c r="BM140" i="4"/>
  <c r="BN140" i="4"/>
  <c r="BO140" i="4"/>
  <c r="BP140" i="4"/>
  <c r="BQ140" i="4"/>
  <c r="BR140" i="4"/>
  <c r="BS140" i="4"/>
  <c r="BT140" i="4"/>
  <c r="BU140" i="4"/>
  <c r="BW140" i="4"/>
  <c r="BX140" i="4"/>
  <c r="BY140" i="4"/>
  <c r="BZ140" i="4"/>
  <c r="CA140" i="4"/>
  <c r="CB140" i="4"/>
  <c r="CC140" i="4"/>
  <c r="AY141" i="4"/>
  <c r="AZ141" i="4"/>
  <c r="BA141" i="4"/>
  <c r="BB141" i="4"/>
  <c r="BC141" i="4"/>
  <c r="BD141" i="4"/>
  <c r="BE141" i="4"/>
  <c r="BF141" i="4"/>
  <c r="BG141" i="4"/>
  <c r="BH141" i="4"/>
  <c r="BI141" i="4"/>
  <c r="BJ141" i="4"/>
  <c r="BK141" i="4"/>
  <c r="BL141" i="4"/>
  <c r="BM141" i="4"/>
  <c r="BN141" i="4"/>
  <c r="BO141" i="4"/>
  <c r="BP141" i="4"/>
  <c r="BQ141" i="4"/>
  <c r="BR141" i="4"/>
  <c r="BS141" i="4"/>
  <c r="BT141" i="4"/>
  <c r="BU141" i="4"/>
  <c r="BV141" i="4"/>
  <c r="BX141" i="4"/>
  <c r="BY141" i="4"/>
  <c r="BZ141" i="4"/>
  <c r="CA141" i="4"/>
  <c r="CB141" i="4"/>
  <c r="CC141" i="4"/>
  <c r="AY142" i="4"/>
  <c r="AZ142" i="4"/>
  <c r="BA142" i="4"/>
  <c r="BB142" i="4"/>
  <c r="BC142" i="4"/>
  <c r="BD142" i="4"/>
  <c r="BE142" i="4"/>
  <c r="BF142" i="4"/>
  <c r="BG142" i="4"/>
  <c r="BH142" i="4"/>
  <c r="BI142" i="4"/>
  <c r="BJ142" i="4"/>
  <c r="BK142" i="4"/>
  <c r="BL142" i="4"/>
  <c r="BM142" i="4"/>
  <c r="BN142" i="4"/>
  <c r="BO142" i="4"/>
  <c r="BQ142" i="4"/>
  <c r="BR142" i="4"/>
  <c r="BS142" i="4"/>
  <c r="BT142" i="4"/>
  <c r="BU142" i="4"/>
  <c r="BV142" i="4"/>
  <c r="BW142" i="4"/>
  <c r="BX142" i="4"/>
  <c r="BY142" i="4"/>
  <c r="BZ142" i="4"/>
  <c r="CA142" i="4"/>
  <c r="CB142" i="4"/>
  <c r="CC142" i="4"/>
  <c r="AY143" i="4"/>
  <c r="AZ143" i="4"/>
  <c r="BA143" i="4"/>
  <c r="BB143" i="4"/>
  <c r="BC143" i="4"/>
  <c r="BD143" i="4"/>
  <c r="BE143" i="4"/>
  <c r="BF143" i="4"/>
  <c r="BG143" i="4"/>
  <c r="BH143" i="4"/>
  <c r="BI143" i="4"/>
  <c r="BJ143" i="4"/>
  <c r="BK143" i="4"/>
  <c r="BL143" i="4"/>
  <c r="BM143" i="4"/>
  <c r="BN143" i="4"/>
  <c r="BO143" i="4"/>
  <c r="BP143" i="4"/>
  <c r="BQ143" i="4"/>
  <c r="BS143" i="4"/>
  <c r="BT143" i="4"/>
  <c r="BU143" i="4"/>
  <c r="BV143" i="4"/>
  <c r="BW143" i="4"/>
  <c r="BX143" i="4"/>
  <c r="BY143" i="4"/>
  <c r="BZ143" i="4"/>
  <c r="CA143" i="4"/>
  <c r="CB143" i="4"/>
  <c r="CC143" i="4"/>
  <c r="AY144" i="4"/>
  <c r="AZ144" i="4"/>
  <c r="BA144" i="4"/>
  <c r="BB144" i="4"/>
  <c r="BC144" i="4"/>
  <c r="BD144" i="4"/>
  <c r="BE144" i="4"/>
  <c r="BF144" i="4"/>
  <c r="BG144" i="4"/>
  <c r="BH144" i="4"/>
  <c r="BI144" i="4"/>
  <c r="BJ144" i="4"/>
  <c r="BK144" i="4"/>
  <c r="BL144" i="4"/>
  <c r="BM144" i="4"/>
  <c r="BN144" i="4"/>
  <c r="BO144" i="4"/>
  <c r="BP144" i="4"/>
  <c r="BR144" i="4"/>
  <c r="BS144" i="4"/>
  <c r="BT144" i="4"/>
  <c r="BU144" i="4"/>
  <c r="BV144" i="4"/>
  <c r="BW144" i="4"/>
  <c r="BX144" i="4"/>
  <c r="BY144" i="4"/>
  <c r="BZ144" i="4"/>
  <c r="CA144" i="4"/>
  <c r="CB144" i="4"/>
  <c r="CC144" i="4"/>
  <c r="AY145" i="4"/>
  <c r="AZ145" i="4"/>
  <c r="BA145" i="4"/>
  <c r="BB145" i="4"/>
  <c r="BC145" i="4"/>
  <c r="BD145" i="4"/>
  <c r="BE145" i="4"/>
  <c r="BF145" i="4"/>
  <c r="BG145" i="4"/>
  <c r="BH145" i="4"/>
  <c r="BI145" i="4"/>
  <c r="BJ145" i="4"/>
  <c r="BK145" i="4"/>
  <c r="BL145" i="4"/>
  <c r="BM145" i="4"/>
  <c r="BN145" i="4"/>
  <c r="BO145" i="4"/>
  <c r="BP145" i="4"/>
  <c r="BQ145" i="4"/>
  <c r="BR145" i="4"/>
  <c r="BT145" i="4"/>
  <c r="BU145" i="4"/>
  <c r="BV145" i="4"/>
  <c r="BW145" i="4"/>
  <c r="BX145" i="4"/>
  <c r="BY145" i="4"/>
  <c r="BZ145" i="4"/>
  <c r="CA145" i="4"/>
  <c r="CB145" i="4"/>
  <c r="CC145" i="4"/>
  <c r="AY146" i="4"/>
  <c r="AZ146" i="4"/>
  <c r="BA146" i="4"/>
  <c r="BB146" i="4"/>
  <c r="BC146" i="4"/>
  <c r="BD146" i="4"/>
  <c r="BE146" i="4"/>
  <c r="BF146" i="4"/>
  <c r="BG146" i="4"/>
  <c r="BH146" i="4"/>
  <c r="BI146" i="4"/>
  <c r="BJ146" i="4"/>
  <c r="BK146" i="4"/>
  <c r="BL146" i="4"/>
  <c r="BM146" i="4"/>
  <c r="BN146" i="4"/>
  <c r="BO146" i="4"/>
  <c r="BP146" i="4"/>
  <c r="BQ146" i="4"/>
  <c r="BR146" i="4"/>
  <c r="BS146" i="4"/>
  <c r="BT146" i="4"/>
  <c r="BU146" i="4"/>
  <c r="BV146" i="4"/>
  <c r="BW146" i="4"/>
  <c r="BX146" i="4"/>
  <c r="BZ146" i="4"/>
  <c r="CA146" i="4"/>
  <c r="CB146" i="4"/>
  <c r="CC146" i="4"/>
  <c r="AY147" i="4"/>
  <c r="AZ147" i="4"/>
  <c r="BA147" i="4"/>
  <c r="BB147" i="4"/>
  <c r="BC147" i="4"/>
  <c r="BD147" i="4"/>
  <c r="BE147" i="4"/>
  <c r="BF147" i="4"/>
  <c r="BG147" i="4"/>
  <c r="BH147" i="4"/>
  <c r="BI147" i="4"/>
  <c r="BJ147" i="4"/>
  <c r="BK147" i="4"/>
  <c r="BL147" i="4"/>
  <c r="BM147" i="4"/>
  <c r="BN147" i="4"/>
  <c r="BO147" i="4"/>
  <c r="BP147" i="4"/>
  <c r="BQ147" i="4"/>
  <c r="BR147" i="4"/>
  <c r="BS147" i="4"/>
  <c r="BT147" i="4"/>
  <c r="BU147" i="4"/>
  <c r="BV147" i="4"/>
  <c r="BW147" i="4"/>
  <c r="BY147" i="4"/>
  <c r="BZ147" i="4"/>
  <c r="CA147" i="4"/>
  <c r="CB147" i="4"/>
  <c r="CC147" i="4"/>
  <c r="AY148" i="4"/>
  <c r="AZ148" i="4"/>
  <c r="BA148" i="4"/>
  <c r="BB148" i="4"/>
  <c r="BC148" i="4"/>
  <c r="BD148" i="4"/>
  <c r="BE148" i="4"/>
  <c r="BF148" i="4"/>
  <c r="BG148" i="4"/>
  <c r="BH148" i="4"/>
  <c r="BI148" i="4"/>
  <c r="BJ148" i="4"/>
  <c r="BK148" i="4"/>
  <c r="BL148" i="4"/>
  <c r="BM148" i="4"/>
  <c r="BN148" i="4"/>
  <c r="BO148" i="4"/>
  <c r="BP148" i="4"/>
  <c r="BQ148" i="4"/>
  <c r="BR148" i="4"/>
  <c r="BS148" i="4"/>
  <c r="BT148" i="4"/>
  <c r="BU148" i="4"/>
  <c r="BV148" i="4"/>
  <c r="BW148" i="4"/>
  <c r="BX148" i="4"/>
  <c r="BY148" i="4"/>
  <c r="CA148" i="4"/>
  <c r="CB148" i="4"/>
  <c r="CC148" i="4"/>
  <c r="AY149" i="4"/>
  <c r="AZ149" i="4"/>
  <c r="BA149" i="4"/>
  <c r="BB149" i="4"/>
  <c r="BC149" i="4"/>
  <c r="BD149" i="4"/>
  <c r="BE149" i="4"/>
  <c r="BF149" i="4"/>
  <c r="BG149" i="4"/>
  <c r="BH149" i="4"/>
  <c r="BI149" i="4"/>
  <c r="BJ149" i="4"/>
  <c r="BK149" i="4"/>
  <c r="BL149" i="4"/>
  <c r="BM149" i="4"/>
  <c r="BN149" i="4"/>
  <c r="BO149" i="4"/>
  <c r="BP149" i="4"/>
  <c r="BQ149" i="4"/>
  <c r="BR149" i="4"/>
  <c r="BS149" i="4"/>
  <c r="BT149" i="4"/>
  <c r="BU149" i="4"/>
  <c r="BV149" i="4"/>
  <c r="BW149" i="4"/>
  <c r="BX149" i="4"/>
  <c r="BY149" i="4"/>
  <c r="BZ149" i="4"/>
  <c r="CA149" i="4"/>
  <c r="CC149" i="4"/>
  <c r="AY150" i="4"/>
  <c r="AZ150" i="4"/>
  <c r="BA150" i="4"/>
  <c r="BB150" i="4"/>
  <c r="BC150" i="4"/>
  <c r="BD150" i="4"/>
  <c r="BE150" i="4"/>
  <c r="BF150" i="4"/>
  <c r="BG150" i="4"/>
  <c r="BH150" i="4"/>
  <c r="BI150" i="4"/>
  <c r="BJ150" i="4"/>
  <c r="BK150" i="4"/>
  <c r="BL150" i="4"/>
  <c r="BM150" i="4"/>
  <c r="BN150" i="4"/>
  <c r="BO150" i="4"/>
  <c r="BP150" i="4"/>
  <c r="BQ150" i="4"/>
  <c r="BR150" i="4"/>
  <c r="BS150" i="4"/>
  <c r="BT150" i="4"/>
  <c r="BU150" i="4"/>
  <c r="BV150" i="4"/>
  <c r="BW150" i="4"/>
  <c r="BX150" i="4"/>
  <c r="BY150" i="4"/>
  <c r="BZ150" i="4"/>
  <c r="CB150" i="4"/>
  <c r="CC150" i="4"/>
  <c r="AY151" i="4"/>
  <c r="AZ151" i="4"/>
  <c r="BA151" i="4"/>
  <c r="BB151" i="4"/>
  <c r="BC151" i="4"/>
  <c r="BD151" i="4"/>
  <c r="BE151" i="4"/>
  <c r="BF151" i="4"/>
  <c r="BG151" i="4"/>
  <c r="BH151" i="4"/>
  <c r="BI151" i="4"/>
  <c r="BJ151" i="4"/>
  <c r="BK151" i="4"/>
  <c r="BL151" i="4"/>
  <c r="BM151" i="4"/>
  <c r="BN151" i="4"/>
  <c r="BP151" i="4"/>
  <c r="BQ151" i="4"/>
  <c r="BR151" i="4"/>
  <c r="BS151" i="4"/>
  <c r="BT151" i="4"/>
  <c r="BU151" i="4"/>
  <c r="BV151" i="4"/>
  <c r="BW151" i="4"/>
  <c r="BX151" i="4"/>
  <c r="BY151" i="4"/>
  <c r="BZ151" i="4"/>
  <c r="CA151" i="4"/>
  <c r="CB151" i="4"/>
  <c r="CC151" i="4"/>
  <c r="AZ152" i="4"/>
  <c r="BA152" i="4"/>
  <c r="BB152" i="4"/>
  <c r="BC152" i="4"/>
  <c r="BD152" i="4"/>
  <c r="BE152" i="4"/>
  <c r="BF152" i="4"/>
  <c r="BG152" i="4"/>
  <c r="BH152" i="4"/>
  <c r="BI152" i="4"/>
  <c r="BJ152" i="4"/>
  <c r="BK152" i="4"/>
  <c r="BL152" i="4"/>
  <c r="BM152" i="4"/>
  <c r="BN152" i="4"/>
  <c r="BO152" i="4"/>
  <c r="BP152" i="4"/>
  <c r="BQ152" i="4"/>
  <c r="BR152" i="4"/>
  <c r="BS152" i="4"/>
  <c r="BT152" i="4"/>
  <c r="BU152" i="4"/>
  <c r="BV152" i="4"/>
  <c r="BW152" i="4"/>
  <c r="BX152" i="4"/>
  <c r="BY152" i="4"/>
  <c r="BZ152" i="4"/>
  <c r="CA152" i="4"/>
  <c r="CB152" i="4"/>
  <c r="CC152" i="4"/>
  <c r="AY153" i="4"/>
  <c r="AZ153" i="4"/>
  <c r="BB153" i="4"/>
  <c r="BC153" i="4"/>
  <c r="BD153" i="4"/>
  <c r="BE153" i="4"/>
  <c r="BF153" i="4"/>
  <c r="BG153" i="4"/>
  <c r="BH153" i="4"/>
  <c r="BI153" i="4"/>
  <c r="BJ153" i="4"/>
  <c r="BK153" i="4"/>
  <c r="BL153" i="4"/>
  <c r="BM153" i="4"/>
  <c r="BN153" i="4"/>
  <c r="BO153" i="4"/>
  <c r="BP153" i="4"/>
  <c r="BQ153" i="4"/>
  <c r="BR153" i="4"/>
  <c r="BS153" i="4"/>
  <c r="BT153" i="4"/>
  <c r="BU153" i="4"/>
  <c r="BV153" i="4"/>
  <c r="BW153" i="4"/>
  <c r="BX153" i="4"/>
  <c r="BY153" i="4"/>
  <c r="BZ153" i="4"/>
  <c r="CA153" i="4"/>
  <c r="CB153" i="4"/>
  <c r="CC153" i="4"/>
  <c r="AY154" i="4"/>
  <c r="AZ154" i="4"/>
  <c r="BA154" i="4"/>
  <c r="BC154" i="4"/>
  <c r="BD154" i="4"/>
  <c r="BE154" i="4"/>
  <c r="BF154" i="4"/>
  <c r="BG154" i="4"/>
  <c r="BH154" i="4"/>
  <c r="BI154" i="4"/>
  <c r="BJ154" i="4"/>
  <c r="BK154" i="4"/>
  <c r="BL154" i="4"/>
  <c r="BM154" i="4"/>
  <c r="BN154" i="4"/>
  <c r="BO154" i="4"/>
  <c r="BP154" i="4"/>
  <c r="BQ154" i="4"/>
  <c r="BR154" i="4"/>
  <c r="BS154" i="4"/>
  <c r="BT154" i="4"/>
  <c r="BU154" i="4"/>
  <c r="BV154" i="4"/>
  <c r="BW154" i="4"/>
  <c r="BX154" i="4"/>
  <c r="BY154" i="4"/>
  <c r="BZ154" i="4"/>
  <c r="CA154" i="4"/>
  <c r="CB154" i="4"/>
  <c r="CC154" i="4"/>
  <c r="AY155" i="4"/>
  <c r="BA155" i="4"/>
  <c r="BB155" i="4"/>
  <c r="BC155" i="4"/>
  <c r="BD155" i="4"/>
  <c r="BE155" i="4"/>
  <c r="BF155" i="4"/>
  <c r="BG155" i="4"/>
  <c r="BH155" i="4"/>
  <c r="BI155" i="4"/>
  <c r="BJ155" i="4"/>
  <c r="BK155" i="4"/>
  <c r="BL155" i="4"/>
  <c r="BM155" i="4"/>
  <c r="BN155" i="4"/>
  <c r="BO155" i="4"/>
  <c r="BP155" i="4"/>
  <c r="BQ155" i="4"/>
  <c r="BR155" i="4"/>
  <c r="BS155" i="4"/>
  <c r="BT155" i="4"/>
  <c r="BU155" i="4"/>
  <c r="BV155" i="4"/>
  <c r="BW155" i="4"/>
  <c r="BX155" i="4"/>
  <c r="BY155" i="4"/>
  <c r="BZ155" i="4"/>
  <c r="CA155" i="4"/>
  <c r="CB155" i="4"/>
  <c r="CC155" i="4"/>
  <c r="AY156" i="4"/>
  <c r="AZ156" i="4"/>
  <c r="BA156" i="4"/>
  <c r="BB156" i="4"/>
  <c r="BD156" i="4"/>
  <c r="BE156" i="4"/>
  <c r="BF156" i="4"/>
  <c r="BG156" i="4"/>
  <c r="BH156" i="4"/>
  <c r="BI156" i="4"/>
  <c r="BJ156" i="4"/>
  <c r="BK156" i="4"/>
  <c r="BL156" i="4"/>
  <c r="BM156" i="4"/>
  <c r="BN156" i="4"/>
  <c r="BO156" i="4"/>
  <c r="BP156" i="4"/>
  <c r="BQ156" i="4"/>
  <c r="BR156" i="4"/>
  <c r="BS156" i="4"/>
  <c r="BT156" i="4"/>
  <c r="BU156" i="4"/>
  <c r="BV156" i="4"/>
  <c r="BW156" i="4"/>
  <c r="BX156" i="4"/>
  <c r="BY156" i="4"/>
  <c r="BZ156" i="4"/>
  <c r="CA156" i="4"/>
  <c r="CB156" i="4"/>
  <c r="CC156" i="4"/>
  <c r="AY157" i="4"/>
  <c r="AZ157" i="4"/>
  <c r="BA157" i="4"/>
  <c r="BB157" i="4"/>
  <c r="BC157" i="4"/>
  <c r="BD157" i="4"/>
  <c r="BF157" i="4"/>
  <c r="BG157" i="4"/>
  <c r="BH157" i="4"/>
  <c r="BI157" i="4"/>
  <c r="BJ157" i="4"/>
  <c r="BK157" i="4"/>
  <c r="BL157" i="4"/>
  <c r="BM157" i="4"/>
  <c r="BN157" i="4"/>
  <c r="BO157" i="4"/>
  <c r="BP157" i="4"/>
  <c r="BQ157" i="4"/>
  <c r="BR157" i="4"/>
  <c r="BS157" i="4"/>
  <c r="BT157" i="4"/>
  <c r="BU157" i="4"/>
  <c r="BV157" i="4"/>
  <c r="BW157" i="4"/>
  <c r="BX157" i="4"/>
  <c r="BY157" i="4"/>
  <c r="BZ157" i="4"/>
  <c r="CA157" i="4"/>
  <c r="CB157" i="4"/>
  <c r="CC157" i="4"/>
  <c r="AY158" i="4"/>
  <c r="AZ158" i="4"/>
  <c r="BA158" i="4"/>
  <c r="BB158" i="4"/>
  <c r="BC158" i="4"/>
  <c r="BD158" i="4"/>
  <c r="BE158" i="4"/>
  <c r="BG158" i="4"/>
  <c r="BH158" i="4"/>
  <c r="BI158" i="4"/>
  <c r="BJ158" i="4"/>
  <c r="BK158" i="4"/>
  <c r="BL158" i="4"/>
  <c r="BM158" i="4"/>
  <c r="BN158" i="4"/>
  <c r="BO158" i="4"/>
  <c r="BP158" i="4"/>
  <c r="BQ158" i="4"/>
  <c r="BR158" i="4"/>
  <c r="BS158" i="4"/>
  <c r="BT158" i="4"/>
  <c r="BU158" i="4"/>
  <c r="BV158" i="4"/>
  <c r="BW158" i="4"/>
  <c r="BX158" i="4"/>
  <c r="BY158" i="4"/>
  <c r="BZ158" i="4"/>
  <c r="CA158" i="4"/>
  <c r="CB158" i="4"/>
  <c r="CC158" i="4"/>
  <c r="AY159" i="4"/>
  <c r="AZ159" i="4"/>
  <c r="BA159" i="4"/>
  <c r="BB159" i="4"/>
  <c r="BC159" i="4"/>
  <c r="BD159" i="4"/>
  <c r="BF159" i="4"/>
  <c r="BG159" i="4"/>
  <c r="BH159" i="4"/>
  <c r="BI159" i="4"/>
  <c r="BJ159" i="4"/>
  <c r="BK159" i="4"/>
  <c r="BL159" i="4"/>
  <c r="BM159" i="4"/>
  <c r="BN159" i="4"/>
  <c r="BO159" i="4"/>
  <c r="BP159" i="4"/>
  <c r="BQ159" i="4"/>
  <c r="BR159" i="4"/>
  <c r="BS159" i="4"/>
  <c r="BT159" i="4"/>
  <c r="BU159" i="4"/>
  <c r="BV159" i="4"/>
  <c r="BW159" i="4"/>
  <c r="BX159" i="4"/>
  <c r="BY159" i="4"/>
  <c r="BZ159" i="4"/>
  <c r="CA159" i="4"/>
  <c r="CB159" i="4"/>
  <c r="CC159" i="4"/>
  <c r="AY160" i="4"/>
  <c r="AZ160" i="4"/>
  <c r="BA160" i="4"/>
  <c r="BB160" i="4"/>
  <c r="BC160" i="4"/>
  <c r="BD160" i="4"/>
  <c r="BE160" i="4"/>
  <c r="BF160" i="4"/>
  <c r="BH160" i="4"/>
  <c r="BI160" i="4"/>
  <c r="BJ160" i="4"/>
  <c r="BK160" i="4"/>
  <c r="BL160" i="4"/>
  <c r="BM160" i="4"/>
  <c r="BN160" i="4"/>
  <c r="BO160" i="4"/>
  <c r="BP160" i="4"/>
  <c r="BQ160" i="4"/>
  <c r="BR160" i="4"/>
  <c r="BS160" i="4"/>
  <c r="BT160" i="4"/>
  <c r="BU160" i="4"/>
  <c r="BV160" i="4"/>
  <c r="BW160" i="4"/>
  <c r="BX160" i="4"/>
  <c r="BY160" i="4"/>
  <c r="BZ160" i="4"/>
  <c r="CA160" i="4"/>
  <c r="CB160" i="4"/>
  <c r="CC160" i="4"/>
  <c r="AY161" i="4"/>
  <c r="AZ161" i="4"/>
  <c r="BA161" i="4"/>
  <c r="BB161" i="4"/>
  <c r="BC161" i="4"/>
  <c r="BD161" i="4"/>
  <c r="BE161" i="4"/>
  <c r="BF161" i="4"/>
  <c r="BG161" i="4"/>
  <c r="BH161" i="4"/>
  <c r="BI161" i="4"/>
  <c r="BJ161" i="4"/>
  <c r="BL161" i="4"/>
  <c r="BM161" i="4"/>
  <c r="BN161" i="4"/>
  <c r="BO161" i="4"/>
  <c r="BP161" i="4"/>
  <c r="BQ161" i="4"/>
  <c r="BR161" i="4"/>
  <c r="BS161" i="4"/>
  <c r="BT161" i="4"/>
  <c r="BU161" i="4"/>
  <c r="BV161" i="4"/>
  <c r="BW161" i="4"/>
  <c r="BX161" i="4"/>
  <c r="BY161" i="4"/>
  <c r="BZ161" i="4"/>
  <c r="CA161" i="4"/>
  <c r="CB161" i="4"/>
  <c r="CC161" i="4"/>
  <c r="AY162" i="4"/>
  <c r="AZ162" i="4"/>
  <c r="BA162" i="4"/>
  <c r="BB162" i="4"/>
  <c r="BC162" i="4"/>
  <c r="BD162" i="4"/>
  <c r="BE162" i="4"/>
  <c r="BF162" i="4"/>
  <c r="BG162" i="4"/>
  <c r="BI162" i="4"/>
  <c r="BJ162" i="4"/>
  <c r="BK162" i="4"/>
  <c r="BL162" i="4"/>
  <c r="BM162" i="4"/>
  <c r="BN162" i="4"/>
  <c r="BO162" i="4"/>
  <c r="BP162" i="4"/>
  <c r="BQ162" i="4"/>
  <c r="BR162" i="4"/>
  <c r="BS162" i="4"/>
  <c r="BT162" i="4"/>
  <c r="BU162" i="4"/>
  <c r="BV162" i="4"/>
  <c r="BW162" i="4"/>
  <c r="BX162" i="4"/>
  <c r="BY162" i="4"/>
  <c r="BZ162" i="4"/>
  <c r="CA162" i="4"/>
  <c r="CB162" i="4"/>
  <c r="CC162" i="4"/>
  <c r="AY163" i="4"/>
  <c r="AZ163" i="4"/>
  <c r="BA163" i="4"/>
  <c r="BB163" i="4"/>
  <c r="BC163" i="4"/>
  <c r="BD163" i="4"/>
  <c r="BE163" i="4"/>
  <c r="BF163" i="4"/>
  <c r="BG163" i="4"/>
  <c r="BH163" i="4"/>
  <c r="BJ163" i="4"/>
  <c r="BK163" i="4"/>
  <c r="BL163" i="4"/>
  <c r="BM163" i="4"/>
  <c r="BN163" i="4"/>
  <c r="BO163" i="4"/>
  <c r="BP163" i="4"/>
  <c r="BQ163" i="4"/>
  <c r="BR163" i="4"/>
  <c r="BS163" i="4"/>
  <c r="BT163" i="4"/>
  <c r="BU163" i="4"/>
  <c r="BV163" i="4"/>
  <c r="BW163" i="4"/>
  <c r="BX163" i="4"/>
  <c r="BY163" i="4"/>
  <c r="BZ163" i="4"/>
  <c r="CA163" i="4"/>
  <c r="CB163" i="4"/>
  <c r="CC163" i="4"/>
  <c r="AY164" i="4"/>
  <c r="AZ164" i="4"/>
  <c r="BA164" i="4"/>
  <c r="BB164" i="4"/>
  <c r="BC164" i="4"/>
  <c r="BD164" i="4"/>
  <c r="BE164" i="4"/>
  <c r="BF164" i="4"/>
  <c r="BG164" i="4"/>
  <c r="BH164" i="4"/>
  <c r="BI164" i="4"/>
  <c r="BJ164" i="4"/>
  <c r="BK164" i="4"/>
  <c r="BM164" i="4"/>
  <c r="BN164" i="4"/>
  <c r="BO164" i="4"/>
  <c r="BP164" i="4"/>
  <c r="BQ164" i="4"/>
  <c r="BR164" i="4"/>
  <c r="BS164" i="4"/>
  <c r="BT164" i="4"/>
  <c r="BU164" i="4"/>
  <c r="BV164" i="4"/>
  <c r="BW164" i="4"/>
  <c r="BX164" i="4"/>
  <c r="BY164" i="4"/>
  <c r="BZ164" i="4"/>
  <c r="CA164" i="4"/>
  <c r="CB164" i="4"/>
  <c r="CC164" i="4"/>
  <c r="AY165" i="4"/>
  <c r="AZ165" i="4"/>
  <c r="BA165" i="4"/>
  <c r="BB165" i="4"/>
  <c r="BC165" i="4"/>
  <c r="BD165" i="4"/>
  <c r="BE165" i="4"/>
  <c r="BF165" i="4"/>
  <c r="BG165" i="4"/>
  <c r="BH165" i="4"/>
  <c r="BI165" i="4"/>
  <c r="BJ165" i="4"/>
  <c r="BK165" i="4"/>
  <c r="BL165" i="4"/>
  <c r="BN165" i="4"/>
  <c r="BO165" i="4"/>
  <c r="BP165" i="4"/>
  <c r="BQ165" i="4"/>
  <c r="BR165" i="4"/>
  <c r="BS165" i="4"/>
  <c r="BT165" i="4"/>
  <c r="BU165" i="4"/>
  <c r="BV165" i="4"/>
  <c r="BW165" i="4"/>
  <c r="BX165" i="4"/>
  <c r="BY165" i="4"/>
  <c r="BZ165" i="4"/>
  <c r="CA165" i="4"/>
  <c r="CB165" i="4"/>
  <c r="CC165" i="4"/>
  <c r="AY166" i="4"/>
  <c r="AZ166" i="4"/>
  <c r="BA166" i="4"/>
  <c r="BB166" i="4"/>
  <c r="BC166" i="4"/>
  <c r="BD166" i="4"/>
  <c r="BE166" i="4"/>
  <c r="BF166" i="4"/>
  <c r="BG166" i="4"/>
  <c r="BH166" i="4"/>
  <c r="BI166" i="4"/>
  <c r="BJ166" i="4"/>
  <c r="BK166" i="4"/>
  <c r="BL166" i="4"/>
  <c r="BM166" i="4"/>
  <c r="BO166" i="4"/>
  <c r="BP166" i="4"/>
  <c r="BQ166" i="4"/>
  <c r="BR166" i="4"/>
  <c r="BS166" i="4"/>
  <c r="BT166" i="4"/>
  <c r="BU166" i="4"/>
  <c r="BV166" i="4"/>
  <c r="BW166" i="4"/>
  <c r="BX166" i="4"/>
  <c r="BY166" i="4"/>
  <c r="BZ166" i="4"/>
  <c r="CA166" i="4"/>
  <c r="CB166" i="4"/>
  <c r="CC166" i="4"/>
  <c r="AY167" i="4"/>
  <c r="AZ167" i="4"/>
  <c r="BA167" i="4"/>
  <c r="BB167" i="4"/>
  <c r="BC167" i="4"/>
  <c r="BD167" i="4"/>
  <c r="BE167" i="4"/>
  <c r="BF167" i="4"/>
  <c r="BG167" i="4"/>
  <c r="BH167" i="4"/>
  <c r="BI167" i="4"/>
  <c r="BK167" i="4"/>
  <c r="BL167" i="4"/>
  <c r="BM167" i="4"/>
  <c r="BN167" i="4"/>
  <c r="BO167" i="4"/>
  <c r="BP167" i="4"/>
  <c r="BQ167" i="4"/>
  <c r="BR167" i="4"/>
  <c r="BS167" i="4"/>
  <c r="BT167" i="4"/>
  <c r="BU167" i="4"/>
  <c r="BV167" i="4"/>
  <c r="BW167" i="4"/>
  <c r="BX167" i="4"/>
  <c r="BY167" i="4"/>
  <c r="BZ167" i="4"/>
  <c r="CA167" i="4"/>
  <c r="CB167" i="4"/>
  <c r="CC167" i="4"/>
  <c r="AZ168" i="4"/>
  <c r="BA168" i="4"/>
  <c r="BB168" i="4"/>
  <c r="BC168" i="4"/>
  <c r="BD168" i="4"/>
  <c r="BE168" i="4"/>
  <c r="BF168" i="4"/>
  <c r="BG168" i="4"/>
  <c r="BH168" i="4"/>
  <c r="BI168" i="4"/>
  <c r="BJ168" i="4"/>
  <c r="BK168" i="4"/>
  <c r="BL168" i="4"/>
  <c r="BM168" i="4"/>
  <c r="BN168" i="4"/>
  <c r="BO168" i="4"/>
  <c r="BP168" i="4"/>
  <c r="BQ168" i="4"/>
  <c r="BR168" i="4"/>
  <c r="BS168" i="4"/>
  <c r="BT168" i="4"/>
  <c r="BU168" i="4"/>
  <c r="BV168" i="4"/>
  <c r="BW168" i="4"/>
  <c r="BX168" i="4"/>
  <c r="BY168" i="4"/>
  <c r="BZ168" i="4"/>
  <c r="CA168" i="4"/>
  <c r="CB168" i="4"/>
  <c r="CC168" i="4"/>
  <c r="AY169" i="4"/>
  <c r="AZ169" i="4"/>
  <c r="BA169" i="4"/>
  <c r="BB169" i="4"/>
  <c r="BC169" i="4"/>
  <c r="BD169" i="4"/>
  <c r="BE169" i="4"/>
  <c r="BF169" i="4"/>
  <c r="BG169" i="4"/>
  <c r="BH169" i="4"/>
  <c r="BI169" i="4"/>
  <c r="BJ169" i="4"/>
  <c r="BK169" i="4"/>
  <c r="BL169" i="4"/>
  <c r="BM169" i="4"/>
  <c r="BN169" i="4"/>
  <c r="BO169" i="4"/>
  <c r="BP169" i="4"/>
  <c r="BQ169" i="4"/>
  <c r="BR169" i="4"/>
  <c r="BS169" i="4"/>
  <c r="BU169" i="4"/>
  <c r="BV169" i="4"/>
  <c r="BW169" i="4"/>
  <c r="BX169" i="4"/>
  <c r="BY169" i="4"/>
  <c r="BZ169" i="4"/>
  <c r="CA169" i="4"/>
  <c r="CB169" i="4"/>
  <c r="CC169" i="4"/>
  <c r="AY170" i="4"/>
  <c r="AZ170" i="4"/>
  <c r="BA170" i="4"/>
  <c r="BB170" i="4"/>
  <c r="BC170" i="4"/>
  <c r="BD170" i="4"/>
  <c r="BE170" i="4"/>
  <c r="BF170" i="4"/>
  <c r="BG170" i="4"/>
  <c r="BH170" i="4"/>
  <c r="BI170" i="4"/>
  <c r="BJ170" i="4"/>
  <c r="BK170" i="4"/>
  <c r="BL170" i="4"/>
  <c r="BM170" i="4"/>
  <c r="BN170" i="4"/>
  <c r="BO170" i="4"/>
  <c r="BP170" i="4"/>
  <c r="BQ170" i="4"/>
  <c r="BR170" i="4"/>
  <c r="BS170" i="4"/>
  <c r="BT170" i="4"/>
  <c r="BV170" i="4"/>
  <c r="BW170" i="4"/>
  <c r="BX170" i="4"/>
  <c r="BY170" i="4"/>
  <c r="BZ170" i="4"/>
  <c r="CA170" i="4"/>
  <c r="CB170" i="4"/>
  <c r="CC170" i="4"/>
  <c r="AY171" i="4"/>
  <c r="AZ171" i="4"/>
  <c r="BA171" i="4"/>
  <c r="BB171" i="4"/>
  <c r="BC171" i="4"/>
  <c r="BD171" i="4"/>
  <c r="BE171" i="4"/>
  <c r="BF171" i="4"/>
  <c r="BG171" i="4"/>
  <c r="BH171" i="4"/>
  <c r="BI171" i="4"/>
  <c r="BJ171" i="4"/>
  <c r="BK171" i="4"/>
  <c r="BL171" i="4"/>
  <c r="BM171" i="4"/>
  <c r="BN171" i="4"/>
  <c r="BO171" i="4"/>
  <c r="BP171" i="4"/>
  <c r="BQ171" i="4"/>
  <c r="BR171" i="4"/>
  <c r="BS171" i="4"/>
  <c r="BT171" i="4"/>
  <c r="BU171" i="4"/>
  <c r="BW171" i="4"/>
  <c r="BX171" i="4"/>
  <c r="BY171" i="4"/>
  <c r="BZ171" i="4"/>
  <c r="CA171" i="4"/>
  <c r="CB171" i="4"/>
  <c r="CC171" i="4"/>
  <c r="AY172" i="4"/>
  <c r="AZ172" i="4"/>
  <c r="BA172" i="4"/>
  <c r="BB172" i="4"/>
  <c r="BC172" i="4"/>
  <c r="BD172" i="4"/>
  <c r="BE172" i="4"/>
  <c r="BF172" i="4"/>
  <c r="BG172" i="4"/>
  <c r="BH172" i="4"/>
  <c r="BI172" i="4"/>
  <c r="BJ172" i="4"/>
  <c r="BK172" i="4"/>
  <c r="BL172" i="4"/>
  <c r="BM172" i="4"/>
  <c r="BN172" i="4"/>
  <c r="BO172" i="4"/>
  <c r="BP172" i="4"/>
  <c r="BQ172" i="4"/>
  <c r="BR172" i="4"/>
  <c r="BS172" i="4"/>
  <c r="BT172" i="4"/>
  <c r="BU172" i="4"/>
  <c r="BV172" i="4"/>
  <c r="BX172" i="4"/>
  <c r="BY172" i="4"/>
  <c r="BZ172" i="4"/>
  <c r="CA172" i="4"/>
  <c r="CB172" i="4"/>
  <c r="CC172" i="4"/>
  <c r="AY173" i="4"/>
  <c r="AZ173" i="4"/>
  <c r="BA173" i="4"/>
  <c r="BB173" i="4"/>
  <c r="BC173" i="4"/>
  <c r="BD173" i="4"/>
  <c r="BE173" i="4"/>
  <c r="BF173" i="4"/>
  <c r="BG173" i="4"/>
  <c r="BH173" i="4"/>
  <c r="BI173" i="4"/>
  <c r="BJ173" i="4"/>
  <c r="BK173" i="4"/>
  <c r="BL173" i="4"/>
  <c r="BM173" i="4"/>
  <c r="BN173" i="4"/>
  <c r="BO173" i="4"/>
  <c r="BQ173" i="4"/>
  <c r="BR173" i="4"/>
  <c r="BS173" i="4"/>
  <c r="BT173" i="4"/>
  <c r="BU173" i="4"/>
  <c r="BV173" i="4"/>
  <c r="BW173" i="4"/>
  <c r="BX173" i="4"/>
  <c r="BY173" i="4"/>
  <c r="BZ173" i="4"/>
  <c r="CA173" i="4"/>
  <c r="CB173" i="4"/>
  <c r="CC173" i="4"/>
  <c r="AY174" i="4"/>
  <c r="AZ174" i="4"/>
  <c r="BA174" i="4"/>
  <c r="BB174" i="4"/>
  <c r="BC174" i="4"/>
  <c r="BD174" i="4"/>
  <c r="BE174" i="4"/>
  <c r="BF174" i="4"/>
  <c r="BG174" i="4"/>
  <c r="BH174" i="4"/>
  <c r="BI174" i="4"/>
  <c r="BJ174" i="4"/>
  <c r="BK174" i="4"/>
  <c r="BL174" i="4"/>
  <c r="BM174" i="4"/>
  <c r="BN174" i="4"/>
  <c r="BO174" i="4"/>
  <c r="BP174" i="4"/>
  <c r="BQ174" i="4"/>
  <c r="BS174" i="4"/>
  <c r="BT174" i="4"/>
  <c r="BU174" i="4"/>
  <c r="BV174" i="4"/>
  <c r="BW174" i="4"/>
  <c r="BX174" i="4"/>
  <c r="BY174" i="4"/>
  <c r="BZ174" i="4"/>
  <c r="CA174" i="4"/>
  <c r="CB174" i="4"/>
  <c r="CC174" i="4"/>
  <c r="AY175" i="4"/>
  <c r="AZ175" i="4"/>
  <c r="BA175" i="4"/>
  <c r="BB175" i="4"/>
  <c r="BC175" i="4"/>
  <c r="BD175" i="4"/>
  <c r="BE175" i="4"/>
  <c r="BF175" i="4"/>
  <c r="BG175" i="4"/>
  <c r="BH175" i="4"/>
  <c r="BI175" i="4"/>
  <c r="BJ175" i="4"/>
  <c r="BK175" i="4"/>
  <c r="BL175" i="4"/>
  <c r="BM175" i="4"/>
  <c r="BN175" i="4"/>
  <c r="BO175" i="4"/>
  <c r="BP175" i="4"/>
  <c r="BR175" i="4"/>
  <c r="BS175" i="4"/>
  <c r="BT175" i="4"/>
  <c r="BU175" i="4"/>
  <c r="BV175" i="4"/>
  <c r="BW175" i="4"/>
  <c r="BX175" i="4"/>
  <c r="BY175" i="4"/>
  <c r="BZ175" i="4"/>
  <c r="CA175" i="4"/>
  <c r="CB175" i="4"/>
  <c r="CC175" i="4"/>
  <c r="AY176" i="4"/>
  <c r="AZ176" i="4"/>
  <c r="BA176" i="4"/>
  <c r="BB176" i="4"/>
  <c r="BC176" i="4"/>
  <c r="BD176" i="4"/>
  <c r="BE176" i="4"/>
  <c r="BF176" i="4"/>
  <c r="BG176" i="4"/>
  <c r="BH176" i="4"/>
  <c r="BI176" i="4"/>
  <c r="BJ176" i="4"/>
  <c r="BK176" i="4"/>
  <c r="BL176" i="4"/>
  <c r="BM176" i="4"/>
  <c r="BN176" i="4"/>
  <c r="BO176" i="4"/>
  <c r="BP176" i="4"/>
  <c r="BQ176" i="4"/>
  <c r="BR176" i="4"/>
  <c r="BT176" i="4"/>
  <c r="BU176" i="4"/>
  <c r="BV176" i="4"/>
  <c r="BW176" i="4"/>
  <c r="BX176" i="4"/>
  <c r="BY176" i="4"/>
  <c r="BZ176" i="4"/>
  <c r="CA176" i="4"/>
  <c r="CB176" i="4"/>
  <c r="CC176" i="4"/>
  <c r="AY177" i="4"/>
  <c r="AZ177" i="4"/>
  <c r="BA177" i="4"/>
  <c r="BB177" i="4"/>
  <c r="BC177" i="4"/>
  <c r="BD177" i="4"/>
  <c r="BE177" i="4"/>
  <c r="BF177" i="4"/>
  <c r="BG177" i="4"/>
  <c r="BH177" i="4"/>
  <c r="BI177" i="4"/>
  <c r="BJ177" i="4"/>
  <c r="BK177" i="4"/>
  <c r="BL177" i="4"/>
  <c r="BM177" i="4"/>
  <c r="BN177" i="4"/>
  <c r="BO177" i="4"/>
  <c r="BP177" i="4"/>
  <c r="BQ177" i="4"/>
  <c r="BR177" i="4"/>
  <c r="BS177" i="4"/>
  <c r="BT177" i="4"/>
  <c r="BU177" i="4"/>
  <c r="BV177" i="4"/>
  <c r="BW177" i="4"/>
  <c r="BX177" i="4"/>
  <c r="BZ177" i="4"/>
  <c r="CA177" i="4"/>
  <c r="CB177" i="4"/>
  <c r="CC177" i="4"/>
  <c r="AY178" i="4"/>
  <c r="AZ178" i="4"/>
  <c r="BA178" i="4"/>
  <c r="BB178" i="4"/>
  <c r="BC178" i="4"/>
  <c r="BD178" i="4"/>
  <c r="BE178" i="4"/>
  <c r="BF178" i="4"/>
  <c r="BG178" i="4"/>
  <c r="BH178" i="4"/>
  <c r="BI178" i="4"/>
  <c r="BJ178" i="4"/>
  <c r="BK178" i="4"/>
  <c r="BL178" i="4"/>
  <c r="BM178" i="4"/>
  <c r="BN178" i="4"/>
  <c r="BO178" i="4"/>
  <c r="BP178" i="4"/>
  <c r="BQ178" i="4"/>
  <c r="BR178" i="4"/>
  <c r="BS178" i="4"/>
  <c r="BT178" i="4"/>
  <c r="BU178" i="4"/>
  <c r="BV178" i="4"/>
  <c r="BW178" i="4"/>
  <c r="BY178" i="4"/>
  <c r="BZ178" i="4"/>
  <c r="CA178" i="4"/>
  <c r="CB178" i="4"/>
  <c r="CC178" i="4"/>
  <c r="AY179" i="4"/>
  <c r="AZ179" i="4"/>
  <c r="BA179" i="4"/>
  <c r="BB179" i="4"/>
  <c r="BC179" i="4"/>
  <c r="BD179" i="4"/>
  <c r="BE179" i="4"/>
  <c r="BF179" i="4"/>
  <c r="BG179" i="4"/>
  <c r="BH179" i="4"/>
  <c r="BI179" i="4"/>
  <c r="BJ179" i="4"/>
  <c r="BK179" i="4"/>
  <c r="BL179" i="4"/>
  <c r="BM179" i="4"/>
  <c r="BN179" i="4"/>
  <c r="BO179" i="4"/>
  <c r="BP179" i="4"/>
  <c r="BQ179" i="4"/>
  <c r="BR179" i="4"/>
  <c r="BS179" i="4"/>
  <c r="BT179" i="4"/>
  <c r="BU179" i="4"/>
  <c r="BV179" i="4"/>
  <c r="BW179" i="4"/>
  <c r="BX179" i="4"/>
  <c r="BY179" i="4"/>
  <c r="CA179" i="4"/>
  <c r="CB179" i="4"/>
  <c r="CC179" i="4"/>
  <c r="AY180" i="4"/>
  <c r="AZ180" i="4"/>
  <c r="BA180" i="4"/>
  <c r="BB180" i="4"/>
  <c r="BC180" i="4"/>
  <c r="BD180" i="4"/>
  <c r="BE180" i="4"/>
  <c r="BF180" i="4"/>
  <c r="BG180" i="4"/>
  <c r="BH180" i="4"/>
  <c r="BI180" i="4"/>
  <c r="BJ180" i="4"/>
  <c r="BK180" i="4"/>
  <c r="BL180" i="4"/>
  <c r="BM180" i="4"/>
  <c r="BN180" i="4"/>
  <c r="BO180" i="4"/>
  <c r="BP180" i="4"/>
  <c r="BQ180" i="4"/>
  <c r="BR180" i="4"/>
  <c r="BS180" i="4"/>
  <c r="BT180" i="4"/>
  <c r="BU180" i="4"/>
  <c r="BV180" i="4"/>
  <c r="BW180" i="4"/>
  <c r="BX180" i="4"/>
  <c r="BY180" i="4"/>
  <c r="BZ180" i="4"/>
  <c r="CA180" i="4"/>
  <c r="CC180" i="4"/>
  <c r="AY181" i="4"/>
  <c r="AZ181" i="4"/>
  <c r="BA181" i="4"/>
  <c r="BB181" i="4"/>
  <c r="BC181" i="4"/>
  <c r="BD181" i="4"/>
  <c r="BE181" i="4"/>
  <c r="BF181" i="4"/>
  <c r="BG181" i="4"/>
  <c r="BH181" i="4"/>
  <c r="BI181" i="4"/>
  <c r="BJ181" i="4"/>
  <c r="BK181" i="4"/>
  <c r="BL181" i="4"/>
  <c r="BM181" i="4"/>
  <c r="BN181" i="4"/>
  <c r="BO181" i="4"/>
  <c r="BP181" i="4"/>
  <c r="BQ181" i="4"/>
  <c r="BR181" i="4"/>
  <c r="BS181" i="4"/>
  <c r="BT181" i="4"/>
  <c r="BU181" i="4"/>
  <c r="BV181" i="4"/>
  <c r="BW181" i="4"/>
  <c r="BX181" i="4"/>
  <c r="BY181" i="4"/>
  <c r="BZ181" i="4"/>
  <c r="CB181" i="4"/>
  <c r="CC181" i="4"/>
  <c r="AY182" i="4"/>
  <c r="AZ182" i="4"/>
  <c r="BA182" i="4"/>
  <c r="BB182" i="4"/>
  <c r="BC182" i="4"/>
  <c r="BD182" i="4"/>
  <c r="BE182" i="4"/>
  <c r="BF182" i="4"/>
  <c r="BG182" i="4"/>
  <c r="BH182" i="4"/>
  <c r="BI182" i="4"/>
  <c r="BJ182" i="4"/>
  <c r="BK182" i="4"/>
  <c r="BL182" i="4"/>
  <c r="BM182" i="4"/>
  <c r="BN182" i="4"/>
  <c r="BP182" i="4"/>
  <c r="BQ182" i="4"/>
  <c r="BR182" i="4"/>
  <c r="BS182" i="4"/>
  <c r="BT182" i="4"/>
  <c r="BU182" i="4"/>
  <c r="BV182" i="4"/>
  <c r="BW182" i="4"/>
  <c r="BX182" i="4"/>
  <c r="BY182" i="4"/>
  <c r="BZ182" i="4"/>
  <c r="CA182" i="4"/>
  <c r="CB182" i="4"/>
  <c r="CC182" i="4"/>
  <c r="AZ183" i="4"/>
  <c r="BA183" i="4"/>
  <c r="BB183" i="4"/>
  <c r="BC183" i="4"/>
  <c r="BD183" i="4"/>
  <c r="BE183" i="4"/>
  <c r="BF183" i="4"/>
  <c r="BG183" i="4"/>
  <c r="BH183" i="4"/>
  <c r="BI183" i="4"/>
  <c r="BJ183" i="4"/>
  <c r="BK183" i="4"/>
  <c r="BL183" i="4"/>
  <c r="BM183" i="4"/>
  <c r="BN183" i="4"/>
  <c r="BO183" i="4"/>
  <c r="BP183" i="4"/>
  <c r="BQ183" i="4"/>
  <c r="BR183" i="4"/>
  <c r="BS183" i="4"/>
  <c r="BT183" i="4"/>
  <c r="BU183" i="4"/>
  <c r="BV183" i="4"/>
  <c r="BW183" i="4"/>
  <c r="BX183" i="4"/>
  <c r="BY183" i="4"/>
  <c r="BZ183" i="4"/>
  <c r="CA183" i="4"/>
  <c r="CB183" i="4"/>
  <c r="CC183" i="4"/>
  <c r="AY184" i="4"/>
  <c r="AZ184" i="4"/>
  <c r="BB184" i="4"/>
  <c r="BC184" i="4"/>
  <c r="BD184" i="4"/>
  <c r="BE184" i="4"/>
  <c r="BF184" i="4"/>
  <c r="BG184" i="4"/>
  <c r="BH184" i="4"/>
  <c r="BI184" i="4"/>
  <c r="BJ184" i="4"/>
  <c r="BK184" i="4"/>
  <c r="BL184" i="4"/>
  <c r="BM184" i="4"/>
  <c r="BN184" i="4"/>
  <c r="BO184" i="4"/>
  <c r="BP184" i="4"/>
  <c r="BQ184" i="4"/>
  <c r="BR184" i="4"/>
  <c r="BS184" i="4"/>
  <c r="BT184" i="4"/>
  <c r="BU184" i="4"/>
  <c r="BV184" i="4"/>
  <c r="BW184" i="4"/>
  <c r="BX184" i="4"/>
  <c r="BY184" i="4"/>
  <c r="BZ184" i="4"/>
  <c r="CA184" i="4"/>
  <c r="CB184" i="4"/>
  <c r="CC184" i="4"/>
  <c r="AY185" i="4"/>
  <c r="AZ185" i="4"/>
  <c r="BA185" i="4"/>
  <c r="BC185" i="4"/>
  <c r="BD185" i="4"/>
  <c r="BE185" i="4"/>
  <c r="BF185" i="4"/>
  <c r="BG185" i="4"/>
  <c r="BH185" i="4"/>
  <c r="BI185" i="4"/>
  <c r="BJ185" i="4"/>
  <c r="BK185" i="4"/>
  <c r="BL185" i="4"/>
  <c r="BM185" i="4"/>
  <c r="BN185" i="4"/>
  <c r="BO185" i="4"/>
  <c r="BP185" i="4"/>
  <c r="BQ185" i="4"/>
  <c r="BR185" i="4"/>
  <c r="BS185" i="4"/>
  <c r="BT185" i="4"/>
  <c r="BU185" i="4"/>
  <c r="BV185" i="4"/>
  <c r="BW185" i="4"/>
  <c r="BX185" i="4"/>
  <c r="BY185" i="4"/>
  <c r="BZ185" i="4"/>
  <c r="CA185" i="4"/>
  <c r="CB185" i="4"/>
  <c r="CC185" i="4"/>
  <c r="AY186" i="4"/>
  <c r="BA186" i="4"/>
  <c r="BB186" i="4"/>
  <c r="BC186" i="4"/>
  <c r="BD186" i="4"/>
  <c r="BE186" i="4"/>
  <c r="BF186" i="4"/>
  <c r="BG186" i="4"/>
  <c r="BH186" i="4"/>
  <c r="BI186" i="4"/>
  <c r="BJ186" i="4"/>
  <c r="BK186" i="4"/>
  <c r="BL186" i="4"/>
  <c r="BM186" i="4"/>
  <c r="BN186" i="4"/>
  <c r="BO186" i="4"/>
  <c r="BP186" i="4"/>
  <c r="BQ186" i="4"/>
  <c r="BR186" i="4"/>
  <c r="BS186" i="4"/>
  <c r="BT186" i="4"/>
  <c r="BU186" i="4"/>
  <c r="BV186" i="4"/>
  <c r="BW186" i="4"/>
  <c r="BX186" i="4"/>
  <c r="BY186" i="4"/>
  <c r="BZ186" i="4"/>
  <c r="CA186" i="4"/>
  <c r="CB186" i="4"/>
  <c r="CC186" i="4"/>
  <c r="AY187" i="4"/>
  <c r="AZ187" i="4"/>
  <c r="BA187" i="4"/>
  <c r="BB187" i="4"/>
  <c r="BD187" i="4"/>
  <c r="BE187" i="4"/>
  <c r="BF187" i="4"/>
  <c r="BG187" i="4"/>
  <c r="BH187" i="4"/>
  <c r="BI187" i="4"/>
  <c r="BJ187" i="4"/>
  <c r="BK187" i="4"/>
  <c r="BL187" i="4"/>
  <c r="BM187" i="4"/>
  <c r="BN187" i="4"/>
  <c r="BO187" i="4"/>
  <c r="BP187" i="4"/>
  <c r="BQ187" i="4"/>
  <c r="BR187" i="4"/>
  <c r="BS187" i="4"/>
  <c r="BT187" i="4"/>
  <c r="BU187" i="4"/>
  <c r="BV187" i="4"/>
  <c r="BW187" i="4"/>
  <c r="BX187" i="4"/>
  <c r="BY187" i="4"/>
  <c r="BZ187" i="4"/>
  <c r="CA187" i="4"/>
  <c r="CB187" i="4"/>
  <c r="CC187" i="4"/>
  <c r="AY188" i="4"/>
  <c r="AZ188" i="4"/>
  <c r="BA188" i="4"/>
  <c r="BB188" i="4"/>
  <c r="BC188" i="4"/>
  <c r="BD188" i="4"/>
  <c r="BF188" i="4"/>
  <c r="BG188" i="4"/>
  <c r="BH188" i="4"/>
  <c r="BI188" i="4"/>
  <c r="BJ188" i="4"/>
  <c r="BK188" i="4"/>
  <c r="BL188" i="4"/>
  <c r="BM188" i="4"/>
  <c r="BN188" i="4"/>
  <c r="BO188" i="4"/>
  <c r="BP188" i="4"/>
  <c r="BQ188" i="4"/>
  <c r="BR188" i="4"/>
  <c r="BS188" i="4"/>
  <c r="BT188" i="4"/>
  <c r="BU188" i="4"/>
  <c r="BV188" i="4"/>
  <c r="BW188" i="4"/>
  <c r="BX188" i="4"/>
  <c r="BY188" i="4"/>
  <c r="BZ188" i="4"/>
  <c r="CA188" i="4"/>
  <c r="CB188" i="4"/>
  <c r="CC188" i="4"/>
  <c r="AY189" i="4"/>
  <c r="AZ189" i="4"/>
  <c r="BA189" i="4"/>
  <c r="BB189" i="4"/>
  <c r="BC189" i="4"/>
  <c r="BD189" i="4"/>
  <c r="BE189" i="4"/>
  <c r="BG189" i="4"/>
  <c r="BH189" i="4"/>
  <c r="BI189" i="4"/>
  <c r="BJ189" i="4"/>
  <c r="BK189" i="4"/>
  <c r="BL189" i="4"/>
  <c r="BM189" i="4"/>
  <c r="BN189" i="4"/>
  <c r="BO189" i="4"/>
  <c r="BP189" i="4"/>
  <c r="BQ189" i="4"/>
  <c r="BR189" i="4"/>
  <c r="BS189" i="4"/>
  <c r="BT189" i="4"/>
  <c r="BU189" i="4"/>
  <c r="BV189" i="4"/>
  <c r="BW189" i="4"/>
  <c r="BX189" i="4"/>
  <c r="BY189" i="4"/>
  <c r="BZ189" i="4"/>
  <c r="CA189" i="4"/>
  <c r="CB189" i="4"/>
  <c r="CC189" i="4"/>
  <c r="AY190" i="4"/>
  <c r="AZ190" i="4"/>
  <c r="BA190" i="4"/>
  <c r="BB190" i="4"/>
  <c r="BC190" i="4"/>
  <c r="BE190" i="4"/>
  <c r="BF190" i="4"/>
  <c r="BG190" i="4"/>
  <c r="BH190" i="4"/>
  <c r="BI190" i="4"/>
  <c r="BJ190" i="4"/>
  <c r="BK190" i="4"/>
  <c r="BL190" i="4"/>
  <c r="BM190" i="4"/>
  <c r="BN190" i="4"/>
  <c r="BO190" i="4"/>
  <c r="BP190" i="4"/>
  <c r="BQ190" i="4"/>
  <c r="BR190" i="4"/>
  <c r="BS190" i="4"/>
  <c r="BT190" i="4"/>
  <c r="BU190" i="4"/>
  <c r="BV190" i="4"/>
  <c r="BW190" i="4"/>
  <c r="BX190" i="4"/>
  <c r="BY190" i="4"/>
  <c r="BZ190" i="4"/>
  <c r="CA190" i="4"/>
  <c r="CB190" i="4"/>
  <c r="CC190" i="4"/>
  <c r="AY191" i="4"/>
  <c r="AZ191" i="4"/>
  <c r="BA191" i="4"/>
  <c r="BB191" i="4"/>
  <c r="BC191" i="4"/>
  <c r="BD191" i="4"/>
  <c r="BE191" i="4"/>
  <c r="BF191" i="4"/>
  <c r="BH191" i="4"/>
  <c r="BI191" i="4"/>
  <c r="BJ191" i="4"/>
  <c r="BK191" i="4"/>
  <c r="BL191" i="4"/>
  <c r="BM191" i="4"/>
  <c r="BN191" i="4"/>
  <c r="BO191" i="4"/>
  <c r="BP191" i="4"/>
  <c r="BQ191" i="4"/>
  <c r="BR191" i="4"/>
  <c r="BS191" i="4"/>
  <c r="BT191" i="4"/>
  <c r="BU191" i="4"/>
  <c r="BV191" i="4"/>
  <c r="BW191" i="4"/>
  <c r="BX191" i="4"/>
  <c r="BY191" i="4"/>
  <c r="BZ191" i="4"/>
  <c r="CA191" i="4"/>
  <c r="CB191" i="4"/>
  <c r="CC191" i="4"/>
  <c r="AY192" i="4"/>
  <c r="AZ192" i="4"/>
  <c r="BA192" i="4"/>
  <c r="BB192" i="4"/>
  <c r="BC192" i="4"/>
  <c r="BD192" i="4"/>
  <c r="BE192" i="4"/>
  <c r="BF192" i="4"/>
  <c r="BG192" i="4"/>
  <c r="BH192" i="4"/>
  <c r="BI192" i="4"/>
  <c r="BJ192" i="4"/>
  <c r="BL192" i="4"/>
  <c r="BM192" i="4"/>
  <c r="BN192" i="4"/>
  <c r="BO192" i="4"/>
  <c r="BP192" i="4"/>
  <c r="BQ192" i="4"/>
  <c r="BR192" i="4"/>
  <c r="BS192" i="4"/>
  <c r="BT192" i="4"/>
  <c r="BU192" i="4"/>
  <c r="BV192" i="4"/>
  <c r="BW192" i="4"/>
  <c r="BX192" i="4"/>
  <c r="BY192" i="4"/>
  <c r="BZ192" i="4"/>
  <c r="CA192" i="4"/>
  <c r="CB192" i="4"/>
  <c r="CC192" i="4"/>
  <c r="AY193" i="4"/>
  <c r="AZ193" i="4"/>
  <c r="BA193" i="4"/>
  <c r="BB193" i="4"/>
  <c r="BC193" i="4"/>
  <c r="BD193" i="4"/>
  <c r="BE193" i="4"/>
  <c r="BF193" i="4"/>
  <c r="BG193" i="4"/>
  <c r="BH193" i="4"/>
  <c r="BI193" i="4"/>
  <c r="BJ193" i="4"/>
  <c r="BK193" i="4"/>
  <c r="BL193" i="4"/>
  <c r="BM193" i="4"/>
  <c r="BN193" i="4"/>
  <c r="BO193" i="4"/>
  <c r="BP193" i="4"/>
  <c r="BQ193" i="4"/>
  <c r="BR193" i="4"/>
  <c r="BS193" i="4"/>
  <c r="BT193" i="4"/>
  <c r="BU193" i="4"/>
  <c r="BV193" i="4"/>
  <c r="BW193" i="4"/>
  <c r="BX193" i="4"/>
  <c r="BY193" i="4"/>
  <c r="BZ193" i="4"/>
  <c r="CA193" i="4"/>
  <c r="CB193" i="4"/>
  <c r="CC193" i="4"/>
  <c r="AY194" i="4"/>
  <c r="AZ194" i="4"/>
  <c r="BA194" i="4"/>
  <c r="BB194" i="4"/>
  <c r="BC194" i="4"/>
  <c r="BD194" i="4"/>
  <c r="BE194" i="4"/>
  <c r="BF194" i="4"/>
  <c r="BG194" i="4"/>
  <c r="BH194" i="4"/>
  <c r="BI194" i="4"/>
  <c r="BJ194" i="4"/>
  <c r="BK194" i="4"/>
  <c r="BL194" i="4"/>
  <c r="BM194" i="4"/>
  <c r="BN194" i="4"/>
  <c r="BO194" i="4"/>
  <c r="BP194" i="4"/>
  <c r="BQ194" i="4"/>
  <c r="BR194" i="4"/>
  <c r="BS194" i="4"/>
  <c r="BT194" i="4"/>
  <c r="BU194" i="4"/>
  <c r="BV194" i="4"/>
  <c r="BW194" i="4"/>
  <c r="BX194" i="4"/>
  <c r="BY194" i="4"/>
  <c r="BZ194" i="4"/>
  <c r="CA194" i="4"/>
  <c r="CB194" i="4"/>
  <c r="CC194" i="4"/>
  <c r="AY195" i="4"/>
  <c r="AZ195" i="4"/>
  <c r="BA195" i="4"/>
  <c r="BB195" i="4"/>
  <c r="BC195" i="4"/>
  <c r="BD195" i="4"/>
  <c r="BE195" i="4"/>
  <c r="BF195" i="4"/>
  <c r="BG195" i="4"/>
  <c r="BH195" i="4"/>
  <c r="BI195" i="4"/>
  <c r="BJ195" i="4"/>
  <c r="BK195" i="4"/>
  <c r="BM195" i="4"/>
  <c r="BN195" i="4"/>
  <c r="BO195" i="4"/>
  <c r="BP195" i="4"/>
  <c r="BQ195" i="4"/>
  <c r="BR195" i="4"/>
  <c r="BS195" i="4"/>
  <c r="BT195" i="4"/>
  <c r="BU195" i="4"/>
  <c r="BV195" i="4"/>
  <c r="BW195" i="4"/>
  <c r="BX195" i="4"/>
  <c r="BY195" i="4"/>
  <c r="BZ195" i="4"/>
  <c r="CA195" i="4"/>
  <c r="CB195" i="4"/>
  <c r="CC195" i="4"/>
  <c r="AY196" i="4"/>
  <c r="AZ196" i="4"/>
  <c r="BA196" i="4"/>
  <c r="BB196" i="4"/>
  <c r="BC196" i="4"/>
  <c r="BD196" i="4"/>
  <c r="BE196" i="4"/>
  <c r="BF196" i="4"/>
  <c r="BG196" i="4"/>
  <c r="BH196" i="4"/>
  <c r="BI196" i="4"/>
  <c r="BJ196" i="4"/>
  <c r="BK196" i="4"/>
  <c r="BL196" i="4"/>
  <c r="BN196" i="4"/>
  <c r="BO196" i="4"/>
  <c r="BP196" i="4"/>
  <c r="BQ196" i="4"/>
  <c r="BR196" i="4"/>
  <c r="BS196" i="4"/>
  <c r="BT196" i="4"/>
  <c r="BU196" i="4"/>
  <c r="BV196" i="4"/>
  <c r="BW196" i="4"/>
  <c r="BX196" i="4"/>
  <c r="BY196" i="4"/>
  <c r="BZ196" i="4"/>
  <c r="CA196" i="4"/>
  <c r="CB196" i="4"/>
  <c r="CC196" i="4"/>
  <c r="AY197" i="4"/>
  <c r="AZ197" i="4"/>
  <c r="BA197" i="4"/>
  <c r="BB197" i="4"/>
  <c r="BC197" i="4"/>
  <c r="BD197" i="4"/>
  <c r="BE197" i="4"/>
  <c r="BF197" i="4"/>
  <c r="BG197" i="4"/>
  <c r="BH197" i="4"/>
  <c r="BI197" i="4"/>
  <c r="BJ197" i="4"/>
  <c r="BK197" i="4"/>
  <c r="BL197" i="4"/>
  <c r="BM197" i="4"/>
  <c r="BO197" i="4"/>
  <c r="BP197" i="4"/>
  <c r="BQ197" i="4"/>
  <c r="BR197" i="4"/>
  <c r="BS197" i="4"/>
  <c r="BT197" i="4"/>
  <c r="BU197" i="4"/>
  <c r="BV197" i="4"/>
  <c r="BW197" i="4"/>
  <c r="BX197" i="4"/>
  <c r="BY197" i="4"/>
  <c r="BZ197" i="4"/>
  <c r="CA197" i="4"/>
  <c r="CB197" i="4"/>
  <c r="CC197" i="4"/>
  <c r="AY198" i="4"/>
  <c r="AZ198" i="4"/>
  <c r="BA198" i="4"/>
  <c r="BB198" i="4"/>
  <c r="BC198" i="4"/>
  <c r="BD198" i="4"/>
  <c r="BE198" i="4"/>
  <c r="BF198" i="4"/>
  <c r="BG198" i="4"/>
  <c r="BH198" i="4"/>
  <c r="BI198" i="4"/>
  <c r="BK198" i="4"/>
  <c r="BL198" i="4"/>
  <c r="BM198" i="4"/>
  <c r="BN198" i="4"/>
  <c r="BO198" i="4"/>
  <c r="BP198" i="4"/>
  <c r="BQ198" i="4"/>
  <c r="BR198" i="4"/>
  <c r="BS198" i="4"/>
  <c r="BT198" i="4"/>
  <c r="BU198" i="4"/>
  <c r="BV198" i="4"/>
  <c r="BW198" i="4"/>
  <c r="BX198" i="4"/>
  <c r="BY198" i="4"/>
  <c r="BZ198" i="4"/>
  <c r="CA198" i="4"/>
  <c r="CB198" i="4"/>
  <c r="CC198" i="4"/>
  <c r="AZ199" i="4"/>
  <c r="BA199" i="4"/>
  <c r="BB199" i="4"/>
  <c r="BC199" i="4"/>
  <c r="BD199" i="4"/>
  <c r="BE199" i="4"/>
  <c r="BF199" i="4"/>
  <c r="BG199" i="4"/>
  <c r="BH199" i="4"/>
  <c r="BI199" i="4"/>
  <c r="BJ199" i="4"/>
  <c r="BK199" i="4"/>
  <c r="BL199" i="4"/>
  <c r="BM199" i="4"/>
  <c r="BN199" i="4"/>
  <c r="BO199" i="4"/>
  <c r="BP199" i="4"/>
  <c r="BQ199" i="4"/>
  <c r="BR199" i="4"/>
  <c r="BS199" i="4"/>
  <c r="BT199" i="4"/>
  <c r="BU199" i="4"/>
  <c r="BV199" i="4"/>
  <c r="BW199" i="4"/>
  <c r="BX199" i="4"/>
  <c r="BY199" i="4"/>
  <c r="BZ199" i="4"/>
  <c r="CA199" i="4"/>
  <c r="CB199" i="4"/>
  <c r="CC199" i="4"/>
  <c r="AY200" i="4"/>
  <c r="AZ200" i="4"/>
  <c r="BA200" i="4"/>
  <c r="BB200" i="4"/>
  <c r="BC200" i="4"/>
  <c r="BD200" i="4"/>
  <c r="BE200" i="4"/>
  <c r="BF200" i="4"/>
  <c r="BG200" i="4"/>
  <c r="BH200" i="4"/>
  <c r="BI200" i="4"/>
  <c r="BJ200" i="4"/>
  <c r="BK200" i="4"/>
  <c r="BL200" i="4"/>
  <c r="BM200" i="4"/>
  <c r="BN200" i="4"/>
  <c r="BO200" i="4"/>
  <c r="BP200" i="4"/>
  <c r="BQ200" i="4"/>
  <c r="BR200" i="4"/>
  <c r="BS200" i="4"/>
  <c r="BU200" i="4"/>
  <c r="BV200" i="4"/>
  <c r="BW200" i="4"/>
  <c r="BX200" i="4"/>
  <c r="BY200" i="4"/>
  <c r="BZ200" i="4"/>
  <c r="CA200" i="4"/>
  <c r="CB200" i="4"/>
  <c r="CC200" i="4"/>
  <c r="AY201" i="4"/>
  <c r="AZ201" i="4"/>
  <c r="BA201" i="4"/>
  <c r="BB201" i="4"/>
  <c r="BC201" i="4"/>
  <c r="BD201" i="4"/>
  <c r="BE201" i="4"/>
  <c r="BF201" i="4"/>
  <c r="BG201" i="4"/>
  <c r="BH201" i="4"/>
  <c r="BI201" i="4"/>
  <c r="BJ201" i="4"/>
  <c r="BK201" i="4"/>
  <c r="BL201" i="4"/>
  <c r="BM201" i="4"/>
  <c r="BN201" i="4"/>
  <c r="BO201" i="4"/>
  <c r="BP201" i="4"/>
  <c r="BQ201" i="4"/>
  <c r="BR201" i="4"/>
  <c r="BS201" i="4"/>
  <c r="BT201" i="4"/>
  <c r="BV201" i="4"/>
  <c r="BW201" i="4"/>
  <c r="BX201" i="4"/>
  <c r="BY201" i="4"/>
  <c r="BZ201" i="4"/>
  <c r="CA201" i="4"/>
  <c r="CB201" i="4"/>
  <c r="CC201" i="4"/>
  <c r="AY202" i="4"/>
  <c r="AZ202" i="4"/>
  <c r="BA202" i="4"/>
  <c r="BB202" i="4"/>
  <c r="BC202" i="4"/>
  <c r="BD202" i="4"/>
  <c r="BE202" i="4"/>
  <c r="BF202" i="4"/>
  <c r="BG202" i="4"/>
  <c r="BH202" i="4"/>
  <c r="BI202" i="4"/>
  <c r="BJ202" i="4"/>
  <c r="BK202" i="4"/>
  <c r="BL202" i="4"/>
  <c r="BM202" i="4"/>
  <c r="BN202" i="4"/>
  <c r="BO202" i="4"/>
  <c r="BP202" i="4"/>
  <c r="BQ202" i="4"/>
  <c r="BR202" i="4"/>
  <c r="BS202" i="4"/>
  <c r="BT202" i="4"/>
  <c r="BU202" i="4"/>
  <c r="BW202" i="4"/>
  <c r="BX202" i="4"/>
  <c r="BY202" i="4"/>
  <c r="BZ202" i="4"/>
  <c r="CA202" i="4"/>
  <c r="CB202" i="4"/>
  <c r="CC202" i="4"/>
  <c r="AY203" i="4"/>
  <c r="AZ203" i="4"/>
  <c r="BA203" i="4"/>
  <c r="BB203" i="4"/>
  <c r="BC203" i="4"/>
  <c r="BD203" i="4"/>
  <c r="BE203" i="4"/>
  <c r="BF203" i="4"/>
  <c r="BG203" i="4"/>
  <c r="BH203" i="4"/>
  <c r="BI203" i="4"/>
  <c r="BJ203" i="4"/>
  <c r="BK203" i="4"/>
  <c r="BL203" i="4"/>
  <c r="BM203" i="4"/>
  <c r="BN203" i="4"/>
  <c r="BO203" i="4"/>
  <c r="BP203" i="4"/>
  <c r="BQ203" i="4"/>
  <c r="BR203" i="4"/>
  <c r="BS203" i="4"/>
  <c r="BT203" i="4"/>
  <c r="BU203" i="4"/>
  <c r="BV203" i="4"/>
  <c r="BX203" i="4"/>
  <c r="BY203" i="4"/>
  <c r="BZ203" i="4"/>
  <c r="CA203" i="4"/>
  <c r="CB203" i="4"/>
  <c r="CC203" i="4"/>
  <c r="AY204" i="4"/>
  <c r="AZ204" i="4"/>
  <c r="BA204" i="4"/>
  <c r="BB204" i="4"/>
  <c r="BC204" i="4"/>
  <c r="BD204" i="4"/>
  <c r="BE204" i="4"/>
  <c r="BF204" i="4"/>
  <c r="BG204" i="4"/>
  <c r="BH204" i="4"/>
  <c r="BI204" i="4"/>
  <c r="BJ204" i="4"/>
  <c r="BK204" i="4"/>
  <c r="BL204" i="4"/>
  <c r="BM204" i="4"/>
  <c r="BN204" i="4"/>
  <c r="BO204" i="4"/>
  <c r="BQ204" i="4"/>
  <c r="BR204" i="4"/>
  <c r="BS204" i="4"/>
  <c r="BT204" i="4"/>
  <c r="BU204" i="4"/>
  <c r="BV204" i="4"/>
  <c r="BW204" i="4"/>
  <c r="BX204" i="4"/>
  <c r="BY204" i="4"/>
  <c r="BZ204" i="4"/>
  <c r="CA204" i="4"/>
  <c r="CB204" i="4"/>
  <c r="CC204" i="4"/>
  <c r="AY205" i="4"/>
  <c r="AZ205" i="4"/>
  <c r="BA205" i="4"/>
  <c r="BB205" i="4"/>
  <c r="BC205" i="4"/>
  <c r="BD205" i="4"/>
  <c r="BE205" i="4"/>
  <c r="BF205" i="4"/>
  <c r="BG205" i="4"/>
  <c r="BH205" i="4"/>
  <c r="BI205" i="4"/>
  <c r="BJ205" i="4"/>
  <c r="BK205" i="4"/>
  <c r="BL205" i="4"/>
  <c r="BM205" i="4"/>
  <c r="BN205" i="4"/>
  <c r="BO205" i="4"/>
  <c r="BP205" i="4"/>
  <c r="BQ205" i="4"/>
  <c r="BS205" i="4"/>
  <c r="BT205" i="4"/>
  <c r="BU205" i="4"/>
  <c r="BV205" i="4"/>
  <c r="BW205" i="4"/>
  <c r="BX205" i="4"/>
  <c r="BY205" i="4"/>
  <c r="BZ205" i="4"/>
  <c r="CA205" i="4"/>
  <c r="CB205" i="4"/>
  <c r="CC205" i="4"/>
  <c r="AY206" i="4"/>
  <c r="AZ206" i="4"/>
  <c r="BA206" i="4"/>
  <c r="BB206" i="4"/>
  <c r="BC206" i="4"/>
  <c r="BD206" i="4"/>
  <c r="BE206" i="4"/>
  <c r="BF206" i="4"/>
  <c r="BG206" i="4"/>
  <c r="BH206" i="4"/>
  <c r="BI206" i="4"/>
  <c r="BJ206" i="4"/>
  <c r="BK206" i="4"/>
  <c r="BL206" i="4"/>
  <c r="BM206" i="4"/>
  <c r="BN206" i="4"/>
  <c r="BO206" i="4"/>
  <c r="BP206" i="4"/>
  <c r="BR206" i="4"/>
  <c r="BS206" i="4"/>
  <c r="BT206" i="4"/>
  <c r="BU206" i="4"/>
  <c r="BV206" i="4"/>
  <c r="BW206" i="4"/>
  <c r="BX206" i="4"/>
  <c r="BY206" i="4"/>
  <c r="BZ206" i="4"/>
  <c r="CA206" i="4"/>
  <c r="CB206" i="4"/>
  <c r="CC206" i="4"/>
  <c r="AY207" i="4"/>
  <c r="AZ207" i="4"/>
  <c r="BA207" i="4"/>
  <c r="BB207" i="4"/>
  <c r="BC207" i="4"/>
  <c r="BD207" i="4"/>
  <c r="BE207" i="4"/>
  <c r="BF207" i="4"/>
  <c r="BG207" i="4"/>
  <c r="BH207" i="4"/>
  <c r="BI207" i="4"/>
  <c r="BJ207" i="4"/>
  <c r="BK207" i="4"/>
  <c r="BL207" i="4"/>
  <c r="BM207" i="4"/>
  <c r="BN207" i="4"/>
  <c r="BO207" i="4"/>
  <c r="BP207" i="4"/>
  <c r="BQ207" i="4"/>
  <c r="BR207" i="4"/>
  <c r="BT207" i="4"/>
  <c r="BU207" i="4"/>
  <c r="BV207" i="4"/>
  <c r="BW207" i="4"/>
  <c r="BX207" i="4"/>
  <c r="BY207" i="4"/>
  <c r="BZ207" i="4"/>
  <c r="CA207" i="4"/>
  <c r="CB207" i="4"/>
  <c r="CC207" i="4"/>
  <c r="AY208" i="4"/>
  <c r="AZ208" i="4"/>
  <c r="BA208" i="4"/>
  <c r="BB208" i="4"/>
  <c r="BC208" i="4"/>
  <c r="BD208" i="4"/>
  <c r="BE208" i="4"/>
  <c r="BF208" i="4"/>
  <c r="BG208" i="4"/>
  <c r="BH208" i="4"/>
  <c r="BI208" i="4"/>
  <c r="BJ208" i="4"/>
  <c r="BK208" i="4"/>
  <c r="BL208" i="4"/>
  <c r="BM208" i="4"/>
  <c r="BN208" i="4"/>
  <c r="BO208" i="4"/>
  <c r="BP208" i="4"/>
  <c r="BQ208" i="4"/>
  <c r="BR208" i="4"/>
  <c r="BS208" i="4"/>
  <c r="BT208" i="4"/>
  <c r="BU208" i="4"/>
  <c r="BV208" i="4"/>
  <c r="BW208" i="4"/>
  <c r="BX208" i="4"/>
  <c r="BZ208" i="4"/>
  <c r="CA208" i="4"/>
  <c r="CB208" i="4"/>
  <c r="CC208" i="4"/>
  <c r="AY209" i="4"/>
  <c r="AZ209" i="4"/>
  <c r="BA209" i="4"/>
  <c r="BB209" i="4"/>
  <c r="BC209" i="4"/>
  <c r="BD209" i="4"/>
  <c r="BE209" i="4"/>
  <c r="BF209" i="4"/>
  <c r="BG209" i="4"/>
  <c r="BH209" i="4"/>
  <c r="BI209" i="4"/>
  <c r="BJ209" i="4"/>
  <c r="BK209" i="4"/>
  <c r="BL209" i="4"/>
  <c r="BM209" i="4"/>
  <c r="BN209" i="4"/>
  <c r="BO209" i="4"/>
  <c r="BP209" i="4"/>
  <c r="BQ209" i="4"/>
  <c r="BR209" i="4"/>
  <c r="BS209" i="4"/>
  <c r="BT209" i="4"/>
  <c r="BU209" i="4"/>
  <c r="BV209" i="4"/>
  <c r="BW209" i="4"/>
  <c r="BY209" i="4"/>
  <c r="BZ209" i="4"/>
  <c r="CA209" i="4"/>
  <c r="CB209" i="4"/>
  <c r="CC209" i="4"/>
  <c r="AY210" i="4"/>
  <c r="AZ210" i="4"/>
  <c r="BA210" i="4"/>
  <c r="BB210" i="4"/>
  <c r="BC210" i="4"/>
  <c r="BD210" i="4"/>
  <c r="BE210" i="4"/>
  <c r="BF210" i="4"/>
  <c r="BG210" i="4"/>
  <c r="BH210" i="4"/>
  <c r="BI210" i="4"/>
  <c r="BJ210" i="4"/>
  <c r="BK210" i="4"/>
  <c r="BL210" i="4"/>
  <c r="BM210" i="4"/>
  <c r="BN210" i="4"/>
  <c r="BO210" i="4"/>
  <c r="BP210" i="4"/>
  <c r="BQ210" i="4"/>
  <c r="BR210" i="4"/>
  <c r="BS210" i="4"/>
  <c r="BT210" i="4"/>
  <c r="BU210" i="4"/>
  <c r="BV210" i="4"/>
  <c r="BW210" i="4"/>
  <c r="BX210" i="4"/>
  <c r="BY210" i="4"/>
  <c r="CA210" i="4"/>
  <c r="CB210" i="4"/>
  <c r="CC210" i="4"/>
  <c r="AY211" i="4"/>
  <c r="AZ211" i="4"/>
  <c r="BA211" i="4"/>
  <c r="BB211" i="4"/>
  <c r="BC211" i="4"/>
  <c r="BD211" i="4"/>
  <c r="BE211" i="4"/>
  <c r="BF211" i="4"/>
  <c r="BG211" i="4"/>
  <c r="BH211" i="4"/>
  <c r="BI211" i="4"/>
  <c r="BJ211" i="4"/>
  <c r="BK211" i="4"/>
  <c r="BL211" i="4"/>
  <c r="BM211" i="4"/>
  <c r="BN211" i="4"/>
  <c r="BO211" i="4"/>
  <c r="BP211" i="4"/>
  <c r="BQ211" i="4"/>
  <c r="BR211" i="4"/>
  <c r="BS211" i="4"/>
  <c r="BT211" i="4"/>
  <c r="BU211" i="4"/>
  <c r="BV211" i="4"/>
  <c r="BW211" i="4"/>
  <c r="BX211" i="4"/>
  <c r="BY211" i="4"/>
  <c r="BZ211" i="4"/>
  <c r="CA211" i="4"/>
  <c r="CC211" i="4"/>
  <c r="AY212" i="4"/>
  <c r="AZ212" i="4"/>
  <c r="BA212" i="4"/>
  <c r="BB212" i="4"/>
  <c r="BC212" i="4"/>
  <c r="BD212" i="4"/>
  <c r="BE212" i="4"/>
  <c r="BF212" i="4"/>
  <c r="BG212" i="4"/>
  <c r="BH212" i="4"/>
  <c r="BI212" i="4"/>
  <c r="BJ212" i="4"/>
  <c r="BK212" i="4"/>
  <c r="BL212" i="4"/>
  <c r="BM212" i="4"/>
  <c r="BN212" i="4"/>
  <c r="BO212" i="4"/>
  <c r="BP212" i="4"/>
  <c r="BQ212" i="4"/>
  <c r="BR212" i="4"/>
  <c r="BS212" i="4"/>
  <c r="BT212" i="4"/>
  <c r="BU212" i="4"/>
  <c r="BV212" i="4"/>
  <c r="BW212" i="4"/>
  <c r="BX212" i="4"/>
  <c r="BY212" i="4"/>
  <c r="BZ212" i="4"/>
  <c r="CB212" i="4"/>
  <c r="CC212" i="4"/>
  <c r="AY213" i="4"/>
  <c r="AZ213" i="4"/>
  <c r="BA213" i="4"/>
  <c r="BB213" i="4"/>
  <c r="BC213" i="4"/>
  <c r="BD213" i="4"/>
  <c r="BE213" i="4"/>
  <c r="BF213" i="4"/>
  <c r="BG213" i="4"/>
  <c r="BH213" i="4"/>
  <c r="BI213" i="4"/>
  <c r="BJ213" i="4"/>
  <c r="BK213" i="4"/>
  <c r="BL213" i="4"/>
  <c r="BM213" i="4"/>
  <c r="BN213" i="4"/>
  <c r="BP213" i="4"/>
  <c r="BQ213" i="4"/>
  <c r="BR213" i="4"/>
  <c r="BS213" i="4"/>
  <c r="BT213" i="4"/>
  <c r="BU213" i="4"/>
  <c r="BV213" i="4"/>
  <c r="BW213" i="4"/>
  <c r="BX213" i="4"/>
  <c r="BY213" i="4"/>
  <c r="BZ213" i="4"/>
  <c r="CA213" i="4"/>
  <c r="CB213" i="4"/>
  <c r="CC213" i="4"/>
  <c r="AZ214" i="4"/>
  <c r="BA214" i="4"/>
  <c r="BB214" i="4"/>
  <c r="BC214" i="4"/>
  <c r="BD214" i="4"/>
  <c r="BE214" i="4"/>
  <c r="BF214" i="4"/>
  <c r="BG214" i="4"/>
  <c r="BH214" i="4"/>
  <c r="BI214" i="4"/>
  <c r="BJ214" i="4"/>
  <c r="BK214" i="4"/>
  <c r="BL214" i="4"/>
  <c r="BM214" i="4"/>
  <c r="BN214" i="4"/>
  <c r="BO214" i="4"/>
  <c r="BP214" i="4"/>
  <c r="BQ214" i="4"/>
  <c r="BR214" i="4"/>
  <c r="BS214" i="4"/>
  <c r="BT214" i="4"/>
  <c r="BU214" i="4"/>
  <c r="BV214" i="4"/>
  <c r="BW214" i="4"/>
  <c r="BX214" i="4"/>
  <c r="BY214" i="4"/>
  <c r="BZ214" i="4"/>
  <c r="CA214" i="4"/>
  <c r="CB214" i="4"/>
  <c r="CC214" i="4"/>
  <c r="AY215" i="4"/>
  <c r="AZ215" i="4"/>
  <c r="BB215" i="4"/>
  <c r="BC215" i="4"/>
  <c r="BD215" i="4"/>
  <c r="BE215" i="4"/>
  <c r="BF215" i="4"/>
  <c r="BG215" i="4"/>
  <c r="BH215" i="4"/>
  <c r="BI215" i="4"/>
  <c r="BJ215" i="4"/>
  <c r="BK215" i="4"/>
  <c r="BL215" i="4"/>
  <c r="BM215" i="4"/>
  <c r="BN215" i="4"/>
  <c r="BO215" i="4"/>
  <c r="BP215" i="4"/>
  <c r="BQ215" i="4"/>
  <c r="BR215" i="4"/>
  <c r="BS215" i="4"/>
  <c r="BT215" i="4"/>
  <c r="BU215" i="4"/>
  <c r="BV215" i="4"/>
  <c r="BW215" i="4"/>
  <c r="BX215" i="4"/>
  <c r="BY215" i="4"/>
  <c r="BZ215" i="4"/>
  <c r="CA215" i="4"/>
  <c r="CB215" i="4"/>
  <c r="CC215" i="4"/>
  <c r="AY216" i="4"/>
  <c r="AZ216" i="4"/>
  <c r="BA216" i="4"/>
  <c r="BC216" i="4"/>
  <c r="BD216" i="4"/>
  <c r="BE216" i="4"/>
  <c r="BF216" i="4"/>
  <c r="BG216" i="4"/>
  <c r="BH216" i="4"/>
  <c r="BI216" i="4"/>
  <c r="BJ216" i="4"/>
  <c r="BK216" i="4"/>
  <c r="BL216" i="4"/>
  <c r="BM216" i="4"/>
  <c r="BN216" i="4"/>
  <c r="BO216" i="4"/>
  <c r="BP216" i="4"/>
  <c r="BQ216" i="4"/>
  <c r="BR216" i="4"/>
  <c r="BS216" i="4"/>
  <c r="BT216" i="4"/>
  <c r="BU216" i="4"/>
  <c r="BV216" i="4"/>
  <c r="BW216" i="4"/>
  <c r="BX216" i="4"/>
  <c r="BY216" i="4"/>
  <c r="BZ216" i="4"/>
  <c r="CA216" i="4"/>
  <c r="CB216" i="4"/>
  <c r="CC216" i="4"/>
  <c r="AY217" i="4"/>
  <c r="BA217" i="4"/>
  <c r="BB217" i="4"/>
  <c r="BC217" i="4"/>
  <c r="BD217" i="4"/>
  <c r="BE217" i="4"/>
  <c r="BF217" i="4"/>
  <c r="BG217" i="4"/>
  <c r="BH217" i="4"/>
  <c r="BI217" i="4"/>
  <c r="BJ217" i="4"/>
  <c r="BK217" i="4"/>
  <c r="BL217" i="4"/>
  <c r="BM217" i="4"/>
  <c r="BN217" i="4"/>
  <c r="BO217" i="4"/>
  <c r="BP217" i="4"/>
  <c r="BQ217" i="4"/>
  <c r="BR217" i="4"/>
  <c r="BS217" i="4"/>
  <c r="BT217" i="4"/>
  <c r="BU217" i="4"/>
  <c r="BV217" i="4"/>
  <c r="BW217" i="4"/>
  <c r="BX217" i="4"/>
  <c r="BY217" i="4"/>
  <c r="BZ217" i="4"/>
  <c r="CA217" i="4"/>
  <c r="CB217" i="4"/>
  <c r="CC217" i="4"/>
  <c r="AY218" i="4"/>
  <c r="AZ218" i="4"/>
  <c r="BA218" i="4"/>
  <c r="BB218" i="4"/>
  <c r="BD218" i="4"/>
  <c r="BE218" i="4"/>
  <c r="BF218" i="4"/>
  <c r="BG218" i="4"/>
  <c r="BH218" i="4"/>
  <c r="BI218" i="4"/>
  <c r="BJ218" i="4"/>
  <c r="BK218" i="4"/>
  <c r="BL218" i="4"/>
  <c r="BM218" i="4"/>
  <c r="BN218" i="4"/>
  <c r="BO218" i="4"/>
  <c r="BP218" i="4"/>
  <c r="BQ218" i="4"/>
  <c r="BR218" i="4"/>
  <c r="BS218" i="4"/>
  <c r="BT218" i="4"/>
  <c r="BU218" i="4"/>
  <c r="BV218" i="4"/>
  <c r="BW218" i="4"/>
  <c r="BX218" i="4"/>
  <c r="BY218" i="4"/>
  <c r="BZ218" i="4"/>
  <c r="CA218" i="4"/>
  <c r="CB218" i="4"/>
  <c r="CC218" i="4"/>
  <c r="AY219" i="4"/>
  <c r="AZ219" i="4"/>
  <c r="BA219" i="4"/>
  <c r="BB219" i="4"/>
  <c r="BC219" i="4"/>
  <c r="BD219" i="4"/>
  <c r="BF219" i="4"/>
  <c r="BG219" i="4"/>
  <c r="BH219" i="4"/>
  <c r="BI219" i="4"/>
  <c r="BJ219" i="4"/>
  <c r="BK219" i="4"/>
  <c r="BL219" i="4"/>
  <c r="BM219" i="4"/>
  <c r="BN219" i="4"/>
  <c r="BO219" i="4"/>
  <c r="BP219" i="4"/>
  <c r="BQ219" i="4"/>
  <c r="BR219" i="4"/>
  <c r="BS219" i="4"/>
  <c r="BT219" i="4"/>
  <c r="BU219" i="4"/>
  <c r="BV219" i="4"/>
  <c r="BW219" i="4"/>
  <c r="BX219" i="4"/>
  <c r="BY219" i="4"/>
  <c r="BZ219" i="4"/>
  <c r="CA219" i="4"/>
  <c r="CB219" i="4"/>
  <c r="CC219" i="4"/>
  <c r="AY220" i="4"/>
  <c r="AZ220" i="4"/>
  <c r="BA220" i="4"/>
  <c r="BB220" i="4"/>
  <c r="BC220" i="4"/>
  <c r="BD220" i="4"/>
  <c r="BE220" i="4"/>
  <c r="BG220" i="4"/>
  <c r="BH220" i="4"/>
  <c r="BI220" i="4"/>
  <c r="BJ220" i="4"/>
  <c r="BK220" i="4"/>
  <c r="BL220" i="4"/>
  <c r="BM220" i="4"/>
  <c r="BN220" i="4"/>
  <c r="BO220" i="4"/>
  <c r="BP220" i="4"/>
  <c r="BQ220" i="4"/>
  <c r="BR220" i="4"/>
  <c r="BS220" i="4"/>
  <c r="BT220" i="4"/>
  <c r="BU220" i="4"/>
  <c r="BV220" i="4"/>
  <c r="BW220" i="4"/>
  <c r="BX220" i="4"/>
  <c r="BY220" i="4"/>
  <c r="BZ220" i="4"/>
  <c r="CA220" i="4"/>
  <c r="CB220" i="4"/>
  <c r="CC220" i="4"/>
  <c r="AY221" i="4"/>
  <c r="AZ221" i="4"/>
  <c r="BA221" i="4"/>
  <c r="BB221" i="4"/>
  <c r="BC221" i="4"/>
  <c r="BE221" i="4"/>
  <c r="BF221" i="4"/>
  <c r="BG221" i="4"/>
  <c r="BH221" i="4"/>
  <c r="BI221" i="4"/>
  <c r="BJ221" i="4"/>
  <c r="BK221" i="4"/>
  <c r="BL221" i="4"/>
  <c r="BM221" i="4"/>
  <c r="BN221" i="4"/>
  <c r="BO221" i="4"/>
  <c r="BP221" i="4"/>
  <c r="BQ221" i="4"/>
  <c r="BR221" i="4"/>
  <c r="BS221" i="4"/>
  <c r="BT221" i="4"/>
  <c r="BU221" i="4"/>
  <c r="BV221" i="4"/>
  <c r="BW221" i="4"/>
  <c r="BX221" i="4"/>
  <c r="BY221" i="4"/>
  <c r="BZ221" i="4"/>
  <c r="CA221" i="4"/>
  <c r="CB221" i="4"/>
  <c r="CC221" i="4"/>
  <c r="AY222" i="4"/>
  <c r="AZ222" i="4"/>
  <c r="BA222" i="4"/>
  <c r="BB222" i="4"/>
  <c r="BC222" i="4"/>
  <c r="BD222" i="4"/>
  <c r="BE222" i="4"/>
  <c r="BF222" i="4"/>
  <c r="BH222" i="4"/>
  <c r="BI222" i="4"/>
  <c r="BJ222" i="4"/>
  <c r="BK222" i="4"/>
  <c r="BL222" i="4"/>
  <c r="BM222" i="4"/>
  <c r="BN222" i="4"/>
  <c r="BO222" i="4"/>
  <c r="BP222" i="4"/>
  <c r="BQ222" i="4"/>
  <c r="BR222" i="4"/>
  <c r="BS222" i="4"/>
  <c r="BT222" i="4"/>
  <c r="BU222" i="4"/>
  <c r="BV222" i="4"/>
  <c r="BW222" i="4"/>
  <c r="BX222" i="4"/>
  <c r="BY222" i="4"/>
  <c r="BZ222" i="4"/>
  <c r="CA222" i="4"/>
  <c r="CB222" i="4"/>
  <c r="CC222" i="4"/>
  <c r="AY223" i="4"/>
  <c r="AZ223" i="4"/>
  <c r="BA223" i="4"/>
  <c r="BB223" i="4"/>
  <c r="BC223" i="4"/>
  <c r="BD223" i="4"/>
  <c r="BE223" i="4"/>
  <c r="BF223" i="4"/>
  <c r="BG223" i="4"/>
  <c r="BH223" i="4"/>
  <c r="BI223" i="4"/>
  <c r="BJ223" i="4"/>
  <c r="BL223" i="4"/>
  <c r="BM223" i="4"/>
  <c r="BN223" i="4"/>
  <c r="BO223" i="4"/>
  <c r="BP223" i="4"/>
  <c r="BQ223" i="4"/>
  <c r="BR223" i="4"/>
  <c r="BS223" i="4"/>
  <c r="BT223" i="4"/>
  <c r="BU223" i="4"/>
  <c r="BV223" i="4"/>
  <c r="BW223" i="4"/>
  <c r="BX223" i="4"/>
  <c r="BY223" i="4"/>
  <c r="BZ223" i="4"/>
  <c r="CA223" i="4"/>
  <c r="CB223" i="4"/>
  <c r="CC223" i="4"/>
  <c r="AY224" i="4"/>
  <c r="AZ224" i="4"/>
  <c r="BA224" i="4"/>
  <c r="BB224" i="4"/>
  <c r="BC224" i="4"/>
  <c r="BD224" i="4"/>
  <c r="BE224" i="4"/>
  <c r="BF224" i="4"/>
  <c r="BG224" i="4"/>
  <c r="BI224" i="4"/>
  <c r="BJ224" i="4"/>
  <c r="BK224" i="4"/>
  <c r="BL224" i="4"/>
  <c r="BM224" i="4"/>
  <c r="BN224" i="4"/>
  <c r="BO224" i="4"/>
  <c r="BP224" i="4"/>
  <c r="BQ224" i="4"/>
  <c r="BR224" i="4"/>
  <c r="BS224" i="4"/>
  <c r="BT224" i="4"/>
  <c r="BU224" i="4"/>
  <c r="BV224" i="4"/>
  <c r="BW224" i="4"/>
  <c r="BX224" i="4"/>
  <c r="BY224" i="4"/>
  <c r="BZ224" i="4"/>
  <c r="CA224" i="4"/>
  <c r="CB224" i="4"/>
  <c r="CC224" i="4"/>
  <c r="AY225" i="4"/>
  <c r="AZ225" i="4"/>
  <c r="BA225" i="4"/>
  <c r="BB225" i="4"/>
  <c r="BC225" i="4"/>
  <c r="BD225" i="4"/>
  <c r="BE225" i="4"/>
  <c r="BF225" i="4"/>
  <c r="BG225" i="4"/>
  <c r="BH225" i="4"/>
  <c r="BJ225" i="4"/>
  <c r="BK225" i="4"/>
  <c r="BL225" i="4"/>
  <c r="BM225" i="4"/>
  <c r="BN225" i="4"/>
  <c r="BO225" i="4"/>
  <c r="BP225" i="4"/>
  <c r="BQ225" i="4"/>
  <c r="BR225" i="4"/>
  <c r="BS225" i="4"/>
  <c r="BT225" i="4"/>
  <c r="BU225" i="4"/>
  <c r="BV225" i="4"/>
  <c r="BW225" i="4"/>
  <c r="BX225" i="4"/>
  <c r="BY225" i="4"/>
  <c r="BZ225" i="4"/>
  <c r="CA225" i="4"/>
  <c r="CB225" i="4"/>
  <c r="CC225" i="4"/>
  <c r="AY226" i="4"/>
  <c r="AZ226" i="4"/>
  <c r="BA226" i="4"/>
  <c r="BB226" i="4"/>
  <c r="BC226" i="4"/>
  <c r="BD226" i="4"/>
  <c r="BE226" i="4"/>
  <c r="BF226" i="4"/>
  <c r="BG226" i="4"/>
  <c r="BH226" i="4"/>
  <c r="BI226" i="4"/>
  <c r="BJ226" i="4"/>
  <c r="BK226" i="4"/>
  <c r="BM226" i="4"/>
  <c r="BN226" i="4"/>
  <c r="BO226" i="4"/>
  <c r="BP226" i="4"/>
  <c r="BQ226" i="4"/>
  <c r="BR226" i="4"/>
  <c r="BS226" i="4"/>
  <c r="BT226" i="4"/>
  <c r="BU226" i="4"/>
  <c r="BV226" i="4"/>
  <c r="BW226" i="4"/>
  <c r="BX226" i="4"/>
  <c r="BY226" i="4"/>
  <c r="BZ226" i="4"/>
  <c r="CA226" i="4"/>
  <c r="CB226" i="4"/>
  <c r="CC226" i="4"/>
  <c r="AY227" i="4"/>
  <c r="AZ227" i="4"/>
  <c r="BA227" i="4"/>
  <c r="BB227" i="4"/>
  <c r="BC227" i="4"/>
  <c r="BD227" i="4"/>
  <c r="BE227" i="4"/>
  <c r="BF227" i="4"/>
  <c r="BG227" i="4"/>
  <c r="BH227" i="4"/>
  <c r="BI227" i="4"/>
  <c r="BJ227" i="4"/>
  <c r="BK227" i="4"/>
  <c r="BL227" i="4"/>
  <c r="BN227" i="4"/>
  <c r="BO227" i="4"/>
  <c r="BP227" i="4"/>
  <c r="BQ227" i="4"/>
  <c r="BR227" i="4"/>
  <c r="BS227" i="4"/>
  <c r="BT227" i="4"/>
  <c r="BU227" i="4"/>
  <c r="BV227" i="4"/>
  <c r="BW227" i="4"/>
  <c r="BX227" i="4"/>
  <c r="BY227" i="4"/>
  <c r="BZ227" i="4"/>
  <c r="CA227" i="4"/>
  <c r="CB227" i="4"/>
  <c r="CC227" i="4"/>
  <c r="AY228" i="4"/>
  <c r="AZ228" i="4"/>
  <c r="BA228" i="4"/>
  <c r="BB228" i="4"/>
  <c r="BC228" i="4"/>
  <c r="BD228" i="4"/>
  <c r="BE228" i="4"/>
  <c r="BF228" i="4"/>
  <c r="BG228" i="4"/>
  <c r="BH228" i="4"/>
  <c r="BI228" i="4"/>
  <c r="BJ228" i="4"/>
  <c r="BK228" i="4"/>
  <c r="BL228" i="4"/>
  <c r="BM228" i="4"/>
  <c r="BO228" i="4"/>
  <c r="BP228" i="4"/>
  <c r="BQ228" i="4"/>
  <c r="BR228" i="4"/>
  <c r="BS228" i="4"/>
  <c r="BT228" i="4"/>
  <c r="BU228" i="4"/>
  <c r="BV228" i="4"/>
  <c r="BW228" i="4"/>
  <c r="BX228" i="4"/>
  <c r="BY228" i="4"/>
  <c r="BZ228" i="4"/>
  <c r="CA228" i="4"/>
  <c r="CB228" i="4"/>
  <c r="CC228" i="4"/>
  <c r="AY229" i="4"/>
  <c r="AZ229" i="4"/>
  <c r="BA229" i="4"/>
  <c r="BB229" i="4"/>
  <c r="BC229" i="4"/>
  <c r="BD229" i="4"/>
  <c r="BE229" i="4"/>
  <c r="BF229" i="4"/>
  <c r="BG229" i="4"/>
  <c r="BH229" i="4"/>
  <c r="BI229" i="4"/>
  <c r="BK229" i="4"/>
  <c r="BL229" i="4"/>
  <c r="BM229" i="4"/>
  <c r="BN229" i="4"/>
  <c r="BO229" i="4"/>
  <c r="BP229" i="4"/>
  <c r="BQ229" i="4"/>
  <c r="BR229" i="4"/>
  <c r="BS229" i="4"/>
  <c r="BT229" i="4"/>
  <c r="BU229" i="4"/>
  <c r="BV229" i="4"/>
  <c r="BW229" i="4"/>
  <c r="BX229" i="4"/>
  <c r="BY229" i="4"/>
  <c r="BZ229" i="4"/>
  <c r="CA229" i="4"/>
  <c r="CB229" i="4"/>
  <c r="CC229" i="4"/>
  <c r="AZ230" i="4"/>
  <c r="BA230" i="4"/>
  <c r="BB230" i="4"/>
  <c r="BC230" i="4"/>
  <c r="BD230" i="4"/>
  <c r="BE230" i="4"/>
  <c r="BF230" i="4"/>
  <c r="BG230" i="4"/>
  <c r="BH230" i="4"/>
  <c r="BI230" i="4"/>
  <c r="BJ230" i="4"/>
  <c r="BK230" i="4"/>
  <c r="BL230" i="4"/>
  <c r="BM230" i="4"/>
  <c r="BN230" i="4"/>
  <c r="BO230" i="4"/>
  <c r="BP230" i="4"/>
  <c r="BQ230" i="4"/>
  <c r="BR230" i="4"/>
  <c r="BS230" i="4"/>
  <c r="BT230" i="4"/>
  <c r="BU230" i="4"/>
  <c r="BV230" i="4"/>
  <c r="BW230" i="4"/>
  <c r="BX230" i="4"/>
  <c r="BY230" i="4"/>
  <c r="BZ230" i="4"/>
  <c r="CA230" i="4"/>
  <c r="CB230" i="4"/>
  <c r="CC230" i="4"/>
  <c r="AY231" i="4"/>
  <c r="AZ231" i="4"/>
  <c r="BA231" i="4"/>
  <c r="BB231" i="4"/>
  <c r="BC231" i="4"/>
  <c r="BD231" i="4"/>
  <c r="BE231" i="4"/>
  <c r="BF231" i="4"/>
  <c r="BG231" i="4"/>
  <c r="BH231" i="4"/>
  <c r="BI231" i="4"/>
  <c r="BJ231" i="4"/>
  <c r="BK231" i="4"/>
  <c r="BL231" i="4"/>
  <c r="BM231" i="4"/>
  <c r="BN231" i="4"/>
  <c r="BO231" i="4"/>
  <c r="BP231" i="4"/>
  <c r="BQ231" i="4"/>
  <c r="BR231" i="4"/>
  <c r="BS231" i="4"/>
  <c r="BU231" i="4"/>
  <c r="BV231" i="4"/>
  <c r="BW231" i="4"/>
  <c r="BX231" i="4"/>
  <c r="BY231" i="4"/>
  <c r="BZ231" i="4"/>
  <c r="CA231" i="4"/>
  <c r="CB231" i="4"/>
  <c r="CC231" i="4"/>
  <c r="AY232" i="4"/>
  <c r="AZ232" i="4"/>
  <c r="BA232" i="4"/>
  <c r="BB232" i="4"/>
  <c r="BC232" i="4"/>
  <c r="BD232" i="4"/>
  <c r="BE232" i="4"/>
  <c r="BF232" i="4"/>
  <c r="BG232" i="4"/>
  <c r="BH232" i="4"/>
  <c r="BI232" i="4"/>
  <c r="BJ232" i="4"/>
  <c r="BK232" i="4"/>
  <c r="BL232" i="4"/>
  <c r="BM232" i="4"/>
  <c r="BN232" i="4"/>
  <c r="BO232" i="4"/>
  <c r="BP232" i="4"/>
  <c r="BQ232" i="4"/>
  <c r="BR232" i="4"/>
  <c r="BS232" i="4"/>
  <c r="BT232" i="4"/>
  <c r="BV232" i="4"/>
  <c r="BW232" i="4"/>
  <c r="BX232" i="4"/>
  <c r="BY232" i="4"/>
  <c r="BZ232" i="4"/>
  <c r="CA232" i="4"/>
  <c r="CB232" i="4"/>
  <c r="CC232" i="4"/>
  <c r="AY233" i="4"/>
  <c r="AZ233" i="4"/>
  <c r="BA233" i="4"/>
  <c r="BB233" i="4"/>
  <c r="BC233" i="4"/>
  <c r="BD233" i="4"/>
  <c r="BE233" i="4"/>
  <c r="BF233" i="4"/>
  <c r="BG233" i="4"/>
  <c r="BH233" i="4"/>
  <c r="BI233" i="4"/>
  <c r="BJ233" i="4"/>
  <c r="BK233" i="4"/>
  <c r="BL233" i="4"/>
  <c r="BM233" i="4"/>
  <c r="BN233" i="4"/>
  <c r="BO233" i="4"/>
  <c r="BP233" i="4"/>
  <c r="BQ233" i="4"/>
  <c r="BR233" i="4"/>
  <c r="BS233" i="4"/>
  <c r="BT233" i="4"/>
  <c r="BU233" i="4"/>
  <c r="BW233" i="4"/>
  <c r="BX233" i="4"/>
  <c r="BY233" i="4"/>
  <c r="BZ233" i="4"/>
  <c r="CA233" i="4"/>
  <c r="CB233" i="4"/>
  <c r="CC233" i="4"/>
  <c r="AY234" i="4"/>
  <c r="AZ234" i="4"/>
  <c r="BA234" i="4"/>
  <c r="BB234" i="4"/>
  <c r="BC234" i="4"/>
  <c r="BD234" i="4"/>
  <c r="BE234" i="4"/>
  <c r="BF234" i="4"/>
  <c r="BG234" i="4"/>
  <c r="BH234" i="4"/>
  <c r="BI234" i="4"/>
  <c r="BJ234" i="4"/>
  <c r="BK234" i="4"/>
  <c r="BL234" i="4"/>
  <c r="BM234" i="4"/>
  <c r="BN234" i="4"/>
  <c r="BO234" i="4"/>
  <c r="BP234" i="4"/>
  <c r="BQ234" i="4"/>
  <c r="BR234" i="4"/>
  <c r="BS234" i="4"/>
  <c r="BT234" i="4"/>
  <c r="BU234" i="4"/>
  <c r="BV234" i="4"/>
  <c r="BX234" i="4"/>
  <c r="BY234" i="4"/>
  <c r="BZ234" i="4"/>
  <c r="CA234" i="4"/>
  <c r="CB234" i="4"/>
  <c r="CC234" i="4"/>
  <c r="AY235" i="4"/>
  <c r="AZ235" i="4"/>
  <c r="BA235" i="4"/>
  <c r="BB235" i="4"/>
  <c r="BC235" i="4"/>
  <c r="BD235" i="4"/>
  <c r="BE235" i="4"/>
  <c r="BF235" i="4"/>
  <c r="BG235" i="4"/>
  <c r="BH235" i="4"/>
  <c r="BI235" i="4"/>
  <c r="BJ235" i="4"/>
  <c r="BK235" i="4"/>
  <c r="BL235" i="4"/>
  <c r="BM235" i="4"/>
  <c r="BN235" i="4"/>
  <c r="BO235" i="4"/>
  <c r="BQ235" i="4"/>
  <c r="BR235" i="4"/>
  <c r="BS235" i="4"/>
  <c r="BT235" i="4"/>
  <c r="BU235" i="4"/>
  <c r="BV235" i="4"/>
  <c r="BW235" i="4"/>
  <c r="BX235" i="4"/>
  <c r="BY235" i="4"/>
  <c r="BZ235" i="4"/>
  <c r="CA235" i="4"/>
  <c r="CB235" i="4"/>
  <c r="CC235" i="4"/>
  <c r="AY236" i="4"/>
  <c r="AZ236" i="4"/>
  <c r="BA236" i="4"/>
  <c r="BB236" i="4"/>
  <c r="BC236" i="4"/>
  <c r="BD236" i="4"/>
  <c r="BE236" i="4"/>
  <c r="BF236" i="4"/>
  <c r="BG236" i="4"/>
  <c r="BH236" i="4"/>
  <c r="BI236" i="4"/>
  <c r="BJ236" i="4"/>
  <c r="BK236" i="4"/>
  <c r="BL236" i="4"/>
  <c r="BM236" i="4"/>
  <c r="BN236" i="4"/>
  <c r="BO236" i="4"/>
  <c r="BP236" i="4"/>
  <c r="BQ236" i="4"/>
  <c r="BS236" i="4"/>
  <c r="BT236" i="4"/>
  <c r="BU236" i="4"/>
  <c r="BV236" i="4"/>
  <c r="BW236" i="4"/>
  <c r="BX236" i="4"/>
  <c r="BY236" i="4"/>
  <c r="BZ236" i="4"/>
  <c r="CA236" i="4"/>
  <c r="CB236" i="4"/>
  <c r="CC236" i="4"/>
  <c r="AY237" i="4"/>
  <c r="AZ237" i="4"/>
  <c r="BA237" i="4"/>
  <c r="BB237" i="4"/>
  <c r="BC237" i="4"/>
  <c r="BD237" i="4"/>
  <c r="BE237" i="4"/>
  <c r="BF237" i="4"/>
  <c r="BG237" i="4"/>
  <c r="BH237" i="4"/>
  <c r="BI237" i="4"/>
  <c r="BJ237" i="4"/>
  <c r="BK237" i="4"/>
  <c r="BL237" i="4"/>
  <c r="BM237" i="4"/>
  <c r="BN237" i="4"/>
  <c r="BO237" i="4"/>
  <c r="BP237" i="4"/>
  <c r="BR237" i="4"/>
  <c r="BS237" i="4"/>
  <c r="BT237" i="4"/>
  <c r="BU237" i="4"/>
  <c r="BV237" i="4"/>
  <c r="BW237" i="4"/>
  <c r="BX237" i="4"/>
  <c r="BY237" i="4"/>
  <c r="BZ237" i="4"/>
  <c r="CA237" i="4"/>
  <c r="CB237" i="4"/>
  <c r="CC237" i="4"/>
  <c r="AY238" i="4"/>
  <c r="AZ238" i="4"/>
  <c r="BA238" i="4"/>
  <c r="BB238" i="4"/>
  <c r="BC238" i="4"/>
  <c r="BD238" i="4"/>
  <c r="BE238" i="4"/>
  <c r="BF238" i="4"/>
  <c r="BG238" i="4"/>
  <c r="BH238" i="4"/>
  <c r="BI238" i="4"/>
  <c r="BJ238" i="4"/>
  <c r="BK238" i="4"/>
  <c r="BL238" i="4"/>
  <c r="BM238" i="4"/>
  <c r="BN238" i="4"/>
  <c r="BO238" i="4"/>
  <c r="BP238" i="4"/>
  <c r="BQ238" i="4"/>
  <c r="BR238" i="4"/>
  <c r="BT238" i="4"/>
  <c r="BU238" i="4"/>
  <c r="BV238" i="4"/>
  <c r="BW238" i="4"/>
  <c r="BX238" i="4"/>
  <c r="BY238" i="4"/>
  <c r="BZ238" i="4"/>
  <c r="CA238" i="4"/>
  <c r="CB238" i="4"/>
  <c r="CC238" i="4"/>
  <c r="AY239" i="4"/>
  <c r="AZ239" i="4"/>
  <c r="BA239" i="4"/>
  <c r="BB239" i="4"/>
  <c r="BC239" i="4"/>
  <c r="BD239" i="4"/>
  <c r="BE239" i="4"/>
  <c r="BF239" i="4"/>
  <c r="BG239" i="4"/>
  <c r="BH239" i="4"/>
  <c r="BI239" i="4"/>
  <c r="BJ239" i="4"/>
  <c r="BK239" i="4"/>
  <c r="BL239" i="4"/>
  <c r="BM239" i="4"/>
  <c r="BN239" i="4"/>
  <c r="BO239" i="4"/>
  <c r="BP239" i="4"/>
  <c r="BQ239" i="4"/>
  <c r="BR239" i="4"/>
  <c r="BS239" i="4"/>
  <c r="BT239" i="4"/>
  <c r="BU239" i="4"/>
  <c r="BV239" i="4"/>
  <c r="BW239" i="4"/>
  <c r="BX239" i="4"/>
  <c r="BZ239" i="4"/>
  <c r="CA239" i="4"/>
  <c r="CB239" i="4"/>
  <c r="CC239" i="4"/>
  <c r="AY240" i="4"/>
  <c r="AZ240" i="4"/>
  <c r="BA240" i="4"/>
  <c r="BB240" i="4"/>
  <c r="BC240" i="4"/>
  <c r="BD240" i="4"/>
  <c r="BE240" i="4"/>
  <c r="BF240" i="4"/>
  <c r="BG240" i="4"/>
  <c r="BH240" i="4"/>
  <c r="BI240" i="4"/>
  <c r="BJ240" i="4"/>
  <c r="BK240" i="4"/>
  <c r="BL240" i="4"/>
  <c r="BM240" i="4"/>
  <c r="BN240" i="4"/>
  <c r="BO240" i="4"/>
  <c r="BP240" i="4"/>
  <c r="BQ240" i="4"/>
  <c r="BR240" i="4"/>
  <c r="BS240" i="4"/>
  <c r="BT240" i="4"/>
  <c r="BU240" i="4"/>
  <c r="BV240" i="4"/>
  <c r="BW240" i="4"/>
  <c r="BY240" i="4"/>
  <c r="BZ240" i="4"/>
  <c r="CA240" i="4"/>
  <c r="CB240" i="4"/>
  <c r="CC240" i="4"/>
  <c r="AY241" i="4"/>
  <c r="AZ241" i="4"/>
  <c r="BA241" i="4"/>
  <c r="BB241" i="4"/>
  <c r="BC241" i="4"/>
  <c r="BD241" i="4"/>
  <c r="BE241" i="4"/>
  <c r="BF241" i="4"/>
  <c r="BG241" i="4"/>
  <c r="BH241" i="4"/>
  <c r="BI241" i="4"/>
  <c r="BJ241" i="4"/>
  <c r="BK241" i="4"/>
  <c r="BL241" i="4"/>
  <c r="BM241" i="4"/>
  <c r="BN241" i="4"/>
  <c r="BO241" i="4"/>
  <c r="BP241" i="4"/>
  <c r="BQ241" i="4"/>
  <c r="BR241" i="4"/>
  <c r="BS241" i="4"/>
  <c r="BT241" i="4"/>
  <c r="BU241" i="4"/>
  <c r="BV241" i="4"/>
  <c r="BW241" i="4"/>
  <c r="BX241" i="4"/>
  <c r="BY241" i="4"/>
  <c r="CA241" i="4"/>
  <c r="CB241" i="4"/>
  <c r="CC241" i="4"/>
  <c r="AY242" i="4"/>
  <c r="AZ242" i="4"/>
  <c r="BA242" i="4"/>
  <c r="BB242" i="4"/>
  <c r="BC242" i="4"/>
  <c r="BD242" i="4"/>
  <c r="BE242" i="4"/>
  <c r="BF242" i="4"/>
  <c r="BG242" i="4"/>
  <c r="BH242" i="4"/>
  <c r="BI242" i="4"/>
  <c r="BJ242" i="4"/>
  <c r="BK242" i="4"/>
  <c r="BL242" i="4"/>
  <c r="BM242" i="4"/>
  <c r="BN242" i="4"/>
  <c r="BO242" i="4"/>
  <c r="BP242" i="4"/>
  <c r="BQ242" i="4"/>
  <c r="BR242" i="4"/>
  <c r="BS242" i="4"/>
  <c r="BT242" i="4"/>
  <c r="BU242" i="4"/>
  <c r="BV242" i="4"/>
  <c r="BW242" i="4"/>
  <c r="BX242" i="4"/>
  <c r="BY242" i="4"/>
  <c r="BZ242" i="4"/>
  <c r="CA242" i="4"/>
  <c r="CC242" i="4"/>
  <c r="AY243" i="4"/>
  <c r="AZ243" i="4"/>
  <c r="BA243" i="4"/>
  <c r="BB243" i="4"/>
  <c r="BC243" i="4"/>
  <c r="BD243" i="4"/>
  <c r="BE243" i="4"/>
  <c r="BF243" i="4"/>
  <c r="BG243" i="4"/>
  <c r="BH243" i="4"/>
  <c r="BI243" i="4"/>
  <c r="BJ243" i="4"/>
  <c r="BK243" i="4"/>
  <c r="BL243" i="4"/>
  <c r="BM243" i="4"/>
  <c r="BN243" i="4"/>
  <c r="BO243" i="4"/>
  <c r="BP243" i="4"/>
  <c r="BQ243" i="4"/>
  <c r="BR243" i="4"/>
  <c r="BS243" i="4"/>
  <c r="BT243" i="4"/>
  <c r="BU243" i="4"/>
  <c r="BV243" i="4"/>
  <c r="BW243" i="4"/>
  <c r="BX243" i="4"/>
  <c r="BY243" i="4"/>
  <c r="BZ243" i="4"/>
  <c r="CB243" i="4"/>
  <c r="CC243" i="4"/>
  <c r="AY244" i="4"/>
  <c r="AZ244" i="4"/>
  <c r="BA244" i="4"/>
  <c r="BB244" i="4"/>
  <c r="BC244" i="4"/>
  <c r="BD244" i="4"/>
  <c r="BE244" i="4"/>
  <c r="BF244" i="4"/>
  <c r="BG244" i="4"/>
  <c r="BH244" i="4"/>
  <c r="BI244" i="4"/>
  <c r="BJ244" i="4"/>
  <c r="BK244" i="4"/>
  <c r="BL244" i="4"/>
  <c r="BM244" i="4"/>
  <c r="BN244" i="4"/>
  <c r="BP244" i="4"/>
  <c r="BQ244" i="4"/>
  <c r="BR244" i="4"/>
  <c r="BS244" i="4"/>
  <c r="BT244" i="4"/>
  <c r="BU244" i="4"/>
  <c r="BV244" i="4"/>
  <c r="BW244" i="4"/>
  <c r="BX244" i="4"/>
  <c r="BY244" i="4"/>
  <c r="BZ244" i="4"/>
  <c r="CA244" i="4"/>
  <c r="CB244" i="4"/>
  <c r="CC244" i="4"/>
  <c r="AZ245" i="4"/>
  <c r="BA245" i="4"/>
  <c r="BB245" i="4"/>
  <c r="BC245" i="4"/>
  <c r="BD245" i="4"/>
  <c r="BE245" i="4"/>
  <c r="BF245" i="4"/>
  <c r="BG245" i="4"/>
  <c r="BH245" i="4"/>
  <c r="BI245" i="4"/>
  <c r="BJ245" i="4"/>
  <c r="BK245" i="4"/>
  <c r="BL245" i="4"/>
  <c r="BM245" i="4"/>
  <c r="BN245" i="4"/>
  <c r="BO245" i="4"/>
  <c r="BP245" i="4"/>
  <c r="BQ245" i="4"/>
  <c r="BR245" i="4"/>
  <c r="BS245" i="4"/>
  <c r="BT245" i="4"/>
  <c r="BU245" i="4"/>
  <c r="BV245" i="4"/>
  <c r="BW245" i="4"/>
  <c r="BX245" i="4"/>
  <c r="BY245" i="4"/>
  <c r="BZ245" i="4"/>
  <c r="CA245" i="4"/>
  <c r="CB245" i="4"/>
  <c r="CC245" i="4"/>
  <c r="AY246" i="4"/>
  <c r="AZ246" i="4"/>
  <c r="BB246" i="4"/>
  <c r="BC246" i="4"/>
  <c r="BD246" i="4"/>
  <c r="BE246" i="4"/>
  <c r="BF246" i="4"/>
  <c r="BG246" i="4"/>
  <c r="BH246" i="4"/>
  <c r="BI246" i="4"/>
  <c r="BJ246" i="4"/>
  <c r="BK246" i="4"/>
  <c r="BL246" i="4"/>
  <c r="BM246" i="4"/>
  <c r="BN246" i="4"/>
  <c r="BO246" i="4"/>
  <c r="BP246" i="4"/>
  <c r="BQ246" i="4"/>
  <c r="BR246" i="4"/>
  <c r="BS246" i="4"/>
  <c r="BT246" i="4"/>
  <c r="BU246" i="4"/>
  <c r="BV246" i="4"/>
  <c r="BW246" i="4"/>
  <c r="BX246" i="4"/>
  <c r="BY246" i="4"/>
  <c r="BZ246" i="4"/>
  <c r="CA246" i="4"/>
  <c r="CB246" i="4"/>
  <c r="CC246" i="4"/>
  <c r="AY247" i="4"/>
  <c r="AZ247" i="4"/>
  <c r="BA247" i="4"/>
  <c r="BC247" i="4"/>
  <c r="BD247" i="4"/>
  <c r="BE247" i="4"/>
  <c r="BF247" i="4"/>
  <c r="BG247" i="4"/>
  <c r="BH247" i="4"/>
  <c r="BI247" i="4"/>
  <c r="BJ247" i="4"/>
  <c r="BK247" i="4"/>
  <c r="BL247" i="4"/>
  <c r="BM247" i="4"/>
  <c r="BN247" i="4"/>
  <c r="BO247" i="4"/>
  <c r="BP247" i="4"/>
  <c r="BQ247" i="4"/>
  <c r="BR247" i="4"/>
  <c r="BS247" i="4"/>
  <c r="BT247" i="4"/>
  <c r="BU247" i="4"/>
  <c r="BV247" i="4"/>
  <c r="BW247" i="4"/>
  <c r="BX247" i="4"/>
  <c r="BY247" i="4"/>
  <c r="BZ247" i="4"/>
  <c r="CA247" i="4"/>
  <c r="CB247" i="4"/>
  <c r="CC247" i="4"/>
  <c r="AY248" i="4"/>
  <c r="BA248" i="4"/>
  <c r="BB248" i="4"/>
  <c r="BC248" i="4"/>
  <c r="BD248" i="4"/>
  <c r="BE248" i="4"/>
  <c r="BF248" i="4"/>
  <c r="BG248" i="4"/>
  <c r="BH248" i="4"/>
  <c r="BI248" i="4"/>
  <c r="BJ248" i="4"/>
  <c r="BK248" i="4"/>
  <c r="BL248" i="4"/>
  <c r="BM248" i="4"/>
  <c r="BN248" i="4"/>
  <c r="BO248" i="4"/>
  <c r="BP248" i="4"/>
  <c r="BQ248" i="4"/>
  <c r="BR248" i="4"/>
  <c r="BS248" i="4"/>
  <c r="BT248" i="4"/>
  <c r="BU248" i="4"/>
  <c r="BV248" i="4"/>
  <c r="BW248" i="4"/>
  <c r="BX248" i="4"/>
  <c r="BY248" i="4"/>
  <c r="BZ248" i="4"/>
  <c r="CA248" i="4"/>
  <c r="CB248" i="4"/>
  <c r="CC248" i="4"/>
  <c r="AY249" i="4"/>
  <c r="AZ249" i="4"/>
  <c r="BA249" i="4"/>
  <c r="BB249" i="4"/>
  <c r="BD249" i="4"/>
  <c r="BE249" i="4"/>
  <c r="BF249" i="4"/>
  <c r="BG249" i="4"/>
  <c r="BH249" i="4"/>
  <c r="BI249" i="4"/>
  <c r="BJ249" i="4"/>
  <c r="BK249" i="4"/>
  <c r="BL249" i="4"/>
  <c r="BM249" i="4"/>
  <c r="BN249" i="4"/>
  <c r="BO249" i="4"/>
  <c r="BP249" i="4"/>
  <c r="BQ249" i="4"/>
  <c r="BR249" i="4"/>
  <c r="BS249" i="4"/>
  <c r="BT249" i="4"/>
  <c r="BU249" i="4"/>
  <c r="BV249" i="4"/>
  <c r="BW249" i="4"/>
  <c r="BX249" i="4"/>
  <c r="BY249" i="4"/>
  <c r="BZ249" i="4"/>
  <c r="CA249" i="4"/>
  <c r="CB249" i="4"/>
  <c r="CC249" i="4"/>
  <c r="AY250" i="4"/>
  <c r="AZ250" i="4"/>
  <c r="BA250" i="4"/>
  <c r="BB250" i="4"/>
  <c r="BC250" i="4"/>
  <c r="BD250" i="4"/>
  <c r="BF250" i="4"/>
  <c r="BG250" i="4"/>
  <c r="BH250" i="4"/>
  <c r="BI250" i="4"/>
  <c r="BJ250" i="4"/>
  <c r="BK250" i="4"/>
  <c r="BL250" i="4"/>
  <c r="BM250" i="4"/>
  <c r="BN250" i="4"/>
  <c r="BO250" i="4"/>
  <c r="BP250" i="4"/>
  <c r="BQ250" i="4"/>
  <c r="BR250" i="4"/>
  <c r="BS250" i="4"/>
  <c r="BT250" i="4"/>
  <c r="BU250" i="4"/>
  <c r="BV250" i="4"/>
  <c r="BW250" i="4"/>
  <c r="BX250" i="4"/>
  <c r="BY250" i="4"/>
  <c r="BZ250" i="4"/>
  <c r="CA250" i="4"/>
  <c r="CB250" i="4"/>
  <c r="CC250" i="4"/>
  <c r="AY251" i="4"/>
  <c r="AZ251" i="4"/>
  <c r="BA251" i="4"/>
  <c r="BB251" i="4"/>
  <c r="BC251" i="4"/>
  <c r="BD251" i="4"/>
  <c r="BE251" i="4"/>
  <c r="BG251" i="4"/>
  <c r="BH251" i="4"/>
  <c r="BI251" i="4"/>
  <c r="BJ251" i="4"/>
  <c r="BK251" i="4"/>
  <c r="BL251" i="4"/>
  <c r="BM251" i="4"/>
  <c r="BN251" i="4"/>
  <c r="BO251" i="4"/>
  <c r="BP251" i="4"/>
  <c r="BQ251" i="4"/>
  <c r="BR251" i="4"/>
  <c r="BS251" i="4"/>
  <c r="BT251" i="4"/>
  <c r="BU251" i="4"/>
  <c r="BV251" i="4"/>
  <c r="BW251" i="4"/>
  <c r="BX251" i="4"/>
  <c r="BY251" i="4"/>
  <c r="BZ251" i="4"/>
  <c r="CA251" i="4"/>
  <c r="CB251" i="4"/>
  <c r="CC251" i="4"/>
  <c r="AY252" i="4"/>
  <c r="AZ252" i="4"/>
  <c r="BA252" i="4"/>
  <c r="BB252" i="4"/>
  <c r="BC252" i="4"/>
  <c r="BE252" i="4"/>
  <c r="BF252" i="4"/>
  <c r="BG252" i="4"/>
  <c r="BH252" i="4"/>
  <c r="BI252" i="4"/>
  <c r="BJ252" i="4"/>
  <c r="BK252" i="4"/>
  <c r="BL252" i="4"/>
  <c r="BM252" i="4"/>
  <c r="BN252" i="4"/>
  <c r="BO252" i="4"/>
  <c r="BP252" i="4"/>
  <c r="BQ252" i="4"/>
  <c r="BR252" i="4"/>
  <c r="BS252" i="4"/>
  <c r="BT252" i="4"/>
  <c r="BU252" i="4"/>
  <c r="BV252" i="4"/>
  <c r="BW252" i="4"/>
  <c r="BX252" i="4"/>
  <c r="BY252" i="4"/>
  <c r="BZ252" i="4"/>
  <c r="CA252" i="4"/>
  <c r="CB252" i="4"/>
  <c r="CC252" i="4"/>
  <c r="AY253" i="4"/>
  <c r="AZ253" i="4"/>
  <c r="BA253" i="4"/>
  <c r="BB253" i="4"/>
  <c r="BC253" i="4"/>
  <c r="BD253" i="4"/>
  <c r="BE253" i="4"/>
  <c r="BF253" i="4"/>
  <c r="BH253" i="4"/>
  <c r="BI253" i="4"/>
  <c r="BJ253" i="4"/>
  <c r="BK253" i="4"/>
  <c r="BL253" i="4"/>
  <c r="BM253" i="4"/>
  <c r="BN253" i="4"/>
  <c r="BO253" i="4"/>
  <c r="BP253" i="4"/>
  <c r="BQ253" i="4"/>
  <c r="BR253" i="4"/>
  <c r="BS253" i="4"/>
  <c r="BT253" i="4"/>
  <c r="BU253" i="4"/>
  <c r="BV253" i="4"/>
  <c r="BW253" i="4"/>
  <c r="BX253" i="4"/>
  <c r="BY253" i="4"/>
  <c r="BZ253" i="4"/>
  <c r="CA253" i="4"/>
  <c r="CB253" i="4"/>
  <c r="CC253" i="4"/>
  <c r="AY254" i="4"/>
  <c r="AZ254" i="4"/>
  <c r="BA254" i="4"/>
  <c r="BB254" i="4"/>
  <c r="BC254" i="4"/>
  <c r="BD254" i="4"/>
  <c r="BE254" i="4"/>
  <c r="BF254" i="4"/>
  <c r="BG254" i="4"/>
  <c r="BH254" i="4"/>
  <c r="BI254" i="4"/>
  <c r="BJ254" i="4"/>
  <c r="BL254" i="4"/>
  <c r="BM254" i="4"/>
  <c r="BN254" i="4"/>
  <c r="BO254" i="4"/>
  <c r="BP254" i="4"/>
  <c r="BQ254" i="4"/>
  <c r="BR254" i="4"/>
  <c r="BS254" i="4"/>
  <c r="BT254" i="4"/>
  <c r="BU254" i="4"/>
  <c r="BV254" i="4"/>
  <c r="BW254" i="4"/>
  <c r="BX254" i="4"/>
  <c r="BY254" i="4"/>
  <c r="BZ254" i="4"/>
  <c r="CA254" i="4"/>
  <c r="CB254" i="4"/>
  <c r="CC254" i="4"/>
  <c r="AY255" i="4"/>
  <c r="AZ255" i="4"/>
  <c r="BA255" i="4"/>
  <c r="BB255" i="4"/>
  <c r="BC255" i="4"/>
  <c r="BD255" i="4"/>
  <c r="BE255" i="4"/>
  <c r="BF255" i="4"/>
  <c r="BG255" i="4"/>
  <c r="BI255" i="4"/>
  <c r="BJ255" i="4"/>
  <c r="BK255" i="4"/>
  <c r="BL255" i="4"/>
  <c r="BM255" i="4"/>
  <c r="BN255" i="4"/>
  <c r="BO255" i="4"/>
  <c r="BP255" i="4"/>
  <c r="BQ255" i="4"/>
  <c r="BR255" i="4"/>
  <c r="BS255" i="4"/>
  <c r="BT255" i="4"/>
  <c r="BU255" i="4"/>
  <c r="BV255" i="4"/>
  <c r="BW255" i="4"/>
  <c r="BX255" i="4"/>
  <c r="BY255" i="4"/>
  <c r="BZ255" i="4"/>
  <c r="CA255" i="4"/>
  <c r="CB255" i="4"/>
  <c r="CC255" i="4"/>
  <c r="AY256" i="4"/>
  <c r="AZ256" i="4"/>
  <c r="BA256" i="4"/>
  <c r="BB256" i="4"/>
  <c r="BC256" i="4"/>
  <c r="BD256" i="4"/>
  <c r="BE256" i="4"/>
  <c r="BF256" i="4"/>
  <c r="BG256" i="4"/>
  <c r="BH256" i="4"/>
  <c r="BJ256" i="4"/>
  <c r="BK256" i="4"/>
  <c r="BL256" i="4"/>
  <c r="BM256" i="4"/>
  <c r="BN256" i="4"/>
  <c r="BO256" i="4"/>
  <c r="BP256" i="4"/>
  <c r="BQ256" i="4"/>
  <c r="BR256" i="4"/>
  <c r="BS256" i="4"/>
  <c r="BT256" i="4"/>
  <c r="BU256" i="4"/>
  <c r="BV256" i="4"/>
  <c r="BW256" i="4"/>
  <c r="BX256" i="4"/>
  <c r="BY256" i="4"/>
  <c r="BZ256" i="4"/>
  <c r="CA256" i="4"/>
  <c r="CB256" i="4"/>
  <c r="CC256" i="4"/>
  <c r="AY257" i="4"/>
  <c r="AZ257" i="4"/>
  <c r="BA257" i="4"/>
  <c r="BB257" i="4"/>
  <c r="BC257" i="4"/>
  <c r="BD257" i="4"/>
  <c r="BE257" i="4"/>
  <c r="BF257" i="4"/>
  <c r="BG257" i="4"/>
  <c r="BH257" i="4"/>
  <c r="BI257" i="4"/>
  <c r="BJ257" i="4"/>
  <c r="BK257" i="4"/>
  <c r="BM257" i="4"/>
  <c r="BN257" i="4"/>
  <c r="BO257" i="4"/>
  <c r="BP257" i="4"/>
  <c r="BQ257" i="4"/>
  <c r="BR257" i="4"/>
  <c r="BS257" i="4"/>
  <c r="BT257" i="4"/>
  <c r="BU257" i="4"/>
  <c r="BV257" i="4"/>
  <c r="BW257" i="4"/>
  <c r="BX257" i="4"/>
  <c r="BY257" i="4"/>
  <c r="BZ257" i="4"/>
  <c r="CA257" i="4"/>
  <c r="CB257" i="4"/>
  <c r="CC257" i="4"/>
  <c r="AY258" i="4"/>
  <c r="AZ258" i="4"/>
  <c r="BA258" i="4"/>
  <c r="BB258" i="4"/>
  <c r="BC258" i="4"/>
  <c r="BD258" i="4"/>
  <c r="BE258" i="4"/>
  <c r="BF258" i="4"/>
  <c r="BG258" i="4"/>
  <c r="BH258" i="4"/>
  <c r="BI258" i="4"/>
  <c r="BJ258" i="4"/>
  <c r="BK258" i="4"/>
  <c r="BL258" i="4"/>
  <c r="BN258" i="4"/>
  <c r="BO258" i="4"/>
  <c r="BP258" i="4"/>
  <c r="BQ258" i="4"/>
  <c r="BR258" i="4"/>
  <c r="BS258" i="4"/>
  <c r="BT258" i="4"/>
  <c r="BU258" i="4"/>
  <c r="BV258" i="4"/>
  <c r="BW258" i="4"/>
  <c r="BX258" i="4"/>
  <c r="BY258" i="4"/>
  <c r="BZ258" i="4"/>
  <c r="CA258" i="4"/>
  <c r="CB258" i="4"/>
  <c r="CC258" i="4"/>
  <c r="AY259" i="4"/>
  <c r="AZ259" i="4"/>
  <c r="BA259" i="4"/>
  <c r="BB259" i="4"/>
  <c r="BC259" i="4"/>
  <c r="BD259" i="4"/>
  <c r="BE259" i="4"/>
  <c r="BF259" i="4"/>
  <c r="BG259" i="4"/>
  <c r="BH259" i="4"/>
  <c r="BI259" i="4"/>
  <c r="BJ259" i="4"/>
  <c r="BK259" i="4"/>
  <c r="BL259" i="4"/>
  <c r="BM259" i="4"/>
  <c r="BO259" i="4"/>
  <c r="BP259" i="4"/>
  <c r="BQ259" i="4"/>
  <c r="BR259" i="4"/>
  <c r="BS259" i="4"/>
  <c r="BT259" i="4"/>
  <c r="BU259" i="4"/>
  <c r="BV259" i="4"/>
  <c r="BW259" i="4"/>
  <c r="BX259" i="4"/>
  <c r="BY259" i="4"/>
  <c r="BZ259" i="4"/>
  <c r="CA259" i="4"/>
  <c r="CB259" i="4"/>
  <c r="CC259" i="4"/>
  <c r="AY260" i="4"/>
  <c r="AZ260" i="4"/>
  <c r="BA260" i="4"/>
  <c r="BB260" i="4"/>
  <c r="BC260" i="4"/>
  <c r="BD260" i="4"/>
  <c r="BE260" i="4"/>
  <c r="BF260" i="4"/>
  <c r="BG260" i="4"/>
  <c r="BH260" i="4"/>
  <c r="BI260" i="4"/>
  <c r="BK260" i="4"/>
  <c r="BL260" i="4"/>
  <c r="BM260" i="4"/>
  <c r="BN260" i="4"/>
  <c r="BO260" i="4"/>
  <c r="BP260" i="4"/>
  <c r="BQ260" i="4"/>
  <c r="BR260" i="4"/>
  <c r="BS260" i="4"/>
  <c r="BT260" i="4"/>
  <c r="BU260" i="4"/>
  <c r="BV260" i="4"/>
  <c r="BW260" i="4"/>
  <c r="BX260" i="4"/>
  <c r="BY260" i="4"/>
  <c r="BZ260" i="4"/>
  <c r="CA260" i="4"/>
  <c r="CB260" i="4"/>
  <c r="CC260" i="4"/>
  <c r="AZ261" i="4"/>
  <c r="BA261" i="4"/>
  <c r="BB261" i="4"/>
  <c r="BC261" i="4"/>
  <c r="BD261" i="4"/>
  <c r="BE261" i="4"/>
  <c r="BF261" i="4"/>
  <c r="BG261" i="4"/>
  <c r="BH261" i="4"/>
  <c r="BI261" i="4"/>
  <c r="BJ261" i="4"/>
  <c r="BK261" i="4"/>
  <c r="BL261" i="4"/>
  <c r="BM261" i="4"/>
  <c r="BN261" i="4"/>
  <c r="BO261" i="4"/>
  <c r="BP261" i="4"/>
  <c r="BQ261" i="4"/>
  <c r="BR261" i="4"/>
  <c r="BS261" i="4"/>
  <c r="BT261" i="4"/>
  <c r="BU261" i="4"/>
  <c r="BV261" i="4"/>
  <c r="BW261" i="4"/>
  <c r="BX261" i="4"/>
  <c r="BY261" i="4"/>
  <c r="BZ261" i="4"/>
  <c r="CA261" i="4"/>
  <c r="CB261" i="4"/>
  <c r="CC261" i="4"/>
  <c r="AY262" i="4"/>
  <c r="AZ262" i="4"/>
  <c r="BA262" i="4"/>
  <c r="BB262" i="4"/>
  <c r="BC262" i="4"/>
  <c r="BD262" i="4"/>
  <c r="BE262" i="4"/>
  <c r="BF262" i="4"/>
  <c r="BG262" i="4"/>
  <c r="BH262" i="4"/>
  <c r="BI262" i="4"/>
  <c r="BJ262" i="4"/>
  <c r="BK262" i="4"/>
  <c r="BL262" i="4"/>
  <c r="BM262" i="4"/>
  <c r="BN262" i="4"/>
  <c r="BO262" i="4"/>
  <c r="BP262" i="4"/>
  <c r="BQ262" i="4"/>
  <c r="BR262" i="4"/>
  <c r="BS262" i="4"/>
  <c r="BU262" i="4"/>
  <c r="BV262" i="4"/>
  <c r="BW262" i="4"/>
  <c r="BX262" i="4"/>
  <c r="BY262" i="4"/>
  <c r="BZ262" i="4"/>
  <c r="CA262" i="4"/>
  <c r="CB262" i="4"/>
  <c r="CC262" i="4"/>
  <c r="AY263" i="4"/>
  <c r="AZ263" i="4"/>
  <c r="BA263" i="4"/>
  <c r="BB263" i="4"/>
  <c r="BC263" i="4"/>
  <c r="BD263" i="4"/>
  <c r="BE263" i="4"/>
  <c r="BF263" i="4"/>
  <c r="BG263" i="4"/>
  <c r="BH263" i="4"/>
  <c r="BI263" i="4"/>
  <c r="BJ263" i="4"/>
  <c r="BK263" i="4"/>
  <c r="BL263" i="4"/>
  <c r="BM263" i="4"/>
  <c r="BN263" i="4"/>
  <c r="BO263" i="4"/>
  <c r="BP263" i="4"/>
  <c r="BQ263" i="4"/>
  <c r="BR263" i="4"/>
  <c r="BS263" i="4"/>
  <c r="BT263" i="4"/>
  <c r="BV263" i="4"/>
  <c r="BW263" i="4"/>
  <c r="BX263" i="4"/>
  <c r="BY263" i="4"/>
  <c r="BZ263" i="4"/>
  <c r="CA263" i="4"/>
  <c r="CB263" i="4"/>
  <c r="CC263" i="4"/>
  <c r="AY264" i="4"/>
  <c r="AZ264" i="4"/>
  <c r="BA264" i="4"/>
  <c r="BB264" i="4"/>
  <c r="BC264" i="4"/>
  <c r="BD264" i="4"/>
  <c r="BE264" i="4"/>
  <c r="BF264" i="4"/>
  <c r="BG264" i="4"/>
  <c r="BH264" i="4"/>
  <c r="BI264" i="4"/>
  <c r="BJ264" i="4"/>
  <c r="BK264" i="4"/>
  <c r="BL264" i="4"/>
  <c r="BM264" i="4"/>
  <c r="BN264" i="4"/>
  <c r="BO264" i="4"/>
  <c r="BP264" i="4"/>
  <c r="BQ264" i="4"/>
  <c r="BR264" i="4"/>
  <c r="BS264" i="4"/>
  <c r="BT264" i="4"/>
  <c r="BU264" i="4"/>
  <c r="BW264" i="4"/>
  <c r="BX264" i="4"/>
  <c r="BY264" i="4"/>
  <c r="BZ264" i="4"/>
  <c r="CA264" i="4"/>
  <c r="CB264" i="4"/>
  <c r="CC264" i="4"/>
  <c r="AY265" i="4"/>
  <c r="AZ265" i="4"/>
  <c r="BA265" i="4"/>
  <c r="BB265" i="4"/>
  <c r="BC265" i="4"/>
  <c r="BD265" i="4"/>
  <c r="BE265" i="4"/>
  <c r="BF265" i="4"/>
  <c r="BG265" i="4"/>
  <c r="BH265" i="4"/>
  <c r="BI265" i="4"/>
  <c r="BJ265" i="4"/>
  <c r="BK265" i="4"/>
  <c r="BL265" i="4"/>
  <c r="BM265" i="4"/>
  <c r="BN265" i="4"/>
  <c r="BO265" i="4"/>
  <c r="BP265" i="4"/>
  <c r="BQ265" i="4"/>
  <c r="BR265" i="4"/>
  <c r="BS265" i="4"/>
  <c r="BT265" i="4"/>
  <c r="BU265" i="4"/>
  <c r="BV265" i="4"/>
  <c r="BX265" i="4"/>
  <c r="BY265" i="4"/>
  <c r="BZ265" i="4"/>
  <c r="CA265" i="4"/>
  <c r="CB265" i="4"/>
  <c r="CC265" i="4"/>
  <c r="AY266" i="4"/>
  <c r="AZ266" i="4"/>
  <c r="BA266" i="4"/>
  <c r="BB266" i="4"/>
  <c r="BC266" i="4"/>
  <c r="BD266" i="4"/>
  <c r="BE266" i="4"/>
  <c r="BF266" i="4"/>
  <c r="BG266" i="4"/>
  <c r="BH266" i="4"/>
  <c r="BI266" i="4"/>
  <c r="BJ266" i="4"/>
  <c r="BK266" i="4"/>
  <c r="BL266" i="4"/>
  <c r="BM266" i="4"/>
  <c r="BN266" i="4"/>
  <c r="BO266" i="4"/>
  <c r="BQ266" i="4"/>
  <c r="BR266" i="4"/>
  <c r="BS266" i="4"/>
  <c r="BT266" i="4"/>
  <c r="BU266" i="4"/>
  <c r="BV266" i="4"/>
  <c r="BW266" i="4"/>
  <c r="BX266" i="4"/>
  <c r="BY266" i="4"/>
  <c r="BZ266" i="4"/>
  <c r="CA266" i="4"/>
  <c r="CB266" i="4"/>
  <c r="CC266" i="4"/>
  <c r="AY267" i="4"/>
  <c r="AZ267" i="4"/>
  <c r="BA267" i="4"/>
  <c r="BB267" i="4"/>
  <c r="BC267" i="4"/>
  <c r="BD267" i="4"/>
  <c r="BE267" i="4"/>
  <c r="BF267" i="4"/>
  <c r="BG267" i="4"/>
  <c r="BH267" i="4"/>
  <c r="BI267" i="4"/>
  <c r="BJ267" i="4"/>
  <c r="BK267" i="4"/>
  <c r="BL267" i="4"/>
  <c r="BM267" i="4"/>
  <c r="BN267" i="4"/>
  <c r="BO267" i="4"/>
  <c r="BP267" i="4"/>
  <c r="BQ267" i="4"/>
  <c r="BS267" i="4"/>
  <c r="BT267" i="4"/>
  <c r="BU267" i="4"/>
  <c r="BV267" i="4"/>
  <c r="BW267" i="4"/>
  <c r="BX267" i="4"/>
  <c r="BY267" i="4"/>
  <c r="BZ267" i="4"/>
  <c r="CA267" i="4"/>
  <c r="CB267" i="4"/>
  <c r="CC267" i="4"/>
  <c r="AY268" i="4"/>
  <c r="AZ268" i="4"/>
  <c r="BA268" i="4"/>
  <c r="BB268" i="4"/>
  <c r="BC268" i="4"/>
  <c r="BD268" i="4"/>
  <c r="BE268" i="4"/>
  <c r="BF268" i="4"/>
  <c r="BG268" i="4"/>
  <c r="BH268" i="4"/>
  <c r="BI268" i="4"/>
  <c r="BJ268" i="4"/>
  <c r="BK268" i="4"/>
  <c r="BL268" i="4"/>
  <c r="BM268" i="4"/>
  <c r="BN268" i="4"/>
  <c r="BO268" i="4"/>
  <c r="BP268" i="4"/>
  <c r="BR268" i="4"/>
  <c r="BS268" i="4"/>
  <c r="BT268" i="4"/>
  <c r="BU268" i="4"/>
  <c r="BV268" i="4"/>
  <c r="BW268" i="4"/>
  <c r="BX268" i="4"/>
  <c r="BY268" i="4"/>
  <c r="BZ268" i="4"/>
  <c r="CA268" i="4"/>
  <c r="CB268" i="4"/>
  <c r="CC268" i="4"/>
  <c r="AY269" i="4"/>
  <c r="AZ269" i="4"/>
  <c r="BA269" i="4"/>
  <c r="BB269" i="4"/>
  <c r="BC269" i="4"/>
  <c r="BD269" i="4"/>
  <c r="BE269" i="4"/>
  <c r="BF269" i="4"/>
  <c r="BG269" i="4"/>
  <c r="BH269" i="4"/>
  <c r="BI269" i="4"/>
  <c r="BJ269" i="4"/>
  <c r="BK269" i="4"/>
  <c r="BL269" i="4"/>
  <c r="BM269" i="4"/>
  <c r="BN269" i="4"/>
  <c r="BO269" i="4"/>
  <c r="BP269" i="4"/>
  <c r="BQ269" i="4"/>
  <c r="BR269" i="4"/>
  <c r="BT269" i="4"/>
  <c r="BU269" i="4"/>
  <c r="BV269" i="4"/>
  <c r="BW269" i="4"/>
  <c r="BX269" i="4"/>
  <c r="BY269" i="4"/>
  <c r="BZ269" i="4"/>
  <c r="CA269" i="4"/>
  <c r="CB269" i="4"/>
  <c r="CC269" i="4"/>
  <c r="AY270" i="4"/>
  <c r="AZ270" i="4"/>
  <c r="BA270" i="4"/>
  <c r="BB270" i="4"/>
  <c r="BC270" i="4"/>
  <c r="BD270" i="4"/>
  <c r="BE270" i="4"/>
  <c r="BF270" i="4"/>
  <c r="BG270" i="4"/>
  <c r="BH270" i="4"/>
  <c r="BI270" i="4"/>
  <c r="BJ270" i="4"/>
  <c r="BK270" i="4"/>
  <c r="BL270" i="4"/>
  <c r="BM270" i="4"/>
  <c r="BN270" i="4"/>
  <c r="BO270" i="4"/>
  <c r="BP270" i="4"/>
  <c r="BQ270" i="4"/>
  <c r="BR270" i="4"/>
  <c r="BS270" i="4"/>
  <c r="BT270" i="4"/>
  <c r="BU270" i="4"/>
  <c r="BV270" i="4"/>
  <c r="BW270" i="4"/>
  <c r="BX270" i="4"/>
  <c r="BZ270" i="4"/>
  <c r="CA270" i="4"/>
  <c r="CB270" i="4"/>
  <c r="CC270" i="4"/>
  <c r="AY271" i="4"/>
  <c r="AZ271" i="4"/>
  <c r="BA271" i="4"/>
  <c r="BB271" i="4"/>
  <c r="BC271" i="4"/>
  <c r="BD271" i="4"/>
  <c r="BE271" i="4"/>
  <c r="BF271" i="4"/>
  <c r="BG271" i="4"/>
  <c r="BH271" i="4"/>
  <c r="BI271" i="4"/>
  <c r="BJ271" i="4"/>
  <c r="BK271" i="4"/>
  <c r="BL271" i="4"/>
  <c r="BM271" i="4"/>
  <c r="BN271" i="4"/>
  <c r="BO271" i="4"/>
  <c r="BP271" i="4"/>
  <c r="BQ271" i="4"/>
  <c r="BR271" i="4"/>
  <c r="BS271" i="4"/>
  <c r="BT271" i="4"/>
  <c r="BU271" i="4"/>
  <c r="BV271" i="4"/>
  <c r="BW271" i="4"/>
  <c r="BY271" i="4"/>
  <c r="BZ271" i="4"/>
  <c r="CA271" i="4"/>
  <c r="CB271" i="4"/>
  <c r="CC271" i="4"/>
  <c r="AY272" i="4"/>
  <c r="AZ272" i="4"/>
  <c r="BA272" i="4"/>
  <c r="BB272" i="4"/>
  <c r="BC272" i="4"/>
  <c r="BD272" i="4"/>
  <c r="BE272" i="4"/>
  <c r="BF272" i="4"/>
  <c r="BG272" i="4"/>
  <c r="BH272" i="4"/>
  <c r="BI272" i="4"/>
  <c r="BJ272" i="4"/>
  <c r="BK272" i="4"/>
  <c r="BL272" i="4"/>
  <c r="BM272" i="4"/>
  <c r="BN272" i="4"/>
  <c r="BO272" i="4"/>
  <c r="BP272" i="4"/>
  <c r="BQ272" i="4"/>
  <c r="BR272" i="4"/>
  <c r="BS272" i="4"/>
  <c r="BT272" i="4"/>
  <c r="BU272" i="4"/>
  <c r="BV272" i="4"/>
  <c r="BW272" i="4"/>
  <c r="BX272" i="4"/>
  <c r="BY272" i="4"/>
  <c r="CA272" i="4"/>
  <c r="CB272" i="4"/>
  <c r="CC272" i="4"/>
  <c r="AY273" i="4"/>
  <c r="AZ273" i="4"/>
  <c r="BA273" i="4"/>
  <c r="BB273" i="4"/>
  <c r="BC273" i="4"/>
  <c r="BD273" i="4"/>
  <c r="BE273" i="4"/>
  <c r="BF273" i="4"/>
  <c r="BG273" i="4"/>
  <c r="BH273" i="4"/>
  <c r="BI273" i="4"/>
  <c r="BJ273" i="4"/>
  <c r="BK273" i="4"/>
  <c r="BL273" i="4"/>
  <c r="BM273" i="4"/>
  <c r="BN273" i="4"/>
  <c r="BO273" i="4"/>
  <c r="BP273" i="4"/>
  <c r="BQ273" i="4"/>
  <c r="BR273" i="4"/>
  <c r="BS273" i="4"/>
  <c r="BT273" i="4"/>
  <c r="BU273" i="4"/>
  <c r="BV273" i="4"/>
  <c r="BW273" i="4"/>
  <c r="BX273" i="4"/>
  <c r="BY273" i="4"/>
  <c r="BZ273" i="4"/>
  <c r="CA273" i="4"/>
  <c r="CC273" i="4"/>
  <c r="AY274" i="4"/>
  <c r="AZ274" i="4"/>
  <c r="BA274" i="4"/>
  <c r="BB274" i="4"/>
  <c r="BC274" i="4"/>
  <c r="BD274" i="4"/>
  <c r="BE274" i="4"/>
  <c r="BF274" i="4"/>
  <c r="BG274" i="4"/>
  <c r="BH274" i="4"/>
  <c r="BI274" i="4"/>
  <c r="BJ274" i="4"/>
  <c r="BK274" i="4"/>
  <c r="BL274" i="4"/>
  <c r="BM274" i="4"/>
  <c r="BN274" i="4"/>
  <c r="BO274" i="4"/>
  <c r="BP274" i="4"/>
  <c r="BQ274" i="4"/>
  <c r="BR274" i="4"/>
  <c r="BS274" i="4"/>
  <c r="BT274" i="4"/>
  <c r="BU274" i="4"/>
  <c r="BV274" i="4"/>
  <c r="BW274" i="4"/>
  <c r="BX274" i="4"/>
  <c r="BY274" i="4"/>
  <c r="BZ274" i="4"/>
  <c r="CB274" i="4"/>
  <c r="CC274" i="4"/>
  <c r="AY275" i="4"/>
  <c r="AZ275" i="4"/>
  <c r="BA275" i="4"/>
  <c r="BB275" i="4"/>
  <c r="BC275" i="4"/>
  <c r="BD275" i="4"/>
  <c r="BE275" i="4"/>
  <c r="BF275" i="4"/>
  <c r="BG275" i="4"/>
  <c r="BH275" i="4"/>
  <c r="BI275" i="4"/>
  <c r="BJ275" i="4"/>
  <c r="BK275" i="4"/>
  <c r="BL275" i="4"/>
  <c r="BM275" i="4"/>
  <c r="BN275" i="4"/>
  <c r="BP275" i="4"/>
  <c r="BQ275" i="4"/>
  <c r="BR275" i="4"/>
  <c r="BS275" i="4"/>
  <c r="BT275" i="4"/>
  <c r="BU275" i="4"/>
  <c r="BV275" i="4"/>
  <c r="BW275" i="4"/>
  <c r="BX275" i="4"/>
  <c r="BY275" i="4"/>
  <c r="BZ275" i="4"/>
  <c r="CA275" i="4"/>
  <c r="CB275" i="4"/>
  <c r="CC275" i="4"/>
  <c r="AZ276" i="4"/>
  <c r="BA276" i="4"/>
  <c r="BB276" i="4"/>
  <c r="BC276" i="4"/>
  <c r="BD276" i="4"/>
  <c r="BE276" i="4"/>
  <c r="BF276" i="4"/>
  <c r="BG276" i="4"/>
  <c r="BH276" i="4"/>
  <c r="BI276" i="4"/>
  <c r="BJ276" i="4"/>
  <c r="BK276" i="4"/>
  <c r="BL276" i="4"/>
  <c r="BM276" i="4"/>
  <c r="BN276" i="4"/>
  <c r="BO276" i="4"/>
  <c r="BP276" i="4"/>
  <c r="BQ276" i="4"/>
  <c r="BR276" i="4"/>
  <c r="BS276" i="4"/>
  <c r="BT276" i="4"/>
  <c r="BU276" i="4"/>
  <c r="BV276" i="4"/>
  <c r="BW276" i="4"/>
  <c r="BX276" i="4"/>
  <c r="BY276" i="4"/>
  <c r="BZ276" i="4"/>
  <c r="CA276" i="4"/>
  <c r="CB276" i="4"/>
  <c r="CC276" i="4"/>
  <c r="AY277" i="4"/>
  <c r="AZ277" i="4"/>
  <c r="BB277" i="4"/>
  <c r="BC277" i="4"/>
  <c r="BD277" i="4"/>
  <c r="BE277" i="4"/>
  <c r="BF277" i="4"/>
  <c r="BG277" i="4"/>
  <c r="BH277" i="4"/>
  <c r="BI277" i="4"/>
  <c r="BJ277" i="4"/>
  <c r="BK277" i="4"/>
  <c r="BL277" i="4"/>
  <c r="BM277" i="4"/>
  <c r="BN277" i="4"/>
  <c r="BO277" i="4"/>
  <c r="BP277" i="4"/>
  <c r="BQ277" i="4"/>
  <c r="BR277" i="4"/>
  <c r="BS277" i="4"/>
  <c r="BT277" i="4"/>
  <c r="BU277" i="4"/>
  <c r="BV277" i="4"/>
  <c r="BW277" i="4"/>
  <c r="BX277" i="4"/>
  <c r="BY277" i="4"/>
  <c r="BZ277" i="4"/>
  <c r="CA277" i="4"/>
  <c r="CB277" i="4"/>
  <c r="CC277" i="4"/>
  <c r="AY278" i="4"/>
  <c r="AZ278" i="4"/>
  <c r="BA278" i="4"/>
  <c r="BC278" i="4"/>
  <c r="BD278" i="4"/>
  <c r="BE278" i="4"/>
  <c r="BF278" i="4"/>
  <c r="BG278" i="4"/>
  <c r="BH278" i="4"/>
  <c r="BI278" i="4"/>
  <c r="BJ278" i="4"/>
  <c r="BK278" i="4"/>
  <c r="BL278" i="4"/>
  <c r="BM278" i="4"/>
  <c r="BN278" i="4"/>
  <c r="BO278" i="4"/>
  <c r="BP278" i="4"/>
  <c r="BQ278" i="4"/>
  <c r="BR278" i="4"/>
  <c r="BS278" i="4"/>
  <c r="BT278" i="4"/>
  <c r="BU278" i="4"/>
  <c r="BV278" i="4"/>
  <c r="BW278" i="4"/>
  <c r="BX278" i="4"/>
  <c r="BY278" i="4"/>
  <c r="BZ278" i="4"/>
  <c r="CA278" i="4"/>
  <c r="CB278" i="4"/>
  <c r="CC278" i="4"/>
  <c r="AY279" i="4"/>
  <c r="BA279" i="4"/>
  <c r="BB279" i="4"/>
  <c r="BC279" i="4"/>
  <c r="BD279" i="4"/>
  <c r="BE279" i="4"/>
  <c r="BF279" i="4"/>
  <c r="BG279" i="4"/>
  <c r="BH279" i="4"/>
  <c r="BI279" i="4"/>
  <c r="BJ279" i="4"/>
  <c r="BK279" i="4"/>
  <c r="BL279" i="4"/>
  <c r="BM279" i="4"/>
  <c r="BN279" i="4"/>
  <c r="BO279" i="4"/>
  <c r="BP279" i="4"/>
  <c r="BQ279" i="4"/>
  <c r="BR279" i="4"/>
  <c r="BS279" i="4"/>
  <c r="BT279" i="4"/>
  <c r="BU279" i="4"/>
  <c r="BV279" i="4"/>
  <c r="BW279" i="4"/>
  <c r="BX279" i="4"/>
  <c r="BY279" i="4"/>
  <c r="BZ279" i="4"/>
  <c r="CA279" i="4"/>
  <c r="CB279" i="4"/>
  <c r="CC279" i="4"/>
  <c r="AY280" i="4"/>
  <c r="AZ280" i="4"/>
  <c r="BA280" i="4"/>
  <c r="BB280" i="4"/>
  <c r="BD280" i="4"/>
  <c r="BE280" i="4"/>
  <c r="BF280" i="4"/>
  <c r="BG280" i="4"/>
  <c r="BH280" i="4"/>
  <c r="BI280" i="4"/>
  <c r="BJ280" i="4"/>
  <c r="BK280" i="4"/>
  <c r="BL280" i="4"/>
  <c r="BM280" i="4"/>
  <c r="BN280" i="4"/>
  <c r="BO280" i="4"/>
  <c r="BP280" i="4"/>
  <c r="BQ280" i="4"/>
  <c r="BR280" i="4"/>
  <c r="BS280" i="4"/>
  <c r="BT280" i="4"/>
  <c r="BU280" i="4"/>
  <c r="BV280" i="4"/>
  <c r="BW280" i="4"/>
  <c r="BX280" i="4"/>
  <c r="BY280" i="4"/>
  <c r="BZ280" i="4"/>
  <c r="CA280" i="4"/>
  <c r="CB280" i="4"/>
  <c r="CC280" i="4"/>
  <c r="AY281" i="4"/>
  <c r="AZ281" i="4"/>
  <c r="BA281" i="4"/>
  <c r="BB281" i="4"/>
  <c r="BC281" i="4"/>
  <c r="BD281" i="4"/>
  <c r="BF281" i="4"/>
  <c r="BG281" i="4"/>
  <c r="BH281" i="4"/>
  <c r="BI281" i="4"/>
  <c r="BJ281" i="4"/>
  <c r="BK281" i="4"/>
  <c r="BL281" i="4"/>
  <c r="BM281" i="4"/>
  <c r="BN281" i="4"/>
  <c r="BO281" i="4"/>
  <c r="BP281" i="4"/>
  <c r="BQ281" i="4"/>
  <c r="BR281" i="4"/>
  <c r="BS281" i="4"/>
  <c r="BT281" i="4"/>
  <c r="BU281" i="4"/>
  <c r="BV281" i="4"/>
  <c r="BW281" i="4"/>
  <c r="BX281" i="4"/>
  <c r="BY281" i="4"/>
  <c r="BZ281" i="4"/>
  <c r="CA281" i="4"/>
  <c r="CB281" i="4"/>
  <c r="CC281" i="4"/>
  <c r="AY282" i="4"/>
  <c r="AZ282" i="4"/>
  <c r="BA282" i="4"/>
  <c r="BB282" i="4"/>
  <c r="BC282" i="4"/>
  <c r="BD282" i="4"/>
  <c r="BE282" i="4"/>
  <c r="BG282" i="4"/>
  <c r="BH282" i="4"/>
  <c r="BI282" i="4"/>
  <c r="BJ282" i="4"/>
  <c r="BK282" i="4"/>
  <c r="BL282" i="4"/>
  <c r="BM282" i="4"/>
  <c r="BN282" i="4"/>
  <c r="BO282" i="4"/>
  <c r="BP282" i="4"/>
  <c r="BQ282" i="4"/>
  <c r="BR282" i="4"/>
  <c r="BS282" i="4"/>
  <c r="BT282" i="4"/>
  <c r="BU282" i="4"/>
  <c r="BV282" i="4"/>
  <c r="BW282" i="4"/>
  <c r="BX282" i="4"/>
  <c r="BY282" i="4"/>
  <c r="BZ282" i="4"/>
  <c r="CA282" i="4"/>
  <c r="CB282" i="4"/>
  <c r="CC282" i="4"/>
  <c r="AY283" i="4"/>
  <c r="AZ283" i="4"/>
  <c r="BA283" i="4"/>
  <c r="BB283" i="4"/>
  <c r="BC283" i="4"/>
  <c r="BE283" i="4"/>
  <c r="BF283" i="4"/>
  <c r="BG283" i="4"/>
  <c r="BH283" i="4"/>
  <c r="BI283" i="4"/>
  <c r="BJ283" i="4"/>
  <c r="BK283" i="4"/>
  <c r="BL283" i="4"/>
  <c r="BM283" i="4"/>
  <c r="BN283" i="4"/>
  <c r="BO283" i="4"/>
  <c r="BP283" i="4"/>
  <c r="BQ283" i="4"/>
  <c r="BR283" i="4"/>
  <c r="BS283" i="4"/>
  <c r="BT283" i="4"/>
  <c r="BU283" i="4"/>
  <c r="BV283" i="4"/>
  <c r="BW283" i="4"/>
  <c r="BX283" i="4"/>
  <c r="BY283" i="4"/>
  <c r="BZ283" i="4"/>
  <c r="CA283" i="4"/>
  <c r="CB283" i="4"/>
  <c r="CC283" i="4"/>
  <c r="AY284" i="4"/>
  <c r="AZ284" i="4"/>
  <c r="BA284" i="4"/>
  <c r="BB284" i="4"/>
  <c r="BC284" i="4"/>
  <c r="BD284" i="4"/>
  <c r="BE284" i="4"/>
  <c r="BF284" i="4"/>
  <c r="BH284" i="4"/>
  <c r="BI284" i="4"/>
  <c r="BJ284" i="4"/>
  <c r="BK284" i="4"/>
  <c r="BL284" i="4"/>
  <c r="BM284" i="4"/>
  <c r="BN284" i="4"/>
  <c r="BO284" i="4"/>
  <c r="BP284" i="4"/>
  <c r="BQ284" i="4"/>
  <c r="BR284" i="4"/>
  <c r="BS284" i="4"/>
  <c r="BT284" i="4"/>
  <c r="BU284" i="4"/>
  <c r="BV284" i="4"/>
  <c r="BW284" i="4"/>
  <c r="BX284" i="4"/>
  <c r="BY284" i="4"/>
  <c r="BZ284" i="4"/>
  <c r="CA284" i="4"/>
  <c r="CB284" i="4"/>
  <c r="CC284" i="4"/>
  <c r="AY285" i="4"/>
  <c r="AZ285" i="4"/>
  <c r="BA285" i="4"/>
  <c r="BB285" i="4"/>
  <c r="BC285" i="4"/>
  <c r="BD285" i="4"/>
  <c r="BE285" i="4"/>
  <c r="BF285" i="4"/>
  <c r="BG285" i="4"/>
  <c r="BH285" i="4"/>
  <c r="BI285" i="4"/>
  <c r="BJ285" i="4"/>
  <c r="BL285" i="4"/>
  <c r="BM285" i="4"/>
  <c r="BN285" i="4"/>
  <c r="BO285" i="4"/>
  <c r="BP285" i="4"/>
  <c r="BQ285" i="4"/>
  <c r="BR285" i="4"/>
  <c r="BS285" i="4"/>
  <c r="BT285" i="4"/>
  <c r="BU285" i="4"/>
  <c r="BV285" i="4"/>
  <c r="BW285" i="4"/>
  <c r="BX285" i="4"/>
  <c r="BY285" i="4"/>
  <c r="BZ285" i="4"/>
  <c r="CA285" i="4"/>
  <c r="CB285" i="4"/>
  <c r="CC285" i="4"/>
  <c r="AY286" i="4"/>
  <c r="AZ286" i="4"/>
  <c r="BA286" i="4"/>
  <c r="BB286" i="4"/>
  <c r="BC286" i="4"/>
  <c r="BD286" i="4"/>
  <c r="BE286" i="4"/>
  <c r="BF286" i="4"/>
  <c r="BG286" i="4"/>
  <c r="BI286" i="4"/>
  <c r="BJ286" i="4"/>
  <c r="BK286" i="4"/>
  <c r="BL286" i="4"/>
  <c r="BM286" i="4"/>
  <c r="BN286" i="4"/>
  <c r="BO286" i="4"/>
  <c r="BP286" i="4"/>
  <c r="BQ286" i="4"/>
  <c r="BR286" i="4"/>
  <c r="BS286" i="4"/>
  <c r="BT286" i="4"/>
  <c r="BU286" i="4"/>
  <c r="BV286" i="4"/>
  <c r="BW286" i="4"/>
  <c r="BX286" i="4"/>
  <c r="BY286" i="4"/>
  <c r="BZ286" i="4"/>
  <c r="CA286" i="4"/>
  <c r="CB286" i="4"/>
  <c r="CC286" i="4"/>
  <c r="AY287" i="4"/>
  <c r="AZ287" i="4"/>
  <c r="BA287" i="4"/>
  <c r="BB287" i="4"/>
  <c r="BC287" i="4"/>
  <c r="BD287" i="4"/>
  <c r="BE287" i="4"/>
  <c r="BF287" i="4"/>
  <c r="BG287" i="4"/>
  <c r="BH287" i="4"/>
  <c r="BJ287" i="4"/>
  <c r="BK287" i="4"/>
  <c r="BL287" i="4"/>
  <c r="BM287" i="4"/>
  <c r="BN287" i="4"/>
  <c r="BO287" i="4"/>
  <c r="BP287" i="4"/>
  <c r="BQ287" i="4"/>
  <c r="BR287" i="4"/>
  <c r="BS287" i="4"/>
  <c r="BT287" i="4"/>
  <c r="BU287" i="4"/>
  <c r="BV287" i="4"/>
  <c r="BW287" i="4"/>
  <c r="BX287" i="4"/>
  <c r="BY287" i="4"/>
  <c r="BZ287" i="4"/>
  <c r="CA287" i="4"/>
  <c r="CB287" i="4"/>
  <c r="CC287" i="4"/>
  <c r="AY288" i="4"/>
  <c r="AZ288" i="4"/>
  <c r="BA288" i="4"/>
  <c r="BB288" i="4"/>
  <c r="BC288" i="4"/>
  <c r="BD288" i="4"/>
  <c r="BE288" i="4"/>
  <c r="BF288" i="4"/>
  <c r="BG288" i="4"/>
  <c r="BH288" i="4"/>
  <c r="BI288" i="4"/>
  <c r="BJ288" i="4"/>
  <c r="BK288" i="4"/>
  <c r="BM288" i="4"/>
  <c r="BN288" i="4"/>
  <c r="BO288" i="4"/>
  <c r="BP288" i="4"/>
  <c r="BQ288" i="4"/>
  <c r="BR288" i="4"/>
  <c r="BS288" i="4"/>
  <c r="BT288" i="4"/>
  <c r="BU288" i="4"/>
  <c r="BV288" i="4"/>
  <c r="BW288" i="4"/>
  <c r="BX288" i="4"/>
  <c r="BY288" i="4"/>
  <c r="BZ288" i="4"/>
  <c r="CA288" i="4"/>
  <c r="CB288" i="4"/>
  <c r="CC288" i="4"/>
  <c r="AY289" i="4"/>
  <c r="AZ289" i="4"/>
  <c r="BA289" i="4"/>
  <c r="BB289" i="4"/>
  <c r="BC289" i="4"/>
  <c r="BD289" i="4"/>
  <c r="BE289" i="4"/>
  <c r="BF289" i="4"/>
  <c r="BG289" i="4"/>
  <c r="BH289" i="4"/>
  <c r="BI289" i="4"/>
  <c r="BJ289" i="4"/>
  <c r="BK289" i="4"/>
  <c r="BL289" i="4"/>
  <c r="BN289" i="4"/>
  <c r="BO289" i="4"/>
  <c r="BP289" i="4"/>
  <c r="BQ289" i="4"/>
  <c r="BR289" i="4"/>
  <c r="BS289" i="4"/>
  <c r="BT289" i="4"/>
  <c r="BU289" i="4"/>
  <c r="BV289" i="4"/>
  <c r="BW289" i="4"/>
  <c r="BX289" i="4"/>
  <c r="BY289" i="4"/>
  <c r="BZ289" i="4"/>
  <c r="CA289" i="4"/>
  <c r="CB289" i="4"/>
  <c r="CC289" i="4"/>
  <c r="AY290" i="4"/>
  <c r="AZ290" i="4"/>
  <c r="BA290" i="4"/>
  <c r="BB290" i="4"/>
  <c r="BC290" i="4"/>
  <c r="BD290" i="4"/>
  <c r="BE290" i="4"/>
  <c r="BF290" i="4"/>
  <c r="BG290" i="4"/>
  <c r="BH290" i="4"/>
  <c r="BI290" i="4"/>
  <c r="BJ290" i="4"/>
  <c r="BK290" i="4"/>
  <c r="BL290" i="4"/>
  <c r="BM290" i="4"/>
  <c r="BO290" i="4"/>
  <c r="BP290" i="4"/>
  <c r="BQ290" i="4"/>
  <c r="BR290" i="4"/>
  <c r="BS290" i="4"/>
  <c r="BT290" i="4"/>
  <c r="BU290" i="4"/>
  <c r="BV290" i="4"/>
  <c r="BW290" i="4"/>
  <c r="BX290" i="4"/>
  <c r="BY290" i="4"/>
  <c r="BZ290" i="4"/>
  <c r="CA290" i="4"/>
  <c r="CB290" i="4"/>
  <c r="CC290" i="4"/>
  <c r="AY291" i="4"/>
  <c r="AZ291" i="4"/>
  <c r="BA291" i="4"/>
  <c r="BB291" i="4"/>
  <c r="BC291" i="4"/>
  <c r="BD291" i="4"/>
  <c r="BE291" i="4"/>
  <c r="BF291" i="4"/>
  <c r="BG291" i="4"/>
  <c r="BH291" i="4"/>
  <c r="BI291" i="4"/>
  <c r="BK291" i="4"/>
  <c r="BL291" i="4"/>
  <c r="BM291" i="4"/>
  <c r="BN291" i="4"/>
  <c r="BO291" i="4"/>
  <c r="BP291" i="4"/>
  <c r="BQ291" i="4"/>
  <c r="BR291" i="4"/>
  <c r="BS291" i="4"/>
  <c r="BT291" i="4"/>
  <c r="BU291" i="4"/>
  <c r="BV291" i="4"/>
  <c r="BW291" i="4"/>
  <c r="BX291" i="4"/>
  <c r="BY291" i="4"/>
  <c r="BZ291" i="4"/>
  <c r="CA291" i="4"/>
  <c r="CB291" i="4"/>
  <c r="CC291" i="4"/>
  <c r="AY292" i="4"/>
  <c r="AZ292" i="4"/>
  <c r="BA292" i="4"/>
  <c r="BB292" i="4"/>
  <c r="BC292" i="4"/>
  <c r="BD292" i="4"/>
  <c r="BE292" i="4"/>
  <c r="BF292" i="4"/>
  <c r="BG292" i="4"/>
  <c r="BH292" i="4"/>
  <c r="BI292" i="4"/>
  <c r="BJ292" i="4"/>
  <c r="BK292" i="4"/>
  <c r="BL292" i="4"/>
  <c r="BM292" i="4"/>
  <c r="BN292" i="4"/>
  <c r="BP292" i="4"/>
  <c r="BQ292" i="4"/>
  <c r="BR292" i="4"/>
  <c r="BT292" i="4"/>
  <c r="BU292" i="4"/>
  <c r="BV292" i="4"/>
  <c r="BX292" i="4"/>
  <c r="BZ292" i="4"/>
  <c r="CA292" i="4"/>
  <c r="AY293" i="4"/>
  <c r="AZ293" i="4"/>
  <c r="BA293" i="4"/>
  <c r="BB293" i="4"/>
  <c r="BC293" i="4"/>
  <c r="BD293" i="4"/>
  <c r="BE293" i="4"/>
  <c r="BF293" i="4"/>
  <c r="BG293" i="4"/>
  <c r="BH293" i="4"/>
  <c r="BI293" i="4"/>
  <c r="BJ293" i="4"/>
  <c r="BK293" i="4"/>
  <c r="BL293" i="4"/>
  <c r="BM293" i="4"/>
  <c r="BN293" i="4"/>
  <c r="BP293" i="4"/>
  <c r="BQ293" i="4"/>
  <c r="BR293" i="4"/>
  <c r="BT293" i="4"/>
  <c r="BU293" i="4"/>
  <c r="BV293" i="4"/>
  <c r="BX293" i="4"/>
  <c r="BZ293" i="4"/>
  <c r="CA293" i="4"/>
  <c r="AY294" i="4"/>
  <c r="AZ294" i="4"/>
  <c r="BA294" i="4"/>
  <c r="BB294" i="4"/>
  <c r="BC294" i="4"/>
  <c r="BD294" i="4"/>
  <c r="BE294" i="4"/>
  <c r="BF294" i="4"/>
  <c r="BG294" i="4"/>
  <c r="BH294" i="4"/>
  <c r="BI294" i="4"/>
  <c r="BJ294" i="4"/>
  <c r="BK294" i="4"/>
  <c r="BL294" i="4"/>
  <c r="BM294" i="4"/>
  <c r="BN294" i="4"/>
  <c r="BP294" i="4"/>
  <c r="BQ294" i="4"/>
  <c r="BR294" i="4"/>
  <c r="BT294" i="4"/>
  <c r="BU294" i="4"/>
  <c r="BV294" i="4"/>
  <c r="BX294" i="4"/>
  <c r="BZ294" i="4"/>
  <c r="CA294" i="4"/>
  <c r="AY295" i="4"/>
  <c r="AZ295" i="4"/>
  <c r="BA295" i="4"/>
  <c r="BB295" i="4"/>
  <c r="BC295" i="4"/>
  <c r="BD295" i="4"/>
  <c r="BE295" i="4"/>
  <c r="BF295" i="4"/>
  <c r="BG295" i="4"/>
  <c r="BH295" i="4"/>
  <c r="BI295" i="4"/>
  <c r="BJ295" i="4"/>
  <c r="BK295" i="4"/>
  <c r="BL295" i="4"/>
  <c r="BM295" i="4"/>
  <c r="BN295" i="4"/>
  <c r="BO295" i="4"/>
  <c r="BP295" i="4"/>
  <c r="BQ295" i="4"/>
  <c r="BR295" i="4"/>
  <c r="BS295" i="4"/>
  <c r="BT295" i="4"/>
  <c r="BU295" i="4"/>
  <c r="BV295" i="4"/>
  <c r="BW295" i="4"/>
  <c r="BX295" i="4"/>
  <c r="BY295" i="4"/>
  <c r="BZ295" i="4"/>
  <c r="CA295" i="4"/>
  <c r="CB295" i="4"/>
  <c r="CC295" i="4"/>
  <c r="AY296" i="4"/>
  <c r="AZ296" i="4"/>
  <c r="BA296" i="4"/>
  <c r="BB296" i="4"/>
  <c r="BC296" i="4"/>
  <c r="BD296" i="4"/>
  <c r="BE296" i="4"/>
  <c r="BF296" i="4"/>
  <c r="BG296" i="4"/>
  <c r="BH296" i="4"/>
  <c r="BI296" i="4"/>
  <c r="BJ296" i="4"/>
  <c r="BK296" i="4"/>
  <c r="BL296" i="4"/>
  <c r="BM296" i="4"/>
  <c r="BN296" i="4"/>
  <c r="BO296" i="4"/>
  <c r="BP296" i="4"/>
  <c r="BQ296" i="4"/>
  <c r="BR296" i="4"/>
  <c r="BS296" i="4"/>
  <c r="BT296" i="4"/>
  <c r="BU296" i="4"/>
  <c r="BV296" i="4"/>
  <c r="BW296" i="4"/>
  <c r="BX296" i="4"/>
  <c r="BY296" i="4"/>
  <c r="BZ296" i="4"/>
  <c r="CA296" i="4"/>
  <c r="CB296" i="4"/>
  <c r="CC296" i="4"/>
  <c r="AY297" i="4"/>
  <c r="AZ297" i="4"/>
  <c r="BA297" i="4"/>
  <c r="BB297" i="4"/>
  <c r="BC297" i="4"/>
  <c r="BD297" i="4"/>
  <c r="BE297" i="4"/>
  <c r="BF297" i="4"/>
  <c r="BG297" i="4"/>
  <c r="BH297" i="4"/>
  <c r="BI297" i="4"/>
  <c r="BJ297" i="4"/>
  <c r="BK297" i="4"/>
  <c r="BL297" i="4"/>
  <c r="BM297" i="4"/>
  <c r="BN297" i="4"/>
  <c r="BO297" i="4"/>
  <c r="BP297" i="4"/>
  <c r="BQ297" i="4"/>
  <c r="BR297" i="4"/>
  <c r="BS297" i="4"/>
  <c r="BT297" i="4"/>
  <c r="BU297" i="4"/>
  <c r="BV297" i="4"/>
  <c r="BW297" i="4"/>
  <c r="BX297" i="4"/>
  <c r="BY297" i="4"/>
  <c r="BZ297" i="4"/>
  <c r="CA297" i="4"/>
  <c r="CB297" i="4"/>
  <c r="CC297" i="4"/>
  <c r="AY298" i="4"/>
  <c r="AZ298" i="4"/>
  <c r="BA298" i="4"/>
  <c r="BB298" i="4"/>
  <c r="BC298" i="4"/>
  <c r="BD298" i="4"/>
  <c r="BE298" i="4"/>
  <c r="BF298" i="4"/>
  <c r="BG298" i="4"/>
  <c r="BH298" i="4"/>
  <c r="BI298" i="4"/>
  <c r="BJ298" i="4"/>
  <c r="BK298" i="4"/>
  <c r="BL298" i="4"/>
  <c r="BM298" i="4"/>
  <c r="BN298" i="4"/>
  <c r="BO298" i="4"/>
  <c r="BP298" i="4"/>
  <c r="BQ298" i="4"/>
  <c r="BR298" i="4"/>
  <c r="BS298" i="4"/>
  <c r="BT298" i="4"/>
  <c r="BU298" i="4"/>
  <c r="BV298" i="4"/>
  <c r="BW298" i="4"/>
  <c r="BX298" i="4"/>
  <c r="BY298" i="4"/>
  <c r="BZ298" i="4"/>
  <c r="CA298" i="4"/>
  <c r="CB298" i="4"/>
  <c r="CC298" i="4"/>
  <c r="AY299" i="4"/>
  <c r="AZ299" i="4"/>
  <c r="BA299" i="4"/>
  <c r="BB299" i="4"/>
  <c r="BC299" i="4"/>
  <c r="BD299" i="4"/>
  <c r="BE299" i="4"/>
  <c r="BF299" i="4"/>
  <c r="BG299" i="4"/>
  <c r="BH299" i="4"/>
  <c r="BI299" i="4"/>
  <c r="BJ299" i="4"/>
  <c r="BK299" i="4"/>
  <c r="BL299" i="4"/>
  <c r="BM299" i="4"/>
  <c r="BN299" i="4"/>
  <c r="BP299" i="4"/>
  <c r="BQ299" i="4"/>
  <c r="BR299" i="4"/>
  <c r="BT299" i="4"/>
  <c r="BU299" i="4"/>
  <c r="BV299" i="4"/>
  <c r="BX299" i="4"/>
  <c r="BZ299" i="4"/>
  <c r="CA299" i="4"/>
  <c r="AY300" i="4"/>
  <c r="AZ300" i="4"/>
  <c r="BA300" i="4"/>
  <c r="BB300" i="4"/>
  <c r="BC300" i="4"/>
  <c r="BD300" i="4"/>
  <c r="BE300" i="4"/>
  <c r="BF300" i="4"/>
  <c r="BG300" i="4"/>
  <c r="BH300" i="4"/>
  <c r="BI300" i="4"/>
  <c r="BJ300" i="4"/>
  <c r="BK300" i="4"/>
  <c r="BL300" i="4"/>
  <c r="BM300" i="4"/>
  <c r="BN300" i="4"/>
  <c r="BO300" i="4"/>
  <c r="BP300" i="4"/>
  <c r="BQ300" i="4"/>
  <c r="BR300" i="4"/>
  <c r="BS300" i="4"/>
  <c r="BT300" i="4"/>
  <c r="BU300" i="4"/>
  <c r="BV300" i="4"/>
  <c r="BW300" i="4"/>
  <c r="BX300" i="4"/>
  <c r="BY300" i="4"/>
  <c r="BZ300" i="4"/>
  <c r="CB300" i="4"/>
  <c r="CC300" i="4"/>
  <c r="AY301" i="4"/>
  <c r="AZ301" i="4"/>
  <c r="BA301" i="4"/>
  <c r="BB301" i="4"/>
  <c r="BC301" i="4"/>
  <c r="BD301" i="4"/>
  <c r="BE301" i="4"/>
  <c r="BF301" i="4"/>
  <c r="BG301" i="4"/>
  <c r="BH301" i="4"/>
  <c r="BI301" i="4"/>
  <c r="BJ301" i="4"/>
  <c r="BK301" i="4"/>
  <c r="BL301" i="4"/>
  <c r="BM301" i="4"/>
  <c r="BN301" i="4"/>
  <c r="BO301" i="4"/>
  <c r="BP301" i="4"/>
  <c r="BQ301" i="4"/>
  <c r="BR301" i="4"/>
  <c r="BS301" i="4"/>
  <c r="BT301" i="4"/>
  <c r="BU301" i="4"/>
  <c r="BV301" i="4"/>
  <c r="BW301" i="4"/>
  <c r="BX301" i="4"/>
  <c r="BY301" i="4"/>
  <c r="BZ301" i="4"/>
  <c r="CB301" i="4"/>
  <c r="CC301" i="4"/>
  <c r="AY302" i="4"/>
  <c r="AZ302" i="4"/>
  <c r="BA302" i="4"/>
  <c r="BB302" i="4"/>
  <c r="BC302" i="4"/>
  <c r="BD302" i="4"/>
  <c r="BE302" i="4"/>
  <c r="BF302" i="4"/>
  <c r="BG302" i="4"/>
  <c r="BH302" i="4"/>
  <c r="BI302" i="4"/>
  <c r="BJ302" i="4"/>
  <c r="BK302" i="4"/>
  <c r="BL302" i="4"/>
  <c r="BM302" i="4"/>
  <c r="BN302" i="4"/>
  <c r="BO302" i="4"/>
  <c r="BP302" i="4"/>
  <c r="BQ302" i="4"/>
  <c r="BR302" i="4"/>
  <c r="BS302" i="4"/>
  <c r="BT302" i="4"/>
  <c r="BU302" i="4"/>
  <c r="BV302" i="4"/>
  <c r="BW302" i="4"/>
  <c r="BX302" i="4"/>
  <c r="BY302" i="4"/>
  <c r="BZ302" i="4"/>
  <c r="CB302" i="4"/>
  <c r="CC302" i="4"/>
  <c r="AY303" i="4"/>
  <c r="AZ303" i="4"/>
  <c r="BA303" i="4"/>
  <c r="BB303" i="4"/>
  <c r="BC303" i="4"/>
  <c r="BD303" i="4"/>
  <c r="BE303" i="4"/>
  <c r="BF303" i="4"/>
  <c r="BG303" i="4"/>
  <c r="BH303" i="4"/>
  <c r="BI303" i="4"/>
  <c r="BJ303" i="4"/>
  <c r="BK303" i="4"/>
  <c r="BL303" i="4"/>
  <c r="BM303" i="4"/>
  <c r="BN303" i="4"/>
  <c r="BO303" i="4"/>
  <c r="BP303" i="4"/>
  <c r="BQ303" i="4"/>
  <c r="BR303" i="4"/>
  <c r="BS303" i="4"/>
  <c r="BT303" i="4"/>
  <c r="BU303" i="4"/>
  <c r="BV303" i="4"/>
  <c r="BW303" i="4"/>
  <c r="BX303" i="4"/>
  <c r="BY303" i="4"/>
  <c r="BZ303" i="4"/>
  <c r="CB303" i="4"/>
  <c r="CC303" i="4"/>
  <c r="AY304" i="4"/>
  <c r="AZ304" i="4"/>
  <c r="BA304" i="4"/>
  <c r="BB304" i="4"/>
  <c r="BC304" i="4"/>
  <c r="BD304" i="4"/>
  <c r="BE304" i="4"/>
  <c r="BF304" i="4"/>
  <c r="BG304" i="4"/>
  <c r="BH304" i="4"/>
  <c r="BI304" i="4"/>
  <c r="BJ304" i="4"/>
  <c r="BK304" i="4"/>
  <c r="BL304" i="4"/>
  <c r="BM304" i="4"/>
  <c r="BN304" i="4"/>
  <c r="BO304" i="4"/>
  <c r="BP304" i="4"/>
  <c r="BQ304" i="4"/>
  <c r="BR304" i="4"/>
  <c r="BS304" i="4"/>
  <c r="BT304" i="4"/>
  <c r="BU304" i="4"/>
  <c r="BV304" i="4"/>
  <c r="BW304" i="4"/>
  <c r="BX304" i="4"/>
  <c r="BY304" i="4"/>
  <c r="BZ304" i="4"/>
  <c r="CB304" i="4"/>
  <c r="CC304" i="4"/>
  <c r="AY305" i="4"/>
  <c r="AZ305" i="4"/>
  <c r="BA305" i="4"/>
  <c r="BB305" i="4"/>
  <c r="BC305" i="4"/>
  <c r="BD305" i="4"/>
  <c r="BE305" i="4"/>
  <c r="BF305" i="4"/>
  <c r="BG305" i="4"/>
  <c r="BH305" i="4"/>
  <c r="BI305" i="4"/>
  <c r="BJ305" i="4"/>
  <c r="BK305" i="4"/>
  <c r="BL305" i="4"/>
  <c r="BM305" i="4"/>
  <c r="BN305" i="4"/>
  <c r="BO305" i="4"/>
  <c r="BP305" i="4"/>
  <c r="BQ305" i="4"/>
  <c r="BR305" i="4"/>
  <c r="BS305" i="4"/>
  <c r="BT305" i="4"/>
  <c r="BU305" i="4"/>
  <c r="BV305" i="4"/>
  <c r="BW305" i="4"/>
  <c r="BX305" i="4"/>
  <c r="BY305" i="4"/>
  <c r="BZ305" i="4"/>
  <c r="CB305" i="4"/>
  <c r="CC305" i="4"/>
  <c r="AY306" i="4"/>
  <c r="AZ306" i="4"/>
  <c r="BA306" i="4"/>
  <c r="BB306" i="4"/>
  <c r="BC306" i="4"/>
  <c r="BD306" i="4"/>
  <c r="BE306" i="4"/>
  <c r="BF306" i="4"/>
  <c r="BG306" i="4"/>
  <c r="BH306" i="4"/>
  <c r="BI306" i="4"/>
  <c r="BJ306" i="4"/>
  <c r="BK306" i="4"/>
  <c r="BL306" i="4"/>
  <c r="BM306" i="4"/>
  <c r="BN306" i="4"/>
  <c r="BO306" i="4"/>
  <c r="BP306" i="4"/>
  <c r="BQ306" i="4"/>
  <c r="BR306" i="4"/>
  <c r="BS306" i="4"/>
  <c r="BT306" i="4"/>
  <c r="BU306" i="4"/>
  <c r="BV306" i="4"/>
  <c r="BW306" i="4"/>
  <c r="BX306" i="4"/>
  <c r="BY306" i="4"/>
  <c r="BZ306" i="4"/>
  <c r="CA306" i="4"/>
  <c r="CC306" i="4"/>
  <c r="AY307" i="4"/>
  <c r="AZ307" i="4"/>
  <c r="BA307" i="4"/>
  <c r="BB307" i="4"/>
  <c r="BC307" i="4"/>
  <c r="BD307" i="4"/>
  <c r="BE307" i="4"/>
  <c r="BF307" i="4"/>
  <c r="BG307" i="4"/>
  <c r="BH307" i="4"/>
  <c r="BI307" i="4"/>
  <c r="BJ307" i="4"/>
  <c r="BK307" i="4"/>
  <c r="BL307" i="4"/>
  <c r="BM307" i="4"/>
  <c r="BN307" i="4"/>
  <c r="BO307" i="4"/>
  <c r="BP307" i="4"/>
  <c r="BQ307" i="4"/>
  <c r="BR307" i="4"/>
  <c r="BS307" i="4"/>
  <c r="BT307" i="4"/>
  <c r="BU307" i="4"/>
  <c r="BV307" i="4"/>
  <c r="BW307" i="4"/>
  <c r="BX307" i="4"/>
  <c r="BY307" i="4"/>
  <c r="BZ307" i="4"/>
  <c r="CA307" i="4"/>
  <c r="CC307" i="4"/>
  <c r="AY308" i="4"/>
  <c r="AZ308" i="4"/>
  <c r="BA308" i="4"/>
  <c r="BB308" i="4"/>
  <c r="BC308" i="4"/>
  <c r="BD308" i="4"/>
  <c r="BE308" i="4"/>
  <c r="BF308" i="4"/>
  <c r="BG308" i="4"/>
  <c r="BH308" i="4"/>
  <c r="BI308" i="4"/>
  <c r="BJ308" i="4"/>
  <c r="BK308" i="4"/>
  <c r="BL308" i="4"/>
  <c r="BM308" i="4"/>
  <c r="BN308" i="4"/>
  <c r="BO308" i="4"/>
  <c r="BP308" i="4"/>
  <c r="BQ308" i="4"/>
  <c r="BR308" i="4"/>
  <c r="BS308" i="4"/>
  <c r="BT308" i="4"/>
  <c r="BU308" i="4"/>
  <c r="BV308" i="4"/>
  <c r="BW308" i="4"/>
  <c r="BX308" i="4"/>
  <c r="BY308" i="4"/>
  <c r="BZ308" i="4"/>
  <c r="CA308" i="4"/>
  <c r="CC308" i="4"/>
  <c r="AY309" i="4"/>
  <c r="AZ309" i="4"/>
  <c r="BA309" i="4"/>
  <c r="BB309" i="4"/>
  <c r="BC309" i="4"/>
  <c r="BD309" i="4"/>
  <c r="BE309" i="4"/>
  <c r="BF309" i="4"/>
  <c r="BG309" i="4"/>
  <c r="BH309" i="4"/>
  <c r="BI309" i="4"/>
  <c r="BJ309" i="4"/>
  <c r="BK309" i="4"/>
  <c r="BL309" i="4"/>
  <c r="BM309" i="4"/>
  <c r="BN309" i="4"/>
  <c r="BO309" i="4"/>
  <c r="BP309" i="4"/>
  <c r="BQ309" i="4"/>
  <c r="BR309" i="4"/>
  <c r="BS309" i="4"/>
  <c r="BT309" i="4"/>
  <c r="BU309" i="4"/>
  <c r="BV309" i="4"/>
  <c r="BW309" i="4"/>
  <c r="BX309" i="4"/>
  <c r="BY309" i="4"/>
  <c r="BZ309" i="4"/>
  <c r="CA309" i="4"/>
  <c r="CC309" i="4"/>
  <c r="AY310" i="4"/>
  <c r="AZ310" i="4"/>
  <c r="BA310" i="4"/>
  <c r="BB310" i="4"/>
  <c r="BC310" i="4"/>
  <c r="BD310" i="4"/>
  <c r="BE310" i="4"/>
  <c r="BF310" i="4"/>
  <c r="BG310" i="4"/>
  <c r="BH310" i="4"/>
  <c r="BI310" i="4"/>
  <c r="BJ310" i="4"/>
  <c r="BK310" i="4"/>
  <c r="BL310" i="4"/>
  <c r="BM310" i="4"/>
  <c r="BN310" i="4"/>
  <c r="BO310" i="4"/>
  <c r="BP310" i="4"/>
  <c r="BQ310" i="4"/>
  <c r="BR310" i="4"/>
  <c r="BS310" i="4"/>
  <c r="BT310" i="4"/>
  <c r="BU310" i="4"/>
  <c r="BV310" i="4"/>
  <c r="BW310" i="4"/>
  <c r="BX310" i="4"/>
  <c r="BY310" i="4"/>
  <c r="BZ310" i="4"/>
  <c r="CA310" i="4"/>
  <c r="CB310" i="4"/>
  <c r="CC310" i="4"/>
  <c r="AY311" i="4"/>
  <c r="AZ311" i="4"/>
  <c r="BA311" i="4"/>
  <c r="BB311" i="4"/>
  <c r="BC311" i="4"/>
  <c r="BD311" i="4"/>
  <c r="BE311" i="4"/>
  <c r="BF311" i="4"/>
  <c r="BG311" i="4"/>
  <c r="BH311" i="4"/>
  <c r="BI311" i="4"/>
  <c r="BJ311" i="4"/>
  <c r="BK311" i="4"/>
  <c r="BL311" i="4"/>
  <c r="BM311" i="4"/>
  <c r="BN311" i="4"/>
  <c r="BO311" i="4"/>
  <c r="BP311" i="4"/>
  <c r="BQ311" i="4"/>
  <c r="BR311" i="4"/>
  <c r="BS311" i="4"/>
  <c r="BT311" i="4"/>
  <c r="BU311" i="4"/>
  <c r="BV311" i="4"/>
  <c r="BW311" i="4"/>
  <c r="BX311" i="4"/>
  <c r="BY311" i="4"/>
  <c r="BZ311" i="4"/>
  <c r="CA311" i="4"/>
  <c r="CB311" i="4"/>
  <c r="CC311" i="4"/>
  <c r="AY312" i="4"/>
  <c r="AZ312" i="4"/>
  <c r="BA312" i="4"/>
  <c r="BB312" i="4"/>
  <c r="BC312" i="4"/>
  <c r="BD312" i="4"/>
  <c r="BE312" i="4"/>
  <c r="BF312" i="4"/>
  <c r="BG312" i="4"/>
  <c r="BH312" i="4"/>
  <c r="BI312" i="4"/>
  <c r="BJ312" i="4"/>
  <c r="BK312" i="4"/>
  <c r="BL312" i="4"/>
  <c r="BM312" i="4"/>
  <c r="BN312" i="4"/>
  <c r="BO312" i="4"/>
  <c r="BP312" i="4"/>
  <c r="BQ312" i="4"/>
  <c r="BR312" i="4"/>
  <c r="BS312" i="4"/>
  <c r="BT312" i="4"/>
  <c r="BU312" i="4"/>
  <c r="BV312" i="4"/>
  <c r="BW312" i="4"/>
  <c r="BX312" i="4"/>
  <c r="BY312" i="4"/>
  <c r="BZ312" i="4"/>
  <c r="CA312" i="4"/>
  <c r="CB312" i="4"/>
  <c r="CC312" i="4"/>
  <c r="AY313" i="4"/>
  <c r="AZ313" i="4"/>
  <c r="BA313" i="4"/>
  <c r="BB313" i="4"/>
  <c r="BC313" i="4"/>
  <c r="BD313" i="4"/>
  <c r="BE313" i="4"/>
  <c r="BF313" i="4"/>
  <c r="BG313" i="4"/>
  <c r="BH313" i="4"/>
  <c r="BI313" i="4"/>
  <c r="BJ313" i="4"/>
  <c r="BK313" i="4"/>
  <c r="BL313" i="4"/>
  <c r="BM313" i="4"/>
  <c r="BN313" i="4"/>
  <c r="BO313" i="4"/>
  <c r="BP313" i="4"/>
  <c r="BQ313" i="4"/>
  <c r="BR313" i="4"/>
  <c r="BS313" i="4"/>
  <c r="BT313" i="4"/>
  <c r="BU313" i="4"/>
  <c r="BV313" i="4"/>
  <c r="BW313" i="4"/>
  <c r="BX313" i="4"/>
  <c r="BY313" i="4"/>
  <c r="BZ313" i="4"/>
  <c r="CA313" i="4"/>
  <c r="CC313" i="4"/>
  <c r="AY314" i="4"/>
  <c r="AZ314" i="4"/>
  <c r="BA314" i="4"/>
  <c r="BB314" i="4"/>
  <c r="BC314" i="4"/>
  <c r="BD314" i="4"/>
  <c r="BE314" i="4"/>
  <c r="BF314" i="4"/>
  <c r="BG314" i="4"/>
  <c r="BH314" i="4"/>
  <c r="BI314" i="4"/>
  <c r="BJ314" i="4"/>
  <c r="BK314" i="4"/>
  <c r="BL314" i="4"/>
  <c r="BM314" i="4"/>
  <c r="BN314" i="4"/>
  <c r="BO314" i="4"/>
  <c r="BP314" i="4"/>
  <c r="BQ314" i="4"/>
  <c r="BR314" i="4"/>
  <c r="BS314" i="4"/>
  <c r="BU314" i="4"/>
  <c r="BV314" i="4"/>
  <c r="BW314" i="4"/>
  <c r="BX314" i="4"/>
  <c r="BY314" i="4"/>
  <c r="BZ314" i="4"/>
  <c r="CA314" i="4"/>
  <c r="CB314" i="4"/>
  <c r="CC314" i="4"/>
  <c r="AY315" i="4"/>
  <c r="AZ315" i="4"/>
  <c r="BA315" i="4"/>
  <c r="BB315" i="4"/>
  <c r="BC315" i="4"/>
  <c r="BD315" i="4"/>
  <c r="BE315" i="4"/>
  <c r="BF315" i="4"/>
  <c r="BG315" i="4"/>
  <c r="BH315" i="4"/>
  <c r="BI315" i="4"/>
  <c r="BJ315" i="4"/>
  <c r="BK315" i="4"/>
  <c r="BL315" i="4"/>
  <c r="BM315" i="4"/>
  <c r="BN315" i="4"/>
  <c r="BO315" i="4"/>
  <c r="BP315" i="4"/>
  <c r="BQ315" i="4"/>
  <c r="BR315" i="4"/>
  <c r="BS315" i="4"/>
  <c r="BU315" i="4"/>
  <c r="BV315" i="4"/>
  <c r="BW315" i="4"/>
  <c r="BX315" i="4"/>
  <c r="BY315" i="4"/>
  <c r="BZ315" i="4"/>
  <c r="CA315" i="4"/>
  <c r="CB315" i="4"/>
  <c r="CC315" i="4"/>
  <c r="AY316" i="4"/>
  <c r="AZ316" i="4"/>
  <c r="BA316" i="4"/>
  <c r="BB316" i="4"/>
  <c r="BC316" i="4"/>
  <c r="BD316" i="4"/>
  <c r="BE316" i="4"/>
  <c r="BF316" i="4"/>
  <c r="BG316" i="4"/>
  <c r="BH316" i="4"/>
  <c r="BI316" i="4"/>
  <c r="BJ316" i="4"/>
  <c r="BK316" i="4"/>
  <c r="BL316" i="4"/>
  <c r="BM316" i="4"/>
  <c r="BN316" i="4"/>
  <c r="BO316" i="4"/>
  <c r="BP316" i="4"/>
  <c r="BQ316" i="4"/>
  <c r="BR316" i="4"/>
  <c r="BS316" i="4"/>
  <c r="BU316" i="4"/>
  <c r="BV316" i="4"/>
  <c r="BW316" i="4"/>
  <c r="BX316" i="4"/>
  <c r="BY316" i="4"/>
  <c r="BZ316" i="4"/>
  <c r="CA316" i="4"/>
  <c r="CB316" i="4"/>
  <c r="CC316" i="4"/>
  <c r="AY317" i="4"/>
  <c r="AZ317" i="4"/>
  <c r="BA317" i="4"/>
  <c r="BB317" i="4"/>
  <c r="BC317" i="4"/>
  <c r="BD317" i="4"/>
  <c r="BE317" i="4"/>
  <c r="BF317" i="4"/>
  <c r="BG317" i="4"/>
  <c r="BH317" i="4"/>
  <c r="BI317" i="4"/>
  <c r="BJ317" i="4"/>
  <c r="BK317" i="4"/>
  <c r="BL317" i="4"/>
  <c r="BM317" i="4"/>
  <c r="BN317" i="4"/>
  <c r="BO317" i="4"/>
  <c r="BP317" i="4"/>
  <c r="BQ317" i="4"/>
  <c r="BR317" i="4"/>
  <c r="BS317" i="4"/>
  <c r="BU317" i="4"/>
  <c r="BV317" i="4"/>
  <c r="BW317" i="4"/>
  <c r="BX317" i="4"/>
  <c r="BY317" i="4"/>
  <c r="BZ317" i="4"/>
  <c r="CA317" i="4"/>
  <c r="CB317" i="4"/>
  <c r="CC317" i="4"/>
  <c r="AY318" i="4"/>
  <c r="AZ318" i="4"/>
  <c r="BA318" i="4"/>
  <c r="BB318" i="4"/>
  <c r="BC318" i="4"/>
  <c r="BD318" i="4"/>
  <c r="BE318" i="4"/>
  <c r="BF318" i="4"/>
  <c r="BG318" i="4"/>
  <c r="BH318" i="4"/>
  <c r="BI318" i="4"/>
  <c r="BJ318" i="4"/>
  <c r="BK318" i="4"/>
  <c r="BL318" i="4"/>
  <c r="BM318" i="4"/>
  <c r="BN318" i="4"/>
  <c r="BO318" i="4"/>
  <c r="BP318" i="4"/>
  <c r="BQ318" i="4"/>
  <c r="BR318" i="4"/>
  <c r="BS318" i="4"/>
  <c r="BU318" i="4"/>
  <c r="BV318" i="4"/>
  <c r="BW318" i="4"/>
  <c r="BX318" i="4"/>
  <c r="BY318" i="4"/>
  <c r="BZ318" i="4"/>
  <c r="CA318" i="4"/>
  <c r="CB318" i="4"/>
  <c r="CC318" i="4"/>
  <c r="AY319" i="4"/>
  <c r="AZ319" i="4"/>
  <c r="BA319" i="4"/>
  <c r="BB319" i="4"/>
  <c r="BC319" i="4"/>
  <c r="BD319" i="4"/>
  <c r="BE319" i="4"/>
  <c r="BF319" i="4"/>
  <c r="BG319" i="4"/>
  <c r="BH319" i="4"/>
  <c r="BI319" i="4"/>
  <c r="BJ319" i="4"/>
  <c r="BK319" i="4"/>
  <c r="BL319" i="4"/>
  <c r="BM319" i="4"/>
  <c r="BN319" i="4"/>
  <c r="BO319" i="4"/>
  <c r="BP319" i="4"/>
  <c r="BQ319" i="4"/>
  <c r="BR319" i="4"/>
  <c r="BS319" i="4"/>
  <c r="BU319" i="4"/>
  <c r="BV319" i="4"/>
  <c r="BW319" i="4"/>
  <c r="BX319" i="4"/>
  <c r="BY319" i="4"/>
  <c r="BZ319" i="4"/>
  <c r="CA319" i="4"/>
  <c r="CB319" i="4"/>
  <c r="CC319" i="4"/>
  <c r="AY320" i="4"/>
  <c r="AZ320" i="4"/>
  <c r="BA320" i="4"/>
  <c r="BB320" i="4"/>
  <c r="BC320" i="4"/>
  <c r="BD320" i="4"/>
  <c r="BE320" i="4"/>
  <c r="BF320" i="4"/>
  <c r="BG320" i="4"/>
  <c r="BH320" i="4"/>
  <c r="BI320" i="4"/>
  <c r="BJ320" i="4"/>
  <c r="BK320" i="4"/>
  <c r="BL320" i="4"/>
  <c r="BM320" i="4"/>
  <c r="BN320" i="4"/>
  <c r="BO320" i="4"/>
  <c r="BP320" i="4"/>
  <c r="BQ320" i="4"/>
  <c r="BR320" i="4"/>
  <c r="BS320" i="4"/>
  <c r="BU320" i="4"/>
  <c r="BV320" i="4"/>
  <c r="BW320" i="4"/>
  <c r="BX320" i="4"/>
  <c r="BY320" i="4"/>
  <c r="BZ320" i="4"/>
  <c r="CA320" i="4"/>
  <c r="CB320" i="4"/>
  <c r="CC320" i="4"/>
  <c r="AY321" i="4"/>
  <c r="AZ321" i="4"/>
  <c r="BA321" i="4"/>
  <c r="BB321" i="4"/>
  <c r="BC321" i="4"/>
  <c r="BD321" i="4"/>
  <c r="BE321" i="4"/>
  <c r="BF321" i="4"/>
  <c r="BG321" i="4"/>
  <c r="BH321" i="4"/>
  <c r="BI321" i="4"/>
  <c r="BJ321" i="4"/>
  <c r="BK321" i="4"/>
  <c r="BL321" i="4"/>
  <c r="BM321" i="4"/>
  <c r="BN321" i="4"/>
  <c r="BO321" i="4"/>
  <c r="BP321" i="4"/>
  <c r="BQ321" i="4"/>
  <c r="BR321" i="4"/>
  <c r="BS321" i="4"/>
  <c r="BU321" i="4"/>
  <c r="BV321" i="4"/>
  <c r="BW321" i="4"/>
  <c r="BX321" i="4"/>
  <c r="BY321" i="4"/>
  <c r="BZ321" i="4"/>
  <c r="CA321" i="4"/>
  <c r="CB321" i="4"/>
  <c r="CC321" i="4"/>
  <c r="AY322" i="4"/>
  <c r="AZ322" i="4"/>
  <c r="BA322" i="4"/>
  <c r="BB322" i="4"/>
  <c r="BC322" i="4"/>
  <c r="BD322" i="4"/>
  <c r="BE322" i="4"/>
  <c r="BF322" i="4"/>
  <c r="BG322" i="4"/>
  <c r="BH322" i="4"/>
  <c r="BI322" i="4"/>
  <c r="BJ322" i="4"/>
  <c r="BK322" i="4"/>
  <c r="BL322" i="4"/>
  <c r="BM322" i="4"/>
  <c r="BN322" i="4"/>
  <c r="BO322" i="4"/>
  <c r="BP322" i="4"/>
  <c r="BQ322" i="4"/>
  <c r="BR322" i="4"/>
  <c r="BS322" i="4"/>
  <c r="BT322" i="4"/>
  <c r="BV322" i="4"/>
  <c r="BW322" i="4"/>
  <c r="BX322" i="4"/>
  <c r="BY322" i="4"/>
  <c r="BZ322" i="4"/>
  <c r="CA322" i="4"/>
  <c r="CB322" i="4"/>
  <c r="CC322" i="4"/>
  <c r="AY323" i="4"/>
  <c r="AZ323" i="4"/>
  <c r="BA323" i="4"/>
  <c r="BB323" i="4"/>
  <c r="BC323" i="4"/>
  <c r="BD323" i="4"/>
  <c r="BE323" i="4"/>
  <c r="BF323" i="4"/>
  <c r="BG323" i="4"/>
  <c r="BH323" i="4"/>
  <c r="BI323" i="4"/>
  <c r="BJ323" i="4"/>
  <c r="BK323" i="4"/>
  <c r="BL323" i="4"/>
  <c r="BM323" i="4"/>
  <c r="BN323" i="4"/>
  <c r="BO323" i="4"/>
  <c r="BP323" i="4"/>
  <c r="BQ323" i="4"/>
  <c r="BR323" i="4"/>
  <c r="BS323" i="4"/>
  <c r="BT323" i="4"/>
  <c r="BV323" i="4"/>
  <c r="BW323" i="4"/>
  <c r="BX323" i="4"/>
  <c r="BY323" i="4"/>
  <c r="BZ323" i="4"/>
  <c r="CA323" i="4"/>
  <c r="CB323" i="4"/>
  <c r="CC323" i="4"/>
  <c r="AY324" i="4"/>
  <c r="AZ324" i="4"/>
  <c r="BA324" i="4"/>
  <c r="BB324" i="4"/>
  <c r="BC324" i="4"/>
  <c r="BD324" i="4"/>
  <c r="BE324" i="4"/>
  <c r="BF324" i="4"/>
  <c r="BG324" i="4"/>
  <c r="BH324" i="4"/>
  <c r="BI324" i="4"/>
  <c r="BJ324" i="4"/>
  <c r="BK324" i="4"/>
  <c r="BL324" i="4"/>
  <c r="BM324" i="4"/>
  <c r="BN324" i="4"/>
  <c r="BO324" i="4"/>
  <c r="BP324" i="4"/>
  <c r="BQ324" i="4"/>
  <c r="BR324" i="4"/>
  <c r="BS324" i="4"/>
  <c r="BT324" i="4"/>
  <c r="BV324" i="4"/>
  <c r="BW324" i="4"/>
  <c r="BX324" i="4"/>
  <c r="BY324" i="4"/>
  <c r="BZ324" i="4"/>
  <c r="CA324" i="4"/>
  <c r="CB324" i="4"/>
  <c r="CC324" i="4"/>
  <c r="AY325" i="4"/>
  <c r="AZ325" i="4"/>
  <c r="BA325" i="4"/>
  <c r="BB325" i="4"/>
  <c r="BC325" i="4"/>
  <c r="BD325" i="4"/>
  <c r="BE325" i="4"/>
  <c r="BF325" i="4"/>
  <c r="BG325" i="4"/>
  <c r="BH325" i="4"/>
  <c r="BI325" i="4"/>
  <c r="BJ325" i="4"/>
  <c r="BK325" i="4"/>
  <c r="BL325" i="4"/>
  <c r="BM325" i="4"/>
  <c r="BN325" i="4"/>
  <c r="BO325" i="4"/>
  <c r="BP325" i="4"/>
  <c r="BQ325" i="4"/>
  <c r="BR325" i="4"/>
  <c r="BS325" i="4"/>
  <c r="BT325" i="4"/>
  <c r="BV325" i="4"/>
  <c r="BW325" i="4"/>
  <c r="BX325" i="4"/>
  <c r="BY325" i="4"/>
  <c r="BZ325" i="4"/>
  <c r="CA325" i="4"/>
  <c r="CB325" i="4"/>
  <c r="CC325" i="4"/>
  <c r="AY326" i="4"/>
  <c r="AZ326" i="4"/>
  <c r="BA326" i="4"/>
  <c r="BB326" i="4"/>
  <c r="BC326" i="4"/>
  <c r="BD326" i="4"/>
  <c r="BE326" i="4"/>
  <c r="BF326" i="4"/>
  <c r="BG326" i="4"/>
  <c r="BH326" i="4"/>
  <c r="BI326" i="4"/>
  <c r="BJ326" i="4"/>
  <c r="BK326" i="4"/>
  <c r="BL326" i="4"/>
  <c r="BM326" i="4"/>
  <c r="BN326" i="4"/>
  <c r="BO326" i="4"/>
  <c r="BP326" i="4"/>
  <c r="BQ326" i="4"/>
  <c r="BR326" i="4"/>
  <c r="BS326" i="4"/>
  <c r="BT326" i="4"/>
  <c r="BV326" i="4"/>
  <c r="BW326" i="4"/>
  <c r="BX326" i="4"/>
  <c r="BY326" i="4"/>
  <c r="BZ326" i="4"/>
  <c r="CA326" i="4"/>
  <c r="CB326" i="4"/>
  <c r="CC326" i="4"/>
  <c r="AY327" i="4"/>
  <c r="AZ327" i="4"/>
  <c r="BA327" i="4"/>
  <c r="BB327" i="4"/>
  <c r="BC327" i="4"/>
  <c r="BD327" i="4"/>
  <c r="BE327" i="4"/>
  <c r="BF327" i="4"/>
  <c r="BG327" i="4"/>
  <c r="BH327" i="4"/>
  <c r="BI327" i="4"/>
  <c r="BJ327" i="4"/>
  <c r="BK327" i="4"/>
  <c r="BL327" i="4"/>
  <c r="BM327" i="4"/>
  <c r="BN327" i="4"/>
  <c r="BO327" i="4"/>
  <c r="BP327" i="4"/>
  <c r="BQ327" i="4"/>
  <c r="BR327" i="4"/>
  <c r="BS327" i="4"/>
  <c r="BT327" i="4"/>
  <c r="BV327" i="4"/>
  <c r="BW327" i="4"/>
  <c r="BX327" i="4"/>
  <c r="BY327" i="4"/>
  <c r="BZ327" i="4"/>
  <c r="CA327" i="4"/>
  <c r="CB327" i="4"/>
  <c r="CC327" i="4"/>
  <c r="AY328" i="4"/>
  <c r="AZ328" i="4"/>
  <c r="BA328" i="4"/>
  <c r="BB328" i="4"/>
  <c r="BC328" i="4"/>
  <c r="BD328" i="4"/>
  <c r="BE328" i="4"/>
  <c r="BF328" i="4"/>
  <c r="BG328" i="4"/>
  <c r="BH328" i="4"/>
  <c r="BI328" i="4"/>
  <c r="BJ328" i="4"/>
  <c r="BK328" i="4"/>
  <c r="BL328" i="4"/>
  <c r="BM328" i="4"/>
  <c r="BN328" i="4"/>
  <c r="BO328" i="4"/>
  <c r="BP328" i="4"/>
  <c r="BQ328" i="4"/>
  <c r="BR328" i="4"/>
  <c r="BS328" i="4"/>
  <c r="BT328" i="4"/>
  <c r="BV328" i="4"/>
  <c r="BW328" i="4"/>
  <c r="BX328" i="4"/>
  <c r="BY328" i="4"/>
  <c r="BZ328" i="4"/>
  <c r="CA328" i="4"/>
  <c r="CB328" i="4"/>
  <c r="CC328" i="4"/>
  <c r="AY329" i="4"/>
  <c r="AZ329" i="4"/>
  <c r="BA329" i="4"/>
  <c r="BB329" i="4"/>
  <c r="BC329" i="4"/>
  <c r="BD329" i="4"/>
  <c r="BE329" i="4"/>
  <c r="BF329" i="4"/>
  <c r="BG329" i="4"/>
  <c r="BH329" i="4"/>
  <c r="BI329" i="4"/>
  <c r="BJ329" i="4"/>
  <c r="BK329" i="4"/>
  <c r="BL329" i="4"/>
  <c r="BM329" i="4"/>
  <c r="BN329" i="4"/>
  <c r="BO329" i="4"/>
  <c r="BP329" i="4"/>
  <c r="BQ329" i="4"/>
  <c r="BR329" i="4"/>
  <c r="BS329" i="4"/>
  <c r="BT329" i="4"/>
  <c r="BV329" i="4"/>
  <c r="BW329" i="4"/>
  <c r="BX329" i="4"/>
  <c r="BY329" i="4"/>
  <c r="BZ329" i="4"/>
  <c r="CA329" i="4"/>
  <c r="CB329" i="4"/>
  <c r="CC329" i="4"/>
  <c r="AY330" i="4"/>
  <c r="AZ330" i="4"/>
  <c r="BA330" i="4"/>
  <c r="BB330" i="4"/>
  <c r="BC330" i="4"/>
  <c r="BD330" i="4"/>
  <c r="BE330" i="4"/>
  <c r="BF330" i="4"/>
  <c r="BG330" i="4"/>
  <c r="BH330" i="4"/>
  <c r="BI330" i="4"/>
  <c r="BJ330" i="4"/>
  <c r="BK330" i="4"/>
  <c r="BL330" i="4"/>
  <c r="BM330" i="4"/>
  <c r="BN330" i="4"/>
  <c r="BO330" i="4"/>
  <c r="BP330" i="4"/>
  <c r="BQ330" i="4"/>
  <c r="BR330" i="4"/>
  <c r="BS330" i="4"/>
  <c r="BT330" i="4"/>
  <c r="BU330" i="4"/>
  <c r="BW330" i="4"/>
  <c r="BX330" i="4"/>
  <c r="BY330" i="4"/>
  <c r="BZ330" i="4"/>
  <c r="CA330" i="4"/>
  <c r="CB330" i="4"/>
  <c r="CC330" i="4"/>
  <c r="AY331" i="4"/>
  <c r="AZ331" i="4"/>
  <c r="BA331" i="4"/>
  <c r="BB331" i="4"/>
  <c r="BC331" i="4"/>
  <c r="BD331" i="4"/>
  <c r="BE331" i="4"/>
  <c r="BF331" i="4"/>
  <c r="BG331" i="4"/>
  <c r="BH331" i="4"/>
  <c r="BI331" i="4"/>
  <c r="BJ331" i="4"/>
  <c r="BK331" i="4"/>
  <c r="BL331" i="4"/>
  <c r="BM331" i="4"/>
  <c r="BN331" i="4"/>
  <c r="BO331" i="4"/>
  <c r="BP331" i="4"/>
  <c r="BQ331" i="4"/>
  <c r="BR331" i="4"/>
  <c r="BS331" i="4"/>
  <c r="BT331" i="4"/>
  <c r="BU331" i="4"/>
  <c r="BW331" i="4"/>
  <c r="BX331" i="4"/>
  <c r="BY331" i="4"/>
  <c r="BZ331" i="4"/>
  <c r="CA331" i="4"/>
  <c r="CB331" i="4"/>
  <c r="CC331" i="4"/>
  <c r="AY332" i="4"/>
  <c r="AZ332" i="4"/>
  <c r="BA332" i="4"/>
  <c r="BB332" i="4"/>
  <c r="BC332" i="4"/>
  <c r="BD332" i="4"/>
  <c r="BE332" i="4"/>
  <c r="BF332" i="4"/>
  <c r="BG332" i="4"/>
  <c r="BH332" i="4"/>
  <c r="BI332" i="4"/>
  <c r="BJ332" i="4"/>
  <c r="BK332" i="4"/>
  <c r="BL332" i="4"/>
  <c r="BM332" i="4"/>
  <c r="BN332" i="4"/>
  <c r="BO332" i="4"/>
  <c r="BP332" i="4"/>
  <c r="BQ332" i="4"/>
  <c r="BR332" i="4"/>
  <c r="BS332" i="4"/>
  <c r="BT332" i="4"/>
  <c r="BU332" i="4"/>
  <c r="BW332" i="4"/>
  <c r="BX332" i="4"/>
  <c r="BY332" i="4"/>
  <c r="BZ332" i="4"/>
  <c r="CA332" i="4"/>
  <c r="CB332" i="4"/>
  <c r="CC332" i="4"/>
  <c r="AY333" i="4"/>
  <c r="AZ333" i="4"/>
  <c r="BA333" i="4"/>
  <c r="BB333" i="4"/>
  <c r="BC333" i="4"/>
  <c r="BD333" i="4"/>
  <c r="BE333" i="4"/>
  <c r="BF333" i="4"/>
  <c r="BG333" i="4"/>
  <c r="BH333" i="4"/>
  <c r="BI333" i="4"/>
  <c r="BJ333" i="4"/>
  <c r="BK333" i="4"/>
  <c r="BL333" i="4"/>
  <c r="BM333" i="4"/>
  <c r="BN333" i="4"/>
  <c r="BO333" i="4"/>
  <c r="BP333" i="4"/>
  <c r="BQ333" i="4"/>
  <c r="BR333" i="4"/>
  <c r="BS333" i="4"/>
  <c r="BT333" i="4"/>
  <c r="BU333" i="4"/>
  <c r="BW333" i="4"/>
  <c r="BX333" i="4"/>
  <c r="BY333" i="4"/>
  <c r="BZ333" i="4"/>
  <c r="CA333" i="4"/>
  <c r="CB333" i="4"/>
  <c r="CC333" i="4"/>
  <c r="AY334" i="4"/>
  <c r="AZ334" i="4"/>
  <c r="BA334" i="4"/>
  <c r="BB334" i="4"/>
  <c r="BC334" i="4"/>
  <c r="BD334" i="4"/>
  <c r="BE334" i="4"/>
  <c r="BF334" i="4"/>
  <c r="BG334" i="4"/>
  <c r="BH334" i="4"/>
  <c r="BI334" i="4"/>
  <c r="BJ334" i="4"/>
  <c r="BK334" i="4"/>
  <c r="BL334" i="4"/>
  <c r="BM334" i="4"/>
  <c r="BN334" i="4"/>
  <c r="BO334" i="4"/>
  <c r="BP334" i="4"/>
  <c r="BQ334" i="4"/>
  <c r="BR334" i="4"/>
  <c r="BS334" i="4"/>
  <c r="BT334" i="4"/>
  <c r="BU334" i="4"/>
  <c r="BW334" i="4"/>
  <c r="BX334" i="4"/>
  <c r="BY334" i="4"/>
  <c r="BZ334" i="4"/>
  <c r="CA334" i="4"/>
  <c r="CB334" i="4"/>
  <c r="CC334" i="4"/>
  <c r="AY335" i="4"/>
  <c r="AZ335" i="4"/>
  <c r="BA335" i="4"/>
  <c r="BB335" i="4"/>
  <c r="BC335" i="4"/>
  <c r="BD335" i="4"/>
  <c r="BE335" i="4"/>
  <c r="BF335" i="4"/>
  <c r="BG335" i="4"/>
  <c r="BH335" i="4"/>
  <c r="BI335" i="4"/>
  <c r="BJ335" i="4"/>
  <c r="BK335" i="4"/>
  <c r="BL335" i="4"/>
  <c r="BM335" i="4"/>
  <c r="BN335" i="4"/>
  <c r="BO335" i="4"/>
  <c r="BP335" i="4"/>
  <c r="BQ335" i="4"/>
  <c r="BR335" i="4"/>
  <c r="BS335" i="4"/>
  <c r="BT335" i="4"/>
  <c r="BU335" i="4"/>
  <c r="BW335" i="4"/>
  <c r="BX335" i="4"/>
  <c r="BY335" i="4"/>
  <c r="BZ335" i="4"/>
  <c r="CA335" i="4"/>
  <c r="CB335" i="4"/>
  <c r="CC335" i="4"/>
  <c r="AY336" i="4"/>
  <c r="AZ336" i="4"/>
  <c r="BA336" i="4"/>
  <c r="BB336" i="4"/>
  <c r="BC336" i="4"/>
  <c r="BD336" i="4"/>
  <c r="BE336" i="4"/>
  <c r="BF336" i="4"/>
  <c r="BG336" i="4"/>
  <c r="BH336" i="4"/>
  <c r="BI336" i="4"/>
  <c r="BJ336" i="4"/>
  <c r="BK336" i="4"/>
  <c r="BL336" i="4"/>
  <c r="BM336" i="4"/>
  <c r="BN336" i="4"/>
  <c r="BO336" i="4"/>
  <c r="BP336" i="4"/>
  <c r="BQ336" i="4"/>
  <c r="BR336" i="4"/>
  <c r="BS336" i="4"/>
  <c r="BT336" i="4"/>
  <c r="BU336" i="4"/>
  <c r="BW336" i="4"/>
  <c r="BX336" i="4"/>
  <c r="BY336" i="4"/>
  <c r="BZ336" i="4"/>
  <c r="CA336" i="4"/>
  <c r="CB336" i="4"/>
  <c r="CC336" i="4"/>
  <c r="AY337" i="4"/>
  <c r="AZ337" i="4"/>
  <c r="BA337" i="4"/>
  <c r="BB337" i="4"/>
  <c r="BC337" i="4"/>
  <c r="BD337" i="4"/>
  <c r="BE337" i="4"/>
  <c r="BF337" i="4"/>
  <c r="BG337" i="4"/>
  <c r="BH337" i="4"/>
  <c r="BI337" i="4"/>
  <c r="BJ337" i="4"/>
  <c r="BK337" i="4"/>
  <c r="BL337" i="4"/>
  <c r="BM337" i="4"/>
  <c r="BN337" i="4"/>
  <c r="BO337" i="4"/>
  <c r="BP337" i="4"/>
  <c r="BQ337" i="4"/>
  <c r="BR337" i="4"/>
  <c r="BS337" i="4"/>
  <c r="BT337" i="4"/>
  <c r="BU337" i="4"/>
  <c r="BW337" i="4"/>
  <c r="BX337" i="4"/>
  <c r="BY337" i="4"/>
  <c r="BZ337" i="4"/>
  <c r="CA337" i="4"/>
  <c r="CB337" i="4"/>
  <c r="CC337" i="4"/>
  <c r="AY338" i="4"/>
  <c r="AZ338" i="4"/>
  <c r="BA338" i="4"/>
  <c r="BB338" i="4"/>
  <c r="BC338" i="4"/>
  <c r="BD338" i="4"/>
  <c r="BE338" i="4"/>
  <c r="BF338" i="4"/>
  <c r="BG338" i="4"/>
  <c r="BH338" i="4"/>
  <c r="BI338" i="4"/>
  <c r="BJ338" i="4"/>
  <c r="BK338" i="4"/>
  <c r="BL338" i="4"/>
  <c r="BM338" i="4"/>
  <c r="BN338" i="4"/>
  <c r="BO338" i="4"/>
  <c r="BP338" i="4"/>
  <c r="BQ338" i="4"/>
  <c r="BR338" i="4"/>
  <c r="BS338" i="4"/>
  <c r="BT338" i="4"/>
  <c r="BU338" i="4"/>
  <c r="BV338" i="4"/>
  <c r="BX338" i="4"/>
  <c r="BY338" i="4"/>
  <c r="BZ338" i="4"/>
  <c r="CA338" i="4"/>
  <c r="CB338" i="4"/>
  <c r="CC338" i="4"/>
  <c r="AY339" i="4"/>
  <c r="AZ339" i="4"/>
  <c r="BA339" i="4"/>
  <c r="BB339" i="4"/>
  <c r="BC339" i="4"/>
  <c r="BD339" i="4"/>
  <c r="BE339" i="4"/>
  <c r="BF339" i="4"/>
  <c r="BG339" i="4"/>
  <c r="BH339" i="4"/>
  <c r="BI339" i="4"/>
  <c r="BJ339" i="4"/>
  <c r="BK339" i="4"/>
  <c r="BL339" i="4"/>
  <c r="BM339" i="4"/>
  <c r="BN339" i="4"/>
  <c r="BO339" i="4"/>
  <c r="BP339" i="4"/>
  <c r="BQ339" i="4"/>
  <c r="BR339" i="4"/>
  <c r="BS339" i="4"/>
  <c r="BT339" i="4"/>
  <c r="BU339" i="4"/>
  <c r="BV339" i="4"/>
  <c r="BX339" i="4"/>
  <c r="BY339" i="4"/>
  <c r="BZ339" i="4"/>
  <c r="CA339" i="4"/>
  <c r="CB339" i="4"/>
  <c r="CC339" i="4"/>
  <c r="AY340" i="4"/>
  <c r="AZ340" i="4"/>
  <c r="BA340" i="4"/>
  <c r="BB340" i="4"/>
  <c r="BC340" i="4"/>
  <c r="BD340" i="4"/>
  <c r="BE340" i="4"/>
  <c r="BF340" i="4"/>
  <c r="BG340" i="4"/>
  <c r="BH340" i="4"/>
  <c r="BI340" i="4"/>
  <c r="BJ340" i="4"/>
  <c r="BK340" i="4"/>
  <c r="BL340" i="4"/>
  <c r="BM340" i="4"/>
  <c r="BN340" i="4"/>
  <c r="BO340" i="4"/>
  <c r="BP340" i="4"/>
  <c r="BQ340" i="4"/>
  <c r="BR340" i="4"/>
  <c r="BS340" i="4"/>
  <c r="BT340" i="4"/>
  <c r="BU340" i="4"/>
  <c r="BV340" i="4"/>
  <c r="BX340" i="4"/>
  <c r="BY340" i="4"/>
  <c r="BZ340" i="4"/>
  <c r="CA340" i="4"/>
  <c r="CB340" i="4"/>
  <c r="CC340" i="4"/>
  <c r="AY341" i="4"/>
  <c r="AZ341" i="4"/>
  <c r="BA341" i="4"/>
  <c r="BB341" i="4"/>
  <c r="BC341" i="4"/>
  <c r="BD341" i="4"/>
  <c r="BE341" i="4"/>
  <c r="BF341" i="4"/>
  <c r="BG341" i="4"/>
  <c r="BH341" i="4"/>
  <c r="BI341" i="4"/>
  <c r="BJ341" i="4"/>
  <c r="BK341" i="4"/>
  <c r="BL341" i="4"/>
  <c r="BM341" i="4"/>
  <c r="BN341" i="4"/>
  <c r="BO341" i="4"/>
  <c r="BP341" i="4"/>
  <c r="BQ341" i="4"/>
  <c r="BR341" i="4"/>
  <c r="BS341" i="4"/>
  <c r="BT341" i="4"/>
  <c r="BU341" i="4"/>
  <c r="BV341" i="4"/>
  <c r="BX341" i="4"/>
  <c r="BY341" i="4"/>
  <c r="BZ341" i="4"/>
  <c r="CA341" i="4"/>
  <c r="CB341" i="4"/>
  <c r="CC341" i="4"/>
  <c r="AY342" i="4"/>
  <c r="AZ342" i="4"/>
  <c r="BA342" i="4"/>
  <c r="BB342" i="4"/>
  <c r="BC342" i="4"/>
  <c r="BD342" i="4"/>
  <c r="BE342" i="4"/>
  <c r="BF342" i="4"/>
  <c r="BG342" i="4"/>
  <c r="BH342" i="4"/>
  <c r="BI342" i="4"/>
  <c r="BJ342" i="4"/>
  <c r="BK342" i="4"/>
  <c r="BL342" i="4"/>
  <c r="BM342" i="4"/>
  <c r="BN342" i="4"/>
  <c r="BO342" i="4"/>
  <c r="BP342" i="4"/>
  <c r="BQ342" i="4"/>
  <c r="BR342" i="4"/>
  <c r="BS342" i="4"/>
  <c r="BT342" i="4"/>
  <c r="BU342" i="4"/>
  <c r="BV342" i="4"/>
  <c r="BW342" i="4"/>
  <c r="BX342" i="4"/>
  <c r="BY342" i="4"/>
  <c r="BZ342" i="4"/>
  <c r="CA342" i="4"/>
  <c r="CB342" i="4"/>
  <c r="CC342" i="4"/>
  <c r="AY343" i="4"/>
  <c r="AZ343" i="4"/>
  <c r="BA343" i="4"/>
  <c r="BB343" i="4"/>
  <c r="BC343" i="4"/>
  <c r="BD343" i="4"/>
  <c r="BE343" i="4"/>
  <c r="BF343" i="4"/>
  <c r="BG343" i="4"/>
  <c r="BH343" i="4"/>
  <c r="BI343" i="4"/>
  <c r="BJ343" i="4"/>
  <c r="BK343" i="4"/>
  <c r="BL343" i="4"/>
  <c r="BM343" i="4"/>
  <c r="BN343" i="4"/>
  <c r="BO343" i="4"/>
  <c r="BP343" i="4"/>
  <c r="BQ343" i="4"/>
  <c r="BR343" i="4"/>
  <c r="BS343" i="4"/>
  <c r="BT343" i="4"/>
  <c r="BU343" i="4"/>
  <c r="BV343" i="4"/>
  <c r="BW343" i="4"/>
  <c r="BX343" i="4"/>
  <c r="BY343" i="4"/>
  <c r="BZ343" i="4"/>
  <c r="CA343" i="4"/>
  <c r="CB343" i="4"/>
  <c r="CC343" i="4"/>
  <c r="AY344" i="4"/>
  <c r="AZ344" i="4"/>
  <c r="BA344" i="4"/>
  <c r="BB344" i="4"/>
  <c r="BC344" i="4"/>
  <c r="BD344" i="4"/>
  <c r="BE344" i="4"/>
  <c r="BF344" i="4"/>
  <c r="BG344" i="4"/>
  <c r="BH344" i="4"/>
  <c r="BI344" i="4"/>
  <c r="BJ344" i="4"/>
  <c r="BK344" i="4"/>
  <c r="BL344" i="4"/>
  <c r="BM344" i="4"/>
  <c r="BN344" i="4"/>
  <c r="BO344" i="4"/>
  <c r="BP344" i="4"/>
  <c r="BQ344" i="4"/>
  <c r="BR344" i="4"/>
  <c r="BS344" i="4"/>
  <c r="BT344" i="4"/>
  <c r="BU344" i="4"/>
  <c r="BV344" i="4"/>
  <c r="BW344" i="4"/>
  <c r="BX344" i="4"/>
  <c r="BY344" i="4"/>
  <c r="BZ344" i="4"/>
  <c r="CA344" i="4"/>
  <c r="CB344" i="4"/>
  <c r="CC344" i="4"/>
  <c r="AY345" i="4"/>
  <c r="AZ345" i="4"/>
  <c r="BA345" i="4"/>
  <c r="BB345" i="4"/>
  <c r="BC345" i="4"/>
  <c r="BD345" i="4"/>
  <c r="BE345" i="4"/>
  <c r="BF345" i="4"/>
  <c r="BG345" i="4"/>
  <c r="BH345" i="4"/>
  <c r="BI345" i="4"/>
  <c r="BJ345" i="4"/>
  <c r="BK345" i="4"/>
  <c r="BL345" i="4"/>
  <c r="BM345" i="4"/>
  <c r="BN345" i="4"/>
  <c r="BO345" i="4"/>
  <c r="BP345" i="4"/>
  <c r="BQ345" i="4"/>
  <c r="BR345" i="4"/>
  <c r="BS345" i="4"/>
  <c r="BT345" i="4"/>
  <c r="BU345" i="4"/>
  <c r="BV345" i="4"/>
  <c r="BX345" i="4"/>
  <c r="BY345" i="4"/>
  <c r="BZ345" i="4"/>
  <c r="CA345" i="4"/>
  <c r="CB345" i="4"/>
  <c r="CC345" i="4"/>
  <c r="AY346" i="4"/>
  <c r="AZ346" i="4"/>
  <c r="BA346" i="4"/>
  <c r="BB346" i="4"/>
  <c r="BC346" i="4"/>
  <c r="BD346" i="4"/>
  <c r="BE346" i="4"/>
  <c r="BF346" i="4"/>
  <c r="BG346" i="4"/>
  <c r="BH346" i="4"/>
  <c r="BI346" i="4"/>
  <c r="BJ346" i="4"/>
  <c r="BK346" i="4"/>
  <c r="BL346" i="4"/>
  <c r="BM346" i="4"/>
  <c r="BN346" i="4"/>
  <c r="BO346" i="4"/>
  <c r="BQ346" i="4"/>
  <c r="BR346" i="4"/>
  <c r="BS346" i="4"/>
  <c r="BT346" i="4"/>
  <c r="BU346" i="4"/>
  <c r="BV346" i="4"/>
  <c r="BW346" i="4"/>
  <c r="BX346" i="4"/>
  <c r="BY346" i="4"/>
  <c r="BZ346" i="4"/>
  <c r="CA346" i="4"/>
  <c r="CB346" i="4"/>
  <c r="CC346" i="4"/>
  <c r="AY347" i="4"/>
  <c r="AZ347" i="4"/>
  <c r="BA347" i="4"/>
  <c r="BB347" i="4"/>
  <c r="BC347" i="4"/>
  <c r="BD347" i="4"/>
  <c r="BE347" i="4"/>
  <c r="BF347" i="4"/>
  <c r="BG347" i="4"/>
  <c r="BH347" i="4"/>
  <c r="BI347" i="4"/>
  <c r="BJ347" i="4"/>
  <c r="BK347" i="4"/>
  <c r="BL347" i="4"/>
  <c r="BM347" i="4"/>
  <c r="BN347" i="4"/>
  <c r="BO347" i="4"/>
  <c r="BQ347" i="4"/>
  <c r="BR347" i="4"/>
  <c r="BS347" i="4"/>
  <c r="BT347" i="4"/>
  <c r="BU347" i="4"/>
  <c r="BV347" i="4"/>
  <c r="BW347" i="4"/>
  <c r="BX347" i="4"/>
  <c r="BY347" i="4"/>
  <c r="BZ347" i="4"/>
  <c r="CA347" i="4"/>
  <c r="CB347" i="4"/>
  <c r="CC347" i="4"/>
  <c r="AY348" i="4"/>
  <c r="AZ348" i="4"/>
  <c r="BA348" i="4"/>
  <c r="BB348" i="4"/>
  <c r="BC348" i="4"/>
  <c r="BD348" i="4"/>
  <c r="BE348" i="4"/>
  <c r="BF348" i="4"/>
  <c r="BG348" i="4"/>
  <c r="BH348" i="4"/>
  <c r="BI348" i="4"/>
  <c r="BJ348" i="4"/>
  <c r="BK348" i="4"/>
  <c r="BL348" i="4"/>
  <c r="BM348" i="4"/>
  <c r="BN348" i="4"/>
  <c r="BO348" i="4"/>
  <c r="BQ348" i="4"/>
  <c r="BR348" i="4"/>
  <c r="BS348" i="4"/>
  <c r="BT348" i="4"/>
  <c r="BU348" i="4"/>
  <c r="BV348" i="4"/>
  <c r="BW348" i="4"/>
  <c r="BX348" i="4"/>
  <c r="BY348" i="4"/>
  <c r="BZ348" i="4"/>
  <c r="CA348" i="4"/>
  <c r="CB348" i="4"/>
  <c r="CC348" i="4"/>
  <c r="AY349" i="4"/>
  <c r="AZ349" i="4"/>
  <c r="BA349" i="4"/>
  <c r="BB349" i="4"/>
  <c r="BC349" i="4"/>
  <c r="BD349" i="4"/>
  <c r="BE349" i="4"/>
  <c r="BF349" i="4"/>
  <c r="BG349" i="4"/>
  <c r="BH349" i="4"/>
  <c r="BI349" i="4"/>
  <c r="BJ349" i="4"/>
  <c r="BK349" i="4"/>
  <c r="BL349" i="4"/>
  <c r="BM349" i="4"/>
  <c r="BN349" i="4"/>
  <c r="BO349" i="4"/>
  <c r="BQ349" i="4"/>
  <c r="BR349" i="4"/>
  <c r="BS349" i="4"/>
  <c r="BT349" i="4"/>
  <c r="BU349" i="4"/>
  <c r="BV349" i="4"/>
  <c r="BW349" i="4"/>
  <c r="BX349" i="4"/>
  <c r="BY349" i="4"/>
  <c r="BZ349" i="4"/>
  <c r="CA349" i="4"/>
  <c r="CB349" i="4"/>
  <c r="CC349" i="4"/>
  <c r="AY350" i="4"/>
  <c r="AZ350" i="4"/>
  <c r="BA350" i="4"/>
  <c r="BB350" i="4"/>
  <c r="BC350" i="4"/>
  <c r="BD350" i="4"/>
  <c r="BE350" i="4"/>
  <c r="BF350" i="4"/>
  <c r="BG350" i="4"/>
  <c r="BH350" i="4"/>
  <c r="BI350" i="4"/>
  <c r="BJ350" i="4"/>
  <c r="BK350" i="4"/>
  <c r="BL350" i="4"/>
  <c r="BM350" i="4"/>
  <c r="BN350" i="4"/>
  <c r="BO350" i="4"/>
  <c r="BQ350" i="4"/>
  <c r="BR350" i="4"/>
  <c r="BS350" i="4"/>
  <c r="BT350" i="4"/>
  <c r="BU350" i="4"/>
  <c r="BV350" i="4"/>
  <c r="BW350" i="4"/>
  <c r="BX350" i="4"/>
  <c r="BY350" i="4"/>
  <c r="BZ350" i="4"/>
  <c r="CA350" i="4"/>
  <c r="CB350" i="4"/>
  <c r="CC350" i="4"/>
  <c r="AY351" i="4"/>
  <c r="AZ351" i="4"/>
  <c r="BA351" i="4"/>
  <c r="BB351" i="4"/>
  <c r="BC351" i="4"/>
  <c r="BD351" i="4"/>
  <c r="BE351" i="4"/>
  <c r="BF351" i="4"/>
  <c r="BG351" i="4"/>
  <c r="BH351" i="4"/>
  <c r="BI351" i="4"/>
  <c r="BJ351" i="4"/>
  <c r="BK351" i="4"/>
  <c r="BL351" i="4"/>
  <c r="BM351" i="4"/>
  <c r="BN351" i="4"/>
  <c r="BO351" i="4"/>
  <c r="BQ351" i="4"/>
  <c r="BR351" i="4"/>
  <c r="BS351" i="4"/>
  <c r="BT351" i="4"/>
  <c r="BU351" i="4"/>
  <c r="BV351" i="4"/>
  <c r="BW351" i="4"/>
  <c r="BX351" i="4"/>
  <c r="BY351" i="4"/>
  <c r="BZ351" i="4"/>
  <c r="CA351" i="4"/>
  <c r="CB351" i="4"/>
  <c r="CC351" i="4"/>
  <c r="AY352" i="4"/>
  <c r="AZ352" i="4"/>
  <c r="BA352" i="4"/>
  <c r="BB352" i="4"/>
  <c r="BC352" i="4"/>
  <c r="BD352" i="4"/>
  <c r="BE352" i="4"/>
  <c r="BF352" i="4"/>
  <c r="BG352" i="4"/>
  <c r="BH352" i="4"/>
  <c r="BI352" i="4"/>
  <c r="BJ352" i="4"/>
  <c r="BK352" i="4"/>
  <c r="BL352" i="4"/>
  <c r="BM352" i="4"/>
  <c r="BN352" i="4"/>
  <c r="BO352" i="4"/>
  <c r="BQ352" i="4"/>
  <c r="BR352" i="4"/>
  <c r="BS352" i="4"/>
  <c r="BT352" i="4"/>
  <c r="BU352" i="4"/>
  <c r="BV352" i="4"/>
  <c r="BW352" i="4"/>
  <c r="BX352" i="4"/>
  <c r="BY352" i="4"/>
  <c r="BZ352" i="4"/>
  <c r="CA352" i="4"/>
  <c r="CB352" i="4"/>
  <c r="CC352" i="4"/>
  <c r="AY353" i="4"/>
  <c r="AZ353" i="4"/>
  <c r="BA353" i="4"/>
  <c r="BB353" i="4"/>
  <c r="BC353" i="4"/>
  <c r="BD353" i="4"/>
  <c r="BE353" i="4"/>
  <c r="BF353" i="4"/>
  <c r="BG353" i="4"/>
  <c r="BH353" i="4"/>
  <c r="BI353" i="4"/>
  <c r="BJ353" i="4"/>
  <c r="BK353" i="4"/>
  <c r="BL353" i="4"/>
  <c r="BM353" i="4"/>
  <c r="BN353" i="4"/>
  <c r="BO353" i="4"/>
  <c r="BQ353" i="4"/>
  <c r="BR353" i="4"/>
  <c r="BS353" i="4"/>
  <c r="BT353" i="4"/>
  <c r="BU353" i="4"/>
  <c r="BV353" i="4"/>
  <c r="BW353" i="4"/>
  <c r="BX353" i="4"/>
  <c r="BY353" i="4"/>
  <c r="BZ353" i="4"/>
  <c r="CA353" i="4"/>
  <c r="CB353" i="4"/>
  <c r="CC353" i="4"/>
  <c r="AY354" i="4"/>
  <c r="AZ354" i="4"/>
  <c r="BA354" i="4"/>
  <c r="BB354" i="4"/>
  <c r="BC354" i="4"/>
  <c r="BD354" i="4"/>
  <c r="BE354" i="4"/>
  <c r="BF354" i="4"/>
  <c r="BG354" i="4"/>
  <c r="BH354" i="4"/>
  <c r="BI354" i="4"/>
  <c r="BJ354" i="4"/>
  <c r="BK354" i="4"/>
  <c r="BL354" i="4"/>
  <c r="BM354" i="4"/>
  <c r="BN354" i="4"/>
  <c r="BO354" i="4"/>
  <c r="BP354" i="4"/>
  <c r="BQ354" i="4"/>
  <c r="BS354" i="4"/>
  <c r="BT354" i="4"/>
  <c r="BU354" i="4"/>
  <c r="BV354" i="4"/>
  <c r="BW354" i="4"/>
  <c r="BX354" i="4"/>
  <c r="BY354" i="4"/>
  <c r="BZ354" i="4"/>
  <c r="CA354" i="4"/>
  <c r="CB354" i="4"/>
  <c r="CC354" i="4"/>
  <c r="AY355" i="4"/>
  <c r="AZ355" i="4"/>
  <c r="BA355" i="4"/>
  <c r="BB355" i="4"/>
  <c r="BC355" i="4"/>
  <c r="BD355" i="4"/>
  <c r="BE355" i="4"/>
  <c r="BF355" i="4"/>
  <c r="BG355" i="4"/>
  <c r="BH355" i="4"/>
  <c r="BI355" i="4"/>
  <c r="BJ355" i="4"/>
  <c r="BK355" i="4"/>
  <c r="BL355" i="4"/>
  <c r="BM355" i="4"/>
  <c r="BN355" i="4"/>
  <c r="BO355" i="4"/>
  <c r="BP355" i="4"/>
  <c r="BQ355" i="4"/>
  <c r="BS355" i="4"/>
  <c r="BT355" i="4"/>
  <c r="BU355" i="4"/>
  <c r="BV355" i="4"/>
  <c r="BW355" i="4"/>
  <c r="BX355" i="4"/>
  <c r="BY355" i="4"/>
  <c r="BZ355" i="4"/>
  <c r="CA355" i="4"/>
  <c r="CB355" i="4"/>
  <c r="CC355" i="4"/>
  <c r="AY356" i="4"/>
  <c r="AZ356" i="4"/>
  <c r="BA356" i="4"/>
  <c r="BB356" i="4"/>
  <c r="BC356" i="4"/>
  <c r="BD356" i="4"/>
  <c r="BE356" i="4"/>
  <c r="BF356" i="4"/>
  <c r="BG356" i="4"/>
  <c r="BH356" i="4"/>
  <c r="BI356" i="4"/>
  <c r="BJ356" i="4"/>
  <c r="BK356" i="4"/>
  <c r="BL356" i="4"/>
  <c r="BM356" i="4"/>
  <c r="BN356" i="4"/>
  <c r="BO356" i="4"/>
  <c r="BP356" i="4"/>
  <c r="BQ356" i="4"/>
  <c r="BS356" i="4"/>
  <c r="BT356" i="4"/>
  <c r="BU356" i="4"/>
  <c r="BV356" i="4"/>
  <c r="BW356" i="4"/>
  <c r="BX356" i="4"/>
  <c r="BY356" i="4"/>
  <c r="BZ356" i="4"/>
  <c r="CA356" i="4"/>
  <c r="CB356" i="4"/>
  <c r="CC356" i="4"/>
  <c r="AY357" i="4"/>
  <c r="AZ357" i="4"/>
  <c r="BA357" i="4"/>
  <c r="BB357" i="4"/>
  <c r="BC357" i="4"/>
  <c r="BD357" i="4"/>
  <c r="BE357" i="4"/>
  <c r="BF357" i="4"/>
  <c r="BG357" i="4"/>
  <c r="BH357" i="4"/>
  <c r="BI357" i="4"/>
  <c r="BJ357" i="4"/>
  <c r="BK357" i="4"/>
  <c r="BL357" i="4"/>
  <c r="BM357" i="4"/>
  <c r="BN357" i="4"/>
  <c r="BO357" i="4"/>
  <c r="BP357" i="4"/>
  <c r="BQ357" i="4"/>
  <c r="BS357" i="4"/>
  <c r="BT357" i="4"/>
  <c r="BU357" i="4"/>
  <c r="BV357" i="4"/>
  <c r="BW357" i="4"/>
  <c r="BX357" i="4"/>
  <c r="BY357" i="4"/>
  <c r="BZ357" i="4"/>
  <c r="CA357" i="4"/>
  <c r="CB357" i="4"/>
  <c r="CC357" i="4"/>
  <c r="AY358" i="4"/>
  <c r="AZ358" i="4"/>
  <c r="BA358" i="4"/>
  <c r="BB358" i="4"/>
  <c r="BC358" i="4"/>
  <c r="BD358" i="4"/>
  <c r="BE358" i="4"/>
  <c r="BF358" i="4"/>
  <c r="BG358" i="4"/>
  <c r="BH358" i="4"/>
  <c r="BI358" i="4"/>
  <c r="BJ358" i="4"/>
  <c r="BK358" i="4"/>
  <c r="BL358" i="4"/>
  <c r="BM358" i="4"/>
  <c r="BN358" i="4"/>
  <c r="BO358" i="4"/>
  <c r="BP358" i="4"/>
  <c r="BQ358" i="4"/>
  <c r="BS358" i="4"/>
  <c r="BT358" i="4"/>
  <c r="BU358" i="4"/>
  <c r="BV358" i="4"/>
  <c r="BW358" i="4"/>
  <c r="BX358" i="4"/>
  <c r="BY358" i="4"/>
  <c r="BZ358" i="4"/>
  <c r="CA358" i="4"/>
  <c r="CB358" i="4"/>
  <c r="CC358" i="4"/>
  <c r="AY359" i="4"/>
  <c r="AZ359" i="4"/>
  <c r="BA359" i="4"/>
  <c r="BB359" i="4"/>
  <c r="BC359" i="4"/>
  <c r="BD359" i="4"/>
  <c r="BE359" i="4"/>
  <c r="BF359" i="4"/>
  <c r="BG359" i="4"/>
  <c r="BH359" i="4"/>
  <c r="BI359" i="4"/>
  <c r="BJ359" i="4"/>
  <c r="BK359" i="4"/>
  <c r="BL359" i="4"/>
  <c r="BM359" i="4"/>
  <c r="BN359" i="4"/>
  <c r="BO359" i="4"/>
  <c r="BP359" i="4"/>
  <c r="BQ359" i="4"/>
  <c r="BS359" i="4"/>
  <c r="BT359" i="4"/>
  <c r="BU359" i="4"/>
  <c r="BV359" i="4"/>
  <c r="BW359" i="4"/>
  <c r="BX359" i="4"/>
  <c r="BY359" i="4"/>
  <c r="BZ359" i="4"/>
  <c r="CA359" i="4"/>
  <c r="CB359" i="4"/>
  <c r="CC359" i="4"/>
  <c r="AY360" i="4"/>
  <c r="AZ360" i="4"/>
  <c r="BA360" i="4"/>
  <c r="BB360" i="4"/>
  <c r="BC360" i="4"/>
  <c r="BD360" i="4"/>
  <c r="BE360" i="4"/>
  <c r="BF360" i="4"/>
  <c r="BG360" i="4"/>
  <c r="BH360" i="4"/>
  <c r="BI360" i="4"/>
  <c r="BJ360" i="4"/>
  <c r="BK360" i="4"/>
  <c r="BL360" i="4"/>
  <c r="BM360" i="4"/>
  <c r="BN360" i="4"/>
  <c r="BO360" i="4"/>
  <c r="BP360" i="4"/>
  <c r="BQ360" i="4"/>
  <c r="BR360" i="4"/>
  <c r="BS360" i="4"/>
  <c r="BT360" i="4"/>
  <c r="BU360" i="4"/>
  <c r="BV360" i="4"/>
  <c r="BW360" i="4"/>
  <c r="BX360" i="4"/>
  <c r="BY360" i="4"/>
  <c r="BZ360" i="4"/>
  <c r="CA360" i="4"/>
  <c r="CB360" i="4"/>
  <c r="CC360" i="4"/>
  <c r="AY361" i="4"/>
  <c r="AZ361" i="4"/>
  <c r="BA361" i="4"/>
  <c r="BB361" i="4"/>
  <c r="BC361" i="4"/>
  <c r="BD361" i="4"/>
  <c r="BE361" i="4"/>
  <c r="BF361" i="4"/>
  <c r="BG361" i="4"/>
  <c r="BH361" i="4"/>
  <c r="BI361" i="4"/>
  <c r="BJ361" i="4"/>
  <c r="BK361" i="4"/>
  <c r="BL361" i="4"/>
  <c r="BM361" i="4"/>
  <c r="BN361" i="4"/>
  <c r="BO361" i="4"/>
  <c r="BP361" i="4"/>
  <c r="BQ361" i="4"/>
  <c r="BS361" i="4"/>
  <c r="BT361" i="4"/>
  <c r="BU361" i="4"/>
  <c r="BV361" i="4"/>
  <c r="BW361" i="4"/>
  <c r="BX361" i="4"/>
  <c r="BY361" i="4"/>
  <c r="BZ361" i="4"/>
  <c r="CA361" i="4"/>
  <c r="CB361" i="4"/>
  <c r="CC361" i="4"/>
  <c r="AY362" i="4"/>
  <c r="AZ362" i="4"/>
  <c r="BA362" i="4"/>
  <c r="BB362" i="4"/>
  <c r="BC362" i="4"/>
  <c r="BD362" i="4"/>
  <c r="BE362" i="4"/>
  <c r="BF362" i="4"/>
  <c r="BG362" i="4"/>
  <c r="BH362" i="4"/>
  <c r="BI362" i="4"/>
  <c r="BJ362" i="4"/>
  <c r="BK362" i="4"/>
  <c r="BL362" i="4"/>
  <c r="BM362" i="4"/>
  <c r="BN362" i="4"/>
  <c r="BO362" i="4"/>
  <c r="BP362" i="4"/>
  <c r="BR362" i="4"/>
  <c r="BS362" i="4"/>
  <c r="BT362" i="4"/>
  <c r="BU362" i="4"/>
  <c r="BV362" i="4"/>
  <c r="BW362" i="4"/>
  <c r="BX362" i="4"/>
  <c r="BY362" i="4"/>
  <c r="BZ362" i="4"/>
  <c r="CA362" i="4"/>
  <c r="CB362" i="4"/>
  <c r="CC362" i="4"/>
  <c r="AY363" i="4"/>
  <c r="AZ363" i="4"/>
  <c r="BA363" i="4"/>
  <c r="BB363" i="4"/>
  <c r="BC363" i="4"/>
  <c r="BD363" i="4"/>
  <c r="BE363" i="4"/>
  <c r="BF363" i="4"/>
  <c r="BG363" i="4"/>
  <c r="BH363" i="4"/>
  <c r="BI363" i="4"/>
  <c r="BJ363" i="4"/>
  <c r="BK363" i="4"/>
  <c r="BL363" i="4"/>
  <c r="BM363" i="4"/>
  <c r="BN363" i="4"/>
  <c r="BO363" i="4"/>
  <c r="BP363" i="4"/>
  <c r="BR363" i="4"/>
  <c r="BS363" i="4"/>
  <c r="BT363" i="4"/>
  <c r="BU363" i="4"/>
  <c r="BV363" i="4"/>
  <c r="BW363" i="4"/>
  <c r="BX363" i="4"/>
  <c r="BY363" i="4"/>
  <c r="BZ363" i="4"/>
  <c r="CA363" i="4"/>
  <c r="CB363" i="4"/>
  <c r="CC363" i="4"/>
  <c r="AY364" i="4"/>
  <c r="AZ364" i="4"/>
  <c r="BA364" i="4"/>
  <c r="BB364" i="4"/>
  <c r="BC364" i="4"/>
  <c r="BD364" i="4"/>
  <c r="BE364" i="4"/>
  <c r="BF364" i="4"/>
  <c r="BG364" i="4"/>
  <c r="BH364" i="4"/>
  <c r="BI364" i="4"/>
  <c r="BJ364" i="4"/>
  <c r="BK364" i="4"/>
  <c r="BL364" i="4"/>
  <c r="BM364" i="4"/>
  <c r="BN364" i="4"/>
  <c r="BO364" i="4"/>
  <c r="BP364" i="4"/>
  <c r="BR364" i="4"/>
  <c r="BS364" i="4"/>
  <c r="BT364" i="4"/>
  <c r="BU364" i="4"/>
  <c r="BV364" i="4"/>
  <c r="BW364" i="4"/>
  <c r="BX364" i="4"/>
  <c r="BY364" i="4"/>
  <c r="BZ364" i="4"/>
  <c r="CA364" i="4"/>
  <c r="CB364" i="4"/>
  <c r="CC364" i="4"/>
  <c r="AY365" i="4"/>
  <c r="AZ365" i="4"/>
  <c r="BA365" i="4"/>
  <c r="BB365" i="4"/>
  <c r="BC365" i="4"/>
  <c r="BD365" i="4"/>
  <c r="BE365" i="4"/>
  <c r="BF365" i="4"/>
  <c r="BG365" i="4"/>
  <c r="BH365" i="4"/>
  <c r="BI365" i="4"/>
  <c r="BJ365" i="4"/>
  <c r="BK365" i="4"/>
  <c r="BL365" i="4"/>
  <c r="BM365" i="4"/>
  <c r="BN365" i="4"/>
  <c r="BO365" i="4"/>
  <c r="BP365" i="4"/>
  <c r="BR365" i="4"/>
  <c r="BS365" i="4"/>
  <c r="BT365" i="4"/>
  <c r="BU365" i="4"/>
  <c r="BV365" i="4"/>
  <c r="BW365" i="4"/>
  <c r="BX365" i="4"/>
  <c r="BY365" i="4"/>
  <c r="BZ365" i="4"/>
  <c r="CA365" i="4"/>
  <c r="CB365" i="4"/>
  <c r="CC365" i="4"/>
  <c r="AY366" i="4"/>
  <c r="AZ366" i="4"/>
  <c r="BA366" i="4"/>
  <c r="BB366" i="4"/>
  <c r="BC366" i="4"/>
  <c r="BD366" i="4"/>
  <c r="BE366" i="4"/>
  <c r="BF366" i="4"/>
  <c r="BG366" i="4"/>
  <c r="BH366" i="4"/>
  <c r="BI366" i="4"/>
  <c r="BJ366" i="4"/>
  <c r="BK366" i="4"/>
  <c r="BL366" i="4"/>
  <c r="BM366" i="4"/>
  <c r="BN366" i="4"/>
  <c r="BO366" i="4"/>
  <c r="BP366" i="4"/>
  <c r="BR366" i="4"/>
  <c r="BS366" i="4"/>
  <c r="BT366" i="4"/>
  <c r="BU366" i="4"/>
  <c r="BV366" i="4"/>
  <c r="BW366" i="4"/>
  <c r="BX366" i="4"/>
  <c r="BY366" i="4"/>
  <c r="BZ366" i="4"/>
  <c r="CA366" i="4"/>
  <c r="CB366" i="4"/>
  <c r="CC366" i="4"/>
  <c r="AY367" i="4"/>
  <c r="AZ367" i="4"/>
  <c r="BA367" i="4"/>
  <c r="BB367" i="4"/>
  <c r="BC367" i="4"/>
  <c r="BD367" i="4"/>
  <c r="BE367" i="4"/>
  <c r="BF367" i="4"/>
  <c r="BG367" i="4"/>
  <c r="BH367" i="4"/>
  <c r="BI367" i="4"/>
  <c r="BJ367" i="4"/>
  <c r="BK367" i="4"/>
  <c r="BL367" i="4"/>
  <c r="BM367" i="4"/>
  <c r="BN367" i="4"/>
  <c r="BO367" i="4"/>
  <c r="BP367" i="4"/>
  <c r="BR367" i="4"/>
  <c r="BS367" i="4"/>
  <c r="BT367" i="4"/>
  <c r="BU367" i="4"/>
  <c r="BV367" i="4"/>
  <c r="BW367" i="4"/>
  <c r="BX367" i="4"/>
  <c r="BY367" i="4"/>
  <c r="BZ367" i="4"/>
  <c r="CA367" i="4"/>
  <c r="CB367" i="4"/>
  <c r="CC367" i="4"/>
  <c r="AY368" i="4"/>
  <c r="AZ368" i="4"/>
  <c r="BA368" i="4"/>
  <c r="BB368" i="4"/>
  <c r="BC368" i="4"/>
  <c r="BD368" i="4"/>
  <c r="BE368" i="4"/>
  <c r="BF368" i="4"/>
  <c r="BG368" i="4"/>
  <c r="BH368" i="4"/>
  <c r="BI368" i="4"/>
  <c r="BJ368" i="4"/>
  <c r="BK368" i="4"/>
  <c r="BL368" i="4"/>
  <c r="BM368" i="4"/>
  <c r="BN368" i="4"/>
  <c r="BO368" i="4"/>
  <c r="BP368" i="4"/>
  <c r="BQ368" i="4"/>
  <c r="BR368" i="4"/>
  <c r="BS368" i="4"/>
  <c r="BT368" i="4"/>
  <c r="BU368" i="4"/>
  <c r="BV368" i="4"/>
  <c r="BW368" i="4"/>
  <c r="BX368" i="4"/>
  <c r="BY368" i="4"/>
  <c r="BZ368" i="4"/>
  <c r="CA368" i="4"/>
  <c r="CB368" i="4"/>
  <c r="CC368" i="4"/>
  <c r="AY369" i="4"/>
  <c r="AZ369" i="4"/>
  <c r="BA369" i="4"/>
  <c r="BB369" i="4"/>
  <c r="BC369" i="4"/>
  <c r="BD369" i="4"/>
  <c r="BE369" i="4"/>
  <c r="BF369" i="4"/>
  <c r="BG369" i="4"/>
  <c r="BH369" i="4"/>
  <c r="BI369" i="4"/>
  <c r="BJ369" i="4"/>
  <c r="BK369" i="4"/>
  <c r="BL369" i="4"/>
  <c r="BM369" i="4"/>
  <c r="BN369" i="4"/>
  <c r="BO369" i="4"/>
  <c r="BP369" i="4"/>
  <c r="BR369" i="4"/>
  <c r="BS369" i="4"/>
  <c r="BT369" i="4"/>
  <c r="BU369" i="4"/>
  <c r="BV369" i="4"/>
  <c r="BW369" i="4"/>
  <c r="BX369" i="4"/>
  <c r="BY369" i="4"/>
  <c r="BZ369" i="4"/>
  <c r="CA369" i="4"/>
  <c r="CB369" i="4"/>
  <c r="CC369" i="4"/>
  <c r="AY370" i="4"/>
  <c r="AZ370" i="4"/>
  <c r="BA370" i="4"/>
  <c r="BB370" i="4"/>
  <c r="BC370" i="4"/>
  <c r="BD370" i="4"/>
  <c r="BE370" i="4"/>
  <c r="BF370" i="4"/>
  <c r="BG370" i="4"/>
  <c r="BH370" i="4"/>
  <c r="BI370" i="4"/>
  <c r="BJ370" i="4"/>
  <c r="BK370" i="4"/>
  <c r="BL370" i="4"/>
  <c r="BM370" i="4"/>
  <c r="BN370" i="4"/>
  <c r="BO370" i="4"/>
  <c r="BP370" i="4"/>
  <c r="BQ370" i="4"/>
  <c r="BR370" i="4"/>
  <c r="BT370" i="4"/>
  <c r="BU370" i="4"/>
  <c r="BV370" i="4"/>
  <c r="BW370" i="4"/>
  <c r="BX370" i="4"/>
  <c r="BY370" i="4"/>
  <c r="BZ370" i="4"/>
  <c r="CA370" i="4"/>
  <c r="CB370" i="4"/>
  <c r="CC370" i="4"/>
  <c r="AY371" i="4"/>
  <c r="AZ371" i="4"/>
  <c r="BA371" i="4"/>
  <c r="BB371" i="4"/>
  <c r="BC371" i="4"/>
  <c r="BD371" i="4"/>
  <c r="BE371" i="4"/>
  <c r="BF371" i="4"/>
  <c r="BG371" i="4"/>
  <c r="BH371" i="4"/>
  <c r="BI371" i="4"/>
  <c r="BJ371" i="4"/>
  <c r="BK371" i="4"/>
  <c r="BL371" i="4"/>
  <c r="BM371" i="4"/>
  <c r="BN371" i="4"/>
  <c r="BO371" i="4"/>
  <c r="BP371" i="4"/>
  <c r="BQ371" i="4"/>
  <c r="BR371" i="4"/>
  <c r="BT371" i="4"/>
  <c r="BU371" i="4"/>
  <c r="BV371" i="4"/>
  <c r="BW371" i="4"/>
  <c r="BX371" i="4"/>
  <c r="BY371" i="4"/>
  <c r="BZ371" i="4"/>
  <c r="CA371" i="4"/>
  <c r="CB371" i="4"/>
  <c r="CC371" i="4"/>
  <c r="AY372" i="4"/>
  <c r="AZ372" i="4"/>
  <c r="BA372" i="4"/>
  <c r="BB372" i="4"/>
  <c r="BC372" i="4"/>
  <c r="BD372" i="4"/>
  <c r="BE372" i="4"/>
  <c r="BF372" i="4"/>
  <c r="BG372" i="4"/>
  <c r="BH372" i="4"/>
  <c r="BI372" i="4"/>
  <c r="BJ372" i="4"/>
  <c r="BK372" i="4"/>
  <c r="BL372" i="4"/>
  <c r="BM372" i="4"/>
  <c r="BN372" i="4"/>
  <c r="BO372" i="4"/>
  <c r="BP372" i="4"/>
  <c r="BQ372" i="4"/>
  <c r="BR372" i="4"/>
  <c r="BT372" i="4"/>
  <c r="BU372" i="4"/>
  <c r="BV372" i="4"/>
  <c r="BW372" i="4"/>
  <c r="BX372" i="4"/>
  <c r="BY372" i="4"/>
  <c r="BZ372" i="4"/>
  <c r="CA372" i="4"/>
  <c r="CB372" i="4"/>
  <c r="CC372" i="4"/>
  <c r="AY373" i="4"/>
  <c r="AZ373" i="4"/>
  <c r="BA373" i="4"/>
  <c r="BB373" i="4"/>
  <c r="BC373" i="4"/>
  <c r="BD373" i="4"/>
  <c r="BE373" i="4"/>
  <c r="BF373" i="4"/>
  <c r="BG373" i="4"/>
  <c r="BH373" i="4"/>
  <c r="BI373" i="4"/>
  <c r="BJ373" i="4"/>
  <c r="BK373" i="4"/>
  <c r="BL373" i="4"/>
  <c r="BM373" i="4"/>
  <c r="BN373" i="4"/>
  <c r="BO373" i="4"/>
  <c r="BP373" i="4"/>
  <c r="BQ373" i="4"/>
  <c r="BR373" i="4"/>
  <c r="BS373" i="4"/>
  <c r="BT373" i="4"/>
  <c r="BU373" i="4"/>
  <c r="BV373" i="4"/>
  <c r="BW373" i="4"/>
  <c r="BX373" i="4"/>
  <c r="BY373" i="4"/>
  <c r="BZ373" i="4"/>
  <c r="CA373" i="4"/>
  <c r="CB373" i="4"/>
  <c r="CC373" i="4"/>
  <c r="AY374" i="4"/>
  <c r="AZ374" i="4"/>
  <c r="BA374" i="4"/>
  <c r="BB374" i="4"/>
  <c r="BC374" i="4"/>
  <c r="BD374" i="4"/>
  <c r="BE374" i="4"/>
  <c r="BF374" i="4"/>
  <c r="BG374" i="4"/>
  <c r="BH374" i="4"/>
  <c r="BI374" i="4"/>
  <c r="BJ374" i="4"/>
  <c r="BK374" i="4"/>
  <c r="BL374" i="4"/>
  <c r="BM374" i="4"/>
  <c r="BN374" i="4"/>
  <c r="BO374" i="4"/>
  <c r="BP374" i="4"/>
  <c r="BQ374" i="4"/>
  <c r="BR374" i="4"/>
  <c r="BS374" i="4"/>
  <c r="BT374" i="4"/>
  <c r="BU374" i="4"/>
  <c r="BV374" i="4"/>
  <c r="BW374" i="4"/>
  <c r="BX374" i="4"/>
  <c r="BY374" i="4"/>
  <c r="BZ374" i="4"/>
  <c r="CA374" i="4"/>
  <c r="CB374" i="4"/>
  <c r="CC374" i="4"/>
  <c r="AY375" i="4"/>
  <c r="AZ375" i="4"/>
  <c r="BA375" i="4"/>
  <c r="BB375" i="4"/>
  <c r="BC375" i="4"/>
  <c r="BD375" i="4"/>
  <c r="BE375" i="4"/>
  <c r="BF375" i="4"/>
  <c r="BG375" i="4"/>
  <c r="BH375" i="4"/>
  <c r="BI375" i="4"/>
  <c r="BJ375" i="4"/>
  <c r="BK375" i="4"/>
  <c r="BL375" i="4"/>
  <c r="BM375" i="4"/>
  <c r="BN375" i="4"/>
  <c r="BO375" i="4"/>
  <c r="BP375" i="4"/>
  <c r="BQ375" i="4"/>
  <c r="BR375" i="4"/>
  <c r="BS375" i="4"/>
  <c r="BT375" i="4"/>
  <c r="BU375" i="4"/>
  <c r="BV375" i="4"/>
  <c r="BW375" i="4"/>
  <c r="BX375" i="4"/>
  <c r="BY375" i="4"/>
  <c r="BZ375" i="4"/>
  <c r="CA375" i="4"/>
  <c r="CB375" i="4"/>
  <c r="CC375" i="4"/>
  <c r="AY376" i="4"/>
  <c r="AZ376" i="4"/>
  <c r="BA376" i="4"/>
  <c r="BB376" i="4"/>
  <c r="BC376" i="4"/>
  <c r="BD376" i="4"/>
  <c r="BE376" i="4"/>
  <c r="BF376" i="4"/>
  <c r="BG376" i="4"/>
  <c r="BH376" i="4"/>
  <c r="BI376" i="4"/>
  <c r="BJ376" i="4"/>
  <c r="BK376" i="4"/>
  <c r="BL376" i="4"/>
  <c r="BM376" i="4"/>
  <c r="BN376" i="4"/>
  <c r="BO376" i="4"/>
  <c r="BP376" i="4"/>
  <c r="BQ376" i="4"/>
  <c r="BR376" i="4"/>
  <c r="BS376" i="4"/>
  <c r="BT376" i="4"/>
  <c r="BU376" i="4"/>
  <c r="BV376" i="4"/>
  <c r="BW376" i="4"/>
  <c r="BX376" i="4"/>
  <c r="BY376" i="4"/>
  <c r="BZ376" i="4"/>
  <c r="CA376" i="4"/>
  <c r="CB376" i="4"/>
  <c r="CC376" i="4"/>
  <c r="AY377" i="4"/>
  <c r="AZ377" i="4"/>
  <c r="BA377" i="4"/>
  <c r="BB377" i="4"/>
  <c r="BC377" i="4"/>
  <c r="BD377" i="4"/>
  <c r="BE377" i="4"/>
  <c r="BF377" i="4"/>
  <c r="BG377" i="4"/>
  <c r="BH377" i="4"/>
  <c r="BI377" i="4"/>
  <c r="BJ377" i="4"/>
  <c r="BK377" i="4"/>
  <c r="BL377" i="4"/>
  <c r="BM377" i="4"/>
  <c r="BN377" i="4"/>
  <c r="BO377" i="4"/>
  <c r="BP377" i="4"/>
  <c r="BQ377" i="4"/>
  <c r="BR377" i="4"/>
  <c r="BT377" i="4"/>
  <c r="BU377" i="4"/>
  <c r="BV377" i="4"/>
  <c r="BW377" i="4"/>
  <c r="BX377" i="4"/>
  <c r="BY377" i="4"/>
  <c r="BZ377" i="4"/>
  <c r="CA377" i="4"/>
  <c r="CB377" i="4"/>
  <c r="CC377" i="4"/>
  <c r="AY378" i="4"/>
  <c r="AZ378" i="4"/>
  <c r="BA378" i="4"/>
  <c r="BB378" i="4"/>
  <c r="BC378" i="4"/>
  <c r="BD378" i="4"/>
  <c r="BE378" i="4"/>
  <c r="BF378" i="4"/>
  <c r="BG378" i="4"/>
  <c r="BH378" i="4"/>
  <c r="BI378" i="4"/>
  <c r="BJ378" i="4"/>
  <c r="BK378" i="4"/>
  <c r="BL378" i="4"/>
  <c r="BM378" i="4"/>
  <c r="BN378" i="4"/>
  <c r="BO378" i="4"/>
  <c r="BP378" i="4"/>
  <c r="BQ378" i="4"/>
  <c r="BR378" i="4"/>
  <c r="BS378" i="4"/>
  <c r="BT378" i="4"/>
  <c r="BU378" i="4"/>
  <c r="BV378" i="4"/>
  <c r="BW378" i="4"/>
  <c r="BY378" i="4"/>
  <c r="BZ378" i="4"/>
  <c r="CA378" i="4"/>
  <c r="CB378" i="4"/>
  <c r="CC378" i="4"/>
  <c r="AY379" i="4"/>
  <c r="AZ379" i="4"/>
  <c r="BA379" i="4"/>
  <c r="BB379" i="4"/>
  <c r="BC379" i="4"/>
  <c r="BD379" i="4"/>
  <c r="BE379" i="4"/>
  <c r="BF379" i="4"/>
  <c r="BG379" i="4"/>
  <c r="BH379" i="4"/>
  <c r="BI379" i="4"/>
  <c r="BJ379" i="4"/>
  <c r="BK379" i="4"/>
  <c r="BL379" i="4"/>
  <c r="BM379" i="4"/>
  <c r="BN379" i="4"/>
  <c r="BO379" i="4"/>
  <c r="BP379" i="4"/>
  <c r="BQ379" i="4"/>
  <c r="BR379" i="4"/>
  <c r="BS379" i="4"/>
  <c r="BT379" i="4"/>
  <c r="BU379" i="4"/>
  <c r="BV379" i="4"/>
  <c r="BW379" i="4"/>
  <c r="BY379" i="4"/>
  <c r="BZ379" i="4"/>
  <c r="CA379" i="4"/>
  <c r="CB379" i="4"/>
  <c r="CC379" i="4"/>
  <c r="AY380" i="4"/>
  <c r="AZ380" i="4"/>
  <c r="BA380" i="4"/>
  <c r="BB380" i="4"/>
  <c r="BC380" i="4"/>
  <c r="BD380" i="4"/>
  <c r="BE380" i="4"/>
  <c r="BF380" i="4"/>
  <c r="BG380" i="4"/>
  <c r="BH380" i="4"/>
  <c r="BI380" i="4"/>
  <c r="BJ380" i="4"/>
  <c r="BK380" i="4"/>
  <c r="BL380" i="4"/>
  <c r="BM380" i="4"/>
  <c r="BN380" i="4"/>
  <c r="BO380" i="4"/>
  <c r="BP380" i="4"/>
  <c r="BQ380" i="4"/>
  <c r="BR380" i="4"/>
  <c r="BS380" i="4"/>
  <c r="BT380" i="4"/>
  <c r="BU380" i="4"/>
  <c r="BV380" i="4"/>
  <c r="BW380" i="4"/>
  <c r="BY380" i="4"/>
  <c r="BZ380" i="4"/>
  <c r="CA380" i="4"/>
  <c r="CB380" i="4"/>
  <c r="CC380" i="4"/>
  <c r="AY381" i="4"/>
  <c r="AZ381" i="4"/>
  <c r="BA381" i="4"/>
  <c r="BB381" i="4"/>
  <c r="BC381" i="4"/>
  <c r="BD381" i="4"/>
  <c r="BE381" i="4"/>
  <c r="BF381" i="4"/>
  <c r="BG381" i="4"/>
  <c r="BH381" i="4"/>
  <c r="BI381" i="4"/>
  <c r="BJ381" i="4"/>
  <c r="BK381" i="4"/>
  <c r="BL381" i="4"/>
  <c r="BM381" i="4"/>
  <c r="BN381" i="4"/>
  <c r="BO381" i="4"/>
  <c r="BP381" i="4"/>
  <c r="BQ381" i="4"/>
  <c r="BR381" i="4"/>
  <c r="BS381" i="4"/>
  <c r="BT381" i="4"/>
  <c r="BU381" i="4"/>
  <c r="BV381" i="4"/>
  <c r="BW381" i="4"/>
  <c r="BY381" i="4"/>
  <c r="BZ381" i="4"/>
  <c r="CA381" i="4"/>
  <c r="CB381" i="4"/>
  <c r="CC381" i="4"/>
  <c r="AY382" i="4"/>
  <c r="AZ382" i="4"/>
  <c r="BA382" i="4"/>
  <c r="BB382" i="4"/>
  <c r="BC382" i="4"/>
  <c r="BD382" i="4"/>
  <c r="BE382" i="4"/>
  <c r="BF382" i="4"/>
  <c r="BG382" i="4"/>
  <c r="BH382" i="4"/>
  <c r="BI382" i="4"/>
  <c r="BJ382" i="4"/>
  <c r="BK382" i="4"/>
  <c r="BL382" i="4"/>
  <c r="BM382" i="4"/>
  <c r="BN382" i="4"/>
  <c r="BO382" i="4"/>
  <c r="BP382" i="4"/>
  <c r="BQ382" i="4"/>
  <c r="BR382" i="4"/>
  <c r="BS382" i="4"/>
  <c r="BT382" i="4"/>
  <c r="BU382" i="4"/>
  <c r="BV382" i="4"/>
  <c r="BW382" i="4"/>
  <c r="BY382" i="4"/>
  <c r="BZ382" i="4"/>
  <c r="CA382" i="4"/>
  <c r="CB382" i="4"/>
  <c r="CC382" i="4"/>
  <c r="AY383" i="4"/>
  <c r="AZ383" i="4"/>
  <c r="BA383" i="4"/>
  <c r="BB383" i="4"/>
  <c r="BC383" i="4"/>
  <c r="BD383" i="4"/>
  <c r="BE383" i="4"/>
  <c r="BF383" i="4"/>
  <c r="BG383" i="4"/>
  <c r="BH383" i="4"/>
  <c r="BI383" i="4"/>
  <c r="BJ383" i="4"/>
  <c r="BK383" i="4"/>
  <c r="BL383" i="4"/>
  <c r="BM383" i="4"/>
  <c r="BN383" i="4"/>
  <c r="BO383" i="4"/>
  <c r="BP383" i="4"/>
  <c r="BQ383" i="4"/>
  <c r="BR383" i="4"/>
  <c r="BS383" i="4"/>
  <c r="BT383" i="4"/>
  <c r="BU383" i="4"/>
  <c r="BV383" i="4"/>
  <c r="BW383" i="4"/>
  <c r="BX383" i="4"/>
  <c r="BY383" i="4"/>
  <c r="BZ383" i="4"/>
  <c r="CA383" i="4"/>
  <c r="CB383" i="4"/>
  <c r="CC383" i="4"/>
  <c r="AY384" i="4"/>
  <c r="AZ384" i="4"/>
  <c r="BA384" i="4"/>
  <c r="BB384" i="4"/>
  <c r="BC384" i="4"/>
  <c r="BD384" i="4"/>
  <c r="BE384" i="4"/>
  <c r="BF384" i="4"/>
  <c r="BG384" i="4"/>
  <c r="BH384" i="4"/>
  <c r="BI384" i="4"/>
  <c r="BJ384" i="4"/>
  <c r="BK384" i="4"/>
  <c r="BL384" i="4"/>
  <c r="BM384" i="4"/>
  <c r="BN384" i="4"/>
  <c r="BO384" i="4"/>
  <c r="BP384" i="4"/>
  <c r="BQ384" i="4"/>
  <c r="BR384" i="4"/>
  <c r="BS384" i="4"/>
  <c r="BT384" i="4"/>
  <c r="BU384" i="4"/>
  <c r="BV384" i="4"/>
  <c r="BW384" i="4"/>
  <c r="BX384" i="4"/>
  <c r="BY384" i="4"/>
  <c r="BZ384" i="4"/>
  <c r="CA384" i="4"/>
  <c r="CB384" i="4"/>
  <c r="CC384" i="4"/>
  <c r="AY385" i="4"/>
  <c r="AZ385" i="4"/>
  <c r="BA385" i="4"/>
  <c r="BB385" i="4"/>
  <c r="BC385" i="4"/>
  <c r="BD385" i="4"/>
  <c r="BE385" i="4"/>
  <c r="BF385" i="4"/>
  <c r="BG385" i="4"/>
  <c r="BH385" i="4"/>
  <c r="BI385" i="4"/>
  <c r="BJ385" i="4"/>
  <c r="BK385" i="4"/>
  <c r="BL385" i="4"/>
  <c r="BM385" i="4"/>
  <c r="BN385" i="4"/>
  <c r="BO385" i="4"/>
  <c r="BP385" i="4"/>
  <c r="BQ385" i="4"/>
  <c r="BR385" i="4"/>
  <c r="BS385" i="4"/>
  <c r="BT385" i="4"/>
  <c r="BU385" i="4"/>
  <c r="BV385" i="4"/>
  <c r="BW385" i="4"/>
  <c r="BY385" i="4"/>
  <c r="BZ385" i="4"/>
  <c r="CA385" i="4"/>
  <c r="CB385" i="4"/>
  <c r="CC385" i="4"/>
  <c r="AY386" i="4"/>
  <c r="AZ386" i="4"/>
  <c r="BA386" i="4"/>
  <c r="BB386" i="4"/>
  <c r="BC386" i="4"/>
  <c r="BD386" i="4"/>
  <c r="BE386" i="4"/>
  <c r="BF386" i="4"/>
  <c r="BG386" i="4"/>
  <c r="BH386" i="4"/>
  <c r="BI386" i="4"/>
  <c r="BJ386" i="4"/>
  <c r="BK386" i="4"/>
  <c r="BL386" i="4"/>
  <c r="BM386" i="4"/>
  <c r="BN386" i="4"/>
  <c r="BO386" i="4"/>
  <c r="BP386" i="4"/>
  <c r="BQ386" i="4"/>
  <c r="BR386" i="4"/>
  <c r="BS386" i="4"/>
  <c r="BT386" i="4"/>
  <c r="BU386" i="4"/>
  <c r="BV386" i="4"/>
  <c r="BW386" i="4"/>
  <c r="BX386" i="4"/>
  <c r="BZ386" i="4"/>
  <c r="CA386" i="4"/>
  <c r="CB386" i="4"/>
  <c r="CC386" i="4"/>
  <c r="AY387" i="4"/>
  <c r="AZ387" i="4"/>
  <c r="BA387" i="4"/>
  <c r="BB387" i="4"/>
  <c r="BC387" i="4"/>
  <c r="BD387" i="4"/>
  <c r="BE387" i="4"/>
  <c r="BF387" i="4"/>
  <c r="BG387" i="4"/>
  <c r="BH387" i="4"/>
  <c r="BI387" i="4"/>
  <c r="BJ387" i="4"/>
  <c r="BK387" i="4"/>
  <c r="BL387" i="4"/>
  <c r="BM387" i="4"/>
  <c r="BN387" i="4"/>
  <c r="BO387" i="4"/>
  <c r="BP387" i="4"/>
  <c r="BQ387" i="4"/>
  <c r="BR387" i="4"/>
  <c r="BS387" i="4"/>
  <c r="BT387" i="4"/>
  <c r="BU387" i="4"/>
  <c r="BV387" i="4"/>
  <c r="BW387" i="4"/>
  <c r="BX387" i="4"/>
  <c r="BZ387" i="4"/>
  <c r="CA387" i="4"/>
  <c r="CB387" i="4"/>
  <c r="CC387" i="4"/>
  <c r="AY388" i="4"/>
  <c r="AZ388" i="4"/>
  <c r="BA388" i="4"/>
  <c r="BB388" i="4"/>
  <c r="BC388" i="4"/>
  <c r="BD388" i="4"/>
  <c r="BE388" i="4"/>
  <c r="BF388" i="4"/>
  <c r="BG388" i="4"/>
  <c r="BH388" i="4"/>
  <c r="BI388" i="4"/>
  <c r="BJ388" i="4"/>
  <c r="BK388" i="4"/>
  <c r="BL388" i="4"/>
  <c r="BM388" i="4"/>
  <c r="BN388" i="4"/>
  <c r="BO388" i="4"/>
  <c r="BP388" i="4"/>
  <c r="BQ388" i="4"/>
  <c r="BR388" i="4"/>
  <c r="BS388" i="4"/>
  <c r="BT388" i="4"/>
  <c r="BU388" i="4"/>
  <c r="BV388" i="4"/>
  <c r="BW388" i="4"/>
  <c r="BX388" i="4"/>
  <c r="BZ388" i="4"/>
  <c r="CA388" i="4"/>
  <c r="CB388" i="4"/>
  <c r="CC388" i="4"/>
  <c r="AY389" i="4"/>
  <c r="AZ389" i="4"/>
  <c r="BA389" i="4"/>
  <c r="BB389" i="4"/>
  <c r="BC389" i="4"/>
  <c r="BD389" i="4"/>
  <c r="BE389" i="4"/>
  <c r="BF389" i="4"/>
  <c r="BG389" i="4"/>
  <c r="BH389" i="4"/>
  <c r="BI389" i="4"/>
  <c r="BJ389" i="4"/>
  <c r="BK389" i="4"/>
  <c r="BL389" i="4"/>
  <c r="BM389" i="4"/>
  <c r="BN389" i="4"/>
  <c r="BO389" i="4"/>
  <c r="BP389" i="4"/>
  <c r="BQ389" i="4"/>
  <c r="BR389" i="4"/>
  <c r="BS389" i="4"/>
  <c r="BT389" i="4"/>
  <c r="BU389" i="4"/>
  <c r="BV389" i="4"/>
  <c r="BW389" i="4"/>
  <c r="BX389" i="4"/>
  <c r="BY389" i="4"/>
  <c r="BZ389" i="4"/>
  <c r="CA389" i="4"/>
  <c r="CB389" i="4"/>
  <c r="CC389" i="4"/>
  <c r="AY390" i="4"/>
  <c r="AZ390" i="4"/>
  <c r="BA390" i="4"/>
  <c r="BB390" i="4"/>
  <c r="BC390" i="4"/>
  <c r="BD390" i="4"/>
  <c r="BE390" i="4"/>
  <c r="BF390" i="4"/>
  <c r="BG390" i="4"/>
  <c r="BH390" i="4"/>
  <c r="BI390" i="4"/>
  <c r="BJ390" i="4"/>
  <c r="BK390" i="4"/>
  <c r="BL390" i="4"/>
  <c r="BM390" i="4"/>
  <c r="BN390" i="4"/>
  <c r="BO390" i="4"/>
  <c r="BP390" i="4"/>
  <c r="BQ390" i="4"/>
  <c r="BR390" i="4"/>
  <c r="BS390" i="4"/>
  <c r="BT390" i="4"/>
  <c r="BU390" i="4"/>
  <c r="BV390" i="4"/>
  <c r="BW390" i="4"/>
  <c r="BX390" i="4"/>
  <c r="BY390" i="4"/>
  <c r="BZ390" i="4"/>
  <c r="CA390" i="4"/>
  <c r="CB390" i="4"/>
  <c r="CC390" i="4"/>
  <c r="AY391" i="4"/>
  <c r="AZ391" i="4"/>
  <c r="BA391" i="4"/>
  <c r="BB391" i="4"/>
  <c r="BC391" i="4"/>
  <c r="BD391" i="4"/>
  <c r="BE391" i="4"/>
  <c r="BF391" i="4"/>
  <c r="BG391" i="4"/>
  <c r="BH391" i="4"/>
  <c r="BI391" i="4"/>
  <c r="BJ391" i="4"/>
  <c r="BK391" i="4"/>
  <c r="BL391" i="4"/>
  <c r="BM391" i="4"/>
  <c r="BN391" i="4"/>
  <c r="BO391" i="4"/>
  <c r="BP391" i="4"/>
  <c r="BQ391" i="4"/>
  <c r="BR391" i="4"/>
  <c r="BS391" i="4"/>
  <c r="BT391" i="4"/>
  <c r="BU391" i="4"/>
  <c r="BV391" i="4"/>
  <c r="BW391" i="4"/>
  <c r="BX391" i="4"/>
  <c r="BY391" i="4"/>
  <c r="BZ391" i="4"/>
  <c r="CA391" i="4"/>
  <c r="CB391" i="4"/>
  <c r="CC391" i="4"/>
  <c r="AY392" i="4"/>
  <c r="AZ392" i="4"/>
  <c r="BA392" i="4"/>
  <c r="BB392" i="4"/>
  <c r="BC392" i="4"/>
  <c r="BD392" i="4"/>
  <c r="BE392" i="4"/>
  <c r="BF392" i="4"/>
  <c r="BG392" i="4"/>
  <c r="BH392" i="4"/>
  <c r="BI392" i="4"/>
  <c r="BJ392" i="4"/>
  <c r="BK392" i="4"/>
  <c r="BL392" i="4"/>
  <c r="BM392" i="4"/>
  <c r="BN392" i="4"/>
  <c r="BO392" i="4"/>
  <c r="BP392" i="4"/>
  <c r="BQ392" i="4"/>
  <c r="BR392" i="4"/>
  <c r="BS392" i="4"/>
  <c r="BT392" i="4"/>
  <c r="BU392" i="4"/>
  <c r="BV392" i="4"/>
  <c r="BW392" i="4"/>
  <c r="BX392" i="4"/>
  <c r="BY392" i="4"/>
  <c r="BZ392" i="4"/>
  <c r="CA392" i="4"/>
  <c r="CB392" i="4"/>
  <c r="CC392" i="4"/>
  <c r="AY393" i="4"/>
  <c r="AZ393" i="4"/>
  <c r="BA393" i="4"/>
  <c r="BB393" i="4"/>
  <c r="BC393" i="4"/>
  <c r="BD393" i="4"/>
  <c r="BE393" i="4"/>
  <c r="BF393" i="4"/>
  <c r="BG393" i="4"/>
  <c r="BH393" i="4"/>
  <c r="BI393" i="4"/>
  <c r="BJ393" i="4"/>
  <c r="BK393" i="4"/>
  <c r="BL393" i="4"/>
  <c r="BM393" i="4"/>
  <c r="BN393" i="4"/>
  <c r="BO393" i="4"/>
  <c r="BP393" i="4"/>
  <c r="BQ393" i="4"/>
  <c r="BR393" i="4"/>
  <c r="BS393" i="4"/>
  <c r="BT393" i="4"/>
  <c r="BU393" i="4"/>
  <c r="BV393" i="4"/>
  <c r="BW393" i="4"/>
  <c r="BX393" i="4"/>
  <c r="BZ393" i="4"/>
  <c r="CA393" i="4"/>
  <c r="CB393" i="4"/>
  <c r="CC393" i="4"/>
  <c r="AY394" i="4"/>
  <c r="AZ394" i="4"/>
  <c r="BA394" i="4"/>
  <c r="BB394" i="4"/>
  <c r="BC394" i="4"/>
  <c r="BD394" i="4"/>
  <c r="BE394" i="4"/>
  <c r="BF394" i="4"/>
  <c r="BG394" i="4"/>
  <c r="BH394" i="4"/>
  <c r="BI394" i="4"/>
  <c r="BJ394" i="4"/>
  <c r="BK394" i="4"/>
  <c r="BL394" i="4"/>
  <c r="BM394" i="4"/>
  <c r="BN394" i="4"/>
  <c r="BO394" i="4"/>
  <c r="BP394" i="4"/>
  <c r="BQ394" i="4"/>
  <c r="BR394" i="4"/>
  <c r="BS394" i="4"/>
  <c r="BT394" i="4"/>
  <c r="BU394" i="4"/>
  <c r="BV394" i="4"/>
  <c r="BW394" i="4"/>
  <c r="BX394" i="4"/>
  <c r="BY394" i="4"/>
  <c r="CA394" i="4"/>
  <c r="CB394" i="4"/>
  <c r="CC394" i="4"/>
  <c r="AY395" i="4"/>
  <c r="AZ395" i="4"/>
  <c r="BA395" i="4"/>
  <c r="BB395" i="4"/>
  <c r="BC395" i="4"/>
  <c r="BD395" i="4"/>
  <c r="BE395" i="4"/>
  <c r="BF395" i="4"/>
  <c r="BG395" i="4"/>
  <c r="BH395" i="4"/>
  <c r="BI395" i="4"/>
  <c r="BJ395" i="4"/>
  <c r="BK395" i="4"/>
  <c r="BL395" i="4"/>
  <c r="BM395" i="4"/>
  <c r="BN395" i="4"/>
  <c r="BO395" i="4"/>
  <c r="BP395" i="4"/>
  <c r="BQ395" i="4"/>
  <c r="BR395" i="4"/>
  <c r="BS395" i="4"/>
  <c r="BT395" i="4"/>
  <c r="BU395" i="4"/>
  <c r="BV395" i="4"/>
  <c r="BW395" i="4"/>
  <c r="BX395" i="4"/>
  <c r="BY395" i="4"/>
  <c r="CA395" i="4"/>
  <c r="CB395" i="4"/>
  <c r="CC395" i="4"/>
  <c r="AY396" i="4"/>
  <c r="AZ396" i="4"/>
  <c r="BA396" i="4"/>
  <c r="BB396" i="4"/>
  <c r="BC396" i="4"/>
  <c r="BD396" i="4"/>
  <c r="BE396" i="4"/>
  <c r="BF396" i="4"/>
  <c r="BG396" i="4"/>
  <c r="BH396" i="4"/>
  <c r="BI396" i="4"/>
  <c r="BJ396" i="4"/>
  <c r="BK396" i="4"/>
  <c r="BL396" i="4"/>
  <c r="BM396" i="4"/>
  <c r="BN396" i="4"/>
  <c r="BO396" i="4"/>
  <c r="BP396" i="4"/>
  <c r="BQ396" i="4"/>
  <c r="BR396" i="4"/>
  <c r="BS396" i="4"/>
  <c r="BT396" i="4"/>
  <c r="BU396" i="4"/>
  <c r="BV396" i="4"/>
  <c r="BW396" i="4"/>
  <c r="BX396" i="4"/>
  <c r="BY396" i="4"/>
  <c r="CA396" i="4"/>
  <c r="CB396" i="4"/>
  <c r="CC396" i="4"/>
  <c r="AY397" i="4"/>
  <c r="AZ397" i="4"/>
  <c r="BA397" i="4"/>
  <c r="BB397" i="4"/>
  <c r="BC397" i="4"/>
  <c r="BD397" i="4"/>
  <c r="BE397" i="4"/>
  <c r="BF397" i="4"/>
  <c r="BG397" i="4"/>
  <c r="BH397" i="4"/>
  <c r="BI397" i="4"/>
  <c r="BJ397" i="4"/>
  <c r="BK397" i="4"/>
  <c r="BL397" i="4"/>
  <c r="BM397" i="4"/>
  <c r="BN397" i="4"/>
  <c r="BO397" i="4"/>
  <c r="BP397" i="4"/>
  <c r="BQ397" i="4"/>
  <c r="BR397" i="4"/>
  <c r="BS397" i="4"/>
  <c r="BT397" i="4"/>
  <c r="BU397" i="4"/>
  <c r="BV397" i="4"/>
  <c r="BW397" i="4"/>
  <c r="BX397" i="4"/>
  <c r="BY397" i="4"/>
  <c r="BZ397" i="4"/>
  <c r="CA397" i="4"/>
  <c r="CB397" i="4"/>
  <c r="CC397" i="4"/>
  <c r="AY398" i="4"/>
  <c r="AZ398" i="4"/>
  <c r="BA398" i="4"/>
  <c r="BB398" i="4"/>
  <c r="BC398" i="4"/>
  <c r="BD398" i="4"/>
  <c r="BE398" i="4"/>
  <c r="BF398" i="4"/>
  <c r="BG398" i="4"/>
  <c r="BH398" i="4"/>
  <c r="BI398" i="4"/>
  <c r="BJ398" i="4"/>
  <c r="BK398" i="4"/>
  <c r="BL398" i="4"/>
  <c r="BM398" i="4"/>
  <c r="BN398" i="4"/>
  <c r="BO398" i="4"/>
  <c r="BP398" i="4"/>
  <c r="BQ398" i="4"/>
  <c r="BR398" i="4"/>
  <c r="BS398" i="4"/>
  <c r="BT398" i="4"/>
  <c r="BU398" i="4"/>
  <c r="BV398" i="4"/>
  <c r="BW398" i="4"/>
  <c r="BX398" i="4"/>
  <c r="BY398" i="4"/>
  <c r="BZ398" i="4"/>
  <c r="CA398" i="4"/>
  <c r="CB398" i="4"/>
  <c r="CC398" i="4"/>
  <c r="AY399" i="4"/>
  <c r="AZ399" i="4"/>
  <c r="BA399" i="4"/>
  <c r="BB399" i="4"/>
  <c r="BC399" i="4"/>
  <c r="BD399" i="4"/>
  <c r="BE399" i="4"/>
  <c r="BF399" i="4"/>
  <c r="BG399" i="4"/>
  <c r="BH399" i="4"/>
  <c r="BI399" i="4"/>
  <c r="BJ399" i="4"/>
  <c r="BK399" i="4"/>
  <c r="BL399" i="4"/>
  <c r="BM399" i="4"/>
  <c r="BN399" i="4"/>
  <c r="BO399" i="4"/>
  <c r="BP399" i="4"/>
  <c r="BQ399" i="4"/>
  <c r="BR399" i="4"/>
  <c r="BS399" i="4"/>
  <c r="BT399" i="4"/>
  <c r="BU399" i="4"/>
  <c r="BV399" i="4"/>
  <c r="BW399" i="4"/>
  <c r="BX399" i="4"/>
  <c r="BY399" i="4"/>
  <c r="BZ399" i="4"/>
  <c r="CA399" i="4"/>
  <c r="CB399" i="4"/>
  <c r="CC399" i="4"/>
  <c r="AY400" i="4"/>
  <c r="AZ400" i="4"/>
  <c r="BA400" i="4"/>
  <c r="BB400" i="4"/>
  <c r="BC400" i="4"/>
  <c r="BD400" i="4"/>
  <c r="BE400" i="4"/>
  <c r="BF400" i="4"/>
  <c r="BG400" i="4"/>
  <c r="BH400" i="4"/>
  <c r="BI400" i="4"/>
  <c r="BJ400" i="4"/>
  <c r="BK400" i="4"/>
  <c r="BL400" i="4"/>
  <c r="BM400" i="4"/>
  <c r="BN400" i="4"/>
  <c r="BO400" i="4"/>
  <c r="BP400" i="4"/>
  <c r="BQ400" i="4"/>
  <c r="BR400" i="4"/>
  <c r="BS400" i="4"/>
  <c r="BT400" i="4"/>
  <c r="BU400" i="4"/>
  <c r="BV400" i="4"/>
  <c r="BW400" i="4"/>
  <c r="BX400" i="4"/>
  <c r="BY400" i="4"/>
  <c r="BZ400" i="4"/>
  <c r="CA400" i="4"/>
  <c r="CB400" i="4"/>
  <c r="CC400" i="4"/>
  <c r="AY401" i="4"/>
  <c r="AZ401" i="4"/>
  <c r="BA401" i="4"/>
  <c r="BB401" i="4"/>
  <c r="BC401" i="4"/>
  <c r="BD401" i="4"/>
  <c r="BE401" i="4"/>
  <c r="BF401" i="4"/>
  <c r="BG401" i="4"/>
  <c r="BH401" i="4"/>
  <c r="BI401" i="4"/>
  <c r="BJ401" i="4"/>
  <c r="BK401" i="4"/>
  <c r="BL401" i="4"/>
  <c r="BM401" i="4"/>
  <c r="BN401" i="4"/>
  <c r="BO401" i="4"/>
  <c r="BP401" i="4"/>
  <c r="BQ401" i="4"/>
  <c r="BR401" i="4"/>
  <c r="BS401" i="4"/>
  <c r="BT401" i="4"/>
  <c r="BU401" i="4"/>
  <c r="BV401" i="4"/>
  <c r="BW401" i="4"/>
  <c r="BX401" i="4"/>
  <c r="BY401" i="4"/>
  <c r="CA401" i="4"/>
  <c r="CB401" i="4"/>
  <c r="CC401" i="4"/>
  <c r="AZ402" i="4"/>
  <c r="BA402" i="4"/>
  <c r="BB402" i="4"/>
  <c r="BC402" i="4"/>
  <c r="BD402" i="4"/>
  <c r="BE402" i="4"/>
  <c r="BF402" i="4"/>
  <c r="BG402" i="4"/>
  <c r="BH402" i="4"/>
  <c r="BI402" i="4"/>
  <c r="BJ402" i="4"/>
  <c r="BK402" i="4"/>
  <c r="BL402" i="4"/>
  <c r="BM402" i="4"/>
  <c r="BN402" i="4"/>
  <c r="BO402" i="4"/>
  <c r="BP402" i="4"/>
  <c r="BQ402" i="4"/>
  <c r="BR402" i="4"/>
  <c r="BS402" i="4"/>
  <c r="BT402" i="4"/>
  <c r="BU402" i="4"/>
  <c r="BV402" i="4"/>
  <c r="BW402" i="4"/>
  <c r="BX402" i="4"/>
  <c r="BY402" i="4"/>
  <c r="BZ402" i="4"/>
  <c r="CA402" i="4"/>
  <c r="CB402" i="4"/>
  <c r="CC402" i="4"/>
  <c r="AZ403" i="4"/>
  <c r="BA403" i="4"/>
  <c r="BB403" i="4"/>
  <c r="BC403" i="4"/>
  <c r="BD403" i="4"/>
  <c r="BE403" i="4"/>
  <c r="BF403" i="4"/>
  <c r="BG403" i="4"/>
  <c r="BH403" i="4"/>
  <c r="BI403" i="4"/>
  <c r="BJ403" i="4"/>
  <c r="BK403" i="4"/>
  <c r="BL403" i="4"/>
  <c r="BM403" i="4"/>
  <c r="BN403" i="4"/>
  <c r="BO403" i="4"/>
  <c r="BP403" i="4"/>
  <c r="BQ403" i="4"/>
  <c r="BR403" i="4"/>
  <c r="BS403" i="4"/>
  <c r="BT403" i="4"/>
  <c r="BU403" i="4"/>
  <c r="BV403" i="4"/>
  <c r="BW403" i="4"/>
  <c r="BX403" i="4"/>
  <c r="BY403" i="4"/>
  <c r="BZ403" i="4"/>
  <c r="CA403" i="4"/>
  <c r="CB403" i="4"/>
  <c r="CC403" i="4"/>
  <c r="AZ404" i="4"/>
  <c r="BA404" i="4"/>
  <c r="BB404" i="4"/>
  <c r="BC404" i="4"/>
  <c r="BD404" i="4"/>
  <c r="BE404" i="4"/>
  <c r="BF404" i="4"/>
  <c r="BG404" i="4"/>
  <c r="BH404" i="4"/>
  <c r="BI404" i="4"/>
  <c r="BJ404" i="4"/>
  <c r="BK404" i="4"/>
  <c r="BL404" i="4"/>
  <c r="BM404" i="4"/>
  <c r="BN404" i="4"/>
  <c r="BO404" i="4"/>
  <c r="BP404" i="4"/>
  <c r="BQ404" i="4"/>
  <c r="BR404" i="4"/>
  <c r="BS404" i="4"/>
  <c r="BT404" i="4"/>
  <c r="BU404" i="4"/>
  <c r="BV404" i="4"/>
  <c r="BW404" i="4"/>
  <c r="BX404" i="4"/>
  <c r="BY404" i="4"/>
  <c r="BZ404" i="4"/>
  <c r="CA404" i="4"/>
  <c r="CB404" i="4"/>
  <c r="CC404" i="4"/>
  <c r="AZ405" i="4"/>
  <c r="BA405" i="4"/>
  <c r="BB405" i="4"/>
  <c r="BC405" i="4"/>
  <c r="BD405" i="4"/>
  <c r="BE405" i="4"/>
  <c r="BF405" i="4"/>
  <c r="BG405" i="4"/>
  <c r="BH405" i="4"/>
  <c r="BI405" i="4"/>
  <c r="BJ405" i="4"/>
  <c r="BK405" i="4"/>
  <c r="BL405" i="4"/>
  <c r="BM405" i="4"/>
  <c r="BN405" i="4"/>
  <c r="BO405" i="4"/>
  <c r="BP405" i="4"/>
  <c r="BQ405" i="4"/>
  <c r="BR405" i="4"/>
  <c r="BS405" i="4"/>
  <c r="BT405" i="4"/>
  <c r="BU405" i="4"/>
  <c r="BV405" i="4"/>
  <c r="BW405" i="4"/>
  <c r="BX405" i="4"/>
  <c r="BY405" i="4"/>
  <c r="BZ405" i="4"/>
  <c r="CA405" i="4"/>
  <c r="CB405" i="4"/>
  <c r="CC405" i="4"/>
  <c r="AZ406" i="4"/>
  <c r="BA406" i="4"/>
  <c r="BB406" i="4"/>
  <c r="BC406" i="4"/>
  <c r="BD406" i="4"/>
  <c r="BE406" i="4"/>
  <c r="BF406" i="4"/>
  <c r="BG406" i="4"/>
  <c r="BH406" i="4"/>
  <c r="BI406" i="4"/>
  <c r="BJ406" i="4"/>
  <c r="BK406" i="4"/>
  <c r="BL406" i="4"/>
  <c r="BM406" i="4"/>
  <c r="BN406" i="4"/>
  <c r="BO406" i="4"/>
  <c r="BP406" i="4"/>
  <c r="BQ406" i="4"/>
  <c r="BR406" i="4"/>
  <c r="BS406" i="4"/>
  <c r="BT406" i="4"/>
  <c r="BU406" i="4"/>
  <c r="BV406" i="4"/>
  <c r="BW406" i="4"/>
  <c r="BX406" i="4"/>
  <c r="BY406" i="4"/>
  <c r="BZ406" i="4"/>
  <c r="CA406" i="4"/>
  <c r="CB406" i="4"/>
  <c r="CC406" i="4"/>
  <c r="AZ407" i="4"/>
  <c r="BA407" i="4"/>
  <c r="BB407" i="4"/>
  <c r="BC407" i="4"/>
  <c r="BD407" i="4"/>
  <c r="BE407" i="4"/>
  <c r="BF407" i="4"/>
  <c r="BG407" i="4"/>
  <c r="BH407" i="4"/>
  <c r="BI407" i="4"/>
  <c r="BJ407" i="4"/>
  <c r="BK407" i="4"/>
  <c r="BL407" i="4"/>
  <c r="BM407" i="4"/>
  <c r="BN407" i="4"/>
  <c r="BO407" i="4"/>
  <c r="BP407" i="4"/>
  <c r="BQ407" i="4"/>
  <c r="BR407" i="4"/>
  <c r="BS407" i="4"/>
  <c r="BT407" i="4"/>
  <c r="BU407" i="4"/>
  <c r="BV407" i="4"/>
  <c r="BW407" i="4"/>
  <c r="BX407" i="4"/>
  <c r="BY407" i="4"/>
  <c r="BZ407" i="4"/>
  <c r="CA407" i="4"/>
  <c r="CB407" i="4"/>
  <c r="CC407" i="4"/>
  <c r="AZ408" i="4"/>
  <c r="BA408" i="4"/>
  <c r="BB408" i="4"/>
  <c r="BC408" i="4"/>
  <c r="BD408" i="4"/>
  <c r="BE408" i="4"/>
  <c r="BF408" i="4"/>
  <c r="BG408" i="4"/>
  <c r="BH408" i="4"/>
  <c r="BI408" i="4"/>
  <c r="BJ408" i="4"/>
  <c r="BK408" i="4"/>
  <c r="BL408" i="4"/>
  <c r="BM408" i="4"/>
  <c r="BN408" i="4"/>
  <c r="BO408" i="4"/>
  <c r="BP408" i="4"/>
  <c r="BQ408" i="4"/>
  <c r="BR408" i="4"/>
  <c r="BS408" i="4"/>
  <c r="BT408" i="4"/>
  <c r="BU408" i="4"/>
  <c r="BV408" i="4"/>
  <c r="BW408" i="4"/>
  <c r="BX408" i="4"/>
  <c r="BY408" i="4"/>
  <c r="BZ408" i="4"/>
  <c r="CA408" i="4"/>
  <c r="CB408" i="4"/>
  <c r="CC408" i="4"/>
  <c r="AZ409" i="4"/>
  <c r="BA409" i="4"/>
  <c r="BB409" i="4"/>
  <c r="BC409" i="4"/>
  <c r="BD409" i="4"/>
  <c r="BE409" i="4"/>
  <c r="BF409" i="4"/>
  <c r="BG409" i="4"/>
  <c r="BH409" i="4"/>
  <c r="BI409" i="4"/>
  <c r="BJ409" i="4"/>
  <c r="BK409" i="4"/>
  <c r="BL409" i="4"/>
  <c r="BM409" i="4"/>
  <c r="BN409" i="4"/>
  <c r="BO409" i="4"/>
  <c r="BP409" i="4"/>
  <c r="BQ409" i="4"/>
  <c r="BR409" i="4"/>
  <c r="BS409" i="4"/>
  <c r="BT409" i="4"/>
  <c r="BU409" i="4"/>
  <c r="BV409" i="4"/>
  <c r="BW409" i="4"/>
  <c r="BX409" i="4"/>
  <c r="BY409" i="4"/>
  <c r="BZ409" i="4"/>
  <c r="CA409" i="4"/>
  <c r="CB409" i="4"/>
  <c r="CC409" i="4"/>
  <c r="AY410" i="4"/>
  <c r="AZ410" i="4"/>
  <c r="BB410" i="4"/>
  <c r="BC410" i="4"/>
  <c r="BD410" i="4"/>
  <c r="BE410" i="4"/>
  <c r="BF410" i="4"/>
  <c r="BG410" i="4"/>
  <c r="BH410" i="4"/>
  <c r="BI410" i="4"/>
  <c r="BJ410" i="4"/>
  <c r="BK410" i="4"/>
  <c r="BL410" i="4"/>
  <c r="BM410" i="4"/>
  <c r="BN410" i="4"/>
  <c r="BO410" i="4"/>
  <c r="BP410" i="4"/>
  <c r="BQ410" i="4"/>
  <c r="BR410" i="4"/>
  <c r="BS410" i="4"/>
  <c r="BT410" i="4"/>
  <c r="BU410" i="4"/>
  <c r="BV410" i="4"/>
  <c r="BW410" i="4"/>
  <c r="BX410" i="4"/>
  <c r="BY410" i="4"/>
  <c r="BZ410" i="4"/>
  <c r="CA410" i="4"/>
  <c r="CB410" i="4"/>
  <c r="CC410" i="4"/>
  <c r="AY411" i="4"/>
  <c r="AZ411" i="4"/>
  <c r="BB411" i="4"/>
  <c r="BC411" i="4"/>
  <c r="BD411" i="4"/>
  <c r="BE411" i="4"/>
  <c r="BF411" i="4"/>
  <c r="BG411" i="4"/>
  <c r="BH411" i="4"/>
  <c r="BI411" i="4"/>
  <c r="BJ411" i="4"/>
  <c r="BK411" i="4"/>
  <c r="BL411" i="4"/>
  <c r="BM411" i="4"/>
  <c r="BN411" i="4"/>
  <c r="BO411" i="4"/>
  <c r="BP411" i="4"/>
  <c r="BQ411" i="4"/>
  <c r="BR411" i="4"/>
  <c r="BS411" i="4"/>
  <c r="BT411" i="4"/>
  <c r="BU411" i="4"/>
  <c r="BV411" i="4"/>
  <c r="BW411" i="4"/>
  <c r="BX411" i="4"/>
  <c r="BY411" i="4"/>
  <c r="BZ411" i="4"/>
  <c r="CA411" i="4"/>
  <c r="CB411" i="4"/>
  <c r="CC411" i="4"/>
  <c r="AY412" i="4"/>
  <c r="AZ412" i="4"/>
  <c r="BB412" i="4"/>
  <c r="BC412" i="4"/>
  <c r="BD412" i="4"/>
  <c r="BE412" i="4"/>
  <c r="BF412" i="4"/>
  <c r="BG412" i="4"/>
  <c r="BH412" i="4"/>
  <c r="BI412" i="4"/>
  <c r="BJ412" i="4"/>
  <c r="BK412" i="4"/>
  <c r="BL412" i="4"/>
  <c r="BM412" i="4"/>
  <c r="BN412" i="4"/>
  <c r="BO412" i="4"/>
  <c r="BP412" i="4"/>
  <c r="BQ412" i="4"/>
  <c r="BR412" i="4"/>
  <c r="BS412" i="4"/>
  <c r="BT412" i="4"/>
  <c r="BU412" i="4"/>
  <c r="BV412" i="4"/>
  <c r="BW412" i="4"/>
  <c r="BX412" i="4"/>
  <c r="BY412" i="4"/>
  <c r="BZ412" i="4"/>
  <c r="CA412" i="4"/>
  <c r="CB412" i="4"/>
  <c r="CC412" i="4"/>
  <c r="AY413" i="4"/>
  <c r="AZ413" i="4"/>
  <c r="BB413" i="4"/>
  <c r="BC413" i="4"/>
  <c r="BD413" i="4"/>
  <c r="BE413" i="4"/>
  <c r="BF413" i="4"/>
  <c r="BG413" i="4"/>
  <c r="BH413" i="4"/>
  <c r="BI413" i="4"/>
  <c r="BJ413" i="4"/>
  <c r="BK413" i="4"/>
  <c r="BL413" i="4"/>
  <c r="BM413" i="4"/>
  <c r="BN413" i="4"/>
  <c r="BO413" i="4"/>
  <c r="BP413" i="4"/>
  <c r="BQ413" i="4"/>
  <c r="BR413" i="4"/>
  <c r="BS413" i="4"/>
  <c r="BT413" i="4"/>
  <c r="BU413" i="4"/>
  <c r="BV413" i="4"/>
  <c r="BW413" i="4"/>
  <c r="BX413" i="4"/>
  <c r="BY413" i="4"/>
  <c r="BZ413" i="4"/>
  <c r="CA413" i="4"/>
  <c r="CB413" i="4"/>
  <c r="CC413" i="4"/>
  <c r="AY414" i="4"/>
  <c r="AZ414" i="4"/>
  <c r="BB414" i="4"/>
  <c r="BC414" i="4"/>
  <c r="BD414" i="4"/>
  <c r="BE414" i="4"/>
  <c r="BF414" i="4"/>
  <c r="BG414" i="4"/>
  <c r="BH414" i="4"/>
  <c r="BI414" i="4"/>
  <c r="BJ414" i="4"/>
  <c r="BK414" i="4"/>
  <c r="BL414" i="4"/>
  <c r="BM414" i="4"/>
  <c r="BN414" i="4"/>
  <c r="BO414" i="4"/>
  <c r="BP414" i="4"/>
  <c r="BQ414" i="4"/>
  <c r="BR414" i="4"/>
  <c r="BS414" i="4"/>
  <c r="BT414" i="4"/>
  <c r="BU414" i="4"/>
  <c r="BV414" i="4"/>
  <c r="BW414" i="4"/>
  <c r="BX414" i="4"/>
  <c r="BY414" i="4"/>
  <c r="BZ414" i="4"/>
  <c r="CA414" i="4"/>
  <c r="CB414" i="4"/>
  <c r="CC414" i="4"/>
  <c r="AY415" i="4"/>
  <c r="AZ415" i="4"/>
  <c r="BB415" i="4"/>
  <c r="BC415" i="4"/>
  <c r="BD415" i="4"/>
  <c r="BE415" i="4"/>
  <c r="BF415" i="4"/>
  <c r="BG415" i="4"/>
  <c r="BH415" i="4"/>
  <c r="BI415" i="4"/>
  <c r="BJ415" i="4"/>
  <c r="BK415" i="4"/>
  <c r="BL415" i="4"/>
  <c r="BM415" i="4"/>
  <c r="BN415" i="4"/>
  <c r="BO415" i="4"/>
  <c r="BP415" i="4"/>
  <c r="BQ415" i="4"/>
  <c r="BR415" i="4"/>
  <c r="BS415" i="4"/>
  <c r="BT415" i="4"/>
  <c r="BU415" i="4"/>
  <c r="BV415" i="4"/>
  <c r="BW415" i="4"/>
  <c r="BX415" i="4"/>
  <c r="BY415" i="4"/>
  <c r="BZ415" i="4"/>
  <c r="CA415" i="4"/>
  <c r="CB415" i="4"/>
  <c r="CC415" i="4"/>
  <c r="AY416" i="4"/>
  <c r="AZ416" i="4"/>
  <c r="BA416" i="4"/>
  <c r="BB416" i="4"/>
  <c r="BC416" i="4"/>
  <c r="BD416" i="4"/>
  <c r="BE416" i="4"/>
  <c r="BF416" i="4"/>
  <c r="BG416" i="4"/>
  <c r="BH416" i="4"/>
  <c r="BI416" i="4"/>
  <c r="BJ416" i="4"/>
  <c r="BK416" i="4"/>
  <c r="BL416" i="4"/>
  <c r="BM416" i="4"/>
  <c r="BN416" i="4"/>
  <c r="BO416" i="4"/>
  <c r="BP416" i="4"/>
  <c r="BQ416" i="4"/>
  <c r="BR416" i="4"/>
  <c r="BS416" i="4"/>
  <c r="BT416" i="4"/>
  <c r="BU416" i="4"/>
  <c r="BV416" i="4"/>
  <c r="BW416" i="4"/>
  <c r="BX416" i="4"/>
  <c r="BY416" i="4"/>
  <c r="BZ416" i="4"/>
  <c r="CA416" i="4"/>
  <c r="CB416" i="4"/>
  <c r="CC416" i="4"/>
  <c r="AY417" i="4"/>
  <c r="AZ417" i="4"/>
  <c r="BB417" i="4"/>
  <c r="BC417" i="4"/>
  <c r="BD417" i="4"/>
  <c r="BE417" i="4"/>
  <c r="BF417" i="4"/>
  <c r="BG417" i="4"/>
  <c r="BH417" i="4"/>
  <c r="BI417" i="4"/>
  <c r="BJ417" i="4"/>
  <c r="BK417" i="4"/>
  <c r="BL417" i="4"/>
  <c r="BM417" i="4"/>
  <c r="BN417" i="4"/>
  <c r="BO417" i="4"/>
  <c r="BP417" i="4"/>
  <c r="BQ417" i="4"/>
  <c r="BR417" i="4"/>
  <c r="BS417" i="4"/>
  <c r="BT417" i="4"/>
  <c r="BU417" i="4"/>
  <c r="BV417" i="4"/>
  <c r="BW417" i="4"/>
  <c r="BX417" i="4"/>
  <c r="BY417" i="4"/>
  <c r="BZ417" i="4"/>
  <c r="CA417" i="4"/>
  <c r="CB417" i="4"/>
  <c r="CC417" i="4"/>
  <c r="AY418" i="4"/>
  <c r="AZ418" i="4"/>
  <c r="BA418" i="4"/>
  <c r="BC418" i="4"/>
  <c r="BD418" i="4"/>
  <c r="BE418" i="4"/>
  <c r="BF418" i="4"/>
  <c r="BG418" i="4"/>
  <c r="BH418" i="4"/>
  <c r="BI418" i="4"/>
  <c r="BJ418" i="4"/>
  <c r="BK418" i="4"/>
  <c r="BL418" i="4"/>
  <c r="BM418" i="4"/>
  <c r="BN418" i="4"/>
  <c r="BO418" i="4"/>
  <c r="BP418" i="4"/>
  <c r="BQ418" i="4"/>
  <c r="BR418" i="4"/>
  <c r="BS418" i="4"/>
  <c r="BT418" i="4"/>
  <c r="BU418" i="4"/>
  <c r="BV418" i="4"/>
  <c r="BW418" i="4"/>
  <c r="BX418" i="4"/>
  <c r="BY418" i="4"/>
  <c r="BZ418" i="4"/>
  <c r="CA418" i="4"/>
  <c r="CB418" i="4"/>
  <c r="CC418" i="4"/>
  <c r="AY419" i="4"/>
  <c r="AZ419" i="4"/>
  <c r="BA419" i="4"/>
  <c r="BC419" i="4"/>
  <c r="BD419" i="4"/>
  <c r="BE419" i="4"/>
  <c r="BF419" i="4"/>
  <c r="BG419" i="4"/>
  <c r="BH419" i="4"/>
  <c r="BI419" i="4"/>
  <c r="BJ419" i="4"/>
  <c r="BK419" i="4"/>
  <c r="BL419" i="4"/>
  <c r="BM419" i="4"/>
  <c r="BN419" i="4"/>
  <c r="BO419" i="4"/>
  <c r="BP419" i="4"/>
  <c r="BQ419" i="4"/>
  <c r="BR419" i="4"/>
  <c r="BS419" i="4"/>
  <c r="BT419" i="4"/>
  <c r="BU419" i="4"/>
  <c r="BV419" i="4"/>
  <c r="BW419" i="4"/>
  <c r="BX419" i="4"/>
  <c r="BY419" i="4"/>
  <c r="BZ419" i="4"/>
  <c r="CA419" i="4"/>
  <c r="CB419" i="4"/>
  <c r="CC419" i="4"/>
  <c r="AY420" i="4"/>
  <c r="AZ420" i="4"/>
  <c r="BA420" i="4"/>
  <c r="BC420" i="4"/>
  <c r="BD420" i="4"/>
  <c r="BE420" i="4"/>
  <c r="BF420" i="4"/>
  <c r="BG420" i="4"/>
  <c r="BH420" i="4"/>
  <c r="BI420" i="4"/>
  <c r="BJ420" i="4"/>
  <c r="BK420" i="4"/>
  <c r="BL420" i="4"/>
  <c r="BM420" i="4"/>
  <c r="BN420" i="4"/>
  <c r="BO420" i="4"/>
  <c r="BP420" i="4"/>
  <c r="BQ420" i="4"/>
  <c r="BR420" i="4"/>
  <c r="BS420" i="4"/>
  <c r="BT420" i="4"/>
  <c r="BU420" i="4"/>
  <c r="BV420" i="4"/>
  <c r="BW420" i="4"/>
  <c r="BX420" i="4"/>
  <c r="BY420" i="4"/>
  <c r="BZ420" i="4"/>
  <c r="CA420" i="4"/>
  <c r="CB420" i="4"/>
  <c r="CC420" i="4"/>
  <c r="AY421" i="4"/>
  <c r="AZ421" i="4"/>
  <c r="BA421" i="4"/>
  <c r="BC421" i="4"/>
  <c r="BD421" i="4"/>
  <c r="BE421" i="4"/>
  <c r="BF421" i="4"/>
  <c r="BG421" i="4"/>
  <c r="BH421" i="4"/>
  <c r="BI421" i="4"/>
  <c r="BJ421" i="4"/>
  <c r="BK421" i="4"/>
  <c r="BL421" i="4"/>
  <c r="BM421" i="4"/>
  <c r="BN421" i="4"/>
  <c r="BO421" i="4"/>
  <c r="BP421" i="4"/>
  <c r="BQ421" i="4"/>
  <c r="BR421" i="4"/>
  <c r="BS421" i="4"/>
  <c r="BT421" i="4"/>
  <c r="BU421" i="4"/>
  <c r="BV421" i="4"/>
  <c r="BW421" i="4"/>
  <c r="BX421" i="4"/>
  <c r="BY421" i="4"/>
  <c r="BZ421" i="4"/>
  <c r="CA421" i="4"/>
  <c r="CB421" i="4"/>
  <c r="CC421" i="4"/>
  <c r="AY422" i="4"/>
  <c r="AZ422" i="4"/>
  <c r="BA422" i="4"/>
  <c r="BC422" i="4"/>
  <c r="BD422" i="4"/>
  <c r="BE422" i="4"/>
  <c r="BF422" i="4"/>
  <c r="BG422" i="4"/>
  <c r="BH422" i="4"/>
  <c r="BI422" i="4"/>
  <c r="BJ422" i="4"/>
  <c r="BK422" i="4"/>
  <c r="BL422" i="4"/>
  <c r="BM422" i="4"/>
  <c r="BN422" i="4"/>
  <c r="BO422" i="4"/>
  <c r="BP422" i="4"/>
  <c r="BQ422" i="4"/>
  <c r="BR422" i="4"/>
  <c r="BS422" i="4"/>
  <c r="BT422" i="4"/>
  <c r="BU422" i="4"/>
  <c r="BV422" i="4"/>
  <c r="BW422" i="4"/>
  <c r="BX422" i="4"/>
  <c r="BY422" i="4"/>
  <c r="BZ422" i="4"/>
  <c r="CA422" i="4"/>
  <c r="CB422" i="4"/>
  <c r="CC422" i="4"/>
  <c r="AY423" i="4"/>
  <c r="AZ423" i="4"/>
  <c r="BA423" i="4"/>
  <c r="BC423" i="4"/>
  <c r="BD423" i="4"/>
  <c r="BE423" i="4"/>
  <c r="BF423" i="4"/>
  <c r="BG423" i="4"/>
  <c r="BH423" i="4"/>
  <c r="BI423" i="4"/>
  <c r="BJ423" i="4"/>
  <c r="BK423" i="4"/>
  <c r="BL423" i="4"/>
  <c r="BM423" i="4"/>
  <c r="BN423" i="4"/>
  <c r="BO423" i="4"/>
  <c r="BP423" i="4"/>
  <c r="BQ423" i="4"/>
  <c r="BR423" i="4"/>
  <c r="BS423" i="4"/>
  <c r="BT423" i="4"/>
  <c r="BU423" i="4"/>
  <c r="BV423" i="4"/>
  <c r="BW423" i="4"/>
  <c r="BX423" i="4"/>
  <c r="BY423" i="4"/>
  <c r="BZ423" i="4"/>
  <c r="CA423" i="4"/>
  <c r="CB423" i="4"/>
  <c r="CC423" i="4"/>
  <c r="AY424" i="4"/>
  <c r="AZ424" i="4"/>
  <c r="BA424" i="4"/>
  <c r="BB424" i="4"/>
  <c r="BC424" i="4"/>
  <c r="BD424" i="4"/>
  <c r="BE424" i="4"/>
  <c r="BF424" i="4"/>
  <c r="BG424" i="4"/>
  <c r="BH424" i="4"/>
  <c r="BI424" i="4"/>
  <c r="BJ424" i="4"/>
  <c r="BK424" i="4"/>
  <c r="BL424" i="4"/>
  <c r="BM424" i="4"/>
  <c r="BN424" i="4"/>
  <c r="BO424" i="4"/>
  <c r="BP424" i="4"/>
  <c r="BQ424" i="4"/>
  <c r="BR424" i="4"/>
  <c r="BS424" i="4"/>
  <c r="BT424" i="4"/>
  <c r="BU424" i="4"/>
  <c r="BV424" i="4"/>
  <c r="BW424" i="4"/>
  <c r="BX424" i="4"/>
  <c r="BY424" i="4"/>
  <c r="BZ424" i="4"/>
  <c r="CA424" i="4"/>
  <c r="CB424" i="4"/>
  <c r="CC424" i="4"/>
  <c r="AY425" i="4"/>
  <c r="AZ425" i="4"/>
  <c r="BA425" i="4"/>
  <c r="BC425" i="4"/>
  <c r="BD425" i="4"/>
  <c r="BE425" i="4"/>
  <c r="BF425" i="4"/>
  <c r="BG425" i="4"/>
  <c r="BH425" i="4"/>
  <c r="BI425" i="4"/>
  <c r="BJ425" i="4"/>
  <c r="BK425" i="4"/>
  <c r="BL425" i="4"/>
  <c r="BM425" i="4"/>
  <c r="BN425" i="4"/>
  <c r="BO425" i="4"/>
  <c r="BP425" i="4"/>
  <c r="BQ425" i="4"/>
  <c r="BR425" i="4"/>
  <c r="BS425" i="4"/>
  <c r="BT425" i="4"/>
  <c r="BU425" i="4"/>
  <c r="BV425" i="4"/>
  <c r="BW425" i="4"/>
  <c r="BX425" i="4"/>
  <c r="BY425" i="4"/>
  <c r="BZ425" i="4"/>
  <c r="CA425" i="4"/>
  <c r="CB425" i="4"/>
  <c r="CC425" i="4"/>
  <c r="AY426" i="4"/>
  <c r="BA426" i="4"/>
  <c r="BB426" i="4"/>
  <c r="BC426" i="4"/>
  <c r="BD426" i="4"/>
  <c r="BE426" i="4"/>
  <c r="BF426" i="4"/>
  <c r="BG426" i="4"/>
  <c r="BH426" i="4"/>
  <c r="BI426" i="4"/>
  <c r="BJ426" i="4"/>
  <c r="BK426" i="4"/>
  <c r="BL426" i="4"/>
  <c r="BM426" i="4"/>
  <c r="BN426" i="4"/>
  <c r="BO426" i="4"/>
  <c r="BP426" i="4"/>
  <c r="BQ426" i="4"/>
  <c r="BR426" i="4"/>
  <c r="BS426" i="4"/>
  <c r="BT426" i="4"/>
  <c r="BU426" i="4"/>
  <c r="BV426" i="4"/>
  <c r="BW426" i="4"/>
  <c r="BX426" i="4"/>
  <c r="BY426" i="4"/>
  <c r="BZ426" i="4"/>
  <c r="CA426" i="4"/>
  <c r="CB426" i="4"/>
  <c r="CC426" i="4"/>
  <c r="AY427" i="4"/>
  <c r="BA427" i="4"/>
  <c r="BB427" i="4"/>
  <c r="BC427" i="4"/>
  <c r="BD427" i="4"/>
  <c r="BE427" i="4"/>
  <c r="BF427" i="4"/>
  <c r="BG427" i="4"/>
  <c r="BH427" i="4"/>
  <c r="BI427" i="4"/>
  <c r="BJ427" i="4"/>
  <c r="BK427" i="4"/>
  <c r="BL427" i="4"/>
  <c r="BM427" i="4"/>
  <c r="BN427" i="4"/>
  <c r="BO427" i="4"/>
  <c r="BP427" i="4"/>
  <c r="BQ427" i="4"/>
  <c r="BR427" i="4"/>
  <c r="BS427" i="4"/>
  <c r="BT427" i="4"/>
  <c r="BU427" i="4"/>
  <c r="BV427" i="4"/>
  <c r="BW427" i="4"/>
  <c r="BX427" i="4"/>
  <c r="BY427" i="4"/>
  <c r="BZ427" i="4"/>
  <c r="CA427" i="4"/>
  <c r="CB427" i="4"/>
  <c r="CC427" i="4"/>
  <c r="AY428" i="4"/>
  <c r="BA428" i="4"/>
  <c r="BB428" i="4"/>
  <c r="BC428" i="4"/>
  <c r="BD428" i="4"/>
  <c r="BE428" i="4"/>
  <c r="BF428" i="4"/>
  <c r="BG428" i="4"/>
  <c r="BH428" i="4"/>
  <c r="BI428" i="4"/>
  <c r="BJ428" i="4"/>
  <c r="BK428" i="4"/>
  <c r="BL428" i="4"/>
  <c r="BM428" i="4"/>
  <c r="BN428" i="4"/>
  <c r="BO428" i="4"/>
  <c r="BP428" i="4"/>
  <c r="BQ428" i="4"/>
  <c r="BR428" i="4"/>
  <c r="BS428" i="4"/>
  <c r="BT428" i="4"/>
  <c r="BU428" i="4"/>
  <c r="BV428" i="4"/>
  <c r="BW428" i="4"/>
  <c r="BX428" i="4"/>
  <c r="BY428" i="4"/>
  <c r="BZ428" i="4"/>
  <c r="CA428" i="4"/>
  <c r="CB428" i="4"/>
  <c r="CC428" i="4"/>
  <c r="AY429" i="4"/>
  <c r="BA429" i="4"/>
  <c r="BB429" i="4"/>
  <c r="BC429" i="4"/>
  <c r="BD429" i="4"/>
  <c r="BE429" i="4"/>
  <c r="BF429" i="4"/>
  <c r="BG429" i="4"/>
  <c r="BH429" i="4"/>
  <c r="BI429" i="4"/>
  <c r="BJ429" i="4"/>
  <c r="BK429" i="4"/>
  <c r="BL429" i="4"/>
  <c r="BM429" i="4"/>
  <c r="BN429" i="4"/>
  <c r="BO429" i="4"/>
  <c r="BP429" i="4"/>
  <c r="BQ429" i="4"/>
  <c r="BR429" i="4"/>
  <c r="BS429" i="4"/>
  <c r="BT429" i="4"/>
  <c r="BU429" i="4"/>
  <c r="BV429" i="4"/>
  <c r="BW429" i="4"/>
  <c r="BX429" i="4"/>
  <c r="BY429" i="4"/>
  <c r="BZ429" i="4"/>
  <c r="CA429" i="4"/>
  <c r="CB429" i="4"/>
  <c r="CC429" i="4"/>
  <c r="AY430" i="4"/>
  <c r="BA430" i="4"/>
  <c r="BB430" i="4"/>
  <c r="BC430" i="4"/>
  <c r="BD430" i="4"/>
  <c r="BE430" i="4"/>
  <c r="BF430" i="4"/>
  <c r="BG430" i="4"/>
  <c r="BH430" i="4"/>
  <c r="BI430" i="4"/>
  <c r="BJ430" i="4"/>
  <c r="BK430" i="4"/>
  <c r="BL430" i="4"/>
  <c r="BM430" i="4"/>
  <c r="BN430" i="4"/>
  <c r="BO430" i="4"/>
  <c r="BP430" i="4"/>
  <c r="BQ430" i="4"/>
  <c r="BR430" i="4"/>
  <c r="BS430" i="4"/>
  <c r="BT430" i="4"/>
  <c r="BU430" i="4"/>
  <c r="BV430" i="4"/>
  <c r="BW430" i="4"/>
  <c r="BX430" i="4"/>
  <c r="BY430" i="4"/>
  <c r="BZ430" i="4"/>
  <c r="CA430" i="4"/>
  <c r="CB430" i="4"/>
  <c r="CC430" i="4"/>
  <c r="AY431" i="4"/>
  <c r="BA431" i="4"/>
  <c r="BB431" i="4"/>
  <c r="BC431" i="4"/>
  <c r="BD431" i="4"/>
  <c r="BE431" i="4"/>
  <c r="BF431" i="4"/>
  <c r="BG431" i="4"/>
  <c r="BH431" i="4"/>
  <c r="BI431" i="4"/>
  <c r="BJ431" i="4"/>
  <c r="BK431" i="4"/>
  <c r="BL431" i="4"/>
  <c r="BM431" i="4"/>
  <c r="BN431" i="4"/>
  <c r="BO431" i="4"/>
  <c r="BP431" i="4"/>
  <c r="BQ431" i="4"/>
  <c r="BR431" i="4"/>
  <c r="BS431" i="4"/>
  <c r="BT431" i="4"/>
  <c r="BU431" i="4"/>
  <c r="BV431" i="4"/>
  <c r="BW431" i="4"/>
  <c r="BX431" i="4"/>
  <c r="BY431" i="4"/>
  <c r="BZ431" i="4"/>
  <c r="CA431" i="4"/>
  <c r="CB431" i="4"/>
  <c r="CC431" i="4"/>
  <c r="AY432" i="4"/>
  <c r="AZ432" i="4"/>
  <c r="BA432" i="4"/>
  <c r="BB432" i="4"/>
  <c r="BC432" i="4"/>
  <c r="BD432" i="4"/>
  <c r="BE432" i="4"/>
  <c r="BF432" i="4"/>
  <c r="BG432" i="4"/>
  <c r="BH432" i="4"/>
  <c r="BI432" i="4"/>
  <c r="BJ432" i="4"/>
  <c r="BK432" i="4"/>
  <c r="BL432" i="4"/>
  <c r="BM432" i="4"/>
  <c r="BN432" i="4"/>
  <c r="BO432" i="4"/>
  <c r="BP432" i="4"/>
  <c r="BQ432" i="4"/>
  <c r="BR432" i="4"/>
  <c r="BS432" i="4"/>
  <c r="BT432" i="4"/>
  <c r="BU432" i="4"/>
  <c r="BV432" i="4"/>
  <c r="BW432" i="4"/>
  <c r="BX432" i="4"/>
  <c r="BY432" i="4"/>
  <c r="BZ432" i="4"/>
  <c r="CA432" i="4"/>
  <c r="CB432" i="4"/>
  <c r="CC432" i="4"/>
  <c r="AY433" i="4"/>
  <c r="BA433" i="4"/>
  <c r="BB433" i="4"/>
  <c r="BC433" i="4"/>
  <c r="BD433" i="4"/>
  <c r="BE433" i="4"/>
  <c r="BF433" i="4"/>
  <c r="BG433" i="4"/>
  <c r="BH433" i="4"/>
  <c r="BI433" i="4"/>
  <c r="BJ433" i="4"/>
  <c r="BK433" i="4"/>
  <c r="BL433" i="4"/>
  <c r="BM433" i="4"/>
  <c r="BN433" i="4"/>
  <c r="BO433" i="4"/>
  <c r="BP433" i="4"/>
  <c r="BQ433" i="4"/>
  <c r="BR433" i="4"/>
  <c r="BS433" i="4"/>
  <c r="BT433" i="4"/>
  <c r="BU433" i="4"/>
  <c r="BV433" i="4"/>
  <c r="BW433" i="4"/>
  <c r="BX433" i="4"/>
  <c r="BY433" i="4"/>
  <c r="BZ433" i="4"/>
  <c r="CA433" i="4"/>
  <c r="CB433" i="4"/>
  <c r="CC433" i="4"/>
  <c r="AY434" i="4"/>
  <c r="AZ434" i="4"/>
  <c r="BA434" i="4"/>
  <c r="BB434" i="4"/>
  <c r="BD434" i="4"/>
  <c r="BE434" i="4"/>
  <c r="BF434" i="4"/>
  <c r="BG434" i="4"/>
  <c r="BH434" i="4"/>
  <c r="BI434" i="4"/>
  <c r="BJ434" i="4"/>
  <c r="BK434" i="4"/>
  <c r="BL434" i="4"/>
  <c r="BM434" i="4"/>
  <c r="BN434" i="4"/>
  <c r="BO434" i="4"/>
  <c r="BP434" i="4"/>
  <c r="BQ434" i="4"/>
  <c r="BR434" i="4"/>
  <c r="BS434" i="4"/>
  <c r="BT434" i="4"/>
  <c r="BU434" i="4"/>
  <c r="BV434" i="4"/>
  <c r="BW434" i="4"/>
  <c r="BX434" i="4"/>
  <c r="BY434" i="4"/>
  <c r="BZ434" i="4"/>
  <c r="CA434" i="4"/>
  <c r="CB434" i="4"/>
  <c r="CC434" i="4"/>
  <c r="AY435" i="4"/>
  <c r="AZ435" i="4"/>
  <c r="BA435" i="4"/>
  <c r="BB435" i="4"/>
  <c r="BD435" i="4"/>
  <c r="BE435" i="4"/>
  <c r="BF435" i="4"/>
  <c r="BG435" i="4"/>
  <c r="BH435" i="4"/>
  <c r="BI435" i="4"/>
  <c r="BJ435" i="4"/>
  <c r="BK435" i="4"/>
  <c r="BL435" i="4"/>
  <c r="BM435" i="4"/>
  <c r="BN435" i="4"/>
  <c r="BO435" i="4"/>
  <c r="BP435" i="4"/>
  <c r="BQ435" i="4"/>
  <c r="BR435" i="4"/>
  <c r="BS435" i="4"/>
  <c r="BT435" i="4"/>
  <c r="BU435" i="4"/>
  <c r="BV435" i="4"/>
  <c r="BW435" i="4"/>
  <c r="BX435" i="4"/>
  <c r="BY435" i="4"/>
  <c r="BZ435" i="4"/>
  <c r="CA435" i="4"/>
  <c r="CB435" i="4"/>
  <c r="CC435" i="4"/>
  <c r="AY436" i="4"/>
  <c r="AZ436" i="4"/>
  <c r="BA436" i="4"/>
  <c r="BB436" i="4"/>
  <c r="BD436" i="4"/>
  <c r="BE436" i="4"/>
  <c r="BF436" i="4"/>
  <c r="BG436" i="4"/>
  <c r="BH436" i="4"/>
  <c r="BI436" i="4"/>
  <c r="BJ436" i="4"/>
  <c r="BK436" i="4"/>
  <c r="BL436" i="4"/>
  <c r="BM436" i="4"/>
  <c r="BN436" i="4"/>
  <c r="BO436" i="4"/>
  <c r="BP436" i="4"/>
  <c r="BQ436" i="4"/>
  <c r="BR436" i="4"/>
  <c r="BS436" i="4"/>
  <c r="BT436" i="4"/>
  <c r="BU436" i="4"/>
  <c r="BV436" i="4"/>
  <c r="BW436" i="4"/>
  <c r="BX436" i="4"/>
  <c r="BY436" i="4"/>
  <c r="BZ436" i="4"/>
  <c r="CA436" i="4"/>
  <c r="CB436" i="4"/>
  <c r="CC436" i="4"/>
  <c r="AY437" i="4"/>
  <c r="AZ437" i="4"/>
  <c r="BA437" i="4"/>
  <c r="BB437" i="4"/>
  <c r="BD437" i="4"/>
  <c r="BE437" i="4"/>
  <c r="BF437" i="4"/>
  <c r="BG437" i="4"/>
  <c r="BH437" i="4"/>
  <c r="BI437" i="4"/>
  <c r="BJ437" i="4"/>
  <c r="BK437" i="4"/>
  <c r="BL437" i="4"/>
  <c r="BM437" i="4"/>
  <c r="BN437" i="4"/>
  <c r="BO437" i="4"/>
  <c r="BP437" i="4"/>
  <c r="BQ437" i="4"/>
  <c r="BR437" i="4"/>
  <c r="BS437" i="4"/>
  <c r="BT437" i="4"/>
  <c r="BU437" i="4"/>
  <c r="BV437" i="4"/>
  <c r="BW437" i="4"/>
  <c r="BX437" i="4"/>
  <c r="BY437" i="4"/>
  <c r="BZ437" i="4"/>
  <c r="CA437" i="4"/>
  <c r="CB437" i="4"/>
  <c r="CC437" i="4"/>
  <c r="AY438" i="4"/>
  <c r="AZ438" i="4"/>
  <c r="BA438" i="4"/>
  <c r="BB438" i="4"/>
  <c r="BD438" i="4"/>
  <c r="BE438" i="4"/>
  <c r="BF438" i="4"/>
  <c r="BG438" i="4"/>
  <c r="BH438" i="4"/>
  <c r="BI438" i="4"/>
  <c r="BJ438" i="4"/>
  <c r="BK438" i="4"/>
  <c r="BL438" i="4"/>
  <c r="BM438" i="4"/>
  <c r="BN438" i="4"/>
  <c r="BO438" i="4"/>
  <c r="BP438" i="4"/>
  <c r="BQ438" i="4"/>
  <c r="BR438" i="4"/>
  <c r="BS438" i="4"/>
  <c r="BT438" i="4"/>
  <c r="BU438" i="4"/>
  <c r="BV438" i="4"/>
  <c r="BW438" i="4"/>
  <c r="BX438" i="4"/>
  <c r="BY438" i="4"/>
  <c r="BZ438" i="4"/>
  <c r="CA438" i="4"/>
  <c r="CB438" i="4"/>
  <c r="CC438" i="4"/>
  <c r="AY439" i="4"/>
  <c r="AZ439" i="4"/>
  <c r="BA439" i="4"/>
  <c r="BB439" i="4"/>
  <c r="BD439" i="4"/>
  <c r="BE439" i="4"/>
  <c r="BF439" i="4"/>
  <c r="BG439" i="4"/>
  <c r="BH439" i="4"/>
  <c r="BI439" i="4"/>
  <c r="BJ439" i="4"/>
  <c r="BK439" i="4"/>
  <c r="BL439" i="4"/>
  <c r="BM439" i="4"/>
  <c r="BN439" i="4"/>
  <c r="BO439" i="4"/>
  <c r="BP439" i="4"/>
  <c r="BQ439" i="4"/>
  <c r="BR439" i="4"/>
  <c r="BS439" i="4"/>
  <c r="BT439" i="4"/>
  <c r="BU439" i="4"/>
  <c r="BV439" i="4"/>
  <c r="BW439" i="4"/>
  <c r="BX439" i="4"/>
  <c r="BY439" i="4"/>
  <c r="BZ439" i="4"/>
  <c r="CA439" i="4"/>
  <c r="CB439" i="4"/>
  <c r="CC439" i="4"/>
  <c r="AY440" i="4"/>
  <c r="AZ440" i="4"/>
  <c r="BA440" i="4"/>
  <c r="BB440" i="4"/>
  <c r="BC440" i="4"/>
  <c r="BD440" i="4"/>
  <c r="BE440" i="4"/>
  <c r="BF440" i="4"/>
  <c r="BG440" i="4"/>
  <c r="BH440" i="4"/>
  <c r="BI440" i="4"/>
  <c r="BJ440" i="4"/>
  <c r="BK440" i="4"/>
  <c r="BL440" i="4"/>
  <c r="BM440" i="4"/>
  <c r="BN440" i="4"/>
  <c r="BO440" i="4"/>
  <c r="BP440" i="4"/>
  <c r="BQ440" i="4"/>
  <c r="BR440" i="4"/>
  <c r="BS440" i="4"/>
  <c r="BT440" i="4"/>
  <c r="BU440" i="4"/>
  <c r="BV440" i="4"/>
  <c r="BW440" i="4"/>
  <c r="BX440" i="4"/>
  <c r="BY440" i="4"/>
  <c r="BZ440" i="4"/>
  <c r="CA440" i="4"/>
  <c r="CB440" i="4"/>
  <c r="CC440" i="4"/>
  <c r="AY441" i="4"/>
  <c r="AZ441" i="4"/>
  <c r="BA441" i="4"/>
  <c r="BB441" i="4"/>
  <c r="BD441" i="4"/>
  <c r="BE441" i="4"/>
  <c r="BF441" i="4"/>
  <c r="BG441" i="4"/>
  <c r="BH441" i="4"/>
  <c r="BI441" i="4"/>
  <c r="BJ441" i="4"/>
  <c r="BK441" i="4"/>
  <c r="BL441" i="4"/>
  <c r="BM441" i="4"/>
  <c r="BN441" i="4"/>
  <c r="BO441" i="4"/>
  <c r="BP441" i="4"/>
  <c r="BQ441" i="4"/>
  <c r="BR441" i="4"/>
  <c r="BS441" i="4"/>
  <c r="BT441" i="4"/>
  <c r="BU441" i="4"/>
  <c r="BV441" i="4"/>
  <c r="BW441" i="4"/>
  <c r="BX441" i="4"/>
  <c r="BY441" i="4"/>
  <c r="BZ441" i="4"/>
  <c r="CA441" i="4"/>
  <c r="CB441" i="4"/>
  <c r="CC441" i="4"/>
  <c r="AY442" i="4"/>
  <c r="AZ442" i="4"/>
  <c r="BA442" i="4"/>
  <c r="BB442" i="4"/>
  <c r="BC442" i="4"/>
  <c r="BD442" i="4"/>
  <c r="BF442" i="4"/>
  <c r="BG442" i="4"/>
  <c r="BH442" i="4"/>
  <c r="BI442" i="4"/>
  <c r="BJ442" i="4"/>
  <c r="BK442" i="4"/>
  <c r="BL442" i="4"/>
  <c r="BM442" i="4"/>
  <c r="BN442" i="4"/>
  <c r="BO442" i="4"/>
  <c r="BP442" i="4"/>
  <c r="BQ442" i="4"/>
  <c r="BR442" i="4"/>
  <c r="BS442" i="4"/>
  <c r="BT442" i="4"/>
  <c r="BU442" i="4"/>
  <c r="BV442" i="4"/>
  <c r="BW442" i="4"/>
  <c r="BX442" i="4"/>
  <c r="BY442" i="4"/>
  <c r="BZ442" i="4"/>
  <c r="CA442" i="4"/>
  <c r="CB442" i="4"/>
  <c r="CC442" i="4"/>
  <c r="AY443" i="4"/>
  <c r="AZ443" i="4"/>
  <c r="BA443" i="4"/>
  <c r="BB443" i="4"/>
  <c r="BC443" i="4"/>
  <c r="BD443" i="4"/>
  <c r="BF443" i="4"/>
  <c r="BG443" i="4"/>
  <c r="BH443" i="4"/>
  <c r="BI443" i="4"/>
  <c r="BJ443" i="4"/>
  <c r="BK443" i="4"/>
  <c r="BL443" i="4"/>
  <c r="BM443" i="4"/>
  <c r="BN443" i="4"/>
  <c r="BO443" i="4"/>
  <c r="BP443" i="4"/>
  <c r="BQ443" i="4"/>
  <c r="BR443" i="4"/>
  <c r="BS443" i="4"/>
  <c r="BT443" i="4"/>
  <c r="BU443" i="4"/>
  <c r="BV443" i="4"/>
  <c r="BW443" i="4"/>
  <c r="BX443" i="4"/>
  <c r="BY443" i="4"/>
  <c r="BZ443" i="4"/>
  <c r="CA443" i="4"/>
  <c r="CB443" i="4"/>
  <c r="CC443" i="4"/>
  <c r="AY444" i="4"/>
  <c r="AZ444" i="4"/>
  <c r="BA444" i="4"/>
  <c r="BB444" i="4"/>
  <c r="BC444" i="4"/>
  <c r="BD444" i="4"/>
  <c r="BF444" i="4"/>
  <c r="BG444" i="4"/>
  <c r="BH444" i="4"/>
  <c r="BI444" i="4"/>
  <c r="BJ444" i="4"/>
  <c r="BK444" i="4"/>
  <c r="BL444" i="4"/>
  <c r="BM444" i="4"/>
  <c r="BN444" i="4"/>
  <c r="BO444" i="4"/>
  <c r="BP444" i="4"/>
  <c r="BQ444" i="4"/>
  <c r="BR444" i="4"/>
  <c r="BS444" i="4"/>
  <c r="BT444" i="4"/>
  <c r="BU444" i="4"/>
  <c r="BV444" i="4"/>
  <c r="BW444" i="4"/>
  <c r="BX444" i="4"/>
  <c r="BY444" i="4"/>
  <c r="BZ444" i="4"/>
  <c r="CA444" i="4"/>
  <c r="CB444" i="4"/>
  <c r="CC444" i="4"/>
  <c r="AY445" i="4"/>
  <c r="AZ445" i="4"/>
  <c r="BA445" i="4"/>
  <c r="BB445" i="4"/>
  <c r="BC445" i="4"/>
  <c r="BD445" i="4"/>
  <c r="BF445" i="4"/>
  <c r="BG445" i="4"/>
  <c r="BH445" i="4"/>
  <c r="BI445" i="4"/>
  <c r="BJ445" i="4"/>
  <c r="BK445" i="4"/>
  <c r="BL445" i="4"/>
  <c r="BM445" i="4"/>
  <c r="BN445" i="4"/>
  <c r="BO445" i="4"/>
  <c r="BP445" i="4"/>
  <c r="BQ445" i="4"/>
  <c r="BR445" i="4"/>
  <c r="BS445" i="4"/>
  <c r="BT445" i="4"/>
  <c r="BU445" i="4"/>
  <c r="BV445" i="4"/>
  <c r="BW445" i="4"/>
  <c r="BX445" i="4"/>
  <c r="BY445" i="4"/>
  <c r="BZ445" i="4"/>
  <c r="CA445" i="4"/>
  <c r="CB445" i="4"/>
  <c r="CC445" i="4"/>
  <c r="AY446" i="4"/>
  <c r="AZ446" i="4"/>
  <c r="BA446" i="4"/>
  <c r="BB446" i="4"/>
  <c r="BC446" i="4"/>
  <c r="BD446" i="4"/>
  <c r="BF446" i="4"/>
  <c r="BG446" i="4"/>
  <c r="BH446" i="4"/>
  <c r="BI446" i="4"/>
  <c r="BJ446" i="4"/>
  <c r="BK446" i="4"/>
  <c r="BL446" i="4"/>
  <c r="BM446" i="4"/>
  <c r="BN446" i="4"/>
  <c r="BO446" i="4"/>
  <c r="BP446" i="4"/>
  <c r="BQ446" i="4"/>
  <c r="BR446" i="4"/>
  <c r="BS446" i="4"/>
  <c r="BT446" i="4"/>
  <c r="BU446" i="4"/>
  <c r="BV446" i="4"/>
  <c r="BW446" i="4"/>
  <c r="BX446" i="4"/>
  <c r="BY446" i="4"/>
  <c r="BZ446" i="4"/>
  <c r="CA446" i="4"/>
  <c r="CB446" i="4"/>
  <c r="CC446" i="4"/>
  <c r="AY447" i="4"/>
  <c r="AZ447" i="4"/>
  <c r="BA447" i="4"/>
  <c r="BB447" i="4"/>
  <c r="BC447" i="4"/>
  <c r="BD447" i="4"/>
  <c r="BE447" i="4"/>
  <c r="BF447" i="4"/>
  <c r="BG447" i="4"/>
  <c r="BH447" i="4"/>
  <c r="BI447" i="4"/>
  <c r="BJ447" i="4"/>
  <c r="BK447" i="4"/>
  <c r="BL447" i="4"/>
  <c r="BM447" i="4"/>
  <c r="BN447" i="4"/>
  <c r="BO447" i="4"/>
  <c r="BP447" i="4"/>
  <c r="BQ447" i="4"/>
  <c r="BR447" i="4"/>
  <c r="BS447" i="4"/>
  <c r="BT447" i="4"/>
  <c r="BU447" i="4"/>
  <c r="BV447" i="4"/>
  <c r="BW447" i="4"/>
  <c r="BX447" i="4"/>
  <c r="BY447" i="4"/>
  <c r="BZ447" i="4"/>
  <c r="CA447" i="4"/>
  <c r="CB447" i="4"/>
  <c r="CC447" i="4"/>
  <c r="AY448" i="4"/>
  <c r="AZ448" i="4"/>
  <c r="BA448" i="4"/>
  <c r="BB448" i="4"/>
  <c r="BC448" i="4"/>
  <c r="BD448" i="4"/>
  <c r="BE448" i="4"/>
  <c r="BF448" i="4"/>
  <c r="BG448" i="4"/>
  <c r="BH448" i="4"/>
  <c r="BI448" i="4"/>
  <c r="BJ448" i="4"/>
  <c r="BK448" i="4"/>
  <c r="BL448" i="4"/>
  <c r="BM448" i="4"/>
  <c r="BN448" i="4"/>
  <c r="BO448" i="4"/>
  <c r="BP448" i="4"/>
  <c r="BQ448" i="4"/>
  <c r="BR448" i="4"/>
  <c r="BS448" i="4"/>
  <c r="BT448" i="4"/>
  <c r="BU448" i="4"/>
  <c r="BV448" i="4"/>
  <c r="BW448" i="4"/>
  <c r="BX448" i="4"/>
  <c r="BY448" i="4"/>
  <c r="BZ448" i="4"/>
  <c r="CA448" i="4"/>
  <c r="CB448" i="4"/>
  <c r="CC448" i="4"/>
  <c r="AY449" i="4"/>
  <c r="AZ449" i="4"/>
  <c r="BA449" i="4"/>
  <c r="BB449" i="4"/>
  <c r="BC449" i="4"/>
  <c r="BD449" i="4"/>
  <c r="BF449" i="4"/>
  <c r="BG449" i="4"/>
  <c r="BH449" i="4"/>
  <c r="BI449" i="4"/>
  <c r="BJ449" i="4"/>
  <c r="BK449" i="4"/>
  <c r="BL449" i="4"/>
  <c r="BM449" i="4"/>
  <c r="BN449" i="4"/>
  <c r="BO449" i="4"/>
  <c r="BP449" i="4"/>
  <c r="BQ449" i="4"/>
  <c r="BR449" i="4"/>
  <c r="BS449" i="4"/>
  <c r="BT449" i="4"/>
  <c r="BU449" i="4"/>
  <c r="BV449" i="4"/>
  <c r="BW449" i="4"/>
  <c r="BX449" i="4"/>
  <c r="BY449" i="4"/>
  <c r="BZ449" i="4"/>
  <c r="CA449" i="4"/>
  <c r="CB449" i="4"/>
  <c r="CC449" i="4"/>
  <c r="AY450" i="4"/>
  <c r="AZ450" i="4"/>
  <c r="BA450" i="4"/>
  <c r="BB450" i="4"/>
  <c r="BC450" i="4"/>
  <c r="BD450" i="4"/>
  <c r="BE450" i="4"/>
  <c r="BG450" i="4"/>
  <c r="BH450" i="4"/>
  <c r="BI450" i="4"/>
  <c r="BJ450" i="4"/>
  <c r="BK450" i="4"/>
  <c r="BL450" i="4"/>
  <c r="BM450" i="4"/>
  <c r="BN450" i="4"/>
  <c r="BO450" i="4"/>
  <c r="BP450" i="4"/>
  <c r="BQ450" i="4"/>
  <c r="BR450" i="4"/>
  <c r="BS450" i="4"/>
  <c r="BT450" i="4"/>
  <c r="BU450" i="4"/>
  <c r="BV450" i="4"/>
  <c r="BW450" i="4"/>
  <c r="BX450" i="4"/>
  <c r="BY450" i="4"/>
  <c r="BZ450" i="4"/>
  <c r="CA450" i="4"/>
  <c r="CB450" i="4"/>
  <c r="CC450" i="4"/>
  <c r="AY451" i="4"/>
  <c r="AZ451" i="4"/>
  <c r="BA451" i="4"/>
  <c r="BB451" i="4"/>
  <c r="BC451" i="4"/>
  <c r="BD451" i="4"/>
  <c r="BE451" i="4"/>
  <c r="BG451" i="4"/>
  <c r="BH451" i="4"/>
  <c r="BI451" i="4"/>
  <c r="BJ451" i="4"/>
  <c r="BK451" i="4"/>
  <c r="BL451" i="4"/>
  <c r="BM451" i="4"/>
  <c r="BN451" i="4"/>
  <c r="BO451" i="4"/>
  <c r="BP451" i="4"/>
  <c r="BQ451" i="4"/>
  <c r="BR451" i="4"/>
  <c r="BS451" i="4"/>
  <c r="BT451" i="4"/>
  <c r="BU451" i="4"/>
  <c r="BV451" i="4"/>
  <c r="BW451" i="4"/>
  <c r="BX451" i="4"/>
  <c r="BY451" i="4"/>
  <c r="BZ451" i="4"/>
  <c r="CA451" i="4"/>
  <c r="CB451" i="4"/>
  <c r="CC451" i="4"/>
  <c r="AY452" i="4"/>
  <c r="AZ452" i="4"/>
  <c r="BA452" i="4"/>
  <c r="BB452" i="4"/>
  <c r="BC452" i="4"/>
  <c r="BD452" i="4"/>
  <c r="BE452" i="4"/>
  <c r="BG452" i="4"/>
  <c r="BH452" i="4"/>
  <c r="BI452" i="4"/>
  <c r="BJ452" i="4"/>
  <c r="BK452" i="4"/>
  <c r="BL452" i="4"/>
  <c r="BM452" i="4"/>
  <c r="BN452" i="4"/>
  <c r="BO452" i="4"/>
  <c r="BP452" i="4"/>
  <c r="BQ452" i="4"/>
  <c r="BR452" i="4"/>
  <c r="BS452" i="4"/>
  <c r="BT452" i="4"/>
  <c r="BU452" i="4"/>
  <c r="BV452" i="4"/>
  <c r="BW452" i="4"/>
  <c r="BX452" i="4"/>
  <c r="BY452" i="4"/>
  <c r="BZ452" i="4"/>
  <c r="CA452" i="4"/>
  <c r="CB452" i="4"/>
  <c r="CC452" i="4"/>
  <c r="AY453" i="4"/>
  <c r="AZ453" i="4"/>
  <c r="BA453" i="4"/>
  <c r="BB453" i="4"/>
  <c r="BC453" i="4"/>
  <c r="BD453" i="4"/>
  <c r="BE453" i="4"/>
  <c r="BG453" i="4"/>
  <c r="BH453" i="4"/>
  <c r="BI453" i="4"/>
  <c r="BJ453" i="4"/>
  <c r="BK453" i="4"/>
  <c r="BL453" i="4"/>
  <c r="BM453" i="4"/>
  <c r="BN453" i="4"/>
  <c r="BO453" i="4"/>
  <c r="BP453" i="4"/>
  <c r="BQ453" i="4"/>
  <c r="BR453" i="4"/>
  <c r="BS453" i="4"/>
  <c r="BT453" i="4"/>
  <c r="BU453" i="4"/>
  <c r="BV453" i="4"/>
  <c r="BW453" i="4"/>
  <c r="BX453" i="4"/>
  <c r="BY453" i="4"/>
  <c r="BZ453" i="4"/>
  <c r="CA453" i="4"/>
  <c r="CB453" i="4"/>
  <c r="CC453" i="4"/>
  <c r="AY454" i="4"/>
  <c r="AZ454" i="4"/>
  <c r="BA454" i="4"/>
  <c r="BB454" i="4"/>
  <c r="BC454" i="4"/>
  <c r="BD454" i="4"/>
  <c r="BE454" i="4"/>
  <c r="BG454" i="4"/>
  <c r="BH454" i="4"/>
  <c r="BI454" i="4"/>
  <c r="BJ454" i="4"/>
  <c r="BK454" i="4"/>
  <c r="BL454" i="4"/>
  <c r="BM454" i="4"/>
  <c r="BN454" i="4"/>
  <c r="BO454" i="4"/>
  <c r="BP454" i="4"/>
  <c r="BQ454" i="4"/>
  <c r="BR454" i="4"/>
  <c r="BS454" i="4"/>
  <c r="BT454" i="4"/>
  <c r="BU454" i="4"/>
  <c r="BV454" i="4"/>
  <c r="BW454" i="4"/>
  <c r="BX454" i="4"/>
  <c r="BY454" i="4"/>
  <c r="BZ454" i="4"/>
  <c r="CA454" i="4"/>
  <c r="CB454" i="4"/>
  <c r="CC454" i="4"/>
  <c r="AY455" i="4"/>
  <c r="AZ455" i="4"/>
  <c r="BA455" i="4"/>
  <c r="BB455" i="4"/>
  <c r="BC455" i="4"/>
  <c r="BD455" i="4"/>
  <c r="BE455" i="4"/>
  <c r="BG455" i="4"/>
  <c r="BH455" i="4"/>
  <c r="BI455" i="4"/>
  <c r="BJ455" i="4"/>
  <c r="BK455" i="4"/>
  <c r="BL455" i="4"/>
  <c r="BM455" i="4"/>
  <c r="BN455" i="4"/>
  <c r="BO455" i="4"/>
  <c r="BP455" i="4"/>
  <c r="BQ455" i="4"/>
  <c r="BR455" i="4"/>
  <c r="BS455" i="4"/>
  <c r="BT455" i="4"/>
  <c r="BU455" i="4"/>
  <c r="BV455" i="4"/>
  <c r="BW455" i="4"/>
  <c r="BX455" i="4"/>
  <c r="BY455" i="4"/>
  <c r="BZ455" i="4"/>
  <c r="CA455" i="4"/>
  <c r="CB455" i="4"/>
  <c r="CC455" i="4"/>
  <c r="AY456" i="4"/>
  <c r="AZ456" i="4"/>
  <c r="BA456" i="4"/>
  <c r="BB456" i="4"/>
  <c r="BC456" i="4"/>
  <c r="BD456" i="4"/>
  <c r="BE456" i="4"/>
  <c r="BF456" i="4"/>
  <c r="BG456" i="4"/>
  <c r="BH456" i="4"/>
  <c r="BI456" i="4"/>
  <c r="BJ456" i="4"/>
  <c r="BK456" i="4"/>
  <c r="BL456" i="4"/>
  <c r="BM456" i="4"/>
  <c r="BN456" i="4"/>
  <c r="BO456" i="4"/>
  <c r="BP456" i="4"/>
  <c r="BQ456" i="4"/>
  <c r="BR456" i="4"/>
  <c r="BS456" i="4"/>
  <c r="BT456" i="4"/>
  <c r="BU456" i="4"/>
  <c r="BV456" i="4"/>
  <c r="BW456" i="4"/>
  <c r="BX456" i="4"/>
  <c r="BY456" i="4"/>
  <c r="BZ456" i="4"/>
  <c r="CA456" i="4"/>
  <c r="CB456" i="4"/>
  <c r="CC456" i="4"/>
  <c r="AY457" i="4"/>
  <c r="AZ457" i="4"/>
  <c r="BA457" i="4"/>
  <c r="BB457" i="4"/>
  <c r="BC457" i="4"/>
  <c r="BD457" i="4"/>
  <c r="BE457" i="4"/>
  <c r="BG457" i="4"/>
  <c r="BH457" i="4"/>
  <c r="BI457" i="4"/>
  <c r="BJ457" i="4"/>
  <c r="BK457" i="4"/>
  <c r="BL457" i="4"/>
  <c r="BM457" i="4"/>
  <c r="BN457" i="4"/>
  <c r="BO457" i="4"/>
  <c r="BP457" i="4"/>
  <c r="BQ457" i="4"/>
  <c r="BR457" i="4"/>
  <c r="BS457" i="4"/>
  <c r="BT457" i="4"/>
  <c r="BU457" i="4"/>
  <c r="BV457" i="4"/>
  <c r="BW457" i="4"/>
  <c r="BX457" i="4"/>
  <c r="BY457" i="4"/>
  <c r="BZ457" i="4"/>
  <c r="CA457" i="4"/>
  <c r="CB457" i="4"/>
  <c r="CC457" i="4"/>
  <c r="AY458" i="4"/>
  <c r="AZ458" i="4"/>
  <c r="BA458" i="4"/>
  <c r="BB458" i="4"/>
  <c r="BC458" i="4"/>
  <c r="BE458" i="4"/>
  <c r="BF458" i="4"/>
  <c r="BG458" i="4"/>
  <c r="BH458" i="4"/>
  <c r="BI458" i="4"/>
  <c r="BJ458" i="4"/>
  <c r="BK458" i="4"/>
  <c r="BL458" i="4"/>
  <c r="BM458" i="4"/>
  <c r="BN458" i="4"/>
  <c r="BO458" i="4"/>
  <c r="BP458" i="4"/>
  <c r="BQ458" i="4"/>
  <c r="BR458" i="4"/>
  <c r="BS458" i="4"/>
  <c r="BT458" i="4"/>
  <c r="BU458" i="4"/>
  <c r="BV458" i="4"/>
  <c r="BW458" i="4"/>
  <c r="BX458" i="4"/>
  <c r="BY458" i="4"/>
  <c r="BZ458" i="4"/>
  <c r="CA458" i="4"/>
  <c r="CB458" i="4"/>
  <c r="CC458" i="4"/>
  <c r="AY459" i="4"/>
  <c r="AZ459" i="4"/>
  <c r="BA459" i="4"/>
  <c r="BB459" i="4"/>
  <c r="BC459" i="4"/>
  <c r="BE459" i="4"/>
  <c r="BF459" i="4"/>
  <c r="BG459" i="4"/>
  <c r="BH459" i="4"/>
  <c r="BI459" i="4"/>
  <c r="BJ459" i="4"/>
  <c r="BK459" i="4"/>
  <c r="BL459" i="4"/>
  <c r="BM459" i="4"/>
  <c r="BN459" i="4"/>
  <c r="BO459" i="4"/>
  <c r="BP459" i="4"/>
  <c r="BQ459" i="4"/>
  <c r="BR459" i="4"/>
  <c r="BS459" i="4"/>
  <c r="BT459" i="4"/>
  <c r="BU459" i="4"/>
  <c r="BV459" i="4"/>
  <c r="BW459" i="4"/>
  <c r="BX459" i="4"/>
  <c r="BY459" i="4"/>
  <c r="BZ459" i="4"/>
  <c r="CA459" i="4"/>
  <c r="CB459" i="4"/>
  <c r="CC459" i="4"/>
  <c r="AY460" i="4"/>
  <c r="AZ460" i="4"/>
  <c r="BA460" i="4"/>
  <c r="BB460" i="4"/>
  <c r="BC460" i="4"/>
  <c r="BE460" i="4"/>
  <c r="BF460" i="4"/>
  <c r="BG460" i="4"/>
  <c r="BH460" i="4"/>
  <c r="BI460" i="4"/>
  <c r="BJ460" i="4"/>
  <c r="BK460" i="4"/>
  <c r="BL460" i="4"/>
  <c r="BM460" i="4"/>
  <c r="BN460" i="4"/>
  <c r="BO460" i="4"/>
  <c r="BP460" i="4"/>
  <c r="BQ460" i="4"/>
  <c r="BR460" i="4"/>
  <c r="BS460" i="4"/>
  <c r="BT460" i="4"/>
  <c r="BU460" i="4"/>
  <c r="BV460" i="4"/>
  <c r="BW460" i="4"/>
  <c r="BX460" i="4"/>
  <c r="BY460" i="4"/>
  <c r="BZ460" i="4"/>
  <c r="CA460" i="4"/>
  <c r="CB460" i="4"/>
  <c r="CC460" i="4"/>
  <c r="AY461" i="4"/>
  <c r="AZ461" i="4"/>
  <c r="BA461" i="4"/>
  <c r="BB461" i="4"/>
  <c r="BC461" i="4"/>
  <c r="BE461" i="4"/>
  <c r="BF461" i="4"/>
  <c r="BG461" i="4"/>
  <c r="BH461" i="4"/>
  <c r="BI461" i="4"/>
  <c r="BJ461" i="4"/>
  <c r="BK461" i="4"/>
  <c r="BL461" i="4"/>
  <c r="BM461" i="4"/>
  <c r="BN461" i="4"/>
  <c r="BO461" i="4"/>
  <c r="BP461" i="4"/>
  <c r="BQ461" i="4"/>
  <c r="BR461" i="4"/>
  <c r="BS461" i="4"/>
  <c r="BT461" i="4"/>
  <c r="BU461" i="4"/>
  <c r="BV461" i="4"/>
  <c r="BW461" i="4"/>
  <c r="BX461" i="4"/>
  <c r="BY461" i="4"/>
  <c r="BZ461" i="4"/>
  <c r="CA461" i="4"/>
  <c r="CB461" i="4"/>
  <c r="CC461" i="4"/>
  <c r="AY462" i="4"/>
  <c r="AZ462" i="4"/>
  <c r="BA462" i="4"/>
  <c r="BB462" i="4"/>
  <c r="BC462" i="4"/>
  <c r="BE462" i="4"/>
  <c r="BF462" i="4"/>
  <c r="BG462" i="4"/>
  <c r="BH462" i="4"/>
  <c r="BI462" i="4"/>
  <c r="BJ462" i="4"/>
  <c r="BK462" i="4"/>
  <c r="BL462" i="4"/>
  <c r="BM462" i="4"/>
  <c r="BN462" i="4"/>
  <c r="BO462" i="4"/>
  <c r="BP462" i="4"/>
  <c r="BQ462" i="4"/>
  <c r="BR462" i="4"/>
  <c r="BS462" i="4"/>
  <c r="BT462" i="4"/>
  <c r="BU462" i="4"/>
  <c r="BV462" i="4"/>
  <c r="BW462" i="4"/>
  <c r="BX462" i="4"/>
  <c r="BY462" i="4"/>
  <c r="BZ462" i="4"/>
  <c r="CA462" i="4"/>
  <c r="CB462" i="4"/>
  <c r="CC462" i="4"/>
  <c r="AY463" i="4"/>
  <c r="AZ463" i="4"/>
  <c r="BA463" i="4"/>
  <c r="BB463" i="4"/>
  <c r="BC463" i="4"/>
  <c r="BE463" i="4"/>
  <c r="BF463" i="4"/>
  <c r="BG463" i="4"/>
  <c r="BH463" i="4"/>
  <c r="BI463" i="4"/>
  <c r="BJ463" i="4"/>
  <c r="BK463" i="4"/>
  <c r="BL463" i="4"/>
  <c r="BM463" i="4"/>
  <c r="BN463" i="4"/>
  <c r="BO463" i="4"/>
  <c r="BP463" i="4"/>
  <c r="BQ463" i="4"/>
  <c r="BR463" i="4"/>
  <c r="BS463" i="4"/>
  <c r="BT463" i="4"/>
  <c r="BU463" i="4"/>
  <c r="BV463" i="4"/>
  <c r="BW463" i="4"/>
  <c r="BX463" i="4"/>
  <c r="BY463" i="4"/>
  <c r="BZ463" i="4"/>
  <c r="CA463" i="4"/>
  <c r="CB463" i="4"/>
  <c r="CC463" i="4"/>
  <c r="AY464" i="4"/>
  <c r="AZ464" i="4"/>
  <c r="BA464" i="4"/>
  <c r="BB464" i="4"/>
  <c r="BC464" i="4"/>
  <c r="BD464" i="4"/>
  <c r="BE464" i="4"/>
  <c r="BF464" i="4"/>
  <c r="BG464" i="4"/>
  <c r="BH464" i="4"/>
  <c r="BI464" i="4"/>
  <c r="BJ464" i="4"/>
  <c r="BK464" i="4"/>
  <c r="BL464" i="4"/>
  <c r="BM464" i="4"/>
  <c r="BN464" i="4"/>
  <c r="BO464" i="4"/>
  <c r="BP464" i="4"/>
  <c r="BQ464" i="4"/>
  <c r="BR464" i="4"/>
  <c r="BS464" i="4"/>
  <c r="BT464" i="4"/>
  <c r="BU464" i="4"/>
  <c r="BV464" i="4"/>
  <c r="BW464" i="4"/>
  <c r="BX464" i="4"/>
  <c r="BY464" i="4"/>
  <c r="BZ464" i="4"/>
  <c r="CA464" i="4"/>
  <c r="CB464" i="4"/>
  <c r="CC464" i="4"/>
  <c r="AY465" i="4"/>
  <c r="AZ465" i="4"/>
  <c r="BA465" i="4"/>
  <c r="BB465" i="4"/>
  <c r="BC465" i="4"/>
  <c r="BE465" i="4"/>
  <c r="BF465" i="4"/>
  <c r="BG465" i="4"/>
  <c r="BH465" i="4"/>
  <c r="BI465" i="4"/>
  <c r="BJ465" i="4"/>
  <c r="BK465" i="4"/>
  <c r="BL465" i="4"/>
  <c r="BM465" i="4"/>
  <c r="BN465" i="4"/>
  <c r="BO465" i="4"/>
  <c r="BP465" i="4"/>
  <c r="BQ465" i="4"/>
  <c r="BR465" i="4"/>
  <c r="BS465" i="4"/>
  <c r="BT465" i="4"/>
  <c r="BU465" i="4"/>
  <c r="BV465" i="4"/>
  <c r="BW465" i="4"/>
  <c r="BX465" i="4"/>
  <c r="BY465" i="4"/>
  <c r="BZ465" i="4"/>
  <c r="CA465" i="4"/>
  <c r="CB465" i="4"/>
  <c r="CC465" i="4"/>
  <c r="AY466" i="4"/>
  <c r="AZ466" i="4"/>
  <c r="BA466" i="4"/>
  <c r="BB466" i="4"/>
  <c r="BC466" i="4"/>
  <c r="BD466" i="4"/>
  <c r="BE466" i="4"/>
  <c r="BF466" i="4"/>
  <c r="BH466" i="4"/>
  <c r="BI466" i="4"/>
  <c r="BJ466" i="4"/>
  <c r="BK466" i="4"/>
  <c r="BL466" i="4"/>
  <c r="BM466" i="4"/>
  <c r="BN466" i="4"/>
  <c r="BO466" i="4"/>
  <c r="BP466" i="4"/>
  <c r="BQ466" i="4"/>
  <c r="BR466" i="4"/>
  <c r="BS466" i="4"/>
  <c r="BT466" i="4"/>
  <c r="BU466" i="4"/>
  <c r="BV466" i="4"/>
  <c r="BW466" i="4"/>
  <c r="BX466" i="4"/>
  <c r="BY466" i="4"/>
  <c r="BZ466" i="4"/>
  <c r="CA466" i="4"/>
  <c r="CB466" i="4"/>
  <c r="CC466" i="4"/>
  <c r="AY467" i="4"/>
  <c r="AZ467" i="4"/>
  <c r="BA467" i="4"/>
  <c r="BB467" i="4"/>
  <c r="BC467" i="4"/>
  <c r="BD467" i="4"/>
  <c r="BE467" i="4"/>
  <c r="BF467" i="4"/>
  <c r="BH467" i="4"/>
  <c r="BI467" i="4"/>
  <c r="BJ467" i="4"/>
  <c r="BK467" i="4"/>
  <c r="BL467" i="4"/>
  <c r="BM467" i="4"/>
  <c r="BN467" i="4"/>
  <c r="BO467" i="4"/>
  <c r="BP467" i="4"/>
  <c r="BQ467" i="4"/>
  <c r="BR467" i="4"/>
  <c r="BS467" i="4"/>
  <c r="BT467" i="4"/>
  <c r="BU467" i="4"/>
  <c r="BV467" i="4"/>
  <c r="BW467" i="4"/>
  <c r="BX467" i="4"/>
  <c r="BY467" i="4"/>
  <c r="BZ467" i="4"/>
  <c r="CA467" i="4"/>
  <c r="CB467" i="4"/>
  <c r="CC467" i="4"/>
  <c r="AY468" i="4"/>
  <c r="AZ468" i="4"/>
  <c r="BA468" i="4"/>
  <c r="BB468" i="4"/>
  <c r="BC468" i="4"/>
  <c r="BD468" i="4"/>
  <c r="BE468" i="4"/>
  <c r="BF468" i="4"/>
  <c r="BH468" i="4"/>
  <c r="BI468" i="4"/>
  <c r="BJ468" i="4"/>
  <c r="BK468" i="4"/>
  <c r="BL468" i="4"/>
  <c r="BM468" i="4"/>
  <c r="BN468" i="4"/>
  <c r="BO468" i="4"/>
  <c r="BP468" i="4"/>
  <c r="BQ468" i="4"/>
  <c r="BR468" i="4"/>
  <c r="BS468" i="4"/>
  <c r="BT468" i="4"/>
  <c r="BU468" i="4"/>
  <c r="BV468" i="4"/>
  <c r="BW468" i="4"/>
  <c r="BX468" i="4"/>
  <c r="BY468" i="4"/>
  <c r="BZ468" i="4"/>
  <c r="CA468" i="4"/>
  <c r="CB468" i="4"/>
  <c r="CC468" i="4"/>
  <c r="AY469" i="4"/>
  <c r="AZ469" i="4"/>
  <c r="BA469" i="4"/>
  <c r="BB469" i="4"/>
  <c r="BC469" i="4"/>
  <c r="BD469" i="4"/>
  <c r="BE469" i="4"/>
  <c r="BF469" i="4"/>
  <c r="BH469" i="4"/>
  <c r="BI469" i="4"/>
  <c r="BJ469" i="4"/>
  <c r="BK469" i="4"/>
  <c r="BL469" i="4"/>
  <c r="BM469" i="4"/>
  <c r="BN469" i="4"/>
  <c r="BO469" i="4"/>
  <c r="BP469" i="4"/>
  <c r="BQ469" i="4"/>
  <c r="BR469" i="4"/>
  <c r="BS469" i="4"/>
  <c r="BT469" i="4"/>
  <c r="BU469" i="4"/>
  <c r="BV469" i="4"/>
  <c r="BW469" i="4"/>
  <c r="BX469" i="4"/>
  <c r="BY469" i="4"/>
  <c r="BZ469" i="4"/>
  <c r="CA469" i="4"/>
  <c r="CB469" i="4"/>
  <c r="CC469" i="4"/>
  <c r="AY470" i="4"/>
  <c r="AZ470" i="4"/>
  <c r="BA470" i="4"/>
  <c r="BB470" i="4"/>
  <c r="BC470" i="4"/>
  <c r="BD470" i="4"/>
  <c r="BE470" i="4"/>
  <c r="BF470" i="4"/>
  <c r="BH470" i="4"/>
  <c r="BI470" i="4"/>
  <c r="BJ470" i="4"/>
  <c r="BK470" i="4"/>
  <c r="BL470" i="4"/>
  <c r="BM470" i="4"/>
  <c r="BN470" i="4"/>
  <c r="BO470" i="4"/>
  <c r="BP470" i="4"/>
  <c r="BQ470" i="4"/>
  <c r="BR470" i="4"/>
  <c r="BS470" i="4"/>
  <c r="BT470" i="4"/>
  <c r="BU470" i="4"/>
  <c r="BV470" i="4"/>
  <c r="BW470" i="4"/>
  <c r="BX470" i="4"/>
  <c r="BY470" i="4"/>
  <c r="BZ470" i="4"/>
  <c r="CA470" i="4"/>
  <c r="CB470" i="4"/>
  <c r="CC470" i="4"/>
  <c r="AY471" i="4"/>
  <c r="AZ471" i="4"/>
  <c r="BA471" i="4"/>
  <c r="BB471" i="4"/>
  <c r="BC471" i="4"/>
  <c r="BD471" i="4"/>
  <c r="BE471" i="4"/>
  <c r="BF471" i="4"/>
  <c r="BH471" i="4"/>
  <c r="BI471" i="4"/>
  <c r="BJ471" i="4"/>
  <c r="BK471" i="4"/>
  <c r="BL471" i="4"/>
  <c r="BM471" i="4"/>
  <c r="BN471" i="4"/>
  <c r="BO471" i="4"/>
  <c r="BP471" i="4"/>
  <c r="BQ471" i="4"/>
  <c r="BR471" i="4"/>
  <c r="BS471" i="4"/>
  <c r="BT471" i="4"/>
  <c r="BU471" i="4"/>
  <c r="BV471" i="4"/>
  <c r="BW471" i="4"/>
  <c r="BX471" i="4"/>
  <c r="BY471" i="4"/>
  <c r="BZ471" i="4"/>
  <c r="CA471" i="4"/>
  <c r="CB471" i="4"/>
  <c r="CC471" i="4"/>
  <c r="AY472" i="4"/>
  <c r="AZ472" i="4"/>
  <c r="BA472" i="4"/>
  <c r="BB472" i="4"/>
  <c r="BC472" i="4"/>
  <c r="BD472" i="4"/>
  <c r="BE472" i="4"/>
  <c r="BF472" i="4"/>
  <c r="BH472" i="4"/>
  <c r="BI472" i="4"/>
  <c r="BJ472" i="4"/>
  <c r="BK472" i="4"/>
  <c r="BL472" i="4"/>
  <c r="BM472" i="4"/>
  <c r="BN472" i="4"/>
  <c r="BO472" i="4"/>
  <c r="BP472" i="4"/>
  <c r="BQ472" i="4"/>
  <c r="BR472" i="4"/>
  <c r="BS472" i="4"/>
  <c r="BT472" i="4"/>
  <c r="BU472" i="4"/>
  <c r="BV472" i="4"/>
  <c r="BW472" i="4"/>
  <c r="BX472" i="4"/>
  <c r="BY472" i="4"/>
  <c r="BZ472" i="4"/>
  <c r="CA472" i="4"/>
  <c r="CB472" i="4"/>
  <c r="CC472" i="4"/>
  <c r="AY473" i="4"/>
  <c r="AZ473" i="4"/>
  <c r="BA473" i="4"/>
  <c r="BB473" i="4"/>
  <c r="BC473" i="4"/>
  <c r="BD473" i="4"/>
  <c r="BE473" i="4"/>
  <c r="BF473" i="4"/>
  <c r="BH473" i="4"/>
  <c r="BI473" i="4"/>
  <c r="BJ473" i="4"/>
  <c r="BK473" i="4"/>
  <c r="BL473" i="4"/>
  <c r="BM473" i="4"/>
  <c r="BN473" i="4"/>
  <c r="BO473" i="4"/>
  <c r="BP473" i="4"/>
  <c r="BQ473" i="4"/>
  <c r="BR473" i="4"/>
  <c r="BS473" i="4"/>
  <c r="BT473" i="4"/>
  <c r="BU473" i="4"/>
  <c r="BV473" i="4"/>
  <c r="BW473" i="4"/>
  <c r="BX473" i="4"/>
  <c r="BY473" i="4"/>
  <c r="BZ473" i="4"/>
  <c r="CA473" i="4"/>
  <c r="CB473" i="4"/>
  <c r="CC473" i="4"/>
  <c r="AY474" i="4"/>
  <c r="AZ474" i="4"/>
  <c r="BA474" i="4"/>
  <c r="BB474" i="4"/>
  <c r="BC474" i="4"/>
  <c r="BD474" i="4"/>
  <c r="BE474" i="4"/>
  <c r="BF474" i="4"/>
  <c r="BG474" i="4"/>
  <c r="BH474" i="4"/>
  <c r="BI474" i="4"/>
  <c r="BJ474" i="4"/>
  <c r="BL474" i="4"/>
  <c r="BM474" i="4"/>
  <c r="BN474" i="4"/>
  <c r="BO474" i="4"/>
  <c r="BP474" i="4"/>
  <c r="BQ474" i="4"/>
  <c r="BR474" i="4"/>
  <c r="BS474" i="4"/>
  <c r="BT474" i="4"/>
  <c r="BU474" i="4"/>
  <c r="BV474" i="4"/>
  <c r="BW474" i="4"/>
  <c r="BX474" i="4"/>
  <c r="BY474" i="4"/>
  <c r="BZ474" i="4"/>
  <c r="CA474" i="4"/>
  <c r="CB474" i="4"/>
  <c r="CC474" i="4"/>
  <c r="AY475" i="4"/>
  <c r="AZ475" i="4"/>
  <c r="BA475" i="4"/>
  <c r="BB475" i="4"/>
  <c r="BC475" i="4"/>
  <c r="BD475" i="4"/>
  <c r="BE475" i="4"/>
  <c r="BF475" i="4"/>
  <c r="BG475" i="4"/>
  <c r="BH475" i="4"/>
  <c r="BI475" i="4"/>
  <c r="BJ475" i="4"/>
  <c r="BL475" i="4"/>
  <c r="BM475" i="4"/>
  <c r="BN475" i="4"/>
  <c r="BO475" i="4"/>
  <c r="BP475" i="4"/>
  <c r="BQ475" i="4"/>
  <c r="BR475" i="4"/>
  <c r="BS475" i="4"/>
  <c r="BT475" i="4"/>
  <c r="BU475" i="4"/>
  <c r="BV475" i="4"/>
  <c r="BW475" i="4"/>
  <c r="BX475" i="4"/>
  <c r="BY475" i="4"/>
  <c r="BZ475" i="4"/>
  <c r="CA475" i="4"/>
  <c r="CB475" i="4"/>
  <c r="CC475" i="4"/>
  <c r="AY476" i="4"/>
  <c r="AZ476" i="4"/>
  <c r="BA476" i="4"/>
  <c r="BB476" i="4"/>
  <c r="BC476" i="4"/>
  <c r="BD476" i="4"/>
  <c r="BE476" i="4"/>
  <c r="BF476" i="4"/>
  <c r="BG476" i="4"/>
  <c r="BH476" i="4"/>
  <c r="BI476" i="4"/>
  <c r="BJ476" i="4"/>
  <c r="BL476" i="4"/>
  <c r="BM476" i="4"/>
  <c r="BN476" i="4"/>
  <c r="BO476" i="4"/>
  <c r="BP476" i="4"/>
  <c r="BQ476" i="4"/>
  <c r="BR476" i="4"/>
  <c r="BS476" i="4"/>
  <c r="BT476" i="4"/>
  <c r="BU476" i="4"/>
  <c r="BV476" i="4"/>
  <c r="BW476" i="4"/>
  <c r="BX476" i="4"/>
  <c r="BY476" i="4"/>
  <c r="BZ476" i="4"/>
  <c r="CA476" i="4"/>
  <c r="CB476" i="4"/>
  <c r="CC476" i="4"/>
  <c r="AY477" i="4"/>
  <c r="AZ477" i="4"/>
  <c r="BA477" i="4"/>
  <c r="BB477" i="4"/>
  <c r="BC477" i="4"/>
  <c r="BD477" i="4"/>
  <c r="BE477" i="4"/>
  <c r="BF477" i="4"/>
  <c r="BG477" i="4"/>
  <c r="BH477" i="4"/>
  <c r="BI477" i="4"/>
  <c r="BJ477" i="4"/>
  <c r="BL477" i="4"/>
  <c r="BM477" i="4"/>
  <c r="BN477" i="4"/>
  <c r="BO477" i="4"/>
  <c r="BP477" i="4"/>
  <c r="BQ477" i="4"/>
  <c r="BR477" i="4"/>
  <c r="BS477" i="4"/>
  <c r="BT477" i="4"/>
  <c r="BU477" i="4"/>
  <c r="BV477" i="4"/>
  <c r="BW477" i="4"/>
  <c r="BX477" i="4"/>
  <c r="BY477" i="4"/>
  <c r="BZ477" i="4"/>
  <c r="CA477" i="4"/>
  <c r="CB477" i="4"/>
  <c r="CC477" i="4"/>
  <c r="AY478" i="4"/>
  <c r="AZ478" i="4"/>
  <c r="BA478" i="4"/>
  <c r="BB478" i="4"/>
  <c r="BC478" i="4"/>
  <c r="BD478" i="4"/>
  <c r="BE478" i="4"/>
  <c r="BF478" i="4"/>
  <c r="BG478" i="4"/>
  <c r="BH478" i="4"/>
  <c r="BI478" i="4"/>
  <c r="BJ478" i="4"/>
  <c r="BL478" i="4"/>
  <c r="BM478" i="4"/>
  <c r="BN478" i="4"/>
  <c r="BO478" i="4"/>
  <c r="BP478" i="4"/>
  <c r="BQ478" i="4"/>
  <c r="BR478" i="4"/>
  <c r="BS478" i="4"/>
  <c r="BT478" i="4"/>
  <c r="BU478" i="4"/>
  <c r="BV478" i="4"/>
  <c r="BW478" i="4"/>
  <c r="BX478" i="4"/>
  <c r="BY478" i="4"/>
  <c r="BZ478" i="4"/>
  <c r="CA478" i="4"/>
  <c r="CB478" i="4"/>
  <c r="CC478" i="4"/>
  <c r="AY479" i="4"/>
  <c r="AZ479" i="4"/>
  <c r="BA479" i="4"/>
  <c r="BB479" i="4"/>
  <c r="BC479" i="4"/>
  <c r="BD479" i="4"/>
  <c r="BE479" i="4"/>
  <c r="BF479" i="4"/>
  <c r="BG479" i="4"/>
  <c r="BH479" i="4"/>
  <c r="BI479" i="4"/>
  <c r="BJ479" i="4"/>
  <c r="BL479" i="4"/>
  <c r="BM479" i="4"/>
  <c r="BN479" i="4"/>
  <c r="BO479" i="4"/>
  <c r="BP479" i="4"/>
  <c r="BQ479" i="4"/>
  <c r="BR479" i="4"/>
  <c r="BS479" i="4"/>
  <c r="BT479" i="4"/>
  <c r="BU479" i="4"/>
  <c r="BV479" i="4"/>
  <c r="BW479" i="4"/>
  <c r="BX479" i="4"/>
  <c r="BY479" i="4"/>
  <c r="BZ479" i="4"/>
  <c r="CA479" i="4"/>
  <c r="CB479" i="4"/>
  <c r="CC479" i="4"/>
  <c r="AY480" i="4"/>
  <c r="AZ480" i="4"/>
  <c r="BA480" i="4"/>
  <c r="BB480" i="4"/>
  <c r="BC480" i="4"/>
  <c r="BD480" i="4"/>
  <c r="BE480" i="4"/>
  <c r="BF480" i="4"/>
  <c r="BG480" i="4"/>
  <c r="BH480" i="4"/>
  <c r="BI480" i="4"/>
  <c r="BJ480" i="4"/>
  <c r="BK480" i="4"/>
  <c r="BL480" i="4"/>
  <c r="BM480" i="4"/>
  <c r="BN480" i="4"/>
  <c r="BO480" i="4"/>
  <c r="BP480" i="4"/>
  <c r="BQ480" i="4"/>
  <c r="BR480" i="4"/>
  <c r="BS480" i="4"/>
  <c r="BT480" i="4"/>
  <c r="BU480" i="4"/>
  <c r="BV480" i="4"/>
  <c r="BW480" i="4"/>
  <c r="BX480" i="4"/>
  <c r="BY480" i="4"/>
  <c r="BZ480" i="4"/>
  <c r="CA480" i="4"/>
  <c r="CB480" i="4"/>
  <c r="CC480" i="4"/>
  <c r="AY481" i="4"/>
  <c r="AZ481" i="4"/>
  <c r="BA481" i="4"/>
  <c r="BB481" i="4"/>
  <c r="BC481" i="4"/>
  <c r="BD481" i="4"/>
  <c r="BE481" i="4"/>
  <c r="BF481" i="4"/>
  <c r="BG481" i="4"/>
  <c r="BH481" i="4"/>
  <c r="BI481" i="4"/>
  <c r="BJ481" i="4"/>
  <c r="BL481" i="4"/>
  <c r="BM481" i="4"/>
  <c r="BN481" i="4"/>
  <c r="BO481" i="4"/>
  <c r="BP481" i="4"/>
  <c r="BQ481" i="4"/>
  <c r="BR481" i="4"/>
  <c r="BS481" i="4"/>
  <c r="BT481" i="4"/>
  <c r="BU481" i="4"/>
  <c r="BV481" i="4"/>
  <c r="BW481" i="4"/>
  <c r="BX481" i="4"/>
  <c r="BY481" i="4"/>
  <c r="BZ481" i="4"/>
  <c r="CA481" i="4"/>
  <c r="CB481" i="4"/>
  <c r="CC481" i="4"/>
  <c r="AY482" i="4"/>
  <c r="AZ482" i="4"/>
  <c r="BA482" i="4"/>
  <c r="BB482" i="4"/>
  <c r="BC482" i="4"/>
  <c r="BD482" i="4"/>
  <c r="BE482" i="4"/>
  <c r="BF482" i="4"/>
  <c r="BG482" i="4"/>
  <c r="BI482" i="4"/>
  <c r="BJ482" i="4"/>
  <c r="BK482" i="4"/>
  <c r="BL482" i="4"/>
  <c r="BM482" i="4"/>
  <c r="BN482" i="4"/>
  <c r="BO482" i="4"/>
  <c r="BP482" i="4"/>
  <c r="BQ482" i="4"/>
  <c r="BR482" i="4"/>
  <c r="BS482" i="4"/>
  <c r="BT482" i="4"/>
  <c r="BU482" i="4"/>
  <c r="BV482" i="4"/>
  <c r="BW482" i="4"/>
  <c r="BX482" i="4"/>
  <c r="BY482" i="4"/>
  <c r="BZ482" i="4"/>
  <c r="CA482" i="4"/>
  <c r="CB482" i="4"/>
  <c r="CC482" i="4"/>
  <c r="AY483" i="4"/>
  <c r="AZ483" i="4"/>
  <c r="BA483" i="4"/>
  <c r="BB483" i="4"/>
  <c r="BC483" i="4"/>
  <c r="BD483" i="4"/>
  <c r="BE483" i="4"/>
  <c r="BF483" i="4"/>
  <c r="BG483" i="4"/>
  <c r="BI483" i="4"/>
  <c r="BJ483" i="4"/>
  <c r="BK483" i="4"/>
  <c r="BL483" i="4"/>
  <c r="BM483" i="4"/>
  <c r="BN483" i="4"/>
  <c r="BO483" i="4"/>
  <c r="BP483" i="4"/>
  <c r="BQ483" i="4"/>
  <c r="BR483" i="4"/>
  <c r="BS483" i="4"/>
  <c r="BT483" i="4"/>
  <c r="BU483" i="4"/>
  <c r="BV483" i="4"/>
  <c r="BW483" i="4"/>
  <c r="BX483" i="4"/>
  <c r="BY483" i="4"/>
  <c r="BZ483" i="4"/>
  <c r="CA483" i="4"/>
  <c r="CB483" i="4"/>
  <c r="CC483" i="4"/>
  <c r="AY484" i="4"/>
  <c r="AZ484" i="4"/>
  <c r="BA484" i="4"/>
  <c r="BB484" i="4"/>
  <c r="BC484" i="4"/>
  <c r="BD484" i="4"/>
  <c r="BE484" i="4"/>
  <c r="BF484" i="4"/>
  <c r="BG484" i="4"/>
  <c r="BI484" i="4"/>
  <c r="BJ484" i="4"/>
  <c r="BK484" i="4"/>
  <c r="BL484" i="4"/>
  <c r="BM484" i="4"/>
  <c r="BN484" i="4"/>
  <c r="BO484" i="4"/>
  <c r="BP484" i="4"/>
  <c r="BQ484" i="4"/>
  <c r="BR484" i="4"/>
  <c r="BS484" i="4"/>
  <c r="BT484" i="4"/>
  <c r="BU484" i="4"/>
  <c r="BV484" i="4"/>
  <c r="BW484" i="4"/>
  <c r="BX484" i="4"/>
  <c r="BY484" i="4"/>
  <c r="BZ484" i="4"/>
  <c r="CA484" i="4"/>
  <c r="CB484" i="4"/>
  <c r="CC484" i="4"/>
  <c r="AY485" i="4"/>
  <c r="AZ485" i="4"/>
  <c r="BA485" i="4"/>
  <c r="BB485" i="4"/>
  <c r="BC485" i="4"/>
  <c r="BD485" i="4"/>
  <c r="BE485" i="4"/>
  <c r="BF485" i="4"/>
  <c r="BG485" i="4"/>
  <c r="BI485" i="4"/>
  <c r="BJ485" i="4"/>
  <c r="BK485" i="4"/>
  <c r="BL485" i="4"/>
  <c r="BM485" i="4"/>
  <c r="BN485" i="4"/>
  <c r="BO485" i="4"/>
  <c r="BP485" i="4"/>
  <c r="BQ485" i="4"/>
  <c r="BR485" i="4"/>
  <c r="BS485" i="4"/>
  <c r="BT485" i="4"/>
  <c r="BU485" i="4"/>
  <c r="BV485" i="4"/>
  <c r="BW485" i="4"/>
  <c r="BX485" i="4"/>
  <c r="BY485" i="4"/>
  <c r="BZ485" i="4"/>
  <c r="CA485" i="4"/>
  <c r="CB485" i="4"/>
  <c r="CC485" i="4"/>
  <c r="AY486" i="4"/>
  <c r="AZ486" i="4"/>
  <c r="BA486" i="4"/>
  <c r="BB486" i="4"/>
  <c r="BC486" i="4"/>
  <c r="BD486" i="4"/>
  <c r="BE486" i="4"/>
  <c r="BF486" i="4"/>
  <c r="BG486" i="4"/>
  <c r="BI486" i="4"/>
  <c r="BJ486" i="4"/>
  <c r="BK486" i="4"/>
  <c r="BL486" i="4"/>
  <c r="BM486" i="4"/>
  <c r="BN486" i="4"/>
  <c r="BO486" i="4"/>
  <c r="BP486" i="4"/>
  <c r="BQ486" i="4"/>
  <c r="BR486" i="4"/>
  <c r="BS486" i="4"/>
  <c r="BT486" i="4"/>
  <c r="BU486" i="4"/>
  <c r="BV486" i="4"/>
  <c r="BW486" i="4"/>
  <c r="BX486" i="4"/>
  <c r="BY486" i="4"/>
  <c r="BZ486" i="4"/>
  <c r="CA486" i="4"/>
  <c r="CB486" i="4"/>
  <c r="CC486" i="4"/>
  <c r="AY487" i="4"/>
  <c r="AZ487" i="4"/>
  <c r="BA487" i="4"/>
  <c r="BB487" i="4"/>
  <c r="BC487" i="4"/>
  <c r="BD487" i="4"/>
  <c r="BE487" i="4"/>
  <c r="BF487" i="4"/>
  <c r="BG487" i="4"/>
  <c r="BI487" i="4"/>
  <c r="BJ487" i="4"/>
  <c r="BK487" i="4"/>
  <c r="BL487" i="4"/>
  <c r="BM487" i="4"/>
  <c r="BN487" i="4"/>
  <c r="BO487" i="4"/>
  <c r="BP487" i="4"/>
  <c r="BQ487" i="4"/>
  <c r="BR487" i="4"/>
  <c r="BS487" i="4"/>
  <c r="BT487" i="4"/>
  <c r="BU487" i="4"/>
  <c r="BV487" i="4"/>
  <c r="BW487" i="4"/>
  <c r="BX487" i="4"/>
  <c r="BY487" i="4"/>
  <c r="BZ487" i="4"/>
  <c r="CA487" i="4"/>
  <c r="CB487" i="4"/>
  <c r="CC487" i="4"/>
  <c r="AY488" i="4"/>
  <c r="AZ488" i="4"/>
  <c r="BA488" i="4"/>
  <c r="BB488" i="4"/>
  <c r="BC488" i="4"/>
  <c r="BD488" i="4"/>
  <c r="BE488" i="4"/>
  <c r="BF488" i="4"/>
  <c r="BG488" i="4"/>
  <c r="BI488" i="4"/>
  <c r="BJ488" i="4"/>
  <c r="BK488" i="4"/>
  <c r="BL488" i="4"/>
  <c r="BM488" i="4"/>
  <c r="BN488" i="4"/>
  <c r="BO488" i="4"/>
  <c r="BP488" i="4"/>
  <c r="BQ488" i="4"/>
  <c r="BR488" i="4"/>
  <c r="BS488" i="4"/>
  <c r="BT488" i="4"/>
  <c r="BU488" i="4"/>
  <c r="BV488" i="4"/>
  <c r="BW488" i="4"/>
  <c r="BX488" i="4"/>
  <c r="BY488" i="4"/>
  <c r="BZ488" i="4"/>
  <c r="CA488" i="4"/>
  <c r="CB488" i="4"/>
  <c r="CC488" i="4"/>
  <c r="AY489" i="4"/>
  <c r="AZ489" i="4"/>
  <c r="BA489" i="4"/>
  <c r="BB489" i="4"/>
  <c r="BC489" i="4"/>
  <c r="BD489" i="4"/>
  <c r="BE489" i="4"/>
  <c r="BF489" i="4"/>
  <c r="BG489" i="4"/>
  <c r="BI489" i="4"/>
  <c r="BJ489" i="4"/>
  <c r="BK489" i="4"/>
  <c r="BL489" i="4"/>
  <c r="BM489" i="4"/>
  <c r="BN489" i="4"/>
  <c r="BO489" i="4"/>
  <c r="BP489" i="4"/>
  <c r="BQ489" i="4"/>
  <c r="BR489" i="4"/>
  <c r="BS489" i="4"/>
  <c r="BT489" i="4"/>
  <c r="BU489" i="4"/>
  <c r="BV489" i="4"/>
  <c r="BW489" i="4"/>
  <c r="BX489" i="4"/>
  <c r="BY489" i="4"/>
  <c r="BZ489" i="4"/>
  <c r="CA489" i="4"/>
  <c r="CB489" i="4"/>
  <c r="CC489" i="4"/>
  <c r="AY490" i="4"/>
  <c r="AZ490" i="4"/>
  <c r="BA490" i="4"/>
  <c r="BB490" i="4"/>
  <c r="BC490" i="4"/>
  <c r="BD490" i="4"/>
  <c r="BE490" i="4"/>
  <c r="BF490" i="4"/>
  <c r="BG490" i="4"/>
  <c r="BH490" i="4"/>
  <c r="BJ490" i="4"/>
  <c r="BK490" i="4"/>
  <c r="BL490" i="4"/>
  <c r="BM490" i="4"/>
  <c r="BN490" i="4"/>
  <c r="BO490" i="4"/>
  <c r="BP490" i="4"/>
  <c r="BQ490" i="4"/>
  <c r="BR490" i="4"/>
  <c r="BS490" i="4"/>
  <c r="BT490" i="4"/>
  <c r="BU490" i="4"/>
  <c r="BV490" i="4"/>
  <c r="BW490" i="4"/>
  <c r="BX490" i="4"/>
  <c r="BY490" i="4"/>
  <c r="BZ490" i="4"/>
  <c r="CA490" i="4"/>
  <c r="CB490" i="4"/>
  <c r="CC490" i="4"/>
  <c r="AY491" i="4"/>
  <c r="AZ491" i="4"/>
  <c r="BA491" i="4"/>
  <c r="BB491" i="4"/>
  <c r="BC491" i="4"/>
  <c r="BD491" i="4"/>
  <c r="BE491" i="4"/>
  <c r="BF491" i="4"/>
  <c r="BG491" i="4"/>
  <c r="BH491" i="4"/>
  <c r="BJ491" i="4"/>
  <c r="BK491" i="4"/>
  <c r="BL491" i="4"/>
  <c r="BM491" i="4"/>
  <c r="BN491" i="4"/>
  <c r="BO491" i="4"/>
  <c r="BP491" i="4"/>
  <c r="BQ491" i="4"/>
  <c r="BR491" i="4"/>
  <c r="BS491" i="4"/>
  <c r="BT491" i="4"/>
  <c r="BU491" i="4"/>
  <c r="BV491" i="4"/>
  <c r="BW491" i="4"/>
  <c r="BX491" i="4"/>
  <c r="BY491" i="4"/>
  <c r="BZ491" i="4"/>
  <c r="CA491" i="4"/>
  <c r="CB491" i="4"/>
  <c r="CC491" i="4"/>
  <c r="AY492" i="4"/>
  <c r="AZ492" i="4"/>
  <c r="BA492" i="4"/>
  <c r="BB492" i="4"/>
  <c r="BC492" i="4"/>
  <c r="BD492" i="4"/>
  <c r="BE492" i="4"/>
  <c r="BF492" i="4"/>
  <c r="BG492" i="4"/>
  <c r="BH492" i="4"/>
  <c r="BJ492" i="4"/>
  <c r="BK492" i="4"/>
  <c r="BL492" i="4"/>
  <c r="BM492" i="4"/>
  <c r="BN492" i="4"/>
  <c r="BO492" i="4"/>
  <c r="BP492" i="4"/>
  <c r="BQ492" i="4"/>
  <c r="BR492" i="4"/>
  <c r="BS492" i="4"/>
  <c r="BT492" i="4"/>
  <c r="BU492" i="4"/>
  <c r="BV492" i="4"/>
  <c r="BW492" i="4"/>
  <c r="BX492" i="4"/>
  <c r="BY492" i="4"/>
  <c r="BZ492" i="4"/>
  <c r="CA492" i="4"/>
  <c r="CB492" i="4"/>
  <c r="CC492" i="4"/>
  <c r="AY493" i="4"/>
  <c r="AZ493" i="4"/>
  <c r="BA493" i="4"/>
  <c r="BB493" i="4"/>
  <c r="BC493" i="4"/>
  <c r="BD493" i="4"/>
  <c r="BE493" i="4"/>
  <c r="BF493" i="4"/>
  <c r="BG493" i="4"/>
  <c r="BH493" i="4"/>
  <c r="BJ493" i="4"/>
  <c r="BK493" i="4"/>
  <c r="BL493" i="4"/>
  <c r="BM493" i="4"/>
  <c r="BN493" i="4"/>
  <c r="BO493" i="4"/>
  <c r="BP493" i="4"/>
  <c r="BQ493" i="4"/>
  <c r="BR493" i="4"/>
  <c r="BS493" i="4"/>
  <c r="BT493" i="4"/>
  <c r="BU493" i="4"/>
  <c r="BV493" i="4"/>
  <c r="BW493" i="4"/>
  <c r="BX493" i="4"/>
  <c r="BY493" i="4"/>
  <c r="BZ493" i="4"/>
  <c r="CA493" i="4"/>
  <c r="CB493" i="4"/>
  <c r="CC493" i="4"/>
  <c r="AY494" i="4"/>
  <c r="AZ494" i="4"/>
  <c r="BA494" i="4"/>
  <c r="BB494" i="4"/>
  <c r="BC494" i="4"/>
  <c r="BD494" i="4"/>
  <c r="BE494" i="4"/>
  <c r="BF494" i="4"/>
  <c r="BG494" i="4"/>
  <c r="BH494" i="4"/>
  <c r="BJ494" i="4"/>
  <c r="BK494" i="4"/>
  <c r="BL494" i="4"/>
  <c r="BM494" i="4"/>
  <c r="BN494" i="4"/>
  <c r="BO494" i="4"/>
  <c r="BP494" i="4"/>
  <c r="BQ494" i="4"/>
  <c r="BR494" i="4"/>
  <c r="BS494" i="4"/>
  <c r="BT494" i="4"/>
  <c r="BU494" i="4"/>
  <c r="BV494" i="4"/>
  <c r="BW494" i="4"/>
  <c r="BX494" i="4"/>
  <c r="BY494" i="4"/>
  <c r="BZ494" i="4"/>
  <c r="CA494" i="4"/>
  <c r="CB494" i="4"/>
  <c r="CC494" i="4"/>
  <c r="AY495" i="4"/>
  <c r="AZ495" i="4"/>
  <c r="BA495" i="4"/>
  <c r="BB495" i="4"/>
  <c r="BC495" i="4"/>
  <c r="BD495" i="4"/>
  <c r="BE495" i="4"/>
  <c r="BF495" i="4"/>
  <c r="BG495" i="4"/>
  <c r="BH495" i="4"/>
  <c r="BJ495" i="4"/>
  <c r="BK495" i="4"/>
  <c r="BL495" i="4"/>
  <c r="BM495" i="4"/>
  <c r="BN495" i="4"/>
  <c r="BO495" i="4"/>
  <c r="BP495" i="4"/>
  <c r="BQ495" i="4"/>
  <c r="BR495" i="4"/>
  <c r="BS495" i="4"/>
  <c r="BT495" i="4"/>
  <c r="BU495" i="4"/>
  <c r="BV495" i="4"/>
  <c r="BW495" i="4"/>
  <c r="BX495" i="4"/>
  <c r="BY495" i="4"/>
  <c r="BZ495" i="4"/>
  <c r="CA495" i="4"/>
  <c r="CB495" i="4"/>
  <c r="CC495" i="4"/>
  <c r="AY496" i="4"/>
  <c r="AZ496" i="4"/>
  <c r="BA496" i="4"/>
  <c r="BB496" i="4"/>
  <c r="BC496" i="4"/>
  <c r="BD496" i="4"/>
  <c r="BE496" i="4"/>
  <c r="BF496" i="4"/>
  <c r="BG496" i="4"/>
  <c r="BH496" i="4"/>
  <c r="BJ496" i="4"/>
  <c r="BK496" i="4"/>
  <c r="BL496" i="4"/>
  <c r="BM496" i="4"/>
  <c r="BN496" i="4"/>
  <c r="BO496" i="4"/>
  <c r="BP496" i="4"/>
  <c r="BQ496" i="4"/>
  <c r="BR496" i="4"/>
  <c r="BS496" i="4"/>
  <c r="BT496" i="4"/>
  <c r="BU496" i="4"/>
  <c r="BV496" i="4"/>
  <c r="BW496" i="4"/>
  <c r="BX496" i="4"/>
  <c r="BY496" i="4"/>
  <c r="BZ496" i="4"/>
  <c r="CA496" i="4"/>
  <c r="CB496" i="4"/>
  <c r="CC496" i="4"/>
  <c r="AY497" i="4"/>
  <c r="AZ497" i="4"/>
  <c r="BA497" i="4"/>
  <c r="BB497" i="4"/>
  <c r="BC497" i="4"/>
  <c r="BD497" i="4"/>
  <c r="BE497" i="4"/>
  <c r="BF497" i="4"/>
  <c r="BG497" i="4"/>
  <c r="BH497" i="4"/>
  <c r="BJ497" i="4"/>
  <c r="BK497" i="4"/>
  <c r="BL497" i="4"/>
  <c r="BM497" i="4"/>
  <c r="BN497" i="4"/>
  <c r="BO497" i="4"/>
  <c r="BP497" i="4"/>
  <c r="BQ497" i="4"/>
  <c r="BR497" i="4"/>
  <c r="BS497" i="4"/>
  <c r="BT497" i="4"/>
  <c r="BU497" i="4"/>
  <c r="BV497" i="4"/>
  <c r="BW497" i="4"/>
  <c r="BX497" i="4"/>
  <c r="BY497" i="4"/>
  <c r="BZ497" i="4"/>
  <c r="CA497" i="4"/>
  <c r="CB497" i="4"/>
  <c r="CC497" i="4"/>
  <c r="AY498" i="4"/>
  <c r="AZ498" i="4"/>
  <c r="BA498" i="4"/>
  <c r="BB498" i="4"/>
  <c r="BC498" i="4"/>
  <c r="BD498" i="4"/>
  <c r="BE498" i="4"/>
  <c r="BF498" i="4"/>
  <c r="BG498" i="4"/>
  <c r="BH498" i="4"/>
  <c r="BI498" i="4"/>
  <c r="BJ498" i="4"/>
  <c r="BK498" i="4"/>
  <c r="BM498" i="4"/>
  <c r="BN498" i="4"/>
  <c r="BO498" i="4"/>
  <c r="BP498" i="4"/>
  <c r="BQ498" i="4"/>
  <c r="BR498" i="4"/>
  <c r="BS498" i="4"/>
  <c r="BT498" i="4"/>
  <c r="BU498" i="4"/>
  <c r="BV498" i="4"/>
  <c r="BW498" i="4"/>
  <c r="BX498" i="4"/>
  <c r="BY498" i="4"/>
  <c r="BZ498" i="4"/>
  <c r="CA498" i="4"/>
  <c r="CB498" i="4"/>
  <c r="CC498" i="4"/>
  <c r="AY499" i="4"/>
  <c r="AZ499" i="4"/>
  <c r="BA499" i="4"/>
  <c r="BB499" i="4"/>
  <c r="BC499" i="4"/>
  <c r="BD499" i="4"/>
  <c r="BE499" i="4"/>
  <c r="BF499" i="4"/>
  <c r="BG499" i="4"/>
  <c r="BH499" i="4"/>
  <c r="BI499" i="4"/>
  <c r="BJ499" i="4"/>
  <c r="BK499" i="4"/>
  <c r="BM499" i="4"/>
  <c r="BN499" i="4"/>
  <c r="BO499" i="4"/>
  <c r="BP499" i="4"/>
  <c r="BQ499" i="4"/>
  <c r="BR499" i="4"/>
  <c r="BS499" i="4"/>
  <c r="BT499" i="4"/>
  <c r="BU499" i="4"/>
  <c r="BV499" i="4"/>
  <c r="BW499" i="4"/>
  <c r="BX499" i="4"/>
  <c r="BY499" i="4"/>
  <c r="BZ499" i="4"/>
  <c r="CA499" i="4"/>
  <c r="CB499" i="4"/>
  <c r="CC499" i="4"/>
  <c r="AY500" i="4"/>
  <c r="AZ500" i="4"/>
  <c r="BA500" i="4"/>
  <c r="BB500" i="4"/>
  <c r="BC500" i="4"/>
  <c r="BD500" i="4"/>
  <c r="BE500" i="4"/>
  <c r="BF500" i="4"/>
  <c r="BG500" i="4"/>
  <c r="BH500" i="4"/>
  <c r="BI500" i="4"/>
  <c r="BJ500" i="4"/>
  <c r="BK500" i="4"/>
  <c r="BM500" i="4"/>
  <c r="BN500" i="4"/>
  <c r="BO500" i="4"/>
  <c r="BP500" i="4"/>
  <c r="BQ500" i="4"/>
  <c r="BR500" i="4"/>
  <c r="BS500" i="4"/>
  <c r="BT500" i="4"/>
  <c r="BU500" i="4"/>
  <c r="BV500" i="4"/>
  <c r="BW500" i="4"/>
  <c r="BX500" i="4"/>
  <c r="BY500" i="4"/>
  <c r="BZ500" i="4"/>
  <c r="CA500" i="4"/>
  <c r="CB500" i="4"/>
  <c r="CC500" i="4"/>
  <c r="AY501" i="4"/>
  <c r="AZ501" i="4"/>
  <c r="BA501" i="4"/>
  <c r="BB501" i="4"/>
  <c r="BC501" i="4"/>
  <c r="BD501" i="4"/>
  <c r="BE501" i="4"/>
  <c r="BF501" i="4"/>
  <c r="BG501" i="4"/>
  <c r="BH501" i="4"/>
  <c r="BI501" i="4"/>
  <c r="BJ501" i="4"/>
  <c r="BK501" i="4"/>
  <c r="BM501" i="4"/>
  <c r="BN501" i="4"/>
  <c r="BO501" i="4"/>
  <c r="BP501" i="4"/>
  <c r="BQ501" i="4"/>
  <c r="BR501" i="4"/>
  <c r="BS501" i="4"/>
  <c r="BT501" i="4"/>
  <c r="BU501" i="4"/>
  <c r="BV501" i="4"/>
  <c r="BW501" i="4"/>
  <c r="BX501" i="4"/>
  <c r="BY501" i="4"/>
  <c r="BZ501" i="4"/>
  <c r="CA501" i="4"/>
  <c r="CB501" i="4"/>
  <c r="CC501" i="4"/>
  <c r="AY502" i="4"/>
  <c r="AZ502" i="4"/>
  <c r="BA502" i="4"/>
  <c r="BB502" i="4"/>
  <c r="BC502" i="4"/>
  <c r="BD502" i="4"/>
  <c r="BE502" i="4"/>
  <c r="BF502" i="4"/>
  <c r="BG502" i="4"/>
  <c r="BH502" i="4"/>
  <c r="BI502" i="4"/>
  <c r="BJ502" i="4"/>
  <c r="BK502" i="4"/>
  <c r="BM502" i="4"/>
  <c r="BN502" i="4"/>
  <c r="BO502" i="4"/>
  <c r="BP502" i="4"/>
  <c r="BQ502" i="4"/>
  <c r="BR502" i="4"/>
  <c r="BS502" i="4"/>
  <c r="BT502" i="4"/>
  <c r="BU502" i="4"/>
  <c r="BV502" i="4"/>
  <c r="BW502" i="4"/>
  <c r="BX502" i="4"/>
  <c r="BY502" i="4"/>
  <c r="BZ502" i="4"/>
  <c r="CA502" i="4"/>
  <c r="CB502" i="4"/>
  <c r="CC502" i="4"/>
  <c r="AY503" i="4"/>
  <c r="AZ503" i="4"/>
  <c r="BA503" i="4"/>
  <c r="BB503" i="4"/>
  <c r="BC503" i="4"/>
  <c r="BD503" i="4"/>
  <c r="BE503" i="4"/>
  <c r="BF503" i="4"/>
  <c r="BG503" i="4"/>
  <c r="BH503" i="4"/>
  <c r="BI503" i="4"/>
  <c r="BJ503" i="4"/>
  <c r="BK503" i="4"/>
  <c r="BM503" i="4"/>
  <c r="BN503" i="4"/>
  <c r="BO503" i="4"/>
  <c r="BP503" i="4"/>
  <c r="BQ503" i="4"/>
  <c r="BR503" i="4"/>
  <c r="BS503" i="4"/>
  <c r="BT503" i="4"/>
  <c r="BU503" i="4"/>
  <c r="BV503" i="4"/>
  <c r="BW503" i="4"/>
  <c r="BX503" i="4"/>
  <c r="BY503" i="4"/>
  <c r="BZ503" i="4"/>
  <c r="CA503" i="4"/>
  <c r="CB503" i="4"/>
  <c r="CC503" i="4"/>
  <c r="AY504" i="4"/>
  <c r="AZ504" i="4"/>
  <c r="BA504" i="4"/>
  <c r="BB504" i="4"/>
  <c r="BC504" i="4"/>
  <c r="BD504" i="4"/>
  <c r="BE504" i="4"/>
  <c r="BF504" i="4"/>
  <c r="BG504" i="4"/>
  <c r="BH504" i="4"/>
  <c r="BI504" i="4"/>
  <c r="BJ504" i="4"/>
  <c r="BK504" i="4"/>
  <c r="BL504" i="4"/>
  <c r="BM504" i="4"/>
  <c r="BN504" i="4"/>
  <c r="BO504" i="4"/>
  <c r="BP504" i="4"/>
  <c r="BQ504" i="4"/>
  <c r="BR504" i="4"/>
  <c r="BS504" i="4"/>
  <c r="BT504" i="4"/>
  <c r="BU504" i="4"/>
  <c r="BV504" i="4"/>
  <c r="BW504" i="4"/>
  <c r="BX504" i="4"/>
  <c r="BY504" i="4"/>
  <c r="BZ504" i="4"/>
  <c r="CA504" i="4"/>
  <c r="CB504" i="4"/>
  <c r="CC504" i="4"/>
  <c r="AY505" i="4"/>
  <c r="AZ505" i="4"/>
  <c r="BA505" i="4"/>
  <c r="BB505" i="4"/>
  <c r="BC505" i="4"/>
  <c r="BD505" i="4"/>
  <c r="BE505" i="4"/>
  <c r="BF505" i="4"/>
  <c r="BG505" i="4"/>
  <c r="BH505" i="4"/>
  <c r="BI505" i="4"/>
  <c r="BJ505" i="4"/>
  <c r="BK505" i="4"/>
  <c r="BM505" i="4"/>
  <c r="BN505" i="4"/>
  <c r="BO505" i="4"/>
  <c r="BP505" i="4"/>
  <c r="BQ505" i="4"/>
  <c r="BR505" i="4"/>
  <c r="BS505" i="4"/>
  <c r="BT505" i="4"/>
  <c r="BU505" i="4"/>
  <c r="BV505" i="4"/>
  <c r="BW505" i="4"/>
  <c r="BX505" i="4"/>
  <c r="BY505" i="4"/>
  <c r="BZ505" i="4"/>
  <c r="CA505" i="4"/>
  <c r="CB505" i="4"/>
  <c r="CC505" i="4"/>
  <c r="AY506" i="4"/>
  <c r="AZ506" i="4"/>
  <c r="BA506" i="4"/>
  <c r="BB506" i="4"/>
  <c r="BC506" i="4"/>
  <c r="BD506" i="4"/>
  <c r="BE506" i="4"/>
  <c r="BF506" i="4"/>
  <c r="BG506" i="4"/>
  <c r="BH506" i="4"/>
  <c r="BI506" i="4"/>
  <c r="BJ506" i="4"/>
  <c r="BK506" i="4"/>
  <c r="BL506" i="4"/>
  <c r="BN506" i="4"/>
  <c r="BO506" i="4"/>
  <c r="BP506" i="4"/>
  <c r="BQ506" i="4"/>
  <c r="BR506" i="4"/>
  <c r="BS506" i="4"/>
  <c r="BT506" i="4"/>
  <c r="BU506" i="4"/>
  <c r="BV506" i="4"/>
  <c r="BW506" i="4"/>
  <c r="BX506" i="4"/>
  <c r="BY506" i="4"/>
  <c r="BZ506" i="4"/>
  <c r="CA506" i="4"/>
  <c r="CB506" i="4"/>
  <c r="CC506" i="4"/>
  <c r="AY507" i="4"/>
  <c r="AZ507" i="4"/>
  <c r="BA507" i="4"/>
  <c r="BB507" i="4"/>
  <c r="BC507" i="4"/>
  <c r="BD507" i="4"/>
  <c r="BE507" i="4"/>
  <c r="BF507" i="4"/>
  <c r="BG507" i="4"/>
  <c r="BH507" i="4"/>
  <c r="BI507" i="4"/>
  <c r="BJ507" i="4"/>
  <c r="BK507" i="4"/>
  <c r="BL507" i="4"/>
  <c r="BN507" i="4"/>
  <c r="BO507" i="4"/>
  <c r="BP507" i="4"/>
  <c r="BQ507" i="4"/>
  <c r="BR507" i="4"/>
  <c r="BS507" i="4"/>
  <c r="BT507" i="4"/>
  <c r="BU507" i="4"/>
  <c r="BV507" i="4"/>
  <c r="BW507" i="4"/>
  <c r="BX507" i="4"/>
  <c r="BY507" i="4"/>
  <c r="BZ507" i="4"/>
  <c r="CA507" i="4"/>
  <c r="CB507" i="4"/>
  <c r="CC507" i="4"/>
  <c r="AY508" i="4"/>
  <c r="AZ508" i="4"/>
  <c r="BA508" i="4"/>
  <c r="BB508" i="4"/>
  <c r="BC508" i="4"/>
  <c r="BD508" i="4"/>
  <c r="BE508" i="4"/>
  <c r="BF508" i="4"/>
  <c r="BG508" i="4"/>
  <c r="BH508" i="4"/>
  <c r="BI508" i="4"/>
  <c r="BJ508" i="4"/>
  <c r="BK508" i="4"/>
  <c r="BL508" i="4"/>
  <c r="BN508" i="4"/>
  <c r="BO508" i="4"/>
  <c r="BP508" i="4"/>
  <c r="BQ508" i="4"/>
  <c r="BR508" i="4"/>
  <c r="BS508" i="4"/>
  <c r="BT508" i="4"/>
  <c r="BU508" i="4"/>
  <c r="BV508" i="4"/>
  <c r="BW508" i="4"/>
  <c r="BX508" i="4"/>
  <c r="BY508" i="4"/>
  <c r="BZ508" i="4"/>
  <c r="CA508" i="4"/>
  <c r="CB508" i="4"/>
  <c r="CC508" i="4"/>
  <c r="AY509" i="4"/>
  <c r="AZ509" i="4"/>
  <c r="BA509" i="4"/>
  <c r="BB509" i="4"/>
  <c r="BC509" i="4"/>
  <c r="BD509" i="4"/>
  <c r="BE509" i="4"/>
  <c r="BF509" i="4"/>
  <c r="BG509" i="4"/>
  <c r="BH509" i="4"/>
  <c r="BI509" i="4"/>
  <c r="BJ509" i="4"/>
  <c r="BK509" i="4"/>
  <c r="BL509" i="4"/>
  <c r="BN509" i="4"/>
  <c r="BO509" i="4"/>
  <c r="BP509" i="4"/>
  <c r="BQ509" i="4"/>
  <c r="BR509" i="4"/>
  <c r="BS509" i="4"/>
  <c r="BT509" i="4"/>
  <c r="BU509" i="4"/>
  <c r="BV509" i="4"/>
  <c r="BW509" i="4"/>
  <c r="BX509" i="4"/>
  <c r="BY509" i="4"/>
  <c r="BZ509" i="4"/>
  <c r="CA509" i="4"/>
  <c r="CB509" i="4"/>
  <c r="CC509" i="4"/>
  <c r="AY510" i="4"/>
  <c r="AZ510" i="4"/>
  <c r="BA510" i="4"/>
  <c r="BB510" i="4"/>
  <c r="BC510" i="4"/>
  <c r="BD510" i="4"/>
  <c r="BE510" i="4"/>
  <c r="BF510" i="4"/>
  <c r="BG510" i="4"/>
  <c r="BH510" i="4"/>
  <c r="BI510" i="4"/>
  <c r="BJ510" i="4"/>
  <c r="BK510" i="4"/>
  <c r="BL510" i="4"/>
  <c r="BN510" i="4"/>
  <c r="BO510" i="4"/>
  <c r="BP510" i="4"/>
  <c r="BQ510" i="4"/>
  <c r="BR510" i="4"/>
  <c r="BS510" i="4"/>
  <c r="BT510" i="4"/>
  <c r="BU510" i="4"/>
  <c r="BV510" i="4"/>
  <c r="BW510" i="4"/>
  <c r="BX510" i="4"/>
  <c r="BY510" i="4"/>
  <c r="BZ510" i="4"/>
  <c r="CA510" i="4"/>
  <c r="CB510" i="4"/>
  <c r="CC510" i="4"/>
  <c r="AY511" i="4"/>
  <c r="AZ511" i="4"/>
  <c r="BA511" i="4"/>
  <c r="BB511" i="4"/>
  <c r="BC511" i="4"/>
  <c r="BD511" i="4"/>
  <c r="BE511" i="4"/>
  <c r="BF511" i="4"/>
  <c r="BG511" i="4"/>
  <c r="BH511" i="4"/>
  <c r="BI511" i="4"/>
  <c r="BJ511" i="4"/>
  <c r="BK511" i="4"/>
  <c r="BL511" i="4"/>
  <c r="BM511" i="4"/>
  <c r="BN511" i="4"/>
  <c r="BO511" i="4"/>
  <c r="BP511" i="4"/>
  <c r="BQ511" i="4"/>
  <c r="BR511" i="4"/>
  <c r="BS511" i="4"/>
  <c r="BT511" i="4"/>
  <c r="BU511" i="4"/>
  <c r="BV511" i="4"/>
  <c r="BW511" i="4"/>
  <c r="BX511" i="4"/>
  <c r="BY511" i="4"/>
  <c r="BZ511" i="4"/>
  <c r="CA511" i="4"/>
  <c r="CB511" i="4"/>
  <c r="CC511" i="4"/>
  <c r="AY512" i="4"/>
  <c r="AZ512" i="4"/>
  <c r="BA512" i="4"/>
  <c r="BB512" i="4"/>
  <c r="BC512" i="4"/>
  <c r="BD512" i="4"/>
  <c r="BE512" i="4"/>
  <c r="BF512" i="4"/>
  <c r="BG512" i="4"/>
  <c r="BH512" i="4"/>
  <c r="BI512" i="4"/>
  <c r="BJ512" i="4"/>
  <c r="BK512" i="4"/>
  <c r="BL512" i="4"/>
  <c r="BM512" i="4"/>
  <c r="BN512" i="4"/>
  <c r="BO512" i="4"/>
  <c r="BP512" i="4"/>
  <c r="BQ512" i="4"/>
  <c r="BR512" i="4"/>
  <c r="BS512" i="4"/>
  <c r="BT512" i="4"/>
  <c r="BU512" i="4"/>
  <c r="BV512" i="4"/>
  <c r="BW512" i="4"/>
  <c r="BX512" i="4"/>
  <c r="BY512" i="4"/>
  <c r="BZ512" i="4"/>
  <c r="CA512" i="4"/>
  <c r="CB512" i="4"/>
  <c r="CC512" i="4"/>
  <c r="AY513" i="4"/>
  <c r="AZ513" i="4"/>
  <c r="BA513" i="4"/>
  <c r="BB513" i="4"/>
  <c r="BC513" i="4"/>
  <c r="BD513" i="4"/>
  <c r="BE513" i="4"/>
  <c r="BF513" i="4"/>
  <c r="BG513" i="4"/>
  <c r="BH513" i="4"/>
  <c r="BI513" i="4"/>
  <c r="BJ513" i="4"/>
  <c r="BK513" i="4"/>
  <c r="BL513" i="4"/>
  <c r="BN513" i="4"/>
  <c r="BO513" i="4"/>
  <c r="BP513" i="4"/>
  <c r="BQ513" i="4"/>
  <c r="BR513" i="4"/>
  <c r="BS513" i="4"/>
  <c r="BT513" i="4"/>
  <c r="BU513" i="4"/>
  <c r="BV513" i="4"/>
  <c r="BW513" i="4"/>
  <c r="BX513" i="4"/>
  <c r="BY513" i="4"/>
  <c r="BZ513" i="4"/>
  <c r="CA513" i="4"/>
  <c r="CB513" i="4"/>
  <c r="CC513" i="4"/>
  <c r="AY514" i="4"/>
  <c r="AZ514" i="4"/>
  <c r="BA514" i="4"/>
  <c r="BB514" i="4"/>
  <c r="BC514" i="4"/>
  <c r="BD514" i="4"/>
  <c r="BE514" i="4"/>
  <c r="BF514" i="4"/>
  <c r="BG514" i="4"/>
  <c r="BH514" i="4"/>
  <c r="BI514" i="4"/>
  <c r="BJ514" i="4"/>
  <c r="BK514" i="4"/>
  <c r="BL514" i="4"/>
  <c r="BM514" i="4"/>
  <c r="BO514" i="4"/>
  <c r="BP514" i="4"/>
  <c r="BQ514" i="4"/>
  <c r="BR514" i="4"/>
  <c r="BS514" i="4"/>
  <c r="BT514" i="4"/>
  <c r="BU514" i="4"/>
  <c r="BV514" i="4"/>
  <c r="BW514" i="4"/>
  <c r="BX514" i="4"/>
  <c r="BY514" i="4"/>
  <c r="BZ514" i="4"/>
  <c r="CA514" i="4"/>
  <c r="CB514" i="4"/>
  <c r="CC514" i="4"/>
  <c r="AY515" i="4"/>
  <c r="AZ515" i="4"/>
  <c r="BA515" i="4"/>
  <c r="BB515" i="4"/>
  <c r="BC515" i="4"/>
  <c r="BD515" i="4"/>
  <c r="BE515" i="4"/>
  <c r="BF515" i="4"/>
  <c r="BG515" i="4"/>
  <c r="BH515" i="4"/>
  <c r="BI515" i="4"/>
  <c r="BJ515" i="4"/>
  <c r="BK515" i="4"/>
  <c r="BL515" i="4"/>
  <c r="BM515" i="4"/>
  <c r="BO515" i="4"/>
  <c r="BP515" i="4"/>
  <c r="BQ515" i="4"/>
  <c r="BR515" i="4"/>
  <c r="BS515" i="4"/>
  <c r="BT515" i="4"/>
  <c r="BU515" i="4"/>
  <c r="BV515" i="4"/>
  <c r="BW515" i="4"/>
  <c r="BX515" i="4"/>
  <c r="BY515" i="4"/>
  <c r="BZ515" i="4"/>
  <c r="CA515" i="4"/>
  <c r="CB515" i="4"/>
  <c r="CC515" i="4"/>
  <c r="AY516" i="4"/>
  <c r="AZ516" i="4"/>
  <c r="BA516" i="4"/>
  <c r="BB516" i="4"/>
  <c r="BC516" i="4"/>
  <c r="BD516" i="4"/>
  <c r="BE516" i="4"/>
  <c r="BF516" i="4"/>
  <c r="BG516" i="4"/>
  <c r="BH516" i="4"/>
  <c r="BI516" i="4"/>
  <c r="BJ516" i="4"/>
  <c r="BK516" i="4"/>
  <c r="BL516" i="4"/>
  <c r="BM516" i="4"/>
  <c r="BO516" i="4"/>
  <c r="BP516" i="4"/>
  <c r="BQ516" i="4"/>
  <c r="BR516" i="4"/>
  <c r="BS516" i="4"/>
  <c r="BT516" i="4"/>
  <c r="BU516" i="4"/>
  <c r="BV516" i="4"/>
  <c r="BW516" i="4"/>
  <c r="BX516" i="4"/>
  <c r="BY516" i="4"/>
  <c r="BZ516" i="4"/>
  <c r="CA516" i="4"/>
  <c r="CB516" i="4"/>
  <c r="CC516" i="4"/>
  <c r="AY517" i="4"/>
  <c r="AZ517" i="4"/>
  <c r="BA517" i="4"/>
  <c r="BB517" i="4"/>
  <c r="BC517" i="4"/>
  <c r="BD517" i="4"/>
  <c r="BE517" i="4"/>
  <c r="BF517" i="4"/>
  <c r="BG517" i="4"/>
  <c r="BH517" i="4"/>
  <c r="BI517" i="4"/>
  <c r="BJ517" i="4"/>
  <c r="BK517" i="4"/>
  <c r="BL517" i="4"/>
  <c r="BM517" i="4"/>
  <c r="BO517" i="4"/>
  <c r="BP517" i="4"/>
  <c r="BQ517" i="4"/>
  <c r="BR517" i="4"/>
  <c r="BS517" i="4"/>
  <c r="BT517" i="4"/>
  <c r="BU517" i="4"/>
  <c r="BV517" i="4"/>
  <c r="BW517" i="4"/>
  <c r="BX517" i="4"/>
  <c r="BY517" i="4"/>
  <c r="BZ517" i="4"/>
  <c r="CA517" i="4"/>
  <c r="CB517" i="4"/>
  <c r="CC517" i="4"/>
  <c r="AY518" i="4"/>
  <c r="AZ518" i="4"/>
  <c r="BA518" i="4"/>
  <c r="BB518" i="4"/>
  <c r="BC518" i="4"/>
  <c r="BD518" i="4"/>
  <c r="BE518" i="4"/>
  <c r="BF518" i="4"/>
  <c r="BG518" i="4"/>
  <c r="BH518" i="4"/>
  <c r="BI518" i="4"/>
  <c r="BJ518" i="4"/>
  <c r="BK518" i="4"/>
  <c r="BL518" i="4"/>
  <c r="BM518" i="4"/>
  <c r="BO518" i="4"/>
  <c r="BP518" i="4"/>
  <c r="BQ518" i="4"/>
  <c r="BR518" i="4"/>
  <c r="BS518" i="4"/>
  <c r="BT518" i="4"/>
  <c r="BU518" i="4"/>
  <c r="BV518" i="4"/>
  <c r="BW518" i="4"/>
  <c r="BX518" i="4"/>
  <c r="BY518" i="4"/>
  <c r="BZ518" i="4"/>
  <c r="CA518" i="4"/>
  <c r="CB518" i="4"/>
  <c r="CC518" i="4"/>
  <c r="AY519" i="4"/>
  <c r="AZ519" i="4"/>
  <c r="BA519" i="4"/>
  <c r="BB519" i="4"/>
  <c r="BC519" i="4"/>
  <c r="BD519" i="4"/>
  <c r="BE519" i="4"/>
  <c r="BF519" i="4"/>
  <c r="BG519" i="4"/>
  <c r="BH519" i="4"/>
  <c r="BI519" i="4"/>
  <c r="BJ519" i="4"/>
  <c r="BK519" i="4"/>
  <c r="BL519" i="4"/>
  <c r="BM519" i="4"/>
  <c r="BN519" i="4"/>
  <c r="BO519" i="4"/>
  <c r="BP519" i="4"/>
  <c r="BQ519" i="4"/>
  <c r="BR519" i="4"/>
  <c r="BS519" i="4"/>
  <c r="BT519" i="4"/>
  <c r="BU519" i="4"/>
  <c r="BV519" i="4"/>
  <c r="BW519" i="4"/>
  <c r="BX519" i="4"/>
  <c r="BY519" i="4"/>
  <c r="BZ519" i="4"/>
  <c r="CA519" i="4"/>
  <c r="CB519" i="4"/>
  <c r="CC519" i="4"/>
  <c r="AY520" i="4"/>
  <c r="AZ520" i="4"/>
  <c r="BA520" i="4"/>
  <c r="BB520" i="4"/>
  <c r="BC520" i="4"/>
  <c r="BD520" i="4"/>
  <c r="BE520" i="4"/>
  <c r="BF520" i="4"/>
  <c r="BG520" i="4"/>
  <c r="BH520" i="4"/>
  <c r="BI520" i="4"/>
  <c r="BJ520" i="4"/>
  <c r="BK520" i="4"/>
  <c r="BL520" i="4"/>
  <c r="BM520" i="4"/>
  <c r="BN520" i="4"/>
  <c r="BO520" i="4"/>
  <c r="BP520" i="4"/>
  <c r="BQ520" i="4"/>
  <c r="BR520" i="4"/>
  <c r="BS520" i="4"/>
  <c r="BT520" i="4"/>
  <c r="BU520" i="4"/>
  <c r="BV520" i="4"/>
  <c r="BW520" i="4"/>
  <c r="BX520" i="4"/>
  <c r="BY520" i="4"/>
  <c r="BZ520" i="4"/>
  <c r="CA520" i="4"/>
  <c r="CB520" i="4"/>
  <c r="CC520" i="4"/>
  <c r="AY521" i="4"/>
  <c r="AZ521" i="4"/>
  <c r="BA521" i="4"/>
  <c r="BB521" i="4"/>
  <c r="BC521" i="4"/>
  <c r="BD521" i="4"/>
  <c r="BE521" i="4"/>
  <c r="BF521" i="4"/>
  <c r="BG521" i="4"/>
  <c r="BH521" i="4"/>
  <c r="BI521" i="4"/>
  <c r="BJ521" i="4"/>
  <c r="BK521" i="4"/>
  <c r="BL521" i="4"/>
  <c r="BM521" i="4"/>
  <c r="BO521" i="4"/>
  <c r="BP521" i="4"/>
  <c r="BQ521" i="4"/>
  <c r="BR521" i="4"/>
  <c r="BS521" i="4"/>
  <c r="BT521" i="4"/>
  <c r="BU521" i="4"/>
  <c r="BV521" i="4"/>
  <c r="BW521" i="4"/>
  <c r="BX521" i="4"/>
  <c r="BY521" i="4"/>
  <c r="BZ521" i="4"/>
  <c r="CA521" i="4"/>
  <c r="CB521" i="4"/>
  <c r="CC521" i="4"/>
  <c r="AY522" i="4"/>
  <c r="AZ522" i="4"/>
  <c r="BA522" i="4"/>
  <c r="BB522" i="4"/>
  <c r="BC522" i="4"/>
  <c r="BD522" i="4"/>
  <c r="BE522" i="4"/>
  <c r="BF522" i="4"/>
  <c r="BG522" i="4"/>
  <c r="BH522" i="4"/>
  <c r="BI522" i="4"/>
  <c r="BK522" i="4"/>
  <c r="BL522" i="4"/>
  <c r="BM522" i="4"/>
  <c r="BN522" i="4"/>
  <c r="BO522" i="4"/>
  <c r="BP522" i="4"/>
  <c r="BQ522" i="4"/>
  <c r="BR522" i="4"/>
  <c r="BS522" i="4"/>
  <c r="BT522" i="4"/>
  <c r="BU522" i="4"/>
  <c r="BV522" i="4"/>
  <c r="BW522" i="4"/>
  <c r="BX522" i="4"/>
  <c r="BY522" i="4"/>
  <c r="BZ522" i="4"/>
  <c r="CA522" i="4"/>
  <c r="CB522" i="4"/>
  <c r="CC522" i="4"/>
  <c r="AY523" i="4"/>
  <c r="AZ523" i="4"/>
  <c r="BA523" i="4"/>
  <c r="BB523" i="4"/>
  <c r="BC523" i="4"/>
  <c r="BD523" i="4"/>
  <c r="BE523" i="4"/>
  <c r="BF523" i="4"/>
  <c r="BG523" i="4"/>
  <c r="BH523" i="4"/>
  <c r="BI523" i="4"/>
  <c r="BK523" i="4"/>
  <c r="BL523" i="4"/>
  <c r="BM523" i="4"/>
  <c r="BN523" i="4"/>
  <c r="BO523" i="4"/>
  <c r="BP523" i="4"/>
  <c r="BQ523" i="4"/>
  <c r="BR523" i="4"/>
  <c r="BS523" i="4"/>
  <c r="BT523" i="4"/>
  <c r="BU523" i="4"/>
  <c r="BV523" i="4"/>
  <c r="BW523" i="4"/>
  <c r="BX523" i="4"/>
  <c r="BY523" i="4"/>
  <c r="BZ523" i="4"/>
  <c r="CA523" i="4"/>
  <c r="CB523" i="4"/>
  <c r="CC523" i="4"/>
  <c r="AY524" i="4"/>
  <c r="AZ524" i="4"/>
  <c r="BA524" i="4"/>
  <c r="BB524" i="4"/>
  <c r="BC524" i="4"/>
  <c r="BD524" i="4"/>
  <c r="BE524" i="4"/>
  <c r="BF524" i="4"/>
  <c r="BG524" i="4"/>
  <c r="BH524" i="4"/>
  <c r="BI524" i="4"/>
  <c r="BK524" i="4"/>
  <c r="BL524" i="4"/>
  <c r="BM524" i="4"/>
  <c r="BN524" i="4"/>
  <c r="BO524" i="4"/>
  <c r="BP524" i="4"/>
  <c r="BQ524" i="4"/>
  <c r="BR524" i="4"/>
  <c r="BS524" i="4"/>
  <c r="BT524" i="4"/>
  <c r="BU524" i="4"/>
  <c r="BV524" i="4"/>
  <c r="BW524" i="4"/>
  <c r="BX524" i="4"/>
  <c r="BY524" i="4"/>
  <c r="BZ524" i="4"/>
  <c r="CA524" i="4"/>
  <c r="CB524" i="4"/>
  <c r="CC524" i="4"/>
  <c r="AY525" i="4"/>
  <c r="AZ525" i="4"/>
  <c r="BA525" i="4"/>
  <c r="BB525" i="4"/>
  <c r="BC525" i="4"/>
  <c r="BD525" i="4"/>
  <c r="BE525" i="4"/>
  <c r="BF525" i="4"/>
  <c r="BG525" i="4"/>
  <c r="BH525" i="4"/>
  <c r="BI525" i="4"/>
  <c r="BK525" i="4"/>
  <c r="BL525" i="4"/>
  <c r="BM525" i="4"/>
  <c r="BN525" i="4"/>
  <c r="BO525" i="4"/>
  <c r="BP525" i="4"/>
  <c r="BQ525" i="4"/>
  <c r="BR525" i="4"/>
  <c r="BS525" i="4"/>
  <c r="BT525" i="4"/>
  <c r="BU525" i="4"/>
  <c r="BV525" i="4"/>
  <c r="BW525" i="4"/>
  <c r="BX525" i="4"/>
  <c r="BY525" i="4"/>
  <c r="BZ525" i="4"/>
  <c r="CA525" i="4"/>
  <c r="CB525" i="4"/>
  <c r="CC525" i="4"/>
  <c r="AY526" i="4"/>
  <c r="AZ526" i="4"/>
  <c r="BA526" i="4"/>
  <c r="BB526" i="4"/>
  <c r="BC526" i="4"/>
  <c r="BD526" i="4"/>
  <c r="BE526" i="4"/>
  <c r="BF526" i="4"/>
  <c r="BG526" i="4"/>
  <c r="BH526" i="4"/>
  <c r="BI526" i="4"/>
  <c r="BK526" i="4"/>
  <c r="BL526" i="4"/>
  <c r="BM526" i="4"/>
  <c r="BN526" i="4"/>
  <c r="BO526" i="4"/>
  <c r="BP526" i="4"/>
  <c r="BQ526" i="4"/>
  <c r="BR526" i="4"/>
  <c r="BS526" i="4"/>
  <c r="BT526" i="4"/>
  <c r="BU526" i="4"/>
  <c r="BV526" i="4"/>
  <c r="BW526" i="4"/>
  <c r="BX526" i="4"/>
  <c r="BY526" i="4"/>
  <c r="BZ526" i="4"/>
  <c r="CA526" i="4"/>
  <c r="CB526" i="4"/>
  <c r="CC526" i="4"/>
  <c r="AY527" i="4"/>
  <c r="AZ527" i="4"/>
  <c r="BA527" i="4"/>
  <c r="BB527" i="4"/>
  <c r="BC527" i="4"/>
  <c r="BD527" i="4"/>
  <c r="BE527" i="4"/>
  <c r="BF527" i="4"/>
  <c r="BG527" i="4"/>
  <c r="BH527" i="4"/>
  <c r="BI527" i="4"/>
  <c r="BK527" i="4"/>
  <c r="BL527" i="4"/>
  <c r="BM527" i="4"/>
  <c r="BN527" i="4"/>
  <c r="BO527" i="4"/>
  <c r="BP527" i="4"/>
  <c r="BQ527" i="4"/>
  <c r="BR527" i="4"/>
  <c r="BS527" i="4"/>
  <c r="BT527" i="4"/>
  <c r="BU527" i="4"/>
  <c r="BV527" i="4"/>
  <c r="BW527" i="4"/>
  <c r="BX527" i="4"/>
  <c r="BY527" i="4"/>
  <c r="BZ527" i="4"/>
  <c r="CA527" i="4"/>
  <c r="CB527" i="4"/>
  <c r="CC527" i="4"/>
  <c r="AY528" i="4"/>
  <c r="AZ528" i="4"/>
  <c r="BA528" i="4"/>
  <c r="BB528" i="4"/>
  <c r="BC528" i="4"/>
  <c r="BD528" i="4"/>
  <c r="BE528" i="4"/>
  <c r="BF528" i="4"/>
  <c r="BG528" i="4"/>
  <c r="BH528" i="4"/>
  <c r="BI528" i="4"/>
  <c r="BJ528" i="4"/>
  <c r="BK528" i="4"/>
  <c r="BL528" i="4"/>
  <c r="BM528" i="4"/>
  <c r="BN528" i="4"/>
  <c r="BO528" i="4"/>
  <c r="BP528" i="4"/>
  <c r="BQ528" i="4"/>
  <c r="BR528" i="4"/>
  <c r="BS528" i="4"/>
  <c r="BT528" i="4"/>
  <c r="BU528" i="4"/>
  <c r="BV528" i="4"/>
  <c r="BW528" i="4"/>
  <c r="BX528" i="4"/>
  <c r="BY528" i="4"/>
  <c r="BZ528" i="4"/>
  <c r="CA528" i="4"/>
  <c r="CB528" i="4"/>
  <c r="CC528" i="4"/>
  <c r="AY529" i="4"/>
  <c r="AZ529" i="4"/>
  <c r="BA529" i="4"/>
  <c r="BB529" i="4"/>
  <c r="BC529" i="4"/>
  <c r="BD529" i="4"/>
  <c r="BE529" i="4"/>
  <c r="BF529" i="4"/>
  <c r="BG529" i="4"/>
  <c r="BH529" i="4"/>
  <c r="BI529" i="4"/>
  <c r="BK529" i="4"/>
  <c r="BL529" i="4"/>
  <c r="BM529" i="4"/>
  <c r="BN529" i="4"/>
  <c r="BO529" i="4"/>
  <c r="BP529" i="4"/>
  <c r="BQ529" i="4"/>
  <c r="BR529" i="4"/>
  <c r="BS529" i="4"/>
  <c r="BT529" i="4"/>
  <c r="BU529" i="4"/>
  <c r="BV529" i="4"/>
  <c r="BW529" i="4"/>
  <c r="BX529" i="4"/>
  <c r="BY529" i="4"/>
  <c r="BZ529" i="4"/>
  <c r="CA529" i="4"/>
  <c r="CB529" i="4"/>
  <c r="CC529" i="4"/>
  <c r="AY530" i="4"/>
  <c r="AZ530" i="4"/>
  <c r="BA530" i="4"/>
  <c r="BB530" i="4"/>
  <c r="BC530" i="4"/>
  <c r="BD530" i="4"/>
  <c r="BE530" i="4"/>
  <c r="BF530" i="4"/>
  <c r="BG530" i="4"/>
  <c r="BH530" i="4"/>
  <c r="BI530" i="4"/>
  <c r="BJ530" i="4"/>
  <c r="BK530" i="4"/>
  <c r="BL530" i="4"/>
  <c r="BM530" i="4"/>
  <c r="BN530" i="4"/>
  <c r="BP530" i="4"/>
  <c r="BQ530" i="4"/>
  <c r="BR530" i="4"/>
  <c r="BS530" i="4"/>
  <c r="BT530" i="4"/>
  <c r="BU530" i="4"/>
  <c r="BV530" i="4"/>
  <c r="BW530" i="4"/>
  <c r="BX530" i="4"/>
  <c r="BY530" i="4"/>
  <c r="BZ530" i="4"/>
  <c r="CA530" i="4"/>
  <c r="CB530" i="4"/>
  <c r="CC530" i="4"/>
  <c r="AY531" i="4"/>
  <c r="AZ531" i="4"/>
  <c r="BA531" i="4"/>
  <c r="BB531" i="4"/>
  <c r="BC531" i="4"/>
  <c r="BD531" i="4"/>
  <c r="BE531" i="4"/>
  <c r="BF531" i="4"/>
  <c r="BG531" i="4"/>
  <c r="BH531" i="4"/>
  <c r="BI531" i="4"/>
  <c r="BJ531" i="4"/>
  <c r="BK531" i="4"/>
  <c r="BL531" i="4"/>
  <c r="BM531" i="4"/>
  <c r="BN531" i="4"/>
  <c r="BP531" i="4"/>
  <c r="BQ531" i="4"/>
  <c r="BR531" i="4"/>
  <c r="BS531" i="4"/>
  <c r="BT531" i="4"/>
  <c r="BU531" i="4"/>
  <c r="BV531" i="4"/>
  <c r="BW531" i="4"/>
  <c r="BX531" i="4"/>
  <c r="BY531" i="4"/>
  <c r="BZ531" i="4"/>
  <c r="CA531" i="4"/>
  <c r="CB531" i="4"/>
  <c r="CC531" i="4"/>
  <c r="AY532" i="4"/>
  <c r="AZ532" i="4"/>
  <c r="BA532" i="4"/>
  <c r="BB532" i="4"/>
  <c r="BC532" i="4"/>
  <c r="BD532" i="4"/>
  <c r="BE532" i="4"/>
  <c r="BF532" i="4"/>
  <c r="BG532" i="4"/>
  <c r="BH532" i="4"/>
  <c r="BI532" i="4"/>
  <c r="BJ532" i="4"/>
  <c r="BK532" i="4"/>
  <c r="BL532" i="4"/>
  <c r="BM532" i="4"/>
  <c r="BN532" i="4"/>
  <c r="BP532" i="4"/>
  <c r="BQ532" i="4"/>
  <c r="BR532" i="4"/>
  <c r="BS532" i="4"/>
  <c r="BT532" i="4"/>
  <c r="BU532" i="4"/>
  <c r="BV532" i="4"/>
  <c r="BW532" i="4"/>
  <c r="BX532" i="4"/>
  <c r="BY532" i="4"/>
  <c r="BZ532" i="4"/>
  <c r="CA532" i="4"/>
  <c r="CB532" i="4"/>
  <c r="CC532" i="4"/>
  <c r="AY533" i="4"/>
  <c r="AZ533" i="4"/>
  <c r="BA533" i="4"/>
  <c r="BB533" i="4"/>
  <c r="BC533" i="4"/>
  <c r="BD533" i="4"/>
  <c r="BE533" i="4"/>
  <c r="BF533" i="4"/>
  <c r="BG533" i="4"/>
  <c r="BH533" i="4"/>
  <c r="BI533" i="4"/>
  <c r="BJ533" i="4"/>
  <c r="BK533" i="4"/>
  <c r="BL533" i="4"/>
  <c r="BM533" i="4"/>
  <c r="BN533" i="4"/>
  <c r="BO533" i="4"/>
  <c r="BP533" i="4"/>
  <c r="BQ533" i="4"/>
  <c r="BR533" i="4"/>
  <c r="BS533" i="4"/>
  <c r="BT533" i="4"/>
  <c r="BU533" i="4"/>
  <c r="BV533" i="4"/>
  <c r="BW533" i="4"/>
  <c r="BX533" i="4"/>
  <c r="BY533" i="4"/>
  <c r="BZ533" i="4"/>
  <c r="CA533" i="4"/>
  <c r="CB533" i="4"/>
  <c r="CC533" i="4"/>
  <c r="AY534" i="4"/>
  <c r="AZ534" i="4"/>
  <c r="BA534" i="4"/>
  <c r="BB534" i="4"/>
  <c r="BC534" i="4"/>
  <c r="BD534" i="4"/>
  <c r="BE534" i="4"/>
  <c r="BF534" i="4"/>
  <c r="BG534" i="4"/>
  <c r="BH534" i="4"/>
  <c r="BI534" i="4"/>
  <c r="BJ534" i="4"/>
  <c r="BK534" i="4"/>
  <c r="BL534" i="4"/>
  <c r="BM534" i="4"/>
  <c r="BN534" i="4"/>
  <c r="BO534" i="4"/>
  <c r="BP534" i="4"/>
  <c r="BQ534" i="4"/>
  <c r="BR534" i="4"/>
  <c r="BS534" i="4"/>
  <c r="BT534" i="4"/>
  <c r="BU534" i="4"/>
  <c r="BV534" i="4"/>
  <c r="BW534" i="4"/>
  <c r="BX534" i="4"/>
  <c r="BY534" i="4"/>
  <c r="BZ534" i="4"/>
  <c r="CA534" i="4"/>
  <c r="CB534" i="4"/>
  <c r="CC534" i="4"/>
  <c r="AY535" i="4"/>
  <c r="AZ535" i="4"/>
  <c r="BA535" i="4"/>
  <c r="BB535" i="4"/>
  <c r="BC535" i="4"/>
  <c r="BD535" i="4"/>
  <c r="BE535" i="4"/>
  <c r="BF535" i="4"/>
  <c r="BG535" i="4"/>
  <c r="BH535" i="4"/>
  <c r="BI535" i="4"/>
  <c r="BJ535" i="4"/>
  <c r="BK535" i="4"/>
  <c r="BL535" i="4"/>
  <c r="BM535" i="4"/>
  <c r="BN535" i="4"/>
  <c r="BO535" i="4"/>
  <c r="BP535" i="4"/>
  <c r="BQ535" i="4"/>
  <c r="BR535" i="4"/>
  <c r="BS535" i="4"/>
  <c r="BT535" i="4"/>
  <c r="BU535" i="4"/>
  <c r="BV535" i="4"/>
  <c r="BW535" i="4"/>
  <c r="BX535" i="4"/>
  <c r="BY535" i="4"/>
  <c r="BZ535" i="4"/>
  <c r="CA535" i="4"/>
  <c r="CB535" i="4"/>
  <c r="CC535" i="4"/>
  <c r="AY536" i="4"/>
  <c r="AZ536" i="4"/>
  <c r="BA536" i="4"/>
  <c r="BB536" i="4"/>
  <c r="BC536" i="4"/>
  <c r="BD536" i="4"/>
  <c r="BE536" i="4"/>
  <c r="BF536" i="4"/>
  <c r="BG536" i="4"/>
  <c r="BH536" i="4"/>
  <c r="BI536" i="4"/>
  <c r="BJ536" i="4"/>
  <c r="BK536" i="4"/>
  <c r="BL536" i="4"/>
  <c r="BM536" i="4"/>
  <c r="BN536" i="4"/>
  <c r="BO536" i="4"/>
  <c r="BP536" i="4"/>
  <c r="BQ536" i="4"/>
  <c r="BR536" i="4"/>
  <c r="BS536" i="4"/>
  <c r="BT536" i="4"/>
  <c r="BU536" i="4"/>
  <c r="BV536" i="4"/>
  <c r="BW536" i="4"/>
  <c r="BX536" i="4"/>
  <c r="BY536" i="4"/>
  <c r="BZ536" i="4"/>
  <c r="CA536" i="4"/>
  <c r="CB536" i="4"/>
  <c r="CC536" i="4"/>
  <c r="AY537" i="4"/>
  <c r="AZ537" i="4"/>
  <c r="BA537" i="4"/>
  <c r="BB537" i="4"/>
  <c r="BC537" i="4"/>
  <c r="BD537" i="4"/>
  <c r="BE537" i="4"/>
  <c r="BF537" i="4"/>
  <c r="BG537" i="4"/>
  <c r="BH537" i="4"/>
  <c r="BI537" i="4"/>
  <c r="BJ537" i="4"/>
  <c r="BK537" i="4"/>
  <c r="BL537" i="4"/>
  <c r="BM537" i="4"/>
  <c r="BN537" i="4"/>
  <c r="BP537" i="4"/>
  <c r="BQ537" i="4"/>
  <c r="BR537" i="4"/>
  <c r="BS537" i="4"/>
  <c r="BT537" i="4"/>
  <c r="BU537" i="4"/>
  <c r="BV537" i="4"/>
  <c r="BW537" i="4"/>
  <c r="BX537" i="4"/>
  <c r="BY537" i="4"/>
  <c r="BZ537" i="4"/>
  <c r="CA537" i="4"/>
  <c r="CB537" i="4"/>
  <c r="CC537" i="4"/>
  <c r="AY538" i="4"/>
  <c r="AZ538" i="4"/>
  <c r="BA538" i="4"/>
  <c r="BB538" i="4"/>
  <c r="BC538" i="4"/>
  <c r="BD538" i="4"/>
  <c r="BE538" i="4"/>
  <c r="BF538" i="4"/>
  <c r="BG538" i="4"/>
  <c r="BH538" i="4"/>
  <c r="BI538" i="4"/>
  <c r="BJ538" i="4"/>
  <c r="BK538" i="4"/>
  <c r="BL538" i="4"/>
  <c r="BM538" i="4"/>
  <c r="BN538" i="4"/>
  <c r="BO538" i="4"/>
  <c r="BP538" i="4"/>
  <c r="BQ538" i="4"/>
  <c r="BR538" i="4"/>
  <c r="BS538" i="4"/>
  <c r="BT538" i="4"/>
  <c r="BU538" i="4"/>
  <c r="BV538" i="4"/>
  <c r="BW538" i="4"/>
  <c r="BX538" i="4"/>
  <c r="BY538" i="4"/>
  <c r="BZ538" i="4"/>
  <c r="CA538" i="4"/>
  <c r="CB538" i="4"/>
  <c r="CC538" i="4"/>
  <c r="AY539" i="4"/>
  <c r="AZ539" i="4"/>
  <c r="BA539" i="4"/>
  <c r="BB539" i="4"/>
  <c r="BC539" i="4"/>
  <c r="BD539" i="4"/>
  <c r="BE539" i="4"/>
  <c r="BF539" i="4"/>
  <c r="BG539" i="4"/>
  <c r="BH539" i="4"/>
  <c r="BI539" i="4"/>
  <c r="BJ539" i="4"/>
  <c r="BK539" i="4"/>
  <c r="BL539" i="4"/>
  <c r="BM539" i="4"/>
  <c r="BN539" i="4"/>
  <c r="BO539" i="4"/>
  <c r="BP539" i="4"/>
  <c r="BQ539" i="4"/>
  <c r="BR539" i="4"/>
  <c r="BS539" i="4"/>
  <c r="BT539" i="4"/>
  <c r="BU539" i="4"/>
  <c r="BV539" i="4"/>
  <c r="BW539" i="4"/>
  <c r="BX539" i="4"/>
  <c r="BY539" i="4"/>
  <c r="BZ539" i="4"/>
  <c r="CA539" i="4"/>
  <c r="CB539" i="4"/>
  <c r="CC539" i="4"/>
  <c r="AY540" i="4"/>
  <c r="AZ540" i="4"/>
  <c r="BA540" i="4"/>
  <c r="BB540" i="4"/>
  <c r="BC540" i="4"/>
  <c r="BD540" i="4"/>
  <c r="BE540" i="4"/>
  <c r="BF540" i="4"/>
  <c r="BG540" i="4"/>
  <c r="BH540" i="4"/>
  <c r="BI540" i="4"/>
  <c r="BJ540" i="4"/>
  <c r="BK540" i="4"/>
  <c r="BL540" i="4"/>
  <c r="BM540" i="4"/>
  <c r="BN540" i="4"/>
  <c r="BO540" i="4"/>
  <c r="BP540" i="4"/>
  <c r="BQ540" i="4"/>
  <c r="BR540" i="4"/>
  <c r="BS540" i="4"/>
  <c r="BT540" i="4"/>
  <c r="BU540" i="4"/>
  <c r="BV540" i="4"/>
  <c r="BW540" i="4"/>
  <c r="BX540" i="4"/>
  <c r="BY540" i="4"/>
  <c r="BZ540" i="4"/>
  <c r="CA540" i="4"/>
  <c r="CB540" i="4"/>
  <c r="CC540" i="4"/>
  <c r="AY541" i="4"/>
  <c r="AZ541" i="4"/>
  <c r="BA541" i="4"/>
  <c r="BB541" i="4"/>
  <c r="BC541" i="4"/>
  <c r="BD541" i="4"/>
  <c r="BE541" i="4"/>
  <c r="BF541" i="4"/>
  <c r="BG541" i="4"/>
  <c r="BH541" i="4"/>
  <c r="BI541" i="4"/>
  <c r="BJ541" i="4"/>
  <c r="BK541" i="4"/>
  <c r="BL541" i="4"/>
  <c r="BM541" i="4"/>
  <c r="BN541" i="4"/>
  <c r="BO541" i="4"/>
  <c r="BP541" i="4"/>
  <c r="BQ541" i="4"/>
  <c r="BR541" i="4"/>
  <c r="BS541" i="4"/>
  <c r="BT541" i="4"/>
  <c r="BU541" i="4"/>
  <c r="BV541" i="4"/>
  <c r="BW541" i="4"/>
  <c r="BX541" i="4"/>
  <c r="BY541" i="4"/>
  <c r="BZ541" i="4"/>
  <c r="CA541" i="4"/>
  <c r="CB541" i="4"/>
  <c r="CC541" i="4"/>
  <c r="AY542" i="4"/>
  <c r="AZ542" i="4"/>
  <c r="BA542" i="4"/>
  <c r="BB542" i="4"/>
  <c r="BC542" i="4"/>
  <c r="BD542" i="4"/>
  <c r="BE542" i="4"/>
  <c r="BF542" i="4"/>
  <c r="BG542" i="4"/>
  <c r="BH542" i="4"/>
  <c r="BI542" i="4"/>
  <c r="BJ542" i="4"/>
  <c r="BK542" i="4"/>
  <c r="BL542" i="4"/>
  <c r="BM542" i="4"/>
  <c r="BN542" i="4"/>
  <c r="BO542" i="4"/>
  <c r="BP542" i="4"/>
  <c r="BQ542" i="4"/>
  <c r="BR542" i="4"/>
  <c r="BS542" i="4"/>
  <c r="BT542" i="4"/>
  <c r="BU542" i="4"/>
  <c r="BV542" i="4"/>
  <c r="BW542" i="4"/>
  <c r="BX542" i="4"/>
  <c r="BY542" i="4"/>
  <c r="BZ542" i="4"/>
  <c r="CA542" i="4"/>
  <c r="CB542" i="4"/>
  <c r="CC542" i="4"/>
  <c r="AY543" i="4"/>
  <c r="AZ543" i="4"/>
  <c r="BA543" i="4"/>
  <c r="BB543" i="4"/>
  <c r="BC543" i="4"/>
  <c r="BD543" i="4"/>
  <c r="BE543" i="4"/>
  <c r="BF543" i="4"/>
  <c r="BG543" i="4"/>
  <c r="BH543" i="4"/>
  <c r="BI543" i="4"/>
  <c r="BJ543" i="4"/>
  <c r="BK543" i="4"/>
  <c r="BL543" i="4"/>
  <c r="BM543" i="4"/>
  <c r="BN543" i="4"/>
  <c r="BO543" i="4"/>
  <c r="BP543" i="4"/>
  <c r="BQ543" i="4"/>
  <c r="BR543" i="4"/>
  <c r="BS543" i="4"/>
  <c r="BT543" i="4"/>
  <c r="BU543" i="4"/>
  <c r="BV543" i="4"/>
  <c r="BW543" i="4"/>
  <c r="BX543" i="4"/>
  <c r="BY543" i="4"/>
  <c r="BZ543" i="4"/>
  <c r="CA543" i="4"/>
  <c r="CB543" i="4"/>
  <c r="CC543" i="4"/>
  <c r="AY544" i="4"/>
  <c r="AZ544" i="4"/>
  <c r="BA544" i="4"/>
  <c r="BB544" i="4"/>
  <c r="BC544" i="4"/>
  <c r="BD544" i="4"/>
  <c r="BE544" i="4"/>
  <c r="BF544" i="4"/>
  <c r="BG544" i="4"/>
  <c r="BH544" i="4"/>
  <c r="BI544" i="4"/>
  <c r="BJ544" i="4"/>
  <c r="BK544" i="4"/>
  <c r="BL544" i="4"/>
  <c r="BM544" i="4"/>
  <c r="BN544" i="4"/>
  <c r="BO544" i="4"/>
  <c r="BP544" i="4"/>
  <c r="BQ544" i="4"/>
  <c r="BR544" i="4"/>
  <c r="BS544" i="4"/>
  <c r="BT544" i="4"/>
  <c r="BU544" i="4"/>
  <c r="BV544" i="4"/>
  <c r="BW544" i="4"/>
  <c r="BX544" i="4"/>
  <c r="BY544" i="4"/>
  <c r="BZ544" i="4"/>
  <c r="CA544" i="4"/>
  <c r="CB544" i="4"/>
  <c r="CC544" i="4"/>
  <c r="AY545" i="4"/>
  <c r="AZ545" i="4"/>
  <c r="BA545" i="4"/>
  <c r="BB545" i="4"/>
  <c r="BC545" i="4"/>
  <c r="BD545" i="4"/>
  <c r="BE545" i="4"/>
  <c r="BF545" i="4"/>
  <c r="BG545" i="4"/>
  <c r="BH545" i="4"/>
  <c r="BI545" i="4"/>
  <c r="BJ545" i="4"/>
  <c r="BK545" i="4"/>
  <c r="BL545" i="4"/>
  <c r="BM545" i="4"/>
  <c r="BN545" i="4"/>
  <c r="BO545" i="4"/>
  <c r="BP545" i="4"/>
  <c r="BQ545" i="4"/>
  <c r="BR545" i="4"/>
  <c r="BS545" i="4"/>
  <c r="BT545" i="4"/>
  <c r="BU545" i="4"/>
  <c r="BV545" i="4"/>
  <c r="BW545" i="4"/>
  <c r="BX545" i="4"/>
  <c r="BY545" i="4"/>
  <c r="BZ545" i="4"/>
  <c r="CA545" i="4"/>
  <c r="CB545" i="4"/>
  <c r="CC545" i="4"/>
  <c r="AY546" i="4"/>
  <c r="AZ546" i="4"/>
  <c r="BA546" i="4"/>
  <c r="BB546" i="4"/>
  <c r="BC546" i="4"/>
  <c r="BD546" i="4"/>
  <c r="BE546" i="4"/>
  <c r="BF546" i="4"/>
  <c r="BG546" i="4"/>
  <c r="BH546" i="4"/>
  <c r="BI546" i="4"/>
  <c r="BJ546" i="4"/>
  <c r="BK546" i="4"/>
  <c r="BL546" i="4"/>
  <c r="BM546" i="4"/>
  <c r="BN546" i="4"/>
  <c r="BO546" i="4"/>
  <c r="BP546" i="4"/>
  <c r="BQ546" i="4"/>
  <c r="BR546" i="4"/>
  <c r="BS546" i="4"/>
  <c r="BT546" i="4"/>
  <c r="BU546" i="4"/>
  <c r="BV546" i="4"/>
  <c r="BW546" i="4"/>
  <c r="BX546" i="4"/>
  <c r="BY546" i="4"/>
  <c r="BZ546" i="4"/>
  <c r="CA546" i="4"/>
  <c r="CB546" i="4"/>
  <c r="CC546" i="4"/>
  <c r="AY547" i="4"/>
  <c r="AZ547" i="4"/>
  <c r="BA547" i="4"/>
  <c r="BB547" i="4"/>
  <c r="BC547" i="4"/>
  <c r="BD547" i="4"/>
  <c r="BE547" i="4"/>
  <c r="BF547" i="4"/>
  <c r="BG547" i="4"/>
  <c r="BH547" i="4"/>
  <c r="BI547" i="4"/>
  <c r="BJ547" i="4"/>
  <c r="BK547" i="4"/>
  <c r="BL547" i="4"/>
  <c r="BM547" i="4"/>
  <c r="BN547" i="4"/>
  <c r="BO547" i="4"/>
  <c r="BP547" i="4"/>
  <c r="BQ547" i="4"/>
  <c r="BR547" i="4"/>
  <c r="BS547" i="4"/>
  <c r="BT547" i="4"/>
  <c r="BU547" i="4"/>
  <c r="BV547" i="4"/>
  <c r="BW547" i="4"/>
  <c r="BX547" i="4"/>
  <c r="BY547" i="4"/>
  <c r="BZ547" i="4"/>
  <c r="CA547" i="4"/>
  <c r="CB547" i="4"/>
  <c r="CC547" i="4"/>
  <c r="AY548" i="4"/>
  <c r="AZ548" i="4"/>
  <c r="BA548" i="4"/>
  <c r="BB548" i="4"/>
  <c r="BC548" i="4"/>
  <c r="BD548" i="4"/>
  <c r="BE548" i="4"/>
  <c r="BF548" i="4"/>
  <c r="BG548" i="4"/>
  <c r="BH548" i="4"/>
  <c r="BI548" i="4"/>
  <c r="BJ548" i="4"/>
  <c r="BK548" i="4"/>
  <c r="BL548" i="4"/>
  <c r="BM548" i="4"/>
  <c r="BN548" i="4"/>
  <c r="BO548" i="4"/>
  <c r="BP548" i="4"/>
  <c r="BQ548" i="4"/>
  <c r="BR548" i="4"/>
  <c r="BS548" i="4"/>
  <c r="BT548" i="4"/>
  <c r="BU548" i="4"/>
  <c r="BV548" i="4"/>
  <c r="BW548" i="4"/>
  <c r="BX548" i="4"/>
  <c r="BY548" i="4"/>
  <c r="BZ548" i="4"/>
  <c r="CA548" i="4"/>
  <c r="CB548" i="4"/>
  <c r="CC548" i="4"/>
  <c r="AY549" i="4"/>
  <c r="AZ549" i="4"/>
  <c r="BA549" i="4"/>
  <c r="BB549" i="4"/>
  <c r="BC549" i="4"/>
  <c r="BD549" i="4"/>
  <c r="BE549" i="4"/>
  <c r="BF549" i="4"/>
  <c r="BG549" i="4"/>
  <c r="BH549" i="4"/>
  <c r="BI549" i="4"/>
  <c r="BJ549" i="4"/>
  <c r="BK549" i="4"/>
  <c r="BL549" i="4"/>
  <c r="BM549" i="4"/>
  <c r="BN549" i="4"/>
  <c r="BO549" i="4"/>
  <c r="BP549" i="4"/>
  <c r="BQ549" i="4"/>
  <c r="BR549" i="4"/>
  <c r="BS549" i="4"/>
  <c r="BT549" i="4"/>
  <c r="BU549" i="4"/>
  <c r="BV549" i="4"/>
  <c r="BW549" i="4"/>
  <c r="BX549" i="4"/>
  <c r="BY549" i="4"/>
  <c r="BZ549" i="4"/>
  <c r="CA549" i="4"/>
  <c r="CB549" i="4"/>
  <c r="CC549" i="4"/>
  <c r="AY550" i="4"/>
  <c r="AZ550" i="4"/>
  <c r="BA550" i="4"/>
  <c r="BB550" i="4"/>
  <c r="BC550" i="4"/>
  <c r="BD550" i="4"/>
  <c r="BE550" i="4"/>
  <c r="BF550" i="4"/>
  <c r="BG550" i="4"/>
  <c r="BH550" i="4"/>
  <c r="BI550" i="4"/>
  <c r="BJ550" i="4"/>
  <c r="BK550" i="4"/>
  <c r="BL550" i="4"/>
  <c r="BM550" i="4"/>
  <c r="BN550" i="4"/>
  <c r="BO550" i="4"/>
  <c r="BP550" i="4"/>
  <c r="BQ550" i="4"/>
  <c r="BR550" i="4"/>
  <c r="BS550" i="4"/>
  <c r="BT550" i="4"/>
  <c r="BU550" i="4"/>
  <c r="BV550" i="4"/>
  <c r="BW550" i="4"/>
  <c r="BX550" i="4"/>
  <c r="BY550" i="4"/>
  <c r="BZ550" i="4"/>
  <c r="CA550" i="4"/>
  <c r="CB550" i="4"/>
  <c r="CC550" i="4"/>
  <c r="AY551" i="4"/>
  <c r="AZ551" i="4"/>
  <c r="BA551" i="4"/>
  <c r="BB551" i="4"/>
  <c r="BC551" i="4"/>
  <c r="BD551" i="4"/>
  <c r="BE551" i="4"/>
  <c r="BF551" i="4"/>
  <c r="BG551" i="4"/>
  <c r="BH551" i="4"/>
  <c r="BI551" i="4"/>
  <c r="BJ551" i="4"/>
  <c r="BK551" i="4"/>
  <c r="BL551" i="4"/>
  <c r="BM551" i="4"/>
  <c r="BN551" i="4"/>
  <c r="BO551" i="4"/>
  <c r="BP551" i="4"/>
  <c r="BQ551" i="4"/>
  <c r="BR551" i="4"/>
  <c r="BS551" i="4"/>
  <c r="BT551" i="4"/>
  <c r="BU551" i="4"/>
  <c r="BV551" i="4"/>
  <c r="BW551" i="4"/>
  <c r="BX551" i="4"/>
  <c r="BY551" i="4"/>
  <c r="BZ551" i="4"/>
  <c r="CA551" i="4"/>
  <c r="CB551" i="4"/>
  <c r="CC551" i="4"/>
  <c r="AY552" i="4"/>
  <c r="AZ552" i="4"/>
  <c r="BA552" i="4"/>
  <c r="BB552" i="4"/>
  <c r="BC552" i="4"/>
  <c r="BD552" i="4"/>
  <c r="BE552" i="4"/>
  <c r="BF552" i="4"/>
  <c r="BG552" i="4"/>
  <c r="BH552" i="4"/>
  <c r="BI552" i="4"/>
  <c r="BJ552" i="4"/>
  <c r="BK552" i="4"/>
  <c r="BL552" i="4"/>
  <c r="BM552" i="4"/>
  <c r="BN552" i="4"/>
  <c r="BO552" i="4"/>
  <c r="BP552" i="4"/>
  <c r="BQ552" i="4"/>
  <c r="BR552" i="4"/>
  <c r="BS552" i="4"/>
  <c r="BT552" i="4"/>
  <c r="BU552" i="4"/>
  <c r="BV552" i="4"/>
  <c r="BW552" i="4"/>
  <c r="BX552" i="4"/>
  <c r="BY552" i="4"/>
  <c r="BZ552" i="4"/>
  <c r="CA552" i="4"/>
  <c r="CB552" i="4"/>
  <c r="CC552" i="4"/>
  <c r="AY553" i="4"/>
  <c r="AZ553" i="4"/>
  <c r="BA553" i="4"/>
  <c r="BB553" i="4"/>
  <c r="BC553" i="4"/>
  <c r="BD553" i="4"/>
  <c r="BE553" i="4"/>
  <c r="BF553" i="4"/>
  <c r="BG553" i="4"/>
  <c r="BH553" i="4"/>
  <c r="BI553" i="4"/>
  <c r="BJ553" i="4"/>
  <c r="BK553" i="4"/>
  <c r="BL553" i="4"/>
  <c r="BM553" i="4"/>
  <c r="BN553" i="4"/>
  <c r="BO553" i="4"/>
  <c r="BP553" i="4"/>
  <c r="BQ553" i="4"/>
  <c r="BR553" i="4"/>
  <c r="BS553" i="4"/>
  <c r="BT553" i="4"/>
  <c r="BU553" i="4"/>
  <c r="BV553" i="4"/>
  <c r="BW553" i="4"/>
  <c r="BX553" i="4"/>
  <c r="BY553" i="4"/>
  <c r="BZ553" i="4"/>
  <c r="CA553" i="4"/>
  <c r="CB553" i="4"/>
  <c r="CC553" i="4"/>
  <c r="AY554" i="4"/>
  <c r="AZ554" i="4"/>
  <c r="BA554" i="4"/>
  <c r="BB554" i="4"/>
  <c r="BC554" i="4"/>
  <c r="BD554" i="4"/>
  <c r="BE554" i="4"/>
  <c r="BF554" i="4"/>
  <c r="BG554" i="4"/>
  <c r="BH554" i="4"/>
  <c r="BI554" i="4"/>
  <c r="BJ554" i="4"/>
  <c r="BK554" i="4"/>
  <c r="BL554" i="4"/>
  <c r="BM554" i="4"/>
  <c r="BN554" i="4"/>
  <c r="BO554" i="4"/>
  <c r="BP554" i="4"/>
  <c r="BQ554" i="4"/>
  <c r="BR554" i="4"/>
  <c r="BS554" i="4"/>
  <c r="BT554" i="4"/>
  <c r="BU554" i="4"/>
  <c r="BV554" i="4"/>
  <c r="BW554" i="4"/>
  <c r="BX554" i="4"/>
  <c r="BY554" i="4"/>
  <c r="BZ554" i="4"/>
  <c r="CA554" i="4"/>
  <c r="CB554" i="4"/>
  <c r="CC554" i="4"/>
  <c r="AY555" i="4"/>
  <c r="AZ555" i="4"/>
  <c r="BA555" i="4"/>
  <c r="BB555" i="4"/>
  <c r="BC555" i="4"/>
  <c r="BD555" i="4"/>
  <c r="BE555" i="4"/>
  <c r="BF555" i="4"/>
  <c r="BG555" i="4"/>
  <c r="BH555" i="4"/>
  <c r="BI555" i="4"/>
  <c r="BJ555" i="4"/>
  <c r="BK555" i="4"/>
  <c r="BL555" i="4"/>
  <c r="BM555" i="4"/>
  <c r="BN555" i="4"/>
  <c r="BO555" i="4"/>
  <c r="BP555" i="4"/>
  <c r="BQ555" i="4"/>
  <c r="BR555" i="4"/>
  <c r="BS555" i="4"/>
  <c r="BT555" i="4"/>
  <c r="BU555" i="4"/>
  <c r="BV555" i="4"/>
  <c r="BW555" i="4"/>
  <c r="BX555" i="4"/>
  <c r="BY555" i="4"/>
  <c r="BZ555" i="4"/>
  <c r="CA555" i="4"/>
  <c r="CB555" i="4"/>
  <c r="CC555" i="4"/>
  <c r="AY556" i="4"/>
  <c r="AZ556" i="4"/>
  <c r="BA556" i="4"/>
  <c r="BB556" i="4"/>
  <c r="BC556" i="4"/>
  <c r="BD556" i="4"/>
  <c r="BE556" i="4"/>
  <c r="BF556" i="4"/>
  <c r="BG556" i="4"/>
  <c r="BH556" i="4"/>
  <c r="BI556" i="4"/>
  <c r="BJ556" i="4"/>
  <c r="BK556" i="4"/>
  <c r="BL556" i="4"/>
  <c r="BM556" i="4"/>
  <c r="BN556" i="4"/>
  <c r="BO556" i="4"/>
  <c r="BP556" i="4"/>
  <c r="BQ556" i="4"/>
  <c r="BR556" i="4"/>
  <c r="BS556" i="4"/>
  <c r="BT556" i="4"/>
  <c r="BU556" i="4"/>
  <c r="BV556" i="4"/>
  <c r="BW556" i="4"/>
  <c r="BX556" i="4"/>
  <c r="BY556" i="4"/>
  <c r="BZ556" i="4"/>
  <c r="CA556" i="4"/>
  <c r="CB556" i="4"/>
  <c r="CC556" i="4"/>
  <c r="AY557" i="4"/>
  <c r="AZ557" i="4"/>
  <c r="BA557" i="4"/>
  <c r="BB557" i="4"/>
  <c r="BC557" i="4"/>
  <c r="BD557" i="4"/>
  <c r="BE557" i="4"/>
  <c r="BF557" i="4"/>
  <c r="BG557" i="4"/>
  <c r="BH557" i="4"/>
  <c r="BI557" i="4"/>
  <c r="BJ557" i="4"/>
  <c r="BK557" i="4"/>
  <c r="BL557" i="4"/>
  <c r="BM557" i="4"/>
  <c r="BN557" i="4"/>
  <c r="BO557" i="4"/>
  <c r="BP557" i="4"/>
  <c r="BQ557" i="4"/>
  <c r="BR557" i="4"/>
  <c r="BS557" i="4"/>
  <c r="BT557" i="4"/>
  <c r="BU557" i="4"/>
  <c r="BV557" i="4"/>
  <c r="BW557" i="4"/>
  <c r="BX557" i="4"/>
  <c r="BY557" i="4"/>
  <c r="BZ557" i="4"/>
  <c r="CA557" i="4"/>
  <c r="CB557" i="4"/>
  <c r="CC557" i="4"/>
  <c r="AY558" i="4"/>
  <c r="AZ558" i="4"/>
  <c r="BA558" i="4"/>
  <c r="BB558" i="4"/>
  <c r="BC558" i="4"/>
  <c r="BD558" i="4"/>
  <c r="BE558" i="4"/>
  <c r="BF558" i="4"/>
  <c r="BG558" i="4"/>
  <c r="BH558" i="4"/>
  <c r="BI558" i="4"/>
  <c r="BJ558" i="4"/>
  <c r="BK558" i="4"/>
  <c r="BL558" i="4"/>
  <c r="BM558" i="4"/>
  <c r="BN558" i="4"/>
  <c r="BO558" i="4"/>
  <c r="BP558" i="4"/>
  <c r="BQ558" i="4"/>
  <c r="BR558" i="4"/>
  <c r="BS558" i="4"/>
  <c r="BT558" i="4"/>
  <c r="BU558" i="4"/>
  <c r="BV558" i="4"/>
  <c r="BW558" i="4"/>
  <c r="BX558" i="4"/>
  <c r="BY558" i="4"/>
  <c r="BZ558" i="4"/>
  <c r="CA558" i="4"/>
  <c r="CB558" i="4"/>
  <c r="CC558" i="4"/>
  <c r="AY559" i="4"/>
  <c r="AZ559" i="4"/>
  <c r="BA559" i="4"/>
  <c r="BB559" i="4"/>
  <c r="BC559" i="4"/>
  <c r="BD559" i="4"/>
  <c r="BE559" i="4"/>
  <c r="BF559" i="4"/>
  <c r="BG559" i="4"/>
  <c r="BH559" i="4"/>
  <c r="BI559" i="4"/>
  <c r="BJ559" i="4"/>
  <c r="BK559" i="4"/>
  <c r="BL559" i="4"/>
  <c r="BM559" i="4"/>
  <c r="BN559" i="4"/>
  <c r="BO559" i="4"/>
  <c r="BP559" i="4"/>
  <c r="BQ559" i="4"/>
  <c r="BR559" i="4"/>
  <c r="BS559" i="4"/>
  <c r="BT559" i="4"/>
  <c r="BU559" i="4"/>
  <c r="BV559" i="4"/>
  <c r="BW559" i="4"/>
  <c r="BX559" i="4"/>
  <c r="BY559" i="4"/>
  <c r="BZ559" i="4"/>
  <c r="CA559" i="4"/>
  <c r="CB559" i="4"/>
  <c r="CC559" i="4"/>
  <c r="AY560" i="4"/>
  <c r="AZ560" i="4"/>
  <c r="BA560" i="4"/>
  <c r="BB560" i="4"/>
  <c r="BC560" i="4"/>
  <c r="BD560" i="4"/>
  <c r="BE560" i="4"/>
  <c r="BF560" i="4"/>
  <c r="BG560" i="4"/>
  <c r="BH560" i="4"/>
  <c r="BI560" i="4"/>
  <c r="BJ560" i="4"/>
  <c r="BK560" i="4"/>
  <c r="BL560" i="4"/>
  <c r="BM560" i="4"/>
  <c r="BN560" i="4"/>
  <c r="BO560" i="4"/>
  <c r="BP560" i="4"/>
  <c r="BQ560" i="4"/>
  <c r="BR560" i="4"/>
  <c r="BS560" i="4"/>
  <c r="BT560" i="4"/>
  <c r="BU560" i="4"/>
  <c r="BV560" i="4"/>
  <c r="BW560" i="4"/>
  <c r="BX560" i="4"/>
  <c r="BY560" i="4"/>
  <c r="BZ560" i="4"/>
  <c r="CA560" i="4"/>
  <c r="CB560" i="4"/>
  <c r="CC560" i="4"/>
  <c r="AY561" i="4"/>
  <c r="AZ561" i="4"/>
  <c r="BA561" i="4"/>
  <c r="BB561" i="4"/>
  <c r="BC561" i="4"/>
  <c r="BD561" i="4"/>
  <c r="BE561" i="4"/>
  <c r="BF561" i="4"/>
  <c r="BG561" i="4"/>
  <c r="BH561" i="4"/>
  <c r="BI561" i="4"/>
  <c r="BJ561" i="4"/>
  <c r="BK561" i="4"/>
  <c r="BL561" i="4"/>
  <c r="BM561" i="4"/>
  <c r="BN561" i="4"/>
  <c r="BO561" i="4"/>
  <c r="BP561" i="4"/>
  <c r="BQ561" i="4"/>
  <c r="BR561" i="4"/>
  <c r="BS561" i="4"/>
  <c r="BT561" i="4"/>
  <c r="BU561" i="4"/>
  <c r="BV561" i="4"/>
  <c r="BW561" i="4"/>
  <c r="BX561" i="4"/>
  <c r="BY561" i="4"/>
  <c r="BZ561" i="4"/>
  <c r="CA561" i="4"/>
  <c r="CB561" i="4"/>
  <c r="CC561" i="4"/>
  <c r="AY562" i="4"/>
  <c r="AZ562" i="4"/>
  <c r="BA562" i="4"/>
  <c r="BB562" i="4"/>
  <c r="BC562" i="4"/>
  <c r="BD562" i="4"/>
  <c r="BE562" i="4"/>
  <c r="BF562" i="4"/>
  <c r="BG562" i="4"/>
  <c r="BH562" i="4"/>
  <c r="BI562" i="4"/>
  <c r="BJ562" i="4"/>
  <c r="BK562" i="4"/>
  <c r="BL562" i="4"/>
  <c r="BM562" i="4"/>
  <c r="BN562" i="4"/>
  <c r="BO562" i="4"/>
  <c r="BP562" i="4"/>
  <c r="BQ562" i="4"/>
  <c r="BR562" i="4"/>
  <c r="BS562" i="4"/>
  <c r="BT562" i="4"/>
  <c r="BU562" i="4"/>
  <c r="BV562" i="4"/>
  <c r="BW562" i="4"/>
  <c r="BX562" i="4"/>
  <c r="BY562" i="4"/>
  <c r="BZ562" i="4"/>
  <c r="CA562" i="4"/>
  <c r="CB562" i="4"/>
  <c r="CC562" i="4"/>
  <c r="AY563" i="4"/>
  <c r="AZ563" i="4"/>
  <c r="BA563" i="4"/>
  <c r="BB563" i="4"/>
  <c r="BC563" i="4"/>
  <c r="BD563" i="4"/>
  <c r="BE563" i="4"/>
  <c r="BF563" i="4"/>
  <c r="BG563" i="4"/>
  <c r="BH563" i="4"/>
  <c r="BI563" i="4"/>
  <c r="BJ563" i="4"/>
  <c r="BK563" i="4"/>
  <c r="BL563" i="4"/>
  <c r="BM563" i="4"/>
  <c r="BN563" i="4"/>
  <c r="BO563" i="4"/>
  <c r="BP563" i="4"/>
  <c r="BQ563" i="4"/>
  <c r="BR563" i="4"/>
  <c r="BS563" i="4"/>
  <c r="BT563" i="4"/>
  <c r="BU563" i="4"/>
  <c r="BV563" i="4"/>
  <c r="BW563" i="4"/>
  <c r="BX563" i="4"/>
  <c r="BY563" i="4"/>
  <c r="BZ563" i="4"/>
  <c r="CA563" i="4"/>
  <c r="CB563" i="4"/>
  <c r="CC563" i="4"/>
  <c r="AY564" i="4"/>
  <c r="AZ564" i="4"/>
  <c r="BA564" i="4"/>
  <c r="BB564" i="4"/>
  <c r="BC564" i="4"/>
  <c r="BD564" i="4"/>
  <c r="BE564" i="4"/>
  <c r="BF564" i="4"/>
  <c r="BG564" i="4"/>
  <c r="BH564" i="4"/>
  <c r="BI564" i="4"/>
  <c r="BJ564" i="4"/>
  <c r="BK564" i="4"/>
  <c r="BL564" i="4"/>
  <c r="BM564" i="4"/>
  <c r="BN564" i="4"/>
  <c r="BO564" i="4"/>
  <c r="BP564" i="4"/>
  <c r="BQ564" i="4"/>
  <c r="BR564" i="4"/>
  <c r="BS564" i="4"/>
  <c r="BT564" i="4"/>
  <c r="BU564" i="4"/>
  <c r="BV564" i="4"/>
  <c r="BW564" i="4"/>
  <c r="BX564" i="4"/>
  <c r="BY564" i="4"/>
  <c r="BZ564" i="4"/>
  <c r="CA564" i="4"/>
  <c r="CB564" i="4"/>
  <c r="CC564" i="4"/>
  <c r="AY565" i="4"/>
  <c r="AZ565" i="4"/>
  <c r="BA565" i="4"/>
  <c r="BB565" i="4"/>
  <c r="BC565" i="4"/>
  <c r="BD565" i="4"/>
  <c r="BE565" i="4"/>
  <c r="BF565" i="4"/>
  <c r="BG565" i="4"/>
  <c r="BH565" i="4"/>
  <c r="BI565" i="4"/>
  <c r="BJ565" i="4"/>
  <c r="BK565" i="4"/>
  <c r="BL565" i="4"/>
  <c r="BM565" i="4"/>
  <c r="BN565" i="4"/>
  <c r="BO565" i="4"/>
  <c r="BP565" i="4"/>
  <c r="BQ565" i="4"/>
  <c r="BR565" i="4"/>
  <c r="BS565" i="4"/>
  <c r="BT565" i="4"/>
  <c r="BU565" i="4"/>
  <c r="BV565" i="4"/>
  <c r="BW565" i="4"/>
  <c r="BX565" i="4"/>
  <c r="BY565" i="4"/>
  <c r="BZ565" i="4"/>
  <c r="CA565" i="4"/>
  <c r="CB565" i="4"/>
  <c r="CC565" i="4"/>
  <c r="AY566" i="4"/>
  <c r="AZ566" i="4"/>
  <c r="BA566" i="4"/>
  <c r="BB566" i="4"/>
  <c r="BC566" i="4"/>
  <c r="BD566" i="4"/>
  <c r="BE566" i="4"/>
  <c r="BF566" i="4"/>
  <c r="BG566" i="4"/>
  <c r="BH566" i="4"/>
  <c r="BI566" i="4"/>
  <c r="BJ566" i="4"/>
  <c r="BK566" i="4"/>
  <c r="BL566" i="4"/>
  <c r="BM566" i="4"/>
  <c r="BN566" i="4"/>
  <c r="BO566" i="4"/>
  <c r="BP566" i="4"/>
  <c r="BQ566" i="4"/>
  <c r="BR566" i="4"/>
  <c r="BS566" i="4"/>
  <c r="BT566" i="4"/>
  <c r="BU566" i="4"/>
  <c r="BV566" i="4"/>
  <c r="BW566" i="4"/>
  <c r="BX566" i="4"/>
  <c r="BY566" i="4"/>
  <c r="BZ566" i="4"/>
  <c r="CA566" i="4"/>
  <c r="CB566" i="4"/>
  <c r="CC566" i="4"/>
  <c r="AY567" i="4"/>
  <c r="AZ567" i="4"/>
  <c r="BA567" i="4"/>
  <c r="BB567" i="4"/>
  <c r="BC567" i="4"/>
  <c r="BD567" i="4"/>
  <c r="BE567" i="4"/>
  <c r="BF567" i="4"/>
  <c r="BG567" i="4"/>
  <c r="BH567" i="4"/>
  <c r="BI567" i="4"/>
  <c r="BJ567" i="4"/>
  <c r="BK567" i="4"/>
  <c r="BL567" i="4"/>
  <c r="BM567" i="4"/>
  <c r="BN567" i="4"/>
  <c r="BO567" i="4"/>
  <c r="BP567" i="4"/>
  <c r="BQ567" i="4"/>
  <c r="BR567" i="4"/>
  <c r="BS567" i="4"/>
  <c r="BT567" i="4"/>
  <c r="BU567" i="4"/>
  <c r="BV567" i="4"/>
  <c r="BW567" i="4"/>
  <c r="BX567" i="4"/>
  <c r="BY567" i="4"/>
  <c r="BZ567" i="4"/>
  <c r="CA567" i="4"/>
  <c r="CB567" i="4"/>
  <c r="CC567" i="4"/>
  <c r="AY568" i="4"/>
  <c r="AZ568" i="4"/>
  <c r="BA568" i="4"/>
  <c r="BB568" i="4"/>
  <c r="BC568" i="4"/>
  <c r="BD568" i="4"/>
  <c r="BE568" i="4"/>
  <c r="BF568" i="4"/>
  <c r="BG568" i="4"/>
  <c r="BH568" i="4"/>
  <c r="BI568" i="4"/>
  <c r="BJ568" i="4"/>
  <c r="BK568" i="4"/>
  <c r="BL568" i="4"/>
  <c r="BM568" i="4"/>
  <c r="BN568" i="4"/>
  <c r="BO568" i="4"/>
  <c r="BP568" i="4"/>
  <c r="BQ568" i="4"/>
  <c r="BR568" i="4"/>
  <c r="BS568" i="4"/>
  <c r="BT568" i="4"/>
  <c r="BU568" i="4"/>
  <c r="BV568" i="4"/>
  <c r="BW568" i="4"/>
  <c r="BX568" i="4"/>
  <c r="BY568" i="4"/>
  <c r="BZ568" i="4"/>
  <c r="CA568" i="4"/>
  <c r="CB568" i="4"/>
  <c r="CC568" i="4"/>
  <c r="AZ569" i="4"/>
  <c r="BA569" i="4"/>
  <c r="BB569" i="4"/>
  <c r="BC569" i="4"/>
  <c r="BD569" i="4"/>
  <c r="BE569" i="4"/>
  <c r="BF569" i="4"/>
  <c r="BG569" i="4"/>
  <c r="BH569" i="4"/>
  <c r="BI569" i="4"/>
  <c r="BJ569" i="4"/>
  <c r="BK569" i="4"/>
  <c r="BL569" i="4"/>
  <c r="BM569" i="4"/>
  <c r="BN569" i="4"/>
  <c r="BO569" i="4"/>
  <c r="BP569" i="4"/>
  <c r="BQ569" i="4"/>
  <c r="BR569" i="4"/>
  <c r="BS569" i="4"/>
  <c r="BT569" i="4"/>
  <c r="BU569" i="4"/>
  <c r="BV569" i="4"/>
  <c r="BW569" i="4"/>
  <c r="BX569" i="4"/>
  <c r="BY569" i="4"/>
  <c r="BZ569" i="4"/>
  <c r="CA569" i="4"/>
  <c r="CB569" i="4"/>
  <c r="CC569" i="4"/>
  <c r="AY570" i="4"/>
  <c r="AZ570" i="4"/>
  <c r="BA570" i="4"/>
  <c r="BB570" i="4"/>
  <c r="BC570" i="4"/>
  <c r="BD570" i="4"/>
  <c r="BE570" i="4"/>
  <c r="BF570" i="4"/>
  <c r="BG570" i="4"/>
  <c r="BH570" i="4"/>
  <c r="BI570" i="4"/>
  <c r="BJ570" i="4"/>
  <c r="BK570" i="4"/>
  <c r="BL570" i="4"/>
  <c r="BM570" i="4"/>
  <c r="BN570" i="4"/>
  <c r="BO570" i="4"/>
  <c r="BP570" i="4"/>
  <c r="BQ570" i="4"/>
  <c r="BR570" i="4"/>
  <c r="BS570" i="4"/>
  <c r="BU570" i="4"/>
  <c r="BV570" i="4"/>
  <c r="BW570" i="4"/>
  <c r="BX570" i="4"/>
  <c r="BY570" i="4"/>
  <c r="BZ570" i="4"/>
  <c r="CA570" i="4"/>
  <c r="CB570" i="4"/>
  <c r="CC570" i="4"/>
  <c r="AY571" i="4"/>
  <c r="AZ571" i="4"/>
  <c r="BA571" i="4"/>
  <c r="BB571" i="4"/>
  <c r="BC571" i="4"/>
  <c r="BD571" i="4"/>
  <c r="BE571" i="4"/>
  <c r="BF571" i="4"/>
  <c r="BG571" i="4"/>
  <c r="BH571" i="4"/>
  <c r="BI571" i="4"/>
  <c r="BJ571" i="4"/>
  <c r="BK571" i="4"/>
  <c r="BL571" i="4"/>
  <c r="BM571" i="4"/>
  <c r="BN571" i="4"/>
  <c r="BO571" i="4"/>
  <c r="BP571" i="4"/>
  <c r="BQ571" i="4"/>
  <c r="BR571" i="4"/>
  <c r="BS571" i="4"/>
  <c r="BT571" i="4"/>
  <c r="BV571" i="4"/>
  <c r="BW571" i="4"/>
  <c r="BX571" i="4"/>
  <c r="BY571" i="4"/>
  <c r="BZ571" i="4"/>
  <c r="CA571" i="4"/>
  <c r="CB571" i="4"/>
  <c r="CC571" i="4"/>
  <c r="AY572" i="4"/>
  <c r="AZ572" i="4"/>
  <c r="BA572" i="4"/>
  <c r="BB572" i="4"/>
  <c r="BC572" i="4"/>
  <c r="BD572" i="4"/>
  <c r="BE572" i="4"/>
  <c r="BF572" i="4"/>
  <c r="BG572" i="4"/>
  <c r="BH572" i="4"/>
  <c r="BI572" i="4"/>
  <c r="BJ572" i="4"/>
  <c r="BK572" i="4"/>
  <c r="BL572" i="4"/>
  <c r="BM572" i="4"/>
  <c r="BN572" i="4"/>
  <c r="BO572" i="4"/>
  <c r="BP572" i="4"/>
  <c r="BQ572" i="4"/>
  <c r="BR572" i="4"/>
  <c r="BS572" i="4"/>
  <c r="BT572" i="4"/>
  <c r="BU572" i="4"/>
  <c r="BW572" i="4"/>
  <c r="BX572" i="4"/>
  <c r="BY572" i="4"/>
  <c r="BZ572" i="4"/>
  <c r="CA572" i="4"/>
  <c r="CB572" i="4"/>
  <c r="CC572" i="4"/>
  <c r="AY573" i="4"/>
  <c r="AZ573" i="4"/>
  <c r="BA573" i="4"/>
  <c r="BB573" i="4"/>
  <c r="BC573" i="4"/>
  <c r="BD573" i="4"/>
  <c r="BE573" i="4"/>
  <c r="BF573" i="4"/>
  <c r="BG573" i="4"/>
  <c r="BH573" i="4"/>
  <c r="BI573" i="4"/>
  <c r="BJ573" i="4"/>
  <c r="BK573" i="4"/>
  <c r="BL573" i="4"/>
  <c r="BM573" i="4"/>
  <c r="BN573" i="4"/>
  <c r="BO573" i="4"/>
  <c r="BP573" i="4"/>
  <c r="BQ573" i="4"/>
  <c r="BR573" i="4"/>
  <c r="BS573" i="4"/>
  <c r="BT573" i="4"/>
  <c r="BU573" i="4"/>
  <c r="BV573" i="4"/>
  <c r="BX573" i="4"/>
  <c r="BY573" i="4"/>
  <c r="BZ573" i="4"/>
  <c r="CA573" i="4"/>
  <c r="CB573" i="4"/>
  <c r="CC573" i="4"/>
  <c r="AY574" i="4"/>
  <c r="AZ574" i="4"/>
  <c r="BA574" i="4"/>
  <c r="BB574" i="4"/>
  <c r="BC574" i="4"/>
  <c r="BD574" i="4"/>
  <c r="BE574" i="4"/>
  <c r="BF574" i="4"/>
  <c r="BG574" i="4"/>
  <c r="BH574" i="4"/>
  <c r="BI574" i="4"/>
  <c r="BJ574" i="4"/>
  <c r="BK574" i="4"/>
  <c r="BL574" i="4"/>
  <c r="BM574" i="4"/>
  <c r="BN574" i="4"/>
  <c r="BO574" i="4"/>
  <c r="BQ574" i="4"/>
  <c r="BR574" i="4"/>
  <c r="BS574" i="4"/>
  <c r="BT574" i="4"/>
  <c r="BU574" i="4"/>
  <c r="BV574" i="4"/>
  <c r="BW574" i="4"/>
  <c r="BX574" i="4"/>
  <c r="BY574" i="4"/>
  <c r="BZ574" i="4"/>
  <c r="CA574" i="4"/>
  <c r="CB574" i="4"/>
  <c r="CC574" i="4"/>
  <c r="AY575" i="4"/>
  <c r="AZ575" i="4"/>
  <c r="BA575" i="4"/>
  <c r="BB575" i="4"/>
  <c r="BC575" i="4"/>
  <c r="BD575" i="4"/>
  <c r="BE575" i="4"/>
  <c r="BF575" i="4"/>
  <c r="BG575" i="4"/>
  <c r="BH575" i="4"/>
  <c r="BI575" i="4"/>
  <c r="BJ575" i="4"/>
  <c r="BK575" i="4"/>
  <c r="BL575" i="4"/>
  <c r="BM575" i="4"/>
  <c r="BN575" i="4"/>
  <c r="BO575" i="4"/>
  <c r="BP575" i="4"/>
  <c r="BQ575" i="4"/>
  <c r="BS575" i="4"/>
  <c r="BT575" i="4"/>
  <c r="BU575" i="4"/>
  <c r="BV575" i="4"/>
  <c r="BW575" i="4"/>
  <c r="BX575" i="4"/>
  <c r="BY575" i="4"/>
  <c r="BZ575" i="4"/>
  <c r="CA575" i="4"/>
  <c r="CB575" i="4"/>
  <c r="CC575" i="4"/>
  <c r="AY576" i="4"/>
  <c r="AZ576" i="4"/>
  <c r="BA576" i="4"/>
  <c r="BB576" i="4"/>
  <c r="BC576" i="4"/>
  <c r="BD576" i="4"/>
  <c r="BE576" i="4"/>
  <c r="BF576" i="4"/>
  <c r="BG576" i="4"/>
  <c r="BH576" i="4"/>
  <c r="BI576" i="4"/>
  <c r="BJ576" i="4"/>
  <c r="BK576" i="4"/>
  <c r="BL576" i="4"/>
  <c r="BM576" i="4"/>
  <c r="BN576" i="4"/>
  <c r="BO576" i="4"/>
  <c r="BP576" i="4"/>
  <c r="BR576" i="4"/>
  <c r="BS576" i="4"/>
  <c r="BT576" i="4"/>
  <c r="BU576" i="4"/>
  <c r="BV576" i="4"/>
  <c r="BW576" i="4"/>
  <c r="BX576" i="4"/>
  <c r="BY576" i="4"/>
  <c r="BZ576" i="4"/>
  <c r="CA576" i="4"/>
  <c r="CB576" i="4"/>
  <c r="CC576" i="4"/>
  <c r="AY577" i="4"/>
  <c r="AZ577" i="4"/>
  <c r="BA577" i="4"/>
  <c r="BB577" i="4"/>
  <c r="BC577" i="4"/>
  <c r="BD577" i="4"/>
  <c r="BE577" i="4"/>
  <c r="BF577" i="4"/>
  <c r="BG577" i="4"/>
  <c r="BH577" i="4"/>
  <c r="BI577" i="4"/>
  <c r="BJ577" i="4"/>
  <c r="BK577" i="4"/>
  <c r="BL577" i="4"/>
  <c r="BM577" i="4"/>
  <c r="BN577" i="4"/>
  <c r="BO577" i="4"/>
  <c r="BP577" i="4"/>
  <c r="BQ577" i="4"/>
  <c r="BR577" i="4"/>
  <c r="BT577" i="4"/>
  <c r="BU577" i="4"/>
  <c r="BV577" i="4"/>
  <c r="BW577" i="4"/>
  <c r="BX577" i="4"/>
  <c r="BY577" i="4"/>
  <c r="BZ577" i="4"/>
  <c r="CA577" i="4"/>
  <c r="CB577" i="4"/>
  <c r="CC577" i="4"/>
  <c r="AY578" i="4"/>
  <c r="AZ578" i="4"/>
  <c r="BA578" i="4"/>
  <c r="BB578" i="4"/>
  <c r="BC578" i="4"/>
  <c r="BD578" i="4"/>
  <c r="BE578" i="4"/>
  <c r="BF578" i="4"/>
  <c r="BG578" i="4"/>
  <c r="BH578" i="4"/>
  <c r="BI578" i="4"/>
  <c r="BJ578" i="4"/>
  <c r="BK578" i="4"/>
  <c r="BL578" i="4"/>
  <c r="BM578" i="4"/>
  <c r="BN578" i="4"/>
  <c r="BO578" i="4"/>
  <c r="BP578" i="4"/>
  <c r="BQ578" i="4"/>
  <c r="BR578" i="4"/>
  <c r="BS578" i="4"/>
  <c r="BT578" i="4"/>
  <c r="BU578" i="4"/>
  <c r="BV578" i="4"/>
  <c r="BW578" i="4"/>
  <c r="BX578" i="4"/>
  <c r="BZ578" i="4"/>
  <c r="CA578" i="4"/>
  <c r="CB578" i="4"/>
  <c r="CC578" i="4"/>
  <c r="AY579" i="4"/>
  <c r="AZ579" i="4"/>
  <c r="BA579" i="4"/>
  <c r="BB579" i="4"/>
  <c r="BC579" i="4"/>
  <c r="BD579" i="4"/>
  <c r="BE579" i="4"/>
  <c r="BF579" i="4"/>
  <c r="BG579" i="4"/>
  <c r="BH579" i="4"/>
  <c r="BI579" i="4"/>
  <c r="BJ579" i="4"/>
  <c r="BK579" i="4"/>
  <c r="BL579" i="4"/>
  <c r="BM579" i="4"/>
  <c r="BN579" i="4"/>
  <c r="BO579" i="4"/>
  <c r="BP579" i="4"/>
  <c r="BQ579" i="4"/>
  <c r="BR579" i="4"/>
  <c r="BS579" i="4"/>
  <c r="BT579" i="4"/>
  <c r="BU579" i="4"/>
  <c r="BV579" i="4"/>
  <c r="BW579" i="4"/>
  <c r="BY579" i="4"/>
  <c r="BZ579" i="4"/>
  <c r="CA579" i="4"/>
  <c r="CB579" i="4"/>
  <c r="CC579" i="4"/>
  <c r="AY580" i="4"/>
  <c r="AZ580" i="4"/>
  <c r="BA580" i="4"/>
  <c r="BB580" i="4"/>
  <c r="BC580" i="4"/>
  <c r="BD580" i="4"/>
  <c r="BE580" i="4"/>
  <c r="BF580" i="4"/>
  <c r="BG580" i="4"/>
  <c r="BH580" i="4"/>
  <c r="BI580" i="4"/>
  <c r="BJ580" i="4"/>
  <c r="BK580" i="4"/>
  <c r="BL580" i="4"/>
  <c r="BM580" i="4"/>
  <c r="BN580" i="4"/>
  <c r="BO580" i="4"/>
  <c r="BP580" i="4"/>
  <c r="BQ580" i="4"/>
  <c r="BR580" i="4"/>
  <c r="BS580" i="4"/>
  <c r="BT580" i="4"/>
  <c r="BU580" i="4"/>
  <c r="BV580" i="4"/>
  <c r="BW580" i="4"/>
  <c r="BX580" i="4"/>
  <c r="BY580" i="4"/>
  <c r="CA580" i="4"/>
  <c r="CB580" i="4"/>
  <c r="CC580" i="4"/>
  <c r="AY581" i="4"/>
  <c r="AZ581" i="4"/>
  <c r="BA581" i="4"/>
  <c r="BB581" i="4"/>
  <c r="BC581" i="4"/>
  <c r="BD581" i="4"/>
  <c r="BE581" i="4"/>
  <c r="BF581" i="4"/>
  <c r="BG581" i="4"/>
  <c r="BH581" i="4"/>
  <c r="BI581" i="4"/>
  <c r="BJ581" i="4"/>
  <c r="BK581" i="4"/>
  <c r="BL581" i="4"/>
  <c r="BM581" i="4"/>
  <c r="BN581" i="4"/>
  <c r="BO581" i="4"/>
  <c r="BP581" i="4"/>
  <c r="BQ581" i="4"/>
  <c r="BR581" i="4"/>
  <c r="BS581" i="4"/>
  <c r="BT581" i="4"/>
  <c r="BU581" i="4"/>
  <c r="BV581" i="4"/>
  <c r="BW581" i="4"/>
  <c r="BX581" i="4"/>
  <c r="BY581" i="4"/>
  <c r="BZ581" i="4"/>
  <c r="CA581" i="4"/>
  <c r="CC581" i="4"/>
  <c r="AY582" i="4"/>
  <c r="AZ582" i="4"/>
  <c r="BA582" i="4"/>
  <c r="BB582" i="4"/>
  <c r="BC582" i="4"/>
  <c r="BD582" i="4"/>
  <c r="BE582" i="4"/>
  <c r="BF582" i="4"/>
  <c r="BG582" i="4"/>
  <c r="BH582" i="4"/>
  <c r="BI582" i="4"/>
  <c r="BJ582" i="4"/>
  <c r="BK582" i="4"/>
  <c r="BL582" i="4"/>
  <c r="BM582" i="4"/>
  <c r="BN582" i="4"/>
  <c r="BO582" i="4"/>
  <c r="BP582" i="4"/>
  <c r="BQ582" i="4"/>
  <c r="BR582" i="4"/>
  <c r="BS582" i="4"/>
  <c r="BT582" i="4"/>
  <c r="BU582" i="4"/>
  <c r="BV582" i="4"/>
  <c r="BW582" i="4"/>
  <c r="BX582" i="4"/>
  <c r="BY582" i="4"/>
  <c r="BZ582" i="4"/>
  <c r="CB582" i="4"/>
  <c r="CC582" i="4"/>
  <c r="AY583" i="4"/>
  <c r="AZ583" i="4"/>
  <c r="BA583" i="4"/>
  <c r="BB583" i="4"/>
  <c r="BC583" i="4"/>
  <c r="BD583" i="4"/>
  <c r="BE583" i="4"/>
  <c r="BF583" i="4"/>
  <c r="BG583" i="4"/>
  <c r="BH583" i="4"/>
  <c r="BI583" i="4"/>
  <c r="BJ583" i="4"/>
  <c r="BK583" i="4"/>
  <c r="BL583" i="4"/>
  <c r="BM583" i="4"/>
  <c r="BN583" i="4"/>
  <c r="BP583" i="4"/>
  <c r="BQ583" i="4"/>
  <c r="BR583" i="4"/>
  <c r="BS583" i="4"/>
  <c r="BT583" i="4"/>
  <c r="BU583" i="4"/>
  <c r="BV583" i="4"/>
  <c r="BW583" i="4"/>
  <c r="BX583" i="4"/>
  <c r="BY583" i="4"/>
  <c r="BZ583" i="4"/>
  <c r="CA583" i="4"/>
  <c r="CB583" i="4"/>
  <c r="CC583" i="4"/>
  <c r="AZ584" i="4"/>
  <c r="BA584" i="4"/>
  <c r="BB584" i="4"/>
  <c r="BC584" i="4"/>
  <c r="BD584" i="4"/>
  <c r="BE584" i="4"/>
  <c r="BF584" i="4"/>
  <c r="BG584" i="4"/>
  <c r="BH584" i="4"/>
  <c r="BI584" i="4"/>
  <c r="BJ584" i="4"/>
  <c r="BK584" i="4"/>
  <c r="BL584" i="4"/>
  <c r="BM584" i="4"/>
  <c r="BN584" i="4"/>
  <c r="BO584" i="4"/>
  <c r="BP584" i="4"/>
  <c r="BQ584" i="4"/>
  <c r="BR584" i="4"/>
  <c r="BS584" i="4"/>
  <c r="BT584" i="4"/>
  <c r="BU584" i="4"/>
  <c r="BV584" i="4"/>
  <c r="BW584" i="4"/>
  <c r="BX584" i="4"/>
  <c r="BY584" i="4"/>
  <c r="BZ584" i="4"/>
  <c r="CA584" i="4"/>
  <c r="CB584" i="4"/>
  <c r="CC584" i="4"/>
  <c r="AY585" i="4"/>
  <c r="AZ585" i="4"/>
  <c r="BB585" i="4"/>
  <c r="BC585" i="4"/>
  <c r="BD585" i="4"/>
  <c r="BE585" i="4"/>
  <c r="BF585" i="4"/>
  <c r="BG585" i="4"/>
  <c r="BH585" i="4"/>
  <c r="BI585" i="4"/>
  <c r="BJ585" i="4"/>
  <c r="BK585" i="4"/>
  <c r="BL585" i="4"/>
  <c r="BM585" i="4"/>
  <c r="BN585" i="4"/>
  <c r="BO585" i="4"/>
  <c r="BP585" i="4"/>
  <c r="BQ585" i="4"/>
  <c r="BR585" i="4"/>
  <c r="BS585" i="4"/>
  <c r="BT585" i="4"/>
  <c r="BU585" i="4"/>
  <c r="BV585" i="4"/>
  <c r="BW585" i="4"/>
  <c r="BX585" i="4"/>
  <c r="BY585" i="4"/>
  <c r="BZ585" i="4"/>
  <c r="CA585" i="4"/>
  <c r="CB585" i="4"/>
  <c r="CC585" i="4"/>
  <c r="AY586" i="4"/>
  <c r="AZ586" i="4"/>
  <c r="BA586" i="4"/>
  <c r="BC586" i="4"/>
  <c r="BD586" i="4"/>
  <c r="BE586" i="4"/>
  <c r="BF586" i="4"/>
  <c r="BG586" i="4"/>
  <c r="BH586" i="4"/>
  <c r="BI586" i="4"/>
  <c r="BJ586" i="4"/>
  <c r="BK586" i="4"/>
  <c r="BL586" i="4"/>
  <c r="BM586" i="4"/>
  <c r="BN586" i="4"/>
  <c r="BO586" i="4"/>
  <c r="BP586" i="4"/>
  <c r="BQ586" i="4"/>
  <c r="BR586" i="4"/>
  <c r="BS586" i="4"/>
  <c r="BT586" i="4"/>
  <c r="BU586" i="4"/>
  <c r="BV586" i="4"/>
  <c r="BW586" i="4"/>
  <c r="BX586" i="4"/>
  <c r="BY586" i="4"/>
  <c r="BZ586" i="4"/>
  <c r="CA586" i="4"/>
  <c r="CB586" i="4"/>
  <c r="CC586" i="4"/>
  <c r="AY587" i="4"/>
  <c r="BA587" i="4"/>
  <c r="BB587" i="4"/>
  <c r="BC587" i="4"/>
  <c r="BD587" i="4"/>
  <c r="BE587" i="4"/>
  <c r="BF587" i="4"/>
  <c r="BG587" i="4"/>
  <c r="BH587" i="4"/>
  <c r="BI587" i="4"/>
  <c r="BJ587" i="4"/>
  <c r="BK587" i="4"/>
  <c r="BL587" i="4"/>
  <c r="BM587" i="4"/>
  <c r="BN587" i="4"/>
  <c r="BO587" i="4"/>
  <c r="BP587" i="4"/>
  <c r="BQ587" i="4"/>
  <c r="BR587" i="4"/>
  <c r="BS587" i="4"/>
  <c r="BT587" i="4"/>
  <c r="BU587" i="4"/>
  <c r="BV587" i="4"/>
  <c r="BW587" i="4"/>
  <c r="BX587" i="4"/>
  <c r="BY587" i="4"/>
  <c r="BZ587" i="4"/>
  <c r="CA587" i="4"/>
  <c r="CB587" i="4"/>
  <c r="CC587" i="4"/>
  <c r="AY588" i="4"/>
  <c r="AZ588" i="4"/>
  <c r="BA588" i="4"/>
  <c r="BB588" i="4"/>
  <c r="BD588" i="4"/>
  <c r="BE588" i="4"/>
  <c r="BF588" i="4"/>
  <c r="BG588" i="4"/>
  <c r="BH588" i="4"/>
  <c r="BI588" i="4"/>
  <c r="BJ588" i="4"/>
  <c r="BK588" i="4"/>
  <c r="BL588" i="4"/>
  <c r="BM588" i="4"/>
  <c r="BN588" i="4"/>
  <c r="BO588" i="4"/>
  <c r="BP588" i="4"/>
  <c r="BQ588" i="4"/>
  <c r="BR588" i="4"/>
  <c r="BS588" i="4"/>
  <c r="BT588" i="4"/>
  <c r="BU588" i="4"/>
  <c r="BV588" i="4"/>
  <c r="BW588" i="4"/>
  <c r="BX588" i="4"/>
  <c r="BY588" i="4"/>
  <c r="BZ588" i="4"/>
  <c r="CA588" i="4"/>
  <c r="CB588" i="4"/>
  <c r="CC588" i="4"/>
  <c r="AY589" i="4"/>
  <c r="AZ589" i="4"/>
  <c r="BA589" i="4"/>
  <c r="BB589" i="4"/>
  <c r="BC589" i="4"/>
  <c r="BD589" i="4"/>
  <c r="BF589" i="4"/>
  <c r="BG589" i="4"/>
  <c r="BH589" i="4"/>
  <c r="BI589" i="4"/>
  <c r="BJ589" i="4"/>
  <c r="BK589" i="4"/>
  <c r="BL589" i="4"/>
  <c r="BM589" i="4"/>
  <c r="BN589" i="4"/>
  <c r="BO589" i="4"/>
  <c r="BP589" i="4"/>
  <c r="BQ589" i="4"/>
  <c r="BR589" i="4"/>
  <c r="BS589" i="4"/>
  <c r="BT589" i="4"/>
  <c r="BU589" i="4"/>
  <c r="BV589" i="4"/>
  <c r="BW589" i="4"/>
  <c r="BX589" i="4"/>
  <c r="BY589" i="4"/>
  <c r="BZ589" i="4"/>
  <c r="CA589" i="4"/>
  <c r="CB589" i="4"/>
  <c r="CC589" i="4"/>
  <c r="AY590" i="4"/>
  <c r="AZ590" i="4"/>
  <c r="BA590" i="4"/>
  <c r="BB590" i="4"/>
  <c r="BC590" i="4"/>
  <c r="BD590" i="4"/>
  <c r="BE590" i="4"/>
  <c r="BG590" i="4"/>
  <c r="BH590" i="4"/>
  <c r="BI590" i="4"/>
  <c r="BJ590" i="4"/>
  <c r="BK590" i="4"/>
  <c r="BL590" i="4"/>
  <c r="BM590" i="4"/>
  <c r="BN590" i="4"/>
  <c r="BO590" i="4"/>
  <c r="BP590" i="4"/>
  <c r="BQ590" i="4"/>
  <c r="BR590" i="4"/>
  <c r="BS590" i="4"/>
  <c r="BT590" i="4"/>
  <c r="BU590" i="4"/>
  <c r="BV590" i="4"/>
  <c r="BW590" i="4"/>
  <c r="BX590" i="4"/>
  <c r="BY590" i="4"/>
  <c r="BZ590" i="4"/>
  <c r="CA590" i="4"/>
  <c r="CB590" i="4"/>
  <c r="CC590" i="4"/>
  <c r="AY591" i="4"/>
  <c r="AZ591" i="4"/>
  <c r="BA591" i="4"/>
  <c r="BB591" i="4"/>
  <c r="BC591" i="4"/>
  <c r="BE591" i="4"/>
  <c r="BF591" i="4"/>
  <c r="BG591" i="4"/>
  <c r="BH591" i="4"/>
  <c r="BI591" i="4"/>
  <c r="BJ591" i="4"/>
  <c r="BK591" i="4"/>
  <c r="BL591" i="4"/>
  <c r="BM591" i="4"/>
  <c r="BN591" i="4"/>
  <c r="BO591" i="4"/>
  <c r="BP591" i="4"/>
  <c r="BQ591" i="4"/>
  <c r="BR591" i="4"/>
  <c r="BS591" i="4"/>
  <c r="BT591" i="4"/>
  <c r="BU591" i="4"/>
  <c r="BV591" i="4"/>
  <c r="BW591" i="4"/>
  <c r="BX591" i="4"/>
  <c r="BY591" i="4"/>
  <c r="BZ591" i="4"/>
  <c r="CA591" i="4"/>
  <c r="CB591" i="4"/>
  <c r="CC591" i="4"/>
  <c r="AY592" i="4"/>
  <c r="AZ592" i="4"/>
  <c r="BA592" i="4"/>
  <c r="BB592" i="4"/>
  <c r="BC592" i="4"/>
  <c r="BD592" i="4"/>
  <c r="BE592" i="4"/>
  <c r="BF592" i="4"/>
  <c r="BH592" i="4"/>
  <c r="BI592" i="4"/>
  <c r="BJ592" i="4"/>
  <c r="BK592" i="4"/>
  <c r="BL592" i="4"/>
  <c r="BM592" i="4"/>
  <c r="BN592" i="4"/>
  <c r="BO592" i="4"/>
  <c r="BP592" i="4"/>
  <c r="BQ592" i="4"/>
  <c r="BR592" i="4"/>
  <c r="BS592" i="4"/>
  <c r="BT592" i="4"/>
  <c r="BU592" i="4"/>
  <c r="BV592" i="4"/>
  <c r="BW592" i="4"/>
  <c r="BX592" i="4"/>
  <c r="BY592" i="4"/>
  <c r="BZ592" i="4"/>
  <c r="CA592" i="4"/>
  <c r="CB592" i="4"/>
  <c r="CC592" i="4"/>
  <c r="AY593" i="4"/>
  <c r="AZ593" i="4"/>
  <c r="BA593" i="4"/>
  <c r="BB593" i="4"/>
  <c r="BC593" i="4"/>
  <c r="BD593" i="4"/>
  <c r="BE593" i="4"/>
  <c r="BF593" i="4"/>
  <c r="BG593" i="4"/>
  <c r="BH593" i="4"/>
  <c r="BI593" i="4"/>
  <c r="BJ593" i="4"/>
  <c r="BL593" i="4"/>
  <c r="BM593" i="4"/>
  <c r="BN593" i="4"/>
  <c r="BO593" i="4"/>
  <c r="BP593" i="4"/>
  <c r="BQ593" i="4"/>
  <c r="BR593" i="4"/>
  <c r="BS593" i="4"/>
  <c r="BT593" i="4"/>
  <c r="BU593" i="4"/>
  <c r="BV593" i="4"/>
  <c r="BW593" i="4"/>
  <c r="BX593" i="4"/>
  <c r="BY593" i="4"/>
  <c r="BZ593" i="4"/>
  <c r="CA593" i="4"/>
  <c r="CB593" i="4"/>
  <c r="CC593" i="4"/>
  <c r="AY594" i="4"/>
  <c r="AZ594" i="4"/>
  <c r="BA594" i="4"/>
  <c r="BB594" i="4"/>
  <c r="BC594" i="4"/>
  <c r="BD594" i="4"/>
  <c r="BE594" i="4"/>
  <c r="BF594" i="4"/>
  <c r="BG594" i="4"/>
  <c r="BI594" i="4"/>
  <c r="BJ594" i="4"/>
  <c r="BK594" i="4"/>
  <c r="BL594" i="4"/>
  <c r="BM594" i="4"/>
  <c r="BN594" i="4"/>
  <c r="BO594" i="4"/>
  <c r="BP594" i="4"/>
  <c r="BQ594" i="4"/>
  <c r="BR594" i="4"/>
  <c r="BS594" i="4"/>
  <c r="BT594" i="4"/>
  <c r="BU594" i="4"/>
  <c r="BV594" i="4"/>
  <c r="BW594" i="4"/>
  <c r="BX594" i="4"/>
  <c r="BY594" i="4"/>
  <c r="BZ594" i="4"/>
  <c r="CA594" i="4"/>
  <c r="CB594" i="4"/>
  <c r="CC594" i="4"/>
  <c r="AY595" i="4"/>
  <c r="AZ595" i="4"/>
  <c r="BA595" i="4"/>
  <c r="BB595" i="4"/>
  <c r="BC595" i="4"/>
  <c r="BD595" i="4"/>
  <c r="BE595" i="4"/>
  <c r="BF595" i="4"/>
  <c r="BG595" i="4"/>
  <c r="BH595" i="4"/>
  <c r="BJ595" i="4"/>
  <c r="BK595" i="4"/>
  <c r="BL595" i="4"/>
  <c r="BM595" i="4"/>
  <c r="BN595" i="4"/>
  <c r="BO595" i="4"/>
  <c r="BP595" i="4"/>
  <c r="BQ595" i="4"/>
  <c r="BR595" i="4"/>
  <c r="BS595" i="4"/>
  <c r="BT595" i="4"/>
  <c r="BU595" i="4"/>
  <c r="BV595" i="4"/>
  <c r="BW595" i="4"/>
  <c r="BX595" i="4"/>
  <c r="BY595" i="4"/>
  <c r="BZ595" i="4"/>
  <c r="CA595" i="4"/>
  <c r="CB595" i="4"/>
  <c r="CC595" i="4"/>
  <c r="AY596" i="4"/>
  <c r="AZ596" i="4"/>
  <c r="BA596" i="4"/>
  <c r="BB596" i="4"/>
  <c r="BC596" i="4"/>
  <c r="BD596" i="4"/>
  <c r="BE596" i="4"/>
  <c r="BF596" i="4"/>
  <c r="BG596" i="4"/>
  <c r="BH596" i="4"/>
  <c r="BI596" i="4"/>
  <c r="BJ596" i="4"/>
  <c r="BK596" i="4"/>
  <c r="BM596" i="4"/>
  <c r="BN596" i="4"/>
  <c r="BO596" i="4"/>
  <c r="BP596" i="4"/>
  <c r="BQ596" i="4"/>
  <c r="BR596" i="4"/>
  <c r="BS596" i="4"/>
  <c r="BT596" i="4"/>
  <c r="BU596" i="4"/>
  <c r="BV596" i="4"/>
  <c r="BW596" i="4"/>
  <c r="BX596" i="4"/>
  <c r="BY596" i="4"/>
  <c r="BZ596" i="4"/>
  <c r="CA596" i="4"/>
  <c r="CB596" i="4"/>
  <c r="CC596" i="4"/>
  <c r="AY597" i="4"/>
  <c r="AZ597" i="4"/>
  <c r="BA597" i="4"/>
  <c r="BB597" i="4"/>
  <c r="BC597" i="4"/>
  <c r="BD597" i="4"/>
  <c r="BE597" i="4"/>
  <c r="BF597" i="4"/>
  <c r="BG597" i="4"/>
  <c r="BH597" i="4"/>
  <c r="BI597" i="4"/>
  <c r="BJ597" i="4"/>
  <c r="BK597" i="4"/>
  <c r="BL597" i="4"/>
  <c r="BN597" i="4"/>
  <c r="BO597" i="4"/>
  <c r="BP597" i="4"/>
  <c r="BQ597" i="4"/>
  <c r="BR597" i="4"/>
  <c r="BS597" i="4"/>
  <c r="BT597" i="4"/>
  <c r="BU597" i="4"/>
  <c r="BV597" i="4"/>
  <c r="BW597" i="4"/>
  <c r="BX597" i="4"/>
  <c r="BY597" i="4"/>
  <c r="BZ597" i="4"/>
  <c r="CA597" i="4"/>
  <c r="CB597" i="4"/>
  <c r="CC597" i="4"/>
  <c r="AY598" i="4"/>
  <c r="AZ598" i="4"/>
  <c r="BA598" i="4"/>
  <c r="BB598" i="4"/>
  <c r="BC598" i="4"/>
  <c r="BD598" i="4"/>
  <c r="BE598" i="4"/>
  <c r="BF598" i="4"/>
  <c r="BG598" i="4"/>
  <c r="BH598" i="4"/>
  <c r="BI598" i="4"/>
  <c r="BJ598" i="4"/>
  <c r="BK598" i="4"/>
  <c r="BL598" i="4"/>
  <c r="BM598" i="4"/>
  <c r="BO598" i="4"/>
  <c r="BP598" i="4"/>
  <c r="BQ598" i="4"/>
  <c r="BR598" i="4"/>
  <c r="BS598" i="4"/>
  <c r="BT598" i="4"/>
  <c r="BU598" i="4"/>
  <c r="BV598" i="4"/>
  <c r="BW598" i="4"/>
  <c r="BX598" i="4"/>
  <c r="BY598" i="4"/>
  <c r="BZ598" i="4"/>
  <c r="CA598" i="4"/>
  <c r="CB598" i="4"/>
  <c r="CC598" i="4"/>
  <c r="AY599" i="4"/>
  <c r="AZ599" i="4"/>
  <c r="BA599" i="4"/>
  <c r="BB599" i="4"/>
  <c r="BC599" i="4"/>
  <c r="BD599" i="4"/>
  <c r="BE599" i="4"/>
  <c r="BF599" i="4"/>
  <c r="BG599" i="4"/>
  <c r="BH599" i="4"/>
  <c r="BI599" i="4"/>
  <c r="BJ599" i="4"/>
  <c r="BK599" i="4"/>
  <c r="BL599" i="4"/>
  <c r="BM599" i="4"/>
  <c r="BO599" i="4"/>
  <c r="BP599" i="4"/>
  <c r="BQ599" i="4"/>
  <c r="BR599" i="4"/>
  <c r="BS599" i="4"/>
  <c r="BT599" i="4"/>
  <c r="BU599" i="4"/>
  <c r="BV599" i="4"/>
  <c r="BW599" i="4"/>
  <c r="BX599" i="4"/>
  <c r="BY599" i="4"/>
  <c r="BZ599" i="4"/>
  <c r="CA599" i="4"/>
  <c r="CB599" i="4"/>
  <c r="CC599" i="4"/>
  <c r="AY600" i="4"/>
  <c r="AZ600" i="4"/>
  <c r="BA600" i="4"/>
  <c r="BB600" i="4"/>
  <c r="BC600" i="4"/>
  <c r="BD600" i="4"/>
  <c r="BE600" i="4"/>
  <c r="BF600" i="4"/>
  <c r="BG600" i="4"/>
  <c r="BH600" i="4"/>
  <c r="BI600" i="4"/>
  <c r="BJ600" i="4"/>
  <c r="BK600" i="4"/>
  <c r="BL600" i="4"/>
  <c r="BM600" i="4"/>
  <c r="BN600" i="4"/>
  <c r="BO600" i="4"/>
  <c r="BT600" i="4"/>
  <c r="BU600" i="4"/>
  <c r="BV600" i="4"/>
  <c r="BW600" i="4"/>
  <c r="BX600" i="4"/>
  <c r="BY600" i="4"/>
  <c r="BZ600" i="4"/>
  <c r="CA600" i="4"/>
  <c r="CB600" i="4"/>
  <c r="CC600" i="4"/>
  <c r="AY601" i="4"/>
  <c r="AZ601" i="4"/>
  <c r="BA601" i="4"/>
  <c r="BB601" i="4"/>
  <c r="BC601" i="4"/>
  <c r="BD601" i="4"/>
  <c r="BE601" i="4"/>
  <c r="BF601" i="4"/>
  <c r="BG601" i="4"/>
  <c r="BH601" i="4"/>
  <c r="BI601" i="4"/>
  <c r="BJ601" i="4"/>
  <c r="BK601" i="4"/>
  <c r="BL601" i="4"/>
  <c r="BM601" i="4"/>
  <c r="BN601" i="4"/>
  <c r="BO601" i="4"/>
  <c r="BT601" i="4"/>
  <c r="BU601" i="4"/>
  <c r="BV601" i="4"/>
  <c r="BW601" i="4"/>
  <c r="BX601" i="4"/>
  <c r="BY601" i="4"/>
  <c r="BZ601" i="4"/>
  <c r="CA601" i="4"/>
  <c r="CB601" i="4"/>
  <c r="CC601" i="4"/>
  <c r="AY602" i="4"/>
  <c r="AZ602" i="4"/>
  <c r="BA602" i="4"/>
  <c r="BB602" i="4"/>
  <c r="BC602" i="4"/>
  <c r="BD602" i="4"/>
  <c r="BE602" i="4"/>
  <c r="BF602" i="4"/>
  <c r="BG602" i="4"/>
  <c r="BH602" i="4"/>
  <c r="BI602" i="4"/>
  <c r="BJ602" i="4"/>
  <c r="BK602" i="4"/>
  <c r="BL602" i="4"/>
  <c r="BM602" i="4"/>
  <c r="BN602" i="4"/>
  <c r="BO602" i="4"/>
  <c r="BT602" i="4"/>
  <c r="BU602" i="4"/>
  <c r="BV602" i="4"/>
  <c r="BW602" i="4"/>
  <c r="BX602" i="4"/>
  <c r="BY602" i="4"/>
  <c r="BZ602" i="4"/>
  <c r="CA602" i="4"/>
  <c r="CB602" i="4"/>
  <c r="CC602" i="4"/>
  <c r="AY603" i="4"/>
  <c r="AZ603" i="4"/>
  <c r="BA603" i="4"/>
  <c r="BB603" i="4"/>
  <c r="BC603" i="4"/>
  <c r="BD603" i="4"/>
  <c r="BE603" i="4"/>
  <c r="BF603" i="4"/>
  <c r="BG603" i="4"/>
  <c r="BH603" i="4"/>
  <c r="BI603" i="4"/>
  <c r="BJ603" i="4"/>
  <c r="BK603" i="4"/>
  <c r="BL603" i="4"/>
  <c r="BM603" i="4"/>
  <c r="BN603" i="4"/>
  <c r="BO603" i="4"/>
  <c r="BT603" i="4"/>
  <c r="BU603" i="4"/>
  <c r="BV603" i="4"/>
  <c r="BW603" i="4"/>
  <c r="BX603" i="4"/>
  <c r="BY603" i="4"/>
  <c r="BZ603" i="4"/>
  <c r="CA603" i="4"/>
  <c r="CB603" i="4"/>
  <c r="CC603" i="4"/>
  <c r="AY604" i="4"/>
  <c r="AZ604" i="4"/>
  <c r="BA604" i="4"/>
  <c r="BB604" i="4"/>
  <c r="BC604" i="4"/>
  <c r="BD604" i="4"/>
  <c r="BE604" i="4"/>
  <c r="BF604" i="4"/>
  <c r="BG604" i="4"/>
  <c r="BH604" i="4"/>
  <c r="BI604" i="4"/>
  <c r="BJ604" i="4"/>
  <c r="BK604" i="4"/>
  <c r="BL604" i="4"/>
  <c r="BM604" i="4"/>
  <c r="BN604" i="4"/>
  <c r="BO604" i="4"/>
  <c r="BT604" i="4"/>
  <c r="BU604" i="4"/>
  <c r="BV604" i="4"/>
  <c r="BW604" i="4"/>
  <c r="BX604" i="4"/>
  <c r="BY604" i="4"/>
  <c r="BZ604" i="4"/>
  <c r="CA604" i="4"/>
  <c r="CB604" i="4"/>
  <c r="CC604" i="4"/>
  <c r="AY605" i="4"/>
  <c r="AZ605" i="4"/>
  <c r="BA605" i="4"/>
  <c r="BB605" i="4"/>
  <c r="BC605" i="4"/>
  <c r="BD605" i="4"/>
  <c r="BE605" i="4"/>
  <c r="BF605" i="4"/>
  <c r="BG605" i="4"/>
  <c r="BH605" i="4"/>
  <c r="BI605" i="4"/>
  <c r="BJ605" i="4"/>
  <c r="BK605" i="4"/>
  <c r="BL605" i="4"/>
  <c r="BM605" i="4"/>
  <c r="BN605" i="4"/>
  <c r="BO605" i="4"/>
  <c r="BT605" i="4"/>
  <c r="BU605" i="4"/>
  <c r="BV605" i="4"/>
  <c r="BW605" i="4"/>
  <c r="BX605" i="4"/>
  <c r="BY605" i="4"/>
  <c r="BZ605" i="4"/>
  <c r="CA605" i="4"/>
  <c r="CB605" i="4"/>
  <c r="CC605" i="4"/>
  <c r="AY606" i="4"/>
  <c r="AZ606" i="4"/>
  <c r="BA606" i="4"/>
  <c r="BB606" i="4"/>
  <c r="BC606" i="4"/>
  <c r="BD606" i="4"/>
  <c r="BE606" i="4"/>
  <c r="BF606" i="4"/>
  <c r="BG606" i="4"/>
  <c r="BH606" i="4"/>
  <c r="BI606" i="4"/>
  <c r="BJ606" i="4"/>
  <c r="BK606" i="4"/>
  <c r="BL606" i="4"/>
  <c r="BM606" i="4"/>
  <c r="BN606" i="4"/>
  <c r="BO606" i="4"/>
  <c r="BT606" i="4"/>
  <c r="BU606" i="4"/>
  <c r="BV606" i="4"/>
  <c r="BW606" i="4"/>
  <c r="BX606" i="4"/>
  <c r="BY606" i="4"/>
  <c r="BZ606" i="4"/>
  <c r="CA606" i="4"/>
  <c r="CB606" i="4"/>
  <c r="CC606" i="4"/>
  <c r="AY607" i="4"/>
  <c r="AZ607" i="4"/>
  <c r="BA607" i="4"/>
  <c r="BB607" i="4"/>
  <c r="BC607" i="4"/>
  <c r="BD607" i="4"/>
  <c r="BE607" i="4"/>
  <c r="BF607" i="4"/>
  <c r="BG607" i="4"/>
  <c r="BH607" i="4"/>
  <c r="BI607" i="4"/>
  <c r="BJ607" i="4"/>
  <c r="BK607" i="4"/>
  <c r="BL607" i="4"/>
  <c r="BM607" i="4"/>
  <c r="BN607" i="4"/>
  <c r="BO607" i="4"/>
  <c r="BT607" i="4"/>
  <c r="BU607" i="4"/>
  <c r="BV607" i="4"/>
  <c r="BW607" i="4"/>
  <c r="BX607" i="4"/>
  <c r="BY607" i="4"/>
  <c r="BZ607" i="4"/>
  <c r="CA607" i="4"/>
  <c r="CB607" i="4"/>
  <c r="CC607" i="4"/>
  <c r="AY608" i="4"/>
  <c r="AZ608" i="4"/>
  <c r="BA608" i="4"/>
  <c r="BB608" i="4"/>
  <c r="BC608" i="4"/>
  <c r="BD608" i="4"/>
  <c r="BE608" i="4"/>
  <c r="BF608" i="4"/>
  <c r="BG608" i="4"/>
  <c r="BH608" i="4"/>
  <c r="BI608" i="4"/>
  <c r="BJ608" i="4"/>
  <c r="BK608" i="4"/>
  <c r="BL608" i="4"/>
  <c r="BM608" i="4"/>
  <c r="BN608" i="4"/>
  <c r="BO608" i="4"/>
  <c r="BT608" i="4"/>
  <c r="BU608" i="4"/>
  <c r="BV608" i="4"/>
  <c r="BW608" i="4"/>
  <c r="BX608" i="4"/>
  <c r="BY608" i="4"/>
  <c r="BZ608" i="4"/>
  <c r="CA608" i="4"/>
  <c r="CB608" i="4"/>
  <c r="CC608" i="4"/>
  <c r="AY609" i="4"/>
  <c r="AZ609" i="4"/>
  <c r="BA609" i="4"/>
  <c r="BB609" i="4"/>
  <c r="BC609" i="4"/>
  <c r="BD609" i="4"/>
  <c r="BE609" i="4"/>
  <c r="BF609" i="4"/>
  <c r="BG609" i="4"/>
  <c r="BH609" i="4"/>
  <c r="BI609" i="4"/>
  <c r="BJ609" i="4"/>
  <c r="BK609" i="4"/>
  <c r="BL609" i="4"/>
  <c r="BM609" i="4"/>
  <c r="BN609" i="4"/>
  <c r="BO609" i="4"/>
  <c r="BT609" i="4"/>
  <c r="BU609" i="4"/>
  <c r="BV609" i="4"/>
  <c r="BW609" i="4"/>
  <c r="BX609" i="4"/>
  <c r="BY609" i="4"/>
  <c r="BZ609" i="4"/>
  <c r="CA609" i="4"/>
  <c r="CB609" i="4"/>
  <c r="CC609" i="4"/>
  <c r="AY610" i="4"/>
  <c r="AZ610" i="4"/>
  <c r="BA610" i="4"/>
  <c r="BB610" i="4"/>
  <c r="BC610" i="4"/>
  <c r="BD610" i="4"/>
  <c r="BE610" i="4"/>
  <c r="BF610" i="4"/>
  <c r="BG610" i="4"/>
  <c r="BH610" i="4"/>
  <c r="BI610" i="4"/>
  <c r="BJ610" i="4"/>
  <c r="BK610" i="4"/>
  <c r="BL610" i="4"/>
  <c r="BM610" i="4"/>
  <c r="BN610" i="4"/>
  <c r="BO610" i="4"/>
  <c r="BT610" i="4"/>
  <c r="BU610" i="4"/>
  <c r="BV610" i="4"/>
  <c r="BW610" i="4"/>
  <c r="BX610" i="4"/>
  <c r="BY610" i="4"/>
  <c r="BZ610" i="4"/>
  <c r="CA610" i="4"/>
  <c r="CB610" i="4"/>
  <c r="CC610" i="4"/>
  <c r="AY611" i="4"/>
  <c r="AZ611" i="4"/>
  <c r="BA611" i="4"/>
  <c r="BB611" i="4"/>
  <c r="BC611" i="4"/>
  <c r="BD611" i="4"/>
  <c r="BE611" i="4"/>
  <c r="BF611" i="4"/>
  <c r="BG611" i="4"/>
  <c r="BH611" i="4"/>
  <c r="BI611" i="4"/>
  <c r="BJ611" i="4"/>
  <c r="BK611" i="4"/>
  <c r="BL611" i="4"/>
  <c r="BM611" i="4"/>
  <c r="BN611" i="4"/>
  <c r="BO611" i="4"/>
  <c r="BP611" i="4"/>
  <c r="BQ611" i="4"/>
  <c r="BR611" i="4"/>
  <c r="BS611" i="4"/>
  <c r="BT611" i="4"/>
  <c r="BU611" i="4"/>
  <c r="BV611" i="4"/>
  <c r="BW611" i="4"/>
  <c r="BX611" i="4"/>
  <c r="BY611" i="4"/>
  <c r="BZ611" i="4"/>
  <c r="CA611" i="4"/>
  <c r="CB611" i="4"/>
  <c r="CC611" i="4"/>
  <c r="AY612" i="4"/>
  <c r="AZ612" i="4"/>
  <c r="BA612" i="4"/>
  <c r="BB612" i="4"/>
  <c r="BC612" i="4"/>
  <c r="BD612" i="4"/>
  <c r="BE612" i="4"/>
  <c r="BF612" i="4"/>
  <c r="BG612" i="4"/>
  <c r="BH612" i="4"/>
  <c r="BI612" i="4"/>
  <c r="BJ612" i="4"/>
  <c r="BK612" i="4"/>
  <c r="BL612" i="4"/>
  <c r="BM612" i="4"/>
  <c r="BN612" i="4"/>
  <c r="BO612" i="4"/>
  <c r="BT612" i="4"/>
  <c r="BU612" i="4"/>
  <c r="BV612" i="4"/>
  <c r="BW612" i="4"/>
  <c r="BX612" i="4"/>
  <c r="BY612" i="4"/>
  <c r="BZ612" i="4"/>
  <c r="CA612" i="4"/>
  <c r="CB612" i="4"/>
  <c r="CC612" i="4"/>
  <c r="AY613" i="4"/>
  <c r="AZ613" i="4"/>
  <c r="BA613" i="4"/>
  <c r="BB613" i="4"/>
  <c r="BC613" i="4"/>
  <c r="BD613" i="4"/>
  <c r="BE613" i="4"/>
  <c r="BF613" i="4"/>
  <c r="BG613" i="4"/>
  <c r="BH613" i="4"/>
  <c r="BI613" i="4"/>
  <c r="BJ613" i="4"/>
  <c r="BK613" i="4"/>
  <c r="BL613" i="4"/>
  <c r="BM613" i="4"/>
  <c r="BN613" i="4"/>
  <c r="BO613" i="4"/>
  <c r="BT613" i="4"/>
  <c r="BU613" i="4"/>
  <c r="BV613" i="4"/>
  <c r="BW613" i="4"/>
  <c r="BX613" i="4"/>
  <c r="BY613" i="4"/>
  <c r="BZ613" i="4"/>
  <c r="CA613" i="4"/>
  <c r="CB613" i="4"/>
  <c r="CC613" i="4"/>
  <c r="AY614" i="4"/>
  <c r="AZ614" i="4"/>
  <c r="BA614" i="4"/>
  <c r="BB614" i="4"/>
  <c r="BC614" i="4"/>
  <c r="BD614" i="4"/>
  <c r="BE614" i="4"/>
  <c r="BF614" i="4"/>
  <c r="BG614" i="4"/>
  <c r="BH614" i="4"/>
  <c r="BI614" i="4"/>
  <c r="BJ614" i="4"/>
  <c r="BK614" i="4"/>
  <c r="BL614" i="4"/>
  <c r="BM614" i="4"/>
  <c r="BN614" i="4"/>
  <c r="BO614" i="4"/>
  <c r="BT614" i="4"/>
  <c r="BU614" i="4"/>
  <c r="BV614" i="4"/>
  <c r="BW614" i="4"/>
  <c r="BX614" i="4"/>
  <c r="BY614" i="4"/>
  <c r="BZ614" i="4"/>
  <c r="CA614" i="4"/>
  <c r="CB614" i="4"/>
  <c r="CC614" i="4"/>
  <c r="AY615" i="4"/>
  <c r="AZ615" i="4"/>
  <c r="BA615" i="4"/>
  <c r="BB615" i="4"/>
  <c r="BC615" i="4"/>
  <c r="BD615" i="4"/>
  <c r="BE615" i="4"/>
  <c r="BF615" i="4"/>
  <c r="BG615" i="4"/>
  <c r="BH615" i="4"/>
  <c r="BI615" i="4"/>
  <c r="BJ615" i="4"/>
  <c r="BK615" i="4"/>
  <c r="BL615" i="4"/>
  <c r="BM615" i="4"/>
  <c r="BN615" i="4"/>
  <c r="BO615" i="4"/>
  <c r="BT615" i="4"/>
  <c r="BU615" i="4"/>
  <c r="BV615" i="4"/>
  <c r="BW615" i="4"/>
  <c r="BX615" i="4"/>
  <c r="BY615" i="4"/>
  <c r="BZ615" i="4"/>
  <c r="CA615" i="4"/>
  <c r="CB615" i="4"/>
  <c r="CC615" i="4"/>
  <c r="AY616" i="4"/>
  <c r="AZ616" i="4"/>
  <c r="BA616" i="4"/>
  <c r="BB616" i="4"/>
  <c r="BC616" i="4"/>
  <c r="BD616" i="4"/>
  <c r="BE616" i="4"/>
  <c r="BF616" i="4"/>
  <c r="BG616" i="4"/>
  <c r="BH616" i="4"/>
  <c r="BI616" i="4"/>
  <c r="BJ616" i="4"/>
  <c r="BK616" i="4"/>
  <c r="BL616" i="4"/>
  <c r="BM616" i="4"/>
  <c r="BN616" i="4"/>
  <c r="BO616" i="4"/>
  <c r="BT616" i="4"/>
  <c r="BU616" i="4"/>
  <c r="BV616" i="4"/>
  <c r="BW616" i="4"/>
  <c r="BX616" i="4"/>
  <c r="BY616" i="4"/>
  <c r="BZ616" i="4"/>
  <c r="CA616" i="4"/>
  <c r="CB616" i="4"/>
  <c r="CC616" i="4"/>
  <c r="AY617" i="4"/>
  <c r="AZ617" i="4"/>
  <c r="BA617" i="4"/>
  <c r="BB617" i="4"/>
  <c r="BC617" i="4"/>
  <c r="BD617" i="4"/>
  <c r="BE617" i="4"/>
  <c r="BF617" i="4"/>
  <c r="BG617" i="4"/>
  <c r="BH617" i="4"/>
  <c r="BI617" i="4"/>
  <c r="BJ617" i="4"/>
  <c r="BK617" i="4"/>
  <c r="BL617" i="4"/>
  <c r="BM617" i="4"/>
  <c r="BN617" i="4"/>
  <c r="BO617" i="4"/>
  <c r="BT617" i="4"/>
  <c r="BU617" i="4"/>
  <c r="BV617" i="4"/>
  <c r="BW617" i="4"/>
  <c r="BX617" i="4"/>
  <c r="BY617" i="4"/>
  <c r="BZ617" i="4"/>
  <c r="CA617" i="4"/>
  <c r="CB617" i="4"/>
  <c r="CC617" i="4"/>
  <c r="AY618" i="4"/>
  <c r="AZ618" i="4"/>
  <c r="BA618" i="4"/>
  <c r="BB618" i="4"/>
  <c r="BC618" i="4"/>
  <c r="BD618" i="4"/>
  <c r="BE618" i="4"/>
  <c r="BF618" i="4"/>
  <c r="BG618" i="4"/>
  <c r="BH618" i="4"/>
  <c r="BI618" i="4"/>
  <c r="BJ618" i="4"/>
  <c r="BK618" i="4"/>
  <c r="BL618" i="4"/>
  <c r="BM618" i="4"/>
  <c r="BN618" i="4"/>
  <c r="BO618" i="4"/>
  <c r="BT618" i="4"/>
  <c r="BU618" i="4"/>
  <c r="BV618" i="4"/>
  <c r="BW618" i="4"/>
  <c r="BX618" i="4"/>
  <c r="BY618" i="4"/>
  <c r="BZ618" i="4"/>
  <c r="CA618" i="4"/>
  <c r="CB618" i="4"/>
  <c r="CC618" i="4"/>
  <c r="AY619" i="4"/>
  <c r="AZ619" i="4"/>
  <c r="BA619" i="4"/>
  <c r="BB619" i="4"/>
  <c r="BC619" i="4"/>
  <c r="BD619" i="4"/>
  <c r="BE619" i="4"/>
  <c r="BF619" i="4"/>
  <c r="BG619" i="4"/>
  <c r="BH619" i="4"/>
  <c r="BI619" i="4"/>
  <c r="BJ619" i="4"/>
  <c r="BK619" i="4"/>
  <c r="BL619" i="4"/>
  <c r="BM619" i="4"/>
  <c r="BN619" i="4"/>
  <c r="BO619" i="4"/>
  <c r="BT619" i="4"/>
  <c r="BU619" i="4"/>
  <c r="BV619" i="4"/>
  <c r="BW619" i="4"/>
  <c r="BX619" i="4"/>
  <c r="BY619" i="4"/>
  <c r="BZ619" i="4"/>
  <c r="CA619" i="4"/>
  <c r="CB619" i="4"/>
  <c r="CC619" i="4"/>
  <c r="AY620" i="4"/>
  <c r="AZ620" i="4"/>
  <c r="BA620" i="4"/>
  <c r="BB620" i="4"/>
  <c r="BC620" i="4"/>
  <c r="BD620" i="4"/>
  <c r="BE620" i="4"/>
  <c r="BF620" i="4"/>
  <c r="BG620" i="4"/>
  <c r="BH620" i="4"/>
  <c r="BI620" i="4"/>
  <c r="BJ620" i="4"/>
  <c r="BK620" i="4"/>
  <c r="BL620" i="4"/>
  <c r="BM620" i="4"/>
  <c r="BN620" i="4"/>
  <c r="BO620" i="4"/>
  <c r="BT620" i="4"/>
  <c r="BU620" i="4"/>
  <c r="BV620" i="4"/>
  <c r="BW620" i="4"/>
  <c r="BX620" i="4"/>
  <c r="BY620" i="4"/>
  <c r="BZ620" i="4"/>
  <c r="CA620" i="4"/>
  <c r="CB620" i="4"/>
  <c r="CC620" i="4"/>
  <c r="AY621" i="4"/>
  <c r="AZ621" i="4"/>
  <c r="BA621" i="4"/>
  <c r="BB621" i="4"/>
  <c r="BC621" i="4"/>
  <c r="BD621" i="4"/>
  <c r="BE621" i="4"/>
  <c r="BF621" i="4"/>
  <c r="BG621" i="4"/>
  <c r="BH621" i="4"/>
  <c r="BI621" i="4"/>
  <c r="BJ621" i="4"/>
  <c r="BK621" i="4"/>
  <c r="BL621" i="4"/>
  <c r="BM621" i="4"/>
  <c r="BN621" i="4"/>
  <c r="BO621" i="4"/>
  <c r="BT621" i="4"/>
  <c r="BU621" i="4"/>
  <c r="BV621" i="4"/>
  <c r="BW621" i="4"/>
  <c r="BX621" i="4"/>
  <c r="BY621" i="4"/>
  <c r="BZ621" i="4"/>
  <c r="CA621" i="4"/>
  <c r="CB621" i="4"/>
  <c r="CC621" i="4"/>
  <c r="AY622" i="4"/>
  <c r="AZ622" i="4"/>
  <c r="BA622" i="4"/>
  <c r="BB622" i="4"/>
  <c r="BC622" i="4"/>
  <c r="BD622" i="4"/>
  <c r="BE622" i="4"/>
  <c r="BF622" i="4"/>
  <c r="BG622" i="4"/>
  <c r="BH622" i="4"/>
  <c r="BI622" i="4"/>
  <c r="BJ622" i="4"/>
  <c r="BK622" i="4"/>
  <c r="BL622" i="4"/>
  <c r="BM622" i="4"/>
  <c r="BN622" i="4"/>
  <c r="BO622" i="4"/>
  <c r="BT622" i="4"/>
  <c r="BU622" i="4"/>
  <c r="BV622" i="4"/>
  <c r="BW622" i="4"/>
  <c r="BX622" i="4"/>
  <c r="BY622" i="4"/>
  <c r="BZ622" i="4"/>
  <c r="CA622" i="4"/>
  <c r="CB622" i="4"/>
  <c r="CC622" i="4"/>
  <c r="AY623" i="4"/>
  <c r="AZ623" i="4"/>
  <c r="BA623" i="4"/>
  <c r="BB623" i="4"/>
  <c r="BC623" i="4"/>
  <c r="BD623" i="4"/>
  <c r="BE623" i="4"/>
  <c r="BF623" i="4"/>
  <c r="BG623" i="4"/>
  <c r="BH623" i="4"/>
  <c r="BI623" i="4"/>
  <c r="BJ623" i="4"/>
  <c r="BK623" i="4"/>
  <c r="BL623" i="4"/>
  <c r="BM623" i="4"/>
  <c r="BN623" i="4"/>
  <c r="BO623" i="4"/>
  <c r="BT623" i="4"/>
  <c r="BU623" i="4"/>
  <c r="BV623" i="4"/>
  <c r="BW623" i="4"/>
  <c r="BX623" i="4"/>
  <c r="BY623" i="4"/>
  <c r="BZ623" i="4"/>
  <c r="CA623" i="4"/>
  <c r="CB623" i="4"/>
  <c r="CC623" i="4"/>
  <c r="AY624" i="4"/>
  <c r="AZ624" i="4"/>
  <c r="BA624" i="4"/>
  <c r="BB624" i="4"/>
  <c r="BC624" i="4"/>
  <c r="BD624" i="4"/>
  <c r="BE624" i="4"/>
  <c r="BF624" i="4"/>
  <c r="BG624" i="4"/>
  <c r="BH624" i="4"/>
  <c r="BI624" i="4"/>
  <c r="BJ624" i="4"/>
  <c r="BK624" i="4"/>
  <c r="BL624" i="4"/>
  <c r="BM624" i="4"/>
  <c r="BN624" i="4"/>
  <c r="BO624" i="4"/>
  <c r="BT624" i="4"/>
  <c r="BU624" i="4"/>
  <c r="BV624" i="4"/>
  <c r="BW624" i="4"/>
  <c r="BX624" i="4"/>
  <c r="BY624" i="4"/>
  <c r="BZ624" i="4"/>
  <c r="CA624" i="4"/>
  <c r="CB624" i="4"/>
  <c r="CC624" i="4"/>
  <c r="AY625" i="4"/>
  <c r="AZ625" i="4"/>
  <c r="BA625" i="4"/>
  <c r="BB625" i="4"/>
  <c r="BC625" i="4"/>
  <c r="BD625" i="4"/>
  <c r="BE625" i="4"/>
  <c r="BF625" i="4"/>
  <c r="BG625" i="4"/>
  <c r="BH625" i="4"/>
  <c r="BI625" i="4"/>
  <c r="BJ625" i="4"/>
  <c r="BK625" i="4"/>
  <c r="BL625" i="4"/>
  <c r="BM625" i="4"/>
  <c r="BN625" i="4"/>
  <c r="BO625" i="4"/>
  <c r="BT625" i="4"/>
  <c r="BU625" i="4"/>
  <c r="BV625" i="4"/>
  <c r="BW625" i="4"/>
  <c r="BX625" i="4"/>
  <c r="BY625" i="4"/>
  <c r="BZ625" i="4"/>
  <c r="CA625" i="4"/>
  <c r="CB625" i="4"/>
  <c r="CC625" i="4"/>
  <c r="AY626" i="4"/>
  <c r="AZ626" i="4"/>
  <c r="BA626" i="4"/>
  <c r="BB626" i="4"/>
  <c r="BC626" i="4"/>
  <c r="BD626" i="4"/>
  <c r="BE626" i="4"/>
  <c r="BF626" i="4"/>
  <c r="BG626" i="4"/>
  <c r="BH626" i="4"/>
  <c r="BI626" i="4"/>
  <c r="BJ626" i="4"/>
  <c r="BK626" i="4"/>
  <c r="BL626" i="4"/>
  <c r="BM626" i="4"/>
  <c r="BN626" i="4"/>
  <c r="BO626" i="4"/>
  <c r="BT626" i="4"/>
  <c r="BU626" i="4"/>
  <c r="BV626" i="4"/>
  <c r="BW626" i="4"/>
  <c r="BX626" i="4"/>
  <c r="BY626" i="4"/>
  <c r="BZ626" i="4"/>
  <c r="CA626" i="4"/>
  <c r="CB626" i="4"/>
  <c r="CC626" i="4"/>
  <c r="AY627" i="4"/>
  <c r="AZ627" i="4"/>
  <c r="BA627" i="4"/>
  <c r="BB627" i="4"/>
  <c r="BC627" i="4"/>
  <c r="BD627" i="4"/>
  <c r="BE627" i="4"/>
  <c r="BF627" i="4"/>
  <c r="BG627" i="4"/>
  <c r="BH627" i="4"/>
  <c r="BI627" i="4"/>
  <c r="BJ627" i="4"/>
  <c r="BK627" i="4"/>
  <c r="BL627" i="4"/>
  <c r="BM627" i="4"/>
  <c r="BN627" i="4"/>
  <c r="BO627" i="4"/>
  <c r="BP627" i="4"/>
  <c r="BQ627" i="4"/>
  <c r="BR627" i="4"/>
  <c r="BS627" i="4"/>
  <c r="BT627" i="4"/>
  <c r="BU627" i="4"/>
  <c r="BV627" i="4"/>
  <c r="BW627" i="4"/>
  <c r="BX627" i="4"/>
  <c r="BY627" i="4"/>
  <c r="BZ627" i="4"/>
  <c r="CA627" i="4"/>
  <c r="CB627" i="4"/>
  <c r="CC627" i="4"/>
  <c r="AY628" i="4"/>
  <c r="AZ628" i="4"/>
  <c r="BA628" i="4"/>
  <c r="BB628" i="4"/>
  <c r="BC628" i="4"/>
  <c r="BD628" i="4"/>
  <c r="BE628" i="4"/>
  <c r="BF628" i="4"/>
  <c r="BG628" i="4"/>
  <c r="BH628" i="4"/>
  <c r="BI628" i="4"/>
  <c r="BJ628" i="4"/>
  <c r="BK628" i="4"/>
  <c r="BL628" i="4"/>
  <c r="BM628" i="4"/>
  <c r="BN628" i="4"/>
  <c r="BO628" i="4"/>
  <c r="BP628" i="4"/>
  <c r="BQ628" i="4"/>
  <c r="BR628" i="4"/>
  <c r="BS628" i="4"/>
  <c r="BT628" i="4"/>
  <c r="BU628" i="4"/>
  <c r="BV628" i="4"/>
  <c r="BW628" i="4"/>
  <c r="BX628" i="4"/>
  <c r="BY628" i="4"/>
  <c r="BZ628" i="4"/>
  <c r="CA628" i="4"/>
  <c r="CB628" i="4"/>
  <c r="CC628" i="4"/>
  <c r="AY629" i="4"/>
  <c r="AZ629" i="4"/>
  <c r="BA629" i="4"/>
  <c r="BB629" i="4"/>
  <c r="BC629" i="4"/>
  <c r="BD629" i="4"/>
  <c r="BE629" i="4"/>
  <c r="BF629" i="4"/>
  <c r="BG629" i="4"/>
  <c r="BH629" i="4"/>
  <c r="BI629" i="4"/>
  <c r="BJ629" i="4"/>
  <c r="BK629" i="4"/>
  <c r="BL629" i="4"/>
  <c r="BM629" i="4"/>
  <c r="BN629" i="4"/>
  <c r="BO629" i="4"/>
  <c r="BS629" i="4"/>
  <c r="BT629" i="4"/>
  <c r="BU629" i="4"/>
  <c r="BV629" i="4"/>
  <c r="BW629" i="4"/>
  <c r="BX629" i="4"/>
  <c r="BY629" i="4"/>
  <c r="BZ629" i="4"/>
  <c r="CA629" i="4"/>
  <c r="CB629" i="4"/>
  <c r="CC629" i="4"/>
  <c r="AY630" i="4"/>
  <c r="AZ630" i="4"/>
  <c r="BA630" i="4"/>
  <c r="BB630" i="4"/>
  <c r="BC630" i="4"/>
  <c r="BD630" i="4"/>
  <c r="BE630" i="4"/>
  <c r="BF630" i="4"/>
  <c r="BG630" i="4"/>
  <c r="BH630" i="4"/>
  <c r="BI630" i="4"/>
  <c r="BJ630" i="4"/>
  <c r="BK630" i="4"/>
  <c r="BL630" i="4"/>
  <c r="BM630" i="4"/>
  <c r="BN630" i="4"/>
  <c r="BO630" i="4"/>
  <c r="BS630" i="4"/>
  <c r="BT630" i="4"/>
  <c r="BU630" i="4"/>
  <c r="BV630" i="4"/>
  <c r="BW630" i="4"/>
  <c r="BX630" i="4"/>
  <c r="BY630" i="4"/>
  <c r="BZ630" i="4"/>
  <c r="CA630" i="4"/>
  <c r="CB630" i="4"/>
  <c r="CC630" i="4"/>
  <c r="AY631" i="4"/>
  <c r="AZ631" i="4"/>
  <c r="BA631" i="4"/>
  <c r="BB631" i="4"/>
  <c r="BC631" i="4"/>
  <c r="BD631" i="4"/>
  <c r="BE631" i="4"/>
  <c r="BF631" i="4"/>
  <c r="BG631" i="4"/>
  <c r="BH631" i="4"/>
  <c r="BI631" i="4"/>
  <c r="BJ631" i="4"/>
  <c r="BK631" i="4"/>
  <c r="BL631" i="4"/>
  <c r="BM631" i="4"/>
  <c r="BN631" i="4"/>
  <c r="BO631" i="4"/>
  <c r="BS631" i="4"/>
  <c r="BT631" i="4"/>
  <c r="BU631" i="4"/>
  <c r="BV631" i="4"/>
  <c r="BW631" i="4"/>
  <c r="BX631" i="4"/>
  <c r="BY631" i="4"/>
  <c r="BZ631" i="4"/>
  <c r="CA631" i="4"/>
  <c r="CB631" i="4"/>
  <c r="CC631" i="4"/>
  <c r="AY632" i="4"/>
  <c r="AZ632" i="4"/>
  <c r="BA632" i="4"/>
  <c r="BB632" i="4"/>
  <c r="BC632" i="4"/>
  <c r="BD632" i="4"/>
  <c r="BE632" i="4"/>
  <c r="BF632" i="4"/>
  <c r="BG632" i="4"/>
  <c r="BH632" i="4"/>
  <c r="BI632" i="4"/>
  <c r="BJ632" i="4"/>
  <c r="BK632" i="4"/>
  <c r="BL632" i="4"/>
  <c r="BM632" i="4"/>
  <c r="BN632" i="4"/>
  <c r="BO632" i="4"/>
  <c r="BS632" i="4"/>
  <c r="BT632" i="4"/>
  <c r="BU632" i="4"/>
  <c r="BV632" i="4"/>
  <c r="BW632" i="4"/>
  <c r="BX632" i="4"/>
  <c r="BY632" i="4"/>
  <c r="BZ632" i="4"/>
  <c r="CA632" i="4"/>
  <c r="CB632" i="4"/>
  <c r="CC632" i="4"/>
  <c r="AY633" i="4"/>
  <c r="AZ633" i="4"/>
  <c r="BA633" i="4"/>
  <c r="BB633" i="4"/>
  <c r="BC633" i="4"/>
  <c r="BD633" i="4"/>
  <c r="BE633" i="4"/>
  <c r="BF633" i="4"/>
  <c r="BG633" i="4"/>
  <c r="BH633" i="4"/>
  <c r="BI633" i="4"/>
  <c r="BJ633" i="4"/>
  <c r="BK633" i="4"/>
  <c r="BL633" i="4"/>
  <c r="BM633" i="4"/>
  <c r="BN633" i="4"/>
  <c r="BO633" i="4"/>
  <c r="BQ633" i="4"/>
  <c r="BR633" i="4"/>
  <c r="BS633" i="4"/>
  <c r="BT633" i="4"/>
  <c r="BU633" i="4"/>
  <c r="BV633" i="4"/>
  <c r="BW633" i="4"/>
  <c r="BX633" i="4"/>
  <c r="BY633" i="4"/>
  <c r="BZ633" i="4"/>
  <c r="CA633" i="4"/>
  <c r="CB633" i="4"/>
  <c r="CC633" i="4"/>
  <c r="AY634" i="4"/>
  <c r="AZ634" i="4"/>
  <c r="BA634" i="4"/>
  <c r="BB634" i="4"/>
  <c r="BC634" i="4"/>
  <c r="BD634" i="4"/>
  <c r="BE634" i="4"/>
  <c r="BF634" i="4"/>
  <c r="BG634" i="4"/>
  <c r="BH634" i="4"/>
  <c r="BI634" i="4"/>
  <c r="BJ634" i="4"/>
  <c r="BK634" i="4"/>
  <c r="BL634" i="4"/>
  <c r="BM634" i="4"/>
  <c r="BN634" i="4"/>
  <c r="BO634" i="4"/>
  <c r="BQ634" i="4"/>
  <c r="BR634" i="4"/>
  <c r="BS634" i="4"/>
  <c r="BT634" i="4"/>
  <c r="BU634" i="4"/>
  <c r="BV634" i="4"/>
  <c r="BW634" i="4"/>
  <c r="BX634" i="4"/>
  <c r="BY634" i="4"/>
  <c r="BZ634" i="4"/>
  <c r="CA634" i="4"/>
  <c r="CB634" i="4"/>
  <c r="CC634" i="4"/>
  <c r="AY635" i="4"/>
  <c r="AZ635" i="4"/>
  <c r="BA635" i="4"/>
  <c r="BB635" i="4"/>
  <c r="BC635" i="4"/>
  <c r="BD635" i="4"/>
  <c r="BE635" i="4"/>
  <c r="BF635" i="4"/>
  <c r="BG635" i="4"/>
  <c r="BH635" i="4"/>
  <c r="BI635" i="4"/>
  <c r="BJ635" i="4"/>
  <c r="BK635" i="4"/>
  <c r="BL635" i="4"/>
  <c r="BM635" i="4"/>
  <c r="BN635" i="4"/>
  <c r="BO635" i="4"/>
  <c r="BQ635" i="4"/>
  <c r="BR635" i="4"/>
  <c r="BS635" i="4"/>
  <c r="BT635" i="4"/>
  <c r="BU635" i="4"/>
  <c r="BV635" i="4"/>
  <c r="BW635" i="4"/>
  <c r="BX635" i="4"/>
  <c r="BY635" i="4"/>
  <c r="BZ635" i="4"/>
  <c r="CA635" i="4"/>
  <c r="CB635" i="4"/>
  <c r="CC635" i="4"/>
  <c r="AY636" i="4"/>
  <c r="AZ636" i="4"/>
  <c r="BA636" i="4"/>
  <c r="BB636" i="4"/>
  <c r="BC636" i="4"/>
  <c r="BD636" i="4"/>
  <c r="BE636" i="4"/>
  <c r="BF636" i="4"/>
  <c r="BG636" i="4"/>
  <c r="BH636" i="4"/>
  <c r="BI636" i="4"/>
  <c r="BJ636" i="4"/>
  <c r="BK636" i="4"/>
  <c r="BL636" i="4"/>
  <c r="BM636" i="4"/>
  <c r="BN636" i="4"/>
  <c r="BO636" i="4"/>
  <c r="BQ636" i="4"/>
  <c r="BR636" i="4"/>
  <c r="BS636" i="4"/>
  <c r="BT636" i="4"/>
  <c r="BU636" i="4"/>
  <c r="BV636" i="4"/>
  <c r="BW636" i="4"/>
  <c r="BX636" i="4"/>
  <c r="BY636" i="4"/>
  <c r="BZ636" i="4"/>
  <c r="CA636" i="4"/>
  <c r="CB636" i="4"/>
  <c r="CC636" i="4"/>
  <c r="AY637" i="4"/>
  <c r="AZ637" i="4"/>
  <c r="BA637" i="4"/>
  <c r="BB637" i="4"/>
  <c r="BC637" i="4"/>
  <c r="BD637" i="4"/>
  <c r="BE637" i="4"/>
  <c r="BF637" i="4"/>
  <c r="BG637" i="4"/>
  <c r="BH637" i="4"/>
  <c r="BI637" i="4"/>
  <c r="BJ637" i="4"/>
  <c r="BK637" i="4"/>
  <c r="BL637" i="4"/>
  <c r="BM637" i="4"/>
  <c r="BN637" i="4"/>
  <c r="BO637" i="4"/>
  <c r="BT637" i="4"/>
  <c r="BU637" i="4"/>
  <c r="BV637" i="4"/>
  <c r="BW637" i="4"/>
  <c r="BX637" i="4"/>
  <c r="BY637" i="4"/>
  <c r="BZ637" i="4"/>
  <c r="CA637" i="4"/>
  <c r="CB637" i="4"/>
  <c r="CC637" i="4"/>
  <c r="AY638" i="4"/>
  <c r="AZ638" i="4"/>
  <c r="BA638" i="4"/>
  <c r="BB638" i="4"/>
  <c r="BC638" i="4"/>
  <c r="BD638" i="4"/>
  <c r="BE638" i="4"/>
  <c r="BF638" i="4"/>
  <c r="BG638" i="4"/>
  <c r="BH638" i="4"/>
  <c r="BI638" i="4"/>
  <c r="BJ638" i="4"/>
  <c r="BK638" i="4"/>
  <c r="BL638" i="4"/>
  <c r="BM638" i="4"/>
  <c r="BN638" i="4"/>
  <c r="BO638" i="4"/>
  <c r="BQ638" i="4"/>
  <c r="BR638" i="4"/>
  <c r="BS638" i="4"/>
  <c r="BT638" i="4"/>
  <c r="BU638" i="4"/>
  <c r="BV638" i="4"/>
  <c r="BW638" i="4"/>
  <c r="BX638" i="4"/>
  <c r="BY638" i="4"/>
  <c r="BZ638" i="4"/>
  <c r="CA638" i="4"/>
  <c r="CB638" i="4"/>
  <c r="CC638" i="4"/>
  <c r="AY639" i="4"/>
  <c r="AZ639" i="4"/>
  <c r="BA639" i="4"/>
  <c r="BB639" i="4"/>
  <c r="BC639" i="4"/>
  <c r="BD639" i="4"/>
  <c r="BE639" i="4"/>
  <c r="BF639" i="4"/>
  <c r="BG639" i="4"/>
  <c r="BH639" i="4"/>
  <c r="BI639" i="4"/>
  <c r="BJ639" i="4"/>
  <c r="BK639" i="4"/>
  <c r="BL639" i="4"/>
  <c r="BM639" i="4"/>
  <c r="BN639" i="4"/>
  <c r="BO639" i="4"/>
  <c r="BT639" i="4"/>
  <c r="BU639" i="4"/>
  <c r="BV639" i="4"/>
  <c r="BW639" i="4"/>
  <c r="BX639" i="4"/>
  <c r="BY639" i="4"/>
  <c r="BZ639" i="4"/>
  <c r="CA639" i="4"/>
  <c r="CB639" i="4"/>
  <c r="CC639" i="4"/>
  <c r="AY640" i="4"/>
  <c r="AZ640" i="4"/>
  <c r="BA640" i="4"/>
  <c r="BB640" i="4"/>
  <c r="BC640" i="4"/>
  <c r="BD640" i="4"/>
  <c r="BE640" i="4"/>
  <c r="BF640" i="4"/>
  <c r="BG640" i="4"/>
  <c r="BH640" i="4"/>
  <c r="BI640" i="4"/>
  <c r="BJ640" i="4"/>
  <c r="BK640" i="4"/>
  <c r="BL640" i="4"/>
  <c r="BM640" i="4"/>
  <c r="BN640" i="4"/>
  <c r="BO640" i="4"/>
  <c r="BP640" i="4"/>
  <c r="BQ640" i="4"/>
  <c r="BR640" i="4"/>
  <c r="BS640" i="4"/>
  <c r="BT640" i="4"/>
  <c r="BU640" i="4"/>
  <c r="BV640" i="4"/>
  <c r="BW640" i="4"/>
  <c r="BX640" i="4"/>
  <c r="BY640" i="4"/>
  <c r="BZ640" i="4"/>
  <c r="CA640" i="4"/>
  <c r="CB640" i="4"/>
  <c r="CC640" i="4"/>
  <c r="AY641" i="4"/>
  <c r="AZ641" i="4"/>
  <c r="BA641" i="4"/>
  <c r="BB641" i="4"/>
  <c r="BC641" i="4"/>
  <c r="BD641" i="4"/>
  <c r="BE641" i="4"/>
  <c r="BF641" i="4"/>
  <c r="BG641" i="4"/>
  <c r="BH641" i="4"/>
  <c r="BI641" i="4"/>
  <c r="BJ641" i="4"/>
  <c r="BK641" i="4"/>
  <c r="BL641" i="4"/>
  <c r="BM641" i="4"/>
  <c r="BN641" i="4"/>
  <c r="BO641" i="4"/>
  <c r="BT641" i="4"/>
  <c r="BU641" i="4"/>
  <c r="BV641" i="4"/>
  <c r="BW641" i="4"/>
  <c r="BX641" i="4"/>
  <c r="BY641" i="4"/>
  <c r="BZ641" i="4"/>
  <c r="CA641" i="4"/>
  <c r="CB641" i="4"/>
  <c r="CC641" i="4"/>
  <c r="AY642" i="4"/>
  <c r="AZ642" i="4"/>
  <c r="BA642" i="4"/>
  <c r="BB642" i="4"/>
  <c r="BC642" i="4"/>
  <c r="BD642" i="4"/>
  <c r="BE642" i="4"/>
  <c r="BF642" i="4"/>
  <c r="BG642" i="4"/>
  <c r="BH642" i="4"/>
  <c r="BI642" i="4"/>
  <c r="BJ642" i="4"/>
  <c r="BK642" i="4"/>
  <c r="BL642" i="4"/>
  <c r="BM642" i="4"/>
  <c r="BN642" i="4"/>
  <c r="BO642" i="4"/>
  <c r="BP642" i="4"/>
  <c r="BQ642" i="4"/>
  <c r="BR642" i="4"/>
  <c r="BS642" i="4"/>
  <c r="BX642" i="4"/>
  <c r="BY642" i="4"/>
  <c r="BZ642" i="4"/>
  <c r="CA642" i="4"/>
  <c r="CB642" i="4"/>
  <c r="CC642" i="4"/>
  <c r="AY643" i="4"/>
  <c r="AZ643" i="4"/>
  <c r="BA643" i="4"/>
  <c r="BB643" i="4"/>
  <c r="BC643" i="4"/>
  <c r="BD643" i="4"/>
  <c r="BE643" i="4"/>
  <c r="BF643" i="4"/>
  <c r="BG643" i="4"/>
  <c r="BH643" i="4"/>
  <c r="BI643" i="4"/>
  <c r="BJ643" i="4"/>
  <c r="BK643" i="4"/>
  <c r="BL643" i="4"/>
  <c r="BM643" i="4"/>
  <c r="BN643" i="4"/>
  <c r="BO643" i="4"/>
  <c r="BP643" i="4"/>
  <c r="BQ643" i="4"/>
  <c r="BR643" i="4"/>
  <c r="BS643" i="4"/>
  <c r="BX643" i="4"/>
  <c r="BY643" i="4"/>
  <c r="BZ643" i="4"/>
  <c r="CA643" i="4"/>
  <c r="CB643" i="4"/>
  <c r="CC643" i="4"/>
  <c r="AY644" i="4"/>
  <c r="AZ644" i="4"/>
  <c r="BA644" i="4"/>
  <c r="BB644" i="4"/>
  <c r="BC644" i="4"/>
  <c r="BD644" i="4"/>
  <c r="BE644" i="4"/>
  <c r="BF644" i="4"/>
  <c r="BG644" i="4"/>
  <c r="BH644" i="4"/>
  <c r="BI644" i="4"/>
  <c r="BJ644" i="4"/>
  <c r="BK644" i="4"/>
  <c r="BL644" i="4"/>
  <c r="BM644" i="4"/>
  <c r="BN644" i="4"/>
  <c r="BO644" i="4"/>
  <c r="BP644" i="4"/>
  <c r="BQ644" i="4"/>
  <c r="BR644" i="4"/>
  <c r="BS644" i="4"/>
  <c r="BT644" i="4"/>
  <c r="BU644" i="4"/>
  <c r="BV644" i="4"/>
  <c r="BW644" i="4"/>
  <c r="BX644" i="4"/>
  <c r="BY644" i="4"/>
  <c r="BZ644" i="4"/>
  <c r="CA644" i="4"/>
  <c r="CB644" i="4"/>
  <c r="CC644" i="4"/>
  <c r="AY645" i="4"/>
  <c r="AZ645" i="4"/>
  <c r="BA645" i="4"/>
  <c r="BB645" i="4"/>
  <c r="BC645" i="4"/>
  <c r="BD645" i="4"/>
  <c r="BE645" i="4"/>
  <c r="BF645" i="4"/>
  <c r="BG645" i="4"/>
  <c r="BH645" i="4"/>
  <c r="BI645" i="4"/>
  <c r="BJ645" i="4"/>
  <c r="BK645" i="4"/>
  <c r="BL645" i="4"/>
  <c r="BM645" i="4"/>
  <c r="BN645" i="4"/>
  <c r="BO645" i="4"/>
  <c r="BP645" i="4"/>
  <c r="BQ645" i="4"/>
  <c r="BR645" i="4"/>
  <c r="BS645" i="4"/>
  <c r="BX645" i="4"/>
  <c r="BY645" i="4"/>
  <c r="BZ645" i="4"/>
  <c r="CA645" i="4"/>
  <c r="CB645" i="4"/>
  <c r="CC645" i="4"/>
  <c r="AY646" i="4"/>
  <c r="AZ646" i="4"/>
  <c r="BA646" i="4"/>
  <c r="BB646" i="4"/>
  <c r="BC646" i="4"/>
  <c r="BD646" i="4"/>
  <c r="BE646" i="4"/>
  <c r="BF646" i="4"/>
  <c r="BG646" i="4"/>
  <c r="BH646" i="4"/>
  <c r="BI646" i="4"/>
  <c r="BJ646" i="4"/>
  <c r="BK646" i="4"/>
  <c r="BL646" i="4"/>
  <c r="BM646" i="4"/>
  <c r="BN646" i="4"/>
  <c r="BO646" i="4"/>
  <c r="BP646" i="4"/>
  <c r="BQ646" i="4"/>
  <c r="BR646" i="4"/>
  <c r="BS646" i="4"/>
  <c r="BX646" i="4"/>
  <c r="BY646" i="4"/>
  <c r="BZ646" i="4"/>
  <c r="CA646" i="4"/>
  <c r="CB646" i="4"/>
  <c r="CC646" i="4"/>
  <c r="AY647" i="4"/>
  <c r="AZ647" i="4"/>
  <c r="BA647" i="4"/>
  <c r="BB647" i="4"/>
  <c r="BC647" i="4"/>
  <c r="BD647" i="4"/>
  <c r="BE647" i="4"/>
  <c r="BF647" i="4"/>
  <c r="BG647" i="4"/>
  <c r="BH647" i="4"/>
  <c r="BI647" i="4"/>
  <c r="BJ647" i="4"/>
  <c r="BK647" i="4"/>
  <c r="BL647" i="4"/>
  <c r="BM647" i="4"/>
  <c r="BN647" i="4"/>
  <c r="BO647" i="4"/>
  <c r="BP647" i="4"/>
  <c r="BQ647" i="4"/>
  <c r="BR647" i="4"/>
  <c r="BS647" i="4"/>
  <c r="BX647" i="4"/>
  <c r="BY647" i="4"/>
  <c r="BZ647" i="4"/>
  <c r="CA647" i="4"/>
  <c r="CB647" i="4"/>
  <c r="CC647" i="4"/>
  <c r="AY648" i="4"/>
  <c r="AZ648" i="4"/>
  <c r="BA648" i="4"/>
  <c r="BB648" i="4"/>
  <c r="BC648" i="4"/>
  <c r="BD648" i="4"/>
  <c r="BE648" i="4"/>
  <c r="BF648" i="4"/>
  <c r="BG648" i="4"/>
  <c r="BH648" i="4"/>
  <c r="BI648" i="4"/>
  <c r="BJ648" i="4"/>
  <c r="BK648" i="4"/>
  <c r="BL648" i="4"/>
  <c r="BM648" i="4"/>
  <c r="BN648" i="4"/>
  <c r="BO648" i="4"/>
  <c r="BP648" i="4"/>
  <c r="BQ648" i="4"/>
  <c r="BR648" i="4"/>
  <c r="BS648" i="4"/>
  <c r="BX648" i="4"/>
  <c r="BY648" i="4"/>
  <c r="BZ648" i="4"/>
  <c r="CA648" i="4"/>
  <c r="CB648" i="4"/>
  <c r="CC648" i="4"/>
  <c r="AY649" i="4"/>
  <c r="AZ649" i="4"/>
  <c r="BA649" i="4"/>
  <c r="BB649" i="4"/>
  <c r="BC649" i="4"/>
  <c r="BD649" i="4"/>
  <c r="BE649" i="4"/>
  <c r="BF649" i="4"/>
  <c r="BG649" i="4"/>
  <c r="BH649" i="4"/>
  <c r="BI649" i="4"/>
  <c r="BJ649" i="4"/>
  <c r="BK649" i="4"/>
  <c r="BL649" i="4"/>
  <c r="BM649" i="4"/>
  <c r="BN649" i="4"/>
  <c r="BO649" i="4"/>
  <c r="BP649" i="4"/>
  <c r="BQ649" i="4"/>
  <c r="BR649" i="4"/>
  <c r="BS649" i="4"/>
  <c r="BX649" i="4"/>
  <c r="BY649" i="4"/>
  <c r="BZ649" i="4"/>
  <c r="CA649" i="4"/>
  <c r="CB649" i="4"/>
  <c r="CC649" i="4"/>
  <c r="AY650" i="4"/>
  <c r="AZ650" i="4"/>
  <c r="BA650" i="4"/>
  <c r="BB650" i="4"/>
  <c r="BC650" i="4"/>
  <c r="BD650" i="4"/>
  <c r="BE650" i="4"/>
  <c r="BF650" i="4"/>
  <c r="BG650" i="4"/>
  <c r="BH650" i="4"/>
  <c r="BI650" i="4"/>
  <c r="BJ650" i="4"/>
  <c r="BK650" i="4"/>
  <c r="BL650" i="4"/>
  <c r="BM650" i="4"/>
  <c r="BN650" i="4"/>
  <c r="BO650" i="4"/>
  <c r="BP650" i="4"/>
  <c r="BQ650" i="4"/>
  <c r="BR650" i="4"/>
  <c r="BS650" i="4"/>
  <c r="BU650" i="4"/>
  <c r="BW650" i="4"/>
  <c r="BX650" i="4"/>
  <c r="BY650" i="4"/>
  <c r="BZ650" i="4"/>
  <c r="CA650" i="4"/>
  <c r="CB650" i="4"/>
  <c r="CC650" i="4"/>
  <c r="AY651" i="4"/>
  <c r="AZ651" i="4"/>
  <c r="BA651" i="4"/>
  <c r="BB651" i="4"/>
  <c r="BC651" i="4"/>
  <c r="BD651" i="4"/>
  <c r="BE651" i="4"/>
  <c r="BF651" i="4"/>
  <c r="BG651" i="4"/>
  <c r="BH651" i="4"/>
  <c r="BI651" i="4"/>
  <c r="BJ651" i="4"/>
  <c r="BK651" i="4"/>
  <c r="BL651" i="4"/>
  <c r="BM651" i="4"/>
  <c r="BN651" i="4"/>
  <c r="BO651" i="4"/>
  <c r="BP651" i="4"/>
  <c r="BQ651" i="4"/>
  <c r="BR651" i="4"/>
  <c r="BS651" i="4"/>
  <c r="BX651" i="4"/>
  <c r="BY651" i="4"/>
  <c r="BZ651" i="4"/>
  <c r="CA651" i="4"/>
  <c r="CB651" i="4"/>
  <c r="CC651" i="4"/>
  <c r="AY652" i="4"/>
  <c r="AZ652" i="4"/>
  <c r="BA652" i="4"/>
  <c r="BB652" i="4"/>
  <c r="BC652" i="4"/>
  <c r="BD652" i="4"/>
  <c r="BE652" i="4"/>
  <c r="BF652" i="4"/>
  <c r="BG652" i="4"/>
  <c r="BH652" i="4"/>
  <c r="BI652" i="4"/>
  <c r="BJ652" i="4"/>
  <c r="BK652" i="4"/>
  <c r="BL652" i="4"/>
  <c r="BM652" i="4"/>
  <c r="BN652" i="4"/>
  <c r="BO652" i="4"/>
  <c r="BP652" i="4"/>
  <c r="BQ652" i="4"/>
  <c r="BR652" i="4"/>
  <c r="BS652" i="4"/>
  <c r="BX652" i="4"/>
  <c r="BY652" i="4"/>
  <c r="BZ652" i="4"/>
  <c r="CA652" i="4"/>
  <c r="CB652" i="4"/>
  <c r="CC652" i="4"/>
  <c r="AY653" i="4"/>
  <c r="AZ653" i="4"/>
  <c r="BA653" i="4"/>
  <c r="BB653" i="4"/>
  <c r="BC653" i="4"/>
  <c r="BD653" i="4"/>
  <c r="BE653" i="4"/>
  <c r="BF653" i="4"/>
  <c r="BG653" i="4"/>
  <c r="BH653" i="4"/>
  <c r="BI653" i="4"/>
  <c r="BJ653" i="4"/>
  <c r="BK653" i="4"/>
  <c r="BL653" i="4"/>
  <c r="BM653" i="4"/>
  <c r="BN653" i="4"/>
  <c r="BO653" i="4"/>
  <c r="BP653" i="4"/>
  <c r="BQ653" i="4"/>
  <c r="BR653" i="4"/>
  <c r="BS653" i="4"/>
  <c r="BX653" i="4"/>
  <c r="BY653" i="4"/>
  <c r="BZ653" i="4"/>
  <c r="CA653" i="4"/>
  <c r="CB653" i="4"/>
  <c r="CC653" i="4"/>
  <c r="AY654" i="4"/>
  <c r="AZ654" i="4"/>
  <c r="BA654" i="4"/>
  <c r="BB654" i="4"/>
  <c r="BC654" i="4"/>
  <c r="BD654" i="4"/>
  <c r="BE654" i="4"/>
  <c r="BF654" i="4"/>
  <c r="BG654" i="4"/>
  <c r="BH654" i="4"/>
  <c r="BI654" i="4"/>
  <c r="BJ654" i="4"/>
  <c r="BK654" i="4"/>
  <c r="BL654" i="4"/>
  <c r="BM654" i="4"/>
  <c r="BN654" i="4"/>
  <c r="BO654" i="4"/>
  <c r="BP654" i="4"/>
  <c r="BQ654" i="4"/>
  <c r="BR654" i="4"/>
  <c r="BS654" i="4"/>
  <c r="BT654" i="4"/>
  <c r="BU654" i="4"/>
  <c r="BV654" i="4"/>
  <c r="BW654" i="4"/>
  <c r="BX654" i="4"/>
  <c r="BY654" i="4"/>
  <c r="BZ654" i="4"/>
  <c r="CA654" i="4"/>
  <c r="CB654" i="4"/>
  <c r="CC654" i="4"/>
  <c r="AY655" i="4"/>
  <c r="AZ655" i="4"/>
  <c r="BA655" i="4"/>
  <c r="BB655" i="4"/>
  <c r="BC655" i="4"/>
  <c r="BD655" i="4"/>
  <c r="BE655" i="4"/>
  <c r="BF655" i="4"/>
  <c r="BG655" i="4"/>
  <c r="BH655" i="4"/>
  <c r="BI655" i="4"/>
  <c r="BJ655" i="4"/>
  <c r="BK655" i="4"/>
  <c r="BL655" i="4"/>
  <c r="BM655" i="4"/>
  <c r="BN655" i="4"/>
  <c r="BO655" i="4"/>
  <c r="BP655" i="4"/>
  <c r="BQ655" i="4"/>
  <c r="BR655" i="4"/>
  <c r="BS655" i="4"/>
  <c r="BX655" i="4"/>
  <c r="BY655" i="4"/>
  <c r="BZ655" i="4"/>
  <c r="CA655" i="4"/>
  <c r="CB655" i="4"/>
  <c r="CC655" i="4"/>
  <c r="AY656" i="4"/>
  <c r="AZ656" i="4"/>
  <c r="BA656" i="4"/>
  <c r="BB656" i="4"/>
  <c r="BC656" i="4"/>
  <c r="BD656" i="4"/>
  <c r="BE656" i="4"/>
  <c r="BF656" i="4"/>
  <c r="BG656" i="4"/>
  <c r="BH656" i="4"/>
  <c r="BI656" i="4"/>
  <c r="BJ656" i="4"/>
  <c r="BK656" i="4"/>
  <c r="BL656" i="4"/>
  <c r="BM656" i="4"/>
  <c r="BN656" i="4"/>
  <c r="BO656" i="4"/>
  <c r="BP656" i="4"/>
  <c r="BQ656" i="4"/>
  <c r="BR656" i="4"/>
  <c r="BS656" i="4"/>
  <c r="BX656" i="4"/>
  <c r="BY656" i="4"/>
  <c r="BZ656" i="4"/>
  <c r="CA656" i="4"/>
  <c r="CB656" i="4"/>
  <c r="CC656" i="4"/>
  <c r="AY657" i="4"/>
  <c r="AZ657" i="4"/>
  <c r="BA657" i="4"/>
  <c r="BB657" i="4"/>
  <c r="BC657" i="4"/>
  <c r="BD657" i="4"/>
  <c r="BE657" i="4"/>
  <c r="BF657" i="4"/>
  <c r="BG657" i="4"/>
  <c r="BH657" i="4"/>
  <c r="BI657" i="4"/>
  <c r="BJ657" i="4"/>
  <c r="BK657" i="4"/>
  <c r="BL657" i="4"/>
  <c r="BM657" i="4"/>
  <c r="BN657" i="4"/>
  <c r="BO657" i="4"/>
  <c r="BP657" i="4"/>
  <c r="BQ657" i="4"/>
  <c r="BR657" i="4"/>
  <c r="BS657" i="4"/>
  <c r="BU657" i="4"/>
  <c r="BW657" i="4"/>
  <c r="BX657" i="4"/>
  <c r="BY657" i="4"/>
  <c r="BZ657" i="4"/>
  <c r="CA657" i="4"/>
  <c r="CB657" i="4"/>
  <c r="CC657" i="4"/>
  <c r="AY658" i="4"/>
  <c r="AZ658" i="4"/>
  <c r="BA658" i="4"/>
  <c r="BB658" i="4"/>
  <c r="BC658" i="4"/>
  <c r="BD658" i="4"/>
  <c r="BE658" i="4"/>
  <c r="BF658" i="4"/>
  <c r="BG658" i="4"/>
  <c r="BH658" i="4"/>
  <c r="BI658" i="4"/>
  <c r="BJ658" i="4"/>
  <c r="BK658" i="4"/>
  <c r="BL658" i="4"/>
  <c r="BM658" i="4"/>
  <c r="BN658" i="4"/>
  <c r="BO658" i="4"/>
  <c r="BP658" i="4"/>
  <c r="BQ658" i="4"/>
  <c r="BR658" i="4"/>
  <c r="BS658" i="4"/>
  <c r="BX658" i="4"/>
  <c r="BY658" i="4"/>
  <c r="BZ658" i="4"/>
  <c r="CA658" i="4"/>
  <c r="CB658" i="4"/>
  <c r="CC658" i="4"/>
  <c r="AY659" i="4"/>
  <c r="AZ659" i="4"/>
  <c r="BA659" i="4"/>
  <c r="BB659" i="4"/>
  <c r="BC659" i="4"/>
  <c r="BD659" i="4"/>
  <c r="BE659" i="4"/>
  <c r="BF659" i="4"/>
  <c r="BG659" i="4"/>
  <c r="BH659" i="4"/>
  <c r="BI659" i="4"/>
  <c r="BJ659" i="4"/>
  <c r="BK659" i="4"/>
  <c r="BL659" i="4"/>
  <c r="BM659" i="4"/>
  <c r="BN659" i="4"/>
  <c r="BO659" i="4"/>
  <c r="BP659" i="4"/>
  <c r="BQ659" i="4"/>
  <c r="BR659" i="4"/>
  <c r="BS659" i="4"/>
  <c r="BX659" i="4"/>
  <c r="BY659" i="4"/>
  <c r="BZ659" i="4"/>
  <c r="CA659" i="4"/>
  <c r="CB659" i="4"/>
  <c r="CC659" i="4"/>
  <c r="AY660" i="4"/>
  <c r="AZ660" i="4"/>
  <c r="BA660" i="4"/>
  <c r="BB660" i="4"/>
  <c r="BC660" i="4"/>
  <c r="BD660" i="4"/>
  <c r="BE660" i="4"/>
  <c r="BF660" i="4"/>
  <c r="BG660" i="4"/>
  <c r="BH660" i="4"/>
  <c r="BI660" i="4"/>
  <c r="BJ660" i="4"/>
  <c r="BK660" i="4"/>
  <c r="BL660" i="4"/>
  <c r="BM660" i="4"/>
  <c r="BN660" i="4"/>
  <c r="BO660" i="4"/>
  <c r="BP660" i="4"/>
  <c r="BQ660" i="4"/>
  <c r="BR660" i="4"/>
  <c r="BS660" i="4"/>
  <c r="BU660" i="4"/>
  <c r="BV660" i="4"/>
  <c r="BW660" i="4"/>
  <c r="BX660" i="4"/>
  <c r="BY660" i="4"/>
  <c r="BZ660" i="4"/>
  <c r="CA660" i="4"/>
  <c r="CB660" i="4"/>
  <c r="CC660" i="4"/>
  <c r="AY661" i="4"/>
  <c r="AZ661" i="4"/>
  <c r="BA661" i="4"/>
  <c r="BB661" i="4"/>
  <c r="BC661" i="4"/>
  <c r="BD661" i="4"/>
  <c r="BE661" i="4"/>
  <c r="BF661" i="4"/>
  <c r="BG661" i="4"/>
  <c r="BH661" i="4"/>
  <c r="BI661" i="4"/>
  <c r="BJ661" i="4"/>
  <c r="BK661" i="4"/>
  <c r="BL661" i="4"/>
  <c r="BM661" i="4"/>
  <c r="BN661" i="4"/>
  <c r="BO661" i="4"/>
  <c r="BP661" i="4"/>
  <c r="BQ661" i="4"/>
  <c r="BR661" i="4"/>
  <c r="BS661" i="4"/>
  <c r="BU661" i="4"/>
  <c r="BW661" i="4"/>
  <c r="BX661" i="4"/>
  <c r="BY661" i="4"/>
  <c r="BZ661" i="4"/>
  <c r="CA661" i="4"/>
  <c r="CB661" i="4"/>
  <c r="CC661" i="4"/>
  <c r="AY662" i="4"/>
  <c r="AZ662" i="4"/>
  <c r="BA662" i="4"/>
  <c r="BB662" i="4"/>
  <c r="BC662" i="4"/>
  <c r="BD662" i="4"/>
  <c r="BE662" i="4"/>
  <c r="BF662" i="4"/>
  <c r="BG662" i="4"/>
  <c r="BH662" i="4"/>
  <c r="BI662" i="4"/>
  <c r="BJ662" i="4"/>
  <c r="BK662" i="4"/>
  <c r="BL662" i="4"/>
  <c r="BM662" i="4"/>
  <c r="BN662" i="4"/>
  <c r="BO662" i="4"/>
  <c r="BP662" i="4"/>
  <c r="BQ662" i="4"/>
  <c r="BR662" i="4"/>
  <c r="BS662" i="4"/>
  <c r="BW662" i="4"/>
  <c r="BX662" i="4"/>
  <c r="BY662" i="4"/>
  <c r="BZ662" i="4"/>
  <c r="CA662" i="4"/>
  <c r="CB662" i="4"/>
  <c r="CC662" i="4"/>
  <c r="AY663" i="4"/>
  <c r="AZ663" i="4"/>
  <c r="BA663" i="4"/>
  <c r="BB663" i="4"/>
  <c r="BC663" i="4"/>
  <c r="BD663" i="4"/>
  <c r="BE663" i="4"/>
  <c r="BF663" i="4"/>
  <c r="BG663" i="4"/>
  <c r="BH663" i="4"/>
  <c r="BI663" i="4"/>
  <c r="BJ663" i="4"/>
  <c r="BK663" i="4"/>
  <c r="BL663" i="4"/>
  <c r="BM663" i="4"/>
  <c r="BN663" i="4"/>
  <c r="BO663" i="4"/>
  <c r="BP663" i="4"/>
  <c r="BQ663" i="4"/>
  <c r="BR663" i="4"/>
  <c r="BS663" i="4"/>
  <c r="BW663" i="4"/>
  <c r="BX663" i="4"/>
  <c r="BY663" i="4"/>
  <c r="BZ663" i="4"/>
  <c r="CA663" i="4"/>
  <c r="CB663" i="4"/>
  <c r="CC663" i="4"/>
  <c r="AY664" i="4"/>
  <c r="AZ664" i="4"/>
  <c r="BA664" i="4"/>
  <c r="BB664" i="4"/>
  <c r="BC664" i="4"/>
  <c r="BD664" i="4"/>
  <c r="BE664" i="4"/>
  <c r="BF664" i="4"/>
  <c r="BG664" i="4"/>
  <c r="BH664" i="4"/>
  <c r="BI664" i="4"/>
  <c r="BJ664" i="4"/>
  <c r="BK664" i="4"/>
  <c r="BL664" i="4"/>
  <c r="BM664" i="4"/>
  <c r="BN664" i="4"/>
  <c r="BO664" i="4"/>
  <c r="BP664" i="4"/>
  <c r="BQ664" i="4"/>
  <c r="BR664" i="4"/>
  <c r="BS664" i="4"/>
  <c r="BW664" i="4"/>
  <c r="BX664" i="4"/>
  <c r="BY664" i="4"/>
  <c r="BZ664" i="4"/>
  <c r="CA664" i="4"/>
  <c r="CB664" i="4"/>
  <c r="CC664" i="4"/>
  <c r="AY665" i="4"/>
  <c r="AZ665" i="4"/>
  <c r="BA665" i="4"/>
  <c r="BB665" i="4"/>
  <c r="BC665" i="4"/>
  <c r="BD665" i="4"/>
  <c r="BE665" i="4"/>
  <c r="BF665" i="4"/>
  <c r="BG665" i="4"/>
  <c r="BH665" i="4"/>
  <c r="BI665" i="4"/>
  <c r="BJ665" i="4"/>
  <c r="BK665" i="4"/>
  <c r="BL665" i="4"/>
  <c r="BM665" i="4"/>
  <c r="BN665" i="4"/>
  <c r="BO665" i="4"/>
  <c r="BP665" i="4"/>
  <c r="BQ665" i="4"/>
  <c r="BR665" i="4"/>
  <c r="BS665" i="4"/>
  <c r="BT665" i="4"/>
  <c r="BU665" i="4"/>
  <c r="BV665" i="4"/>
  <c r="BW665" i="4"/>
  <c r="BX665" i="4"/>
  <c r="BY665" i="4"/>
  <c r="BZ665" i="4"/>
  <c r="CA665" i="4"/>
  <c r="CB665" i="4"/>
  <c r="CC665" i="4"/>
  <c r="AY666" i="4"/>
  <c r="AZ666" i="4"/>
  <c r="BA666" i="4"/>
  <c r="BB666" i="4"/>
  <c r="BC666" i="4"/>
  <c r="BD666" i="4"/>
  <c r="BE666" i="4"/>
  <c r="BF666" i="4"/>
  <c r="BG666" i="4"/>
  <c r="BH666" i="4"/>
  <c r="BI666" i="4"/>
  <c r="BJ666" i="4"/>
  <c r="BK666" i="4"/>
  <c r="BL666" i="4"/>
  <c r="BM666" i="4"/>
  <c r="BN666" i="4"/>
  <c r="BO666" i="4"/>
  <c r="BP666" i="4"/>
  <c r="BQ666" i="4"/>
  <c r="BR666" i="4"/>
  <c r="BS666" i="4"/>
  <c r="BT666" i="4"/>
  <c r="BU666" i="4"/>
  <c r="BV666" i="4"/>
  <c r="BW666" i="4"/>
  <c r="BX666" i="4"/>
  <c r="BY666" i="4"/>
  <c r="BZ666" i="4"/>
  <c r="CA666" i="4"/>
  <c r="CB666" i="4"/>
  <c r="CC666" i="4"/>
  <c r="AY667" i="4"/>
  <c r="AZ667" i="4"/>
  <c r="BA667" i="4"/>
  <c r="BB667" i="4"/>
  <c r="BC667" i="4"/>
  <c r="BD667" i="4"/>
  <c r="BE667" i="4"/>
  <c r="BF667" i="4"/>
  <c r="BG667" i="4"/>
  <c r="BH667" i="4"/>
  <c r="BI667" i="4"/>
  <c r="BJ667" i="4"/>
  <c r="BK667" i="4"/>
  <c r="BL667" i="4"/>
  <c r="BM667" i="4"/>
  <c r="BN667" i="4"/>
  <c r="BO667" i="4"/>
  <c r="BP667" i="4"/>
  <c r="BQ667" i="4"/>
  <c r="BR667" i="4"/>
  <c r="BS667" i="4"/>
  <c r="BT667" i="4"/>
  <c r="BU667" i="4"/>
  <c r="BV667" i="4"/>
  <c r="BW667" i="4"/>
  <c r="BX667" i="4"/>
  <c r="BY667" i="4"/>
  <c r="BZ667" i="4"/>
  <c r="CA667" i="4"/>
  <c r="CB667" i="4"/>
  <c r="CC667" i="4"/>
  <c r="AY668" i="4"/>
  <c r="AZ668" i="4"/>
  <c r="BA668" i="4"/>
  <c r="BB668" i="4"/>
  <c r="BC668" i="4"/>
  <c r="BD668" i="4"/>
  <c r="BE668" i="4"/>
  <c r="BF668" i="4"/>
  <c r="BG668" i="4"/>
  <c r="BH668" i="4"/>
  <c r="BI668" i="4"/>
  <c r="BJ668" i="4"/>
  <c r="BK668" i="4"/>
  <c r="BL668" i="4"/>
  <c r="BM668" i="4"/>
  <c r="BN668" i="4"/>
  <c r="BO668" i="4"/>
  <c r="BP668" i="4"/>
  <c r="BQ668" i="4"/>
  <c r="BR668" i="4"/>
  <c r="BS668" i="4"/>
  <c r="BT668" i="4"/>
  <c r="BU668" i="4"/>
  <c r="BV668" i="4"/>
  <c r="BW668" i="4"/>
  <c r="BX668" i="4"/>
  <c r="BY668" i="4"/>
  <c r="BZ668" i="4"/>
  <c r="CA668" i="4"/>
  <c r="CB668" i="4"/>
  <c r="CC668" i="4"/>
  <c r="AY669" i="4"/>
  <c r="AZ669" i="4"/>
  <c r="BA669" i="4"/>
  <c r="BB669" i="4"/>
  <c r="BC669" i="4"/>
  <c r="BD669" i="4"/>
  <c r="BE669" i="4"/>
  <c r="BF669" i="4"/>
  <c r="BG669" i="4"/>
  <c r="BH669" i="4"/>
  <c r="BI669" i="4"/>
  <c r="BJ669" i="4"/>
  <c r="BK669" i="4"/>
  <c r="BL669" i="4"/>
  <c r="BM669" i="4"/>
  <c r="BN669" i="4"/>
  <c r="BO669" i="4"/>
  <c r="BP669" i="4"/>
  <c r="BQ669" i="4"/>
  <c r="BR669" i="4"/>
  <c r="BS669" i="4"/>
  <c r="BW669" i="4"/>
  <c r="BX669" i="4"/>
  <c r="BY669" i="4"/>
  <c r="BZ669" i="4"/>
  <c r="CA669" i="4"/>
  <c r="CB669" i="4"/>
  <c r="CC669" i="4"/>
  <c r="AY670" i="4"/>
  <c r="AZ670" i="4"/>
  <c r="BA670" i="4"/>
  <c r="BB670" i="4"/>
  <c r="BC670" i="4"/>
  <c r="BD670" i="4"/>
  <c r="BE670" i="4"/>
  <c r="BF670" i="4"/>
  <c r="BG670" i="4"/>
  <c r="BH670" i="4"/>
  <c r="BI670" i="4"/>
  <c r="BJ670" i="4"/>
  <c r="BK670" i="4"/>
  <c r="BL670" i="4"/>
  <c r="BM670" i="4"/>
  <c r="BN670" i="4"/>
  <c r="BO670" i="4"/>
  <c r="BP670" i="4"/>
  <c r="BQ670" i="4"/>
  <c r="BR670" i="4"/>
  <c r="BS670" i="4"/>
  <c r="BW670" i="4"/>
  <c r="BX670" i="4"/>
  <c r="BY670" i="4"/>
  <c r="BZ670" i="4"/>
  <c r="CA670" i="4"/>
  <c r="CB670" i="4"/>
  <c r="CC670" i="4"/>
  <c r="AY671" i="4"/>
  <c r="AZ671" i="4"/>
  <c r="BA671" i="4"/>
  <c r="BB671" i="4"/>
  <c r="BC671" i="4"/>
  <c r="BD671" i="4"/>
  <c r="BE671" i="4"/>
  <c r="BF671" i="4"/>
  <c r="BG671" i="4"/>
  <c r="BH671" i="4"/>
  <c r="BI671" i="4"/>
  <c r="BJ671" i="4"/>
  <c r="BK671" i="4"/>
  <c r="BL671" i="4"/>
  <c r="BM671" i="4"/>
  <c r="BN671" i="4"/>
  <c r="BO671" i="4"/>
  <c r="BP671" i="4"/>
  <c r="BQ671" i="4"/>
  <c r="BR671" i="4"/>
  <c r="BS671" i="4"/>
  <c r="BT671" i="4"/>
  <c r="BV671" i="4"/>
  <c r="BW671" i="4"/>
  <c r="BX671" i="4"/>
  <c r="BY671" i="4"/>
  <c r="BZ671" i="4"/>
  <c r="CA671" i="4"/>
  <c r="CB671" i="4"/>
  <c r="CC671" i="4"/>
  <c r="AY672" i="4"/>
  <c r="AZ672" i="4"/>
  <c r="BA672" i="4"/>
  <c r="BB672" i="4"/>
  <c r="BC672" i="4"/>
  <c r="BD672" i="4"/>
  <c r="BE672" i="4"/>
  <c r="BF672" i="4"/>
  <c r="BG672" i="4"/>
  <c r="BH672" i="4"/>
  <c r="BI672" i="4"/>
  <c r="BJ672" i="4"/>
  <c r="BK672" i="4"/>
  <c r="BL672" i="4"/>
  <c r="BM672" i="4"/>
  <c r="BN672" i="4"/>
  <c r="BO672" i="4"/>
  <c r="BP672" i="4"/>
  <c r="BQ672" i="4"/>
  <c r="BR672" i="4"/>
  <c r="BS672" i="4"/>
  <c r="BT672" i="4"/>
  <c r="BV672" i="4"/>
  <c r="BW672" i="4"/>
  <c r="BX672" i="4"/>
  <c r="BY672" i="4"/>
  <c r="BZ672" i="4"/>
  <c r="CA672" i="4"/>
  <c r="CB672" i="4"/>
  <c r="CC672" i="4"/>
  <c r="AY673" i="4"/>
  <c r="AZ673" i="4"/>
  <c r="BA673" i="4"/>
  <c r="BB673" i="4"/>
  <c r="BC673" i="4"/>
  <c r="BD673" i="4"/>
  <c r="BE673" i="4"/>
  <c r="BF673" i="4"/>
  <c r="BG673" i="4"/>
  <c r="BH673" i="4"/>
  <c r="BI673" i="4"/>
  <c r="BJ673" i="4"/>
  <c r="BK673" i="4"/>
  <c r="BL673" i="4"/>
  <c r="BM673" i="4"/>
  <c r="BN673" i="4"/>
  <c r="BO673" i="4"/>
  <c r="BP673" i="4"/>
  <c r="BQ673" i="4"/>
  <c r="BR673" i="4"/>
  <c r="BS673" i="4"/>
  <c r="BT673" i="4"/>
  <c r="BU673" i="4"/>
  <c r="BV673" i="4"/>
  <c r="BW673" i="4"/>
  <c r="BX673" i="4"/>
  <c r="BY673" i="4"/>
  <c r="BZ673" i="4"/>
  <c r="CA673" i="4"/>
  <c r="CB673" i="4"/>
  <c r="CC673" i="4"/>
  <c r="AY674" i="4"/>
  <c r="AZ674" i="4"/>
  <c r="BA674" i="4"/>
  <c r="BB674" i="4"/>
  <c r="BC674" i="4"/>
  <c r="BD674" i="4"/>
  <c r="BE674" i="4"/>
  <c r="BF674" i="4"/>
  <c r="BG674" i="4"/>
  <c r="BH674" i="4"/>
  <c r="BI674" i="4"/>
  <c r="BJ674" i="4"/>
  <c r="BK674" i="4"/>
  <c r="BL674" i="4"/>
  <c r="BM674" i="4"/>
  <c r="BN674" i="4"/>
  <c r="BO674" i="4"/>
  <c r="BP674" i="4"/>
  <c r="BQ674" i="4"/>
  <c r="BR674" i="4"/>
  <c r="BS674" i="4"/>
  <c r="BT674" i="4"/>
  <c r="BU674" i="4"/>
  <c r="BV674" i="4"/>
  <c r="BW674" i="4"/>
  <c r="BX674" i="4"/>
  <c r="BY674" i="4"/>
  <c r="BZ674" i="4"/>
  <c r="CA674" i="4"/>
  <c r="CB674" i="4"/>
  <c r="CC674" i="4"/>
  <c r="AY675" i="4"/>
  <c r="AZ675" i="4"/>
  <c r="BA675" i="4"/>
  <c r="BB675" i="4"/>
  <c r="BC675" i="4"/>
  <c r="BD675" i="4"/>
  <c r="BE675" i="4"/>
  <c r="BF675" i="4"/>
  <c r="BG675" i="4"/>
  <c r="BH675" i="4"/>
  <c r="BI675" i="4"/>
  <c r="BJ675" i="4"/>
  <c r="BK675" i="4"/>
  <c r="BL675" i="4"/>
  <c r="BM675" i="4"/>
  <c r="BN675" i="4"/>
  <c r="BO675" i="4"/>
  <c r="BP675" i="4"/>
  <c r="BQ675" i="4"/>
  <c r="BR675" i="4"/>
  <c r="BS675" i="4"/>
  <c r="BT675" i="4"/>
  <c r="BU675" i="4"/>
  <c r="BV675" i="4"/>
  <c r="BW675" i="4"/>
  <c r="BX675" i="4"/>
  <c r="BY675" i="4"/>
  <c r="BZ675" i="4"/>
  <c r="CA675" i="4"/>
  <c r="CB675" i="4"/>
  <c r="CC675" i="4"/>
  <c r="AY676" i="4"/>
  <c r="AZ676" i="4"/>
  <c r="BA676" i="4"/>
  <c r="BB676" i="4"/>
  <c r="BC676" i="4"/>
  <c r="BD676" i="4"/>
  <c r="BE676" i="4"/>
  <c r="BF676" i="4"/>
  <c r="BG676" i="4"/>
  <c r="BH676" i="4"/>
  <c r="BI676" i="4"/>
  <c r="BJ676" i="4"/>
  <c r="BK676" i="4"/>
  <c r="BL676" i="4"/>
  <c r="BM676" i="4"/>
  <c r="BN676" i="4"/>
  <c r="BO676" i="4"/>
  <c r="BP676" i="4"/>
  <c r="BQ676" i="4"/>
  <c r="BR676" i="4"/>
  <c r="BS676" i="4"/>
  <c r="BT676" i="4"/>
  <c r="BU676" i="4"/>
  <c r="BV676" i="4"/>
  <c r="BW676" i="4"/>
  <c r="BX676" i="4"/>
  <c r="BY676" i="4"/>
  <c r="BZ676" i="4"/>
  <c r="CA676" i="4"/>
  <c r="CB676" i="4"/>
  <c r="CC676" i="4"/>
  <c r="AY677" i="4"/>
  <c r="AZ677" i="4"/>
  <c r="BA677" i="4"/>
  <c r="BB677" i="4"/>
  <c r="BC677" i="4"/>
  <c r="BD677" i="4"/>
  <c r="BE677" i="4"/>
  <c r="BF677" i="4"/>
  <c r="BG677" i="4"/>
  <c r="BH677" i="4"/>
  <c r="BI677" i="4"/>
  <c r="BJ677" i="4"/>
  <c r="BK677" i="4"/>
  <c r="BL677" i="4"/>
  <c r="BM677" i="4"/>
  <c r="BN677" i="4"/>
  <c r="BO677" i="4"/>
  <c r="BP677" i="4"/>
  <c r="BQ677" i="4"/>
  <c r="BR677" i="4"/>
  <c r="BS677" i="4"/>
  <c r="BT677" i="4"/>
  <c r="BU677" i="4"/>
  <c r="BV677" i="4"/>
  <c r="BW677" i="4"/>
  <c r="BX677" i="4"/>
  <c r="BY677" i="4"/>
  <c r="BZ677" i="4"/>
  <c r="CA677" i="4"/>
  <c r="CB677" i="4"/>
  <c r="CC677" i="4"/>
  <c r="AY678" i="4"/>
  <c r="AZ678" i="4"/>
  <c r="BA678" i="4"/>
  <c r="BB678" i="4"/>
  <c r="BC678" i="4"/>
  <c r="BD678" i="4"/>
  <c r="BE678" i="4"/>
  <c r="BF678" i="4"/>
  <c r="BG678" i="4"/>
  <c r="BH678" i="4"/>
  <c r="BI678" i="4"/>
  <c r="BJ678" i="4"/>
  <c r="BK678" i="4"/>
  <c r="BL678" i="4"/>
  <c r="BM678" i="4"/>
  <c r="BN678" i="4"/>
  <c r="BO678" i="4"/>
  <c r="BP678" i="4"/>
  <c r="BQ678" i="4"/>
  <c r="BR678" i="4"/>
  <c r="BS678" i="4"/>
  <c r="BT678" i="4"/>
  <c r="BU678" i="4"/>
  <c r="BV678" i="4"/>
  <c r="BW678" i="4"/>
  <c r="BX678" i="4"/>
  <c r="BY678" i="4"/>
  <c r="BZ678" i="4"/>
  <c r="CA678" i="4"/>
  <c r="CB678" i="4"/>
  <c r="CC678" i="4"/>
  <c r="AY679" i="4"/>
  <c r="AZ679" i="4"/>
  <c r="BA679" i="4"/>
  <c r="BB679" i="4"/>
  <c r="BC679" i="4"/>
  <c r="BD679" i="4"/>
  <c r="BE679" i="4"/>
  <c r="BF679" i="4"/>
  <c r="BG679" i="4"/>
  <c r="BH679" i="4"/>
  <c r="BI679" i="4"/>
  <c r="BJ679" i="4"/>
  <c r="BK679" i="4"/>
  <c r="BL679" i="4"/>
  <c r="BM679" i="4"/>
  <c r="BN679" i="4"/>
  <c r="BO679" i="4"/>
  <c r="BP679" i="4"/>
  <c r="BQ679" i="4"/>
  <c r="BR679" i="4"/>
  <c r="BS679" i="4"/>
  <c r="BT679" i="4"/>
  <c r="BU679" i="4"/>
  <c r="BV679" i="4"/>
  <c r="BW679" i="4"/>
  <c r="BX679" i="4"/>
  <c r="BY679" i="4"/>
  <c r="BZ679" i="4"/>
  <c r="CA679" i="4"/>
  <c r="CB679" i="4"/>
  <c r="CC679" i="4"/>
  <c r="AY680" i="4"/>
  <c r="AZ680" i="4"/>
  <c r="BA680" i="4"/>
  <c r="BB680" i="4"/>
  <c r="BC680" i="4"/>
  <c r="BD680" i="4"/>
  <c r="BE680" i="4"/>
  <c r="BF680" i="4"/>
  <c r="BG680" i="4"/>
  <c r="BH680" i="4"/>
  <c r="BI680" i="4"/>
  <c r="BJ680" i="4"/>
  <c r="BK680" i="4"/>
  <c r="BL680" i="4"/>
  <c r="BM680" i="4"/>
  <c r="BN680" i="4"/>
  <c r="BO680" i="4"/>
  <c r="BP680" i="4"/>
  <c r="BQ680" i="4"/>
  <c r="BR680" i="4"/>
  <c r="BS680" i="4"/>
  <c r="BT680" i="4"/>
  <c r="BU680" i="4"/>
  <c r="BV680" i="4"/>
  <c r="BW680" i="4"/>
  <c r="BX680" i="4"/>
  <c r="BY680" i="4"/>
  <c r="BZ680" i="4"/>
  <c r="CA680" i="4"/>
  <c r="CB680" i="4"/>
  <c r="CC680" i="4"/>
  <c r="AY681" i="4"/>
  <c r="AZ681" i="4"/>
  <c r="BA681" i="4"/>
  <c r="BB681" i="4"/>
  <c r="BC681" i="4"/>
  <c r="BD681" i="4"/>
  <c r="BE681" i="4"/>
  <c r="BF681" i="4"/>
  <c r="BG681" i="4"/>
  <c r="BH681" i="4"/>
  <c r="BI681" i="4"/>
  <c r="BJ681" i="4"/>
  <c r="BK681" i="4"/>
  <c r="BL681" i="4"/>
  <c r="BM681" i="4"/>
  <c r="BN681" i="4"/>
  <c r="BO681" i="4"/>
  <c r="BP681" i="4"/>
  <c r="BQ681" i="4"/>
  <c r="BR681" i="4"/>
  <c r="BS681" i="4"/>
  <c r="BT681" i="4"/>
  <c r="BU681" i="4"/>
  <c r="BV681" i="4"/>
  <c r="BW681" i="4"/>
  <c r="BX681" i="4"/>
  <c r="BY681" i="4"/>
  <c r="BZ681" i="4"/>
  <c r="CA681" i="4"/>
  <c r="CB681" i="4"/>
  <c r="CC681" i="4"/>
  <c r="AY682" i="4"/>
  <c r="AZ682" i="4"/>
  <c r="BA682" i="4"/>
  <c r="BB682" i="4"/>
  <c r="BC682" i="4"/>
  <c r="BD682" i="4"/>
  <c r="BE682" i="4"/>
  <c r="BF682" i="4"/>
  <c r="BG682" i="4"/>
  <c r="BH682" i="4"/>
  <c r="BI682" i="4"/>
  <c r="BJ682" i="4"/>
  <c r="BK682" i="4"/>
  <c r="BL682" i="4"/>
  <c r="BM682" i="4"/>
  <c r="BN682" i="4"/>
  <c r="BO682" i="4"/>
  <c r="BP682" i="4"/>
  <c r="BQ682" i="4"/>
  <c r="BR682" i="4"/>
  <c r="BS682" i="4"/>
  <c r="BT682" i="4"/>
  <c r="BU682" i="4"/>
  <c r="BV682" i="4"/>
  <c r="BW682" i="4"/>
  <c r="BX682" i="4"/>
  <c r="BY682" i="4"/>
  <c r="BZ682" i="4"/>
  <c r="CA682" i="4"/>
  <c r="CB682" i="4"/>
  <c r="CC682" i="4"/>
  <c r="AY683" i="4"/>
  <c r="AZ683" i="4"/>
  <c r="BA683" i="4"/>
  <c r="BB683" i="4"/>
  <c r="BC683" i="4"/>
  <c r="BD683" i="4"/>
  <c r="BE683" i="4"/>
  <c r="BF683" i="4"/>
  <c r="BG683" i="4"/>
  <c r="BH683" i="4"/>
  <c r="BI683" i="4"/>
  <c r="BJ683" i="4"/>
  <c r="BK683" i="4"/>
  <c r="BL683" i="4"/>
  <c r="BM683" i="4"/>
  <c r="BN683" i="4"/>
  <c r="BO683" i="4"/>
  <c r="BP683" i="4"/>
  <c r="BQ683" i="4"/>
  <c r="BR683" i="4"/>
  <c r="BS683" i="4"/>
  <c r="BT683" i="4"/>
  <c r="BU683" i="4"/>
  <c r="BV683" i="4"/>
  <c r="BW683" i="4"/>
  <c r="BX683" i="4"/>
  <c r="BY683" i="4"/>
  <c r="BZ683" i="4"/>
  <c r="CA683" i="4"/>
  <c r="CB683" i="4"/>
  <c r="CC683" i="4"/>
  <c r="AY684" i="4"/>
  <c r="AZ684" i="4"/>
  <c r="BA684" i="4"/>
  <c r="BB684" i="4"/>
  <c r="BC684" i="4"/>
  <c r="BD684" i="4"/>
  <c r="BE684" i="4"/>
  <c r="BF684" i="4"/>
  <c r="BG684" i="4"/>
  <c r="BH684" i="4"/>
  <c r="BI684" i="4"/>
  <c r="BJ684" i="4"/>
  <c r="BK684" i="4"/>
  <c r="BL684" i="4"/>
  <c r="BM684" i="4"/>
  <c r="BN684" i="4"/>
  <c r="BO684" i="4"/>
  <c r="BP684" i="4"/>
  <c r="BQ684" i="4"/>
  <c r="BR684" i="4"/>
  <c r="BS684" i="4"/>
  <c r="BT684" i="4"/>
  <c r="BU684" i="4"/>
  <c r="BV684" i="4"/>
  <c r="BW684" i="4"/>
  <c r="BX684" i="4"/>
  <c r="BY684" i="4"/>
  <c r="BZ684" i="4"/>
  <c r="CA684" i="4"/>
  <c r="CB684" i="4"/>
  <c r="CC684" i="4"/>
  <c r="AY685" i="4"/>
  <c r="AZ685" i="4"/>
  <c r="BA685" i="4"/>
  <c r="BB685" i="4"/>
  <c r="BC685" i="4"/>
  <c r="BD685" i="4"/>
  <c r="BE685" i="4"/>
  <c r="BF685" i="4"/>
  <c r="BG685" i="4"/>
  <c r="BH685" i="4"/>
  <c r="BI685" i="4"/>
  <c r="BJ685" i="4"/>
  <c r="BK685" i="4"/>
  <c r="BL685" i="4"/>
  <c r="BM685" i="4"/>
  <c r="BN685" i="4"/>
  <c r="BO685" i="4"/>
  <c r="BP685" i="4"/>
  <c r="BQ685" i="4"/>
  <c r="BR685" i="4"/>
  <c r="BS685" i="4"/>
  <c r="BT685" i="4"/>
  <c r="BU685" i="4"/>
  <c r="BV685" i="4"/>
  <c r="BW685" i="4"/>
  <c r="BX685" i="4"/>
  <c r="BY685" i="4"/>
  <c r="BZ685" i="4"/>
  <c r="CA685" i="4"/>
  <c r="CB685" i="4"/>
  <c r="CC685" i="4"/>
  <c r="AY686" i="4"/>
  <c r="AZ686" i="4"/>
  <c r="BA686" i="4"/>
  <c r="BB686" i="4"/>
  <c r="BC686" i="4"/>
  <c r="BD686" i="4"/>
  <c r="BE686" i="4"/>
  <c r="BF686" i="4"/>
  <c r="BG686" i="4"/>
  <c r="BH686" i="4"/>
  <c r="BI686" i="4"/>
  <c r="BJ686" i="4"/>
  <c r="BK686" i="4"/>
  <c r="BL686" i="4"/>
  <c r="BM686" i="4"/>
  <c r="BN686" i="4"/>
  <c r="BO686" i="4"/>
  <c r="BP686" i="4"/>
  <c r="BQ686" i="4"/>
  <c r="BR686" i="4"/>
  <c r="BS686" i="4"/>
  <c r="BT686" i="4"/>
  <c r="BU686" i="4"/>
  <c r="BV686" i="4"/>
  <c r="BW686" i="4"/>
  <c r="BX686" i="4"/>
  <c r="BY686" i="4"/>
  <c r="BZ686" i="4"/>
  <c r="CA686" i="4"/>
  <c r="CB686" i="4"/>
  <c r="CC686" i="4"/>
  <c r="AY687" i="4"/>
  <c r="AZ687" i="4"/>
  <c r="BA687" i="4"/>
  <c r="BB687" i="4"/>
  <c r="BC687" i="4"/>
  <c r="BD687" i="4"/>
  <c r="BE687" i="4"/>
  <c r="BF687" i="4"/>
  <c r="BG687" i="4"/>
  <c r="BH687" i="4"/>
  <c r="BI687" i="4"/>
  <c r="BJ687" i="4"/>
  <c r="BK687" i="4"/>
  <c r="BL687" i="4"/>
  <c r="BM687" i="4"/>
  <c r="BN687" i="4"/>
  <c r="BO687" i="4"/>
  <c r="BP687" i="4"/>
  <c r="BQ687" i="4"/>
  <c r="BR687" i="4"/>
  <c r="BS687" i="4"/>
  <c r="BT687" i="4"/>
  <c r="BU687" i="4"/>
  <c r="BV687" i="4"/>
  <c r="BW687" i="4"/>
  <c r="BX687" i="4"/>
  <c r="BY687" i="4"/>
  <c r="BZ687" i="4"/>
  <c r="CA687" i="4"/>
  <c r="CB687" i="4"/>
  <c r="CC687" i="4"/>
  <c r="AY688" i="4"/>
  <c r="AZ688" i="4"/>
  <c r="BA688" i="4"/>
  <c r="BB688" i="4"/>
  <c r="BC688" i="4"/>
  <c r="BD688" i="4"/>
  <c r="BE688" i="4"/>
  <c r="BF688" i="4"/>
  <c r="BG688" i="4"/>
  <c r="BH688" i="4"/>
  <c r="BI688" i="4"/>
  <c r="BJ688" i="4"/>
  <c r="BK688" i="4"/>
  <c r="BL688" i="4"/>
  <c r="BM688" i="4"/>
  <c r="BN688" i="4"/>
  <c r="BO688" i="4"/>
  <c r="BP688" i="4"/>
  <c r="BQ688" i="4"/>
  <c r="BR688" i="4"/>
  <c r="BS688" i="4"/>
  <c r="BT688" i="4"/>
  <c r="BU688" i="4"/>
  <c r="BV688" i="4"/>
  <c r="BW688" i="4"/>
  <c r="BX688" i="4"/>
  <c r="BY688" i="4"/>
  <c r="BZ688" i="4"/>
  <c r="CA688" i="4"/>
  <c r="CB688" i="4"/>
  <c r="CC688" i="4"/>
  <c r="AY689" i="4"/>
  <c r="AZ689" i="4"/>
  <c r="BA689" i="4"/>
  <c r="BB689" i="4"/>
  <c r="BC689" i="4"/>
  <c r="BD689" i="4"/>
  <c r="BE689" i="4"/>
  <c r="BF689" i="4"/>
  <c r="BG689" i="4"/>
  <c r="BH689" i="4"/>
  <c r="BI689" i="4"/>
  <c r="BJ689" i="4"/>
  <c r="BK689" i="4"/>
  <c r="BL689" i="4"/>
  <c r="BM689" i="4"/>
  <c r="BN689" i="4"/>
  <c r="BO689" i="4"/>
  <c r="BP689" i="4"/>
  <c r="BQ689" i="4"/>
  <c r="BR689" i="4"/>
  <c r="BS689" i="4"/>
  <c r="BT689" i="4"/>
  <c r="BU689" i="4"/>
  <c r="BV689" i="4"/>
  <c r="BW689" i="4"/>
  <c r="BX689" i="4"/>
  <c r="BY689" i="4"/>
  <c r="BZ689" i="4"/>
  <c r="CA689" i="4"/>
  <c r="CB689" i="4"/>
  <c r="CC689" i="4"/>
  <c r="AY690" i="4"/>
  <c r="AZ690" i="4"/>
  <c r="BA690" i="4"/>
  <c r="BB690" i="4"/>
  <c r="BC690" i="4"/>
  <c r="BD690" i="4"/>
  <c r="BE690" i="4"/>
  <c r="BF690" i="4"/>
  <c r="BG690" i="4"/>
  <c r="BH690" i="4"/>
  <c r="BI690" i="4"/>
  <c r="BJ690" i="4"/>
  <c r="BK690" i="4"/>
  <c r="BL690" i="4"/>
  <c r="BM690" i="4"/>
  <c r="BN690" i="4"/>
  <c r="BO690" i="4"/>
  <c r="BP690" i="4"/>
  <c r="BQ690" i="4"/>
  <c r="BR690" i="4"/>
  <c r="BS690" i="4"/>
  <c r="BT690" i="4"/>
  <c r="BU690" i="4"/>
  <c r="BV690" i="4"/>
  <c r="BW690" i="4"/>
  <c r="BX690" i="4"/>
  <c r="BY690" i="4"/>
  <c r="BZ690" i="4"/>
  <c r="CA690" i="4"/>
  <c r="CB690" i="4"/>
  <c r="CC690" i="4"/>
  <c r="AY691" i="4"/>
  <c r="AZ691" i="4"/>
  <c r="BA691" i="4"/>
  <c r="BB691" i="4"/>
  <c r="BC691" i="4"/>
  <c r="BD691" i="4"/>
  <c r="BE691" i="4"/>
  <c r="BF691" i="4"/>
  <c r="BG691" i="4"/>
  <c r="BH691" i="4"/>
  <c r="BI691" i="4"/>
  <c r="BJ691" i="4"/>
  <c r="BK691" i="4"/>
  <c r="BL691" i="4"/>
  <c r="BM691" i="4"/>
  <c r="BN691" i="4"/>
  <c r="BO691" i="4"/>
  <c r="BP691" i="4"/>
  <c r="BQ691" i="4"/>
  <c r="BR691" i="4"/>
  <c r="BS691" i="4"/>
  <c r="BT691" i="4"/>
  <c r="BU691" i="4"/>
  <c r="BV691" i="4"/>
  <c r="BW691" i="4"/>
  <c r="BX691" i="4"/>
  <c r="BY691" i="4"/>
  <c r="BZ691" i="4"/>
  <c r="CA691" i="4"/>
  <c r="CB691" i="4"/>
  <c r="CC691" i="4"/>
  <c r="AY692" i="4"/>
  <c r="AZ692" i="4"/>
  <c r="BA692" i="4"/>
  <c r="BB692" i="4"/>
  <c r="BC692" i="4"/>
  <c r="BD692" i="4"/>
  <c r="BE692" i="4"/>
  <c r="BF692" i="4"/>
  <c r="BG692" i="4"/>
  <c r="BH692" i="4"/>
  <c r="BI692" i="4"/>
  <c r="BJ692" i="4"/>
  <c r="BK692" i="4"/>
  <c r="BL692" i="4"/>
  <c r="BM692" i="4"/>
  <c r="BN692" i="4"/>
  <c r="BO692" i="4"/>
  <c r="BP692" i="4"/>
  <c r="BQ692" i="4"/>
  <c r="BR692" i="4"/>
  <c r="BS692" i="4"/>
  <c r="BT692" i="4"/>
  <c r="BU692" i="4"/>
  <c r="BV692" i="4"/>
  <c r="BW692" i="4"/>
  <c r="BX692" i="4"/>
  <c r="BY692" i="4"/>
  <c r="BZ692" i="4"/>
  <c r="CA692" i="4"/>
  <c r="CB692" i="4"/>
  <c r="CC692" i="4"/>
  <c r="AY693" i="4"/>
  <c r="AZ693" i="4"/>
  <c r="BA693" i="4"/>
  <c r="BB693" i="4"/>
  <c r="BC693" i="4"/>
  <c r="BD693" i="4"/>
  <c r="BE693" i="4"/>
  <c r="BF693" i="4"/>
  <c r="BG693" i="4"/>
  <c r="BH693" i="4"/>
  <c r="BI693" i="4"/>
  <c r="BJ693" i="4"/>
  <c r="BK693" i="4"/>
  <c r="BL693" i="4"/>
  <c r="BM693" i="4"/>
  <c r="BN693" i="4"/>
  <c r="BO693" i="4"/>
  <c r="BP693" i="4"/>
  <c r="BQ693" i="4"/>
  <c r="BR693" i="4"/>
  <c r="BS693" i="4"/>
  <c r="BT693" i="4"/>
  <c r="BU693" i="4"/>
  <c r="BV693" i="4"/>
  <c r="BW693" i="4"/>
  <c r="BX693" i="4"/>
  <c r="BY693" i="4"/>
  <c r="BZ693" i="4"/>
  <c r="CA693" i="4"/>
  <c r="CB693" i="4"/>
  <c r="CC693" i="4"/>
  <c r="AY694" i="4"/>
  <c r="AZ694" i="4"/>
  <c r="BA694" i="4"/>
  <c r="BB694" i="4"/>
  <c r="BC694" i="4"/>
  <c r="BD694" i="4"/>
  <c r="BE694" i="4"/>
  <c r="BF694" i="4"/>
  <c r="BG694" i="4"/>
  <c r="BH694" i="4"/>
  <c r="BI694" i="4"/>
  <c r="BJ694" i="4"/>
  <c r="BK694" i="4"/>
  <c r="BL694" i="4"/>
  <c r="BM694" i="4"/>
  <c r="BN694" i="4"/>
  <c r="BO694" i="4"/>
  <c r="BP694" i="4"/>
  <c r="BQ694" i="4"/>
  <c r="BR694" i="4"/>
  <c r="BS694" i="4"/>
  <c r="BT694" i="4"/>
  <c r="BU694" i="4"/>
  <c r="BV694" i="4"/>
  <c r="BW694" i="4"/>
  <c r="BX694" i="4"/>
  <c r="BY694" i="4"/>
  <c r="BZ694" i="4"/>
  <c r="CA694" i="4"/>
  <c r="CB694" i="4"/>
  <c r="CC694" i="4"/>
  <c r="AY695" i="4"/>
  <c r="AZ695" i="4"/>
  <c r="BA695" i="4"/>
  <c r="BB695" i="4"/>
  <c r="BC695" i="4"/>
  <c r="BD695" i="4"/>
  <c r="BE695" i="4"/>
  <c r="BF695" i="4"/>
  <c r="BG695" i="4"/>
  <c r="BH695" i="4"/>
  <c r="BI695" i="4"/>
  <c r="BJ695" i="4"/>
  <c r="BK695" i="4"/>
  <c r="BL695" i="4"/>
  <c r="BM695" i="4"/>
  <c r="BN695" i="4"/>
  <c r="BO695" i="4"/>
  <c r="BP695" i="4"/>
  <c r="BQ695" i="4"/>
  <c r="BR695" i="4"/>
  <c r="BS695" i="4"/>
  <c r="BT695" i="4"/>
  <c r="BU695" i="4"/>
  <c r="BV695" i="4"/>
  <c r="BW695" i="4"/>
  <c r="BX695" i="4"/>
  <c r="BY695" i="4"/>
  <c r="BZ695" i="4"/>
  <c r="CA695" i="4"/>
  <c r="CB695" i="4"/>
  <c r="CC695" i="4"/>
  <c r="AY696" i="4"/>
  <c r="AZ696" i="4"/>
  <c r="BA696" i="4"/>
  <c r="BB696" i="4"/>
  <c r="BC696" i="4"/>
  <c r="BD696" i="4"/>
  <c r="BE696" i="4"/>
  <c r="BF696" i="4"/>
  <c r="BG696" i="4"/>
  <c r="BH696" i="4"/>
  <c r="BI696" i="4"/>
  <c r="BJ696" i="4"/>
  <c r="BK696" i="4"/>
  <c r="BL696" i="4"/>
  <c r="BM696" i="4"/>
  <c r="BN696" i="4"/>
  <c r="BO696" i="4"/>
  <c r="BP696" i="4"/>
  <c r="BQ696" i="4"/>
  <c r="BR696" i="4"/>
  <c r="BS696" i="4"/>
  <c r="BT696" i="4"/>
  <c r="BU696" i="4"/>
  <c r="BV696" i="4"/>
  <c r="BW696" i="4"/>
  <c r="BX696" i="4"/>
  <c r="BY696" i="4"/>
  <c r="BZ696" i="4"/>
  <c r="CA696" i="4"/>
  <c r="CB696" i="4"/>
  <c r="CC696" i="4"/>
  <c r="AY697" i="4"/>
  <c r="AZ697" i="4"/>
  <c r="BA697" i="4"/>
  <c r="BB697" i="4"/>
  <c r="BC697" i="4"/>
  <c r="BD697" i="4"/>
  <c r="BE697" i="4"/>
  <c r="BF697" i="4"/>
  <c r="BG697" i="4"/>
  <c r="BH697" i="4"/>
  <c r="BI697" i="4"/>
  <c r="BJ697" i="4"/>
  <c r="BK697" i="4"/>
  <c r="BL697" i="4"/>
  <c r="BM697" i="4"/>
  <c r="BN697" i="4"/>
  <c r="BO697" i="4"/>
  <c r="BP697" i="4"/>
  <c r="BQ697" i="4"/>
  <c r="BR697" i="4"/>
  <c r="BS697" i="4"/>
  <c r="BT697" i="4"/>
  <c r="BU697" i="4"/>
  <c r="BV697" i="4"/>
  <c r="BW697" i="4"/>
  <c r="BX697" i="4"/>
  <c r="BY697" i="4"/>
  <c r="BZ697" i="4"/>
  <c r="CA697" i="4"/>
  <c r="CB697" i="4"/>
  <c r="CC697" i="4"/>
  <c r="AY698" i="4"/>
  <c r="AZ698" i="4"/>
  <c r="BA698" i="4"/>
  <c r="BB698" i="4"/>
  <c r="BC698" i="4"/>
  <c r="BD698" i="4"/>
  <c r="BE698" i="4"/>
  <c r="BF698" i="4"/>
  <c r="BG698" i="4"/>
  <c r="BH698" i="4"/>
  <c r="BI698" i="4"/>
  <c r="BJ698" i="4"/>
  <c r="BK698" i="4"/>
  <c r="BL698" i="4"/>
  <c r="BM698" i="4"/>
  <c r="BN698" i="4"/>
  <c r="BO698" i="4"/>
  <c r="BP698" i="4"/>
  <c r="BQ698" i="4"/>
  <c r="BR698" i="4"/>
  <c r="BS698" i="4"/>
  <c r="BT698" i="4"/>
  <c r="BU698" i="4"/>
  <c r="BV698" i="4"/>
  <c r="BW698" i="4"/>
  <c r="BX698" i="4"/>
  <c r="BY698" i="4"/>
  <c r="BZ698" i="4"/>
  <c r="CA698" i="4"/>
  <c r="CB698" i="4"/>
  <c r="CC698" i="4"/>
  <c r="AY699" i="4"/>
  <c r="AZ699" i="4"/>
  <c r="BA699" i="4"/>
  <c r="BB699" i="4"/>
  <c r="BC699" i="4"/>
  <c r="BD699" i="4"/>
  <c r="BE699" i="4"/>
  <c r="BF699" i="4"/>
  <c r="BG699" i="4"/>
  <c r="BH699" i="4"/>
  <c r="BI699" i="4"/>
  <c r="BJ699" i="4"/>
  <c r="BK699" i="4"/>
  <c r="BL699" i="4"/>
  <c r="BM699" i="4"/>
  <c r="BN699" i="4"/>
  <c r="BO699" i="4"/>
  <c r="BP699" i="4"/>
  <c r="BQ699" i="4"/>
  <c r="BR699" i="4"/>
  <c r="BS699" i="4"/>
  <c r="BT699" i="4"/>
  <c r="BU699" i="4"/>
  <c r="BV699" i="4"/>
  <c r="BW699" i="4"/>
  <c r="BX699" i="4"/>
  <c r="BY699" i="4"/>
  <c r="BZ699" i="4"/>
  <c r="CA699" i="4"/>
  <c r="CB699" i="4"/>
  <c r="CC699" i="4"/>
  <c r="AY700" i="4"/>
  <c r="AZ700" i="4"/>
  <c r="BA700" i="4"/>
  <c r="BB700" i="4"/>
  <c r="BC700" i="4"/>
  <c r="BD700" i="4"/>
  <c r="BE700" i="4"/>
  <c r="BF700" i="4"/>
  <c r="BG700" i="4"/>
  <c r="BH700" i="4"/>
  <c r="BI700" i="4"/>
  <c r="BJ700" i="4"/>
  <c r="BK700" i="4"/>
  <c r="BL700" i="4"/>
  <c r="BM700" i="4"/>
  <c r="BN700" i="4"/>
  <c r="BO700" i="4"/>
  <c r="BP700" i="4"/>
  <c r="BQ700" i="4"/>
  <c r="BR700" i="4"/>
  <c r="BS700" i="4"/>
  <c r="BT700" i="4"/>
  <c r="BU700" i="4"/>
  <c r="BV700" i="4"/>
  <c r="BW700" i="4"/>
  <c r="BX700" i="4"/>
  <c r="BY700" i="4"/>
  <c r="BZ700" i="4"/>
  <c r="CA700" i="4"/>
  <c r="CB700" i="4"/>
  <c r="CC700" i="4"/>
  <c r="AY701" i="4"/>
  <c r="AZ701" i="4"/>
  <c r="BA701" i="4"/>
  <c r="BB701" i="4"/>
  <c r="BC701" i="4"/>
  <c r="BD701" i="4"/>
  <c r="BE701" i="4"/>
  <c r="BF701" i="4"/>
  <c r="BG701" i="4"/>
  <c r="BH701" i="4"/>
  <c r="BI701" i="4"/>
  <c r="BJ701" i="4"/>
  <c r="BK701" i="4"/>
  <c r="BL701" i="4"/>
  <c r="BM701" i="4"/>
  <c r="BN701" i="4"/>
  <c r="BO701" i="4"/>
  <c r="BP701" i="4"/>
  <c r="BQ701" i="4"/>
  <c r="BR701" i="4"/>
  <c r="BS701" i="4"/>
  <c r="BT701" i="4"/>
  <c r="BU701" i="4"/>
  <c r="BV701" i="4"/>
  <c r="BW701" i="4"/>
  <c r="BX701" i="4"/>
  <c r="BY701" i="4"/>
  <c r="BZ701" i="4"/>
  <c r="CA701" i="4"/>
  <c r="CB701" i="4"/>
  <c r="CC701" i="4"/>
  <c r="AY702" i="4"/>
  <c r="AZ702" i="4"/>
  <c r="BA702" i="4"/>
  <c r="BB702" i="4"/>
  <c r="BC702" i="4"/>
  <c r="BD702" i="4"/>
  <c r="BE702" i="4"/>
  <c r="BF702" i="4"/>
  <c r="BG702" i="4"/>
  <c r="BH702" i="4"/>
  <c r="BI702" i="4"/>
  <c r="BJ702" i="4"/>
  <c r="BK702" i="4"/>
  <c r="BL702" i="4"/>
  <c r="BM702" i="4"/>
  <c r="BN702" i="4"/>
  <c r="BO702" i="4"/>
  <c r="BP702" i="4"/>
  <c r="BQ702" i="4"/>
  <c r="BR702" i="4"/>
  <c r="BS702" i="4"/>
  <c r="BT702" i="4"/>
  <c r="BU702" i="4"/>
  <c r="BV702" i="4"/>
  <c r="BW702" i="4"/>
  <c r="BX702" i="4"/>
  <c r="BY702" i="4"/>
  <c r="BZ702" i="4"/>
  <c r="CA702" i="4"/>
  <c r="CB702" i="4"/>
  <c r="CC702" i="4"/>
  <c r="AY703" i="4"/>
  <c r="AZ703" i="4"/>
  <c r="BA703" i="4"/>
  <c r="BB703" i="4"/>
  <c r="BC703" i="4"/>
  <c r="BD703" i="4"/>
  <c r="BE703" i="4"/>
  <c r="BF703" i="4"/>
  <c r="BG703" i="4"/>
  <c r="BH703" i="4"/>
  <c r="BI703" i="4"/>
  <c r="BJ703" i="4"/>
  <c r="BK703" i="4"/>
  <c r="BL703" i="4"/>
  <c r="BM703" i="4"/>
  <c r="BN703" i="4"/>
  <c r="BO703" i="4"/>
  <c r="BP703" i="4"/>
  <c r="BQ703" i="4"/>
  <c r="BR703" i="4"/>
  <c r="BS703" i="4"/>
  <c r="BT703" i="4"/>
  <c r="BU703" i="4"/>
  <c r="BV703" i="4"/>
  <c r="BW703" i="4"/>
  <c r="BX703" i="4"/>
  <c r="BY703" i="4"/>
  <c r="BZ703" i="4"/>
  <c r="CA703" i="4"/>
  <c r="CB703" i="4"/>
  <c r="CC703" i="4"/>
  <c r="AY704" i="4"/>
  <c r="AZ704" i="4"/>
  <c r="BA704" i="4"/>
  <c r="BB704" i="4"/>
  <c r="BC704" i="4"/>
  <c r="BD704" i="4"/>
  <c r="BE704" i="4"/>
  <c r="BF704" i="4"/>
  <c r="BG704" i="4"/>
  <c r="BH704" i="4"/>
  <c r="BI704" i="4"/>
  <c r="BJ704" i="4"/>
  <c r="BK704" i="4"/>
  <c r="BL704" i="4"/>
  <c r="BM704" i="4"/>
  <c r="BN704" i="4"/>
  <c r="BO704" i="4"/>
  <c r="BP704" i="4"/>
  <c r="BQ704" i="4"/>
  <c r="BR704" i="4"/>
  <c r="BS704" i="4"/>
  <c r="BT704" i="4"/>
  <c r="BU704" i="4"/>
  <c r="BV704" i="4"/>
  <c r="BW704" i="4"/>
  <c r="BX704" i="4"/>
  <c r="BY704" i="4"/>
  <c r="BZ704" i="4"/>
  <c r="CA704" i="4"/>
  <c r="CB704" i="4"/>
  <c r="CC704" i="4"/>
  <c r="AY705" i="4"/>
  <c r="AZ705" i="4"/>
  <c r="BA705" i="4"/>
  <c r="BB705" i="4"/>
  <c r="BC705" i="4"/>
  <c r="BD705" i="4"/>
  <c r="BE705" i="4"/>
  <c r="BF705" i="4"/>
  <c r="BG705" i="4"/>
  <c r="BH705" i="4"/>
  <c r="BI705" i="4"/>
  <c r="BJ705" i="4"/>
  <c r="BK705" i="4"/>
  <c r="BL705" i="4"/>
  <c r="BM705" i="4"/>
  <c r="BN705" i="4"/>
  <c r="BO705" i="4"/>
  <c r="BP705" i="4"/>
  <c r="BQ705" i="4"/>
  <c r="BR705" i="4"/>
  <c r="BS705" i="4"/>
  <c r="BT705" i="4"/>
  <c r="BU705" i="4"/>
  <c r="BV705" i="4"/>
  <c r="BW705" i="4"/>
  <c r="BX705" i="4"/>
  <c r="BY705" i="4"/>
  <c r="BZ705" i="4"/>
  <c r="CA705" i="4"/>
  <c r="CB705" i="4"/>
  <c r="CC705" i="4"/>
  <c r="AY706" i="4"/>
  <c r="AZ706" i="4"/>
  <c r="BA706" i="4"/>
  <c r="BB706" i="4"/>
  <c r="BC706" i="4"/>
  <c r="BD706" i="4"/>
  <c r="BE706" i="4"/>
  <c r="BF706" i="4"/>
  <c r="BG706" i="4"/>
  <c r="BH706" i="4"/>
  <c r="BI706" i="4"/>
  <c r="BJ706" i="4"/>
  <c r="BK706" i="4"/>
  <c r="BL706" i="4"/>
  <c r="BM706" i="4"/>
  <c r="BN706" i="4"/>
  <c r="BO706" i="4"/>
  <c r="BP706" i="4"/>
  <c r="BQ706" i="4"/>
  <c r="BR706" i="4"/>
  <c r="BS706" i="4"/>
  <c r="BT706" i="4"/>
  <c r="BU706" i="4"/>
  <c r="BV706" i="4"/>
  <c r="BW706" i="4"/>
  <c r="BX706" i="4"/>
  <c r="BY706" i="4"/>
  <c r="BZ706" i="4"/>
  <c r="CA706" i="4"/>
  <c r="CB706" i="4"/>
  <c r="CC706" i="4"/>
  <c r="AY707" i="4"/>
  <c r="AZ707" i="4"/>
  <c r="BA707" i="4"/>
  <c r="BB707" i="4"/>
  <c r="BC707" i="4"/>
  <c r="BD707" i="4"/>
  <c r="BE707" i="4"/>
  <c r="BF707" i="4"/>
  <c r="BG707" i="4"/>
  <c r="BH707" i="4"/>
  <c r="BI707" i="4"/>
  <c r="BJ707" i="4"/>
  <c r="BK707" i="4"/>
  <c r="BL707" i="4"/>
  <c r="BM707" i="4"/>
  <c r="BN707" i="4"/>
  <c r="BO707" i="4"/>
  <c r="BP707" i="4"/>
  <c r="BQ707" i="4"/>
  <c r="BR707" i="4"/>
  <c r="BS707" i="4"/>
  <c r="BT707" i="4"/>
  <c r="BU707" i="4"/>
  <c r="BV707" i="4"/>
  <c r="BW707" i="4"/>
  <c r="BX707" i="4"/>
  <c r="BY707" i="4"/>
  <c r="BZ707" i="4"/>
  <c r="CA707" i="4"/>
  <c r="CB707" i="4"/>
  <c r="CC707" i="4"/>
  <c r="AY708" i="4"/>
  <c r="AZ708" i="4"/>
  <c r="BA708" i="4"/>
  <c r="BB708" i="4"/>
  <c r="BC708" i="4"/>
  <c r="BD708" i="4"/>
  <c r="BE708" i="4"/>
  <c r="BF708" i="4"/>
  <c r="BG708" i="4"/>
  <c r="BH708" i="4"/>
  <c r="BI708" i="4"/>
  <c r="BJ708" i="4"/>
  <c r="BK708" i="4"/>
  <c r="BL708" i="4"/>
  <c r="BM708" i="4"/>
  <c r="BN708" i="4"/>
  <c r="BO708" i="4"/>
  <c r="BP708" i="4"/>
  <c r="BQ708" i="4"/>
  <c r="BR708" i="4"/>
  <c r="BS708" i="4"/>
  <c r="BT708" i="4"/>
  <c r="BU708" i="4"/>
  <c r="BV708" i="4"/>
  <c r="BW708" i="4"/>
  <c r="BX708" i="4"/>
  <c r="BY708" i="4"/>
  <c r="BZ708" i="4"/>
  <c r="CA708" i="4"/>
  <c r="CB708" i="4"/>
  <c r="CC708" i="4"/>
  <c r="AY709" i="4"/>
  <c r="AZ709" i="4"/>
  <c r="BA709" i="4"/>
  <c r="BB709" i="4"/>
  <c r="BC709" i="4"/>
  <c r="BD709" i="4"/>
  <c r="BE709" i="4"/>
  <c r="BF709" i="4"/>
  <c r="BG709" i="4"/>
  <c r="BH709" i="4"/>
  <c r="BI709" i="4"/>
  <c r="BJ709" i="4"/>
  <c r="BK709" i="4"/>
  <c r="BL709" i="4"/>
  <c r="BM709" i="4"/>
  <c r="BN709" i="4"/>
  <c r="BO709" i="4"/>
  <c r="BP709" i="4"/>
  <c r="BQ709" i="4"/>
  <c r="BR709" i="4"/>
  <c r="BS709" i="4"/>
  <c r="BT709" i="4"/>
  <c r="BU709" i="4"/>
  <c r="BV709" i="4"/>
  <c r="BW709" i="4"/>
  <c r="BX709" i="4"/>
  <c r="BY709" i="4"/>
  <c r="BZ709" i="4"/>
  <c r="CA709" i="4"/>
  <c r="CB709" i="4"/>
  <c r="CC709" i="4"/>
  <c r="AY710" i="4"/>
  <c r="AZ710" i="4"/>
  <c r="BA710" i="4"/>
  <c r="BB710" i="4"/>
  <c r="BC710" i="4"/>
  <c r="BD710" i="4"/>
  <c r="BE710" i="4"/>
  <c r="BF710" i="4"/>
  <c r="BG710" i="4"/>
  <c r="BH710" i="4"/>
  <c r="BI710" i="4"/>
  <c r="BJ710" i="4"/>
  <c r="BK710" i="4"/>
  <c r="BL710" i="4"/>
  <c r="BM710" i="4"/>
  <c r="BN710" i="4"/>
  <c r="BO710" i="4"/>
  <c r="BP710" i="4"/>
  <c r="BQ710" i="4"/>
  <c r="BR710" i="4"/>
  <c r="BS710" i="4"/>
  <c r="BT710" i="4"/>
  <c r="BU710" i="4"/>
  <c r="BV710" i="4"/>
  <c r="BW710" i="4"/>
  <c r="BX710" i="4"/>
  <c r="BY710" i="4"/>
  <c r="BZ710" i="4"/>
  <c r="CA710" i="4"/>
  <c r="CB710" i="4"/>
  <c r="CC710" i="4"/>
  <c r="AY711" i="4"/>
  <c r="AZ711" i="4"/>
  <c r="BA711" i="4"/>
  <c r="BB711" i="4"/>
  <c r="BC711" i="4"/>
  <c r="BD711" i="4"/>
  <c r="BE711" i="4"/>
  <c r="BF711" i="4"/>
  <c r="BG711" i="4"/>
  <c r="BH711" i="4"/>
  <c r="BI711" i="4"/>
  <c r="BJ711" i="4"/>
  <c r="BK711" i="4"/>
  <c r="BL711" i="4"/>
  <c r="BM711" i="4"/>
  <c r="BN711" i="4"/>
  <c r="BO711" i="4"/>
  <c r="BP711" i="4"/>
  <c r="BQ711" i="4"/>
  <c r="BR711" i="4"/>
  <c r="BS711" i="4"/>
  <c r="BT711" i="4"/>
  <c r="BU711" i="4"/>
  <c r="BV711" i="4"/>
  <c r="BW711" i="4"/>
  <c r="BX711" i="4"/>
  <c r="BY711" i="4"/>
  <c r="BZ711" i="4"/>
  <c r="CA711" i="4"/>
  <c r="CB711" i="4"/>
  <c r="CC711" i="4"/>
  <c r="AY712" i="4"/>
  <c r="AZ712" i="4"/>
  <c r="BA712" i="4"/>
  <c r="BB712" i="4"/>
  <c r="BC712" i="4"/>
  <c r="BD712" i="4"/>
  <c r="BE712" i="4"/>
  <c r="BF712" i="4"/>
  <c r="BG712" i="4"/>
  <c r="BH712" i="4"/>
  <c r="BI712" i="4"/>
  <c r="BJ712" i="4"/>
  <c r="BK712" i="4"/>
  <c r="BL712" i="4"/>
  <c r="BM712" i="4"/>
  <c r="BN712" i="4"/>
  <c r="BO712" i="4"/>
  <c r="BP712" i="4"/>
  <c r="BQ712" i="4"/>
  <c r="BR712" i="4"/>
  <c r="BS712" i="4"/>
  <c r="BT712" i="4"/>
  <c r="BU712" i="4"/>
  <c r="BV712" i="4"/>
  <c r="BW712" i="4"/>
  <c r="BX712" i="4"/>
  <c r="BY712" i="4"/>
  <c r="BZ712" i="4"/>
  <c r="CA712" i="4"/>
  <c r="CB712" i="4"/>
  <c r="CC712" i="4"/>
  <c r="AY713" i="4"/>
  <c r="AZ713" i="4"/>
  <c r="BA713" i="4"/>
  <c r="BB713" i="4"/>
  <c r="BC713" i="4"/>
  <c r="BD713" i="4"/>
  <c r="BE713" i="4"/>
  <c r="BF713" i="4"/>
  <c r="BG713" i="4"/>
  <c r="BH713" i="4"/>
  <c r="BI713" i="4"/>
  <c r="BJ713" i="4"/>
  <c r="BK713" i="4"/>
  <c r="BL713" i="4"/>
  <c r="BM713" i="4"/>
  <c r="BN713" i="4"/>
  <c r="BO713" i="4"/>
  <c r="BP713" i="4"/>
  <c r="BQ713" i="4"/>
  <c r="BR713" i="4"/>
  <c r="BS713" i="4"/>
  <c r="BT713" i="4"/>
  <c r="BU713" i="4"/>
  <c r="BV713" i="4"/>
  <c r="BW713" i="4"/>
  <c r="BX713" i="4"/>
  <c r="BY713" i="4"/>
  <c r="BZ713" i="4"/>
  <c r="CA713" i="4"/>
  <c r="CB713" i="4"/>
  <c r="CC713" i="4"/>
  <c r="AY714" i="4"/>
  <c r="AZ714" i="4"/>
  <c r="BA714" i="4"/>
  <c r="BB714" i="4"/>
  <c r="BC714" i="4"/>
  <c r="BD714" i="4"/>
  <c r="BE714" i="4"/>
  <c r="BF714" i="4"/>
  <c r="BG714" i="4"/>
  <c r="BH714" i="4"/>
  <c r="BI714" i="4"/>
  <c r="BJ714" i="4"/>
  <c r="BK714" i="4"/>
  <c r="BL714" i="4"/>
  <c r="BM714" i="4"/>
  <c r="BN714" i="4"/>
  <c r="BO714" i="4"/>
  <c r="BP714" i="4"/>
  <c r="BQ714" i="4"/>
  <c r="BR714" i="4"/>
  <c r="BS714" i="4"/>
  <c r="BT714" i="4"/>
  <c r="BU714" i="4"/>
  <c r="BV714" i="4"/>
  <c r="BW714" i="4"/>
  <c r="BX714" i="4"/>
  <c r="BY714" i="4"/>
  <c r="BZ714" i="4"/>
  <c r="CA714" i="4"/>
  <c r="CB714" i="4"/>
  <c r="CC714" i="4"/>
  <c r="AY715" i="4"/>
  <c r="AZ715" i="4"/>
  <c r="BA715" i="4"/>
  <c r="BB715" i="4"/>
  <c r="BC715" i="4"/>
  <c r="BD715" i="4"/>
  <c r="BE715" i="4"/>
  <c r="BF715" i="4"/>
  <c r="BG715" i="4"/>
  <c r="BH715" i="4"/>
  <c r="BI715" i="4"/>
  <c r="BJ715" i="4"/>
  <c r="BK715" i="4"/>
  <c r="BL715" i="4"/>
  <c r="BM715" i="4"/>
  <c r="BN715" i="4"/>
  <c r="BO715" i="4"/>
  <c r="BP715" i="4"/>
  <c r="BQ715" i="4"/>
  <c r="BR715" i="4"/>
  <c r="BS715" i="4"/>
  <c r="BT715" i="4"/>
  <c r="BU715" i="4"/>
  <c r="BV715" i="4"/>
  <c r="BW715" i="4"/>
  <c r="BX715" i="4"/>
  <c r="BY715" i="4"/>
  <c r="BZ715" i="4"/>
  <c r="CA715" i="4"/>
  <c r="CB715" i="4"/>
  <c r="CC715" i="4"/>
  <c r="AY716" i="4"/>
  <c r="AZ716" i="4"/>
  <c r="BA716" i="4"/>
  <c r="BB716" i="4"/>
  <c r="BC716" i="4"/>
  <c r="BD716" i="4"/>
  <c r="BE716" i="4"/>
  <c r="BF716" i="4"/>
  <c r="BG716" i="4"/>
  <c r="BH716" i="4"/>
  <c r="BI716" i="4"/>
  <c r="BJ716" i="4"/>
  <c r="BK716" i="4"/>
  <c r="BL716" i="4"/>
  <c r="BM716" i="4"/>
  <c r="BN716" i="4"/>
  <c r="BO716" i="4"/>
  <c r="BP716" i="4"/>
  <c r="BQ716" i="4"/>
  <c r="BR716" i="4"/>
  <c r="BS716" i="4"/>
  <c r="BT716" i="4"/>
  <c r="BU716" i="4"/>
  <c r="BV716" i="4"/>
  <c r="BW716" i="4"/>
  <c r="BX716" i="4"/>
  <c r="BY716" i="4"/>
  <c r="BZ716" i="4"/>
  <c r="CA716" i="4"/>
  <c r="CB716" i="4"/>
  <c r="CC716" i="4"/>
  <c r="AY717" i="4"/>
  <c r="AZ717" i="4"/>
  <c r="BA717" i="4"/>
  <c r="BB717" i="4"/>
  <c r="BC717" i="4"/>
  <c r="BD717" i="4"/>
  <c r="BE717" i="4"/>
  <c r="BF717" i="4"/>
  <c r="BG717" i="4"/>
  <c r="BH717" i="4"/>
  <c r="BI717" i="4"/>
  <c r="BJ717" i="4"/>
  <c r="BK717" i="4"/>
  <c r="BL717" i="4"/>
  <c r="BM717" i="4"/>
  <c r="BN717" i="4"/>
  <c r="BO717" i="4"/>
  <c r="BP717" i="4"/>
  <c r="BQ717" i="4"/>
  <c r="BR717" i="4"/>
  <c r="BS717" i="4"/>
  <c r="BT717" i="4"/>
  <c r="BU717" i="4"/>
  <c r="BV717" i="4"/>
  <c r="BW717" i="4"/>
  <c r="BX717" i="4"/>
  <c r="BY717" i="4"/>
  <c r="BZ717" i="4"/>
  <c r="CA717" i="4"/>
  <c r="CB717" i="4"/>
  <c r="CC717" i="4"/>
  <c r="AY718" i="4"/>
  <c r="AZ718" i="4"/>
  <c r="BA718" i="4"/>
  <c r="BB718" i="4"/>
  <c r="BC718" i="4"/>
  <c r="BD718" i="4"/>
  <c r="BE718" i="4"/>
  <c r="BF718" i="4"/>
  <c r="BG718" i="4"/>
  <c r="BH718" i="4"/>
  <c r="BI718" i="4"/>
  <c r="BJ718" i="4"/>
  <c r="BK718" i="4"/>
  <c r="BL718" i="4"/>
  <c r="BM718" i="4"/>
  <c r="BN718" i="4"/>
  <c r="BO718" i="4"/>
  <c r="BP718" i="4"/>
  <c r="BQ718" i="4"/>
  <c r="BR718" i="4"/>
  <c r="BS718" i="4"/>
  <c r="BT718" i="4"/>
  <c r="BU718" i="4"/>
  <c r="BV718" i="4"/>
  <c r="BW718" i="4"/>
  <c r="BX718" i="4"/>
  <c r="BY718" i="4"/>
  <c r="BZ718" i="4"/>
  <c r="CA718" i="4"/>
  <c r="CB718" i="4"/>
  <c r="CC718" i="4"/>
  <c r="AY719" i="4"/>
  <c r="AZ719" i="4"/>
  <c r="BA719" i="4"/>
  <c r="BB719" i="4"/>
  <c r="BC719" i="4"/>
  <c r="BD719" i="4"/>
  <c r="BE719" i="4"/>
  <c r="BF719" i="4"/>
  <c r="BG719" i="4"/>
  <c r="BH719" i="4"/>
  <c r="BI719" i="4"/>
  <c r="BJ719" i="4"/>
  <c r="BK719" i="4"/>
  <c r="BL719" i="4"/>
  <c r="BM719" i="4"/>
  <c r="BN719" i="4"/>
  <c r="BO719" i="4"/>
  <c r="BP719" i="4"/>
  <c r="BQ719" i="4"/>
  <c r="BR719" i="4"/>
  <c r="BS719" i="4"/>
  <c r="BT719" i="4"/>
  <c r="BU719" i="4"/>
  <c r="BV719" i="4"/>
  <c r="BW719" i="4"/>
  <c r="BX719" i="4"/>
  <c r="BY719" i="4"/>
  <c r="BZ719" i="4"/>
  <c r="CA719" i="4"/>
  <c r="CB719" i="4"/>
  <c r="CC719" i="4"/>
  <c r="AY720" i="4"/>
  <c r="AZ720" i="4"/>
  <c r="BA720" i="4"/>
  <c r="BB720" i="4"/>
  <c r="BC720" i="4"/>
  <c r="BD720" i="4"/>
  <c r="BE720" i="4"/>
  <c r="BF720" i="4"/>
  <c r="BG720" i="4"/>
  <c r="BH720" i="4"/>
  <c r="BI720" i="4"/>
  <c r="BJ720" i="4"/>
  <c r="BK720" i="4"/>
  <c r="BL720" i="4"/>
  <c r="BM720" i="4"/>
  <c r="BN720" i="4"/>
  <c r="BO720" i="4"/>
  <c r="BP720" i="4"/>
  <c r="BQ720" i="4"/>
  <c r="BR720" i="4"/>
  <c r="BS720" i="4"/>
  <c r="BT720" i="4"/>
  <c r="BU720" i="4"/>
  <c r="BV720" i="4"/>
  <c r="BW720" i="4"/>
  <c r="BX720" i="4"/>
  <c r="BY720" i="4"/>
  <c r="BZ720" i="4"/>
  <c r="CA720" i="4"/>
  <c r="CB720" i="4"/>
  <c r="CC720" i="4"/>
  <c r="AY721" i="4"/>
  <c r="AZ721" i="4"/>
  <c r="BA721" i="4"/>
  <c r="BB721" i="4"/>
  <c r="BC721" i="4"/>
  <c r="BD721" i="4"/>
  <c r="BE721" i="4"/>
  <c r="BF721" i="4"/>
  <c r="BG721" i="4"/>
  <c r="BH721" i="4"/>
  <c r="BI721" i="4"/>
  <c r="BJ721" i="4"/>
  <c r="BK721" i="4"/>
  <c r="BL721" i="4"/>
  <c r="BM721" i="4"/>
  <c r="BN721" i="4"/>
  <c r="BO721" i="4"/>
  <c r="BP721" i="4"/>
  <c r="BQ721" i="4"/>
  <c r="BR721" i="4"/>
  <c r="BS721" i="4"/>
  <c r="BT721" i="4"/>
  <c r="BU721" i="4"/>
  <c r="BV721" i="4"/>
  <c r="BW721" i="4"/>
  <c r="BX721" i="4"/>
  <c r="BY721" i="4"/>
  <c r="BZ721" i="4"/>
  <c r="CA721" i="4"/>
  <c r="CB721" i="4"/>
  <c r="CC721" i="4"/>
  <c r="AY722" i="4"/>
  <c r="AZ722" i="4"/>
  <c r="BA722" i="4"/>
  <c r="BB722" i="4"/>
  <c r="BC722" i="4"/>
  <c r="BD722" i="4"/>
  <c r="BE722" i="4"/>
  <c r="BF722" i="4"/>
  <c r="BG722" i="4"/>
  <c r="BH722" i="4"/>
  <c r="BI722" i="4"/>
  <c r="BJ722" i="4"/>
  <c r="BK722" i="4"/>
  <c r="BL722" i="4"/>
  <c r="BM722" i="4"/>
  <c r="BN722" i="4"/>
  <c r="BO722" i="4"/>
  <c r="BP722" i="4"/>
  <c r="BQ722" i="4"/>
  <c r="BR722" i="4"/>
  <c r="BS722" i="4"/>
  <c r="BT722" i="4"/>
  <c r="BU722" i="4"/>
  <c r="BV722" i="4"/>
  <c r="BW722" i="4"/>
  <c r="BX722" i="4"/>
  <c r="BY722" i="4"/>
  <c r="BZ722" i="4"/>
  <c r="CA722" i="4"/>
  <c r="CB722" i="4"/>
  <c r="CC722" i="4"/>
  <c r="AY723" i="4"/>
  <c r="AZ723" i="4"/>
  <c r="BA723" i="4"/>
  <c r="BB723" i="4"/>
  <c r="BC723" i="4"/>
  <c r="BD723" i="4"/>
  <c r="BE723" i="4"/>
  <c r="BF723" i="4"/>
  <c r="BG723" i="4"/>
  <c r="BH723" i="4"/>
  <c r="BI723" i="4"/>
  <c r="BJ723" i="4"/>
  <c r="BK723" i="4"/>
  <c r="BL723" i="4"/>
  <c r="BM723" i="4"/>
  <c r="BN723" i="4"/>
  <c r="BO723" i="4"/>
  <c r="BP723" i="4"/>
  <c r="BQ723" i="4"/>
  <c r="BR723" i="4"/>
  <c r="BS723" i="4"/>
  <c r="BT723" i="4"/>
  <c r="BU723" i="4"/>
  <c r="BV723" i="4"/>
  <c r="BW723" i="4"/>
  <c r="BX723" i="4"/>
  <c r="BY723" i="4"/>
  <c r="BZ723" i="4"/>
  <c r="CA723" i="4"/>
  <c r="CB723" i="4"/>
  <c r="CC723" i="4"/>
  <c r="AY724" i="4"/>
  <c r="AZ724" i="4"/>
  <c r="BA724" i="4"/>
  <c r="BB724" i="4"/>
  <c r="BC724" i="4"/>
  <c r="BD724" i="4"/>
  <c r="BE724" i="4"/>
  <c r="BF724" i="4"/>
  <c r="BG724" i="4"/>
  <c r="BH724" i="4"/>
  <c r="BI724" i="4"/>
  <c r="BJ724" i="4"/>
  <c r="BK724" i="4"/>
  <c r="BL724" i="4"/>
  <c r="BM724" i="4"/>
  <c r="BN724" i="4"/>
  <c r="BO724" i="4"/>
  <c r="BP724" i="4"/>
  <c r="BQ724" i="4"/>
  <c r="BR724" i="4"/>
  <c r="BS724" i="4"/>
  <c r="BT724" i="4"/>
  <c r="BU724" i="4"/>
  <c r="BV724" i="4"/>
  <c r="BW724" i="4"/>
  <c r="BX724" i="4"/>
  <c r="BY724" i="4"/>
  <c r="BZ724" i="4"/>
  <c r="CA724" i="4"/>
  <c r="CB724" i="4"/>
  <c r="CC724" i="4"/>
  <c r="AY725" i="4"/>
  <c r="AZ725" i="4"/>
  <c r="BA725" i="4"/>
  <c r="BB725" i="4"/>
  <c r="BC725" i="4"/>
  <c r="BD725" i="4"/>
  <c r="BE725" i="4"/>
  <c r="BF725" i="4"/>
  <c r="BG725" i="4"/>
  <c r="BH725" i="4"/>
  <c r="BI725" i="4"/>
  <c r="BJ725" i="4"/>
  <c r="BK725" i="4"/>
  <c r="BL725" i="4"/>
  <c r="BM725" i="4"/>
  <c r="BN725" i="4"/>
  <c r="BO725" i="4"/>
  <c r="BP725" i="4"/>
  <c r="BQ725" i="4"/>
  <c r="BR725" i="4"/>
  <c r="BS725" i="4"/>
  <c r="BT725" i="4"/>
  <c r="BU725" i="4"/>
  <c r="BV725" i="4"/>
  <c r="BW725" i="4"/>
  <c r="BX725" i="4"/>
  <c r="BY725" i="4"/>
  <c r="BZ725" i="4"/>
  <c r="CA725" i="4"/>
  <c r="CB725" i="4"/>
  <c r="CC725" i="4"/>
  <c r="AY726" i="4"/>
  <c r="AZ726" i="4"/>
  <c r="BA726" i="4"/>
  <c r="BB726" i="4"/>
  <c r="BC726" i="4"/>
  <c r="BD726" i="4"/>
  <c r="BE726" i="4"/>
  <c r="BF726" i="4"/>
  <c r="BG726" i="4"/>
  <c r="BH726" i="4"/>
  <c r="BI726" i="4"/>
  <c r="BJ726" i="4"/>
  <c r="BK726" i="4"/>
  <c r="BL726" i="4"/>
  <c r="BM726" i="4"/>
  <c r="BN726" i="4"/>
  <c r="BO726" i="4"/>
  <c r="BP726" i="4"/>
  <c r="BQ726" i="4"/>
  <c r="BR726" i="4"/>
  <c r="BS726" i="4"/>
  <c r="BT726" i="4"/>
  <c r="BU726" i="4"/>
  <c r="BV726" i="4"/>
  <c r="BW726" i="4"/>
  <c r="BX726" i="4"/>
  <c r="BY726" i="4"/>
  <c r="BZ726" i="4"/>
  <c r="CA726" i="4"/>
  <c r="CB726" i="4"/>
  <c r="CC726" i="4"/>
  <c r="AY727" i="4"/>
  <c r="AZ727" i="4"/>
  <c r="BA727" i="4"/>
  <c r="BB727" i="4"/>
  <c r="BC727" i="4"/>
  <c r="BD727" i="4"/>
  <c r="BE727" i="4"/>
  <c r="BF727" i="4"/>
  <c r="BG727" i="4"/>
  <c r="BH727" i="4"/>
  <c r="BI727" i="4"/>
  <c r="BJ727" i="4"/>
  <c r="BK727" i="4"/>
  <c r="BL727" i="4"/>
  <c r="BM727" i="4"/>
  <c r="BN727" i="4"/>
  <c r="BO727" i="4"/>
  <c r="BP727" i="4"/>
  <c r="BQ727" i="4"/>
  <c r="BR727" i="4"/>
  <c r="BS727" i="4"/>
  <c r="BT727" i="4"/>
  <c r="BU727" i="4"/>
  <c r="BV727" i="4"/>
  <c r="BW727" i="4"/>
  <c r="BX727" i="4"/>
  <c r="BY727" i="4"/>
  <c r="BZ727" i="4"/>
  <c r="CA727" i="4"/>
  <c r="CB727" i="4"/>
  <c r="CC727" i="4"/>
  <c r="AY728" i="4"/>
  <c r="AZ728" i="4"/>
  <c r="BA728" i="4"/>
  <c r="BB728" i="4"/>
  <c r="BC728" i="4"/>
  <c r="BD728" i="4"/>
  <c r="BE728" i="4"/>
  <c r="BF728" i="4"/>
  <c r="BG728" i="4"/>
  <c r="BH728" i="4"/>
  <c r="BI728" i="4"/>
  <c r="BJ728" i="4"/>
  <c r="BK728" i="4"/>
  <c r="BL728" i="4"/>
  <c r="BM728" i="4"/>
  <c r="BN728" i="4"/>
  <c r="BO728" i="4"/>
  <c r="BP728" i="4"/>
  <c r="BQ728" i="4"/>
  <c r="BR728" i="4"/>
  <c r="BS728" i="4"/>
  <c r="BT728" i="4"/>
  <c r="BU728" i="4"/>
  <c r="BV728" i="4"/>
  <c r="BW728" i="4"/>
  <c r="BX728" i="4"/>
  <c r="BY728" i="4"/>
  <c r="BZ728" i="4"/>
  <c r="CA728" i="4"/>
  <c r="CB728" i="4"/>
  <c r="CC728" i="4"/>
  <c r="AY729" i="4"/>
  <c r="AZ729" i="4"/>
  <c r="BA729" i="4"/>
  <c r="BB729" i="4"/>
  <c r="BC729" i="4"/>
  <c r="BD729" i="4"/>
  <c r="BE729" i="4"/>
  <c r="BF729" i="4"/>
  <c r="BG729" i="4"/>
  <c r="BH729" i="4"/>
  <c r="BI729" i="4"/>
  <c r="BJ729" i="4"/>
  <c r="BK729" i="4"/>
  <c r="BL729" i="4"/>
  <c r="BM729" i="4"/>
  <c r="BN729" i="4"/>
  <c r="BO729" i="4"/>
  <c r="BP729" i="4"/>
  <c r="BQ729" i="4"/>
  <c r="BR729" i="4"/>
  <c r="BS729" i="4"/>
  <c r="BT729" i="4"/>
  <c r="BU729" i="4"/>
  <c r="BV729" i="4"/>
  <c r="BW729" i="4"/>
  <c r="BX729" i="4"/>
  <c r="BY729" i="4"/>
  <c r="BZ729" i="4"/>
  <c r="CA729" i="4"/>
  <c r="CB729" i="4"/>
  <c r="CC729" i="4"/>
  <c r="AY730" i="4"/>
  <c r="AZ730" i="4"/>
  <c r="BA730" i="4"/>
  <c r="BB730" i="4"/>
  <c r="BC730" i="4"/>
  <c r="BD730" i="4"/>
  <c r="BE730" i="4"/>
  <c r="BF730" i="4"/>
  <c r="BG730" i="4"/>
  <c r="BH730" i="4"/>
  <c r="BI730" i="4"/>
  <c r="BJ730" i="4"/>
  <c r="BK730" i="4"/>
  <c r="BL730" i="4"/>
  <c r="BM730" i="4"/>
  <c r="BN730" i="4"/>
  <c r="BO730" i="4"/>
  <c r="BP730" i="4"/>
  <c r="BQ730" i="4"/>
  <c r="BR730" i="4"/>
  <c r="BS730" i="4"/>
  <c r="BT730" i="4"/>
  <c r="BU730" i="4"/>
  <c r="BV730" i="4"/>
  <c r="BW730" i="4"/>
  <c r="BX730" i="4"/>
  <c r="BY730" i="4"/>
  <c r="BZ730" i="4"/>
  <c r="CA730" i="4"/>
  <c r="CB730" i="4"/>
  <c r="CC730" i="4"/>
  <c r="AY731" i="4"/>
  <c r="AZ731" i="4"/>
  <c r="BA731" i="4"/>
  <c r="BB731" i="4"/>
  <c r="BC731" i="4"/>
  <c r="BD731" i="4"/>
  <c r="BE731" i="4"/>
  <c r="BF731" i="4"/>
  <c r="BG731" i="4"/>
  <c r="BH731" i="4"/>
  <c r="BI731" i="4"/>
  <c r="BJ731" i="4"/>
  <c r="BK731" i="4"/>
  <c r="BL731" i="4"/>
  <c r="BM731" i="4"/>
  <c r="BN731" i="4"/>
  <c r="BO731" i="4"/>
  <c r="BP731" i="4"/>
  <c r="BQ731" i="4"/>
  <c r="BR731" i="4"/>
  <c r="BS731" i="4"/>
  <c r="BT731" i="4"/>
  <c r="BU731" i="4"/>
  <c r="BV731" i="4"/>
  <c r="BW731" i="4"/>
  <c r="BX731" i="4"/>
  <c r="BY731" i="4"/>
  <c r="BZ731" i="4"/>
  <c r="CA731" i="4"/>
  <c r="CB731" i="4"/>
  <c r="CC731" i="4"/>
  <c r="AY732" i="4"/>
  <c r="AZ732" i="4"/>
  <c r="BA732" i="4"/>
  <c r="BB732" i="4"/>
  <c r="BC732" i="4"/>
  <c r="BD732" i="4"/>
  <c r="BE732" i="4"/>
  <c r="BF732" i="4"/>
  <c r="BG732" i="4"/>
  <c r="BH732" i="4"/>
  <c r="BI732" i="4"/>
  <c r="BJ732" i="4"/>
  <c r="BK732" i="4"/>
  <c r="BL732" i="4"/>
  <c r="BM732" i="4"/>
  <c r="BN732" i="4"/>
  <c r="BO732" i="4"/>
  <c r="BP732" i="4"/>
  <c r="BQ732" i="4"/>
  <c r="BR732" i="4"/>
  <c r="BS732" i="4"/>
  <c r="BT732" i="4"/>
  <c r="BU732" i="4"/>
  <c r="BV732" i="4"/>
  <c r="BW732" i="4"/>
  <c r="BX732" i="4"/>
  <c r="BY732" i="4"/>
  <c r="BZ732" i="4"/>
  <c r="CA732" i="4"/>
  <c r="CB732" i="4"/>
  <c r="CC732" i="4"/>
  <c r="AY733" i="4"/>
  <c r="AZ733" i="4"/>
  <c r="BA733" i="4"/>
  <c r="BB733" i="4"/>
  <c r="BC733" i="4"/>
  <c r="BD733" i="4"/>
  <c r="BE733" i="4"/>
  <c r="BF733" i="4"/>
  <c r="BG733" i="4"/>
  <c r="BH733" i="4"/>
  <c r="BI733" i="4"/>
  <c r="BJ733" i="4"/>
  <c r="BK733" i="4"/>
  <c r="BL733" i="4"/>
  <c r="BM733" i="4"/>
  <c r="BN733" i="4"/>
  <c r="BO733" i="4"/>
  <c r="BP733" i="4"/>
  <c r="BQ733" i="4"/>
  <c r="BR733" i="4"/>
  <c r="BS733" i="4"/>
  <c r="BT733" i="4"/>
  <c r="BU733" i="4"/>
  <c r="BV733" i="4"/>
  <c r="BW733" i="4"/>
  <c r="BX733" i="4"/>
  <c r="BY733" i="4"/>
  <c r="BZ733" i="4"/>
  <c r="CA733" i="4"/>
  <c r="CB733" i="4"/>
  <c r="CC733" i="4"/>
  <c r="AY734" i="4"/>
  <c r="AZ734" i="4"/>
  <c r="BA734" i="4"/>
  <c r="BB734" i="4"/>
  <c r="BC734" i="4"/>
  <c r="BD734" i="4"/>
  <c r="BE734" i="4"/>
  <c r="BF734" i="4"/>
  <c r="BG734" i="4"/>
  <c r="BH734" i="4"/>
  <c r="BI734" i="4"/>
  <c r="BJ734" i="4"/>
  <c r="BK734" i="4"/>
  <c r="BL734" i="4"/>
  <c r="BM734" i="4"/>
  <c r="BN734" i="4"/>
  <c r="BO734" i="4"/>
  <c r="BP734" i="4"/>
  <c r="BQ734" i="4"/>
  <c r="BR734" i="4"/>
  <c r="BS734" i="4"/>
  <c r="BT734" i="4"/>
  <c r="BU734" i="4"/>
  <c r="BV734" i="4"/>
  <c r="BW734" i="4"/>
  <c r="BX734" i="4"/>
  <c r="BY734" i="4"/>
  <c r="BZ734" i="4"/>
  <c r="CA734" i="4"/>
  <c r="CB734" i="4"/>
  <c r="CC734" i="4"/>
  <c r="AY735" i="4"/>
  <c r="AZ735" i="4"/>
  <c r="BA735" i="4"/>
  <c r="BB735" i="4"/>
  <c r="BC735" i="4"/>
  <c r="BD735" i="4"/>
  <c r="BE735" i="4"/>
  <c r="BF735" i="4"/>
  <c r="BG735" i="4"/>
  <c r="BH735" i="4"/>
  <c r="BI735" i="4"/>
  <c r="BJ735" i="4"/>
  <c r="BK735" i="4"/>
  <c r="BL735" i="4"/>
  <c r="BM735" i="4"/>
  <c r="BN735" i="4"/>
  <c r="BO735" i="4"/>
  <c r="BP735" i="4"/>
  <c r="BQ735" i="4"/>
  <c r="BR735" i="4"/>
  <c r="BS735" i="4"/>
  <c r="BT735" i="4"/>
  <c r="BU735" i="4"/>
  <c r="BV735" i="4"/>
  <c r="BW735" i="4"/>
  <c r="BX735" i="4"/>
  <c r="BY735" i="4"/>
  <c r="BZ735" i="4"/>
  <c r="CA735" i="4"/>
  <c r="CB735" i="4"/>
  <c r="CC735" i="4"/>
  <c r="AY736" i="4"/>
  <c r="AZ736" i="4"/>
  <c r="BA736" i="4"/>
  <c r="BB736" i="4"/>
  <c r="BC736" i="4"/>
  <c r="BD736" i="4"/>
  <c r="BE736" i="4"/>
  <c r="BF736" i="4"/>
  <c r="BG736" i="4"/>
  <c r="BH736" i="4"/>
  <c r="BI736" i="4"/>
  <c r="BJ736" i="4"/>
  <c r="BK736" i="4"/>
  <c r="BL736" i="4"/>
  <c r="BM736" i="4"/>
  <c r="BN736" i="4"/>
  <c r="BO736" i="4"/>
  <c r="BP736" i="4"/>
  <c r="BQ736" i="4"/>
  <c r="BR736" i="4"/>
  <c r="BS736" i="4"/>
  <c r="BT736" i="4"/>
  <c r="BU736" i="4"/>
  <c r="BV736" i="4"/>
  <c r="BW736" i="4"/>
  <c r="BX736" i="4"/>
  <c r="BY736" i="4"/>
  <c r="BZ736" i="4"/>
  <c r="CA736" i="4"/>
  <c r="CB736" i="4"/>
  <c r="CC736" i="4"/>
  <c r="AY737" i="4"/>
  <c r="AZ737" i="4"/>
  <c r="BA737" i="4"/>
  <c r="BB737" i="4"/>
  <c r="BC737" i="4"/>
  <c r="BD737" i="4"/>
  <c r="BE737" i="4"/>
  <c r="BF737" i="4"/>
  <c r="BG737" i="4"/>
  <c r="BH737" i="4"/>
  <c r="BI737" i="4"/>
  <c r="BJ737" i="4"/>
  <c r="BK737" i="4"/>
  <c r="BL737" i="4"/>
  <c r="BM737" i="4"/>
  <c r="BN737" i="4"/>
  <c r="BO737" i="4"/>
  <c r="BP737" i="4"/>
  <c r="BQ737" i="4"/>
  <c r="BR737" i="4"/>
  <c r="BS737" i="4"/>
  <c r="BT737" i="4"/>
  <c r="BU737" i="4"/>
  <c r="BV737" i="4"/>
  <c r="BW737" i="4"/>
  <c r="BX737" i="4"/>
  <c r="BY737" i="4"/>
  <c r="BZ737" i="4"/>
  <c r="CA737" i="4"/>
  <c r="CB737" i="4"/>
  <c r="CC737" i="4"/>
  <c r="AY738" i="4"/>
  <c r="AZ738" i="4"/>
  <c r="BA738" i="4"/>
  <c r="BB738" i="4"/>
  <c r="BC738" i="4"/>
  <c r="BD738" i="4"/>
  <c r="BE738" i="4"/>
  <c r="BF738" i="4"/>
  <c r="BG738" i="4"/>
  <c r="BH738" i="4"/>
  <c r="BI738" i="4"/>
  <c r="BJ738" i="4"/>
  <c r="BK738" i="4"/>
  <c r="BL738" i="4"/>
  <c r="BM738" i="4"/>
  <c r="BN738" i="4"/>
  <c r="BO738" i="4"/>
  <c r="BP738" i="4"/>
  <c r="BQ738" i="4"/>
  <c r="BR738" i="4"/>
  <c r="BS738" i="4"/>
  <c r="BT738" i="4"/>
  <c r="BU738" i="4"/>
  <c r="BV738" i="4"/>
  <c r="BW738" i="4"/>
  <c r="BX738" i="4"/>
  <c r="BY738" i="4"/>
  <c r="BZ738" i="4"/>
  <c r="CA738" i="4"/>
  <c r="CB738" i="4"/>
  <c r="CC738" i="4"/>
  <c r="AY739" i="4"/>
  <c r="AZ739" i="4"/>
  <c r="BA739" i="4"/>
  <c r="BB739" i="4"/>
  <c r="BC739" i="4"/>
  <c r="BD739" i="4"/>
  <c r="BE739" i="4"/>
  <c r="BF739" i="4"/>
  <c r="BG739" i="4"/>
  <c r="BH739" i="4"/>
  <c r="BI739" i="4"/>
  <c r="BJ739" i="4"/>
  <c r="BK739" i="4"/>
  <c r="BL739" i="4"/>
  <c r="BM739" i="4"/>
  <c r="BN739" i="4"/>
  <c r="BO739" i="4"/>
  <c r="BP739" i="4"/>
  <c r="BQ739" i="4"/>
  <c r="BR739" i="4"/>
  <c r="BS739" i="4"/>
  <c r="BT739" i="4"/>
  <c r="BU739" i="4"/>
  <c r="BV739" i="4"/>
  <c r="BW739" i="4"/>
  <c r="BX739" i="4"/>
  <c r="BY739" i="4"/>
  <c r="BZ739" i="4"/>
  <c r="CA739" i="4"/>
  <c r="CB739" i="4"/>
  <c r="CC739" i="4"/>
  <c r="AY740" i="4"/>
  <c r="AZ740" i="4"/>
  <c r="BA740" i="4"/>
  <c r="BB740" i="4"/>
  <c r="BC740" i="4"/>
  <c r="BD740" i="4"/>
  <c r="BE740" i="4"/>
  <c r="BF740" i="4"/>
  <c r="BG740" i="4"/>
  <c r="BH740" i="4"/>
  <c r="BI740" i="4"/>
  <c r="BJ740" i="4"/>
  <c r="BK740" i="4"/>
  <c r="BL740" i="4"/>
  <c r="BM740" i="4"/>
  <c r="BN740" i="4"/>
  <c r="BO740" i="4"/>
  <c r="BP740" i="4"/>
  <c r="BQ740" i="4"/>
  <c r="BR740" i="4"/>
  <c r="BS740" i="4"/>
  <c r="BT740" i="4"/>
  <c r="BU740" i="4"/>
  <c r="BV740" i="4"/>
  <c r="BW740" i="4"/>
  <c r="BX740" i="4"/>
  <c r="BY740" i="4"/>
  <c r="BZ740" i="4"/>
  <c r="CA740" i="4"/>
  <c r="CB740" i="4"/>
  <c r="CC740" i="4"/>
  <c r="AY741" i="4"/>
  <c r="AZ741" i="4"/>
  <c r="BA741" i="4"/>
  <c r="BB741" i="4"/>
  <c r="BC741" i="4"/>
  <c r="BD741" i="4"/>
  <c r="BE741" i="4"/>
  <c r="BF741" i="4"/>
  <c r="BG741" i="4"/>
  <c r="BH741" i="4"/>
  <c r="BI741" i="4"/>
  <c r="BJ741" i="4"/>
  <c r="BK741" i="4"/>
  <c r="BL741" i="4"/>
  <c r="BM741" i="4"/>
  <c r="BN741" i="4"/>
  <c r="BO741" i="4"/>
  <c r="BP741" i="4"/>
  <c r="BQ741" i="4"/>
  <c r="BR741" i="4"/>
  <c r="BS741" i="4"/>
  <c r="BT741" i="4"/>
  <c r="BU741" i="4"/>
  <c r="BV741" i="4"/>
  <c r="BW741" i="4"/>
  <c r="BX741" i="4"/>
  <c r="BY741" i="4"/>
  <c r="BZ741" i="4"/>
  <c r="CA741" i="4"/>
  <c r="CB741" i="4"/>
  <c r="CC741" i="4"/>
  <c r="AY742" i="4"/>
  <c r="AZ742" i="4"/>
  <c r="BA742" i="4"/>
  <c r="BB742" i="4"/>
  <c r="BC742" i="4"/>
  <c r="BD742" i="4"/>
  <c r="BE742" i="4"/>
  <c r="BF742" i="4"/>
  <c r="BG742" i="4"/>
  <c r="BH742" i="4"/>
  <c r="BI742" i="4"/>
  <c r="BJ742" i="4"/>
  <c r="BK742" i="4"/>
  <c r="BL742" i="4"/>
  <c r="BM742" i="4"/>
  <c r="BN742" i="4"/>
  <c r="BO742" i="4"/>
  <c r="BP742" i="4"/>
  <c r="BQ742" i="4"/>
  <c r="BR742" i="4"/>
  <c r="BS742" i="4"/>
  <c r="BT742" i="4"/>
  <c r="BU742" i="4"/>
  <c r="BV742" i="4"/>
  <c r="BW742" i="4"/>
  <c r="BX742" i="4"/>
  <c r="BY742" i="4"/>
  <c r="BZ742" i="4"/>
  <c r="CA742" i="4"/>
  <c r="CB742" i="4"/>
  <c r="CC742" i="4"/>
  <c r="AY743" i="4"/>
  <c r="AZ743" i="4"/>
  <c r="BA743" i="4"/>
  <c r="BB743" i="4"/>
  <c r="BC743" i="4"/>
  <c r="BD743" i="4"/>
  <c r="BE743" i="4"/>
  <c r="BF743" i="4"/>
  <c r="BG743" i="4"/>
  <c r="BH743" i="4"/>
  <c r="BI743" i="4"/>
  <c r="BJ743" i="4"/>
  <c r="BK743" i="4"/>
  <c r="BL743" i="4"/>
  <c r="BM743" i="4"/>
  <c r="BN743" i="4"/>
  <c r="BO743" i="4"/>
  <c r="BP743" i="4"/>
  <c r="BQ743" i="4"/>
  <c r="BR743" i="4"/>
  <c r="BS743" i="4"/>
  <c r="BT743" i="4"/>
  <c r="BU743" i="4"/>
  <c r="BV743" i="4"/>
  <c r="BW743" i="4"/>
  <c r="BX743" i="4"/>
  <c r="BY743" i="4"/>
  <c r="BZ743" i="4"/>
  <c r="CA743" i="4"/>
  <c r="CB743" i="4"/>
  <c r="CC743" i="4"/>
  <c r="AY744" i="4"/>
  <c r="AZ744" i="4"/>
  <c r="BA744" i="4"/>
  <c r="BB744" i="4"/>
  <c r="BC744" i="4"/>
  <c r="BD744" i="4"/>
  <c r="BE744" i="4"/>
  <c r="BF744" i="4"/>
  <c r="BG744" i="4"/>
  <c r="BH744" i="4"/>
  <c r="BI744" i="4"/>
  <c r="BJ744" i="4"/>
  <c r="BK744" i="4"/>
  <c r="BL744" i="4"/>
  <c r="BM744" i="4"/>
  <c r="BN744" i="4"/>
  <c r="BO744" i="4"/>
  <c r="BP744" i="4"/>
  <c r="BQ744" i="4"/>
  <c r="BR744" i="4"/>
  <c r="BS744" i="4"/>
  <c r="BT744" i="4"/>
  <c r="BU744" i="4"/>
  <c r="BV744" i="4"/>
  <c r="BW744" i="4"/>
  <c r="BX744" i="4"/>
  <c r="BY744" i="4"/>
  <c r="BZ744" i="4"/>
  <c r="CA744" i="4"/>
  <c r="CB744" i="4"/>
  <c r="CC744" i="4"/>
  <c r="AY745" i="4"/>
  <c r="AZ745" i="4"/>
  <c r="BA745" i="4"/>
  <c r="BB745" i="4"/>
  <c r="BC745" i="4"/>
  <c r="BD745" i="4"/>
  <c r="BE745" i="4"/>
  <c r="BF745" i="4"/>
  <c r="BG745" i="4"/>
  <c r="BH745" i="4"/>
  <c r="BI745" i="4"/>
  <c r="BJ745" i="4"/>
  <c r="BK745" i="4"/>
  <c r="BL745" i="4"/>
  <c r="BM745" i="4"/>
  <c r="BN745" i="4"/>
  <c r="BO745" i="4"/>
  <c r="BP745" i="4"/>
  <c r="BQ745" i="4"/>
  <c r="BR745" i="4"/>
  <c r="BS745" i="4"/>
  <c r="BT745" i="4"/>
  <c r="BU745" i="4"/>
  <c r="BV745" i="4"/>
  <c r="BW745" i="4"/>
  <c r="BX745" i="4"/>
  <c r="BY745" i="4"/>
  <c r="BZ745" i="4"/>
  <c r="CA745" i="4"/>
  <c r="CB745" i="4"/>
  <c r="CC745" i="4"/>
  <c r="AY746" i="4"/>
  <c r="AZ746" i="4"/>
  <c r="BA746" i="4"/>
  <c r="BB746" i="4"/>
  <c r="BC746" i="4"/>
  <c r="BD746" i="4"/>
  <c r="BE746" i="4"/>
  <c r="BF746" i="4"/>
  <c r="BG746" i="4"/>
  <c r="BH746" i="4"/>
  <c r="BI746" i="4"/>
  <c r="BJ746" i="4"/>
  <c r="BK746" i="4"/>
  <c r="BL746" i="4"/>
  <c r="BM746" i="4"/>
  <c r="BN746" i="4"/>
  <c r="BO746" i="4"/>
  <c r="BP746" i="4"/>
  <c r="BQ746" i="4"/>
  <c r="BR746" i="4"/>
  <c r="BS746" i="4"/>
  <c r="BT746" i="4"/>
  <c r="BU746" i="4"/>
  <c r="BV746" i="4"/>
  <c r="BW746" i="4"/>
  <c r="BX746" i="4"/>
  <c r="BY746" i="4"/>
  <c r="BZ746" i="4"/>
  <c r="CA746" i="4"/>
  <c r="CB746" i="4"/>
  <c r="CC746" i="4"/>
  <c r="AY747" i="4"/>
  <c r="AZ747" i="4"/>
  <c r="BA747" i="4"/>
  <c r="BB747" i="4"/>
  <c r="BC747" i="4"/>
  <c r="BD747" i="4"/>
  <c r="BE747" i="4"/>
  <c r="BF747" i="4"/>
  <c r="BG747" i="4"/>
  <c r="BH747" i="4"/>
  <c r="BI747" i="4"/>
  <c r="BJ747" i="4"/>
  <c r="BK747" i="4"/>
  <c r="BL747" i="4"/>
  <c r="BM747" i="4"/>
  <c r="BN747" i="4"/>
  <c r="BO747" i="4"/>
  <c r="BP747" i="4"/>
  <c r="BQ747" i="4"/>
  <c r="BR747" i="4"/>
  <c r="BS747" i="4"/>
  <c r="BT747" i="4"/>
  <c r="BU747" i="4"/>
  <c r="BV747" i="4"/>
  <c r="BW747" i="4"/>
  <c r="BX747" i="4"/>
  <c r="BY747" i="4"/>
  <c r="BZ747" i="4"/>
  <c r="CA747" i="4"/>
  <c r="CB747" i="4"/>
  <c r="CC747" i="4"/>
  <c r="AY748" i="4"/>
  <c r="AZ748" i="4"/>
  <c r="BA748" i="4"/>
  <c r="BB748" i="4"/>
  <c r="BC748" i="4"/>
  <c r="BD748" i="4"/>
  <c r="BE748" i="4"/>
  <c r="BF748" i="4"/>
  <c r="BG748" i="4"/>
  <c r="BH748" i="4"/>
  <c r="BI748" i="4"/>
  <c r="BJ748" i="4"/>
  <c r="BK748" i="4"/>
  <c r="BL748" i="4"/>
  <c r="BM748" i="4"/>
  <c r="BN748" i="4"/>
  <c r="BO748" i="4"/>
  <c r="BP748" i="4"/>
  <c r="BQ748" i="4"/>
  <c r="BR748" i="4"/>
  <c r="BS748" i="4"/>
  <c r="BT748" i="4"/>
  <c r="BU748" i="4"/>
  <c r="BV748" i="4"/>
  <c r="BW748" i="4"/>
  <c r="BX748" i="4"/>
  <c r="BY748" i="4"/>
  <c r="BZ748" i="4"/>
  <c r="CA748" i="4"/>
  <c r="CB748" i="4"/>
  <c r="CC748" i="4"/>
  <c r="AY749" i="4"/>
  <c r="AZ749" i="4"/>
  <c r="BA749" i="4"/>
  <c r="BB749" i="4"/>
  <c r="BC749" i="4"/>
  <c r="BD749" i="4"/>
  <c r="BE749" i="4"/>
  <c r="BF749" i="4"/>
  <c r="BG749" i="4"/>
  <c r="BH749" i="4"/>
  <c r="BI749" i="4"/>
  <c r="BJ749" i="4"/>
  <c r="BK749" i="4"/>
  <c r="BL749" i="4"/>
  <c r="BM749" i="4"/>
  <c r="BN749" i="4"/>
  <c r="BO749" i="4"/>
  <c r="BP749" i="4"/>
  <c r="BQ749" i="4"/>
  <c r="BR749" i="4"/>
  <c r="BS749" i="4"/>
  <c r="BT749" i="4"/>
  <c r="BU749" i="4"/>
  <c r="BV749" i="4"/>
  <c r="BW749" i="4"/>
  <c r="BX749" i="4"/>
  <c r="BY749" i="4"/>
  <c r="BZ749" i="4"/>
  <c r="CA749" i="4"/>
  <c r="CB749" i="4"/>
  <c r="CC749" i="4"/>
  <c r="AY750" i="4"/>
  <c r="AZ750" i="4"/>
  <c r="BA750" i="4"/>
  <c r="BB750" i="4"/>
  <c r="BC750" i="4"/>
  <c r="BD750" i="4"/>
  <c r="BE750" i="4"/>
  <c r="BF750" i="4"/>
  <c r="BG750" i="4"/>
  <c r="BH750" i="4"/>
  <c r="BI750" i="4"/>
  <c r="BJ750" i="4"/>
  <c r="BK750" i="4"/>
  <c r="BL750" i="4"/>
  <c r="BM750" i="4"/>
  <c r="BN750" i="4"/>
  <c r="BO750" i="4"/>
  <c r="BP750" i="4"/>
  <c r="BQ750" i="4"/>
  <c r="BR750" i="4"/>
  <c r="BS750" i="4"/>
  <c r="BT750" i="4"/>
  <c r="BU750" i="4"/>
  <c r="BV750" i="4"/>
  <c r="BW750" i="4"/>
  <c r="BX750" i="4"/>
  <c r="BY750" i="4"/>
  <c r="BZ750" i="4"/>
  <c r="CA750" i="4"/>
  <c r="CB750" i="4"/>
  <c r="CC750" i="4"/>
  <c r="AY751" i="4"/>
  <c r="AZ751" i="4"/>
  <c r="BA751" i="4"/>
  <c r="BB751" i="4"/>
  <c r="BC751" i="4"/>
  <c r="BD751" i="4"/>
  <c r="BE751" i="4"/>
  <c r="BF751" i="4"/>
  <c r="BG751" i="4"/>
  <c r="BH751" i="4"/>
  <c r="BI751" i="4"/>
  <c r="BJ751" i="4"/>
  <c r="BK751" i="4"/>
  <c r="BL751" i="4"/>
  <c r="BM751" i="4"/>
  <c r="BN751" i="4"/>
  <c r="BO751" i="4"/>
  <c r="BP751" i="4"/>
  <c r="BQ751" i="4"/>
  <c r="BR751" i="4"/>
  <c r="BS751" i="4"/>
  <c r="BT751" i="4"/>
  <c r="BU751" i="4"/>
  <c r="BV751" i="4"/>
  <c r="BW751" i="4"/>
  <c r="BX751" i="4"/>
  <c r="BY751" i="4"/>
  <c r="BZ751" i="4"/>
  <c r="CA751" i="4"/>
  <c r="CB751" i="4"/>
  <c r="CC751" i="4"/>
  <c r="AY752" i="4"/>
  <c r="AZ752" i="4"/>
  <c r="BA752" i="4"/>
  <c r="BB752" i="4"/>
  <c r="BC752" i="4"/>
  <c r="BD752" i="4"/>
  <c r="BE752" i="4"/>
  <c r="BF752" i="4"/>
  <c r="BG752" i="4"/>
  <c r="BH752" i="4"/>
  <c r="BI752" i="4"/>
  <c r="BJ752" i="4"/>
  <c r="BK752" i="4"/>
  <c r="BL752" i="4"/>
  <c r="BM752" i="4"/>
  <c r="BN752" i="4"/>
  <c r="BO752" i="4"/>
  <c r="BP752" i="4"/>
  <c r="BQ752" i="4"/>
  <c r="BR752" i="4"/>
  <c r="BS752" i="4"/>
  <c r="BT752" i="4"/>
  <c r="BU752" i="4"/>
  <c r="BV752" i="4"/>
  <c r="BW752" i="4"/>
  <c r="BX752" i="4"/>
  <c r="BY752" i="4"/>
  <c r="BZ752" i="4"/>
  <c r="CA752" i="4"/>
  <c r="CB752" i="4"/>
  <c r="CC752" i="4"/>
  <c r="AY753" i="4"/>
  <c r="AZ753" i="4"/>
  <c r="BA753" i="4"/>
  <c r="BB753" i="4"/>
  <c r="BC753" i="4"/>
  <c r="BD753" i="4"/>
  <c r="BE753" i="4"/>
  <c r="BF753" i="4"/>
  <c r="BG753" i="4"/>
  <c r="BH753" i="4"/>
  <c r="BI753" i="4"/>
  <c r="BJ753" i="4"/>
  <c r="BK753" i="4"/>
  <c r="BL753" i="4"/>
  <c r="BM753" i="4"/>
  <c r="BN753" i="4"/>
  <c r="BO753" i="4"/>
  <c r="BP753" i="4"/>
  <c r="BQ753" i="4"/>
  <c r="BR753" i="4"/>
  <c r="BS753" i="4"/>
  <c r="BT753" i="4"/>
  <c r="BU753" i="4"/>
  <c r="BV753" i="4"/>
  <c r="BW753" i="4"/>
  <c r="BX753" i="4"/>
  <c r="BY753" i="4"/>
  <c r="BZ753" i="4"/>
  <c r="CA753" i="4"/>
  <c r="CB753" i="4"/>
  <c r="CC753" i="4"/>
  <c r="AY754" i="4"/>
  <c r="AZ754" i="4"/>
  <c r="BA754" i="4"/>
  <c r="BB754" i="4"/>
  <c r="BC754" i="4"/>
  <c r="BD754" i="4"/>
  <c r="BE754" i="4"/>
  <c r="BF754" i="4"/>
  <c r="BG754" i="4"/>
  <c r="BH754" i="4"/>
  <c r="BI754" i="4"/>
  <c r="BJ754" i="4"/>
  <c r="BK754" i="4"/>
  <c r="BL754" i="4"/>
  <c r="BM754" i="4"/>
  <c r="BN754" i="4"/>
  <c r="BO754" i="4"/>
  <c r="BP754" i="4"/>
  <c r="BQ754" i="4"/>
  <c r="BR754" i="4"/>
  <c r="BS754" i="4"/>
  <c r="BT754" i="4"/>
  <c r="BU754" i="4"/>
  <c r="BV754" i="4"/>
  <c r="BW754" i="4"/>
  <c r="BX754" i="4"/>
  <c r="BY754" i="4"/>
  <c r="BZ754" i="4"/>
  <c r="CA754" i="4"/>
  <c r="CB754" i="4"/>
  <c r="CC754" i="4"/>
  <c r="AY755" i="4"/>
  <c r="AZ755" i="4"/>
  <c r="BA755" i="4"/>
  <c r="BB755" i="4"/>
  <c r="BC755" i="4"/>
  <c r="BD755" i="4"/>
  <c r="BE755" i="4"/>
  <c r="BF755" i="4"/>
  <c r="BG755" i="4"/>
  <c r="BH755" i="4"/>
  <c r="BI755" i="4"/>
  <c r="BJ755" i="4"/>
  <c r="BK755" i="4"/>
  <c r="BL755" i="4"/>
  <c r="BM755" i="4"/>
  <c r="BN755" i="4"/>
  <c r="BO755" i="4"/>
  <c r="BP755" i="4"/>
  <c r="BQ755" i="4"/>
  <c r="BR755" i="4"/>
  <c r="BS755" i="4"/>
  <c r="BT755" i="4"/>
  <c r="BU755" i="4"/>
  <c r="BV755" i="4"/>
  <c r="BW755" i="4"/>
  <c r="BX755" i="4"/>
  <c r="BY755" i="4"/>
  <c r="BZ755" i="4"/>
  <c r="CA755" i="4"/>
  <c r="CB755" i="4"/>
  <c r="CC755" i="4"/>
  <c r="AY756" i="4"/>
  <c r="AZ756" i="4"/>
  <c r="BA756" i="4"/>
  <c r="BB756" i="4"/>
  <c r="BC756" i="4"/>
  <c r="BD756" i="4"/>
  <c r="BE756" i="4"/>
  <c r="BF756" i="4"/>
  <c r="BG756" i="4"/>
  <c r="BH756" i="4"/>
  <c r="BI756" i="4"/>
  <c r="BJ756" i="4"/>
  <c r="BK756" i="4"/>
  <c r="BL756" i="4"/>
  <c r="BM756" i="4"/>
  <c r="BN756" i="4"/>
  <c r="BO756" i="4"/>
  <c r="BP756" i="4"/>
  <c r="BQ756" i="4"/>
  <c r="BR756" i="4"/>
  <c r="BS756" i="4"/>
  <c r="BT756" i="4"/>
  <c r="BU756" i="4"/>
  <c r="BV756" i="4"/>
  <c r="BW756" i="4"/>
  <c r="BX756" i="4"/>
  <c r="BY756" i="4"/>
  <c r="BZ756" i="4"/>
  <c r="CA756" i="4"/>
  <c r="CB756" i="4"/>
  <c r="CC756" i="4"/>
  <c r="AY757" i="4"/>
  <c r="AZ757" i="4"/>
  <c r="BA757" i="4"/>
  <c r="BB757" i="4"/>
  <c r="BC757" i="4"/>
  <c r="BD757" i="4"/>
  <c r="BE757" i="4"/>
  <c r="BF757" i="4"/>
  <c r="BG757" i="4"/>
  <c r="BH757" i="4"/>
  <c r="BI757" i="4"/>
  <c r="BJ757" i="4"/>
  <c r="BK757" i="4"/>
  <c r="BL757" i="4"/>
  <c r="BM757" i="4"/>
  <c r="BN757" i="4"/>
  <c r="BO757" i="4"/>
  <c r="BP757" i="4"/>
  <c r="BQ757" i="4"/>
  <c r="BR757" i="4"/>
  <c r="BS757" i="4"/>
  <c r="BT757" i="4"/>
  <c r="BU757" i="4"/>
  <c r="BV757" i="4"/>
  <c r="BW757" i="4"/>
  <c r="BX757" i="4"/>
  <c r="BY757" i="4"/>
  <c r="BZ757" i="4"/>
  <c r="CA757" i="4"/>
  <c r="CB757" i="4"/>
  <c r="CC757" i="4"/>
  <c r="AY758" i="4"/>
  <c r="AZ758" i="4"/>
  <c r="BA758" i="4"/>
  <c r="BB758" i="4"/>
  <c r="BC758" i="4"/>
  <c r="BD758" i="4"/>
  <c r="BE758" i="4"/>
  <c r="BF758" i="4"/>
  <c r="BG758" i="4"/>
  <c r="BH758" i="4"/>
  <c r="BI758" i="4"/>
  <c r="BJ758" i="4"/>
  <c r="BK758" i="4"/>
  <c r="BL758" i="4"/>
  <c r="BM758" i="4"/>
  <c r="BN758" i="4"/>
  <c r="BO758" i="4"/>
  <c r="BP758" i="4"/>
  <c r="BQ758" i="4"/>
  <c r="BR758" i="4"/>
  <c r="BS758" i="4"/>
  <c r="BT758" i="4"/>
  <c r="BU758" i="4"/>
  <c r="BV758" i="4"/>
  <c r="BW758" i="4"/>
  <c r="BX758" i="4"/>
  <c r="BY758" i="4"/>
  <c r="BZ758" i="4"/>
  <c r="CA758" i="4"/>
  <c r="CB758" i="4"/>
  <c r="CC758" i="4"/>
  <c r="AY759" i="4"/>
  <c r="AZ759" i="4"/>
  <c r="BA759" i="4"/>
  <c r="BB759" i="4"/>
  <c r="BC759" i="4"/>
  <c r="BD759" i="4"/>
  <c r="BE759" i="4"/>
  <c r="BF759" i="4"/>
  <c r="BG759" i="4"/>
  <c r="BH759" i="4"/>
  <c r="BI759" i="4"/>
  <c r="BJ759" i="4"/>
  <c r="BK759" i="4"/>
  <c r="BL759" i="4"/>
  <c r="BM759" i="4"/>
  <c r="BN759" i="4"/>
  <c r="BO759" i="4"/>
  <c r="BP759" i="4"/>
  <c r="BQ759" i="4"/>
  <c r="BR759" i="4"/>
  <c r="BS759" i="4"/>
  <c r="BT759" i="4"/>
  <c r="BU759" i="4"/>
  <c r="BV759" i="4"/>
  <c r="BW759" i="4"/>
  <c r="BX759" i="4"/>
  <c r="BY759" i="4"/>
  <c r="BZ759" i="4"/>
  <c r="CA759" i="4"/>
  <c r="CB759" i="4"/>
  <c r="CC759" i="4"/>
  <c r="AY760" i="4"/>
  <c r="AZ760" i="4"/>
  <c r="BA760" i="4"/>
  <c r="BB760" i="4"/>
  <c r="BC760" i="4"/>
  <c r="BD760" i="4"/>
  <c r="BE760" i="4"/>
  <c r="BF760" i="4"/>
  <c r="BG760" i="4"/>
  <c r="BH760" i="4"/>
  <c r="BI760" i="4"/>
  <c r="BJ760" i="4"/>
  <c r="BK760" i="4"/>
  <c r="BL760" i="4"/>
  <c r="BM760" i="4"/>
  <c r="BN760" i="4"/>
  <c r="BO760" i="4"/>
  <c r="BP760" i="4"/>
  <c r="BQ760" i="4"/>
  <c r="BR760" i="4"/>
  <c r="BS760" i="4"/>
  <c r="BT760" i="4"/>
  <c r="BU760" i="4"/>
  <c r="BV760" i="4"/>
  <c r="BW760" i="4"/>
  <c r="BX760" i="4"/>
  <c r="BY760" i="4"/>
  <c r="BZ760" i="4"/>
  <c r="CA760" i="4"/>
  <c r="CB760" i="4"/>
  <c r="CC760" i="4"/>
  <c r="AY761" i="4"/>
  <c r="AZ761" i="4"/>
  <c r="BA761" i="4"/>
  <c r="BB761" i="4"/>
  <c r="BC761" i="4"/>
  <c r="BD761" i="4"/>
  <c r="BE761" i="4"/>
  <c r="BF761" i="4"/>
  <c r="BG761" i="4"/>
  <c r="BH761" i="4"/>
  <c r="BI761" i="4"/>
  <c r="BJ761" i="4"/>
  <c r="BK761" i="4"/>
  <c r="BL761" i="4"/>
  <c r="BM761" i="4"/>
  <c r="BN761" i="4"/>
  <c r="BO761" i="4"/>
  <c r="BP761" i="4"/>
  <c r="BQ761" i="4"/>
  <c r="BR761" i="4"/>
  <c r="BS761" i="4"/>
  <c r="BT761" i="4"/>
  <c r="BU761" i="4"/>
  <c r="BV761" i="4"/>
  <c r="BW761" i="4"/>
  <c r="BX761" i="4"/>
  <c r="BY761" i="4"/>
  <c r="BZ761" i="4"/>
  <c r="CA761" i="4"/>
  <c r="CB761" i="4"/>
  <c r="CC761" i="4"/>
  <c r="AY762" i="4"/>
  <c r="AZ762" i="4"/>
  <c r="BA762" i="4"/>
  <c r="BB762" i="4"/>
  <c r="BC762" i="4"/>
  <c r="BD762" i="4"/>
  <c r="BE762" i="4"/>
  <c r="BF762" i="4"/>
  <c r="BG762" i="4"/>
  <c r="BH762" i="4"/>
  <c r="BI762" i="4"/>
  <c r="BJ762" i="4"/>
  <c r="BK762" i="4"/>
  <c r="BL762" i="4"/>
  <c r="BM762" i="4"/>
  <c r="BN762" i="4"/>
  <c r="BO762" i="4"/>
  <c r="BP762" i="4"/>
  <c r="BQ762" i="4"/>
  <c r="BR762" i="4"/>
  <c r="BS762" i="4"/>
  <c r="BT762" i="4"/>
  <c r="BU762" i="4"/>
  <c r="BV762" i="4"/>
  <c r="BW762" i="4"/>
  <c r="BX762" i="4"/>
  <c r="BY762" i="4"/>
  <c r="BZ762" i="4"/>
  <c r="CA762" i="4"/>
  <c r="CB762" i="4"/>
  <c r="CC762" i="4"/>
  <c r="AY763" i="4"/>
  <c r="AZ763" i="4"/>
  <c r="BA763" i="4"/>
  <c r="BB763" i="4"/>
  <c r="BC763" i="4"/>
  <c r="BD763" i="4"/>
  <c r="BE763" i="4"/>
  <c r="BF763" i="4"/>
  <c r="BG763" i="4"/>
  <c r="BH763" i="4"/>
  <c r="BI763" i="4"/>
  <c r="BJ763" i="4"/>
  <c r="BK763" i="4"/>
  <c r="BL763" i="4"/>
  <c r="BM763" i="4"/>
  <c r="BN763" i="4"/>
  <c r="BO763" i="4"/>
  <c r="BP763" i="4"/>
  <c r="BQ763" i="4"/>
  <c r="BR763" i="4"/>
  <c r="BS763" i="4"/>
  <c r="BT763" i="4"/>
  <c r="BU763" i="4"/>
  <c r="BV763" i="4"/>
  <c r="BW763" i="4"/>
  <c r="BX763" i="4"/>
  <c r="BY763" i="4"/>
  <c r="BZ763" i="4"/>
  <c r="CA763" i="4"/>
  <c r="CB763" i="4"/>
  <c r="CC763" i="4"/>
  <c r="AY764" i="4"/>
  <c r="AZ764" i="4"/>
  <c r="BA764" i="4"/>
  <c r="BB764" i="4"/>
  <c r="BC764" i="4"/>
  <c r="BD764" i="4"/>
  <c r="BE764" i="4"/>
  <c r="BF764" i="4"/>
  <c r="BG764" i="4"/>
  <c r="BH764" i="4"/>
  <c r="BI764" i="4"/>
  <c r="BJ764" i="4"/>
  <c r="BK764" i="4"/>
  <c r="BL764" i="4"/>
  <c r="BM764" i="4"/>
  <c r="BN764" i="4"/>
  <c r="BO764" i="4"/>
  <c r="BP764" i="4"/>
  <c r="BQ764" i="4"/>
  <c r="BR764" i="4"/>
  <c r="BS764" i="4"/>
  <c r="BT764" i="4"/>
  <c r="BU764" i="4"/>
  <c r="BV764" i="4"/>
  <c r="BW764" i="4"/>
  <c r="BX764" i="4"/>
  <c r="BY764" i="4"/>
  <c r="BZ764" i="4"/>
  <c r="CA764" i="4"/>
  <c r="CB764" i="4"/>
  <c r="CC764" i="4"/>
  <c r="AY765" i="4"/>
  <c r="AZ765" i="4"/>
  <c r="BA765" i="4"/>
  <c r="BB765" i="4"/>
  <c r="BC765" i="4"/>
  <c r="BD765" i="4"/>
  <c r="BE765" i="4"/>
  <c r="BF765" i="4"/>
  <c r="BG765" i="4"/>
  <c r="BH765" i="4"/>
  <c r="BI765" i="4"/>
  <c r="BJ765" i="4"/>
  <c r="BK765" i="4"/>
  <c r="BL765" i="4"/>
  <c r="BM765" i="4"/>
  <c r="BN765" i="4"/>
  <c r="BO765" i="4"/>
  <c r="BP765" i="4"/>
  <c r="BQ765" i="4"/>
  <c r="BR765" i="4"/>
  <c r="BS765" i="4"/>
  <c r="BT765" i="4"/>
  <c r="BU765" i="4"/>
  <c r="BV765" i="4"/>
  <c r="BW765" i="4"/>
  <c r="BX765" i="4"/>
  <c r="BY765" i="4"/>
  <c r="BZ765" i="4"/>
  <c r="CA765" i="4"/>
  <c r="CB765" i="4"/>
  <c r="CC765" i="4"/>
  <c r="AY766" i="4"/>
  <c r="AZ766" i="4"/>
  <c r="BA766" i="4"/>
  <c r="BB766" i="4"/>
  <c r="BC766" i="4"/>
  <c r="BD766" i="4"/>
  <c r="BE766" i="4"/>
  <c r="BF766" i="4"/>
  <c r="BG766" i="4"/>
  <c r="BH766" i="4"/>
  <c r="BI766" i="4"/>
  <c r="BJ766" i="4"/>
  <c r="BK766" i="4"/>
  <c r="BL766" i="4"/>
  <c r="BM766" i="4"/>
  <c r="BN766" i="4"/>
  <c r="BO766" i="4"/>
  <c r="BP766" i="4"/>
  <c r="BQ766" i="4"/>
  <c r="BR766" i="4"/>
  <c r="BS766" i="4"/>
  <c r="BT766" i="4"/>
  <c r="BU766" i="4"/>
  <c r="BV766" i="4"/>
  <c r="BW766" i="4"/>
  <c r="BX766" i="4"/>
  <c r="BY766" i="4"/>
  <c r="BZ766" i="4"/>
  <c r="CA766" i="4"/>
  <c r="CB766" i="4"/>
  <c r="CC766" i="4"/>
  <c r="AY767" i="4"/>
  <c r="AZ767" i="4"/>
  <c r="BA767" i="4"/>
  <c r="BB767" i="4"/>
  <c r="BC767" i="4"/>
  <c r="BD767" i="4"/>
  <c r="BE767" i="4"/>
  <c r="BF767" i="4"/>
  <c r="BG767" i="4"/>
  <c r="BH767" i="4"/>
  <c r="BI767" i="4"/>
  <c r="BJ767" i="4"/>
  <c r="BK767" i="4"/>
  <c r="BL767" i="4"/>
  <c r="BM767" i="4"/>
  <c r="BN767" i="4"/>
  <c r="BO767" i="4"/>
  <c r="BP767" i="4"/>
  <c r="BQ767" i="4"/>
  <c r="BR767" i="4"/>
  <c r="BS767" i="4"/>
  <c r="BT767" i="4"/>
  <c r="BU767" i="4"/>
  <c r="BV767" i="4"/>
  <c r="BW767" i="4"/>
  <c r="BX767" i="4"/>
  <c r="BY767" i="4"/>
  <c r="BZ767" i="4"/>
  <c r="CA767" i="4"/>
  <c r="CB767" i="4"/>
  <c r="CC767" i="4"/>
  <c r="AY768" i="4"/>
  <c r="AZ768" i="4"/>
  <c r="BA768" i="4"/>
  <c r="BB768" i="4"/>
  <c r="BC768" i="4"/>
  <c r="BD768" i="4"/>
  <c r="BE768" i="4"/>
  <c r="BF768" i="4"/>
  <c r="BG768" i="4"/>
  <c r="BH768" i="4"/>
  <c r="BI768" i="4"/>
  <c r="BJ768" i="4"/>
  <c r="BK768" i="4"/>
  <c r="BL768" i="4"/>
  <c r="BM768" i="4"/>
  <c r="BN768" i="4"/>
  <c r="BO768" i="4"/>
  <c r="BP768" i="4"/>
  <c r="BQ768" i="4"/>
  <c r="BR768" i="4"/>
  <c r="BS768" i="4"/>
  <c r="BT768" i="4"/>
  <c r="BU768" i="4"/>
  <c r="BV768" i="4"/>
  <c r="BW768" i="4"/>
  <c r="BX768" i="4"/>
  <c r="BY768" i="4"/>
  <c r="BZ768" i="4"/>
  <c r="CA768" i="4"/>
  <c r="CB768" i="4"/>
  <c r="CC768" i="4"/>
  <c r="AY769" i="4"/>
  <c r="AZ769" i="4"/>
  <c r="BA769" i="4"/>
  <c r="BB769" i="4"/>
  <c r="BC769" i="4"/>
  <c r="BD769" i="4"/>
  <c r="BE769" i="4"/>
  <c r="BF769" i="4"/>
  <c r="BG769" i="4"/>
  <c r="BH769" i="4"/>
  <c r="BI769" i="4"/>
  <c r="BJ769" i="4"/>
  <c r="BK769" i="4"/>
  <c r="BL769" i="4"/>
  <c r="BM769" i="4"/>
  <c r="BN769" i="4"/>
  <c r="BO769" i="4"/>
  <c r="BP769" i="4"/>
  <c r="BQ769" i="4"/>
  <c r="BR769" i="4"/>
  <c r="BS769" i="4"/>
  <c r="BT769" i="4"/>
  <c r="BU769" i="4"/>
  <c r="BV769" i="4"/>
  <c r="BW769" i="4"/>
  <c r="BX769" i="4"/>
  <c r="BY769" i="4"/>
  <c r="BZ769" i="4"/>
  <c r="CA769" i="4"/>
  <c r="CB769" i="4"/>
  <c r="CC769" i="4"/>
  <c r="AY770" i="4"/>
  <c r="AZ770" i="4"/>
  <c r="BA770" i="4"/>
  <c r="BB770" i="4"/>
  <c r="BC770" i="4"/>
  <c r="BD770" i="4"/>
  <c r="BE770" i="4"/>
  <c r="BF770" i="4"/>
  <c r="BG770" i="4"/>
  <c r="BH770" i="4"/>
  <c r="BI770" i="4"/>
  <c r="BJ770" i="4"/>
  <c r="BK770" i="4"/>
  <c r="BL770" i="4"/>
  <c r="BM770" i="4"/>
  <c r="BN770" i="4"/>
  <c r="BO770" i="4"/>
  <c r="BP770" i="4"/>
  <c r="BQ770" i="4"/>
  <c r="BR770" i="4"/>
  <c r="BS770" i="4"/>
  <c r="BT770" i="4"/>
  <c r="BU770" i="4"/>
  <c r="BV770" i="4"/>
  <c r="BW770" i="4"/>
  <c r="BX770" i="4"/>
  <c r="BY770" i="4"/>
  <c r="BZ770" i="4"/>
  <c r="CA770" i="4"/>
  <c r="CB770" i="4"/>
  <c r="CC770" i="4"/>
  <c r="AY771" i="4"/>
  <c r="AZ771" i="4"/>
  <c r="BA771" i="4"/>
  <c r="BB771" i="4"/>
  <c r="BC771" i="4"/>
  <c r="BD771" i="4"/>
  <c r="BE771" i="4"/>
  <c r="BF771" i="4"/>
  <c r="BG771" i="4"/>
  <c r="BH771" i="4"/>
  <c r="BI771" i="4"/>
  <c r="BJ771" i="4"/>
  <c r="BK771" i="4"/>
  <c r="BL771" i="4"/>
  <c r="BM771" i="4"/>
  <c r="BN771" i="4"/>
  <c r="BO771" i="4"/>
  <c r="BP771" i="4"/>
  <c r="BQ771" i="4"/>
  <c r="BR771" i="4"/>
  <c r="BS771" i="4"/>
  <c r="BT771" i="4"/>
  <c r="BU771" i="4"/>
  <c r="BV771" i="4"/>
  <c r="BW771" i="4"/>
  <c r="BX771" i="4"/>
  <c r="BY771" i="4"/>
  <c r="BZ771" i="4"/>
  <c r="CA771" i="4"/>
  <c r="CB771" i="4"/>
  <c r="CC771" i="4"/>
  <c r="AY772" i="4"/>
  <c r="AZ772" i="4"/>
  <c r="BA772" i="4"/>
  <c r="BB772" i="4"/>
  <c r="BC772" i="4"/>
  <c r="BD772" i="4"/>
  <c r="BE772" i="4"/>
  <c r="BF772" i="4"/>
  <c r="BG772" i="4"/>
  <c r="BH772" i="4"/>
  <c r="BI772" i="4"/>
  <c r="BJ772" i="4"/>
  <c r="BK772" i="4"/>
  <c r="BL772" i="4"/>
  <c r="BM772" i="4"/>
  <c r="BN772" i="4"/>
  <c r="BO772" i="4"/>
  <c r="BP772" i="4"/>
  <c r="BQ772" i="4"/>
  <c r="BR772" i="4"/>
  <c r="BS772" i="4"/>
  <c r="BT772" i="4"/>
  <c r="BU772" i="4"/>
  <c r="BV772" i="4"/>
  <c r="BW772" i="4"/>
  <c r="BX772" i="4"/>
  <c r="BY772" i="4"/>
  <c r="BZ772" i="4"/>
  <c r="CA772" i="4"/>
  <c r="CB772" i="4"/>
  <c r="CC772" i="4"/>
  <c r="AY773" i="4"/>
  <c r="AZ773" i="4"/>
  <c r="BA773" i="4"/>
  <c r="BB773" i="4"/>
  <c r="BC773" i="4"/>
  <c r="BD773" i="4"/>
  <c r="BE773" i="4"/>
  <c r="BF773" i="4"/>
  <c r="BG773" i="4"/>
  <c r="BH773" i="4"/>
  <c r="BI773" i="4"/>
  <c r="BJ773" i="4"/>
  <c r="BK773" i="4"/>
  <c r="BL773" i="4"/>
  <c r="BM773" i="4"/>
  <c r="BN773" i="4"/>
  <c r="BO773" i="4"/>
  <c r="BP773" i="4"/>
  <c r="BQ773" i="4"/>
  <c r="BR773" i="4"/>
  <c r="BS773" i="4"/>
  <c r="BT773" i="4"/>
  <c r="BU773" i="4"/>
  <c r="BV773" i="4"/>
  <c r="BW773" i="4"/>
  <c r="BX773" i="4"/>
  <c r="BY773" i="4"/>
  <c r="BZ773" i="4"/>
  <c r="CA773" i="4"/>
  <c r="CB773" i="4"/>
  <c r="CC773" i="4"/>
  <c r="AY774" i="4"/>
  <c r="AZ774" i="4"/>
  <c r="BA774" i="4"/>
  <c r="BB774" i="4"/>
  <c r="BC774" i="4"/>
  <c r="BD774" i="4"/>
  <c r="BE774" i="4"/>
  <c r="BF774" i="4"/>
  <c r="BG774" i="4"/>
  <c r="BH774" i="4"/>
  <c r="BI774" i="4"/>
  <c r="BJ774" i="4"/>
  <c r="BK774" i="4"/>
  <c r="BL774" i="4"/>
  <c r="BM774" i="4"/>
  <c r="BN774" i="4"/>
  <c r="BO774" i="4"/>
  <c r="BP774" i="4"/>
  <c r="BQ774" i="4"/>
  <c r="BR774" i="4"/>
  <c r="BS774" i="4"/>
  <c r="BT774" i="4"/>
  <c r="BU774" i="4"/>
  <c r="BV774" i="4"/>
  <c r="BW774" i="4"/>
  <c r="BX774" i="4"/>
  <c r="BY774" i="4"/>
  <c r="BZ774" i="4"/>
  <c r="CA774" i="4"/>
  <c r="CB774" i="4"/>
  <c r="CC774" i="4"/>
  <c r="AY775" i="4"/>
  <c r="AZ775" i="4"/>
  <c r="BA775" i="4"/>
  <c r="BB775" i="4"/>
  <c r="BC775" i="4"/>
  <c r="BD775" i="4"/>
  <c r="BE775" i="4"/>
  <c r="BF775" i="4"/>
  <c r="BG775" i="4"/>
  <c r="BH775" i="4"/>
  <c r="BI775" i="4"/>
  <c r="BJ775" i="4"/>
  <c r="BK775" i="4"/>
  <c r="BL775" i="4"/>
  <c r="BM775" i="4"/>
  <c r="BN775" i="4"/>
  <c r="BO775" i="4"/>
  <c r="BP775" i="4"/>
  <c r="BQ775" i="4"/>
  <c r="BR775" i="4"/>
  <c r="BS775" i="4"/>
  <c r="BT775" i="4"/>
  <c r="BU775" i="4"/>
  <c r="BV775" i="4"/>
  <c r="BW775" i="4"/>
  <c r="BX775" i="4"/>
  <c r="BY775" i="4"/>
  <c r="BZ775" i="4"/>
  <c r="CA775" i="4"/>
  <c r="CB775" i="4"/>
  <c r="CC775" i="4"/>
  <c r="AY776" i="4"/>
  <c r="AZ776" i="4"/>
  <c r="BA776" i="4"/>
  <c r="BB776" i="4"/>
  <c r="BC776" i="4"/>
  <c r="BD776" i="4"/>
  <c r="BE776" i="4"/>
  <c r="BF776" i="4"/>
  <c r="BG776" i="4"/>
  <c r="BH776" i="4"/>
  <c r="BI776" i="4"/>
  <c r="BJ776" i="4"/>
  <c r="BK776" i="4"/>
  <c r="BL776" i="4"/>
  <c r="BM776" i="4"/>
  <c r="BN776" i="4"/>
  <c r="BO776" i="4"/>
  <c r="BP776" i="4"/>
  <c r="BQ776" i="4"/>
  <c r="BR776" i="4"/>
  <c r="BS776" i="4"/>
  <c r="BT776" i="4"/>
  <c r="BU776" i="4"/>
  <c r="BV776" i="4"/>
  <c r="BW776" i="4"/>
  <c r="BX776" i="4"/>
  <c r="BY776" i="4"/>
  <c r="BZ776" i="4"/>
  <c r="CA776" i="4"/>
  <c r="CB776" i="4"/>
  <c r="CC776" i="4"/>
  <c r="AY777" i="4"/>
  <c r="AZ777" i="4"/>
  <c r="BA777" i="4"/>
  <c r="BB777" i="4"/>
  <c r="BC777" i="4"/>
  <c r="BD777" i="4"/>
  <c r="BE777" i="4"/>
  <c r="BF777" i="4"/>
  <c r="BG777" i="4"/>
  <c r="BH777" i="4"/>
  <c r="BI777" i="4"/>
  <c r="BJ777" i="4"/>
  <c r="BK777" i="4"/>
  <c r="BL777" i="4"/>
  <c r="BM777" i="4"/>
  <c r="BN777" i="4"/>
  <c r="BO777" i="4"/>
  <c r="BP777" i="4"/>
  <c r="BQ777" i="4"/>
  <c r="BR777" i="4"/>
  <c r="BS777" i="4"/>
  <c r="BT777" i="4"/>
  <c r="BU777" i="4"/>
  <c r="BV777" i="4"/>
  <c r="BW777" i="4"/>
  <c r="BX777" i="4"/>
  <c r="BY777" i="4"/>
  <c r="BZ777" i="4"/>
  <c r="CA777" i="4"/>
  <c r="CB777" i="4"/>
  <c r="CC777" i="4"/>
  <c r="AY778" i="4"/>
  <c r="AZ778" i="4"/>
  <c r="BA778" i="4"/>
  <c r="BB778" i="4"/>
  <c r="BC778" i="4"/>
  <c r="BD778" i="4"/>
  <c r="BE778" i="4"/>
  <c r="BF778" i="4"/>
  <c r="BG778" i="4"/>
  <c r="BH778" i="4"/>
  <c r="BI778" i="4"/>
  <c r="BJ778" i="4"/>
  <c r="BK778" i="4"/>
  <c r="BL778" i="4"/>
  <c r="BM778" i="4"/>
  <c r="BN778" i="4"/>
  <c r="BO778" i="4"/>
  <c r="BP778" i="4"/>
  <c r="BQ778" i="4"/>
  <c r="BR778" i="4"/>
  <c r="BS778" i="4"/>
  <c r="BT778" i="4"/>
  <c r="BU778" i="4"/>
  <c r="BV778" i="4"/>
  <c r="BW778" i="4"/>
  <c r="BX778" i="4"/>
  <c r="BY778" i="4"/>
  <c r="BZ778" i="4"/>
  <c r="CA778" i="4"/>
  <c r="CB778" i="4"/>
  <c r="CC778" i="4"/>
  <c r="AY779" i="4"/>
  <c r="AZ779" i="4"/>
  <c r="BA779" i="4"/>
  <c r="BB779" i="4"/>
  <c r="BC779" i="4"/>
  <c r="BD779" i="4"/>
  <c r="BE779" i="4"/>
  <c r="BF779" i="4"/>
  <c r="BG779" i="4"/>
  <c r="BH779" i="4"/>
  <c r="BI779" i="4"/>
  <c r="BJ779" i="4"/>
  <c r="BK779" i="4"/>
  <c r="BL779" i="4"/>
  <c r="BM779" i="4"/>
  <c r="BN779" i="4"/>
  <c r="BO779" i="4"/>
  <c r="BP779" i="4"/>
  <c r="BQ779" i="4"/>
  <c r="BR779" i="4"/>
  <c r="BS779" i="4"/>
  <c r="BT779" i="4"/>
  <c r="BU779" i="4"/>
  <c r="BV779" i="4"/>
  <c r="BW779" i="4"/>
  <c r="BX779" i="4"/>
  <c r="BY779" i="4"/>
  <c r="BZ779" i="4"/>
  <c r="CA779" i="4"/>
  <c r="CB779" i="4"/>
  <c r="CC779" i="4"/>
  <c r="AY780" i="4"/>
  <c r="AZ780" i="4"/>
  <c r="BA780" i="4"/>
  <c r="BB780" i="4"/>
  <c r="BC780" i="4"/>
  <c r="BD780" i="4"/>
  <c r="BE780" i="4"/>
  <c r="BF780" i="4"/>
  <c r="BG780" i="4"/>
  <c r="BH780" i="4"/>
  <c r="BI780" i="4"/>
  <c r="BJ780" i="4"/>
  <c r="BK780" i="4"/>
  <c r="BL780" i="4"/>
  <c r="BM780" i="4"/>
  <c r="BN780" i="4"/>
  <c r="BO780" i="4"/>
  <c r="BP780" i="4"/>
  <c r="BQ780" i="4"/>
  <c r="BR780" i="4"/>
  <c r="BS780" i="4"/>
  <c r="BT780" i="4"/>
  <c r="BU780" i="4"/>
  <c r="BV780" i="4"/>
  <c r="BW780" i="4"/>
  <c r="BX780" i="4"/>
  <c r="BY780" i="4"/>
  <c r="BZ780" i="4"/>
  <c r="CA780" i="4"/>
  <c r="CB780" i="4"/>
  <c r="CC780" i="4"/>
  <c r="AY781" i="4"/>
  <c r="AZ781" i="4"/>
  <c r="BA781" i="4"/>
  <c r="BB781" i="4"/>
  <c r="BC781" i="4"/>
  <c r="BD781" i="4"/>
  <c r="BE781" i="4"/>
  <c r="BF781" i="4"/>
  <c r="BG781" i="4"/>
  <c r="BH781" i="4"/>
  <c r="BI781" i="4"/>
  <c r="BJ781" i="4"/>
  <c r="BK781" i="4"/>
  <c r="BL781" i="4"/>
  <c r="BM781" i="4"/>
  <c r="BN781" i="4"/>
  <c r="BO781" i="4"/>
  <c r="BP781" i="4"/>
  <c r="BQ781" i="4"/>
  <c r="BR781" i="4"/>
  <c r="BS781" i="4"/>
  <c r="BT781" i="4"/>
  <c r="BU781" i="4"/>
  <c r="BV781" i="4"/>
  <c r="BW781" i="4"/>
  <c r="BX781" i="4"/>
  <c r="BY781" i="4"/>
  <c r="BZ781" i="4"/>
  <c r="CA781" i="4"/>
  <c r="CB781" i="4"/>
  <c r="CC781" i="4"/>
  <c r="AY782" i="4"/>
  <c r="AZ782" i="4"/>
  <c r="BA782" i="4"/>
  <c r="BB782" i="4"/>
  <c r="BC782" i="4"/>
  <c r="BD782" i="4"/>
  <c r="BE782" i="4"/>
  <c r="BF782" i="4"/>
  <c r="BG782" i="4"/>
  <c r="BH782" i="4"/>
  <c r="BI782" i="4"/>
  <c r="BJ782" i="4"/>
  <c r="BK782" i="4"/>
  <c r="BL782" i="4"/>
  <c r="BM782" i="4"/>
  <c r="BN782" i="4"/>
  <c r="BO782" i="4"/>
  <c r="BP782" i="4"/>
  <c r="BQ782" i="4"/>
  <c r="BR782" i="4"/>
  <c r="BS782" i="4"/>
  <c r="BT782" i="4"/>
  <c r="BU782" i="4"/>
  <c r="BV782" i="4"/>
  <c r="BW782" i="4"/>
  <c r="BX782" i="4"/>
  <c r="BY782" i="4"/>
  <c r="BZ782" i="4"/>
  <c r="CA782" i="4"/>
  <c r="CB782" i="4"/>
  <c r="CC782" i="4"/>
  <c r="AY783" i="4"/>
  <c r="AZ783" i="4"/>
  <c r="BA783" i="4"/>
  <c r="BB783" i="4"/>
  <c r="BC783" i="4"/>
  <c r="BD783" i="4"/>
  <c r="BE783" i="4"/>
  <c r="BF783" i="4"/>
  <c r="BG783" i="4"/>
  <c r="BH783" i="4"/>
  <c r="BI783" i="4"/>
  <c r="BJ783" i="4"/>
  <c r="BK783" i="4"/>
  <c r="BL783" i="4"/>
  <c r="BM783" i="4"/>
  <c r="BN783" i="4"/>
  <c r="BO783" i="4"/>
  <c r="BP783" i="4"/>
  <c r="BQ783" i="4"/>
  <c r="BR783" i="4"/>
  <c r="BS783" i="4"/>
  <c r="BT783" i="4"/>
  <c r="BU783" i="4"/>
  <c r="BV783" i="4"/>
  <c r="BW783" i="4"/>
  <c r="BX783" i="4"/>
  <c r="BY783" i="4"/>
  <c r="BZ783" i="4"/>
  <c r="CA783" i="4"/>
  <c r="CB783" i="4"/>
  <c r="CC783" i="4"/>
  <c r="AY784" i="4"/>
  <c r="AZ784" i="4"/>
  <c r="BA784" i="4"/>
  <c r="BB784" i="4"/>
  <c r="BC784" i="4"/>
  <c r="BD784" i="4"/>
  <c r="BE784" i="4"/>
  <c r="BF784" i="4"/>
  <c r="BG784" i="4"/>
  <c r="BH784" i="4"/>
  <c r="BI784" i="4"/>
  <c r="BJ784" i="4"/>
  <c r="BK784" i="4"/>
  <c r="BL784" i="4"/>
  <c r="BM784" i="4"/>
  <c r="BN784" i="4"/>
  <c r="BO784" i="4"/>
  <c r="BP784" i="4"/>
  <c r="BQ784" i="4"/>
  <c r="BR784" i="4"/>
  <c r="BS784" i="4"/>
  <c r="BT784" i="4"/>
  <c r="BU784" i="4"/>
  <c r="BV784" i="4"/>
  <c r="BW784" i="4"/>
  <c r="BX784" i="4"/>
  <c r="BY784" i="4"/>
  <c r="BZ784" i="4"/>
  <c r="CA784" i="4"/>
  <c r="CB784" i="4"/>
  <c r="CC784" i="4"/>
  <c r="AY785" i="4"/>
  <c r="AZ785" i="4"/>
  <c r="BA785" i="4"/>
  <c r="BB785" i="4"/>
  <c r="BC785" i="4"/>
  <c r="BD785" i="4"/>
  <c r="BE785" i="4"/>
  <c r="BF785" i="4"/>
  <c r="BG785" i="4"/>
  <c r="BH785" i="4"/>
  <c r="BI785" i="4"/>
  <c r="BJ785" i="4"/>
  <c r="BK785" i="4"/>
  <c r="BL785" i="4"/>
  <c r="BM785" i="4"/>
  <c r="BN785" i="4"/>
  <c r="BO785" i="4"/>
  <c r="BP785" i="4"/>
  <c r="BQ785" i="4"/>
  <c r="BR785" i="4"/>
  <c r="BS785" i="4"/>
  <c r="BT785" i="4"/>
  <c r="BU785" i="4"/>
  <c r="BV785" i="4"/>
  <c r="BW785" i="4"/>
  <c r="BX785" i="4"/>
  <c r="BY785" i="4"/>
  <c r="BZ785" i="4"/>
  <c r="CA785" i="4"/>
  <c r="CB785" i="4"/>
  <c r="CC785" i="4"/>
  <c r="AY786" i="4"/>
  <c r="AZ786" i="4"/>
  <c r="BA786" i="4"/>
  <c r="BB786" i="4"/>
  <c r="BC786" i="4"/>
  <c r="BD786" i="4"/>
  <c r="BE786" i="4"/>
  <c r="BF786" i="4"/>
  <c r="BG786" i="4"/>
  <c r="BH786" i="4"/>
  <c r="BI786" i="4"/>
  <c r="BJ786" i="4"/>
  <c r="BK786" i="4"/>
  <c r="BL786" i="4"/>
  <c r="BM786" i="4"/>
  <c r="BN786" i="4"/>
  <c r="BO786" i="4"/>
  <c r="BP786" i="4"/>
  <c r="BQ786" i="4"/>
  <c r="BR786" i="4"/>
  <c r="BS786" i="4"/>
  <c r="BT786" i="4"/>
  <c r="BU786" i="4"/>
  <c r="BV786" i="4"/>
  <c r="BW786" i="4"/>
  <c r="BX786" i="4"/>
  <c r="BY786" i="4"/>
  <c r="BZ786" i="4"/>
  <c r="CA786" i="4"/>
  <c r="CB786" i="4"/>
  <c r="CC786" i="4"/>
  <c r="AY787" i="4"/>
  <c r="AZ787" i="4"/>
  <c r="BA787" i="4"/>
  <c r="BB787" i="4"/>
  <c r="BC787" i="4"/>
  <c r="BD787" i="4"/>
  <c r="BE787" i="4"/>
  <c r="BF787" i="4"/>
  <c r="BG787" i="4"/>
  <c r="BH787" i="4"/>
  <c r="BI787" i="4"/>
  <c r="BJ787" i="4"/>
  <c r="BK787" i="4"/>
  <c r="BL787" i="4"/>
  <c r="BM787" i="4"/>
  <c r="BN787" i="4"/>
  <c r="BO787" i="4"/>
  <c r="BP787" i="4"/>
  <c r="BQ787" i="4"/>
  <c r="BR787" i="4"/>
  <c r="BS787" i="4"/>
  <c r="BT787" i="4"/>
  <c r="BU787" i="4"/>
  <c r="BV787" i="4"/>
  <c r="BW787" i="4"/>
  <c r="BX787" i="4"/>
  <c r="BY787" i="4"/>
  <c r="BZ787" i="4"/>
  <c r="CA787" i="4"/>
  <c r="CB787" i="4"/>
  <c r="CC787" i="4"/>
  <c r="AY788" i="4"/>
  <c r="AZ788" i="4"/>
  <c r="BA788" i="4"/>
  <c r="BB788" i="4"/>
  <c r="BC788" i="4"/>
  <c r="BD788" i="4"/>
  <c r="BE788" i="4"/>
  <c r="BF788" i="4"/>
  <c r="BG788" i="4"/>
  <c r="BH788" i="4"/>
  <c r="BI788" i="4"/>
  <c r="BJ788" i="4"/>
  <c r="BK788" i="4"/>
  <c r="BL788" i="4"/>
  <c r="BM788" i="4"/>
  <c r="BN788" i="4"/>
  <c r="BO788" i="4"/>
  <c r="BP788" i="4"/>
  <c r="BQ788" i="4"/>
  <c r="BR788" i="4"/>
  <c r="BS788" i="4"/>
  <c r="BT788" i="4"/>
  <c r="BU788" i="4"/>
  <c r="BV788" i="4"/>
  <c r="BW788" i="4"/>
  <c r="BX788" i="4"/>
  <c r="BY788" i="4"/>
  <c r="BZ788" i="4"/>
  <c r="CA788" i="4"/>
  <c r="CB788" i="4"/>
  <c r="CC788" i="4"/>
  <c r="AY789" i="4"/>
  <c r="AZ789" i="4"/>
  <c r="BA789" i="4"/>
  <c r="BB789" i="4"/>
  <c r="BC789" i="4"/>
  <c r="BD789" i="4"/>
  <c r="BE789" i="4"/>
  <c r="BF789" i="4"/>
  <c r="BG789" i="4"/>
  <c r="BH789" i="4"/>
  <c r="BI789" i="4"/>
  <c r="BJ789" i="4"/>
  <c r="BK789" i="4"/>
  <c r="BL789" i="4"/>
  <c r="BM789" i="4"/>
  <c r="BN789" i="4"/>
  <c r="BO789" i="4"/>
  <c r="BP789" i="4"/>
  <c r="BQ789" i="4"/>
  <c r="BR789" i="4"/>
  <c r="BS789" i="4"/>
  <c r="BT789" i="4"/>
  <c r="BU789" i="4"/>
  <c r="BV789" i="4"/>
  <c r="BW789" i="4"/>
  <c r="BX789" i="4"/>
  <c r="BY789" i="4"/>
  <c r="BZ789" i="4"/>
  <c r="CA789" i="4"/>
  <c r="CB789" i="4"/>
  <c r="CC789" i="4"/>
  <c r="AY790" i="4"/>
  <c r="AZ790" i="4"/>
  <c r="BA790" i="4"/>
  <c r="BB790" i="4"/>
  <c r="BC790" i="4"/>
  <c r="BD790" i="4"/>
  <c r="BE790" i="4"/>
  <c r="BF790" i="4"/>
  <c r="BG790" i="4"/>
  <c r="BH790" i="4"/>
  <c r="BI790" i="4"/>
  <c r="BJ790" i="4"/>
  <c r="BK790" i="4"/>
  <c r="BL790" i="4"/>
  <c r="BM790" i="4"/>
  <c r="BN790" i="4"/>
  <c r="BO790" i="4"/>
  <c r="BP790" i="4"/>
  <c r="BQ790" i="4"/>
  <c r="BR790" i="4"/>
  <c r="BS790" i="4"/>
  <c r="BT790" i="4"/>
  <c r="BU790" i="4"/>
  <c r="BV790" i="4"/>
  <c r="BW790" i="4"/>
  <c r="BX790" i="4"/>
  <c r="BY790" i="4"/>
  <c r="BZ790" i="4"/>
  <c r="CA790" i="4"/>
  <c r="CB790" i="4"/>
  <c r="CC790" i="4"/>
  <c r="AY791" i="4"/>
  <c r="AZ791" i="4"/>
  <c r="BA791" i="4"/>
  <c r="BB791" i="4"/>
  <c r="BC791" i="4"/>
  <c r="BD791" i="4"/>
  <c r="BE791" i="4"/>
  <c r="BF791" i="4"/>
  <c r="BG791" i="4"/>
  <c r="BH791" i="4"/>
  <c r="BI791" i="4"/>
  <c r="BJ791" i="4"/>
  <c r="BK791" i="4"/>
  <c r="BL791" i="4"/>
  <c r="BM791" i="4"/>
  <c r="BN791" i="4"/>
  <c r="BO791" i="4"/>
  <c r="BP791" i="4"/>
  <c r="BQ791" i="4"/>
  <c r="BR791" i="4"/>
  <c r="BS791" i="4"/>
  <c r="BT791" i="4"/>
  <c r="BU791" i="4"/>
  <c r="BV791" i="4"/>
  <c r="BW791" i="4"/>
  <c r="BX791" i="4"/>
  <c r="BY791" i="4"/>
  <c r="BZ791" i="4"/>
  <c r="CA791" i="4"/>
  <c r="CB791" i="4"/>
  <c r="CC791" i="4"/>
  <c r="AY792" i="4"/>
  <c r="AZ792" i="4"/>
  <c r="BA792" i="4"/>
  <c r="BB792" i="4"/>
  <c r="BC792" i="4"/>
  <c r="BD792" i="4"/>
  <c r="BE792" i="4"/>
  <c r="BF792" i="4"/>
  <c r="BG792" i="4"/>
  <c r="BH792" i="4"/>
  <c r="BI792" i="4"/>
  <c r="BJ792" i="4"/>
  <c r="BK792" i="4"/>
  <c r="BL792" i="4"/>
  <c r="BM792" i="4"/>
  <c r="BN792" i="4"/>
  <c r="BO792" i="4"/>
  <c r="BP792" i="4"/>
  <c r="BQ792" i="4"/>
  <c r="BR792" i="4"/>
  <c r="BS792" i="4"/>
  <c r="BT792" i="4"/>
  <c r="BU792" i="4"/>
  <c r="BV792" i="4"/>
  <c r="BW792" i="4"/>
  <c r="BX792" i="4"/>
  <c r="BY792" i="4"/>
  <c r="BZ792" i="4"/>
  <c r="CA792" i="4"/>
  <c r="CB792" i="4"/>
  <c r="CC792" i="4"/>
  <c r="AY793" i="4"/>
  <c r="AZ793" i="4"/>
  <c r="BA793" i="4"/>
  <c r="BB793" i="4"/>
  <c r="BC793" i="4"/>
  <c r="BD793" i="4"/>
  <c r="BE793" i="4"/>
  <c r="BF793" i="4"/>
  <c r="BG793" i="4"/>
  <c r="BH793" i="4"/>
  <c r="BI793" i="4"/>
  <c r="BJ793" i="4"/>
  <c r="BK793" i="4"/>
  <c r="BL793" i="4"/>
  <c r="BM793" i="4"/>
  <c r="BN793" i="4"/>
  <c r="BO793" i="4"/>
  <c r="BP793" i="4"/>
  <c r="BQ793" i="4"/>
  <c r="BR793" i="4"/>
  <c r="BS793" i="4"/>
  <c r="BT793" i="4"/>
  <c r="BU793" i="4"/>
  <c r="BV793" i="4"/>
  <c r="BW793" i="4"/>
  <c r="BX793" i="4"/>
  <c r="BY793" i="4"/>
  <c r="BZ793" i="4"/>
  <c r="CA793" i="4"/>
  <c r="CB793" i="4"/>
  <c r="CC793" i="4"/>
  <c r="AY794" i="4"/>
  <c r="AZ794" i="4"/>
  <c r="BA794" i="4"/>
  <c r="BB794" i="4"/>
  <c r="BC794" i="4"/>
  <c r="BD794" i="4"/>
  <c r="BE794" i="4"/>
  <c r="BF794" i="4"/>
  <c r="BG794" i="4"/>
  <c r="BH794" i="4"/>
  <c r="BI794" i="4"/>
  <c r="BJ794" i="4"/>
  <c r="BK794" i="4"/>
  <c r="BL794" i="4"/>
  <c r="BM794" i="4"/>
  <c r="BN794" i="4"/>
  <c r="BO794" i="4"/>
  <c r="BP794" i="4"/>
  <c r="BQ794" i="4"/>
  <c r="BR794" i="4"/>
  <c r="BS794" i="4"/>
  <c r="BT794" i="4"/>
  <c r="BU794" i="4"/>
  <c r="BV794" i="4"/>
  <c r="BW794" i="4"/>
  <c r="BX794" i="4"/>
  <c r="BY794" i="4"/>
  <c r="BZ794" i="4"/>
  <c r="CA794" i="4"/>
  <c r="CB794" i="4"/>
  <c r="CC794" i="4"/>
  <c r="AY795" i="4"/>
  <c r="AZ795" i="4"/>
  <c r="BA795" i="4"/>
  <c r="BB795" i="4"/>
  <c r="BC795" i="4"/>
  <c r="BD795" i="4"/>
  <c r="BE795" i="4"/>
  <c r="BF795" i="4"/>
  <c r="BG795" i="4"/>
  <c r="BH795" i="4"/>
  <c r="BI795" i="4"/>
  <c r="BJ795" i="4"/>
  <c r="BK795" i="4"/>
  <c r="BL795" i="4"/>
  <c r="BM795" i="4"/>
  <c r="BN795" i="4"/>
  <c r="BO795" i="4"/>
  <c r="BP795" i="4"/>
  <c r="BQ795" i="4"/>
  <c r="BR795" i="4"/>
  <c r="BS795" i="4"/>
  <c r="BT795" i="4"/>
  <c r="BU795" i="4"/>
  <c r="BV795" i="4"/>
  <c r="BW795" i="4"/>
  <c r="BX795" i="4"/>
  <c r="BY795" i="4"/>
  <c r="BZ795" i="4"/>
  <c r="CA795" i="4"/>
  <c r="CB795" i="4"/>
  <c r="CC795" i="4"/>
  <c r="AY799" i="4"/>
  <c r="AZ799" i="4"/>
  <c r="BA799" i="4"/>
  <c r="BB799" i="4"/>
  <c r="BC799" i="4"/>
  <c r="BD799" i="4"/>
  <c r="BE799" i="4"/>
  <c r="BF799" i="4"/>
  <c r="BG799" i="4"/>
  <c r="BH799" i="4"/>
  <c r="BI799" i="4"/>
  <c r="BJ799" i="4"/>
  <c r="BK799" i="4"/>
  <c r="BL799" i="4"/>
  <c r="BM799" i="4"/>
  <c r="BN799" i="4"/>
  <c r="BO799" i="4"/>
  <c r="BP799" i="4"/>
  <c r="BQ799" i="4"/>
  <c r="BR799" i="4"/>
  <c r="BS799" i="4"/>
  <c r="BT799" i="4"/>
  <c r="BU799" i="4"/>
  <c r="BV799" i="4"/>
  <c r="BW799" i="4"/>
  <c r="BX799" i="4"/>
  <c r="BY799" i="4"/>
  <c r="BZ799" i="4"/>
  <c r="CA799" i="4"/>
  <c r="CB799" i="4"/>
  <c r="CC799" i="4"/>
  <c r="AY797" i="4"/>
  <c r="AZ797" i="4"/>
  <c r="BA797" i="4"/>
  <c r="BB797" i="4"/>
  <c r="BC797" i="4"/>
  <c r="BD797" i="4"/>
  <c r="BE797" i="4"/>
  <c r="BF797" i="4"/>
  <c r="BG797" i="4"/>
  <c r="BH797" i="4"/>
  <c r="BI797" i="4"/>
  <c r="BJ797" i="4"/>
  <c r="BK797" i="4"/>
  <c r="BL797" i="4"/>
  <c r="BM797" i="4"/>
  <c r="BN797" i="4"/>
  <c r="BO797" i="4"/>
  <c r="BP797" i="4"/>
  <c r="BQ797" i="4"/>
  <c r="BR797" i="4"/>
  <c r="BS797" i="4"/>
  <c r="BT797" i="4"/>
  <c r="BU797" i="4"/>
  <c r="BV797" i="4"/>
  <c r="BW797" i="4"/>
  <c r="BX797" i="4"/>
  <c r="BY797" i="4"/>
  <c r="BZ797" i="4"/>
  <c r="CA797" i="4"/>
  <c r="CB797" i="4"/>
  <c r="CC797" i="4"/>
  <c r="AY798" i="4"/>
  <c r="AZ798" i="4"/>
  <c r="BA798" i="4"/>
  <c r="BB798" i="4"/>
  <c r="BC798" i="4"/>
  <c r="BD798" i="4"/>
  <c r="BE798" i="4"/>
  <c r="BF798" i="4"/>
  <c r="BG798" i="4"/>
  <c r="BH798" i="4"/>
  <c r="BI798" i="4"/>
  <c r="BJ798" i="4"/>
  <c r="BK798" i="4"/>
  <c r="BL798" i="4"/>
  <c r="BM798" i="4"/>
  <c r="BN798" i="4"/>
  <c r="BO798" i="4"/>
  <c r="BP798" i="4"/>
  <c r="BQ798" i="4"/>
  <c r="BR798" i="4"/>
  <c r="BS798" i="4"/>
  <c r="BT798" i="4"/>
  <c r="BU798" i="4"/>
  <c r="BV798" i="4"/>
  <c r="BW798" i="4"/>
  <c r="BX798" i="4"/>
  <c r="BY798" i="4"/>
  <c r="BZ798" i="4"/>
  <c r="CA798" i="4"/>
  <c r="CB798" i="4"/>
  <c r="CC798" i="4"/>
  <c r="AY796" i="4"/>
  <c r="AZ796" i="4"/>
  <c r="BA796" i="4"/>
  <c r="BB796" i="4"/>
  <c r="BC796" i="4"/>
  <c r="BD796" i="4"/>
  <c r="BE796" i="4"/>
  <c r="BF796" i="4"/>
  <c r="BG796" i="4"/>
  <c r="BH796" i="4"/>
  <c r="BI796" i="4"/>
  <c r="BJ796" i="4"/>
  <c r="BK796" i="4"/>
  <c r="BL796" i="4"/>
  <c r="BM796" i="4"/>
  <c r="BN796" i="4"/>
  <c r="BO796" i="4"/>
  <c r="BP796" i="4"/>
  <c r="BQ796" i="4"/>
  <c r="BR796" i="4"/>
  <c r="BS796" i="4"/>
  <c r="BT796" i="4"/>
  <c r="BU796" i="4"/>
  <c r="BV796" i="4"/>
  <c r="BW796" i="4"/>
  <c r="BX796" i="4"/>
  <c r="BY796" i="4"/>
  <c r="BZ796" i="4"/>
  <c r="CA796" i="4"/>
  <c r="CB796" i="4"/>
  <c r="CC796" i="4"/>
  <c r="AY800" i="4"/>
  <c r="AZ800" i="4"/>
  <c r="BA800" i="4"/>
  <c r="BB800" i="4"/>
  <c r="BC800" i="4"/>
  <c r="BD800" i="4"/>
  <c r="BE800" i="4"/>
  <c r="BF800" i="4"/>
  <c r="BG800" i="4"/>
  <c r="BH800" i="4"/>
  <c r="BI800" i="4"/>
  <c r="BJ800" i="4"/>
  <c r="BK800" i="4"/>
  <c r="BL800" i="4"/>
  <c r="BM800" i="4"/>
  <c r="BN800" i="4"/>
  <c r="BO800" i="4"/>
  <c r="BP800" i="4"/>
  <c r="BQ800" i="4"/>
  <c r="BR800" i="4"/>
  <c r="BS800" i="4"/>
  <c r="BT800" i="4"/>
  <c r="BU800" i="4"/>
  <c r="BV800" i="4"/>
  <c r="BW800" i="4"/>
  <c r="BX800" i="4"/>
  <c r="BY800" i="4"/>
  <c r="BZ800" i="4"/>
  <c r="CA800" i="4"/>
  <c r="CB800" i="4"/>
  <c r="CC800" i="4"/>
  <c r="AY801" i="4"/>
  <c r="AZ801" i="4"/>
  <c r="BA801" i="4"/>
  <c r="BB801" i="4"/>
  <c r="BC801" i="4"/>
  <c r="BD801" i="4"/>
  <c r="BE801" i="4"/>
  <c r="BF801" i="4"/>
  <c r="BG801" i="4"/>
  <c r="BH801" i="4"/>
  <c r="BI801" i="4"/>
  <c r="BJ801" i="4"/>
  <c r="BK801" i="4"/>
  <c r="BL801" i="4"/>
  <c r="BM801" i="4"/>
  <c r="BN801" i="4"/>
  <c r="BO801" i="4"/>
  <c r="BP801" i="4"/>
  <c r="BQ801" i="4"/>
  <c r="BR801" i="4"/>
  <c r="BS801" i="4"/>
  <c r="BT801" i="4"/>
  <c r="BU801" i="4"/>
  <c r="BV801" i="4"/>
  <c r="BW801" i="4"/>
  <c r="BX801" i="4"/>
  <c r="BY801" i="4"/>
  <c r="BZ801" i="4"/>
  <c r="CA801" i="4"/>
  <c r="CB801" i="4"/>
  <c r="CC801" i="4"/>
  <c r="AY802" i="4"/>
  <c r="AZ802" i="4"/>
  <c r="BA802" i="4"/>
  <c r="BB802" i="4"/>
  <c r="BC802" i="4"/>
  <c r="BD802" i="4"/>
  <c r="BE802" i="4"/>
  <c r="BF802" i="4"/>
  <c r="BG802" i="4"/>
  <c r="BH802" i="4"/>
  <c r="BI802" i="4"/>
  <c r="BJ802" i="4"/>
  <c r="BK802" i="4"/>
  <c r="BL802" i="4"/>
  <c r="BM802" i="4"/>
  <c r="BN802" i="4"/>
  <c r="BO802" i="4"/>
  <c r="BP802" i="4"/>
  <c r="BQ802" i="4"/>
  <c r="BR802" i="4"/>
  <c r="BS802" i="4"/>
  <c r="BT802" i="4"/>
  <c r="BU802" i="4"/>
  <c r="BV802" i="4"/>
  <c r="BW802" i="4"/>
  <c r="BX802" i="4"/>
  <c r="BY802" i="4"/>
  <c r="BZ802" i="4"/>
  <c r="CA802" i="4"/>
  <c r="CB802" i="4"/>
  <c r="CC802" i="4"/>
  <c r="AY803" i="4"/>
  <c r="AZ803" i="4"/>
  <c r="BA803" i="4"/>
  <c r="BB803" i="4"/>
  <c r="BC803" i="4"/>
  <c r="BD803" i="4"/>
  <c r="BE803" i="4"/>
  <c r="BF803" i="4"/>
  <c r="BG803" i="4"/>
  <c r="BH803" i="4"/>
  <c r="BI803" i="4"/>
  <c r="BJ803" i="4"/>
  <c r="BK803" i="4"/>
  <c r="BL803" i="4"/>
  <c r="BM803" i="4"/>
  <c r="BN803" i="4"/>
  <c r="BO803" i="4"/>
  <c r="BP803" i="4"/>
  <c r="BQ803" i="4"/>
  <c r="BR803" i="4"/>
  <c r="BS803" i="4"/>
  <c r="BT803" i="4"/>
  <c r="BU803" i="4"/>
  <c r="BV803" i="4"/>
  <c r="BW803" i="4"/>
  <c r="BX803" i="4"/>
  <c r="BY803" i="4"/>
  <c r="BZ803" i="4"/>
  <c r="CA803" i="4"/>
  <c r="CB803" i="4"/>
  <c r="CC803" i="4"/>
  <c r="AY804" i="4"/>
  <c r="AZ804" i="4"/>
  <c r="BA804" i="4"/>
  <c r="BB804" i="4"/>
  <c r="BC804" i="4"/>
  <c r="BD804" i="4"/>
  <c r="BE804" i="4"/>
  <c r="BF804" i="4"/>
  <c r="BG804" i="4"/>
  <c r="BH804" i="4"/>
  <c r="BI804" i="4"/>
  <c r="BJ804" i="4"/>
  <c r="BK804" i="4"/>
  <c r="BL804" i="4"/>
  <c r="BM804" i="4"/>
  <c r="BN804" i="4"/>
  <c r="BO804" i="4"/>
  <c r="BP804" i="4"/>
  <c r="BQ804" i="4"/>
  <c r="BR804" i="4"/>
  <c r="BS804" i="4"/>
  <c r="BT804" i="4"/>
  <c r="BU804" i="4"/>
  <c r="BV804" i="4"/>
  <c r="BW804" i="4"/>
  <c r="BX804" i="4"/>
  <c r="BY804" i="4"/>
  <c r="BZ804" i="4"/>
  <c r="CA804" i="4"/>
  <c r="CB804" i="4"/>
  <c r="CC804" i="4"/>
  <c r="AY805" i="4"/>
  <c r="AZ805" i="4"/>
  <c r="BA805" i="4"/>
  <c r="BB805" i="4"/>
  <c r="BC805" i="4"/>
  <c r="BD805" i="4"/>
  <c r="BE805" i="4"/>
  <c r="BF805" i="4"/>
  <c r="BG805" i="4"/>
  <c r="BH805" i="4"/>
  <c r="BI805" i="4"/>
  <c r="BJ805" i="4"/>
  <c r="BK805" i="4"/>
  <c r="BL805" i="4"/>
  <c r="BM805" i="4"/>
  <c r="BN805" i="4"/>
  <c r="BO805" i="4"/>
  <c r="BP805" i="4"/>
  <c r="BQ805" i="4"/>
  <c r="BR805" i="4"/>
  <c r="BS805" i="4"/>
  <c r="BT805" i="4"/>
  <c r="BU805" i="4"/>
  <c r="BV805" i="4"/>
  <c r="BW805" i="4"/>
  <c r="BX805" i="4"/>
  <c r="BY805" i="4"/>
  <c r="BZ805" i="4"/>
  <c r="CA805" i="4"/>
  <c r="CB805" i="4"/>
  <c r="CC805" i="4"/>
  <c r="AY806" i="4"/>
  <c r="AZ806" i="4"/>
  <c r="BA806" i="4"/>
  <c r="BB806" i="4"/>
  <c r="BC806" i="4"/>
  <c r="BD806" i="4"/>
  <c r="BE806" i="4"/>
  <c r="BF806" i="4"/>
  <c r="BG806" i="4"/>
  <c r="BH806" i="4"/>
  <c r="BI806" i="4"/>
  <c r="BJ806" i="4"/>
  <c r="BK806" i="4"/>
  <c r="BL806" i="4"/>
  <c r="BM806" i="4"/>
  <c r="BN806" i="4"/>
  <c r="BO806" i="4"/>
  <c r="BP806" i="4"/>
  <c r="BQ806" i="4"/>
  <c r="BR806" i="4"/>
  <c r="BS806" i="4"/>
  <c r="BT806" i="4"/>
  <c r="BU806" i="4"/>
  <c r="BV806" i="4"/>
  <c r="BW806" i="4"/>
  <c r="BX806" i="4"/>
  <c r="BY806" i="4"/>
  <c r="BZ806" i="4"/>
  <c r="CA806" i="4"/>
  <c r="CB806" i="4"/>
  <c r="CC806" i="4"/>
  <c r="AY807" i="4"/>
  <c r="AZ807" i="4"/>
  <c r="BA807" i="4"/>
  <c r="BB807" i="4"/>
  <c r="BC807" i="4"/>
  <c r="BD807" i="4"/>
  <c r="BE807" i="4"/>
  <c r="BF807" i="4"/>
  <c r="BG807" i="4"/>
  <c r="BH807" i="4"/>
  <c r="BI807" i="4"/>
  <c r="BJ807" i="4"/>
  <c r="BK807" i="4"/>
  <c r="BL807" i="4"/>
  <c r="BM807" i="4"/>
  <c r="BN807" i="4"/>
  <c r="BO807" i="4"/>
  <c r="BP807" i="4"/>
  <c r="BQ807" i="4"/>
  <c r="BR807" i="4"/>
  <c r="BS807" i="4"/>
  <c r="BT807" i="4"/>
  <c r="BU807" i="4"/>
  <c r="BV807" i="4"/>
  <c r="BW807" i="4"/>
  <c r="BX807" i="4"/>
  <c r="BY807" i="4"/>
  <c r="BZ807" i="4"/>
  <c r="CA807" i="4"/>
  <c r="CB807" i="4"/>
  <c r="CC807" i="4"/>
  <c r="AY808" i="4"/>
  <c r="AZ808" i="4"/>
  <c r="BA808" i="4"/>
  <c r="BB808" i="4"/>
  <c r="BC808" i="4"/>
  <c r="BD808" i="4"/>
  <c r="BE808" i="4"/>
  <c r="BF808" i="4"/>
  <c r="BG808" i="4"/>
  <c r="BH808" i="4"/>
  <c r="BI808" i="4"/>
  <c r="BJ808" i="4"/>
  <c r="BK808" i="4"/>
  <c r="BL808" i="4"/>
  <c r="BM808" i="4"/>
  <c r="BN808" i="4"/>
  <c r="BO808" i="4"/>
  <c r="BP808" i="4"/>
  <c r="BQ808" i="4"/>
  <c r="BR808" i="4"/>
  <c r="BS808" i="4"/>
  <c r="BT808" i="4"/>
  <c r="BU808" i="4"/>
  <c r="BV808" i="4"/>
  <c r="BW808" i="4"/>
  <c r="BX808" i="4"/>
  <c r="BY808" i="4"/>
  <c r="BZ808" i="4"/>
  <c r="CA808" i="4"/>
  <c r="CB808" i="4"/>
  <c r="CC808" i="4"/>
  <c r="AY809" i="4"/>
  <c r="AZ809" i="4"/>
  <c r="BA809" i="4"/>
  <c r="BB809" i="4"/>
  <c r="BC809" i="4"/>
  <c r="BD809" i="4"/>
  <c r="BE809" i="4"/>
  <c r="BF809" i="4"/>
  <c r="BG809" i="4"/>
  <c r="BH809" i="4"/>
  <c r="BI809" i="4"/>
  <c r="BJ809" i="4"/>
  <c r="BK809" i="4"/>
  <c r="BL809" i="4"/>
  <c r="BM809" i="4"/>
  <c r="BN809" i="4"/>
  <c r="BO809" i="4"/>
  <c r="BP809" i="4"/>
  <c r="BQ809" i="4"/>
  <c r="BR809" i="4"/>
  <c r="BS809" i="4"/>
  <c r="BT809" i="4"/>
  <c r="BU809" i="4"/>
  <c r="BV809" i="4"/>
  <c r="BW809" i="4"/>
  <c r="BX809" i="4"/>
  <c r="BY809" i="4"/>
  <c r="BZ809" i="4"/>
  <c r="CA809" i="4"/>
  <c r="CB809" i="4"/>
  <c r="CC809" i="4"/>
  <c r="AY810" i="4"/>
  <c r="AZ810" i="4"/>
  <c r="BA810" i="4"/>
  <c r="BB810" i="4"/>
  <c r="BC810" i="4"/>
  <c r="BD810" i="4"/>
  <c r="BE810" i="4"/>
  <c r="BF810" i="4"/>
  <c r="BG810" i="4"/>
  <c r="BH810" i="4"/>
  <c r="BI810" i="4"/>
  <c r="BJ810" i="4"/>
  <c r="BK810" i="4"/>
  <c r="BL810" i="4"/>
  <c r="BM810" i="4"/>
  <c r="BN810" i="4"/>
  <c r="BO810" i="4"/>
  <c r="BP810" i="4"/>
  <c r="BQ810" i="4"/>
  <c r="BR810" i="4"/>
  <c r="BS810" i="4"/>
  <c r="BT810" i="4"/>
  <c r="BU810" i="4"/>
  <c r="BV810" i="4"/>
  <c r="BW810" i="4"/>
  <c r="BX810" i="4"/>
  <c r="BY810" i="4"/>
  <c r="BZ810" i="4"/>
  <c r="CA810" i="4"/>
  <c r="CB810" i="4"/>
  <c r="CC810" i="4"/>
  <c r="AY811" i="4"/>
  <c r="AZ811" i="4"/>
  <c r="BA811" i="4"/>
  <c r="BB811" i="4"/>
  <c r="BC811" i="4"/>
  <c r="BD811" i="4"/>
  <c r="BE811" i="4"/>
  <c r="BF811" i="4"/>
  <c r="BG811" i="4"/>
  <c r="BH811" i="4"/>
  <c r="BI811" i="4"/>
  <c r="BJ811" i="4"/>
  <c r="BK811" i="4"/>
  <c r="BL811" i="4"/>
  <c r="BM811" i="4"/>
  <c r="BN811" i="4"/>
  <c r="BO811" i="4"/>
  <c r="BP811" i="4"/>
  <c r="BQ811" i="4"/>
  <c r="BR811" i="4"/>
  <c r="BS811" i="4"/>
  <c r="BT811" i="4"/>
  <c r="BU811" i="4"/>
  <c r="BV811" i="4"/>
  <c r="BW811" i="4"/>
  <c r="BX811" i="4"/>
  <c r="BY811" i="4"/>
  <c r="BZ811" i="4"/>
  <c r="CA811" i="4"/>
  <c r="CB811" i="4"/>
  <c r="CC811" i="4"/>
  <c r="AY812" i="4"/>
  <c r="AZ812" i="4"/>
  <c r="BA812" i="4"/>
  <c r="BB812" i="4"/>
  <c r="BC812" i="4"/>
  <c r="BD812" i="4"/>
  <c r="BE812" i="4"/>
  <c r="BF812" i="4"/>
  <c r="BG812" i="4"/>
  <c r="BH812" i="4"/>
  <c r="BI812" i="4"/>
  <c r="BJ812" i="4"/>
  <c r="BK812" i="4"/>
  <c r="BL812" i="4"/>
  <c r="BM812" i="4"/>
  <c r="BN812" i="4"/>
  <c r="BO812" i="4"/>
  <c r="BP812" i="4"/>
  <c r="BQ812" i="4"/>
  <c r="BR812" i="4"/>
  <c r="BS812" i="4"/>
  <c r="BT812" i="4"/>
  <c r="BU812" i="4"/>
  <c r="BV812" i="4"/>
  <c r="BW812" i="4"/>
  <c r="BX812" i="4"/>
  <c r="BY812" i="4"/>
  <c r="BZ812" i="4"/>
  <c r="CA812" i="4"/>
  <c r="CB812" i="4"/>
  <c r="CC812" i="4"/>
  <c r="AY813" i="4"/>
  <c r="AZ813" i="4"/>
  <c r="BA813" i="4"/>
  <c r="BB813" i="4"/>
  <c r="BC813" i="4"/>
  <c r="BD813" i="4"/>
  <c r="BE813" i="4"/>
  <c r="BF813" i="4"/>
  <c r="BG813" i="4"/>
  <c r="BH813" i="4"/>
  <c r="BI813" i="4"/>
  <c r="BJ813" i="4"/>
  <c r="BK813" i="4"/>
  <c r="BL813" i="4"/>
  <c r="BM813" i="4"/>
  <c r="BN813" i="4"/>
  <c r="BO813" i="4"/>
  <c r="BP813" i="4"/>
  <c r="BQ813" i="4"/>
  <c r="BR813" i="4"/>
  <c r="BS813" i="4"/>
  <c r="BT813" i="4"/>
  <c r="BU813" i="4"/>
  <c r="BV813" i="4"/>
  <c r="BW813" i="4"/>
  <c r="BX813" i="4"/>
  <c r="BY813" i="4"/>
  <c r="BZ813" i="4"/>
  <c r="CA813" i="4"/>
  <c r="CB813" i="4"/>
  <c r="CC813" i="4"/>
  <c r="AY814" i="4"/>
  <c r="AZ814" i="4"/>
  <c r="BA814" i="4"/>
  <c r="BB814" i="4"/>
  <c r="BC814" i="4"/>
  <c r="BD814" i="4"/>
  <c r="BE814" i="4"/>
  <c r="BF814" i="4"/>
  <c r="BG814" i="4"/>
  <c r="BH814" i="4"/>
  <c r="BI814" i="4"/>
  <c r="BJ814" i="4"/>
  <c r="BK814" i="4"/>
  <c r="BL814" i="4"/>
  <c r="BM814" i="4"/>
  <c r="BN814" i="4"/>
  <c r="BO814" i="4"/>
  <c r="BP814" i="4"/>
  <c r="BQ814" i="4"/>
  <c r="BR814" i="4"/>
  <c r="BS814" i="4"/>
  <c r="BT814" i="4"/>
  <c r="BU814" i="4"/>
  <c r="BV814" i="4"/>
  <c r="BW814" i="4"/>
  <c r="BX814" i="4"/>
  <c r="BY814" i="4"/>
  <c r="BZ814" i="4"/>
  <c r="CA814" i="4"/>
  <c r="CB814" i="4"/>
  <c r="CC814" i="4"/>
  <c r="AY815" i="4"/>
  <c r="AZ815" i="4"/>
  <c r="BA815" i="4"/>
  <c r="BB815" i="4"/>
  <c r="BC815" i="4"/>
  <c r="BD815" i="4"/>
  <c r="BE815" i="4"/>
  <c r="BF815" i="4"/>
  <c r="BG815" i="4"/>
  <c r="BH815" i="4"/>
  <c r="BI815" i="4"/>
  <c r="BJ815" i="4"/>
  <c r="BK815" i="4"/>
  <c r="BL815" i="4"/>
  <c r="BM815" i="4"/>
  <c r="BN815" i="4"/>
  <c r="BO815" i="4"/>
  <c r="BP815" i="4"/>
  <c r="BQ815" i="4"/>
  <c r="BR815" i="4"/>
  <c r="BS815" i="4"/>
  <c r="BT815" i="4"/>
  <c r="BU815" i="4"/>
  <c r="BV815" i="4"/>
  <c r="BW815" i="4"/>
  <c r="BX815" i="4"/>
  <c r="BY815" i="4"/>
  <c r="BZ815" i="4"/>
  <c r="CA815" i="4"/>
  <c r="CB815" i="4"/>
  <c r="CC815" i="4"/>
  <c r="AY816" i="4"/>
  <c r="AZ816" i="4"/>
  <c r="BA816" i="4"/>
  <c r="BB816" i="4"/>
  <c r="BC816" i="4"/>
  <c r="BD816" i="4"/>
  <c r="BE816" i="4"/>
  <c r="BF816" i="4"/>
  <c r="BG816" i="4"/>
  <c r="BH816" i="4"/>
  <c r="BI816" i="4"/>
  <c r="BJ816" i="4"/>
  <c r="BK816" i="4"/>
  <c r="BL816" i="4"/>
  <c r="BM816" i="4"/>
  <c r="BN816" i="4"/>
  <c r="BO816" i="4"/>
  <c r="BP816" i="4"/>
  <c r="BQ816" i="4"/>
  <c r="BR816" i="4"/>
  <c r="BS816" i="4"/>
  <c r="BT816" i="4"/>
  <c r="BU816" i="4"/>
  <c r="BV816" i="4"/>
  <c r="BW816" i="4"/>
  <c r="BX816" i="4"/>
  <c r="BY816" i="4"/>
  <c r="BZ816" i="4"/>
  <c r="CA816" i="4"/>
  <c r="CB816" i="4"/>
  <c r="CC816" i="4"/>
  <c r="AY817" i="4"/>
  <c r="AZ817" i="4"/>
  <c r="BA817" i="4"/>
  <c r="BB817" i="4"/>
  <c r="BC817" i="4"/>
  <c r="BD817" i="4"/>
  <c r="BE817" i="4"/>
  <c r="BF817" i="4"/>
  <c r="BG817" i="4"/>
  <c r="BH817" i="4"/>
  <c r="BI817" i="4"/>
  <c r="BJ817" i="4"/>
  <c r="BK817" i="4"/>
  <c r="BL817" i="4"/>
  <c r="BM817" i="4"/>
  <c r="BN817" i="4"/>
  <c r="BO817" i="4"/>
  <c r="BP817" i="4"/>
  <c r="BQ817" i="4"/>
  <c r="BR817" i="4"/>
  <c r="BS817" i="4"/>
  <c r="BT817" i="4"/>
  <c r="BU817" i="4"/>
  <c r="BV817" i="4"/>
  <c r="BW817" i="4"/>
  <c r="BX817" i="4"/>
  <c r="BY817" i="4"/>
  <c r="BZ817" i="4"/>
  <c r="CA817" i="4"/>
  <c r="CB817" i="4"/>
  <c r="CC817" i="4"/>
  <c r="AY818" i="4"/>
  <c r="AZ818" i="4"/>
  <c r="BA818" i="4"/>
  <c r="BB818" i="4"/>
  <c r="BC818" i="4"/>
  <c r="BD818" i="4"/>
  <c r="BE818" i="4"/>
  <c r="BF818" i="4"/>
  <c r="BG818" i="4"/>
  <c r="BH818" i="4"/>
  <c r="BI818" i="4"/>
  <c r="BJ818" i="4"/>
  <c r="BK818" i="4"/>
  <c r="BL818" i="4"/>
  <c r="BM818" i="4"/>
  <c r="BN818" i="4"/>
  <c r="BO818" i="4"/>
  <c r="BP818" i="4"/>
  <c r="BQ818" i="4"/>
  <c r="BR818" i="4"/>
  <c r="BS818" i="4"/>
  <c r="BT818" i="4"/>
  <c r="BU818" i="4"/>
  <c r="BV818" i="4"/>
  <c r="BW818" i="4"/>
  <c r="BX818" i="4"/>
  <c r="BY818" i="4"/>
  <c r="BZ818" i="4"/>
  <c r="CA818" i="4"/>
  <c r="CB818" i="4"/>
  <c r="CC818" i="4"/>
  <c r="AY819" i="4"/>
  <c r="AZ819" i="4"/>
  <c r="BA819" i="4"/>
  <c r="BB819" i="4"/>
  <c r="BC819" i="4"/>
  <c r="BD819" i="4"/>
  <c r="BE819" i="4"/>
  <c r="BF819" i="4"/>
  <c r="BG819" i="4"/>
  <c r="BH819" i="4"/>
  <c r="BI819" i="4"/>
  <c r="BJ819" i="4"/>
  <c r="BK819" i="4"/>
  <c r="BL819" i="4"/>
  <c r="BM819" i="4"/>
  <c r="BN819" i="4"/>
  <c r="BO819" i="4"/>
  <c r="BP819" i="4"/>
  <c r="BQ819" i="4"/>
  <c r="BR819" i="4"/>
  <c r="BS819" i="4"/>
  <c r="BT819" i="4"/>
  <c r="BU819" i="4"/>
  <c r="BV819" i="4"/>
  <c r="BW819" i="4"/>
  <c r="BX819" i="4"/>
  <c r="BY819" i="4"/>
  <c r="BZ819" i="4"/>
  <c r="CA819" i="4"/>
  <c r="CB819" i="4"/>
  <c r="CC819" i="4"/>
  <c r="AY820" i="4"/>
  <c r="AZ820" i="4"/>
  <c r="BA820" i="4"/>
  <c r="BB820" i="4"/>
  <c r="BC820" i="4"/>
  <c r="BD820" i="4"/>
  <c r="BE820" i="4"/>
  <c r="BF820" i="4"/>
  <c r="BG820" i="4"/>
  <c r="BH820" i="4"/>
  <c r="BI820" i="4"/>
  <c r="BJ820" i="4"/>
  <c r="BK820" i="4"/>
  <c r="BL820" i="4"/>
  <c r="BM820" i="4"/>
  <c r="BN820" i="4"/>
  <c r="BO820" i="4"/>
  <c r="BP820" i="4"/>
  <c r="BQ820" i="4"/>
  <c r="BR820" i="4"/>
  <c r="BS820" i="4"/>
  <c r="BT820" i="4"/>
  <c r="BU820" i="4"/>
  <c r="BV820" i="4"/>
  <c r="BW820" i="4"/>
  <c r="BX820" i="4"/>
  <c r="BY820" i="4"/>
  <c r="BZ820" i="4"/>
  <c r="CA820" i="4"/>
  <c r="CB820" i="4"/>
  <c r="CC820" i="4"/>
  <c r="AY821" i="4"/>
  <c r="AZ821" i="4"/>
  <c r="BA821" i="4"/>
  <c r="BB821" i="4"/>
  <c r="BC821" i="4"/>
  <c r="BD821" i="4"/>
  <c r="BE821" i="4"/>
  <c r="BF821" i="4"/>
  <c r="BG821" i="4"/>
  <c r="BH821" i="4"/>
  <c r="BI821" i="4"/>
  <c r="BJ821" i="4"/>
  <c r="BK821" i="4"/>
  <c r="BL821" i="4"/>
  <c r="BM821" i="4"/>
  <c r="BN821" i="4"/>
  <c r="BO821" i="4"/>
  <c r="BP821" i="4"/>
  <c r="BQ821" i="4"/>
  <c r="BR821" i="4"/>
  <c r="BS821" i="4"/>
  <c r="BT821" i="4"/>
  <c r="BU821" i="4"/>
  <c r="BV821" i="4"/>
  <c r="BW821" i="4"/>
  <c r="BX821" i="4"/>
  <c r="BY821" i="4"/>
  <c r="BZ821" i="4"/>
  <c r="CA821" i="4"/>
  <c r="CB821" i="4"/>
  <c r="CC821" i="4"/>
  <c r="AY822" i="4"/>
  <c r="AZ822" i="4"/>
  <c r="BA822" i="4"/>
  <c r="BB822" i="4"/>
  <c r="BC822" i="4"/>
  <c r="BD822" i="4"/>
  <c r="BE822" i="4"/>
  <c r="BF822" i="4"/>
  <c r="BG822" i="4"/>
  <c r="BH822" i="4"/>
  <c r="BI822" i="4"/>
  <c r="BJ822" i="4"/>
  <c r="BK822" i="4"/>
  <c r="BL822" i="4"/>
  <c r="BM822" i="4"/>
  <c r="BN822" i="4"/>
  <c r="BO822" i="4"/>
  <c r="BP822" i="4"/>
  <c r="BQ822" i="4"/>
  <c r="BR822" i="4"/>
  <c r="BS822" i="4"/>
  <c r="BT822" i="4"/>
  <c r="BU822" i="4"/>
  <c r="BV822" i="4"/>
  <c r="BW822" i="4"/>
  <c r="BX822" i="4"/>
  <c r="BY822" i="4"/>
  <c r="BZ822" i="4"/>
  <c r="CA822" i="4"/>
  <c r="CB822" i="4"/>
  <c r="CC822" i="4"/>
  <c r="AY823" i="4"/>
  <c r="AZ823" i="4"/>
  <c r="BA823" i="4"/>
  <c r="BB823" i="4"/>
  <c r="BC823" i="4"/>
  <c r="BD823" i="4"/>
  <c r="BE823" i="4"/>
  <c r="BF823" i="4"/>
  <c r="BG823" i="4"/>
  <c r="BH823" i="4"/>
  <c r="BI823" i="4"/>
  <c r="BJ823" i="4"/>
  <c r="BK823" i="4"/>
  <c r="BL823" i="4"/>
  <c r="BM823" i="4"/>
  <c r="BN823" i="4"/>
  <c r="BO823" i="4"/>
  <c r="BP823" i="4"/>
  <c r="BQ823" i="4"/>
  <c r="BR823" i="4"/>
  <c r="BS823" i="4"/>
  <c r="BT823" i="4"/>
  <c r="BU823" i="4"/>
  <c r="BV823" i="4"/>
  <c r="BW823" i="4"/>
  <c r="BX823" i="4"/>
  <c r="BY823" i="4"/>
  <c r="BZ823" i="4"/>
  <c r="CA823" i="4"/>
  <c r="CB823" i="4"/>
  <c r="CC823" i="4"/>
  <c r="AY824" i="4"/>
  <c r="AZ824" i="4"/>
  <c r="BA824" i="4"/>
  <c r="BB824" i="4"/>
  <c r="BC824" i="4"/>
  <c r="BD824" i="4"/>
  <c r="BE824" i="4"/>
  <c r="BF824" i="4"/>
  <c r="BG824" i="4"/>
  <c r="BH824" i="4"/>
  <c r="BI824" i="4"/>
  <c r="BJ824" i="4"/>
  <c r="BK824" i="4"/>
  <c r="BL824" i="4"/>
  <c r="BM824" i="4"/>
  <c r="BN824" i="4"/>
  <c r="BO824" i="4"/>
  <c r="BP824" i="4"/>
  <c r="BQ824" i="4"/>
  <c r="BR824" i="4"/>
  <c r="BS824" i="4"/>
  <c r="BT824" i="4"/>
  <c r="BU824" i="4"/>
  <c r="BV824" i="4"/>
  <c r="BW824" i="4"/>
  <c r="BX824" i="4"/>
  <c r="BY824" i="4"/>
  <c r="BZ824" i="4"/>
  <c r="CA824" i="4"/>
  <c r="CB824" i="4"/>
  <c r="CC824" i="4"/>
  <c r="AY825" i="4"/>
  <c r="AZ825" i="4"/>
  <c r="BA825" i="4"/>
  <c r="BB825" i="4"/>
  <c r="BC825" i="4"/>
  <c r="BD825" i="4"/>
  <c r="BE825" i="4"/>
  <c r="BF825" i="4"/>
  <c r="BG825" i="4"/>
  <c r="BH825" i="4"/>
  <c r="BI825" i="4"/>
  <c r="BJ825" i="4"/>
  <c r="BK825" i="4"/>
  <c r="BL825" i="4"/>
  <c r="BM825" i="4"/>
  <c r="BN825" i="4"/>
  <c r="BO825" i="4"/>
  <c r="BP825" i="4"/>
  <c r="BQ825" i="4"/>
  <c r="BR825" i="4"/>
  <c r="BS825" i="4"/>
  <c r="BT825" i="4"/>
  <c r="BU825" i="4"/>
  <c r="BV825" i="4"/>
  <c r="BW825" i="4"/>
  <c r="BX825" i="4"/>
  <c r="BY825" i="4"/>
  <c r="BZ825" i="4"/>
  <c r="CA825" i="4"/>
  <c r="CB825" i="4"/>
  <c r="CC825" i="4"/>
  <c r="AY826" i="4"/>
  <c r="AZ826" i="4"/>
  <c r="BA826" i="4"/>
  <c r="BB826" i="4"/>
  <c r="BC826" i="4"/>
  <c r="BD826" i="4"/>
  <c r="BE826" i="4"/>
  <c r="BF826" i="4"/>
  <c r="BG826" i="4"/>
  <c r="BH826" i="4"/>
  <c r="BI826" i="4"/>
  <c r="BJ826" i="4"/>
  <c r="BK826" i="4"/>
  <c r="BL826" i="4"/>
  <c r="BM826" i="4"/>
  <c r="BN826" i="4"/>
  <c r="BO826" i="4"/>
  <c r="BP826" i="4"/>
  <c r="BQ826" i="4"/>
  <c r="BR826" i="4"/>
  <c r="BS826" i="4"/>
  <c r="BT826" i="4"/>
  <c r="BU826" i="4"/>
  <c r="BV826" i="4"/>
  <c r="BW826" i="4"/>
  <c r="BX826" i="4"/>
  <c r="BY826" i="4"/>
  <c r="BZ826" i="4"/>
  <c r="CA826" i="4"/>
  <c r="CB826" i="4"/>
  <c r="CC826" i="4"/>
  <c r="AY827" i="4"/>
  <c r="AZ827" i="4"/>
  <c r="BA827" i="4"/>
  <c r="BB827" i="4"/>
  <c r="BC827" i="4"/>
  <c r="BD827" i="4"/>
  <c r="BE827" i="4"/>
  <c r="BF827" i="4"/>
  <c r="BG827" i="4"/>
  <c r="BH827" i="4"/>
  <c r="BI827" i="4"/>
  <c r="BJ827" i="4"/>
  <c r="BK827" i="4"/>
  <c r="BL827" i="4"/>
  <c r="BM827" i="4"/>
  <c r="BN827" i="4"/>
  <c r="BO827" i="4"/>
  <c r="BP827" i="4"/>
  <c r="BQ827" i="4"/>
  <c r="BR827" i="4"/>
  <c r="BS827" i="4"/>
  <c r="BT827" i="4"/>
  <c r="BU827" i="4"/>
  <c r="BV827" i="4"/>
  <c r="BW827" i="4"/>
  <c r="BX827" i="4"/>
  <c r="BY827" i="4"/>
  <c r="BZ827" i="4"/>
  <c r="CA827" i="4"/>
  <c r="CB827" i="4"/>
  <c r="CC827" i="4"/>
  <c r="AY828" i="4"/>
  <c r="AZ828" i="4"/>
  <c r="BA828" i="4"/>
  <c r="BB828" i="4"/>
  <c r="BC828" i="4"/>
  <c r="BD828" i="4"/>
  <c r="BE828" i="4"/>
  <c r="BF828" i="4"/>
  <c r="BG828" i="4"/>
  <c r="BH828" i="4"/>
  <c r="BI828" i="4"/>
  <c r="BJ828" i="4"/>
  <c r="BK828" i="4"/>
  <c r="BL828" i="4"/>
  <c r="BM828" i="4"/>
  <c r="BN828" i="4"/>
  <c r="BO828" i="4"/>
  <c r="BP828" i="4"/>
  <c r="BQ828" i="4"/>
  <c r="BR828" i="4"/>
  <c r="BS828" i="4"/>
  <c r="BT828" i="4"/>
  <c r="BU828" i="4"/>
  <c r="BV828" i="4"/>
  <c r="BW828" i="4"/>
  <c r="BX828" i="4"/>
  <c r="BY828" i="4"/>
  <c r="BZ828" i="4"/>
  <c r="CA828" i="4"/>
  <c r="CB828" i="4"/>
  <c r="CC828" i="4"/>
  <c r="AY829" i="4"/>
  <c r="AZ829" i="4"/>
  <c r="BA829" i="4"/>
  <c r="BB829" i="4"/>
  <c r="BC829" i="4"/>
  <c r="BD829" i="4"/>
  <c r="BE829" i="4"/>
  <c r="BF829" i="4"/>
  <c r="BG829" i="4"/>
  <c r="BH829" i="4"/>
  <c r="BI829" i="4"/>
  <c r="BJ829" i="4"/>
  <c r="BK829" i="4"/>
  <c r="BL829" i="4"/>
  <c r="BM829" i="4"/>
  <c r="BN829" i="4"/>
  <c r="BO829" i="4"/>
  <c r="BP829" i="4"/>
  <c r="BQ829" i="4"/>
  <c r="BR829" i="4"/>
  <c r="BS829" i="4"/>
  <c r="BT829" i="4"/>
  <c r="BU829" i="4"/>
  <c r="BV829" i="4"/>
  <c r="BW829" i="4"/>
  <c r="BX829" i="4"/>
  <c r="BY829" i="4"/>
  <c r="BZ829" i="4"/>
  <c r="CA829" i="4"/>
  <c r="CB829" i="4"/>
  <c r="CC829" i="4"/>
  <c r="AY830" i="4"/>
  <c r="AZ830" i="4"/>
  <c r="BA830" i="4"/>
  <c r="BB830" i="4"/>
  <c r="BC830" i="4"/>
  <c r="BD830" i="4"/>
  <c r="BE830" i="4"/>
  <c r="BF830" i="4"/>
  <c r="BG830" i="4"/>
  <c r="BH830" i="4"/>
  <c r="BI830" i="4"/>
  <c r="BJ830" i="4"/>
  <c r="BK830" i="4"/>
  <c r="BL830" i="4"/>
  <c r="BM830" i="4"/>
  <c r="BN830" i="4"/>
  <c r="BO830" i="4"/>
  <c r="BP830" i="4"/>
  <c r="BQ830" i="4"/>
  <c r="BR830" i="4"/>
  <c r="BS830" i="4"/>
  <c r="BT830" i="4"/>
  <c r="BU830" i="4"/>
  <c r="BV830" i="4"/>
  <c r="BW830" i="4"/>
  <c r="BX830" i="4"/>
  <c r="BY830" i="4"/>
  <c r="BZ830" i="4"/>
  <c r="CA830" i="4"/>
  <c r="CB830" i="4"/>
  <c r="CC830" i="4"/>
  <c r="AY831" i="4"/>
  <c r="AZ831" i="4"/>
  <c r="BA831" i="4"/>
  <c r="BB831" i="4"/>
  <c r="BC831" i="4"/>
  <c r="BD831" i="4"/>
  <c r="BE831" i="4"/>
  <c r="BF831" i="4"/>
  <c r="BG831" i="4"/>
  <c r="BH831" i="4"/>
  <c r="BI831" i="4"/>
  <c r="BJ831" i="4"/>
  <c r="BK831" i="4"/>
  <c r="BL831" i="4"/>
  <c r="BM831" i="4"/>
  <c r="BN831" i="4"/>
  <c r="BO831" i="4"/>
  <c r="BP831" i="4"/>
  <c r="BQ831" i="4"/>
  <c r="BR831" i="4"/>
  <c r="BS831" i="4"/>
  <c r="BT831" i="4"/>
  <c r="BU831" i="4"/>
  <c r="BV831" i="4"/>
  <c r="BW831" i="4"/>
  <c r="BX831" i="4"/>
  <c r="BY831" i="4"/>
  <c r="BZ831" i="4"/>
  <c r="CA831" i="4"/>
  <c r="CB831" i="4"/>
  <c r="CC831" i="4"/>
  <c r="AY832" i="4"/>
  <c r="AZ832" i="4"/>
  <c r="BA832" i="4"/>
  <c r="BB832" i="4"/>
  <c r="BC832" i="4"/>
  <c r="BD832" i="4"/>
  <c r="BE832" i="4"/>
  <c r="BF832" i="4"/>
  <c r="BG832" i="4"/>
  <c r="BH832" i="4"/>
  <c r="BI832" i="4"/>
  <c r="BJ832" i="4"/>
  <c r="BK832" i="4"/>
  <c r="BL832" i="4"/>
  <c r="BM832" i="4"/>
  <c r="BN832" i="4"/>
  <c r="BO832" i="4"/>
  <c r="BP832" i="4"/>
  <c r="BQ832" i="4"/>
  <c r="BR832" i="4"/>
  <c r="BS832" i="4"/>
  <c r="BT832" i="4"/>
  <c r="BU832" i="4"/>
  <c r="BV832" i="4"/>
  <c r="BW832" i="4"/>
  <c r="BX832" i="4"/>
  <c r="BY832" i="4"/>
  <c r="BZ832" i="4"/>
  <c r="CA832" i="4"/>
  <c r="CB832" i="4"/>
  <c r="CC832" i="4"/>
  <c r="AY833" i="4"/>
  <c r="AZ833" i="4"/>
  <c r="BA833" i="4"/>
  <c r="BB833" i="4"/>
  <c r="BC833" i="4"/>
  <c r="BD833" i="4"/>
  <c r="BE833" i="4"/>
  <c r="BF833" i="4"/>
  <c r="BG833" i="4"/>
  <c r="BH833" i="4"/>
  <c r="BI833" i="4"/>
  <c r="BJ833" i="4"/>
  <c r="BK833" i="4"/>
  <c r="BL833" i="4"/>
  <c r="BM833" i="4"/>
  <c r="BN833" i="4"/>
  <c r="BO833" i="4"/>
  <c r="BP833" i="4"/>
  <c r="BQ833" i="4"/>
  <c r="BR833" i="4"/>
  <c r="BS833" i="4"/>
  <c r="BT833" i="4"/>
  <c r="BU833" i="4"/>
  <c r="BV833" i="4"/>
  <c r="BW833" i="4"/>
  <c r="BX833" i="4"/>
  <c r="BY833" i="4"/>
  <c r="BZ833" i="4"/>
  <c r="CA833" i="4"/>
  <c r="CB833" i="4"/>
  <c r="CC833" i="4"/>
  <c r="AY834" i="4"/>
  <c r="AZ834" i="4"/>
  <c r="BA834" i="4"/>
  <c r="BB834" i="4"/>
  <c r="BC834" i="4"/>
  <c r="BD834" i="4"/>
  <c r="BE834" i="4"/>
  <c r="BF834" i="4"/>
  <c r="BG834" i="4"/>
  <c r="BH834" i="4"/>
  <c r="BI834" i="4"/>
  <c r="BJ834" i="4"/>
  <c r="BK834" i="4"/>
  <c r="BL834" i="4"/>
  <c r="BM834" i="4"/>
  <c r="BN834" i="4"/>
  <c r="BO834" i="4"/>
  <c r="BP834" i="4"/>
  <c r="BQ834" i="4"/>
  <c r="BR834" i="4"/>
  <c r="BS834" i="4"/>
  <c r="BT834" i="4"/>
  <c r="BU834" i="4"/>
  <c r="BV834" i="4"/>
  <c r="BW834" i="4"/>
  <c r="BX834" i="4"/>
  <c r="BY834" i="4"/>
  <c r="BZ834" i="4"/>
  <c r="CA834" i="4"/>
  <c r="CB834" i="4"/>
  <c r="CC834" i="4"/>
  <c r="AY835" i="4"/>
  <c r="AZ835" i="4"/>
  <c r="BA835" i="4"/>
  <c r="BB835" i="4"/>
  <c r="BC835" i="4"/>
  <c r="BD835" i="4"/>
  <c r="BE835" i="4"/>
  <c r="BF835" i="4"/>
  <c r="BG835" i="4"/>
  <c r="BH835" i="4"/>
  <c r="BI835" i="4"/>
  <c r="BJ835" i="4"/>
  <c r="BK835" i="4"/>
  <c r="BL835" i="4"/>
  <c r="BM835" i="4"/>
  <c r="BN835" i="4"/>
  <c r="BO835" i="4"/>
  <c r="BP835" i="4"/>
  <c r="BQ835" i="4"/>
  <c r="BR835" i="4"/>
  <c r="BS835" i="4"/>
  <c r="BT835" i="4"/>
  <c r="BU835" i="4"/>
  <c r="BV835" i="4"/>
  <c r="BW835" i="4"/>
  <c r="BX835" i="4"/>
  <c r="BY835" i="4"/>
  <c r="BZ835" i="4"/>
  <c r="CA835" i="4"/>
  <c r="CB835" i="4"/>
  <c r="CC835" i="4"/>
  <c r="AY836" i="4"/>
  <c r="AZ836" i="4"/>
  <c r="BA836" i="4"/>
  <c r="BB836" i="4"/>
  <c r="BC836" i="4"/>
  <c r="BD836" i="4"/>
  <c r="BE836" i="4"/>
  <c r="BF836" i="4"/>
  <c r="BG836" i="4"/>
  <c r="BH836" i="4"/>
  <c r="BI836" i="4"/>
  <c r="BJ836" i="4"/>
  <c r="BK836" i="4"/>
  <c r="BL836" i="4"/>
  <c r="BM836" i="4"/>
  <c r="BN836" i="4"/>
  <c r="BO836" i="4"/>
  <c r="BP836" i="4"/>
  <c r="BQ836" i="4"/>
  <c r="BR836" i="4"/>
  <c r="BS836" i="4"/>
  <c r="BT836" i="4"/>
  <c r="BU836" i="4"/>
  <c r="BV836" i="4"/>
  <c r="BW836" i="4"/>
  <c r="BX836" i="4"/>
  <c r="BY836" i="4"/>
  <c r="BZ836" i="4"/>
  <c r="CA836" i="4"/>
  <c r="CB836" i="4"/>
  <c r="CC836" i="4"/>
  <c r="AY837" i="4"/>
  <c r="AZ837" i="4"/>
  <c r="BA837" i="4"/>
  <c r="BB837" i="4"/>
  <c r="BC837" i="4"/>
  <c r="BD837" i="4"/>
  <c r="BE837" i="4"/>
  <c r="BF837" i="4"/>
  <c r="BG837" i="4"/>
  <c r="BH837" i="4"/>
  <c r="BI837" i="4"/>
  <c r="BJ837" i="4"/>
  <c r="BK837" i="4"/>
  <c r="BL837" i="4"/>
  <c r="BM837" i="4"/>
  <c r="BN837" i="4"/>
  <c r="BO837" i="4"/>
  <c r="BP837" i="4"/>
  <c r="BQ837" i="4"/>
  <c r="BR837" i="4"/>
  <c r="BS837" i="4"/>
  <c r="BT837" i="4"/>
  <c r="BU837" i="4"/>
  <c r="BV837" i="4"/>
  <c r="BW837" i="4"/>
  <c r="BX837" i="4"/>
  <c r="BY837" i="4"/>
  <c r="BZ837" i="4"/>
  <c r="CA837" i="4"/>
  <c r="CB837" i="4"/>
  <c r="CC837" i="4"/>
  <c r="AY838" i="4"/>
  <c r="AZ838" i="4"/>
  <c r="BA838" i="4"/>
  <c r="BB838" i="4"/>
  <c r="BC838" i="4"/>
  <c r="BD838" i="4"/>
  <c r="BE838" i="4"/>
  <c r="BF838" i="4"/>
  <c r="BG838" i="4"/>
  <c r="BH838" i="4"/>
  <c r="BI838" i="4"/>
  <c r="BJ838" i="4"/>
  <c r="BK838" i="4"/>
  <c r="BL838" i="4"/>
  <c r="BM838" i="4"/>
  <c r="BN838" i="4"/>
  <c r="BO838" i="4"/>
  <c r="BP838" i="4"/>
  <c r="BQ838" i="4"/>
  <c r="BR838" i="4"/>
  <c r="BS838" i="4"/>
  <c r="BT838" i="4"/>
  <c r="BU838" i="4"/>
  <c r="BV838" i="4"/>
  <c r="BW838" i="4"/>
  <c r="BX838" i="4"/>
  <c r="BY838" i="4"/>
  <c r="BZ838" i="4"/>
  <c r="CA838" i="4"/>
  <c r="CB838" i="4"/>
  <c r="CC838" i="4"/>
  <c r="AY839" i="4"/>
  <c r="AZ839" i="4"/>
  <c r="BA839" i="4"/>
  <c r="BB839" i="4"/>
  <c r="BC839" i="4"/>
  <c r="BD839" i="4"/>
  <c r="BE839" i="4"/>
  <c r="BF839" i="4"/>
  <c r="BG839" i="4"/>
  <c r="BH839" i="4"/>
  <c r="BI839" i="4"/>
  <c r="BJ839" i="4"/>
  <c r="BK839" i="4"/>
  <c r="BL839" i="4"/>
  <c r="BM839" i="4"/>
  <c r="BN839" i="4"/>
  <c r="BO839" i="4"/>
  <c r="BP839" i="4"/>
  <c r="BQ839" i="4"/>
  <c r="BR839" i="4"/>
  <c r="BS839" i="4"/>
  <c r="BT839" i="4"/>
  <c r="BU839" i="4"/>
  <c r="BV839" i="4"/>
  <c r="BW839" i="4"/>
  <c r="BX839" i="4"/>
  <c r="BY839" i="4"/>
  <c r="BZ839" i="4"/>
  <c r="CA839" i="4"/>
  <c r="CB839" i="4"/>
  <c r="CC839" i="4"/>
  <c r="AY840" i="4"/>
  <c r="AZ840" i="4"/>
  <c r="BA840" i="4"/>
  <c r="BB840" i="4"/>
  <c r="BC840" i="4"/>
  <c r="BD840" i="4"/>
  <c r="BE840" i="4"/>
  <c r="BF840" i="4"/>
  <c r="BG840" i="4"/>
  <c r="BH840" i="4"/>
  <c r="BI840" i="4"/>
  <c r="BJ840" i="4"/>
  <c r="BK840" i="4"/>
  <c r="BL840" i="4"/>
  <c r="BM840" i="4"/>
  <c r="BN840" i="4"/>
  <c r="BO840" i="4"/>
  <c r="BP840" i="4"/>
  <c r="BQ840" i="4"/>
  <c r="BR840" i="4"/>
  <c r="BS840" i="4"/>
  <c r="BT840" i="4"/>
  <c r="BU840" i="4"/>
  <c r="BV840" i="4"/>
  <c r="BW840" i="4"/>
  <c r="BX840" i="4"/>
  <c r="BY840" i="4"/>
  <c r="BZ840" i="4"/>
  <c r="CA840" i="4"/>
  <c r="CB840" i="4"/>
  <c r="CC840" i="4"/>
  <c r="AY841" i="4"/>
  <c r="AZ841" i="4"/>
  <c r="BA841" i="4"/>
  <c r="BB841" i="4"/>
  <c r="BC841" i="4"/>
  <c r="BD841" i="4"/>
  <c r="BE841" i="4"/>
  <c r="BF841" i="4"/>
  <c r="BG841" i="4"/>
  <c r="BH841" i="4"/>
  <c r="BI841" i="4"/>
  <c r="BJ841" i="4"/>
  <c r="BK841" i="4"/>
  <c r="BL841" i="4"/>
  <c r="BM841" i="4"/>
  <c r="BN841" i="4"/>
  <c r="BO841" i="4"/>
  <c r="BP841" i="4"/>
  <c r="BQ841" i="4"/>
  <c r="BR841" i="4"/>
  <c r="BS841" i="4"/>
  <c r="BT841" i="4"/>
  <c r="BU841" i="4"/>
  <c r="BV841" i="4"/>
  <c r="BW841" i="4"/>
  <c r="BX841" i="4"/>
  <c r="BY841" i="4"/>
  <c r="BZ841" i="4"/>
  <c r="CA841" i="4"/>
  <c r="CB841" i="4"/>
  <c r="CC841" i="4"/>
  <c r="AY842" i="4"/>
  <c r="AZ842" i="4"/>
  <c r="BA842" i="4"/>
  <c r="BB842" i="4"/>
  <c r="BC842" i="4"/>
  <c r="BD842" i="4"/>
  <c r="BE842" i="4"/>
  <c r="BF842" i="4"/>
  <c r="BG842" i="4"/>
  <c r="BH842" i="4"/>
  <c r="BI842" i="4"/>
  <c r="BJ842" i="4"/>
  <c r="BK842" i="4"/>
  <c r="BL842" i="4"/>
  <c r="BM842" i="4"/>
  <c r="BN842" i="4"/>
  <c r="BO842" i="4"/>
  <c r="BP842" i="4"/>
  <c r="BQ842" i="4"/>
  <c r="BR842" i="4"/>
  <c r="BS842" i="4"/>
  <c r="BT842" i="4"/>
  <c r="BU842" i="4"/>
  <c r="BV842" i="4"/>
  <c r="BW842" i="4"/>
  <c r="BX842" i="4"/>
  <c r="BY842" i="4"/>
  <c r="BZ842" i="4"/>
  <c r="CA842" i="4"/>
  <c r="CB842" i="4"/>
  <c r="CC842" i="4"/>
  <c r="AY843" i="4"/>
  <c r="AZ843" i="4"/>
  <c r="BA843" i="4"/>
  <c r="BB843" i="4"/>
  <c r="BC843" i="4"/>
  <c r="BD843" i="4"/>
  <c r="BE843" i="4"/>
  <c r="BF843" i="4"/>
  <c r="BG843" i="4"/>
  <c r="BH843" i="4"/>
  <c r="BI843" i="4"/>
  <c r="BJ843" i="4"/>
  <c r="BK843" i="4"/>
  <c r="BL843" i="4"/>
  <c r="BM843" i="4"/>
  <c r="BN843" i="4"/>
  <c r="BO843" i="4"/>
  <c r="BP843" i="4"/>
  <c r="BQ843" i="4"/>
  <c r="BR843" i="4"/>
  <c r="BS843" i="4"/>
  <c r="BT843" i="4"/>
  <c r="BU843" i="4"/>
  <c r="BV843" i="4"/>
  <c r="BW843" i="4"/>
  <c r="BX843" i="4"/>
  <c r="BY843" i="4"/>
  <c r="BZ843" i="4"/>
  <c r="CA843" i="4"/>
  <c r="CB843" i="4"/>
  <c r="CC843" i="4"/>
  <c r="AY844" i="4"/>
  <c r="AZ844" i="4"/>
  <c r="BA844" i="4"/>
  <c r="BB844" i="4"/>
  <c r="BC844" i="4"/>
  <c r="BD844" i="4"/>
  <c r="BE844" i="4"/>
  <c r="BF844" i="4"/>
  <c r="BG844" i="4"/>
  <c r="BH844" i="4"/>
  <c r="BI844" i="4"/>
  <c r="BJ844" i="4"/>
  <c r="BK844" i="4"/>
  <c r="BL844" i="4"/>
  <c r="BM844" i="4"/>
  <c r="BN844" i="4"/>
  <c r="BO844" i="4"/>
  <c r="BP844" i="4"/>
  <c r="BQ844" i="4"/>
  <c r="BR844" i="4"/>
  <c r="BS844" i="4"/>
  <c r="BT844" i="4"/>
  <c r="BU844" i="4"/>
  <c r="BV844" i="4"/>
  <c r="BW844" i="4"/>
  <c r="BX844" i="4"/>
  <c r="BY844" i="4"/>
  <c r="BZ844" i="4"/>
  <c r="CA844" i="4"/>
  <c r="CB844" i="4"/>
  <c r="CC844" i="4"/>
  <c r="AY845" i="4"/>
  <c r="AZ845" i="4"/>
  <c r="BA845" i="4"/>
  <c r="BB845" i="4"/>
  <c r="BC845" i="4"/>
  <c r="BD845" i="4"/>
  <c r="BE845" i="4"/>
  <c r="BF845" i="4"/>
  <c r="BG845" i="4"/>
  <c r="BH845" i="4"/>
  <c r="BI845" i="4"/>
  <c r="BJ845" i="4"/>
  <c r="BK845" i="4"/>
  <c r="BL845" i="4"/>
  <c r="BM845" i="4"/>
  <c r="BN845" i="4"/>
  <c r="BO845" i="4"/>
  <c r="BP845" i="4"/>
  <c r="BQ845" i="4"/>
  <c r="BR845" i="4"/>
  <c r="BS845" i="4"/>
  <c r="BT845" i="4"/>
  <c r="BU845" i="4"/>
  <c r="BV845" i="4"/>
  <c r="BW845" i="4"/>
  <c r="BX845" i="4"/>
  <c r="BY845" i="4"/>
  <c r="BZ845" i="4"/>
  <c r="CA845" i="4"/>
  <c r="CB845" i="4"/>
  <c r="CC845" i="4"/>
  <c r="AY846" i="4"/>
  <c r="AZ846" i="4"/>
  <c r="BA846" i="4"/>
  <c r="BB846" i="4"/>
  <c r="BC846" i="4"/>
  <c r="BD846" i="4"/>
  <c r="BE846" i="4"/>
  <c r="BF846" i="4"/>
  <c r="BG846" i="4"/>
  <c r="BH846" i="4"/>
  <c r="BI846" i="4"/>
  <c r="BJ846" i="4"/>
  <c r="BK846" i="4"/>
  <c r="BL846" i="4"/>
  <c r="BM846" i="4"/>
  <c r="BN846" i="4"/>
  <c r="BO846" i="4"/>
  <c r="BP846" i="4"/>
  <c r="BQ846" i="4"/>
  <c r="BR846" i="4"/>
  <c r="BS846" i="4"/>
  <c r="BT846" i="4"/>
  <c r="BU846" i="4"/>
  <c r="BV846" i="4"/>
  <c r="BW846" i="4"/>
  <c r="BX846" i="4"/>
  <c r="BY846" i="4"/>
  <c r="BZ846" i="4"/>
  <c r="CA846" i="4"/>
  <c r="CB846" i="4"/>
  <c r="CC846" i="4"/>
  <c r="AY847" i="4"/>
  <c r="AZ847" i="4"/>
  <c r="BA847" i="4"/>
  <c r="BB847" i="4"/>
  <c r="BC847" i="4"/>
  <c r="BD847" i="4"/>
  <c r="BE847" i="4"/>
  <c r="BF847" i="4"/>
  <c r="BG847" i="4"/>
  <c r="BH847" i="4"/>
  <c r="BI847" i="4"/>
  <c r="BJ847" i="4"/>
  <c r="BK847" i="4"/>
  <c r="BL847" i="4"/>
  <c r="BM847" i="4"/>
  <c r="BN847" i="4"/>
  <c r="BO847" i="4"/>
  <c r="BP847" i="4"/>
  <c r="BQ847" i="4"/>
  <c r="BR847" i="4"/>
  <c r="BS847" i="4"/>
  <c r="BT847" i="4"/>
  <c r="BU847" i="4"/>
  <c r="BV847" i="4"/>
  <c r="BW847" i="4"/>
  <c r="BX847" i="4"/>
  <c r="BY847" i="4"/>
  <c r="BZ847" i="4"/>
  <c r="CA847" i="4"/>
  <c r="CB847" i="4"/>
  <c r="CC847" i="4"/>
  <c r="AY848" i="4"/>
  <c r="AZ848" i="4"/>
  <c r="BA848" i="4"/>
  <c r="BB848" i="4"/>
  <c r="BC848" i="4"/>
  <c r="BD848" i="4"/>
  <c r="BE848" i="4"/>
  <c r="BF848" i="4"/>
  <c r="BG848" i="4"/>
  <c r="BH848" i="4"/>
  <c r="BI848" i="4"/>
  <c r="BJ848" i="4"/>
  <c r="BK848" i="4"/>
  <c r="BL848" i="4"/>
  <c r="BM848" i="4"/>
  <c r="BN848" i="4"/>
  <c r="BO848" i="4"/>
  <c r="BP848" i="4"/>
  <c r="BQ848" i="4"/>
  <c r="BR848" i="4"/>
  <c r="BS848" i="4"/>
  <c r="BT848" i="4"/>
  <c r="BU848" i="4"/>
  <c r="BV848" i="4"/>
  <c r="BW848" i="4"/>
  <c r="BX848" i="4"/>
  <c r="BY848" i="4"/>
  <c r="BZ848" i="4"/>
  <c r="CA848" i="4"/>
  <c r="CB848" i="4"/>
  <c r="CC848" i="4"/>
  <c r="AY849" i="4"/>
  <c r="AZ849" i="4"/>
  <c r="BA849" i="4"/>
  <c r="BB849" i="4"/>
  <c r="BC849" i="4"/>
  <c r="BD849" i="4"/>
  <c r="BE849" i="4"/>
  <c r="BF849" i="4"/>
  <c r="BG849" i="4"/>
  <c r="BH849" i="4"/>
  <c r="BI849" i="4"/>
  <c r="BJ849" i="4"/>
  <c r="BK849" i="4"/>
  <c r="BL849" i="4"/>
  <c r="BM849" i="4"/>
  <c r="BN849" i="4"/>
  <c r="BO849" i="4"/>
  <c r="BP849" i="4"/>
  <c r="BQ849" i="4"/>
  <c r="BR849" i="4"/>
  <c r="BS849" i="4"/>
  <c r="BT849" i="4"/>
  <c r="BU849" i="4"/>
  <c r="BV849" i="4"/>
  <c r="BW849" i="4"/>
  <c r="BX849" i="4"/>
  <c r="BY849" i="4"/>
  <c r="BZ849" i="4"/>
  <c r="CA849" i="4"/>
  <c r="CB849" i="4"/>
  <c r="CC849" i="4"/>
  <c r="AY850" i="4"/>
  <c r="AZ850" i="4"/>
  <c r="BA850" i="4"/>
  <c r="BB850" i="4"/>
  <c r="BC850" i="4"/>
  <c r="BD850" i="4"/>
  <c r="BE850" i="4"/>
  <c r="BF850" i="4"/>
  <c r="BG850" i="4"/>
  <c r="BH850" i="4"/>
  <c r="BI850" i="4"/>
  <c r="BJ850" i="4"/>
  <c r="BK850" i="4"/>
  <c r="BL850" i="4"/>
  <c r="BM850" i="4"/>
  <c r="BN850" i="4"/>
  <c r="BO850" i="4"/>
  <c r="BP850" i="4"/>
  <c r="BQ850" i="4"/>
  <c r="BR850" i="4"/>
  <c r="BS850" i="4"/>
  <c r="BT850" i="4"/>
  <c r="BU850" i="4"/>
  <c r="BV850" i="4"/>
  <c r="BW850" i="4"/>
  <c r="BX850" i="4"/>
  <c r="BY850" i="4"/>
  <c r="BZ850" i="4"/>
  <c r="CA850" i="4"/>
  <c r="CB850" i="4"/>
  <c r="CC850" i="4"/>
  <c r="AY851" i="4"/>
  <c r="AZ851" i="4"/>
  <c r="BA851" i="4"/>
  <c r="BB851" i="4"/>
  <c r="BC851" i="4"/>
  <c r="BD851" i="4"/>
  <c r="BE851" i="4"/>
  <c r="BF851" i="4"/>
  <c r="BG851" i="4"/>
  <c r="BH851" i="4"/>
  <c r="BI851" i="4"/>
  <c r="BJ851" i="4"/>
  <c r="BK851" i="4"/>
  <c r="BL851" i="4"/>
  <c r="BM851" i="4"/>
  <c r="BN851" i="4"/>
  <c r="BO851" i="4"/>
  <c r="BP851" i="4"/>
  <c r="BQ851" i="4"/>
  <c r="BR851" i="4"/>
  <c r="BS851" i="4"/>
  <c r="BT851" i="4"/>
  <c r="BU851" i="4"/>
  <c r="BV851" i="4"/>
  <c r="BW851" i="4"/>
  <c r="BX851" i="4"/>
  <c r="BY851" i="4"/>
  <c r="BZ851" i="4"/>
  <c r="CA851" i="4"/>
  <c r="CB851" i="4"/>
  <c r="CC851" i="4"/>
  <c r="AY852" i="4"/>
  <c r="AZ852" i="4"/>
  <c r="BA852" i="4"/>
  <c r="BB852" i="4"/>
  <c r="BC852" i="4"/>
  <c r="BD852" i="4"/>
  <c r="BE852" i="4"/>
  <c r="BF852" i="4"/>
  <c r="BG852" i="4"/>
  <c r="BH852" i="4"/>
  <c r="BI852" i="4"/>
  <c r="BJ852" i="4"/>
  <c r="BK852" i="4"/>
  <c r="BL852" i="4"/>
  <c r="BM852" i="4"/>
  <c r="BN852" i="4"/>
  <c r="BO852" i="4"/>
  <c r="BP852" i="4"/>
  <c r="BQ852" i="4"/>
  <c r="BR852" i="4"/>
  <c r="BS852" i="4"/>
  <c r="BT852" i="4"/>
  <c r="BU852" i="4"/>
  <c r="BV852" i="4"/>
  <c r="BW852" i="4"/>
  <c r="BX852" i="4"/>
  <c r="BY852" i="4"/>
  <c r="BZ852" i="4"/>
  <c r="CA852" i="4"/>
  <c r="CB852" i="4"/>
  <c r="CC852" i="4"/>
  <c r="AY853" i="4"/>
  <c r="AZ853" i="4"/>
  <c r="BA853" i="4"/>
  <c r="BB853" i="4"/>
  <c r="BC853" i="4"/>
  <c r="BD853" i="4"/>
  <c r="BE853" i="4"/>
  <c r="BF853" i="4"/>
  <c r="BG853" i="4"/>
  <c r="BH853" i="4"/>
  <c r="BI853" i="4"/>
  <c r="BJ853" i="4"/>
  <c r="BK853" i="4"/>
  <c r="BL853" i="4"/>
  <c r="BM853" i="4"/>
  <c r="BN853" i="4"/>
  <c r="BO853" i="4"/>
  <c r="BP853" i="4"/>
  <c r="BQ853" i="4"/>
  <c r="BR853" i="4"/>
  <c r="BS853" i="4"/>
  <c r="BT853" i="4"/>
  <c r="BU853" i="4"/>
  <c r="BV853" i="4"/>
  <c r="BW853" i="4"/>
  <c r="BX853" i="4"/>
  <c r="BY853" i="4"/>
  <c r="BZ853" i="4"/>
  <c r="CA853" i="4"/>
  <c r="CB853" i="4"/>
  <c r="CC853" i="4"/>
  <c r="AY854" i="4"/>
  <c r="AZ854" i="4"/>
  <c r="BA854" i="4"/>
  <c r="BB854" i="4"/>
  <c r="BC854" i="4"/>
  <c r="BD854" i="4"/>
  <c r="BE854" i="4"/>
  <c r="BF854" i="4"/>
  <c r="BG854" i="4"/>
  <c r="BH854" i="4"/>
  <c r="BI854" i="4"/>
  <c r="BJ854" i="4"/>
  <c r="BK854" i="4"/>
  <c r="BL854" i="4"/>
  <c r="BM854" i="4"/>
  <c r="BN854" i="4"/>
  <c r="BO854" i="4"/>
  <c r="BP854" i="4"/>
  <c r="BQ854" i="4"/>
  <c r="BR854" i="4"/>
  <c r="BS854" i="4"/>
  <c r="BT854" i="4"/>
  <c r="BU854" i="4"/>
  <c r="BV854" i="4"/>
  <c r="BW854" i="4"/>
  <c r="BX854" i="4"/>
  <c r="BY854" i="4"/>
  <c r="BZ854" i="4"/>
  <c r="CA854" i="4"/>
  <c r="CB854" i="4"/>
  <c r="CC854" i="4"/>
  <c r="AY855" i="4"/>
  <c r="AZ855" i="4"/>
  <c r="BA855" i="4"/>
  <c r="BB855" i="4"/>
  <c r="BC855" i="4"/>
  <c r="BD855" i="4"/>
  <c r="BE855" i="4"/>
  <c r="BF855" i="4"/>
  <c r="BG855" i="4"/>
  <c r="BH855" i="4"/>
  <c r="BI855" i="4"/>
  <c r="BJ855" i="4"/>
  <c r="BK855" i="4"/>
  <c r="BL855" i="4"/>
  <c r="BM855" i="4"/>
  <c r="BN855" i="4"/>
  <c r="BO855" i="4"/>
  <c r="BP855" i="4"/>
  <c r="BQ855" i="4"/>
  <c r="BR855" i="4"/>
  <c r="BS855" i="4"/>
  <c r="BT855" i="4"/>
  <c r="BU855" i="4"/>
  <c r="BV855" i="4"/>
  <c r="BW855" i="4"/>
  <c r="BX855" i="4"/>
  <c r="BY855" i="4"/>
  <c r="BZ855" i="4"/>
  <c r="CA855" i="4"/>
  <c r="CB855" i="4"/>
  <c r="CC855" i="4"/>
  <c r="AY856" i="4"/>
  <c r="AZ856" i="4"/>
  <c r="BA856" i="4"/>
  <c r="BB856" i="4"/>
  <c r="BC856" i="4"/>
  <c r="BD856" i="4"/>
  <c r="BE856" i="4"/>
  <c r="BF856" i="4"/>
  <c r="BG856" i="4"/>
  <c r="BH856" i="4"/>
  <c r="BI856" i="4"/>
  <c r="BJ856" i="4"/>
  <c r="BK856" i="4"/>
  <c r="BL856" i="4"/>
  <c r="BM856" i="4"/>
  <c r="BN856" i="4"/>
  <c r="BO856" i="4"/>
  <c r="BP856" i="4"/>
  <c r="BQ856" i="4"/>
  <c r="BR856" i="4"/>
  <c r="BS856" i="4"/>
  <c r="BT856" i="4"/>
  <c r="BU856" i="4"/>
  <c r="BV856" i="4"/>
  <c r="BW856" i="4"/>
  <c r="BX856" i="4"/>
  <c r="BY856" i="4"/>
  <c r="BZ856" i="4"/>
  <c r="CA856" i="4"/>
  <c r="CB856" i="4"/>
  <c r="CC856" i="4"/>
  <c r="AY857" i="4"/>
  <c r="AZ857" i="4"/>
  <c r="BA857" i="4"/>
  <c r="BB857" i="4"/>
  <c r="BC857" i="4"/>
  <c r="BD857" i="4"/>
  <c r="BE857" i="4"/>
  <c r="BF857" i="4"/>
  <c r="BG857" i="4"/>
  <c r="BH857" i="4"/>
  <c r="BI857" i="4"/>
  <c r="BJ857" i="4"/>
  <c r="BK857" i="4"/>
  <c r="BL857" i="4"/>
  <c r="BM857" i="4"/>
  <c r="BN857" i="4"/>
  <c r="BO857" i="4"/>
  <c r="BP857" i="4"/>
  <c r="BQ857" i="4"/>
  <c r="BR857" i="4"/>
  <c r="BS857" i="4"/>
  <c r="BT857" i="4"/>
  <c r="BU857" i="4"/>
  <c r="BV857" i="4"/>
  <c r="BW857" i="4"/>
  <c r="BX857" i="4"/>
  <c r="BY857" i="4"/>
  <c r="BZ857" i="4"/>
  <c r="CA857" i="4"/>
  <c r="CB857" i="4"/>
  <c r="CC857" i="4"/>
  <c r="AY858" i="4"/>
  <c r="AZ858" i="4"/>
  <c r="BA858" i="4"/>
  <c r="BB858" i="4"/>
  <c r="BC858" i="4"/>
  <c r="BD858" i="4"/>
  <c r="BE858" i="4"/>
  <c r="BF858" i="4"/>
  <c r="BG858" i="4"/>
  <c r="BH858" i="4"/>
  <c r="BI858" i="4"/>
  <c r="BJ858" i="4"/>
  <c r="BK858" i="4"/>
  <c r="BL858" i="4"/>
  <c r="BM858" i="4"/>
  <c r="BN858" i="4"/>
  <c r="BO858" i="4"/>
  <c r="BP858" i="4"/>
  <c r="BQ858" i="4"/>
  <c r="BR858" i="4"/>
  <c r="BS858" i="4"/>
  <c r="BT858" i="4"/>
  <c r="BU858" i="4"/>
  <c r="BV858" i="4"/>
  <c r="BW858" i="4"/>
  <c r="BX858" i="4"/>
  <c r="BY858" i="4"/>
  <c r="BZ858" i="4"/>
  <c r="CA858" i="4"/>
  <c r="CB858" i="4"/>
  <c r="CC858" i="4"/>
  <c r="AY859" i="4"/>
  <c r="AZ859" i="4"/>
  <c r="BA859" i="4"/>
  <c r="BB859" i="4"/>
  <c r="BC859" i="4"/>
  <c r="BD859" i="4"/>
  <c r="BE859" i="4"/>
  <c r="BF859" i="4"/>
  <c r="BG859" i="4"/>
  <c r="BH859" i="4"/>
  <c r="BI859" i="4"/>
  <c r="BJ859" i="4"/>
  <c r="BK859" i="4"/>
  <c r="BL859" i="4"/>
  <c r="BM859" i="4"/>
  <c r="BN859" i="4"/>
  <c r="BO859" i="4"/>
  <c r="BP859" i="4"/>
  <c r="BQ859" i="4"/>
  <c r="BR859" i="4"/>
  <c r="BS859" i="4"/>
  <c r="BT859" i="4"/>
  <c r="BU859" i="4"/>
  <c r="BV859" i="4"/>
  <c r="BW859" i="4"/>
  <c r="BX859" i="4"/>
  <c r="BY859" i="4"/>
  <c r="BZ859" i="4"/>
  <c r="CA859" i="4"/>
  <c r="CB859" i="4"/>
  <c r="CC859" i="4"/>
  <c r="AY860" i="4"/>
  <c r="AZ860" i="4"/>
  <c r="BA860" i="4"/>
  <c r="BB860" i="4"/>
  <c r="BC860" i="4"/>
  <c r="BD860" i="4"/>
  <c r="BE860" i="4"/>
  <c r="BF860" i="4"/>
  <c r="BG860" i="4"/>
  <c r="BH860" i="4"/>
  <c r="BI860" i="4"/>
  <c r="BJ860" i="4"/>
  <c r="BK860" i="4"/>
  <c r="BL860" i="4"/>
  <c r="BM860" i="4"/>
  <c r="BN860" i="4"/>
  <c r="BO860" i="4"/>
  <c r="BP860" i="4"/>
  <c r="BQ860" i="4"/>
  <c r="BR860" i="4"/>
  <c r="BS860" i="4"/>
  <c r="BT860" i="4"/>
  <c r="BU860" i="4"/>
  <c r="BV860" i="4"/>
  <c r="BW860" i="4"/>
  <c r="BX860" i="4"/>
  <c r="BY860" i="4"/>
  <c r="BZ860" i="4"/>
  <c r="CA860" i="4"/>
  <c r="CB860" i="4"/>
  <c r="CC860" i="4"/>
  <c r="AY861" i="4"/>
  <c r="AZ861" i="4"/>
  <c r="BA861" i="4"/>
  <c r="BB861" i="4"/>
  <c r="BC861" i="4"/>
  <c r="BD861" i="4"/>
  <c r="BE861" i="4"/>
  <c r="BF861" i="4"/>
  <c r="BG861" i="4"/>
  <c r="BH861" i="4"/>
  <c r="BI861" i="4"/>
  <c r="BJ861" i="4"/>
  <c r="BK861" i="4"/>
  <c r="BL861" i="4"/>
  <c r="BM861" i="4"/>
  <c r="BN861" i="4"/>
  <c r="BO861" i="4"/>
  <c r="BP861" i="4"/>
  <c r="BQ861" i="4"/>
  <c r="BR861" i="4"/>
  <c r="BS861" i="4"/>
  <c r="BT861" i="4"/>
  <c r="BU861" i="4"/>
  <c r="BV861" i="4"/>
  <c r="BW861" i="4"/>
  <c r="BX861" i="4"/>
  <c r="BY861" i="4"/>
  <c r="BZ861" i="4"/>
  <c r="CA861" i="4"/>
  <c r="CB861" i="4"/>
  <c r="CC861" i="4"/>
  <c r="AY862" i="4"/>
  <c r="AZ862" i="4"/>
  <c r="BA862" i="4"/>
  <c r="BB862" i="4"/>
  <c r="BC862" i="4"/>
  <c r="BD862" i="4"/>
  <c r="BE862" i="4"/>
  <c r="BF862" i="4"/>
  <c r="BG862" i="4"/>
  <c r="BH862" i="4"/>
  <c r="BI862" i="4"/>
  <c r="BJ862" i="4"/>
  <c r="BK862" i="4"/>
  <c r="BL862" i="4"/>
  <c r="BM862" i="4"/>
  <c r="BN862" i="4"/>
  <c r="BO862" i="4"/>
  <c r="BP862" i="4"/>
  <c r="BQ862" i="4"/>
  <c r="BR862" i="4"/>
  <c r="BS862" i="4"/>
  <c r="BT862" i="4"/>
  <c r="BU862" i="4"/>
  <c r="BV862" i="4"/>
  <c r="BW862" i="4"/>
  <c r="BX862" i="4"/>
  <c r="BY862" i="4"/>
  <c r="BZ862" i="4"/>
  <c r="CA862" i="4"/>
  <c r="CB862" i="4"/>
  <c r="CC862" i="4"/>
  <c r="AY863" i="4"/>
  <c r="AZ863" i="4"/>
  <c r="BA863" i="4"/>
  <c r="BB863" i="4"/>
  <c r="BC863" i="4"/>
  <c r="BD863" i="4"/>
  <c r="BE863" i="4"/>
  <c r="BF863" i="4"/>
  <c r="BG863" i="4"/>
  <c r="BH863" i="4"/>
  <c r="BI863" i="4"/>
  <c r="BJ863" i="4"/>
  <c r="BK863" i="4"/>
  <c r="BL863" i="4"/>
  <c r="BM863" i="4"/>
  <c r="BN863" i="4"/>
  <c r="BO863" i="4"/>
  <c r="BP863" i="4"/>
  <c r="BQ863" i="4"/>
  <c r="BR863" i="4"/>
  <c r="BS863" i="4"/>
  <c r="BT863" i="4"/>
  <c r="BU863" i="4"/>
  <c r="BV863" i="4"/>
  <c r="BW863" i="4"/>
  <c r="BX863" i="4"/>
  <c r="BY863" i="4"/>
  <c r="BZ863" i="4"/>
  <c r="CA863" i="4"/>
  <c r="CB863" i="4"/>
  <c r="CC863" i="4"/>
  <c r="AY864" i="4"/>
  <c r="AZ864" i="4"/>
  <c r="BA864" i="4"/>
  <c r="BB864" i="4"/>
  <c r="BC864" i="4"/>
  <c r="BD864" i="4"/>
  <c r="BE864" i="4"/>
  <c r="BF864" i="4"/>
  <c r="BG864" i="4"/>
  <c r="BH864" i="4"/>
  <c r="BI864" i="4"/>
  <c r="BJ864" i="4"/>
  <c r="BK864" i="4"/>
  <c r="BL864" i="4"/>
  <c r="BM864" i="4"/>
  <c r="BN864" i="4"/>
  <c r="BO864" i="4"/>
  <c r="BP864" i="4"/>
  <c r="BQ864" i="4"/>
  <c r="BR864" i="4"/>
  <c r="BS864" i="4"/>
  <c r="BT864" i="4"/>
  <c r="BU864" i="4"/>
  <c r="BV864" i="4"/>
  <c r="BW864" i="4"/>
  <c r="BX864" i="4"/>
  <c r="BY864" i="4"/>
  <c r="BZ864" i="4"/>
  <c r="CA864" i="4"/>
  <c r="CB864" i="4"/>
  <c r="CC864" i="4"/>
  <c r="AY865" i="4"/>
  <c r="AZ865" i="4"/>
  <c r="BA865" i="4"/>
  <c r="BB865" i="4"/>
  <c r="BC865" i="4"/>
  <c r="BD865" i="4"/>
  <c r="BE865" i="4"/>
  <c r="BF865" i="4"/>
  <c r="BG865" i="4"/>
  <c r="BH865" i="4"/>
  <c r="BI865" i="4"/>
  <c r="BJ865" i="4"/>
  <c r="BK865" i="4"/>
  <c r="BL865" i="4"/>
  <c r="BM865" i="4"/>
  <c r="BN865" i="4"/>
  <c r="BO865" i="4"/>
  <c r="BP865" i="4"/>
  <c r="BQ865" i="4"/>
  <c r="BR865" i="4"/>
  <c r="BS865" i="4"/>
  <c r="BT865" i="4"/>
  <c r="BU865" i="4"/>
  <c r="BV865" i="4"/>
  <c r="BW865" i="4"/>
  <c r="BX865" i="4"/>
  <c r="BY865" i="4"/>
  <c r="BZ865" i="4"/>
  <c r="CA865" i="4"/>
  <c r="CB865" i="4"/>
  <c r="CC865" i="4"/>
  <c r="AY866" i="4"/>
  <c r="AZ866" i="4"/>
  <c r="BA866" i="4"/>
  <c r="BB866" i="4"/>
  <c r="BC866" i="4"/>
  <c r="BD866" i="4"/>
  <c r="BE866" i="4"/>
  <c r="BF866" i="4"/>
  <c r="BG866" i="4"/>
  <c r="BH866" i="4"/>
  <c r="BI866" i="4"/>
  <c r="BJ866" i="4"/>
  <c r="BK866" i="4"/>
  <c r="BL866" i="4"/>
  <c r="BM866" i="4"/>
  <c r="BN866" i="4"/>
  <c r="BO866" i="4"/>
  <c r="BP866" i="4"/>
  <c r="BQ866" i="4"/>
  <c r="BR866" i="4"/>
  <c r="BS866" i="4"/>
  <c r="BT866" i="4"/>
  <c r="BU866" i="4"/>
  <c r="BV866" i="4"/>
  <c r="BW866" i="4"/>
  <c r="BX866" i="4"/>
  <c r="BY866" i="4"/>
  <c r="BZ866" i="4"/>
  <c r="CA866" i="4"/>
  <c r="CB866" i="4"/>
  <c r="CC866" i="4"/>
  <c r="AY867" i="4"/>
  <c r="AZ867" i="4"/>
  <c r="BA867" i="4"/>
  <c r="BB867" i="4"/>
  <c r="BC867" i="4"/>
  <c r="BD867" i="4"/>
  <c r="BE867" i="4"/>
  <c r="BF867" i="4"/>
  <c r="BG867" i="4"/>
  <c r="BH867" i="4"/>
  <c r="BI867" i="4"/>
  <c r="BJ867" i="4"/>
  <c r="BK867" i="4"/>
  <c r="BL867" i="4"/>
  <c r="BM867" i="4"/>
  <c r="BN867" i="4"/>
  <c r="BO867" i="4"/>
  <c r="BP867" i="4"/>
  <c r="BQ867" i="4"/>
  <c r="BR867" i="4"/>
  <c r="BS867" i="4"/>
  <c r="BT867" i="4"/>
  <c r="BU867" i="4"/>
  <c r="BV867" i="4"/>
  <c r="BW867" i="4"/>
  <c r="BX867" i="4"/>
  <c r="BY867" i="4"/>
  <c r="BZ867" i="4"/>
  <c r="CA867" i="4"/>
  <c r="CB867" i="4"/>
  <c r="CC867" i="4"/>
  <c r="AY868" i="4"/>
  <c r="AZ868" i="4"/>
  <c r="BA868" i="4"/>
  <c r="BB868" i="4"/>
  <c r="BC868" i="4"/>
  <c r="BD868" i="4"/>
  <c r="BE868" i="4"/>
  <c r="BF868" i="4"/>
  <c r="BG868" i="4"/>
  <c r="BH868" i="4"/>
  <c r="BI868" i="4"/>
  <c r="BJ868" i="4"/>
  <c r="BK868" i="4"/>
  <c r="BL868" i="4"/>
  <c r="BM868" i="4"/>
  <c r="BN868" i="4"/>
  <c r="BO868" i="4"/>
  <c r="BP868" i="4"/>
  <c r="BQ868" i="4"/>
  <c r="BR868" i="4"/>
  <c r="BS868" i="4"/>
  <c r="BT868" i="4"/>
  <c r="BU868" i="4"/>
  <c r="BV868" i="4"/>
  <c r="BW868" i="4"/>
  <c r="BX868" i="4"/>
  <c r="BY868" i="4"/>
  <c r="BZ868" i="4"/>
  <c r="CA868" i="4"/>
  <c r="CB868" i="4"/>
  <c r="CC868" i="4"/>
  <c r="AY869" i="4"/>
  <c r="AZ869" i="4"/>
  <c r="BA869" i="4"/>
  <c r="BB869" i="4"/>
  <c r="BC869" i="4"/>
  <c r="BD869" i="4"/>
  <c r="BE869" i="4"/>
  <c r="BF869" i="4"/>
  <c r="BG869" i="4"/>
  <c r="BH869" i="4"/>
  <c r="BI869" i="4"/>
  <c r="BJ869" i="4"/>
  <c r="BK869" i="4"/>
  <c r="BL869" i="4"/>
  <c r="BM869" i="4"/>
  <c r="BN869" i="4"/>
  <c r="BO869" i="4"/>
  <c r="BP869" i="4"/>
  <c r="BQ869" i="4"/>
  <c r="BR869" i="4"/>
  <c r="BS869" i="4"/>
  <c r="BT869" i="4"/>
  <c r="BU869" i="4"/>
  <c r="BV869" i="4"/>
  <c r="BW869" i="4"/>
  <c r="BX869" i="4"/>
  <c r="BY869" i="4"/>
  <c r="BZ869" i="4"/>
  <c r="CA869" i="4"/>
  <c r="CB869" i="4"/>
  <c r="CC869" i="4"/>
  <c r="AY870" i="4"/>
  <c r="AZ870" i="4"/>
  <c r="BA870" i="4"/>
  <c r="BB870" i="4"/>
  <c r="BC870" i="4"/>
  <c r="BD870" i="4"/>
  <c r="BE870" i="4"/>
  <c r="BF870" i="4"/>
  <c r="BG870" i="4"/>
  <c r="BH870" i="4"/>
  <c r="BI870" i="4"/>
  <c r="BJ870" i="4"/>
  <c r="BK870" i="4"/>
  <c r="BL870" i="4"/>
  <c r="BM870" i="4"/>
  <c r="BN870" i="4"/>
  <c r="BO870" i="4"/>
  <c r="BP870" i="4"/>
  <c r="BQ870" i="4"/>
  <c r="BR870" i="4"/>
  <c r="BS870" i="4"/>
  <c r="BT870" i="4"/>
  <c r="BU870" i="4"/>
  <c r="BV870" i="4"/>
  <c r="BW870" i="4"/>
  <c r="BX870" i="4"/>
  <c r="BY870" i="4"/>
  <c r="BZ870" i="4"/>
  <c r="CA870" i="4"/>
  <c r="CB870" i="4"/>
  <c r="CC870" i="4"/>
  <c r="AY871" i="4"/>
  <c r="AZ871" i="4"/>
  <c r="BA871" i="4"/>
  <c r="BB871" i="4"/>
  <c r="BC871" i="4"/>
  <c r="BD871" i="4"/>
  <c r="BE871" i="4"/>
  <c r="BF871" i="4"/>
  <c r="BG871" i="4"/>
  <c r="BH871" i="4"/>
  <c r="BI871" i="4"/>
  <c r="BJ871" i="4"/>
  <c r="BK871" i="4"/>
  <c r="BL871" i="4"/>
  <c r="BM871" i="4"/>
  <c r="BN871" i="4"/>
  <c r="BO871" i="4"/>
  <c r="BP871" i="4"/>
  <c r="BQ871" i="4"/>
  <c r="BR871" i="4"/>
  <c r="BS871" i="4"/>
  <c r="BT871" i="4"/>
  <c r="BU871" i="4"/>
  <c r="BV871" i="4"/>
  <c r="BW871" i="4"/>
  <c r="BX871" i="4"/>
  <c r="BY871" i="4"/>
  <c r="BZ871" i="4"/>
  <c r="CA871" i="4"/>
  <c r="CB871" i="4"/>
  <c r="CC871" i="4"/>
  <c r="AY872" i="4"/>
  <c r="AZ872" i="4"/>
  <c r="BA872" i="4"/>
  <c r="BB872" i="4"/>
  <c r="BC872" i="4"/>
  <c r="BD872" i="4"/>
  <c r="BE872" i="4"/>
  <c r="BF872" i="4"/>
  <c r="BG872" i="4"/>
  <c r="BH872" i="4"/>
  <c r="BI872" i="4"/>
  <c r="BJ872" i="4"/>
  <c r="BK872" i="4"/>
  <c r="BL872" i="4"/>
  <c r="BM872" i="4"/>
  <c r="BN872" i="4"/>
  <c r="BO872" i="4"/>
  <c r="BP872" i="4"/>
  <c r="BQ872" i="4"/>
  <c r="BR872" i="4"/>
  <c r="BS872" i="4"/>
  <c r="BT872" i="4"/>
  <c r="BU872" i="4"/>
  <c r="BV872" i="4"/>
  <c r="BW872" i="4"/>
  <c r="BX872" i="4"/>
  <c r="BY872" i="4"/>
  <c r="BZ872" i="4"/>
  <c r="CA872" i="4"/>
  <c r="CB872" i="4"/>
  <c r="CC872" i="4"/>
  <c r="AY873" i="4"/>
  <c r="AZ873" i="4"/>
  <c r="BA873" i="4"/>
  <c r="BB873" i="4"/>
  <c r="BC873" i="4"/>
  <c r="BD873" i="4"/>
  <c r="BE873" i="4"/>
  <c r="BF873" i="4"/>
  <c r="BG873" i="4"/>
  <c r="BH873" i="4"/>
  <c r="BI873" i="4"/>
  <c r="BJ873" i="4"/>
  <c r="BK873" i="4"/>
  <c r="BL873" i="4"/>
  <c r="BM873" i="4"/>
  <c r="BN873" i="4"/>
  <c r="BO873" i="4"/>
  <c r="BP873" i="4"/>
  <c r="BQ873" i="4"/>
  <c r="BR873" i="4"/>
  <c r="BS873" i="4"/>
  <c r="BT873" i="4"/>
  <c r="BU873" i="4"/>
  <c r="BV873" i="4"/>
  <c r="BW873" i="4"/>
  <c r="BX873" i="4"/>
  <c r="BY873" i="4"/>
  <c r="BZ873" i="4"/>
  <c r="CA873" i="4"/>
  <c r="CB873" i="4"/>
  <c r="CC873" i="4"/>
  <c r="AY874" i="4"/>
  <c r="AZ874" i="4"/>
  <c r="BA874" i="4"/>
  <c r="BB874" i="4"/>
  <c r="BC874" i="4"/>
  <c r="BD874" i="4"/>
  <c r="BE874" i="4"/>
  <c r="BF874" i="4"/>
  <c r="BG874" i="4"/>
  <c r="BH874" i="4"/>
  <c r="BI874" i="4"/>
  <c r="BJ874" i="4"/>
  <c r="BK874" i="4"/>
  <c r="BL874" i="4"/>
  <c r="BM874" i="4"/>
  <c r="BN874" i="4"/>
  <c r="BO874" i="4"/>
  <c r="BP874" i="4"/>
  <c r="BQ874" i="4"/>
  <c r="BR874" i="4"/>
  <c r="BS874" i="4"/>
  <c r="BT874" i="4"/>
  <c r="BU874" i="4"/>
  <c r="BV874" i="4"/>
  <c r="BW874" i="4"/>
  <c r="BX874" i="4"/>
  <c r="BY874" i="4"/>
  <c r="BZ874" i="4"/>
  <c r="CA874" i="4"/>
  <c r="CB874" i="4"/>
  <c r="CC874" i="4"/>
  <c r="AY875" i="4"/>
  <c r="AZ875" i="4"/>
  <c r="BA875" i="4"/>
  <c r="BB875" i="4"/>
  <c r="BC875" i="4"/>
  <c r="BD875" i="4"/>
  <c r="BE875" i="4"/>
  <c r="BF875" i="4"/>
  <c r="BG875" i="4"/>
  <c r="BH875" i="4"/>
  <c r="BI875" i="4"/>
  <c r="BJ875" i="4"/>
  <c r="BK875" i="4"/>
  <c r="BL875" i="4"/>
  <c r="BM875" i="4"/>
  <c r="BN875" i="4"/>
  <c r="BO875" i="4"/>
  <c r="BP875" i="4"/>
  <c r="BQ875" i="4"/>
  <c r="BR875" i="4"/>
  <c r="BS875" i="4"/>
  <c r="BT875" i="4"/>
  <c r="BU875" i="4"/>
  <c r="BV875" i="4"/>
  <c r="BW875" i="4"/>
  <c r="BX875" i="4"/>
  <c r="BY875" i="4"/>
  <c r="BZ875" i="4"/>
  <c r="CA875" i="4"/>
  <c r="CB875" i="4"/>
  <c r="CC875" i="4"/>
  <c r="AY876" i="4"/>
  <c r="AZ876" i="4"/>
  <c r="BA876" i="4"/>
  <c r="BB876" i="4"/>
  <c r="BC876" i="4"/>
  <c r="BD876" i="4"/>
  <c r="BE876" i="4"/>
  <c r="BF876" i="4"/>
  <c r="BG876" i="4"/>
  <c r="BH876" i="4"/>
  <c r="BI876" i="4"/>
  <c r="BJ876" i="4"/>
  <c r="BK876" i="4"/>
  <c r="BL876" i="4"/>
  <c r="BM876" i="4"/>
  <c r="BN876" i="4"/>
  <c r="BO876" i="4"/>
  <c r="BP876" i="4"/>
  <c r="BQ876" i="4"/>
  <c r="BR876" i="4"/>
  <c r="BS876" i="4"/>
  <c r="BT876" i="4"/>
  <c r="BU876" i="4"/>
  <c r="BV876" i="4"/>
  <c r="BW876" i="4"/>
  <c r="BX876" i="4"/>
  <c r="BY876" i="4"/>
  <c r="BZ876" i="4"/>
  <c r="CA876" i="4"/>
  <c r="CB876" i="4"/>
  <c r="CC876" i="4"/>
  <c r="AY877" i="4"/>
  <c r="AZ877" i="4"/>
  <c r="BA877" i="4"/>
  <c r="BB877" i="4"/>
  <c r="BC877" i="4"/>
  <c r="BD877" i="4"/>
  <c r="BE877" i="4"/>
  <c r="BF877" i="4"/>
  <c r="BG877" i="4"/>
  <c r="BH877" i="4"/>
  <c r="BI877" i="4"/>
  <c r="BJ877" i="4"/>
  <c r="BK877" i="4"/>
  <c r="BL877" i="4"/>
  <c r="BM877" i="4"/>
  <c r="BN877" i="4"/>
  <c r="BO877" i="4"/>
  <c r="BP877" i="4"/>
  <c r="BQ877" i="4"/>
  <c r="BR877" i="4"/>
  <c r="BS877" i="4"/>
  <c r="BT877" i="4"/>
  <c r="BU877" i="4"/>
  <c r="BV877" i="4"/>
  <c r="BW877" i="4"/>
  <c r="BX877" i="4"/>
  <c r="BY877" i="4"/>
  <c r="BZ877" i="4"/>
  <c r="CA877" i="4"/>
  <c r="CB877" i="4"/>
  <c r="CC877" i="4"/>
  <c r="AY878" i="4"/>
  <c r="AZ878" i="4"/>
  <c r="BA878" i="4"/>
  <c r="BB878" i="4"/>
  <c r="BC878" i="4"/>
  <c r="BD878" i="4"/>
  <c r="BE878" i="4"/>
  <c r="BF878" i="4"/>
  <c r="BG878" i="4"/>
  <c r="BH878" i="4"/>
  <c r="BI878" i="4"/>
  <c r="BJ878" i="4"/>
  <c r="BK878" i="4"/>
  <c r="BL878" i="4"/>
  <c r="BM878" i="4"/>
  <c r="BN878" i="4"/>
  <c r="BO878" i="4"/>
  <c r="BP878" i="4"/>
  <c r="BQ878" i="4"/>
  <c r="BR878" i="4"/>
  <c r="BS878" i="4"/>
  <c r="BT878" i="4"/>
  <c r="BU878" i="4"/>
  <c r="BV878" i="4"/>
  <c r="BW878" i="4"/>
  <c r="BX878" i="4"/>
  <c r="BY878" i="4"/>
  <c r="BZ878" i="4"/>
  <c r="CA878" i="4"/>
  <c r="CB878" i="4"/>
  <c r="CC878" i="4"/>
  <c r="AY879" i="4"/>
  <c r="AZ879" i="4"/>
  <c r="BA879" i="4"/>
  <c r="BB879" i="4"/>
  <c r="BC879" i="4"/>
  <c r="BD879" i="4"/>
  <c r="BE879" i="4"/>
  <c r="BF879" i="4"/>
  <c r="BG879" i="4"/>
  <c r="BH879" i="4"/>
  <c r="BI879" i="4"/>
  <c r="BJ879" i="4"/>
  <c r="BK879" i="4"/>
  <c r="BL879" i="4"/>
  <c r="BM879" i="4"/>
  <c r="BN879" i="4"/>
  <c r="BO879" i="4"/>
  <c r="BP879" i="4"/>
  <c r="BQ879" i="4"/>
  <c r="BR879" i="4"/>
  <c r="BS879" i="4"/>
  <c r="BT879" i="4"/>
  <c r="BU879" i="4"/>
  <c r="BV879" i="4"/>
  <c r="BW879" i="4"/>
  <c r="BX879" i="4"/>
  <c r="BY879" i="4"/>
  <c r="BZ879" i="4"/>
  <c r="CA879" i="4"/>
  <c r="CB879" i="4"/>
  <c r="CC879" i="4"/>
  <c r="AY880" i="4"/>
  <c r="AZ880" i="4"/>
  <c r="BA880" i="4"/>
  <c r="BB880" i="4"/>
  <c r="BC880" i="4"/>
  <c r="BD880" i="4"/>
  <c r="BE880" i="4"/>
  <c r="BF880" i="4"/>
  <c r="BG880" i="4"/>
  <c r="BH880" i="4"/>
  <c r="BI880" i="4"/>
  <c r="BJ880" i="4"/>
  <c r="BK880" i="4"/>
  <c r="BL880" i="4"/>
  <c r="BM880" i="4"/>
  <c r="BN880" i="4"/>
  <c r="BO880" i="4"/>
  <c r="BP880" i="4"/>
  <c r="BQ880" i="4"/>
  <c r="BR880" i="4"/>
  <c r="BS880" i="4"/>
  <c r="BT880" i="4"/>
  <c r="BU880" i="4"/>
  <c r="BV880" i="4"/>
  <c r="BW880" i="4"/>
  <c r="BX880" i="4"/>
  <c r="BY880" i="4"/>
  <c r="BZ880" i="4"/>
  <c r="CA880" i="4"/>
  <c r="CB880" i="4"/>
  <c r="CC880" i="4"/>
  <c r="AY881" i="4"/>
  <c r="AZ881" i="4"/>
  <c r="BA881" i="4"/>
  <c r="BB881" i="4"/>
  <c r="BC881" i="4"/>
  <c r="BD881" i="4"/>
  <c r="BE881" i="4"/>
  <c r="BF881" i="4"/>
  <c r="BG881" i="4"/>
  <c r="BH881" i="4"/>
  <c r="BI881" i="4"/>
  <c r="BJ881" i="4"/>
  <c r="BK881" i="4"/>
  <c r="BL881" i="4"/>
  <c r="BM881" i="4"/>
  <c r="BN881" i="4"/>
  <c r="BO881" i="4"/>
  <c r="BP881" i="4"/>
  <c r="BQ881" i="4"/>
  <c r="BR881" i="4"/>
  <c r="BS881" i="4"/>
  <c r="BT881" i="4"/>
  <c r="BU881" i="4"/>
  <c r="BV881" i="4"/>
  <c r="BW881" i="4"/>
  <c r="BX881" i="4"/>
  <c r="BY881" i="4"/>
  <c r="BZ881" i="4"/>
  <c r="CA881" i="4"/>
  <c r="CB881" i="4"/>
  <c r="CC881" i="4"/>
  <c r="AY882" i="4"/>
  <c r="AZ882" i="4"/>
  <c r="BA882" i="4"/>
  <c r="BB882" i="4"/>
  <c r="BC882" i="4"/>
  <c r="BD882" i="4"/>
  <c r="BE882" i="4"/>
  <c r="BF882" i="4"/>
  <c r="BG882" i="4"/>
  <c r="BH882" i="4"/>
  <c r="BI882" i="4"/>
  <c r="BJ882" i="4"/>
  <c r="BK882" i="4"/>
  <c r="BL882" i="4"/>
  <c r="BM882" i="4"/>
  <c r="BN882" i="4"/>
  <c r="BO882" i="4"/>
  <c r="BP882" i="4"/>
  <c r="BQ882" i="4"/>
  <c r="BR882" i="4"/>
  <c r="BS882" i="4"/>
  <c r="BT882" i="4"/>
  <c r="BU882" i="4"/>
  <c r="BV882" i="4"/>
  <c r="BW882" i="4"/>
  <c r="BX882" i="4"/>
  <c r="BY882" i="4"/>
  <c r="BZ882" i="4"/>
  <c r="CA882" i="4"/>
  <c r="CB882" i="4"/>
  <c r="CC882" i="4"/>
  <c r="AY883" i="4"/>
  <c r="AZ883" i="4"/>
  <c r="BA883" i="4"/>
  <c r="BB883" i="4"/>
  <c r="BC883" i="4"/>
  <c r="BD883" i="4"/>
  <c r="BE883" i="4"/>
  <c r="BF883" i="4"/>
  <c r="BG883" i="4"/>
  <c r="BH883" i="4"/>
  <c r="BI883" i="4"/>
  <c r="BJ883" i="4"/>
  <c r="BK883" i="4"/>
  <c r="BL883" i="4"/>
  <c r="BM883" i="4"/>
  <c r="BN883" i="4"/>
  <c r="BO883" i="4"/>
  <c r="BP883" i="4"/>
  <c r="BQ883" i="4"/>
  <c r="BR883" i="4"/>
  <c r="BS883" i="4"/>
  <c r="BT883" i="4"/>
  <c r="BU883" i="4"/>
  <c r="BV883" i="4"/>
  <c r="BW883" i="4"/>
  <c r="BX883" i="4"/>
  <c r="BY883" i="4"/>
  <c r="BZ883" i="4"/>
  <c r="CA883" i="4"/>
  <c r="CB883" i="4"/>
  <c r="CC883" i="4"/>
  <c r="AY884" i="4"/>
  <c r="AZ884" i="4"/>
  <c r="BA884" i="4"/>
  <c r="BB884" i="4"/>
  <c r="BC884" i="4"/>
  <c r="BD884" i="4"/>
  <c r="BE884" i="4"/>
  <c r="BF884" i="4"/>
  <c r="BG884" i="4"/>
  <c r="BH884" i="4"/>
  <c r="BI884" i="4"/>
  <c r="BJ884" i="4"/>
  <c r="BK884" i="4"/>
  <c r="BL884" i="4"/>
  <c r="BM884" i="4"/>
  <c r="BN884" i="4"/>
  <c r="BO884" i="4"/>
  <c r="BP884" i="4"/>
  <c r="BQ884" i="4"/>
  <c r="BR884" i="4"/>
  <c r="BS884" i="4"/>
  <c r="BT884" i="4"/>
  <c r="BU884" i="4"/>
  <c r="BV884" i="4"/>
  <c r="BW884" i="4"/>
  <c r="BX884" i="4"/>
  <c r="BY884" i="4"/>
  <c r="BZ884" i="4"/>
  <c r="CA884" i="4"/>
  <c r="CB884" i="4"/>
  <c r="CC884" i="4"/>
  <c r="AY885" i="4"/>
  <c r="AZ885" i="4"/>
  <c r="BA885" i="4"/>
  <c r="BB885" i="4"/>
  <c r="BC885" i="4"/>
  <c r="BD885" i="4"/>
  <c r="BE885" i="4"/>
  <c r="BF885" i="4"/>
  <c r="BG885" i="4"/>
  <c r="BH885" i="4"/>
  <c r="BI885" i="4"/>
  <c r="BJ885" i="4"/>
  <c r="BK885" i="4"/>
  <c r="BL885" i="4"/>
  <c r="BM885" i="4"/>
  <c r="BN885" i="4"/>
  <c r="BO885" i="4"/>
  <c r="BP885" i="4"/>
  <c r="BQ885" i="4"/>
  <c r="BR885" i="4"/>
  <c r="BS885" i="4"/>
  <c r="BT885" i="4"/>
  <c r="BU885" i="4"/>
  <c r="BV885" i="4"/>
  <c r="BW885" i="4"/>
  <c r="BX885" i="4"/>
  <c r="BY885" i="4"/>
  <c r="BZ885" i="4"/>
  <c r="CA885" i="4"/>
  <c r="CB885" i="4"/>
  <c r="CC885" i="4"/>
  <c r="AY886" i="4"/>
  <c r="AZ886" i="4"/>
  <c r="BA886" i="4"/>
  <c r="BB886" i="4"/>
  <c r="BC886" i="4"/>
  <c r="BD886" i="4"/>
  <c r="BE886" i="4"/>
  <c r="BF886" i="4"/>
  <c r="BG886" i="4"/>
  <c r="BH886" i="4"/>
  <c r="BI886" i="4"/>
  <c r="BJ886" i="4"/>
  <c r="BK886" i="4"/>
  <c r="BL886" i="4"/>
  <c r="BM886" i="4"/>
  <c r="BN886" i="4"/>
  <c r="BO886" i="4"/>
  <c r="BP886" i="4"/>
  <c r="BQ886" i="4"/>
  <c r="BR886" i="4"/>
  <c r="BS886" i="4"/>
  <c r="BT886" i="4"/>
  <c r="BU886" i="4"/>
  <c r="BV886" i="4"/>
  <c r="BW886" i="4"/>
  <c r="BX886" i="4"/>
  <c r="BY886" i="4"/>
  <c r="BZ886" i="4"/>
  <c r="CA886" i="4"/>
  <c r="CB886" i="4"/>
  <c r="CC886" i="4"/>
  <c r="AY887" i="4"/>
  <c r="AZ887" i="4"/>
  <c r="BA887" i="4"/>
  <c r="BB887" i="4"/>
  <c r="BC887" i="4"/>
  <c r="BD887" i="4"/>
  <c r="BE887" i="4"/>
  <c r="BF887" i="4"/>
  <c r="BG887" i="4"/>
  <c r="BH887" i="4"/>
  <c r="BI887" i="4"/>
  <c r="BJ887" i="4"/>
  <c r="BK887" i="4"/>
  <c r="BL887" i="4"/>
  <c r="BM887" i="4"/>
  <c r="BN887" i="4"/>
  <c r="BO887" i="4"/>
  <c r="BP887" i="4"/>
  <c r="BQ887" i="4"/>
  <c r="BR887" i="4"/>
  <c r="BS887" i="4"/>
  <c r="BT887" i="4"/>
  <c r="BU887" i="4"/>
  <c r="BV887" i="4"/>
  <c r="BW887" i="4"/>
  <c r="BX887" i="4"/>
  <c r="BY887" i="4"/>
  <c r="BZ887" i="4"/>
  <c r="CA887" i="4"/>
  <c r="CB887" i="4"/>
  <c r="CC887" i="4"/>
  <c r="AY888" i="4"/>
  <c r="AZ888" i="4"/>
  <c r="BA888" i="4"/>
  <c r="BB888" i="4"/>
  <c r="BC888" i="4"/>
  <c r="BD888" i="4"/>
  <c r="BE888" i="4"/>
  <c r="BF888" i="4"/>
  <c r="BG888" i="4"/>
  <c r="BH888" i="4"/>
  <c r="BI888" i="4"/>
  <c r="BJ888" i="4"/>
  <c r="BK888" i="4"/>
  <c r="BL888" i="4"/>
  <c r="BM888" i="4"/>
  <c r="BN888" i="4"/>
  <c r="BO888" i="4"/>
  <c r="BP888" i="4"/>
  <c r="BQ888" i="4"/>
  <c r="BR888" i="4"/>
  <c r="BS888" i="4"/>
  <c r="BT888" i="4"/>
  <c r="BU888" i="4"/>
  <c r="BV888" i="4"/>
  <c r="BW888" i="4"/>
  <c r="BX888" i="4"/>
  <c r="BY888" i="4"/>
  <c r="BZ888" i="4"/>
  <c r="CA888" i="4"/>
  <c r="CB888" i="4"/>
  <c r="CC888" i="4"/>
  <c r="AY889" i="4"/>
  <c r="AZ889" i="4"/>
  <c r="BA889" i="4"/>
  <c r="BB889" i="4"/>
  <c r="BC889" i="4"/>
  <c r="BD889" i="4"/>
  <c r="BE889" i="4"/>
  <c r="BF889" i="4"/>
  <c r="BG889" i="4"/>
  <c r="BH889" i="4"/>
  <c r="BI889" i="4"/>
  <c r="BJ889" i="4"/>
  <c r="BK889" i="4"/>
  <c r="BL889" i="4"/>
  <c r="BM889" i="4"/>
  <c r="BN889" i="4"/>
  <c r="BO889" i="4"/>
  <c r="BP889" i="4"/>
  <c r="BQ889" i="4"/>
  <c r="BR889" i="4"/>
  <c r="BS889" i="4"/>
  <c r="BT889" i="4"/>
  <c r="BU889" i="4"/>
  <c r="BV889" i="4"/>
  <c r="BW889" i="4"/>
  <c r="BX889" i="4"/>
  <c r="BY889" i="4"/>
  <c r="BZ889" i="4"/>
  <c r="CA889" i="4"/>
  <c r="CB889" i="4"/>
  <c r="CC889" i="4"/>
  <c r="AY890" i="4"/>
  <c r="AZ890" i="4"/>
  <c r="BA890" i="4"/>
  <c r="BB890" i="4"/>
  <c r="BC890" i="4"/>
  <c r="BD890" i="4"/>
  <c r="BE890" i="4"/>
  <c r="BF890" i="4"/>
  <c r="BG890" i="4"/>
  <c r="BH890" i="4"/>
  <c r="BI890" i="4"/>
  <c r="BJ890" i="4"/>
  <c r="BK890" i="4"/>
  <c r="BL890" i="4"/>
  <c r="BM890" i="4"/>
  <c r="BN890" i="4"/>
  <c r="BO890" i="4"/>
  <c r="BP890" i="4"/>
  <c r="BQ890" i="4"/>
  <c r="BR890" i="4"/>
  <c r="BS890" i="4"/>
  <c r="BT890" i="4"/>
  <c r="BU890" i="4"/>
  <c r="BV890" i="4"/>
  <c r="BW890" i="4"/>
  <c r="BX890" i="4"/>
  <c r="BY890" i="4"/>
  <c r="BZ890" i="4"/>
  <c r="CA890" i="4"/>
  <c r="CB890" i="4"/>
  <c r="CC890" i="4"/>
  <c r="AY891" i="4"/>
  <c r="AZ891" i="4"/>
  <c r="BA891" i="4"/>
  <c r="BB891" i="4"/>
  <c r="BC891" i="4"/>
  <c r="BD891" i="4"/>
  <c r="BE891" i="4"/>
  <c r="BF891" i="4"/>
  <c r="BG891" i="4"/>
  <c r="BH891" i="4"/>
  <c r="BI891" i="4"/>
  <c r="BJ891" i="4"/>
  <c r="BK891" i="4"/>
  <c r="BL891" i="4"/>
  <c r="BM891" i="4"/>
  <c r="BN891" i="4"/>
  <c r="BO891" i="4"/>
  <c r="BP891" i="4"/>
  <c r="BQ891" i="4"/>
  <c r="BR891" i="4"/>
  <c r="BS891" i="4"/>
  <c r="BT891" i="4"/>
  <c r="BU891" i="4"/>
  <c r="BV891" i="4"/>
  <c r="BW891" i="4"/>
  <c r="BX891" i="4"/>
  <c r="BY891" i="4"/>
  <c r="BZ891" i="4"/>
  <c r="CA891" i="4"/>
  <c r="CB891" i="4"/>
  <c r="CC891" i="4"/>
  <c r="AY892" i="4"/>
  <c r="AZ892" i="4"/>
  <c r="BA892" i="4"/>
  <c r="BB892" i="4"/>
  <c r="BC892" i="4"/>
  <c r="BD892" i="4"/>
  <c r="BE892" i="4"/>
  <c r="BF892" i="4"/>
  <c r="BG892" i="4"/>
  <c r="BH892" i="4"/>
  <c r="BI892" i="4"/>
  <c r="BJ892" i="4"/>
  <c r="BK892" i="4"/>
  <c r="BL892" i="4"/>
  <c r="BM892" i="4"/>
  <c r="BN892" i="4"/>
  <c r="BO892" i="4"/>
  <c r="BP892" i="4"/>
  <c r="BQ892" i="4"/>
  <c r="BR892" i="4"/>
  <c r="BS892" i="4"/>
  <c r="BT892" i="4"/>
  <c r="BU892" i="4"/>
  <c r="BV892" i="4"/>
  <c r="BW892" i="4"/>
  <c r="BX892" i="4"/>
  <c r="BY892" i="4"/>
  <c r="BZ892" i="4"/>
  <c r="CA892" i="4"/>
  <c r="CB892" i="4"/>
  <c r="CC892" i="4"/>
  <c r="AY893" i="4"/>
  <c r="AZ893" i="4"/>
  <c r="BA893" i="4"/>
  <c r="BB893" i="4"/>
  <c r="BC893" i="4"/>
  <c r="BD893" i="4"/>
  <c r="BE893" i="4"/>
  <c r="BF893" i="4"/>
  <c r="BG893" i="4"/>
  <c r="BH893" i="4"/>
  <c r="BI893" i="4"/>
  <c r="BJ893" i="4"/>
  <c r="BK893" i="4"/>
  <c r="BL893" i="4"/>
  <c r="BM893" i="4"/>
  <c r="BN893" i="4"/>
  <c r="BO893" i="4"/>
  <c r="BP893" i="4"/>
  <c r="BQ893" i="4"/>
  <c r="BR893" i="4"/>
  <c r="BS893" i="4"/>
  <c r="BT893" i="4"/>
  <c r="BU893" i="4"/>
  <c r="BV893" i="4"/>
  <c r="BW893" i="4"/>
  <c r="BX893" i="4"/>
  <c r="BY893" i="4"/>
  <c r="BZ893" i="4"/>
  <c r="CA893" i="4"/>
  <c r="CB893" i="4"/>
  <c r="CC893" i="4"/>
  <c r="AY894" i="4"/>
  <c r="AZ894" i="4"/>
  <c r="BA894" i="4"/>
  <c r="BB894" i="4"/>
  <c r="BC894" i="4"/>
  <c r="BD894" i="4"/>
  <c r="BE894" i="4"/>
  <c r="BF894" i="4"/>
  <c r="BG894" i="4"/>
  <c r="BH894" i="4"/>
  <c r="BI894" i="4"/>
  <c r="BJ894" i="4"/>
  <c r="BK894" i="4"/>
  <c r="BL894" i="4"/>
  <c r="BM894" i="4"/>
  <c r="BN894" i="4"/>
  <c r="BO894" i="4"/>
  <c r="BP894" i="4"/>
  <c r="BQ894" i="4"/>
  <c r="BR894" i="4"/>
  <c r="BS894" i="4"/>
  <c r="BT894" i="4"/>
  <c r="BU894" i="4"/>
  <c r="BV894" i="4"/>
  <c r="BW894" i="4"/>
  <c r="BX894" i="4"/>
  <c r="BY894" i="4"/>
  <c r="BZ894" i="4"/>
  <c r="CA894" i="4"/>
  <c r="CB894" i="4"/>
  <c r="CC894" i="4"/>
  <c r="AZ3" i="4"/>
  <c r="BA3" i="4"/>
  <c r="BB3" i="4"/>
  <c r="BC3" i="4"/>
  <c r="BD3" i="4"/>
  <c r="BE3" i="4"/>
  <c r="BF3" i="4"/>
  <c r="BG3" i="4"/>
  <c r="BH3" i="4"/>
  <c r="BI3" i="4"/>
  <c r="BJ3" i="4"/>
  <c r="BK3" i="4"/>
  <c r="BL3" i="4"/>
  <c r="BM3" i="4"/>
  <c r="BN3" i="4"/>
  <c r="BO3" i="4"/>
  <c r="BP3" i="4"/>
  <c r="BQ3" i="4"/>
  <c r="BR3" i="4"/>
  <c r="BS3" i="4"/>
  <c r="BT3" i="4"/>
  <c r="BU3" i="4"/>
  <c r="BV3" i="4"/>
  <c r="BW3" i="4"/>
  <c r="BX3" i="4"/>
  <c r="BY3" i="4"/>
  <c r="BZ3" i="4"/>
  <c r="CA3" i="4"/>
  <c r="CB3" i="4"/>
  <c r="CC3" i="4"/>
  <c r="AW223" i="4"/>
  <c r="AW224" i="4"/>
  <c r="AW225" i="4"/>
  <c r="AW226" i="4"/>
  <c r="AW227" i="4"/>
  <c r="AW228" i="4"/>
  <c r="AW229" i="4"/>
  <c r="AW230" i="4"/>
  <c r="AW231" i="4"/>
  <c r="AW232" i="4"/>
  <c r="AW233" i="4"/>
  <c r="AW234" i="4"/>
  <c r="AW235" i="4"/>
  <c r="AW236" i="4"/>
  <c r="AW237" i="4"/>
  <c r="AW238" i="4"/>
  <c r="AW239" i="4"/>
  <c r="AW240" i="4"/>
  <c r="AW241" i="4"/>
  <c r="AW242" i="4"/>
  <c r="AW243" i="4"/>
  <c r="AW244" i="4"/>
  <c r="AW245" i="4"/>
  <c r="AW246" i="4"/>
  <c r="AW247" i="4"/>
  <c r="AW248" i="4"/>
  <c r="AW249" i="4"/>
  <c r="AW250" i="4"/>
  <c r="AW251" i="4"/>
  <c r="AW252" i="4"/>
  <c r="AW253" i="4"/>
  <c r="AW254" i="4"/>
  <c r="AW255" i="4"/>
  <c r="AW256" i="4"/>
  <c r="AW257" i="4"/>
  <c r="AW258" i="4"/>
  <c r="AW259" i="4"/>
  <c r="AW260" i="4"/>
  <c r="AW261" i="4"/>
  <c r="AW262" i="4"/>
  <c r="AW263" i="4"/>
  <c r="AW264" i="4"/>
  <c r="AW265" i="4"/>
  <c r="AW266" i="4"/>
  <c r="AW267" i="4"/>
  <c r="AW268" i="4"/>
  <c r="AW269" i="4"/>
  <c r="AW270" i="4"/>
  <c r="AW271" i="4"/>
  <c r="AW272" i="4"/>
  <c r="AW273" i="4"/>
  <c r="AW274" i="4"/>
  <c r="AW275" i="4"/>
  <c r="AW276" i="4"/>
  <c r="AW277" i="4"/>
  <c r="AW278" i="4"/>
  <c r="AW279" i="4"/>
  <c r="AW280" i="4"/>
  <c r="AW281" i="4"/>
  <c r="AW282" i="4"/>
  <c r="AW283" i="4"/>
  <c r="AW284" i="4"/>
  <c r="AW285" i="4"/>
  <c r="AW286" i="4"/>
  <c r="AW287" i="4"/>
  <c r="AW288" i="4"/>
  <c r="AW289" i="4"/>
  <c r="AW290" i="4"/>
  <c r="AW291" i="4"/>
  <c r="AW292" i="4"/>
  <c r="AX292" i="4" s="1"/>
  <c r="CC292" i="4" s="1"/>
  <c r="AW293" i="4"/>
  <c r="AX293" i="4" s="1"/>
  <c r="AW294" i="4"/>
  <c r="AX294" i="4" s="1"/>
  <c r="AW295" i="4"/>
  <c r="AW296" i="4"/>
  <c r="AW297" i="4"/>
  <c r="AW298" i="4"/>
  <c r="AW299" i="4"/>
  <c r="AX299" i="4" s="1"/>
  <c r="AW300" i="4"/>
  <c r="AX300" i="4" s="1"/>
  <c r="CA300" i="4" s="1"/>
  <c r="AW301" i="4"/>
  <c r="AX301" i="4" s="1"/>
  <c r="CA301" i="4" s="1"/>
  <c r="AW302" i="4"/>
  <c r="AX302" i="4" s="1"/>
  <c r="CA302" i="4" s="1"/>
  <c r="AW303" i="4"/>
  <c r="AX303" i="4" s="1"/>
  <c r="CA303" i="4" s="1"/>
  <c r="AW304" i="4"/>
  <c r="AX304" i="4" s="1"/>
  <c r="CA304" i="4" s="1"/>
  <c r="AW305" i="4"/>
  <c r="AX305" i="4" s="1"/>
  <c r="CA305" i="4" s="1"/>
  <c r="AW306" i="4"/>
  <c r="AX306" i="4" s="1"/>
  <c r="CB306" i="4" s="1"/>
  <c r="AW307" i="4"/>
  <c r="AX307" i="4" s="1"/>
  <c r="CB307" i="4" s="1"/>
  <c r="AW308" i="4"/>
  <c r="AX308" i="4" s="1"/>
  <c r="CB308" i="4" s="1"/>
  <c r="AW309" i="4"/>
  <c r="AX309" i="4" s="1"/>
  <c r="CB309" i="4" s="1"/>
  <c r="AW310" i="4"/>
  <c r="AW311" i="4"/>
  <c r="AW312" i="4"/>
  <c r="AW313" i="4"/>
  <c r="AX313" i="4" s="1"/>
  <c r="CB313" i="4" s="1"/>
  <c r="AW314" i="4"/>
  <c r="AX314" i="4" s="1"/>
  <c r="BT314" i="4" s="1"/>
  <c r="AW315" i="4"/>
  <c r="AX315" i="4" s="1"/>
  <c r="BT315" i="4" s="1"/>
  <c r="AW316" i="4"/>
  <c r="AX316" i="4" s="1"/>
  <c r="BT316" i="4" s="1"/>
  <c r="AW317" i="4"/>
  <c r="AX317" i="4" s="1"/>
  <c r="BT317" i="4" s="1"/>
  <c r="AW318" i="4"/>
  <c r="AX318" i="4" s="1"/>
  <c r="BT318" i="4" s="1"/>
  <c r="AW319" i="4"/>
  <c r="AX319" i="4" s="1"/>
  <c r="BT319" i="4" s="1"/>
  <c r="AW320" i="4"/>
  <c r="AX320" i="4" s="1"/>
  <c r="BT320" i="4" s="1"/>
  <c r="AW321" i="4"/>
  <c r="AX321" i="4" s="1"/>
  <c r="BT321" i="4" s="1"/>
  <c r="AW322" i="4"/>
  <c r="AX322" i="4" s="1"/>
  <c r="BU322" i="4" s="1"/>
  <c r="AW323" i="4"/>
  <c r="AX323" i="4" s="1"/>
  <c r="BU323" i="4" s="1"/>
  <c r="AW324" i="4"/>
  <c r="AX324" i="4" s="1"/>
  <c r="BU324" i="4" s="1"/>
  <c r="AW325" i="4"/>
  <c r="AX325" i="4" s="1"/>
  <c r="BU325" i="4" s="1"/>
  <c r="AW326" i="4"/>
  <c r="AX326" i="4" s="1"/>
  <c r="BU326" i="4" s="1"/>
  <c r="AW327" i="4"/>
  <c r="AX327" i="4" s="1"/>
  <c r="BU327" i="4" s="1"/>
  <c r="AW328" i="4"/>
  <c r="AX328" i="4" s="1"/>
  <c r="BU328" i="4" s="1"/>
  <c r="AW329" i="4"/>
  <c r="AX329" i="4" s="1"/>
  <c r="BU329" i="4" s="1"/>
  <c r="AW330" i="4"/>
  <c r="AX330" i="4" s="1"/>
  <c r="BV330" i="4" s="1"/>
  <c r="AW331" i="4"/>
  <c r="AX331" i="4" s="1"/>
  <c r="BV331" i="4" s="1"/>
  <c r="AW332" i="4"/>
  <c r="AX332" i="4" s="1"/>
  <c r="BV332" i="4" s="1"/>
  <c r="AW333" i="4"/>
  <c r="AX333" i="4" s="1"/>
  <c r="BV333" i="4" s="1"/>
  <c r="AW334" i="4"/>
  <c r="AX334" i="4" s="1"/>
  <c r="BV334" i="4" s="1"/>
  <c r="AW335" i="4"/>
  <c r="AX335" i="4" s="1"/>
  <c r="BV335" i="4" s="1"/>
  <c r="AW336" i="4"/>
  <c r="AX336" i="4" s="1"/>
  <c r="BV336" i="4" s="1"/>
  <c r="AW337" i="4"/>
  <c r="AX337" i="4" s="1"/>
  <c r="BV337" i="4" s="1"/>
  <c r="AW338" i="4"/>
  <c r="AX338" i="4" s="1"/>
  <c r="BW338" i="4" s="1"/>
  <c r="AW339" i="4"/>
  <c r="AX339" i="4" s="1"/>
  <c r="BW339" i="4" s="1"/>
  <c r="AW340" i="4"/>
  <c r="AX340" i="4" s="1"/>
  <c r="BW340" i="4" s="1"/>
  <c r="AW341" i="4"/>
  <c r="AX341" i="4" s="1"/>
  <c r="BW341" i="4" s="1"/>
  <c r="AW342" i="4"/>
  <c r="AW343" i="4"/>
  <c r="AW344" i="4"/>
  <c r="AW345" i="4"/>
  <c r="AX345" i="4" s="1"/>
  <c r="BW345" i="4" s="1"/>
  <c r="AW346" i="4"/>
  <c r="AX346" i="4" s="1"/>
  <c r="BP346" i="4" s="1"/>
  <c r="AW347" i="4"/>
  <c r="AX347" i="4" s="1"/>
  <c r="BP347" i="4" s="1"/>
  <c r="AW348" i="4"/>
  <c r="AX348" i="4" s="1"/>
  <c r="BP348" i="4" s="1"/>
  <c r="AW349" i="4"/>
  <c r="AX349" i="4" s="1"/>
  <c r="BP349" i="4" s="1"/>
  <c r="AW350" i="4"/>
  <c r="AX350" i="4" s="1"/>
  <c r="BP350" i="4" s="1"/>
  <c r="AW351" i="4"/>
  <c r="AX351" i="4" s="1"/>
  <c r="BP351" i="4" s="1"/>
  <c r="AW352" i="4"/>
  <c r="AX352" i="4" s="1"/>
  <c r="BP352" i="4" s="1"/>
  <c r="AW353" i="4"/>
  <c r="AX353" i="4" s="1"/>
  <c r="BP353" i="4" s="1"/>
  <c r="AW354" i="4"/>
  <c r="AX354" i="4" s="1"/>
  <c r="BR354" i="4" s="1"/>
  <c r="AW355" i="4"/>
  <c r="AX355" i="4" s="1"/>
  <c r="BR355" i="4" s="1"/>
  <c r="AW356" i="4"/>
  <c r="AX356" i="4" s="1"/>
  <c r="BR356" i="4" s="1"/>
  <c r="AW357" i="4"/>
  <c r="AX357" i="4" s="1"/>
  <c r="BR357" i="4" s="1"/>
  <c r="AW358" i="4"/>
  <c r="AX358" i="4" s="1"/>
  <c r="BR358" i="4" s="1"/>
  <c r="AW359" i="4"/>
  <c r="AX359" i="4" s="1"/>
  <c r="BR359" i="4" s="1"/>
  <c r="AW360" i="4"/>
  <c r="AW361" i="4"/>
  <c r="AX361" i="4" s="1"/>
  <c r="BR361" i="4" s="1"/>
  <c r="AW362" i="4"/>
  <c r="AX362" i="4" s="1"/>
  <c r="BQ362" i="4" s="1"/>
  <c r="AW363" i="4"/>
  <c r="AX363" i="4" s="1"/>
  <c r="BQ363" i="4" s="1"/>
  <c r="AW364" i="4"/>
  <c r="AX364" i="4" s="1"/>
  <c r="BQ364" i="4" s="1"/>
  <c r="AW365" i="4"/>
  <c r="AX365" i="4" s="1"/>
  <c r="BQ365" i="4" s="1"/>
  <c r="AW366" i="4"/>
  <c r="AX366" i="4" s="1"/>
  <c r="BQ366" i="4" s="1"/>
  <c r="AW367" i="4"/>
  <c r="AX367" i="4" s="1"/>
  <c r="BQ367" i="4" s="1"/>
  <c r="AW368" i="4"/>
  <c r="AW369" i="4"/>
  <c r="AX369" i="4" s="1"/>
  <c r="BQ369" i="4" s="1"/>
  <c r="AW370" i="4"/>
  <c r="AX370" i="4" s="1"/>
  <c r="BS370" i="4" s="1"/>
  <c r="AW371" i="4"/>
  <c r="AX371" i="4" s="1"/>
  <c r="BS371" i="4" s="1"/>
  <c r="AW372" i="4"/>
  <c r="AX372" i="4" s="1"/>
  <c r="BS372" i="4" s="1"/>
  <c r="AW373" i="4"/>
  <c r="AW374" i="4"/>
  <c r="AW375" i="4"/>
  <c r="AW376" i="4"/>
  <c r="AW377" i="4"/>
  <c r="AX377" i="4" s="1"/>
  <c r="BS377" i="4" s="1"/>
  <c r="AW378" i="4"/>
  <c r="AX378" i="4" s="1"/>
  <c r="BX378" i="4" s="1"/>
  <c r="AW379" i="4"/>
  <c r="AX379" i="4" s="1"/>
  <c r="BX379" i="4" s="1"/>
  <c r="AW380" i="4"/>
  <c r="AX380" i="4" s="1"/>
  <c r="BX380" i="4" s="1"/>
  <c r="AW381" i="4"/>
  <c r="AX381" i="4" s="1"/>
  <c r="BX381" i="4" s="1"/>
  <c r="AW382" i="4"/>
  <c r="AX382" i="4" s="1"/>
  <c r="BX382" i="4" s="1"/>
  <c r="AW383" i="4"/>
  <c r="AW384" i="4"/>
  <c r="AW385" i="4"/>
  <c r="AX385" i="4" s="1"/>
  <c r="BX385" i="4" s="1"/>
  <c r="AW386" i="4"/>
  <c r="AX386" i="4" s="1"/>
  <c r="BY386" i="4" s="1"/>
  <c r="AW387" i="4"/>
  <c r="AX387" i="4" s="1"/>
  <c r="BY387" i="4" s="1"/>
  <c r="AW388" i="4"/>
  <c r="AX388" i="4" s="1"/>
  <c r="BY388" i="4" s="1"/>
  <c r="AW389" i="4"/>
  <c r="AW390" i="4"/>
  <c r="AW391" i="4"/>
  <c r="AW392" i="4"/>
  <c r="AW393" i="4"/>
  <c r="AX393" i="4" s="1"/>
  <c r="BY393" i="4" s="1"/>
  <c r="AW394" i="4"/>
  <c r="AX394" i="4" s="1"/>
  <c r="BZ394" i="4" s="1"/>
  <c r="AW395" i="4"/>
  <c r="AX395" i="4" s="1"/>
  <c r="BZ395" i="4" s="1"/>
  <c r="AW396" i="4"/>
  <c r="AX396" i="4" s="1"/>
  <c r="BZ396" i="4" s="1"/>
  <c r="AW397" i="4"/>
  <c r="AW398" i="4"/>
  <c r="AW399" i="4"/>
  <c r="AW400" i="4"/>
  <c r="AW401" i="4"/>
  <c r="AX401" i="4" s="1"/>
  <c r="BZ401" i="4" s="1"/>
  <c r="AW402" i="4"/>
  <c r="AX402" i="4" s="1"/>
  <c r="AY402" i="4" s="1"/>
  <c r="AW403" i="4"/>
  <c r="AX403" i="4" s="1"/>
  <c r="AY403" i="4" s="1"/>
  <c r="AW404" i="4"/>
  <c r="AX404" i="4" s="1"/>
  <c r="AY404" i="4" s="1"/>
  <c r="AW405" i="4"/>
  <c r="AX405" i="4" s="1"/>
  <c r="AY405" i="4" s="1"/>
  <c r="AW406" i="4"/>
  <c r="AX406" i="4" s="1"/>
  <c r="AY406" i="4" s="1"/>
  <c r="AW407" i="4"/>
  <c r="AX407" i="4" s="1"/>
  <c r="AY407" i="4" s="1"/>
  <c r="AW408" i="4"/>
  <c r="AX408" i="4" s="1"/>
  <c r="AY408" i="4" s="1"/>
  <c r="AW409" i="4"/>
  <c r="AX409" i="4" s="1"/>
  <c r="AY409" i="4" s="1"/>
  <c r="AW410" i="4"/>
  <c r="AX410" i="4" s="1"/>
  <c r="BA410" i="4" s="1"/>
  <c r="AW411" i="4"/>
  <c r="AX411" i="4" s="1"/>
  <c r="BA411" i="4" s="1"/>
  <c r="AW412" i="4"/>
  <c r="AX412" i="4" s="1"/>
  <c r="BA412" i="4" s="1"/>
  <c r="AW413" i="4"/>
  <c r="AX413" i="4" s="1"/>
  <c r="BA413" i="4" s="1"/>
  <c r="AW414" i="4"/>
  <c r="AX414" i="4" s="1"/>
  <c r="BA414" i="4" s="1"/>
  <c r="AW415" i="4"/>
  <c r="AX415" i="4" s="1"/>
  <c r="BA415" i="4" s="1"/>
  <c r="AW416" i="4"/>
  <c r="AW417" i="4"/>
  <c r="AX417" i="4" s="1"/>
  <c r="BA417" i="4" s="1"/>
  <c r="AW418" i="4"/>
  <c r="AX418" i="4" s="1"/>
  <c r="BB418" i="4" s="1"/>
  <c r="AW419" i="4"/>
  <c r="AX419" i="4" s="1"/>
  <c r="BB419" i="4" s="1"/>
  <c r="AW420" i="4"/>
  <c r="AX420" i="4" s="1"/>
  <c r="BB420" i="4" s="1"/>
  <c r="AW421" i="4"/>
  <c r="AX421" i="4" s="1"/>
  <c r="BB421" i="4" s="1"/>
  <c r="AW422" i="4"/>
  <c r="AX422" i="4" s="1"/>
  <c r="BB422" i="4" s="1"/>
  <c r="AW423" i="4"/>
  <c r="AX423" i="4" s="1"/>
  <c r="BB423" i="4" s="1"/>
  <c r="AW424" i="4"/>
  <c r="AW425" i="4"/>
  <c r="AX425" i="4" s="1"/>
  <c r="BB425" i="4" s="1"/>
  <c r="AW426" i="4"/>
  <c r="AX426" i="4" s="1"/>
  <c r="AZ426" i="4" s="1"/>
  <c r="AW427" i="4"/>
  <c r="AX427" i="4" s="1"/>
  <c r="AZ427" i="4" s="1"/>
  <c r="AW428" i="4"/>
  <c r="AX428" i="4" s="1"/>
  <c r="AZ428" i="4" s="1"/>
  <c r="AW429" i="4"/>
  <c r="AX429" i="4" s="1"/>
  <c r="AZ429" i="4" s="1"/>
  <c r="AW430" i="4"/>
  <c r="AX430" i="4" s="1"/>
  <c r="AZ430" i="4" s="1"/>
  <c r="AW431" i="4"/>
  <c r="AX431" i="4" s="1"/>
  <c r="AZ431" i="4" s="1"/>
  <c r="AW432" i="4"/>
  <c r="AW433" i="4"/>
  <c r="AX433" i="4" s="1"/>
  <c r="AZ433" i="4" s="1"/>
  <c r="AW434" i="4"/>
  <c r="AX434" i="4" s="1"/>
  <c r="BC434" i="4" s="1"/>
  <c r="AW435" i="4"/>
  <c r="AX435" i="4" s="1"/>
  <c r="BC435" i="4" s="1"/>
  <c r="AW436" i="4"/>
  <c r="AX436" i="4" s="1"/>
  <c r="BC436" i="4" s="1"/>
  <c r="AW437" i="4"/>
  <c r="AX437" i="4" s="1"/>
  <c r="BC437" i="4" s="1"/>
  <c r="AW438" i="4"/>
  <c r="AX438" i="4" s="1"/>
  <c r="BC438" i="4" s="1"/>
  <c r="AW439" i="4"/>
  <c r="AX439" i="4" s="1"/>
  <c r="BC439" i="4" s="1"/>
  <c r="AW440" i="4"/>
  <c r="AW441" i="4"/>
  <c r="AX441" i="4" s="1"/>
  <c r="BC441" i="4" s="1"/>
  <c r="AW442" i="4"/>
  <c r="AX442" i="4" s="1"/>
  <c r="BE442" i="4" s="1"/>
  <c r="AW443" i="4"/>
  <c r="AX443" i="4" s="1"/>
  <c r="BE443" i="4" s="1"/>
  <c r="AW444" i="4"/>
  <c r="AX444" i="4" s="1"/>
  <c r="BE444" i="4" s="1"/>
  <c r="AW445" i="4"/>
  <c r="AX445" i="4" s="1"/>
  <c r="BE445" i="4" s="1"/>
  <c r="AW446" i="4"/>
  <c r="AX446" i="4" s="1"/>
  <c r="BE446" i="4" s="1"/>
  <c r="AW447" i="4"/>
  <c r="AW448" i="4"/>
  <c r="AW449" i="4"/>
  <c r="AX449" i="4" s="1"/>
  <c r="BE449" i="4" s="1"/>
  <c r="AW450" i="4"/>
  <c r="AX450" i="4" s="1"/>
  <c r="BF450" i="4" s="1"/>
  <c r="AW451" i="4"/>
  <c r="AX451" i="4" s="1"/>
  <c r="BF451" i="4" s="1"/>
  <c r="AW452" i="4"/>
  <c r="AX452" i="4" s="1"/>
  <c r="BF452" i="4" s="1"/>
  <c r="AW453" i="4"/>
  <c r="AX453" i="4" s="1"/>
  <c r="BF453" i="4" s="1"/>
  <c r="AW454" i="4"/>
  <c r="AX454" i="4" s="1"/>
  <c r="BF454" i="4" s="1"/>
  <c r="AW455" i="4"/>
  <c r="AX455" i="4" s="1"/>
  <c r="BF455" i="4" s="1"/>
  <c r="AW456" i="4"/>
  <c r="AW457" i="4"/>
  <c r="AX457" i="4" s="1"/>
  <c r="BF457" i="4" s="1"/>
  <c r="AW458" i="4"/>
  <c r="AX458" i="4" s="1"/>
  <c r="BD458" i="4" s="1"/>
  <c r="AW459" i="4"/>
  <c r="AX459" i="4" s="1"/>
  <c r="BD459" i="4" s="1"/>
  <c r="AW460" i="4"/>
  <c r="AX460" i="4" s="1"/>
  <c r="BD460" i="4" s="1"/>
  <c r="AW461" i="4"/>
  <c r="AX461" i="4" s="1"/>
  <c r="BD461" i="4" s="1"/>
  <c r="AW462" i="4"/>
  <c r="AX462" i="4" s="1"/>
  <c r="BD462" i="4" s="1"/>
  <c r="AW463" i="4"/>
  <c r="AX463" i="4" s="1"/>
  <c r="BD463" i="4" s="1"/>
  <c r="AW464" i="4"/>
  <c r="AW465" i="4"/>
  <c r="AX465" i="4" s="1"/>
  <c r="BD465" i="4" s="1"/>
  <c r="AW466" i="4"/>
  <c r="AX466" i="4" s="1"/>
  <c r="BG466" i="4" s="1"/>
  <c r="AW467" i="4"/>
  <c r="AX467" i="4" s="1"/>
  <c r="BG467" i="4" s="1"/>
  <c r="AW468" i="4"/>
  <c r="AX468" i="4" s="1"/>
  <c r="BG468" i="4" s="1"/>
  <c r="AW469" i="4"/>
  <c r="AX469" i="4" s="1"/>
  <c r="BG469" i="4" s="1"/>
  <c r="AW470" i="4"/>
  <c r="AX470" i="4" s="1"/>
  <c r="BG470" i="4" s="1"/>
  <c r="AW471" i="4"/>
  <c r="AX471" i="4" s="1"/>
  <c r="BG471" i="4" s="1"/>
  <c r="AW472" i="4"/>
  <c r="AX472" i="4" s="1"/>
  <c r="BG472" i="4" s="1"/>
  <c r="AW473" i="4"/>
  <c r="AX473" i="4" s="1"/>
  <c r="BG473" i="4" s="1"/>
  <c r="AW474" i="4"/>
  <c r="AX474" i="4" s="1"/>
  <c r="BK474" i="4" s="1"/>
  <c r="AW475" i="4"/>
  <c r="AX475" i="4" s="1"/>
  <c r="BK475" i="4" s="1"/>
  <c r="AW476" i="4"/>
  <c r="AX476" i="4" s="1"/>
  <c r="BK476" i="4" s="1"/>
  <c r="AW477" i="4"/>
  <c r="AX477" i="4" s="1"/>
  <c r="BK477" i="4" s="1"/>
  <c r="AW478" i="4"/>
  <c r="AX478" i="4" s="1"/>
  <c r="BK478" i="4" s="1"/>
  <c r="AW479" i="4"/>
  <c r="AX479" i="4" s="1"/>
  <c r="BK479" i="4" s="1"/>
  <c r="AW480" i="4"/>
  <c r="AW481" i="4"/>
  <c r="AX481" i="4" s="1"/>
  <c r="BK481" i="4" s="1"/>
  <c r="AW482" i="4"/>
  <c r="AX482" i="4" s="1"/>
  <c r="BH482" i="4" s="1"/>
  <c r="AW483" i="4"/>
  <c r="AX483" i="4" s="1"/>
  <c r="BH483" i="4" s="1"/>
  <c r="AW484" i="4"/>
  <c r="AX484" i="4" s="1"/>
  <c r="BH484" i="4" s="1"/>
  <c r="AW485" i="4"/>
  <c r="AX485" i="4" s="1"/>
  <c r="BH485" i="4" s="1"/>
  <c r="AW486" i="4"/>
  <c r="AX486" i="4" s="1"/>
  <c r="BH486" i="4" s="1"/>
  <c r="AW487" i="4"/>
  <c r="AX487" i="4" s="1"/>
  <c r="BH487" i="4" s="1"/>
  <c r="AW488" i="4"/>
  <c r="AX488" i="4" s="1"/>
  <c r="BH488" i="4" s="1"/>
  <c r="AW489" i="4"/>
  <c r="AX489" i="4" s="1"/>
  <c r="BH489" i="4" s="1"/>
  <c r="AW490" i="4"/>
  <c r="AX490" i="4" s="1"/>
  <c r="BI490" i="4" s="1"/>
  <c r="AW491" i="4"/>
  <c r="AX491" i="4" s="1"/>
  <c r="BI491" i="4" s="1"/>
  <c r="AW492" i="4"/>
  <c r="AX492" i="4" s="1"/>
  <c r="BI492" i="4" s="1"/>
  <c r="AW493" i="4"/>
  <c r="AX493" i="4" s="1"/>
  <c r="BI493" i="4" s="1"/>
  <c r="AW494" i="4"/>
  <c r="AX494" i="4" s="1"/>
  <c r="BI494" i="4" s="1"/>
  <c r="AW495" i="4"/>
  <c r="AX495" i="4" s="1"/>
  <c r="BI495" i="4" s="1"/>
  <c r="AW496" i="4"/>
  <c r="AX496" i="4" s="1"/>
  <c r="BI496" i="4" s="1"/>
  <c r="AW497" i="4"/>
  <c r="AX497" i="4" s="1"/>
  <c r="BI497" i="4" s="1"/>
  <c r="AW498" i="4"/>
  <c r="AX498" i="4" s="1"/>
  <c r="BL498" i="4" s="1"/>
  <c r="AW499" i="4"/>
  <c r="AX499" i="4" s="1"/>
  <c r="BL499" i="4" s="1"/>
  <c r="AW500" i="4"/>
  <c r="AX500" i="4" s="1"/>
  <c r="BL500" i="4" s="1"/>
  <c r="AW501" i="4"/>
  <c r="AX501" i="4" s="1"/>
  <c r="BL501" i="4" s="1"/>
  <c r="AW502" i="4"/>
  <c r="AX502" i="4" s="1"/>
  <c r="BL502" i="4" s="1"/>
  <c r="AW503" i="4"/>
  <c r="AX503" i="4" s="1"/>
  <c r="BL503" i="4" s="1"/>
  <c r="AW504" i="4"/>
  <c r="AW505" i="4"/>
  <c r="AX505" i="4" s="1"/>
  <c r="BL505" i="4" s="1"/>
  <c r="AW506" i="4"/>
  <c r="AX506" i="4" s="1"/>
  <c r="BM506" i="4" s="1"/>
  <c r="AW507" i="4"/>
  <c r="AX507" i="4" s="1"/>
  <c r="BM507" i="4" s="1"/>
  <c r="AW508" i="4"/>
  <c r="AX508" i="4" s="1"/>
  <c r="BM508" i="4" s="1"/>
  <c r="AW509" i="4"/>
  <c r="AX509" i="4" s="1"/>
  <c r="BM509" i="4" s="1"/>
  <c r="AW510" i="4"/>
  <c r="AX510" i="4" s="1"/>
  <c r="BM510" i="4" s="1"/>
  <c r="AW511" i="4"/>
  <c r="AW512" i="4"/>
  <c r="AW513" i="4"/>
  <c r="AX513" i="4" s="1"/>
  <c r="BM513" i="4" s="1"/>
  <c r="AW514" i="4"/>
  <c r="AX514" i="4" s="1"/>
  <c r="BN514" i="4" s="1"/>
  <c r="AW515" i="4"/>
  <c r="AX515" i="4" s="1"/>
  <c r="BN515" i="4" s="1"/>
  <c r="AW516" i="4"/>
  <c r="AX516" i="4" s="1"/>
  <c r="BN516" i="4" s="1"/>
  <c r="AW517" i="4"/>
  <c r="AX517" i="4" s="1"/>
  <c r="BN517" i="4" s="1"/>
  <c r="AW518" i="4"/>
  <c r="AX518" i="4" s="1"/>
  <c r="BN518" i="4" s="1"/>
  <c r="AW519" i="4"/>
  <c r="AW520" i="4"/>
  <c r="AW521" i="4"/>
  <c r="AX521" i="4" s="1"/>
  <c r="BN521" i="4" s="1"/>
  <c r="AW522" i="4"/>
  <c r="AX522" i="4" s="1"/>
  <c r="BJ522" i="4" s="1"/>
  <c r="AW523" i="4"/>
  <c r="AX523" i="4" s="1"/>
  <c r="BJ523" i="4" s="1"/>
  <c r="AW524" i="4"/>
  <c r="AX524" i="4" s="1"/>
  <c r="BJ524" i="4" s="1"/>
  <c r="AW525" i="4"/>
  <c r="AX525" i="4" s="1"/>
  <c r="BJ525" i="4" s="1"/>
  <c r="AW526" i="4"/>
  <c r="AX526" i="4" s="1"/>
  <c r="BJ526" i="4" s="1"/>
  <c r="AW527" i="4"/>
  <c r="AX527" i="4" s="1"/>
  <c r="BJ527" i="4" s="1"/>
  <c r="AW528" i="4"/>
  <c r="AW529" i="4"/>
  <c r="AX529" i="4" s="1"/>
  <c r="BJ529" i="4" s="1"/>
  <c r="AW530" i="4"/>
  <c r="AX530" i="4" s="1"/>
  <c r="BO530" i="4" s="1"/>
  <c r="AW531" i="4"/>
  <c r="AX531" i="4" s="1"/>
  <c r="BO531" i="4" s="1"/>
  <c r="AW532" i="4"/>
  <c r="AX532" i="4" s="1"/>
  <c r="BO532" i="4" s="1"/>
  <c r="AW533" i="4"/>
  <c r="AW534" i="4"/>
  <c r="AW535" i="4"/>
  <c r="AW536" i="4"/>
  <c r="AW537" i="4"/>
  <c r="AX537" i="4" s="1"/>
  <c r="BO537" i="4" s="1"/>
  <c r="AW538" i="4"/>
  <c r="AW539" i="4"/>
  <c r="AW540" i="4"/>
  <c r="AW541" i="4"/>
  <c r="AW542" i="4"/>
  <c r="AW543" i="4"/>
  <c r="AW544" i="4"/>
  <c r="AW545" i="4"/>
  <c r="AW546" i="4"/>
  <c r="AW547" i="4"/>
  <c r="AW548" i="4"/>
  <c r="AW549" i="4"/>
  <c r="AW550" i="4"/>
  <c r="AW551" i="4"/>
  <c r="AW552" i="4"/>
  <c r="AW553" i="4"/>
  <c r="AW554" i="4"/>
  <c r="AW555" i="4"/>
  <c r="AW556" i="4"/>
  <c r="AW557" i="4"/>
  <c r="AW558" i="4"/>
  <c r="AW559" i="4"/>
  <c r="AW560" i="4"/>
  <c r="AW561" i="4"/>
  <c r="AW562" i="4"/>
  <c r="AW563" i="4"/>
  <c r="AW564" i="4"/>
  <c r="AW565" i="4"/>
  <c r="AW566" i="4"/>
  <c r="AW567" i="4"/>
  <c r="AW568" i="4"/>
  <c r="AW569" i="4"/>
  <c r="AW570" i="4"/>
  <c r="AW571" i="4"/>
  <c r="AW572" i="4"/>
  <c r="AW573" i="4"/>
  <c r="AW574" i="4"/>
  <c r="AW575" i="4"/>
  <c r="AW576" i="4"/>
  <c r="AW577" i="4"/>
  <c r="AW578" i="4"/>
  <c r="AW579" i="4"/>
  <c r="AW580" i="4"/>
  <c r="AW581" i="4"/>
  <c r="AW582" i="4"/>
  <c r="AW583" i="4"/>
  <c r="AW584" i="4"/>
  <c r="AW585" i="4"/>
  <c r="AW586" i="4"/>
  <c r="AW587" i="4"/>
  <c r="AW588" i="4"/>
  <c r="AW589" i="4"/>
  <c r="AW590" i="4"/>
  <c r="AW591" i="4"/>
  <c r="AW592" i="4"/>
  <c r="AW593" i="4"/>
  <c r="AW594" i="4"/>
  <c r="AW595" i="4"/>
  <c r="AW596" i="4"/>
  <c r="AW597" i="4"/>
  <c r="AW598" i="4"/>
  <c r="AW599" i="4"/>
  <c r="AW600" i="4"/>
  <c r="AW601" i="4"/>
  <c r="AW602" i="4"/>
  <c r="AW603" i="4"/>
  <c r="AW604" i="4"/>
  <c r="AW605" i="4"/>
  <c r="AW606" i="4"/>
  <c r="AW607" i="4"/>
  <c r="AW608" i="4"/>
  <c r="AW609" i="4"/>
  <c r="AW610" i="4"/>
  <c r="AW611" i="4"/>
  <c r="AW612" i="4"/>
  <c r="AW613" i="4"/>
  <c r="AW614" i="4"/>
  <c r="AW615" i="4"/>
  <c r="AW616" i="4"/>
  <c r="AW617" i="4"/>
  <c r="AW618" i="4"/>
  <c r="AW619" i="4"/>
  <c r="AW620" i="4"/>
  <c r="AW621" i="4"/>
  <c r="AW622" i="4"/>
  <c r="AW623" i="4"/>
  <c r="AW624" i="4"/>
  <c r="AW625" i="4"/>
  <c r="AW626" i="4"/>
  <c r="AW627" i="4"/>
  <c r="AW628" i="4"/>
  <c r="AW629" i="4"/>
  <c r="AW630" i="4"/>
  <c r="AW631" i="4"/>
  <c r="AW632" i="4"/>
  <c r="AW633" i="4"/>
  <c r="AW634" i="4"/>
  <c r="AW635" i="4"/>
  <c r="AW636" i="4"/>
  <c r="AW637" i="4"/>
  <c r="AW638" i="4"/>
  <c r="AW639" i="4"/>
  <c r="AW640" i="4"/>
  <c r="AW641" i="4"/>
  <c r="AW642" i="4"/>
  <c r="AW643" i="4"/>
  <c r="AW644" i="4"/>
  <c r="AW645" i="4"/>
  <c r="AW646" i="4"/>
  <c r="AW647" i="4"/>
  <c r="AW648" i="4"/>
  <c r="AW649" i="4"/>
  <c r="AW650" i="4"/>
  <c r="AW651" i="4"/>
  <c r="AW652" i="4"/>
  <c r="AW653" i="4"/>
  <c r="AW654" i="4"/>
  <c r="AW655" i="4"/>
  <c r="AW656" i="4"/>
  <c r="AW657" i="4"/>
  <c r="AW658" i="4"/>
  <c r="AW659" i="4"/>
  <c r="AW660" i="4"/>
  <c r="AW661" i="4"/>
  <c r="AW662" i="4"/>
  <c r="AW663" i="4"/>
  <c r="AW664" i="4"/>
  <c r="AW665" i="4"/>
  <c r="AW666" i="4"/>
  <c r="AW667" i="4"/>
  <c r="AW668" i="4"/>
  <c r="AW669" i="4"/>
  <c r="AW670" i="4"/>
  <c r="AW671" i="4"/>
  <c r="AW672" i="4"/>
  <c r="AW673" i="4"/>
  <c r="AW674" i="4"/>
  <c r="AW675" i="4"/>
  <c r="AW676" i="4"/>
  <c r="AW677" i="4"/>
  <c r="AW678" i="4"/>
  <c r="AW679" i="4"/>
  <c r="AW680" i="4"/>
  <c r="AW681" i="4"/>
  <c r="AW682" i="4"/>
  <c r="AW683" i="4"/>
  <c r="AW684" i="4"/>
  <c r="AW685" i="4"/>
  <c r="AW686" i="4"/>
  <c r="AW687" i="4"/>
  <c r="AW688" i="4"/>
  <c r="AW689" i="4"/>
  <c r="AW690" i="4"/>
  <c r="AW691" i="4"/>
  <c r="AW692" i="4"/>
  <c r="AW693" i="4"/>
  <c r="AW694" i="4"/>
  <c r="AW695" i="4"/>
  <c r="AW696" i="4"/>
  <c r="AW697" i="4"/>
  <c r="AW698" i="4"/>
  <c r="AW699" i="4"/>
  <c r="AW700" i="4"/>
  <c r="AW701" i="4"/>
  <c r="AW702" i="4"/>
  <c r="AW703" i="4"/>
  <c r="AW704" i="4"/>
  <c r="AW705" i="4"/>
  <c r="AW706" i="4"/>
  <c r="AW707" i="4"/>
  <c r="AW708" i="4"/>
  <c r="AW709" i="4"/>
  <c r="AW710" i="4"/>
  <c r="AW711" i="4"/>
  <c r="AW712" i="4"/>
  <c r="AW713" i="4"/>
  <c r="AW714" i="4"/>
  <c r="AW715" i="4"/>
  <c r="AW716" i="4"/>
  <c r="AW717" i="4"/>
  <c r="AW718" i="4"/>
  <c r="AW719" i="4"/>
  <c r="AW720" i="4"/>
  <c r="AW721" i="4"/>
  <c r="AW722" i="4"/>
  <c r="AW723" i="4"/>
  <c r="AW724" i="4"/>
  <c r="AW725" i="4"/>
  <c r="AW726" i="4"/>
  <c r="AW727" i="4"/>
  <c r="AW728" i="4"/>
  <c r="AW729" i="4"/>
  <c r="AW730" i="4"/>
  <c r="AW731" i="4"/>
  <c r="AW732" i="4"/>
  <c r="AW733" i="4"/>
  <c r="AW734" i="4"/>
  <c r="AW735" i="4"/>
  <c r="AW736" i="4"/>
  <c r="AW737" i="4"/>
  <c r="AW738" i="4"/>
  <c r="AW739" i="4"/>
  <c r="AW740" i="4"/>
  <c r="AW741" i="4"/>
  <c r="AW742" i="4"/>
  <c r="AW743" i="4"/>
  <c r="AW744" i="4"/>
  <c r="AW745" i="4"/>
  <c r="AW746" i="4"/>
  <c r="AW747" i="4"/>
  <c r="AW748" i="4"/>
  <c r="AW749" i="4"/>
  <c r="AW750" i="4"/>
  <c r="AW751" i="4"/>
  <c r="AW752" i="4"/>
  <c r="AW753" i="4"/>
  <c r="AW754" i="4"/>
  <c r="AW755" i="4"/>
  <c r="AW756" i="4"/>
  <c r="AW757" i="4"/>
  <c r="AW758" i="4"/>
  <c r="AW759" i="4"/>
  <c r="AW760" i="4"/>
  <c r="AW761" i="4"/>
  <c r="AW762" i="4"/>
  <c r="AW763" i="4"/>
  <c r="AW764" i="4"/>
  <c r="AW765" i="4"/>
  <c r="AW766" i="4"/>
  <c r="AW767" i="4"/>
  <c r="AW768" i="4"/>
  <c r="AW769" i="4"/>
  <c r="AW770" i="4"/>
  <c r="AW771" i="4"/>
  <c r="AW772" i="4"/>
  <c r="AW773" i="4"/>
  <c r="AW774" i="4"/>
  <c r="AW775" i="4"/>
  <c r="AW776" i="4"/>
  <c r="AW777" i="4"/>
  <c r="AW778" i="4"/>
  <c r="AW779" i="4"/>
  <c r="AW780" i="4"/>
  <c r="AW781" i="4"/>
  <c r="AW782" i="4"/>
  <c r="AW783" i="4"/>
  <c r="AW784" i="4"/>
  <c r="AW785" i="4"/>
  <c r="AW786" i="4"/>
  <c r="AW787" i="4"/>
  <c r="AW788" i="4"/>
  <c r="AW789" i="4"/>
  <c r="AW790" i="4"/>
  <c r="AW791" i="4"/>
  <c r="AW792" i="4"/>
  <c r="AW793" i="4"/>
  <c r="AW794" i="4"/>
  <c r="AW795" i="4"/>
  <c r="AW799" i="4"/>
  <c r="AW797" i="4"/>
  <c r="AW798" i="4"/>
  <c r="AW796" i="4"/>
  <c r="AW800" i="4"/>
  <c r="AW801" i="4"/>
  <c r="AW802" i="4"/>
  <c r="AW803" i="4"/>
  <c r="AW804" i="4"/>
  <c r="AW805" i="4"/>
  <c r="AW806" i="4"/>
  <c r="AW807" i="4"/>
  <c r="AW808" i="4"/>
  <c r="AW809" i="4"/>
  <c r="AW810" i="4"/>
  <c r="AW811" i="4"/>
  <c r="AW812" i="4"/>
  <c r="AW813" i="4"/>
  <c r="AW814" i="4"/>
  <c r="AW815" i="4"/>
  <c r="AW816" i="4"/>
  <c r="AW817" i="4"/>
  <c r="AW818" i="4"/>
  <c r="AW819" i="4"/>
  <c r="AW820" i="4"/>
  <c r="AW821" i="4"/>
  <c r="AW822" i="4"/>
  <c r="AW823" i="4"/>
  <c r="AW824" i="4"/>
  <c r="AW825" i="4"/>
  <c r="AW826" i="4"/>
  <c r="AW827" i="4"/>
  <c r="AW828" i="4"/>
  <c r="AW829" i="4"/>
  <c r="AW830" i="4"/>
  <c r="AW831" i="4"/>
  <c r="AW832" i="4"/>
  <c r="AW833" i="4"/>
  <c r="AW834" i="4"/>
  <c r="AW835" i="4"/>
  <c r="AW836" i="4"/>
  <c r="AW837" i="4"/>
  <c r="AW838" i="4"/>
  <c r="AW839" i="4"/>
  <c r="AW840" i="4"/>
  <c r="AW841" i="4"/>
  <c r="AW842" i="4"/>
  <c r="AW843" i="4"/>
  <c r="AW844" i="4"/>
  <c r="AW845" i="4"/>
  <c r="AW846" i="4"/>
  <c r="AW847" i="4"/>
  <c r="AW848" i="4"/>
  <c r="AW849" i="4"/>
  <c r="AW850" i="4"/>
  <c r="AW851" i="4"/>
  <c r="AW852" i="4"/>
  <c r="AW853" i="4"/>
  <c r="AW854" i="4"/>
  <c r="AW855" i="4"/>
  <c r="AW856" i="4"/>
  <c r="AW857" i="4"/>
  <c r="AW858" i="4"/>
  <c r="AW859" i="4"/>
  <c r="AW860" i="4"/>
  <c r="AW861" i="4"/>
  <c r="AW862" i="4"/>
  <c r="AW863" i="4"/>
  <c r="AW864" i="4"/>
  <c r="AW865" i="4"/>
  <c r="AW866" i="4"/>
  <c r="AW867" i="4"/>
  <c r="AW868" i="4"/>
  <c r="AW869" i="4"/>
  <c r="AW870" i="4"/>
  <c r="AW871" i="4"/>
  <c r="AW872" i="4"/>
  <c r="AW873" i="4"/>
  <c r="AW874" i="4"/>
  <c r="AW875" i="4"/>
  <c r="AW876" i="4"/>
  <c r="AW877" i="4"/>
  <c r="AW878" i="4"/>
  <c r="AW879" i="4"/>
  <c r="AW880" i="4"/>
  <c r="AW881" i="4"/>
  <c r="AW882" i="4"/>
  <c r="AW883" i="4"/>
  <c r="AW884" i="4"/>
  <c r="AW885" i="4"/>
  <c r="AW886" i="4"/>
  <c r="AW887" i="4"/>
  <c r="AW888" i="4"/>
  <c r="AW889" i="4"/>
  <c r="AW890" i="4"/>
  <c r="AW891" i="4"/>
  <c r="AW892" i="4"/>
  <c r="AW893" i="4"/>
  <c r="AW894" i="4"/>
  <c r="AW217" i="4"/>
  <c r="AW218" i="4"/>
  <c r="AW219" i="4"/>
  <c r="AW220" i="4"/>
  <c r="AW221" i="4"/>
  <c r="AW222" i="4"/>
  <c r="AW209" i="4"/>
  <c r="AW210" i="4"/>
  <c r="AW211" i="4"/>
  <c r="AW212" i="4"/>
  <c r="AW213" i="4"/>
  <c r="AW214" i="4"/>
  <c r="AW215" i="4"/>
  <c r="AW216" i="4"/>
  <c r="AW196" i="4"/>
  <c r="AW197" i="4"/>
  <c r="AW198" i="4"/>
  <c r="AW199" i="4"/>
  <c r="AW200" i="4"/>
  <c r="AW201" i="4"/>
  <c r="AW202" i="4"/>
  <c r="AW203" i="4"/>
  <c r="AW204" i="4"/>
  <c r="AW205" i="4"/>
  <c r="AW206" i="4"/>
  <c r="AW207" i="4"/>
  <c r="AW208" i="4"/>
  <c r="AW191" i="4"/>
  <c r="AW192" i="4"/>
  <c r="AW193" i="4"/>
  <c r="AW194" i="4"/>
  <c r="AW195" i="4"/>
  <c r="AW165" i="4"/>
  <c r="AW166" i="4"/>
  <c r="AW167" i="4"/>
  <c r="AW160" i="4"/>
  <c r="AW161" i="4"/>
  <c r="AW162" i="4"/>
  <c r="AW163" i="4"/>
  <c r="AW164" i="4"/>
  <c r="AW132" i="4"/>
  <c r="AW133" i="4"/>
  <c r="AW134" i="4"/>
  <c r="AW135" i="4"/>
  <c r="AW136" i="4"/>
  <c r="AW129" i="4"/>
  <c r="AW130" i="4"/>
  <c r="AW131" i="4"/>
  <c r="AW61" i="4"/>
  <c r="AW62" i="4"/>
  <c r="AW38" i="4"/>
  <c r="AW39" i="4"/>
  <c r="AW40" i="4"/>
  <c r="AW34" i="4"/>
  <c r="AX34" i="4" s="1"/>
  <c r="BH34" i="4" s="1"/>
  <c r="AW35" i="4"/>
  <c r="AX35" i="4" s="1"/>
  <c r="BF35" i="4" s="1"/>
  <c r="AW36" i="4"/>
  <c r="AX36" i="4" s="1"/>
  <c r="BP36" i="4" s="1"/>
  <c r="AW37" i="4"/>
  <c r="AX37" i="4" s="1"/>
  <c r="BL37" i="4" s="1"/>
  <c r="AW33" i="4"/>
  <c r="AX33" i="4" s="1"/>
  <c r="AY33" i="4" s="1"/>
  <c r="AW3" i="4"/>
  <c r="AW24" i="4"/>
  <c r="AW25" i="4"/>
  <c r="AW56" i="4"/>
  <c r="AW57" i="4"/>
  <c r="AW58" i="4"/>
  <c r="AW59" i="4"/>
  <c r="AW53" i="4"/>
  <c r="AW54" i="4"/>
  <c r="AW32" i="4"/>
  <c r="AW31" i="4"/>
  <c r="O61" i="4"/>
  <c r="O893" i="4"/>
  <c r="O680" i="4"/>
  <c r="O681" i="4"/>
  <c r="O682" i="4"/>
  <c r="O683" i="4"/>
  <c r="O684" i="4"/>
  <c r="O685" i="4"/>
  <c r="O686" i="4"/>
  <c r="O687" i="4"/>
  <c r="O688" i="4"/>
  <c r="O689" i="4"/>
  <c r="O690" i="4"/>
  <c r="O691" i="4"/>
  <c r="O692" i="4"/>
  <c r="O693" i="4"/>
  <c r="O694" i="4"/>
  <c r="O695" i="4"/>
  <c r="O696" i="4"/>
  <c r="O697" i="4"/>
  <c r="O698" i="4"/>
  <c r="O699" i="4"/>
  <c r="O700" i="4"/>
  <c r="O701" i="4"/>
  <c r="O702" i="4"/>
  <c r="O703" i="4"/>
  <c r="O704" i="4"/>
  <c r="O705" i="4"/>
  <c r="O706" i="4"/>
  <c r="O707" i="4"/>
  <c r="O708" i="4"/>
  <c r="O709" i="4"/>
  <c r="O710" i="4"/>
  <c r="O711" i="4"/>
  <c r="O712" i="4"/>
  <c r="O713" i="4"/>
  <c r="O714" i="4"/>
  <c r="O715" i="4"/>
  <c r="O716" i="4"/>
  <c r="O717" i="4"/>
  <c r="O718" i="4"/>
  <c r="O719" i="4"/>
  <c r="O720" i="4"/>
  <c r="O721" i="4"/>
  <c r="O722" i="4"/>
  <c r="O723" i="4"/>
  <c r="O724" i="4"/>
  <c r="O725" i="4"/>
  <c r="O726" i="4"/>
  <c r="O727" i="4"/>
  <c r="O728" i="4"/>
  <c r="O729" i="4"/>
  <c r="O731" i="4"/>
  <c r="O732" i="4"/>
  <c r="O735" i="4"/>
  <c r="O739" i="4"/>
  <c r="O740" i="4"/>
  <c r="O741" i="4"/>
  <c r="O742" i="4"/>
  <c r="O743" i="4"/>
  <c r="O744" i="4"/>
  <c r="O745" i="4"/>
  <c r="O746" i="4"/>
  <c r="O747" i="4"/>
  <c r="O748" i="4"/>
  <c r="O749" i="4"/>
  <c r="O750" i="4"/>
  <c r="O751" i="4"/>
  <c r="O752" i="4"/>
  <c r="O753" i="4"/>
  <c r="O754" i="4"/>
  <c r="O755" i="4"/>
  <c r="O756" i="4"/>
  <c r="O757" i="4"/>
  <c r="O758" i="4"/>
  <c r="O759" i="4"/>
  <c r="O760" i="4"/>
  <c r="O761" i="4"/>
  <c r="O762" i="4"/>
  <c r="O763" i="4"/>
  <c r="O764" i="4"/>
  <c r="O765" i="4"/>
  <c r="O766" i="4"/>
  <c r="O767" i="4"/>
  <c r="O768" i="4"/>
  <c r="O769" i="4"/>
  <c r="O770" i="4"/>
  <c r="O771" i="4"/>
  <c r="O772" i="4"/>
  <c r="O773" i="4"/>
  <c r="O774" i="4"/>
  <c r="O775" i="4"/>
  <c r="O776" i="4"/>
  <c r="O777" i="4"/>
  <c r="O778" i="4"/>
  <c r="O779" i="4"/>
  <c r="O780" i="4"/>
  <c r="O781" i="4"/>
  <c r="O782" i="4"/>
  <c r="O783" i="4"/>
  <c r="O784" i="4"/>
  <c r="O785" i="4"/>
  <c r="O786" i="4"/>
  <c r="O787" i="4"/>
  <c r="O788" i="4"/>
  <c r="O789" i="4"/>
  <c r="O790" i="4"/>
  <c r="O791" i="4"/>
  <c r="O792" i="4"/>
  <c r="O793" i="4"/>
  <c r="O794" i="4"/>
  <c r="O795" i="4"/>
  <c r="O799" i="4"/>
  <c r="O797" i="4"/>
  <c r="O798" i="4"/>
  <c r="O796" i="4"/>
  <c r="O800" i="4"/>
  <c r="O801" i="4"/>
  <c r="O802" i="4"/>
  <c r="O803" i="4"/>
  <c r="O804" i="4"/>
  <c r="O805" i="4"/>
  <c r="O806" i="4"/>
  <c r="O807" i="4"/>
  <c r="O808" i="4"/>
  <c r="O809" i="4"/>
  <c r="O810" i="4"/>
  <c r="O811" i="4"/>
  <c r="O812" i="4"/>
  <c r="O813" i="4"/>
  <c r="O814" i="4"/>
  <c r="O815" i="4"/>
  <c r="O816" i="4"/>
  <c r="O817" i="4"/>
  <c r="O818" i="4"/>
  <c r="O819" i="4"/>
  <c r="O820" i="4"/>
  <c r="O821" i="4"/>
  <c r="O822" i="4"/>
  <c r="O823" i="4"/>
  <c r="O824" i="4"/>
  <c r="O825" i="4"/>
  <c r="O826" i="4"/>
  <c r="O827" i="4"/>
  <c r="O828" i="4"/>
  <c r="O829" i="4"/>
  <c r="O830" i="4"/>
  <c r="O831" i="4"/>
  <c r="O832" i="4"/>
  <c r="O833" i="4"/>
  <c r="O834" i="4"/>
  <c r="O835" i="4"/>
  <c r="O836" i="4"/>
  <c r="O837" i="4"/>
  <c r="O838" i="4"/>
  <c r="O839" i="4"/>
  <c r="O840" i="4"/>
  <c r="O841" i="4"/>
  <c r="O842" i="4"/>
  <c r="O843" i="4"/>
  <c r="O844" i="4"/>
  <c r="O845" i="4"/>
  <c r="O846" i="4"/>
  <c r="O847" i="4"/>
  <c r="O848" i="4"/>
  <c r="O849" i="4"/>
  <c r="O850" i="4"/>
  <c r="O851" i="4"/>
  <c r="O852" i="4"/>
  <c r="O853" i="4"/>
  <c r="O854" i="4"/>
  <c r="O855" i="4"/>
  <c r="O856" i="4"/>
  <c r="O857" i="4"/>
  <c r="O858" i="4"/>
  <c r="O859" i="4"/>
  <c r="O860" i="4"/>
  <c r="O861" i="4"/>
  <c r="O862" i="4"/>
  <c r="O863" i="4"/>
  <c r="O864" i="4"/>
  <c r="O865" i="4"/>
  <c r="O866" i="4"/>
  <c r="O867" i="4"/>
  <c r="O868" i="4"/>
  <c r="O869" i="4"/>
  <c r="O870" i="4"/>
  <c r="O871" i="4"/>
  <c r="O872" i="4"/>
  <c r="O873" i="4"/>
  <c r="O874" i="4"/>
  <c r="O875" i="4"/>
  <c r="O876" i="4"/>
  <c r="O877" i="4"/>
  <c r="O878" i="4"/>
  <c r="O879" i="4"/>
  <c r="O880" i="4"/>
  <c r="O881" i="4"/>
  <c r="O882" i="4"/>
  <c r="O883" i="4"/>
  <c r="O884" i="4"/>
  <c r="O885" i="4"/>
  <c r="O886" i="4"/>
  <c r="O887" i="4"/>
  <c r="O888" i="4"/>
  <c r="O889" i="4"/>
  <c r="O890" i="4"/>
  <c r="O891" i="4"/>
  <c r="O892" i="4"/>
  <c r="O679" i="4"/>
  <c r="W73" i="9" l="1"/>
  <c r="BS299" i="4"/>
  <c r="CC299" i="4"/>
  <c r="BW299" i="4"/>
  <c r="BO299" i="4"/>
  <c r="BY299" i="4"/>
  <c r="CB299" i="4"/>
  <c r="CB293" i="4"/>
  <c r="CC293" i="4"/>
  <c r="BY293" i="4"/>
  <c r="BS293" i="4"/>
  <c r="BO293" i="4"/>
  <c r="BW293" i="4"/>
  <c r="BS294" i="4"/>
  <c r="CC294" i="4"/>
  <c r="BY294" i="4"/>
  <c r="BW294" i="4"/>
  <c r="BO294" i="4"/>
  <c r="CB294" i="4"/>
  <c r="BY292" i="4"/>
  <c r="BS292" i="4"/>
  <c r="CB292" i="4"/>
  <c r="BO292" i="4"/>
  <c r="BW292" i="4"/>
  <c r="O47" i="4"/>
  <c r="AW47" i="4"/>
  <c r="AX47" i="4" l="1"/>
  <c r="O592" i="4"/>
  <c r="AX592" i="4" s="1"/>
  <c r="BG592" i="4" s="1"/>
  <c r="O599" i="4"/>
  <c r="AX599" i="4" s="1"/>
  <c r="BN599" i="4" s="1"/>
  <c r="O598" i="4"/>
  <c r="AX598" i="4" s="1"/>
  <c r="BN598" i="4" s="1"/>
  <c r="O597" i="4"/>
  <c r="AX597" i="4" s="1"/>
  <c r="BM597" i="4" s="1"/>
  <c r="O596" i="4"/>
  <c r="AX596" i="4" s="1"/>
  <c r="BL596" i="4" s="1"/>
  <c r="O595" i="4"/>
  <c r="AX595" i="4" s="1"/>
  <c r="BI595" i="4" s="1"/>
  <c r="O594" i="4"/>
  <c r="AX594" i="4" s="1"/>
  <c r="BH594" i="4" s="1"/>
  <c r="O593" i="4"/>
  <c r="AX593" i="4" s="1"/>
  <c r="BK593" i="4" s="1"/>
  <c r="N291" i="4"/>
  <c r="O291" i="4" s="1"/>
  <c r="AX291" i="4" s="1"/>
  <c r="BJ291" i="4" s="1"/>
  <c r="N290" i="4"/>
  <c r="O290" i="4" s="1"/>
  <c r="AX290" i="4" s="1"/>
  <c r="BN290" i="4" s="1"/>
  <c r="N289" i="4"/>
  <c r="O289" i="4" s="1"/>
  <c r="AX289" i="4" s="1"/>
  <c r="BM289" i="4" s="1"/>
  <c r="N288" i="4"/>
  <c r="O288" i="4" s="1"/>
  <c r="AX288" i="4" s="1"/>
  <c r="BL288" i="4" s="1"/>
  <c r="N287" i="4"/>
  <c r="O287" i="4" s="1"/>
  <c r="AX287" i="4" s="1"/>
  <c r="BI287" i="4" s="1"/>
  <c r="N286" i="4"/>
  <c r="O286" i="4" s="1"/>
  <c r="AX286" i="4" s="1"/>
  <c r="BH286" i="4" s="1"/>
  <c r="N285" i="4"/>
  <c r="O285" i="4" s="1"/>
  <c r="AX285" i="4" s="1"/>
  <c r="BK285" i="4" s="1"/>
  <c r="N284" i="4"/>
  <c r="O284" i="4" s="1"/>
  <c r="AX284" i="4" s="1"/>
  <c r="BG284" i="4" s="1"/>
  <c r="N260" i="4"/>
  <c r="O260" i="4" s="1"/>
  <c r="AX260" i="4" s="1"/>
  <c r="BJ260" i="4" s="1"/>
  <c r="N259" i="4"/>
  <c r="O259" i="4" s="1"/>
  <c r="AX259" i="4" s="1"/>
  <c r="BN259" i="4" s="1"/>
  <c r="N258" i="4"/>
  <c r="O258" i="4" s="1"/>
  <c r="AX258" i="4" s="1"/>
  <c r="BM258" i="4" s="1"/>
  <c r="N257" i="4"/>
  <c r="O257" i="4" s="1"/>
  <c r="AX257" i="4" s="1"/>
  <c r="BL257" i="4" s="1"/>
  <c r="N256" i="4"/>
  <c r="O256" i="4" s="1"/>
  <c r="AX256" i="4" s="1"/>
  <c r="BI256" i="4" s="1"/>
  <c r="N255" i="4"/>
  <c r="O255" i="4" s="1"/>
  <c r="AX255" i="4" s="1"/>
  <c r="BH255" i="4" s="1"/>
  <c r="N254" i="4"/>
  <c r="O254" i="4" s="1"/>
  <c r="AX254" i="4" s="1"/>
  <c r="BK254" i="4" s="1"/>
  <c r="N253" i="4"/>
  <c r="O253" i="4" s="1"/>
  <c r="AX253" i="4" s="1"/>
  <c r="BG253" i="4" s="1"/>
  <c r="N229" i="4"/>
  <c r="O229" i="4" s="1"/>
  <c r="AX229" i="4" s="1"/>
  <c r="BJ229" i="4" s="1"/>
  <c r="N228" i="4"/>
  <c r="O228" i="4" s="1"/>
  <c r="AX228" i="4" s="1"/>
  <c r="BN228" i="4" s="1"/>
  <c r="N227" i="4"/>
  <c r="O227" i="4" s="1"/>
  <c r="AX227" i="4" s="1"/>
  <c r="BM227" i="4" s="1"/>
  <c r="N226" i="4"/>
  <c r="O226" i="4" s="1"/>
  <c r="AX226" i="4" s="1"/>
  <c r="BL226" i="4" s="1"/>
  <c r="N225" i="4"/>
  <c r="O225" i="4" s="1"/>
  <c r="AX225" i="4" s="1"/>
  <c r="BI225" i="4" s="1"/>
  <c r="N224" i="4"/>
  <c r="O224" i="4" s="1"/>
  <c r="AX224" i="4" s="1"/>
  <c r="BH224" i="4" s="1"/>
  <c r="N223" i="4"/>
  <c r="O223" i="4" s="1"/>
  <c r="AX223" i="4" s="1"/>
  <c r="BK223" i="4" s="1"/>
  <c r="N222" i="4"/>
  <c r="O222" i="4" s="1"/>
  <c r="AX222" i="4" s="1"/>
  <c r="BG222" i="4" s="1"/>
  <c r="N198" i="4"/>
  <c r="O198" i="4" s="1"/>
  <c r="AX198" i="4" s="1"/>
  <c r="BJ198" i="4" s="1"/>
  <c r="N197" i="4"/>
  <c r="O197" i="4" s="1"/>
  <c r="AX197" i="4" s="1"/>
  <c r="BN197" i="4" s="1"/>
  <c r="N196" i="4"/>
  <c r="O196" i="4" s="1"/>
  <c r="AX196" i="4" s="1"/>
  <c r="BM196" i="4" s="1"/>
  <c r="N195" i="4"/>
  <c r="O195" i="4" s="1"/>
  <c r="AX195" i="4" s="1"/>
  <c r="BL195" i="4" s="1"/>
  <c r="N194" i="4"/>
  <c r="O194" i="4" s="1"/>
  <c r="N193" i="4"/>
  <c r="O193" i="4" s="1"/>
  <c r="N192" i="4"/>
  <c r="O192" i="4" s="1"/>
  <c r="AX192" i="4" s="1"/>
  <c r="BK192" i="4" s="1"/>
  <c r="N191" i="4"/>
  <c r="O191" i="4" s="1"/>
  <c r="AX191" i="4" s="1"/>
  <c r="BG191" i="4" s="1"/>
  <c r="N167" i="4"/>
  <c r="O167" i="4" s="1"/>
  <c r="AX167" i="4" s="1"/>
  <c r="BJ167" i="4" s="1"/>
  <c r="N166" i="4"/>
  <c r="O166" i="4" s="1"/>
  <c r="AX166" i="4" s="1"/>
  <c r="BN166" i="4" s="1"/>
  <c r="N165" i="4"/>
  <c r="O165" i="4" s="1"/>
  <c r="AX165" i="4" s="1"/>
  <c r="BM165" i="4" s="1"/>
  <c r="N164" i="4"/>
  <c r="O164" i="4" s="1"/>
  <c r="AX164" i="4" s="1"/>
  <c r="BL164" i="4" s="1"/>
  <c r="N163" i="4"/>
  <c r="O163" i="4" s="1"/>
  <c r="AX163" i="4" s="1"/>
  <c r="BI163" i="4" s="1"/>
  <c r="N162" i="4"/>
  <c r="O162" i="4" s="1"/>
  <c r="AX162" i="4" s="1"/>
  <c r="BH162" i="4" s="1"/>
  <c r="N161" i="4"/>
  <c r="O161" i="4" s="1"/>
  <c r="AX161" i="4" s="1"/>
  <c r="BK161" i="4" s="1"/>
  <c r="N160" i="4"/>
  <c r="O160" i="4" s="1"/>
  <c r="AX160" i="4" s="1"/>
  <c r="BG160" i="4" s="1"/>
  <c r="N136" i="4"/>
  <c r="N135" i="4"/>
  <c r="N134" i="4"/>
  <c r="N133" i="4"/>
  <c r="N132" i="4"/>
  <c r="BD47" i="4" l="1"/>
  <c r="BL47" i="4"/>
  <c r="BF47" i="4"/>
  <c r="BN47" i="4"/>
  <c r="AY47" i="4"/>
  <c r="BG47" i="4"/>
  <c r="BO47" i="4"/>
  <c r="BB47" i="4"/>
  <c r="BJ47" i="4"/>
  <c r="BC47" i="4"/>
  <c r="BK47" i="4"/>
  <c r="BI47" i="4"/>
  <c r="BM47" i="4"/>
  <c r="BE47" i="4"/>
  <c r="AZ47" i="4"/>
  <c r="BA47" i="4"/>
  <c r="BH47" i="4"/>
  <c r="O129" i="4"/>
  <c r="AX129" i="4" s="1"/>
  <c r="BG129" i="4" s="1"/>
  <c r="O130" i="4"/>
  <c r="AX130" i="4" s="1"/>
  <c r="BK130" i="4" s="1"/>
  <c r="O131" i="4"/>
  <c r="AX131" i="4" s="1"/>
  <c r="BH131" i="4" s="1"/>
  <c r="O132" i="4"/>
  <c r="AX132" i="4" s="1"/>
  <c r="BI132" i="4" s="1"/>
  <c r="O133" i="4"/>
  <c r="AX133" i="4" s="1"/>
  <c r="BL133" i="4" s="1"/>
  <c r="O134" i="4"/>
  <c r="AX134" i="4" s="1"/>
  <c r="BM134" i="4" s="1"/>
  <c r="O135" i="4"/>
  <c r="AX135" i="4" s="1"/>
  <c r="BN135" i="4" s="1"/>
  <c r="O136" i="4"/>
  <c r="AX136" i="4" s="1"/>
  <c r="BJ136" i="4" s="1"/>
  <c r="AW64" i="4"/>
  <c r="AX64" i="4" s="1"/>
  <c r="BT64" i="4" s="1"/>
  <c r="AW65" i="4"/>
  <c r="AX65" i="4" s="1"/>
  <c r="BT65" i="4" s="1"/>
  <c r="AW66" i="4"/>
  <c r="AX66" i="4" s="1"/>
  <c r="BU66" i="4" s="1"/>
  <c r="AW67" i="4"/>
  <c r="AX67" i="4" s="1"/>
  <c r="BU67" i="4" s="1"/>
  <c r="AW68" i="4"/>
  <c r="AX68" i="4" s="1"/>
  <c r="BV68" i="4" s="1"/>
  <c r="AW69" i="4"/>
  <c r="AX69" i="4" s="1"/>
  <c r="BV69" i="4" s="1"/>
  <c r="AW70" i="4"/>
  <c r="AX70" i="4" s="1"/>
  <c r="BW70" i="4" s="1"/>
  <c r="AW71" i="4"/>
  <c r="AX71" i="4" s="1"/>
  <c r="BW71" i="4" s="1"/>
  <c r="AW72" i="4"/>
  <c r="AX72" i="4" s="1"/>
  <c r="AY72" i="4" s="1"/>
  <c r="AW73" i="4"/>
  <c r="AX73" i="4" s="1"/>
  <c r="AY73" i="4" s="1"/>
  <c r="AW74" i="4"/>
  <c r="AX74" i="4" s="1"/>
  <c r="BA74" i="4" s="1"/>
  <c r="AW75" i="4"/>
  <c r="AX75" i="4" s="1"/>
  <c r="BA75" i="4" s="1"/>
  <c r="AW76" i="4"/>
  <c r="AX76" i="4" s="1"/>
  <c r="BB76" i="4" s="1"/>
  <c r="AW77" i="4"/>
  <c r="AX77" i="4" s="1"/>
  <c r="BB77" i="4" s="1"/>
  <c r="AW78" i="4"/>
  <c r="AX78" i="4" s="1"/>
  <c r="AZ78" i="4" s="1"/>
  <c r="AW79" i="4"/>
  <c r="AX79" i="4" s="1"/>
  <c r="AZ79" i="4" s="1"/>
  <c r="AW80" i="4"/>
  <c r="AX80" i="4" s="1"/>
  <c r="BC80" i="4" s="1"/>
  <c r="AW81" i="4"/>
  <c r="AX81" i="4" s="1"/>
  <c r="BC81" i="4" s="1"/>
  <c r="AW82" i="4"/>
  <c r="AX82" i="4" s="1"/>
  <c r="BE82" i="4" s="1"/>
  <c r="AW83" i="4"/>
  <c r="AX83" i="4" s="1"/>
  <c r="BE83" i="4" s="1"/>
  <c r="AW84" i="4"/>
  <c r="AX84" i="4" s="1"/>
  <c r="BF84" i="4" s="1"/>
  <c r="AW85" i="4"/>
  <c r="AX85" i="4" s="1"/>
  <c r="BF85" i="4" s="1"/>
  <c r="AW86" i="4"/>
  <c r="AX86" i="4" s="1"/>
  <c r="BD86" i="4" s="1"/>
  <c r="AW87" i="4"/>
  <c r="AX87" i="4" s="1"/>
  <c r="BD87" i="4" s="1"/>
  <c r="AW88" i="4"/>
  <c r="AX88" i="4" s="1"/>
  <c r="BG88" i="4" s="1"/>
  <c r="AW89" i="4"/>
  <c r="AX89" i="4" s="1"/>
  <c r="BG89" i="4" s="1"/>
  <c r="AW90" i="4"/>
  <c r="AX90" i="4" s="1"/>
  <c r="BK90" i="4" s="1"/>
  <c r="AW91" i="4"/>
  <c r="AX91" i="4" s="1"/>
  <c r="BK91" i="4" s="1"/>
  <c r="AW92" i="4"/>
  <c r="AX92" i="4" s="1"/>
  <c r="BH92" i="4" s="1"/>
  <c r="AW93" i="4"/>
  <c r="AX93" i="4" s="1"/>
  <c r="BH93" i="4" s="1"/>
  <c r="AW94" i="4"/>
  <c r="AX94" i="4" s="1"/>
  <c r="BI94" i="4" s="1"/>
  <c r="AW95" i="4"/>
  <c r="AX95" i="4" s="1"/>
  <c r="BI95" i="4" s="1"/>
  <c r="AW96" i="4"/>
  <c r="AX96" i="4" s="1"/>
  <c r="BL96" i="4" s="1"/>
  <c r="AW97" i="4"/>
  <c r="AX97" i="4" s="1"/>
  <c r="BL97" i="4" s="1"/>
  <c r="AW98" i="4"/>
  <c r="AX98" i="4" s="1"/>
  <c r="BM98" i="4" s="1"/>
  <c r="AW99" i="4"/>
  <c r="AX99" i="4" s="1"/>
  <c r="BM99" i="4" s="1"/>
  <c r="AW100" i="4"/>
  <c r="AX100" i="4" s="1"/>
  <c r="BN100" i="4" s="1"/>
  <c r="AW101" i="4"/>
  <c r="AX101" i="4" s="1"/>
  <c r="BN101" i="4" s="1"/>
  <c r="AW102" i="4"/>
  <c r="AX102" i="4" s="1"/>
  <c r="BJ102" i="4" s="1"/>
  <c r="AW103" i="4"/>
  <c r="AX103" i="4" s="1"/>
  <c r="BJ103" i="4" s="1"/>
  <c r="AW104" i="4"/>
  <c r="AX104" i="4" s="1"/>
  <c r="BO104" i="4" s="1"/>
  <c r="AW105" i="4"/>
  <c r="AX105" i="4" s="1"/>
  <c r="BO105" i="4" s="1"/>
  <c r="AW106" i="4"/>
  <c r="AW107" i="4"/>
  <c r="AW108" i="4"/>
  <c r="AW109" i="4"/>
  <c r="AW110" i="4"/>
  <c r="O677" i="4" l="1"/>
  <c r="O676" i="4"/>
  <c r="O675" i="4"/>
  <c r="O673" i="4"/>
  <c r="O672" i="4"/>
  <c r="AX672" i="4" s="1"/>
  <c r="BU672" i="4" s="1"/>
  <c r="O671" i="4"/>
  <c r="AX671" i="4" s="1"/>
  <c r="BU671" i="4" s="1"/>
  <c r="O670" i="4"/>
  <c r="AX670" i="4" s="1"/>
  <c r="O669" i="4"/>
  <c r="AX669" i="4" s="1"/>
  <c r="O668" i="4"/>
  <c r="O667" i="4"/>
  <c r="O666" i="4"/>
  <c r="O664" i="4"/>
  <c r="AX664" i="4" s="1"/>
  <c r="O663" i="4"/>
  <c r="AX663" i="4" s="1"/>
  <c r="O662" i="4"/>
  <c r="AX662" i="4" s="1"/>
  <c r="O661" i="4"/>
  <c r="AX661" i="4" s="1"/>
  <c r="O660" i="4"/>
  <c r="AX660" i="4" s="1"/>
  <c r="BT660" i="4" s="1"/>
  <c r="O659" i="4"/>
  <c r="AX659" i="4" s="1"/>
  <c r="O658" i="4"/>
  <c r="AX658" i="4" s="1"/>
  <c r="O657" i="4"/>
  <c r="AX657" i="4" s="1"/>
  <c r="O656" i="4"/>
  <c r="AX656" i="4" s="1"/>
  <c r="O655" i="4"/>
  <c r="AX655" i="4" s="1"/>
  <c r="O653" i="4"/>
  <c r="AX653" i="4" s="1"/>
  <c r="O652" i="4"/>
  <c r="AX652" i="4" s="1"/>
  <c r="O651" i="4"/>
  <c r="AX651" i="4" s="1"/>
  <c r="O650" i="4"/>
  <c r="AX650" i="4" s="1"/>
  <c r="O649" i="4"/>
  <c r="AX649" i="4" s="1"/>
  <c r="O648" i="4"/>
  <c r="AX648" i="4" s="1"/>
  <c r="O647" i="4"/>
  <c r="AX647" i="4" s="1"/>
  <c r="O646" i="4"/>
  <c r="AX646" i="4" s="1"/>
  <c r="O645" i="4"/>
  <c r="AX645" i="4" s="1"/>
  <c r="O644" i="4"/>
  <c r="O643" i="4"/>
  <c r="AX643" i="4" s="1"/>
  <c r="O642" i="4"/>
  <c r="AX642" i="4" s="1"/>
  <c r="O641" i="4"/>
  <c r="AX641" i="4" s="1"/>
  <c r="O639" i="4"/>
  <c r="AX639" i="4" s="1"/>
  <c r="O638" i="4"/>
  <c r="AX638" i="4" s="1"/>
  <c r="BP638" i="4" s="1"/>
  <c r="O637" i="4"/>
  <c r="AX637" i="4" s="1"/>
  <c r="O636" i="4"/>
  <c r="AX636" i="4" s="1"/>
  <c r="BP636" i="4" s="1"/>
  <c r="O635" i="4"/>
  <c r="AX635" i="4" s="1"/>
  <c r="BP635" i="4" s="1"/>
  <c r="O634" i="4"/>
  <c r="AX634" i="4" s="1"/>
  <c r="BP634" i="4" s="1"/>
  <c r="O633" i="4"/>
  <c r="AX633" i="4" s="1"/>
  <c r="BP633" i="4" s="1"/>
  <c r="O632" i="4"/>
  <c r="AX632" i="4" s="1"/>
  <c r="O631" i="4"/>
  <c r="AX631" i="4" s="1"/>
  <c r="O630" i="4"/>
  <c r="AX630" i="4" s="1"/>
  <c r="O629" i="4"/>
  <c r="AX629" i="4" s="1"/>
  <c r="O628" i="4"/>
  <c r="O626" i="4"/>
  <c r="AX626" i="4" s="1"/>
  <c r="O625" i="4"/>
  <c r="AX625" i="4" s="1"/>
  <c r="O624" i="4"/>
  <c r="AX624" i="4" s="1"/>
  <c r="O623" i="4"/>
  <c r="AX623" i="4" s="1"/>
  <c r="O622" i="4"/>
  <c r="AX622" i="4" s="1"/>
  <c r="O621" i="4"/>
  <c r="AX621" i="4" s="1"/>
  <c r="O620" i="4"/>
  <c r="AX620" i="4" s="1"/>
  <c r="O619" i="4"/>
  <c r="AX619" i="4" s="1"/>
  <c r="O618" i="4"/>
  <c r="AX618" i="4" s="1"/>
  <c r="O617" i="4"/>
  <c r="AX617" i="4" s="1"/>
  <c r="O616" i="4"/>
  <c r="AX616" i="4" s="1"/>
  <c r="O615" i="4"/>
  <c r="AX615" i="4" s="1"/>
  <c r="O614" i="4"/>
  <c r="AX614" i="4" s="1"/>
  <c r="O613" i="4"/>
  <c r="AX613" i="4" s="1"/>
  <c r="O612" i="4"/>
  <c r="AX612" i="4" s="1"/>
  <c r="O610" i="4"/>
  <c r="AX610" i="4" s="1"/>
  <c r="O609" i="4"/>
  <c r="AX609" i="4" s="1"/>
  <c r="O608" i="4"/>
  <c r="AX608" i="4" s="1"/>
  <c r="O607" i="4"/>
  <c r="AX607" i="4" s="1"/>
  <c r="O606" i="4"/>
  <c r="AX606" i="4" s="1"/>
  <c r="O605" i="4"/>
  <c r="AX605" i="4" s="1"/>
  <c r="O604" i="4"/>
  <c r="AX604" i="4" s="1"/>
  <c r="O603" i="4"/>
  <c r="AX603" i="4" s="1"/>
  <c r="O602" i="4"/>
  <c r="AX602" i="4" s="1"/>
  <c r="O601" i="4"/>
  <c r="AX601" i="4" s="1"/>
  <c r="O600" i="4"/>
  <c r="AX600" i="4" s="1"/>
  <c r="BP625" i="4" l="1"/>
  <c r="BS625" i="4"/>
  <c r="BQ625" i="4"/>
  <c r="BR625" i="4"/>
  <c r="BQ609" i="4"/>
  <c r="BR609" i="4"/>
  <c r="BP609" i="4"/>
  <c r="BS609" i="4"/>
  <c r="BW652" i="4"/>
  <c r="BT652" i="4"/>
  <c r="BU652" i="4"/>
  <c r="BV652" i="4"/>
  <c r="BV661" i="4"/>
  <c r="BT661" i="4"/>
  <c r="BT670" i="4"/>
  <c r="BV670" i="4"/>
  <c r="BU670" i="4"/>
  <c r="BS600" i="4"/>
  <c r="BP600" i="4"/>
  <c r="BQ600" i="4"/>
  <c r="BR600" i="4"/>
  <c r="BV643" i="4"/>
  <c r="BW643" i="4"/>
  <c r="BT643" i="4"/>
  <c r="BU643" i="4"/>
  <c r="BP626" i="4"/>
  <c r="BQ626" i="4"/>
  <c r="BR626" i="4"/>
  <c r="BS626" i="4"/>
  <c r="BP602" i="4"/>
  <c r="BQ602" i="4"/>
  <c r="BS602" i="4"/>
  <c r="BR602" i="4"/>
  <c r="BP620" i="4"/>
  <c r="BQ620" i="4"/>
  <c r="BR620" i="4"/>
  <c r="BS620" i="4"/>
  <c r="BT646" i="4"/>
  <c r="BV646" i="4"/>
  <c r="BW646" i="4"/>
  <c r="BU646" i="4"/>
  <c r="BT655" i="4"/>
  <c r="BU655" i="4"/>
  <c r="BV655" i="4"/>
  <c r="BW655" i="4"/>
  <c r="BT663" i="4"/>
  <c r="BU663" i="4"/>
  <c r="BV663" i="4"/>
  <c r="BP621" i="4"/>
  <c r="BQ621" i="4"/>
  <c r="BR621" i="4"/>
  <c r="BS621" i="4"/>
  <c r="BT656" i="4"/>
  <c r="BU656" i="4"/>
  <c r="BV656" i="4"/>
  <c r="BW656" i="4"/>
  <c r="BT664" i="4"/>
  <c r="BU664" i="4"/>
  <c r="BV664" i="4"/>
  <c r="BP617" i="4"/>
  <c r="BS617" i="4"/>
  <c r="BR617" i="4"/>
  <c r="BQ617" i="4"/>
  <c r="BV669" i="4"/>
  <c r="BT669" i="4"/>
  <c r="BU669" i="4"/>
  <c r="BP603" i="4"/>
  <c r="BQ603" i="4"/>
  <c r="BR603" i="4"/>
  <c r="BS603" i="4"/>
  <c r="BP637" i="4"/>
  <c r="BQ637" i="4"/>
  <c r="BR637" i="4"/>
  <c r="BS637" i="4"/>
  <c r="BR631" i="4"/>
  <c r="BQ631" i="4"/>
  <c r="BP631" i="4"/>
  <c r="BT657" i="4"/>
  <c r="BV657" i="4"/>
  <c r="BS608" i="4"/>
  <c r="BP608" i="4"/>
  <c r="BQ608" i="4"/>
  <c r="BR608" i="4"/>
  <c r="BV651" i="4"/>
  <c r="BW651" i="4"/>
  <c r="BU651" i="4"/>
  <c r="BT651" i="4"/>
  <c r="BP618" i="4"/>
  <c r="BQ618" i="4"/>
  <c r="BR618" i="4"/>
  <c r="BS618" i="4"/>
  <c r="BP619" i="4"/>
  <c r="BQ619" i="4"/>
  <c r="BR619" i="4"/>
  <c r="BS619" i="4"/>
  <c r="BV645" i="4"/>
  <c r="BT645" i="4"/>
  <c r="BU645" i="4"/>
  <c r="BW645" i="4"/>
  <c r="BT662" i="4"/>
  <c r="BU662" i="4"/>
  <c r="BV662" i="4"/>
  <c r="BP629" i="4"/>
  <c r="BQ629" i="4"/>
  <c r="BR629" i="4"/>
  <c r="BP613" i="4"/>
  <c r="BQ613" i="4"/>
  <c r="BR613" i="4"/>
  <c r="BS613" i="4"/>
  <c r="BQ630" i="4"/>
  <c r="BR630" i="4"/>
  <c r="BP630" i="4"/>
  <c r="BP605" i="4"/>
  <c r="BQ605" i="4"/>
  <c r="BR605" i="4"/>
  <c r="BS605" i="4"/>
  <c r="BQ622" i="4"/>
  <c r="BR622" i="4"/>
  <c r="BS622" i="4"/>
  <c r="BP622" i="4"/>
  <c r="BT648" i="4"/>
  <c r="BU648" i="4"/>
  <c r="BV648" i="4"/>
  <c r="BW648" i="4"/>
  <c r="BQ606" i="4"/>
  <c r="BR606" i="4"/>
  <c r="BS606" i="4"/>
  <c r="BP606" i="4"/>
  <c r="BR615" i="4"/>
  <c r="BS615" i="4"/>
  <c r="BP615" i="4"/>
  <c r="BQ615" i="4"/>
  <c r="BR623" i="4"/>
  <c r="BS623" i="4"/>
  <c r="BP623" i="4"/>
  <c r="BQ623" i="4"/>
  <c r="BQ632" i="4"/>
  <c r="BP632" i="4"/>
  <c r="BR632" i="4"/>
  <c r="BP641" i="4"/>
  <c r="BS641" i="4"/>
  <c r="BR641" i="4"/>
  <c r="BQ641" i="4"/>
  <c r="BT649" i="4"/>
  <c r="BU649" i="4"/>
  <c r="BV649" i="4"/>
  <c r="BW649" i="4"/>
  <c r="BU658" i="4"/>
  <c r="BV658" i="4"/>
  <c r="BW658" i="4"/>
  <c r="BT658" i="4"/>
  <c r="BQ601" i="4"/>
  <c r="BR601" i="4"/>
  <c r="BP601" i="4"/>
  <c r="BS601" i="4"/>
  <c r="BP610" i="4"/>
  <c r="BQ610" i="4"/>
  <c r="BS610" i="4"/>
  <c r="BR610" i="4"/>
  <c r="BT653" i="4"/>
  <c r="BV653" i="4"/>
  <c r="BW653" i="4"/>
  <c r="BU653" i="4"/>
  <c r="BP612" i="4"/>
  <c r="BQ612" i="4"/>
  <c r="BR612" i="4"/>
  <c r="BS612" i="4"/>
  <c r="BP604" i="4"/>
  <c r="BQ604" i="4"/>
  <c r="BR604" i="4"/>
  <c r="BS604" i="4"/>
  <c r="BT647" i="4"/>
  <c r="BU647" i="4"/>
  <c r="BV647" i="4"/>
  <c r="BW647" i="4"/>
  <c r="BQ614" i="4"/>
  <c r="BR614" i="4"/>
  <c r="BS614" i="4"/>
  <c r="BP614" i="4"/>
  <c r="BR639" i="4"/>
  <c r="BS639" i="4"/>
  <c r="BQ639" i="4"/>
  <c r="BP639" i="4"/>
  <c r="BR607" i="4"/>
  <c r="BS607" i="4"/>
  <c r="BP607" i="4"/>
  <c r="BQ607" i="4"/>
  <c r="BS616" i="4"/>
  <c r="BQ616" i="4"/>
  <c r="BR616" i="4"/>
  <c r="BP616" i="4"/>
  <c r="BS624" i="4"/>
  <c r="BQ624" i="4"/>
  <c r="BP624" i="4"/>
  <c r="BR624" i="4"/>
  <c r="BU642" i="4"/>
  <c r="BV642" i="4"/>
  <c r="BW642" i="4"/>
  <c r="BT642" i="4"/>
  <c r="BV650" i="4"/>
  <c r="BT650" i="4"/>
  <c r="BV659" i="4"/>
  <c r="BW659" i="4"/>
  <c r="BT659" i="4"/>
  <c r="BU659" i="4"/>
  <c r="Q67" i="5"/>
  <c r="Q3" i="5" l="1"/>
  <c r="AZ3" i="5"/>
  <c r="BA3" i="5" s="1"/>
  <c r="BB3" i="5"/>
  <c r="BC3" i="5"/>
  <c r="BD3" i="5"/>
  <c r="BE3" i="5"/>
  <c r="BF3" i="5"/>
  <c r="BG3" i="5"/>
  <c r="BH3" i="5"/>
  <c r="BI3" i="5"/>
  <c r="BJ3" i="5"/>
  <c r="BK3" i="5"/>
  <c r="BL3" i="5"/>
  <c r="BM3" i="5"/>
  <c r="BN3" i="5"/>
  <c r="BO3" i="5"/>
  <c r="BP3" i="5"/>
  <c r="BQ3" i="5"/>
  <c r="BR3" i="5"/>
  <c r="BS3" i="5"/>
  <c r="BT3" i="5"/>
  <c r="BU3" i="5"/>
  <c r="BV3" i="5"/>
  <c r="BW3" i="5"/>
  <c r="BX3" i="5"/>
  <c r="BY3" i="5"/>
  <c r="BZ3" i="5"/>
  <c r="CA3" i="5"/>
  <c r="CB3" i="5"/>
  <c r="CC3" i="5"/>
  <c r="CD3" i="5"/>
  <c r="CE3" i="5"/>
  <c r="CF3" i="5"/>
  <c r="CF148" i="5" l="1"/>
  <c r="CE148" i="5"/>
  <c r="CD148" i="5"/>
  <c r="CC148" i="5"/>
  <c r="CB148" i="5"/>
  <c r="CA148" i="5"/>
  <c r="BZ148" i="5"/>
  <c r="BY148" i="5"/>
  <c r="BX148" i="5"/>
  <c r="BW148" i="5"/>
  <c r="BV148" i="5"/>
  <c r="BU148" i="5"/>
  <c r="BT148" i="5"/>
  <c r="BS148" i="5"/>
  <c r="BR148" i="5"/>
  <c r="BQ148" i="5"/>
  <c r="BP148" i="5"/>
  <c r="BO148" i="5"/>
  <c r="BN148" i="5"/>
  <c r="BM148" i="5"/>
  <c r="BL148" i="5"/>
  <c r="BK148" i="5"/>
  <c r="BJ148" i="5"/>
  <c r="BI148" i="5"/>
  <c r="BH148" i="5"/>
  <c r="BG148" i="5"/>
  <c r="BF148" i="5"/>
  <c r="BE148" i="5"/>
  <c r="BD148" i="5"/>
  <c r="BC148" i="5"/>
  <c r="BB148" i="5"/>
  <c r="AZ148" i="5"/>
  <c r="BA148" i="5" s="1"/>
  <c r="Q148" i="5"/>
  <c r="CF147" i="5"/>
  <c r="CE147" i="5"/>
  <c r="CD147" i="5"/>
  <c r="CC147" i="5"/>
  <c r="CB147" i="5"/>
  <c r="CA147" i="5"/>
  <c r="BZ147" i="5"/>
  <c r="BY147" i="5"/>
  <c r="BX147" i="5"/>
  <c r="BW147" i="5"/>
  <c r="BV147" i="5"/>
  <c r="BU147" i="5"/>
  <c r="BT147" i="5"/>
  <c r="BS147" i="5"/>
  <c r="BR147" i="5"/>
  <c r="BQ147" i="5"/>
  <c r="BP147" i="5"/>
  <c r="BO147" i="5"/>
  <c r="BN147" i="5"/>
  <c r="BM147" i="5"/>
  <c r="BL147" i="5"/>
  <c r="BK147" i="5"/>
  <c r="BJ147" i="5"/>
  <c r="BI147" i="5"/>
  <c r="BH147" i="5"/>
  <c r="BG147" i="5"/>
  <c r="BF147" i="5"/>
  <c r="BE147" i="5"/>
  <c r="BD147" i="5"/>
  <c r="BC147" i="5"/>
  <c r="BB147" i="5"/>
  <c r="AZ147" i="5"/>
  <c r="Q147" i="5"/>
  <c r="CF146" i="5"/>
  <c r="CE146" i="5"/>
  <c r="CD146" i="5"/>
  <c r="CC146" i="5"/>
  <c r="CB146" i="5"/>
  <c r="CA146" i="5"/>
  <c r="BZ146" i="5"/>
  <c r="BY146" i="5"/>
  <c r="BX146" i="5"/>
  <c r="BW146" i="5"/>
  <c r="BV146" i="5"/>
  <c r="BU146" i="5"/>
  <c r="BT146" i="5"/>
  <c r="BS146" i="5"/>
  <c r="BR146" i="5"/>
  <c r="BQ146" i="5"/>
  <c r="BP146" i="5"/>
  <c r="BO146" i="5"/>
  <c r="BN146" i="5"/>
  <c r="BM146" i="5"/>
  <c r="BL146" i="5"/>
  <c r="BK146" i="5"/>
  <c r="BJ146" i="5"/>
  <c r="BI146" i="5"/>
  <c r="BH146" i="5"/>
  <c r="BG146" i="5"/>
  <c r="BF146" i="5"/>
  <c r="BE146" i="5"/>
  <c r="BD146" i="5"/>
  <c r="BC146" i="5"/>
  <c r="BB146" i="5"/>
  <c r="AZ146" i="5"/>
  <c r="Q146" i="5"/>
  <c r="CF145" i="5"/>
  <c r="CE145" i="5"/>
  <c r="CD145" i="5"/>
  <c r="CC145" i="5"/>
  <c r="CB145" i="5"/>
  <c r="CA145" i="5"/>
  <c r="BZ145" i="5"/>
  <c r="BY145" i="5"/>
  <c r="BX145" i="5"/>
  <c r="BW145" i="5"/>
  <c r="BV145" i="5"/>
  <c r="BU145" i="5"/>
  <c r="BT145" i="5"/>
  <c r="BS145" i="5"/>
  <c r="BR145" i="5"/>
  <c r="BQ145" i="5"/>
  <c r="BP145" i="5"/>
  <c r="BO145" i="5"/>
  <c r="BN145" i="5"/>
  <c r="BM145" i="5"/>
  <c r="BL145" i="5"/>
  <c r="BK145" i="5"/>
  <c r="BJ145" i="5"/>
  <c r="BI145" i="5"/>
  <c r="BH145" i="5"/>
  <c r="BG145" i="5"/>
  <c r="BF145" i="5"/>
  <c r="BE145" i="5"/>
  <c r="BD145" i="5"/>
  <c r="BC145" i="5"/>
  <c r="BB145" i="5"/>
  <c r="AZ145" i="5"/>
  <c r="Q145" i="5"/>
  <c r="CF144" i="5"/>
  <c r="CE144" i="5"/>
  <c r="CD144" i="5"/>
  <c r="CC144" i="5"/>
  <c r="CB144" i="5"/>
  <c r="CA144" i="5"/>
  <c r="BZ144" i="5"/>
  <c r="BY144" i="5"/>
  <c r="BX144" i="5"/>
  <c r="BW144" i="5"/>
  <c r="BV144" i="5"/>
  <c r="BU144" i="5"/>
  <c r="BT144" i="5"/>
  <c r="BS144" i="5"/>
  <c r="BR144" i="5"/>
  <c r="BQ144" i="5"/>
  <c r="BP144" i="5"/>
  <c r="BO144" i="5"/>
  <c r="BN144" i="5"/>
  <c r="BM144" i="5"/>
  <c r="BL144" i="5"/>
  <c r="BK144" i="5"/>
  <c r="BJ144" i="5"/>
  <c r="BI144" i="5"/>
  <c r="BH144" i="5"/>
  <c r="BG144" i="5"/>
  <c r="BF144" i="5"/>
  <c r="BE144" i="5"/>
  <c r="BD144" i="5"/>
  <c r="BC144" i="5"/>
  <c r="BB144" i="5"/>
  <c r="AZ144" i="5"/>
  <c r="Q144" i="5"/>
  <c r="CF143" i="5"/>
  <c r="CE143" i="5"/>
  <c r="CD143" i="5"/>
  <c r="CC143" i="5"/>
  <c r="CB143" i="5"/>
  <c r="CA143" i="5"/>
  <c r="BZ143" i="5"/>
  <c r="BY143" i="5"/>
  <c r="BX143" i="5"/>
  <c r="BW143" i="5"/>
  <c r="BV143" i="5"/>
  <c r="BU143" i="5"/>
  <c r="BT143" i="5"/>
  <c r="BS143" i="5"/>
  <c r="BR143" i="5"/>
  <c r="BQ143" i="5"/>
  <c r="BP143" i="5"/>
  <c r="BO143" i="5"/>
  <c r="BN143" i="5"/>
  <c r="BM143" i="5"/>
  <c r="BL143" i="5"/>
  <c r="BK143" i="5"/>
  <c r="BJ143" i="5"/>
  <c r="BI143" i="5"/>
  <c r="BH143" i="5"/>
  <c r="BG143" i="5"/>
  <c r="BF143" i="5"/>
  <c r="BE143" i="5"/>
  <c r="BD143" i="5"/>
  <c r="BC143" i="5"/>
  <c r="BB143" i="5"/>
  <c r="AZ143" i="5"/>
  <c r="Q143" i="5"/>
  <c r="CF142" i="5"/>
  <c r="CE142" i="5"/>
  <c r="CD142" i="5"/>
  <c r="CC142" i="5"/>
  <c r="CB142" i="5"/>
  <c r="CA142" i="5"/>
  <c r="BZ142" i="5"/>
  <c r="BY142" i="5"/>
  <c r="BX142" i="5"/>
  <c r="BW142" i="5"/>
  <c r="BV142" i="5"/>
  <c r="BU142" i="5"/>
  <c r="BT142" i="5"/>
  <c r="BS142" i="5"/>
  <c r="BR142" i="5"/>
  <c r="BQ142" i="5"/>
  <c r="BP142" i="5"/>
  <c r="BO142" i="5"/>
  <c r="BN142" i="5"/>
  <c r="BM142" i="5"/>
  <c r="BL142" i="5"/>
  <c r="BK142" i="5"/>
  <c r="BJ142" i="5"/>
  <c r="BI142" i="5"/>
  <c r="BH142" i="5"/>
  <c r="BG142" i="5"/>
  <c r="BF142" i="5"/>
  <c r="BE142" i="5"/>
  <c r="BD142" i="5"/>
  <c r="BC142" i="5"/>
  <c r="BB142" i="5"/>
  <c r="AZ142" i="5"/>
  <c r="Q142" i="5"/>
  <c r="CF141" i="5"/>
  <c r="CE141" i="5"/>
  <c r="CD141" i="5"/>
  <c r="CC141" i="5"/>
  <c r="CB141" i="5"/>
  <c r="CA141" i="5"/>
  <c r="BZ141" i="5"/>
  <c r="BY141" i="5"/>
  <c r="BX141" i="5"/>
  <c r="BW141" i="5"/>
  <c r="BV141" i="5"/>
  <c r="BU141" i="5"/>
  <c r="BT141" i="5"/>
  <c r="BS141" i="5"/>
  <c r="BR141" i="5"/>
  <c r="BQ141" i="5"/>
  <c r="BP141" i="5"/>
  <c r="BO141" i="5"/>
  <c r="BN141" i="5"/>
  <c r="BM141" i="5"/>
  <c r="BL141" i="5"/>
  <c r="BK141" i="5"/>
  <c r="BJ141" i="5"/>
  <c r="BI141" i="5"/>
  <c r="BH141" i="5"/>
  <c r="BG141" i="5"/>
  <c r="BF141" i="5"/>
  <c r="BE141" i="5"/>
  <c r="BD141" i="5"/>
  <c r="BC141" i="5"/>
  <c r="BB141" i="5"/>
  <c r="AZ141" i="5"/>
  <c r="Q141" i="5"/>
  <c r="BA141" i="5" s="1"/>
  <c r="CF140" i="5"/>
  <c r="CE140" i="5"/>
  <c r="CD140" i="5"/>
  <c r="CC140" i="5"/>
  <c r="CB140" i="5"/>
  <c r="CA140" i="5"/>
  <c r="BZ140" i="5"/>
  <c r="BY140" i="5"/>
  <c r="BX140" i="5"/>
  <c r="BW140" i="5"/>
  <c r="BV140" i="5"/>
  <c r="BU140" i="5"/>
  <c r="BT140" i="5"/>
  <c r="BS140" i="5"/>
  <c r="BR140" i="5"/>
  <c r="BQ140" i="5"/>
  <c r="BP140" i="5"/>
  <c r="BO140" i="5"/>
  <c r="BN140" i="5"/>
  <c r="BM140" i="5"/>
  <c r="BL140" i="5"/>
  <c r="BK140" i="5"/>
  <c r="BJ140" i="5"/>
  <c r="BI140" i="5"/>
  <c r="BH140" i="5"/>
  <c r="BG140" i="5"/>
  <c r="BF140" i="5"/>
  <c r="BE140" i="5"/>
  <c r="BD140" i="5"/>
  <c r="BC140" i="5"/>
  <c r="BB140" i="5"/>
  <c r="AZ140" i="5"/>
  <c r="BA140" i="5" s="1"/>
  <c r="Q140" i="5"/>
  <c r="CF139" i="5"/>
  <c r="CE139" i="5"/>
  <c r="CD139" i="5"/>
  <c r="CC139" i="5"/>
  <c r="CB139" i="5"/>
  <c r="CA139" i="5"/>
  <c r="BZ139" i="5"/>
  <c r="BY139" i="5"/>
  <c r="BX139" i="5"/>
  <c r="BW139" i="5"/>
  <c r="BV139" i="5"/>
  <c r="BU139" i="5"/>
  <c r="BT139" i="5"/>
  <c r="BS139" i="5"/>
  <c r="BR139" i="5"/>
  <c r="BQ139" i="5"/>
  <c r="BP139" i="5"/>
  <c r="BO139" i="5"/>
  <c r="BN139" i="5"/>
  <c r="BM139" i="5"/>
  <c r="BL139" i="5"/>
  <c r="BK139" i="5"/>
  <c r="BJ139" i="5"/>
  <c r="BI139" i="5"/>
  <c r="BH139" i="5"/>
  <c r="BG139" i="5"/>
  <c r="BF139" i="5"/>
  <c r="BE139" i="5"/>
  <c r="BD139" i="5"/>
  <c r="BC139" i="5"/>
  <c r="BB139" i="5"/>
  <c r="AZ139" i="5"/>
  <c r="Q139" i="5"/>
  <c r="CF138" i="5"/>
  <c r="CE138" i="5"/>
  <c r="CD138" i="5"/>
  <c r="CC138" i="5"/>
  <c r="CB138" i="5"/>
  <c r="CA138" i="5"/>
  <c r="BZ138" i="5"/>
  <c r="BY138" i="5"/>
  <c r="BX138" i="5"/>
  <c r="BW138" i="5"/>
  <c r="BV138" i="5"/>
  <c r="BU138" i="5"/>
  <c r="BT138" i="5"/>
  <c r="BS138" i="5"/>
  <c r="BR138" i="5"/>
  <c r="BQ138" i="5"/>
  <c r="BP138" i="5"/>
  <c r="BO138" i="5"/>
  <c r="BN138" i="5"/>
  <c r="BM138" i="5"/>
  <c r="BL138" i="5"/>
  <c r="BK138" i="5"/>
  <c r="BJ138" i="5"/>
  <c r="BI138" i="5"/>
  <c r="BH138" i="5"/>
  <c r="BG138" i="5"/>
  <c r="BF138" i="5"/>
  <c r="BE138" i="5"/>
  <c r="BD138" i="5"/>
  <c r="BC138" i="5"/>
  <c r="BB138" i="5"/>
  <c r="AZ138" i="5"/>
  <c r="Q138" i="5"/>
  <c r="CF137" i="5"/>
  <c r="CE137" i="5"/>
  <c r="CD137" i="5"/>
  <c r="CC137" i="5"/>
  <c r="CB137" i="5"/>
  <c r="CA137" i="5"/>
  <c r="BZ137" i="5"/>
  <c r="BY137" i="5"/>
  <c r="BX137" i="5"/>
  <c r="BW137" i="5"/>
  <c r="BV137" i="5"/>
  <c r="BU137" i="5"/>
  <c r="BT137" i="5"/>
  <c r="BS137" i="5"/>
  <c r="BR137" i="5"/>
  <c r="BQ137" i="5"/>
  <c r="BP137" i="5"/>
  <c r="BO137" i="5"/>
  <c r="BN137" i="5"/>
  <c r="BM137" i="5"/>
  <c r="BL137" i="5"/>
  <c r="BK137" i="5"/>
  <c r="BJ137" i="5"/>
  <c r="BI137" i="5"/>
  <c r="BH137" i="5"/>
  <c r="BG137" i="5"/>
  <c r="BF137" i="5"/>
  <c r="BE137" i="5"/>
  <c r="BD137" i="5"/>
  <c r="BC137" i="5"/>
  <c r="BB137" i="5"/>
  <c r="AZ137" i="5"/>
  <c r="Q137" i="5"/>
  <c r="CF136" i="5"/>
  <c r="CE136" i="5"/>
  <c r="CD136" i="5"/>
  <c r="CC136" i="5"/>
  <c r="CB136" i="5"/>
  <c r="CA136" i="5"/>
  <c r="BZ136" i="5"/>
  <c r="BY136" i="5"/>
  <c r="BX136" i="5"/>
  <c r="BW136" i="5"/>
  <c r="BV136" i="5"/>
  <c r="BU136" i="5"/>
  <c r="BT136" i="5"/>
  <c r="BS136" i="5"/>
  <c r="BR136" i="5"/>
  <c r="BQ136" i="5"/>
  <c r="BP136" i="5"/>
  <c r="BO136" i="5"/>
  <c r="BN136" i="5"/>
  <c r="BM136" i="5"/>
  <c r="BL136" i="5"/>
  <c r="BK136" i="5"/>
  <c r="BJ136" i="5"/>
  <c r="BI136" i="5"/>
  <c r="BH136" i="5"/>
  <c r="BG136" i="5"/>
  <c r="BF136" i="5"/>
  <c r="BE136" i="5"/>
  <c r="BD136" i="5"/>
  <c r="BC136" i="5"/>
  <c r="BB136" i="5"/>
  <c r="AZ136" i="5"/>
  <c r="Q136" i="5"/>
  <c r="CF135" i="5"/>
  <c r="CE135" i="5"/>
  <c r="CD135" i="5"/>
  <c r="CC135" i="5"/>
  <c r="CB135" i="5"/>
  <c r="CA135" i="5"/>
  <c r="BZ135" i="5"/>
  <c r="BY135" i="5"/>
  <c r="BX135" i="5"/>
  <c r="BW135" i="5"/>
  <c r="BV135" i="5"/>
  <c r="BU135" i="5"/>
  <c r="BT135" i="5"/>
  <c r="BS135" i="5"/>
  <c r="BR135" i="5"/>
  <c r="BQ135" i="5"/>
  <c r="BP135" i="5"/>
  <c r="BO135" i="5"/>
  <c r="BN135" i="5"/>
  <c r="BM135" i="5"/>
  <c r="BL135" i="5"/>
  <c r="BK135" i="5"/>
  <c r="BJ135" i="5"/>
  <c r="BI135" i="5"/>
  <c r="BH135" i="5"/>
  <c r="BG135" i="5"/>
  <c r="BF135" i="5"/>
  <c r="BE135" i="5"/>
  <c r="BD135" i="5"/>
  <c r="BC135" i="5"/>
  <c r="BB135" i="5"/>
  <c r="AZ135" i="5"/>
  <c r="Q135" i="5"/>
  <c r="CF134" i="5"/>
  <c r="CE134" i="5"/>
  <c r="CD134" i="5"/>
  <c r="CC134" i="5"/>
  <c r="CB134" i="5"/>
  <c r="CA134" i="5"/>
  <c r="BZ134" i="5"/>
  <c r="BY134" i="5"/>
  <c r="BX134" i="5"/>
  <c r="BW134" i="5"/>
  <c r="BV134" i="5"/>
  <c r="BU134" i="5"/>
  <c r="BT134" i="5"/>
  <c r="BS134" i="5"/>
  <c r="BR134" i="5"/>
  <c r="BQ134" i="5"/>
  <c r="BP134" i="5"/>
  <c r="BO134" i="5"/>
  <c r="BN134" i="5"/>
  <c r="BM134" i="5"/>
  <c r="BL134" i="5"/>
  <c r="BK134" i="5"/>
  <c r="BJ134" i="5"/>
  <c r="BI134" i="5"/>
  <c r="BH134" i="5"/>
  <c r="BG134" i="5"/>
  <c r="BF134" i="5"/>
  <c r="BE134" i="5"/>
  <c r="BD134" i="5"/>
  <c r="BC134" i="5"/>
  <c r="BB134" i="5"/>
  <c r="AZ134" i="5"/>
  <c r="Q134" i="5"/>
  <c r="CF133" i="5"/>
  <c r="CE133" i="5"/>
  <c r="CD133" i="5"/>
  <c r="CC133" i="5"/>
  <c r="CB133" i="5"/>
  <c r="CA133" i="5"/>
  <c r="BZ133" i="5"/>
  <c r="BY133" i="5"/>
  <c r="BX133" i="5"/>
  <c r="BW133" i="5"/>
  <c r="BV133" i="5"/>
  <c r="BU133" i="5"/>
  <c r="BT133" i="5"/>
  <c r="BS133" i="5"/>
  <c r="BR133" i="5"/>
  <c r="BQ133" i="5"/>
  <c r="BP133" i="5"/>
  <c r="BO133" i="5"/>
  <c r="BN133" i="5"/>
  <c r="BM133" i="5"/>
  <c r="BL133" i="5"/>
  <c r="BK133" i="5"/>
  <c r="BJ133" i="5"/>
  <c r="BI133" i="5"/>
  <c r="BH133" i="5"/>
  <c r="BG133" i="5"/>
  <c r="BF133" i="5"/>
  <c r="BE133" i="5"/>
  <c r="BD133" i="5"/>
  <c r="BC133" i="5"/>
  <c r="BB133" i="5"/>
  <c r="AZ133" i="5"/>
  <c r="Q133" i="5"/>
  <c r="BA133" i="5" s="1"/>
  <c r="CF132" i="5"/>
  <c r="CE132" i="5"/>
  <c r="CD132" i="5"/>
  <c r="CC132" i="5"/>
  <c r="CB132" i="5"/>
  <c r="CA132" i="5"/>
  <c r="BZ132" i="5"/>
  <c r="BY132" i="5"/>
  <c r="BX132" i="5"/>
  <c r="BW132" i="5"/>
  <c r="BV132" i="5"/>
  <c r="BU132" i="5"/>
  <c r="BT132" i="5"/>
  <c r="BS132" i="5"/>
  <c r="BR132" i="5"/>
  <c r="BQ132" i="5"/>
  <c r="BP132" i="5"/>
  <c r="BO132" i="5"/>
  <c r="BN132" i="5"/>
  <c r="BM132" i="5"/>
  <c r="BL132" i="5"/>
  <c r="BK132" i="5"/>
  <c r="BJ132" i="5"/>
  <c r="BI132" i="5"/>
  <c r="BH132" i="5"/>
  <c r="BG132" i="5"/>
  <c r="BF132" i="5"/>
  <c r="BE132" i="5"/>
  <c r="BD132" i="5"/>
  <c r="BC132" i="5"/>
  <c r="BB132" i="5"/>
  <c r="AZ132" i="5"/>
  <c r="BA132" i="5" s="1"/>
  <c r="Q132" i="5"/>
  <c r="CF131" i="5"/>
  <c r="CE131" i="5"/>
  <c r="CD131" i="5"/>
  <c r="CC131" i="5"/>
  <c r="CB131" i="5"/>
  <c r="CA131" i="5"/>
  <c r="BZ131" i="5"/>
  <c r="BY131" i="5"/>
  <c r="BX131" i="5"/>
  <c r="BW131" i="5"/>
  <c r="BV131" i="5"/>
  <c r="BU131" i="5"/>
  <c r="BT131" i="5"/>
  <c r="BS131" i="5"/>
  <c r="BR131" i="5"/>
  <c r="BQ131" i="5"/>
  <c r="BP131" i="5"/>
  <c r="BO131" i="5"/>
  <c r="BN131" i="5"/>
  <c r="BM131" i="5"/>
  <c r="BL131" i="5"/>
  <c r="BK131" i="5"/>
  <c r="BJ131" i="5"/>
  <c r="BI131" i="5"/>
  <c r="BH131" i="5"/>
  <c r="BG131" i="5"/>
  <c r="BF131" i="5"/>
  <c r="BE131" i="5"/>
  <c r="BD131" i="5"/>
  <c r="BC131" i="5"/>
  <c r="BB131" i="5"/>
  <c r="AZ131" i="5"/>
  <c r="Q131" i="5"/>
  <c r="CF130" i="5"/>
  <c r="CE130" i="5"/>
  <c r="CD130" i="5"/>
  <c r="CC130" i="5"/>
  <c r="CB130" i="5"/>
  <c r="CA130" i="5"/>
  <c r="BZ130" i="5"/>
  <c r="BY130" i="5"/>
  <c r="BX130" i="5"/>
  <c r="BW130" i="5"/>
  <c r="BV130" i="5"/>
  <c r="BU130" i="5"/>
  <c r="BT130" i="5"/>
  <c r="BS130" i="5"/>
  <c r="BR130" i="5"/>
  <c r="BQ130" i="5"/>
  <c r="BP130" i="5"/>
  <c r="BO130" i="5"/>
  <c r="BN130" i="5"/>
  <c r="BM130" i="5"/>
  <c r="BL130" i="5"/>
  <c r="BK130" i="5"/>
  <c r="BJ130" i="5"/>
  <c r="BI130" i="5"/>
  <c r="BH130" i="5"/>
  <c r="BG130" i="5"/>
  <c r="BF130" i="5"/>
  <c r="BE130" i="5"/>
  <c r="BD130" i="5"/>
  <c r="BC130" i="5"/>
  <c r="BB130" i="5"/>
  <c r="AZ130" i="5"/>
  <c r="Q130" i="5"/>
  <c r="CF129" i="5"/>
  <c r="CE129" i="5"/>
  <c r="CD129" i="5"/>
  <c r="CC129" i="5"/>
  <c r="CB129" i="5"/>
  <c r="CA129" i="5"/>
  <c r="BZ129" i="5"/>
  <c r="BY129" i="5"/>
  <c r="BX129" i="5"/>
  <c r="BW129" i="5"/>
  <c r="BV129" i="5"/>
  <c r="BU129" i="5"/>
  <c r="BT129" i="5"/>
  <c r="BS129" i="5"/>
  <c r="BR129" i="5"/>
  <c r="BQ129" i="5"/>
  <c r="BP129" i="5"/>
  <c r="BO129" i="5"/>
  <c r="BN129" i="5"/>
  <c r="BM129" i="5"/>
  <c r="BL129" i="5"/>
  <c r="BK129" i="5"/>
  <c r="BJ129" i="5"/>
  <c r="BI129" i="5"/>
  <c r="BH129" i="5"/>
  <c r="BG129" i="5"/>
  <c r="BF129" i="5"/>
  <c r="BE129" i="5"/>
  <c r="BD129" i="5"/>
  <c r="BC129" i="5"/>
  <c r="BB129" i="5"/>
  <c r="AZ129" i="5"/>
  <c r="Q129" i="5"/>
  <c r="CF128" i="5"/>
  <c r="CE128" i="5"/>
  <c r="CD128" i="5"/>
  <c r="CC128" i="5"/>
  <c r="CB128" i="5"/>
  <c r="CA128" i="5"/>
  <c r="BZ128" i="5"/>
  <c r="BY128" i="5"/>
  <c r="BX128" i="5"/>
  <c r="BW128" i="5"/>
  <c r="BV128" i="5"/>
  <c r="BU128" i="5"/>
  <c r="BT128" i="5"/>
  <c r="BS128" i="5"/>
  <c r="BR128" i="5"/>
  <c r="BQ128" i="5"/>
  <c r="BP128" i="5"/>
  <c r="BO128" i="5"/>
  <c r="BN128" i="5"/>
  <c r="BM128" i="5"/>
  <c r="BL128" i="5"/>
  <c r="BK128" i="5"/>
  <c r="BJ128" i="5"/>
  <c r="BI128" i="5"/>
  <c r="BH128" i="5"/>
  <c r="BG128" i="5"/>
  <c r="BF128" i="5"/>
  <c r="BE128" i="5"/>
  <c r="BD128" i="5"/>
  <c r="BC128" i="5"/>
  <c r="BB128" i="5"/>
  <c r="AZ128" i="5"/>
  <c r="Q128" i="5"/>
  <c r="CF127" i="5"/>
  <c r="CE127" i="5"/>
  <c r="CD127" i="5"/>
  <c r="CC127" i="5"/>
  <c r="CB127" i="5"/>
  <c r="CA127" i="5"/>
  <c r="BZ127" i="5"/>
  <c r="BY127" i="5"/>
  <c r="BX127" i="5"/>
  <c r="BW127" i="5"/>
  <c r="BV127" i="5"/>
  <c r="BU127" i="5"/>
  <c r="BT127" i="5"/>
  <c r="BS127" i="5"/>
  <c r="BR127" i="5"/>
  <c r="BQ127" i="5"/>
  <c r="BP127" i="5"/>
  <c r="BO127" i="5"/>
  <c r="BN127" i="5"/>
  <c r="BM127" i="5"/>
  <c r="BL127" i="5"/>
  <c r="BK127" i="5"/>
  <c r="BJ127" i="5"/>
  <c r="BI127" i="5"/>
  <c r="BH127" i="5"/>
  <c r="BG127" i="5"/>
  <c r="BF127" i="5"/>
  <c r="BE127" i="5"/>
  <c r="BD127" i="5"/>
  <c r="BC127" i="5"/>
  <c r="BB127" i="5"/>
  <c r="AZ127" i="5"/>
  <c r="Q127" i="5"/>
  <c r="CF126" i="5"/>
  <c r="CE126" i="5"/>
  <c r="CD126" i="5"/>
  <c r="CC126" i="5"/>
  <c r="CB126" i="5"/>
  <c r="CA126" i="5"/>
  <c r="BZ126" i="5"/>
  <c r="BY126" i="5"/>
  <c r="BX126" i="5"/>
  <c r="BW126" i="5"/>
  <c r="BV126" i="5"/>
  <c r="BU126" i="5"/>
  <c r="BT126" i="5"/>
  <c r="BS126" i="5"/>
  <c r="BR126" i="5"/>
  <c r="BQ126" i="5"/>
  <c r="BP126" i="5"/>
  <c r="BO126" i="5"/>
  <c r="BN126" i="5"/>
  <c r="BM126" i="5"/>
  <c r="BL126" i="5"/>
  <c r="BK126" i="5"/>
  <c r="BJ126" i="5"/>
  <c r="BI126" i="5"/>
  <c r="BH126" i="5"/>
  <c r="BG126" i="5"/>
  <c r="BF126" i="5"/>
  <c r="BE126" i="5"/>
  <c r="BD126" i="5"/>
  <c r="BC126" i="5"/>
  <c r="BB126" i="5"/>
  <c r="AZ126" i="5"/>
  <c r="Q126" i="5"/>
  <c r="CF125" i="5"/>
  <c r="CE125" i="5"/>
  <c r="CD125" i="5"/>
  <c r="CC125" i="5"/>
  <c r="CB125" i="5"/>
  <c r="CA125" i="5"/>
  <c r="BZ125" i="5"/>
  <c r="BY125" i="5"/>
  <c r="BX125" i="5"/>
  <c r="BW125" i="5"/>
  <c r="BV125" i="5"/>
  <c r="BU125" i="5"/>
  <c r="BT125" i="5"/>
  <c r="BS125" i="5"/>
  <c r="BR125" i="5"/>
  <c r="BQ125" i="5"/>
  <c r="BP125" i="5"/>
  <c r="BO125" i="5"/>
  <c r="BN125" i="5"/>
  <c r="BM125" i="5"/>
  <c r="BL125" i="5"/>
  <c r="BK125" i="5"/>
  <c r="BJ125" i="5"/>
  <c r="BI125" i="5"/>
  <c r="BH125" i="5"/>
  <c r="BG125" i="5"/>
  <c r="BF125" i="5"/>
  <c r="BE125" i="5"/>
  <c r="BD125" i="5"/>
  <c r="BC125" i="5"/>
  <c r="BB125" i="5"/>
  <c r="AZ125" i="5"/>
  <c r="Q125" i="5"/>
  <c r="BA125" i="5" s="1"/>
  <c r="CF124" i="5"/>
  <c r="CE124" i="5"/>
  <c r="CD124" i="5"/>
  <c r="CC124" i="5"/>
  <c r="CB124" i="5"/>
  <c r="CA124" i="5"/>
  <c r="BZ124" i="5"/>
  <c r="BY124" i="5"/>
  <c r="BX124" i="5"/>
  <c r="BW124" i="5"/>
  <c r="BV124" i="5"/>
  <c r="BU124" i="5"/>
  <c r="BT124" i="5"/>
  <c r="BS124" i="5"/>
  <c r="BR124" i="5"/>
  <c r="BQ124" i="5"/>
  <c r="BP124" i="5"/>
  <c r="BO124" i="5"/>
  <c r="BN124" i="5"/>
  <c r="BM124" i="5"/>
  <c r="BL124" i="5"/>
  <c r="BK124" i="5"/>
  <c r="BJ124" i="5"/>
  <c r="BI124" i="5"/>
  <c r="BH124" i="5"/>
  <c r="BG124" i="5"/>
  <c r="BF124" i="5"/>
  <c r="BE124" i="5"/>
  <c r="BD124" i="5"/>
  <c r="BC124" i="5"/>
  <c r="BB124" i="5"/>
  <c r="AZ124" i="5"/>
  <c r="BA124" i="5" s="1"/>
  <c r="Q124" i="5"/>
  <c r="CF123" i="5"/>
  <c r="CE123" i="5"/>
  <c r="CD123" i="5"/>
  <c r="CC123" i="5"/>
  <c r="CB123" i="5"/>
  <c r="CA123" i="5"/>
  <c r="BZ123" i="5"/>
  <c r="BY123" i="5"/>
  <c r="BX123" i="5"/>
  <c r="BW123" i="5"/>
  <c r="BV123" i="5"/>
  <c r="BU123" i="5"/>
  <c r="BT123" i="5"/>
  <c r="BS123" i="5"/>
  <c r="BR123" i="5"/>
  <c r="BQ123" i="5"/>
  <c r="BP123" i="5"/>
  <c r="BO123" i="5"/>
  <c r="BN123" i="5"/>
  <c r="BM123" i="5"/>
  <c r="BL123" i="5"/>
  <c r="BK123" i="5"/>
  <c r="BJ123" i="5"/>
  <c r="BI123" i="5"/>
  <c r="BH123" i="5"/>
  <c r="BG123" i="5"/>
  <c r="BF123" i="5"/>
  <c r="BE123" i="5"/>
  <c r="BD123" i="5"/>
  <c r="BC123" i="5"/>
  <c r="BB123" i="5"/>
  <c r="AZ123" i="5"/>
  <c r="Q123" i="5"/>
  <c r="CF122" i="5"/>
  <c r="CE122" i="5"/>
  <c r="CD122" i="5"/>
  <c r="CC122" i="5"/>
  <c r="CB122" i="5"/>
  <c r="CA122" i="5"/>
  <c r="BZ122" i="5"/>
  <c r="BY122" i="5"/>
  <c r="BX122" i="5"/>
  <c r="BW122" i="5"/>
  <c r="BV122" i="5"/>
  <c r="BU122" i="5"/>
  <c r="BT122" i="5"/>
  <c r="BS122" i="5"/>
  <c r="BR122" i="5"/>
  <c r="BQ122" i="5"/>
  <c r="BP122" i="5"/>
  <c r="BO122" i="5"/>
  <c r="BN122" i="5"/>
  <c r="BM122" i="5"/>
  <c r="BL122" i="5"/>
  <c r="BK122" i="5"/>
  <c r="BJ122" i="5"/>
  <c r="BI122" i="5"/>
  <c r="BH122" i="5"/>
  <c r="BG122" i="5"/>
  <c r="BF122" i="5"/>
  <c r="BE122" i="5"/>
  <c r="BD122" i="5"/>
  <c r="BC122" i="5"/>
  <c r="BB122" i="5"/>
  <c r="AZ122" i="5"/>
  <c r="Q122" i="5"/>
  <c r="CF121" i="5"/>
  <c r="CE121" i="5"/>
  <c r="CD121" i="5"/>
  <c r="CC121" i="5"/>
  <c r="CB121" i="5"/>
  <c r="CA121" i="5"/>
  <c r="BZ121" i="5"/>
  <c r="BY121" i="5"/>
  <c r="BX121" i="5"/>
  <c r="BW121" i="5"/>
  <c r="BV121" i="5"/>
  <c r="BU121" i="5"/>
  <c r="BT121" i="5"/>
  <c r="BS121" i="5"/>
  <c r="BR121" i="5"/>
  <c r="BQ121" i="5"/>
  <c r="BP121" i="5"/>
  <c r="BO121" i="5"/>
  <c r="BN121" i="5"/>
  <c r="BM121" i="5"/>
  <c r="BL121" i="5"/>
  <c r="BK121" i="5"/>
  <c r="BJ121" i="5"/>
  <c r="BI121" i="5"/>
  <c r="BH121" i="5"/>
  <c r="BG121" i="5"/>
  <c r="BF121" i="5"/>
  <c r="BE121" i="5"/>
  <c r="BD121" i="5"/>
  <c r="BC121" i="5"/>
  <c r="BB121" i="5"/>
  <c r="AZ121" i="5"/>
  <c r="Q121" i="5"/>
  <c r="CF120" i="5"/>
  <c r="CE120" i="5"/>
  <c r="CD120" i="5"/>
  <c r="CC120" i="5"/>
  <c r="CB120" i="5"/>
  <c r="CA120" i="5"/>
  <c r="BZ120" i="5"/>
  <c r="BY120" i="5"/>
  <c r="BX120" i="5"/>
  <c r="BW120" i="5"/>
  <c r="BV120" i="5"/>
  <c r="BU120" i="5"/>
  <c r="BT120" i="5"/>
  <c r="BS120" i="5"/>
  <c r="BR120" i="5"/>
  <c r="BQ120" i="5"/>
  <c r="BP120" i="5"/>
  <c r="BO120" i="5"/>
  <c r="BN120" i="5"/>
  <c r="BM120" i="5"/>
  <c r="BL120" i="5"/>
  <c r="BK120" i="5"/>
  <c r="BJ120" i="5"/>
  <c r="BI120" i="5"/>
  <c r="BH120" i="5"/>
  <c r="BG120" i="5"/>
  <c r="BF120" i="5"/>
  <c r="BE120" i="5"/>
  <c r="BD120" i="5"/>
  <c r="BC120" i="5"/>
  <c r="BB120" i="5"/>
  <c r="AZ120" i="5"/>
  <c r="Q120" i="5"/>
  <c r="CF119" i="5"/>
  <c r="CE119" i="5"/>
  <c r="CD119" i="5"/>
  <c r="CC119" i="5"/>
  <c r="CB119" i="5"/>
  <c r="CA119" i="5"/>
  <c r="BZ119" i="5"/>
  <c r="BY119" i="5"/>
  <c r="BX119" i="5"/>
  <c r="BW119" i="5"/>
  <c r="BV119" i="5"/>
  <c r="BU119" i="5"/>
  <c r="BT119" i="5"/>
  <c r="BS119" i="5"/>
  <c r="BR119" i="5"/>
  <c r="BQ119" i="5"/>
  <c r="BP119" i="5"/>
  <c r="BO119" i="5"/>
  <c r="BN119" i="5"/>
  <c r="BM119" i="5"/>
  <c r="BL119" i="5"/>
  <c r="BK119" i="5"/>
  <c r="BJ119" i="5"/>
  <c r="BI119" i="5"/>
  <c r="BH119" i="5"/>
  <c r="BG119" i="5"/>
  <c r="BF119" i="5"/>
  <c r="BE119" i="5"/>
  <c r="BD119" i="5"/>
  <c r="BC119" i="5"/>
  <c r="BB119" i="5"/>
  <c r="AZ119" i="5"/>
  <c r="Q119" i="5"/>
  <c r="CF118" i="5"/>
  <c r="CE118" i="5"/>
  <c r="CD118" i="5"/>
  <c r="CC118" i="5"/>
  <c r="CB118" i="5"/>
  <c r="CA118" i="5"/>
  <c r="BZ118" i="5"/>
  <c r="BY118" i="5"/>
  <c r="BX118" i="5"/>
  <c r="BW118" i="5"/>
  <c r="BV118" i="5"/>
  <c r="BU118" i="5"/>
  <c r="BT118" i="5"/>
  <c r="BS118" i="5"/>
  <c r="BR118" i="5"/>
  <c r="BQ118" i="5"/>
  <c r="BP118" i="5"/>
  <c r="BO118" i="5"/>
  <c r="BN118" i="5"/>
  <c r="BM118" i="5"/>
  <c r="BL118" i="5"/>
  <c r="BK118" i="5"/>
  <c r="BJ118" i="5"/>
  <c r="BI118" i="5"/>
  <c r="BH118" i="5"/>
  <c r="BG118" i="5"/>
  <c r="BF118" i="5"/>
  <c r="BE118" i="5"/>
  <c r="BD118" i="5"/>
  <c r="BC118" i="5"/>
  <c r="BB118" i="5"/>
  <c r="AZ118" i="5"/>
  <c r="Q118" i="5"/>
  <c r="CF117" i="5"/>
  <c r="CE117" i="5"/>
  <c r="CD117" i="5"/>
  <c r="CC117" i="5"/>
  <c r="CB117" i="5"/>
  <c r="CA117" i="5"/>
  <c r="BZ117" i="5"/>
  <c r="BY117" i="5"/>
  <c r="BX117" i="5"/>
  <c r="BW117" i="5"/>
  <c r="BV117" i="5"/>
  <c r="BU117" i="5"/>
  <c r="BT117" i="5"/>
  <c r="BS117" i="5"/>
  <c r="BR117" i="5"/>
  <c r="BQ117" i="5"/>
  <c r="BP117" i="5"/>
  <c r="BO117" i="5"/>
  <c r="BN117" i="5"/>
  <c r="BM117" i="5"/>
  <c r="BL117" i="5"/>
  <c r="BK117" i="5"/>
  <c r="BJ117" i="5"/>
  <c r="BI117" i="5"/>
  <c r="BH117" i="5"/>
  <c r="BG117" i="5"/>
  <c r="BF117" i="5"/>
  <c r="BE117" i="5"/>
  <c r="BD117" i="5"/>
  <c r="BC117" i="5"/>
  <c r="BB117" i="5"/>
  <c r="AZ117" i="5"/>
  <c r="Q117" i="5"/>
  <c r="BA117" i="5" s="1"/>
  <c r="CF116" i="5"/>
  <c r="CE116" i="5"/>
  <c r="CD116" i="5"/>
  <c r="CC116" i="5"/>
  <c r="CB116" i="5"/>
  <c r="CA116" i="5"/>
  <c r="BZ116" i="5"/>
  <c r="BY116" i="5"/>
  <c r="BX116" i="5"/>
  <c r="BW116" i="5"/>
  <c r="BV116" i="5"/>
  <c r="BU116" i="5"/>
  <c r="BT116" i="5"/>
  <c r="BS116" i="5"/>
  <c r="BR116" i="5"/>
  <c r="BQ116" i="5"/>
  <c r="BP116" i="5"/>
  <c r="BO116" i="5"/>
  <c r="BN116" i="5"/>
  <c r="BM116" i="5"/>
  <c r="BL116" i="5"/>
  <c r="BK116" i="5"/>
  <c r="BJ116" i="5"/>
  <c r="BI116" i="5"/>
  <c r="BH116" i="5"/>
  <c r="BG116" i="5"/>
  <c r="BF116" i="5"/>
  <c r="BE116" i="5"/>
  <c r="BD116" i="5"/>
  <c r="BC116" i="5"/>
  <c r="BB116" i="5"/>
  <c r="AZ116" i="5"/>
  <c r="BA116" i="5" s="1"/>
  <c r="Q116" i="5"/>
  <c r="CF115" i="5"/>
  <c r="CE115" i="5"/>
  <c r="CD115" i="5"/>
  <c r="CC115" i="5"/>
  <c r="CB115" i="5"/>
  <c r="CA115" i="5"/>
  <c r="BZ115" i="5"/>
  <c r="BY115" i="5"/>
  <c r="BX115" i="5"/>
  <c r="BW115" i="5"/>
  <c r="BV115" i="5"/>
  <c r="BU115" i="5"/>
  <c r="BT115" i="5"/>
  <c r="BS115" i="5"/>
  <c r="BR115" i="5"/>
  <c r="BQ115" i="5"/>
  <c r="BP115" i="5"/>
  <c r="BO115" i="5"/>
  <c r="BN115" i="5"/>
  <c r="BM115" i="5"/>
  <c r="BL115" i="5"/>
  <c r="BK115" i="5"/>
  <c r="BJ115" i="5"/>
  <c r="BI115" i="5"/>
  <c r="BH115" i="5"/>
  <c r="BG115" i="5"/>
  <c r="BF115" i="5"/>
  <c r="BE115" i="5"/>
  <c r="BD115" i="5"/>
  <c r="BC115" i="5"/>
  <c r="BB115" i="5"/>
  <c r="AZ115" i="5"/>
  <c r="Q115" i="5"/>
  <c r="CF114" i="5"/>
  <c r="CE114" i="5"/>
  <c r="CD114" i="5"/>
  <c r="CC114" i="5"/>
  <c r="CB114" i="5"/>
  <c r="CA114" i="5"/>
  <c r="BZ114" i="5"/>
  <c r="BY114" i="5"/>
  <c r="BX114" i="5"/>
  <c r="BW114" i="5"/>
  <c r="BV114" i="5"/>
  <c r="BU114" i="5"/>
  <c r="BT114" i="5"/>
  <c r="BS114" i="5"/>
  <c r="BR114" i="5"/>
  <c r="BQ114" i="5"/>
  <c r="BP114" i="5"/>
  <c r="BO114" i="5"/>
  <c r="BN114" i="5"/>
  <c r="BM114" i="5"/>
  <c r="BL114" i="5"/>
  <c r="BK114" i="5"/>
  <c r="BJ114" i="5"/>
  <c r="BI114" i="5"/>
  <c r="BH114" i="5"/>
  <c r="BG114" i="5"/>
  <c r="BF114" i="5"/>
  <c r="BE114" i="5"/>
  <c r="BD114" i="5"/>
  <c r="BC114" i="5"/>
  <c r="BB114" i="5"/>
  <c r="AZ114" i="5"/>
  <c r="Q114" i="5"/>
  <c r="CF113" i="5"/>
  <c r="CE113" i="5"/>
  <c r="CD113" i="5"/>
  <c r="CC113" i="5"/>
  <c r="CB113" i="5"/>
  <c r="CA113" i="5"/>
  <c r="BZ113" i="5"/>
  <c r="BY113" i="5"/>
  <c r="BX113" i="5"/>
  <c r="BW113" i="5"/>
  <c r="BV113" i="5"/>
  <c r="BU113" i="5"/>
  <c r="BT113" i="5"/>
  <c r="BS113" i="5"/>
  <c r="BR113" i="5"/>
  <c r="BQ113" i="5"/>
  <c r="BP113" i="5"/>
  <c r="BO113" i="5"/>
  <c r="BN113" i="5"/>
  <c r="BM113" i="5"/>
  <c r="BL113" i="5"/>
  <c r="BK113" i="5"/>
  <c r="BJ113" i="5"/>
  <c r="BI113" i="5"/>
  <c r="BH113" i="5"/>
  <c r="BG113" i="5"/>
  <c r="BF113" i="5"/>
  <c r="BE113" i="5"/>
  <c r="BD113" i="5"/>
  <c r="BC113" i="5"/>
  <c r="BB113" i="5"/>
  <c r="AZ113" i="5"/>
  <c r="Q113" i="5"/>
  <c r="CF112" i="5"/>
  <c r="CE112" i="5"/>
  <c r="CD112" i="5"/>
  <c r="CC112" i="5"/>
  <c r="CB112" i="5"/>
  <c r="CA112" i="5"/>
  <c r="BZ112" i="5"/>
  <c r="BY112" i="5"/>
  <c r="BX112" i="5"/>
  <c r="BW112" i="5"/>
  <c r="BV112" i="5"/>
  <c r="BU112" i="5"/>
  <c r="BT112" i="5"/>
  <c r="BS112" i="5"/>
  <c r="BR112" i="5"/>
  <c r="BQ112" i="5"/>
  <c r="BP112" i="5"/>
  <c r="BO112" i="5"/>
  <c r="BN112" i="5"/>
  <c r="BM112" i="5"/>
  <c r="BL112" i="5"/>
  <c r="BK112" i="5"/>
  <c r="BJ112" i="5"/>
  <c r="BI112" i="5"/>
  <c r="BH112" i="5"/>
  <c r="BG112" i="5"/>
  <c r="BF112" i="5"/>
  <c r="BE112" i="5"/>
  <c r="BD112" i="5"/>
  <c r="BC112" i="5"/>
  <c r="BB112" i="5"/>
  <c r="AZ112" i="5"/>
  <c r="Q112" i="5"/>
  <c r="CF111" i="5"/>
  <c r="CE111" i="5"/>
  <c r="CD111" i="5"/>
  <c r="CC111" i="5"/>
  <c r="CB111" i="5"/>
  <c r="CA111" i="5"/>
  <c r="BZ111" i="5"/>
  <c r="BY111" i="5"/>
  <c r="BX111" i="5"/>
  <c r="BW111" i="5"/>
  <c r="BV111" i="5"/>
  <c r="BU111" i="5"/>
  <c r="BT111" i="5"/>
  <c r="BS111" i="5"/>
  <c r="BR111" i="5"/>
  <c r="BQ111" i="5"/>
  <c r="BP111" i="5"/>
  <c r="BO111" i="5"/>
  <c r="BN111" i="5"/>
  <c r="BM111" i="5"/>
  <c r="BL111" i="5"/>
  <c r="BK111" i="5"/>
  <c r="BJ111" i="5"/>
  <c r="BI111" i="5"/>
  <c r="BH111" i="5"/>
  <c r="BG111" i="5"/>
  <c r="BF111" i="5"/>
  <c r="BE111" i="5"/>
  <c r="BD111" i="5"/>
  <c r="BC111" i="5"/>
  <c r="BB111" i="5"/>
  <c r="AZ111" i="5"/>
  <c r="Q111" i="5"/>
  <c r="CF110" i="5"/>
  <c r="CE110" i="5"/>
  <c r="CD110" i="5"/>
  <c r="CC110" i="5"/>
  <c r="CB110" i="5"/>
  <c r="CA110" i="5"/>
  <c r="BZ110" i="5"/>
  <c r="BY110" i="5"/>
  <c r="BX110" i="5"/>
  <c r="BW110" i="5"/>
  <c r="BV110" i="5"/>
  <c r="BU110" i="5"/>
  <c r="BT110" i="5"/>
  <c r="BS110" i="5"/>
  <c r="BR110" i="5"/>
  <c r="BQ110" i="5"/>
  <c r="BP110" i="5"/>
  <c r="BO110" i="5"/>
  <c r="BN110" i="5"/>
  <c r="BM110" i="5"/>
  <c r="BL110" i="5"/>
  <c r="BK110" i="5"/>
  <c r="BJ110" i="5"/>
  <c r="BI110" i="5"/>
  <c r="BH110" i="5"/>
  <c r="BG110" i="5"/>
  <c r="BF110" i="5"/>
  <c r="BE110" i="5"/>
  <c r="BD110" i="5"/>
  <c r="BC110" i="5"/>
  <c r="BB110" i="5"/>
  <c r="AZ110" i="5"/>
  <c r="Q110" i="5"/>
  <c r="CF109" i="5"/>
  <c r="CE109" i="5"/>
  <c r="CD109" i="5"/>
  <c r="CC109" i="5"/>
  <c r="CB109" i="5"/>
  <c r="CA109" i="5"/>
  <c r="BZ109" i="5"/>
  <c r="BY109" i="5"/>
  <c r="BX109" i="5"/>
  <c r="BW109" i="5"/>
  <c r="BV109" i="5"/>
  <c r="BU109" i="5"/>
  <c r="BT109" i="5"/>
  <c r="BS109" i="5"/>
  <c r="BR109" i="5"/>
  <c r="BQ109" i="5"/>
  <c r="BP109" i="5"/>
  <c r="BO109" i="5"/>
  <c r="BN109" i="5"/>
  <c r="BM109" i="5"/>
  <c r="BL109" i="5"/>
  <c r="BK109" i="5"/>
  <c r="BJ109" i="5"/>
  <c r="BI109" i="5"/>
  <c r="BH109" i="5"/>
  <c r="BG109" i="5"/>
  <c r="BF109" i="5"/>
  <c r="BE109" i="5"/>
  <c r="BD109" i="5"/>
  <c r="BC109" i="5"/>
  <c r="BB109" i="5"/>
  <c r="AZ109" i="5"/>
  <c r="Q109" i="5"/>
  <c r="BA109" i="5" s="1"/>
  <c r="CF108" i="5"/>
  <c r="CE108" i="5"/>
  <c r="CD108" i="5"/>
  <c r="CC108" i="5"/>
  <c r="CB108" i="5"/>
  <c r="CA108" i="5"/>
  <c r="BZ108" i="5"/>
  <c r="BY108" i="5"/>
  <c r="BX108" i="5"/>
  <c r="BW108" i="5"/>
  <c r="BV108" i="5"/>
  <c r="BU108" i="5"/>
  <c r="BT108" i="5"/>
  <c r="BS108" i="5"/>
  <c r="BR108" i="5"/>
  <c r="BQ108" i="5"/>
  <c r="BP108" i="5"/>
  <c r="BO108" i="5"/>
  <c r="BN108" i="5"/>
  <c r="BM108" i="5"/>
  <c r="BL108" i="5"/>
  <c r="BK108" i="5"/>
  <c r="BJ108" i="5"/>
  <c r="BI108" i="5"/>
  <c r="BH108" i="5"/>
  <c r="BG108" i="5"/>
  <c r="BF108" i="5"/>
  <c r="BE108" i="5"/>
  <c r="BD108" i="5"/>
  <c r="BC108" i="5"/>
  <c r="BB108" i="5"/>
  <c r="AZ108" i="5"/>
  <c r="BA108" i="5" s="1"/>
  <c r="Q108" i="5"/>
  <c r="CF107" i="5"/>
  <c r="CE107" i="5"/>
  <c r="CD107" i="5"/>
  <c r="CC107" i="5"/>
  <c r="CB107" i="5"/>
  <c r="CA107" i="5"/>
  <c r="BZ107" i="5"/>
  <c r="BY107" i="5"/>
  <c r="BX107" i="5"/>
  <c r="BW107" i="5"/>
  <c r="BV107" i="5"/>
  <c r="BU107" i="5"/>
  <c r="BT107" i="5"/>
  <c r="BS107" i="5"/>
  <c r="BR107" i="5"/>
  <c r="BQ107" i="5"/>
  <c r="BP107" i="5"/>
  <c r="BO107" i="5"/>
  <c r="BN107" i="5"/>
  <c r="BM107" i="5"/>
  <c r="BL107" i="5"/>
  <c r="BK107" i="5"/>
  <c r="BJ107" i="5"/>
  <c r="BI107" i="5"/>
  <c r="BH107" i="5"/>
  <c r="BG107" i="5"/>
  <c r="BF107" i="5"/>
  <c r="BE107" i="5"/>
  <c r="BD107" i="5"/>
  <c r="BC107" i="5"/>
  <c r="BB107" i="5"/>
  <c r="AZ107" i="5"/>
  <c r="Q107" i="5"/>
  <c r="CF106" i="5"/>
  <c r="CE106" i="5"/>
  <c r="CD106" i="5"/>
  <c r="CC106" i="5"/>
  <c r="CB106" i="5"/>
  <c r="CA106" i="5"/>
  <c r="BZ106" i="5"/>
  <c r="BY106" i="5"/>
  <c r="BX106" i="5"/>
  <c r="BW106" i="5"/>
  <c r="BV106" i="5"/>
  <c r="BU106" i="5"/>
  <c r="BT106" i="5"/>
  <c r="BS106" i="5"/>
  <c r="BR106" i="5"/>
  <c r="BQ106" i="5"/>
  <c r="BP106" i="5"/>
  <c r="BO106" i="5"/>
  <c r="BN106" i="5"/>
  <c r="BM106" i="5"/>
  <c r="BL106" i="5"/>
  <c r="BK106" i="5"/>
  <c r="BJ106" i="5"/>
  <c r="BI106" i="5"/>
  <c r="BH106" i="5"/>
  <c r="BG106" i="5"/>
  <c r="BF106" i="5"/>
  <c r="BE106" i="5"/>
  <c r="BD106" i="5"/>
  <c r="BC106" i="5"/>
  <c r="BB106" i="5"/>
  <c r="AZ106" i="5"/>
  <c r="Q106" i="5"/>
  <c r="CF105" i="5"/>
  <c r="CE105" i="5"/>
  <c r="CD105" i="5"/>
  <c r="CC105" i="5"/>
  <c r="CB105" i="5"/>
  <c r="CA105" i="5"/>
  <c r="BZ105" i="5"/>
  <c r="BY105" i="5"/>
  <c r="BX105" i="5"/>
  <c r="BW105" i="5"/>
  <c r="BV105" i="5"/>
  <c r="BU105" i="5"/>
  <c r="BT105" i="5"/>
  <c r="BS105" i="5"/>
  <c r="BR105" i="5"/>
  <c r="BQ105" i="5"/>
  <c r="BP105" i="5"/>
  <c r="BO105" i="5"/>
  <c r="BN105" i="5"/>
  <c r="BM105" i="5"/>
  <c r="BL105" i="5"/>
  <c r="BK105" i="5"/>
  <c r="BJ105" i="5"/>
  <c r="BI105" i="5"/>
  <c r="BH105" i="5"/>
  <c r="BG105" i="5"/>
  <c r="BF105" i="5"/>
  <c r="BE105" i="5"/>
  <c r="BD105" i="5"/>
  <c r="BC105" i="5"/>
  <c r="BB105" i="5"/>
  <c r="AZ105" i="5"/>
  <c r="Q105" i="5"/>
  <c r="CF104" i="5"/>
  <c r="CE104" i="5"/>
  <c r="CD104" i="5"/>
  <c r="CC104" i="5"/>
  <c r="CB104" i="5"/>
  <c r="CA104" i="5"/>
  <c r="BZ104" i="5"/>
  <c r="BY104" i="5"/>
  <c r="BX104" i="5"/>
  <c r="BW104" i="5"/>
  <c r="BV104" i="5"/>
  <c r="BU104" i="5"/>
  <c r="BT104" i="5"/>
  <c r="BS104" i="5"/>
  <c r="BR104" i="5"/>
  <c r="BQ104" i="5"/>
  <c r="BP104" i="5"/>
  <c r="BO104" i="5"/>
  <c r="BN104" i="5"/>
  <c r="BM104" i="5"/>
  <c r="BL104" i="5"/>
  <c r="BK104" i="5"/>
  <c r="BJ104" i="5"/>
  <c r="BI104" i="5"/>
  <c r="BH104" i="5"/>
  <c r="BG104" i="5"/>
  <c r="BF104" i="5"/>
  <c r="BE104" i="5"/>
  <c r="BD104" i="5"/>
  <c r="BC104" i="5"/>
  <c r="BB104" i="5"/>
  <c r="AZ104" i="5"/>
  <c r="Q104" i="5"/>
  <c r="CF103" i="5"/>
  <c r="CE103" i="5"/>
  <c r="CD103" i="5"/>
  <c r="CC103" i="5"/>
  <c r="CB103" i="5"/>
  <c r="CA103" i="5"/>
  <c r="BZ103" i="5"/>
  <c r="BY103" i="5"/>
  <c r="BX103" i="5"/>
  <c r="BW103" i="5"/>
  <c r="BV103" i="5"/>
  <c r="BU103" i="5"/>
  <c r="BT103" i="5"/>
  <c r="BS103" i="5"/>
  <c r="BR103" i="5"/>
  <c r="BQ103" i="5"/>
  <c r="BP103" i="5"/>
  <c r="BO103" i="5"/>
  <c r="BN103" i="5"/>
  <c r="BM103" i="5"/>
  <c r="BL103" i="5"/>
  <c r="BK103" i="5"/>
  <c r="BJ103" i="5"/>
  <c r="BI103" i="5"/>
  <c r="BH103" i="5"/>
  <c r="BG103" i="5"/>
  <c r="BF103" i="5"/>
  <c r="BE103" i="5"/>
  <c r="BD103" i="5"/>
  <c r="BC103" i="5"/>
  <c r="BB103" i="5"/>
  <c r="AZ103" i="5"/>
  <c r="Q103" i="5"/>
  <c r="CF102" i="5"/>
  <c r="CE102" i="5"/>
  <c r="CD102" i="5"/>
  <c r="CC102" i="5"/>
  <c r="CB102" i="5"/>
  <c r="CA102" i="5"/>
  <c r="BZ102" i="5"/>
  <c r="BY102" i="5"/>
  <c r="BX102" i="5"/>
  <c r="BW102" i="5"/>
  <c r="BV102" i="5"/>
  <c r="BU102" i="5"/>
  <c r="BT102" i="5"/>
  <c r="BS102" i="5"/>
  <c r="BR102" i="5"/>
  <c r="BQ102" i="5"/>
  <c r="BP102" i="5"/>
  <c r="BO102" i="5"/>
  <c r="BN102" i="5"/>
  <c r="BM102" i="5"/>
  <c r="BL102" i="5"/>
  <c r="BK102" i="5"/>
  <c r="BJ102" i="5"/>
  <c r="BI102" i="5"/>
  <c r="BH102" i="5"/>
  <c r="BG102" i="5"/>
  <c r="BF102" i="5"/>
  <c r="BE102" i="5"/>
  <c r="BD102" i="5"/>
  <c r="BC102" i="5"/>
  <c r="BB102" i="5"/>
  <c r="AZ102" i="5"/>
  <c r="Q102" i="5"/>
  <c r="CF101" i="5"/>
  <c r="CE101" i="5"/>
  <c r="CD101" i="5"/>
  <c r="CC101" i="5"/>
  <c r="CB101" i="5"/>
  <c r="CA101" i="5"/>
  <c r="BZ101" i="5"/>
  <c r="BY101" i="5"/>
  <c r="BX101" i="5"/>
  <c r="BW101" i="5"/>
  <c r="BV101" i="5"/>
  <c r="BU101" i="5"/>
  <c r="BT101" i="5"/>
  <c r="BS101" i="5"/>
  <c r="BR101" i="5"/>
  <c r="BQ101" i="5"/>
  <c r="BP101" i="5"/>
  <c r="BO101" i="5"/>
  <c r="BN101" i="5"/>
  <c r="BM101" i="5"/>
  <c r="BL101" i="5"/>
  <c r="BK101" i="5"/>
  <c r="BJ101" i="5"/>
  <c r="BI101" i="5"/>
  <c r="BH101" i="5"/>
  <c r="BG101" i="5"/>
  <c r="BF101" i="5"/>
  <c r="BE101" i="5"/>
  <c r="BD101" i="5"/>
  <c r="BC101" i="5"/>
  <c r="BB101" i="5"/>
  <c r="AZ101" i="5"/>
  <c r="Q101" i="5"/>
  <c r="BA101" i="5" s="1"/>
  <c r="CF100" i="5"/>
  <c r="CE100" i="5"/>
  <c r="CD100" i="5"/>
  <c r="CC100" i="5"/>
  <c r="CB100" i="5"/>
  <c r="CA100" i="5"/>
  <c r="BZ100" i="5"/>
  <c r="BY100" i="5"/>
  <c r="BX100" i="5"/>
  <c r="BW100" i="5"/>
  <c r="BV100" i="5"/>
  <c r="BU100" i="5"/>
  <c r="BT100" i="5"/>
  <c r="BS100" i="5"/>
  <c r="BR100" i="5"/>
  <c r="BQ100" i="5"/>
  <c r="BP100" i="5"/>
  <c r="BO100" i="5"/>
  <c r="BN100" i="5"/>
  <c r="BM100" i="5"/>
  <c r="BL100" i="5"/>
  <c r="BK100" i="5"/>
  <c r="BJ100" i="5"/>
  <c r="BI100" i="5"/>
  <c r="BH100" i="5"/>
  <c r="BG100" i="5"/>
  <c r="BF100" i="5"/>
  <c r="BE100" i="5"/>
  <c r="BD100" i="5"/>
  <c r="BC100" i="5"/>
  <c r="BB100" i="5"/>
  <c r="AZ100" i="5"/>
  <c r="BA100" i="5" s="1"/>
  <c r="Q100" i="5"/>
  <c r="CF99" i="5"/>
  <c r="CE99" i="5"/>
  <c r="CD99" i="5"/>
  <c r="CC99" i="5"/>
  <c r="CB99" i="5"/>
  <c r="CA99" i="5"/>
  <c r="BZ99" i="5"/>
  <c r="BY99" i="5"/>
  <c r="BX99" i="5"/>
  <c r="BW99" i="5"/>
  <c r="BV99" i="5"/>
  <c r="BU99" i="5"/>
  <c r="BT99" i="5"/>
  <c r="BS99" i="5"/>
  <c r="BR99" i="5"/>
  <c r="BQ99" i="5"/>
  <c r="BP99" i="5"/>
  <c r="BO99" i="5"/>
  <c r="BN99" i="5"/>
  <c r="BM99" i="5"/>
  <c r="BL99" i="5"/>
  <c r="BK99" i="5"/>
  <c r="BJ99" i="5"/>
  <c r="BI99" i="5"/>
  <c r="BH99" i="5"/>
  <c r="BG99" i="5"/>
  <c r="BF99" i="5"/>
  <c r="BE99" i="5"/>
  <c r="BD99" i="5"/>
  <c r="BC99" i="5"/>
  <c r="BB99" i="5"/>
  <c r="AZ99" i="5"/>
  <c r="Q99" i="5"/>
  <c r="CF98" i="5"/>
  <c r="CE98" i="5"/>
  <c r="CD98" i="5"/>
  <c r="CC98" i="5"/>
  <c r="CB98" i="5"/>
  <c r="CA98" i="5"/>
  <c r="BZ98" i="5"/>
  <c r="BY98" i="5"/>
  <c r="BX98" i="5"/>
  <c r="BW98" i="5"/>
  <c r="BV98" i="5"/>
  <c r="BU98" i="5"/>
  <c r="BT98" i="5"/>
  <c r="BS98" i="5"/>
  <c r="BR98" i="5"/>
  <c r="BQ98" i="5"/>
  <c r="BP98" i="5"/>
  <c r="BO98" i="5"/>
  <c r="BN98" i="5"/>
  <c r="BM98" i="5"/>
  <c r="BL98" i="5"/>
  <c r="BK98" i="5"/>
  <c r="BJ98" i="5"/>
  <c r="BI98" i="5"/>
  <c r="BH98" i="5"/>
  <c r="BG98" i="5"/>
  <c r="BF98" i="5"/>
  <c r="BE98" i="5"/>
  <c r="BD98" i="5"/>
  <c r="BC98" i="5"/>
  <c r="BB98" i="5"/>
  <c r="AZ98" i="5"/>
  <c r="Q98" i="5"/>
  <c r="CF97" i="5"/>
  <c r="CE97" i="5"/>
  <c r="CD97" i="5"/>
  <c r="CC97" i="5"/>
  <c r="CB97" i="5"/>
  <c r="CA97" i="5"/>
  <c r="BZ97" i="5"/>
  <c r="BY97" i="5"/>
  <c r="BX97" i="5"/>
  <c r="BW97" i="5"/>
  <c r="BV97" i="5"/>
  <c r="BU97" i="5"/>
  <c r="BT97" i="5"/>
  <c r="BS97" i="5"/>
  <c r="BR97" i="5"/>
  <c r="BQ97" i="5"/>
  <c r="BP97" i="5"/>
  <c r="BO97" i="5"/>
  <c r="BN97" i="5"/>
  <c r="BM97" i="5"/>
  <c r="BL97" i="5"/>
  <c r="BK97" i="5"/>
  <c r="BJ97" i="5"/>
  <c r="BI97" i="5"/>
  <c r="BH97" i="5"/>
  <c r="BG97" i="5"/>
  <c r="BF97" i="5"/>
  <c r="BE97" i="5"/>
  <c r="BD97" i="5"/>
  <c r="BC97" i="5"/>
  <c r="BB97" i="5"/>
  <c r="AZ97" i="5"/>
  <c r="Q97" i="5"/>
  <c r="CF96" i="5"/>
  <c r="CE96" i="5"/>
  <c r="CD96" i="5"/>
  <c r="CC96" i="5"/>
  <c r="CB96" i="5"/>
  <c r="CA96" i="5"/>
  <c r="BZ96" i="5"/>
  <c r="BY96" i="5"/>
  <c r="BX96" i="5"/>
  <c r="BW96" i="5"/>
  <c r="BV96" i="5"/>
  <c r="BU96" i="5"/>
  <c r="BT96" i="5"/>
  <c r="BS96" i="5"/>
  <c r="BR96" i="5"/>
  <c r="BQ96" i="5"/>
  <c r="BP96" i="5"/>
  <c r="BO96" i="5"/>
  <c r="BN96" i="5"/>
  <c r="BM96" i="5"/>
  <c r="BL96" i="5"/>
  <c r="BK96" i="5"/>
  <c r="BJ96" i="5"/>
  <c r="BI96" i="5"/>
  <c r="BH96" i="5"/>
  <c r="BG96" i="5"/>
  <c r="BF96" i="5"/>
  <c r="BE96" i="5"/>
  <c r="BD96" i="5"/>
  <c r="BC96" i="5"/>
  <c r="BB96" i="5"/>
  <c r="AZ96" i="5"/>
  <c r="Q96" i="5"/>
  <c r="CF95" i="5"/>
  <c r="CE95" i="5"/>
  <c r="CD95" i="5"/>
  <c r="CC95" i="5"/>
  <c r="CB95" i="5"/>
  <c r="CA95" i="5"/>
  <c r="BZ95" i="5"/>
  <c r="BY95" i="5"/>
  <c r="BX95" i="5"/>
  <c r="BW95" i="5"/>
  <c r="BV95" i="5"/>
  <c r="BU95" i="5"/>
  <c r="BT95" i="5"/>
  <c r="BS95" i="5"/>
  <c r="BR95" i="5"/>
  <c r="BQ95" i="5"/>
  <c r="BP95" i="5"/>
  <c r="BO95" i="5"/>
  <c r="BN95" i="5"/>
  <c r="BM95" i="5"/>
  <c r="BL95" i="5"/>
  <c r="BK95" i="5"/>
  <c r="BJ95" i="5"/>
  <c r="BI95" i="5"/>
  <c r="BH95" i="5"/>
  <c r="BG95" i="5"/>
  <c r="BF95" i="5"/>
  <c r="BE95" i="5"/>
  <c r="BD95" i="5"/>
  <c r="BC95" i="5"/>
  <c r="BB95" i="5"/>
  <c r="AZ95" i="5"/>
  <c r="Q95" i="5"/>
  <c r="CF94" i="5"/>
  <c r="CE94" i="5"/>
  <c r="CD94" i="5"/>
  <c r="CC94" i="5"/>
  <c r="CB94" i="5"/>
  <c r="CA94" i="5"/>
  <c r="BZ94" i="5"/>
  <c r="BY94" i="5"/>
  <c r="BX94" i="5"/>
  <c r="BW94" i="5"/>
  <c r="BV94" i="5"/>
  <c r="BU94" i="5"/>
  <c r="BT94" i="5"/>
  <c r="BS94" i="5"/>
  <c r="BR94" i="5"/>
  <c r="BQ94" i="5"/>
  <c r="BP94" i="5"/>
  <c r="BO94" i="5"/>
  <c r="BN94" i="5"/>
  <c r="BM94" i="5"/>
  <c r="BL94" i="5"/>
  <c r="BK94" i="5"/>
  <c r="BJ94" i="5"/>
  <c r="BI94" i="5"/>
  <c r="BH94" i="5"/>
  <c r="BG94" i="5"/>
  <c r="BF94" i="5"/>
  <c r="BE94" i="5"/>
  <c r="BD94" i="5"/>
  <c r="BC94" i="5"/>
  <c r="BB94" i="5"/>
  <c r="AZ94" i="5"/>
  <c r="Q94" i="5"/>
  <c r="CF93" i="5"/>
  <c r="CE93" i="5"/>
  <c r="CD93" i="5"/>
  <c r="CC93" i="5"/>
  <c r="CB93" i="5"/>
  <c r="CA93" i="5"/>
  <c r="BZ93" i="5"/>
  <c r="BY93" i="5"/>
  <c r="BX93" i="5"/>
  <c r="BW93" i="5"/>
  <c r="BV93" i="5"/>
  <c r="BU93" i="5"/>
  <c r="BT93" i="5"/>
  <c r="BS93" i="5"/>
  <c r="BR93" i="5"/>
  <c r="BQ93" i="5"/>
  <c r="BP93" i="5"/>
  <c r="BO93" i="5"/>
  <c r="BN93" i="5"/>
  <c r="BM93" i="5"/>
  <c r="BL93" i="5"/>
  <c r="BK93" i="5"/>
  <c r="BJ93" i="5"/>
  <c r="BI93" i="5"/>
  <c r="BH93" i="5"/>
  <c r="BG93" i="5"/>
  <c r="BF93" i="5"/>
  <c r="BE93" i="5"/>
  <c r="BD93" i="5"/>
  <c r="BC93" i="5"/>
  <c r="BB93" i="5"/>
  <c r="AZ93" i="5"/>
  <c r="Q93" i="5"/>
  <c r="BA93" i="5" s="1"/>
  <c r="CF92" i="5"/>
  <c r="CE92" i="5"/>
  <c r="CD92" i="5"/>
  <c r="CC92" i="5"/>
  <c r="CB92" i="5"/>
  <c r="CA92" i="5"/>
  <c r="BZ92" i="5"/>
  <c r="BY92" i="5"/>
  <c r="BX92" i="5"/>
  <c r="BW92" i="5"/>
  <c r="BV92" i="5"/>
  <c r="BU92" i="5"/>
  <c r="BT92" i="5"/>
  <c r="BS92" i="5"/>
  <c r="BR92" i="5"/>
  <c r="BQ92" i="5"/>
  <c r="BP92" i="5"/>
  <c r="BO92" i="5"/>
  <c r="BN92" i="5"/>
  <c r="BM92" i="5"/>
  <c r="BL92" i="5"/>
  <c r="BK92" i="5"/>
  <c r="BJ92" i="5"/>
  <c r="BI92" i="5"/>
  <c r="BH92" i="5"/>
  <c r="BG92" i="5"/>
  <c r="BF92" i="5"/>
  <c r="BE92" i="5"/>
  <c r="BD92" i="5"/>
  <c r="BC92" i="5"/>
  <c r="BB92" i="5"/>
  <c r="AZ92" i="5"/>
  <c r="BA92" i="5" s="1"/>
  <c r="Q92" i="5"/>
  <c r="CF91" i="5"/>
  <c r="CE91" i="5"/>
  <c r="CD91" i="5"/>
  <c r="CC91" i="5"/>
  <c r="CB91" i="5"/>
  <c r="CA91" i="5"/>
  <c r="BZ91" i="5"/>
  <c r="BY91" i="5"/>
  <c r="BX91" i="5"/>
  <c r="BW91" i="5"/>
  <c r="BV91" i="5"/>
  <c r="BU91" i="5"/>
  <c r="BT91" i="5"/>
  <c r="BS91" i="5"/>
  <c r="BR91" i="5"/>
  <c r="BQ91" i="5"/>
  <c r="BP91" i="5"/>
  <c r="BO91" i="5"/>
  <c r="BN91" i="5"/>
  <c r="BM91" i="5"/>
  <c r="BL91" i="5"/>
  <c r="BK91" i="5"/>
  <c r="BJ91" i="5"/>
  <c r="BI91" i="5"/>
  <c r="BH91" i="5"/>
  <c r="BG91" i="5"/>
  <c r="BF91" i="5"/>
  <c r="BE91" i="5"/>
  <c r="BD91" i="5"/>
  <c r="BC91" i="5"/>
  <c r="BB91" i="5"/>
  <c r="AZ91" i="5"/>
  <c r="Q91" i="5"/>
  <c r="CF90" i="5"/>
  <c r="CE90" i="5"/>
  <c r="CD90" i="5"/>
  <c r="CC90" i="5"/>
  <c r="CB90" i="5"/>
  <c r="CA90" i="5"/>
  <c r="BZ90" i="5"/>
  <c r="BY90" i="5"/>
  <c r="BX90" i="5"/>
  <c r="BW90" i="5"/>
  <c r="BV90" i="5"/>
  <c r="BU90" i="5"/>
  <c r="BT90" i="5"/>
  <c r="BS90" i="5"/>
  <c r="BR90" i="5"/>
  <c r="BQ90" i="5"/>
  <c r="BP90" i="5"/>
  <c r="BO90" i="5"/>
  <c r="BN90" i="5"/>
  <c r="BM90" i="5"/>
  <c r="BL90" i="5"/>
  <c r="BK90" i="5"/>
  <c r="BJ90" i="5"/>
  <c r="BI90" i="5"/>
  <c r="BH90" i="5"/>
  <c r="BG90" i="5"/>
  <c r="BF90" i="5"/>
  <c r="BE90" i="5"/>
  <c r="BD90" i="5"/>
  <c r="BC90" i="5"/>
  <c r="BB90" i="5"/>
  <c r="AZ90" i="5"/>
  <c r="Q90" i="5"/>
  <c r="CF89" i="5"/>
  <c r="CE89" i="5"/>
  <c r="CD89" i="5"/>
  <c r="CC89" i="5"/>
  <c r="CB89" i="5"/>
  <c r="CA89" i="5"/>
  <c r="BZ89" i="5"/>
  <c r="BY89" i="5"/>
  <c r="BX89" i="5"/>
  <c r="BW89" i="5"/>
  <c r="BV89" i="5"/>
  <c r="BU89" i="5"/>
  <c r="BT89" i="5"/>
  <c r="BS89" i="5"/>
  <c r="BR89" i="5"/>
  <c r="BQ89" i="5"/>
  <c r="BP89" i="5"/>
  <c r="BO89" i="5"/>
  <c r="BN89" i="5"/>
  <c r="BM89" i="5"/>
  <c r="BL89" i="5"/>
  <c r="BK89" i="5"/>
  <c r="BJ89" i="5"/>
  <c r="BI89" i="5"/>
  <c r="BH89" i="5"/>
  <c r="BG89" i="5"/>
  <c r="BF89" i="5"/>
  <c r="BE89" i="5"/>
  <c r="BD89" i="5"/>
  <c r="BC89" i="5"/>
  <c r="BB89" i="5"/>
  <c r="AZ89" i="5"/>
  <c r="Q89" i="5"/>
  <c r="CF88" i="5"/>
  <c r="CE88" i="5"/>
  <c r="CD88" i="5"/>
  <c r="CC88" i="5"/>
  <c r="CB88" i="5"/>
  <c r="CA88" i="5"/>
  <c r="BZ88" i="5"/>
  <c r="BY88" i="5"/>
  <c r="BX88" i="5"/>
  <c r="BW88" i="5"/>
  <c r="BV88" i="5"/>
  <c r="BU88" i="5"/>
  <c r="BT88" i="5"/>
  <c r="BS88" i="5"/>
  <c r="BR88" i="5"/>
  <c r="BQ88" i="5"/>
  <c r="BP88" i="5"/>
  <c r="BO88" i="5"/>
  <c r="BN88" i="5"/>
  <c r="BM88" i="5"/>
  <c r="BL88" i="5"/>
  <c r="BK88" i="5"/>
  <c r="BJ88" i="5"/>
  <c r="BI88" i="5"/>
  <c r="BH88" i="5"/>
  <c r="BG88" i="5"/>
  <c r="BF88" i="5"/>
  <c r="BE88" i="5"/>
  <c r="BD88" i="5"/>
  <c r="BC88" i="5"/>
  <c r="BB88" i="5"/>
  <c r="AZ88" i="5"/>
  <c r="Q88" i="5"/>
  <c r="CF87" i="5"/>
  <c r="CE87" i="5"/>
  <c r="CD87" i="5"/>
  <c r="CC87" i="5"/>
  <c r="CB87" i="5"/>
  <c r="CA87" i="5"/>
  <c r="BZ87" i="5"/>
  <c r="BY87" i="5"/>
  <c r="BX87" i="5"/>
  <c r="BW87" i="5"/>
  <c r="BV87" i="5"/>
  <c r="BU87" i="5"/>
  <c r="BT87" i="5"/>
  <c r="BS87" i="5"/>
  <c r="BR87" i="5"/>
  <c r="BQ87" i="5"/>
  <c r="BP87" i="5"/>
  <c r="BO87" i="5"/>
  <c r="BN87" i="5"/>
  <c r="BM87" i="5"/>
  <c r="BL87" i="5"/>
  <c r="BK87" i="5"/>
  <c r="BJ87" i="5"/>
  <c r="BI87" i="5"/>
  <c r="BH87" i="5"/>
  <c r="BG87" i="5"/>
  <c r="BF87" i="5"/>
  <c r="BE87" i="5"/>
  <c r="BD87" i="5"/>
  <c r="BC87" i="5"/>
  <c r="BB87" i="5"/>
  <c r="AZ87" i="5"/>
  <c r="Q87" i="5"/>
  <c r="CF86" i="5"/>
  <c r="CE86" i="5"/>
  <c r="CD86" i="5"/>
  <c r="CC86" i="5"/>
  <c r="CB86" i="5"/>
  <c r="CA86" i="5"/>
  <c r="BZ86" i="5"/>
  <c r="BY86" i="5"/>
  <c r="BX86" i="5"/>
  <c r="BW86" i="5"/>
  <c r="BV86" i="5"/>
  <c r="BU86" i="5"/>
  <c r="BT86" i="5"/>
  <c r="BS86" i="5"/>
  <c r="BR86" i="5"/>
  <c r="BQ86" i="5"/>
  <c r="BP86" i="5"/>
  <c r="BO86" i="5"/>
  <c r="BN86" i="5"/>
  <c r="BM86" i="5"/>
  <c r="BL86" i="5"/>
  <c r="BK86" i="5"/>
  <c r="BJ86" i="5"/>
  <c r="BI86" i="5"/>
  <c r="BH86" i="5"/>
  <c r="BG86" i="5"/>
  <c r="BF86" i="5"/>
  <c r="BE86" i="5"/>
  <c r="BD86" i="5"/>
  <c r="BC86" i="5"/>
  <c r="BB86" i="5"/>
  <c r="AZ86" i="5"/>
  <c r="Q86" i="5"/>
  <c r="CF85" i="5"/>
  <c r="CE85" i="5"/>
  <c r="CD85" i="5"/>
  <c r="CC85" i="5"/>
  <c r="CB85" i="5"/>
  <c r="CA85" i="5"/>
  <c r="BZ85" i="5"/>
  <c r="BY85" i="5"/>
  <c r="BX85" i="5"/>
  <c r="BW85" i="5"/>
  <c r="BV85" i="5"/>
  <c r="BU85" i="5"/>
  <c r="BT85" i="5"/>
  <c r="BS85" i="5"/>
  <c r="BR85" i="5"/>
  <c r="BQ85" i="5"/>
  <c r="BP85" i="5"/>
  <c r="BO85" i="5"/>
  <c r="BN85" i="5"/>
  <c r="BM85" i="5"/>
  <c r="BL85" i="5"/>
  <c r="BK85" i="5"/>
  <c r="BJ85" i="5"/>
  <c r="BI85" i="5"/>
  <c r="BH85" i="5"/>
  <c r="BG85" i="5"/>
  <c r="BF85" i="5"/>
  <c r="BE85" i="5"/>
  <c r="BD85" i="5"/>
  <c r="BC85" i="5"/>
  <c r="BB85" i="5"/>
  <c r="AZ85" i="5"/>
  <c r="Q85" i="5"/>
  <c r="BA85" i="5" s="1"/>
  <c r="CF84" i="5"/>
  <c r="CE84" i="5"/>
  <c r="CD84" i="5"/>
  <c r="CC84" i="5"/>
  <c r="CB84" i="5"/>
  <c r="CA84" i="5"/>
  <c r="BZ84" i="5"/>
  <c r="BY84" i="5"/>
  <c r="BX84" i="5"/>
  <c r="BW84" i="5"/>
  <c r="BV84" i="5"/>
  <c r="BU84" i="5"/>
  <c r="BT84" i="5"/>
  <c r="BS84" i="5"/>
  <c r="BR84" i="5"/>
  <c r="BQ84" i="5"/>
  <c r="BP84" i="5"/>
  <c r="BO84" i="5"/>
  <c r="BN84" i="5"/>
  <c r="BM84" i="5"/>
  <c r="BL84" i="5"/>
  <c r="BK84" i="5"/>
  <c r="BJ84" i="5"/>
  <c r="BI84" i="5"/>
  <c r="BH84" i="5"/>
  <c r="BG84" i="5"/>
  <c r="BF84" i="5"/>
  <c r="BE84" i="5"/>
  <c r="BD84" i="5"/>
  <c r="BC84" i="5"/>
  <c r="BB84" i="5"/>
  <c r="AZ84" i="5"/>
  <c r="BA84" i="5" s="1"/>
  <c r="Q84" i="5"/>
  <c r="CF83" i="5"/>
  <c r="CE83" i="5"/>
  <c r="CD83" i="5"/>
  <c r="CC83" i="5"/>
  <c r="CB83" i="5"/>
  <c r="CA83" i="5"/>
  <c r="BZ83" i="5"/>
  <c r="BY83" i="5"/>
  <c r="BX83" i="5"/>
  <c r="BW83" i="5"/>
  <c r="BV83" i="5"/>
  <c r="BU83" i="5"/>
  <c r="BT83" i="5"/>
  <c r="BS83" i="5"/>
  <c r="BR83" i="5"/>
  <c r="BQ83" i="5"/>
  <c r="BP83" i="5"/>
  <c r="BO83" i="5"/>
  <c r="BN83" i="5"/>
  <c r="BM83" i="5"/>
  <c r="BL83" i="5"/>
  <c r="BK83" i="5"/>
  <c r="BJ83" i="5"/>
  <c r="BI83" i="5"/>
  <c r="BH83" i="5"/>
  <c r="BG83" i="5"/>
  <c r="BF83" i="5"/>
  <c r="BE83" i="5"/>
  <c r="BD83" i="5"/>
  <c r="BC83" i="5"/>
  <c r="BB83" i="5"/>
  <c r="AZ83" i="5"/>
  <c r="Q83" i="5"/>
  <c r="CF82" i="5"/>
  <c r="CE82" i="5"/>
  <c r="CD82" i="5"/>
  <c r="CC82" i="5"/>
  <c r="CB82" i="5"/>
  <c r="CA82" i="5"/>
  <c r="BZ82" i="5"/>
  <c r="BY82" i="5"/>
  <c r="BX82" i="5"/>
  <c r="BW82" i="5"/>
  <c r="BV82" i="5"/>
  <c r="BU82" i="5"/>
  <c r="BT82" i="5"/>
  <c r="BS82" i="5"/>
  <c r="BR82" i="5"/>
  <c r="BQ82" i="5"/>
  <c r="BP82" i="5"/>
  <c r="BO82" i="5"/>
  <c r="BN82" i="5"/>
  <c r="BM82" i="5"/>
  <c r="BL82" i="5"/>
  <c r="BK82" i="5"/>
  <c r="BJ82" i="5"/>
  <c r="BI82" i="5"/>
  <c r="BH82" i="5"/>
  <c r="BG82" i="5"/>
  <c r="BF82" i="5"/>
  <c r="BE82" i="5"/>
  <c r="BD82" i="5"/>
  <c r="BC82" i="5"/>
  <c r="BB82" i="5"/>
  <c r="AZ82" i="5"/>
  <c r="Q82" i="5"/>
  <c r="CF81" i="5"/>
  <c r="CE81" i="5"/>
  <c r="CD81" i="5"/>
  <c r="CC81" i="5"/>
  <c r="CB81" i="5"/>
  <c r="CA81" i="5"/>
  <c r="BZ81" i="5"/>
  <c r="BY81" i="5"/>
  <c r="BX81" i="5"/>
  <c r="BW81" i="5"/>
  <c r="BV81" i="5"/>
  <c r="BU81" i="5"/>
  <c r="BT81" i="5"/>
  <c r="BS81" i="5"/>
  <c r="BR81" i="5"/>
  <c r="BQ81" i="5"/>
  <c r="BP81" i="5"/>
  <c r="BO81" i="5"/>
  <c r="BN81" i="5"/>
  <c r="BM81" i="5"/>
  <c r="BL81" i="5"/>
  <c r="BK81" i="5"/>
  <c r="BJ81" i="5"/>
  <c r="BI81" i="5"/>
  <c r="BH81" i="5"/>
  <c r="BG81" i="5"/>
  <c r="BF81" i="5"/>
  <c r="BE81" i="5"/>
  <c r="BD81" i="5"/>
  <c r="BC81" i="5"/>
  <c r="BB81" i="5"/>
  <c r="AZ81" i="5"/>
  <c r="Q81" i="5"/>
  <c r="CF80" i="5"/>
  <c r="CE80" i="5"/>
  <c r="CD80" i="5"/>
  <c r="CC80" i="5"/>
  <c r="CB80" i="5"/>
  <c r="CA80" i="5"/>
  <c r="BZ80" i="5"/>
  <c r="BY80" i="5"/>
  <c r="BX80" i="5"/>
  <c r="BW80" i="5"/>
  <c r="BV80" i="5"/>
  <c r="BU80" i="5"/>
  <c r="BT80" i="5"/>
  <c r="BS80" i="5"/>
  <c r="BR80" i="5"/>
  <c r="BQ80" i="5"/>
  <c r="BP80" i="5"/>
  <c r="BO80" i="5"/>
  <c r="BN80" i="5"/>
  <c r="BM80" i="5"/>
  <c r="BL80" i="5"/>
  <c r="BK80" i="5"/>
  <c r="BJ80" i="5"/>
  <c r="BI80" i="5"/>
  <c r="BH80" i="5"/>
  <c r="BG80" i="5"/>
  <c r="BF80" i="5"/>
  <c r="BE80" i="5"/>
  <c r="BD80" i="5"/>
  <c r="BC80" i="5"/>
  <c r="BB80" i="5"/>
  <c r="AZ80" i="5"/>
  <c r="Q80" i="5"/>
  <c r="CF79" i="5"/>
  <c r="CE79" i="5"/>
  <c r="CD79" i="5"/>
  <c r="CC79" i="5"/>
  <c r="CB79" i="5"/>
  <c r="CA79" i="5"/>
  <c r="BZ79" i="5"/>
  <c r="BY79" i="5"/>
  <c r="BX79" i="5"/>
  <c r="BW79" i="5"/>
  <c r="BV79" i="5"/>
  <c r="BU79" i="5"/>
  <c r="BT79" i="5"/>
  <c r="BS79" i="5"/>
  <c r="BR79" i="5"/>
  <c r="BQ79" i="5"/>
  <c r="BP79" i="5"/>
  <c r="BO79" i="5"/>
  <c r="BN79" i="5"/>
  <c r="BM79" i="5"/>
  <c r="BL79" i="5"/>
  <c r="BK79" i="5"/>
  <c r="BJ79" i="5"/>
  <c r="BI79" i="5"/>
  <c r="BH79" i="5"/>
  <c r="BG79" i="5"/>
  <c r="BF79" i="5"/>
  <c r="BE79" i="5"/>
  <c r="BD79" i="5"/>
  <c r="BC79" i="5"/>
  <c r="BB79" i="5"/>
  <c r="AZ79" i="5"/>
  <c r="Q79" i="5"/>
  <c r="CF78" i="5"/>
  <c r="CE78" i="5"/>
  <c r="CD78" i="5"/>
  <c r="CC78" i="5"/>
  <c r="CB78" i="5"/>
  <c r="CA78" i="5"/>
  <c r="BZ78" i="5"/>
  <c r="BY78" i="5"/>
  <c r="BX78" i="5"/>
  <c r="BW78" i="5"/>
  <c r="BV78" i="5"/>
  <c r="BU78" i="5"/>
  <c r="BT78" i="5"/>
  <c r="BS78" i="5"/>
  <c r="BR78" i="5"/>
  <c r="BQ78" i="5"/>
  <c r="BP78" i="5"/>
  <c r="BO78" i="5"/>
  <c r="BN78" i="5"/>
  <c r="BM78" i="5"/>
  <c r="BL78" i="5"/>
  <c r="BK78" i="5"/>
  <c r="BJ78" i="5"/>
  <c r="BI78" i="5"/>
  <c r="BH78" i="5"/>
  <c r="BG78" i="5"/>
  <c r="BF78" i="5"/>
  <c r="BE78" i="5"/>
  <c r="BD78" i="5"/>
  <c r="BC78" i="5"/>
  <c r="BB78" i="5"/>
  <c r="AZ78" i="5"/>
  <c r="Q78" i="5"/>
  <c r="CF77" i="5"/>
  <c r="CE77" i="5"/>
  <c r="CD77" i="5"/>
  <c r="CC77" i="5"/>
  <c r="CB77" i="5"/>
  <c r="CA77" i="5"/>
  <c r="BZ77" i="5"/>
  <c r="BY77" i="5"/>
  <c r="BX77" i="5"/>
  <c r="BW77" i="5"/>
  <c r="BV77" i="5"/>
  <c r="BU77" i="5"/>
  <c r="BT77" i="5"/>
  <c r="BS77" i="5"/>
  <c r="BR77" i="5"/>
  <c r="BQ77" i="5"/>
  <c r="BP77" i="5"/>
  <c r="BO77" i="5"/>
  <c r="BN77" i="5"/>
  <c r="BM77" i="5"/>
  <c r="BL77" i="5"/>
  <c r="BK77" i="5"/>
  <c r="BJ77" i="5"/>
  <c r="BI77" i="5"/>
  <c r="BH77" i="5"/>
  <c r="BG77" i="5"/>
  <c r="BF77" i="5"/>
  <c r="BE77" i="5"/>
  <c r="BD77" i="5"/>
  <c r="BC77" i="5"/>
  <c r="BB77" i="5"/>
  <c r="AZ77" i="5"/>
  <c r="Q77" i="5"/>
  <c r="BA77" i="5" s="1"/>
  <c r="CF76" i="5"/>
  <c r="CE76" i="5"/>
  <c r="CD76" i="5"/>
  <c r="CC76" i="5"/>
  <c r="CB76" i="5"/>
  <c r="CA76" i="5"/>
  <c r="BZ76" i="5"/>
  <c r="BY76" i="5"/>
  <c r="BX76" i="5"/>
  <c r="BW76" i="5"/>
  <c r="BV76" i="5"/>
  <c r="BU76" i="5"/>
  <c r="BT76" i="5"/>
  <c r="BS76" i="5"/>
  <c r="BR76" i="5"/>
  <c r="BQ76" i="5"/>
  <c r="BP76" i="5"/>
  <c r="BO76" i="5"/>
  <c r="BN76" i="5"/>
  <c r="BM76" i="5"/>
  <c r="BL76" i="5"/>
  <c r="BK76" i="5"/>
  <c r="BJ76" i="5"/>
  <c r="BI76" i="5"/>
  <c r="BH76" i="5"/>
  <c r="BG76" i="5"/>
  <c r="BF76" i="5"/>
  <c r="BE76" i="5"/>
  <c r="BD76" i="5"/>
  <c r="BC76" i="5"/>
  <c r="BB76" i="5"/>
  <c r="AZ76" i="5"/>
  <c r="BA76" i="5" s="1"/>
  <c r="Q76" i="5"/>
  <c r="CF75" i="5"/>
  <c r="CE75" i="5"/>
  <c r="CD75" i="5"/>
  <c r="CC75" i="5"/>
  <c r="CB75" i="5"/>
  <c r="CA75" i="5"/>
  <c r="BZ75" i="5"/>
  <c r="BY75" i="5"/>
  <c r="BX75" i="5"/>
  <c r="BW75" i="5"/>
  <c r="BV75" i="5"/>
  <c r="BU75" i="5"/>
  <c r="BT75" i="5"/>
  <c r="BS75" i="5"/>
  <c r="BR75" i="5"/>
  <c r="BQ75" i="5"/>
  <c r="BP75" i="5"/>
  <c r="BO75" i="5"/>
  <c r="BN75" i="5"/>
  <c r="BM75" i="5"/>
  <c r="BL75" i="5"/>
  <c r="BK75" i="5"/>
  <c r="BJ75" i="5"/>
  <c r="BI75" i="5"/>
  <c r="BH75" i="5"/>
  <c r="BG75" i="5"/>
  <c r="BF75" i="5"/>
  <c r="BE75" i="5"/>
  <c r="BD75" i="5"/>
  <c r="BC75" i="5"/>
  <c r="BB75" i="5"/>
  <c r="AZ75" i="5"/>
  <c r="Q75" i="5"/>
  <c r="CF74" i="5"/>
  <c r="CE74" i="5"/>
  <c r="CD74" i="5"/>
  <c r="CC74" i="5"/>
  <c r="CB74" i="5"/>
  <c r="CA74" i="5"/>
  <c r="BZ74" i="5"/>
  <c r="BY74" i="5"/>
  <c r="BX74" i="5"/>
  <c r="BW74" i="5"/>
  <c r="BV74" i="5"/>
  <c r="BU74" i="5"/>
  <c r="BT74" i="5"/>
  <c r="BS74" i="5"/>
  <c r="BR74" i="5"/>
  <c r="BQ74" i="5"/>
  <c r="BP74" i="5"/>
  <c r="BO74" i="5"/>
  <c r="BN74" i="5"/>
  <c r="BM74" i="5"/>
  <c r="BL74" i="5"/>
  <c r="BK74" i="5"/>
  <c r="BJ74" i="5"/>
  <c r="BI74" i="5"/>
  <c r="BH74" i="5"/>
  <c r="BG74" i="5"/>
  <c r="BF74" i="5"/>
  <c r="BE74" i="5"/>
  <c r="BD74" i="5"/>
  <c r="BC74" i="5"/>
  <c r="BB74" i="5"/>
  <c r="AZ74" i="5"/>
  <c r="Q74" i="5"/>
  <c r="CF73" i="5"/>
  <c r="CE73" i="5"/>
  <c r="CD73" i="5"/>
  <c r="CC73" i="5"/>
  <c r="CB73" i="5"/>
  <c r="CA73" i="5"/>
  <c r="BZ73" i="5"/>
  <c r="BY73" i="5"/>
  <c r="BX73" i="5"/>
  <c r="BW73" i="5"/>
  <c r="BV73" i="5"/>
  <c r="BU73" i="5"/>
  <c r="BT73" i="5"/>
  <c r="BS73" i="5"/>
  <c r="BR73" i="5"/>
  <c r="BQ73" i="5"/>
  <c r="BP73" i="5"/>
  <c r="BO73" i="5"/>
  <c r="BN73" i="5"/>
  <c r="BM73" i="5"/>
  <c r="BL73" i="5"/>
  <c r="BK73" i="5"/>
  <c r="BJ73" i="5"/>
  <c r="BI73" i="5"/>
  <c r="BH73" i="5"/>
  <c r="BG73" i="5"/>
  <c r="BF73" i="5"/>
  <c r="BE73" i="5"/>
  <c r="BD73" i="5"/>
  <c r="BC73" i="5"/>
  <c r="BB73" i="5"/>
  <c r="AZ73" i="5"/>
  <c r="Q73" i="5"/>
  <c r="CF72" i="5"/>
  <c r="CE72" i="5"/>
  <c r="CD72" i="5"/>
  <c r="CC72" i="5"/>
  <c r="CB72" i="5"/>
  <c r="CA72" i="5"/>
  <c r="BZ72" i="5"/>
  <c r="BY72" i="5"/>
  <c r="BX72" i="5"/>
  <c r="BW72" i="5"/>
  <c r="BV72" i="5"/>
  <c r="BU72" i="5"/>
  <c r="BT72" i="5"/>
  <c r="BS72" i="5"/>
  <c r="BR72" i="5"/>
  <c r="BQ72" i="5"/>
  <c r="BP72" i="5"/>
  <c r="BO72" i="5"/>
  <c r="BN72" i="5"/>
  <c r="BM72" i="5"/>
  <c r="BL72" i="5"/>
  <c r="BK72" i="5"/>
  <c r="BJ72" i="5"/>
  <c r="BI72" i="5"/>
  <c r="BH72" i="5"/>
  <c r="BG72" i="5"/>
  <c r="BF72" i="5"/>
  <c r="BE72" i="5"/>
  <c r="BD72" i="5"/>
  <c r="BC72" i="5"/>
  <c r="BB72" i="5"/>
  <c r="AZ72" i="5"/>
  <c r="Q72" i="5"/>
  <c r="CF71" i="5"/>
  <c r="CE71" i="5"/>
  <c r="CD71" i="5"/>
  <c r="CC71" i="5"/>
  <c r="CB71" i="5"/>
  <c r="CA71" i="5"/>
  <c r="BZ71" i="5"/>
  <c r="BY71" i="5"/>
  <c r="BX71" i="5"/>
  <c r="BW71" i="5"/>
  <c r="BV71" i="5"/>
  <c r="BU71" i="5"/>
  <c r="BT71" i="5"/>
  <c r="BS71" i="5"/>
  <c r="BR71" i="5"/>
  <c r="BQ71" i="5"/>
  <c r="BP71" i="5"/>
  <c r="BO71" i="5"/>
  <c r="BN71" i="5"/>
  <c r="BM71" i="5"/>
  <c r="BL71" i="5"/>
  <c r="BK71" i="5"/>
  <c r="BJ71" i="5"/>
  <c r="BI71" i="5"/>
  <c r="BH71" i="5"/>
  <c r="BG71" i="5"/>
  <c r="BF71" i="5"/>
  <c r="BE71" i="5"/>
  <c r="BD71" i="5"/>
  <c r="BC71" i="5"/>
  <c r="BB71" i="5"/>
  <c r="AZ71" i="5"/>
  <c r="Q71" i="5"/>
  <c r="CF70" i="5"/>
  <c r="CE70" i="5"/>
  <c r="CD70" i="5"/>
  <c r="CC70" i="5"/>
  <c r="CB70" i="5"/>
  <c r="CA70" i="5"/>
  <c r="BZ70" i="5"/>
  <c r="BY70" i="5"/>
  <c r="BX70" i="5"/>
  <c r="BW70" i="5"/>
  <c r="BV70" i="5"/>
  <c r="BU70" i="5"/>
  <c r="BT70" i="5"/>
  <c r="BS70" i="5"/>
  <c r="BR70" i="5"/>
  <c r="BQ70" i="5"/>
  <c r="BP70" i="5"/>
  <c r="BO70" i="5"/>
  <c r="BN70" i="5"/>
  <c r="BM70" i="5"/>
  <c r="BL70" i="5"/>
  <c r="BK70" i="5"/>
  <c r="BJ70" i="5"/>
  <c r="BI70" i="5"/>
  <c r="BH70" i="5"/>
  <c r="BG70" i="5"/>
  <c r="BF70" i="5"/>
  <c r="BE70" i="5"/>
  <c r="BD70" i="5"/>
  <c r="BC70" i="5"/>
  <c r="BB70" i="5"/>
  <c r="AZ70" i="5"/>
  <c r="Q70" i="5"/>
  <c r="CF69" i="5"/>
  <c r="CE69" i="5"/>
  <c r="CD69" i="5"/>
  <c r="CC69" i="5"/>
  <c r="CB69" i="5"/>
  <c r="CA69" i="5"/>
  <c r="BZ69" i="5"/>
  <c r="BY69" i="5"/>
  <c r="BX69" i="5"/>
  <c r="BW69" i="5"/>
  <c r="BV69" i="5"/>
  <c r="BU69" i="5"/>
  <c r="BT69" i="5"/>
  <c r="BS69" i="5"/>
  <c r="BR69" i="5"/>
  <c r="BQ69" i="5"/>
  <c r="BP69" i="5"/>
  <c r="BO69" i="5"/>
  <c r="BN69" i="5"/>
  <c r="BM69" i="5"/>
  <c r="BL69" i="5"/>
  <c r="BK69" i="5"/>
  <c r="BJ69" i="5"/>
  <c r="BI69" i="5"/>
  <c r="BH69" i="5"/>
  <c r="BG69" i="5"/>
  <c r="BF69" i="5"/>
  <c r="BE69" i="5"/>
  <c r="BD69" i="5"/>
  <c r="BC69" i="5"/>
  <c r="BB69" i="5"/>
  <c r="AZ69" i="5"/>
  <c r="Q69" i="5"/>
  <c r="BA69" i="5" s="1"/>
  <c r="CF68" i="5"/>
  <c r="CE68" i="5"/>
  <c r="CD68" i="5"/>
  <c r="CC68" i="5"/>
  <c r="CB68" i="5"/>
  <c r="CA68" i="5"/>
  <c r="BZ68" i="5"/>
  <c r="BY68" i="5"/>
  <c r="BX68" i="5"/>
  <c r="BW68" i="5"/>
  <c r="BV68" i="5"/>
  <c r="BU68" i="5"/>
  <c r="BT68" i="5"/>
  <c r="BS68" i="5"/>
  <c r="BR68" i="5"/>
  <c r="BQ68" i="5"/>
  <c r="BP68" i="5"/>
  <c r="BO68" i="5"/>
  <c r="BN68" i="5"/>
  <c r="BM68" i="5"/>
  <c r="BL68" i="5"/>
  <c r="BK68" i="5"/>
  <c r="BJ68" i="5"/>
  <c r="BI68" i="5"/>
  <c r="BH68" i="5"/>
  <c r="BG68" i="5"/>
  <c r="BF68" i="5"/>
  <c r="BE68" i="5"/>
  <c r="BD68" i="5"/>
  <c r="BC68" i="5"/>
  <c r="BB68" i="5"/>
  <c r="AZ68" i="5"/>
  <c r="BA68" i="5" s="1"/>
  <c r="Q68" i="5"/>
  <c r="CF67" i="5"/>
  <c r="CE67" i="5"/>
  <c r="CD67" i="5"/>
  <c r="CC67" i="5"/>
  <c r="CB67" i="5"/>
  <c r="CA67" i="5"/>
  <c r="BZ67" i="5"/>
  <c r="BY67" i="5"/>
  <c r="BX67" i="5"/>
  <c r="BW67" i="5"/>
  <c r="BV67" i="5"/>
  <c r="BU67" i="5"/>
  <c r="BT67" i="5"/>
  <c r="BS67" i="5"/>
  <c r="BR67" i="5"/>
  <c r="BQ67" i="5"/>
  <c r="BP67" i="5"/>
  <c r="BO67" i="5"/>
  <c r="BN67" i="5"/>
  <c r="BM67" i="5"/>
  <c r="BL67" i="5"/>
  <c r="BK67" i="5"/>
  <c r="BJ67" i="5"/>
  <c r="BI67" i="5"/>
  <c r="BH67" i="5"/>
  <c r="BG67" i="5"/>
  <c r="BF67" i="5"/>
  <c r="BE67" i="5"/>
  <c r="BD67" i="5"/>
  <c r="BC67" i="5"/>
  <c r="BB67" i="5"/>
  <c r="AZ67" i="5"/>
  <c r="CF66" i="5"/>
  <c r="CE66" i="5"/>
  <c r="CD66" i="5"/>
  <c r="CC66" i="5"/>
  <c r="CB66" i="5"/>
  <c r="CA66" i="5"/>
  <c r="BZ66" i="5"/>
  <c r="BY66" i="5"/>
  <c r="BX66" i="5"/>
  <c r="BW66" i="5"/>
  <c r="BV66" i="5"/>
  <c r="BU66" i="5"/>
  <c r="BT66" i="5"/>
  <c r="BS66" i="5"/>
  <c r="BR66" i="5"/>
  <c r="BQ66" i="5"/>
  <c r="BP66" i="5"/>
  <c r="BO66" i="5"/>
  <c r="BN66" i="5"/>
  <c r="BM66" i="5"/>
  <c r="BL66" i="5"/>
  <c r="BK66" i="5"/>
  <c r="BJ66" i="5"/>
  <c r="BI66" i="5"/>
  <c r="BH66" i="5"/>
  <c r="BG66" i="5"/>
  <c r="BF66" i="5"/>
  <c r="BE66" i="5"/>
  <c r="BD66" i="5"/>
  <c r="BC66" i="5"/>
  <c r="BB66" i="5"/>
  <c r="AZ66" i="5"/>
  <c r="Q66" i="5"/>
  <c r="CF65" i="5"/>
  <c r="CE65" i="5"/>
  <c r="CD65" i="5"/>
  <c r="CC65" i="5"/>
  <c r="CB65" i="5"/>
  <c r="CA65" i="5"/>
  <c r="BZ65" i="5"/>
  <c r="BY65" i="5"/>
  <c r="BX65" i="5"/>
  <c r="BW65" i="5"/>
  <c r="BV65" i="5"/>
  <c r="BU65" i="5"/>
  <c r="BT65" i="5"/>
  <c r="BS65" i="5"/>
  <c r="BR65" i="5"/>
  <c r="BQ65" i="5"/>
  <c r="BP65" i="5"/>
  <c r="BO65" i="5"/>
  <c r="BN65" i="5"/>
  <c r="BM65" i="5"/>
  <c r="BL65" i="5"/>
  <c r="BK65" i="5"/>
  <c r="BJ65" i="5"/>
  <c r="BI65" i="5"/>
  <c r="BH65" i="5"/>
  <c r="BG65" i="5"/>
  <c r="BF65" i="5"/>
  <c r="BE65" i="5"/>
  <c r="BD65" i="5"/>
  <c r="BC65" i="5"/>
  <c r="BB65" i="5"/>
  <c r="AZ65" i="5"/>
  <c r="Q65" i="5"/>
  <c r="CF64" i="5"/>
  <c r="CE64" i="5"/>
  <c r="CD64" i="5"/>
  <c r="CC64" i="5"/>
  <c r="CB64" i="5"/>
  <c r="CA64" i="5"/>
  <c r="BZ64" i="5"/>
  <c r="BY64" i="5"/>
  <c r="BX64" i="5"/>
  <c r="BW64" i="5"/>
  <c r="BV64" i="5"/>
  <c r="BU64" i="5"/>
  <c r="BT64" i="5"/>
  <c r="BS64" i="5"/>
  <c r="BR64" i="5"/>
  <c r="BQ64" i="5"/>
  <c r="BP64" i="5"/>
  <c r="BO64" i="5"/>
  <c r="BN64" i="5"/>
  <c r="BM64" i="5"/>
  <c r="BL64" i="5"/>
  <c r="BK64" i="5"/>
  <c r="BJ64" i="5"/>
  <c r="BI64" i="5"/>
  <c r="BH64" i="5"/>
  <c r="BG64" i="5"/>
  <c r="BF64" i="5"/>
  <c r="BE64" i="5"/>
  <c r="BD64" i="5"/>
  <c r="BC64" i="5"/>
  <c r="BB64" i="5"/>
  <c r="AZ64" i="5"/>
  <c r="Q64" i="5"/>
  <c r="CF63" i="5"/>
  <c r="CE63" i="5"/>
  <c r="CD63" i="5"/>
  <c r="CC63" i="5"/>
  <c r="CB63" i="5"/>
  <c r="CA63" i="5"/>
  <c r="BZ63" i="5"/>
  <c r="BY63" i="5"/>
  <c r="BX63" i="5"/>
  <c r="BW63" i="5"/>
  <c r="BV63" i="5"/>
  <c r="BU63" i="5"/>
  <c r="BT63" i="5"/>
  <c r="BS63" i="5"/>
  <c r="BR63" i="5"/>
  <c r="BQ63" i="5"/>
  <c r="BP63" i="5"/>
  <c r="BO63" i="5"/>
  <c r="BN63" i="5"/>
  <c r="BM63" i="5"/>
  <c r="BL63" i="5"/>
  <c r="BK63" i="5"/>
  <c r="BJ63" i="5"/>
  <c r="BI63" i="5"/>
  <c r="BH63" i="5"/>
  <c r="BG63" i="5"/>
  <c r="BF63" i="5"/>
  <c r="BE63" i="5"/>
  <c r="BD63" i="5"/>
  <c r="BC63" i="5"/>
  <c r="BB63" i="5"/>
  <c r="AZ63" i="5"/>
  <c r="Q63" i="5"/>
  <c r="CF62" i="5"/>
  <c r="CE62" i="5"/>
  <c r="CD62" i="5"/>
  <c r="CC62" i="5"/>
  <c r="CB62" i="5"/>
  <c r="CA62" i="5"/>
  <c r="BZ62" i="5"/>
  <c r="BY62" i="5"/>
  <c r="BX62" i="5"/>
  <c r="BW62" i="5"/>
  <c r="BV62" i="5"/>
  <c r="BU62" i="5"/>
  <c r="BT62" i="5"/>
  <c r="BS62" i="5"/>
  <c r="BR62" i="5"/>
  <c r="BQ62" i="5"/>
  <c r="BP62" i="5"/>
  <c r="BO62" i="5"/>
  <c r="BN62" i="5"/>
  <c r="BM62" i="5"/>
  <c r="BL62" i="5"/>
  <c r="BK62" i="5"/>
  <c r="BJ62" i="5"/>
  <c r="BI62" i="5"/>
  <c r="BH62" i="5"/>
  <c r="BG62" i="5"/>
  <c r="BF62" i="5"/>
  <c r="BE62" i="5"/>
  <c r="BD62" i="5"/>
  <c r="BC62" i="5"/>
  <c r="BB62" i="5"/>
  <c r="AZ62" i="5"/>
  <c r="Q62" i="5"/>
  <c r="CF61" i="5"/>
  <c r="CE61" i="5"/>
  <c r="CD61" i="5"/>
  <c r="CC61" i="5"/>
  <c r="CB61" i="5"/>
  <c r="CA61" i="5"/>
  <c r="BZ61" i="5"/>
  <c r="BY61" i="5"/>
  <c r="BX61" i="5"/>
  <c r="BW61" i="5"/>
  <c r="BV61" i="5"/>
  <c r="BU61" i="5"/>
  <c r="BT61" i="5"/>
  <c r="BS61" i="5"/>
  <c r="BR61" i="5"/>
  <c r="BQ61" i="5"/>
  <c r="BP61" i="5"/>
  <c r="BO61" i="5"/>
  <c r="BN61" i="5"/>
  <c r="BM61" i="5"/>
  <c r="BL61" i="5"/>
  <c r="BK61" i="5"/>
  <c r="BJ61" i="5"/>
  <c r="BI61" i="5"/>
  <c r="BH61" i="5"/>
  <c r="BG61" i="5"/>
  <c r="BF61" i="5"/>
  <c r="BE61" i="5"/>
  <c r="BD61" i="5"/>
  <c r="BC61" i="5"/>
  <c r="BB61" i="5"/>
  <c r="AZ61" i="5"/>
  <c r="Q61" i="5"/>
  <c r="CF60" i="5"/>
  <c r="CE60" i="5"/>
  <c r="CD60" i="5"/>
  <c r="CC60" i="5"/>
  <c r="CB60" i="5"/>
  <c r="CA60" i="5"/>
  <c r="BZ60" i="5"/>
  <c r="BY60" i="5"/>
  <c r="BX60" i="5"/>
  <c r="BW60" i="5"/>
  <c r="BV60" i="5"/>
  <c r="BU60" i="5"/>
  <c r="BT60" i="5"/>
  <c r="BS60" i="5"/>
  <c r="BR60" i="5"/>
  <c r="BQ60" i="5"/>
  <c r="BP60" i="5"/>
  <c r="BO60" i="5"/>
  <c r="BN60" i="5"/>
  <c r="BM60" i="5"/>
  <c r="BL60" i="5"/>
  <c r="BK60" i="5"/>
  <c r="BJ60" i="5"/>
  <c r="BI60" i="5"/>
  <c r="BH60" i="5"/>
  <c r="BG60" i="5"/>
  <c r="BF60" i="5"/>
  <c r="BE60" i="5"/>
  <c r="BD60" i="5"/>
  <c r="BC60" i="5"/>
  <c r="BB60" i="5"/>
  <c r="AZ60" i="5"/>
  <c r="Q60" i="5"/>
  <c r="CF59" i="5"/>
  <c r="CE59" i="5"/>
  <c r="CD59" i="5"/>
  <c r="CC59" i="5"/>
  <c r="CB59" i="5"/>
  <c r="CA59" i="5"/>
  <c r="BZ59" i="5"/>
  <c r="BY59" i="5"/>
  <c r="BX59" i="5"/>
  <c r="BW59" i="5"/>
  <c r="BV59" i="5"/>
  <c r="BU59" i="5"/>
  <c r="BT59" i="5"/>
  <c r="BS59" i="5"/>
  <c r="BR59" i="5"/>
  <c r="BQ59" i="5"/>
  <c r="BP59" i="5"/>
  <c r="BO59" i="5"/>
  <c r="BN59" i="5"/>
  <c r="BM59" i="5"/>
  <c r="BL59" i="5"/>
  <c r="BK59" i="5"/>
  <c r="BJ59" i="5"/>
  <c r="BI59" i="5"/>
  <c r="BH59" i="5"/>
  <c r="BG59" i="5"/>
  <c r="BF59" i="5"/>
  <c r="BE59" i="5"/>
  <c r="BD59" i="5"/>
  <c r="BC59" i="5"/>
  <c r="BB59" i="5"/>
  <c r="AZ59" i="5"/>
  <c r="BA59" i="5" s="1"/>
  <c r="Q59" i="5"/>
  <c r="CF58" i="5"/>
  <c r="CE58" i="5"/>
  <c r="CD58" i="5"/>
  <c r="CC58" i="5"/>
  <c r="CB58" i="5"/>
  <c r="CA58" i="5"/>
  <c r="BZ58" i="5"/>
  <c r="BY58" i="5"/>
  <c r="BX58" i="5"/>
  <c r="BW58" i="5"/>
  <c r="BV58" i="5"/>
  <c r="BU58" i="5"/>
  <c r="BT58" i="5"/>
  <c r="BS58" i="5"/>
  <c r="BR58" i="5"/>
  <c r="BQ58" i="5"/>
  <c r="BP58" i="5"/>
  <c r="BO58" i="5"/>
  <c r="BN58" i="5"/>
  <c r="BM58" i="5"/>
  <c r="BL58" i="5"/>
  <c r="BK58" i="5"/>
  <c r="BJ58" i="5"/>
  <c r="BI58" i="5"/>
  <c r="BH58" i="5"/>
  <c r="BG58" i="5"/>
  <c r="BF58" i="5"/>
  <c r="BE58" i="5"/>
  <c r="BD58" i="5"/>
  <c r="BC58" i="5"/>
  <c r="BB58" i="5"/>
  <c r="AZ58" i="5"/>
  <c r="Q58" i="5"/>
  <c r="CF57" i="5"/>
  <c r="CE57" i="5"/>
  <c r="CD57" i="5"/>
  <c r="CC57" i="5"/>
  <c r="CB57" i="5"/>
  <c r="CA57" i="5"/>
  <c r="BZ57" i="5"/>
  <c r="BY57" i="5"/>
  <c r="BX57" i="5"/>
  <c r="BW57" i="5"/>
  <c r="BV57" i="5"/>
  <c r="BU57" i="5"/>
  <c r="BT57" i="5"/>
  <c r="BS57" i="5"/>
  <c r="BR57" i="5"/>
  <c r="BQ57" i="5"/>
  <c r="BP57" i="5"/>
  <c r="BO57" i="5"/>
  <c r="BN57" i="5"/>
  <c r="BM57" i="5"/>
  <c r="BL57" i="5"/>
  <c r="BK57" i="5"/>
  <c r="BJ57" i="5"/>
  <c r="BI57" i="5"/>
  <c r="BH57" i="5"/>
  <c r="BG57" i="5"/>
  <c r="BF57" i="5"/>
  <c r="BE57" i="5"/>
  <c r="BD57" i="5"/>
  <c r="BC57" i="5"/>
  <c r="BB57" i="5"/>
  <c r="AZ57" i="5"/>
  <c r="Q57" i="5"/>
  <c r="CF56" i="5"/>
  <c r="CE56" i="5"/>
  <c r="CD56" i="5"/>
  <c r="CC56" i="5"/>
  <c r="CB56" i="5"/>
  <c r="CA56" i="5"/>
  <c r="BZ56" i="5"/>
  <c r="BY56" i="5"/>
  <c r="BX56" i="5"/>
  <c r="BW56" i="5"/>
  <c r="BV56" i="5"/>
  <c r="BU56" i="5"/>
  <c r="BT56" i="5"/>
  <c r="BS56" i="5"/>
  <c r="BR56" i="5"/>
  <c r="BQ56" i="5"/>
  <c r="BP56" i="5"/>
  <c r="BO56" i="5"/>
  <c r="BN56" i="5"/>
  <c r="BM56" i="5"/>
  <c r="BL56" i="5"/>
  <c r="BK56" i="5"/>
  <c r="BJ56" i="5"/>
  <c r="BI56" i="5"/>
  <c r="BH56" i="5"/>
  <c r="BG56" i="5"/>
  <c r="BF56" i="5"/>
  <c r="BE56" i="5"/>
  <c r="BD56" i="5"/>
  <c r="BC56" i="5"/>
  <c r="BB56" i="5"/>
  <c r="AZ56" i="5"/>
  <c r="Q56" i="5"/>
  <c r="CF55" i="5"/>
  <c r="CE55" i="5"/>
  <c r="CD55" i="5"/>
  <c r="CC55" i="5"/>
  <c r="CB55" i="5"/>
  <c r="CA55" i="5"/>
  <c r="BZ55" i="5"/>
  <c r="BY55" i="5"/>
  <c r="BX55" i="5"/>
  <c r="BW55" i="5"/>
  <c r="BV55" i="5"/>
  <c r="BU55" i="5"/>
  <c r="BT55" i="5"/>
  <c r="BS55" i="5"/>
  <c r="BR55" i="5"/>
  <c r="BQ55" i="5"/>
  <c r="BP55" i="5"/>
  <c r="BO55" i="5"/>
  <c r="BN55" i="5"/>
  <c r="BM55" i="5"/>
  <c r="BL55" i="5"/>
  <c r="BK55" i="5"/>
  <c r="BJ55" i="5"/>
  <c r="BI55" i="5"/>
  <c r="BH55" i="5"/>
  <c r="BG55" i="5"/>
  <c r="BF55" i="5"/>
  <c r="BE55" i="5"/>
  <c r="BD55" i="5"/>
  <c r="BC55" i="5"/>
  <c r="BB55" i="5"/>
  <c r="AZ55" i="5"/>
  <c r="Q55" i="5"/>
  <c r="CF54" i="5"/>
  <c r="CE54" i="5"/>
  <c r="CD54" i="5"/>
  <c r="CC54" i="5"/>
  <c r="CB54" i="5"/>
  <c r="CA54" i="5"/>
  <c r="BZ54" i="5"/>
  <c r="BY54" i="5"/>
  <c r="BX54" i="5"/>
  <c r="BW54" i="5"/>
  <c r="BV54" i="5"/>
  <c r="BU54" i="5"/>
  <c r="BT54" i="5"/>
  <c r="BS54" i="5"/>
  <c r="BR54" i="5"/>
  <c r="BQ54" i="5"/>
  <c r="BP54" i="5"/>
  <c r="BO54" i="5"/>
  <c r="BN54" i="5"/>
  <c r="BM54" i="5"/>
  <c r="BL54" i="5"/>
  <c r="BK54" i="5"/>
  <c r="BJ54" i="5"/>
  <c r="BI54" i="5"/>
  <c r="BH54" i="5"/>
  <c r="BG54" i="5"/>
  <c r="BF54" i="5"/>
  <c r="BE54" i="5"/>
  <c r="BD54" i="5"/>
  <c r="BC54" i="5"/>
  <c r="BB54" i="5"/>
  <c r="AZ54" i="5"/>
  <c r="Q54" i="5"/>
  <c r="CF53" i="5"/>
  <c r="CE53" i="5"/>
  <c r="CD53" i="5"/>
  <c r="CC53" i="5"/>
  <c r="CB53" i="5"/>
  <c r="CA53" i="5"/>
  <c r="BZ53" i="5"/>
  <c r="BY53" i="5"/>
  <c r="BX53" i="5"/>
  <c r="BW53" i="5"/>
  <c r="BV53" i="5"/>
  <c r="BU53" i="5"/>
  <c r="BT53" i="5"/>
  <c r="BS53" i="5"/>
  <c r="BR53" i="5"/>
  <c r="BQ53" i="5"/>
  <c r="BP53" i="5"/>
  <c r="BO53" i="5"/>
  <c r="BN53" i="5"/>
  <c r="BM53" i="5"/>
  <c r="BL53" i="5"/>
  <c r="BK53" i="5"/>
  <c r="BJ53" i="5"/>
  <c r="BI53" i="5"/>
  <c r="BH53" i="5"/>
  <c r="BG53" i="5"/>
  <c r="BF53" i="5"/>
  <c r="BE53" i="5"/>
  <c r="BD53" i="5"/>
  <c r="BC53" i="5"/>
  <c r="BB53" i="5"/>
  <c r="AZ53" i="5"/>
  <c r="Q53" i="5"/>
  <c r="CF52" i="5"/>
  <c r="CE52" i="5"/>
  <c r="CD52" i="5"/>
  <c r="CC52" i="5"/>
  <c r="CB52" i="5"/>
  <c r="CA52" i="5"/>
  <c r="BZ52" i="5"/>
  <c r="BY52" i="5"/>
  <c r="BX52" i="5"/>
  <c r="BW52" i="5"/>
  <c r="BV52" i="5"/>
  <c r="BU52" i="5"/>
  <c r="BT52" i="5"/>
  <c r="BS52" i="5"/>
  <c r="BR52" i="5"/>
  <c r="BQ52" i="5"/>
  <c r="BP52" i="5"/>
  <c r="BO52" i="5"/>
  <c r="BN52" i="5"/>
  <c r="BM52" i="5"/>
  <c r="BL52" i="5"/>
  <c r="BK52" i="5"/>
  <c r="BJ52" i="5"/>
  <c r="BI52" i="5"/>
  <c r="BH52" i="5"/>
  <c r="BG52" i="5"/>
  <c r="BF52" i="5"/>
  <c r="BE52" i="5"/>
  <c r="BD52" i="5"/>
  <c r="BC52" i="5"/>
  <c r="BB52" i="5"/>
  <c r="AZ52" i="5"/>
  <c r="Q52" i="5"/>
  <c r="CF51" i="5"/>
  <c r="CE51" i="5"/>
  <c r="CD51" i="5"/>
  <c r="CC51" i="5"/>
  <c r="CB51" i="5"/>
  <c r="CA51" i="5"/>
  <c r="BZ51" i="5"/>
  <c r="BY51" i="5"/>
  <c r="BX51" i="5"/>
  <c r="BW51" i="5"/>
  <c r="BV51" i="5"/>
  <c r="BU51" i="5"/>
  <c r="BT51" i="5"/>
  <c r="BS51" i="5"/>
  <c r="BR51" i="5"/>
  <c r="BQ51" i="5"/>
  <c r="BP51" i="5"/>
  <c r="BO51" i="5"/>
  <c r="BN51" i="5"/>
  <c r="BM51" i="5"/>
  <c r="BL51" i="5"/>
  <c r="BK51" i="5"/>
  <c r="BJ51" i="5"/>
  <c r="BI51" i="5"/>
  <c r="BH51" i="5"/>
  <c r="BG51" i="5"/>
  <c r="BF51" i="5"/>
  <c r="BE51" i="5"/>
  <c r="BD51" i="5"/>
  <c r="BC51" i="5"/>
  <c r="BB51" i="5"/>
  <c r="AZ51" i="5"/>
  <c r="BA51" i="5" s="1"/>
  <c r="Q51" i="5"/>
  <c r="CF50" i="5"/>
  <c r="CE50" i="5"/>
  <c r="CD50" i="5"/>
  <c r="CC50" i="5"/>
  <c r="CB50" i="5"/>
  <c r="CA50" i="5"/>
  <c r="BZ50" i="5"/>
  <c r="BY50" i="5"/>
  <c r="BX50" i="5"/>
  <c r="BW50" i="5"/>
  <c r="BV50" i="5"/>
  <c r="BU50" i="5"/>
  <c r="BT50" i="5"/>
  <c r="BS50" i="5"/>
  <c r="BR50" i="5"/>
  <c r="BQ50" i="5"/>
  <c r="BP50" i="5"/>
  <c r="BO50" i="5"/>
  <c r="BN50" i="5"/>
  <c r="BM50" i="5"/>
  <c r="BL50" i="5"/>
  <c r="BK50" i="5"/>
  <c r="BJ50" i="5"/>
  <c r="BI50" i="5"/>
  <c r="BH50" i="5"/>
  <c r="BG50" i="5"/>
  <c r="BF50" i="5"/>
  <c r="BE50" i="5"/>
  <c r="BD50" i="5"/>
  <c r="BC50" i="5"/>
  <c r="BB50" i="5"/>
  <c r="AZ50" i="5"/>
  <c r="Q50" i="5"/>
  <c r="CF49" i="5"/>
  <c r="CE49" i="5"/>
  <c r="CD49" i="5"/>
  <c r="CC49" i="5"/>
  <c r="CB49" i="5"/>
  <c r="CA49" i="5"/>
  <c r="BZ49" i="5"/>
  <c r="BY49" i="5"/>
  <c r="BX49" i="5"/>
  <c r="BW49" i="5"/>
  <c r="BV49" i="5"/>
  <c r="BU49" i="5"/>
  <c r="BT49" i="5"/>
  <c r="BS49" i="5"/>
  <c r="BR49" i="5"/>
  <c r="BQ49" i="5"/>
  <c r="BP49" i="5"/>
  <c r="BO49" i="5"/>
  <c r="BN49" i="5"/>
  <c r="BM49" i="5"/>
  <c r="BL49" i="5"/>
  <c r="BK49" i="5"/>
  <c r="BJ49" i="5"/>
  <c r="BI49" i="5"/>
  <c r="BH49" i="5"/>
  <c r="BG49" i="5"/>
  <c r="BF49" i="5"/>
  <c r="BE49" i="5"/>
  <c r="BD49" i="5"/>
  <c r="BC49" i="5"/>
  <c r="BB49" i="5"/>
  <c r="AZ49" i="5"/>
  <c r="Q49" i="5"/>
  <c r="CF48" i="5"/>
  <c r="CE48" i="5"/>
  <c r="CD48" i="5"/>
  <c r="CC48" i="5"/>
  <c r="CB48" i="5"/>
  <c r="CA48" i="5"/>
  <c r="BZ48" i="5"/>
  <c r="BY48" i="5"/>
  <c r="BX48" i="5"/>
  <c r="BW48" i="5"/>
  <c r="BV48" i="5"/>
  <c r="BU48" i="5"/>
  <c r="BT48" i="5"/>
  <c r="BS48" i="5"/>
  <c r="BR48" i="5"/>
  <c r="BQ48" i="5"/>
  <c r="BP48" i="5"/>
  <c r="BO48" i="5"/>
  <c r="BN48" i="5"/>
  <c r="BM48" i="5"/>
  <c r="BL48" i="5"/>
  <c r="BK48" i="5"/>
  <c r="BJ48" i="5"/>
  <c r="BI48" i="5"/>
  <c r="BH48" i="5"/>
  <c r="BG48" i="5"/>
  <c r="BF48" i="5"/>
  <c r="BE48" i="5"/>
  <c r="BD48" i="5"/>
  <c r="BC48" i="5"/>
  <c r="BB48" i="5"/>
  <c r="AZ48" i="5"/>
  <c r="Q48" i="5"/>
  <c r="CF47" i="5"/>
  <c r="CE47" i="5"/>
  <c r="CD47" i="5"/>
  <c r="CC47" i="5"/>
  <c r="CB47" i="5"/>
  <c r="CA47" i="5"/>
  <c r="BZ47" i="5"/>
  <c r="BY47" i="5"/>
  <c r="BX47" i="5"/>
  <c r="BW47" i="5"/>
  <c r="BV47" i="5"/>
  <c r="BU47" i="5"/>
  <c r="BT47" i="5"/>
  <c r="BS47" i="5"/>
  <c r="BR47" i="5"/>
  <c r="BQ47" i="5"/>
  <c r="BP47" i="5"/>
  <c r="BO47" i="5"/>
  <c r="BN47" i="5"/>
  <c r="BM47" i="5"/>
  <c r="BL47" i="5"/>
  <c r="BK47" i="5"/>
  <c r="BJ47" i="5"/>
  <c r="BI47" i="5"/>
  <c r="BH47" i="5"/>
  <c r="BG47" i="5"/>
  <c r="BF47" i="5"/>
  <c r="BE47" i="5"/>
  <c r="BD47" i="5"/>
  <c r="BC47" i="5"/>
  <c r="BB47" i="5"/>
  <c r="AZ47" i="5"/>
  <c r="Q47" i="5"/>
  <c r="CF46" i="5"/>
  <c r="CE46" i="5"/>
  <c r="CD46" i="5"/>
  <c r="CC46" i="5"/>
  <c r="CB46" i="5"/>
  <c r="CA46" i="5"/>
  <c r="BZ46" i="5"/>
  <c r="BY46" i="5"/>
  <c r="BX46" i="5"/>
  <c r="BW46" i="5"/>
  <c r="BV46" i="5"/>
  <c r="BU46" i="5"/>
  <c r="BT46" i="5"/>
  <c r="BS46" i="5"/>
  <c r="BR46" i="5"/>
  <c r="BQ46" i="5"/>
  <c r="BP46" i="5"/>
  <c r="BO46" i="5"/>
  <c r="BN46" i="5"/>
  <c r="BM46" i="5"/>
  <c r="BL46" i="5"/>
  <c r="BK46" i="5"/>
  <c r="BJ46" i="5"/>
  <c r="BI46" i="5"/>
  <c r="BH46" i="5"/>
  <c r="BG46" i="5"/>
  <c r="BF46" i="5"/>
  <c r="BE46" i="5"/>
  <c r="BD46" i="5"/>
  <c r="BC46" i="5"/>
  <c r="BB46" i="5"/>
  <c r="AZ46" i="5"/>
  <c r="Q46" i="5"/>
  <c r="CF45" i="5"/>
  <c r="CE45" i="5"/>
  <c r="CD45" i="5"/>
  <c r="CC45" i="5"/>
  <c r="CB45" i="5"/>
  <c r="CA45" i="5"/>
  <c r="BZ45" i="5"/>
  <c r="BY45" i="5"/>
  <c r="BX45" i="5"/>
  <c r="BW45" i="5"/>
  <c r="BV45" i="5"/>
  <c r="BU45" i="5"/>
  <c r="BT45" i="5"/>
  <c r="BS45" i="5"/>
  <c r="BR45" i="5"/>
  <c r="BQ45" i="5"/>
  <c r="BP45" i="5"/>
  <c r="BO45" i="5"/>
  <c r="BN45" i="5"/>
  <c r="BM45" i="5"/>
  <c r="BL45" i="5"/>
  <c r="BK45" i="5"/>
  <c r="BJ45" i="5"/>
  <c r="BI45" i="5"/>
  <c r="BH45" i="5"/>
  <c r="BG45" i="5"/>
  <c r="BF45" i="5"/>
  <c r="BE45" i="5"/>
  <c r="BD45" i="5"/>
  <c r="BC45" i="5"/>
  <c r="BB45" i="5"/>
  <c r="AZ45" i="5"/>
  <c r="Q45" i="5"/>
  <c r="CF44" i="5"/>
  <c r="CE44" i="5"/>
  <c r="CD44" i="5"/>
  <c r="CC44" i="5"/>
  <c r="CB44" i="5"/>
  <c r="CA44" i="5"/>
  <c r="BZ44" i="5"/>
  <c r="BY44" i="5"/>
  <c r="BX44" i="5"/>
  <c r="BW44" i="5"/>
  <c r="BV44" i="5"/>
  <c r="BU44" i="5"/>
  <c r="BT44" i="5"/>
  <c r="BS44" i="5"/>
  <c r="BR44" i="5"/>
  <c r="BQ44" i="5"/>
  <c r="BP44" i="5"/>
  <c r="BO44" i="5"/>
  <c r="BN44" i="5"/>
  <c r="BM44" i="5"/>
  <c r="BL44" i="5"/>
  <c r="BK44" i="5"/>
  <c r="BJ44" i="5"/>
  <c r="BI44" i="5"/>
  <c r="BH44" i="5"/>
  <c r="BG44" i="5"/>
  <c r="BF44" i="5"/>
  <c r="BE44" i="5"/>
  <c r="BD44" i="5"/>
  <c r="BC44" i="5"/>
  <c r="BB44" i="5"/>
  <c r="AZ44" i="5"/>
  <c r="Q44" i="5"/>
  <c r="CF43" i="5"/>
  <c r="CE43" i="5"/>
  <c r="CD43" i="5"/>
  <c r="CC43" i="5"/>
  <c r="CB43" i="5"/>
  <c r="CA43" i="5"/>
  <c r="BZ43" i="5"/>
  <c r="BY43" i="5"/>
  <c r="BX43" i="5"/>
  <c r="BW43" i="5"/>
  <c r="BV43" i="5"/>
  <c r="BU43" i="5"/>
  <c r="BT43" i="5"/>
  <c r="BS43" i="5"/>
  <c r="BR43" i="5"/>
  <c r="BQ43" i="5"/>
  <c r="BP43" i="5"/>
  <c r="BO43" i="5"/>
  <c r="BN43" i="5"/>
  <c r="BM43" i="5"/>
  <c r="BL43" i="5"/>
  <c r="BK43" i="5"/>
  <c r="BJ43" i="5"/>
  <c r="BI43" i="5"/>
  <c r="BH43" i="5"/>
  <c r="BG43" i="5"/>
  <c r="BF43" i="5"/>
  <c r="BE43" i="5"/>
  <c r="BD43" i="5"/>
  <c r="BC43" i="5"/>
  <c r="BB43" i="5"/>
  <c r="AZ43" i="5"/>
  <c r="Q43" i="5"/>
  <c r="CF42" i="5"/>
  <c r="CE42" i="5"/>
  <c r="CD42" i="5"/>
  <c r="CC42" i="5"/>
  <c r="CB42" i="5"/>
  <c r="CA42" i="5"/>
  <c r="BZ42" i="5"/>
  <c r="BY42" i="5"/>
  <c r="BX42" i="5"/>
  <c r="BW42" i="5"/>
  <c r="BV42" i="5"/>
  <c r="BU42" i="5"/>
  <c r="BT42" i="5"/>
  <c r="BS42" i="5"/>
  <c r="BR42" i="5"/>
  <c r="BQ42" i="5"/>
  <c r="BP42" i="5"/>
  <c r="BO42" i="5"/>
  <c r="BN42" i="5"/>
  <c r="BM42" i="5"/>
  <c r="BL42" i="5"/>
  <c r="BK42" i="5"/>
  <c r="BJ42" i="5"/>
  <c r="BI42" i="5"/>
  <c r="BH42" i="5"/>
  <c r="BG42" i="5"/>
  <c r="BF42" i="5"/>
  <c r="BE42" i="5"/>
  <c r="BD42" i="5"/>
  <c r="BC42" i="5"/>
  <c r="BB42" i="5"/>
  <c r="AZ42" i="5"/>
  <c r="Q42" i="5"/>
  <c r="CF41" i="5"/>
  <c r="CE41" i="5"/>
  <c r="CD41" i="5"/>
  <c r="CC41" i="5"/>
  <c r="CB41" i="5"/>
  <c r="CA41" i="5"/>
  <c r="BZ41" i="5"/>
  <c r="BY41" i="5"/>
  <c r="BX41" i="5"/>
  <c r="BW41" i="5"/>
  <c r="BV41" i="5"/>
  <c r="BU41" i="5"/>
  <c r="BT41" i="5"/>
  <c r="BS41" i="5"/>
  <c r="BR41" i="5"/>
  <c r="BQ41" i="5"/>
  <c r="BP41" i="5"/>
  <c r="BO41" i="5"/>
  <c r="BN41" i="5"/>
  <c r="BM41" i="5"/>
  <c r="BL41" i="5"/>
  <c r="BK41" i="5"/>
  <c r="BJ41" i="5"/>
  <c r="BI41" i="5"/>
  <c r="BH41" i="5"/>
  <c r="BG41" i="5"/>
  <c r="BF41" i="5"/>
  <c r="BE41" i="5"/>
  <c r="BD41" i="5"/>
  <c r="BC41" i="5"/>
  <c r="BB41" i="5"/>
  <c r="AZ41" i="5"/>
  <c r="Q41" i="5"/>
  <c r="CF40" i="5"/>
  <c r="CE40" i="5"/>
  <c r="CD40" i="5"/>
  <c r="CC40" i="5"/>
  <c r="CB40" i="5"/>
  <c r="CA40" i="5"/>
  <c r="BZ40" i="5"/>
  <c r="BY40" i="5"/>
  <c r="BX40" i="5"/>
  <c r="BW40" i="5"/>
  <c r="BV40" i="5"/>
  <c r="BU40" i="5"/>
  <c r="BT40" i="5"/>
  <c r="BS40" i="5"/>
  <c r="BR40" i="5"/>
  <c r="BQ40" i="5"/>
  <c r="BP40" i="5"/>
  <c r="BO40" i="5"/>
  <c r="BN40" i="5"/>
  <c r="BM40" i="5"/>
  <c r="BL40" i="5"/>
  <c r="BK40" i="5"/>
  <c r="BJ40" i="5"/>
  <c r="BI40" i="5"/>
  <c r="BH40" i="5"/>
  <c r="BG40" i="5"/>
  <c r="BF40" i="5"/>
  <c r="BE40" i="5"/>
  <c r="BD40" i="5"/>
  <c r="BC40" i="5"/>
  <c r="BB40" i="5"/>
  <c r="AZ40" i="5"/>
  <c r="Q40" i="5"/>
  <c r="CF39" i="5"/>
  <c r="CE39" i="5"/>
  <c r="CD39" i="5"/>
  <c r="CC39" i="5"/>
  <c r="CB39" i="5"/>
  <c r="CA39" i="5"/>
  <c r="BZ39" i="5"/>
  <c r="BY39" i="5"/>
  <c r="BX39" i="5"/>
  <c r="BW39" i="5"/>
  <c r="BV39" i="5"/>
  <c r="BU39" i="5"/>
  <c r="BT39" i="5"/>
  <c r="BS39" i="5"/>
  <c r="BR39" i="5"/>
  <c r="BQ39" i="5"/>
  <c r="BP39" i="5"/>
  <c r="BO39" i="5"/>
  <c r="BN39" i="5"/>
  <c r="BM39" i="5"/>
  <c r="BL39" i="5"/>
  <c r="BK39" i="5"/>
  <c r="BJ39" i="5"/>
  <c r="BI39" i="5"/>
  <c r="BH39" i="5"/>
  <c r="BG39" i="5"/>
  <c r="BF39" i="5"/>
  <c r="BE39" i="5"/>
  <c r="BD39" i="5"/>
  <c r="BC39" i="5"/>
  <c r="BB39" i="5"/>
  <c r="AZ39" i="5"/>
  <c r="Q39" i="5"/>
  <c r="CF38" i="5"/>
  <c r="CE38" i="5"/>
  <c r="CD38" i="5"/>
  <c r="CC38" i="5"/>
  <c r="CB38" i="5"/>
  <c r="CA38" i="5"/>
  <c r="BZ38" i="5"/>
  <c r="BY38" i="5"/>
  <c r="BX38" i="5"/>
  <c r="BW38" i="5"/>
  <c r="BV38" i="5"/>
  <c r="BU38" i="5"/>
  <c r="BT38" i="5"/>
  <c r="BS38" i="5"/>
  <c r="BR38" i="5"/>
  <c r="BQ38" i="5"/>
  <c r="BP38" i="5"/>
  <c r="BO38" i="5"/>
  <c r="BN38" i="5"/>
  <c r="BM38" i="5"/>
  <c r="BL38" i="5"/>
  <c r="BK38" i="5"/>
  <c r="BJ38" i="5"/>
  <c r="BI38" i="5"/>
  <c r="BH38" i="5"/>
  <c r="BG38" i="5"/>
  <c r="BF38" i="5"/>
  <c r="BE38" i="5"/>
  <c r="BD38" i="5"/>
  <c r="BC38" i="5"/>
  <c r="BB38" i="5"/>
  <c r="AZ38" i="5"/>
  <c r="Q38" i="5"/>
  <c r="CF37" i="5"/>
  <c r="CE37" i="5"/>
  <c r="CD37" i="5"/>
  <c r="CC37" i="5"/>
  <c r="CB37" i="5"/>
  <c r="CA37" i="5"/>
  <c r="BZ37" i="5"/>
  <c r="BY37" i="5"/>
  <c r="BX37" i="5"/>
  <c r="BW37" i="5"/>
  <c r="BV37" i="5"/>
  <c r="BU37" i="5"/>
  <c r="BT37" i="5"/>
  <c r="BS37" i="5"/>
  <c r="BR37" i="5"/>
  <c r="BQ37" i="5"/>
  <c r="BP37" i="5"/>
  <c r="BO37" i="5"/>
  <c r="BN37" i="5"/>
  <c r="BM37" i="5"/>
  <c r="BL37" i="5"/>
  <c r="BK37" i="5"/>
  <c r="BJ37" i="5"/>
  <c r="BI37" i="5"/>
  <c r="BH37" i="5"/>
  <c r="BG37" i="5"/>
  <c r="BF37" i="5"/>
  <c r="BE37" i="5"/>
  <c r="BD37" i="5"/>
  <c r="BC37" i="5"/>
  <c r="BB37" i="5"/>
  <c r="AZ37" i="5"/>
  <c r="Q37" i="5"/>
  <c r="CF36" i="5"/>
  <c r="CE36" i="5"/>
  <c r="CD36" i="5"/>
  <c r="CC36" i="5"/>
  <c r="CB36" i="5"/>
  <c r="CA36" i="5"/>
  <c r="BZ36" i="5"/>
  <c r="BY36" i="5"/>
  <c r="BX36" i="5"/>
  <c r="BW36" i="5"/>
  <c r="BV36" i="5"/>
  <c r="BU36" i="5"/>
  <c r="BT36" i="5"/>
  <c r="BS36" i="5"/>
  <c r="BR36" i="5"/>
  <c r="BQ36" i="5"/>
  <c r="BP36" i="5"/>
  <c r="BO36" i="5"/>
  <c r="BN36" i="5"/>
  <c r="BM36" i="5"/>
  <c r="BL36" i="5"/>
  <c r="BK36" i="5"/>
  <c r="BJ36" i="5"/>
  <c r="BI36" i="5"/>
  <c r="BH36" i="5"/>
  <c r="BG36" i="5"/>
  <c r="BF36" i="5"/>
  <c r="BE36" i="5"/>
  <c r="BD36" i="5"/>
  <c r="BC36" i="5"/>
  <c r="BB36" i="5"/>
  <c r="AZ36" i="5"/>
  <c r="Q36" i="5"/>
  <c r="CF35" i="5"/>
  <c r="CE35" i="5"/>
  <c r="CD35" i="5"/>
  <c r="CC35" i="5"/>
  <c r="CB35" i="5"/>
  <c r="CA35" i="5"/>
  <c r="BZ35" i="5"/>
  <c r="BY35" i="5"/>
  <c r="BX35" i="5"/>
  <c r="BW35" i="5"/>
  <c r="BV35" i="5"/>
  <c r="BU35" i="5"/>
  <c r="BT35" i="5"/>
  <c r="BS35" i="5"/>
  <c r="BR35" i="5"/>
  <c r="BQ35" i="5"/>
  <c r="BP35" i="5"/>
  <c r="BO35" i="5"/>
  <c r="BN35" i="5"/>
  <c r="BM35" i="5"/>
  <c r="BL35" i="5"/>
  <c r="BK35" i="5"/>
  <c r="BJ35" i="5"/>
  <c r="BI35" i="5"/>
  <c r="BH35" i="5"/>
  <c r="BG35" i="5"/>
  <c r="BF35" i="5"/>
  <c r="BE35" i="5"/>
  <c r="BD35" i="5"/>
  <c r="BC35" i="5"/>
  <c r="BB35" i="5"/>
  <c r="AZ35" i="5"/>
  <c r="BA35" i="5" s="1"/>
  <c r="Q35" i="5"/>
  <c r="CF34" i="5"/>
  <c r="CE34" i="5"/>
  <c r="CD34" i="5"/>
  <c r="CC34" i="5"/>
  <c r="CB34" i="5"/>
  <c r="CA34" i="5"/>
  <c r="BZ34" i="5"/>
  <c r="BY34" i="5"/>
  <c r="BX34" i="5"/>
  <c r="BW34" i="5"/>
  <c r="BV34" i="5"/>
  <c r="BU34" i="5"/>
  <c r="BT34" i="5"/>
  <c r="BS34" i="5"/>
  <c r="BR34" i="5"/>
  <c r="BQ34" i="5"/>
  <c r="BP34" i="5"/>
  <c r="BO34" i="5"/>
  <c r="BN34" i="5"/>
  <c r="BM34" i="5"/>
  <c r="BL34" i="5"/>
  <c r="BK34" i="5"/>
  <c r="BJ34" i="5"/>
  <c r="BI34" i="5"/>
  <c r="BH34" i="5"/>
  <c r="BG34" i="5"/>
  <c r="BF34" i="5"/>
  <c r="BE34" i="5"/>
  <c r="BD34" i="5"/>
  <c r="BC34" i="5"/>
  <c r="BB34" i="5"/>
  <c r="AZ34" i="5"/>
  <c r="Q34" i="5"/>
  <c r="CF33" i="5"/>
  <c r="CE33" i="5"/>
  <c r="CD33" i="5"/>
  <c r="CC33" i="5"/>
  <c r="CB33" i="5"/>
  <c r="CA33" i="5"/>
  <c r="BZ33" i="5"/>
  <c r="BY33" i="5"/>
  <c r="BX33" i="5"/>
  <c r="BW33" i="5"/>
  <c r="BV33" i="5"/>
  <c r="BU33" i="5"/>
  <c r="BT33" i="5"/>
  <c r="BS33" i="5"/>
  <c r="BR33" i="5"/>
  <c r="BQ33" i="5"/>
  <c r="BP33" i="5"/>
  <c r="BO33" i="5"/>
  <c r="BN33" i="5"/>
  <c r="BM33" i="5"/>
  <c r="BL33" i="5"/>
  <c r="BK33" i="5"/>
  <c r="BJ33" i="5"/>
  <c r="BI33" i="5"/>
  <c r="BH33" i="5"/>
  <c r="BG33" i="5"/>
  <c r="BF33" i="5"/>
  <c r="BE33" i="5"/>
  <c r="BD33" i="5"/>
  <c r="BC33" i="5"/>
  <c r="BB33" i="5"/>
  <c r="AZ33" i="5"/>
  <c r="Q33" i="5"/>
  <c r="CF32" i="5"/>
  <c r="CE32" i="5"/>
  <c r="CD32" i="5"/>
  <c r="CC32" i="5"/>
  <c r="CB32" i="5"/>
  <c r="CA32" i="5"/>
  <c r="BZ32" i="5"/>
  <c r="BY32" i="5"/>
  <c r="BX32" i="5"/>
  <c r="BW32" i="5"/>
  <c r="BV32" i="5"/>
  <c r="BU32" i="5"/>
  <c r="BT32" i="5"/>
  <c r="BS32" i="5"/>
  <c r="BR32" i="5"/>
  <c r="BQ32" i="5"/>
  <c r="BP32" i="5"/>
  <c r="BO32" i="5"/>
  <c r="BN32" i="5"/>
  <c r="BM32" i="5"/>
  <c r="BL32" i="5"/>
  <c r="BK32" i="5"/>
  <c r="BJ32" i="5"/>
  <c r="BI32" i="5"/>
  <c r="BH32" i="5"/>
  <c r="BG32" i="5"/>
  <c r="BF32" i="5"/>
  <c r="BE32" i="5"/>
  <c r="BD32" i="5"/>
  <c r="BC32" i="5"/>
  <c r="BB32" i="5"/>
  <c r="AZ32" i="5"/>
  <c r="Q32" i="5"/>
  <c r="CF31" i="5"/>
  <c r="CE31" i="5"/>
  <c r="CD31" i="5"/>
  <c r="CC31" i="5"/>
  <c r="CB31" i="5"/>
  <c r="CA31" i="5"/>
  <c r="BZ31" i="5"/>
  <c r="BY31" i="5"/>
  <c r="BX31" i="5"/>
  <c r="BW31" i="5"/>
  <c r="BV31" i="5"/>
  <c r="BU31" i="5"/>
  <c r="BT31" i="5"/>
  <c r="BS31" i="5"/>
  <c r="BR31" i="5"/>
  <c r="BQ31" i="5"/>
  <c r="BP31" i="5"/>
  <c r="BO31" i="5"/>
  <c r="BN31" i="5"/>
  <c r="BM31" i="5"/>
  <c r="BL31" i="5"/>
  <c r="BK31" i="5"/>
  <c r="BJ31" i="5"/>
  <c r="BI31" i="5"/>
  <c r="BH31" i="5"/>
  <c r="BG31" i="5"/>
  <c r="BF31" i="5"/>
  <c r="BE31" i="5"/>
  <c r="BD31" i="5"/>
  <c r="BC31" i="5"/>
  <c r="BB31" i="5"/>
  <c r="AZ31" i="5"/>
  <c r="Q31" i="5"/>
  <c r="CF30" i="5"/>
  <c r="CE30" i="5"/>
  <c r="CD30" i="5"/>
  <c r="CC30" i="5"/>
  <c r="CB30" i="5"/>
  <c r="CA30" i="5"/>
  <c r="BZ30" i="5"/>
  <c r="BY30" i="5"/>
  <c r="BX30" i="5"/>
  <c r="BW30" i="5"/>
  <c r="BV30" i="5"/>
  <c r="BU30" i="5"/>
  <c r="BT30" i="5"/>
  <c r="BS30" i="5"/>
  <c r="BR30" i="5"/>
  <c r="BQ30" i="5"/>
  <c r="BP30" i="5"/>
  <c r="BO30" i="5"/>
  <c r="BN30" i="5"/>
  <c r="BM30" i="5"/>
  <c r="BL30" i="5"/>
  <c r="BK30" i="5"/>
  <c r="BJ30" i="5"/>
  <c r="BI30" i="5"/>
  <c r="BH30" i="5"/>
  <c r="BG30" i="5"/>
  <c r="BF30" i="5"/>
  <c r="BE30" i="5"/>
  <c r="BD30" i="5"/>
  <c r="BC30" i="5"/>
  <c r="BB30" i="5"/>
  <c r="AZ30" i="5"/>
  <c r="Q30" i="5"/>
  <c r="CF29" i="5"/>
  <c r="CE29" i="5"/>
  <c r="CD29" i="5"/>
  <c r="CC29" i="5"/>
  <c r="CB29" i="5"/>
  <c r="CA29" i="5"/>
  <c r="BZ29" i="5"/>
  <c r="BY29" i="5"/>
  <c r="BX29" i="5"/>
  <c r="BW29" i="5"/>
  <c r="BV29" i="5"/>
  <c r="BU29" i="5"/>
  <c r="BT29" i="5"/>
  <c r="BS29" i="5"/>
  <c r="BR29" i="5"/>
  <c r="BQ29" i="5"/>
  <c r="BP29" i="5"/>
  <c r="BO29" i="5"/>
  <c r="BN29" i="5"/>
  <c r="BM29" i="5"/>
  <c r="BL29" i="5"/>
  <c r="BK29" i="5"/>
  <c r="BJ29" i="5"/>
  <c r="BI29" i="5"/>
  <c r="BH29" i="5"/>
  <c r="BG29" i="5"/>
  <c r="BF29" i="5"/>
  <c r="BE29" i="5"/>
  <c r="BD29" i="5"/>
  <c r="BC29" i="5"/>
  <c r="BB29" i="5"/>
  <c r="AZ29" i="5"/>
  <c r="Q29" i="5"/>
  <c r="CF28" i="5"/>
  <c r="CE28" i="5"/>
  <c r="CD28" i="5"/>
  <c r="CC28" i="5"/>
  <c r="CB28" i="5"/>
  <c r="CA28" i="5"/>
  <c r="BZ28" i="5"/>
  <c r="BY28" i="5"/>
  <c r="BX28" i="5"/>
  <c r="BW28" i="5"/>
  <c r="BV28" i="5"/>
  <c r="BU28" i="5"/>
  <c r="BT28" i="5"/>
  <c r="BS28" i="5"/>
  <c r="BR28" i="5"/>
  <c r="BQ28" i="5"/>
  <c r="BP28" i="5"/>
  <c r="BO28" i="5"/>
  <c r="BN28" i="5"/>
  <c r="BM28" i="5"/>
  <c r="BL28" i="5"/>
  <c r="BK28" i="5"/>
  <c r="BJ28" i="5"/>
  <c r="BI28" i="5"/>
  <c r="BH28" i="5"/>
  <c r="BG28" i="5"/>
  <c r="BF28" i="5"/>
  <c r="BE28" i="5"/>
  <c r="BD28" i="5"/>
  <c r="BC28" i="5"/>
  <c r="BB28" i="5"/>
  <c r="AZ28" i="5"/>
  <c r="Q28" i="5"/>
  <c r="CF27" i="5"/>
  <c r="CE27" i="5"/>
  <c r="CD27" i="5"/>
  <c r="CC27" i="5"/>
  <c r="CB27" i="5"/>
  <c r="CA27" i="5"/>
  <c r="BZ27" i="5"/>
  <c r="BY27" i="5"/>
  <c r="BX27" i="5"/>
  <c r="BW27" i="5"/>
  <c r="BV27" i="5"/>
  <c r="BU27" i="5"/>
  <c r="BT27" i="5"/>
  <c r="BS27" i="5"/>
  <c r="BR27" i="5"/>
  <c r="BQ27" i="5"/>
  <c r="BP27" i="5"/>
  <c r="BO27" i="5"/>
  <c r="BN27" i="5"/>
  <c r="BM27" i="5"/>
  <c r="BL27" i="5"/>
  <c r="BK27" i="5"/>
  <c r="BJ27" i="5"/>
  <c r="BI27" i="5"/>
  <c r="BH27" i="5"/>
  <c r="BG27" i="5"/>
  <c r="BF27" i="5"/>
  <c r="BE27" i="5"/>
  <c r="BD27" i="5"/>
  <c r="BC27" i="5"/>
  <c r="BB27" i="5"/>
  <c r="AZ27" i="5"/>
  <c r="BA27" i="5" s="1"/>
  <c r="Q27" i="5"/>
  <c r="CF26" i="5"/>
  <c r="CE26" i="5"/>
  <c r="CD26" i="5"/>
  <c r="CC26" i="5"/>
  <c r="CB26" i="5"/>
  <c r="CA26" i="5"/>
  <c r="BZ26" i="5"/>
  <c r="BY26" i="5"/>
  <c r="BX26" i="5"/>
  <c r="BW26" i="5"/>
  <c r="BV26" i="5"/>
  <c r="BU26" i="5"/>
  <c r="BT26" i="5"/>
  <c r="BS26" i="5"/>
  <c r="BR26" i="5"/>
  <c r="BQ26" i="5"/>
  <c r="BP26" i="5"/>
  <c r="BO26" i="5"/>
  <c r="BN26" i="5"/>
  <c r="BM26" i="5"/>
  <c r="BL26" i="5"/>
  <c r="BK26" i="5"/>
  <c r="BJ26" i="5"/>
  <c r="BI26" i="5"/>
  <c r="BH26" i="5"/>
  <c r="BG26" i="5"/>
  <c r="BF26" i="5"/>
  <c r="BE26" i="5"/>
  <c r="BD26" i="5"/>
  <c r="BC26" i="5"/>
  <c r="BB26" i="5"/>
  <c r="AZ26" i="5"/>
  <c r="Q26" i="5"/>
  <c r="CF25" i="5"/>
  <c r="CE25" i="5"/>
  <c r="CD25" i="5"/>
  <c r="CC25" i="5"/>
  <c r="CB25" i="5"/>
  <c r="CA25" i="5"/>
  <c r="BZ25" i="5"/>
  <c r="BY25" i="5"/>
  <c r="BX25" i="5"/>
  <c r="BW25" i="5"/>
  <c r="BV25" i="5"/>
  <c r="BU25" i="5"/>
  <c r="BT25" i="5"/>
  <c r="BS25" i="5"/>
  <c r="BR25" i="5"/>
  <c r="BQ25" i="5"/>
  <c r="BP25" i="5"/>
  <c r="BO25" i="5"/>
  <c r="BN25" i="5"/>
  <c r="BM25" i="5"/>
  <c r="BL25" i="5"/>
  <c r="BK25" i="5"/>
  <c r="BJ25" i="5"/>
  <c r="BI25" i="5"/>
  <c r="BH25" i="5"/>
  <c r="BG25" i="5"/>
  <c r="BF25" i="5"/>
  <c r="BE25" i="5"/>
  <c r="BD25" i="5"/>
  <c r="BC25" i="5"/>
  <c r="BB25" i="5"/>
  <c r="AZ25" i="5"/>
  <c r="Q25" i="5"/>
  <c r="CF24" i="5"/>
  <c r="CE24" i="5"/>
  <c r="CD24" i="5"/>
  <c r="CC24" i="5"/>
  <c r="CB24" i="5"/>
  <c r="CA24" i="5"/>
  <c r="BZ24" i="5"/>
  <c r="BY24" i="5"/>
  <c r="BX24" i="5"/>
  <c r="BW24" i="5"/>
  <c r="BV24" i="5"/>
  <c r="BU24" i="5"/>
  <c r="BT24" i="5"/>
  <c r="BS24" i="5"/>
  <c r="BR24" i="5"/>
  <c r="BQ24" i="5"/>
  <c r="BP24" i="5"/>
  <c r="BO24" i="5"/>
  <c r="BN24" i="5"/>
  <c r="BM24" i="5"/>
  <c r="BL24" i="5"/>
  <c r="BK24" i="5"/>
  <c r="BJ24" i="5"/>
  <c r="BI24" i="5"/>
  <c r="BH24" i="5"/>
  <c r="BG24" i="5"/>
  <c r="BF24" i="5"/>
  <c r="BE24" i="5"/>
  <c r="BD24" i="5"/>
  <c r="BC24" i="5"/>
  <c r="BB24" i="5"/>
  <c r="AZ24" i="5"/>
  <c r="Q24" i="5"/>
  <c r="CF23" i="5"/>
  <c r="CE23" i="5"/>
  <c r="CD23" i="5"/>
  <c r="CC23" i="5"/>
  <c r="CB23" i="5"/>
  <c r="CA23" i="5"/>
  <c r="BZ23" i="5"/>
  <c r="BY23" i="5"/>
  <c r="BX23" i="5"/>
  <c r="BW23" i="5"/>
  <c r="BV23" i="5"/>
  <c r="BU23" i="5"/>
  <c r="BT23" i="5"/>
  <c r="BS23" i="5"/>
  <c r="BR23" i="5"/>
  <c r="BQ23" i="5"/>
  <c r="BP23" i="5"/>
  <c r="BO23" i="5"/>
  <c r="BN23" i="5"/>
  <c r="BM23" i="5"/>
  <c r="BL23" i="5"/>
  <c r="BK23" i="5"/>
  <c r="BJ23" i="5"/>
  <c r="BI23" i="5"/>
  <c r="BH23" i="5"/>
  <c r="BG23" i="5"/>
  <c r="BF23" i="5"/>
  <c r="BE23" i="5"/>
  <c r="BD23" i="5"/>
  <c r="BC23" i="5"/>
  <c r="BB23" i="5"/>
  <c r="AZ23" i="5"/>
  <c r="Q23" i="5"/>
  <c r="CF22" i="5"/>
  <c r="CE22" i="5"/>
  <c r="CD22" i="5"/>
  <c r="CC22" i="5"/>
  <c r="CB22" i="5"/>
  <c r="CA22" i="5"/>
  <c r="BZ22" i="5"/>
  <c r="BY22" i="5"/>
  <c r="BX22" i="5"/>
  <c r="BW22" i="5"/>
  <c r="BV22" i="5"/>
  <c r="BU22" i="5"/>
  <c r="BT22" i="5"/>
  <c r="BS22" i="5"/>
  <c r="BR22" i="5"/>
  <c r="BQ22" i="5"/>
  <c r="BP22" i="5"/>
  <c r="BO22" i="5"/>
  <c r="BN22" i="5"/>
  <c r="BM22" i="5"/>
  <c r="BL22" i="5"/>
  <c r="BK22" i="5"/>
  <c r="BJ22" i="5"/>
  <c r="BI22" i="5"/>
  <c r="BH22" i="5"/>
  <c r="BG22" i="5"/>
  <c r="BF22" i="5"/>
  <c r="BE22" i="5"/>
  <c r="BD22" i="5"/>
  <c r="BC22" i="5"/>
  <c r="BB22" i="5"/>
  <c r="AZ22" i="5"/>
  <c r="Q22" i="5"/>
  <c r="CF21" i="5"/>
  <c r="CE21" i="5"/>
  <c r="CD21" i="5"/>
  <c r="CC21" i="5"/>
  <c r="CB21" i="5"/>
  <c r="CA21" i="5"/>
  <c r="BZ21" i="5"/>
  <c r="BY21" i="5"/>
  <c r="BX21" i="5"/>
  <c r="BW21" i="5"/>
  <c r="BV21" i="5"/>
  <c r="BU21" i="5"/>
  <c r="BT21" i="5"/>
  <c r="BS21" i="5"/>
  <c r="BR21" i="5"/>
  <c r="BQ21" i="5"/>
  <c r="BP21" i="5"/>
  <c r="BO21" i="5"/>
  <c r="BN21" i="5"/>
  <c r="BM21" i="5"/>
  <c r="BL21" i="5"/>
  <c r="BK21" i="5"/>
  <c r="BJ21" i="5"/>
  <c r="BI21" i="5"/>
  <c r="BH21" i="5"/>
  <c r="BG21" i="5"/>
  <c r="BF21" i="5"/>
  <c r="BE21" i="5"/>
  <c r="BD21" i="5"/>
  <c r="BC21" i="5"/>
  <c r="BB21" i="5"/>
  <c r="AZ21" i="5"/>
  <c r="Q21" i="5"/>
  <c r="CF20" i="5"/>
  <c r="CE20" i="5"/>
  <c r="CD20" i="5"/>
  <c r="CC20" i="5"/>
  <c r="CB20" i="5"/>
  <c r="CA20" i="5"/>
  <c r="BZ20" i="5"/>
  <c r="BY20" i="5"/>
  <c r="BX20" i="5"/>
  <c r="BW20" i="5"/>
  <c r="BV20" i="5"/>
  <c r="BU20" i="5"/>
  <c r="BT20" i="5"/>
  <c r="BS20" i="5"/>
  <c r="BR20" i="5"/>
  <c r="BQ20" i="5"/>
  <c r="BP20" i="5"/>
  <c r="BO20" i="5"/>
  <c r="BN20" i="5"/>
  <c r="BM20" i="5"/>
  <c r="BL20" i="5"/>
  <c r="BK20" i="5"/>
  <c r="BJ20" i="5"/>
  <c r="BI20" i="5"/>
  <c r="BH20" i="5"/>
  <c r="BG20" i="5"/>
  <c r="BF20" i="5"/>
  <c r="BE20" i="5"/>
  <c r="BD20" i="5"/>
  <c r="BC20" i="5"/>
  <c r="BB20" i="5"/>
  <c r="AZ20" i="5"/>
  <c r="Q20" i="5"/>
  <c r="CF19" i="5"/>
  <c r="CE19" i="5"/>
  <c r="CD19" i="5"/>
  <c r="CC19" i="5"/>
  <c r="CB19" i="5"/>
  <c r="CA19" i="5"/>
  <c r="BZ19" i="5"/>
  <c r="BY19" i="5"/>
  <c r="BX19" i="5"/>
  <c r="BW19" i="5"/>
  <c r="BV19" i="5"/>
  <c r="BU19" i="5"/>
  <c r="BT19" i="5"/>
  <c r="BS19" i="5"/>
  <c r="BR19" i="5"/>
  <c r="BQ19" i="5"/>
  <c r="BP19" i="5"/>
  <c r="BO19" i="5"/>
  <c r="BN19" i="5"/>
  <c r="BM19" i="5"/>
  <c r="BL19" i="5"/>
  <c r="BK19" i="5"/>
  <c r="BJ19" i="5"/>
  <c r="BI19" i="5"/>
  <c r="BH19" i="5"/>
  <c r="BG19" i="5"/>
  <c r="BF19" i="5"/>
  <c r="BE19" i="5"/>
  <c r="BD19" i="5"/>
  <c r="BC19" i="5"/>
  <c r="BB19" i="5"/>
  <c r="AZ19" i="5"/>
  <c r="BA19" i="5" s="1"/>
  <c r="Q19" i="5"/>
  <c r="CF18" i="5"/>
  <c r="CE18" i="5"/>
  <c r="CD18" i="5"/>
  <c r="CC18" i="5"/>
  <c r="CB18" i="5"/>
  <c r="CA18" i="5"/>
  <c r="BZ18" i="5"/>
  <c r="BY18" i="5"/>
  <c r="BX18" i="5"/>
  <c r="BW18" i="5"/>
  <c r="BV18" i="5"/>
  <c r="BU18" i="5"/>
  <c r="BT18" i="5"/>
  <c r="BS18" i="5"/>
  <c r="BR18" i="5"/>
  <c r="BQ18" i="5"/>
  <c r="BP18" i="5"/>
  <c r="BO18" i="5"/>
  <c r="BN18" i="5"/>
  <c r="BM18" i="5"/>
  <c r="BL18" i="5"/>
  <c r="BK18" i="5"/>
  <c r="BJ18" i="5"/>
  <c r="BI18" i="5"/>
  <c r="BH18" i="5"/>
  <c r="BG18" i="5"/>
  <c r="BF18" i="5"/>
  <c r="BE18" i="5"/>
  <c r="BD18" i="5"/>
  <c r="BC18" i="5"/>
  <c r="BB18" i="5"/>
  <c r="AZ18" i="5"/>
  <c r="Q18" i="5"/>
  <c r="CF17" i="5"/>
  <c r="CE17" i="5"/>
  <c r="CD17" i="5"/>
  <c r="CC17" i="5"/>
  <c r="CB17" i="5"/>
  <c r="CA17" i="5"/>
  <c r="BZ17" i="5"/>
  <c r="BY17" i="5"/>
  <c r="BX17" i="5"/>
  <c r="BW17" i="5"/>
  <c r="BV17" i="5"/>
  <c r="BU17" i="5"/>
  <c r="BT17" i="5"/>
  <c r="BS17" i="5"/>
  <c r="BR17" i="5"/>
  <c r="BQ17" i="5"/>
  <c r="BP17" i="5"/>
  <c r="BO17" i="5"/>
  <c r="BN17" i="5"/>
  <c r="BM17" i="5"/>
  <c r="BL17" i="5"/>
  <c r="BK17" i="5"/>
  <c r="BJ17" i="5"/>
  <c r="BI17" i="5"/>
  <c r="BH17" i="5"/>
  <c r="BG17" i="5"/>
  <c r="BF17" i="5"/>
  <c r="BE17" i="5"/>
  <c r="BD17" i="5"/>
  <c r="BC17" i="5"/>
  <c r="BB17" i="5"/>
  <c r="AZ17" i="5"/>
  <c r="Q17" i="5"/>
  <c r="CF16" i="5"/>
  <c r="CE16" i="5"/>
  <c r="CD16" i="5"/>
  <c r="CC16" i="5"/>
  <c r="CB16" i="5"/>
  <c r="CA16" i="5"/>
  <c r="BZ16" i="5"/>
  <c r="BY16" i="5"/>
  <c r="BX16" i="5"/>
  <c r="BW16" i="5"/>
  <c r="BV16" i="5"/>
  <c r="BU16" i="5"/>
  <c r="BT16" i="5"/>
  <c r="BS16" i="5"/>
  <c r="BR16" i="5"/>
  <c r="BQ16" i="5"/>
  <c r="BP16" i="5"/>
  <c r="BO16" i="5"/>
  <c r="BN16" i="5"/>
  <c r="BM16" i="5"/>
  <c r="BL16" i="5"/>
  <c r="BK16" i="5"/>
  <c r="BJ16" i="5"/>
  <c r="BI16" i="5"/>
  <c r="BH16" i="5"/>
  <c r="BG16" i="5"/>
  <c r="BF16" i="5"/>
  <c r="BE16" i="5"/>
  <c r="BD16" i="5"/>
  <c r="BC16" i="5"/>
  <c r="BB16" i="5"/>
  <c r="AZ16" i="5"/>
  <c r="Q16" i="5"/>
  <c r="CF15" i="5"/>
  <c r="CE15" i="5"/>
  <c r="CD15" i="5"/>
  <c r="CC15" i="5"/>
  <c r="CB15" i="5"/>
  <c r="CA15" i="5"/>
  <c r="BZ15" i="5"/>
  <c r="BY15" i="5"/>
  <c r="BX15" i="5"/>
  <c r="BW15" i="5"/>
  <c r="BV15" i="5"/>
  <c r="BU15" i="5"/>
  <c r="BT15" i="5"/>
  <c r="BS15" i="5"/>
  <c r="BR15" i="5"/>
  <c r="BQ15" i="5"/>
  <c r="BP15" i="5"/>
  <c r="BO15" i="5"/>
  <c r="BN15" i="5"/>
  <c r="BM15" i="5"/>
  <c r="BL15" i="5"/>
  <c r="BK15" i="5"/>
  <c r="BJ15" i="5"/>
  <c r="BI15" i="5"/>
  <c r="BH15" i="5"/>
  <c r="BG15" i="5"/>
  <c r="BF15" i="5"/>
  <c r="BE15" i="5"/>
  <c r="BD15" i="5"/>
  <c r="BC15" i="5"/>
  <c r="BB15" i="5"/>
  <c r="AZ15" i="5"/>
  <c r="Q15" i="5"/>
  <c r="CF14" i="5"/>
  <c r="CE14" i="5"/>
  <c r="CD14" i="5"/>
  <c r="CC14" i="5"/>
  <c r="CB14" i="5"/>
  <c r="CA14" i="5"/>
  <c r="BZ14" i="5"/>
  <c r="BY14" i="5"/>
  <c r="BX14" i="5"/>
  <c r="BW14" i="5"/>
  <c r="BV14" i="5"/>
  <c r="BU14" i="5"/>
  <c r="BT14" i="5"/>
  <c r="BS14" i="5"/>
  <c r="BR14" i="5"/>
  <c r="BQ14" i="5"/>
  <c r="BP14" i="5"/>
  <c r="BO14" i="5"/>
  <c r="BN14" i="5"/>
  <c r="BM14" i="5"/>
  <c r="BL14" i="5"/>
  <c r="BK14" i="5"/>
  <c r="BJ14" i="5"/>
  <c r="BI14" i="5"/>
  <c r="BH14" i="5"/>
  <c r="BG14" i="5"/>
  <c r="BF14" i="5"/>
  <c r="BE14" i="5"/>
  <c r="BD14" i="5"/>
  <c r="BC14" i="5"/>
  <c r="BB14" i="5"/>
  <c r="AZ14" i="5"/>
  <c r="Q14" i="5"/>
  <c r="CF13" i="5"/>
  <c r="CE13" i="5"/>
  <c r="CD13" i="5"/>
  <c r="CC13" i="5"/>
  <c r="CB13" i="5"/>
  <c r="CA13" i="5"/>
  <c r="BZ13" i="5"/>
  <c r="BY13" i="5"/>
  <c r="BX13" i="5"/>
  <c r="BW13" i="5"/>
  <c r="BV13" i="5"/>
  <c r="BU13" i="5"/>
  <c r="BT13" i="5"/>
  <c r="BS13" i="5"/>
  <c r="BR13" i="5"/>
  <c r="BQ13" i="5"/>
  <c r="BP13" i="5"/>
  <c r="BO13" i="5"/>
  <c r="BN13" i="5"/>
  <c r="BM13" i="5"/>
  <c r="BL13" i="5"/>
  <c r="BK13" i="5"/>
  <c r="BJ13" i="5"/>
  <c r="BI13" i="5"/>
  <c r="BH13" i="5"/>
  <c r="BG13" i="5"/>
  <c r="BF13" i="5"/>
  <c r="BE13" i="5"/>
  <c r="BD13" i="5"/>
  <c r="BC13" i="5"/>
  <c r="BB13" i="5"/>
  <c r="AZ13" i="5"/>
  <c r="Q13" i="5"/>
  <c r="CF12" i="5"/>
  <c r="CE12" i="5"/>
  <c r="CD12" i="5"/>
  <c r="CC12" i="5"/>
  <c r="CB12" i="5"/>
  <c r="CA12" i="5"/>
  <c r="BZ12" i="5"/>
  <c r="BY12" i="5"/>
  <c r="BX12" i="5"/>
  <c r="BW12" i="5"/>
  <c r="BV12" i="5"/>
  <c r="BU12" i="5"/>
  <c r="BT12" i="5"/>
  <c r="BS12" i="5"/>
  <c r="BR12" i="5"/>
  <c r="BQ12" i="5"/>
  <c r="BP12" i="5"/>
  <c r="BO12" i="5"/>
  <c r="BN12" i="5"/>
  <c r="BM12" i="5"/>
  <c r="BL12" i="5"/>
  <c r="BK12" i="5"/>
  <c r="BJ12" i="5"/>
  <c r="BI12" i="5"/>
  <c r="BH12" i="5"/>
  <c r="BG12" i="5"/>
  <c r="BF12" i="5"/>
  <c r="BE12" i="5"/>
  <c r="BD12" i="5"/>
  <c r="BC12" i="5"/>
  <c r="BB12" i="5"/>
  <c r="AZ12" i="5"/>
  <c r="Q12" i="5"/>
  <c r="CF11" i="5"/>
  <c r="CE11" i="5"/>
  <c r="CD11" i="5"/>
  <c r="CC11" i="5"/>
  <c r="CB11" i="5"/>
  <c r="CA11" i="5"/>
  <c r="BZ11" i="5"/>
  <c r="BY11" i="5"/>
  <c r="BX11" i="5"/>
  <c r="BW11" i="5"/>
  <c r="BV11" i="5"/>
  <c r="BU11" i="5"/>
  <c r="BT11" i="5"/>
  <c r="BS11" i="5"/>
  <c r="BR11" i="5"/>
  <c r="BQ11" i="5"/>
  <c r="BP11" i="5"/>
  <c r="BO11" i="5"/>
  <c r="BN11" i="5"/>
  <c r="BM11" i="5"/>
  <c r="BL11" i="5"/>
  <c r="BK11" i="5"/>
  <c r="BJ11" i="5"/>
  <c r="BI11" i="5"/>
  <c r="BH11" i="5"/>
  <c r="BG11" i="5"/>
  <c r="BF11" i="5"/>
  <c r="BE11" i="5"/>
  <c r="BD11" i="5"/>
  <c r="BC11" i="5"/>
  <c r="BB11" i="5"/>
  <c r="AZ11" i="5"/>
  <c r="BA11" i="5" s="1"/>
  <c r="Q11" i="5"/>
  <c r="CF10" i="5"/>
  <c r="CE10" i="5"/>
  <c r="CD10" i="5"/>
  <c r="CC10" i="5"/>
  <c r="CB10" i="5"/>
  <c r="CA10" i="5"/>
  <c r="BZ10" i="5"/>
  <c r="BY10" i="5"/>
  <c r="BX10" i="5"/>
  <c r="BW10" i="5"/>
  <c r="BV10" i="5"/>
  <c r="BU10" i="5"/>
  <c r="BT10" i="5"/>
  <c r="BS10" i="5"/>
  <c r="BR10" i="5"/>
  <c r="BQ10" i="5"/>
  <c r="BP10" i="5"/>
  <c r="BO10" i="5"/>
  <c r="BN10" i="5"/>
  <c r="BM10" i="5"/>
  <c r="BL10" i="5"/>
  <c r="BK10" i="5"/>
  <c r="BJ10" i="5"/>
  <c r="BI10" i="5"/>
  <c r="BH10" i="5"/>
  <c r="BG10" i="5"/>
  <c r="BF10" i="5"/>
  <c r="BE10" i="5"/>
  <c r="BD10" i="5"/>
  <c r="BC10" i="5"/>
  <c r="BB10" i="5"/>
  <c r="AZ10" i="5"/>
  <c r="Q10" i="5"/>
  <c r="CF9" i="5"/>
  <c r="CE9" i="5"/>
  <c r="CD9" i="5"/>
  <c r="CC9" i="5"/>
  <c r="CB9" i="5"/>
  <c r="CA9" i="5"/>
  <c r="BZ9" i="5"/>
  <c r="BY9" i="5"/>
  <c r="BX9" i="5"/>
  <c r="BW9" i="5"/>
  <c r="BV9" i="5"/>
  <c r="BU9" i="5"/>
  <c r="BT9" i="5"/>
  <c r="BS9" i="5"/>
  <c r="BR9" i="5"/>
  <c r="BQ9" i="5"/>
  <c r="BP9" i="5"/>
  <c r="BO9" i="5"/>
  <c r="BN9" i="5"/>
  <c r="BM9" i="5"/>
  <c r="BL9" i="5"/>
  <c r="BK9" i="5"/>
  <c r="BJ9" i="5"/>
  <c r="BI9" i="5"/>
  <c r="BH9" i="5"/>
  <c r="BG9" i="5"/>
  <c r="BF9" i="5"/>
  <c r="BE9" i="5"/>
  <c r="BD9" i="5"/>
  <c r="BC9" i="5"/>
  <c r="BB9" i="5"/>
  <c r="AZ9" i="5"/>
  <c r="Q9" i="5"/>
  <c r="CF8" i="5"/>
  <c r="CE8" i="5"/>
  <c r="CD8" i="5"/>
  <c r="CC8" i="5"/>
  <c r="CB8" i="5"/>
  <c r="CA8" i="5"/>
  <c r="BZ8" i="5"/>
  <c r="BY8" i="5"/>
  <c r="BX8" i="5"/>
  <c r="BW8" i="5"/>
  <c r="BV8" i="5"/>
  <c r="BU8" i="5"/>
  <c r="BT8" i="5"/>
  <c r="BS8" i="5"/>
  <c r="BR8" i="5"/>
  <c r="BQ8" i="5"/>
  <c r="BP8" i="5"/>
  <c r="BO8" i="5"/>
  <c r="BN8" i="5"/>
  <c r="BM8" i="5"/>
  <c r="BL8" i="5"/>
  <c r="BK8" i="5"/>
  <c r="BJ8" i="5"/>
  <c r="BI8" i="5"/>
  <c r="BH8" i="5"/>
  <c r="BG8" i="5"/>
  <c r="BF8" i="5"/>
  <c r="BE8" i="5"/>
  <c r="BD8" i="5"/>
  <c r="BC8" i="5"/>
  <c r="BB8" i="5"/>
  <c r="AZ8" i="5"/>
  <c r="Q8" i="5"/>
  <c r="CF7" i="5"/>
  <c r="CE7" i="5"/>
  <c r="CD7" i="5"/>
  <c r="CC7" i="5"/>
  <c r="CB7" i="5"/>
  <c r="CA7" i="5"/>
  <c r="BZ7" i="5"/>
  <c r="BY7" i="5"/>
  <c r="BX7" i="5"/>
  <c r="BW7" i="5"/>
  <c r="BV7" i="5"/>
  <c r="BU7" i="5"/>
  <c r="BT7" i="5"/>
  <c r="BS7" i="5"/>
  <c r="BR7" i="5"/>
  <c r="BQ7" i="5"/>
  <c r="BP7" i="5"/>
  <c r="BO7" i="5"/>
  <c r="BN7" i="5"/>
  <c r="BM7" i="5"/>
  <c r="BL7" i="5"/>
  <c r="BK7" i="5"/>
  <c r="BJ7" i="5"/>
  <c r="BI7" i="5"/>
  <c r="BH7" i="5"/>
  <c r="BG7" i="5"/>
  <c r="BF7" i="5"/>
  <c r="BE7" i="5"/>
  <c r="BD7" i="5"/>
  <c r="BC7" i="5"/>
  <c r="BB7" i="5"/>
  <c r="AZ7" i="5"/>
  <c r="Q7" i="5"/>
  <c r="CF6" i="5"/>
  <c r="CE6" i="5"/>
  <c r="CD6" i="5"/>
  <c r="CC6" i="5"/>
  <c r="CB6" i="5"/>
  <c r="CA6" i="5"/>
  <c r="BZ6" i="5"/>
  <c r="BY6" i="5"/>
  <c r="BX6" i="5"/>
  <c r="BW6" i="5"/>
  <c r="BV6" i="5"/>
  <c r="BU6" i="5"/>
  <c r="BT6" i="5"/>
  <c r="BS6" i="5"/>
  <c r="BR6" i="5"/>
  <c r="BQ6" i="5"/>
  <c r="BP6" i="5"/>
  <c r="BO6" i="5"/>
  <c r="BN6" i="5"/>
  <c r="BM6" i="5"/>
  <c r="BL6" i="5"/>
  <c r="BK6" i="5"/>
  <c r="BJ6" i="5"/>
  <c r="BI6" i="5"/>
  <c r="BH6" i="5"/>
  <c r="BG6" i="5"/>
  <c r="BF6" i="5"/>
  <c r="BE6" i="5"/>
  <c r="BD6" i="5"/>
  <c r="BC6" i="5"/>
  <c r="BB6" i="5"/>
  <c r="AZ6" i="5"/>
  <c r="Q6" i="5"/>
  <c r="CF5" i="5"/>
  <c r="CE5" i="5"/>
  <c r="CD5" i="5"/>
  <c r="CC5" i="5"/>
  <c r="CB5" i="5"/>
  <c r="CA5" i="5"/>
  <c r="BZ5" i="5"/>
  <c r="BY5" i="5"/>
  <c r="BX5" i="5"/>
  <c r="BW5" i="5"/>
  <c r="BV5" i="5"/>
  <c r="BU5" i="5"/>
  <c r="BT5" i="5"/>
  <c r="BS5" i="5"/>
  <c r="BR5" i="5"/>
  <c r="BQ5" i="5"/>
  <c r="BP5" i="5"/>
  <c r="BO5" i="5"/>
  <c r="BN5" i="5"/>
  <c r="BM5" i="5"/>
  <c r="BL5" i="5"/>
  <c r="BK5" i="5"/>
  <c r="BJ5" i="5"/>
  <c r="BI5" i="5"/>
  <c r="BH5" i="5"/>
  <c r="BG5" i="5"/>
  <c r="BF5" i="5"/>
  <c r="BE5" i="5"/>
  <c r="BD5" i="5"/>
  <c r="BC5" i="5"/>
  <c r="BB5" i="5"/>
  <c r="AZ5" i="5"/>
  <c r="Q5" i="5"/>
  <c r="CF4" i="5"/>
  <c r="CE4" i="5"/>
  <c r="CD4" i="5"/>
  <c r="CC4" i="5"/>
  <c r="CB4" i="5"/>
  <c r="CA4" i="5"/>
  <c r="BZ4" i="5"/>
  <c r="BY4" i="5"/>
  <c r="BX4" i="5"/>
  <c r="BW4" i="5"/>
  <c r="BV4" i="5"/>
  <c r="BU4" i="5"/>
  <c r="BT4" i="5"/>
  <c r="BS4" i="5"/>
  <c r="BR4" i="5"/>
  <c r="BQ4" i="5"/>
  <c r="BP4" i="5"/>
  <c r="BO4" i="5"/>
  <c r="BN4" i="5"/>
  <c r="BM4" i="5"/>
  <c r="BL4" i="5"/>
  <c r="BK4" i="5"/>
  <c r="BJ4" i="5"/>
  <c r="BI4" i="5"/>
  <c r="BH4" i="5"/>
  <c r="BG4" i="5"/>
  <c r="BF4" i="5"/>
  <c r="BE4" i="5"/>
  <c r="BD4" i="5"/>
  <c r="BC4" i="5"/>
  <c r="BB4" i="5"/>
  <c r="AZ4" i="5"/>
  <c r="Q4" i="5"/>
  <c r="O60" i="4"/>
  <c r="O106" i="4"/>
  <c r="AX106" i="4" s="1"/>
  <c r="O107" i="4"/>
  <c r="AX107" i="4" s="1"/>
  <c r="BT107" i="4" s="1"/>
  <c r="O108" i="4"/>
  <c r="AX108" i="4" s="1"/>
  <c r="BU108" i="4" s="1"/>
  <c r="O109" i="4"/>
  <c r="AX109" i="4" s="1"/>
  <c r="BV109" i="4" s="1"/>
  <c r="O110" i="4"/>
  <c r="AX110" i="4" s="1"/>
  <c r="BW110" i="4" s="1"/>
  <c r="O111" i="4"/>
  <c r="O112" i="4"/>
  <c r="O113" i="4"/>
  <c r="O114" i="4"/>
  <c r="O115" i="4"/>
  <c r="O116" i="4"/>
  <c r="O117" i="4"/>
  <c r="O118" i="4"/>
  <c r="O119" i="4"/>
  <c r="O120" i="4"/>
  <c r="O121" i="4"/>
  <c r="O122" i="4"/>
  <c r="O123" i="4"/>
  <c r="O124" i="4"/>
  <c r="O125" i="4"/>
  <c r="O126" i="4"/>
  <c r="O127" i="4"/>
  <c r="O128" i="4"/>
  <c r="O137" i="4"/>
  <c r="O138" i="4"/>
  <c r="O139" i="4"/>
  <c r="O140" i="4"/>
  <c r="O141" i="4"/>
  <c r="O142" i="4"/>
  <c r="O143" i="4"/>
  <c r="O144" i="4"/>
  <c r="O145" i="4"/>
  <c r="O146" i="4"/>
  <c r="O147" i="4"/>
  <c r="O148" i="4"/>
  <c r="O149" i="4"/>
  <c r="O150" i="4"/>
  <c r="O151" i="4"/>
  <c r="O152" i="4"/>
  <c r="O153" i="4"/>
  <c r="O154" i="4"/>
  <c r="O155" i="4"/>
  <c r="O156" i="4"/>
  <c r="O157" i="4"/>
  <c r="O158" i="4"/>
  <c r="O159" i="4"/>
  <c r="O168" i="4"/>
  <c r="O169" i="4"/>
  <c r="O170" i="4"/>
  <c r="O171" i="4"/>
  <c r="O172" i="4"/>
  <c r="O173" i="4"/>
  <c r="O174" i="4"/>
  <c r="O175" i="4"/>
  <c r="O176" i="4"/>
  <c r="O177" i="4"/>
  <c r="O178" i="4"/>
  <c r="O179" i="4"/>
  <c r="O180" i="4"/>
  <c r="O181" i="4"/>
  <c r="O182" i="4"/>
  <c r="O183" i="4"/>
  <c r="O184" i="4"/>
  <c r="O185" i="4"/>
  <c r="O186" i="4"/>
  <c r="O187" i="4"/>
  <c r="O188" i="4"/>
  <c r="O189" i="4"/>
  <c r="O190" i="4"/>
  <c r="O199" i="4"/>
  <c r="AX199" i="4" s="1"/>
  <c r="AY199" i="4" s="1"/>
  <c r="O200" i="4"/>
  <c r="AX200" i="4" s="1"/>
  <c r="BT200" i="4" s="1"/>
  <c r="O201" i="4"/>
  <c r="AX201" i="4" s="1"/>
  <c r="BU201" i="4" s="1"/>
  <c r="O202" i="4"/>
  <c r="AX202" i="4" s="1"/>
  <c r="BV202" i="4" s="1"/>
  <c r="O203" i="4"/>
  <c r="AX203" i="4" s="1"/>
  <c r="BW203" i="4" s="1"/>
  <c r="O204" i="4"/>
  <c r="AX204" i="4" s="1"/>
  <c r="BP204" i="4" s="1"/>
  <c r="O205" i="4"/>
  <c r="AX205" i="4" s="1"/>
  <c r="BR205" i="4" s="1"/>
  <c r="O206" i="4"/>
  <c r="AX206" i="4" s="1"/>
  <c r="BQ206" i="4" s="1"/>
  <c r="O207" i="4"/>
  <c r="AX207" i="4" s="1"/>
  <c r="BS207" i="4" s="1"/>
  <c r="O208" i="4"/>
  <c r="AX208" i="4" s="1"/>
  <c r="BY208" i="4" s="1"/>
  <c r="O209" i="4"/>
  <c r="AX209" i="4" s="1"/>
  <c r="BX209" i="4" s="1"/>
  <c r="O210" i="4"/>
  <c r="AX210" i="4" s="1"/>
  <c r="BZ210" i="4" s="1"/>
  <c r="O211" i="4"/>
  <c r="AX211" i="4" s="1"/>
  <c r="CB211" i="4" s="1"/>
  <c r="O212" i="4"/>
  <c r="AX212" i="4" s="1"/>
  <c r="CA212" i="4" s="1"/>
  <c r="O213" i="4"/>
  <c r="AX213" i="4" s="1"/>
  <c r="BO213" i="4" s="1"/>
  <c r="O214" i="4"/>
  <c r="AX214" i="4" s="1"/>
  <c r="AY214" i="4" s="1"/>
  <c r="O215" i="4"/>
  <c r="AX215" i="4" s="1"/>
  <c r="BA215" i="4" s="1"/>
  <c r="O216" i="4"/>
  <c r="AX216" i="4" s="1"/>
  <c r="BB216" i="4" s="1"/>
  <c r="O217" i="4"/>
  <c r="AX217" i="4" s="1"/>
  <c r="AZ217" i="4" s="1"/>
  <c r="O218" i="4"/>
  <c r="AX218" i="4" s="1"/>
  <c r="BC218" i="4" s="1"/>
  <c r="O219" i="4"/>
  <c r="AX219" i="4" s="1"/>
  <c r="BE219" i="4" s="1"/>
  <c r="O220" i="4"/>
  <c r="AX220" i="4" s="1"/>
  <c r="BF220" i="4" s="1"/>
  <c r="O221" i="4"/>
  <c r="AX221" i="4" s="1"/>
  <c r="BD221" i="4" s="1"/>
  <c r="O230" i="4"/>
  <c r="AX230" i="4" s="1"/>
  <c r="AY230" i="4" s="1"/>
  <c r="O231" i="4"/>
  <c r="AX231" i="4" s="1"/>
  <c r="BT231" i="4" s="1"/>
  <c r="O232" i="4"/>
  <c r="AX232" i="4" s="1"/>
  <c r="BU232" i="4" s="1"/>
  <c r="O233" i="4"/>
  <c r="AX233" i="4" s="1"/>
  <c r="BV233" i="4" s="1"/>
  <c r="O234" i="4"/>
  <c r="AX234" i="4" s="1"/>
  <c r="BW234" i="4" s="1"/>
  <c r="O235" i="4"/>
  <c r="AX235" i="4" s="1"/>
  <c r="BP235" i="4" s="1"/>
  <c r="O236" i="4"/>
  <c r="AX236" i="4" s="1"/>
  <c r="BR236" i="4" s="1"/>
  <c r="O237" i="4"/>
  <c r="AX237" i="4" s="1"/>
  <c r="BQ237" i="4" s="1"/>
  <c r="O238" i="4"/>
  <c r="AX238" i="4" s="1"/>
  <c r="BS238" i="4" s="1"/>
  <c r="O239" i="4"/>
  <c r="AX239" i="4" s="1"/>
  <c r="BY239" i="4" s="1"/>
  <c r="O240" i="4"/>
  <c r="AX240" i="4" s="1"/>
  <c r="BX240" i="4" s="1"/>
  <c r="O241" i="4"/>
  <c r="AX241" i="4" s="1"/>
  <c r="BZ241" i="4" s="1"/>
  <c r="O242" i="4"/>
  <c r="AX242" i="4" s="1"/>
  <c r="CB242" i="4" s="1"/>
  <c r="O243" i="4"/>
  <c r="AX243" i="4" s="1"/>
  <c r="CA243" i="4" s="1"/>
  <c r="O244" i="4"/>
  <c r="AX244" i="4" s="1"/>
  <c r="BO244" i="4" s="1"/>
  <c r="O245" i="4"/>
  <c r="AX245" i="4" s="1"/>
  <c r="AY245" i="4" s="1"/>
  <c r="O246" i="4"/>
  <c r="AX246" i="4" s="1"/>
  <c r="BA246" i="4" s="1"/>
  <c r="O247" i="4"/>
  <c r="AX247" i="4" s="1"/>
  <c r="BB247" i="4" s="1"/>
  <c r="O248" i="4"/>
  <c r="AX248" i="4" s="1"/>
  <c r="AZ248" i="4" s="1"/>
  <c r="O249" i="4"/>
  <c r="AX249" i="4" s="1"/>
  <c r="BC249" i="4" s="1"/>
  <c r="O250" i="4"/>
  <c r="AX250" i="4" s="1"/>
  <c r="BE250" i="4" s="1"/>
  <c r="O251" i="4"/>
  <c r="AX251" i="4" s="1"/>
  <c r="BF251" i="4" s="1"/>
  <c r="O252" i="4"/>
  <c r="AX252" i="4" s="1"/>
  <c r="BD252" i="4" s="1"/>
  <c r="O261" i="4"/>
  <c r="AX261" i="4" s="1"/>
  <c r="AY261" i="4" s="1"/>
  <c r="O262" i="4"/>
  <c r="AX262" i="4" s="1"/>
  <c r="BT262" i="4" s="1"/>
  <c r="O263" i="4"/>
  <c r="AX263" i="4" s="1"/>
  <c r="BU263" i="4" s="1"/>
  <c r="O264" i="4"/>
  <c r="AX264" i="4" s="1"/>
  <c r="BV264" i="4" s="1"/>
  <c r="O265" i="4"/>
  <c r="AX265" i="4" s="1"/>
  <c r="BW265" i="4" s="1"/>
  <c r="O266" i="4"/>
  <c r="AX266" i="4" s="1"/>
  <c r="BP266" i="4" s="1"/>
  <c r="O267" i="4"/>
  <c r="AX267" i="4" s="1"/>
  <c r="BR267" i="4" s="1"/>
  <c r="O268" i="4"/>
  <c r="AX268" i="4" s="1"/>
  <c r="BQ268" i="4" s="1"/>
  <c r="O269" i="4"/>
  <c r="AX269" i="4" s="1"/>
  <c r="BS269" i="4" s="1"/>
  <c r="O270" i="4"/>
  <c r="AX270" i="4" s="1"/>
  <c r="BY270" i="4" s="1"/>
  <c r="O271" i="4"/>
  <c r="AX271" i="4" s="1"/>
  <c r="BX271" i="4" s="1"/>
  <c r="O272" i="4"/>
  <c r="AX272" i="4" s="1"/>
  <c r="BZ272" i="4" s="1"/>
  <c r="O273" i="4"/>
  <c r="AX273" i="4" s="1"/>
  <c r="CB273" i="4" s="1"/>
  <c r="O274" i="4"/>
  <c r="AX274" i="4" s="1"/>
  <c r="CA274" i="4" s="1"/>
  <c r="O275" i="4"/>
  <c r="AX275" i="4" s="1"/>
  <c r="BO275" i="4" s="1"/>
  <c r="O276" i="4"/>
  <c r="AX276" i="4" s="1"/>
  <c r="AY276" i="4" s="1"/>
  <c r="O277" i="4"/>
  <c r="AX277" i="4" s="1"/>
  <c r="BA277" i="4" s="1"/>
  <c r="O278" i="4"/>
  <c r="AX278" i="4" s="1"/>
  <c r="BB278" i="4" s="1"/>
  <c r="O279" i="4"/>
  <c r="AX279" i="4" s="1"/>
  <c r="AZ279" i="4" s="1"/>
  <c r="O280" i="4"/>
  <c r="AX280" i="4" s="1"/>
  <c r="BC280" i="4" s="1"/>
  <c r="O281" i="4"/>
  <c r="AX281" i="4" s="1"/>
  <c r="BE281" i="4" s="1"/>
  <c r="O282" i="4"/>
  <c r="AX282" i="4" s="1"/>
  <c r="BF282" i="4" s="1"/>
  <c r="O283" i="4"/>
  <c r="AX283" i="4" s="1"/>
  <c r="BD283" i="4" s="1"/>
  <c r="O569" i="4"/>
  <c r="AX569" i="4" s="1"/>
  <c r="AY569" i="4" s="1"/>
  <c r="O570" i="4"/>
  <c r="AX570" i="4" s="1"/>
  <c r="BT570" i="4" s="1"/>
  <c r="O571" i="4"/>
  <c r="AX571" i="4" s="1"/>
  <c r="BU571" i="4" s="1"/>
  <c r="O572" i="4"/>
  <c r="AX572" i="4" s="1"/>
  <c r="BV572" i="4" s="1"/>
  <c r="O573" i="4"/>
  <c r="AX573" i="4" s="1"/>
  <c r="BW573" i="4" s="1"/>
  <c r="O574" i="4"/>
  <c r="AX574" i="4" s="1"/>
  <c r="BP574" i="4" s="1"/>
  <c r="O575" i="4"/>
  <c r="AX575" i="4" s="1"/>
  <c r="BR575" i="4" s="1"/>
  <c r="O576" i="4"/>
  <c r="AX576" i="4" s="1"/>
  <c r="BQ576" i="4" s="1"/>
  <c r="O577" i="4"/>
  <c r="AX577" i="4" s="1"/>
  <c r="BS577" i="4" s="1"/>
  <c r="O578" i="4"/>
  <c r="AX578" i="4" s="1"/>
  <c r="BY578" i="4" s="1"/>
  <c r="O579" i="4"/>
  <c r="AX579" i="4" s="1"/>
  <c r="BX579" i="4" s="1"/>
  <c r="O580" i="4"/>
  <c r="AX580" i="4" s="1"/>
  <c r="BZ580" i="4" s="1"/>
  <c r="O581" i="4"/>
  <c r="AX581" i="4" s="1"/>
  <c r="CB581" i="4" s="1"/>
  <c r="O582" i="4"/>
  <c r="AX582" i="4" s="1"/>
  <c r="CA582" i="4" s="1"/>
  <c r="O583" i="4"/>
  <c r="AX583" i="4" s="1"/>
  <c r="BO583" i="4" s="1"/>
  <c r="O584" i="4"/>
  <c r="AX584" i="4" s="1"/>
  <c r="AY584" i="4" s="1"/>
  <c r="O585" i="4"/>
  <c r="AX585" i="4" s="1"/>
  <c r="BA585" i="4" s="1"/>
  <c r="O586" i="4"/>
  <c r="AX586" i="4" s="1"/>
  <c r="BB586" i="4" s="1"/>
  <c r="O587" i="4"/>
  <c r="AX587" i="4" s="1"/>
  <c r="AZ587" i="4" s="1"/>
  <c r="O588" i="4"/>
  <c r="AX588" i="4" s="1"/>
  <c r="BC588" i="4" s="1"/>
  <c r="O589" i="4"/>
  <c r="AX589" i="4" s="1"/>
  <c r="BE589" i="4" s="1"/>
  <c r="O590" i="4"/>
  <c r="AX590" i="4" s="1"/>
  <c r="BF590" i="4" s="1"/>
  <c r="O591" i="4"/>
  <c r="AX591" i="4" s="1"/>
  <c r="BD591" i="4" s="1"/>
  <c r="O55" i="4"/>
  <c r="AW4" i="4"/>
  <c r="AW5" i="4"/>
  <c r="AX5" i="4" s="1"/>
  <c r="BA5" i="4" s="1"/>
  <c r="AW6" i="4"/>
  <c r="AW7" i="4"/>
  <c r="AW8" i="4"/>
  <c r="AW9" i="4"/>
  <c r="AW10" i="4"/>
  <c r="AW11" i="4"/>
  <c r="AW12" i="4"/>
  <c r="AW13" i="4"/>
  <c r="AW14" i="4"/>
  <c r="AW15" i="4"/>
  <c r="AW16" i="4"/>
  <c r="AW17" i="4"/>
  <c r="AW18" i="4"/>
  <c r="AW19" i="4"/>
  <c r="AW20" i="4"/>
  <c r="AW21" i="4"/>
  <c r="AW22" i="4"/>
  <c r="AW23" i="4"/>
  <c r="AW26" i="4"/>
  <c r="AW27" i="4"/>
  <c r="AW28" i="4"/>
  <c r="AW29" i="4"/>
  <c r="AW30" i="4"/>
  <c r="AW41" i="4"/>
  <c r="AW42" i="4"/>
  <c r="AW43" i="4"/>
  <c r="AW44" i="4"/>
  <c r="AW45" i="4"/>
  <c r="AW46" i="4"/>
  <c r="AW48" i="4"/>
  <c r="AW49" i="4"/>
  <c r="AW50" i="4"/>
  <c r="AW51" i="4"/>
  <c r="AW52" i="4"/>
  <c r="AW55" i="4"/>
  <c r="AW60" i="4"/>
  <c r="AW63" i="4"/>
  <c r="AX63" i="4" s="1"/>
  <c r="AW111" i="4"/>
  <c r="AW112" i="4"/>
  <c r="AW113" i="4"/>
  <c r="AW114" i="4"/>
  <c r="AW115" i="4"/>
  <c r="AW116" i="4"/>
  <c r="AW117" i="4"/>
  <c r="AW118" i="4"/>
  <c r="AW119" i="4"/>
  <c r="AW120" i="4"/>
  <c r="AW121" i="4"/>
  <c r="AW122" i="4"/>
  <c r="AW123" i="4"/>
  <c r="AW124" i="4"/>
  <c r="AW125" i="4"/>
  <c r="AW126" i="4"/>
  <c r="AW127" i="4"/>
  <c r="AW128" i="4"/>
  <c r="AW137" i="4"/>
  <c r="AW138" i="4"/>
  <c r="AW139" i="4"/>
  <c r="AW140" i="4"/>
  <c r="AW141" i="4"/>
  <c r="AW142" i="4"/>
  <c r="AW143" i="4"/>
  <c r="AW144" i="4"/>
  <c r="AW145" i="4"/>
  <c r="AW146" i="4"/>
  <c r="AW147" i="4"/>
  <c r="AW148" i="4"/>
  <c r="AW149" i="4"/>
  <c r="AW150" i="4"/>
  <c r="AW151" i="4"/>
  <c r="AW152" i="4"/>
  <c r="AW153" i="4"/>
  <c r="AW154" i="4"/>
  <c r="AW155" i="4"/>
  <c r="AW156" i="4"/>
  <c r="AW157" i="4"/>
  <c r="AW158" i="4"/>
  <c r="AW159" i="4"/>
  <c r="AW168" i="4"/>
  <c r="AW169" i="4"/>
  <c r="AW170" i="4"/>
  <c r="AW171" i="4"/>
  <c r="AW172" i="4"/>
  <c r="AW173" i="4"/>
  <c r="AW174" i="4"/>
  <c r="AW175" i="4"/>
  <c r="AW176" i="4"/>
  <c r="AW177" i="4"/>
  <c r="AW178" i="4"/>
  <c r="AW179" i="4"/>
  <c r="AW180" i="4"/>
  <c r="AW181" i="4"/>
  <c r="AW182" i="4"/>
  <c r="AW183" i="4"/>
  <c r="AW184" i="4"/>
  <c r="AW185" i="4"/>
  <c r="AW186" i="4"/>
  <c r="AW187" i="4"/>
  <c r="AW188" i="4"/>
  <c r="AW189" i="4"/>
  <c r="AW190" i="4"/>
  <c r="AX184" i="4" l="1"/>
  <c r="BA184" i="4" s="1"/>
  <c r="AX176" i="4"/>
  <c r="BS176" i="4" s="1"/>
  <c r="AX168" i="4"/>
  <c r="AY168" i="4" s="1"/>
  <c r="AX152" i="4"/>
  <c r="AY152" i="4" s="1"/>
  <c r="AX144" i="4"/>
  <c r="BQ144" i="4" s="1"/>
  <c r="AX128" i="4"/>
  <c r="BD128" i="4" s="1"/>
  <c r="AX120" i="4"/>
  <c r="BO120" i="4" s="1"/>
  <c r="AX112" i="4"/>
  <c r="BR112" i="4" s="1"/>
  <c r="AX190" i="4"/>
  <c r="BD190" i="4" s="1"/>
  <c r="AX182" i="4"/>
  <c r="BO182" i="4" s="1"/>
  <c r="AX174" i="4"/>
  <c r="BR174" i="4" s="1"/>
  <c r="AX158" i="4"/>
  <c r="BF158" i="4" s="1"/>
  <c r="AX150" i="4"/>
  <c r="CA150" i="4" s="1"/>
  <c r="AX142" i="4"/>
  <c r="BP142" i="4" s="1"/>
  <c r="AX126" i="4"/>
  <c r="BE126" i="4" s="1"/>
  <c r="AX118" i="4"/>
  <c r="CB118" i="4" s="1"/>
  <c r="AX183" i="4"/>
  <c r="AY183" i="4" s="1"/>
  <c r="AX175" i="4"/>
  <c r="BQ175" i="4" s="1"/>
  <c r="AX159" i="4"/>
  <c r="BE159" i="4" s="1"/>
  <c r="AX151" i="4"/>
  <c r="BO151" i="4" s="1"/>
  <c r="AX143" i="4"/>
  <c r="BR143" i="4" s="1"/>
  <c r="AX127" i="4"/>
  <c r="BF127" i="4" s="1"/>
  <c r="AX119" i="4"/>
  <c r="CA119" i="4" s="1"/>
  <c r="AX111" i="4"/>
  <c r="BP111" i="4" s="1"/>
  <c r="AX189" i="4"/>
  <c r="BF189" i="4" s="1"/>
  <c r="AX181" i="4"/>
  <c r="CA181" i="4" s="1"/>
  <c r="AX173" i="4"/>
  <c r="BP173" i="4" s="1"/>
  <c r="AX157" i="4"/>
  <c r="BE157" i="4" s="1"/>
  <c r="AX149" i="4"/>
  <c r="CB149" i="4" s="1"/>
  <c r="AX141" i="4"/>
  <c r="BW141" i="4" s="1"/>
  <c r="AX125" i="4"/>
  <c r="BC125" i="4" s="1"/>
  <c r="AX117" i="4"/>
  <c r="BZ117" i="4" s="1"/>
  <c r="AX188" i="4"/>
  <c r="BE188" i="4" s="1"/>
  <c r="AX180" i="4"/>
  <c r="CB180" i="4" s="1"/>
  <c r="AX172" i="4"/>
  <c r="BW172" i="4" s="1"/>
  <c r="AX156" i="4"/>
  <c r="BC156" i="4" s="1"/>
  <c r="AX148" i="4"/>
  <c r="BZ148" i="4" s="1"/>
  <c r="AX140" i="4"/>
  <c r="BV140" i="4" s="1"/>
  <c r="AX124" i="4"/>
  <c r="AZ124" i="4" s="1"/>
  <c r="AX116" i="4"/>
  <c r="BX116" i="4" s="1"/>
  <c r="AX187" i="4"/>
  <c r="BC187" i="4" s="1"/>
  <c r="AX179" i="4"/>
  <c r="BZ179" i="4" s="1"/>
  <c r="AX171" i="4"/>
  <c r="BV171" i="4" s="1"/>
  <c r="AX155" i="4"/>
  <c r="AZ155" i="4" s="1"/>
  <c r="AX147" i="4"/>
  <c r="BX147" i="4" s="1"/>
  <c r="AX139" i="4"/>
  <c r="BU139" i="4" s="1"/>
  <c r="AX123" i="4"/>
  <c r="BB123" i="4" s="1"/>
  <c r="AX115" i="4"/>
  <c r="BY115" i="4" s="1"/>
  <c r="BR63" i="4"/>
  <c r="BS63" i="4"/>
  <c r="BP63" i="4"/>
  <c r="BQ63" i="4"/>
  <c r="AX186" i="4"/>
  <c r="AZ186" i="4" s="1"/>
  <c r="AX178" i="4"/>
  <c r="BX178" i="4" s="1"/>
  <c r="AX170" i="4"/>
  <c r="BU170" i="4" s="1"/>
  <c r="AX154" i="4"/>
  <c r="BB154" i="4" s="1"/>
  <c r="AX146" i="4"/>
  <c r="BY146" i="4" s="1"/>
  <c r="AX138" i="4"/>
  <c r="BT138" i="4" s="1"/>
  <c r="AX122" i="4"/>
  <c r="BA122" i="4" s="1"/>
  <c r="AX114" i="4"/>
  <c r="BS114" i="4" s="1"/>
  <c r="AY106" i="4"/>
  <c r="BG106" i="4"/>
  <c r="BO106" i="4"/>
  <c r="BW106" i="4"/>
  <c r="BA106" i="4"/>
  <c r="BI106" i="4"/>
  <c r="BQ106" i="4"/>
  <c r="BY106" i="4"/>
  <c r="BB106" i="4"/>
  <c r="BJ106" i="4"/>
  <c r="BR106" i="4"/>
  <c r="BZ106" i="4"/>
  <c r="BE106" i="4"/>
  <c r="BM106" i="4"/>
  <c r="BU106" i="4"/>
  <c r="CC106" i="4"/>
  <c r="BF106" i="4"/>
  <c r="BN106" i="4"/>
  <c r="BV106" i="4"/>
  <c r="BS106" i="4"/>
  <c r="AZ106" i="4"/>
  <c r="BT106" i="4"/>
  <c r="BC106" i="4"/>
  <c r="BX106" i="4"/>
  <c r="BD106" i="4"/>
  <c r="CA106" i="4"/>
  <c r="BL106" i="4"/>
  <c r="BH106" i="4"/>
  <c r="BK106" i="4"/>
  <c r="BP106" i="4"/>
  <c r="CB106" i="4"/>
  <c r="AX185" i="4"/>
  <c r="BB185" i="4" s="1"/>
  <c r="AX177" i="4"/>
  <c r="BY177" i="4" s="1"/>
  <c r="AX169" i="4"/>
  <c r="BT169" i="4" s="1"/>
  <c r="AX153" i="4"/>
  <c r="BA153" i="4" s="1"/>
  <c r="AX145" i="4"/>
  <c r="BS145" i="4" s="1"/>
  <c r="AX137" i="4"/>
  <c r="AY137" i="4" s="1"/>
  <c r="AX121" i="4"/>
  <c r="AY121" i="4" s="1"/>
  <c r="AX113" i="4"/>
  <c r="BQ113" i="4" s="1"/>
  <c r="AX60" i="4"/>
  <c r="BA146" i="5"/>
  <c r="BA5" i="5"/>
  <c r="BA13" i="5"/>
  <c r="BA21" i="5"/>
  <c r="BA29" i="5"/>
  <c r="BA36" i="5"/>
  <c r="BA37" i="5"/>
  <c r="BA44" i="5"/>
  <c r="BA45" i="5"/>
  <c r="BA52" i="5"/>
  <c r="BA53" i="5"/>
  <c r="BA60" i="5"/>
  <c r="BA61" i="5"/>
  <c r="BA40" i="5"/>
  <c r="BA75" i="5"/>
  <c r="BA83" i="5"/>
  <c r="BA131" i="5"/>
  <c r="BA48" i="5"/>
  <c r="BA67" i="5"/>
  <c r="BA91" i="5"/>
  <c r="BA99" i="5"/>
  <c r="BA107" i="5"/>
  <c r="BA115" i="5"/>
  <c r="BA123" i="5"/>
  <c r="BA90" i="5"/>
  <c r="BA98" i="5"/>
  <c r="BA106" i="5"/>
  <c r="BA114" i="5"/>
  <c r="BA122" i="5"/>
  <c r="BA130" i="5"/>
  <c r="BA138" i="5"/>
  <c r="BA46" i="5"/>
  <c r="BA62" i="5"/>
  <c r="BA6" i="5"/>
  <c r="BA10" i="5"/>
  <c r="BA42" i="5"/>
  <c r="BA43" i="5"/>
  <c r="BA139" i="5"/>
  <c r="BA147" i="5"/>
  <c r="BA7" i="5"/>
  <c r="BA15" i="5"/>
  <c r="BA23" i="5"/>
  <c r="BA31" i="5"/>
  <c r="BA39" i="5"/>
  <c r="BA47" i="5"/>
  <c r="BA55" i="5"/>
  <c r="BA63" i="5"/>
  <c r="BA71" i="5"/>
  <c r="BA79" i="5"/>
  <c r="BA87" i="5"/>
  <c r="BA95" i="5"/>
  <c r="BA103" i="5"/>
  <c r="BA111" i="5"/>
  <c r="BA119" i="5"/>
  <c r="BA127" i="5"/>
  <c r="BA135" i="5"/>
  <c r="BA143" i="5"/>
  <c r="BA56" i="5"/>
  <c r="BA64" i="5"/>
  <c r="BA72" i="5"/>
  <c r="BA80" i="5"/>
  <c r="BA88" i="5"/>
  <c r="BA96" i="5"/>
  <c r="BA104" i="5"/>
  <c r="BA112" i="5"/>
  <c r="BA120" i="5"/>
  <c r="BA128" i="5"/>
  <c r="BA136" i="5"/>
  <c r="BA144" i="5"/>
  <c r="BA18" i="5"/>
  <c r="BA26" i="5"/>
  <c r="BA34" i="5"/>
  <c r="BA58" i="5"/>
  <c r="BA66" i="5"/>
  <c r="BA74" i="5"/>
  <c r="BA50" i="5"/>
  <c r="BA82" i="5"/>
  <c r="BA14" i="5"/>
  <c r="BA22" i="5"/>
  <c r="BA30" i="5"/>
  <c r="BA38" i="5"/>
  <c r="BA54" i="5"/>
  <c r="BA70" i="5"/>
  <c r="BA78" i="5"/>
  <c r="BA86" i="5"/>
  <c r="BA94" i="5"/>
  <c r="BA102" i="5"/>
  <c r="BA110" i="5"/>
  <c r="BA118" i="5"/>
  <c r="BA126" i="5"/>
  <c r="BA134" i="5"/>
  <c r="BA142" i="5"/>
  <c r="BA8" i="5"/>
  <c r="BA16" i="5"/>
  <c r="BA24" i="5"/>
  <c r="BA32" i="5"/>
  <c r="BA9" i="5"/>
  <c r="BA17" i="5"/>
  <c r="BA25" i="5"/>
  <c r="BA33" i="5"/>
  <c r="BA41" i="5"/>
  <c r="BA49" i="5"/>
  <c r="BA57" i="5"/>
  <c r="BA65" i="5"/>
  <c r="BA73" i="5"/>
  <c r="BA81" i="5"/>
  <c r="BA89" i="5"/>
  <c r="BA97" i="5"/>
  <c r="BA105" i="5"/>
  <c r="BA113" i="5"/>
  <c r="BA121" i="5"/>
  <c r="BA129" i="5"/>
  <c r="BA137" i="5"/>
  <c r="BA145" i="5"/>
  <c r="BA4" i="5"/>
  <c r="BA12" i="5"/>
  <c r="BA20" i="5"/>
  <c r="BA28" i="5"/>
  <c r="BA60" i="4" l="1"/>
  <c r="BI60" i="4"/>
  <c r="BC60" i="4"/>
  <c r="BK60" i="4"/>
  <c r="BD60" i="4"/>
  <c r="BL60" i="4"/>
  <c r="AY60" i="4"/>
  <c r="BG60" i="4"/>
  <c r="BO60" i="4"/>
  <c r="AZ60" i="4"/>
  <c r="BH60" i="4"/>
  <c r="BB60" i="4"/>
  <c r="BE60" i="4"/>
  <c r="BF60" i="4"/>
  <c r="BN60" i="4"/>
  <c r="BM60" i="4"/>
  <c r="BJ60" i="4"/>
  <c r="O52" i="4"/>
  <c r="AX52" i="4" s="1"/>
  <c r="O51" i="4"/>
  <c r="AX51" i="4" s="1"/>
  <c r="O50" i="4"/>
  <c r="AX50" i="4" s="1"/>
  <c r="O49" i="4"/>
  <c r="AX49" i="4" s="1"/>
  <c r="O48" i="4"/>
  <c r="AX48" i="4" s="1"/>
  <c r="O46" i="4"/>
  <c r="AX46" i="4" s="1"/>
  <c r="O45" i="4"/>
  <c r="AX45" i="4" s="1"/>
  <c r="O27" i="4"/>
  <c r="AX27" i="4" s="1"/>
  <c r="BA27" i="4" s="1"/>
  <c r="O29" i="4"/>
  <c r="AX29" i="4" s="1"/>
  <c r="AY29" i="4" s="1"/>
  <c r="O28" i="4"/>
  <c r="AX28" i="4" s="1"/>
  <c r="BP28" i="4" s="1"/>
  <c r="O26" i="4"/>
  <c r="AX26" i="4" s="1"/>
  <c r="AY26" i="4" s="1"/>
  <c r="O25" i="4"/>
  <c r="AX25" i="4" s="1"/>
  <c r="BH25" i="4" s="1"/>
  <c r="O24" i="4"/>
  <c r="AX24" i="4" s="1"/>
  <c r="BF24" i="4" s="1"/>
  <c r="O23" i="4"/>
  <c r="AX23" i="4" s="1"/>
  <c r="BL23" i="4" s="1"/>
  <c r="O22" i="4"/>
  <c r="AX22" i="4" s="1"/>
  <c r="O21" i="4"/>
  <c r="AX21" i="4" s="1"/>
  <c r="O20" i="4"/>
  <c r="AX20" i="4" s="1"/>
  <c r="O19" i="4"/>
  <c r="AX19" i="4" s="1"/>
  <c r="O17" i="4"/>
  <c r="AX17" i="4" s="1"/>
  <c r="O16" i="4"/>
  <c r="AX16" i="4" s="1"/>
  <c r="O15" i="4"/>
  <c r="AX15" i="4" s="1"/>
  <c r="O14" i="4"/>
  <c r="AX14" i="4" s="1"/>
  <c r="AY14" i="4" s="1"/>
  <c r="O11" i="4"/>
  <c r="AX11" i="4" s="1"/>
  <c r="O10" i="4"/>
  <c r="AX10" i="4" s="1"/>
  <c r="O9" i="4"/>
  <c r="AX9" i="4" s="1"/>
  <c r="BT9" i="4" s="1"/>
  <c r="O8" i="4"/>
  <c r="AX8" i="4" s="1"/>
  <c r="BP8" i="4" s="1"/>
  <c r="O7" i="4"/>
  <c r="AX7" i="4" s="1"/>
  <c r="O6" i="4"/>
  <c r="AX6" i="4" s="1"/>
  <c r="BH6" i="4" s="1"/>
  <c r="O4" i="4"/>
  <c r="AX4" i="4" s="1"/>
  <c r="AY4" i="4" s="1"/>
  <c r="O3" i="4"/>
  <c r="AX3" i="4" s="1"/>
  <c r="AY3" i="4" s="1"/>
  <c r="BC46" i="4" l="1"/>
  <c r="BK46" i="4"/>
  <c r="BS46" i="4"/>
  <c r="CA46" i="4"/>
  <c r="BE46" i="4"/>
  <c r="BM46" i="4"/>
  <c r="BU46" i="4"/>
  <c r="CC46" i="4"/>
  <c r="BF46" i="4"/>
  <c r="BN46" i="4"/>
  <c r="BV46" i="4"/>
  <c r="BA46" i="4"/>
  <c r="BI46" i="4"/>
  <c r="BQ46" i="4"/>
  <c r="BY46" i="4"/>
  <c r="BB46" i="4"/>
  <c r="BJ46" i="4"/>
  <c r="BR46" i="4"/>
  <c r="BZ46" i="4"/>
  <c r="AY46" i="4"/>
  <c r="BT46" i="4"/>
  <c r="AZ46" i="4"/>
  <c r="BW46" i="4"/>
  <c r="BD46" i="4"/>
  <c r="BX46" i="4"/>
  <c r="BG46" i="4"/>
  <c r="CB46" i="4"/>
  <c r="BO46" i="4"/>
  <c r="BP46" i="4"/>
  <c r="BH46" i="4"/>
  <c r="BL46" i="4"/>
  <c r="BP16" i="4"/>
  <c r="BS16" i="4"/>
  <c r="BR16" i="4"/>
  <c r="BQ16" i="4"/>
  <c r="BP49" i="4"/>
  <c r="BQ49" i="4"/>
  <c r="BS49" i="4"/>
  <c r="BR49" i="4"/>
  <c r="CA11" i="4"/>
  <c r="CB11" i="4"/>
  <c r="BD15" i="4"/>
  <c r="BL15" i="4"/>
  <c r="BE15" i="4"/>
  <c r="BM15" i="4"/>
  <c r="BF15" i="4"/>
  <c r="BN15" i="4"/>
  <c r="AY15" i="4"/>
  <c r="BG15" i="4"/>
  <c r="BO15" i="4"/>
  <c r="BB15" i="4"/>
  <c r="BJ15" i="4"/>
  <c r="BC15" i="4"/>
  <c r="BK15" i="4"/>
  <c r="AZ15" i="4"/>
  <c r="BA15" i="4"/>
  <c r="BH15" i="4"/>
  <c r="BI15" i="4"/>
  <c r="BE48" i="4"/>
  <c r="BM48" i="4"/>
  <c r="AY48" i="4"/>
  <c r="BG48" i="4"/>
  <c r="BO48" i="4"/>
  <c r="AZ48" i="4"/>
  <c r="BH48" i="4"/>
  <c r="BC48" i="4"/>
  <c r="BK48" i="4"/>
  <c r="BD48" i="4"/>
  <c r="BL48" i="4"/>
  <c r="BA48" i="4"/>
  <c r="BB48" i="4"/>
  <c r="BF48" i="4"/>
  <c r="BI48" i="4"/>
  <c r="BJ48" i="4"/>
  <c r="BN48" i="4"/>
  <c r="BD7" i="4"/>
  <c r="BL7" i="4"/>
  <c r="BE7" i="4"/>
  <c r="BM7" i="4"/>
  <c r="BF7" i="4"/>
  <c r="BN7" i="4"/>
  <c r="AY7" i="4"/>
  <c r="BG7" i="4"/>
  <c r="BO7" i="4"/>
  <c r="BB7" i="4"/>
  <c r="BJ7" i="4"/>
  <c r="BC7" i="4"/>
  <c r="BK7" i="4"/>
  <c r="AZ7" i="4"/>
  <c r="BI7" i="4"/>
  <c r="BA7" i="4"/>
  <c r="BH7" i="4"/>
  <c r="BW50" i="4"/>
  <c r="BU50" i="4"/>
  <c r="BV50" i="4"/>
  <c r="BT50" i="4"/>
  <c r="AZ19" i="4"/>
  <c r="BH19" i="4"/>
  <c r="BA19" i="4"/>
  <c r="BI19" i="4"/>
  <c r="BB19" i="4"/>
  <c r="BJ19" i="4"/>
  <c r="BC19" i="4"/>
  <c r="BK19" i="4"/>
  <c r="BF19" i="4"/>
  <c r="BN19" i="4"/>
  <c r="AY19" i="4"/>
  <c r="BG19" i="4"/>
  <c r="BO19" i="4"/>
  <c r="BD19" i="4"/>
  <c r="BE19" i="4"/>
  <c r="BL19" i="4"/>
  <c r="BM19" i="4"/>
  <c r="BX51" i="4"/>
  <c r="BY51" i="4"/>
  <c r="BB45" i="4"/>
  <c r="BJ45" i="4"/>
  <c r="BR45" i="4"/>
  <c r="BZ45" i="4"/>
  <c r="BD45" i="4"/>
  <c r="BL45" i="4"/>
  <c r="BT45" i="4"/>
  <c r="CB45" i="4"/>
  <c r="BE45" i="4"/>
  <c r="BM45" i="4"/>
  <c r="BU45" i="4"/>
  <c r="CC45" i="4"/>
  <c r="AZ45" i="4"/>
  <c r="BH45" i="4"/>
  <c r="BP45" i="4"/>
  <c r="BX45" i="4"/>
  <c r="BA45" i="4"/>
  <c r="BI45" i="4"/>
  <c r="BQ45" i="4"/>
  <c r="BY45" i="4"/>
  <c r="BG45" i="4"/>
  <c r="BK45" i="4"/>
  <c r="BN45" i="4"/>
  <c r="BO45" i="4"/>
  <c r="BC45" i="4"/>
  <c r="BW45" i="4"/>
  <c r="AY45" i="4"/>
  <c r="BF45" i="4"/>
  <c r="BS45" i="4"/>
  <c r="BV45" i="4"/>
  <c r="CA45" i="4"/>
  <c r="BA20" i="4"/>
  <c r="BI20" i="4"/>
  <c r="BB20" i="4"/>
  <c r="BJ20" i="4"/>
  <c r="BC20" i="4"/>
  <c r="BK20" i="4"/>
  <c r="BD20" i="4"/>
  <c r="BL20" i="4"/>
  <c r="AY20" i="4"/>
  <c r="BG20" i="4"/>
  <c r="BO20" i="4"/>
  <c r="AZ20" i="4"/>
  <c r="BH20" i="4"/>
  <c r="BM20" i="4"/>
  <c r="BE20" i="4"/>
  <c r="BF20" i="4"/>
  <c r="BN20" i="4"/>
  <c r="CA52" i="4"/>
  <c r="CB52" i="4"/>
  <c r="BT22" i="4"/>
  <c r="BU22" i="4"/>
  <c r="BV22" i="4"/>
  <c r="BW22" i="4"/>
  <c r="BV17" i="4"/>
  <c r="BW17" i="4"/>
  <c r="BT17" i="4"/>
  <c r="BU17" i="4"/>
  <c r="BX10" i="4"/>
  <c r="BY10" i="4"/>
  <c r="BR21" i="4"/>
  <c r="BS21" i="4"/>
  <c r="BP21" i="4"/>
  <c r="BQ21" i="4"/>
  <c r="BH896" i="4" l="1"/>
  <c r="BX896" i="4"/>
  <c r="CC896" i="4"/>
  <c r="BZ896" i="4"/>
  <c r="BC896" i="4"/>
  <c r="BU896" i="4"/>
  <c r="BT896" i="4"/>
  <c r="BL896" i="4"/>
  <c r="BM896" i="4"/>
  <c r="BP896" i="4"/>
  <c r="AY896" i="4"/>
  <c r="BW896" i="4"/>
  <c r="BJ896" i="4"/>
  <c r="BE896" i="4"/>
  <c r="BO896" i="4"/>
  <c r="BD896" i="4"/>
  <c r="BA896" i="4"/>
  <c r="BG896" i="4"/>
  <c r="BQ896" i="4"/>
  <c r="BV896" i="4"/>
  <c r="BB896" i="4"/>
  <c r="BY896" i="4"/>
  <c r="BI896" i="4"/>
  <c r="BR896" i="4"/>
  <c r="AZ896" i="4"/>
  <c r="BN896" i="4"/>
  <c r="CB896" i="4"/>
  <c r="BS896" i="4"/>
  <c r="BK896" i="4"/>
  <c r="BF896" i="4"/>
  <c r="CA896" i="4"/>
  <c r="H207" i="26"/>
  <c r="L207" i="26" s="1"/>
  <c r="BG556" i="9"/>
  <c r="BH556" i="9"/>
  <c r="BJ556" i="9"/>
  <c r="BK556" i="9"/>
  <c r="BX557" i="9" l="1"/>
  <c r="CH557" i="9"/>
  <c r="BW557" i="9"/>
  <c r="BU472" i="9"/>
  <c r="BO472" i="9"/>
  <c r="BS472" i="9" l="1"/>
  <c r="BT472" i="9" s="1"/>
  <c r="DK310" i="9"/>
  <c r="DK558" i="9" s="1"/>
  <c r="DK559" i="9" s="1"/>
  <c r="D22" i="38" l="1"/>
  <c r="E22" i="38" s="1"/>
  <c r="CF310" i="9"/>
  <c r="DJ310" i="9"/>
  <c r="DN310" i="9" l="1"/>
  <c r="DM310" i="9"/>
  <c r="CF558" i="9"/>
  <c r="D13" i="38" s="1"/>
  <c r="E13" i="38" s="1"/>
  <c r="BU310" i="9"/>
  <c r="CF556" i="9"/>
  <c r="CF557" i="9" s="1"/>
  <c r="CD556" i="9"/>
  <c r="CD557" i="9" s="1"/>
  <c r="CF559" i="9" l="1"/>
  <c r="CI401" i="9"/>
  <c r="BV401" i="9"/>
  <c r="DM401" i="9" l="1"/>
  <c r="BV403" i="9"/>
  <c r="BV558" i="9" s="1"/>
  <c r="CI403" i="9"/>
  <c r="CI556" i="9" s="1"/>
  <c r="CI557" i="9" s="1"/>
  <c r="BP556" i="9"/>
  <c r="BQ556" i="9"/>
  <c r="DK556" i="9"/>
  <c r="DK557" i="9" s="1"/>
  <c r="BR556" i="9"/>
  <c r="BY556" i="9"/>
  <c r="BY557" i="9" s="1"/>
  <c r="CA556" i="9"/>
  <c r="CA557" i="9" s="1"/>
  <c r="BZ556" i="9"/>
  <c r="BZ557" i="9" s="1"/>
  <c r="BO556" i="9"/>
  <c r="D3" i="38" l="1"/>
  <c r="E3" i="38" s="1"/>
  <c r="BV559" i="9"/>
  <c r="DM403" i="9"/>
  <c r="CI558" i="9"/>
  <c r="BV556" i="9"/>
  <c r="BV557" i="9" s="1"/>
  <c r="DJ324" i="9"/>
  <c r="DJ558" i="9" s="1"/>
  <c r="DJ559" i="9" s="1"/>
  <c r="DI324" i="9"/>
  <c r="DI558" i="9" s="1"/>
  <c r="DI559" i="9" s="1"/>
  <c r="DL556" i="9"/>
  <c r="DL557" i="9" s="1"/>
  <c r="BU403" i="9"/>
  <c r="CI559" i="9" l="1"/>
  <c r="D16" i="38"/>
  <c r="DN324" i="9"/>
  <c r="B6" i="35" s="1" a="1"/>
  <c r="B6" i="35" s="1"/>
  <c r="DJ556" i="9"/>
  <c r="DJ557" i="9" s="1"/>
  <c r="DI556" i="9"/>
  <c r="DI557" i="9" s="1"/>
  <c r="D20" i="38" l="1"/>
  <c r="E20" i="38" s="1"/>
  <c r="D21" i="38"/>
  <c r="E21" i="38" s="1"/>
  <c r="E16" i="38"/>
  <c r="M192" i="35"/>
  <c r="O192" i="35" s="1" a="1"/>
  <c r="O192" i="35" s="1"/>
  <c r="N192" i="35"/>
  <c r="P192" i="35" s="1" a="1"/>
  <c r="P192" i="35" s="1"/>
  <c r="L170" i="35"/>
  <c r="L73" i="35"/>
  <c r="L70" i="35"/>
  <c r="L101" i="35"/>
  <c r="L172" i="35"/>
  <c r="L132" i="35"/>
  <c r="L100" i="35"/>
  <c r="L68" i="35"/>
  <c r="L118" i="35"/>
  <c r="L141" i="35"/>
  <c r="L182" i="35"/>
  <c r="L115" i="35"/>
  <c r="L83" i="35"/>
  <c r="L35" i="35"/>
  <c r="L125" i="35"/>
  <c r="L69" i="35"/>
  <c r="L113" i="35"/>
  <c r="L181" i="35"/>
  <c r="L37" i="35"/>
  <c r="L34" i="35"/>
  <c r="L85" i="35"/>
  <c r="L128" i="35"/>
  <c r="L96" i="35"/>
  <c r="L64" i="35"/>
  <c r="L102" i="35"/>
  <c r="L129" i="35"/>
  <c r="L111" i="35"/>
  <c r="L79" i="35"/>
  <c r="L31" i="35"/>
  <c r="L62" i="35"/>
  <c r="L76" i="35"/>
  <c r="L38" i="35"/>
  <c r="L91" i="35"/>
  <c r="L72" i="35"/>
  <c r="L87" i="35"/>
  <c r="L130" i="35"/>
  <c r="L29" i="35"/>
  <c r="L65" i="35"/>
  <c r="L160" i="35"/>
  <c r="L124" i="35"/>
  <c r="L92" i="35"/>
  <c r="L36" i="35"/>
  <c r="L94" i="35"/>
  <c r="L109" i="35"/>
  <c r="L126" i="35"/>
  <c r="L173" i="35"/>
  <c r="L183" i="35"/>
  <c r="L107" i="35"/>
  <c r="L75" i="35"/>
  <c r="L11" i="35"/>
  <c r="K135" i="35"/>
  <c r="L106" i="35"/>
  <c r="L30" i="35"/>
  <c r="L104" i="35"/>
  <c r="L39" i="35"/>
  <c r="L114" i="35"/>
  <c r="L9" i="35"/>
  <c r="L158" i="35"/>
  <c r="L156" i="35"/>
  <c r="L120" i="35"/>
  <c r="L88" i="35"/>
  <c r="L32" i="35"/>
  <c r="L78" i="35"/>
  <c r="L93" i="35"/>
  <c r="L110" i="35"/>
  <c r="L133" i="35"/>
  <c r="L135" i="35"/>
  <c r="L103" i="35"/>
  <c r="L71" i="35"/>
  <c r="L105" i="35"/>
  <c r="L123" i="35"/>
  <c r="L89" i="35"/>
  <c r="L176" i="35"/>
  <c r="L134" i="35"/>
  <c r="L119" i="35"/>
  <c r="L98" i="35"/>
  <c r="L137" i="35"/>
  <c r="L138" i="35"/>
  <c r="L152" i="35"/>
  <c r="L116" i="35"/>
  <c r="L84" i="35"/>
  <c r="L28" i="35"/>
  <c r="L66" i="35"/>
  <c r="L77" i="35"/>
  <c r="L90" i="35"/>
  <c r="L97" i="35"/>
  <c r="L131" i="35"/>
  <c r="L99" i="35"/>
  <c r="L67" i="35"/>
  <c r="L82" i="35"/>
  <c r="L121" i="35"/>
  <c r="L122" i="35"/>
  <c r="L161" i="35"/>
  <c r="L112" i="35"/>
  <c r="L80" i="35"/>
  <c r="L54" i="35"/>
  <c r="L61" i="35"/>
  <c r="L74" i="35"/>
  <c r="L81" i="35"/>
  <c r="L127" i="35"/>
  <c r="L95" i="35"/>
  <c r="L63" i="35"/>
  <c r="L108" i="35"/>
  <c r="L159" i="35"/>
  <c r="L55" i="35"/>
  <c r="L86" i="35"/>
  <c r="L33" i="35"/>
  <c r="L142" i="35"/>
  <c r="K142" i="35"/>
  <c r="D24" i="38" l="1"/>
  <c r="E24" i="38" s="1"/>
  <c r="M135" i="35"/>
  <c r="O135" i="35" s="1" a="1"/>
  <c r="O135" i="35" s="1"/>
  <c r="N135" i="35"/>
  <c r="P135" i="35" s="1" a="1"/>
  <c r="P135" i="35" s="1"/>
  <c r="M142" i="35"/>
  <c r="O142" i="35" s="1" a="1"/>
  <c r="O142" i="35" s="1"/>
  <c r="N142" i="35"/>
  <c r="P142" i="35" s="1" a="1"/>
  <c r="P142" i="35" s="1"/>
  <c r="K9" i="35" l="1"/>
  <c r="N9" i="35" l="1"/>
  <c r="P9" i="35" s="1" a="1"/>
  <c r="P9" i="35" s="1"/>
  <c r="M9" i="35"/>
  <c r="O9" i="35" s="1" a="1"/>
  <c r="O9" i="35" s="1"/>
  <c r="K180" i="35"/>
  <c r="K178" i="35"/>
  <c r="L180" i="35"/>
  <c r="L178" i="35"/>
  <c r="M178" i="35" l="1"/>
  <c r="O178" i="35" s="1" a="1"/>
  <c r="O178" i="35" s="1"/>
  <c r="N178" i="35"/>
  <c r="P178" i="35" s="1" a="1"/>
  <c r="P178" i="35" s="1"/>
  <c r="M180" i="35"/>
  <c r="O180" i="35" s="1" a="1"/>
  <c r="O180" i="35" s="1"/>
  <c r="N180" i="35"/>
  <c r="P180" i="35" s="1" a="1"/>
  <c r="P180" i="35" s="1"/>
  <c r="L163" i="35" l="1"/>
  <c r="L166" i="35"/>
  <c r="L184" i="35"/>
  <c r="L185" i="35"/>
  <c r="L186" i="35"/>
  <c r="L187" i="35"/>
  <c r="L179" i="35"/>
  <c r="L143" i="35"/>
  <c r="L144" i="35"/>
  <c r="L145" i="35"/>
  <c r="L150" i="35"/>
  <c r="L188" i="35"/>
  <c r="L189" i="35"/>
  <c r="L190" i="35"/>
  <c r="L14" i="35"/>
  <c r="L153" i="35"/>
  <c r="L15" i="35"/>
  <c r="L16" i="35"/>
  <c r="L17" i="35"/>
  <c r="L18" i="35"/>
  <c r="L19" i="35"/>
  <c r="L154" i="35"/>
  <c r="L20" i="35"/>
  <c r="L21" i="35"/>
  <c r="L22" i="35"/>
  <c r="L23" i="35"/>
  <c r="L24" i="35"/>
  <c r="L25" i="35"/>
  <c r="L26" i="35"/>
  <c r="L27" i="35"/>
  <c r="L155" i="35"/>
  <c r="L40" i="35"/>
  <c r="L41" i="35"/>
  <c r="L42" i="35"/>
  <c r="L43" i="35"/>
  <c r="L44" i="35"/>
  <c r="L45" i="35"/>
  <c r="L46" i="35"/>
  <c r="L47" i="35"/>
  <c r="L48" i="35"/>
  <c r="L49" i="35"/>
  <c r="L50" i="35"/>
  <c r="L51" i="35"/>
  <c r="L52" i="35"/>
  <c r="L117" i="35"/>
  <c r="K163" i="35"/>
  <c r="K166" i="35"/>
  <c r="K172" i="35"/>
  <c r="K175" i="35"/>
  <c r="K184" i="35"/>
  <c r="K185" i="35"/>
  <c r="K186" i="35"/>
  <c r="K187" i="35"/>
  <c r="K179" i="35"/>
  <c r="K141" i="35"/>
  <c r="K143" i="35"/>
  <c r="K144" i="35"/>
  <c r="K145" i="35"/>
  <c r="K150" i="35"/>
  <c r="K152" i="35"/>
  <c r="K11" i="35"/>
  <c r="K188" i="35"/>
  <c r="K189" i="35"/>
  <c r="K190" i="35"/>
  <c r="K14" i="35"/>
  <c r="K153" i="35"/>
  <c r="K15" i="35"/>
  <c r="K16" i="35"/>
  <c r="K17" i="35"/>
  <c r="K18" i="35"/>
  <c r="K19" i="35"/>
  <c r="K154" i="35"/>
  <c r="K20" i="35"/>
  <c r="K21" i="35"/>
  <c r="K22" i="35"/>
  <c r="K23" i="35"/>
  <c r="K24" i="35"/>
  <c r="K25" i="35"/>
  <c r="K26" i="35"/>
  <c r="K27" i="35"/>
  <c r="K28" i="35"/>
  <c r="K29" i="35"/>
  <c r="K155" i="35"/>
  <c r="K30" i="35"/>
  <c r="K31" i="35"/>
  <c r="K32" i="35"/>
  <c r="K33" i="35"/>
  <c r="K34" i="35"/>
  <c r="K156" i="35"/>
  <c r="K35" i="35"/>
  <c r="K36" i="35"/>
  <c r="K37" i="35"/>
  <c r="K38" i="35"/>
  <c r="K39" i="35"/>
  <c r="K40" i="35"/>
  <c r="K41" i="35"/>
  <c r="K42" i="35"/>
  <c r="K43" i="35"/>
  <c r="K44" i="35"/>
  <c r="K45" i="35"/>
  <c r="K46" i="35"/>
  <c r="K47" i="35"/>
  <c r="K48" i="35"/>
  <c r="K49" i="35"/>
  <c r="K50" i="35"/>
  <c r="K51" i="35"/>
  <c r="K52" i="35"/>
  <c r="K53" i="35"/>
  <c r="K54" i="35"/>
  <c r="K55" i="35"/>
  <c r="K56" i="35"/>
  <c r="K57" i="35"/>
  <c r="K58" i="35"/>
  <c r="K59" i="35"/>
  <c r="K60" i="35"/>
  <c r="K157" i="35"/>
  <c r="K61" i="35"/>
  <c r="K62" i="35"/>
  <c r="K63" i="35"/>
  <c r="K64" i="35"/>
  <c r="K158" i="35"/>
  <c r="K65" i="35"/>
  <c r="K66" i="35"/>
  <c r="K67" i="35"/>
  <c r="K68" i="35"/>
  <c r="K69" i="35"/>
  <c r="K159" i="35"/>
  <c r="K70" i="35"/>
  <c r="K71" i="35"/>
  <c r="K72" i="35"/>
  <c r="K73" i="35"/>
  <c r="K74" i="35"/>
  <c r="K75" i="35"/>
  <c r="K76" i="35"/>
  <c r="K77" i="35"/>
  <c r="K78" i="35"/>
  <c r="K79" i="35"/>
  <c r="K80" i="35"/>
  <c r="K81" i="35"/>
  <c r="K82" i="35"/>
  <c r="K83" i="35"/>
  <c r="K84" i="35"/>
  <c r="K160" i="35"/>
  <c r="K161" i="35"/>
  <c r="K85" i="35"/>
  <c r="K86" i="35"/>
  <c r="K87" i="35"/>
  <c r="K88" i="35"/>
  <c r="K89" i="35"/>
  <c r="K90" i="35"/>
  <c r="K91" i="35"/>
  <c r="K92" i="35"/>
  <c r="K93" i="35"/>
  <c r="K94" i="35"/>
  <c r="K95" i="35"/>
  <c r="K96" i="35"/>
  <c r="K97" i="35"/>
  <c r="K98" i="35"/>
  <c r="K99" i="35"/>
  <c r="K100" i="35"/>
  <c r="K101" i="35"/>
  <c r="K102" i="35"/>
  <c r="K103" i="35"/>
  <c r="K104" i="35"/>
  <c r="K105" i="35"/>
  <c r="K106" i="35"/>
  <c r="K107" i="35"/>
  <c r="K108" i="35"/>
  <c r="K109" i="35"/>
  <c r="K110" i="35"/>
  <c r="K111" i="35"/>
  <c r="K112" i="35"/>
  <c r="K113" i="35"/>
  <c r="K115" i="35"/>
  <c r="K114" i="35"/>
  <c r="K116" i="35"/>
  <c r="K117" i="35"/>
  <c r="K118" i="35"/>
  <c r="K119" i="35"/>
  <c r="K120" i="35"/>
  <c r="K121" i="35"/>
  <c r="K122" i="35"/>
  <c r="K123" i="35"/>
  <c r="K124" i="35"/>
  <c r="K125" i="35"/>
  <c r="K126" i="35"/>
  <c r="K127" i="35"/>
  <c r="K128" i="35"/>
  <c r="K129" i="35"/>
  <c r="K130" i="35"/>
  <c r="K131" i="35"/>
  <c r="K132" i="35"/>
  <c r="K133" i="35"/>
  <c r="K134" i="35"/>
  <c r="M92" i="35" l="1"/>
  <c r="O92" i="35" s="1" a="1"/>
  <c r="O92" i="35" s="1"/>
  <c r="N92" i="35"/>
  <c r="P92" i="35" s="1" a="1"/>
  <c r="P92" i="35" s="1"/>
  <c r="N58" i="35"/>
  <c r="P58" i="35" s="1" a="1"/>
  <c r="P58" i="35" s="1"/>
  <c r="M50" i="35"/>
  <c r="O50" i="35" s="1" a="1"/>
  <c r="O50" i="35" s="1"/>
  <c r="N50" i="35"/>
  <c r="P50" i="35" s="1" a="1"/>
  <c r="P50" i="35" s="1"/>
  <c r="M43" i="35"/>
  <c r="O43" i="35" s="1" a="1"/>
  <c r="O43" i="35" s="1"/>
  <c r="N43" i="35"/>
  <c r="P43" i="35" s="1" a="1"/>
  <c r="P43" i="35" s="1"/>
  <c r="M35" i="35"/>
  <c r="O35" i="35" s="1" a="1"/>
  <c r="O35" i="35" s="1"/>
  <c r="N35" i="35"/>
  <c r="P35" i="35" s="1" a="1"/>
  <c r="P35" i="35" s="1"/>
  <c r="M155" i="35"/>
  <c r="O155" i="35" s="1" a="1"/>
  <c r="O155" i="35" s="1"/>
  <c r="N155" i="35"/>
  <c r="P155" i="35" s="1" a="1"/>
  <c r="P155" i="35" s="1"/>
  <c r="M23" i="35"/>
  <c r="O23" i="35" s="1" a="1"/>
  <c r="O23" i="35" s="1"/>
  <c r="N23" i="35"/>
  <c r="P23" i="35" s="1" a="1"/>
  <c r="P23" i="35" s="1"/>
  <c r="M17" i="35"/>
  <c r="O17" i="35" s="1" a="1"/>
  <c r="O17" i="35" s="1"/>
  <c r="N17" i="35"/>
  <c r="P17" i="35" s="1" a="1"/>
  <c r="P17" i="35" s="1"/>
  <c r="M190" i="35"/>
  <c r="O190" i="35" s="1" a="1"/>
  <c r="O190" i="35" s="1"/>
  <c r="N190" i="35"/>
  <c r="P190" i="35" s="1" a="1"/>
  <c r="P190" i="35" s="1"/>
  <c r="M186" i="35"/>
  <c r="O186" i="35" s="1" a="1"/>
  <c r="O186" i="35" s="1"/>
  <c r="N186" i="35"/>
  <c r="P186" i="35" s="1" a="1"/>
  <c r="P186" i="35" s="1"/>
  <c r="M108" i="35"/>
  <c r="O108" i="35" s="1" a="1"/>
  <c r="O108" i="35" s="1"/>
  <c r="N108" i="35"/>
  <c r="P108" i="35" s="1" a="1"/>
  <c r="P108" i="35" s="1"/>
  <c r="M107" i="35"/>
  <c r="O107" i="35" s="1" a="1"/>
  <c r="O107" i="35" s="1"/>
  <c r="N107" i="35"/>
  <c r="P107" i="35" s="1" a="1"/>
  <c r="P107" i="35" s="1"/>
  <c r="N57" i="35"/>
  <c r="P57" i="35" s="1" a="1"/>
  <c r="P57" i="35" s="1"/>
  <c r="M156" i="35"/>
  <c r="O156" i="35" s="1" a="1"/>
  <c r="O156" i="35" s="1"/>
  <c r="N156" i="35"/>
  <c r="P156" i="35" s="1" a="1"/>
  <c r="P156" i="35" s="1"/>
  <c r="M22" i="35"/>
  <c r="O22" i="35" s="1" a="1"/>
  <c r="O22" i="35" s="1"/>
  <c r="N22" i="35"/>
  <c r="P22" i="35" s="1" a="1"/>
  <c r="P22" i="35" s="1"/>
  <c r="M16" i="35"/>
  <c r="O16" i="35" s="1" a="1"/>
  <c r="O16" i="35" s="1"/>
  <c r="N16" i="35"/>
  <c r="P16" i="35" s="1" a="1"/>
  <c r="P16" i="35" s="1"/>
  <c r="M189" i="35"/>
  <c r="O189" i="35" s="1" a="1"/>
  <c r="O189" i="35" s="1"/>
  <c r="N189" i="35"/>
  <c r="P189" i="35" s="1" a="1"/>
  <c r="P189" i="35" s="1"/>
  <c r="M179" i="35"/>
  <c r="O179" i="35" s="1" a="1"/>
  <c r="O179" i="35" s="1"/>
  <c r="N179" i="35"/>
  <c r="P179" i="35" s="1" a="1"/>
  <c r="P179" i="35" s="1"/>
  <c r="M185" i="35"/>
  <c r="O185" i="35" s="1" a="1"/>
  <c r="O185" i="35" s="1"/>
  <c r="N185" i="35"/>
  <c r="P185" i="35" s="1" a="1"/>
  <c r="P185" i="35" s="1"/>
  <c r="M70" i="35"/>
  <c r="O70" i="35" s="1" a="1"/>
  <c r="O70" i="35" s="1"/>
  <c r="N70" i="35"/>
  <c r="P70" i="35" s="1" a="1"/>
  <c r="P70" i="35" s="1"/>
  <c r="M42" i="35"/>
  <c r="O42" i="35" s="1" a="1"/>
  <c r="O42" i="35" s="1"/>
  <c r="N42" i="35"/>
  <c r="P42" i="35" s="1" a="1"/>
  <c r="P42" i="35" s="1"/>
  <c r="M106" i="35"/>
  <c r="O106" i="35" s="1" a="1"/>
  <c r="O106" i="35" s="1"/>
  <c r="N106" i="35"/>
  <c r="P106" i="35" s="1" a="1"/>
  <c r="P106" i="35" s="1"/>
  <c r="N56" i="35"/>
  <c r="P56" i="35" s="1" a="1"/>
  <c r="P56" i="35" s="1"/>
  <c r="M29" i="35"/>
  <c r="O29" i="35" s="1" a="1"/>
  <c r="O29" i="35" s="1"/>
  <c r="N29" i="35"/>
  <c r="P29" i="35" s="1" a="1"/>
  <c r="P29" i="35" s="1"/>
  <c r="N21" i="35"/>
  <c r="P21" i="35" s="1" a="1"/>
  <c r="P21" i="35" s="1"/>
  <c r="M21" i="35"/>
  <c r="O21" i="35" s="1" a="1"/>
  <c r="O21" i="35" s="1"/>
  <c r="M15" i="35"/>
  <c r="O15" i="35" s="1" a="1"/>
  <c r="O15" i="35" s="1"/>
  <c r="N15" i="35"/>
  <c r="P15" i="35" s="1" a="1"/>
  <c r="P15" i="35" s="1"/>
  <c r="M188" i="35"/>
  <c r="O188" i="35" s="1" a="1"/>
  <c r="O188" i="35" s="1"/>
  <c r="N188" i="35"/>
  <c r="P188" i="35" s="1" a="1"/>
  <c r="P188" i="35" s="1"/>
  <c r="M184" i="35"/>
  <c r="O184" i="35" s="1" a="1"/>
  <c r="O184" i="35" s="1"/>
  <c r="N184" i="35"/>
  <c r="P184" i="35" s="1" a="1"/>
  <c r="P184" i="35" s="1"/>
  <c r="M64" i="35"/>
  <c r="O64" i="35" s="1" a="1"/>
  <c r="O64" i="35" s="1"/>
  <c r="N64" i="35"/>
  <c r="P64" i="35" s="1" a="1"/>
  <c r="P64" i="35" s="1"/>
  <c r="M159" i="35"/>
  <c r="O159" i="35" s="1" a="1"/>
  <c r="O159" i="35" s="1"/>
  <c r="N159" i="35"/>
  <c r="P159" i="35" s="1" a="1"/>
  <c r="P159" i="35" s="1"/>
  <c r="M129" i="35"/>
  <c r="O129" i="35" s="1" a="1"/>
  <c r="O129" i="35" s="1"/>
  <c r="N129" i="35"/>
  <c r="P129" i="35" s="1" a="1"/>
  <c r="P129" i="35" s="1"/>
  <c r="M90" i="35"/>
  <c r="O90" i="35" s="1" a="1"/>
  <c r="O90" i="35" s="1"/>
  <c r="N90" i="35"/>
  <c r="P90" i="35" s="1" a="1"/>
  <c r="P90" i="35" s="1"/>
  <c r="N41" i="35"/>
  <c r="P41" i="35" s="1" a="1"/>
  <c r="P41" i="35" s="1"/>
  <c r="M41" i="35"/>
  <c r="O41" i="35" s="1" a="1"/>
  <c r="O41" i="35" s="1"/>
  <c r="M113" i="35"/>
  <c r="O113" i="35" s="1" a="1"/>
  <c r="O113" i="35" s="1"/>
  <c r="N113" i="35"/>
  <c r="P113" i="35" s="1" a="1"/>
  <c r="P113" i="35" s="1"/>
  <c r="M160" i="35"/>
  <c r="O160" i="35" s="1" a="1"/>
  <c r="O160" i="35" s="1"/>
  <c r="N160" i="35"/>
  <c r="P160" i="35" s="1" a="1"/>
  <c r="P160" i="35" s="1"/>
  <c r="M40" i="35"/>
  <c r="O40" i="35" s="1" a="1"/>
  <c r="O40" i="35" s="1"/>
  <c r="N40" i="35"/>
  <c r="P40" i="35" s="1" a="1"/>
  <c r="P40" i="35" s="1"/>
  <c r="M150" i="35"/>
  <c r="O150" i="35" s="1" a="1"/>
  <c r="O150" i="35" s="1"/>
  <c r="N150" i="35"/>
  <c r="P150" i="35" s="1" a="1"/>
  <c r="P150" i="35" s="1"/>
  <c r="N175" i="35"/>
  <c r="P175" i="35" s="1" a="1"/>
  <c r="P175" i="35" s="1"/>
  <c r="M166" i="35"/>
  <c r="O166" i="35" s="1" a="1"/>
  <c r="O166" i="35" s="1"/>
  <c r="N166" i="35"/>
  <c r="P166" i="35" s="1" a="1"/>
  <c r="P166" i="35" s="1"/>
  <c r="M124" i="35"/>
  <c r="O124" i="35" s="1" a="1"/>
  <c r="O124" i="35" s="1"/>
  <c r="N124" i="35"/>
  <c r="P124" i="35" s="1" a="1"/>
  <c r="P124" i="35" s="1"/>
  <c r="M80" i="35"/>
  <c r="O80" i="35" s="1" a="1"/>
  <c r="O80" i="35" s="1"/>
  <c r="N80" i="35"/>
  <c r="P80" i="35" s="1" a="1"/>
  <c r="P80" i="35" s="1"/>
  <c r="M123" i="35"/>
  <c r="O123" i="35" s="1" a="1"/>
  <c r="O123" i="35" s="1"/>
  <c r="N123" i="35"/>
  <c r="P123" i="35" s="1" a="1"/>
  <c r="P123" i="35" s="1"/>
  <c r="M161" i="35"/>
  <c r="O161" i="35" s="1" a="1"/>
  <c r="O161" i="35" s="1"/>
  <c r="N161" i="35"/>
  <c r="P161" i="35" s="1" a="1"/>
  <c r="P161" i="35" s="1"/>
  <c r="M79" i="35"/>
  <c r="O79" i="35" s="1" a="1"/>
  <c r="O79" i="35" s="1"/>
  <c r="N79" i="35"/>
  <c r="P79" i="35" s="1" a="1"/>
  <c r="P79" i="35" s="1"/>
  <c r="M72" i="35"/>
  <c r="O72" i="35" s="1" a="1"/>
  <c r="O72" i="35" s="1"/>
  <c r="N72" i="35"/>
  <c r="P72" i="35" s="1" a="1"/>
  <c r="P72" i="35" s="1"/>
  <c r="M63" i="35"/>
  <c r="O63" i="35" s="1" a="1"/>
  <c r="O63" i="35" s="1"/>
  <c r="N63" i="35"/>
  <c r="P63" i="35" s="1" a="1"/>
  <c r="P63" i="35" s="1"/>
  <c r="M122" i="35"/>
  <c r="O122" i="35" s="1" a="1"/>
  <c r="O122" i="35" s="1"/>
  <c r="N122" i="35"/>
  <c r="P122" i="35" s="1" a="1"/>
  <c r="P122" i="35" s="1"/>
  <c r="M115" i="35"/>
  <c r="O115" i="35" s="1" a="1"/>
  <c r="O115" i="35" s="1"/>
  <c r="N115" i="35"/>
  <c r="P115" i="35" s="1" a="1"/>
  <c r="P115" i="35" s="1"/>
  <c r="M98" i="35"/>
  <c r="O98" i="35" s="1" a="1"/>
  <c r="O98" i="35" s="1"/>
  <c r="N98" i="35"/>
  <c r="P98" i="35" s="1" a="1"/>
  <c r="P98" i="35" s="1"/>
  <c r="M78" i="35"/>
  <c r="O78" i="35" s="1" a="1"/>
  <c r="O78" i="35" s="1"/>
  <c r="N78" i="35"/>
  <c r="P78" i="35" s="1" a="1"/>
  <c r="P78" i="35" s="1"/>
  <c r="M71" i="35"/>
  <c r="O71" i="35" s="1" a="1"/>
  <c r="O71" i="35" s="1"/>
  <c r="N71" i="35"/>
  <c r="P71" i="35" s="1" a="1"/>
  <c r="P71" i="35" s="1"/>
  <c r="M69" i="35"/>
  <c r="O69" i="35" s="1" a="1"/>
  <c r="O69" i="35" s="1"/>
  <c r="N69" i="35"/>
  <c r="P69" i="35" s="1" a="1"/>
  <c r="P69" i="35" s="1"/>
  <c r="M62" i="35"/>
  <c r="O62" i="35" s="1" a="1"/>
  <c r="O62" i="35" s="1"/>
  <c r="N62" i="35"/>
  <c r="P62" i="35" s="1" a="1"/>
  <c r="P62" i="35" s="1"/>
  <c r="M49" i="35"/>
  <c r="O49" i="35" s="1" a="1"/>
  <c r="O49" i="35" s="1"/>
  <c r="N49" i="35"/>
  <c r="P49" i="35" s="1" a="1"/>
  <c r="P49" i="35" s="1"/>
  <c r="M128" i="35"/>
  <c r="O128" i="35" s="1" a="1"/>
  <c r="O128" i="35" s="1"/>
  <c r="N128" i="35"/>
  <c r="P128" i="35" s="1" a="1"/>
  <c r="P128" i="35" s="1"/>
  <c r="M121" i="35"/>
  <c r="O121" i="35" s="1" a="1"/>
  <c r="O121" i="35" s="1"/>
  <c r="N121" i="35"/>
  <c r="P121" i="35" s="1" a="1"/>
  <c r="P121" i="35" s="1"/>
  <c r="M105" i="35"/>
  <c r="O105" i="35" s="1" a="1"/>
  <c r="O105" i="35" s="1"/>
  <c r="N105" i="35"/>
  <c r="P105" i="35" s="1" a="1"/>
  <c r="P105" i="35" s="1"/>
  <c r="M97" i="35"/>
  <c r="O97" i="35" s="1" a="1"/>
  <c r="O97" i="35" s="1"/>
  <c r="N97" i="35"/>
  <c r="P97" i="35" s="1" a="1"/>
  <c r="P97" i="35" s="1"/>
  <c r="M68" i="35"/>
  <c r="O68" i="35" s="1" a="1"/>
  <c r="O68" i="35" s="1"/>
  <c r="N68" i="35"/>
  <c r="P68" i="35" s="1" a="1"/>
  <c r="P68" i="35" s="1"/>
  <c r="M61" i="35"/>
  <c r="O61" i="35" s="1" a="1"/>
  <c r="O61" i="35" s="1"/>
  <c r="N61" i="35"/>
  <c r="P61" i="35" s="1" a="1"/>
  <c r="P61" i="35" s="1"/>
  <c r="M55" i="35"/>
  <c r="O55" i="35" s="1" a="1"/>
  <c r="O55" i="35" s="1"/>
  <c r="N55" i="35"/>
  <c r="P55" i="35" s="1" a="1"/>
  <c r="P55" i="35" s="1"/>
  <c r="M48" i="35"/>
  <c r="O48" i="35" s="1" a="1"/>
  <c r="O48" i="35" s="1"/>
  <c r="N48" i="35"/>
  <c r="P48" i="35" s="1" a="1"/>
  <c r="P48" i="35" s="1"/>
  <c r="M34" i="35"/>
  <c r="O34" i="35" s="1" a="1"/>
  <c r="O34" i="35" s="1"/>
  <c r="N34" i="35"/>
  <c r="P34" i="35" s="1" a="1"/>
  <c r="P34" i="35" s="1"/>
  <c r="M28" i="35"/>
  <c r="O28" i="35" s="1" a="1"/>
  <c r="O28" i="35" s="1"/>
  <c r="N28" i="35"/>
  <c r="P28" i="35" s="1" a="1"/>
  <c r="P28" i="35" s="1"/>
  <c r="M20" i="35"/>
  <c r="O20" i="35" s="1" a="1"/>
  <c r="O20" i="35" s="1"/>
  <c r="N20" i="35"/>
  <c r="P20" i="35" s="1" a="1"/>
  <c r="P20" i="35" s="1"/>
  <c r="M153" i="35"/>
  <c r="O153" i="35" s="1" a="1"/>
  <c r="O153" i="35" s="1"/>
  <c r="N153" i="35"/>
  <c r="P153" i="35" s="1" a="1"/>
  <c r="P153" i="35" s="1"/>
  <c r="M120" i="35"/>
  <c r="O120" i="35" s="1" a="1"/>
  <c r="O120" i="35" s="1"/>
  <c r="N120" i="35"/>
  <c r="P120" i="35" s="1" a="1"/>
  <c r="P120" i="35" s="1"/>
  <c r="M112" i="35"/>
  <c r="O112" i="35" s="1" a="1"/>
  <c r="O112" i="35" s="1"/>
  <c r="N112" i="35"/>
  <c r="P112" i="35" s="1" a="1"/>
  <c r="P112" i="35" s="1"/>
  <c r="M104" i="35"/>
  <c r="O104" i="35" s="1" a="1"/>
  <c r="O104" i="35" s="1"/>
  <c r="N104" i="35"/>
  <c r="P104" i="35" s="1" a="1"/>
  <c r="P104" i="35" s="1"/>
  <c r="M96" i="35"/>
  <c r="O96" i="35" s="1" a="1"/>
  <c r="O96" i="35" s="1"/>
  <c r="N96" i="35"/>
  <c r="P96" i="35" s="1" a="1"/>
  <c r="P96" i="35" s="1"/>
  <c r="M89" i="35"/>
  <c r="O89" i="35" s="1" a="1"/>
  <c r="O89" i="35" s="1"/>
  <c r="N89" i="35"/>
  <c r="P89" i="35" s="1" a="1"/>
  <c r="P89" i="35" s="1"/>
  <c r="M84" i="35"/>
  <c r="O84" i="35" s="1" a="1"/>
  <c r="O84" i="35" s="1"/>
  <c r="N84" i="35"/>
  <c r="P84" i="35" s="1" a="1"/>
  <c r="P84" i="35" s="1"/>
  <c r="M77" i="35"/>
  <c r="O77" i="35" s="1" a="1"/>
  <c r="O77" i="35" s="1"/>
  <c r="N77" i="35"/>
  <c r="P77" i="35" s="1" a="1"/>
  <c r="P77" i="35" s="1"/>
  <c r="M67" i="35"/>
  <c r="O67" i="35" s="1" a="1"/>
  <c r="O67" i="35" s="1"/>
  <c r="N67" i="35"/>
  <c r="P67" i="35" s="1" a="1"/>
  <c r="P67" i="35" s="1"/>
  <c r="N157" i="35"/>
  <c r="P157" i="35" s="1" a="1"/>
  <c r="P157" i="35" s="1"/>
  <c r="M54" i="35"/>
  <c r="O54" i="35" s="1" a="1"/>
  <c r="O54" i="35" s="1"/>
  <c r="N54" i="35"/>
  <c r="P54" i="35" s="1" a="1"/>
  <c r="P54" i="35" s="1"/>
  <c r="M47" i="35"/>
  <c r="O47" i="35" s="1" a="1"/>
  <c r="O47" i="35" s="1"/>
  <c r="N47" i="35"/>
  <c r="P47" i="35" s="1" a="1"/>
  <c r="P47" i="35" s="1"/>
  <c r="M39" i="35"/>
  <c r="O39" i="35" s="1" a="1"/>
  <c r="O39" i="35" s="1"/>
  <c r="N39" i="35"/>
  <c r="P39" i="35" s="1" a="1"/>
  <c r="P39" i="35" s="1"/>
  <c r="M33" i="35"/>
  <c r="O33" i="35" s="1" a="1"/>
  <c r="O33" i="35" s="1"/>
  <c r="N33" i="35"/>
  <c r="P33" i="35" s="1" a="1"/>
  <c r="P33" i="35" s="1"/>
  <c r="M27" i="35"/>
  <c r="O27" i="35" s="1" a="1"/>
  <c r="O27" i="35" s="1"/>
  <c r="N27" i="35"/>
  <c r="P27" i="35" s="1" a="1"/>
  <c r="P27" i="35" s="1"/>
  <c r="M154" i="35"/>
  <c r="O154" i="35" s="1" a="1"/>
  <c r="O154" i="35" s="1"/>
  <c r="N154" i="35"/>
  <c r="P154" i="35" s="1" a="1"/>
  <c r="P154" i="35" s="1"/>
  <c r="M145" i="35"/>
  <c r="O145" i="35" s="1" a="1"/>
  <c r="O145" i="35" s="1"/>
  <c r="N145" i="35"/>
  <c r="P145" i="35" s="1" a="1"/>
  <c r="P145" i="35" s="1"/>
  <c r="M85" i="35"/>
  <c r="O85" i="35" s="1" a="1"/>
  <c r="O85" i="35" s="1"/>
  <c r="N85" i="35"/>
  <c r="P85" i="35" s="1" a="1"/>
  <c r="P85" i="35" s="1"/>
  <c r="M114" i="35"/>
  <c r="O114" i="35" s="1" a="1"/>
  <c r="O114" i="35" s="1"/>
  <c r="N114" i="35"/>
  <c r="P114" i="35" s="1" a="1"/>
  <c r="P114" i="35" s="1"/>
  <c r="M119" i="35"/>
  <c r="O119" i="35" s="1" a="1"/>
  <c r="O119" i="35" s="1"/>
  <c r="N119" i="35"/>
  <c r="P119" i="35" s="1" a="1"/>
  <c r="P119" i="35" s="1"/>
  <c r="M83" i="35"/>
  <c r="O83" i="35" s="1" a="1"/>
  <c r="O83" i="35" s="1"/>
  <c r="N83" i="35"/>
  <c r="P83" i="35" s="1" a="1"/>
  <c r="P83" i="35" s="1"/>
  <c r="M38" i="35"/>
  <c r="O38" i="35" s="1" a="1"/>
  <c r="O38" i="35" s="1"/>
  <c r="N38" i="35"/>
  <c r="P38" i="35" s="1" a="1"/>
  <c r="P38" i="35" s="1"/>
  <c r="M26" i="35"/>
  <c r="O26" i="35" s="1" a="1"/>
  <c r="O26" i="35" s="1"/>
  <c r="N26" i="35"/>
  <c r="P26" i="35" s="1" a="1"/>
  <c r="P26" i="35" s="1"/>
  <c r="M14" i="35"/>
  <c r="O14" i="35" s="1" a="1"/>
  <c r="O14" i="35" s="1"/>
  <c r="N14" i="35"/>
  <c r="P14" i="35" s="1" a="1"/>
  <c r="P14" i="35" s="1"/>
  <c r="M11" i="35"/>
  <c r="O11" i="35" s="1" a="1"/>
  <c r="O11" i="35" s="1"/>
  <c r="N11" i="35"/>
  <c r="P11" i="35" s="1" a="1"/>
  <c r="P11" i="35" s="1"/>
  <c r="M144" i="35"/>
  <c r="O144" i="35" s="1" a="1"/>
  <c r="O144" i="35" s="1"/>
  <c r="N144" i="35"/>
  <c r="P144" i="35" s="1" a="1"/>
  <c r="P144" i="35" s="1"/>
  <c r="M172" i="35"/>
  <c r="O172" i="35" s="1" a="1"/>
  <c r="O172" i="35" s="1"/>
  <c r="N172" i="35"/>
  <c r="P172" i="35" s="1" a="1"/>
  <c r="P172" i="35" s="1"/>
  <c r="M100" i="35"/>
  <c r="O100" i="35" s="1" a="1"/>
  <c r="O100" i="35" s="1"/>
  <c r="N100" i="35"/>
  <c r="P100" i="35" s="1" a="1"/>
  <c r="P100" i="35" s="1"/>
  <c r="M99" i="35"/>
  <c r="O99" i="35" s="1" a="1"/>
  <c r="O99" i="35" s="1"/>
  <c r="N99" i="35"/>
  <c r="P99" i="35" s="1" a="1"/>
  <c r="P99" i="35" s="1"/>
  <c r="M127" i="35"/>
  <c r="O127" i="35" s="1" a="1"/>
  <c r="O127" i="35" s="1"/>
  <c r="N127" i="35"/>
  <c r="P127" i="35" s="1" a="1"/>
  <c r="P127" i="35" s="1"/>
  <c r="M95" i="35"/>
  <c r="O95" i="35" s="1" a="1"/>
  <c r="O95" i="35" s="1"/>
  <c r="N95" i="35"/>
  <c r="P95" i="35" s="1" a="1"/>
  <c r="P95" i="35" s="1"/>
  <c r="M46" i="35"/>
  <c r="O46" i="35" s="1" a="1"/>
  <c r="O46" i="35" s="1"/>
  <c r="N46" i="35"/>
  <c r="P46" i="35" s="1" a="1"/>
  <c r="P46" i="35" s="1"/>
  <c r="M133" i="35"/>
  <c r="O133" i="35" s="1" a="1"/>
  <c r="O133" i="35" s="1"/>
  <c r="N133" i="35"/>
  <c r="P133" i="35" s="1" a="1"/>
  <c r="P133" i="35" s="1"/>
  <c r="M110" i="35"/>
  <c r="O110" i="35" s="1" a="1"/>
  <c r="O110" i="35" s="1"/>
  <c r="N110" i="35"/>
  <c r="P110" i="35" s="1" a="1"/>
  <c r="P110" i="35" s="1"/>
  <c r="M75" i="35"/>
  <c r="O75" i="35" s="1" a="1"/>
  <c r="O75" i="35" s="1"/>
  <c r="N75" i="35"/>
  <c r="P75" i="35" s="1" a="1"/>
  <c r="P75" i="35" s="1"/>
  <c r="N37" i="35"/>
  <c r="P37" i="35" s="1" a="1"/>
  <c r="P37" i="35" s="1"/>
  <c r="M37" i="35"/>
  <c r="O37" i="35" s="1" a="1"/>
  <c r="O37" i="35" s="1"/>
  <c r="M152" i="35"/>
  <c r="O152" i="35" s="1" a="1"/>
  <c r="O152" i="35" s="1"/>
  <c r="N152" i="35"/>
  <c r="P152" i="35" s="1" a="1"/>
  <c r="P152" i="35" s="1"/>
  <c r="M143" i="35"/>
  <c r="O143" i="35" s="1" a="1"/>
  <c r="O143" i="35" s="1"/>
  <c r="N143" i="35"/>
  <c r="P143" i="35" s="1" a="1"/>
  <c r="P143" i="35" s="1"/>
  <c r="M163" i="35"/>
  <c r="O163" i="35" s="1" a="1"/>
  <c r="O163" i="35" s="1"/>
  <c r="N163" i="35"/>
  <c r="P163" i="35" s="1" a="1"/>
  <c r="P163" i="35" s="1"/>
  <c r="M131" i="35"/>
  <c r="O131" i="35" s="1" a="1"/>
  <c r="O131" i="35" s="1"/>
  <c r="N131" i="35"/>
  <c r="P131" i="35" s="1" a="1"/>
  <c r="P131" i="35" s="1"/>
  <c r="M116" i="35"/>
  <c r="O116" i="35" s="1" a="1"/>
  <c r="O116" i="35" s="1"/>
  <c r="N116" i="35"/>
  <c r="P116" i="35" s="1" a="1"/>
  <c r="P116" i="35" s="1"/>
  <c r="M73" i="35"/>
  <c r="O73" i="35" s="1" a="1"/>
  <c r="O73" i="35" s="1"/>
  <c r="N73" i="35"/>
  <c r="P73" i="35" s="1" a="1"/>
  <c r="P73" i="35" s="1"/>
  <c r="M130" i="35"/>
  <c r="O130" i="35" s="1" a="1"/>
  <c r="O130" i="35" s="1"/>
  <c r="N130" i="35"/>
  <c r="P130" i="35" s="1" a="1"/>
  <c r="P130" i="35" s="1"/>
  <c r="M91" i="35"/>
  <c r="O91" i="35" s="1" a="1"/>
  <c r="O91" i="35" s="1"/>
  <c r="N91" i="35"/>
  <c r="P91" i="35" s="1" a="1"/>
  <c r="P91" i="35" s="1"/>
  <c r="M134" i="35"/>
  <c r="O134" i="35" s="1" a="1"/>
  <c r="O134" i="35" s="1"/>
  <c r="N134" i="35"/>
  <c r="P134" i="35" s="1" a="1"/>
  <c r="P134" i="35" s="1"/>
  <c r="M111" i="35"/>
  <c r="O111" i="35" s="1" a="1"/>
  <c r="O111" i="35" s="1"/>
  <c r="N111" i="35"/>
  <c r="P111" i="35" s="1" a="1"/>
  <c r="P111" i="35" s="1"/>
  <c r="M103" i="35"/>
  <c r="O103" i="35" s="1" a="1"/>
  <c r="O103" i="35" s="1"/>
  <c r="N103" i="35"/>
  <c r="P103" i="35" s="1" a="1"/>
  <c r="P103" i="35" s="1"/>
  <c r="M88" i="35"/>
  <c r="O88" i="35" s="1" a="1"/>
  <c r="O88" i="35" s="1"/>
  <c r="N88" i="35"/>
  <c r="P88" i="35" s="1" a="1"/>
  <c r="P88" i="35" s="1"/>
  <c r="M76" i="35"/>
  <c r="O76" i="35" s="1" a="1"/>
  <c r="O76" i="35" s="1"/>
  <c r="N76" i="35"/>
  <c r="P76" i="35" s="1" a="1"/>
  <c r="P76" i="35" s="1"/>
  <c r="M66" i="35"/>
  <c r="O66" i="35" s="1" a="1"/>
  <c r="O66" i="35" s="1"/>
  <c r="N66" i="35"/>
  <c r="P66" i="35" s="1" a="1"/>
  <c r="P66" i="35" s="1"/>
  <c r="N60" i="35"/>
  <c r="P60" i="35" s="1" a="1"/>
  <c r="P60" i="35" s="1"/>
  <c r="N53" i="35"/>
  <c r="P53" i="35" s="1" a="1"/>
  <c r="P53" i="35" s="1"/>
  <c r="M32" i="35"/>
  <c r="O32" i="35" s="1" a="1"/>
  <c r="O32" i="35" s="1"/>
  <c r="N32" i="35"/>
  <c r="P32" i="35" s="1" a="1"/>
  <c r="P32" i="35" s="1"/>
  <c r="M126" i="35"/>
  <c r="O126" i="35" s="1" a="1"/>
  <c r="O126" i="35" s="1"/>
  <c r="N126" i="35"/>
  <c r="P126" i="35" s="1" a="1"/>
  <c r="P126" i="35" s="1"/>
  <c r="M118" i="35"/>
  <c r="O118" i="35" s="1" a="1"/>
  <c r="O118" i="35" s="1"/>
  <c r="N118" i="35"/>
  <c r="P118" i="35" s="1" a="1"/>
  <c r="P118" i="35" s="1"/>
  <c r="M102" i="35"/>
  <c r="O102" i="35" s="1" a="1"/>
  <c r="O102" i="35" s="1"/>
  <c r="N102" i="35"/>
  <c r="P102" i="35" s="1" a="1"/>
  <c r="P102" i="35" s="1"/>
  <c r="M94" i="35"/>
  <c r="O94" i="35" s="1" a="1"/>
  <c r="O94" i="35" s="1"/>
  <c r="N94" i="35"/>
  <c r="P94" i="35" s="1" a="1"/>
  <c r="P94" i="35" s="1"/>
  <c r="M87" i="35"/>
  <c r="O87" i="35" s="1" a="1"/>
  <c r="O87" i="35" s="1"/>
  <c r="N87" i="35"/>
  <c r="P87" i="35" s="1" a="1"/>
  <c r="P87" i="35" s="1"/>
  <c r="M82" i="35"/>
  <c r="O82" i="35" s="1" a="1"/>
  <c r="O82" i="35" s="1"/>
  <c r="N82" i="35"/>
  <c r="P82" i="35" s="1" a="1"/>
  <c r="P82" i="35" s="1"/>
  <c r="M65" i="35"/>
  <c r="O65" i="35" s="1" a="1"/>
  <c r="O65" i="35" s="1"/>
  <c r="N65" i="35"/>
  <c r="P65" i="35" s="1" a="1"/>
  <c r="P65" i="35" s="1"/>
  <c r="N59" i="35"/>
  <c r="P59" i="35" s="1" a="1"/>
  <c r="P59" i="35" s="1"/>
  <c r="M52" i="35"/>
  <c r="O52" i="35" s="1" a="1"/>
  <c r="O52" i="35" s="1"/>
  <c r="N52" i="35"/>
  <c r="P52" i="35" s="1" a="1"/>
  <c r="P52" i="35" s="1"/>
  <c r="N45" i="35"/>
  <c r="P45" i="35" s="1" a="1"/>
  <c r="P45" i="35" s="1"/>
  <c r="M45" i="35"/>
  <c r="O45" i="35" s="1" a="1"/>
  <c r="O45" i="35" s="1"/>
  <c r="M31" i="35"/>
  <c r="O31" i="35" s="1" a="1"/>
  <c r="O31" i="35" s="1"/>
  <c r="N31" i="35"/>
  <c r="P31" i="35" s="1" a="1"/>
  <c r="P31" i="35" s="1"/>
  <c r="M25" i="35"/>
  <c r="O25" i="35" s="1" a="1"/>
  <c r="O25" i="35" s="1"/>
  <c r="N25" i="35"/>
  <c r="P25" i="35" s="1" a="1"/>
  <c r="P25" i="35" s="1"/>
  <c r="M19" i="35"/>
  <c r="O19" i="35" s="1" a="1"/>
  <c r="O19" i="35" s="1"/>
  <c r="N19" i="35"/>
  <c r="P19" i="35" s="1" a="1"/>
  <c r="P19" i="35" s="1"/>
  <c r="M132" i="35"/>
  <c r="O132" i="35" s="1" a="1"/>
  <c r="O132" i="35" s="1"/>
  <c r="N132" i="35"/>
  <c r="P132" i="35" s="1" a="1"/>
  <c r="P132" i="35" s="1"/>
  <c r="M125" i="35"/>
  <c r="O125" i="35" s="1" a="1"/>
  <c r="O125" i="35" s="1"/>
  <c r="N125" i="35"/>
  <c r="P125" i="35" s="1" a="1"/>
  <c r="P125" i="35" s="1"/>
  <c r="M117" i="35"/>
  <c r="O117" i="35" s="1" a="1"/>
  <c r="O117" i="35" s="1"/>
  <c r="N117" i="35"/>
  <c r="P117" i="35" s="1" a="1"/>
  <c r="P117" i="35" s="1"/>
  <c r="M109" i="35"/>
  <c r="O109" i="35" s="1" a="1"/>
  <c r="O109" i="35" s="1"/>
  <c r="N109" i="35"/>
  <c r="P109" i="35" s="1" a="1"/>
  <c r="P109" i="35" s="1"/>
  <c r="M101" i="35"/>
  <c r="O101" i="35" s="1" a="1"/>
  <c r="O101" i="35" s="1"/>
  <c r="N101" i="35"/>
  <c r="P101" i="35" s="1" a="1"/>
  <c r="P101" i="35" s="1"/>
  <c r="M93" i="35"/>
  <c r="O93" i="35" s="1" a="1"/>
  <c r="O93" i="35" s="1"/>
  <c r="N93" i="35"/>
  <c r="P93" i="35" s="1" a="1"/>
  <c r="P93" i="35" s="1"/>
  <c r="M86" i="35"/>
  <c r="O86" i="35" s="1" a="1"/>
  <c r="O86" i="35" s="1"/>
  <c r="N86" i="35"/>
  <c r="P86" i="35" s="1" a="1"/>
  <c r="P86" i="35" s="1"/>
  <c r="M81" i="35"/>
  <c r="O81" i="35" s="1" a="1"/>
  <c r="O81" i="35" s="1"/>
  <c r="N81" i="35"/>
  <c r="P81" i="35" s="1" a="1"/>
  <c r="P81" i="35" s="1"/>
  <c r="M74" i="35"/>
  <c r="O74" i="35" s="1" a="1"/>
  <c r="O74" i="35" s="1"/>
  <c r="N74" i="35"/>
  <c r="P74" i="35" s="1" a="1"/>
  <c r="P74" i="35" s="1"/>
  <c r="M158" i="35"/>
  <c r="O158" i="35" s="1" a="1"/>
  <c r="O158" i="35" s="1"/>
  <c r="N158" i="35"/>
  <c r="P158" i="35" s="1" a="1"/>
  <c r="P158" i="35" s="1"/>
  <c r="M51" i="35"/>
  <c r="O51" i="35" s="1" a="1"/>
  <c r="O51" i="35" s="1"/>
  <c r="N51" i="35"/>
  <c r="P51" i="35" s="1" a="1"/>
  <c r="P51" i="35" s="1"/>
  <c r="M44" i="35"/>
  <c r="O44" i="35" s="1" a="1"/>
  <c r="O44" i="35" s="1"/>
  <c r="N44" i="35"/>
  <c r="P44" i="35" s="1" a="1"/>
  <c r="P44" i="35" s="1"/>
  <c r="M36" i="35"/>
  <c r="O36" i="35" s="1" a="1"/>
  <c r="O36" i="35" s="1"/>
  <c r="N36" i="35"/>
  <c r="P36" i="35" s="1" a="1"/>
  <c r="P36" i="35" s="1"/>
  <c r="M30" i="35"/>
  <c r="O30" i="35" s="1" a="1"/>
  <c r="O30" i="35" s="1"/>
  <c r="N30" i="35"/>
  <c r="P30" i="35" s="1" a="1"/>
  <c r="P30" i="35" s="1"/>
  <c r="M24" i="35"/>
  <c r="O24" i="35" s="1" a="1"/>
  <c r="O24" i="35" s="1"/>
  <c r="N24" i="35"/>
  <c r="P24" i="35" s="1" a="1"/>
  <c r="P24" i="35" s="1"/>
  <c r="M18" i="35"/>
  <c r="O18" i="35" s="1" a="1"/>
  <c r="O18" i="35" s="1"/>
  <c r="N18" i="35"/>
  <c r="P18" i="35" s="1" a="1"/>
  <c r="P18" i="35" s="1"/>
  <c r="M141" i="35"/>
  <c r="O141" i="35" s="1" a="1"/>
  <c r="O141" i="35" s="1"/>
  <c r="N141" i="35"/>
  <c r="P141" i="35" s="1" a="1"/>
  <c r="P141" i="35" s="1"/>
  <c r="M187" i="35"/>
  <c r="O187" i="35" s="1" a="1"/>
  <c r="O187" i="35" s="1"/>
  <c r="N187" i="35"/>
  <c r="P187" i="35" s="1" a="1"/>
  <c r="P187" i="35" s="1"/>
  <c r="K169" i="35"/>
  <c r="K162" i="35"/>
  <c r="K170" i="35"/>
  <c r="K176" i="35"/>
  <c r="L162" i="35"/>
  <c r="L165" i="35"/>
  <c r="K173" i="35"/>
  <c r="K174" i="35"/>
  <c r="K165" i="35"/>
  <c r="K183" i="35"/>
  <c r="K164" i="35"/>
  <c r="L174" i="35"/>
  <c r="L175" i="35"/>
  <c r="M175" i="35" s="1"/>
  <c r="O175" i="35" s="1" a="1"/>
  <c r="O175" i="35" s="1"/>
  <c r="K171" i="35"/>
  <c r="K181" i="35"/>
  <c r="L169" i="35"/>
  <c r="L164" i="35"/>
  <c r="L171" i="35"/>
  <c r="L58" i="35"/>
  <c r="M58" i="35" s="1"/>
  <c r="O58" i="35" s="1" a="1"/>
  <c r="O58" i="35" s="1"/>
  <c r="L60" i="35"/>
  <c r="M60" i="35" s="1"/>
  <c r="O60" i="35" s="1" a="1"/>
  <c r="O60" i="35" s="1"/>
  <c r="L59" i="35"/>
  <c r="M59" i="35" s="1"/>
  <c r="O59" i="35" s="1" a="1"/>
  <c r="O59" i="35" s="1"/>
  <c r="K138" i="35"/>
  <c r="M169" i="35" l="1"/>
  <c r="O169" i="35" s="1" a="1"/>
  <c r="O169" i="35" s="1"/>
  <c r="N169" i="35"/>
  <c r="P169" i="35" s="1" a="1"/>
  <c r="P169" i="35" s="1"/>
  <c r="M171" i="35"/>
  <c r="O171" i="35" s="1" a="1"/>
  <c r="O171" i="35" s="1"/>
  <c r="N171" i="35"/>
  <c r="P171" i="35" s="1" a="1"/>
  <c r="P171" i="35" s="1"/>
  <c r="M170" i="35"/>
  <c r="O170" i="35" s="1" a="1"/>
  <c r="O170" i="35" s="1"/>
  <c r="N170" i="35"/>
  <c r="P170" i="35" s="1" a="1"/>
  <c r="P170" i="35" s="1"/>
  <c r="M176" i="35"/>
  <c r="O176" i="35" s="1" a="1"/>
  <c r="O176" i="35" s="1"/>
  <c r="N176" i="35"/>
  <c r="P176" i="35" s="1" a="1"/>
  <c r="P176" i="35" s="1"/>
  <c r="M138" i="35"/>
  <c r="O138" i="35" s="1" a="1"/>
  <c r="O138" i="35" s="1"/>
  <c r="N138" i="35"/>
  <c r="P138" i="35" s="1" a="1"/>
  <c r="P138" i="35" s="1"/>
  <c r="M164" i="35"/>
  <c r="O164" i="35" s="1" a="1"/>
  <c r="O164" i="35" s="1"/>
  <c r="N164" i="35"/>
  <c r="P164" i="35" s="1" a="1"/>
  <c r="P164" i="35" s="1"/>
  <c r="M183" i="35"/>
  <c r="O183" i="35" s="1" a="1"/>
  <c r="O183" i="35" s="1"/>
  <c r="N183" i="35"/>
  <c r="P183" i="35" s="1" a="1"/>
  <c r="P183" i="35" s="1"/>
  <c r="M162" i="35"/>
  <c r="O162" i="35" s="1" a="1"/>
  <c r="O162" i="35" s="1"/>
  <c r="N162" i="35"/>
  <c r="P162" i="35" s="1" a="1"/>
  <c r="P162" i="35" s="1"/>
  <c r="M174" i="35"/>
  <c r="O174" i="35" s="1" a="1"/>
  <c r="O174" i="35" s="1"/>
  <c r="N174" i="35"/>
  <c r="P174" i="35" s="1" a="1"/>
  <c r="P174" i="35" s="1"/>
  <c r="M165" i="35"/>
  <c r="O165" i="35" s="1" a="1"/>
  <c r="O165" i="35" s="1"/>
  <c r="N165" i="35"/>
  <c r="P165" i="35" s="1" a="1"/>
  <c r="P165" i="35" s="1"/>
  <c r="M181" i="35"/>
  <c r="O181" i="35" s="1" a="1"/>
  <c r="O181" i="35" s="1"/>
  <c r="N181" i="35"/>
  <c r="P181" i="35" s="1" a="1"/>
  <c r="P181" i="35" s="1"/>
  <c r="M173" i="35"/>
  <c r="O173" i="35" s="1" a="1"/>
  <c r="O173" i="35" s="1"/>
  <c r="N173" i="35"/>
  <c r="P173" i="35" s="1" a="1"/>
  <c r="P173" i="35" s="1"/>
  <c r="L57" i="35"/>
  <c r="M57" i="35" s="1"/>
  <c r="O57" i="35" s="1" a="1"/>
  <c r="O57" i="35" s="1"/>
  <c r="L56" i="35"/>
  <c r="M56" i="35" s="1"/>
  <c r="O56" i="35" s="1" a="1"/>
  <c r="O56" i="35" s="1"/>
  <c r="L53" i="35"/>
  <c r="M53" i="35" s="1"/>
  <c r="O53" i="35" s="1" a="1"/>
  <c r="O53" i="35" s="1"/>
  <c r="L157" i="35"/>
  <c r="M157" i="35" s="1"/>
  <c r="O157" i="35" s="1" a="1"/>
  <c r="O157" i="35" s="1"/>
  <c r="K137" i="35" l="1"/>
  <c r="M137" i="35" l="1"/>
  <c r="O137" i="35" s="1" a="1"/>
  <c r="O137" i="35" s="1"/>
  <c r="N137" i="35"/>
  <c r="P137" i="35" s="1" a="1"/>
  <c r="P137" i="35" s="1"/>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DCD11DF7-6A50-4D23-8EBE-8816AE54BFB0}</author>
    <author>tc={48FF5868-9CE0-4B94-A5B2-975A47A8FFAB}</author>
    <author>tc={3C492D55-687D-49EC-A625-34C445178B5F}</author>
    <author>Willison, Simon</author>
    <author>tc={3B855BBD-3E4B-4961-9160-54D3558428ED}</author>
    <author>tc={C91A1F22-BFEE-4D8B-82AB-A73B27C84D6D}</author>
    <author>tc={B6BF16E4-0ED7-4492-BE39-E645EFB8B087}</author>
    <author>tc={9073FED0-8691-48BB-9B71-F4D30C18B06C}</author>
    <author>tc={C1AB11DE-C4B4-4267-8998-556580A7F3FD}</author>
    <author>tc={5E45FED0-5AD4-4E62-9585-87A12977F0FF}</author>
    <author>tc={85A52514-A322-415E-A2D1-7FF11C200294}</author>
    <author>tc={ADBD0EDF-DD4D-4FF0-970D-C59407BD7C93}</author>
    <author>tc={5ECD745F-66F9-4B1C-AF4E-A3B774C1B1D4}</author>
    <author>tc={2C11FB4C-8FFE-4851-BDA4-948D8B6883E3}</author>
    <author>tc={C188F862-1102-4985-89A1-BD89B28917A2}</author>
    <author>tc={7497B41B-AC97-41EA-B83A-B08DBF11F905}</author>
    <author>tc={CBFAABA3-B0F3-4247-9C06-705AFC9F66F4}</author>
    <author>tc={99A1ECDD-3C68-4BA6-B6B0-C03F59E69160}</author>
    <author>tc={37586A13-5C90-4ED1-94FE-2B1C2224A2B5}</author>
    <author>tc={95F367B2-747A-4B6B-86AE-97F87A2BF8E1}</author>
    <author>tc={D5263B09-FD39-4734-A5A6-A6A3154046FB}</author>
  </authors>
  <commentList>
    <comment ref="BI9" authorId="0" shapeId="0" xr:uid="{DCD11DF7-6A50-4D23-8EBE-8816AE54BFB0}">
      <text>
        <t xml:space="preserve">[Threaded comment]
Your version of Excel allows you to read this threaded comment; however, any edits to it will get removed if the file is opened in a newer version of Excel. Learn more: https://go.microsoft.com/fwlink/?linkid=870924
Comment:
    Could argue for earlier delivery if desired service frequency can be delivered earlier. </t>
      </text>
    </comment>
    <comment ref="O10" authorId="1" shapeId="0" xr:uid="{48FF5868-9CE0-4B94-A5B2-975A47A8FFAB}">
      <text>
        <t>[Threaded comment]
Your version of Excel allows you to read this threaded comment; however, any edits to it will get removed if the file is opened in a newer version of Excel. Learn more: https://go.microsoft.com/fwlink/?linkid=870924
Comment:
    Envisage a signalised T-junction. This will improve conditions for all modes however, including bus detection and new ped crossing over to the Nickey Line.</t>
      </text>
    </comment>
    <comment ref="BI10" authorId="2" shapeId="0" xr:uid="{3C492D55-687D-49EC-A625-34C445178B5F}">
      <text>
        <t>[Threaded comment]
Your version of Excel allows you to read this threaded comment; however, any edits to it will get removed if the file is opened in a newer version of Excel. Learn more: https://go.microsoft.com/fwlink/?linkid=870924
Comment:
    Post 2041 because additional growth around North Hemel will generate additional travel movements and necessitate (potentially) an increase in bus movements including potentially the 46 which routes in via Redbourn</t>
      </text>
    </comment>
    <comment ref="X17" authorId="3" shapeId="0" xr:uid="{47394683-E876-4933-8731-E25A43CBA1FB}">
      <text>
        <r>
          <rPr>
            <b/>
            <sz val="9"/>
            <color indexed="81"/>
            <rFont val="Tahoma"/>
            <family val="2"/>
          </rPr>
          <t>Willison, Simon:
Changed to H1 SADC 16th June 2025</t>
        </r>
      </text>
    </comment>
    <comment ref="BI18" authorId="4" shapeId="0" xr:uid="{3B855BBD-3E4B-4961-9160-54D3558428ED}">
      <text>
        <t xml:space="preserve">[Threaded comment]
Your version of Excel allows you to read this threaded comment; however, any edits to it will get removed if the file is opened in a newer version of Excel. Learn more: https://go.microsoft.com/fwlink/?linkid=870924
Comment:
    Deliberately separated this out from bus lane on Leighton Buzzard Road as it could have different deliverability risks. Could argue for earlier delivery if desired service frequency can be delivered earlier. 
</t>
      </text>
    </comment>
    <comment ref="H19" authorId="5" shapeId="0" xr:uid="{C91A1F22-BFEE-4D8B-82AB-A73B27C84D6D}">
      <text>
        <t>[Threaded comment]
Your version of Excel allows you to read this threaded comment; however, any edits to it will get removed if the file is opened in a newer version of Excel. Learn more: https://go.microsoft.com/fwlink/?linkid=870924
Comment:
    Queues are northbound. Can’t cover full stretch because of various accesses at northern end. Assume widening of road on eastern side - shifting the carriageway median over to accommodate a bus lane on the western side. Bus gate could be tied into crossing for Nickey Line</t>
      </text>
    </comment>
    <comment ref="X38" authorId="6" shapeId="0" xr:uid="{B6BF16E4-0ED7-4492-BE39-E645EFB8B087}">
      <text>
        <t>[Threaded comment]
Your version of Excel allows you to read this threaded comment; however, any edits to it will get removed if the file is opened in a newer version of Excel. Learn more: https://go.microsoft.com/fwlink/?linkid=870924
Comment:
    HCC has queried if this can this be linked to other sites? Potentially Green Lane site but no others surely as it is specifically linking one part of East Hemel to another. Have clarified that this is M1 J8 Phase 2 scheme in case there was confusion</t>
      </text>
    </comment>
    <comment ref="J42" authorId="7" shapeId="0" xr:uid="{9073FED0-8691-48BB-9B71-F4D30C18B06C}">
      <text>
        <t>[Threaded comment]
Your version of Excel allows you to read this threaded comment; however, any edits to it will get removed if the file is opened in a newer version of Excel. Learn more: https://go.microsoft.com/fwlink/?linkid=870924
Comment:
    Assumed location of existing Blackwater Lane bus stop on A4147, served by 302 only.</t>
      </text>
    </comment>
    <comment ref="P42" authorId="8" shapeId="0" xr:uid="{C1AB11DE-C4B4-4267-8998-556580A7F3FD}">
      <text>
        <t>[Threaded comment]
Your version of Excel allows you to read this threaded comment; however, any edits to it will get removed if the file is opened in a newer version of Excel. Learn more: https://go.microsoft.com/fwlink/?linkid=870924
Comment:
    Uncertain if 721 will continue once HERT is introduced. Assume it will, but subject to review when more is known about HERT</t>
      </text>
    </comment>
    <comment ref="BI42" authorId="9" shapeId="0" xr:uid="{5E45FED0-5AD4-4E62-9585-87A12977F0FF}">
      <text>
        <t>[Threaded comment]
Your version of Excel allows you to read this threaded comment; however, any edits to it will get removed if the file is opened in a newer version of Excel. Learn more: https://go.microsoft.com/fwlink/?linkid=870924
Comment:
    A new stop may be required regardless. Could also consider re-routeing 721 through SE E Hemel. HERT may have an influence on what happens to this service</t>
      </text>
    </comment>
    <comment ref="BJ42" authorId="10" shapeId="0" xr:uid="{85A52514-A322-415E-A2D1-7FF11C200294}">
      <text>
        <t>[Threaded comment]
Your version of Excel allows you to read this threaded comment; however, any edits to it will get removed if the file is opened in a newer version of Excel. Learn more: https://go.microsoft.com/fwlink/?linkid=870924
Comment:
    Stop is located in Dacorum, service is cross-boundary</t>
      </text>
    </comment>
    <comment ref="J43" authorId="11" shapeId="0" xr:uid="{ADBD0EDF-DD4D-4FF0-970D-C59407BD7C93}">
      <text>
        <t>[Threaded comment]
Your version of Excel allows you to read this threaded comment; however, any edits to it will get removed if the file is opened in a newer version of Excel. Learn more: https://go.microsoft.com/fwlink/?linkid=870924
Comment:
    Location of crossing</t>
      </text>
    </comment>
    <comment ref="X45" authorId="3" shapeId="0" xr:uid="{9F1F7C1C-26DA-4B32-895D-3D78790C3A59}">
      <text>
        <r>
          <rPr>
            <b/>
            <sz val="9"/>
            <color indexed="81"/>
            <rFont val="Tahoma"/>
            <family val="2"/>
          </rPr>
          <t>Willison, Simon:</t>
        </r>
        <r>
          <rPr>
            <sz val="9"/>
            <color indexed="81"/>
            <rFont val="Tahoma"/>
            <family val="2"/>
          </rPr>
          <t xml:space="preserve">
Changed to East Hemel South (H4). HOWEVER </t>
        </r>
      </text>
    </comment>
    <comment ref="W46" authorId="3" shapeId="0" xr:uid="{595874D4-7480-4F16-A1D1-F8DAFB306FAA}">
      <text>
        <r>
          <rPr>
            <b/>
            <sz val="9"/>
            <color indexed="81"/>
            <rFont val="Tahoma"/>
            <family val="2"/>
          </rPr>
          <t>Willison, Simon:</t>
        </r>
        <r>
          <rPr>
            <sz val="9"/>
            <color indexed="81"/>
            <rFont val="Tahoma"/>
            <family val="2"/>
          </rPr>
          <t xml:space="preserve">
Changed to Single Scenario 2 (Step 2) - wrongly categorised as Step 9 previously - 20th June 25</t>
        </r>
      </text>
    </comment>
    <comment ref="X46" authorId="3" shapeId="0" xr:uid="{FF4B1427-A423-4749-BBB1-64C9DE31EF77}">
      <text>
        <r>
          <rPr>
            <b/>
            <sz val="9"/>
            <color indexed="81"/>
            <rFont val="Tahoma"/>
            <family val="2"/>
          </rPr>
          <t>Willison, Simon:</t>
        </r>
        <r>
          <rPr>
            <sz val="9"/>
            <color indexed="81"/>
            <rFont val="Tahoma"/>
            <family val="2"/>
          </rPr>
          <t xml:space="preserve">
Changed to East Hemel South (H4) </t>
        </r>
      </text>
    </comment>
    <comment ref="H69" authorId="12" shapeId="0" xr:uid="{5ECD745F-66F9-4B1C-AF4E-A3B774C1B1D4}">
      <text>
        <t>[Threaded comment]
Your version of Excel allows you to read this threaded comment; however, any edits to it will get removed if the file is opened in a newer version of Excel. Learn more: https://go.microsoft.com/fwlink/?linkid=870924
Comment:
    Amended the description to remove reference to the need for maintenance of the current curved bridge by the marina, and a more general proposal for bridge upgrades. I suggest the cost remains high as this could encompass improvements to existing bridges and/or a new bridge in the Apsley area</t>
      </text>
    </comment>
    <comment ref="W70" authorId="3" shapeId="0" xr:uid="{10BDA450-07E4-4EE8-89C4-257653C9A35C}">
      <text>
        <r>
          <rPr>
            <b/>
            <sz val="9"/>
            <color indexed="81"/>
            <rFont val="Tahoma"/>
            <family val="2"/>
          </rPr>
          <t>Willison, Simon:</t>
        </r>
        <r>
          <rPr>
            <sz val="9"/>
            <color indexed="81"/>
            <rFont val="Tahoma"/>
            <family val="2"/>
          </rPr>
          <t xml:space="preserve">
Amended from Step 3 to Step 2 ((confused with other Hemel Hempstead Road!!!))</t>
        </r>
      </text>
    </comment>
    <comment ref="X70" authorId="3" shapeId="0" xr:uid="{E9AF2605-D3C3-44B9-9909-1C3DA9C9AF13}">
      <text>
        <r>
          <rPr>
            <b/>
            <sz val="9"/>
            <color indexed="81"/>
            <rFont val="Tahoma"/>
            <family val="2"/>
          </rPr>
          <t>Willison, Simon:</t>
        </r>
        <r>
          <rPr>
            <sz val="9"/>
            <color indexed="81"/>
            <rFont val="Tahoma"/>
            <family val="2"/>
          </rPr>
          <t xml:space="preserve">
Changed to East Hemel South</t>
        </r>
      </text>
    </comment>
    <comment ref="H95" authorId="13" shapeId="0" xr:uid="{2C11FB4C-8FFE-4851-BDA4-948D8B6883E3}">
      <text>
        <t xml:space="preserve">[Threaded comment]
Your version of Excel allows you to read this threaded comment; however, any edits to it will get removed if the file is opened in a newer version of Excel. Learn more: https://go.microsoft.com/fwlink/?linkid=870924
Comment:
    To review in relation to HERT end-state
</t>
      </text>
    </comment>
    <comment ref="BI95" authorId="14" shapeId="0" xr:uid="{C188F862-1102-4985-89A1-BD89B28917A2}">
      <text>
        <t xml:space="preserve">[Threaded comment]
Your version of Excel allows you to read this threaded comment; however, any edits to it will get removed if the file is opened in a newer version of Excel. Learn more: https://go.microsoft.com/fwlink/?linkid=870924
Comment:
    Timeframe for delivery would assume an increase in services along this stretch of A414 ahead of HERT. Could slip to 2036/37-2040/41 however. </t>
      </text>
    </comment>
    <comment ref="W141" authorId="3" shapeId="0" xr:uid="{D55BF8A2-A8A9-471A-B523-0ABD48ABCE1F}">
      <text>
        <r>
          <rPr>
            <b/>
            <sz val="9"/>
            <color indexed="81"/>
            <rFont val="Tahoma"/>
            <family val="2"/>
          </rPr>
          <t>Willison, Simon:</t>
        </r>
        <r>
          <rPr>
            <sz val="9"/>
            <color indexed="81"/>
            <rFont val="Tahoma"/>
            <family val="2"/>
          </rPr>
          <t xml:space="preserve">
Amended to Step 3 from Step 5. 20th June 2025</t>
        </r>
      </text>
    </comment>
    <comment ref="X141" authorId="3" shapeId="0" xr:uid="{B5D9619B-C4AD-4DB8-B0E0-3204899F0472}">
      <text>
        <r>
          <rPr>
            <b/>
            <sz val="9"/>
            <color indexed="81"/>
            <rFont val="Tahoma"/>
            <family val="2"/>
          </rPr>
          <t>Willison, Simon:</t>
        </r>
        <r>
          <rPr>
            <sz val="9"/>
            <color indexed="81"/>
            <rFont val="Tahoma"/>
            <family val="2"/>
          </rPr>
          <t xml:space="preserve">
Amended to North Hemel H1 and East Hemel H4 as adjacent to both sites. 20th June 2025</t>
        </r>
      </text>
    </comment>
    <comment ref="W142" authorId="3" shapeId="0" xr:uid="{2F446F40-5046-4934-8498-6A518A353DCD}">
      <text>
        <r>
          <rPr>
            <b/>
            <sz val="9"/>
            <color indexed="81"/>
            <rFont val="Tahoma"/>
            <family val="2"/>
          </rPr>
          <t>Willison, Simon:</t>
        </r>
        <r>
          <rPr>
            <sz val="9"/>
            <color indexed="81"/>
            <rFont val="Tahoma"/>
            <family val="2"/>
          </rPr>
          <t xml:space="preserve">
Changed to Single Scenario 2 (Step 2) - wrongly categorised as Step 9 previously - 20th June 25</t>
        </r>
      </text>
    </comment>
    <comment ref="X142" authorId="3" shapeId="0" xr:uid="{FE2E8EEC-AE54-4043-8C18-31C75399C23A}">
      <text>
        <r>
          <rPr>
            <b/>
            <sz val="9"/>
            <color indexed="81"/>
            <rFont val="Tahoma"/>
            <family val="2"/>
          </rPr>
          <t>Willison, Simon:</t>
        </r>
        <r>
          <rPr>
            <sz val="9"/>
            <color indexed="81"/>
            <rFont val="Tahoma"/>
            <family val="2"/>
          </rPr>
          <t xml:space="preserve">
Changed to East Hemel South (H4) </t>
        </r>
      </text>
    </comment>
    <comment ref="W143" authorId="3" shapeId="0" xr:uid="{9620F06F-C0CA-4229-8A14-97254F7A7487}">
      <text>
        <r>
          <rPr>
            <b/>
            <sz val="9"/>
            <color indexed="81"/>
            <rFont val="Tahoma"/>
            <family val="2"/>
          </rPr>
          <t>Willison, Simon:</t>
        </r>
        <r>
          <rPr>
            <sz val="9"/>
            <color indexed="81"/>
            <rFont val="Tahoma"/>
            <family val="2"/>
          </rPr>
          <t xml:space="preserve">
Amended to Step 3 from Step 5 20th June 2025 - mixture of locations so distance threshold would technically vary between each junction under this scheme</t>
        </r>
      </text>
    </comment>
    <comment ref="X143" authorId="3" shapeId="0" xr:uid="{68C95D3F-B0E8-4306-A767-27A6BEBCE40C}">
      <text>
        <r>
          <rPr>
            <b/>
            <sz val="9"/>
            <color indexed="81"/>
            <rFont val="Tahoma"/>
            <family val="2"/>
          </rPr>
          <t>Willison, Simon:</t>
        </r>
        <r>
          <rPr>
            <sz val="9"/>
            <color indexed="81"/>
            <rFont val="Tahoma"/>
            <family val="2"/>
          </rPr>
          <t xml:space="preserve">
Amended to Step 3 from Step 5 20th June 2025</t>
        </r>
      </text>
    </comment>
    <comment ref="W144" authorId="3" shapeId="0" xr:uid="{A27A614C-A480-4334-9165-F4BCC4597106}">
      <text>
        <r>
          <rPr>
            <b/>
            <sz val="9"/>
            <color indexed="81"/>
            <rFont val="Tahoma"/>
            <family val="2"/>
          </rPr>
          <t>Willison, Simon:</t>
        </r>
        <r>
          <rPr>
            <sz val="9"/>
            <color indexed="81"/>
            <rFont val="Tahoma"/>
            <family val="2"/>
          </rPr>
          <t xml:space="preserve">
Changed to Single Scenario 2 (Step 2) - wrongly categorised as Step 9 previously - 20th June 25</t>
        </r>
      </text>
    </comment>
    <comment ref="X144" authorId="3" shapeId="0" xr:uid="{69B3AC9C-2BB2-458F-B687-4086A16D6457}">
      <text>
        <r>
          <rPr>
            <b/>
            <sz val="9"/>
            <color indexed="81"/>
            <rFont val="Tahoma"/>
            <family val="2"/>
          </rPr>
          <t>Willison, Simon:</t>
        </r>
        <r>
          <rPr>
            <sz val="9"/>
            <color indexed="81"/>
            <rFont val="Tahoma"/>
            <family val="2"/>
          </rPr>
          <t xml:space="preserve">
Changed to East Hemel South (H4) </t>
        </r>
      </text>
    </comment>
    <comment ref="X166" authorId="15" shapeId="0" xr:uid="{7497B41B-AC97-41EA-B83A-B08DBF11F905}">
      <text>
        <t>[Threaded comment]
Your version of Excel allows you to read this threaded comment; however, any edits to it will get removed if the file is opened in a newer version of Excel. Learn more: https://go.microsoft.com/fwlink/?linkid=870924
Comment:
    Flows to be re-checked 20th June 2025</t>
      </text>
    </comment>
    <comment ref="W205" authorId="3" shapeId="0" xr:uid="{92C13CA6-1E8E-4C81-AABC-6C8EFE6FD94F}">
      <text>
        <r>
          <rPr>
            <b/>
            <sz val="9"/>
            <color indexed="81"/>
            <rFont val="Tahoma"/>
            <family val="2"/>
          </rPr>
          <t>Willison, Simon:</t>
        </r>
        <r>
          <rPr>
            <sz val="9"/>
            <color indexed="81"/>
            <rFont val="Tahoma"/>
            <family val="2"/>
          </rPr>
          <t xml:space="preserve">
Amended to Step 2 from Step 5 20th June 2025</t>
        </r>
      </text>
    </comment>
    <comment ref="X205" authorId="3" shapeId="0" xr:uid="{EAB0A88C-BEE4-4617-A5DA-7AFB3F79D0B2}">
      <text>
        <r>
          <rPr>
            <b/>
            <sz val="9"/>
            <color indexed="81"/>
            <rFont val="Tahoma"/>
            <family val="2"/>
          </rPr>
          <t>Willison, Simon:</t>
        </r>
        <r>
          <rPr>
            <sz val="9"/>
            <color indexed="81"/>
            <rFont val="Tahoma"/>
            <family val="2"/>
          </rPr>
          <t xml:space="preserve">
Close to Grovehill</t>
        </r>
      </text>
    </comment>
    <comment ref="W206" authorId="3" shapeId="0" xr:uid="{A8ADA526-D4CD-44AE-9611-BACEF32EC120}">
      <text>
        <r>
          <rPr>
            <b/>
            <sz val="9"/>
            <color indexed="81"/>
            <rFont val="Tahoma"/>
            <family val="2"/>
          </rPr>
          <t>Willison, Simon:</t>
        </r>
        <r>
          <rPr>
            <sz val="9"/>
            <color indexed="81"/>
            <rFont val="Tahoma"/>
            <family val="2"/>
          </rPr>
          <t xml:space="preserve">
Amended to Step 3 from Step 5 20th June 2025 - mixture of locations so distance threshold would technically vary between each junction under this scheme</t>
        </r>
      </text>
    </comment>
    <comment ref="X206" authorId="3" shapeId="0" xr:uid="{7E3456FA-AB0B-40A3-803B-1EFC70F54481}">
      <text>
        <r>
          <rPr>
            <b/>
            <sz val="9"/>
            <color indexed="81"/>
            <rFont val="Tahoma"/>
            <family val="2"/>
          </rPr>
          <t>Willison, Simon:</t>
        </r>
        <r>
          <rPr>
            <sz val="9"/>
            <color indexed="81"/>
            <rFont val="Tahoma"/>
            <family val="2"/>
          </rPr>
          <t xml:space="preserve">
Amended to Step 3 from Step 5 20th June 2025</t>
        </r>
      </text>
    </comment>
    <comment ref="X216" authorId="3" shapeId="0" xr:uid="{38C4D852-E346-4A07-A340-F955893F52CD}">
      <text>
        <r>
          <rPr>
            <b/>
            <sz val="9"/>
            <color indexed="81"/>
            <rFont val="Tahoma"/>
            <family val="2"/>
          </rPr>
          <t>Willison, Simon:</t>
        </r>
        <r>
          <rPr>
            <sz val="9"/>
            <color indexed="81"/>
            <rFont val="Tahoma"/>
            <family val="2"/>
          </rPr>
          <t xml:space="preserve">
Potentially consider for wider attribution (Step6+) but the scheme would not be required without the Shendish Manor site. </t>
        </r>
      </text>
    </comment>
    <comment ref="W217" authorId="3" shapeId="0" xr:uid="{01B15CEF-50F5-486A-AC64-F743CDCEFD04}">
      <text>
        <r>
          <rPr>
            <b/>
            <sz val="9"/>
            <color indexed="81"/>
            <rFont val="Tahoma"/>
            <family val="2"/>
          </rPr>
          <t>Willison, Simon:</t>
        </r>
        <r>
          <rPr>
            <sz val="9"/>
            <color indexed="81"/>
            <rFont val="Tahoma"/>
            <family val="2"/>
          </rPr>
          <t xml:space="preserve">
Amended to Step 3 from Step 5 20th June 2025 - mixture of locations so distance threshold would technically vary between each junction under this scheme</t>
        </r>
      </text>
    </comment>
    <comment ref="X217" authorId="3" shapeId="0" xr:uid="{C0874576-1633-4541-8FF3-26059F2C1992}">
      <text>
        <r>
          <rPr>
            <b/>
            <sz val="9"/>
            <color indexed="81"/>
            <rFont val="Tahoma"/>
            <family val="2"/>
          </rPr>
          <t>Willison, Simon:</t>
        </r>
        <r>
          <rPr>
            <sz val="9"/>
            <color indexed="81"/>
            <rFont val="Tahoma"/>
            <family val="2"/>
          </rPr>
          <t xml:space="preserve">
Amended to Step 3 from Step 5 20th June 2025</t>
        </r>
      </text>
    </comment>
    <comment ref="H220" authorId="16" shapeId="0" xr:uid="{CBFAABA3-B0F3-4247-9C06-705AFC9F66F4}">
      <text>
        <t>[Threaded comment]
Your version of Excel allows you to read this threaded comment; however, any edits to it will get removed if the file is opened in a newer version of Excel. Learn more: https://go.microsoft.com/fwlink/?linkid=870924
Comment:
    Updated to reflect HCC’s latest thinking - 090425</t>
      </text>
    </comment>
    <comment ref="BI225" authorId="17" shapeId="0" xr:uid="{99A1ECDD-3C68-4BA6-B6B0-C03F59E69160}">
      <text>
        <t xml:space="preserve">[Threaded comment]
Your version of Excel allows you to read this threaded comment; however, any edits to it will get removed if the file is opened in a newer version of Excel. Learn more: https://go.microsoft.com/fwlink/?linkid=870924
Comment:
    Even if STC is in place earlier, may be a struggle for a new orbital route to be commercially viable until more development has come forward after 2036. </t>
      </text>
    </comment>
    <comment ref="H226" authorId="18" shapeId="0" xr:uid="{37586A13-5C90-4ED1-94FE-2B1C2224A2B5}">
      <text>
        <t xml:space="preserve">[Threaded comment]
Your version of Excel allows you to read this threaded comment; however, any edits to it will get removed if the file is opened in a newer version of Excel. Learn more: https://go.microsoft.com/fwlink/?linkid=870924
Comment:
    Assume Up to 4 buses an hour between North Hemel and the Town Centre, plus extension to the station. Also assume an increase to 2 buses an hour extending on to Luton via Redbourn, Flamstead and Markyate. </t>
      </text>
    </comment>
    <comment ref="W227" authorId="3" shapeId="0" xr:uid="{95EEEB5A-2BD6-4942-99EF-C366CD4E6B18}">
      <text>
        <r>
          <rPr>
            <b/>
            <sz val="9"/>
            <color indexed="81"/>
            <rFont val="Tahoma"/>
            <family val="2"/>
          </rPr>
          <t>Willison, Simon:</t>
        </r>
        <r>
          <rPr>
            <sz val="9"/>
            <color indexed="81"/>
            <rFont val="Tahoma"/>
            <family val="2"/>
          </rPr>
          <t xml:space="preserve">
Amended to Step 2 from Step 5 20th June 2025</t>
        </r>
      </text>
    </comment>
    <comment ref="X227" authorId="3" shapeId="0" xr:uid="{238907FF-780A-4FB6-833F-9B45E4E3B360}">
      <text>
        <r>
          <rPr>
            <b/>
            <sz val="9"/>
            <color indexed="81"/>
            <rFont val="Tahoma"/>
            <family val="2"/>
          </rPr>
          <t>Willison, Simon:</t>
        </r>
        <r>
          <rPr>
            <sz val="9"/>
            <color indexed="81"/>
            <rFont val="Tahoma"/>
            <family val="2"/>
          </rPr>
          <t xml:space="preserve">
Close to Grovehill</t>
        </r>
      </text>
    </comment>
    <comment ref="BI228" authorId="19" shapeId="0" xr:uid="{95F367B2-747A-4B6B-86AE-97F87A2BF8E1}">
      <text>
        <t>[Threaded comment]
Your version of Excel allows you to read this threaded comment; however, any edits to it will get removed if the file is opened in a newer version of Excel. Learn more: https://go.microsoft.com/fwlink/?linkid=870924
Comment:
    Linked to timing of EXT-13 orbital route</t>
      </text>
    </comment>
    <comment ref="H230" authorId="20" shapeId="0" xr:uid="{D5263B09-FD39-4734-A5A6-A6A3154046FB}">
      <text>
        <t xml:space="preserve">[Threaded comment]
Your version of Excel allows you to read this threaded comment; however, any edits to it will get removed if the file is opened in a newer version of Excel. Learn more: https://go.microsoft.com/fwlink/?linkid=870924
Comment:
    Is a scheme already proposed here? Noted from the modelling results there is a predicted big reduction in delays - is this attributed to a junction improvement? Otherwise seems counterintuitive. </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tc={109AA272-796C-4CBC-94FC-1555E534F685}</author>
    <author>tc={28DC1AF3-63D7-4A51-AA69-7E02E80D5E2A}</author>
    <author>tc={017BECE2-533A-499E-B997-8DC44A4FED20}</author>
    <author>tc={B5CB832B-ADAA-412B-8018-6C2B15099CC6}</author>
  </authors>
  <commentList>
    <comment ref="H1" authorId="0" shapeId="0" xr:uid="{109AA272-796C-4CBC-94FC-1555E534F685}">
      <text>
        <t>[Threaded comment]
Your version of Excel allows you to read this threaded comment; however, any edits to it will get removed if the file is opened in a newer version of Excel. Learn more: https://go.microsoft.com/fwlink/?linkid=870924
Comment:
    Differences between categorisation of DBC and SADC</t>
      </text>
    </comment>
    <comment ref="I1" authorId="1" shapeId="0" xr:uid="{28DC1AF3-63D7-4A51-AA69-7E02E80D5E2A}">
      <text>
        <t>[Threaded comment]
Your version of Excel allows you to read this threaded comment; however, any edits to it will get removed if the file is opened in a newer version of Excel. Learn more: https://go.microsoft.com/fwlink/?linkid=870924
Comment:
    Differences between categorisation of DBC and SADC</t>
      </text>
    </comment>
    <comment ref="M1" authorId="2" shapeId="0" xr:uid="{017BECE2-533A-499E-B997-8DC44A4FED20}">
      <text>
        <t>[Threaded comment]
Your version of Excel allows you to read this threaded comment; however, any edits to it will get removed if the file is opened in a newer version of Excel. Learn more: https://go.microsoft.com/fwlink/?linkid=870924
Comment:
    I would like a more standard way to capture this information, as well as the parish info from SADC</t>
      </text>
    </comment>
    <comment ref="N1" authorId="3" shapeId="0" xr:uid="{B5CB832B-ADAA-412B-8018-6C2B15099CC6}">
      <text>
        <t>[Threaded comment]
Your version of Excel allows you to read this threaded comment; however, any edits to it will get removed if the file is opened in a newer version of Excel. Learn more: https://go.microsoft.com/fwlink/?linkid=870924
Comment:
    As with location - need to make sure all sites are called accurate names from housing trajectory, and are standardised</t>
      </text>
    </comment>
  </commentList>
</comments>
</file>

<file path=xl/comments3.xml><?xml version="1.0" encoding="utf-8"?>
<comments xmlns="http://schemas.openxmlformats.org/spreadsheetml/2006/main" xmlns:mc="http://schemas.openxmlformats.org/markup-compatibility/2006" xmlns:xr="http://schemas.microsoft.com/office/spreadsheetml/2014/revision" mc:Ignorable="xr">
  <authors>
    <author>tc={EFE10E99-009C-40C8-87FB-2FA81D770E46}</author>
    <author>tc={BB5F496E-42C4-4716-B3AF-77F8F3FFB842}</author>
    <author>tc={7CDD7D59-1E7D-48D4-87F9-B1A9560981CA}</author>
    <author>tc={7CADB88A-51FC-4C36-AAD0-138B81CA8CF6}</author>
  </authors>
  <commentList>
    <comment ref="H1" authorId="0" shapeId="0" xr:uid="{EFE10E99-009C-40C8-87FB-2FA81D770E46}">
      <text>
        <t>[Threaded comment]
Your version of Excel allows you to read this threaded comment; however, any edits to it will get removed if the file is opened in a newer version of Excel. Learn more: https://go.microsoft.com/fwlink/?linkid=870924
Comment:
    Differences between categorisation of DBC and SADC</t>
      </text>
    </comment>
    <comment ref="I1" authorId="1" shapeId="0" xr:uid="{BB5F496E-42C4-4716-B3AF-77F8F3FFB842}">
      <text>
        <t>[Threaded comment]
Your version of Excel allows you to read this threaded comment; however, any edits to it will get removed if the file is opened in a newer version of Excel. Learn more: https://go.microsoft.com/fwlink/?linkid=870924
Comment:
    Differences between categorisation of DBC and SADC</t>
      </text>
    </comment>
    <comment ref="M1" authorId="2" shapeId="0" xr:uid="{7CDD7D59-1E7D-48D4-87F9-B1A9560981CA}">
      <text>
        <t>[Threaded comment]
Your version of Excel allows you to read this threaded comment; however, any edits to it will get removed if the file is opened in a newer version of Excel. Learn more: https://go.microsoft.com/fwlink/?linkid=870924
Comment:
    I would like a more standard way to capture this information, as well as the parish info from SADC</t>
      </text>
    </comment>
    <comment ref="N1" authorId="3" shapeId="0" xr:uid="{7CADB88A-51FC-4C36-AAD0-138B81CA8CF6}">
      <text>
        <t>[Threaded comment]
Your version of Excel allows you to read this threaded comment; however, any edits to it will get removed if the file is opened in a newer version of Excel. Learn more: https://go.microsoft.com/fwlink/?linkid=870924
Comment:
    As with location - need to make sure all sites are called accurate names from housing trajectory, and are standardised</t>
      </text>
    </comment>
  </commentList>
</comments>
</file>

<file path=xl/comments4.xml><?xml version="1.0" encoding="utf-8"?>
<comments xmlns="http://schemas.openxmlformats.org/spreadsheetml/2006/main" xmlns:mc="http://schemas.openxmlformats.org/markup-compatibility/2006" xmlns:xr="http://schemas.microsoft.com/office/spreadsheetml/2014/revision" mc:Ignorable="xr">
  <authors>
    <author>tc={8046B67B-374D-424F-B446-5932D44C3435}</author>
    <author>tc={BF8BDEB1-5517-4B32-9D78-AD95A375EF74}</author>
    <author>tc={59C39DD6-5C48-4508-AD10-0BEF1452A8AE}</author>
    <author>tc={27BED3C5-B981-40EC-858E-08C8C49CD205}</author>
  </authors>
  <commentList>
    <comment ref="G1" authorId="0" shapeId="0" xr:uid="{8046B67B-374D-424F-B446-5932D44C3435}">
      <text>
        <t>[Threaded comment]
Your version of Excel allows you to read this threaded comment; however, any edits to it will get removed if the file is opened in a newer version of Excel. Learn more: https://go.microsoft.com/fwlink/?linkid=870924
Comment:
    Differences between categorisation of DBC and SADC</t>
      </text>
    </comment>
    <comment ref="H1" authorId="1" shapeId="0" xr:uid="{BF8BDEB1-5517-4B32-9D78-AD95A375EF74}">
      <text>
        <t>[Threaded comment]
Your version of Excel allows you to read this threaded comment; however, any edits to it will get removed if the file is opened in a newer version of Excel. Learn more: https://go.microsoft.com/fwlink/?linkid=870924
Comment:
    Differences between categorisation of DBC and SADC</t>
      </text>
    </comment>
    <comment ref="L1" authorId="2" shapeId="0" xr:uid="{59C39DD6-5C48-4508-AD10-0BEF1452A8AE}">
      <text>
        <t>[Threaded comment]
Your version of Excel allows you to read this threaded comment; however, any edits to it will get removed if the file is opened in a newer version of Excel. Learn more: https://go.microsoft.com/fwlink/?linkid=870924
Comment:
    I would like a more standard way to capture this information, as well as the parish info from SADC</t>
      </text>
    </comment>
    <comment ref="M1" authorId="3" shapeId="0" xr:uid="{27BED3C5-B981-40EC-858E-08C8C49CD205}">
      <text>
        <t>[Threaded comment]
Your version of Excel allows you to read this threaded comment; however, any edits to it will get removed if the file is opened in a newer version of Excel. Learn more: https://go.microsoft.com/fwlink/?linkid=870924
Comment:
    As with location - need to make sure all sites are called accurate names from housing trajectory, and are standardised</t>
      </text>
    </comment>
  </commentList>
</comments>
</file>

<file path=xl/comments5.xml><?xml version="1.0" encoding="utf-8"?>
<comments xmlns="http://schemas.openxmlformats.org/spreadsheetml/2006/main" xmlns:mc="http://schemas.openxmlformats.org/markup-compatibility/2006" xmlns:xr="http://schemas.microsoft.com/office/spreadsheetml/2014/revision" mc:Ignorable="xr">
  <authors>
    <author>tc={0085609A-C821-4833-A4CF-45F5FDCF3AD1}</author>
    <author>tc={47292B13-8061-47BB-A6F3-0270C5D5CE87}</author>
    <author>tc={14F8E59C-00AA-4837-9337-8A65BA456A29}</author>
    <author>tc={815565F5-1871-47F6-8443-F41D499DCF31}</author>
    <author>tc={39700E74-5EC9-4D86-8414-255B773FFEE7}</author>
    <author>tc={759F9AD7-A7A4-4BEA-88F5-1D095D1E8E2B}</author>
    <author>tc={F34EFA8E-7B97-4CAF-A4FB-4A4EB558581F}</author>
    <author>tc={B5C933B9-1F08-4A31-B35A-6C7C4259DAFB}</author>
    <author>tc={8D623028-F418-4E1F-81F0-9005DE74276F}</author>
    <author>tc={D780C4AB-3B4E-453D-A124-1153579C9CD7}</author>
    <author>tc={E8DD7C19-9FC6-4C60-BAD6-9282D51DFEDE}</author>
    <author>tc={B7F97002-0399-4D79-9CBA-E1DE436949B8}</author>
    <author>tc={067C0EFF-6DAD-440C-99C0-0802D28C0215}</author>
    <author>tc={01DF56FA-3696-4FC3-920F-87683E3F46F7}</author>
    <author>tc={B27532EA-9831-46AC-9F79-2B7663F43C4F}</author>
    <author>tc={1EA40721-D29A-41D8-BD55-2041D0CB0981}</author>
    <author>tc={60AB0723-9EF4-4BB4-B9FF-8F81422AF581}</author>
    <author>tc={51C28037-EF25-42AF-89E8-42799D63C8BC}</author>
    <author>tc={98ABCFD5-24AD-4E2D-B804-C1768CE68A17}</author>
    <author>tc={B116575C-A9A7-4A63-84B5-23015F19FB56}</author>
    <author>tc={7392582A-F9A6-4D2C-BF6E-168EB1737BAB}</author>
    <author>tc={0A72FB63-F83A-43C5-A471-B38F613E45A5}</author>
    <author>tc={F102E757-0832-45B2-83B4-3DEFD2ED2B46}</author>
    <author>tc={3188DA51-B497-4A02-AAFC-F88B26693FEE}</author>
  </authors>
  <commentList>
    <comment ref="BA9" authorId="0" shapeId="0" xr:uid="{0085609A-C821-4833-A4CF-45F5FDCF3AD1}">
      <text>
        <t xml:space="preserve">[Threaded comment]
Your version of Excel allows you to read this threaded comment; however, any edits to it will get removed if the file is opened in a newer version of Excel. Learn more: https://go.microsoft.com/fwlink/?linkid=870924
Comment:
    Could argue for earlier delivery if desired service frequency can be delivered earlier. </t>
      </text>
    </comment>
    <comment ref="P10" authorId="1" shapeId="0" xr:uid="{47292B13-8061-47BB-A6F3-0270C5D5CE87}">
      <text>
        <t>[Threaded comment]
Your version of Excel allows you to read this threaded comment; however, any edits to it will get removed if the file is opened in a newer version of Excel. Learn more: https://go.microsoft.com/fwlink/?linkid=870924
Comment:
    Envisage a signalised T-junction. This will improve conditions for all modes however, including bus detection and new ped crossing over to the Nickey Line.</t>
      </text>
    </comment>
    <comment ref="BA10" authorId="2" shapeId="0" xr:uid="{14F8E59C-00AA-4837-9337-8A65BA456A29}">
      <text>
        <t>[Threaded comment]
Your version of Excel allows you to read this threaded comment; however, any edits to it will get removed if the file is opened in a newer version of Excel. Learn more: https://go.microsoft.com/fwlink/?linkid=870924
Comment:
    Post 2041 because additional growth around North Hemel will generate additional travel movements and necessitate (potentially) an increase in bus movements including potentially the 46 which routes in via Redbourn</t>
      </text>
    </comment>
    <comment ref="BA18" authorId="3" shapeId="0" xr:uid="{815565F5-1871-47F6-8443-F41D499DCF31}">
      <text>
        <t xml:space="preserve">[Threaded comment]
Your version of Excel allows you to read this threaded comment; however, any edits to it will get removed if the file is opened in a newer version of Excel. Learn more: https://go.microsoft.com/fwlink/?linkid=870924
Comment:
    Deliberately separated this out from bus lane on Leighton Buzzard Road as it could have different deliverability risks. Could argue for earlier delivery if desired service frequency can be delivered earlier. 
</t>
      </text>
    </comment>
    <comment ref="J19" authorId="4" shapeId="0" xr:uid="{39700E74-5EC9-4D86-8414-255B773FFEE7}">
      <text>
        <t>[Threaded comment]
Your version of Excel allows you to read this threaded comment; however, any edits to it will get removed if the file is opened in a newer version of Excel. Learn more: https://go.microsoft.com/fwlink/?linkid=870924
Comment:
    Queues are northbound. Can’t cover full stretch because of various accesses at northern end. Assume widening of road on eastern side - shifting the carriageway median over to accommodate a bus lane on the western side. Bus gate could be tied into crossing for Nickey Line</t>
      </text>
    </comment>
    <comment ref="Y38" authorId="5" shapeId="0" xr:uid="{759F9AD7-A7A4-4BEA-88F5-1D095D1E8E2B}">
      <text>
        <t>[Threaded comment]
Your version of Excel allows you to read this threaded comment; however, any edits to it will get removed if the file is opened in a newer version of Excel. Learn more: https://go.microsoft.com/fwlink/?linkid=870924
Comment:
    HCC has queried if this can this be linked to other sites? Potentially Green Lane site but no others surely as it is specifically linking one part of East Hemel to another. Have clarified that this is M1 J8 Phase 2 scheme in case there was confusion</t>
      </text>
    </comment>
    <comment ref="K42" authorId="6" shapeId="0" xr:uid="{F34EFA8E-7B97-4CAF-A4FB-4A4EB558581F}">
      <text>
        <t>[Threaded comment]
Your version of Excel allows you to read this threaded comment; however, any edits to it will get removed if the file is opened in a newer version of Excel. Learn more: https://go.microsoft.com/fwlink/?linkid=870924
Comment:
    Assumed location of existing Blackwater Lane bus stop on A4147, served by 302 only.</t>
      </text>
    </comment>
    <comment ref="Q42" authorId="7" shapeId="0" xr:uid="{B5C933B9-1F08-4A31-B35A-6C7C4259DAFB}">
      <text>
        <t>[Threaded comment]
Your version of Excel allows you to read this threaded comment; however, any edits to it will get removed if the file is opened in a newer version of Excel. Learn more: https://go.microsoft.com/fwlink/?linkid=870924
Comment:
    Uncertain if 721 will continue once HERT is introduced. Assume it will, but subject to review when more is known about HERT</t>
      </text>
    </comment>
    <comment ref="BA42" authorId="8" shapeId="0" xr:uid="{8D623028-F418-4E1F-81F0-9005DE74276F}">
      <text>
        <t>[Threaded comment]
Your version of Excel allows you to read this threaded comment; however, any edits to it will get removed if the file is opened in a newer version of Excel. Learn more: https://go.microsoft.com/fwlink/?linkid=870924
Comment:
    A new stop may be required regardless. Could also consider re-routeing 721 through SE E Hemel. HERT may have an influence on what happens to this service</t>
      </text>
    </comment>
    <comment ref="BB42" authorId="9" shapeId="0" xr:uid="{D780C4AB-3B4E-453D-A124-1153579C9CD7}">
      <text>
        <t>[Threaded comment]
Your version of Excel allows you to read this threaded comment; however, any edits to it will get removed if the file is opened in a newer version of Excel. Learn more: https://go.microsoft.com/fwlink/?linkid=870924
Comment:
    Stop is located in Dacorum, service is cross-boundary</t>
      </text>
    </comment>
    <comment ref="K43" authorId="10" shapeId="0" xr:uid="{E8DD7C19-9FC6-4C60-BAD6-9282D51DFEDE}">
      <text>
        <t>[Threaded comment]
Your version of Excel allows you to read this threaded comment; however, any edits to it will get removed if the file is opened in a newer version of Excel. Learn more: https://go.microsoft.com/fwlink/?linkid=870924
Comment:
    Location of crossing</t>
      </text>
    </comment>
    <comment ref="J69" authorId="11" shapeId="0" xr:uid="{B7F97002-0399-4D79-9CBA-E1DE436949B8}">
      <text>
        <t>[Threaded comment]
Your version of Excel allows you to read this threaded comment; however, any edits to it will get removed if the file is opened in a newer version of Excel. Learn more: https://go.microsoft.com/fwlink/?linkid=870924
Comment:
    Amended the description to remove reference to the need for maintenance of the current curved bridge by the marina, and a more general proposal for bridge upgrades. I suggest the cost remains high as this could encompass improvements to existing bridges and/or a new bridge in the Apsley area</t>
      </text>
    </comment>
    <comment ref="J95" authorId="12" shapeId="0" xr:uid="{067C0EFF-6DAD-440C-99C0-0802D28C0215}">
      <text>
        <t xml:space="preserve">[Threaded comment]
Your version of Excel allows you to read this threaded comment; however, any edits to it will get removed if the file is opened in a newer version of Excel. Learn more: https://go.microsoft.com/fwlink/?linkid=870924
Comment:
    To review in relation to HERT end-state
</t>
      </text>
    </comment>
    <comment ref="BA95" authorId="13" shapeId="0" xr:uid="{01DF56FA-3696-4FC3-920F-87683E3F46F7}">
      <text>
        <t xml:space="preserve">[Threaded comment]
Your version of Excel allows you to read this threaded comment; however, any edits to it will get removed if the file is opened in a newer version of Excel. Learn more: https://go.microsoft.com/fwlink/?linkid=870924
Comment:
    Timeframe for delivery would assume an increase in services along this stretch of A414 ahead of HERT. Could slip to 2036/37-2040/41 however. </t>
      </text>
    </comment>
    <comment ref="Y116" authorId="14" shapeId="0" xr:uid="{B27532EA-9831-46AC-9F79-2B7663F43C4F}">
      <text>
        <t>[Threaded comment]
Your version of Excel allows you to read this threaded comment; however, any edits to it will get removed if the file is opened in a newer version of Excel. Learn more: https://go.microsoft.com/fwlink/?linkid=870924
Comment:
    Discussed with HGC 040425</t>
      </text>
    </comment>
    <comment ref="Y142" authorId="15" shapeId="0" xr:uid="{1EA40721-D29A-41D8-BD55-2041D0CB0981}">
      <text>
        <t>[Threaded comment]
Your version of Excel allows you to read this threaded comment; however, any edits to it will get removed if the file is opened in a newer version of Excel. Learn more: https://go.microsoft.com/fwlink/?linkid=870924
Comment:
    Also added Marchmont Farm and Grovehill Local Centre</t>
      </text>
    </comment>
    <comment ref="Y143" authorId="16" shapeId="0" xr:uid="{60AB0723-9EF4-4BB4-B9FF-8F81422AF581}">
      <text>
        <t>[Threaded comment]
Your version of Excel allows you to read this threaded comment; however, any edits to it will get removed if the file is opened in a newer version of Excel. Learn more: https://go.microsoft.com/fwlink/?linkid=870924
Comment:
    Also added Marchmont Farm and Grovehill Local Centre</t>
      </text>
    </comment>
    <comment ref="Y144" authorId="17" shapeId="0" xr:uid="{51C28037-EF25-42AF-89E8-42799D63C8BC}">
      <text>
        <t>[Threaded comment]
Your version of Excel allows you to read this threaded comment; however, any edits to it will get removed if the file is opened in a newer version of Excel. Learn more: https://go.microsoft.com/fwlink/?linkid=870924
Comment:
    Also added Marchmont Farm and Grovehill Local Centre</t>
      </text>
    </comment>
    <comment ref="Y207" authorId="18" shapeId="0" xr:uid="{98ABCFD5-24AD-4E2D-B804-C1768CE68A17}">
      <text>
        <t>[Threaded comment]
Your version of Excel allows you to read this threaded comment; however, any edits to it will get removed if the file is opened in a newer version of Excel. Learn more: https://go.microsoft.com/fwlink/?linkid=870924
Comment:
    Also added Marchmont Farm</t>
      </text>
    </comment>
    <comment ref="J220" authorId="19" shapeId="0" xr:uid="{B116575C-A9A7-4A63-84B5-23015F19FB56}">
      <text>
        <t>[Threaded comment]
Your version of Excel allows you to read this threaded comment; however, any edits to it will get removed if the file is opened in a newer version of Excel. Learn more: https://go.microsoft.com/fwlink/?linkid=870924
Comment:
    Updated to reflect HCC’s latest thinking - 090425</t>
      </text>
    </comment>
    <comment ref="BA225" authorId="20" shapeId="0" xr:uid="{7392582A-F9A6-4D2C-BF6E-168EB1737BAB}">
      <text>
        <t xml:space="preserve">[Threaded comment]
Your version of Excel allows you to read this threaded comment; however, any edits to it will get removed if the file is opened in a newer version of Excel. Learn more: https://go.microsoft.com/fwlink/?linkid=870924
Comment:
    Even if STC is in place earlier, may be a struggle for a new orbital route to be commercially viable until more development has come forward after 2036. </t>
      </text>
    </comment>
    <comment ref="J226" authorId="21" shapeId="0" xr:uid="{0A72FB63-F83A-43C5-A471-B38F613E45A5}">
      <text>
        <t xml:space="preserve">[Threaded comment]
Your version of Excel allows you to read this threaded comment; however, any edits to it will get removed if the file is opened in a newer version of Excel. Learn more: https://go.microsoft.com/fwlink/?linkid=870924
Comment:
    Assume Up to 4 buses an hour between North Hemel and the Town Centre, plus extension to the station. Also assume an increase to 2 buses an hour extending on to Luton via Redbourn, Flamstead and Markyate. </t>
      </text>
    </comment>
    <comment ref="BA228" authorId="22" shapeId="0" xr:uid="{F102E757-0832-45B2-83B4-3DEFD2ED2B46}">
      <text>
        <t>[Threaded comment]
Your version of Excel allows you to read this threaded comment; however, any edits to it will get removed if the file is opened in a newer version of Excel. Learn more: https://go.microsoft.com/fwlink/?linkid=870924
Comment:
    Linked to timing of EXT-13 orbital route</t>
      </text>
    </comment>
    <comment ref="J230" authorId="23" shapeId="0" xr:uid="{3188DA51-B497-4A02-AAFC-F88B26693FEE}">
      <text>
        <t xml:space="preserve">[Threaded comment]
Your version of Excel allows you to read this threaded comment; however, any edits to it will get removed if the file is opened in a newer version of Excel. Learn more: https://go.microsoft.com/fwlink/?linkid=870924
Comment:
    Is a scheme already proposed here? Noted from the modelling results there is a predicted big reduction in delays - is this attributed to a junction improvement? Otherwise seems counterintuitive. </t>
      </text>
    </comment>
  </commentList>
</comments>
</file>

<file path=xl/comments6.xml><?xml version="1.0" encoding="utf-8"?>
<comments xmlns="http://schemas.openxmlformats.org/spreadsheetml/2006/main" xmlns:mc="http://schemas.openxmlformats.org/markup-compatibility/2006" xmlns:xr="http://schemas.microsoft.com/office/spreadsheetml/2014/revision" mc:Ignorable="xr">
  <authors>
    <author>tc={5E1F1634-4316-484D-AFE2-503C11954559}</author>
    <author>tc={10C4EDEA-4E89-4D47-9212-47169B7F1737}</author>
    <author>tc={B4967BA1-77E5-4263-B5CF-3A759A97F9FB}</author>
    <author>tc={000C0F03-5221-4DD5-B339-9508C81D9943}</author>
    <author>tc={D4748ED7-C655-4CF0-A6DE-9543197B8155}</author>
    <author>tc={9BA5C4B9-CDEF-4F12-826B-23FFB1167FCC}</author>
    <author>tc={65B81E48-6499-4FF3-B1DE-26D200223F3F}</author>
    <author>tc={B452DFC7-DE6B-4CF4-9E87-A2065C558BD0}</author>
    <author>tc={E0E99545-A699-467F-AE9D-14DAC19E1263}</author>
    <author>tc={EF28E915-C3C1-46EE-A1F3-23F9D54087E3}</author>
    <author>tc={1D3500A9-DBF6-4C9C-832A-EE34CC3BEA49}</author>
    <author>tc={7C0073FC-8D27-4CE0-ADA0-246219492828}</author>
    <author>tc={0733CB48-8DBB-4268-B90E-8CBD56235AD5}</author>
    <author>tc={E314FB7A-FE67-486D-B7F1-11CA9A40342E}</author>
    <author>tc={B00AECBD-4051-45F1-AD1D-01E4C3245990}</author>
    <author>tc={0F1C0B34-A3DC-468C-BE27-FE758608D356}</author>
    <author>tc={19786F14-A748-4810-848F-9A0E75A1EF94}</author>
    <author>tc={815D09AF-A0B1-494B-9BAF-05166CEE533A}</author>
    <author>tc={346ECD56-D92A-4BFE-A916-F9C517F3DDA7}</author>
    <author>tc={6ED3157A-D2C3-4C9C-96B3-9FDF53C6FCB6}</author>
    <author>tc={EAE3F6ED-CCD0-45EA-B043-062FE15968B1}</author>
    <author>tc={987D80D4-08F8-4D92-A965-9AD04AE0DBD1}</author>
    <author>tc={606E1396-1F35-46BA-BB2E-3337F87E787B}</author>
    <author>tc={33F5D42A-175D-4582-9DE6-810E2BB8A91F}</author>
    <author>tc={E6EC9788-DF42-48DC-A21B-08DC4683BFC2}</author>
    <author>tc={6F357E99-D53A-4CCB-92FC-18D1FAFA2EAE}</author>
    <author>tc={60BEDD34-5B33-4588-B8FC-2C37CC110155}</author>
    <author>tc={162B9EBA-9A3A-4B30-92D4-CCD109212268}</author>
    <author>tc={8FE0766C-9427-460A-BF59-9860D3D1A6BF}</author>
    <author>tc={4D18F31E-8E86-4C6F-908A-FB0F042AE604}</author>
    <author>tc={F91ABBFB-EB84-4766-9A54-0B2B72BA5DEF}</author>
    <author>tc={EEC0BF67-C790-46C6-B5A2-55ADC79D24AA}</author>
    <author>tc={69FD8C74-68DC-47AC-A587-1F9C45E91FDF}</author>
    <author>tc={D889C82F-AF3F-4973-B25E-802D33F25FEA}</author>
    <author>tc={1794C739-8FBE-402C-A370-419C9A76247D}</author>
    <author>tc={3447BFEC-49AC-425D-95D3-31480ECCF548}</author>
    <author>tc={A6911774-CB35-42D6-91F8-32160C6CD50C}</author>
    <author>tc={88522055-A707-4910-AF51-5D9CB1EDCC38}</author>
    <author>tc={D629821A-154A-4399-B83A-15E9A89E8EB9}</author>
    <author>tc={C3B37309-2696-4414-ADCB-8F267A147CE9}</author>
    <author>tc={4FD40842-B3B7-41AA-93ED-5FBED80827A5}</author>
    <author>tc={5EDDFF55-FDEF-476E-865A-6C3DBC6E1B9E}</author>
    <author>tc={103963C6-3D7B-47EA-9B33-9394BB88AF3A}</author>
    <author>tc={1F995411-FCAE-4856-BAED-E9E0B282666C}</author>
    <author>tc={8145114D-F4FA-4B7F-8A60-347FC4243677}</author>
    <author>tc={FF1A9DCA-C8D4-4AC6-8183-0C34BBB99314}</author>
    <author>tc={030387E1-AEA6-408E-B7AE-B4D0FCB677BF}</author>
    <author>tc={850C8CB9-45BA-4BF2-907E-305098A47380}</author>
    <author>tc={3CA5E352-80DF-4E3A-AC7D-60663C0EFDB5}</author>
    <author>tc={FD062690-CB8C-44C4-A391-E0D8E4C1A6C7}</author>
    <author>tc={84F43FF9-6AC3-4231-B463-26BDA55DEE25}</author>
    <author>tc={EB8AE2E7-5368-4E1E-ACE4-E8E7F3C8EC5E}</author>
    <author>tc={07B628AD-D689-45C2-AEB2-354A7958D7A4}</author>
    <author>tc={0C44F108-4D02-43C2-8CE2-5EE2531B4DAA}</author>
    <author>tc={6DA72E22-3ABC-45E7-B823-C2D2BBFBF9B8}</author>
    <author>tc={4A418BAD-0ED4-4B87-9E7B-7EF1DCB6B888}</author>
    <author>tc={69101740-283C-4E6B-9061-D30FA05CD275}</author>
    <author>tc={14EBDF3C-AED4-482B-8199-77F03FF77478}</author>
    <author>tc={084751A5-8C69-45BE-9AF8-6727662C2327}</author>
    <author>tc={7B2B10BC-A137-43B2-9FF3-13FEBD021322}</author>
    <author>tc={AC578D90-C5AC-4CD4-9904-98BE132A0B22}</author>
    <author>tc={9CF900F7-137E-4A94-859D-72898E5058D5}</author>
    <author>tc={2F04BE62-D349-479B-8251-6A37CC56959E}</author>
    <author>tc={575C9D9C-7C9D-4770-AA75-45901CA69D89}</author>
    <author>tc={80337D4E-1202-42C7-B259-62270BD419CB}</author>
    <author>tc={D5FBBE68-513D-40D6-9C61-448513AB02AC}</author>
    <author>tc={124072DE-6DE6-4317-9236-0DE9939318AE}</author>
    <author>tc={510FD902-1220-4198-9D65-C6768406A864}</author>
    <author>tc={A68AD303-6288-44C0-BA01-82C983AC55AD}</author>
    <author>tc={7F21FB4F-57FD-499B-A8CE-F7778810FE41}</author>
    <author>tc={9E467F1F-26DD-4DC2-A2B8-A1AA69188878}</author>
    <author>tc={69721891-9827-443F-A8C0-DD9A7A04F9E6}</author>
  </authors>
  <commentList>
    <comment ref="AS4" authorId="0" shapeId="0" xr:uid="{5E1F1634-4316-484D-AFE2-503C11954559}">
      <text>
        <t xml:space="preserve">[Threaded comment]
Your version of Excel allows you to read this threaded comment; however, any edits to it will get removed if the file is opened in a newer version of Excel. Learn more: https://go.microsoft.com/fwlink/?linkid=870924
Comment:
    Could argue for earlier delivery if desired service frequency can be delivered earlier. </t>
      </text>
    </comment>
    <comment ref="V5" authorId="1" shapeId="0" xr:uid="{10C4EDEA-4E89-4D47-9212-47169B7F1737}">
      <text>
        <t>[Threaded comment]
Your version of Excel allows you to read this threaded comment; however, any edits to it will get removed if the file is opened in a newer version of Excel. Learn more: https://go.microsoft.com/fwlink/?linkid=870924
Comment:
    Meeting 040425 - agreement that a third intervention is needed to consider highway-land related access requirements for the station, including buses (there is an existing bus layby). Will have some bearing on HERT. Could be delivered separate to forecourt improvements and station enhancements (LS-30 and LS-31)</t>
      </text>
    </comment>
    <comment ref="H6" authorId="2" shapeId="0" xr:uid="{B4967BA1-77E5-4263-B5CF-3A759A97F9FB}">
      <text>
        <t>[Threaded comment]
Your version of Excel allows you to read this threaded comment; however, any edits to it will get removed if the file is opened in a newer version of Excel. Learn more: https://go.microsoft.com/fwlink/?linkid=870924
Comment:
    Envisage a signalised T-junction. This will improve conditions for all modes however, including bus detection and new ped crossing over to the Nickey Line.</t>
      </text>
    </comment>
    <comment ref="V6" authorId="3" shapeId="0" xr:uid="{000C0F03-5221-4DD5-B339-9508C81D9943}">
      <text>
        <t xml:space="preserve">[Threaded comment]
Your version of Excel allows you to read this threaded comment; however, any edits to it will get removed if the file is opened in a newer version of Excel. Learn more: https://go.microsoft.com/fwlink/?linkid=870924
Comment:
    Flagged West Redbourn in SADC plan - a non-HGC site but would also benefit from improvements to junction and may even present a stronger case for necessitating improvements even without HGC sites
</t>
      </text>
    </comment>
    <comment ref="AS6" authorId="4" shapeId="0" xr:uid="{D4748ED7-C655-4CF0-A6DE-9543197B8155}">
      <text>
        <t>[Threaded comment]
Your version of Excel allows you to read this threaded comment; however, any edits to it will get removed if the file is opened in a newer version of Excel. Learn more: https://go.microsoft.com/fwlink/?linkid=870924
Comment:
    Post 2041 because additional growth around North Hemel will generate additional travel movements and necessitate (potentially) an increase in bus movements including potentially the 46 which routes in via Redbourn</t>
      </text>
    </comment>
    <comment ref="V7" authorId="5" shapeId="0" xr:uid="{9BA5C4B9-CDEF-4F12-826B-23FFB1167FCC}">
      <text>
        <t xml:space="preserve">[Threaded comment]
Your version of Excel allows you to read this threaded comment; however, any edits to it will get removed if the file is opened in a newer version of Excel. Learn more: https://go.microsoft.com/fwlink/?linkid=870924
Comment:
    Flagged West Redbourn in SADC plan - a non-HGC site but would also benefit from mobility hub on the Centrebus46 route (assuming 46 also increases in frequency). Also excluded Marchmont Farm as assumption is that 46 would not route all the way along Link Road unless route is changed.  </t>
      </text>
    </comment>
    <comment ref="AS8" authorId="6" shapeId="0" xr:uid="{65B81E48-6499-4FF3-B1DE-26D200223F3F}">
      <text>
        <t xml:space="preserve">[Threaded comment]
Your version of Excel allows you to read this threaded comment; however, any edits to it will get removed if the file is opened in a newer version of Excel. Learn more: https://go.microsoft.com/fwlink/?linkid=870924
Comment:
    Even if STC is in place earlier, may be a struggle for a new orbital route to be commercially viable until more development has come forward after 2036. </t>
      </text>
    </comment>
    <comment ref="J9" authorId="7" shapeId="0" xr:uid="{B452DFC7-DE6B-4CF4-9E87-A2065C558BD0}">
      <text>
        <t xml:space="preserve">[Threaded comment]
Your version of Excel allows you to read this threaded comment; however, any edits to it will get removed if the file is opened in a newer version of Excel. Learn more: https://go.microsoft.com/fwlink/?linkid=870924
Comment:
    Assume Up to 4 buses an hour between North Hemel and the Town Centre, plus extension to the station. Also assume an increase to 2 buses an hour extending on to Luton via Redbourn, Flamstead and Markyate. </t>
      </text>
    </comment>
    <comment ref="K10" authorId="8" shapeId="0" xr:uid="{E0E99545-A699-467F-AE9D-14DAC19E1263}">
      <text>
        <t>[Threaded comment]
Your version of Excel allows you to read this threaded comment; however, any edits to it will get removed if the file is opened in a newer version of Excel. Learn more: https://go.microsoft.com/fwlink/?linkid=870924
Comment:
    Assumed location of existing Blackwater Lane bus stop on A4147, served by 302 only.</t>
      </text>
    </comment>
    <comment ref="P10" authorId="9" shapeId="0" xr:uid="{EF28E915-C3C1-46EE-A1F3-23F9D54087E3}">
      <text>
        <t>[Threaded comment]
Your version of Excel allows you to read this threaded comment; however, any edits to it will get removed if the file is opened in a newer version of Excel. Learn more: https://go.microsoft.com/fwlink/?linkid=870924
Comment:
    Uncertain if 721 will continue once HERT is introduced. Assume it will, but subject to review when more is known about HERT</t>
      </text>
    </comment>
    <comment ref="AS10" authorId="10" shapeId="0" xr:uid="{1D3500A9-DBF6-4C9C-832A-EE34CC3BEA49}">
      <text>
        <t>[Threaded comment]
Your version of Excel allows you to read this threaded comment; however, any edits to it will get removed if the file is opened in a newer version of Excel. Learn more: https://go.microsoft.com/fwlink/?linkid=870924
Comment:
    A new stop may be required regardless. Could also consider re-routeing 721 through SE E Hemel. HERT may have an influence on what happens to this service</t>
      </text>
    </comment>
    <comment ref="AT10" authorId="11" shapeId="0" xr:uid="{7C0073FC-8D27-4CE0-ADA0-246219492828}">
      <text>
        <t>[Threaded comment]
Your version of Excel allows you to read this threaded comment; however, any edits to it will get removed if the file is opened in a newer version of Excel. Learn more: https://go.microsoft.com/fwlink/?linkid=870924
Comment:
    Stop is located in Dacorum, service is cross-boundary</t>
      </text>
    </comment>
    <comment ref="AS11" authorId="12" shapeId="0" xr:uid="{0733CB48-8DBB-4268-B90E-8CBD56235AD5}">
      <text>
        <t>[Threaded comment]
Your version of Excel allows you to read this threaded comment; however, any edits to it will get removed if the file is opened in a newer version of Excel. Learn more: https://go.microsoft.com/fwlink/?linkid=870924
Comment:
    Linked to timing of EXT-13 orbital route</t>
      </text>
    </comment>
    <comment ref="K12" authorId="13" shapeId="0" xr:uid="{E314FB7A-FE67-486D-B7F1-11CA9A40342E}">
      <text>
        <t>[Threaded comment]
Your version of Excel allows you to read this threaded comment; however, any edits to it will get removed if the file is opened in a newer version of Excel. Learn more: https://go.microsoft.com/fwlink/?linkid=870924
Comment:
    Location of crossing</t>
      </text>
    </comment>
    <comment ref="J13" authorId="14" shapeId="0" xr:uid="{B00AECBD-4051-45F1-AD1D-01E4C3245990}">
      <text>
        <t xml:space="preserve">[Threaded comment]
Your version of Excel allows you to read this threaded comment; however, any edits to it will get removed if the file is opened in a newer version of Excel. Learn more: https://go.microsoft.com/fwlink/?linkid=870924
Comment:
    Is a scheme already proposed here? Noted from the modelling results there is a predicted big reduction in delays - is this attributed to a junction improvement? Otherwise seems counterintuitive. </t>
      </text>
    </comment>
    <comment ref="V13" authorId="15" shapeId="0" xr:uid="{0F1C0B34-A3DC-468C-BE27-FE758608D356}">
      <text>
        <t xml:space="preserve">[Threaded comment]
Your version of Excel allows you to read this threaded comment; however, any edits to it will get removed if the file is opened in a newer version of Excel. Learn more: https://go.microsoft.com/fwlink/?linkid=870924
Comment:
    Flagged West Redbourn in SADC plan - a non-HGC site but would also benefit from mobility hub on the Centrebus46 route (assuming 46 also increases in frequency) </t>
      </text>
    </comment>
    <comment ref="AS14" authorId="16" shapeId="0" xr:uid="{19786F14-A748-4810-848F-9A0E75A1EF94}">
      <text>
        <t xml:space="preserve">[Threaded comment]
Your version of Excel allows you to read this threaded comment; however, any edits to it will get removed if the file is opened in a newer version of Excel. Learn more: https://go.microsoft.com/fwlink/?linkid=870924
Comment:
    Deliberately separated this out from bus lane on Leighton Buzzard Road as it could have different deliverability risks. Could argue for earlier delivery if desired service frequency can be delivered earlier. 
</t>
      </text>
    </comment>
    <comment ref="J15" authorId="17" shapeId="0" xr:uid="{815D09AF-A0B1-494B-9BAF-05166CEE533A}">
      <text>
        <t>[Threaded comment]
Your version of Excel allows you to read this threaded comment; however, any edits to it will get removed if the file is opened in a newer version of Excel. Learn more: https://go.microsoft.com/fwlink/?linkid=870924
Comment:
    Queues are northbound. Can’t cover full stretch because of various accesses at northern end. Assume widening of road on eastern side - shifting the carriageway median over to accommodate a bus lane on the western side. Bus gate could be tied into crossing for Nickey Line</t>
      </text>
    </comment>
    <comment ref="V18" authorId="18" shapeId="0" xr:uid="{346ECD56-D92A-4BFE-A916-F9C517F3DDA7}">
      <text>
        <t>[Threaded comment]
Your version of Excel allows you to read this threaded comment; however, any edits to it will get removed if the file is opened in a newer version of Excel. Learn more: https://go.microsoft.com/fwlink/?linkid=870924
Comment:
    Uncertain on timing of delivery and to what extent LP developments are expected to fund it</t>
      </text>
    </comment>
    <comment ref="V19" authorId="19" shapeId="0" xr:uid="{6ED3157A-D2C3-4C9C-96B3-9FDF53C6FCB6}">
      <text>
        <t xml:space="preserve">[Threaded comment]
Your version of Excel allows you to read this threaded comment; however, any edits to it will get removed if the file is opened in a newer version of Excel. Learn more: https://go.microsoft.com/fwlink/?linkid=870924
Comment:
    Uncertain on timing of delivery and to what extent LP developments are expected to fund it
</t>
      </text>
    </comment>
    <comment ref="J20" authorId="20" shapeId="0" xr:uid="{EAE3F6ED-CCD0-45EA-B043-062FE15968B1}">
      <text>
        <t>[Threaded comment]
Your version of Excel allows you to read this threaded comment; however, any edits to it will get removed if the file is opened in a newer version of Excel. Learn more: https://go.microsoft.com/fwlink/?linkid=870924
Comment:
    Updated to reflect HCC’s latest thinking - 090425</t>
      </text>
    </comment>
    <comment ref="V20" authorId="21" shapeId="0" xr:uid="{987D80D4-08F8-4D92-A965-9AD04AE0DBD1}">
      <text>
        <t xml:space="preserve">[Threaded comment]
Your version of Excel allows you to read this threaded comment; however, any edits to it will get removed if the file is opened in a newer version of Excel. Learn more: https://go.microsoft.com/fwlink/?linkid=870924
Comment:
    Uncertain on timing of delivery and to what extent LP developments are expected to fund it
</t>
      </text>
    </comment>
    <comment ref="V23" authorId="22" shapeId="0" xr:uid="{606E1396-1F35-46BA-BB2E-3337F87E787B}">
      <text>
        <t>[Threaded comment]
Your version of Excel allows you to read this threaded comment; however, any edits to it will get removed if the file is opened in a newer version of Excel. Learn more: https://go.microsoft.com/fwlink/?linkid=870924
Comment:
    Can this also be attributed to other sites?</t>
      </text>
    </comment>
    <comment ref="V24" authorId="23" shapeId="0" xr:uid="{33F5D42A-175D-4582-9DE6-810E2BB8A91F}">
      <text>
        <t>[Threaded comment]
Your version of Excel allows you to read this threaded comment; however, any edits to it will get removed if the file is opened in a newer version of Excel. Learn more: https://go.microsoft.com/fwlink/?linkid=870924
Comment:
    Removed Grovehill Local Centre site - was inputted in error</t>
      </text>
    </comment>
    <comment ref="V25" authorId="24" shapeId="0" xr:uid="{E6EC9788-DF42-48DC-A21B-08DC4683BFC2}">
      <text>
        <t>[Threaded comment]
Your version of Excel allows you to read this threaded comment; however, any edits to it will get removed if the file is opened in a newer version of Excel. Learn more: https://go.microsoft.com/fwlink/?linkid=870924
Comment:
    Can’t attribute to West Hemel as it has permission - can it be linked to other sites?</t>
      </text>
    </comment>
    <comment ref="V33" authorId="25" shapeId="0" xr:uid="{6F357E99-D53A-4CCB-92FC-18D1FAFA2EAE}">
      <text>
        <t>[Threaded comment]
Your version of Excel allows you to read this threaded comment; however, any edits to it will get removed if the file is opened in a newer version of Excel. Learn more: https://go.microsoft.com/fwlink/?linkid=870924
Comment:
    Can’t be linked to Marchmont Farm so no change</t>
      </text>
    </comment>
    <comment ref="V34" authorId="26" shapeId="0" xr:uid="{60BEDD34-5B33-4588-B8FC-2C37CC110155}">
      <text>
        <t>[Threaded comment]
Your version of Excel allows you to read this threaded comment; however, any edits to it will get removed if the file is opened in a newer version of Excel. Learn more: https://go.microsoft.com/fwlink/?linkid=870924
Comment:
    Also now linked to Marchmont Farm given it will be close by</t>
      </text>
    </comment>
    <comment ref="V35" authorId="27" shapeId="0" xr:uid="{162B9EBA-9A3A-4B30-92D4-CCD109212268}">
      <text>
        <t>[Threaded comment]
Your version of Excel allows you to read this threaded comment; however, any edits to it will get removed if the file is opened in a newer version of Excel. Learn more: https://go.microsoft.com/fwlink/?linkid=870924
Comment:
    Can’t be linked to Marchmont Farm so no change</t>
      </text>
    </comment>
    <comment ref="V41" authorId="28" shapeId="0" xr:uid="{8FE0766C-9427-460A-BF59-9860D3D1A6BF}">
      <text>
        <t>[Threaded comment]
Your version of Excel allows you to read this threaded comment; however, any edits to it will get removed if the file is opened in a newer version of Excel. Learn more: https://go.microsoft.com/fwlink/?linkid=870924
Comment:
    Also added Marchmont Farm</t>
      </text>
    </comment>
    <comment ref="V42" authorId="29" shapeId="0" xr:uid="{4D18F31E-8E86-4C6F-908A-FB0F042AE604}">
      <text>
        <t>[Threaded comment]
Your version of Excel allows you to read this threaded comment; however, any edits to it will get removed if the file is opened in a newer version of Excel. Learn more: https://go.microsoft.com/fwlink/?linkid=870924
Comment:
    Discussed at meeting on 040425. Acknowledged that all LP sites would benefit from this intervention.</t>
      </text>
    </comment>
    <comment ref="V43" authorId="30" shapeId="0" xr:uid="{F91ABBFB-EB84-4766-9A54-0B2B72BA5DEF}">
      <text>
        <t>[Threaded comment]
Your version of Excel allows you to read this threaded comment; however, any edits to it will get removed if the file is opened in a newer version of Excel. Learn more: https://go.microsoft.com/fwlink/?linkid=870924
Comment:
    Discussed at meeting on 040425. Acknowledged that all LP sites would benefit from this intervention.</t>
      </text>
    </comment>
    <comment ref="V46" authorId="31" shapeId="0" xr:uid="{EEC0BF67-C790-46C6-B5A2-55ADC79D24AA}">
      <text>
        <t>[Threaded comment]
Your version of Excel allows you to read this threaded comment; however, any edits to it will get removed if the file is opened in a newer version of Excel. Learn more: https://go.microsoft.com/fwlink/?linkid=870924
Comment:
    HCC has queried if this can this be linked to other sites? Potentially Green Lane site but no others surely as it is specifically linking one part of East Hemel to another. Have clarified that this is M1 J8 Phase 2 scheme in case there was confusion</t>
      </text>
    </comment>
    <comment ref="V51" authorId="32" shapeId="0" xr:uid="{69FD8C74-68DC-47AC-A587-1F9C45E91FDF}">
      <text>
        <t>[Threaded comment]
Your version of Excel allows you to read this threaded comment; however, any edits to it will get removed if the file is opened in a newer version of Excel. Learn more: https://go.microsoft.com/fwlink/?linkid=870924
Comment:
    Some distance from Marchmont Farm but accessible from northern parts of East Hemel so added this site</t>
      </text>
    </comment>
    <comment ref="V68" authorId="33" shapeId="0" xr:uid="{D889C82F-AF3F-4973-B25E-802D33F25FEA}">
      <text>
        <t>[Threaded comment]
Your version of Excel allows you to read this threaded comment; however, any edits to it will get removed if the file is opened in a newer version of Excel. Learn more: https://go.microsoft.com/fwlink/?linkid=870924
Comment:
    Retain Symbio Site as it is close by but remove National Grid site</t>
      </text>
    </comment>
    <comment ref="V75" authorId="34" shapeId="0" xr:uid="{1794C739-8FBE-402C-A370-419C9A76247D}">
      <text>
        <t>[Threaded comment]
Your version of Excel allows you to read this threaded comment; however, any edits to it will get removed if the file is opened in a newer version of Excel. Learn more: https://go.microsoft.com/fwlink/?linkid=870924
Comment:
    Look at cumulative impact from multiple sites on this location from COMET evidence</t>
      </text>
    </comment>
    <comment ref="I76" authorId="35" shapeId="0" xr:uid="{3447BFEC-49AC-425D-95D3-31480ECCF548}">
      <text>
        <t>[Threaded comment]
Your version of Excel allows you to read this threaded comment; however, any edits to it will get removed if the file is opened in a newer version of Excel. Learn more: https://go.microsoft.com/fwlink/?linkid=870924
Comment:
    Removed and replaced by EXT-14</t>
      </text>
    </comment>
    <comment ref="V80" authorId="36" shapeId="0" xr:uid="{A6911774-CB35-42D6-91F8-32160C6CD50C}">
      <text>
        <t>[Threaded comment]
Your version of Excel allows you to read this threaded comment; however, any edits to it will get removed if the file is opened in a newer version of Excel. Learn more: https://go.microsoft.com/fwlink/?linkid=870924
Comment:
    Previously attributed to West Hemel but this site already has planning permission. Could also be attributed to Polehanger Lane but uncertain this development would benefit from the mobility hub</t>
      </text>
    </comment>
    <comment ref="J82" authorId="37" shapeId="0" xr:uid="{88522055-A707-4910-AF51-5D9CB1EDCC38}">
      <text>
        <t xml:space="preserve">[Threaded comment]
Your version of Excel allows you to read this threaded comment; however, any edits to it will get removed if the file is opened in a newer version of Excel. Learn more: https://go.microsoft.com/fwlink/?linkid=870924
Comment:
    New to reconfirm feasibility - no space for widening. Needs to fit wider strategy for the A414 as part of the HERT scheme
</t>
      </text>
    </comment>
    <comment ref="J84" authorId="38" shapeId="0" xr:uid="{D629821A-154A-4399-B83A-15E9A89E8EB9}">
      <text>
        <t xml:space="preserve">[Threaded comment]
Your version of Excel allows you to read this threaded comment; however, any edits to it will get removed if the file is opened in a newer version of Excel. Learn more: https://go.microsoft.com/fwlink/?linkid=870924
Comment:
    To review in relation to HERT end-state
</t>
      </text>
    </comment>
    <comment ref="AS84" authorId="39" shapeId="0" xr:uid="{C3B37309-2696-4414-ADCB-8F267A147CE9}">
      <text>
        <t xml:space="preserve">[Threaded comment]
Your version of Excel allows you to read this threaded comment; however, any edits to it will get removed if the file is opened in a newer version of Excel. Learn more: https://go.microsoft.com/fwlink/?linkid=870924
Comment:
    Timeframe for delivery would assume an increase in services along this stretch of A414 ahead of HERT. Could slip to 2036/37-2040/41 however. </t>
      </text>
    </comment>
    <comment ref="V86" authorId="40" shapeId="0" xr:uid="{4FD40842-B3B7-41AA-93ED-5FBED80827A5}">
      <text>
        <t xml:space="preserve">[Threaded comment]
Your version of Excel allows you to read this threaded comment; however, any edits to it will get removed if the file is opened in a newer version of Excel. Learn more: https://go.microsoft.com/fwlink/?linkid=870924
Comment:
    Previously flagged as All LP Sites, however the access would only be required because of the Shendish Manor and Fairfields site. </t>
      </text>
    </comment>
    <comment ref="J87" authorId="41" shapeId="0" xr:uid="{5EDDFF55-FDEF-476E-865A-6C3DBC6E1B9E}">
      <text>
        <t>[Threaded comment]
Your version of Excel allows you to read this threaded comment; however, any edits to it will get removed if the file is opened in a newer version of Excel. Learn more: https://go.microsoft.com/fwlink/?linkid=870924
Comment:
    Amended the description to remove reference to the need for maintenance of the current curved bridge by the marina, and a more general proposal for bridge upgrades. I suggest the cost remains high as this could encompass improvements to existing bridges and/or a new bridge in the Apsley area
Reply:
    Updated in IDP</t>
      </text>
    </comment>
    <comment ref="V90" authorId="42" shapeId="0" xr:uid="{103963C6-3D7B-47EA-9B33-9394BB88AF3A}">
      <text>
        <t>[Threaded comment]
Your version of Excel allows you to read this threaded comment; however, any edits to it will get removed if the file is opened in a newer version of Excel. Learn more: https://go.microsoft.com/fwlink/?linkid=870924
Comment:
    Also added Green Lane</t>
      </text>
    </comment>
    <comment ref="V103" authorId="43" shapeId="0" xr:uid="{1F995411-FCAE-4856-BAED-E9E0B282666C}">
      <text>
        <t>[Threaded comment]
Your version of Excel allows you to read this threaded comment; however, any edits to it will get removed if the file is opened in a newer version of Excel. Learn more: https://go.microsoft.com/fwlink/?linkid=870924
Comment:
    As discussed with HGC 040425</t>
      </text>
    </comment>
    <comment ref="V113" authorId="44" shapeId="0" xr:uid="{8145114D-F4FA-4B7F-8A60-347FC4243677}">
      <text>
        <t>[Threaded comment]
Your version of Excel allows you to read this threaded comment; however, any edits to it will get removed if the file is opened in a newer version of Excel. Learn more: https://go.microsoft.com/fwlink/?linkid=870924
Comment:
    Also added Marchmont Farm and Grovehill Local Centre</t>
      </text>
    </comment>
    <comment ref="V114" authorId="45" shapeId="0" xr:uid="{FF1A9DCA-C8D4-4AC6-8183-0C34BBB99314}">
      <text>
        <t>[Threaded comment]
Your version of Excel allows you to read this threaded comment; however, any edits to it will get removed if the file is opened in a newer version of Excel. Learn more: https://go.microsoft.com/fwlink/?linkid=870924
Comment:
    Also added Marchmont Farm and Grovehill Local Centre</t>
      </text>
    </comment>
    <comment ref="V115" authorId="46" shapeId="0" xr:uid="{030387E1-AEA6-408E-B7AE-B4D0FCB677BF}">
      <text>
        <t>[Threaded comment]
Your version of Excel allows you to read this threaded comment; however, any edits to it will get removed if the file is opened in a newer version of Excel. Learn more: https://go.microsoft.com/fwlink/?linkid=870924
Comment:
    Also added Marchmont Farm and Grovehill Local Centre</t>
      </text>
    </comment>
    <comment ref="V116" authorId="47" shapeId="0" xr:uid="{850C8CB9-45BA-4BF2-907E-305098A47380}">
      <text>
        <t>[Threaded comment]
Your version of Excel allows you to read this threaded comment; however, any edits to it will get removed if the file is opened in a newer version of Excel. Learn more: https://go.microsoft.com/fwlink/?linkid=870924
Comment:
    Also added Marchmont Farm and Grovehill Local Centre</t>
      </text>
    </comment>
    <comment ref="V117" authorId="48" shapeId="0" xr:uid="{3CA5E352-80DF-4E3A-AC7D-60663C0EFDB5}">
      <text>
        <t>[Threaded comment]
Your version of Excel allows you to read this threaded comment; however, any edits to it will get removed if the file is opened in a newer version of Excel. Learn more: https://go.microsoft.com/fwlink/?linkid=870924
Comment:
    Also added Marchmont Farm and Grovehill Local Centre</t>
      </text>
    </comment>
    <comment ref="V162" authorId="49" shapeId="0" xr:uid="{FD062690-CB8C-44C4-A391-E0D8E4C1A6C7}">
      <text>
        <t>[Threaded comment]
Your version of Excel allows you to read this threaded comment; however, any edits to it will get removed if the file is opened in a newer version of Excel. Learn more: https://go.microsoft.com/fwlink/?linkid=870924
Comment:
    As discussed with HGC 040425</t>
      </text>
    </comment>
    <comment ref="V163" authorId="50" shapeId="0" xr:uid="{84F43FF9-6AC3-4231-B463-26BDA55DEE25}">
      <text>
        <t>[Threaded comment]
Your version of Excel allows you to read this threaded comment; however, any edits to it will get removed if the file is opened in a newer version of Excel. Learn more: https://go.microsoft.com/fwlink/?linkid=870924
Comment:
    As discussed with HGC 040425</t>
      </text>
    </comment>
    <comment ref="V165" authorId="51" shapeId="0" xr:uid="{EB8AE2E7-5368-4E1E-ACE4-E8E7F3C8EC5E}">
      <text>
        <t>[Threaded comment]
Your version of Excel allows you to read this threaded comment; however, any edits to it will get removed if the file is opened in a newer version of Excel. Learn more: https://go.microsoft.com/fwlink/?linkid=870924
Comment:
    As discussed with HGC 040425</t>
      </text>
    </comment>
    <comment ref="V173" authorId="52" shapeId="0" xr:uid="{07B628AD-D689-45C2-AEB2-354A7958D7A4}">
      <text>
        <t>[Threaded comment]
Your version of Excel allows you to read this threaded comment; however, any edits to it will get removed if the file is opened in a newer version of Excel. Learn more: https://go.microsoft.com/fwlink/?linkid=870924
Comment:
    As discussed with HGC 040425</t>
      </text>
    </comment>
    <comment ref="V180" authorId="53" shapeId="0" xr:uid="{0C44F108-4D02-43C2-8CE2-5EE2531B4DAA}">
      <text>
        <t>[Threaded comment]
Your version of Excel allows you to read this threaded comment; however, any edits to it will get removed if the file is opened in a newer version of Excel. Learn more: https://go.microsoft.com/fwlink/?linkid=870924
Comment:
    Added Plots ⅔ Kier Park, Maylands Ave; Grovehill Local Centre; Marchmont Farm; North Hemel Hempstead</t>
      </text>
    </comment>
    <comment ref="V181" authorId="54" shapeId="0" xr:uid="{6DA72E22-3ABC-45E7-B823-C2D2BBFBF9B8}">
      <text>
        <t>[Threaded comment]
Your version of Excel allows you to read this threaded comment; however, any edits to it will get removed if the file is opened in a newer version of Excel. Learn more: https://go.microsoft.com/fwlink/?linkid=870924
Comment:
    Added Plots ⅔ Kier Park, Maylands Ave; Grovehill Local Centre; Marchmont Farm; North Hemel Hempstead</t>
      </text>
    </comment>
    <comment ref="V182" authorId="55" shapeId="0" xr:uid="{4A418BAD-0ED4-4B87-9E7B-7EF1DCB6B888}">
      <text>
        <t>[Threaded comment]
Your version of Excel allows you to read this threaded comment; however, any edits to it will get removed if the file is opened in a newer version of Excel. Learn more: https://go.microsoft.com/fwlink/?linkid=870924
Comment:
    Added Plots ⅔ Kier Park, Maylands Ave; Grovehill Local Centre; Marchmont Farm; North Hemel Hempstead</t>
      </text>
    </comment>
    <comment ref="V183" authorId="56" shapeId="0" xr:uid="{69101740-283C-4E6B-9061-D30FA05CD275}">
      <text>
        <t>[Threaded comment]
Your version of Excel allows you to read this threaded comment; however, any edits to it will get removed if the file is opened in a newer version of Excel. Learn more: https://go.microsoft.com/fwlink/?linkid=870924
Comment:
    Added Plots ⅔ Kier Park, Maylands Ave; Grovehill Local Centre; Marchmont Farm; North Hemel Hempstead</t>
      </text>
    </comment>
    <comment ref="V184" authorId="57" shapeId="0" xr:uid="{14EBDF3C-AED4-482B-8199-77F03FF77478}">
      <text>
        <t>[Threaded comment]
Your version of Excel allows you to read this threaded comment; however, any edits to it will get removed if the file is opened in a newer version of Excel. Learn more: https://go.microsoft.com/fwlink/?linkid=870924
Comment:
    Added Plots ⅔ Kier Park, Maylands Ave; Grovehill Local Centre; Marchmont Farm; North Hemel Hempstead</t>
      </text>
    </comment>
    <comment ref="V185" authorId="58" shapeId="0" xr:uid="{084751A5-8C69-45BE-9AF8-6727662C2327}">
      <text>
        <t>[Threaded comment]
Your version of Excel allows you to read this threaded comment; however, any edits to it will get removed if the file is opened in a newer version of Excel. Learn more: https://go.microsoft.com/fwlink/?linkid=870924
Comment:
    Added Plots ⅔ Kier Park, Maylands Ave; Grovehill Local Centre; Marchmont Farm; North Hemel Hempstead</t>
      </text>
    </comment>
    <comment ref="V187" authorId="59" shapeId="0" xr:uid="{7B2B10BC-A137-43B2-9FF3-13FEBD021322}">
      <text>
        <t>[Threaded comment]
Your version of Excel allows you to read this threaded comment; however, any edits to it will get removed if the file is opened in a newer version of Excel. Learn more: https://go.microsoft.com/fwlink/?linkid=870924
Comment:
    Also added Marchmont Farm; Grovehill Local Centre; Grovehill Local Centre</t>
      </text>
    </comment>
    <comment ref="V188" authorId="60" shapeId="0" xr:uid="{AC578D90-C5AC-4CD4-9904-98BE132A0B22}">
      <text>
        <t>[Threaded comment]
Your version of Excel allows you to read this threaded comment; however, any edits to it will get removed if the file is opened in a newer version of Excel. Learn more: https://go.microsoft.com/fwlink/?linkid=870924
Comment:
    Also added Marchmont Farm; Grovehill Local Centre</t>
      </text>
    </comment>
    <comment ref="V189" authorId="61" shapeId="0" xr:uid="{9CF900F7-137E-4A94-859D-72898E5058D5}">
      <text>
        <t>[Threaded comment]
Your version of Excel allows you to read this threaded comment; however, any edits to it will get removed if the file is opened in a newer version of Excel. Learn more: https://go.microsoft.com/fwlink/?linkid=870924
Comment:
    Also added Marchmont Farm</t>
      </text>
    </comment>
    <comment ref="V190" authorId="62" shapeId="0" xr:uid="{2F04BE62-D349-479B-8251-6A37CC56959E}">
      <text>
        <t>[Threaded comment]
Your version of Excel allows you to read this threaded comment; however, any edits to it will get removed if the file is opened in a newer version of Excel. Learn more: https://go.microsoft.com/fwlink/?linkid=870924
Comment:
    Also added Marchmont Farm</t>
      </text>
    </comment>
    <comment ref="V191" authorId="63" shapeId="0" xr:uid="{575C9D9C-7C9D-4770-AA75-45901CA69D89}">
      <text>
        <t>[Threaded comment]
Your version of Excel allows you to read this threaded comment; however, any edits to it will get removed if the file is opened in a newer version of Excel. Learn more: https://go.microsoft.com/fwlink/?linkid=870924
Comment:
    Also added Marchmont Farm</t>
      </text>
    </comment>
    <comment ref="V192" authorId="64" shapeId="0" xr:uid="{80337D4E-1202-42C7-B259-62270BD419CB}">
      <text>
        <t>[Threaded comment]
Your version of Excel allows you to read this threaded comment; however, any edits to it will get removed if the file is opened in a newer version of Excel. Learn more: https://go.microsoft.com/fwlink/?linkid=870924
Comment:
    Also added Marchmont Farm</t>
      </text>
    </comment>
    <comment ref="V210" authorId="65" shapeId="0" xr:uid="{D5FBBE68-513D-40D6-9C61-448513AB02AC}">
      <text>
        <t>[Threaded comment]
Your version of Excel allows you to read this threaded comment; however, any edits to it will get removed if the file is opened in a newer version of Excel. Learn more: https://go.microsoft.com/fwlink/?linkid=870924
Comment:
    No change</t>
      </text>
    </comment>
    <comment ref="V211" authorId="66" shapeId="0" xr:uid="{124072DE-6DE6-4317-9236-0DE9939318AE}">
      <text>
        <t>[Threaded comment]
Your version of Excel allows you to read this threaded comment; however, any edits to it will get removed if the file is opened in a newer version of Excel. Learn more: https://go.microsoft.com/fwlink/?linkid=870924
Comment:
    No change</t>
      </text>
    </comment>
    <comment ref="V212" authorId="67" shapeId="0" xr:uid="{510FD902-1220-4198-9D65-C6768406A864}">
      <text>
        <t>[Threaded comment]
Your version of Excel allows you to read this threaded comment; however, any edits to it will get removed if the file is opened in a newer version of Excel. Learn more: https://go.microsoft.com/fwlink/?linkid=870924
Comment:
    Remove National Grid and Symbio sites</t>
      </text>
    </comment>
    <comment ref="V213" authorId="68" shapeId="0" xr:uid="{A68AD303-6288-44C0-BA01-82C983AC55AD}">
      <text>
        <t>[Threaded comment]
Your version of Excel allows you to read this threaded comment; however, any edits to it will get removed if the file is opened in a newer version of Excel. Learn more: https://go.microsoft.com/fwlink/?linkid=870924
Comment:
    Remove National Grid and Symbio sites. Add Shendish Manor</t>
      </text>
    </comment>
    <comment ref="V214" authorId="69" shapeId="0" xr:uid="{7F21FB4F-57FD-499B-A8CE-F7778810FE41}">
      <text>
        <t>[Threaded comment]
Your version of Excel allows you to read this threaded comment; however, any edits to it will get removed if the file is opened in a newer version of Excel. Learn more: https://go.microsoft.com/fwlink/?linkid=870924
Comment:
    Remove National Grid and Symbio sites. Add Shendish Manor</t>
      </text>
    </comment>
    <comment ref="V233" authorId="70" shapeId="0" xr:uid="{9E467F1F-26DD-4DC2-A2B8-A1AA69188878}">
      <text>
        <t>[Threaded comment]
Your version of Excel allows you to read this threaded comment; however, any edits to it will get removed if the file is opened in a newer version of Excel. Learn more: https://go.microsoft.com/fwlink/?linkid=870924
Comment:
    Discussed with HGC 040425</t>
      </text>
    </comment>
    <comment ref="V234" authorId="71" shapeId="0" xr:uid="{69721891-9827-443F-A8C0-DD9A7A04F9E6}">
      <text>
        <t>[Threaded comment]
Your version of Excel allows you to read this threaded comment; however, any edits to it will get removed if the file is opened in a newer version of Excel. Learn more: https://go.microsoft.com/fwlink/?linkid=870924
Comment:
    Discussed with HGC 040425</t>
      </text>
    </comment>
  </commentList>
</comments>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90422" uniqueCount="4871">
  <si>
    <t>Ref</t>
  </si>
  <si>
    <t>District</t>
  </si>
  <si>
    <t>Topic</t>
  </si>
  <si>
    <t>Sub Topic</t>
  </si>
  <si>
    <t>Project Name</t>
  </si>
  <si>
    <t>Project Description</t>
  </si>
  <si>
    <t>Location / Settlement / Corridor</t>
  </si>
  <si>
    <t>Major Site (if relevant)</t>
  </si>
  <si>
    <t>On-site / Off-site</t>
  </si>
  <si>
    <t>Infrastructure Provider</t>
  </si>
  <si>
    <t>Delivery Period</t>
  </si>
  <si>
    <t>Low</t>
  </si>
  <si>
    <t>High</t>
  </si>
  <si>
    <t xml:space="preserve">Estimated Cost₁ </t>
  </si>
  <si>
    <t xml:space="preserve">Cost to be apportioned₂ </t>
  </si>
  <si>
    <t>Funding Source</t>
  </si>
  <si>
    <t>Priority</t>
  </si>
  <si>
    <t>North Hemel
(3,500 units post 2041)</t>
  </si>
  <si>
    <t>Civic Zone, Marlowes</t>
  </si>
  <si>
    <t>Hemel Hospital/Market Square</t>
  </si>
  <si>
    <t>Paradise</t>
  </si>
  <si>
    <t>Riverside</t>
  </si>
  <si>
    <t>National Grid and 339-353 London Road</t>
  </si>
  <si>
    <t>Symbio Site, Whiteleaf Road</t>
  </si>
  <si>
    <t>Hemel Hempstead Station Gateway</t>
  </si>
  <si>
    <t>Apsley Mills Retail Park</t>
  </si>
  <si>
    <t>Shendish Manor and Fairfields</t>
  </si>
  <si>
    <t>Polehanger Lane</t>
  </si>
  <si>
    <t>Grovehill Local Centre (Henry Wells Square)</t>
  </si>
  <si>
    <t xml:space="preserve">Plots 2/3 Kier Park, Marylands Avenue </t>
  </si>
  <si>
    <t xml:space="preserve">Marchmont Farm </t>
  </si>
  <si>
    <t>Old Town</t>
  </si>
  <si>
    <t>Site to the south of Green Lane</t>
  </si>
  <si>
    <t>Hemel Hempstead Windfall</t>
  </si>
  <si>
    <t>South of Berkhamsted</t>
  </si>
  <si>
    <t>Haslam Playing Fields</t>
  </si>
  <si>
    <t xml:space="preserve">British Film Institute </t>
  </si>
  <si>
    <t>Berkhamsted Windfall</t>
  </si>
  <si>
    <t>Dunsley Farm</t>
  </si>
  <si>
    <t>New Mill</t>
  </si>
  <si>
    <t>Land East of Tring</t>
  </si>
  <si>
    <t>Tring Windfall</t>
  </si>
  <si>
    <t>Grange Farm</t>
  </si>
  <si>
    <t>Bovingdon Windfall</t>
  </si>
  <si>
    <t>Kings Langley Windfall</t>
  </si>
  <si>
    <t>South of London Road</t>
  </si>
  <si>
    <t>Markyate Windfall</t>
  </si>
  <si>
    <t>Rest of Borough Windfall</t>
  </si>
  <si>
    <t>Total dwellings to contribute</t>
  </si>
  <si>
    <t>Per dwelling cost</t>
  </si>
  <si>
    <t>Cost Notes</t>
  </si>
  <si>
    <t xml:space="preserve">Project Notes </t>
  </si>
  <si>
    <t>Source</t>
  </si>
  <si>
    <t>Dacorum Borough Council</t>
  </si>
  <si>
    <t>Education</t>
  </si>
  <si>
    <t>Primary Education</t>
  </si>
  <si>
    <t>New Primary School Provision at North Hemel Hempstead</t>
  </si>
  <si>
    <t xml:space="preserve">Construction of 3 x 3FE Primary Schools including Early Years to serve the new community (one of these schools must be within the first phase) 
Land size per 2FE = 2.03ha and size per 3FE = 2.92ha (taken from the HCC DCG 2021). Each school should come forward in line with the need identified by HCC which may result in staggered delivery. </t>
  </si>
  <si>
    <t>Hemel Hempstead</t>
  </si>
  <si>
    <t>North Hemel Hempstead</t>
  </si>
  <si>
    <t>On-site</t>
  </si>
  <si>
    <t>Hertfordshire County Council</t>
  </si>
  <si>
    <t>2032-2041</t>
  </si>
  <si>
    <t>N/A</t>
  </si>
  <si>
    <t>S106</t>
  </si>
  <si>
    <t>Essential</t>
  </si>
  <si>
    <t>Yes</t>
  </si>
  <si>
    <t>1 x 3FE new build cost = £17,220,060 
3 x £17,220,060 = £51,660,180</t>
  </si>
  <si>
    <t>At least one of the primary school sites should be available ahead of time. Cost are based on = 2022 DFE Scorecard Costs - 1Q2023 BCIS and includes 10% sus uplift</t>
  </si>
  <si>
    <t>HCC response - July 2024</t>
  </si>
  <si>
    <t>Construction of a 2FE Primary Schools including Early Years to serve the new community 
Land size per 2FE = 2.03ha and size per 3FE = 2.92ha (taken from the HCC DCG 2021)</t>
  </si>
  <si>
    <t>2026-2031</t>
  </si>
  <si>
    <t>1 x 2FE new build cost = £11,480,040</t>
  </si>
  <si>
    <t>Cost are based on = 2022 DFE Scorecard Costs - 1Q2023 BCIS and includes 10% sus uplift</t>
  </si>
  <si>
    <t xml:space="preserve">New Primary School Provision at Hemel Hempstead Hospital / Market Square </t>
  </si>
  <si>
    <t>Construction of a 3FE Primary Schools including Early Years to serve the new community
Land size per 3FE = 2.92ha (taken from the HCC DCG 2021)</t>
  </si>
  <si>
    <t xml:space="preserve">Hemel Hempstead Hospital / Market Square </t>
  </si>
  <si>
    <t xml:space="preserve">Hertfordshire County Council </t>
  </si>
  <si>
    <t>New Primary School Provision in the Shendish Manor and Fairfields</t>
  </si>
  <si>
    <t>Expansions of existing Primary Schools</t>
  </si>
  <si>
    <t>Potential expansion of existing Primary Schools, serving all new growth within Hemel Hempstead</t>
  </si>
  <si>
    <t>Off-site</t>
  </si>
  <si>
    <t>Important</t>
  </si>
  <si>
    <t>The cost is based on 1 x 1FE expansion cost. However, this is just an indicative cost. The actual cost will be determined on the amount of expansions needed, as well as the scope and scale of projects</t>
  </si>
  <si>
    <t>New Primary School Provision in the South of Berkhamsted</t>
  </si>
  <si>
    <t>Construction of a 2 FE Primary School including Early Years to serve new and existing communities. It must include enough space for expansion.</t>
  </si>
  <si>
    <t>Berkhamsted</t>
  </si>
  <si>
    <t>Land South of Berkhamsted</t>
  </si>
  <si>
    <t>New Primary School Provision at Dunsley Farm</t>
  </si>
  <si>
    <t>Construction of a 2 FE Primary School including Early Years to serve new and existing communities</t>
  </si>
  <si>
    <t>Tring</t>
  </si>
  <si>
    <t>2FE on either Dunsley Farm/New Mill or Land East of Tring (DBC to discuss with HCC on best location) - to serve need arising from Dunsley Farm/New Mill. Cost are based on = 2022 DFE Scorecard Costs - 1Q2023 BCIS and includes 10% sus uplift</t>
  </si>
  <si>
    <t>Potential expansion of existing Primary Schools, serving all new growth within Bovingdon</t>
  </si>
  <si>
    <t>Bovingdon</t>
  </si>
  <si>
    <t>Potential expansion of existing Primary Schools, serving all new growth within Markyate</t>
  </si>
  <si>
    <t>Markyate</t>
  </si>
  <si>
    <t xml:space="preserve">Education </t>
  </si>
  <si>
    <t xml:space="preserve">Primary Education at Polehanger Lane </t>
  </si>
  <si>
    <t>HCC would require that a site of sufficient size to deliver up to 2FE of primary school provision is provided on site to mitigate need arising from this development.</t>
  </si>
  <si>
    <t xml:space="preserve">Primary Education at Land East of Tring </t>
  </si>
  <si>
    <t>HCC would require one 3FE and one 2 FE primary schools to be located appropriately within the site which could serve pupils arising from Tr01 – Dunsley Farm and Tr02 – New Mill.</t>
  </si>
  <si>
    <t>2029 - 2041</t>
  </si>
  <si>
    <t>Secondary Education</t>
  </si>
  <si>
    <t xml:space="preserve">New Secondary School Provision at North Hemel Hempstead </t>
  </si>
  <si>
    <r>
      <t>Construction of 1 x 8FE Secondary Schools to serve the new community bordering with SAD</t>
    </r>
    <r>
      <rPr>
        <sz val="11"/>
        <rFont val="Arial"/>
        <family val="2"/>
      </rPr>
      <t>C  (The exact requirement here is still currently under review and HCC will update in due course following engagement with partners)</t>
    </r>
  </si>
  <si>
    <t>8FE new build cost = £47,471,002</t>
  </si>
  <si>
    <t>Cost are based on = 2022 DFE Scorecard Costs - 1Q2023 BCIS and includes 10% sus uplift
Three Secondary schools are coming forward for Hemel Hempstead (two in SADC)</t>
  </si>
  <si>
    <t>Expansions of existing Secondary Schools</t>
  </si>
  <si>
    <t>Potential expansion of existing Secondary Schools, serving all new growth within Hemel Hempstead Secondary Planning Area</t>
  </si>
  <si>
    <t>Expansions of Ashlyns Secondary School</t>
  </si>
  <si>
    <t>2FE expansion of Ashlyns Secondary School. Additional land required to facilitate the expansion.</t>
  </si>
  <si>
    <t>The cost is based on 2 x 1FE expansion costs as an indicative cost. However, will be dependent on scope and scale of projects</t>
  </si>
  <si>
    <t>2FE expansion of existing Secondary School, serving all new growth within Tring. Additional land required to facilitate expansion of the secondary school, assumed to be within Dunsley Farm</t>
  </si>
  <si>
    <t xml:space="preserve">Secondary Education at Land East of Tring </t>
  </si>
  <si>
    <t>HCC would require that land is made available for a secondary solution of up to 6FE to be delivered on this site to ensure that growth in Tring can be appropriately mitigated.</t>
  </si>
  <si>
    <t>SEND - Primary</t>
  </si>
  <si>
    <t>Specialist Resource Provision within mainstream Primary School Setting</t>
  </si>
  <si>
    <t>Potential to look at an SRP provision (usually 12 places) in at least at one of the primary schools, subject to future updates of the SEND Strategy in 2025</t>
  </si>
  <si>
    <t>12 places * £70,000 (this is based on the cost per place as at The Laural @ Bushey Meads)</t>
  </si>
  <si>
    <t>SEND - Secondary</t>
  </si>
  <si>
    <t>Specialist Resource Provision within mainstream Secondary School setting</t>
  </si>
  <si>
    <t>Potential to look at an SRP provision (usually 20 places) in at least at one of the secondary schools, subject to future updates of the SEND Strategy in 2025</t>
  </si>
  <si>
    <t>2031-2036</t>
  </si>
  <si>
    <t>20 places * £70,000 (this is based on the cost per place as at The Laural @ Bushey Meads)</t>
  </si>
  <si>
    <t>Childcare 0-2 year olds (private provision)</t>
  </si>
  <si>
    <t>New Childcare Setting serving Marchmont Farm</t>
  </si>
  <si>
    <t>1 x 50 place setting - The provision will need to be approximately 325sqm (which includes both internal (275sqm) and outdoor (50sqm) space) and built to Ofsted requirements.</t>
  </si>
  <si>
    <t>Marchmont Farm</t>
  </si>
  <si>
    <t>£3,149 per sqm * 325sqm = £1,023,425</t>
  </si>
  <si>
    <t>DCG costs - index linked to 1Q2023</t>
  </si>
  <si>
    <t>New Childcare Setting serving Station Gateway/National Grid</t>
  </si>
  <si>
    <t>Station Gateway/National Grid</t>
  </si>
  <si>
    <t>DCG costs - index linked to 1Q2024</t>
  </si>
  <si>
    <t>New Childcare Setting serving Shendish Manor and Fairfields</t>
  </si>
  <si>
    <t>DCG costs - index linked to 1Q2025</t>
  </si>
  <si>
    <t>New Childcare Settings serving North Hemel</t>
  </si>
  <si>
    <t>2 x 50 place setting - The provision will need to be approximately 325sqm (which includes both internal (275sqm) and outdoor (50sqm) space) and built to Ofsted requirements.</t>
  </si>
  <si>
    <t>£3,149 per sqm * 325sqm = £1,023,425
2 settings *£1,023,425 = £2,046,850</t>
  </si>
  <si>
    <t>DCG costs - index linked to 1Q2026</t>
  </si>
  <si>
    <t>New Childcare Setting serving Hemel Hempstead Hospital / Market Square</t>
  </si>
  <si>
    <t>Hemel Hempstead Hospital / Market Square</t>
  </si>
  <si>
    <t>DCG costs - index linked to 1Q2027</t>
  </si>
  <si>
    <t>Childcare 0-2 year old (private provision)</t>
  </si>
  <si>
    <t>Expansions of existing childcare setting</t>
  </si>
  <si>
    <t>Where the proposed quantity of growth does not require provision of addition childcare settings when considering the existing surplus of childcare places. S106 or CIL may need to be made available to fund the wider childcare and nursery requirements for the borough.</t>
  </si>
  <si>
    <t xml:space="preserve">All settlements (excluding Hemel) </t>
  </si>
  <si>
    <t>0-1 year olds: £959.49 x 60 = £57,569
2 year olds: £959.49 x 48 = £46,056
This is an indicative cost based on the current uptake for 0-2 year old free-hours. These costs could change when the further phases are rolled out over the coming years</t>
  </si>
  <si>
    <t>Based upon resources project costs from the HCC DCG 2021
Index linked to BCIS 1Q2022.</t>
  </si>
  <si>
    <t>Childcare 5-11 year old
(wraparound care)</t>
  </si>
  <si>
    <t>5-11 Wraparound Care</t>
  </si>
  <si>
    <t>By September 2026, all schools will need to have a ‘wraparound childcare’ provision. As this provision is usually delivered on site, either at the school or in partnership with another school, HCC will seek developer contributions only towards resource costs. Additional facilities will not need to be provided.</t>
  </si>
  <si>
    <t xml:space="preserve">All settlements (including Hemel) </t>
  </si>
  <si>
    <t>5-11 year olds: £222.94 x 562 = £125,292
This is an indicative cost at this point in time. Costs can change as further phases are rolled out over the coming years.</t>
  </si>
  <si>
    <t>Healthcare</t>
  </si>
  <si>
    <t>Primary Healthcare</t>
  </si>
  <si>
    <t>Kings Langley Surgery</t>
  </si>
  <si>
    <t xml:space="preserve">The HWE ICB has  approved the practice’s Outline Business Case to extend and reconfigure their premises, which will enable the practice to better cope with existing pressures as well as absorb some additional growth.
The HWE ICB would seek financial contribution from the Grange Farm site. </t>
  </si>
  <si>
    <t xml:space="preserve">Kings Langley </t>
  </si>
  <si>
    <t xml:space="preserve">NHS </t>
  </si>
  <si>
    <t>2027-2033</t>
  </si>
  <si>
    <t>External Funding/ S106</t>
  </si>
  <si>
    <t xml:space="preserve">Windfall sites may be expected to contribute, please refer to the Helathcare chapter in the IDP. </t>
  </si>
  <si>
    <t xml:space="preserve">HWE ICB Regulation 18 response </t>
  </si>
  <si>
    <t>Grovehill Surgery</t>
  </si>
  <si>
    <t>The HWE ICB has approved the practice’s Project 
Initiation Document (PID) for the relocation within the close proximity of their existing site. 
An Outline Business Case is anticipated in 2024. This scheme is expected to cater for the practice’s current patient population as well as some moderate growth.
The HWE ICB would seek financial contribution from the Marchmont Farm. As well as the Grovehill Neighbourhood Development Plan.</t>
  </si>
  <si>
    <t>2026-2032</t>
  </si>
  <si>
    <t>Rothschild House</t>
  </si>
  <si>
    <t xml:space="preserve">The HWE ICB has approved practice’s Project Initiation Document (PID) for the relocation of their branch surgery to the proposed new development to the East of Tring (1,400 homes), also known as Marshcroft Farm. Provision of a site not less than 0.2Ha for the purpose of providing a General Practice Doctor's Surgery and a financial contribution towards NHS healthcare would be required. 
The HWE ICB would seek financial contribution from the Dunsley Farm site.  </t>
  </si>
  <si>
    <t xml:space="preserve">Land East of Tring/ Dunsley Farm </t>
  </si>
  <si>
    <t>2029-2041</t>
  </si>
  <si>
    <t xml:space="preserve">This project is looking for a delivery of a medical centre and contribution. </t>
  </si>
  <si>
    <t>Healthcare Infrastructure investment to support development at North Hemel</t>
  </si>
  <si>
    <t>The HWE ICB identify the need to reserve an option for one or more on-site facilities in North Hemel. This may take a form of a branch surgery/surgeries or relocation/s.</t>
  </si>
  <si>
    <t>North Hemel</t>
  </si>
  <si>
    <t xml:space="preserve">1,000 dwellings x 2.4 (commonly accepted occupancy factor) = 2,400 new patients 
2,400/ 2,000 = 1.2 GP (based on ratio of 2,000 patients per GP and 199m2 as set out in the NHS England “Premises Principles of Best Practice Part 1 Procurement &amp; Development”)
1.2 x 199m2 = 238.8 m2 additional space required 
238.8 x £7,000* (build costs including land, fit out and fees) = £1,671,600
£1,671,600 / 1,000 = £1,671.60~ £1,671 per dwelling </t>
  </si>
  <si>
    <t xml:space="preserve">Health hub coming forward at East Hemel Hempstead North. North hemel will contribute. </t>
  </si>
  <si>
    <t xml:space="preserve">Healthcare Infrastructure investment to support development at Shendish Manor and Fairfields. </t>
  </si>
  <si>
    <t xml:space="preserve">The HWE ICB identify the need to reserve an option for a new health facility at Shendish Manor and Fairfields. </t>
  </si>
  <si>
    <t xml:space="preserve">Healthcare Infrastructure investment to support development at Hemel Hempstead Hospital/Market Square. </t>
  </si>
  <si>
    <r>
      <t>The HWE ICB identify the need to reserve an option for a new health facility at Hemel Hempstead Hospital Market Square</t>
    </r>
    <r>
      <rPr>
        <sz val="11"/>
        <color rgb="FFFF0000"/>
        <rFont val="Arial"/>
        <family val="2"/>
      </rPr>
      <t>.</t>
    </r>
    <r>
      <rPr>
        <sz val="11"/>
        <rFont val="Arial"/>
        <family val="2"/>
      </rPr>
      <t xml:space="preserve"> This may take a form of a branch surgery or a relocation of Fernville practice.</t>
    </r>
  </si>
  <si>
    <t>Hemel Hempstead Hospital/Market Square</t>
  </si>
  <si>
    <t>2036-2041</t>
  </si>
  <si>
    <t xml:space="preserve">Healthcare Infrastructure investment to support development at South of Berkhamsted </t>
  </si>
  <si>
    <t xml:space="preserve">The HWE ICB identify the need to reserve an option for a new health facility at South of Berkhamsted, to allow for the relocation to a new, purpose-built premises. The HWE ICB would seek a financial contribution from South of Berkhamsted to improve capacity at Manor Street Surgery. </t>
  </si>
  <si>
    <t>2027-2034</t>
  </si>
  <si>
    <t xml:space="preserve">Healthcare Infrastructure investment to support development at Marchmont Farm, Hemel Hempstead </t>
  </si>
  <si>
    <t>Associated Healthcare Provision (i.e. GP provision) requirements to support development at West of London Colney.</t>
  </si>
  <si>
    <t>2028-2032</t>
  </si>
  <si>
    <t>Primary / Secondary Healthcare</t>
  </si>
  <si>
    <t>Hemel Hempstead Health Campus</t>
  </si>
  <si>
    <t>Potential new Health Campus</t>
  </si>
  <si>
    <t>TBC</t>
  </si>
  <si>
    <t xml:space="preserve">Adult Care Services </t>
  </si>
  <si>
    <t>Provision for Adult Care Services at Land South Berkhamsted</t>
  </si>
  <si>
    <t>HCC recommends the inclusion of one extra-care setting comprising of 70-80 self-contained units</t>
  </si>
  <si>
    <t>HCC/Developer</t>
  </si>
  <si>
    <t>HCC August 2024 Response to Draft IDP</t>
  </si>
  <si>
    <t xml:space="preserve">Adult Care Facilities at North Hemel </t>
  </si>
  <si>
    <t xml:space="preserve">HCC recommends an extra care setting of 70-80 self-contained units (preferably social housing); one 70-80 bed nursing home and 6 supported living units for people with learning and/or physical disabilities. On the Crown Estate area HCC recommends one Integrated Retirement Community of a minimum of 160 self-contained units; one 70-80 bed nursing home and 6 supported living units for people with learning and/or physical disabilities. </t>
  </si>
  <si>
    <t xml:space="preserve">HCC Revised Regulation  18 response </t>
  </si>
  <si>
    <t xml:space="preserve">Adult Care Facilities at Hemel Hempstead Hospital / Market Square </t>
  </si>
  <si>
    <t xml:space="preserve">HCC suggest that a town centre location either at this site or at Paradise would be suitable for a housing with care scheme and would therefore suggest provision at one of these sites. </t>
  </si>
  <si>
    <t>Adult Care Facilities at Riverside</t>
  </si>
  <si>
    <t>HCC suggests that the town centre location would make this a suitable location for a housing with care scheme and would therefore suggest provision at this site.</t>
  </si>
  <si>
    <t>2031-2034</t>
  </si>
  <si>
    <t xml:space="preserve">Adult Care Facilities at Apsley Mills Retail Park </t>
  </si>
  <si>
    <t>HCC suggests that this location close to Apsley train station and amenities could make a suitable location for specialist housing to include older people’s housing and 6 supported living units and would therefore suggest provision at this site.</t>
  </si>
  <si>
    <t xml:space="preserve">Apsley Mills Retail Park </t>
  </si>
  <si>
    <t>2035-2041</t>
  </si>
  <si>
    <t xml:space="preserve">Adult Care Facilities at Shendish Manor and Fairfields </t>
  </si>
  <si>
    <t>HCC suggests that this location, close to Apsley train station and amenities would make a suitable location for specialist housing to include older people’s housing and 6 supported living units and would therefore suggest provision at this site.</t>
  </si>
  <si>
    <t>Emergency Services</t>
  </si>
  <si>
    <t>Police</t>
  </si>
  <si>
    <t>Extension to existing police accommodation</t>
  </si>
  <si>
    <t xml:space="preserve">An additional need of 378m2 of police accommodation would be required to support the development of 11,000 homes. Considering options to extend or adapt the existing Hemel Hempstead Police Station. It will be decided through the New Estates Strategy. </t>
  </si>
  <si>
    <t>Borough-wide</t>
  </si>
  <si>
    <t xml:space="preserve">Hertfordshire Constabulary </t>
  </si>
  <si>
    <t>S106/CIL/External Funding</t>
  </si>
  <si>
    <t>Hertfordshire Constabulary Regulation 18 response</t>
  </si>
  <si>
    <t>Additional police vehicles</t>
  </si>
  <si>
    <t xml:space="preserve">An additional 9.6 police vehicles would be required to support the development of 11,000 homes. </t>
  </si>
  <si>
    <t>2027-2041</t>
  </si>
  <si>
    <t xml:space="preserve">Fire </t>
  </si>
  <si>
    <t>Mitigating the impact on the capacity of the fire and rescue service</t>
  </si>
  <si>
    <t xml:space="preserve">Contribution to additional resources needed, including new appliances and equipment </t>
  </si>
  <si>
    <t>2026-2041</t>
  </si>
  <si>
    <t>S106/CIL</t>
  </si>
  <si>
    <t xml:space="preserve">Ambulance </t>
  </si>
  <si>
    <t xml:space="preserve">Mitigating the impact on the capacity of the ambulance service at Hemel Hempstead </t>
  </si>
  <si>
    <t>The mitigation includes a range of ambulance infrastructure/ facilities (estate, vehicle fleet &amp; staff assets) including:
•Upgrading/ refurbishment of existing premises, or redevelopment/ relocation of existing ambulance stations to a more suitable location to meet the increased local demand arising from housing developments;
•Provision of additional medical, pharmacy &amp; IT equipment &amp; digital software to manage the increased number of incidents arising from the new population;
•An increase in the number &amp; type of ambulances;
•The recruitment, training, equipping &amp; tasking of Community First Responders (CFR) based within the locality of development sites;</t>
  </si>
  <si>
    <t>East of England Ambulance Service NHS Trust (EEAST)</t>
  </si>
  <si>
    <t xml:space="preserve">East of England Ambulance Services NHS Trust Regulation 18 response </t>
  </si>
  <si>
    <t>Mitigating the impact on the capacity of the ambulance service at Berkhamsted</t>
  </si>
  <si>
    <t>Mitigating the impact on the capacity of the ambulance service at Tring</t>
  </si>
  <si>
    <t>No sites identified in EEAST response</t>
  </si>
  <si>
    <t>Mitigating the impact on the capacity of the ambulance service at Bovingdon</t>
  </si>
  <si>
    <t xml:space="preserve">Have not listed Bovingdon sites: Grange Farm and Chesham Road &amp; Molyneaux Avenue </t>
  </si>
  <si>
    <t>Mitigating the impact on the capacity of the ambulance service at Markyate</t>
  </si>
  <si>
    <t>Energy and Utilities</t>
  </si>
  <si>
    <t>Electricity</t>
  </si>
  <si>
    <t xml:space="preserve">Replace the transformers at Hemel North Primary substation </t>
  </si>
  <si>
    <t xml:space="preserve">To replace the transformers at Hemel North Primary substation as part of the continual condition management of network assets. The existing substation is located off the A4147 (adjacent to Aldi).  There are 2 x 33,000/11,000volt (33/11kV) units. UK Power Networks is evaluating the opportunities to install larger capacity transformers, the full utilisation of which would be dependent on replacement of the existing 11,000volt (11kV) switchgear and additional investment in the 33kV network from Piccotts End Grid substation (located to the North of Hemel Hempstead). </t>
  </si>
  <si>
    <t>UKPN</t>
  </si>
  <si>
    <t>2023-2028</t>
  </si>
  <si>
    <t>UKPN Funding/ Developer Funding</t>
  </si>
  <si>
    <t>Critical - Delivery</t>
  </si>
  <si>
    <t xml:space="preserve">Reinforcement at Berkhamsted Primary </t>
  </si>
  <si>
    <t>Initially it is expected to upgrade sections of the existing 33kV circuits (approx. 2.75km) to allow the full capacity of the existing transformers to be utilised. Further reinforcement at the site will likely be in the form of the installation of a 3rd 33/11kV transformer, new 11kV switchgear and a 3rd cut from Lye Green Grid would be required (estimated length 5.5km)</t>
  </si>
  <si>
    <t xml:space="preserve">UKPN </t>
  </si>
  <si>
    <t>2028-2033</t>
  </si>
  <si>
    <t>Energy (Gas)</t>
  </si>
  <si>
    <t>Intermediate pressure regulator at Hemel Hempstead</t>
  </si>
  <si>
    <t>New intermediate pressure regulator needed for Hemel Garden Communities if residential developments cause a significant demand increase.</t>
  </si>
  <si>
    <t>Multiple</t>
  </si>
  <si>
    <t>Hemel Hempstead 
(Hemel Garden Communities)</t>
  </si>
  <si>
    <t>Cadent Gas</t>
  </si>
  <si>
    <t>2025-2026</t>
  </si>
  <si>
    <t>To be covered by Cadent Gas</t>
  </si>
  <si>
    <t xml:space="preserve">Network reinforcement at Land East of Tring </t>
  </si>
  <si>
    <t xml:space="preserve">Reinforcement to the network to support development coming forward. An economic test would be carried out to understand the cost and who is responsible. </t>
  </si>
  <si>
    <t xml:space="preserve">Land East of Tring </t>
  </si>
  <si>
    <t>SGN</t>
  </si>
  <si>
    <t>Developer contribution/SGN</t>
  </si>
  <si>
    <t xml:space="preserve">Potable Water </t>
  </si>
  <si>
    <t xml:space="preserve">Reinforcement schemes </t>
  </si>
  <si>
    <t xml:space="preserve">Reinforcements will be required with the aim to recover the current level of service and the loss of capacity in the network due to the additional load imposed by all projected development. Refer to Local Plan for site-specific constraints. </t>
  </si>
  <si>
    <t xml:space="preserve">Affinity Water </t>
  </si>
  <si>
    <t>Affinity Water</t>
  </si>
  <si>
    <t>Waste Water</t>
  </si>
  <si>
    <t>Upgrades to the Waste Water Network</t>
  </si>
  <si>
    <t xml:space="preserve">Applicable to Dunsley Farm in Tring and North Hemel - the scale of development/s is likely to require upgrades to the wastewater network. </t>
  </si>
  <si>
    <t>Dunsley Farm/North Hemel</t>
  </si>
  <si>
    <t>Thames Water</t>
  </si>
  <si>
    <t>Flood Management</t>
  </si>
  <si>
    <t>Flood Defense</t>
  </si>
  <si>
    <t>Refer to Flood Management section in the IDP</t>
  </si>
  <si>
    <t xml:space="preserve">Environment Agency </t>
  </si>
  <si>
    <t>Environment Agency/ Developer Funding</t>
  </si>
  <si>
    <t>St Albans City and District Council / Dacorum Borough Council</t>
  </si>
  <si>
    <t>Waste Management</t>
  </si>
  <si>
    <t xml:space="preserve">Waste &amp; recycling </t>
  </si>
  <si>
    <t>A new Recycling Centre at Hemel Hempstead</t>
  </si>
  <si>
    <t>Delivery of a new Recycling Centre at East Hemel Hempstead or North Hemel Hempstead. Cost index to Quarter 1 2023.</t>
  </si>
  <si>
    <t xml:space="preserve">S106/CIL </t>
  </si>
  <si>
    <t>Expansion and new shredding facility at Waterdale Waste Transfer Station</t>
  </si>
  <si>
    <t xml:space="preserve">Improvements to the infrastructure at Waterdale WTS are needed in order improve resilience, increase capacity and assist with the efficient management of residual local authority collected waste (LACW) from Dacorum so it is capable of meeting the demand from planned growth.  </t>
  </si>
  <si>
    <t xml:space="preserve">2025-2027 (forward funded by HCC) </t>
  </si>
  <si>
    <t>External Funding/ S106/CIL</t>
  </si>
  <si>
    <t xml:space="preserve">Cost to be apportioned is less than estimated cost as HCC is providing some funding for this project. </t>
  </si>
  <si>
    <t xml:space="preserve">Depot with electric infrastrucutre to accommodate neighbourhood services inlcuding waste. </t>
  </si>
  <si>
    <t xml:space="preserve">Expansion or relocation of Cupid Green depot to accommodate growth. Estimated at requiring approximately 21,000sqm for a depot. </t>
  </si>
  <si>
    <t xml:space="preserve">Dacorum Borough Council </t>
  </si>
  <si>
    <t xml:space="preserve">Increasing capacity by increasing the number of containers, parking spaces and reconfiguring site at Berkhamstead Recycling Centre.  </t>
  </si>
  <si>
    <t>HCC plans to reconfigure and increase the number of containers at Berkhamsted recycling centre to increase capacity and ensure that it is capable of meeting rising demand for services.</t>
  </si>
  <si>
    <t>2024-2025</t>
  </si>
  <si>
    <t>Community Facilities</t>
  </si>
  <si>
    <t xml:space="preserve">Community Centres </t>
  </si>
  <si>
    <t xml:space="preserve">Contribution 1 x Community Centre (total in Tring) refer to the Communtiy Facilities Strategy </t>
  </si>
  <si>
    <t xml:space="preserve">Contribution 1 x Community Centre (total in Tring) refer to the Community Facilities Strategy </t>
  </si>
  <si>
    <t>DBC</t>
  </si>
  <si>
    <t xml:space="preserve">Site would be expected to pay a proportion of the cost, refer project name and project description. </t>
  </si>
  <si>
    <t>CCTV</t>
  </si>
  <si>
    <t xml:space="preserve">Contributon to CCTV provision at 1 local centre (total for Tring) refer to the Communtiy Facilities Strategy </t>
  </si>
  <si>
    <t xml:space="preserve">Contribution to CCTV provision at 1 local centre (total for Tring) refer to the Community Facilities Strategy </t>
  </si>
  <si>
    <t xml:space="preserve">DBC </t>
  </si>
  <si>
    <t xml:space="preserve">S106 </t>
  </si>
  <si>
    <t xml:space="preserve">1 centre serving Land East of Tring refer to the Communtiy Facilities Strategy </t>
  </si>
  <si>
    <t xml:space="preserve">1  centre serving Land East of Tring refer to the Community Facilities Strategy </t>
  </si>
  <si>
    <t>CCTV provision at 1 local centre at Land East of Tring</t>
  </si>
  <si>
    <t>Contribution 1 x Community Centre (total in Tring)</t>
  </si>
  <si>
    <t>Windfall</t>
  </si>
  <si>
    <t>Contributon to CCTV provision at 1 local centre (total for Tring)</t>
  </si>
  <si>
    <t>Contribution to CCTV provision at 1 local centre (total for Tring)</t>
  </si>
  <si>
    <t xml:space="preserve">1 centre serving North Hemel. 1 centre per every 1,666 units refer to the Communtiy Facilities Strategy </t>
  </si>
  <si>
    <t xml:space="preserve">2 centre serving North Hemel. 1 centre per every 1,666 units refer to the Community Facilities Strategy </t>
  </si>
  <si>
    <t xml:space="preserve">CCTV provision at centre in North Hemel refer to the Communtiy Facilities Strategy </t>
  </si>
  <si>
    <t xml:space="preserve">CCTV provision at centre in North Hemel refer to the Community Facilities Strategy </t>
  </si>
  <si>
    <t xml:space="preserve">Contribution to 6 x Community Centres in Hemel. 1 centre per every 1,666 units refer to the Communtiy Facilities Strategy  </t>
  </si>
  <si>
    <t xml:space="preserve">Contribution to 6 x Community Centres in Hemel. 1 centre per every 1,666 units refer to the Community Facilities Strategy  </t>
  </si>
  <si>
    <t>Hospital and Market Square</t>
  </si>
  <si>
    <t xml:space="preserve">Contribution to CCTV provision at 6 local centres (total for Hemel Hempstead) refer to the Communtiy Facilities Strategy </t>
  </si>
  <si>
    <t xml:space="preserve">Contribution to CCTV provision at 6 local centres (total for Hemel Hempstead) refer to the Community Facilities Strategy </t>
  </si>
  <si>
    <t>Civic Centre Site</t>
  </si>
  <si>
    <t>Symbio Site</t>
  </si>
  <si>
    <t>Station Gateway</t>
  </si>
  <si>
    <t xml:space="preserve">National Grid Land </t>
  </si>
  <si>
    <t>Kier Park</t>
  </si>
  <si>
    <t>South of Green Lane</t>
  </si>
  <si>
    <t>Grovehill Local Centre</t>
  </si>
  <si>
    <t>Sports and Leisure</t>
  </si>
  <si>
    <t>Natural Grass Pitches (NGP)</t>
  </si>
  <si>
    <t xml:space="preserve">Contributions to new provision and facilities of NGPs in the borough. </t>
  </si>
  <si>
    <t xml:space="preserve">Contributions towards 1.33sqm of new NGPs to support growth coming forward in the across the borough. </t>
  </si>
  <si>
    <t>Rest of borough</t>
  </si>
  <si>
    <t>Developer/DBC</t>
  </si>
  <si>
    <t>Refer to the Local Football Facilities Plan and Laeisure Strategy</t>
  </si>
  <si>
    <t>Sports England caluclator</t>
  </si>
  <si>
    <t>Provision of new NGPs in the Tring Area</t>
  </si>
  <si>
    <t xml:space="preserve">(0.99sqm)  1 mini football pitch &amp; 1 youth football pitch. </t>
  </si>
  <si>
    <t>2028-2035</t>
  </si>
  <si>
    <t xml:space="preserve">Provision of new facilities in the Tring Area. Refer to Local Football Facilities Plan and Leisure Strategy </t>
  </si>
  <si>
    <t>(1.59sqm) 4 mini football pitches, 4 youth football pitches, 3 senior football pitches.</t>
  </si>
  <si>
    <t>2027-2036</t>
  </si>
  <si>
    <t xml:space="preserve">Contributions to new provision and facilities in the Tring Area. Refer to Local Football Facilities Plan and Leisure Strategy </t>
  </si>
  <si>
    <t xml:space="preserve">(5.55sqm) 3 mini football pitches, 3 youth football pitches &amp; 1 senior football pitch. </t>
  </si>
  <si>
    <t xml:space="preserve">Land East of Tring. </t>
  </si>
  <si>
    <t xml:space="preserve">(0.80sqm) 4 mini football pitches, 4 youth football pitches &amp; 3 senior football pitch. </t>
  </si>
  <si>
    <t xml:space="preserve">Windfall </t>
  </si>
  <si>
    <t>Provision of new NGPs in the Berkhamsted Area</t>
  </si>
  <si>
    <t xml:space="preserve">(3.07sqm) 1 mini football pitch, 1 youth football pitch &amp; contributions 2 youth football pitches. </t>
  </si>
  <si>
    <t xml:space="preserve">Land South of Berkhamsted </t>
  </si>
  <si>
    <t>On-site &amp; Off-site</t>
  </si>
  <si>
    <t xml:space="preserve">Provision of new facilities in the Berkhamsted Area. Refer to Local Football Facilities Plan and Leisure Strategy </t>
  </si>
  <si>
    <t>Contributions to new provision and facilities in the Berkhamstead Area</t>
  </si>
  <si>
    <t xml:space="preserve">(0.40sqm) 3 mini football pitches, 3 youth football pitches &amp; 1 senior football pitch. </t>
  </si>
  <si>
    <t>2038-2041</t>
  </si>
  <si>
    <t xml:space="preserve">(0.40sqm) 2 mini football pitches, 2 youth football pitches &amp; 1 senior football pitch. </t>
  </si>
  <si>
    <t>2033-2035</t>
  </si>
  <si>
    <t>Provision of new Artifical Grass Pitches (AGP) in the Berkhamsted Area</t>
  </si>
  <si>
    <t>(1.20sqm) 3 mini football pitches, 5 youth football pitches, 1 senior football pitch</t>
  </si>
  <si>
    <t xml:space="preserve">Contributions to new provision and facilities in the Southern Area. Refer to Local Football Facilities Plan and Leisure Strategy </t>
  </si>
  <si>
    <t>Contributions towards (0.12sqm) NGP. Refer to the Local Football Facilities Plan and Leisure Strategy.</t>
  </si>
  <si>
    <t xml:space="preserve">Bovingdon </t>
  </si>
  <si>
    <t>Contributions towards (0.86sqm) NGP. Refer to the Local Football Facilities Plan and Leisure Strategy.</t>
  </si>
  <si>
    <t xml:space="preserve">Grange Farm </t>
  </si>
  <si>
    <t>Contributions towards (0.27sqm) NGP. Refer to the Local Football Facilities Plan and Leisure Strategy.</t>
  </si>
  <si>
    <t xml:space="preserve">Contributions to new provision and facilities in the Eastern Villages Area. Refer to Local Football Facilities Plan and Leisure Strategy </t>
  </si>
  <si>
    <t>Contributions towards (0.59sqm) NGP. Refer to the Local Football Facilities Plan and Leisure Strategy.</t>
  </si>
  <si>
    <t xml:space="preserve">South of London Road </t>
  </si>
  <si>
    <t xml:space="preserve">Contributions to new provision and facilities in the Hemel Area. Refer to Local Football Facilities Plan and Leisure Strategy </t>
  </si>
  <si>
    <t>(9.46sqm) 15 mini football pitches, 12 youth football pitches, 9 senior football pitches, 1 cricket pitch, golf starter, and improvements to existing sports provision</t>
  </si>
  <si>
    <t>Provision of new facilities in the Hemel Area. Refer to Local Football Facilties Plan and Leisure Strategy</t>
  </si>
  <si>
    <t xml:space="preserve">(5.95sqm) 5 mini football pitches, 6 youth football pitches, </t>
  </si>
  <si>
    <t>(1.78sqm) 15 mini football pitches, 12 youth football pitches, 9 senior football pitches, 1 cricket pitch, golf starter, and improvements to existing sports provision</t>
  </si>
  <si>
    <t>(1.39sqm) 15 mini football pitches, 12 youth football pitches, 9 senior football pitches, 1 cricket pitch, golf starter, and improvements to existing sports provision</t>
  </si>
  <si>
    <t>2026-2027/2035-2038</t>
  </si>
  <si>
    <t>(0.79sqm) 15 mini football pitches, 12 youth football pitches, 9 senior football pitches, 1 cricket pitch, golf starter, and improvements to existing sports provision</t>
  </si>
  <si>
    <t>2028-2031</t>
  </si>
  <si>
    <t>(1.19sqm) 15 mini football pitches, 12 youth football pitches, 9 senior football pitches, 1 cricket pitch, golf starter, and improvements to existing sports provision</t>
  </si>
  <si>
    <t>(0.40sqm) 15 mini football pitches, 12 youth football pitches, 9 senior football pitches, 1 cricket pitch, golf starter, and improvements to existing sports provision</t>
  </si>
  <si>
    <t>2029-2030</t>
  </si>
  <si>
    <t>(1.55sqm) 15 mini football pitches, 12 youth football pitches, 9 senior football pitches, 1 cricket pitch, golf starter, and improvements to existing sports provision</t>
  </si>
  <si>
    <t>2027-2032</t>
  </si>
  <si>
    <t>(1.90sqm) 15 mini football pitches, 12 youth football pitches, 9 senior football pitches, 1 cricket pitch, golf starter, and improvements to existing sports provision</t>
  </si>
  <si>
    <t>National Grid Land</t>
  </si>
  <si>
    <t>(1.98sqm) 15 mini football pitches, 12 youth football pitches, 9 senior football pitches, 1 cricket pitch, golf starter, and improvements to existing sports provision</t>
  </si>
  <si>
    <t>(0.93sqm) 15 mini football pitches, 12 youth football pitches, 9 senior football pitches, 1 cricket pitch, golf starter, and improvements to existing sports provision</t>
  </si>
  <si>
    <t xml:space="preserve">(1.98sqm) 2 mini football pitches, 1 youth football pitch, and golf starter </t>
  </si>
  <si>
    <t>on-site</t>
  </si>
  <si>
    <t>(2.97sqm) 2 mini football pitches, 1 youth football pitch</t>
  </si>
  <si>
    <t>2031-2039</t>
  </si>
  <si>
    <t>(0.36sqm) 15 mini football pitches, 12 youth football pitches, 9 senior football pitches, 1 cricket pitch, golf starter, and improvements to existing sports provision</t>
  </si>
  <si>
    <t>2037-2039</t>
  </si>
  <si>
    <t>(0.32sqm) 15 mini football pitches, 12 youth football pitches, 9 senior football pitches, 1 cricket pitch, golf starter, and improvements to existing sports provision</t>
  </si>
  <si>
    <t>(0.79qm) 15 mini football pitches, 12 youth football pitches, 9 senior football pitches, 1 cricket pitch, golf starter, and improvements to existing sports provision</t>
  </si>
  <si>
    <t>2039-2041</t>
  </si>
  <si>
    <t>Changing Rooms for NGPs</t>
  </si>
  <si>
    <t xml:space="preserve">Provision of new Changing Rooms for NGPs in the borough. </t>
  </si>
  <si>
    <t xml:space="preserve">Contributions towards 1.40sqm of new changing rooms for NGPs across the borough. </t>
  </si>
  <si>
    <t xml:space="preserve">Changing room to be provided at each sport venue. </t>
  </si>
  <si>
    <t>Provision of new Changing Rooms for NGPs in the Tring Area</t>
  </si>
  <si>
    <t>Contributions towards (1.05sqm) changing room to be provided at each sport venue</t>
  </si>
  <si>
    <t>Contributions towards (1.67sqm) changing room to be provided at each sport venue</t>
  </si>
  <si>
    <t>Contributions towards (5.85sqm) changing room to be provided at each sport venue</t>
  </si>
  <si>
    <t>Contributions towards (0.84sqm) changing room to be provided at each sport venue</t>
  </si>
  <si>
    <t>Provision of new Changing Rooms for NGPs in the Berkhamsted Area</t>
  </si>
  <si>
    <t>Contributions towards (3.24sqm) changing room to be provided at each sport venue</t>
  </si>
  <si>
    <t>Contributions towards (0.42sqm) changing room to be provided at each sport venue</t>
  </si>
  <si>
    <t>2038-2040</t>
  </si>
  <si>
    <t>Contributions towards (1.26sqm) changing room to be provided at each sport venue</t>
  </si>
  <si>
    <t>Contributions towards (0.13sqm) changing room to be provided at each sport venue</t>
  </si>
  <si>
    <t>Contributions towards (0.91sqm) changing room to be provided at each sport venue</t>
  </si>
  <si>
    <t>Contributions towards (0.28sqm) changing room to be provided at each sport venue</t>
  </si>
  <si>
    <t>Kings Langley</t>
  </si>
  <si>
    <t xml:space="preserve">Contributions to new provision and facilities in the borough. Refer to Local Football Facilities Plan and Leisure Strategy </t>
  </si>
  <si>
    <t>Contributions towards (0.63sqm) changing room to be provided at each sport venue</t>
  </si>
  <si>
    <t>Contributions towards (9.97sqm) changing room to be provided at each sport venue</t>
  </si>
  <si>
    <t>Contributions towards (6.27sqm) changing room to be provided at each sport venue</t>
  </si>
  <si>
    <t>Contributions towards (1.88sqm) changing room to be provided at each sport venue</t>
  </si>
  <si>
    <t>Contributions towards (1.46sqm) changing room to be provided at each sport venue</t>
  </si>
  <si>
    <t>Contributions towards (1.25sqm) changing room to be provided at each sport venue</t>
  </si>
  <si>
    <t>Contributions towards (1.63sqm) changing room to be provided at each sport venue</t>
  </si>
  <si>
    <t>Contributions towards (2.01sqm) changing room to be provided at each sport venue</t>
  </si>
  <si>
    <t>Contributions towards (2.09sqm) changing room to be provided at each sport venue</t>
  </si>
  <si>
    <t>Contributions towards (0.98sqm) changing room to be provided at each sport venue</t>
  </si>
  <si>
    <t>Contributions towards (3.14qm) changing room to be provided at each sport venue</t>
  </si>
  <si>
    <t>Contributions towards (0.38sqm) changing room to be provided at each sport venue</t>
  </si>
  <si>
    <t>Contributions towards (0.33sqm) changing room to be provided at each sport venue</t>
  </si>
  <si>
    <t>Artificial Grass Pitches (AGP)</t>
  </si>
  <si>
    <t>Provision of new Artifical Grass Pitches (AGP)</t>
  </si>
  <si>
    <t>Contributions towards 0.07sqm of new AGPs across the borough</t>
  </si>
  <si>
    <t>Provision of new Artifical Grass Pitches (AGP) in the Tring Area</t>
  </si>
  <si>
    <t>Contribution of AGP at other site (0.05sqm)</t>
  </si>
  <si>
    <t>Contributions towards (0.08sqm) 1 AGP</t>
  </si>
  <si>
    <t>Contributions towards (0.28sqm) 1 AGP</t>
  </si>
  <si>
    <t>Contributions towards (0.04sqm) 1 AGP</t>
  </si>
  <si>
    <t>Contributions to new Artifical Grass Pitch (AGP) in the Tring Area</t>
  </si>
  <si>
    <t>(0.16sqm) Contributions to AGP at other site</t>
  </si>
  <si>
    <t>Contributions towards (0.02sqm) 1 AGP</t>
  </si>
  <si>
    <t>Contributions towards (0.06sqm) 1 AGP</t>
  </si>
  <si>
    <t>Contributions towards (0.01sqm) AGP. Refer to the Local Football Facilities Plan and Leisure Strategy.</t>
  </si>
  <si>
    <t>Contributions towards (0.04sqm) AGP. Refer to the Local Football Facilities Plan and Leisure Strategy.</t>
  </si>
  <si>
    <t>Contributions towards (0.03sqm) AGP. Refer to the Local Football Facilities Plan and Leisure Strategy.</t>
  </si>
  <si>
    <t>Contributions towards (0.48sqm) 2 AGPs</t>
  </si>
  <si>
    <t>Contributions towards (0.30sqm) 1 AGP</t>
  </si>
  <si>
    <t>Contributions towards (0.09sqm) 2 AGPs</t>
  </si>
  <si>
    <t>Contributions towards (0.07sqm) 2 AGPs</t>
  </si>
  <si>
    <t>Contributions towards (0.04sqm) 2 AGPs</t>
  </si>
  <si>
    <t xml:space="preserve">Civic Centre Site </t>
  </si>
  <si>
    <t>Contributions towards (0.06sqm) 2 AGPs</t>
  </si>
  <si>
    <t>Contributions towards (0.02sqm) 2 AGPs</t>
  </si>
  <si>
    <t>Contributions towards (0.08sqm) 2 AGPs</t>
  </si>
  <si>
    <t>Contributions towards (0.10sqm) 2 AGPs</t>
  </si>
  <si>
    <t>Contributions towards (0.05sqm) 2 AGPs</t>
  </si>
  <si>
    <t xml:space="preserve">(0.10sqm) Contributions to improvements/expansions of existing facilities </t>
  </si>
  <si>
    <t xml:space="preserve">(0.15sqm)  Contributions to improvements/expansions of existing facilities </t>
  </si>
  <si>
    <t>Changing rooms for AGPs</t>
  </si>
  <si>
    <t>Provision of new provision of Changing Rooms for AGPs</t>
  </si>
  <si>
    <t>Contributions towards 0.13sqm of new changing rooms for AGPs across the borough</t>
  </si>
  <si>
    <t>Changing room to be provided at each sport venue</t>
  </si>
  <si>
    <t>Provision of new provision of Changing Rooms for AGPs in the Tring Area</t>
  </si>
  <si>
    <t>Contributions towards (0.05sqm) changing room to be provided at each  sport venue</t>
  </si>
  <si>
    <t xml:space="preserve">Provision of new facilities in the Tring Area. Refer to Local Football Facilities Plan and Leisure Strategy. Changing room to be provided at each sport venue. </t>
  </si>
  <si>
    <t>Contributions towards (0.16sqm) changing room to be provided at each  sport venue</t>
  </si>
  <si>
    <t>Contributions towards (0.56sqm)  changing room to be provided at each  sport venue</t>
  </si>
  <si>
    <t>Contributions towards (0.08sqm)  changing room to be provided at each  sport venue</t>
  </si>
  <si>
    <t>Provision of new provision of Changing Rooms for AGPs in the Berkhamsted Area</t>
  </si>
  <si>
    <t>Contributions towards (0.31sqm)  changing room to be provided at each  sport venue</t>
  </si>
  <si>
    <t>Contributions towards (0.04sqm)  changing room to be provided at each  sport venue</t>
  </si>
  <si>
    <t>Contributions towards (0.12sqm)  changing room to be provided at each  sport venue</t>
  </si>
  <si>
    <t>Contributions towards (0.01sqm)  changing room to be provided at each  sport venue</t>
  </si>
  <si>
    <t>Contributions towards (0.03sqm)  changing room to be provided at each  sport venue</t>
  </si>
  <si>
    <t>Contributions towards (0.06sqm)  changing room to be provided at each  sport venue</t>
  </si>
  <si>
    <t>Contributions towards (0.96sqm)  changing room to be provided at each  sport venue</t>
  </si>
  <si>
    <t>Contributions towards (0.60sqm)  changing room to be provided at each  sport venue</t>
  </si>
  <si>
    <t>Contributions towards (0.18sqm)  changing room to be provided at each  sport venue</t>
  </si>
  <si>
    <t>Contributions towards (0.14sqm)  changing room to be provided at each  sport venue</t>
  </si>
  <si>
    <t>Contributions towards (0.16sqm)  changing room to be provided at each  sport venue</t>
  </si>
  <si>
    <t>Contributions towards (0.19sqm)  changing room to be provided at each  sport venue</t>
  </si>
  <si>
    <t>Contributions towards (0.20sqm)  changing room to be provided at each  sport venue</t>
  </si>
  <si>
    <t>Contributions towards (0.09sqm)  changing room to be provided at each  sport venue</t>
  </si>
  <si>
    <t>Contributions towards (0.30sqm)  changing room to be provided at each  sport venue</t>
  </si>
  <si>
    <t>Leisure swimming pools</t>
  </si>
  <si>
    <t>Number of swimming pools</t>
  </si>
  <si>
    <t>Contributions towards 0.05sqm of new swimming pools across the borough</t>
  </si>
  <si>
    <t xml:space="preserve">Refer to the Leisure Strategy </t>
  </si>
  <si>
    <t>Contributions towards 0.03sqm of new swimming pools. Refer to Leisure Strategy.</t>
  </si>
  <si>
    <t>Contributions towards 0.05sqm of new swimming pools. Refer to Leisure Strategy.</t>
  </si>
  <si>
    <t>Contributions towards 0.17sqm of new swimming pools. Refer to Leisure Strategy.</t>
  </si>
  <si>
    <t>Contributions towards 0.02sqm of new swimming pools. Refer to Leisure Strategy.</t>
  </si>
  <si>
    <t>Contributions towards 0.1sqm of new swimming pools. Refer to Leisure Strategy.</t>
  </si>
  <si>
    <t>Contributions towards 0.01sqm of new swimming pools. Refer to Leisure Strategy.</t>
  </si>
  <si>
    <t>Contributions towards 0.04sqm of new swimming pools. Refer to Leisure Strategy.</t>
  </si>
  <si>
    <t>2029-2032</t>
  </si>
  <si>
    <t>Contributions towards 0.3sqm of new swimming pools. Refer to Leisure Strategy.</t>
  </si>
  <si>
    <t>Contributions towards 0.19sqm of new swimming pools. Refer to Leisure Strategy.</t>
  </si>
  <si>
    <t>Hemel Hemsptead</t>
  </si>
  <si>
    <t>Contributions towards 0.06sqm of new swimming pools. Refer to Leisure Strategy.</t>
  </si>
  <si>
    <t xml:space="preserve">Hospital and Market Square </t>
  </si>
  <si>
    <t>Contributions towards 0.09sqm of new swimming pools. Refer to Leisure Strategy.</t>
  </si>
  <si>
    <t xml:space="preserve">Sports Halls </t>
  </si>
  <si>
    <t>Number of Sports Halls</t>
  </si>
  <si>
    <t>Contributions towards 0.07sqm of new sports halls. Refer to Leisure Strategy.</t>
  </si>
  <si>
    <t>Contributions towards 0.04sqm of new sports halls. Refer to Leisure Strategy.</t>
  </si>
  <si>
    <t>Contributions towards 0.24sqm of new sports halls. Refer to Leisure Strategy.</t>
  </si>
  <si>
    <t>Contributions towards 0.03sqm of new sports halls. Refer to Leisure Strategy.</t>
  </si>
  <si>
    <t>Contributions towards 0.13sqm of new sports halls. Refer to Leisure Strategy.</t>
  </si>
  <si>
    <t>Contributions towards 0.02sqm of new sports halls. Refer to Leisure Strategy.</t>
  </si>
  <si>
    <t>Contributions towards 0.05sqm of new sports halls. Refer to Leisure Strategy.</t>
  </si>
  <si>
    <t>Contributions towards 0.01sqm of new sports halls. Refer to Leisure Strategy.</t>
  </si>
  <si>
    <t>Contributions towards 0.41sqm of new sports halls. Refer to Leisure Strategy.</t>
  </si>
  <si>
    <t>Contributions towards 0.26sqm of new sports halls. Refer to Leisure Strategy.</t>
  </si>
  <si>
    <t>Contributions towards 0.08sqm of new sports halls. Refer to Leisure Strategy.</t>
  </si>
  <si>
    <t>Contributions towards 0.06sqm of new sports halls. Refer to Leisure Strategy.</t>
  </si>
  <si>
    <t>Contributions towards 0.09sqm of new sports halls. Refer to Leisure Strategy.</t>
  </si>
  <si>
    <t>Green infrastructure</t>
  </si>
  <si>
    <t>Amentiy Space</t>
  </si>
  <si>
    <t xml:space="preserve">Hectares of amenity space </t>
  </si>
  <si>
    <t>Natural and semi natural greenspace</t>
  </si>
  <si>
    <t>Hecatres of natural and smei natural greenspace</t>
  </si>
  <si>
    <t>Hectares of natural and semi natural greenspace</t>
  </si>
  <si>
    <t xml:space="preserve">Public parks and gardens </t>
  </si>
  <si>
    <t>Number of public parks and gardens</t>
  </si>
  <si>
    <t>LAPs</t>
  </si>
  <si>
    <t>Number of LAPs</t>
  </si>
  <si>
    <t>Developer</t>
  </si>
  <si>
    <t>LEAPS</t>
  </si>
  <si>
    <t>Number of LEAPs</t>
  </si>
  <si>
    <t>MUGAs</t>
  </si>
  <si>
    <t>Number of MUGAs</t>
  </si>
  <si>
    <t>NEAPs</t>
  </si>
  <si>
    <t>Numebr of NEAPs</t>
  </si>
  <si>
    <t>Number of NEAPs</t>
  </si>
  <si>
    <t xml:space="preserve">Allotments </t>
  </si>
  <si>
    <t>Hectares of allotments required</t>
  </si>
  <si>
    <t>Hectares of amentity space</t>
  </si>
  <si>
    <t>Hectares of amenity space</t>
  </si>
  <si>
    <t>1 LAP, delivered by site developer</t>
  </si>
  <si>
    <t>1 LEAP, delivered by site developer</t>
  </si>
  <si>
    <t>LEAPs</t>
  </si>
  <si>
    <t>1 LAP, delivered by developer</t>
  </si>
  <si>
    <t>1 LEAP, delivered by developer</t>
  </si>
  <si>
    <t>1 MUGA, delivered by developer</t>
  </si>
  <si>
    <t xml:space="preserve">On-site </t>
  </si>
  <si>
    <t>On-site / Naturalf-site</t>
  </si>
  <si>
    <t>On-site / Andf-site</t>
  </si>
  <si>
    <t>2 MUGA's, delivered by developer</t>
  </si>
  <si>
    <t>2 NEAPs</t>
  </si>
  <si>
    <t>Amenity Space</t>
  </si>
  <si>
    <t>Land south of Berkhamsted</t>
  </si>
  <si>
    <t>1 NEAP, delivered by developer</t>
  </si>
  <si>
    <t>off-site</t>
  </si>
  <si>
    <t>1 LAP, delivered by site developers</t>
  </si>
  <si>
    <t>1 LEAP, delivered by site developers</t>
  </si>
  <si>
    <t xml:space="preserve">North Hemel </t>
  </si>
  <si>
    <t>1 LAP, delivered by developers</t>
  </si>
  <si>
    <t>3 MUGA's, delivered by developers</t>
  </si>
  <si>
    <t>2 NEAP's, delivered by developers</t>
  </si>
  <si>
    <t>1 MUGA. Delivered by site developers</t>
  </si>
  <si>
    <t>2026-2038</t>
  </si>
  <si>
    <t xml:space="preserve">Contrbution towards off-site MUGA </t>
  </si>
  <si>
    <t xml:space="preserve">Contribution towards off-site MUGA </t>
  </si>
  <si>
    <t>2 LAP, delivered by developer</t>
  </si>
  <si>
    <t>2 LEAP, delivered by developer</t>
  </si>
  <si>
    <t xml:space="preserve">Contrbution towards off-site LEAP </t>
  </si>
  <si>
    <t xml:space="preserve">Contribution towards off-site LEAP </t>
  </si>
  <si>
    <t>1 LAP delivered by site developers</t>
  </si>
  <si>
    <t>Contrbution towards LEAP</t>
  </si>
  <si>
    <t xml:space="preserve">Contribution towards off site MUGA </t>
  </si>
  <si>
    <t xml:space="preserve">Contribution towards off site NEAP </t>
  </si>
  <si>
    <t>2026-2029</t>
  </si>
  <si>
    <t xml:space="preserve">1 MUGA, delivered by site developer including contribution </t>
  </si>
  <si>
    <t>1 MUGA, delivered by site developer including contribution</t>
  </si>
  <si>
    <t xml:space="preserve">1 NEAP, delivered by site developer including contribution </t>
  </si>
  <si>
    <t xml:space="preserve">Polehanger Lane </t>
  </si>
  <si>
    <t>2 MUGA's, delivered by site developer</t>
  </si>
  <si>
    <t>1 NEAP, delivered by site developer</t>
  </si>
  <si>
    <t>1 MUGA, delivered by site developer</t>
  </si>
  <si>
    <t xml:space="preserve">Old Town </t>
  </si>
  <si>
    <t xml:space="preserve">Number of LAPs </t>
  </si>
  <si>
    <t>SANGs</t>
  </si>
  <si>
    <t>Provision of strategic SANG in accordance with DBC allocations protocol or Thirs Party SANG</t>
  </si>
  <si>
    <t>Provision of 6.45sqm of SANGS  across the borough</t>
  </si>
  <si>
    <t>Developer/DBC/Third Party</t>
  </si>
  <si>
    <t>Made available at  completion of related sites</t>
  </si>
  <si>
    <t>S106/UU</t>
  </si>
  <si>
    <t>Refer to the Local Plan SANG Strategy within HRA</t>
  </si>
  <si>
    <t>Off site Strategic SANG</t>
  </si>
  <si>
    <t>(4.80ha) James Farm Strategic SANG</t>
  </si>
  <si>
    <t>(7.68ha) James Farm Strategic SANG</t>
  </si>
  <si>
    <t>On site Bespoke SANG</t>
  </si>
  <si>
    <t xml:space="preserve">(26.88ha) Land East of Tring Bespoke SANG on Eastern section of development. Sites providing on site SANG solutions are not required to provide natural/semi-natural greenspace. </t>
  </si>
  <si>
    <t>Strategic SANG in accordance with DBC allocations protocol or Third Party SANG</t>
  </si>
  <si>
    <t>3.86ha</t>
  </si>
  <si>
    <t>Off site Bespoke SANG</t>
  </si>
  <si>
    <t xml:space="preserve">14.88ha  Haresfoot Farm Bespoke SANG. Sites providing on site SANG solutions are not required to provide natural/semi-natural greenspace. </t>
  </si>
  <si>
    <t>Off site Gateway/Third Party SANG</t>
  </si>
  <si>
    <t>1.92ha Hill Farm Gateway or Westbrook Hay Third Party SANG</t>
  </si>
  <si>
    <t>5.80ha</t>
  </si>
  <si>
    <t>0.60ha</t>
  </si>
  <si>
    <t>4.1664ha Haresfoot Farm Bespoke SANG</t>
  </si>
  <si>
    <t>0.60ha Cross Boundary Bespoke SANG with Central Bedfordshire at Studham Common</t>
  </si>
  <si>
    <t>Cross Boundary Bespoke SANG with Central Bedfordshire</t>
  </si>
  <si>
    <t>2.88ha Bespoke SANG at Studham Common</t>
  </si>
  <si>
    <t>45.79ha</t>
  </si>
  <si>
    <t xml:space="preserve">28.80ha North Hemel Bespoke SANG. Sites providing on site SANG solutions are not required to provide natural/semi-natural greenspace. </t>
  </si>
  <si>
    <t>8.64ha Gadebridge Park strategic SANG</t>
  </si>
  <si>
    <t>6.72ha Gadebridge Park strategic SANG</t>
  </si>
  <si>
    <t>3,84ha Gadebridge Park strategic SANG</t>
  </si>
  <si>
    <t>Off site Third Party SANG</t>
  </si>
  <si>
    <t>5.76ha Westbrook Hay Third Party SANG</t>
  </si>
  <si>
    <t>1.92ha Westbrook Hay Third Party SANG</t>
  </si>
  <si>
    <t>7.49ha Westbrook Hay Third Party SANG</t>
  </si>
  <si>
    <t>9.22ha Westbrook Hay Third Party SANG</t>
  </si>
  <si>
    <t>Contributions towards 9.60ha Westbrook Hay Third Party SANG</t>
  </si>
  <si>
    <t>Contributions towards 4.49ha Westbrook Hay Third Party SANG</t>
  </si>
  <si>
    <t xml:space="preserve">Contributions towards 9.60ha Shendish Bespoke SANG to the West of main development. Sites providing on site SANG solutions are not required to provide natural/semi-natural greenspace. </t>
  </si>
  <si>
    <t>On-site Bespoke SANG</t>
  </si>
  <si>
    <t xml:space="preserve">Contributions towards 14.40ha Polehanger Lane Bespoke SANG on northern part of proposed allocation </t>
  </si>
  <si>
    <t>Contributions towards 6.72ha Gadebridge Network (Margaret Lloyd Park &amp; Howe Grove) Strategic SANG</t>
  </si>
  <si>
    <t>Contributions towards 1.73ha Gadebridge Network (Margaret Lloyd Park &amp; Howe Grove) Strategic SANG</t>
  </si>
  <si>
    <t>Contributions towards 1.54ha Gadebridge Park Strategic SANG</t>
  </si>
  <si>
    <t>Contributions towards 3.84ha Gadebridge Park Strategic SANG</t>
  </si>
  <si>
    <t>SAMMS</t>
  </si>
  <si>
    <t xml:space="preserve">Provision of SAMMS </t>
  </si>
  <si>
    <t>(384sqm) Refer to Chilterns Beechwoods Special Area of Conservation Mitigation Strategy</t>
  </si>
  <si>
    <t>National Trust</t>
  </si>
  <si>
    <t>Refer to Chilterns Beechwoods Special Area of Conservation Mitigation Strategy</t>
  </si>
  <si>
    <t>(250sqm) Refer to Chilterns Beechwoods Special Area of Conservation Mitigation Strategy</t>
  </si>
  <si>
    <t xml:space="preserve">Tring </t>
  </si>
  <si>
    <t>(400sqm) Refer to Chilterns Beechwoods Special Area of Conservation Mitigation Strategy</t>
  </si>
  <si>
    <t>(201sqm) Refer to Chilterns Beechwoods Special Area of Conservation Mitigation Strategy</t>
  </si>
  <si>
    <t>(775sqm) Refer to Chilterns Beechwoods Special Area of Conservation Mitigation Strategy</t>
  </si>
  <si>
    <t>(100sqm) Refer to Chilterns Beechwoods Special Area of Conservation Mitigation Strategy</t>
  </si>
  <si>
    <t>(100sqm)  Refer to Chilterns Beechwoods Special Area of Conservation Mitigation Strategy</t>
  </si>
  <si>
    <t>(302sqm) Refer to Chilterns Beechwoods Special Area of Conservation Mitigation Strategy</t>
  </si>
  <si>
    <t>(31sqm) Refer to Chilterns Beechwoods Special Area of Conservation Mitigation Strategy</t>
  </si>
  <si>
    <t>(217sqm) Refer to Chilterns Beechwoods Special Area of Conservation Mitigation Strategy</t>
  </si>
  <si>
    <t>(67sqm) Refer to Chilterns Beechwoods Special Area of Conservation Mitigation Strategy</t>
  </si>
  <si>
    <t>(150sqm) Refer to Chilterns Beechwoods Special Area of Conservation Mitigation Strategy</t>
  </si>
  <si>
    <t>(2,385sqm) Refer to Chilterns Beechwoods Special Area of Conservation Mitigation Strategy</t>
  </si>
  <si>
    <t>(1,500sqm) Refer to Chilterns Beechwoods Special Area of Conservation Mitigation Strategy</t>
  </si>
  <si>
    <t>(450sqm) Refer to Chilterns Beechwoods Special Area of Conservation Mitigation Strategy</t>
  </si>
  <si>
    <t>(350sqm) Refer to Chilterns Beechwoods Special Area of Conservation Mitigation Strategy</t>
  </si>
  <si>
    <t>(200sqm) Refer to Chilterns Beechwoods Special Area of Conservation Mitigation Strategy</t>
  </si>
  <si>
    <t>(300sqm) Refer to Chilterns Beechwoods Special Area of Conservation Mitigation Strategy</t>
  </si>
  <si>
    <t>(390sqm) Refer to Chilterns Beechwoods Special Area of Conservation Mitigation Strategy</t>
  </si>
  <si>
    <t>(480sqm) Refer to Chilterns Beechwoods Special Area of Conservation Mitigation Strategy</t>
  </si>
  <si>
    <t>SAMMS contributions (500sqm). Refer to Chilterns Beechwoods Special Area of Conservation Mitigation Strategy</t>
  </si>
  <si>
    <t>SAMMS contributions (234sqm).Refer to Chilterns Beechwoods Special Area of Conservation Mitigation Strategy</t>
  </si>
  <si>
    <t>SAMMS contributions (750sqm). Refer to Chilterns Beechwoods Special Area of Conservation Mitigation Strategy</t>
  </si>
  <si>
    <t>SAMMS contributions (350sqm). Refer to Chilterns Beechwoods Special Area of Conservation Mitigation Strategy</t>
  </si>
  <si>
    <t>SAMMS contributions (90sqm). Refer to Chilterns Beechwoods Special Area of Conservation Mitigation Strategy</t>
  </si>
  <si>
    <t>SAMMS contributions (80sqm). Refer to Chilterns Beechwoods Special Area of Conservation Mitigation Strategy</t>
  </si>
  <si>
    <t>SAMMS contributions (200sqm). Refer to Chilterns Beechwoods Special Area of Conservation Mitigation Strategy</t>
  </si>
  <si>
    <t>Transport</t>
  </si>
  <si>
    <t>Highways and transportation</t>
  </si>
  <si>
    <t>Minor junction enhancement at the junction of Durrants Lane and Shootersway</t>
  </si>
  <si>
    <t xml:space="preserve"> Add a 2m wide footway on the southern side of Shootersway along the extents of the new development.  Include an informal crossing point east of the junction in order to connect the new southern footway with the existing footway on the eastern side of Durrants Lane. Another informal crossing west of the junction could be added in order to connect the new southern footway with the existing northern path along Shootersway (which would also have to be built into a proper footway). Dropped kerbs and tactile paving to be provided at crossing points. Crossings to be 2.4m wide.</t>
  </si>
  <si>
    <t>S278 / S106 / CIL / External Funding</t>
  </si>
  <si>
    <t>Total Cost at December 2023</t>
  </si>
  <si>
    <t xml:space="preserve">Aecom (2024) Berkhamsted and Tring Sustainable Transport Study </t>
  </si>
  <si>
    <t>Shootersway Corridor Intervention</t>
  </si>
  <si>
    <t xml:space="preserve">Existing footway to be widened and turned into a shared use facility from the junction with Cross Oak Road until the junction with Oxfield Close. From the junction with the A416 until the roundabout with Chesham Road, widen existing footway on the northern side of Shootersway and provide a shared use facility. Provide a new uncontrolled crossing at Tower Close. Provide a new 2m wide footway on the southern side of Shootersway from the junction with Cross Oak Road and just west of Tower Close junction.  Provide a 3.2m wide Puffin crossing on Shootersway west of the junction with Tower Close. Provide tactile paving, dropped kerbs, roads signs and signals apparatus. Provide an informal crossing just east of the roundabout with Cross Oak Road (dropped kerbs and tactile paving required). provide a new footway along the northern side of Shootersway between Bell Lane and Durrants Lane. </t>
  </si>
  <si>
    <t>Durrants Lane Corridor Intervention</t>
  </si>
  <si>
    <t>Widen the existing footpath on the eastern side of Durrants Lane. There are currently some maintenance issues - grass to be cut back to maximise footway width. Provide dropped kerbs and tactile paving at the entrance of Egerton-Rothesay School to create an informal crossing. To be 2.4m wide.  Add give way markings and refresh existing ones.</t>
  </si>
  <si>
    <t>Major junction enhancement at the Durrants Lane, Durrants Road and Westfield Road roundabout</t>
  </si>
  <si>
    <t xml:space="preserve">Remove the roundabout and provide a signalised junction. Provide 3.2m wide formal crossings on all arms (dropped kerbs and tactile paving). Kerb line to be moved to create more footway space and reduce junction area. </t>
  </si>
  <si>
    <t>Minor junction enhancement at the junction of Queen's Road and Shrublands Road</t>
  </si>
  <si>
    <t>Add tactile paving at the crossing along Queens Road. To be 1.2m wide as absolute minimum. Add give way markings at Queen's Road. Surface public footpath between Shrublands Road and Greenway, improve lighting and drainage - create a safer environment for pedestrians and change the look and feel of it. Add small kerbed footway buildouts on Shrublands Road (just at the junction so as to retain parking) and provide informal crossing across Shrublands Road. Tactile paving and dropped kerbs required. New crossing to be 2.4m wide.</t>
  </si>
  <si>
    <t>Minor junction enhancement at the junction of Shrublands Avenue and Shrublands Road</t>
  </si>
  <si>
    <t>Provide a 5.75m carriageway at Shrublands Avenue and build-out the rest with an uncontrolled crossing (tactile paving and dropped kerbs required). Crossing to be 2.4m wide. Repave existing footway.</t>
  </si>
  <si>
    <t>Minor junction enhancement at junction of Cross Oak Road and Shrublands Road</t>
  </si>
  <si>
    <t>add informal crossing points at Shrublands Road (west of the junction), Cross Oak Road (south of the junction) and at Charles St (east of the junction). Provision of dropped kerbs and tactile paving at these locations is required.</t>
  </si>
  <si>
    <t>Minor junction enhancement at junction of Kitsbury Road and Charles Street</t>
  </si>
  <si>
    <t>Provide informal crossing points at Kitsbury Road (both sides of the junction). Dropped kerbs and tactile paving to be provided. Crossings to be 2.4m wide. (1.2m as absolute minimum). Refresh road markings.</t>
  </si>
  <si>
    <t>Minor junction enhancement at junction of Boxwell Road and Charles Street</t>
  </si>
  <si>
    <t>Add kerbed footway buildout on western side of junction as radius is very large and this will narrow crossing distances for pedestrians. Add an uncontrolled crossing across Boxwell Road with tactile paving and dropped kerbs. Crossings to be 2.4m wide. (1.2m as absolute minimum).  Add double yellow lines at junction (tight road if vehicles are parked on both sides)</t>
  </si>
  <si>
    <t>Minor junction enhancement at junction of Park View Road and Charles Street</t>
  </si>
  <si>
    <t xml:space="preserve"> Provide tactile paving on existing crossing point at Park View Road. Crossings to be 2.4m wide. (1.2m as absolute minimum). Provide double yellow lines at junction.  Extend single yellow line from junction to the west on Charles St (vehicles parking on top of existing footway leave no space for pedestrians).</t>
  </si>
  <si>
    <t>Minor junction enhancement at the junction of Charles Street and A416</t>
  </si>
  <si>
    <t>Provide an entry treatment at Charles St. with build-outs (increase footway width at junction) including tactile paving and a central refuge.  Remove guard-railing to maximise footway width. Provide a footway build-out on the eastern side of the A416, along the existing hatching area (extra space for pedestrians entering / exiting the park and pushchairs/wheelchairs and provide some cycle stands). Maintain guardrail close to the park's entrance for safety.</t>
  </si>
  <si>
    <t>Provide Pedestrian Crossing facilities on Greenway, Berkhamsted</t>
  </si>
  <si>
    <t> UTP scheme no.43</t>
  </si>
  <si>
    <t>Standalone road crossing on the A4521 between Queens Road and Stag Lane</t>
  </si>
  <si>
    <t>Reduce guard-railing to maximise footway width. Existing crossings on the A4251 and on Stag Lane to be changed to a Toucan crossing. This would require widening existing crossings to a minimum of 4m. Kerbed buildout at junction with Stag Lane to increase footway width (existing radius are too large). Resurface carriageway and remove metallic studs.</t>
  </si>
  <si>
    <t>Minor junction enhancement at junction of Cross Oak Road and A4251</t>
  </si>
  <si>
    <t xml:space="preserve"> Side road entry treatment using block paving. Add tactile paving at the uncontrolled crossing at Cross Oak Road. Wide radius at entry/exit points from Cross Oak Road - could add footway build-outs to increase footway width. </t>
  </si>
  <si>
    <t>Minor junction enhancement at junction of Kitsbury Road and A4251</t>
  </si>
  <si>
    <t>Entry treatment. Add tactile paving at existing crossing.</t>
  </si>
  <si>
    <t>Minor junction enhancement at junction of St John's Well Lane and A4251</t>
  </si>
  <si>
    <t>Provide tactile paving at the existing crossing at St. John's Well Lane (including at the central refuge island). Crossings to be 2.4m wide. provide tactile paving and dropped kerb for a new informal crossing on the A4251, just west of the roundabout. Crossings to be 2.4m wide.  Add another crossing point east of the roundabout on the A4251, including a central refuge, bollards, tactile paving and dropped kerbs. Crossings to be 2.4m wide.  Refresh road markings.</t>
  </si>
  <si>
    <t>Minor junction enhancement at junction of Boxwell Road and A4251</t>
  </si>
  <si>
    <t>Provide tactile paving at the existing crossing point on Boxwell Road. Refresh road markings.</t>
  </si>
  <si>
    <t>Minor junction enhancement at junction of Park View Road and A4251</t>
  </si>
  <si>
    <t xml:space="preserve">Entry treatment using block paving. Provide tactile paving at the existing crossing point on Park View Road.  </t>
  </si>
  <si>
    <t>Minor junction enhancement at junction of A4251 and Three Close Lane</t>
  </si>
  <si>
    <t>Entry treatment by providing block paving at the crossing on Three Close Lane.</t>
  </si>
  <si>
    <t>Minor junction enhancement at A4251 and Victoria Street roundabout</t>
  </si>
  <si>
    <t>Entry treatment by providing block paving at the crossing on Victoria Street.</t>
  </si>
  <si>
    <t>Major junction enhancement at the junction of A4241, A416 and Lower Kings Road – ‘B-Hive’ improvements</t>
  </si>
  <si>
    <t>Widen footways or islands (widen footway on the northern side of the A4152, east of the junction). Improve crossing provisions (entry treatments on all arms). Condense the junction by moving signal stoplines and crossings towards the centre of junction - subject to vehicle tracking.</t>
  </si>
  <si>
    <t>Major junction enhancement at the junction of A4241, A416 and Lower Kings Road - alternative ‘lighter touch’ version of Bi27 including removal of some road space to widen footways on junction corners</t>
  </si>
  <si>
    <t>Entry treatment at Lower Kings Road and the A416 (block paving construction).</t>
  </si>
  <si>
    <t>Major junction enhancement at junction of Lower Kings Road and Brownlow Road (nr Berkhamsted Station)</t>
  </si>
  <si>
    <t xml:space="preserve">Provide 2 new uncontrolled crossings to create a more direct and safe route to the train station for pedestrians. Remove existing tactiles. Crossings to be 2.4m wide. (1.2m as an absolute minimum). Provide dropped kerbs and tactile paving at existing crossing points at the station’s forecourt. Crossings to be 2.4m wide. (1.2m as absolute minimum).                                                                 </t>
  </si>
  <si>
    <t>Crossing enhancements at Brownlow Road and Bridgewater Road Roundabout</t>
  </si>
  <si>
    <t>Widen existing crossings at the junction to provide clearer and safer routes to/from train station. Crossings to be 1.2m wide minimum.</t>
  </si>
  <si>
    <t>Cycle Parking at Berkhamsted Station</t>
  </si>
  <si>
    <t>Buildout the footway on the south-eastern corner of the White Hill junction with Brownlow Road; narrow the Brownlow Road carriageway towards the northern side of the tunnel and investigate providing an uncontrolled crossing to aid crossing movements between White Hill (Berkhamsted Castle) and the railway station.  Remove some of the parking spaces on the southern side of White Hill (opposite Berkhamsted Castle). Investigate split level cycle parking.</t>
  </si>
  <si>
    <t>Minor junction enhancement at junction of Castle Street and Chapel Street</t>
  </si>
  <si>
    <t>Add tactile paving at the existing crossings (dropped kerbs) on Chapel St. Crossing to be 2.4m wide. (1.2m as absolute minimum). Provide a 2.4m raised zebra crossing south of the junction for better access to Berkhamsted Boys School, including dropped kerbs, belisha beacon, tactile paving and corresponding road markings.</t>
  </si>
  <si>
    <t>Minor junction enhancement at junction of Chapel Street and Ravens Lane</t>
  </si>
  <si>
    <t>Provide dropped kerbs and tactile paving at Ravens Lane for an informal crossing (just north of the junction). Provide another informal crossing on Chapel St. (just west of the junction). Crossings to be 2.4m wide. (1.2m as absolute minimum).</t>
  </si>
  <si>
    <t>20mph zone bounded by A4251 N, Mill Street Castle Street, Station Road, Ellesmere Road, Bank Mill Lane</t>
  </si>
  <si>
    <t xml:space="preserve">Being implemented </t>
  </si>
  <si>
    <t>20mph zone along a short section of A4251 and Lower Kings Road</t>
  </si>
  <si>
    <t xml:space="preserve">HCC Project. </t>
  </si>
  <si>
    <t>External Funding</t>
  </si>
  <si>
    <t>Minor junction enhancement at Shootersway and Cross Oak Road roundabout</t>
  </si>
  <si>
    <t xml:space="preserve">Add a crossing point at Cross Oak Road with a central refuge, dropped kerbs and tactile paving. Refresh road markings. </t>
  </si>
  <si>
    <t>BK01 South of Berkhamsted, BK02 British Film Institute, BK03 Haslam Playing Fields</t>
  </si>
  <si>
    <t>2026/27-2030/31</t>
  </si>
  <si>
    <t>S278 / S106</t>
  </si>
  <si>
    <t>Minor junction enhancement at Chesham Road</t>
  </si>
  <si>
    <t>Widen existing uncontrolled crossing on Chesham Road and provide tactile paving, just north of the roundabout. Improve signage to warn drivers of cyclists crossing. Refresh road markings.</t>
  </si>
  <si>
    <t>Footway/Cycleway route improvement between Shootersway/Cross Oak Road and Chesham Road/Ashlyns Grove</t>
  </si>
  <si>
    <t>Existing footway to be widened and turned into a shared use facility between the junction with Cross Oak Road and the junction with Oxfield Close. Between the junction with the A416 and the roundabout with Chesham Road, widen existing footway on northern side of Shootersway and provide a shared use facility.  Provide a new uncontrolled crossing at Tower Close junction (1.2m wide minimum).  Provide a new 2m wide footway on the southern side of Shootersway from the junction with Cross Oak Road and just west of Tower Close junction. Footway build-out to tighten the existing kerb line at Tower Close.</t>
  </si>
  <si>
    <t>Standalone crossings on Shootersway near South of Berkhamsted (2-4) development</t>
  </si>
  <si>
    <t>Provide a 3.2m wide Puffin crossing on Shootersway west of the junction with Tower Close. Provide tactile paving, dropped kerbs, roads signs and signals apparatus. This crossing will connect the existing footway with the proposed 2m wide footway on the southern side of Shootersway.</t>
  </si>
  <si>
    <t>Minor junction enhancement at junction of Swing Gate Lane and Upper Hall Park</t>
  </si>
  <si>
    <t>Entry treatment on Upper Hall Park and maintain existing uncontrolled crossing. Provide block paving. Refresh road markings.</t>
  </si>
  <si>
    <t>BK01 South of Berkhamsted</t>
  </si>
  <si>
    <t>Minor junction enhancement at junction of Swing Gate Lane and Hillside Gardens</t>
  </si>
  <si>
    <t>Raised table across whole junction. Swing Gate Lane is very steep at this point, so a raised table will encourage drivers to reduce their speed, increasing safety for pedestrians in the area. Provide an informal crossing point at Hillside Gardens, including tactile paving. Crossing to be 2.4m wide. (1.2m as absolute minimum). Provide footway build-outs at junction to aid the speed reduction.</t>
  </si>
  <si>
    <t>Minor junction enhancement at junction of Swing Gate Lane and Woodlands Avenue</t>
  </si>
  <si>
    <t xml:space="preserve"> Raised table across whole junction. Swing Gate Lane is very steep at this point, so a raised table will encourage drivers to reduce their speed, increasing safety for pedestrians in the area.  Provide an informal crossing point at Woodlands Avenue, including tactile paving. Crossing to be 2.4m wide. (1.2m as absolute minimum). Provide footway build-outs at junction to aid the speed reduction. Vehicle tracking required.</t>
  </si>
  <si>
    <t>Standalone road crossing on A4251 outside Swing Gate School</t>
  </si>
  <si>
    <t xml:space="preserve"> Provide a 3.2m wide puffin crossing on the A4251, east of the roundabout and west of the bus stop, to allow better and safer access to Swing Gate School. Provide dropped kerbs, tactile paving and pedestrian crossing signs. Kerbed build-out to fill in bus layby, widen pavement. Provision of bus cage on main carriageway and shift the location of the new bus stop slightly eastwards to keep separation from the new crossing</t>
  </si>
  <si>
    <t>New 20mph speed limit area covering southern Berkhamsted residential area</t>
  </si>
  <si>
    <t xml:space="preserve"> New 20mph speed limit area covering Hall Park Gate, Hall Park Hill, Hall Park, Upper Hall Park, Fieldway, Cedar Road, Hillside Gardens, Swing Gate Lane, Lombardy Drive, Woodlands Avenue, Briar Way, Hazel Road, Cheshunt Drive, Coram Close, Holly Drive, Curtis Way, Greene Walk, Victoria Road, Highfield Road, Beech Drive, Three Close Lane</t>
  </si>
  <si>
    <t>30mph speed limit along London Road between Broadway Farm and Esso Fuel Garage (reduced from 40mph)</t>
  </si>
  <si>
    <t>Convert area to 30mph Widening the non-controlled crossing across London Road at Hall Park to 2.4m on both directions and relocate the lighting column. Extend the ped refuge island. zone, north-west of Bullbeggars Lane with new gateway marked by signs and road markings. Section of 40mph to remain to the south west as a buffer.  Remove existing 40/30mph road sign gateway outside Asda filling station (consideration could be given to 30mph repeater signs if permitted. Widening the footway into the grassed verge to accommodate a 3m min shared path from Asda filling station to Bourne End.</t>
  </si>
  <si>
    <t>Minor junction enhancement at the junction of Billet Lane and Billet Lane industrial estate</t>
  </si>
  <si>
    <t>Large radius at the crossing creates a large crossing distance for pedestrians.  The northern footway at the junction could be extended a bit further into Billet Lane Industrial Estate to reduce crossing distance (increase safety) - Highway boundary to be checked as private land might be required for this. Consideration will need to be given to swept paths for large goods vehicles.</t>
  </si>
  <si>
    <t>Improve operation of Billet Lane corridor between Gossoms End and Bridgewater Road</t>
  </si>
  <si>
    <t xml:space="preserve"> UTP scheme no.19. Refer to HCC Tring North Church and Berkhamsted Urban Transport Plan. </t>
  </si>
  <si>
    <t>Footway and bus improvements to New Road near entrance to proposed Lock Field development</t>
  </si>
  <si>
    <t>Bi91.aImproved footway (length and width to be determined).
Bi91.bMove back the give-way line to accommodate informal crossing in front, approximately 1-2m.
Bi91.cUncontrolled pedestrian crossing on raised speed table (suitable for buses) approximately 2m wide incorporating tactile pavings.
Bi91.dInformal crossing with dropped kerb incorporating tactile pavings on southern side (opposite entrance to the canal towpath).
Bi91.ePotential extra bus stops. Location and feasibility dependent upon new footway being constructed on the northern side of New Road and further discussion with HCC.
Bi91.fNew widened footway on both sides, removing central hatched area and removing some parking spaces to accommodate a new uncontrolled 2m wide crossing incorporating tactile pavings on raised table (suitable for buses).
Bi91.gNew widened footway on both sides, removing central hatched area and removing some parking spaces to accommodate a new informal crossing on raised table (suitable for buses).</t>
  </si>
  <si>
    <t>Footway/cycleway route improvement along Icknield Way between the A41 roundabout and Icknield Way Industrial Estate</t>
  </si>
  <si>
    <t>Ti1.aWiden the existing sections of cycle lane between The Holloway and Icknield Way and Aylesbury Road to 3m and provide a shared use facility. This is to provide continuity for users.
Ti1.bProvide an informal crossing for pedestrians/cyclists where the two existing cycle tracks end, just north-east of the A41 roundabout. Add tactile paving and dropped kerbs. Crossings to be 2.4m wide.
Ti1.c Provide a new 2m wide footway along Icknield Way on the south-western side (where the existing path is) up to the junction with Icknield Way Industrial Estate.
Ti1.dProvide an informal crossing just north of the junction with Icknield Way Industrial Estate to connect with the existing footway on the eastern side of Icknield Way. Crossings to be 2.4m wide.</t>
  </si>
  <si>
    <t>Footway/cycleway route improvement along Aylesbury Road between the A41 roundabout and Donkey Lane</t>
  </si>
  <si>
    <t xml:space="preserve">Ti2.aRefresh road markings for the shared use facility close to the A41 roundabout.
Ti2.bWiden existing footway to 2m on the northern side of Aylesbury road (maintenance issue).
Ti2.cProvide a new 2.4m wide uncontrolled crossing where the Drayton Manor Lodge bus stop is (northbound direction). A new section of 2m wide footway is required on the southern side to accommodate the new crossing and provide access to the westbound bus stop.
Ti2.dWiden existing footway to 2m on the southern side of Aylesbury road between the Drayton Manor Lodge bus stop and the existing uncontrolled crossing just south of the junction with Donkey Lane.
Ti2.e Provide new tactiles for the uncontrolled crossing just south of the junction of Aylesbury road and Donkey Lane. Crossings to be 2.4m wide.  </t>
  </si>
  <si>
    <t>Improvements to existing footway alongside Icknield Way between Miswell Lane and Icknield Way industrial estate</t>
  </si>
  <si>
    <t xml:space="preserve">Ti58.aWiden to 2m (or 1.5m if 2m is not possible) and repave existing footway along the southern side of Icknield Way, between the northern and southern accesses to Icknield Way Industrial State.
Ti58.bWiden existing uncontrolled crossing to 2.4m on the northeastern entrance to Icknield Way Industrial State.
Ti58.cWiden to 2m and repave existing footway between the northern access to Icknield Way Industrial State and Miswell Lane. There are maintenance issues – grass growing on the footway. Cut back vegetation to maximise footway width.               </t>
  </si>
  <si>
    <t>Miswell Lane (permissioned)</t>
  </si>
  <si>
    <t>By 2025/26</t>
  </si>
  <si>
    <t>West Tring Development Corridor Intervention - Icknield Way</t>
  </si>
  <si>
    <t>A new off-road route to link with the footway/cycleway in Tring Hill, Bucks
Ti60.aProvide a 1.5m wide off-road cycle track along the southern side of Icknield Way between the A41 roundabout and Icknield Way Industrial Estate.
Ti60.bNew uncontrolled crossing across the southern access to Icknield Way Industrial State (dropped kerbs required for cyclists). Crossing to be 2.4m wide.</t>
  </si>
  <si>
    <t>Standalone crossing on Western Road (B4635) near Park Road junction</t>
  </si>
  <si>
    <r>
      <t>Ti6.a</t>
    </r>
    <r>
      <rPr>
        <sz val="11"/>
        <color rgb="FF000000"/>
        <rFont val="Arial"/>
        <family val="2"/>
      </rPr>
      <t xml:space="preserve"> Provide a 2.4m wide raised zebra crossing on Western Road, outside house number 129, just west of the bus stop. Provide tactile paving, dropped kerbs, road markings and belisha beacons.</t>
    </r>
  </si>
  <si>
    <t>Standalone crossing on Western Road (B4635) near Miswell Lane junction</t>
  </si>
  <si>
    <r>
      <t xml:space="preserve">Ti7.a </t>
    </r>
    <r>
      <rPr>
        <sz val="11"/>
        <color rgb="FF000000"/>
        <rFont val="Arial"/>
        <family val="2"/>
      </rPr>
      <t>Remove existing informal crossing on B4635, just north of the junction with Miswell Lane and provide a zebra crossing (tactile paving, dropped kerbs and belisha beacons to be provided).</t>
    </r>
  </si>
  <si>
    <t>Minor junction enhancement at the junction of Miswell Lane and Goldfield Road</t>
  </si>
  <si>
    <r>
      <t>Ti8.a</t>
    </r>
    <r>
      <rPr>
        <sz val="11"/>
        <color rgb="FF000000"/>
        <rFont val="Arial"/>
        <family val="2"/>
      </rPr>
      <t xml:space="preserve"> Entry treatment at Goldfield Road. Provide an informal crossing at Goldfield Road with dropped kerbs and tactile paving. </t>
    </r>
  </si>
  <si>
    <t>Major junction enhancement at the Western Road, Christchurch Road, High Street and Langdon Street roundabout</t>
  </si>
  <si>
    <t>Ti14.aSignalise existing junction. Existing uncontrolled crossings to be replaced by formal crossings (tactile paving and dropped kerbs required).
Ti14.bRemove existing island on High St. and provide a 1m footway build-out on the northern side.
Recommendation: Pavement condition survey on all arms.</t>
  </si>
  <si>
    <t>Standalone crossing between Station Road/London Road T junction and the Brook Street/High Street/London Road mini roundabout</t>
  </si>
  <si>
    <r>
      <t>Ti75.a</t>
    </r>
    <r>
      <rPr>
        <sz val="11"/>
        <color rgb="FF000000"/>
        <rFont val="Arial"/>
        <family val="2"/>
      </rPr>
      <t xml:space="preserve"> Replace the existing uncontrolled crossing which is situated between the Station Road T-junction and the Brook Street roundabout with a Puffin crossing. Tactile paving and dropped kerbs required (minimum width 3.2m).</t>
    </r>
  </si>
  <si>
    <t>Dunsley Farm and Land East of Tring</t>
  </si>
  <si>
    <t>Minor junction enhancement at the junction of Christchurch Road and Goldfield Road</t>
  </si>
  <si>
    <r>
      <t>Ti15.a</t>
    </r>
    <r>
      <rPr>
        <sz val="11"/>
        <color rgb="FF000000"/>
        <rFont val="Arial"/>
        <family val="2"/>
      </rPr>
      <t xml:space="preserve"> Provide entry treatment and maintain the uncontrolled crossing.</t>
    </r>
  </si>
  <si>
    <t>Minor junction enhancement at the junction of Christchurch Road and Friars Walk</t>
  </si>
  <si>
    <t xml:space="preserve">Ti16.aEntry treatment at Friars Walk (block paving). Replace damaged tactile pavings with new ones.
Ti16.bRefresh road markings
Ti16.cProvide small kerb footway build-outs to tighten the radii for traffic. </t>
  </si>
  <si>
    <t>Minor junction enhancement at the Frogmore Street/Dundale Road and Friars Walk</t>
  </si>
  <si>
    <t xml:space="preserve">Ti17.aSide road entry treatment and new uncontrolled crossing at Friars Walk (tactile paving required). Crossing to be 1.2m wide minimum.
Ti17.bProvide another crossing point across Frogmore St north of the junction to connect the existing pub. Crossing to be 2.4m wide.
Ti17.cRefresh road markings on Friars Walk.
</t>
  </si>
  <si>
    <t>Provide improved Pedestrian Crossing facilities on Frogmore Street Tring</t>
  </si>
  <si>
    <t>UTP scheme no.45</t>
  </si>
  <si>
    <t>New cycle route between Dundale Road and Little Tring Road</t>
  </si>
  <si>
    <r>
      <t>Ti18.a</t>
    </r>
    <r>
      <rPr>
        <sz val="11"/>
        <color rgb="FF000000"/>
        <rFont val="Arial"/>
        <family val="2"/>
      </rPr>
      <t xml:space="preserve"> Provide a 1.5m wide one-way segregated cycle lane (southbound direction) between the junction of Little Tring Road with B488 and the entrance to the fields (approximately 265m north from the B488 junction) - along the existing neglected footpath. Appropriate signs and markings required.</t>
    </r>
  </si>
  <si>
    <t>Minor junction enhancement at the junction between Icknield Way and Dundale Road/Little Tring Road - informal crossing including dropped kerbs (some existing provision)</t>
  </si>
  <si>
    <r>
      <t>Ti19.a</t>
    </r>
    <r>
      <rPr>
        <sz val="11"/>
        <color rgb="FF000000"/>
        <rFont val="Arial"/>
        <family val="2"/>
      </rPr>
      <t xml:space="preserve"> Provide an uncontrolled crossing for cyclists across Icknield Way to connect with Little Tring Road (include dropped kerbs). Crossing to be 2.4m wide.</t>
    </r>
  </si>
  <si>
    <t>Standalone crossing outside Tesco Superstore in Tring</t>
  </si>
  <si>
    <t xml:space="preserve"> Remove existing uncontrolled crossing on B4635 and provide a new 3.2m wide puffin crossing (no central reserve). This would require dropped kerbs, tactile paving and widening the footways. Footway on the northern side of B4635 to be widened to 2m to accommodate the new formal crossing.</t>
  </si>
  <si>
    <t>Footway/cycleway route improvement along the A4251 between Tesco Superstore and London Road/Cow Lane junction</t>
  </si>
  <si>
    <t xml:space="preserve">Ti34.aProvide a segregated shared facility on the northern side of the A4251 from the junction with Cow Lane and along the existing path - widen to 2.5-3m. Provide appropriate shared use signs and road markings (surface colour treatment for cycle lane).
Ti34.bProvide a 4m wide toucan crossing across B4635 just east of the eastbound bus stop "Tesco". Dropped kerbs, tactile paving and road markings required.
Ti34.cTurn the existing footway on the southern side of the B4635 up to Tesco Superstores into a shared use facility.                       </t>
  </si>
  <si>
    <t>New cycle route along the A4251 between London Road/Cow Lane junction to Newground Road/Beggars Lane</t>
  </si>
  <si>
    <t xml:space="preserve">Ti35.aProvide a shared use facility along the northern side of the A4251. Existing road signs might be a constraint. Provide appropriate shared use signs and road markings.
Ti35.b Provide dropped kerbs and tactile paving at the junction with Newground Road for both a new uncontrolled crossing. Include a 2m wide refuge island. Crossing to be 1.2m wide as absolute minimum.     </t>
  </si>
  <si>
    <t>Minor junction enhancements at Cow Lane/London Road junction</t>
  </si>
  <si>
    <r>
      <t>Ti57.a</t>
    </r>
    <r>
      <rPr>
        <sz val="11"/>
        <color rgb="FF000000"/>
        <rFont val="Arial"/>
        <family val="2"/>
      </rPr>
      <t xml:space="preserve"> Dropped kerbs for both footways either side of Cow Lane and tactile paving (new uncontrolled crossing point). Crossing to be 2.4m wide.</t>
    </r>
  </si>
  <si>
    <t>New cycle route between Mortimer Hill and Station Road</t>
  </si>
  <si>
    <r>
      <t>Ti24.a</t>
    </r>
    <r>
      <rPr>
        <sz val="11"/>
        <color rgb="FF000000"/>
        <rFont val="Arial"/>
        <family val="2"/>
      </rPr>
      <t xml:space="preserve"> Widen existing footway to 2.5-3m along the path to provide a shared use space. Signs and markings required.                </t>
    </r>
  </si>
  <si>
    <t>Minor junction enhancement at the junction of Station Road and Bridge Way</t>
  </si>
  <si>
    <t>Ti36.a Provide an uncontrolled crossing point across Station Road for better access to Bridge Way from the southern footway. Crossing to be 2.4m wide.
Ti36.bRepave existing footway at the entrance of Bridge Way (Current paving is very damaged).</t>
  </si>
  <si>
    <t>Dunsley Farm,New Mill and Land East of Tring</t>
  </si>
  <si>
    <t>New cycle route alongside Station Road (within East of Tring 2 development) between Grove Road junction and the Grand Union Canal</t>
  </si>
  <si>
    <r>
      <t>Enhance existing shared use facility on the northern side of Station Road - repave existing facility, provide colour surface treatment for cycle lane, provide road markings to differentiate pedestrian side and cycle lane (incl. cycle logos)</t>
    </r>
    <r>
      <rPr>
        <i/>
        <sz val="11"/>
        <color rgb="FF000000"/>
        <rFont val="Arial"/>
        <family val="2"/>
      </rPr>
      <t>.</t>
    </r>
  </si>
  <si>
    <t>Dunsley Farm, and New Mill and Land East of Tring</t>
  </si>
  <si>
    <t>Crossing and footway enhancements adjacent to Tring station forecourt</t>
  </si>
  <si>
    <t>Ti56.aExtended speed table approximately 20m in length (designed to allow buses to pass over easily) incorporating two 4m wide uncontrolled crossing points at either end, marked with contrasting surface.
Ti56.bSlight relocation of the bus cage further east, approximately 3-5m.
Ti56.cSmall kerbed build-out on the corner of the station forecourt exit, providing additional protection for pedestrians entering and exiting the forecourt area, and incorporating a dropped kerb. The exit width will be reduced slightly, however there should remain sufficient width for buses and other vehicles to safely exit.
Ti56.dInvestigate localised widening of the footway if there is space within the highway boundary.</t>
  </si>
  <si>
    <t>Enhancements to Tring Railway Station</t>
  </si>
  <si>
    <t xml:space="preserve">Further enhancements to the station and surrounding routes as put forward in London Northwestern Railway’s Prospectus for Tring station. </t>
  </si>
  <si>
    <t xml:space="preserve">Combination of various measures could cost in excess of £1m but delivered over the course of the Local Plan period </t>
  </si>
  <si>
    <t>Minor junction enhancement at the junction of Miswell Lane and Beaconsfield Road</t>
  </si>
  <si>
    <t>Side road entry treatment.</t>
  </si>
  <si>
    <t>Should be considered in the short term</t>
  </si>
  <si>
    <t>Minor junction enhancement at the junction of Miswell Lane and Highfield Road</t>
  </si>
  <si>
    <t xml:space="preserve"> Provide a side roads entry treatment with block paving. Add tactile pavings for a new uncontrolled crossing.</t>
  </si>
  <si>
    <t xml:space="preserve">Should be considered in the short term </t>
  </si>
  <si>
    <t>Minor junction enhancement at the junction of Miswell Lane and B4635</t>
  </si>
  <si>
    <t xml:space="preserve"> Entry treatment using block paving. Tactile paving to provide an uncontrolled crossing.</t>
  </si>
  <si>
    <t>Minor junction enhancement at the junction of Grove Road and Marshcroft Lane</t>
  </si>
  <si>
    <t>Ti31.aEntry treatment at Marshcroft Lane and informal crossing with tactile paving. Crossing to be 1.2m wide minimum.
Ti31.bRefresh road markings.</t>
  </si>
  <si>
    <t>New Mill, Land East of Tring</t>
  </si>
  <si>
    <t>Minor junction enhancement at the crossroads of Station Road, Grove Road and Cow Lane</t>
  </si>
  <si>
    <t>Ti32.aProvide tactile paving at central refuge and crossing points on Grove Road.
Ti32.bRefresh road markings.
Ti32.cAdd 20mph and 30mph signs at Station Road, just west of the junction with Grove Road.
Ti32.dProvide an informal crossing point across Station Road west of the junction with Grove Road. Crossing to be 2.4m wide.</t>
  </si>
  <si>
    <t>Grove Road Corridor Intervention</t>
  </si>
  <si>
    <t>Ti68.aProvide an uncontrolled crossing across Grove Road between Grove Gardens and Bunyan Close to create a safer access onto the footway on the northern side of Grove Road. Dropped kerbs and tactile paving required. Crossing to be 2.4m wide.
Ti68.bWiden existing footway to 2m on the northern side of Grove Road (maintenance issue - cut back vegetation to maximise footway width) between Grove Gardens and house number 30.</t>
  </si>
  <si>
    <t>2026-2036</t>
  </si>
  <si>
    <t>Standalone crossing on Brook Street near Hunters Close</t>
  </si>
  <si>
    <t>Provide a 2.4m zebra crossing next to the entrance/exit to Hunters Close. Tactile paving, dropped kerbs, belisha beacons and appropriate road markings and signs to be provided.</t>
  </si>
  <si>
    <t>20mph speed limit in north Tring, along New Road and on Morefields/Fields End</t>
  </si>
  <si>
    <t>20mph speed limit area in central and western Tring</t>
  </si>
  <si>
    <t>20mph speed limit in north-east Tring, east of Dundale Road to Brook Street in the west, bounded just inside Icknield Way in the north and High Street in the south.</t>
  </si>
  <si>
    <t>Active Mode connection to Wilstone</t>
  </si>
  <si>
    <t>2026-2042</t>
  </si>
  <si>
    <t>Segregated cycle/footway along A4251 from Tring to Northchurch along existing neglected footway</t>
  </si>
  <si>
    <t>2026-2043</t>
  </si>
  <si>
    <t>Cycle route from Tring Station to Pitstone</t>
  </si>
  <si>
    <t>2026-2044</t>
  </si>
  <si>
    <t>Multi-Modal</t>
  </si>
  <si>
    <t>Cambrian Way Local Mobility Hub</t>
  </si>
  <si>
    <t>Local Mobility Hub located near to the junction with Wensleydale, close to Nickey Line, and served by Bus Route 2</t>
  </si>
  <si>
    <t>All LP sites</t>
  </si>
  <si>
    <t>2031/32-2035/36</t>
  </si>
  <si>
    <t>Keens Field Mobility Hub</t>
  </si>
  <si>
    <t>Local Mobility Hub located at Queensway-St Paul's Rd (close to Nickey Line) OR Cattsdell-Thumpers junction area. Served by Bus Routes 2, 3 and 4</t>
  </si>
  <si>
    <t>Grovehill Local Mobility Hub</t>
  </si>
  <si>
    <t>Local Mobility Hub located at Aycliffe Drive (Grovehill) opp. Henry Wls Sq. Served by Bus Route 2</t>
  </si>
  <si>
    <t xml:space="preserve">S278 / S106 </t>
  </si>
  <si>
    <t>Woodhall Farm Local Mobility Hub</t>
  </si>
  <si>
    <t>Local Mobility Hub located on Shenley Road, Woodhall Fm near Sainsbury's. Served by Bus Route 2</t>
  </si>
  <si>
    <t>Adeyfield Local Mobility Hub</t>
  </si>
  <si>
    <t>Local Mobility Hub located at The Queen's Square, Adeyfield local centre. Served by Bus Routes 1 and 302</t>
  </si>
  <si>
    <t>Maylands South Local Mobility Hub</t>
  </si>
  <si>
    <t>At or near future HERT interchange at junction of A414 Breakspear Way/Maylands Avenue</t>
  </si>
  <si>
    <t>East Hemel Hempstead</t>
  </si>
  <si>
    <t>Jarman Park Local Mobility Hub</t>
  </si>
  <si>
    <t>Local Mobility Hub located at Jarman Park near to vehicle access or adjacent to marked bus stop. Not currently served by any local bus service but could be served by the HERT in the future</t>
  </si>
  <si>
    <t>Bennetts End Local Mobility Hub</t>
  </si>
  <si>
    <t>Local Mobility Hub located at Peascroft Road/Bennetts End Road, close to the local shopping parade. Served by Bus Routes 1 and 2</t>
  </si>
  <si>
    <t>Leverstock Green Local Mobility Hub</t>
  </si>
  <si>
    <t>Local Mobility Hub located on Leverstock Green Way, close to the local shopping parade. Served by Bus Routes 20, 302 and 721</t>
  </si>
  <si>
    <t>Critical - Local Plan</t>
  </si>
  <si>
    <t>Warners End Local Mobility Hub</t>
  </si>
  <si>
    <t xml:space="preserve">Local Mobility Hub at Warners End Road/Long Chaulden, close to the local shopping parade. Served by Bus Routes 3, 4 and ML1.  </t>
  </si>
  <si>
    <t>Galley Hill Local Mobility Hub</t>
  </si>
  <si>
    <t xml:space="preserve">Local Mobility Hub located in Galley Hill opposite the Baptist Church. Served by Bus Routes 3 and 4. </t>
  </si>
  <si>
    <t>Polehanger Lane; Grovehill Local Centre</t>
  </si>
  <si>
    <t>Chaulden Local Mobility Hub</t>
  </si>
  <si>
    <t xml:space="preserve">Local Mobility Hub located close to the Honeycross Rd junction. Served by Bus Routes 3 and ML1 </t>
  </si>
  <si>
    <t>West Hemel Hempstead</t>
  </si>
  <si>
    <t>Maylands Central Local Mobility Hub</t>
  </si>
  <si>
    <t>Local Mobilith Hub located at Wood Lane End car park (requites removal of parking spaces). Served by Bus Routes 302, 320 and ML1.</t>
  </si>
  <si>
    <t>Dacorum Borough Council / St Albans City and District Council</t>
  </si>
  <si>
    <t>Maylands Multi Modal Interchange (Metro Mobility Hub)</t>
  </si>
  <si>
    <t>Integrated metro mobility hub with facilities to encourage and facilitate modes of transport other than the private car; this will connect the site to key destinations including Hemel Hempstead Train Station and the Maylands Business Park. Mobility hub to provide a bus and coach interchange near Maylands with access to the A414/M1. Served by existing or new express coach services along the M1 (e.g. Greenline and National Express) and local express buses to neighbouring towns including a potential cross-county express bus service (HERT). Opportunity for associated cycle and pedestrian improvements. This forms part of Phase 2 of the package of transport measures for M1 J8 enhancements - Prioritisation of active and sustainable modes of travel.</t>
  </si>
  <si>
    <t>TBD - could be located within East Hemel Hempstead site</t>
  </si>
  <si>
    <t>2036/37-2040/41</t>
  </si>
  <si>
    <t>St Albans City and District Council</t>
  </si>
  <si>
    <t>Bus/Coach/MRT</t>
  </si>
  <si>
    <t>Plough Roundabout Link Break - bus priority</t>
  </si>
  <si>
    <t xml:space="preserve">Investigate the potential for introducing bus priority at the Plough Roundabout, particularly in the vicinity of the bus interchange which could also be served by the HERT in the future. </t>
  </si>
  <si>
    <t xml:space="preserve">A414 St Albans Road (town centre approach) bus priority </t>
  </si>
  <si>
    <t xml:space="preserve">Bus priority lane on the A414 westbound approaching the Plough Roundabout  including bus gate signals to enable buses to move from the nearside to the offside lane. To accommodate the bus lane, there is likely to be a need to reduce general traffic space by a lane in either the eastbound or westbound direction. </t>
  </si>
  <si>
    <t>Bus Only Traffic Filter - Station Road</t>
  </si>
  <si>
    <t xml:space="preserve">A Bus Only traffic filter (in both directions) on A4146 Station Road, east of St John's Road, to prevent through traffic. Could be in operation throughout the day, or at peak times only. It would benefit Bus Routes 1, 2, 4, 20, 302, 352, 501, ML1 and X5. Additional locations for bus only traffic filters across Hemel Hempstead are not confirmed at this time and would be subject to feasibility and assessment of the traffic re-routeing effects.  </t>
  </si>
  <si>
    <t>Bus Only Traffic Filters - wider Hemel Hempstead</t>
  </si>
  <si>
    <t>Additional locations for bus only traffic filters could be considered across Hemel Hempstead. Provision is currently made for up to 4 additional locations, subject to feasibility and public consultation. These locations will be determined based on more detailed investigations including consideration of the potential impacts on traffic re-routing. They should be considered in locations which are already well served by bus services.</t>
  </si>
  <si>
    <t>2031/32-2035/37</t>
  </si>
  <si>
    <t>North Hemel Hempstead Local Mobility Hub - west</t>
  </si>
  <si>
    <t>Local Mobility Hub located within the proposed North Hemel Hempstead development site around the proposed mixed use area MU1 - to be provided by the developer at a location which is accessible within the site and aligned to the Local Mobility Hub standards applied across Hemel Garden Communities</t>
  </si>
  <si>
    <t>North Hemel Hempstead Local Mobility Hub - central</t>
  </si>
  <si>
    <t>Local Mobility Hub located within the proposed North Hemel Hempstead development site around the proposed mixed use area MU2 - to be provided by the developer at a location which is accessible within the site and aligned to the Local Mobility Hub standards applied across Hemel Garden Communities</t>
  </si>
  <si>
    <t>North Hemel Hempstead Local Mobility Hub east</t>
  </si>
  <si>
    <t>Local Mobility Hub located within the proposed North Hemel Hempstead development site on the eastern side near to the A4146 Redbourn Road and around the proposed mixed use area MU3 - to be provided by the developer at a location which is accessible within the site and aligned to the Local Mobility Hub standards applied across Hemel Garden Communities</t>
  </si>
  <si>
    <t>East Hemel Hempstead Local Mobility Hub</t>
  </si>
  <si>
    <t>Metro Mobility Hub located within the proposed East Hemel Hempstead development site in the northern part of the development, south of the A4146 Redbourn Road and around the proposed mixed use area MU4 - to be provided by the developer at a location which is accessible within the site and aligned to the Local Mobility Hub standards applied across Hemel Garden Communities</t>
  </si>
  <si>
    <t>Metro Mobility Hub located within the proposed East Hemel Hempstead development site in the southern part of the development, north of the A4147 Hemel Hempstead Road and around the proposed mixed use area MU6 - to be provided by the developer at a location which is accessible within the site and aligned to the Local Mobility Hub standards applied across Hemel Garden Communities</t>
  </si>
  <si>
    <t>Marchmont Farm Local Mobility Hub</t>
  </si>
  <si>
    <t>Local Mobility Hub located within the proposed Marchmont Farm development site - to be provided by the developer at a location which is accessible within the site and aligned to the Local Mobility Hub standards applied across Hemel Garden Communities</t>
  </si>
  <si>
    <t>Polehanger Lane Local Mobility Hub</t>
  </si>
  <si>
    <t>Local Mobility Hub located within the proposed Polehanger Lane development site - to be provided by the developer at a location which is accessible within the site and aligned to the Local Mobility Hub standards applied across Hemel Garden Communities</t>
  </si>
  <si>
    <t>Shendish Manor and Fairfields Local Mobility Hub</t>
  </si>
  <si>
    <t>Local Mobility Hub located within the proposed Shendish Manor and Fairfields development site - to be provided by the developer at a location which is accessible within the site and aligned to the Local Mobility Hub standards applied across Hemel Garden Communities</t>
  </si>
  <si>
    <t>Hemel Hempstead Station Forecourt Enhancements (Metro Mobility Hub)</t>
  </si>
  <si>
    <t xml:space="preserve">Revised layout to the station forecourt to provide a more attractive and accessible environment for walking, wheeling and cycling, improved taxi rank, improved bus interchange facilities in line with the Metro Mobility Hub standards. This will be the terminating/turn-around point for the proposed HERT MRT system. </t>
  </si>
  <si>
    <t>Rail</t>
  </si>
  <si>
    <t>Hemel Hempstead Station Upgrade</t>
  </si>
  <si>
    <t>Refresh of the station infrastructure including refurbished ticket office, subway and stairwells to platforms</t>
  </si>
  <si>
    <t>Highways</t>
  </si>
  <si>
    <t>M1 Junction 8 enhancement - Phase 3 - M1 Junction 8 - current proposals</t>
  </si>
  <si>
    <t>Phase 3 of  package of transport measures to enhance M1 Junction 8 and surrounding area. To provide additional capacity and connectivity to Maylands and Herts IQ, and relieve congestion on the A414. Land to the east of Junction 8 is safeguarded, in case it is required to come forward for junction improvements (Phase 3 J8 enhancements).
Reconfiguration of M1 Junction 8 on the eastern side, including a new roundabout adjoining the southbound on/off-slips and a new connector road over the M1 and connecting into Green Lane north of the A414</t>
  </si>
  <si>
    <t>Post 2041 - additional government funding required?</t>
  </si>
  <si>
    <t>Post 2041</t>
  </si>
  <si>
    <t>M1 Junction 8 enhancement - Phase 1 Phoenix Gateway Roundabout re-configuration and signalisation</t>
  </si>
  <si>
    <t>Phase 1 of package of transport measures to enhance M1 Junction 8 and surrounding area - Replacement of the existing Phoenix Gateway/Green Lane roundabout on the A414 with a signal-controlled crossroads which should help to manage traffic flows through the junction</t>
  </si>
  <si>
    <t>A414 Breakspear Way walking and cycling  bridge for active modes</t>
  </si>
  <si>
    <t>A high quality, attractive bridge for walking, wheeling and cycling connecting the East Hemel Hempstead site north and south of the A414 between Green Lane and the M1.  This forms part of Phase 2 of the package of transport measures for M1 J8 enhancements - Prioritisation of active and sustainable modes of travel.</t>
  </si>
  <si>
    <t>Off-site and on-site</t>
  </si>
  <si>
    <t>A414 Dual Carriageway gap closure - Lamsey Street</t>
  </si>
  <si>
    <t>Closure of the central reservation gap to right turning traffic - traffic will be diverted to the next roundabout or an alternative route</t>
  </si>
  <si>
    <t>Cross-boundary</t>
  </si>
  <si>
    <t>A414 Dual Carriageway gap closure - Wood Crescent</t>
  </si>
  <si>
    <t>A414 Dual Carriageway gap closure - St Albans Rd leading into Mariner Way &amp; Sandmere Close</t>
  </si>
  <si>
    <t>A414 Dual Carriageway gap closure - Rant Meadow</t>
  </si>
  <si>
    <t>Cherry Tree Lane Quietway</t>
  </si>
  <si>
    <t>Quietway, indicated by signs and some physical measures at entry points, on Cherry Tree Lane between Three Cherry Trees Lane to Redbourn Road. Closure to through traffic.</t>
  </si>
  <si>
    <t>Punchbowl Lane Quietway</t>
  </si>
  <si>
    <t>Quietway, indicated by signs and some physical measures at entry points, on Punchbowl Lane. The section of the lane west of the M1 will be subsumed within East Hemel Hempstead development and may therefore be subject to alteration. Closure to through traffic.</t>
  </si>
  <si>
    <t>Hogg End Lane Quietway</t>
  </si>
  <si>
    <t>Quietway, indicated by signs and some physical measures at entry points, on Hog End Lane. The section of the lane west of the M1 will be subsumed within East Hemel Hempstead development and may therefore be subject to alteration. Closure to through traffic.</t>
  </si>
  <si>
    <t xml:space="preserve">Green Lane Quietway </t>
  </si>
  <si>
    <t>Quietway, indicated by signs and some physical measures at entry points, on Green Lane between Breakspear Park office complex access and junction with Westwick Row. The section of Green Lane adjacent to Breakspear Park may be subject to alteration resulting from the East Hemel Hempstead development and changes to the A414 Phoenix Gateway Roundabout. Closure to through traffic.</t>
  </si>
  <si>
    <t xml:space="preserve">Bunkers Lane Quietway </t>
  </si>
  <si>
    <t>Quietway, indicated by signs and some physical measures at entry points, on Bunkers Lane between Longdean Park and Bedmond Road. Closure to through traffic.</t>
  </si>
  <si>
    <t>Blackwater Lane Quietway</t>
  </si>
  <si>
    <t>Quietway, indicated by signs and some physical measures at entry points, on Blackwater Lane. This lane will be subsumed within East Hemel Hempstead development (reserve school development site) and may therefore be subject to change. Closure to through traffic.</t>
  </si>
  <si>
    <t>Berkhamsted Road Gateway Corridor</t>
  </si>
  <si>
    <t xml:space="preserve">Alterations to Berkhamsted Road adjacent to the proposed Poleshanger Lane development which will include a vehicular access onto this road. Comprising a reduction in the speed limit from National Speed limit to 30 or 40mph between the access to Boxted Farm and the existing settlement boundary. </t>
  </si>
  <si>
    <t>Fields End Lane/Pouchen End Lane Quietway</t>
  </si>
  <si>
    <t>Quietway, indicated by signs and some physical measures at entry points, on Fields End Lane, joining another proposed Quietway at its western end at Pouchen End Lane, and Boxted Road at its eastern end. Closure to through traffic.</t>
  </si>
  <si>
    <t>Active Travel</t>
  </si>
  <si>
    <t>Boxted Road Green Loop Crossing Point</t>
  </si>
  <si>
    <t>Pedestrian and cycle crossing on Boxted Road adjacent to the junction with Fields End Lane (proposed Quietway) and Berkhamsted Road (which is not open to traffic at its western end, and is also proposed as a Quietway)</t>
  </si>
  <si>
    <t>Polehanger Lane-Leighton Buzzard Road Green Loop</t>
  </si>
  <si>
    <t xml:space="preserve">Upgrade to existing PRoW (Footpath) Hemel Hempstead (013) linking Polehanger Lane and Leighton Buzzard Road to form part of the proposed Green Loop. </t>
  </si>
  <si>
    <t>Dacorum Borough Council*</t>
  </si>
  <si>
    <t>Holtsmere End Lane Quietway</t>
  </si>
  <si>
    <t xml:space="preserve">Quietway, indicated by signs and some physical measures at entry points, on Holtsmere End Lane between a location in the vicinity of PRoW (Footpath) Great Gaddesden 048 and Redbourn 011. This lane will run through or along the perimeter of the proposed East Hemel Hempstead development and therefore may be subject to alteration as part of the development. Where Holtsmere End Lane currently links onto Gaddesdon Lane on the north-eastern side of the proposed Nort/East Hemel Hempstead developments, this should also be considered for Quietway treatment to discourage traffic ratrunning through the development or conversely traffic routeing out of the development onto Gaddesdon Lane. </t>
  </si>
  <si>
    <t>Redbourn Road Green Loop Crossing Point</t>
  </si>
  <si>
    <t>Pedestrian and cycle crossing on B487 Redbourn Road adjacent to the junction between Cherry Tree Lane and Holtsmere End Lane to connect sections of the proposed Green Loop running through the East Hemel Hempstead development on either side.</t>
  </si>
  <si>
    <t>A4147 Hemel Hempstead Road Gateway Corridor</t>
  </si>
  <si>
    <t xml:space="preserve">Alterations to the A4147 Hemel Hempstead Road between the existing settlement boundary and the junction with Beechtree Lane and Appspond Lane (between M1 and A414), comprising: 1) speed limit changes 30mph along most of the length, with a buffer 40mph section at the eastern most end up to Beechtree Lane and Appsond Lane; 2) provision of upgraded shared use pedestrian and cycle route along the full length (northern side of the road); 3 crossings including 1 signal-controlled pedestrian/cycle crossing (for access to proposed secondary school on southern side) and a crossing to link with the Blackwater Lane Green Loop; raised M1 bridge parapet (northern side) to facilitate cycling. Upgrades may be influenced by where proposed vehicle accesses will be created into the East Hemel Hempstead development site and school entrance.     </t>
  </si>
  <si>
    <t>Bunkers Lane-Blackwater Lane Quietway Crossing Point</t>
  </si>
  <si>
    <t>Pedestrian and cycle crossing on Bedmond Road adjacent to the junction with Bunkers Lane (proposed Quietway) and Blackwater Lane (proposed Quietway)</t>
  </si>
  <si>
    <t>The Denes Centre Local Mobility Hub</t>
  </si>
  <si>
    <t>Local Mobility Hub located adjacent to the Denes local shopping parade. Served nearby by Bus Route 2</t>
  </si>
  <si>
    <t>All LP Sites</t>
  </si>
  <si>
    <t>Two Waters (London Road) Local Mobility Hub</t>
  </si>
  <si>
    <t>Local Mobility Hub located on London Road in Two Waters Opportunity Area, opposite McDonalds drive-thru and close to the A414 junction. Served nearby by Bus Route 322</t>
  </si>
  <si>
    <t>National Grid and 339-353 London Road; Symbio Site, Whiteleaf Road</t>
  </si>
  <si>
    <t xml:space="preserve">E-Bike Hire Scheme with E-Bike docking hubs (where not co-located at Mobility Hubs) - Hemel Hempstead Inner </t>
  </si>
  <si>
    <t>Information sourced from Transport Initiatives LLP's June 2024 report. Could comprise 26-34 docking hubs; Hemel Hempstead Outer - 13-17 docking hubs ((Two Waters OA - 9 hubs; Kings Langley 8 hubs; Maylands Business Park 7 docking hubs; North HH 10 hubs; East HH 15 docking hubs). Assume simple docking equipment and/or a marked area on the highway.</t>
  </si>
  <si>
    <t>Apsley Station Forecourt &amp; Cycle Provision</t>
  </si>
  <si>
    <t xml:space="preserve">Enlarge pedestrian footway in front of station ticket hall, double the number of cycle stands (currently 12), removal of some parking spaces to provide space for enlarged footway and additional cycle stands, planting and landscaping.  </t>
  </si>
  <si>
    <t>Apsley Mills Retail Park; Shendish Manor and Fairfields</t>
  </si>
  <si>
    <t xml:space="preserve">B487 Hemel Hempstead Road Gateway Corridor </t>
  </si>
  <si>
    <t xml:space="preserve">Alterations to the B487 Hemel Hempstead Road between the existing settlement boundary and the M1 bridge, comprising: 1) speed limit changes 30mph along the frontage of the proposed East Hemel Hempstead development, with a buffer 40mph section at the eastern; 2) provision of new cycle and pedestrian route on at least one side of the road to link with existing footway provision west of Cherry Tree Lane; 3) at least 1 controlled pedestrian/cycle crossing (to connect sections of the East Hemel Hempstead development on either side; 4) alteration to the B487-Cherry Tree Lane-Holtsmere Lane junction in line with the Quietway treatments proposed to the two lanes (including signage and kerbed build outs to discourage through traffic); 5) upgraded bus stops.  It is anticipated there will be one junction serving access to the proposed East Hemel Hempstead development on either side of the road.     </t>
  </si>
  <si>
    <t>St Albans-Hemel Hempstead Bus Connectivity</t>
  </si>
  <si>
    <t xml:space="preserve">Review bus service connections between St Albans and Hemel Hempstead from the perspective of identifying opportunities for increasing service frequencies and/or reducing journey times e.g. introducing new services with limited stops or re-routeing services along the A414 to simulate what could eventually form the future HERT corridor. Existing services in the corridor include Bus Route 721. </t>
  </si>
  <si>
    <t>Northern Hemel Hempstead-Watford Town Centre, Croxley and Rickmansworth Connectivity</t>
  </si>
  <si>
    <t xml:space="preserve">Review bus service connections between North Hemel Hempstead, Watford, Croxley and Rickmansworth from the perspective of identifying opportunities for increasing service frequencies and/or reducing journey times e.g. introducing new services with limited stops or re-routeing services along the A41, A4251, Bedmond Road and/or the M1. Existing services in the corridor include Bus Routes 20 and 322. </t>
  </si>
  <si>
    <t>B440 Leighton Buzzard Road Gateway Corridor (Piccotts End to Link Road/Galley Hill</t>
  </si>
  <si>
    <t xml:space="preserve">Alterations to the B440 Leighton Buzzard Road in conjunction with the North Hemel Hempstead proposed development (which could potentially provide a vehicle access onto this road). Measures include reducing the current 50mph section to 40mph (matching the 40mph section to the north); reducing the current 60mph section leading out of Hemel Hempstead to 40mph; installing a signal-controlled Toucan crossing adjacent to Public Footpath 'Hemel Hempstead 013'); provision LTN standard cycle and footway (replacing the existing narrow footway) on the western side of the road (approx. 680m): provision of signal-controlled crossing on Galley Hill at southern end of corridor, east of the B440-A4147 roundabout. </t>
  </si>
  <si>
    <t>Luton-Hemel Hempstead Bus Connectivity</t>
  </si>
  <si>
    <t>Review bus and coach service connections between Luton and Hemel Hempstead from the perspective of identifying opportunities for increasing service frequencies and/or reducing journey times e.g. introducing new services with limited stops or re-routeing services to improve connectivity. Existing services between the two towns are Bus Routes 46 and 721.</t>
  </si>
  <si>
    <t>Revision to Parking Standard Zones - expanding the scope for car-free new developments</t>
  </si>
  <si>
    <t>Revision to Parking Standard Zones as currently specified in the Parking Standards Supplementary Planning Document (2020) - expansion of Zone 1 including merging with Zone 2 to the east of the town centre and into Two Waters/Apsley, area east of the A414. Increase the scope for car-free developments across a wider proportion of the more accessible, better connected parts of the town.</t>
  </si>
  <si>
    <t>Increased parking enforcement</t>
  </si>
  <si>
    <t xml:space="preserve">Increase in parking enforcement by Civil Enforcement Officers, including specifically additional officer patrols for on-street parking. </t>
  </si>
  <si>
    <t>Marlowes - West Herts College Local Mobility Hub</t>
  </si>
  <si>
    <t xml:space="preserve">Local Mobility Hub outside the college, and served by Bus Routes 2, 4 and 46. </t>
  </si>
  <si>
    <t>West of Hemel Local Mobility Hub</t>
  </si>
  <si>
    <t>Local Mobility Hub within the proposed development or on the adjacent Long Chaulden, currently served by Bus Routes 3, 4 and ML1</t>
  </si>
  <si>
    <t>A414 Maylands Avenue - Green Lane bus priority lanes</t>
  </si>
  <si>
    <t xml:space="preserve">Maylands Avenue to Green Lane - eastbound and westbound bus lanes (approx.335m in length) with signal-controlled bus gate at the terminating end. Would necessitate removal of a general traffic lane in at least one direction as there is insufficient space for bus lanes within the verge area on both sides of the road. </t>
  </si>
  <si>
    <t>A414 Maylands Avenue Roundabout Signalisation</t>
  </si>
  <si>
    <t xml:space="preserve">Partial signalisation of Maylands Avenue roundabout - northern and eastern arms and opposing circulatories. Removal of left-turn bypass lane from north to east. Provide two lane exit onto A414 eastbound with widened central reserve to create more stacking space on southbound circulatory. Introduce a new at-grade crossing facility to the east of the roundabout, to replace or complement the existing footbridge. </t>
  </si>
  <si>
    <t>A414 Rant Meadow to Bennetts End Road bus priority lane</t>
  </si>
  <si>
    <t>Westbound only bus lane between Rant Meadow and  Bennetts End Road roundabout with signal controlled bus gate. May require some reallocation of road space.</t>
  </si>
  <si>
    <t>Upgraded Town Centre Riverside Bus Interchange</t>
  </si>
  <si>
    <t>Upgrade to the Riverside Bus Interchange to align with Metro Mobility Hub standards including better facilities for waiting passengers. Assume the overall capacity of the interchange will not be influenced by the adjacent Riverside development</t>
  </si>
  <si>
    <t>Western Access Plaza to Aspley Station</t>
  </si>
  <si>
    <t xml:space="preserve">A new plaza and western access to Aspley Station. Assumed to comprise a small ticket office at ground level, cycle parking facilities, vehicle drop-off however no car parking will be provided. Alongside this, provision should be made for additional accessibility features including step-free access to all platforms which would necessitate a new footbridge and three lifts. </t>
  </si>
  <si>
    <t>Footbridge overhaul or additional/replacement bridge near Apsley Marina</t>
  </si>
  <si>
    <t xml:space="preserve">(LS-75) Overhaul of the existing, modern footbridge to reduce maintenance or provision of a replacement or additional bridge over the canal which can also accommodate cyclists. </t>
  </si>
  <si>
    <t>A4147 Hemel Hempstead-St Albans cycle route</t>
  </si>
  <si>
    <t xml:space="preserve">An off-road shared use footway and cycleway between Appspond Lane/Beechtree Lane and King Harry Lane, expected to run along the northern side of the road. </t>
  </si>
  <si>
    <t>Kingsland Road-Horsecroft Road crossing</t>
  </si>
  <si>
    <t xml:space="preserve">(SG2-1) Add uncontrolled or marked priority cycling and pedestrian crossing where the PRoW crosses Kingsland Road and Horsecroft Road. Likely to require reduction in marked parking bays. Consider kerbed build out with dropped kerb and tactile paving. </t>
  </si>
  <si>
    <t>20mph speed limit zone including Fishery Road</t>
  </si>
  <si>
    <r>
      <t xml:space="preserve">(SG2-2) Investigate the introduction of a 20 mph speed limit zone in this area, including Fishery Road, Kingsland Road and Horsecroft Road. </t>
    </r>
    <r>
      <rPr>
        <i/>
        <sz val="11"/>
        <color theme="1"/>
        <rFont val="Arial"/>
        <family val="2"/>
      </rPr>
      <t xml:space="preserve">Note: this area falls within a wider area identified by HCC as being a potential 20mph zone, subject to further investigation. </t>
    </r>
  </si>
  <si>
    <t>Traffic calming on Kingsland Road and Horsecroft Road</t>
  </si>
  <si>
    <r>
      <t xml:space="preserve">(SG2-3) Provide traffic calming features near crossings e.g. Add speed cushions on approaches to both crossings (these may be required as part of a 20mph speed limit zone). </t>
    </r>
    <r>
      <rPr>
        <i/>
        <sz val="11"/>
        <rFont val="Arial"/>
        <family val="2"/>
      </rPr>
      <t xml:space="preserve">Note: this area falls within a wider area identified by HCC as being a potential 20mph zone, subject to further investigation. </t>
    </r>
  </si>
  <si>
    <t>Pedestrian route enhancements on Fishery Passage</t>
  </si>
  <si>
    <t>(SG2-4) Increase pedestrian capacity (widen footways and/or reallocate carriageway) on Fishery Passage close to the junction with Horsecroft Road. Consider parking control measures to prevent parking on pavement including bollards if not an obstruction to pedestrians. Add tactile paving at northern end of short footway running into Fishery Passage</t>
  </si>
  <si>
    <t>Wayfinding signage on Horsecroft Road and Kingsland Road</t>
  </si>
  <si>
    <t>(SG2-5) Introduce wayfinding signs at key junction points (Horsecroft Road, Kingsland Road, River Park) indicating distance and travel time on foot to the station.</t>
  </si>
  <si>
    <t>Cycle parking stands at bus stop on Fishery Road</t>
  </si>
  <si>
    <t>(SG2-6) Add cycle parking stands adjacent to bus stop on Fishery Road (southbound)</t>
  </si>
  <si>
    <t xml:space="preserve">Crossing improvements around Cowper Road </t>
  </si>
  <si>
    <t>(SG3-1) Add tactile paving and dropped kerbs at Cowper Road/St John's Road, Crouchfield, Grosvenor Terrace, The Poplars, Cowper Road/Gravel Hill Terrace</t>
  </si>
  <si>
    <t>Crossing improvements around along Gravel Hill Terrace</t>
  </si>
  <si>
    <t>(SG3-2) Tighten kerb radii at junction of Gravel Hill Terrace and Woodland Close. Introduce informal crossings with dropped kerbs with tactile paving at Woodland Close and Cardy Road junctions onto Gravel Hill Terrace</t>
  </si>
  <si>
    <t>20mph speed limit including on Cowper Road</t>
  </si>
  <si>
    <r>
      <t xml:space="preserve">(SG3-3) Investigate introducing 20mph limits/zones covering Cowper Road. Retained intervention, but added the following note: </t>
    </r>
    <r>
      <rPr>
        <i/>
        <sz val="11"/>
        <rFont val="Arial"/>
        <family val="2"/>
      </rPr>
      <t xml:space="preserve">Note: this area falls within a wider area identified by HCC as being a potential 20mph zone, subject to further investigation. </t>
    </r>
  </si>
  <si>
    <t>Marked parking bays on Cowper Road</t>
  </si>
  <si>
    <t>(SG3-4) Reduce the occurrence of pavement parking where feasible, such as introduction of marked parking bays on one side of the road</t>
  </si>
  <si>
    <t>Cycle hanger storage on Cowper Road</t>
  </si>
  <si>
    <t xml:space="preserve">(SG3-5) Provide cycle storage facility - hanger (x2) for residents on Cowper Rd. To be located within the highway, removing some car parking space. </t>
  </si>
  <si>
    <t>Junction crossing improvements on Cowper Road</t>
  </si>
  <si>
    <t>(SG4-1) Add tactile paving; add dropped kerbs; improve signage and wayfinding</t>
  </si>
  <si>
    <t>Beechfield Road-Cornfields alleyway crossing</t>
  </si>
  <si>
    <t>(SG4-2) Add new uncontrolled cycling and pedestrian crossing at Beechfield Road and alleyway through to The Cornfields</t>
  </si>
  <si>
    <t>Junction crossing improvements on Crouchfield</t>
  </si>
  <si>
    <t>(SG4-3) Tighten kerb radii and reduce crossing widths at the junctions of Crouchfield/Beechfield Road, and Crouchfield/Nestlecoft. Also introduce raised speed table uncontrolled pedestrian crossings at each junction.</t>
  </si>
  <si>
    <t>Footway widening approaching The Cornfields</t>
  </si>
  <si>
    <t>(SG4-4) Widen the footway on the approach to The Cornfields (eastern side). Introduce a need handrail around the edge. Introduce dropped kerbs and tactile paving on either side of the road (avoiding manhole covers)</t>
  </si>
  <si>
    <t>Footpath width vegetation cut-back</t>
  </si>
  <si>
    <t>(SG4-5) Manage vegetation along footpaths to maximise width and increase visibility</t>
  </si>
  <si>
    <t>Pedestrian route street lighting enhancements</t>
  </si>
  <si>
    <t>(SG4-6) Investigate introducing additional street lighting along pedestrian routes</t>
  </si>
  <si>
    <t>Glenview Gardens cycle hanger storage</t>
  </si>
  <si>
    <t>(SG4-7) Add cycle  storage facilities for residents along Glenview Gardens</t>
  </si>
  <si>
    <t>A4251 London Road cycle route</t>
  </si>
  <si>
    <t xml:space="preserve">(SG5-1) New on-road advisory cycle lanes (both directions) between the A4146 and A414 junctions where there is sufficient carriageway width. Provision of a section of off-road route at the eastern end (northern side of the road) on the approach to the A4251-A414 signalised junction. </t>
  </si>
  <si>
    <t>Hemel Hempstead Station Gateway; National Grid and 339-353 London Road; Symbio Site, Whiteleaf Road</t>
  </si>
  <si>
    <t>A4251 London Road footway widths</t>
  </si>
  <si>
    <t>(SG5-2) Increase pedestrian footway width by cutting back encroaching vegetation and improving maintenance of footway including renewed surfacing</t>
  </si>
  <si>
    <t>A4251 London Road Speed VMS</t>
  </si>
  <si>
    <t>(SG5-3) Add VMS speed feedback sign</t>
  </si>
  <si>
    <t>A4251 London Road-A4146 Station Road Junction Reconfiguration including provision for cyclists and buses</t>
  </si>
  <si>
    <t>(SG5-4) Major junction improvement - convert to signal controlled crossroads with cycle priority at A4251/A4146 including advance stop lines or bicycle boxes. Include hurry call detection for buses travelling between London Road (west) and Station Road.</t>
  </si>
  <si>
    <t>Two Waters Road-London Road pedestrian-cycle link</t>
  </si>
  <si>
    <t>(SG6-1) Widen Public footpath cutting the corner of Two Waters Road and London Road to accommodate cyclists and pedestrians (leading to the proposed Mobility Hub at the southern end). At the northern end, provide kerbed build-out with dropped kerbs to designate end of the cycle path and advise cyclists to join the carriageway). Removing of c.2-3 car lengths of kerbside parking.</t>
  </si>
  <si>
    <t>National Grid and 339-353 London Road; Symbio Site, Whiteleaf Road; Apsley Mills Retail Park</t>
  </si>
  <si>
    <t>Two Waters Road-London Road junction improvement</t>
  </si>
  <si>
    <t xml:space="preserve">(SG6-2) Tighten kerb radii/ reduce crossing width at Two Waters Road junction and introduce a speed table at or close to mouth of the junction. </t>
  </si>
  <si>
    <t>Durrants Hill Road-London Road junction improvement</t>
  </si>
  <si>
    <t xml:space="preserve">(SG6-3) Tighten kerb radii/ reduce crossing width at Durrants Hill Rd and introduce a speed table at or close to mouth of the junction. </t>
  </si>
  <si>
    <t>Kents Avenue-London Road junction improvement</t>
  </si>
  <si>
    <t>(SG6-4) Tighten kerb radii/ reduce crossing width at Kents Avenue junction and introduce a speed table at or close to mouth of the junction.</t>
  </si>
  <si>
    <t>Retail Park access pedestrian crossing improvement</t>
  </si>
  <si>
    <t xml:space="preserve">(SG6-5) Add marked pedestrian crossing at the retail park access roundabout arm leading to Sainsbury's </t>
  </si>
  <si>
    <t>20mph speed limit on London Road</t>
  </si>
  <si>
    <r>
      <t xml:space="preserve">(SG6-6) Investigate introducing 20mph speed limit between Featherbed Lane and Weymouth Street. </t>
    </r>
    <r>
      <rPr>
        <i/>
        <sz val="11"/>
        <rFont val="Arial"/>
        <family val="2"/>
      </rPr>
      <t xml:space="preserve">Note: this area falls within a wider area identified by HCC as being a potential 20mph zone, subject to further investigation. </t>
    </r>
  </si>
  <si>
    <t>London Road Dootlittle Meadows crossings and compact roundabout treatment</t>
  </si>
  <si>
    <t>(SG7-2) Add new cycling crossing and improve pedestrian crossing facilities at A4251/Doolittle Meadows roundabout (create a compact roundabout by reducing the kerb radii on the approaches (mark as single lane)</t>
  </si>
  <si>
    <t>London Road access to Apsley Station controlled pedestrian crossing</t>
  </si>
  <si>
    <t>(SG7-3) Introduce signal-controlled crossing at the location of the existing uncontrolled crossing with refuge island close to the station access road. Removal of central hatched area, increase width of footway on the southern end between the crossing and station access (approx. 20m). Crossing on bus-compliant  raised speed table. Removal of c.4 c4-6 car lengths of kerbside parking bays)</t>
  </si>
  <si>
    <t>London Road access to Doolittle Meadows controlled pedestrian crossing</t>
  </si>
  <si>
    <t>(SG7-4) Introduce signal-controlled crossing at the location of the existing uncontrolled crossing west of the A4251/Doolittle Meadows Roundabout, on bus-compliant raised speed table</t>
  </si>
  <si>
    <t>Traffic calming approach Doolittle Meadows</t>
  </si>
  <si>
    <t>(SG7-5) Add speed cushions on the approaches to A4251/Doolittle Meadows roundabout</t>
  </si>
  <si>
    <t>London Road Apsley pedestrian capacity enhancement</t>
  </si>
  <si>
    <t>(SG7-6) Increase pedestrian capacity (Widen footways and/or reallocate carriageway space)</t>
  </si>
  <si>
    <t>London Road Apsley Wayfinding signage</t>
  </si>
  <si>
    <t xml:space="preserve">(SG7-7) Introduce way-finding signage indicating pedestrian routes between London Road and canal </t>
  </si>
  <si>
    <t>Great Elms Road side arm crossing improvements</t>
  </si>
  <si>
    <t xml:space="preserve">(SG8-1) Add tactile paving; add dropped kerbs; improve signage and wayfinding at junctions between Great Elms Road with (a) Belswains Lane, (b) Ash Grove, (c) Oakdene Road. </t>
  </si>
  <si>
    <t>Great Elms Road to Mulready Walk controlled crossing</t>
  </si>
  <si>
    <t>(SG8-2) Provide signal-controlled pedestrian crossing facility on Belswains Lane between Great Elms Rd and Mulready Walk. Consider kerb-build out on northern side, removing narrow central hatched area within carriageway</t>
  </si>
  <si>
    <t>Great Elms Road side arm crossing and kerb radii treatments</t>
  </si>
  <si>
    <t xml:space="preserve">(SG8-3) Tighten kerb radii and reduce crossing widths junctions between Great Elms Rd and (a) Kings Ave, (b) Oak St, (c) Barnfield, (d) Sanders Rd, (e) Deansway, (f) Horselers, (g) Candlefield Rd. Introduce tactile paving and provide contrasting surface treatment to denote crossings. </t>
  </si>
  <si>
    <t>Great Elms Road &amp; Candlefield Road traffic calming</t>
  </si>
  <si>
    <t>(SG8-4) Provide traffic calming features along Great Elms Rd and Candlefield Rd - speed cushions</t>
  </si>
  <si>
    <t>Great Elms Road pavement parking prevention</t>
  </si>
  <si>
    <t>(SG8-5) Introduce bollards to discourage or prevent pavement parking</t>
  </si>
  <si>
    <t>Great Elms Road - Coronation Fields crossing</t>
  </si>
  <si>
    <t>(SG8-6) Introduce un-controlled crossing with tactile paving on raised speed table adjacent to Coronation Fields, linking the footpaths leading away from Great Elms Road on either side</t>
  </si>
  <si>
    <t>Great Elms Road and Candlefield Road Cycle Hangers</t>
  </si>
  <si>
    <t>(SG8-7) Add cycle hanger storage facilities (x3) for residents</t>
  </si>
  <si>
    <t>Peascroft Road cycle route and side-arm junction copenhagen crossings</t>
  </si>
  <si>
    <t>(SG9-1) New off-carriageway shared footway cycleway between Bennetts End Road and existing cycle route which links Northend and Malmes Court, incorporating Copenhagen Crossings (3x) on Kiln Ground, St Michaels Avenue and Kilncroft</t>
  </si>
  <si>
    <t>Peascroft Road-Bennetts End Road Junction cycle crossing improvements</t>
  </si>
  <si>
    <t>(SG9-2) Improve cycling crossing facilities using road markings at Bennetts End Rd/ Peascroft Rd mini-roundabout</t>
  </si>
  <si>
    <t>Peascroft Road mini roundabout traffic calming</t>
  </si>
  <si>
    <r>
      <t xml:space="preserve">(SG9-3) Provide speed cushions on two approaches to Bennetts End Rd/ Peascroft Rd mini-roundabout. </t>
    </r>
    <r>
      <rPr>
        <i/>
        <sz val="11"/>
        <rFont val="Arial"/>
        <family val="2"/>
      </rPr>
      <t xml:space="preserve">Note: this area falls within a wider area identified by HCC as being a potential 20mph zone, subject to further investigation. </t>
    </r>
  </si>
  <si>
    <t>Pescroft Road area 20mph speed limit</t>
  </si>
  <si>
    <r>
      <t xml:space="preserve">(SG9-4) Investigate introducing 20mph limits/zones at Peascroft Rd (residential area with schools) and Malmes Croft. </t>
    </r>
    <r>
      <rPr>
        <i/>
        <sz val="11"/>
        <rFont val="Arial"/>
        <family val="2"/>
      </rPr>
      <t xml:space="preserve">Note: this area falls within a wider area identified by HCC as being a potential 20mph zone, subject to further investigation. </t>
    </r>
  </si>
  <si>
    <t>Pescroft Road pavement parking restrictions</t>
  </si>
  <si>
    <t>(SG9-5) Physical parking control measures such as bollards, double yellow lines to prevent cars parking on footway</t>
  </si>
  <si>
    <t>Peascroft Road/Northend cycle stands</t>
  </si>
  <si>
    <t>(SG9-6) Add cycle stands (x4) along the route, opposite the green space near Kilncroft and Longfield</t>
  </si>
  <si>
    <t>Malmes Croft off-carriageway cycle route</t>
  </si>
  <si>
    <t>(SG9-7) New off-carriageway shared footway cycleway at eastern end of Malmes Croft, between Windermere Close and Leverstock Green Way</t>
  </si>
  <si>
    <t>Additional cycle parking at Leverstock Green Village Centre</t>
  </si>
  <si>
    <t>(SG10-4) Add cycle parking (c. 6x cycle stands) adajcent to the controlled crossing outside the Leverstock Green Village Centre shopping parade</t>
  </si>
  <si>
    <t>East Hemel Hempstead; Plots 2/3 Kier Park, Maylands Avenue; Site to the south of Green Lane</t>
  </si>
  <si>
    <t>New controlled crossing between St Davids Close and Greenachres</t>
  </si>
  <si>
    <t>(SG10-2) Provide a new controlled crossing between St Davids Close and Greenachres to serve access to the inbound bus stop from housing on the eastern side of road.  In conjunction, widen footways on both sides of the road, either side of the crossing, and incorporate tactile paving and dropped kerbs and include short footway extension on southern side of St Davids Close arm</t>
  </si>
  <si>
    <t xml:space="preserve">Leverstock Green Way side arm junction treatments </t>
  </si>
  <si>
    <t xml:space="preserve">(SG10-3) Tighten kerb radii where feasible to reduce crossing width and install tactile paving with dropped kerbs at side arms with a) Curtis Road, b) Church Road, c) Pancake Lane and d) Bartel Close </t>
  </si>
  <si>
    <t>Leverstock Green Way Village Centre to A414 Cycle Route</t>
  </si>
  <si>
    <t>(SG10-1) New off-carriageway shared use cycle and footway on the southern/western side of the road between Malmes Croft and A414 signal-controlled crossing (west of Maylands Avenue junction). Include reduced kerb radii at Green Dell Way to reduce crossing width with tactile paving and contrasting surface treatment to indicate uncontrolled crossing location. Also include short section south of Malmes Croft to the signal-controlled crossing and upgrade crossing to a Toucan crossing</t>
  </si>
  <si>
    <t>East Hemel Hempstead; Plots 2/3 Kier Park, Maylands Avenue</t>
  </si>
  <si>
    <t>Mickleford Road junction crossing improvements</t>
  </si>
  <si>
    <t>(SH11-1) Add tactile paving at Micklefield Road (junctions with Green Lane and Poynders Hill)</t>
  </si>
  <si>
    <t>East Hemel Hempstead; Site to the south of Green Lane</t>
  </si>
  <si>
    <t>A4147 Toucan Crossing and cycle link into Woolmer Drive</t>
  </si>
  <si>
    <t xml:space="preserve">(SG11-2) Provide signal-controlled Toucan crossing on A4147, in addition to a shared use cycle and footway on the eastern side of the Toucan crossing, leading round into Woolmer Drive as far as the bus stop (c.70m) where provision should be made for cyclists to safely enter/exit the carriageway. </t>
  </si>
  <si>
    <t>20mph zone covering roads including Woolmer Drive, Green Lane, Mickleford Road and Datchworth Turn</t>
  </si>
  <si>
    <r>
      <t xml:space="preserve">(SG11-3) 20mph zone covering all roads leading off the A4147 and as far south as Green Lane up to and including junction with Kingcup Avenue (3 external entry points). Assume provision of additional traffic calming features to help ensure compliance with speed limit, c. x20 pairs of speed cushions. </t>
    </r>
    <r>
      <rPr>
        <i/>
        <sz val="11"/>
        <rFont val="Arial"/>
        <family val="2"/>
      </rPr>
      <t xml:space="preserve">Note: this area falls within a wider area identified by HCC as being a potential 20mph zone, subject to further investigation. </t>
    </r>
  </si>
  <si>
    <t>Cycle Hanger storage on Mickleford Road and Datchworth Turn</t>
  </si>
  <si>
    <t>(SG11-4) Add cycle hanger storage facilities for residents, including on Datchworth Turn and Micklefield Road (x2 hangers)</t>
  </si>
  <si>
    <t>Redbourn Road side junction crossing improvements</t>
  </si>
  <si>
    <t xml:space="preserve">(SG14-1) Improve pedestrian crossing facilities at a) The Melings and b) Half Moon Meadow junctions with Redbourn Road, reducing the kerb radii on the eastern side of both junctions (removing the short slip road sections) adding tactile paving on both sides of Redbourn Rd aligned with current uncontrolled crossings. </t>
  </si>
  <si>
    <t>East Hemel Hempstead; North Hemel Hempstead</t>
  </si>
  <si>
    <t>Redbourn Road-Three Cherry Trees Junction Enhancement</t>
  </si>
  <si>
    <t>(SG14-2) Redbourn Road-Three Cherry Trees Lane-Shelby Road Junction Enhancement - signalisation scheme incorporating controlled crossings for pedestrians on all sides</t>
  </si>
  <si>
    <t>Maylands Avenue Shared Use Cycle Corridor</t>
  </si>
  <si>
    <t>(SG15-1) Provision of a high quality, off-road cycle route along the full length between the A414 Breakspear Way and A4147 Swallowdale Lane (eastern side of the road). Expected to comprise widening of the existing shared-use path to meet standards including replacing areas of grass verge and localised reduction in carriageway space (e.g. removal of additional lanes at some junctions (access to Aldi/Nuffield Health/McDonalds; junction with Wood Lane End). Assume cyclist priority on some side arms (Eaton Road; Maxted Road; x3 accesses to Hosking Court). Also provision of a Toucan crossing at location of existing uncontrolled crossing with refuge islands just north of the Travelodge vehicle access). Include upgrade to the existing shared use route between the A414 at-grade signal crossing to the proposed Toucan crossing on Maylands Avenue. Also provide additional signal-controlled crossing points on Maylands Avenue in the vicinity of Dixons Turn and Eaton Road</t>
  </si>
  <si>
    <t>Maylands Avenue Wayfinding Signage</t>
  </si>
  <si>
    <t xml:space="preserve">(SG15-2) Additional wayfinding signage  showing directions and distances to key destinations including mobility hubs </t>
  </si>
  <si>
    <t>Longlands side arm pedestrian crossing improvements</t>
  </si>
  <si>
    <t xml:space="preserve">(SG16-1) Implement dropped kerbs and tactile paving at side-arm junctions with Ellen Close; Hobletts Road; Springfield Road; Little Road; and Ellingham Road </t>
  </si>
  <si>
    <t>Longlands Additional Zebra Crossings</t>
  </si>
  <si>
    <t>(SG16-2) Two additional Zebra crossings on extended speed table, between Broadfield Road and Sawyer's Way, and between Vauxhall Road and Field Road (replacing existing uncontrolled crossing)</t>
  </si>
  <si>
    <t>Longlands Pavement Parking Prevention</t>
  </si>
  <si>
    <t>(SG16-3) Physical measures e.g. bollards or landscaping features such as rain gardens, to prevent pavement parking on sections of footway along Longlands where it is not already permitted, especially in the vicinity of junctions (Broadfield Road, Sawyer's Way; The Queen's Square, Windmill Road and Vauxhall Road) and focus on sections adjacent to playing fields either side of The Adeyfield School</t>
  </si>
  <si>
    <t>Longlands Shared Use Cycle Path</t>
  </si>
  <si>
    <t xml:space="preserve">(SG16-4) Create an off-road shared use path on the eastern side of the road, between The Queen's Square (including a 50m section on this side road to provide access to the Local Mobility Hub - separate proposal) and the A414 St Albans Road. </t>
  </si>
  <si>
    <t>Continuous Pavement crossings at Fields Road and Vauxhall Road</t>
  </si>
  <si>
    <t>(SG16-5) Install Copenhagen crossings at theside arm  junctions of Field Road, Vauxhall Road</t>
  </si>
  <si>
    <t>Longlands Wayfinding Signage</t>
  </si>
  <si>
    <t>(SG16-6) Implement wayfinding at start/end of segment and close to The Queen's Square</t>
  </si>
  <si>
    <t>Great Road cycle route</t>
  </si>
  <si>
    <t xml:space="preserve">(SG17-1) Provide an off-road shared use cycle path between the junction with Queensway and south of the junction with Hobletts Road. </t>
  </si>
  <si>
    <t>Great Road additional zebra crossing</t>
  </si>
  <si>
    <t>(SG17-2) Install a new Zebra crossing on extended raised speed table between Hobletts Road and Springfield Road</t>
  </si>
  <si>
    <t>Great Road traffic calming features</t>
  </si>
  <si>
    <t>(SG17-3) Install traffic calming features at the northern end where the road is on a steep incline</t>
  </si>
  <si>
    <t>Great Road Wayfinding Signage</t>
  </si>
  <si>
    <t>(SG17-4) Add wayfinding/ signage indicating direction and distance/time towards The Queens Square and Nickey Line</t>
  </si>
  <si>
    <t>Washington Avenue side-arm junction pedestrian crossing improvements</t>
  </si>
  <si>
    <t>(SG18-1) Implement tactile paving on Washington Avenue at Dunlin Avenue; Ninian Road; Claymore; Argyll Road; Robin Hood Meadow; Turnpike Green; Stevenage Rise, St Agnells Lane; Craigavon Road; Basildon Square; Waveney.</t>
  </si>
  <si>
    <t>Washington Avenue/Aycliffe Road roundabout crossings</t>
  </si>
  <si>
    <t>(SG18-2) Implement zebra crossings on Washington Ave/Aycliffe Dr roundabout arms. Place the entire junction on a raised speed table</t>
  </si>
  <si>
    <t>Aycliffe Drive zebra crossing</t>
  </si>
  <si>
    <t>(SG18-3) Implement zebra crossing into/ out of Margaret Lloyd Playground (in location of existing splitter island)</t>
  </si>
  <si>
    <t>Washington Avenue four additional zebra crossings</t>
  </si>
  <si>
    <t>(SG18-4) Install four zebra crossings on raised speed tables on Washington Avenue. Retain existing subway or consider fencing off.</t>
  </si>
  <si>
    <t>Aycliffe Drive cycle lane upgrade and splitter island removal</t>
  </si>
  <si>
    <t>(SG18-5) Upgrade advisory cycle lane to segregated cycle lane to improve safety. Remove splitter island features along the current route and widen marked lanes where feasible.</t>
  </si>
  <si>
    <t>Cambrian Way cycle route</t>
  </si>
  <si>
    <t>(SG19-1) Segregated cycle route or shared use path along Cambrian Way between Link Road and Malvern Way. Widen the footways leading up to the western side of the Link Road roundabout to facilitate shared use, and widen the uncontrolled crossing points across Link Road. Enlarge the size of the roundabout western arm splitter island by reducing the Link Road approach to a single lane (reducing crossing distance)</t>
  </si>
  <si>
    <t>Malvern Way residential cycle street (link to Nickey Line)</t>
  </si>
  <si>
    <t xml:space="preserve">(SG19-2) Designate Malvern Way and southern section of Chilterns as a Residential Cycle Street with on-street advisory lanes </t>
  </si>
  <si>
    <t>Fletcher Way bridge and Nickey Line access</t>
  </si>
  <si>
    <t>(SG19-3) Improved ramp access to Nickey Line at Fletcher Way - resurfacing and trim back vegetation. Widen the footway on the northern side of Fletcher Way (removing hatched area in the centre, to accommodate a widening footway/cycleway. Raise height of bridge parapet so that it is suitable for cyclists</t>
  </si>
  <si>
    <t>Cambrian Way to Nickey Line Wayfinding Signage</t>
  </si>
  <si>
    <t>(SG19-4) Add wayfinding signage to guide cyclists and pedestrians between Cambrian Way and the Nickey Line</t>
  </si>
  <si>
    <t>Allandale-George Street-Figtree Hill side arm pedestrian crossing improvements</t>
  </si>
  <si>
    <t>(SG20-1) Implement dropped kerbs and tactile paving along entire segment - Allandale junctions with Slippers Hill; Garland Close, George Street, St Mary's Road; Grover Close, Chapel Street, Honey Pot Close, Randalls Ride; Taverners. - George Street junctions with Heathrer Way and Figtree Hill. - Figtree junction with B487 Queensway</t>
  </si>
  <si>
    <t>Allandale new uncontrolled crossing south of Smithfield</t>
  </si>
  <si>
    <t>(SG20-2) Implement uncontrolled crossing with dropped kerbs and tactile paving approximately 20m south of the Allandale-Smithfield mini roundabout</t>
  </si>
  <si>
    <t>Allandale localised footway widening</t>
  </si>
  <si>
    <t>(SG20-3) Footway widening - removal of grass verge between St Mary's Road and George Street</t>
  </si>
  <si>
    <t>Allandale bus stop upgrades</t>
  </si>
  <si>
    <t>(SG20-4) Upgrade bus stops adjacent to George Street junction to incorporate raised kassel kerbs</t>
  </si>
  <si>
    <t>Allandale Traffic Calming</t>
  </si>
  <si>
    <t xml:space="preserve">(SG20-5) Implement traffic calming (speed tables or cushions) on four sections of Allandale - a) between Smithfield and Taverners; b) between Taverners and Randalls Ride; c) between Chapel Close and Grover Close; and d) between Garland Close and Slippers Hill </t>
  </si>
  <si>
    <t>Allandale Wayfinding Signage</t>
  </si>
  <si>
    <t>(SG20-6) Improve wayfinding along segment</t>
  </si>
  <si>
    <t>Queensway-Marlowes Roundabout speed reduction measures</t>
  </si>
  <si>
    <t>(SG21-1) Reduce the kerb radii all approaches, notably on the Marlowes and Queensway approach arms to provide a single lane. This will increase deflection and reduce speeds through the junction. Provide give-way markings on the cycleway approach to increase the prominence of the cycleway approach</t>
  </si>
  <si>
    <t>Civic Zone, Marlowes &amp; Old Town</t>
  </si>
  <si>
    <t>Gadebridge Park cycle stands</t>
  </si>
  <si>
    <t>(SG22-1) Implement cycle stands adjacent to the car park</t>
  </si>
  <si>
    <t>Piccotts End Road uncontrolled crossing</t>
  </si>
  <si>
    <t>(SG23-1) Provide an uncontrolled crossing at the northern end of the western footway, where it terminates (south of Gadebridge Lane)</t>
  </si>
  <si>
    <t>North Hemel Hempstead; Marchmont Farm</t>
  </si>
  <si>
    <t>Piccotts End Road Gadebridge Park active mode access improvement</t>
  </si>
  <si>
    <t xml:space="preserve">(SG23-2) Provide a kerbed build out adjacent to the gated entrance into Gadebridge Park (incorporating vehicle crossover for maintenance access). </t>
  </si>
  <si>
    <t>Piccotts End Road Wayfinding Signage</t>
  </si>
  <si>
    <t>(SG23-3) Implement wayfinding signage at access to Gadebridge Park</t>
  </si>
  <si>
    <t>Piccotts End Road Traffic Calming</t>
  </si>
  <si>
    <t xml:space="preserve">(SG24-1) Implement additional traffic calming features to manage risk of excessive speeds on the southern section. Two raised speed tables - a) approximately 30m north of the A4147 roundabout and b) 10m north of the Piccotts End Lane junction (also incorporating kerbed build out on eastern side to prevent kerbside parking on the northern side of the junction. </t>
  </si>
  <si>
    <t>Marlowes 20mph zone</t>
  </si>
  <si>
    <t>(SG25-1) Consider 20mph on entire length of the segment</t>
  </si>
  <si>
    <t xml:space="preserve">Civic Zone, Marlowes </t>
  </si>
  <si>
    <t>Hillfield Road-Marlowes junctions reconfiguration</t>
  </si>
  <si>
    <t xml:space="preserve">(SG25-2) Convert King Harry Street-Hillfield Road junction to a conventional T-junction. Reduce the Hillfield Road approach to Marlowes to a Single lane, widen the footway adjacent to the crossing. </t>
  </si>
  <si>
    <t>Marlows carriageway reconfiguration - Hillfield Road-Combe Street</t>
  </si>
  <si>
    <t>(SG25-3) a) Remove the landscaped central reservation on Marlowes between Hillfield Road and Combe Street. b) Reduce the northbound carriageway to a single lane and widen the footway on western side. c) Install an additional controlled crossing adjacent to the Wetherspoon public house, on a raised speed table.</t>
  </si>
  <si>
    <t>Marlows carriageway reconfiguration - Combe Street-Midland Road</t>
  </si>
  <si>
    <t xml:space="preserve">(SG25-4) a) Remove landscaped central reservation on Marlowes between Combe Street and Midland Road and widen the footway on eastern side. Reduce the southbound carriageway to a single lane. b) Install an additional controlled crossing adjacent to the library, on a raised speed table.   </t>
  </si>
  <si>
    <t>Marlowes cycle stands</t>
  </si>
  <si>
    <t>(SG25-5) Add cycle stands outside shopping parades (note - separate proposal for a Mobility Hub outside the college)</t>
  </si>
  <si>
    <t>Midland Road pedestrian crossing</t>
  </si>
  <si>
    <t xml:space="preserve">(SG25-6) Install controlled zebra crossing on a raised speed table on Midlands Road on the eastern side of the Marlowes roundabout </t>
  </si>
  <si>
    <t>Two Waters Way Cycle Link</t>
  </si>
  <si>
    <t xml:space="preserve">(SG26-1) Provide segregated cycle lane along Two Waters Way by removing hatching in the middle of road (removal of right turn filters, single lane in both direction). To be located on the western side between the Plough Roundabout and River Bulbourne and on the eastern side to London Road. The northern section, north of Corner Hall, would need to be provided as a shared use facility off-road as there is insufficient space within the carriageway. In the vicinity of the River Bulbourne provide a Toucan crossing. At the northern end, provide a widened bridge over the River Gade and shared use route across to Station Road. </t>
  </si>
  <si>
    <t>Riverside; Symbio Site, Whiteleaf Road; Paradise; Hemel Hempstead Hospital</t>
  </si>
  <si>
    <t>A414 Hemel Gateway 30mph signage</t>
  </si>
  <si>
    <t>(SG26-2) More prominent 30mph signage on the A414 approaching the signalised junction with London Road</t>
  </si>
  <si>
    <t>Corner Hall cycle parking</t>
  </si>
  <si>
    <t>(SG26-3) Add cycle parking stands on Corner Hall (west of the river)</t>
  </si>
  <si>
    <t>Corner Hall pedestrian crossing improvements</t>
  </si>
  <si>
    <t>(SG26-4) Add tactile paving at Corner Hall</t>
  </si>
  <si>
    <t>Two Waters Way Wayfinding Signage</t>
  </si>
  <si>
    <t>(SG26-5) Improve signage and wayfinding</t>
  </si>
  <si>
    <t>Lawn Lane-Crabtree Lane pedestrian crossing improvement</t>
  </si>
  <si>
    <t>(SG27-1) Junction between Lawn Lane and Crabtree Lane. Remove guardrail, increase refuge island width and reduce side arm approach to a single lane. Build out width of footway on southern side and incorporate dropped kerbs with tactile paving</t>
  </si>
  <si>
    <t>Lawn Lane new signalised crossing near Crabtree Lane</t>
  </si>
  <si>
    <t>(SG27-2) Additional signal-controlled pedestrian crossing north of the junction with Crabtree Lane on a raised speed table</t>
  </si>
  <si>
    <t>Lawn Lane new signalised crossing near Corner Hall</t>
  </si>
  <si>
    <t>(SG27-3) Additional signal controlled pedestrian crossing north of junction with Corner Hall   on a raised speed table</t>
  </si>
  <si>
    <t>Corner Hall Stopping Up and widened footway</t>
  </si>
  <si>
    <t>(SG27-4) Closure of the Corner Hall one-way section at the junction with Lawn Lane - provision of a continuous footway. Remove hatching and right turn filter to accommodate widened footway on western side</t>
  </si>
  <si>
    <t>Durrants Hill Road-Ebberns Road pedestrian crossing improvements</t>
  </si>
  <si>
    <t>(SG28-1) Improve pedestrian crossing facilities at the side arm junction with Ebberns Road including dropped kerbs and tactile paving</t>
  </si>
  <si>
    <t xml:space="preserve">Durrents Hill additional pedestrian crossing </t>
  </si>
  <si>
    <t>(SG28-2) Provide an uncontrolled crossing adjacent to the entrance into the park, north of the junction with Ebberns Road. Provide localised widening of the footway on the eastern side of the road, removing space for kerb-side parking</t>
  </si>
  <si>
    <t>Durrants Hill Road Wayfinding Signage</t>
  </si>
  <si>
    <t>(SG28-3) Provide wayfinding signage</t>
  </si>
  <si>
    <t>Durrants Hill Road cycle parking</t>
  </si>
  <si>
    <t>(SG28-4) Install cycle parking adjacent to the public toilets</t>
  </si>
  <si>
    <t>A414 new crossing near to Wood Crescent/Wood Lane junctions</t>
  </si>
  <si>
    <t>(SG29-1) New parallel signal-controlled pedestrian/cycle crossing near to the Wood Crescent and Wood Lane junctions on the A414</t>
  </si>
  <si>
    <t>Wood Crescent-Runham Road-Deaconsfield Road Wayfinding Signage</t>
  </si>
  <si>
    <t>(SG29-2) Introduce wayfinding at key junction decision points</t>
  </si>
  <si>
    <t>Leys Road cycle route</t>
  </si>
  <si>
    <t xml:space="preserve">(SG30-1) Introduce offroad shared use cycle and footway utilising existing wide footway on the western/northern side of the road between the junction with St Albans Hill and Bennetts Gate shopping parade. Removal of some grass verge to create sufficient width and use of bollards or markings to discourage pavement parking. Include Copenhagen crossings on Lime Walk, Long John, Howe Road and Kimps Way  </t>
  </si>
  <si>
    <t>Leys Road-Pescroft junction reconfiguration and parallel crossing</t>
  </si>
  <si>
    <t xml:space="preserve">(SG30-2) Provide a parallel pedestrian cycle zebra crossing on the Peascroft arm of the Leys Road mini roundabout. Convert Mini roundabout priority T-junction layout. </t>
  </si>
  <si>
    <t>Lime Walk park desire line shared use path</t>
  </si>
  <si>
    <t>(SG30-3) Formalise the desire lane path crossing Lime Walk park between Leys Road and St Albans Hill to provide a shared use path. Install widened uncontrolled crossing with tactile paving onto St Albans Hill. Provide steps, handrail and wheeling channel at the western end of the path leading down onto St Albans Hill, and signs indicating for cyclists to dismount on approach to the steps. Provide a short shared-use path linking St Albans Hill and Wheelers Road to link into the improved crossing</t>
  </si>
  <si>
    <t>Lime Walk park Wayfinding Signage</t>
  </si>
  <si>
    <t>(SG30-4) Introduce Wayfinding signage at both ends of Lime Walk park path</t>
  </si>
  <si>
    <t>Lime Walk park cycle parking</t>
  </si>
  <si>
    <t xml:space="preserve">(SG30-5) Introduce cycle parking at the south-eastern corner of Lime Walk park </t>
  </si>
  <si>
    <t>St Albans Hill Zebra Crossing by Dacorum Athletics Track</t>
  </si>
  <si>
    <t>(SG31-1) New zebra crossing on St Albans Hill adjacent Dacorum Athletics Track. Placed on raised speed table leading to playground to follow the desire line.</t>
  </si>
  <si>
    <t>St Albans Hill - Bennetts End Road pedestrian crossing improvement</t>
  </si>
  <si>
    <t>(SG31-2) Tighten kerb radii/ reduce crossing width and improve pedestrian and cycling crossing with widened refuge islands</t>
  </si>
  <si>
    <t>Bennetts End Road cycle route</t>
  </si>
  <si>
    <t xml:space="preserve">(SG31-3) New off-road shared use cycle and footway along the eastern side of Bennetts End Road between the A414 and Peascroft Road. Incorporating Copenhagen crossings on side arm junctions with Gammon Close, Belsize Road, Acorn Road, Rant Meadow and Goldcoft. Also convert the existing zebra crossing adjacent to the Bennetts Gate shopping parade to a parallel zebra crossing. </t>
  </si>
  <si>
    <t>Bennetts End Road Wayfinding signage</t>
  </si>
  <si>
    <t>(SG31-4) Introduce wayfinding and signage</t>
  </si>
  <si>
    <t>Cycle parking at Snow Centre</t>
  </si>
  <si>
    <t>(SG31-5) Introduce cycle parking at the Snow Centre along St Albans Hill</t>
  </si>
  <si>
    <t>Pedestrian crossing improvements on side arms along White Hart Road and Windmill Road</t>
  </si>
  <si>
    <t>(SG32-1) Tactile paving at side arm junctions - Eastwick Row, White Hart Drive, Windmill Road, Abel Close and Homefield Road</t>
  </si>
  <si>
    <t>White Hart Road signal-controlled crossing north of A414</t>
  </si>
  <si>
    <t xml:space="preserve">(SG32-3) Signal controlled crossing on White Hart Road north of the A414 roundabout. Include localised widening of the footway on the western side </t>
  </si>
  <si>
    <t>White Hart Road-Windmill Road Wayfinding signage</t>
  </si>
  <si>
    <t>(SG32-3) Improve signage and wayfinding</t>
  </si>
  <si>
    <t>Redbourn Road-Swallowdale Lane Roundabout reconfiguration including improved crossings</t>
  </si>
  <si>
    <t>(SG33-1) Reconfiguration of the Redbourn Road-Swallowdale Lane-High Street Green-Queensway roundabout - removing the left turn filters and building out the verges to reducing crossing distances. Installing Toucan crossings on the eastern and southern arms of the junction.</t>
  </si>
  <si>
    <t>Additional Wayfinding Signage on Redbourn Road</t>
  </si>
  <si>
    <t>(SG33-2) Implement wayfinding at start/end of segment</t>
  </si>
  <si>
    <t>Toucan Crossings on Swallowdale Lane</t>
  </si>
  <si>
    <t>(SG34-1) Install Toucan crossings on Swallowdale Road between a) Eastman Way and Maxted Road, and b) between Maxted Road and Three Cherry Trees Lane</t>
  </si>
  <si>
    <t>Signalised crossing on Three Cherry Trees Lane</t>
  </si>
  <si>
    <t>(SG34-2) Install a pelican crossing on Three Cherry Trees Lane south of the Caravan Park entrance. Also provide localised widening to the footway along the eastern side of Three Cherry Trees Lane between the proposed crossing to just south of Admiral Avenue</t>
  </si>
  <si>
    <t>Shared use Cycleway on Swallowdale Lane</t>
  </si>
  <si>
    <t>(SG34-3) Implement a shared use cycleway and footway on the northern side of Swallowdale Lane between Eastman Way and just west of Three Cherry Trees Lane.</t>
  </si>
  <si>
    <t>Cycleway on Three Cherry Trees Lane - Swallowdale Lane to Boundary Way</t>
  </si>
  <si>
    <t>(SG34-4) Widen the existing footway on the southern side of Three Cherry Trees Lane to enable shared use between Boundary Way and Swallowdale Lane</t>
  </si>
  <si>
    <t>Maxted Road pedestrian crossing improvements</t>
  </si>
  <si>
    <t>(SG35-5) Provide tactile paving at the junction with Maxted Road</t>
  </si>
  <si>
    <t>Swallowdale Lane and Three Cherry Trees Lane Wayfinding signage</t>
  </si>
  <si>
    <t>(SG34-6) Install wayfinding  at start and end of segment and at junction of Swallowdale Lane and Three Cherry Trees Lane.</t>
  </si>
  <si>
    <t>Cycleway along St Agnells Lane</t>
  </si>
  <si>
    <t xml:space="preserve">(SG35-1) Implement a offroad shared use cycleway along the full length of St Agnells Lane, located on the western side from Washington Avenue and remaining on the same side of the road for the full length, terminating on the eastern side at the junction with Redbourn Road. Include 4x Copenhagen crossings at St Agenlls Court, Cupid Green Lane, Essex Mead and Old Maple </t>
  </si>
  <si>
    <t>Zebra crossing adjacent to Cupid Green Lane junction</t>
  </si>
  <si>
    <t>(SG35-2) Install zebra crossing on raised speed table adjacent to Cupid Green Lane</t>
  </si>
  <si>
    <t>Cupid Green Lane Quietway</t>
  </si>
  <si>
    <t xml:space="preserve">(SG35-3) Convert Cupid Green Lane to a Quiteway to discourage through traffic. To provide an attractive route for walking and cycling from North Hemel Hempstead through Grovehill. Permit vehicle access to the allotments but closed to through traffic north of this point. Where Cupid Green Lane currently links onto Gaddesdon Lane on the northern side of the proposed North Hemel Hempstead development, this should also be considered for Quietway treatment to discourage traffic ratrunning through the development or conversely traffic routeing out of the development onto Gaddesdon Lane. </t>
  </si>
  <si>
    <t>Grovehill Playing Fields - connection to North Hemel Hempstead development</t>
  </si>
  <si>
    <t xml:space="preserve">Provision of a new shared footway and cyclepath link through Grovehill Playing Fields, linking into the existing path where it currently ends, and connecting into the planned North Hemel Hempstead development. </t>
  </si>
  <si>
    <t xml:space="preserve">Washington Avenue-North Hemel Hempstead footway/cycle link </t>
  </si>
  <si>
    <t>A new link for pedestrians and cyclists, adjacent to the Education Support Centre on Washington Avenue, to connect into the proposed North Hemel Hempstead development.</t>
  </si>
  <si>
    <t>Woodhall Farm-North Hemel Hempstead footway/cycle link</t>
  </si>
  <si>
    <t xml:space="preserve">A new route for pedestrians and cyclists to link Shenley Road between the Sainsbury's and Brockwood Primary School. Likely to use a section of existing footway adjacent to the supermarket car park at the western end, however reallocation of land from the school may be required at the eastern end. </t>
  </si>
  <si>
    <t>Northridge Way-Cangels Close-Moorland Road Cycle Route</t>
  </si>
  <si>
    <t>(SG36-1) Implement an offroad shared use cycleway along Northridge Way between the junctions with Warners End Road and Cangels Close. Implement on-street advisory route along Cangels Close and Moorland Road and a parallel zebra crossing just east of the Cangels Close junction.</t>
  </si>
  <si>
    <t>Northridge Way-Jocketts Road crossing and cycle route</t>
  </si>
  <si>
    <t>(SG36-2) Install new parallel zebra crossing on raised speed table on Northridge Way, north of the junction with Jocketts Road. Include an 80m section of shared use cycleway running on Jocketts Road between Northridge Way and Shrubhill Road with dropped kerbs at western end for cyclists to enter/exit the carriageway</t>
  </si>
  <si>
    <t>Northridge Way Wayfinding Signage</t>
  </si>
  <si>
    <t>(SG36-3) Introduce wayfinding northern end of segment, Northridge Park and at junction of Jocketts Road.</t>
  </si>
  <si>
    <t>Northridge Way Park cycle parking</t>
  </si>
  <si>
    <t>(SG36-4) Introduce cycle parking at Northridge Park, close to play park and basketball court.</t>
  </si>
  <si>
    <t>Green End Road crossing and traffic calming feature near St Rose's School</t>
  </si>
  <si>
    <t>(SG37-1) Install new uncontrolled crossing on Green End Road by St Rose's Infant and Nursery School as part of a kerbed build out with single lane give way to oncoming traffic.</t>
  </si>
  <si>
    <t>Zebra crossing on Ashtree Way</t>
  </si>
  <si>
    <t>(SG37-2) Install new zebra crossing by Ashtree Way and Green End Road.</t>
  </si>
  <si>
    <t>Local Cycling and Walking Infrastructure Plan</t>
  </si>
  <si>
    <t xml:space="preserve">Dacorum Borough Council in partnership with Hertfordshire County Council is in the process of preparing a Local Cycling and Walking Infrastructure Plan, which is expected to be adopted in 2025. This will include additional active travel interventions. </t>
  </si>
  <si>
    <t>2025 - 2035</t>
  </si>
  <si>
    <t xml:space="preserve">Active Travel </t>
  </si>
  <si>
    <t>Maylands Urban Design Improvements</t>
  </si>
  <si>
    <t xml:space="preserve">Delivery of improvements to the Maylands Business Park public realm to facilitate walking and cycling guided by the Maylands Urban </t>
  </si>
  <si>
    <t>All Maylands Business and Residential Development</t>
  </si>
  <si>
    <t xml:space="preserve">Dacorum Borough Council / Hertforshire County Council </t>
  </si>
  <si>
    <t>S106/ External Funding</t>
  </si>
  <si>
    <t>HGC Sustainable Transport Corridor</t>
  </si>
  <si>
    <t xml:space="preserve">Delivery of a new sustainable transport corridor (STC) through the site linking Leighton Buzzard Road / Link Road and Redbourn Road (linking with allocations in St Albans City and District Council). </t>
  </si>
  <si>
    <t xml:space="preserve">2026-2041 </t>
  </si>
  <si>
    <t>S278</t>
  </si>
  <si>
    <t xml:space="preserve">₁ Note on Estimated Cost. The costs included in this IDP indicate a point in time only and all costs will be index linked as required. Interventions are outlined at a high level in the Local Plan. They will be expected to be delivered in accordance with the IDP but should the requirements need to be modified at a Planning Application stage, the Developer will be expected to work with the Local Authority and Infrastructure Provider to agree the most appropriate solution. </t>
  </si>
  <si>
    <t xml:space="preserve">₂ Note on Cost to be apportioned. Where a strategic site is providing infrastructure that is supporting other sites, those sites will be expected to contribute towards the cost of that infrastructure. This is particularly important for education on Hospital / Market Square sitem Shendish Manor and Dunsley Farm but may apply to other infrastructure and sites too. </t>
  </si>
  <si>
    <r>
      <rPr>
        <b/>
        <u/>
        <sz val="14"/>
        <color rgb="FFE61E28"/>
        <rFont val="Arial"/>
      </rPr>
      <t>EMERGING DRAFT</t>
    </r>
    <r>
      <rPr>
        <b/>
        <sz val="12"/>
        <color rgb="FF000000"/>
        <rFont val="Arial"/>
      </rPr>
      <t xml:space="preserve"> 
Emerging Draft HGC IDP to 2050 - Full Schedule
Version: 25/09/2025 - Full Draft Schedule</t>
    </r>
  </si>
  <si>
    <t>The HGC IDP to 2050 is a strategic document that sets out the infrastructure required to support planned housing and employment growth across the Hemel Garden Communities (HGC) Programme Area. It builds on the Dacorum and St Albans Local Plan IDPs (to 2041) and extends planning to 2050. In reading the Draft HGC IDP to 2050 schedule, it is worth noting: </t>
  </si>
  <si>
    <t> </t>
  </si>
  <si>
    <t>The emerging draft of the HGC IDP to 2050, is being published to support the Matters, Issues and Questions, for SADC and DBC Local Plan Hearings in September 2025. 
The HGC IDP, as with any IDP, is a snapshot in time and will continue to be iterated over time.
The HGC IDP to 2050 is still in draft form and subject to further refinement. 
Significant engagement to date has been undertaken to date, with Infrastructure Providers including HCC, NHS ICB, East of England Ambulance Service NHS Trust, Sport England and Utilities Providers, to inform the requirements set out with the HGC IDP to 2050.</t>
  </si>
  <si>
    <t>The HGC IDP is a living document and will be subject to ongoing updates and refinements. As an example of how Garden Community IDP’s continue to iterate over time, Harlow Gilston Garden Town (HGGT) has continued to iterate the HGGT IDP since 2018, with versions in 2019, 2021, 2022 and 2024. The HGC IDP to 2050 reflects the best available information at the time of publication (September 2025) but is not static. </t>
  </si>
  <si>
    <t>Project scopes, phasing, and cost estimates are indicative and will evolve over time. These may change as more detailed technical work, feasibility studies, and engagement with stakeholders and developers continues. </t>
  </si>
  <si>
    <t>The HGC IDP to 2050 serves as a starting point for discussions with developers, infrastructure providers, and landowners. It is not a final or fixed list of requirements. </t>
  </si>
  <si>
    <t>The infrastructure requirements outlined in the HGC IDP to 2050 will be further refined through the planning application process and legal agreements (e.g. Section 106). These processes will determine the final scope, timing, and funding responsibilities for infrastructure delivery. </t>
  </si>
  <si>
    <t>The HGC IDP to 2050, should be read alongside each of the district’s Local Plan’s IDPs, particularly noting that there are schemes which apply district wide, which would apply in addition to the requirements set within the HGC IDP to 2050. </t>
  </si>
  <si>
    <t>The HGC IDP to 2050 will be used to support bids for external funding, including government grants. Inclusion in the HGC IDP to 2050 helps demonstrate need and strategic alignment.</t>
  </si>
  <si>
    <t>Landowners and developers are encouraged to share additional information, evidence, and delivery proposals. This collaborative approach will help ensure the HGC IDP to 2050 remains accurate, deliverable, and aligned with site-specific opportunities. </t>
  </si>
  <si>
    <t>The infrastructure asks and assumptions reflect the position at the time of publication (September 2025). They are subject to change as new information becomes available or as circumstances evolve.</t>
  </si>
  <si>
    <t>Site-specific requirements, which are not reflected in the HGC IDP to 2050 or District IDPs, may still apply and will be considered as part of the planning application process. </t>
  </si>
  <si>
    <t>The HGC local authorities accept no liability for errors in information and reserve the right to amend or update the requirements for infrastructure at any time based upon new evidence or understanding </t>
  </si>
  <si>
    <t>The costs calculated for the purposes of the HGC IDP to 2050 schedule do not include off-site land purchase costs, or any costs in relation to compulsory purchase of land (CPO) to deliver infrastructure. This is because such costs are currently unknown </t>
  </si>
  <si>
    <t>Funding gaps may continue to be identified for individual infrastructure items, based on further viability work </t>
  </si>
  <si>
    <t>Securing external funding does not preclude reasonable and appropriate funding from development through developer contributions or other mechanisms </t>
  </si>
  <si>
    <t>For Education requirements: Development sites across the HGC Programme Area have been modelled using HCC’s Strategic Planning Ratios set out in HCC’s Local &amp; Strategic Plan engagement document to assess the appropriate level of education provision it needs to plan to be able to provide. Education infrastructure requirements will be kept under regular review by HCC. Education requirements will be further refined, subject to housing mix, tenure and demographic information, at the time of the Planning Application. The projects identified are assessed as those being necessary based on the information provided at this moment in time, assuming sites within the plan are delivered in accordance with the projected housing trajectory. Whilst the phasing and/or combination of projects may evolve over time, development sites will only be responsible for mitigating their individual yields.</t>
  </si>
  <si>
    <t>Row Labels</t>
  </si>
  <si>
    <t xml:space="preserve">Sum of Estimated Cost₁ </t>
  </si>
  <si>
    <t>Children's homes</t>
  </si>
  <si>
    <t xml:space="preserve">Community centres </t>
  </si>
  <si>
    <t>Community facilities</t>
  </si>
  <si>
    <t>Libraries</t>
  </si>
  <si>
    <t>Youth Services</t>
  </si>
  <si>
    <t>Childcare 5-11 year old (wraparound care)</t>
  </si>
  <si>
    <t>SEND</t>
  </si>
  <si>
    <t>Green Infrastructure</t>
  </si>
  <si>
    <t>Amenity greenspace</t>
  </si>
  <si>
    <t>Local Area for Play (LAP)</t>
  </si>
  <si>
    <t>Local Equipped Area for Play (LEAP)</t>
  </si>
  <si>
    <t>Multi-Use Games Area (MUGA)</t>
  </si>
  <si>
    <t>Natural and semi-natural greenspace</t>
  </si>
  <si>
    <t>Neighbourhood Equipped Area for Play (NEAP)</t>
  </si>
  <si>
    <t>Strategic Access Management and Monitoring (SAMMS)</t>
  </si>
  <si>
    <t>Strategic Green Infrastructure</t>
  </si>
  <si>
    <t>Suitable Alternative Natural Greenspace (SANG)</t>
  </si>
  <si>
    <t>Health and Social Care</t>
  </si>
  <si>
    <t xml:space="preserve">Ambulance Service </t>
  </si>
  <si>
    <t>Secondary Healthcare</t>
  </si>
  <si>
    <t>Playing Pitches</t>
  </si>
  <si>
    <t>Sports Facilities</t>
  </si>
  <si>
    <t>Transformational Scheme</t>
  </si>
  <si>
    <t>Green Infrastructure and Accessibility</t>
  </si>
  <si>
    <t>Urban Greening</t>
  </si>
  <si>
    <t>Water</t>
  </si>
  <si>
    <t>Public Transport</t>
  </si>
  <si>
    <t>Utilities</t>
  </si>
  <si>
    <t>Energy (Electricity)</t>
  </si>
  <si>
    <t>Potable Water</t>
  </si>
  <si>
    <t>(blank)</t>
  </si>
  <si>
    <t>Grand Total</t>
  </si>
  <si>
    <t>Programme Area Site</t>
  </si>
  <si>
    <t>Total dwellings</t>
  </si>
  <si>
    <t>Total Cost</t>
  </si>
  <si>
    <t>Cost per dwelling</t>
  </si>
  <si>
    <t>North Hemel Hempstead (Hm01)</t>
  </si>
  <si>
    <t>Civic Zone, Marlowes (Hm02)</t>
  </si>
  <si>
    <t>Hemel Hospital/Market Square (Hm03)</t>
  </si>
  <si>
    <t>Paradise (Hm04)</t>
  </si>
  <si>
    <t>Riverside (Hm06)</t>
  </si>
  <si>
    <t>National Grid and 339-353 London Road (Hm09)</t>
  </si>
  <si>
    <t>Symbio Site, Whiteleaf Road (Hm07)</t>
  </si>
  <si>
    <t>Hemel Hempstead Station Gateway (Hm08)</t>
  </si>
  <si>
    <t>Apsley Mills Retail Park (Hm10)</t>
  </si>
  <si>
    <t>Shendish Manor and Fairfields (Hm11)</t>
  </si>
  <si>
    <t>Polehanger Lane (Hm13)</t>
  </si>
  <si>
    <t>Plots 2/3 Kier Park, Maylands Avenue (Hm12)</t>
  </si>
  <si>
    <t xml:space="preserve">Marchmont Farm (Hm14) </t>
  </si>
  <si>
    <t>Old Town (Hm15) (Hm15)</t>
  </si>
  <si>
    <t>Site to the south of Green Lane (Hm16)</t>
  </si>
  <si>
    <t>North Hemel Hempstead (H1)</t>
  </si>
  <si>
    <t>East Hemel Hempstead (North) (H2)</t>
  </si>
  <si>
    <t>East Hemel Hempstead (South) (H4)</t>
  </si>
  <si>
    <t>East Hemel Hempstead (Central) (H3)</t>
  </si>
  <si>
    <t>Total</t>
  </si>
  <si>
    <t>SADC Items with DBC Contributions</t>
  </si>
  <si>
    <t>HGC IDP scheme reference</t>
  </si>
  <si>
    <t>Cost from DBC</t>
  </si>
  <si>
    <t>Cost from SADC</t>
  </si>
  <si>
    <t>ED28</t>
  </si>
  <si>
    <t>St Albans City &amp; District Council</t>
  </si>
  <si>
    <t>New Secondary School Reserve Site to Serve Hemel Hempstead (wider Dacorum Growth)</t>
  </si>
  <si>
    <t>Site capable of accommodating a reserve secondary school up to 8FE to serve growth arising from wider Hemel Hempstead growth in Dacorum Borough Council, located adjacent to Leverstock Green.</t>
  </si>
  <si>
    <t>DBC Items with SADC Contributions (All Items)</t>
  </si>
  <si>
    <t>Original Cost from DBC IDP</t>
  </si>
  <si>
    <t>Original Contribution from EHH from DBC IDP</t>
  </si>
  <si>
    <t>Difference Overall</t>
  </si>
  <si>
    <t>Difference for DBC</t>
  </si>
  <si>
    <t>Type of Change in Total Cost</t>
  </si>
  <si>
    <t>Type of Change in DBC's Cost</t>
  </si>
  <si>
    <t>N/A - New Scheme</t>
  </si>
  <si>
    <t>DBC Items with SADC Contributions (Summary)</t>
  </si>
  <si>
    <t>Transport only</t>
  </si>
  <si>
    <t>DBC Cost decreased</t>
  </si>
  <si>
    <t>DBC Cost did not change</t>
  </si>
  <si>
    <t>DBC Cost increased</t>
  </si>
  <si>
    <t>Overall cost decreased</t>
  </si>
  <si>
    <t>Cost did not change</t>
  </si>
  <si>
    <t>Overall cost increased</t>
  </si>
  <si>
    <t xml:space="preserve">Total: </t>
  </si>
  <si>
    <t>All other categories: i.e.
Education, Green Infrastructure, Waste</t>
  </si>
  <si>
    <t>Count of HGC IDP scheme reference</t>
  </si>
  <si>
    <t>Column Labels</t>
  </si>
  <si>
    <t>Overall Cost Increased</t>
  </si>
  <si>
    <t>DBC Cost Decreased</t>
  </si>
  <si>
    <t>Ignore - overriden by updated analysis 060625</t>
  </si>
  <si>
    <t>Direct from model - includes other land use flows</t>
  </si>
  <si>
    <t>HIDDEN (arrivals data is now being used for this site)</t>
  </si>
  <si>
    <t>HIDDEN (a trip rate factor has been applied to these figures)</t>
  </si>
  <si>
    <t>Applied TripRateCalculations</t>
  </si>
  <si>
    <t>HIDDEN (departures data is now being used for this site)</t>
  </si>
  <si>
    <t>ID</t>
  </si>
  <si>
    <t>Name</t>
  </si>
  <si>
    <t>Description</t>
  </si>
  <si>
    <t>LCWIP Route</t>
  </si>
  <si>
    <t>Latitude</t>
  </si>
  <si>
    <t>Longitude</t>
  </si>
  <si>
    <t>Network Category</t>
  </si>
  <si>
    <t>Significance Category</t>
  </si>
  <si>
    <t>Complexity</t>
  </si>
  <si>
    <t>Mode Category</t>
  </si>
  <si>
    <t>HERT</t>
  </si>
  <si>
    <t>Interim or End-State</t>
  </si>
  <si>
    <t>Physical or Soft</t>
  </si>
  <si>
    <t>Within LP Site or Highway</t>
  </si>
  <si>
    <t>Route Segment</t>
  </si>
  <si>
    <t>LP Site Attribution Scenarios (GIS Informed)</t>
  </si>
  <si>
    <t>LP Site Attribution Scenarios</t>
  </si>
  <si>
    <t>Updated Attribution Scenario - 060625</t>
  </si>
  <si>
    <t>Updated Associated LP Development(s) - 060625</t>
  </si>
  <si>
    <t>COMET Departures</t>
  </si>
  <si>
    <t>COMET Arrivals</t>
  </si>
  <si>
    <t>Trip Attractor Cluster</t>
  </si>
  <si>
    <t>Timescale for Delivery</t>
  </si>
  <si>
    <t>Planning Authority</t>
  </si>
  <si>
    <t>Cost</t>
  </si>
  <si>
    <t>Cost comment</t>
  </si>
  <si>
    <t>Apportionment calculations for Step 5 - Multiple Scenario 2 schemes</t>
  </si>
  <si>
    <t>Arup/HCC flagged - 270225</t>
  </si>
  <si>
    <t>AECOM amended attribution method</t>
  </si>
  <si>
    <t>AECOM amended intervention</t>
  </si>
  <si>
    <t>AECOM removed</t>
  </si>
  <si>
    <t>AECOM added - post 2041 HGC intervention OR new intervention pre-2041</t>
  </si>
  <si>
    <t>Brief name</t>
  </si>
  <si>
    <t>Brief description of what it is and where it is located</t>
  </si>
  <si>
    <t>DBC LCWIP priority walking and cycling routes the interventions are located within 100m of</t>
  </si>
  <si>
    <t>As defined under definitions above</t>
  </si>
  <si>
    <t>(1-Low level of complexity; 2-medium level of complexity, 3-high level of complexity</t>
  </si>
  <si>
    <t>The interventions directly or indirectly facilitating HERT. 'HERT Interim'  indicates interventions which could support existing bus services in advance of HERT. 'HERT Exclusive' indicates interventions which are unlikely to be required without the HERT in place based on current bus service provision (Summer 2024).</t>
  </si>
  <si>
    <t>Highlight whether the intervention is located wholly within a development site or on the existing public highway</t>
  </si>
  <si>
    <t>Inidcate the Route Segment the interventions falls on (or leave blank if not located on a segment)</t>
  </si>
  <si>
    <r>
      <t xml:space="preserve">Identify the Attribution Scenario the intervention applies to (Updated based on a GIS check - </t>
    </r>
    <r>
      <rPr>
        <b/>
        <i/>
        <sz val="10"/>
        <color rgb="FFFF0000"/>
        <rFont val="Calibri"/>
        <family val="2"/>
        <scheme val="minor"/>
      </rPr>
      <t>TO REVIEW)</t>
    </r>
  </si>
  <si>
    <t>Identify the Attribution Scenario the intervention applies to</t>
  </si>
  <si>
    <t>List site or sites which meet scenario criteria</t>
  </si>
  <si>
    <t>9035 Hemel Hempstead Hospital / Market Sq (Hm03 and Hm05)</t>
  </si>
  <si>
    <t>9036 Paradise (Hm04)</t>
  </si>
  <si>
    <t>9038 National Grid &amp; 339-353 London Road (Hm09) (more than one loading point, please see 9038a and b)</t>
  </si>
  <si>
    <t>9041 - Polehanger Lane (Hm13)</t>
  </si>
  <si>
    <t>9147 Hemel Hempstead Station Gateway (Hm08)</t>
  </si>
  <si>
    <t>9169 Apsley Mill Retail Park (Hm10)</t>
  </si>
  <si>
    <t>9170 Riverside (Hm06)</t>
  </si>
  <si>
    <t>9178 Shendish Manor &amp; Fairfields (Hm11)</t>
  </si>
  <si>
    <t>9008 East Hemel North (H2) </t>
  </si>
  <si>
    <t>9109 East Hemel Central (H3) (more than one loading point, please see 9109 a and b)</t>
  </si>
  <si>
    <t>9007 East Hemel South (H4) (more than one loading point, please see 9007a, b and c)</t>
  </si>
  <si>
    <t>9013 and 9015 North Hemel (Hm01) (DBC)  (more than one loading point, please see 9013a, 9013 and 9015a and b)</t>
  </si>
  <si>
    <t>9090 North Hemel (H1) (SADC) (Development zone 9090)</t>
  </si>
  <si>
    <t>9033 Marchmont Farm (Hm14) </t>
  </si>
  <si>
    <t>1566 Civic Civic Zone, Marlowes (Hm02) </t>
  </si>
  <si>
    <t>1619 Symbio Site, Whiteleaf Road (Hm07) </t>
  </si>
  <si>
    <t>1651 Grovehill Local Centre (Henry Wells Square) (Grovehill NDP)</t>
  </si>
  <si>
    <t>1585 Plots 2/3 Kier Park, Maylands Avenue (Hm12)</t>
  </si>
  <si>
    <t>1662 Old Town (Hm15) (Hm15) </t>
  </si>
  <si>
    <t>1598 Site to the south of Green Lane (Westwick Row) (Hm16) </t>
  </si>
  <si>
    <t>List nearby key trip attractor cluster(s) to which connectivity could be enhanced as a consequence of the proposed intervention</t>
  </si>
  <si>
    <t xml:space="preserve">Local Plan Period to be broken down into smaller phases. Can be more specific if interventions are related to specific sites in which case need to relate to LP site build-out schedule, otherwise use the following: 2026/27-2030/31, 2031/32-2035/36, 2036/37-2040/41. </t>
  </si>
  <si>
    <t>Dacorum Borough Council OR St Albans City and District Council OR where multiple authority areas indicate Cross-Boundary</t>
  </si>
  <si>
    <t>Cost or Cost Range (£)</t>
  </si>
  <si>
    <t>Change comment</t>
  </si>
  <si>
    <t>Previous cost estimates</t>
  </si>
  <si>
    <t>Check = 100%</t>
  </si>
  <si>
    <t>LS-1</t>
  </si>
  <si>
    <t/>
  </si>
  <si>
    <t>Local Network</t>
  </si>
  <si>
    <t>Local</t>
  </si>
  <si>
    <t>Not HERT related</t>
  </si>
  <si>
    <t>End-State</t>
  </si>
  <si>
    <t>Physical</t>
  </si>
  <si>
    <t>Within Existing Highway</t>
  </si>
  <si>
    <t>Segment 19</t>
  </si>
  <si>
    <t>Multiple - COMET based apportionment</t>
  </si>
  <si>
    <t>Multiple Scenario 2 (Step 6)</t>
  </si>
  <si>
    <t>Step 6 - All sites contribute</t>
  </si>
  <si>
    <t>n/a</t>
  </si>
  <si>
    <t>Cluster 5; Cluster 22</t>
  </si>
  <si>
    <t>No Route</t>
  </si>
  <si>
    <t>No change - overriden by CoMoUk costs</t>
  </si>
  <si>
    <t>LS-2</t>
  </si>
  <si>
    <t>H6</t>
  </si>
  <si>
    <t>LCWIP audited route (Segment 1)</t>
  </si>
  <si>
    <t xml:space="preserve"> </t>
  </si>
  <si>
    <t>LS-3</t>
  </si>
  <si>
    <t>Segment 35</t>
  </si>
  <si>
    <t>Single - Scenario 3</t>
  </si>
  <si>
    <t>Cluster 4; Cluster 5; Cluster 16</t>
  </si>
  <si>
    <t>LS-4</t>
  </si>
  <si>
    <t>Segment 14</t>
  </si>
  <si>
    <t>Cluster 8; Cluster 19</t>
  </si>
  <si>
    <t>LS-5</t>
  </si>
  <si>
    <t>Segment 16</t>
  </si>
  <si>
    <t>Manually attributed</t>
  </si>
  <si>
    <t>Cluster 7, Cluster 9</t>
  </si>
  <si>
    <t>EXT-1</t>
  </si>
  <si>
    <t>Leighton Buzzard Road bus priority</t>
  </si>
  <si>
    <t>Bus priority lane and bus gate southbound on Leighton Buzzard Road between south of Link Road and north of Queensway junctions, approx. 700m in length</t>
  </si>
  <si>
    <t>H10,H16,H15,H3</t>
  </si>
  <si>
    <t>Route</t>
  </si>
  <si>
    <t>Key Network</t>
  </si>
  <si>
    <t>Strategic</t>
  </si>
  <si>
    <t>Within  Existing Highway</t>
  </si>
  <si>
    <t>Mutliple Scenario 2 (Step 5)</t>
  </si>
  <si>
    <t>See COMET attribution &gt;&gt;</t>
  </si>
  <si>
    <t>NEW</t>
  </si>
  <si>
    <t>NEW cost</t>
  </si>
  <si>
    <t>EXT-11</t>
  </si>
  <si>
    <t xml:space="preserve">B487 Hemel Hempstead Road - Hemel Hempstead Road Redbourn junction improvement </t>
  </si>
  <si>
    <t>Introduction of traffic signals including bus detection to allow easier right-turn from the side arm onto the main road. Also incorporate ped/cycle crossing on the B487 linking across to the Nickey Line.</t>
  </si>
  <si>
    <t>LS-8</t>
  </si>
  <si>
    <t>H4</t>
  </si>
  <si>
    <t>Segment 30</t>
  </si>
  <si>
    <t>Cluster 2; Cluster 21</t>
  </si>
  <si>
    <t>LS-9</t>
  </si>
  <si>
    <t>H18</t>
  </si>
  <si>
    <t>Segment 10</t>
  </si>
  <si>
    <t>Cluster 12</t>
  </si>
  <si>
    <t>LS-10</t>
  </si>
  <si>
    <t>H15,H10</t>
  </si>
  <si>
    <t>Single - Scenario 2</t>
  </si>
  <si>
    <t>Cluster 20, Cluster 27</t>
  </si>
  <si>
    <t>LS-11</t>
  </si>
  <si>
    <t>H16</t>
  </si>
  <si>
    <t>Single - Scenario 1</t>
  </si>
  <si>
    <t>Cluster 17</t>
  </si>
  <si>
    <t>LS-12</t>
  </si>
  <si>
    <t>H15,H21</t>
  </si>
  <si>
    <t>Cluster 15; Cluster 20</t>
  </si>
  <si>
    <t>LS-13</t>
  </si>
  <si>
    <t>H1</t>
  </si>
  <si>
    <t>Segment 15</t>
  </si>
  <si>
    <t>Cluster 11</t>
  </si>
  <si>
    <t>5,6</t>
  </si>
  <si>
    <t>EXT-4</t>
  </si>
  <si>
    <t>North Hemel STC Bus Gates (within main site)</t>
  </si>
  <si>
    <t xml:space="preserve">Bus Gates on the proposed STC within North Hemel (minimum two will be required however additional gates may also be required along the length of STC). </t>
  </si>
  <si>
    <t>Exact location of intervention has not been defined at this stage, and therefore the LCWIP route it overlaps with cannot be defined</t>
  </si>
  <si>
    <t>Other</t>
  </si>
  <si>
    <t>Within LP Development Site</t>
  </si>
  <si>
    <t>Single Scenario 1</t>
  </si>
  <si>
    <t>Single Scenario 1 (Step 1)</t>
  </si>
  <si>
    <t>North Hemel (H1) (SADC)</t>
  </si>
  <si>
    <t>Dependent on timing of STC and build-out of North Hemel development</t>
  </si>
  <si>
    <t>EXT-2</t>
  </si>
  <si>
    <t>Link Road bus priority bypass lane - approach to Leighton Buzzard Road roundabout</t>
  </si>
  <si>
    <t>Provision of 80m bus only left-turn filter from the eastern to the southern arms of the roundabout. No provision of bus lane in advance as Link Road is constrained by the width of the bridge of the River Gade. It would directly feed into a new bus lane heading southbound on Leighton Buzzard Road (EXT-1)</t>
  </si>
  <si>
    <t>H16,H3</t>
  </si>
  <si>
    <t>EXT-3</t>
  </si>
  <si>
    <t>Redbourn Road (north-south orientated section) bus priority</t>
  </si>
  <si>
    <t>Bus priority on Redbourn Road between the junctions with Link Road and Queensway/Swallowdale Lane - northbound only</t>
  </si>
  <si>
    <t>2036/37-2040/42</t>
  </si>
  <si>
    <t>EXT-6</t>
  </si>
  <si>
    <t>HERT route - conversion of eastbound bypass lane at Jarman Park to bys-only link. Also incorporating new interchange stop</t>
  </si>
  <si>
    <t>HERT route - conversion of eastbound bypass lane at Jarman Park to bys-only link. Also incorporating new interchange stop (eastbound only)</t>
  </si>
  <si>
    <t>H29,H4,H8,H14</t>
  </si>
  <si>
    <t>HERT Exclusive</t>
  </si>
  <si>
    <t>LS-20</t>
  </si>
  <si>
    <t>To be determined through further investigations</t>
  </si>
  <si>
    <t>Key Network or Local Network</t>
  </si>
  <si>
    <t>Multiple Scenario 2 (Step 7)</t>
  </si>
  <si>
    <t>Step 7 - All sites contribute</t>
  </si>
  <si>
    <t>Uplifted</t>
  </si>
  <si>
    <t>LS-14</t>
  </si>
  <si>
    <t>9109 East Hemel Central</t>
  </si>
  <si>
    <t>TBD*</t>
  </si>
  <si>
    <t>LS-22</t>
  </si>
  <si>
    <t>Local Mobility Hub located within the proposed North Hemel Hempstead development site HH01/HH02 around the proposed mixed use area MU1 - to be provided by the developer at a location which is accessible within the site and aligned to the Local Mobility Hub standards applied across Hemel Garden Communities</t>
  </si>
  <si>
    <t>Development Road Network</t>
  </si>
  <si>
    <t>Segments 14, 18, 24 and 35</t>
  </si>
  <si>
    <t>North Hemel (Hm01) (DBC) </t>
  </si>
  <si>
    <t>Cluster 4, Cluster 8; Cluster 16; Cluster 19</t>
  </si>
  <si>
    <t>LS-23</t>
  </si>
  <si>
    <t>Local Mobility Hub located within the proposed North Hemel Hempstead development site HH01/HH02 around the proposed mixed use area MU2 - to be provided by the developer at a location which is accessible within the site and aligned to the Local Mobility Hub standards applied across Hemel Garden Communities</t>
  </si>
  <si>
    <t>LS-24</t>
  </si>
  <si>
    <t>Local Mobility Hub located within the proposed North Hemel Hempstead development site HH01/HH02 on the eastern side near to the A4146 Redbourn Road and around the proposed mixed use area MU3 - to be provided by the developer at a location which is accessible within the site and aligned to the Local Mobility Hub standards applied across Hemel Garden Communities</t>
  </si>
  <si>
    <t>LS-25</t>
  </si>
  <si>
    <t>Segments 10, 11, 13, 14, 34 and LCWIP audited route (Segment 1)</t>
  </si>
  <si>
    <t>East Hemel North (H2) </t>
  </si>
  <si>
    <t>Cluster 11; Cluster 19</t>
  </si>
  <si>
    <t>LS-26</t>
  </si>
  <si>
    <t>East Hemel South (H4)</t>
  </si>
  <si>
    <t>LS-27</t>
  </si>
  <si>
    <t>Local Mobility Hub located within the proposed Marchmont Farm development site HH22 - to be provided by the developer at a location which is accessible within the site and aligned to the Local Mobility Hub standards applied across Hemel Garden Communities</t>
  </si>
  <si>
    <t>Segments 23, 24 and LCWIP audited route (Segment 1)</t>
  </si>
  <si>
    <t>Cluster 5; Cluster 16; Cluster 22</t>
  </si>
  <si>
    <t>LS-28</t>
  </si>
  <si>
    <t>Local Mobility Hub located within the proposed Polehanger Lane development site NEW4 - to be provided by the developer at a location which is accessible within the site and aligned to the Local Mobility Hub standards applied across Hemel Garden Communities</t>
  </si>
  <si>
    <t>No Segment</t>
  </si>
  <si>
    <t>Cluster 6, Cluster 17</t>
  </si>
  <si>
    <t>LS-30</t>
  </si>
  <si>
    <r>
      <t xml:space="preserve">Revised layout to the station forecourt area to provide a more attractive and accessibile environment for walking, wheeling and cycling, improved taxi rank, improved bus interchange facilities in line with the Metro Mobility Hub standards. This will be the terminating/turn-around point for the proposed HERT MRT system. Consideration needs to be given to bus service capacity. </t>
    </r>
    <r>
      <rPr>
        <sz val="11"/>
        <color rgb="FFFF0000"/>
        <rFont val="Calibri"/>
        <family val="2"/>
        <scheme val="minor"/>
      </rPr>
      <t xml:space="preserve">This intervention does not include highway access junctions or on-street bus stop provision. </t>
    </r>
  </si>
  <si>
    <t>H17,T1,H30</t>
  </si>
  <si>
    <t>Close to Key Network</t>
  </si>
  <si>
    <t>HERT Interim</t>
  </si>
  <si>
    <t>Segment 5 and LCWIP audited route (Segment 1)</t>
  </si>
  <si>
    <t>Multiple Scenario 2 (Step 8)</t>
  </si>
  <si>
    <t>Step 8 - All sites contribute</t>
  </si>
  <si>
    <t>Cluster 24</t>
  </si>
  <si>
    <t>LS-31</t>
  </si>
  <si>
    <t>£2,000,000-£9,000,000</t>
  </si>
  <si>
    <t xml:space="preserve">Updated to specified a broad cost  range. Unclear at this stage of what scale of works would be required beyond cosmetic updates to the station. The station already has step-free access to all platforms. To deal with additional passengers, a second or upgraded footbridge may be required and an expanded ticket hall. A footbridge (without lifts)installed at St Albans City in 2023/24 cost £6.8m. </t>
  </si>
  <si>
    <t>EXT-7</t>
  </si>
  <si>
    <t>HERT route - A414/Bennets End Roundabout signalised hamburdger with bus priority links</t>
  </si>
  <si>
    <t>Conversion of the A414 Bennetts End roundabout to a signalised hamburger layout incorporating bus-only links through the middle and bus lanes/gates on A414 approaches</t>
  </si>
  <si>
    <t>H9,H14,H19,H29</t>
  </si>
  <si>
    <t>LS-16</t>
  </si>
  <si>
    <t>H28,H29,H32,H33,H11,H20,T1,H9,H22,H14,H3</t>
  </si>
  <si>
    <t>Interim</t>
  </si>
  <si>
    <t>Cluster 3, Cluster 18, Cluster 25</t>
  </si>
  <si>
    <t>3,7,8</t>
  </si>
  <si>
    <t>LS-17</t>
  </si>
  <si>
    <t>H28,H29,H32,H33,H11,H12,H20,T1,H9,H22,H14,H3</t>
  </si>
  <si>
    <t>Cluster 18; Cluster 25</t>
  </si>
  <si>
    <t>LS-19</t>
  </si>
  <si>
    <t>T1,H33</t>
  </si>
  <si>
    <t>Cluster 18, Cluster 24</t>
  </si>
  <si>
    <t>LS-32</t>
  </si>
  <si>
    <t>M1/Key Network</t>
  </si>
  <si>
    <t>Post 2041 plan period - attributed to East Hemel Hempstead and other sites?</t>
  </si>
  <si>
    <t>None</t>
  </si>
  <si>
    <t>No change</t>
  </si>
  <si>
    <t>LS-33</t>
  </si>
  <si>
    <t>H14,H19</t>
  </si>
  <si>
    <t>LS-34</t>
  </si>
  <si>
    <r>
      <t xml:space="preserve">A414 Breakspear Way walking and cycling  bridge for active modes </t>
    </r>
    <r>
      <rPr>
        <sz val="11"/>
        <color rgb="FFFF0000"/>
        <rFont val="Calibri"/>
        <family val="2"/>
        <scheme val="minor"/>
      </rPr>
      <t>(M1 Junction 8 Phase 2)</t>
    </r>
  </si>
  <si>
    <t>H19,H14</t>
  </si>
  <si>
    <t>Within Existing Highway &amp; Within LP Development Site</t>
  </si>
  <si>
    <t>EXT-5</t>
  </si>
  <si>
    <t>North Hemel-Marchmont Farm STC Bus Gate connection</t>
  </si>
  <si>
    <t>Bus Gate required along the route linking North Hemel and Marchmont Farm development sites</t>
  </si>
  <si>
    <t>Multiple Scenario 1 (Step 3)</t>
  </si>
  <si>
    <t>North Hemel (Hm01); Marchmont Farm</t>
  </si>
  <si>
    <t>EXT-9</t>
  </si>
  <si>
    <t>Redbourn Road shared use footway and cycleway link</t>
  </si>
  <si>
    <t>Provision of a new shared use route on the northern side of Redbourn Road between Holtsmere End Lane and Shenley Road - to provide better connectivity between East and North Hemel developments and Woodhall Farm neighbourhood centre and Sainsbury's supermarket</t>
  </si>
  <si>
    <t>Single Scenario 2</t>
  </si>
  <si>
    <t>North Hemel (H1) (SADC); East Hemel North (H2) </t>
  </si>
  <si>
    <t>LS-29</t>
  </si>
  <si>
    <t>Local Mobility Hub located within the proposed Shendish Manor and Fairfields development site NEW3 - to be provided by the developer at a location which is accessible within the site and aligned to the Local Mobility Hub standards applied across Hemel Garden Communities</t>
  </si>
  <si>
    <t>Segments 6 and 7</t>
  </si>
  <si>
    <t>Cluster 28</t>
  </si>
  <si>
    <t>EXT-15</t>
  </si>
  <si>
    <t>Arriva 721 new stop</t>
  </si>
  <si>
    <t xml:space="preserve">Retain 721 from Luton to Riverside but with additional stop introduced on A4147, tieing into New HGC orbital Service southern terminus. Stops will be upgraded on both sides of the road to incorporate shelters and raised kassel-kerbs. </t>
  </si>
  <si>
    <t>Single Scenario 2 (Step 2)</t>
  </si>
  <si>
    <t>EXT-17</t>
  </si>
  <si>
    <t>Marchmont Farm-Washington Avenue pedetrian routes</t>
  </si>
  <si>
    <t>Improvements to pedestrian routes that will link the Marchmont Farm development with the Arriva 3/4 bus stop on Washington Avenue. Includes improvements to a section of Piccotts End Lane, the section of path (already designated a cycle route) linking to the u-turn end of Washington Avenue and an uncontrolled crossing just north of the junction with Tremaine Grove. Subject to status of proposed reseved emergency access adjacent to 32-home development on Laidon Square, could also comprise footpath widening and dropped kerbs on Leven Way and Laideon Square.</t>
  </si>
  <si>
    <t>LS-45</t>
  </si>
  <si>
    <t>Within development site</t>
  </si>
  <si>
    <t>LS-46</t>
  </si>
  <si>
    <t>Green Loop</t>
  </si>
  <si>
    <t>Cluster 1; Cluster 23</t>
  </si>
  <si>
    <t>LS-47</t>
  </si>
  <si>
    <t>LS-48</t>
  </si>
  <si>
    <t>Cluster 6; Cluster 17</t>
  </si>
  <si>
    <t>LS-49</t>
  </si>
  <si>
    <t>LS-42</t>
  </si>
  <si>
    <t>Segment 13</t>
  </si>
  <si>
    <t>East Hemel Central (H3); East Hemel North (H2) </t>
  </si>
  <si>
    <t>Cluster 19</t>
  </si>
  <si>
    <t>LS-43</t>
  </si>
  <si>
    <t>Other (Strategic Active Connections)</t>
  </si>
  <si>
    <t>LS-50</t>
  </si>
  <si>
    <t>LS-51</t>
  </si>
  <si>
    <t>H3</t>
  </si>
  <si>
    <t>LS-56</t>
  </si>
  <si>
    <t>Segment 8</t>
  </si>
  <si>
    <t>Multiple Scenario 2 (Step 9)</t>
  </si>
  <si>
    <t>Step 9 - All sites contribute</t>
  </si>
  <si>
    <t>LS-35</t>
  </si>
  <si>
    <t>H12,H22,H14,H28,H29</t>
  </si>
  <si>
    <t>Cluster 10; Cluster 21</t>
  </si>
  <si>
    <t>LS-58</t>
  </si>
  <si>
    <t>Multiple links</t>
  </si>
  <si>
    <t>Blended</t>
  </si>
  <si>
    <t>All Clusters</t>
  </si>
  <si>
    <t xml:space="preserve"> Not costed </t>
  </si>
  <si>
    <t>Not originally costed</t>
  </si>
  <si>
    <t>LS-59</t>
  </si>
  <si>
    <t>H20,H21</t>
  </si>
  <si>
    <t xml:space="preserve">51.732654337064886, </t>
  </si>
  <si>
    <t>Within Existing Highway (Network Rail land?)</t>
  </si>
  <si>
    <t>Segment 7</t>
  </si>
  <si>
    <t>Multiple - Scenario 1</t>
  </si>
  <si>
    <t>Updated base cost and applied new uplifts</t>
  </si>
  <si>
    <t>LS-52</t>
  </si>
  <si>
    <t>North Hemel (H1) (SADC); North Hemel (Hm01)</t>
  </si>
  <si>
    <t>LS-62</t>
  </si>
  <si>
    <t>Could be linked to specific LP sites. More information needed on a wider bus strategy</t>
  </si>
  <si>
    <t>LS-63</t>
  </si>
  <si>
    <t>LS-36</t>
  </si>
  <si>
    <t>H14,H29</t>
  </si>
  <si>
    <t>LS-66</t>
  </si>
  <si>
    <t>Soft</t>
  </si>
  <si>
    <t>Unlinked</t>
  </si>
  <si>
    <t>DELETED</t>
  </si>
  <si>
    <t>Cluster 13; Cluster 14: Cluster 18; Cluster 25</t>
  </si>
  <si>
    <t>Removed so not re-estimated</t>
  </si>
  <si>
    <t>LS-67</t>
  </si>
  <si>
    <t>Multiple - Scenario 2</t>
  </si>
  <si>
    <t>LS-37</t>
  </si>
  <si>
    <t>LS-69</t>
  </si>
  <si>
    <t>H15,H10,H21</t>
  </si>
  <si>
    <t>51.75489747144745,</t>
  </si>
  <si>
    <t>Cluster 6; Cluster 15; Cluster 20</t>
  </si>
  <si>
    <t>LS-71</t>
  </si>
  <si>
    <r>
      <t xml:space="preserve">A414 Maylands Avenue Roundabout </t>
    </r>
    <r>
      <rPr>
        <sz val="11"/>
        <color rgb="FFFF0000"/>
        <rFont val="Calibri"/>
        <family val="2"/>
        <scheme val="minor"/>
      </rPr>
      <t>- signalisation and bus-only hamburger</t>
    </r>
  </si>
  <si>
    <r>
      <rPr>
        <sz val="11"/>
        <color rgb="FFFF0000"/>
        <rFont val="Calibri"/>
        <family val="2"/>
        <scheme val="minor"/>
      </rPr>
      <t>Conversion of the roundabout to incorporate bus-only hamburger links through the centre, with bus priority lanes and gates in advance on both sides.</t>
    </r>
    <r>
      <rPr>
        <sz val="11"/>
        <color theme="1"/>
        <rFont val="Arial"/>
        <family val="2"/>
      </rPr>
      <t xml:space="preserve"> Introduce a new at-grade crossing facility to the east of the roundabout, to replace or complement the existing footbridge. </t>
    </r>
  </si>
  <si>
    <t>H14,H19,H18</t>
  </si>
  <si>
    <t>51.75386462455474,</t>
  </si>
  <si>
    <t xml:space="preserve">HERT </t>
  </si>
  <si>
    <t>5,8</t>
  </si>
  <si>
    <t>Updated - scheme composition has changed to match HERT proposal</t>
  </si>
  <si>
    <t>LS-38</t>
  </si>
  <si>
    <t>LS-73</t>
  </si>
  <si>
    <t>T1,H22,H3,H28,H29,H33,H11</t>
  </si>
  <si>
    <t>LS-44</t>
  </si>
  <si>
    <t>East Hemel Central (H3)</t>
  </si>
  <si>
    <t>LS-75</t>
  </si>
  <si>
    <t>Better routes for active modes crossing the Grand Union Canal in Apsley</t>
  </si>
  <si>
    <t>(LS-75) There are currently limited connections for both pedestrians and cyclists across the canal in the Apsley area. The purpose of this intention is to investigate improvements to existing active mode bridges over the canal and/or the provision of an additional bridge link</t>
  </si>
  <si>
    <t>Cluster 14</t>
  </si>
  <si>
    <t>Cost is for a new bridge. Uplifted estimate benchmarked against a 2022 cost estimate.</t>
  </si>
  <si>
    <t>LS-54</t>
  </si>
  <si>
    <t>SG2-1</t>
  </si>
  <si>
    <t>Segment 2</t>
  </si>
  <si>
    <t>SG2-2</t>
  </si>
  <si>
    <t xml:space="preserve">(SG2-2) Investigate the introduction of a 20 mph speed limit zone in this area, including Fishery Road, Kingsland Road and Horsecroft Road. Note: this area falls within a wider area identified by HCC as being a potential 20mph zone, subject to further investigation. </t>
  </si>
  <si>
    <t>H30,T1,H21,H25,H17,H15</t>
  </si>
  <si>
    <t>SG2-3</t>
  </si>
  <si>
    <t xml:space="preserve">(SG2-3) Provide traffic calming features near crossings eg. Add speed cushions on approaches to both crossings (these may be required as part of a 20mph speed limit zone). Note: this area falls within a wider area identified by HCC as being a potential 20mph zone, subject to further investigation. </t>
  </si>
  <si>
    <t>H25,H17,H15,H30,H21</t>
  </si>
  <si>
    <t>SG2-4</t>
  </si>
  <si>
    <t>H21,H25,H15</t>
  </si>
  <si>
    <t>SG2-5</t>
  </si>
  <si>
    <t>51.745781235832304, 51.745289675016096,</t>
  </si>
  <si>
    <t xml:space="preserve"> -0.4878859008583738;  -0.48955494119310583 </t>
  </si>
  <si>
    <t>SG2-6</t>
  </si>
  <si>
    <t>H25,H15,H21</t>
  </si>
  <si>
    <t>SG3-1</t>
  </si>
  <si>
    <t>51.74640264831837; 51.74805902410097; 51.74857945279902; 51.749547088228105; 51.75073981847102</t>
  </si>
  <si>
    <t xml:space="preserve"> -0.48741415346467054 ;   -0.48721322605283196;   -0.48721728599669945;  -0.48726832122444136;  -0.4873321152613167</t>
  </si>
  <si>
    <t>Segment 3</t>
  </si>
  <si>
    <t>Cluster 3; Cluster 24</t>
  </si>
  <si>
    <t>SG3-2</t>
  </si>
  <si>
    <t>51.750853653566814; 51.75079008578206</t>
  </si>
  <si>
    <t xml:space="preserve">  -0.48521824747109227; ,-0.4863208737502951 </t>
  </si>
  <si>
    <t>SG3-3</t>
  </si>
  <si>
    <t xml:space="preserve">(SG3-3) Investigate introducing 20mph limits/zones covering Cowper Road. Retained intervention, but added the following note: Note: this area falls within a wider area identified by HCC as being a potential 20mph zone, subject to further investigation. </t>
  </si>
  <si>
    <t>Area/Route</t>
  </si>
  <si>
    <t>SG3-4</t>
  </si>
  <si>
    <t>SG3-5</t>
  </si>
  <si>
    <t>SG4-1</t>
  </si>
  <si>
    <t>51.748056; 51.748836; 51.750553</t>
  </si>
  <si>
    <t xml:space="preserve"> -0.487201; -0.484430; -0.483402</t>
  </si>
  <si>
    <t>Segment 4</t>
  </si>
  <si>
    <t>SG4-2</t>
  </si>
  <si>
    <t>(SG4-2) Add new uncontrolled cycling and pedestrian crossing at Beechfield Road and alleway through to The Cornfields</t>
  </si>
  <si>
    <t>51.750822; 51.751057</t>
  </si>
  <si>
    <t xml:space="preserve"> -0.482748;  -0.481751</t>
  </si>
  <si>
    <t>SG4-3</t>
  </si>
  <si>
    <t>51.750696; 51.748836</t>
  </si>
  <si>
    <t xml:space="preserve"> -0.482724;  -0.484430</t>
  </si>
  <si>
    <t>SG4-4</t>
  </si>
  <si>
    <t>SG4-5</t>
  </si>
  <si>
    <t>H35,H23</t>
  </si>
  <si>
    <t>SG4-6</t>
  </si>
  <si>
    <t>SG4-7</t>
  </si>
  <si>
    <t>(SG4-7) Add cycle cycle storage facilities for residents along Glenview Gardens</t>
  </si>
  <si>
    <t>LS-57</t>
  </si>
  <si>
    <t>H20,H24</t>
  </si>
  <si>
    <t>Segment 6</t>
  </si>
  <si>
    <t>Cluster 13; Cluster 14</t>
  </si>
  <si>
    <t>LS-6</t>
  </si>
  <si>
    <t>SG5-3</t>
  </si>
  <si>
    <t>Segment 5</t>
  </si>
  <si>
    <t>Cluster 13; Cluster 28</t>
  </si>
  <si>
    <t>LS-64</t>
  </si>
  <si>
    <t xml:space="preserve">Alterations to the B440 Leighton Buzzard Road in conjunction with the North Hemel Hempstead proposed development (which could potentially provide a vehicle access onto this road). Measures include reducing the current 50mph section to 40mph (matching the 40mph section to the north); reducing the current 60mph section leading out of Hemel Hempstead to 40mph; installing a signal-controlled Toucan crossing adjacent to Public Footpath 'Hemel Hempstead 013'); provision LTN standard cycle and footway (replacing the existing narrow footway) on the western side of the road (approx 680m): provision of signal-controlled crossing on Galley Hill at southern end of corridor, east of the B440-A4147 roundabout. </t>
  </si>
  <si>
    <t>2,3</t>
  </si>
  <si>
    <t>LS-68</t>
  </si>
  <si>
    <t>H11</t>
  </si>
  <si>
    <t>Segment 25</t>
  </si>
  <si>
    <t>Cluster 25; Cluster 26</t>
  </si>
  <si>
    <t>4,6</t>
  </si>
  <si>
    <t>LS-7</t>
  </si>
  <si>
    <t>H4,H8,H14,H29</t>
  </si>
  <si>
    <t>Cluster 10</t>
  </si>
  <si>
    <t>LS-72</t>
  </si>
  <si>
    <t>H19,H29,H9,H14</t>
  </si>
  <si>
    <t>SG14-1</t>
  </si>
  <si>
    <t>51.77465863982548; 51.775448197981945</t>
  </si>
  <si>
    <t xml:space="preserve"> -0.4398690780920646;  -0.43604719540828074</t>
  </si>
  <si>
    <t>Cluster 4; Cluster 5; Cluster 8; Cluster 19</t>
  </si>
  <si>
    <t>SG14-2</t>
  </si>
  <si>
    <t>H16,H6</t>
  </si>
  <si>
    <t>SG15-1</t>
  </si>
  <si>
    <t>H2,H19,H18,H6,H14,H1</t>
  </si>
  <si>
    <t>4,5,6,8</t>
  </si>
  <si>
    <t>SG15-2</t>
  </si>
  <si>
    <t>SG21-1</t>
  </si>
  <si>
    <t>(SG21-1) Reduce the kerb radii all approaches, notably on the Marlowes and Queensway approach arms to provide a single lane. This will increase deflection and reduce speeds through the junction. Provide give-way markings on the cycleway approach to increase the prominance of the cycleway approach</t>
  </si>
  <si>
    <t>H6,H7,H11</t>
  </si>
  <si>
    <t>Segment 21</t>
  </si>
  <si>
    <t>3,4,6</t>
  </si>
  <si>
    <t>SG25-2</t>
  </si>
  <si>
    <t>H22,H2,H11</t>
  </si>
  <si>
    <t>Cluster 25</t>
  </si>
  <si>
    <t>SG25-3</t>
  </si>
  <si>
    <t>H1,H2,H10,H11</t>
  </si>
  <si>
    <t>SG25-4</t>
  </si>
  <si>
    <t>H1,H10,H11</t>
  </si>
  <si>
    <t>SG8-1</t>
  </si>
  <si>
    <t>H32</t>
  </si>
  <si>
    <t>a) 51.7347779210956; b)  51.73544951259736; c)  51.73652404595131</t>
  </si>
  <si>
    <t>b)  -0.45854965783918944; b)  -0.4573911588840501; c)  -0.45534065240490673</t>
  </si>
  <si>
    <t>Cluster 2; Cluster 21, Cluster 23, Cluster 28</t>
  </si>
  <si>
    <t>SG8-2</t>
  </si>
  <si>
    <t>SG8-3</t>
  </si>
  <si>
    <t>a) 51.735917; b) 51.736550; c) 51.737783; d) 51.738204; e) 51.738617; f) 51.738749; g) 51.738808</t>
  </si>
  <si>
    <t>a)  -0.456331; b) -0.455330; c)  -0.452763; d)  -0.452208; e)  -0.451686; f)  -0.450722; g)  -0.449479</t>
  </si>
  <si>
    <t>SG8-4</t>
  </si>
  <si>
    <t>SG8-5</t>
  </si>
  <si>
    <t>SG8-6</t>
  </si>
  <si>
    <t>SG8-7</t>
  </si>
  <si>
    <t>51.73952295896177; 51.74056949797214; 51.73918500465618</t>
  </si>
  <si>
    <t xml:space="preserve"> -0.4480882451141877;  -0.44895092237751266;  -0.44950857461275884</t>
  </si>
  <si>
    <t>SG9-1</t>
  </si>
  <si>
    <t>51.7439397565011; 51.74457883616846; 51.745137265862056</t>
  </si>
  <si>
    <t xml:space="preserve"> -0.443919927543522; -0.44236036194704415;  -0.44008021221711763</t>
  </si>
  <si>
    <t>Segment 9</t>
  </si>
  <si>
    <t>Cluster 2, Cluster 12, Cluster 21</t>
  </si>
  <si>
    <t>SG9-2</t>
  </si>
  <si>
    <t>SG9-3</t>
  </si>
  <si>
    <t xml:space="preserve">(SG9-3) Provide speed cushions on two approaches to Bennetts End Rd/ Peascroft Rd mini-roundabout. Note: this area falls within a wider area identified by HCC as being a potential 20mph zone, subject to further investigation. </t>
  </si>
  <si>
    <t>SG9-4</t>
  </si>
  <si>
    <t xml:space="preserve">(SG9-4) Investigate introducing 20mph limits/zones at Peascroft Rd (residential area with schools) and Malmes Croft. Note: this area falls within a wider area identified by HCC as being a potential 20mph zone, subject to further investigation. </t>
  </si>
  <si>
    <t>H18,H4</t>
  </si>
  <si>
    <t>SG9-5</t>
  </si>
  <si>
    <t>SG9-6</t>
  </si>
  <si>
    <t>SG9-7</t>
  </si>
  <si>
    <t>SG10-1</t>
  </si>
  <si>
    <t>(SG10-1) New off-carriageway shared use cycle and footway on the southern/western side of the road between Malmes Croft and A414 signal-controlled crossing (west of Maylands Avenue junction). Include reduced kerb radii at Green Dell Way to reduce crossing width with tactile paving and constrasting surface treatment to indicate uncontrolled crossing location. Also include short section south of Malmes Croft to the signal-controlled crossing and upgrade crossing to a Toucan crossing</t>
  </si>
  <si>
    <t>H19,H18,H14</t>
  </si>
  <si>
    <t>Cluster 11: Cluster 12</t>
  </si>
  <si>
    <t>SG10-2</t>
  </si>
  <si>
    <t>SG10-3</t>
  </si>
  <si>
    <t>a) 51.74728300524592; b) 51.74713354746854; c) 51.74703722997222; d) 51.74644603531189</t>
  </si>
  <si>
    <t>a) -0.4300310236737609; b)  -0.4297735316366591; c)  -0.4280676468908601; d)  -0.4260077103172585</t>
  </si>
  <si>
    <t>SG10-4</t>
  </si>
  <si>
    <t>SG11-1</t>
  </si>
  <si>
    <t>51.752293; 51.750571</t>
  </si>
  <si>
    <t>, -0.431512;  -0.429794</t>
  </si>
  <si>
    <t>Segment 11</t>
  </si>
  <si>
    <t>SG11-2</t>
  </si>
  <si>
    <t>SG11-3</t>
  </si>
  <si>
    <t xml:space="preserve">(SG11-3) 20mph zone covering all roads leading off the A4147 and as far south as Green Lane up to and including junction with Kingcup Avenue (3 external entry points). Assume provision of additional traffic calming features to help ensure compliance with speed limit, c. x20 pairs of speed cushions. Note: this area falls within a wider area identified by HCC as being a potential 20mph zone, subject to further investigation. </t>
  </si>
  <si>
    <t>SG11-4</t>
  </si>
  <si>
    <t>SG25-5</t>
  </si>
  <si>
    <t>SG25-6</t>
  </si>
  <si>
    <t>H22,H1,H2,H10,H11</t>
  </si>
  <si>
    <t>SG26-1</t>
  </si>
  <si>
    <t>(SG26-1) Provide segregated cycle lane along A414 Two Waters Road (between Plough Roundabout and the Two Waters Road/London Road/Two Waters Way signalised crossroads) which will involve removing hatching in the middle of road (removal of right turn filters, single lane in both direction) to facilitate footway widening. Shared use cycle route to be located on the western side between the Plough Roundabout and River Bulbourne and on the eastern side between the River Bulbourne and London Road. A new Toucan crossing in the vicinity of the river bridge will facilitate the transition between the western and eastern cycle routes. At the northern end, an improved/widened bridge will be provided over the River Gade and shared use route across to Station Road just south of the Plough Roundabout.</t>
  </si>
  <si>
    <t>H29,H32,H33,H11,H20,T1,H9,H14,H3,H24</t>
  </si>
  <si>
    <t>Segment 26</t>
  </si>
  <si>
    <t>Cluster 13; Cluster 18</t>
  </si>
  <si>
    <t>3,7,8,9</t>
  </si>
  <si>
    <t>SG26-3</t>
  </si>
  <si>
    <t>H20</t>
  </si>
  <si>
    <t>SG16-1</t>
  </si>
  <si>
    <t>51.757795;
51.759192;
51.759387;
51.759681;
51.759723</t>
  </si>
  <si>
    <t xml:space="preserve"> -0.454541;  -0.455093;  -0.455093;  -0.455698;  -0.456383;  -0.455963</t>
  </si>
  <si>
    <t>Cluster 7; Cluster 9</t>
  </si>
  <si>
    <t>SG16-2</t>
  </si>
  <si>
    <t>H2</t>
  </si>
  <si>
    <t>51.754569875885814 51.75107529801081</t>
  </si>
  <si>
    <t xml:space="preserve"> -0.45209486174424435;  -0.44553361205186903</t>
  </si>
  <si>
    <t>SG16-3</t>
  </si>
  <si>
    <t>H2,H31</t>
  </si>
  <si>
    <t>SG16-4</t>
  </si>
  <si>
    <t>H2,H19,H31,H14</t>
  </si>
  <si>
    <t>SG16-5</t>
  </si>
  <si>
    <t>(SG16-5) Install cophenhagen crossings at theside arm  junctions of Field Road, Vauxhall Road</t>
  </si>
  <si>
    <t>51.75088887638241 51.75152073337285</t>
  </si>
  <si>
    <t xml:space="preserve"> -0.44529394834715263;  -0.44612142022507895</t>
  </si>
  <si>
    <t>SG16-6</t>
  </si>
  <si>
    <t>H14,H1,H19</t>
  </si>
  <si>
    <t>SG17-1</t>
  </si>
  <si>
    <t>Segment 17</t>
  </si>
  <si>
    <t>SG17-2</t>
  </si>
  <si>
    <t>SG17-3</t>
  </si>
  <si>
    <t>H6,H1</t>
  </si>
  <si>
    <t>SG17-4</t>
  </si>
  <si>
    <t>LS-53</t>
  </si>
  <si>
    <t>East Hemel North (H2); North Hemel (H1) (SADC)</t>
  </si>
  <si>
    <t>LS-61</t>
  </si>
  <si>
    <t xml:space="preserve">Alterations to the B487 Hemel Hempstead Road between the existing settlement boundary and the M1 bridge, comprising: 1) speed limit changes 30mph along the frontage of the proposed East Hemel Hempstead development, with a buffer 40mph section at the eastern; 2) provision of new cycle and pedestrian route on at least one side of the road to link with existing footway provision west of Cherry Tree Lane; 3) at least 1 controlled pedestrian/cycle crossing (to connect sections of the East Hemel Hempstead development on either side; 4) alteration to the B487-Cherry Tree Lane-Holtsmere Lane junction in line with the Quietway treatments proposed to the two lanes (including signage and kerbed build outs to discourage through traffic); 5) upgraded bus stops.  It is anticipated there will be one junction serving access to the proposed East Hemel Hempstead deveopment on either side of the road.     </t>
  </si>
  <si>
    <t>North Hemel (H1) (SADC) and East Hemel North (H2)</t>
  </si>
  <si>
    <t>LS-55</t>
  </si>
  <si>
    <t>SG18-1</t>
  </si>
  <si>
    <t>Local Network / Key Network</t>
  </si>
  <si>
    <t>Segment 18</t>
  </si>
  <si>
    <t>North Hemel (HM01); Marchmont Farm; Grovehill</t>
  </si>
  <si>
    <t>Cluster 5; Cluster 16</t>
  </si>
  <si>
    <t>LS-76</t>
  </si>
  <si>
    <r>
      <t xml:space="preserve">A </t>
    </r>
    <r>
      <rPr>
        <sz val="11"/>
        <color rgb="FFFF0000"/>
        <rFont val="Calibri"/>
        <family val="2"/>
        <scheme val="minor"/>
      </rPr>
      <t xml:space="preserve">2.6km </t>
    </r>
    <r>
      <rPr>
        <sz val="11"/>
        <color theme="1"/>
        <rFont val="Arial"/>
        <family val="2"/>
      </rPr>
      <t xml:space="preserve">off-road shared use footway and cycleway between Appspond Lane/Beechtree Lane and King Harry Lane, expected to run along the northern side of the road. </t>
    </r>
  </si>
  <si>
    <t>Updated and applied new uplifts</t>
  </si>
  <si>
    <t>SG19-1</t>
  </si>
  <si>
    <t xml:space="preserve">Multiple - Scenario 2 </t>
  </si>
  <si>
    <t>SG19-2</t>
  </si>
  <si>
    <t>SG19-3</t>
  </si>
  <si>
    <t>H7</t>
  </si>
  <si>
    <t>SG19-4</t>
  </si>
  <si>
    <t>SG20-1</t>
  </si>
  <si>
    <t>(SG20-1) Implement dropped kerbs and tactile paving along entire segment - Allandale juntions with Slippers Hill; Garland Close, George Street, St Mary's Road; Grover Close, Chapel Street, Honey Pot Close, Randalls Ride; Taverners. - George Street juntions with Heathrer Way and Figtree Hill. - Figtree junction with B487 Queensway</t>
  </si>
  <si>
    <t>51.75910639702234; 51.759399568673736; 51.759910520430715; 51.760214855068426; 51.76046055494819; 51.76105804676161; 51.76127023823189; 51.761862135431706; 51.76237305934254</t>
  </si>
  <si>
    <t>, -0.4662152354898007; -0.4664768688093003; -0.46683774235343767; -0.4669460044166788; -0.4665715980823789; -0.4668151877246717; -0.46681969864099565; -0.4659581130543678; -0.46523185488897806</t>
  </si>
  <si>
    <t>Segment 20</t>
  </si>
  <si>
    <t>Cluster 22; Cluster 26</t>
  </si>
  <si>
    <t>SG20-2</t>
  </si>
  <si>
    <t>SG20-3</t>
  </si>
  <si>
    <t>SG20-4</t>
  </si>
  <si>
    <t>SG20-5</t>
  </si>
  <si>
    <t>51.7627409903002; 51.76203357688235, 51.76077250805818; 51.759251660057764</t>
  </si>
  <si>
    <t xml:space="preserve"> -0.4653914789387216;  -0.4657393401690663; -0.46665040539942776; -0.46635223858864616</t>
  </si>
  <si>
    <t>SG20-6</t>
  </si>
  <si>
    <t>SG26-4</t>
  </si>
  <si>
    <t>SG22-1</t>
  </si>
  <si>
    <t>Segment 22</t>
  </si>
  <si>
    <t>Cluster 26</t>
  </si>
  <si>
    <t>SG23-1</t>
  </si>
  <si>
    <t>Segment 23</t>
  </si>
  <si>
    <t>SG23-2</t>
  </si>
  <si>
    <t>SG23-3</t>
  </si>
  <si>
    <t>SG24-1</t>
  </si>
  <si>
    <t>H16,H7</t>
  </si>
  <si>
    <t>51.76613420047056; 51.76689997856153</t>
  </si>
  <si>
    <t xml:space="preserve"> -0.475259644075768;  -0.4752341070288649</t>
  </si>
  <si>
    <t>Segment 24</t>
  </si>
  <si>
    <t>SG26-5</t>
  </si>
  <si>
    <t>H20,T1,H9,H14,H3,H24,H29,H32,H33,H11</t>
  </si>
  <si>
    <t>51.740196; 51.746264</t>
  </si>
  <si>
    <t xml:space="preserve"> -0.474977;  -0.473300</t>
  </si>
  <si>
    <t>SG33-1</t>
  </si>
  <si>
    <t>(SG33-1) Reconfguration of the Redbourn Road-Swallowdale Lane-High Street Green-Queensway roundabout - removing the left turn filters and building out the verges to reducing crossing distances. Installing Toucan crossings on the eastern and southern arms of the junction.</t>
  </si>
  <si>
    <t>Segment 33</t>
  </si>
  <si>
    <t>SG33-2</t>
  </si>
  <si>
    <t>51.770474; 51.765855</t>
  </si>
  <si>
    <t xml:space="preserve"> -0.448929;  -0.448137</t>
  </si>
  <si>
    <t>1,2,4</t>
  </si>
  <si>
    <t>SG5-1</t>
  </si>
  <si>
    <t>T1,H33,H24</t>
  </si>
  <si>
    <t>7,9</t>
  </si>
  <si>
    <t>SG5-2</t>
  </si>
  <si>
    <t>SG5-4</t>
  </si>
  <si>
    <t>T1,H24,H33</t>
  </si>
  <si>
    <t>51.743040 &amp;
51.740177</t>
  </si>
  <si>
    <t xml:space="preserve"> -0.484503 &amp;  -0.474923</t>
  </si>
  <si>
    <t>SG6-1</t>
  </si>
  <si>
    <t>Cluster 14; Cluster 28</t>
  </si>
  <si>
    <t>SG6-2</t>
  </si>
  <si>
    <t>SG6-3</t>
  </si>
  <si>
    <t>SG27-1</t>
  </si>
  <si>
    <t>H9,H32</t>
  </si>
  <si>
    <t>Segment 27</t>
  </si>
  <si>
    <t>Cluster 18</t>
  </si>
  <si>
    <t>SG27-2</t>
  </si>
  <si>
    <t>SG27-3</t>
  </si>
  <si>
    <t>SG27-4</t>
  </si>
  <si>
    <t>(SG27-4) Closure of the Corner Hall one-way section at the junction with Lawn Lane - provision of a continous footway. Remove hatching and right turn filter to accommodate widened footway on western side</t>
  </si>
  <si>
    <t>SG28-1</t>
  </si>
  <si>
    <t>Segment 28</t>
  </si>
  <si>
    <t>SG28-2</t>
  </si>
  <si>
    <t>SG28-3</t>
  </si>
  <si>
    <t>SG28-4</t>
  </si>
  <si>
    <t>SG29-1</t>
  </si>
  <si>
    <t>Segment 29</t>
  </si>
  <si>
    <t>Cluster 10; Cluster 14: Cluster 21</t>
  </si>
  <si>
    <t>SG29-2</t>
  </si>
  <si>
    <t>H9,H14,H29,H32</t>
  </si>
  <si>
    <t>51.748006; 51.740608</t>
  </si>
  <si>
    <t xml:space="preserve"> -0.467118;  -0.467559</t>
  </si>
  <si>
    <t>SG30-1</t>
  </si>
  <si>
    <t xml:space="preserve">(SG30-1) Introduce offroad shared use cycle and footway utilising existing wide footway on the western/northern side of the road between the junction with St Albans Hill and Bennetts Gate shopping parade. Removal of some grass verge to create sufficient width and use of bollards or markings to discourage pavement parking. Include copenhagen crossings on Lime Walk, Long John, Howe Road and Kimps Way  </t>
  </si>
  <si>
    <t>H4,H9</t>
  </si>
  <si>
    <t>SG30-2</t>
  </si>
  <si>
    <t>Leys Road-Peascroft junction reconfiguration and parallel crossing</t>
  </si>
  <si>
    <t>SG30-3</t>
  </si>
  <si>
    <t>H9</t>
  </si>
  <si>
    <t>SG30-4</t>
  </si>
  <si>
    <t>H8,H9</t>
  </si>
  <si>
    <t>51.743198; 51.744380</t>
  </si>
  <si>
    <t xml:space="preserve"> -0.45599;  -0.458801</t>
  </si>
  <si>
    <t>SG30-5</t>
  </si>
  <si>
    <t>SG31-1</t>
  </si>
  <si>
    <t>Segment 31</t>
  </si>
  <si>
    <t>SG31-2</t>
  </si>
  <si>
    <t>SG31-3</t>
  </si>
  <si>
    <t xml:space="preserve">(SG31-3) New off-road shared use cycle and footway along the eastern side of Bennetts End Road between the A414 and Peascroft Road. Incorporating copenhagen crossings on side arm junctions with Gammon Close, Belsize Road, Acorn Road, Rant Meadow and Goldcoft. Also convert the existing zebra crossing adjacent to the Bennetts Gate shopping parade to a parallel zebra crossing. </t>
  </si>
  <si>
    <t>H19,H29,H4,H9,H14</t>
  </si>
  <si>
    <t>Cluster 21</t>
  </si>
  <si>
    <t>SG31-4</t>
  </si>
  <si>
    <t>SG31-5</t>
  </si>
  <si>
    <t>SG32-1</t>
  </si>
  <si>
    <t>51.750390; 51.750559; 51.751413
51.751744; 51.752018</t>
  </si>
  <si>
    <t xml:space="preserve"> -0.450581; -0.450730; -0.450724; -0.449977; -0.449577</t>
  </si>
  <si>
    <t>Segment 32</t>
  </si>
  <si>
    <t>SG32-2</t>
  </si>
  <si>
    <t xml:space="preserve">(SG32-3) Signal controlled crossing on White Hart Road north of the A414 roundabout. Include localised widening of the footway on thr western side </t>
  </si>
  <si>
    <t>SG32-3</t>
  </si>
  <si>
    <t>H9,H14,H2,H19,H29</t>
  </si>
  <si>
    <t>51.749807; 51.751433; 51.752740</t>
  </si>
  <si>
    <t xml:space="preserve"> -0.450942;  -0.450678; -0.449150</t>
  </si>
  <si>
    <t>SG6-4</t>
  </si>
  <si>
    <t>SG6-5</t>
  </si>
  <si>
    <t>SG34-1</t>
  </si>
  <si>
    <t>51.76762743680877; 51.76962701096374</t>
  </si>
  <si>
    <t xml:space="preserve"> -0.4413278150240808; -0.43736097352237224</t>
  </si>
  <si>
    <t>Segment 34</t>
  </si>
  <si>
    <t>4,5</t>
  </si>
  <si>
    <t>SG34-2</t>
  </si>
  <si>
    <t>SG34-3</t>
  </si>
  <si>
    <t>SG34-4</t>
  </si>
  <si>
    <t>SG34-5</t>
  </si>
  <si>
    <t>SG34-6</t>
  </si>
  <si>
    <t>51.766893; 51.770119; 51.767731</t>
  </si>
  <si>
    <t xml:space="preserve"> -0.443215;  -0.436931;  -0.429852</t>
  </si>
  <si>
    <t>SG35-1</t>
  </si>
  <si>
    <t xml:space="preserve">(SG35-1) Implement an offroad shared use cycleway along the full length of St Agnells Lane, located on the western side from Washington Avenue and remaining on the same side of the road for the full length, terminating on the eastern side at the junction with Redbourn Road. Include 4x copenhagen crossings at St Agenlls Court, Cupid Green Lane, Essex Mead and Old Maple </t>
  </si>
  <si>
    <t>H16,H13</t>
  </si>
  <si>
    <t>1,2</t>
  </si>
  <si>
    <t>SG35-2</t>
  </si>
  <si>
    <t>H13</t>
  </si>
  <si>
    <t>SG35-3</t>
  </si>
  <si>
    <t>UPDATED</t>
  </si>
  <si>
    <t>SG35-4</t>
  </si>
  <si>
    <t>SG18-3</t>
  </si>
  <si>
    <t>Grovehill</t>
  </si>
  <si>
    <t>SG18-2</t>
  </si>
  <si>
    <t>SG36-1</t>
  </si>
  <si>
    <t>(SG36-1) Implement an offroad shared use cycleway along Northridge Way between the junctions with Warners End Road and Cangels Close. Impement on-street advisory route along Cangels Close and Moorland Road and a parallel zebra crossing just east of the Cangels Close junction.</t>
  </si>
  <si>
    <t>H30,H10,H21,H17,H15</t>
  </si>
  <si>
    <t>Segment 36</t>
  </si>
  <si>
    <t>SG36-2</t>
  </si>
  <si>
    <t>SG36-3</t>
  </si>
  <si>
    <t>51.754027; 51.756204 51.749813</t>
  </si>
  <si>
    <t xml:space="preserve"> -0.492502;  -0.492189;  -0.495646</t>
  </si>
  <si>
    <t>SG36-4</t>
  </si>
  <si>
    <t>SG37-1</t>
  </si>
  <si>
    <t>Segment 37</t>
  </si>
  <si>
    <t>SG37-2</t>
  </si>
  <si>
    <t>SG7-2</t>
  </si>
  <si>
    <t>SG7-3</t>
  </si>
  <si>
    <t>SG7-4</t>
  </si>
  <si>
    <t>LS-74</t>
  </si>
  <si>
    <t>Western Access Plaza to Apsley Station</t>
  </si>
  <si>
    <t xml:space="preserve">A new plaza and western access to Apsley Station. Assumed to comprise a small ticket office at ground level, cycle parking facilities, vehicle drop-off however no car parking will be provided. Alongside this, provision should be made for additional accessibility features including step-free access to all platforms which would necessitate a new footbridge and three lifts. </t>
  </si>
  <si>
    <t xml:space="preserve">Updated to specified a broad cost  range. Unclear at this stage of what scale of works would be required. A new western access to St Albans City station cost £5.7m in 2020, although this did not require new vehicle or pedestrian access arrangements as a smaller entrance previously existed </t>
  </si>
  <si>
    <t>SG18-4</t>
  </si>
  <si>
    <t>SG7-5</t>
  </si>
  <si>
    <t>SG7-6</t>
  </si>
  <si>
    <t>H21,H20</t>
  </si>
  <si>
    <t>EXT-8</t>
  </si>
  <si>
    <t>HERT-A414 St Albans route</t>
  </si>
  <si>
    <t xml:space="preserve">Provision of a dedicated route for HERT eastbound services from the A4147 onto the A414 (former M10); and a dedicated slip road from the A414 parallel section to M1 northbound into East Hemel spine road. </t>
  </si>
  <si>
    <t>Third Party Land</t>
  </si>
  <si>
    <t>SG35-6</t>
  </si>
  <si>
    <t>A new route for pedestrians and cyclists to link Shenley Road in the vicinity of the Sainsbury's and Brockwood Primary School.</t>
  </si>
  <si>
    <t>North Hemel (Hm01) (DBC); North Hemel (H1) (SADC)</t>
  </si>
  <si>
    <t>EXT-10</t>
  </si>
  <si>
    <t>Hemel Hempstead Station - Highway Access Alterations including Bus</t>
  </si>
  <si>
    <t xml:space="preserve">Revised highway layout at Hemel Hempstead Railway Station, outside of the forecourt including junction access arrangements and 'on-street' bus layby. Intervention needs to consider longer-term bus capacity requirements including HERT and what on-forecourt capacity is available. </t>
  </si>
  <si>
    <t>NEW - CoMoUK estimate</t>
  </si>
  <si>
    <t>SG7-7</t>
  </si>
  <si>
    <t>51.7319943772812 &amp; 51.73306224390831</t>
  </si>
  <si>
    <t xml:space="preserve"> -0.46079918793988 &amp;  -0.4624589778268892</t>
  </si>
  <si>
    <t>EXT-12</t>
  </si>
  <si>
    <t>Redbourn SW mobility hub</t>
  </si>
  <si>
    <t>New 'on street' mobility hub on the south-western side of Redbourn, served by the 46 service towards Hemel, on Hemel Hempstead Road adjacent to the junction with Gaddesden Lane</t>
  </si>
  <si>
    <t>EXT-13</t>
  </si>
  <si>
    <t>New HGC Orbital Service</t>
  </si>
  <si>
    <t xml:space="preserve">New service: Station Road / Riverside / Moor End Rd / Waterhouse St / Bridge St / Marlowes / Queensway / Leighton Buzzard Road / Link Road / Marchmont Farm / new STC &amp; spine road via site allocations Hm01, H1, H2, H3 and H4 </t>
  </si>
  <si>
    <t>Cross-Boundary</t>
  </si>
  <si>
    <t>EXT-14</t>
  </si>
  <si>
    <t>Centrebus 46 frequency enhancement / new stop</t>
  </si>
  <si>
    <t>Retain 46 from Bridge Street to Luton but with frequency uplifted from current (1 bus per hour) and additional stop introduced to serve site allocations  H1 and H2 on Hemel Hempstead Road</t>
  </si>
  <si>
    <t>SG18-5</t>
  </si>
  <si>
    <t>EXT-16</t>
  </si>
  <si>
    <t>Red Eagle Buses ML1 new stopping pattern</t>
  </si>
  <si>
    <t>Retain ML1 from Warners End to Maylands but with new stopping pattern in vicinity of Phoenix Gateway / Green Lane to provide interchange to HERT and New HGC Orbital Service</t>
  </si>
  <si>
    <t>SG35-5</t>
  </si>
  <si>
    <t>EXT-18</t>
  </si>
  <si>
    <t xml:space="preserve">A5183 Chequers Hill junction (Famsted) improvement </t>
  </si>
  <si>
    <t>Improvement to the junction including traffic signalisation potentially with bus detection. Junction currently experiences delays in peak periods with traffic from side road having difficulties in finding suitable, safe gaps in traffic on A5153. Existing delays affect low frequency service 46 towards Hemel (and 34 towards St Albans) but an increase in frequency of the 46 would necessitate an improvement to increase service reliability</t>
  </si>
  <si>
    <t>NEW - prepared an estimate however it is understood HCC is developing a scheme and may have a more accurate cost estimate</t>
  </si>
  <si>
    <t>BASELINE</t>
  </si>
  <si>
    <t>Site Allocation</t>
  </si>
  <si>
    <t>Hm01</t>
  </si>
  <si>
    <t>Units</t>
  </si>
  <si>
    <t>Facility Type</t>
  </si>
  <si>
    <t>Price</t>
  </si>
  <si>
    <t>Corrected Price</t>
  </si>
  <si>
    <t>Population</t>
  </si>
  <si>
    <t>Indoor Bowling Centres</t>
  </si>
  <si>
    <t>Swimming Pools</t>
  </si>
  <si>
    <t>Sports Halls</t>
  </si>
  <si>
    <t>Tennis Courts</t>
  </si>
  <si>
    <t xml:space="preserve">NEW ONE </t>
  </si>
  <si>
    <t>Copy for project name</t>
  </si>
  <si>
    <t>Copy for description</t>
  </si>
  <si>
    <t>Copy for cost notes</t>
  </si>
  <si>
    <t>Copy for project notes</t>
  </si>
  <si>
    <t>Site Name</t>
  </si>
  <si>
    <t>Ratio</t>
  </si>
  <si>
    <t xml:space="preserve">This cost has been provided by the Sport England Sports Facilities Calculators. Costs indexed to Q3 2024. </t>
  </si>
  <si>
    <t xml:space="preserve">This list is not considered exhaustive; contributions will also be sought for other types of facilities that go beyond those covered by Sport England's Calculator. </t>
  </si>
  <si>
    <t>Text to Copy</t>
  </si>
  <si>
    <t xml:space="preserve">Sports provision to support development of </t>
  </si>
  <si>
    <t xml:space="preserve">Associated sports provision in line with the Sport England requirements to support development at </t>
  </si>
  <si>
    <t xml:space="preserve">. This includes but is not limited to contributions towards: </t>
  </si>
  <si>
    <t>Arup queries to HGC</t>
  </si>
  <si>
    <t>Duplicate Tracker</t>
  </si>
  <si>
    <t>HGC response</t>
  </si>
  <si>
    <t>Source - DBC/SADC IDP/Savills etc</t>
  </si>
  <si>
    <t>Parish</t>
  </si>
  <si>
    <t>Location</t>
  </si>
  <si>
    <t>Scale</t>
  </si>
  <si>
    <t>Lead delivery body</t>
  </si>
  <si>
    <t>Trigger(s)</t>
  </si>
  <si>
    <t>Identified funding</t>
  </si>
  <si>
    <t>Funding gap</t>
  </si>
  <si>
    <t>Priority (new)</t>
  </si>
  <si>
    <t xml:space="preserve">Plots 2/3 Kier Park, Maylands Avenue </t>
  </si>
  <si>
    <t>Site Allocations (Broad Locations) - North St Albans</t>
  </si>
  <si>
    <t>Site Allocations (Broad Locations) - North East Harpenden</t>
  </si>
  <si>
    <t>Site Allocations (Broad Locations) - West Redbourn</t>
  </si>
  <si>
    <t>Site Allocations (Broad Locations) - East St Albans</t>
  </si>
  <si>
    <t>Site Allocations (Broad Locations) - Glinwell, Hatfield Road, St Albans</t>
  </si>
  <si>
    <t>Site Allocations (Broad Locations) - West of London Colney</t>
  </si>
  <si>
    <t>Site Allocations (Broad Locations) - North West Harpenden</t>
  </si>
  <si>
    <t>Site Allocations (Broad Locations) - Harper Lane, north of Radlett</t>
  </si>
  <si>
    <t>Site Allocations (Hemel Garden Communities) - North Hemel Hempstead</t>
  </si>
  <si>
    <t>Site Allocations (Hemel Garden Communities) - East Hemel Hempstead (North)</t>
  </si>
  <si>
    <t>Site Allocations (Hemel Garden Communities) - East Hemel Hempstead (South)</t>
  </si>
  <si>
    <t>Site Allocations (Hemel Garden Communities) - East Hemel Hempstead (Central)</t>
  </si>
  <si>
    <t>Site Allocations (Harpenden Rural Parish)</t>
  </si>
  <si>
    <t>Site Allocations (Harpenden Town Parish)</t>
  </si>
  <si>
    <t>Site Allocations (Wheathampstead Parish)</t>
  </si>
  <si>
    <t>Site Allocations (Sandridge Parish)</t>
  </si>
  <si>
    <t>Site Allocations (Colney Heath Parish)</t>
  </si>
  <si>
    <t>Site Allocations (London Colney Parish)</t>
  </si>
  <si>
    <t>Site Allocations (St Stephen Parish)</t>
  </si>
  <si>
    <t>Site Allocations (St Michael Parish)</t>
  </si>
  <si>
    <t>Site Allocations (Redbourn Parish)</t>
  </si>
  <si>
    <t>Site Allocations (St Albans unparished)</t>
  </si>
  <si>
    <t>DBC %</t>
  </si>
  <si>
    <t>SADC %</t>
  </si>
  <si>
    <t>A - Possible duplicate for DBC 70</t>
  </si>
  <si>
    <t>SADC IDP</t>
  </si>
  <si>
    <t>Community</t>
  </si>
  <si>
    <t>Community Infrastructure investment to support development at North Hemel Hempstead</t>
  </si>
  <si>
    <t>Associated community infrastructure requirements to support development at North Hemel Hempstead</t>
  </si>
  <si>
    <t>Redbourn</t>
  </si>
  <si>
    <t>St Albans City and District Council and Parish Councils</t>
  </si>
  <si>
    <t xml:space="preserve">Developer Contributions </t>
  </si>
  <si>
    <t xml:space="preserve">Desirable </t>
  </si>
  <si>
    <t>ü</t>
  </si>
  <si>
    <t xml:space="preserve">SADC CIL LP viability Report (2019) indicated that developers will contribute £1,000 per unit towards community facilities. This has been used to work out the contribution from each site. </t>
  </si>
  <si>
    <t>New Primary School Provision with Early Years at East Hemel Hempstead (North)</t>
  </si>
  <si>
    <t>A 3FE primary school, including Early Years provision, to serve the new community.</t>
  </si>
  <si>
    <t>East Hemel Hempstead (North)</t>
  </si>
  <si>
    <t>2030+</t>
  </si>
  <si>
    <t>Costs have been indexed to BCIS 1Q 2024</t>
  </si>
  <si>
    <t>Hertfordshire County Council 2024</t>
  </si>
  <si>
    <t>New Secondary School Provision at East Hemel Hempstead (North)</t>
  </si>
  <si>
    <t>An 8FE secondary school to serve the new and existing communities at Hemel Garden Communities in St Albans District.</t>
  </si>
  <si>
    <t xml:space="preserve">Redbourn </t>
  </si>
  <si>
    <t xml:space="preserve">East Hemel Hempstead (North) / East Hemel Hempstead (South) / North Hemel Hempstead </t>
  </si>
  <si>
    <t>2035+</t>
  </si>
  <si>
    <t>One new 3FE and one new 2FE primary schools with Early Years at East Hemel Hempstead (South)</t>
  </si>
  <si>
    <t>One new 3FE and one new 2FE primary schools, including Early Years provision, to serve the new community</t>
  </si>
  <si>
    <t xml:space="preserve">St Michael </t>
  </si>
  <si>
    <t>East Hemel Hempstead (South)</t>
  </si>
  <si>
    <t>We have 3 schemes which for their major site have 'HGC', which will be fairly difficult to apportion. 
Question: why is there a difference between this and the reserve site listed in the HCC Cost Updates doc?</t>
  </si>
  <si>
    <t>This is a reserve site, might also be meeting wider growth. Need clarification from HCC</t>
  </si>
  <si>
    <t>Site capable of accommodating a reserve secondary school up to 10FE to serve growth arising from wider Hemel Hempstead growth in Dacorum Borough Council.</t>
  </si>
  <si>
    <t xml:space="preserve">Hemel Hempstead </t>
  </si>
  <si>
    <t>Hemel Garden Community</t>
  </si>
  <si>
    <t>B - Possible duplicate for DBC 1</t>
  </si>
  <si>
    <t>New Primary School Provision with Early Years at North Hemel Hempstead</t>
  </si>
  <si>
    <t>We have several schemes which have been listed as district wide / SADC wide with no major site</t>
  </si>
  <si>
    <t>C - Possible duplicate for DBC 17</t>
  </si>
  <si>
    <t>To clarify justing Education workshop</t>
  </si>
  <si>
    <t>District-wide</t>
  </si>
  <si>
    <t>SEND support required for 12 students as per description @ £6000/pupil.</t>
  </si>
  <si>
    <t>Healthcare Infrastructure investment to support development at North Hemel Hempstead</t>
  </si>
  <si>
    <t xml:space="preserve">Associated Healthcare Provision (i.e. GP provision) requirements to support development at Hemel Garden Communities in St Albans District. Provisionally this is a medical facility at East Hemel Hempstead (North). </t>
  </si>
  <si>
    <t>On-site*</t>
  </si>
  <si>
    <t>NHS</t>
  </si>
  <si>
    <t xml:space="preserve">This cost has been provided by NHS. </t>
  </si>
  <si>
    <t xml:space="preserve">On-site*: it will be contributing to the facility delivered on East Hemel Hempstead North. </t>
  </si>
  <si>
    <t>Healthcare Infrastructure investment to support development at East Hemel Hempstead (North)</t>
  </si>
  <si>
    <t>2028-2041</t>
  </si>
  <si>
    <t>This cost has been provided by NHS.</t>
  </si>
  <si>
    <t>Healthcare Infrastructure investment to support development at East Hemel Hempstead (South)</t>
  </si>
  <si>
    <t>I'm almost positive this is not a duplicate for DBC items on NGP and AGP but need to double check (DBC 119, 181)</t>
  </si>
  <si>
    <t>Sports provision to support development at North Hemel Hempstead</t>
  </si>
  <si>
    <t>Associated sports provision in line with the Sports England requirements to support development at North Hemel Hempstead. This includes 5.68 Natural Grass Pitches, 0.33 Artificial Grass Pitches, 0.16 swimming pools, 0.21 sports halls, and 0.4 tennis courts. This should be in line with the latest HGC Framework Plan and is likely to be clustered around East Hemel Hempstead North.</t>
  </si>
  <si>
    <t>This cost has been provided by the Sports England Sports Calculators.</t>
  </si>
  <si>
    <t xml:space="preserve">On-site*: it will be contributing to the provision delivered on East Hemel Hempstead North. </t>
  </si>
  <si>
    <t>Sports England Calculators</t>
  </si>
  <si>
    <t>Sports provision to support development at East Hemel Hempstead (North)</t>
  </si>
  <si>
    <t>Associated sports provision in line with the Sports England requirements to support development at East Hemel Hempstead (North). This includes 6.06 Natural Grass Pitches, 0.35 Artificial Grass Pitches, 0.17 swimming pools, 0.23 sports halls, and 0.43 tennis courts. This should be in line with the latest HGC Framework Plan and is likely to be clustered around East Hemel Hempstead North.</t>
  </si>
  <si>
    <t>Sports provision to support development at East Hemel Hempstead (South)</t>
  </si>
  <si>
    <t>Associated sports provision in line with the Sports England requirements to support development at East Hemel Hempstead (South). This includes 9.83 Natural Grass Pitches, 0.57 Artificial Grass Pitches, 0.27 swimming pools, 0.37 sports halls, and 0.7 tennis courts. This should be in line with the latest HGC Framework Plan and is likely to be clustered around East Hemel Hempstead North.</t>
  </si>
  <si>
    <t>D - Possible duplicate for DBC 18</t>
  </si>
  <si>
    <t xml:space="preserve"> 
To clarify justing Education workshop</t>
  </si>
  <si>
    <t>SEND support required for 20 students as per description @ £6000/pupil.</t>
  </si>
  <si>
    <t>Community Infrastructure investment to support development at East Hemel Hempstead (North)</t>
  </si>
  <si>
    <t>Associated community infrastructure requirements to support development at East Hemel Hempstead (North)</t>
  </si>
  <si>
    <t>Community Infrastructure investment to support development at East Hemel Hempstead (South)</t>
  </si>
  <si>
    <t>Associated community infrastructure requirements to support development at East Hemel Hempstead (South)</t>
  </si>
  <si>
    <t>No costs, just to keep in?</t>
  </si>
  <si>
    <t>Hertfordshire Rights of Way Improvement Plan</t>
  </si>
  <si>
    <t>Hertfordshire Rights of Way Improvement Plan  (RoWIP) - includes a local scale Rights of Way Improvement Plan for SACDC, outlining suggestions for future specific enhancements to the existing rights of way network, with schemes located at growth locations.</t>
  </si>
  <si>
    <t>St Albans City and District Council Wide</t>
  </si>
  <si>
    <t>St Albans City and District Council &amp; Hertfordshire County Council</t>
  </si>
  <si>
    <t>2025-2030</t>
  </si>
  <si>
    <t>SACDC Green Infrastructure Plan &amp; St Albans City and District Council Infrastructure Delivery Plan (2018), and stakeholder engagement with HCC &amp; SACDC in May 2023</t>
  </si>
  <si>
    <t>Claire Covington?</t>
  </si>
  <si>
    <t>Cemeteries</t>
  </si>
  <si>
    <t>Expansion of London Road Cemetery</t>
  </si>
  <si>
    <t>Proposed expansion of London Road Cemetery as identified in the 2019 Cemetery Provision Technical Report and in stakeholder engagement.</t>
  </si>
  <si>
    <t>St Albans (unparished)</t>
  </si>
  <si>
    <t>2025-2041</t>
  </si>
  <si>
    <t>Stakeholder engagement with SACDC in May 2023</t>
  </si>
  <si>
    <t>I don't think this is a duplicate but ask Claire</t>
  </si>
  <si>
    <t xml:space="preserve">Open Space </t>
  </si>
  <si>
    <t>Strategic and local green infrastructure investment to support development at West of London Colney</t>
  </si>
  <si>
    <t xml:space="preserve">Associated local green infrastructure requirements to support development at North Hemel Hempstead. Including 0.55ha of Parks and Gardens, 1.19ha of Amenity Green Space, 2.69ha of Natural and Semi-Natural Green Space and 0.22ha of Allotments. </t>
  </si>
  <si>
    <t>London Colney</t>
  </si>
  <si>
    <t>West of London Colney</t>
  </si>
  <si>
    <t>2030-2036</t>
  </si>
  <si>
    <t xml:space="preserve">SADC OSS standards have been used. Costs have been assumed as those in BCIS and for amenity space it has been assumed as £160,000 per hectare. </t>
  </si>
  <si>
    <t>Strategic and local green infrastructure investment to support development at North Hemel Hempstead</t>
  </si>
  <si>
    <t xml:space="preserve">Associated local green infrastructure requirements to support development at North Hemel Hempstead in accordance with the HGC Framework Plan.  Including 2.88ha of Parks and Gardens, 2.16ha of Amenity Green Space, 6.48ha of Natural and Semi-Natural Green Space and 0.90ha of Allotments. </t>
  </si>
  <si>
    <t xml:space="preserve">Fields in Trust standards have been used. Costs have been assumed as those in BCIS and for amenity space it has been assumed as £160,000 per hectare. </t>
  </si>
  <si>
    <t>Strategic and local green infrastructure investment to support development at East Hemel Hempstead (North)</t>
  </si>
  <si>
    <t xml:space="preserve">Associated local green infrastructure requirements to support development at East Hemel Hempstead (North)  in accordance with the HGC Framework Plan. Including 3.07ha of Parks and Gardens, 2.30ha of Amenity Green Space, 6.91ha of Natural and Semi-Natural Green Space and 0.96ha of Allotments. </t>
  </si>
  <si>
    <t>Strategic and local green infrastructure investment to support development at East Hemel Hempstead (South)</t>
  </si>
  <si>
    <t xml:space="preserve">Associated local green infrastructure requirements to support development at East Hemel Hempstead (South)  in accordance with the HGC Framework Plan. Including 4.61ha of Parks and Gardens, 3.46ha of Amenity Green Space, 10.37ha of Natural and Semi-Natural Green Space and 1.44ha of Allotments. </t>
  </si>
  <si>
    <t>Substantial new green space and SANG provision at North Hemel Hempstead</t>
  </si>
  <si>
    <t>A substantial new Country Park providing facilities for new and existing communities and a permanent green buffer to Redbourn. Should incorporate SANG requirement.</t>
  </si>
  <si>
    <t>Hertfordshire County Council, St Albans City and District Council</t>
  </si>
  <si>
    <t>Assumed 146.164ha of country park in EHHN.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St Albans City and District Council Regulation 18 Local Plan Appendix 4b</t>
  </si>
  <si>
    <t>E - Possible duplicate with DBC 55</t>
  </si>
  <si>
    <t xml:space="preserve">
Issy to clarify in new year</t>
  </si>
  <si>
    <t>Transfer water from Heronsgate to Clay Lane and Bushey .</t>
  </si>
  <si>
    <t>Improve the connectivity between WRZ1 and WRZ2.
700mm pipeline, 6km long, 40 Ml/d of pumping</t>
  </si>
  <si>
    <t>2040-2045</t>
  </si>
  <si>
    <t xml:space="preserve">To be covered by Affinity Water </t>
  </si>
  <si>
    <t xml:space="preserve">It is acknowledged that the infrastructure may exceed the district boundary but it is required to support growth coming forward in SADC. </t>
  </si>
  <si>
    <t>Draft Final Water Resource Management Plan 2019
https://www.affinitywater.co.uk/docs/corporate/plans/water-resources/latest/Draft_Final_Water_Resources_Management_Plan_2019_Published_June_2019.pdf, stakeholder engagement May 2023</t>
  </si>
  <si>
    <t>New Country Park and SANG provision at East Hemel Hempstead (North)</t>
  </si>
  <si>
    <t>Assumed 15.762ha of country park in EHHN.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SADC we have two East Hemel Hempstead (Central) schemes, which we don't have a site for in HGC</t>
  </si>
  <si>
    <t>Employment site</t>
  </si>
  <si>
    <t>Local Green Infrastructure</t>
  </si>
  <si>
    <t>Improvements to green infrastructure network to Hogg End Lane, Three Cherry Trees Lane and Punchbowl Lane</t>
  </si>
  <si>
    <t>Enhancements and improvements to the existing Hogg End Lane, Three Cherry Trees Lane and Punchbowl Lane.</t>
  </si>
  <si>
    <t>East Hemel Hempstead (Central)</t>
  </si>
  <si>
    <t>Assumed 38.563ha of county park in EHHS.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Countryside access links at East Hemel Hempstead (South)</t>
  </si>
  <si>
    <t>Countryside access links including connections and improved off-road paths (rights of way).</t>
  </si>
  <si>
    <t>N/A*</t>
  </si>
  <si>
    <t xml:space="preserve">N/A* = the developer will be responsible for the cost and it will form part of the build out cost. </t>
  </si>
  <si>
    <t>Substantial new green space and SANG provision at East Hemel Hempstead (South)</t>
  </si>
  <si>
    <t>A substantial new green space providing facilities for new and existing communities and a permanent green buffer to the south-east. Should incorporate SANG requirement.</t>
  </si>
  <si>
    <t>Assumed 22.801ha of county park in EHHS.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Transfer water from Clay Lane and Bushey to Arkley.</t>
  </si>
  <si>
    <t>Improve the connectivity between WRZ2 and WRZ4.
600mm pipeline, 8km long, 30 Ml/d of pumping</t>
  </si>
  <si>
    <t>Draft Final Water Resource Management Plan 2019
https://www.affinitywater.co.uk/docs/corporate/plans/water-resources/latest/Draft_Final_Water_Resources_Management_Plan_2019_Published_June_2019.pdf</t>
  </si>
  <si>
    <t>Transfer water from Harpenden to Bulls Green.</t>
  </si>
  <si>
    <t>Improve water transfer between WRZ2 and WRZ3.
500mm pipeline, 15km long, 20 Ml/d of pumping</t>
  </si>
  <si>
    <t>2030-2035</t>
  </si>
  <si>
    <t>Transfer water from Luton South to Harpenden.</t>
  </si>
  <si>
    <t>Improve water transfer between WRZ3 and WRZ2.
600mm pipeline, 8km long, 50 Ml/d of pumping</t>
  </si>
  <si>
    <t>Transfer water from The Grove valve, Hemel Hempstead - Licence Relocation and Booster Pumping Station.</t>
  </si>
  <si>
    <t>Improve water transfer from WRZ2.
25 Ml/d of pumping</t>
  </si>
  <si>
    <t>We have 3 schemes which for their major site have 'HGC', which will be fairly difficult to apportion
Direct duplicate for DBC #53</t>
  </si>
  <si>
    <t xml:space="preserve">F - Duplicate for DBC 53 </t>
  </si>
  <si>
    <t>Need to engage with Crown Estate on this</t>
  </si>
  <si>
    <t xml:space="preserve">Cost provided at Stakeholder Engagement. </t>
  </si>
  <si>
    <t>stakeholder engagement May 2023</t>
  </si>
  <si>
    <t>Issy to clarify in new year</t>
  </si>
  <si>
    <t>Upgrade to Maple Lodge STW</t>
  </si>
  <si>
    <t xml:space="preserve">Upgrades to Maple Lodge STW to increase capacity. </t>
  </si>
  <si>
    <t>2025 - 2030</t>
  </si>
  <si>
    <t xml:space="preserve">To be covered by Thames Water </t>
  </si>
  <si>
    <t>Draft Thames Water Hertfordshire DWMP (June 2022), stakeholder engagement May 2023</t>
  </si>
  <si>
    <t>Upgrade to Harpenden STW</t>
  </si>
  <si>
    <t>Upgrades to increase capacity. Aligned with Thames Water screening opinion which was based on anticipated local plan growth in the previous draft local plan.</t>
  </si>
  <si>
    <t>Refurbishment of Blackbird STW</t>
  </si>
  <si>
    <t>Proposals to restore Blackbirds STW back to its original design capacity. This is expected to reduce the capacity risks at Maple Lodge STW to mitigate the forecast growth problems. This project has the additional benefit of assisting Affinity Water in achieving their ambitions to reduce groundwater abstractions as outlined in their dWRMP (see Section 1.1.1 for details), as the proposal has the potential to provide an additional 10Ml/d discharge upstream of Affinity abstractions on the river Colne. Yet to be confirmed by Thames Water.</t>
  </si>
  <si>
    <t>We have several schemes which have been listed as district wide / SADC wide with no major site
Direct duplicate for DBC #51</t>
  </si>
  <si>
    <t xml:space="preserve">G - Duplicate for DBC 51. This one has a cost. </t>
  </si>
  <si>
    <t xml:space="preserve">Replacement of 33/11kV transformers at Hemel North Primary </t>
  </si>
  <si>
    <t>Although within the Dacorum area, it is planned to replace the transformers at Hemel North Primary substation as part of the continual condition management of network assets. The existing substation is located off the A4147 (adjacent to Aldi).  There are 2 x 33,000/11,000volt (33/11kV) units. UK Power Networks is evaluating the opportunities to install larger capacity transformers, the full utilisation of which would be dependent on replacement of the existing 11,000volt (11kV) switchgear and additional investment in the 33kV network from Piccotts End Grid substation (located to the North of Hemel Hempstead). Such additional works would be delivered subject to the needs case in RIIO-ED3 (next 5-year Regulatory period) or beyond and would likely form part of providing further capacity in support of development associated with the Hemel Garden Communities Project, a significant proportion of the total allocation of which is located with in the St Albans area.</t>
  </si>
  <si>
    <t>Dacorum</t>
  </si>
  <si>
    <t>National Grid  Interface Substation</t>
  </si>
  <si>
    <t>UPN are currently in contract with National Grid to construct a new major 132kV grid interface substation which could support major demand increases and therefore reduce capacity constraints for residential developments.</t>
  </si>
  <si>
    <t>To be covered by UKPN</t>
  </si>
  <si>
    <t>We have 3 schemes which for their major site have 'HGC', which will be fairly difficult to apportion</t>
  </si>
  <si>
    <t xml:space="preserve">H - Possible duplicate with DBC 722, 723, 725, 726 </t>
  </si>
  <si>
    <t>Aecom can help with this</t>
  </si>
  <si>
    <t>Delivery of the HGC Green Loop and Connections to the HGC Green Loop</t>
  </si>
  <si>
    <t>Delivery of the HGC Green Loop across Hemel Garden Communities within the SADC District, connections to the Green Loop running west of the site and crossing of the Nickey Line. Should provide a connection to Bunkers Park and the wider HGC green loop route via Blackwater Lane and Bunkers Lane.</t>
  </si>
  <si>
    <t>Risk - in DBC IDP, East Hemel schemes havent been split by east hemel south/south east/north</t>
  </si>
  <si>
    <t>I - Possible duplicate for DBC 692. See also SADC 131</t>
  </si>
  <si>
    <t>Duplicate - direct duplicate for DBC scheme #692</t>
  </si>
  <si>
    <t>St Albans City &amp; District Council 
(with Dacorum Borough Council)</t>
  </si>
  <si>
    <t>New facilities around the Maylands area (in SADC)</t>
  </si>
  <si>
    <t>This project involves the creation of a new and/or improved pedestrian and cyclist crossing facilities to address existing severance and enhance access to the Maylands area from surrounding residential areas. The scheme being considered recognises the need to provide a number of pedestrian and cycling crossings along key corridors around Marylands Avenue, Redbourn Road and Breakspear Way
This scheme is linked with the Hemel Garden Communities site.</t>
  </si>
  <si>
    <t xml:space="preserve">East Hemel Hempstead </t>
  </si>
  <si>
    <t xml:space="preserve">Hertfordshire County Council / Dacorum Borough Council / Developer </t>
  </si>
  <si>
    <t>2028-2042</t>
  </si>
  <si>
    <t>St Albans 2018-2019 IDP, stakeholder engagement May 2023</t>
  </si>
  <si>
    <t>Mobility Hub</t>
  </si>
  <si>
    <t>Integrated Mobility Hub at North Hemel Hempstead</t>
  </si>
  <si>
    <t>Integrated Mobility hub with facilities to encourage and facilitate modes of transport other than the private car.</t>
  </si>
  <si>
    <t xml:space="preserve">County Funding / Developer Contributions </t>
  </si>
  <si>
    <t>I - Possible duplicate for DBC 692. See also SADC 97</t>
  </si>
  <si>
    <t xml:space="preserve">Integrated Mobility Hub at East Hemel Hempstead (Central) - (Part of M1 J8 enhancement - Phase 2) </t>
  </si>
  <si>
    <t>Hertfordshire County Council / Operator / Developer</t>
  </si>
  <si>
    <t xml:space="preserve">Cost provided by Stakeholder. </t>
  </si>
  <si>
    <t>South West HCC GTP, stakeholder engagement May 2023</t>
  </si>
  <si>
    <t>Risk - in DBC IDP, East Hemel schemes havent been split by east hemel south/south east/north
Also we need to understand what Phase 2 of the M1 J8 enhancements fully means</t>
  </si>
  <si>
    <t>I - Related to DBC 692. Discuss Together</t>
  </si>
  <si>
    <t>M1 Junction 8 enhancement - Phase 2 - Prioritisation of active and sustainable modes of travel</t>
  </si>
  <si>
    <t>Phase 2 of package of transport measures to enhance M1 Junction 8 and surrounding area - package of transport measures to prioritise active and sustainable modes of travel including improvements to existing roads, A414 Walking and cycling bridge, East Hemel Mobility Hub and HGC Sustainable Transport Corridor.
This scheme is linked with the Hemel Garden Communities site.</t>
  </si>
  <si>
    <t>RIS3 / Developer Contributions</t>
  </si>
  <si>
    <t>J - Possible duplicate for DBC 700</t>
  </si>
  <si>
    <t>Integrated Mobility Hub at East Hemel Hempstead (North)</t>
  </si>
  <si>
    <t>Indicative costings have been added using mobility hub design guidance published by CoMoUK (The design process - mobility hubs realised).</t>
  </si>
  <si>
    <t>K - Possible duplicate for DBC 701</t>
  </si>
  <si>
    <t>Integrated Mobility hub  at East Hemel Hempstead (South)</t>
  </si>
  <si>
    <t>Seems to be direct duplicate for DBC #707</t>
  </si>
  <si>
    <t>L - Duplicate for DBC 707</t>
  </si>
  <si>
    <t>Duplicate - direct duplicate for DBC #707</t>
  </si>
  <si>
    <t>M1 Junction 8 enhancement - Phase 3</t>
  </si>
  <si>
    <t>Phase 3 of  package of transport measures to enhance M1 Junction 8 and surrounding area. To provide additional capacity and connectivity to Maylands and Herts IQ, and relieve congestion on the A414. Land to the east of Junction 8 is safeguarded, in case it is required to come forward for junction improvements (Phase 3 J8 enhancements).
This scheme is linked with the Hemel Garden Communities site.</t>
  </si>
  <si>
    <t>M1 Junction 8</t>
  </si>
  <si>
    <t>National Highways</t>
  </si>
  <si>
    <t>2041+</t>
  </si>
  <si>
    <t>Cost provided by Stakeholder. Consistent with estimated costs set out in Dacorum IDP.</t>
  </si>
  <si>
    <t>Dacorum IDP suggests due date of 2027</t>
  </si>
  <si>
    <t>South West HCC GTP, stakeholder engagement May 2023, Dacorum IDP (Feb 2023)</t>
  </si>
  <si>
    <t>Seems to be direct duplicate for DBC #708
Risk - in DBC IDP, East Hemel schemes havent been split by east hemel south/south east/north</t>
  </si>
  <si>
    <t>L - Duplicate for DBC 708</t>
  </si>
  <si>
    <t>Duplicate - direct duplicate for DBC #708</t>
  </si>
  <si>
    <t>M1 Junction 8 enhancement - Phase 1 - Roundabout &amp; Traffic Signalisation</t>
  </si>
  <si>
    <t>Phase 1 of package of transport measures to enhance M1 Junction 8 and surrounding area - Replacement of the existing Breakspear Way / Green Lane Roundabout (Phoenix Gateway) with traffic signals.</t>
  </si>
  <si>
    <t>2025-2028</t>
  </si>
  <si>
    <t>M - Possible duplicate with DBC 895</t>
  </si>
  <si>
    <t>Highways Access to support development at North Hemel Hempstead</t>
  </si>
  <si>
    <t>Associated access and highway requirements to support development at North Hemel Hempstead including Sustainable Transport Corridor and access from the Redbourn Road. Countryside access links including connections and improved off-road paths.</t>
  </si>
  <si>
    <t>County Funding / Developer Contributions</t>
  </si>
  <si>
    <t>Highways Access to support development at East Hemel Hempstead (North) (Countryside access links including connections under the M1 motorway and improved off-road paths (rights of way).</t>
  </si>
  <si>
    <t>Associated access and highway requirements to support development at East Hemel Hempstead (North) including Sustainable Transport Corridor and access from the Redbourn Road. Countryside access links including connections under the M1 Motorway and improved off-road paths.</t>
  </si>
  <si>
    <t>Highways Access to support development at East Hemel Hempstead (Central) - (Including transport measures as part of M1 J8 Enhancements)</t>
  </si>
  <si>
    <t>Associated access and highway requirements to support development at East Hemel Hempstead including Sustainable Transport Corridor. This forms part of the package of transport measures for M1 J8 enhancements including prioritisation of active and sustainable modes of travel.
Land will be safeguarded for provision of active travel and cycle bridge across the A414 (Phase 2 J8 enhancement) and access improvement associated with Junction 8 of the M1 motorway. Land to the east of Junction 8 is safeguarded, in case it is required to come forward for junction improvements (Phase 3 J8 enhancements)</t>
  </si>
  <si>
    <t>Walking and cycling improvements associated with Hemel Garden Communities sites in St Albans District</t>
  </si>
  <si>
    <t>The development of the East Hemel Hempstead site will necessitate cycle and footpath links. The HGC Transport Vision &amp; Strategy identifies the Local Network and the Maylands Growth Corridor Study has considered walking and cycling links as part of its remit.
- Nickey line improvements and access improvements: A key issue identified is the poor linkage between the Nickey Line, Cherry Tree Lane and Three Cherry Trees Lane for pedestrians and cyclists. The existing connections from these roads onto the Nickey Line are steep and do not conform to preferred path widths and gradients. Access improvements to the Nickey Line are being tested which may include a branch line extension.
- Pedestrian and Cyclist Crossings: New and/or improved pedestrian and cyclist crossing facilities to address existing severance and enhance access to the Maylands area from surrounding residential areas (along key corridors around Maylands Avenue, Redbourn Road and Breakspear Way).
- Potential for new footpaths and cycle links. These could connect to both Hemel Hempstead and east into St Albans City and District through linkages to the Nickey Line, and the potential creation of a cycle route within grass verges along the A414.</t>
  </si>
  <si>
    <t>East Hemel Hempstead / North Hemel Hempstead</t>
  </si>
  <si>
    <t>Hertfordshire County Council / Developer</t>
  </si>
  <si>
    <t xml:space="preserve">Highways Access to support development at East Hemel Hempstead (South) </t>
  </si>
  <si>
    <t>Associated access and highway requirements to support development at North Hemel Hempstead including Sustainable Transport Corridor</t>
  </si>
  <si>
    <t xml:space="preserve">Active travel schemes associated with the North Hemel Hempstead site </t>
  </si>
  <si>
    <t>Improvements would include extending the existing footway on the southern side of Redbourn Road along the southern boundary of the site and providing safe crossing. This will provide a walking route from the site to the Business Park and towards Hemel Hempstead Town Centre.</t>
  </si>
  <si>
    <t>North Hemel Hempstead / East Hemel Hempstead (North)</t>
  </si>
  <si>
    <t>N - Could be subsumed by DBC 709</t>
  </si>
  <si>
    <t>London Colney A414 Sustainable Travel Bridge</t>
  </si>
  <si>
    <t>Investigate longer term options for a new, more attractive sustainable travel bridge over the A414 which will be capable at least of accommodating pedestrians and cyclists but also potentially future public transport and autonomous mass transit vehicles. This would replace the existing pedestrian footbridge to the west of the junction. 
This should be considered alongside other options for upgrade of LC roundabout and with an alternative of an at-grade crossing over the A414</t>
  </si>
  <si>
    <t>Corridor Project</t>
  </si>
  <si>
    <t xml:space="preserve">Central Govt Funding Pot / Developer Contributions </t>
  </si>
  <si>
    <t>South Central HCC GTP, Stakeholder Engagement May 2023</t>
  </si>
  <si>
    <t>Nickey Line North-South Extension</t>
  </si>
  <si>
    <t>An off-road exemplary cycle route that connects to the Nickey Line and A4147 through the East Hemel Hempstead proposed development area to improve cycle connectivity and facilitate non-motorised trips across the East Hemel Hempstead development, as part of the Local Network.</t>
  </si>
  <si>
    <t xml:space="preserve">Active Travel Funding / Developer Contributions </t>
  </si>
  <si>
    <t>New lighting on Nickey Line within urban area</t>
  </si>
  <si>
    <t>Enhance the Nickey Line cycleway by installing additional lighting to improve perception of safety, improve signage to make navigation easier day and night. To cover both the urban section within Hemel Hempstead and the rural section to Redbourn.</t>
  </si>
  <si>
    <t>The Nickey Line</t>
  </si>
  <si>
    <t>Risk - in DBC IDP, East Hemel schemes havent been split by east hemel south/south east/north
Also, isn't this a duplicate with 135 below?</t>
  </si>
  <si>
    <t>Duplicate - direct duplicate with SADC #135</t>
  </si>
  <si>
    <t>Improved step free access from Cherry Tree Lane onto the Nickey Line</t>
  </si>
  <si>
    <t>Replacement of current steep steps with a ramp structure suitable for cyclists and people with impaired mobility</t>
  </si>
  <si>
    <t>Duplicate - direct duplicate with SADC #134</t>
  </si>
  <si>
    <t>Improved step free access from Three Cherry Trees Lane onto the Nickey Line</t>
  </si>
  <si>
    <t>Replacement of current steep steps with a ramp structure suitable for cyclists and people with impaired mobility.</t>
  </si>
  <si>
    <t>We have 3 schemes which the major site has been listed as 'multiple' - could we go through each</t>
  </si>
  <si>
    <t>Need to remove redbourne costs and just keep HGC costs</t>
  </si>
  <si>
    <t>Redbourn Road (A5183)</t>
  </si>
  <si>
    <t>Redbourn Road (A5183) - LCWIP Scheme 2 - Hemel Garden Community circular route segments</t>
  </si>
  <si>
    <t>Redbourn and  Hemel Hempstead 
(Hemel Garden Communities)</t>
  </si>
  <si>
    <t>The cost has been taken from the LCWIP.</t>
  </si>
  <si>
    <t>St. Albans - Hemel Hempstead Link (A4147)</t>
  </si>
  <si>
    <t>St. Albans - Hemel Hempstead Link (A4147) - LCWIP Scheme 2 - Hemel Garden Community circular route segments</t>
  </si>
  <si>
    <t>A4147</t>
  </si>
  <si>
    <t>Bluehouse Hill</t>
  </si>
  <si>
    <t>Bluehouse Hill - LCWIP Scheme 2 - Hemel Garden Community circular route segments</t>
  </si>
  <si>
    <t xml:space="preserve">Nickey Line (HGC - Redbourn) </t>
  </si>
  <si>
    <t>Nickey Line (HGC - Redbourn)  - LCWIP Scheme 2 - Hemel Garden Community circular route segments</t>
  </si>
  <si>
    <t>On-site and Off-site</t>
  </si>
  <si>
    <t xml:space="preserve">North Orbital Road - Centre (A414) </t>
  </si>
  <si>
    <t>North Orbital Road - Centre (A414)  - LCWIP Scheme 11 &amp; GTP - Strategic Rail freight Interchange &amp; A414</t>
  </si>
  <si>
    <t>A414 cycling - SW GTP - PR22 (HGC - Park Street)</t>
  </si>
  <si>
    <t>A414 cycling - SW GTP - PR22 (HGC - Park Street) - LCWIP Scheme 11 &amp; GTP - Strategic Rail freight Interchange &amp; A414</t>
  </si>
  <si>
    <t>A414</t>
  </si>
  <si>
    <t>How does this compare to B2?</t>
  </si>
  <si>
    <t>B1</t>
  </si>
  <si>
    <t>Transformational Schemes (240806 DBC IDP Delivery Projects)</t>
  </si>
  <si>
    <t>Nickey Line route extension to Cotterells through town (Route option 1)</t>
  </si>
  <si>
    <t>Nickey Line route extension to Cotterells through town. (Route 1)</t>
  </si>
  <si>
    <t>Garden Town Programme
Grant funding
Developer contributions</t>
  </si>
  <si>
    <t>DBC / SADC split (&gt;&gt;) comes from original document: need clarification on meaning</t>
  </si>
  <si>
    <t>How does this compare to B1?</t>
  </si>
  <si>
    <t>B2</t>
  </si>
  <si>
    <t>Nickey Line route extension to Cotterells through Paradise Fields (Route option 2)</t>
  </si>
  <si>
    <t>Nickey Line route extension to Cotterells through Paradise Fields. (Route 2)</t>
  </si>
  <si>
    <t>B3</t>
  </si>
  <si>
    <t>Final part of route extension to station</t>
  </si>
  <si>
    <t>Final part between HH train station and Cotterells.</t>
  </si>
  <si>
    <t>discuss - how does this compare with SADC 96? Can we just use that line item</t>
  </si>
  <si>
    <t>S - potential duplicate / overlap with SADC 96</t>
  </si>
  <si>
    <t>B5</t>
  </si>
  <si>
    <t>Nickey Line route improvements</t>
  </si>
  <si>
    <r>
      <t xml:space="preserve">Considering:
a.	Resting elements such as benches
c.	Cycle stops 
d.	Historic restoration opportunities
</t>
    </r>
    <r>
      <rPr>
        <strike/>
        <sz val="11"/>
        <rFont val="Arial"/>
        <family val="2"/>
      </rPr>
      <t xml:space="preserve">e.	Resurfacing (from Redbourn Road to Harpenden only) - 9.5km
</t>
    </r>
    <r>
      <rPr>
        <sz val="11"/>
        <rFont val="Arial"/>
        <family val="2"/>
      </rPr>
      <t>f.	Access points improvements
g.	Tunnel and underpass improvements</t>
    </r>
  </si>
  <si>
    <t>equal split just because it's hard to divide</t>
  </si>
  <si>
    <t>Flagged because this is an example of a scheme where not 100% of funding can be covered by HGC sites; need to think of how to address</t>
  </si>
  <si>
    <t>B6</t>
  </si>
  <si>
    <t>Nickey Line route resurfacing (NEW PROPOSAL, separated from above)</t>
  </si>
  <si>
    <t>Resurfacing (from Redbourn Road (HH) to Harpenden only) - 9.5km</t>
  </si>
  <si>
    <t>Based on LA coverage - approx. 8.075m in SADC</t>
  </si>
  <si>
    <t>there seems to be a data error- we have info for Paradise instead of Keens</t>
  </si>
  <si>
    <t>B7</t>
  </si>
  <si>
    <t>Placemaking</t>
  </si>
  <si>
    <t>Keens Field Focus area of intervention</t>
  </si>
  <si>
    <t>Improvements to Paradise Field Focus area of intervention with:
Zone 1- Entrance treatment and wayfinging
Zone 2- New foot/cycle route
Zone 3 - Improvements to play facilities
Zone 4 - Potential realignment of footpath 47, via viewpoint
Zone 5 - Wildlife/ecologically focused area
Zone 6 - Potential new bridge linking directly to Keens Fields</t>
  </si>
  <si>
    <t>Garden Town Programme
Grant funding</t>
  </si>
  <si>
    <t>B8</t>
  </si>
  <si>
    <t>Paradise Fields Focus area of intervention</t>
  </si>
  <si>
    <t>B9</t>
  </si>
  <si>
    <t>Maylands Focus area of intervention</t>
  </si>
  <si>
    <t>Improvements to Maylands Focus area of intervention with:
Zone 1- Entrance treatment on Eastman Way
Zone 2 - Proposed wider shared path for people on foot/wheel
Zone 3 - Route highlighted over side accesses
Zone 4 - Raised junction incorporating crossing for people on foot/wheel</t>
  </si>
  <si>
    <t>e.g. TR01</t>
  </si>
  <si>
    <t>Programme area/Growth area/transformational</t>
  </si>
  <si>
    <t>DBC IDP</t>
  </si>
  <si>
    <t>Station Gateway and National Grid and 339-353 London Road</t>
  </si>
  <si>
    <t>I think it might be worth us sending a list of borough-wide schemes (no site), as these might not necessarily cover HGC</t>
  </si>
  <si>
    <t>This is relevant to HGC - keep scheme</t>
  </si>
  <si>
    <t>This acts as a hook - no specifics included and therefore can remain in</t>
  </si>
  <si>
    <t>Direct duplicate for SADC #93</t>
  </si>
  <si>
    <t>We have 3 schemes which for their major site have 'HGC', which will be fairly difficult to apportion
Direct duplicate for SADC #90</t>
  </si>
  <si>
    <t>Duplicate for SADC #90</t>
  </si>
  <si>
    <t>This is relevant to HGC - keep scheme, but might require further discussion with Christine</t>
  </si>
  <si>
    <t>Assume DBC 'Civic Centre Site' is the same as 'Civic Zone Marlowes'</t>
  </si>
  <si>
    <t>Assume DBC 'National Grid land' is the same as 'National Grid and 339-353 London Road'</t>
  </si>
  <si>
    <t>Assume DBC 'Kier Park' is 'Plots 2/3 Kier Park, Maylands Avenue'</t>
  </si>
  <si>
    <t>Plots 2/3 Kier Park, Maylands Avenue</t>
  </si>
  <si>
    <t>Under Hemel Hempstead as location, there are a few 'all LP sites' would suggest these need splitting out to accurately apportion them if necessary</t>
  </si>
  <si>
    <t>To discuss with Aecom 23/01</t>
  </si>
  <si>
    <t>Seems to be direct duplicate for SADC #103
Risk - in DBC IDP, East Hemel schemes havent been split by east hemel south/south east/north</t>
  </si>
  <si>
    <t>Berkhamsted and Tring Sustainable Transport Study  scheme - therefore, remove</t>
  </si>
  <si>
    <t>Primary School</t>
  </si>
  <si>
    <t>Secondary School</t>
  </si>
  <si>
    <t>Strategic Green  Infrastructure</t>
  </si>
  <si>
    <t>Physical Infrastructure</t>
  </si>
  <si>
    <t>Duplicate for DBC #53 Need to engage with Crown Estate on this</t>
  </si>
  <si>
    <t>Walking and cycling</t>
  </si>
  <si>
    <t>Walking and cycling / Bus</t>
  </si>
  <si>
    <t>Seems to be direct duplicate for SADC #105</t>
  </si>
  <si>
    <t>Is there any update to 'Maylands Multi Modal Interchange (Metro Mobility Hub)' which major site was noted as 'TBD - could be located within East Hemel Hempstead site'
potential dupicate</t>
  </si>
  <si>
    <t>no update, Direct duplicate for SADC #97</t>
  </si>
  <si>
    <t>Walking and Cycling (LCWIP)</t>
  </si>
  <si>
    <t>Estimated Cost</t>
  </si>
  <si>
    <t>Identified Funding</t>
  </si>
  <si>
    <t>Funding Gap</t>
  </si>
  <si>
    <t>Cost to be apportioned</t>
  </si>
  <si>
    <t>Remaining Funding Gap</t>
  </si>
  <si>
    <t>Refer to Transport Plan</t>
  </si>
  <si>
    <t>Being implemented</t>
  </si>
  <si>
    <t xml:space="preserve">Refer to Urban Transport Plan </t>
  </si>
  <si>
    <t>Refer to Urban Transport Plan scheme no.12</t>
  </si>
  <si>
    <t xml:space="preserve">Local Mobility Hub located close to the Honeycross Rd junction </t>
  </si>
  <si>
    <t>A larger scale Mobility Hub located to the north of the A414 Breakspear Way, served by local bus services (to be defined), the proposed HERT, coach services (diverting off the M1) and provide other Mobility Hub features and services</t>
  </si>
  <si>
    <t>M1 Junction 8 Park and Ride</t>
  </si>
  <si>
    <t>Enhancement of the MMTI to incorporate a car park (similar scale to Milton Keynes Coachway)</t>
  </si>
  <si>
    <t>Plough Roundabout Link Break</t>
  </si>
  <si>
    <t xml:space="preserve">Converting a section of the Plough Roundabout to Bus Only, e.g. Seldon Hill-St Albans Road section, in either or both clockwise and anticlockwise directions. This improvement would eventually facilitate the HERT system. </t>
  </si>
  <si>
    <t>Bus priority lane on the A414 westbound approaching the Plough Roundabout  including bus gate signals to enable buses to move from the nearside to the offside lane</t>
  </si>
  <si>
    <t>Bus Only Traffic Filter - Adeyfield area</t>
  </si>
  <si>
    <t xml:space="preserve">Introduction of a Bus Only traffic filter (in a single direction or both directions) in the Adeyfield area, for the purpose of preventing through traffic. Could be in operation throughout the day, or at peak times only. It could benefit Bus Routes 1, 20, 302 and/or 320 depending on its eventual location. </t>
  </si>
  <si>
    <t>A Bus Only traffic filter (in both directions) on A4146 Station Road, east of St John's Road, to prevent through traffic. Could be in operation throughout the day, or at peak times only. It would benefit Bus Routes 1, 2, 4, 20, 302, 352, 501, ML1 and X5.</t>
  </si>
  <si>
    <t>All Sites</t>
  </si>
  <si>
    <t>Bus Only Traffic Filter - Boxmoor area</t>
  </si>
  <si>
    <t xml:space="preserve">Introduction of a Bus Only traffic filter (in a single direction or both directions) in the Boxmoor area, for the purpose of preventing through traffic. Could be in operation throughout the day, or at peak times only. It could benefit Bus Routes 3, 20, 51 and/or ML1 depending on its eventual location. </t>
  </si>
  <si>
    <t>No LP Sites</t>
  </si>
  <si>
    <t>Bus Only Traffic Filter - Highfield area</t>
  </si>
  <si>
    <t xml:space="preserve">Introduction of a Bus Only traffic filter (in a single direction or both directions) in the Highfield area, for the purpose of preventing through traffic. Could be in operation throughout the day, or at peak times only. Could be in operation throughout the day, or at peak times only. It could benefit Bus Routes 3 and 4 depending on its eventual location. </t>
  </si>
  <si>
    <t>Metro Mobility Hub located within the proposed North Hemel Hempstead development site HH01/HH02 on the eastern side near to the A4146 Redbourn Road and around the proposed mixed use area MU3 - to be provided by the developer at a location which is accessible within the site and aligned to the Local Mobility Hub standards applied across Hemel Garden Communities</t>
  </si>
  <si>
    <t xml:space="preserve">Revised layout to the station forecourt to provide a more attractive and accessibile environment for walking, wheeling and cycling, improved taxi rank, improved bus interchange facilities in line with the Metro Mobility Hub standards </t>
  </si>
  <si>
    <t>M11 Junction 8 - current proposals</t>
  </si>
  <si>
    <t>Reconfiguration of M11 Junction 8 on the eastern side, including a new roundabout adjoining the southbound on/off-slips and a new connector road over the M1 and connecting into Green Lane north of the A414</t>
  </si>
  <si>
    <t>Phoenix Gateway Roundabout re-configuration</t>
  </si>
  <si>
    <t>Replacement of the existing Phoenix Gateway/Green Lane roundabout on the A414 with a signal-controlled crossroads which should help to manage traffic flows through the junction</t>
  </si>
  <si>
    <t>A414 Breakspear Way Landbridge for active modes</t>
  </si>
  <si>
    <t>A high quality, attractive bridge for walking, wheeling and cycling connecting the East Hemel Hempstead site north and south of the A414 between Green Lane and the M1</t>
  </si>
  <si>
    <t>2026/27-2040/41</t>
  </si>
  <si>
    <t>A414 Dual Carriageway gap closure - Longlands</t>
  </si>
  <si>
    <t>A414 Dual Carriageway gap closure - Leverstock Green Road</t>
  </si>
  <si>
    <t xml:space="preserve">Buncefield Lane Quietway </t>
  </si>
  <si>
    <t>Quietway, indicated by signs and some physical measures at entry points, on Buncefield Lane between Boundary Way to Three Cherry Trees Lane.</t>
  </si>
  <si>
    <t>Currently being developed by HCC</t>
  </si>
  <si>
    <t>HCC Programmed - delivery within 1-2 years</t>
  </si>
  <si>
    <t>Quietway, indicated by signs and some physical measures at entry points, on Cherry Tree Lane between Three Cherry Trees Lane to Redbourn Road.</t>
  </si>
  <si>
    <t xml:space="preserve">Quietway, indicated by signs and some physical measures at entry points, on Punchbowl Lane. The section of the lane west of the M1 will be subsumed within East Hemel Hempstead development and may therefore be subject to alteration. </t>
  </si>
  <si>
    <t xml:space="preserve">Quietway, indicated by signs and some physical measures at entry points, on Hog End Lane. The section of the lane west of the M1 will be subsumed within East Hemel Hempstead development and may therefore be subject to alteration. </t>
  </si>
  <si>
    <t>Quietway, indicated by signs and some physical measures at entry points, on Green Lane between Breakspear Park office complex access and junction with Westwick Row. The section of Green Lane adjacent to Breakspear Park may be subject to alteration resulting from the East Hemel Hempstead development and changes to the A414 Phoenix Gateway Roundabout</t>
  </si>
  <si>
    <t>Quietway, indicated by signs and some physical measures at entry points, on Bunkers Lane between Longdean Park and Bedmond Road.</t>
  </si>
  <si>
    <t>Quietway, indicated by signs and some physical measures at entry points, on Blackwater Lane. This lane will be subsumed within East Hemel Hempstead development (school development site) and may therefore be subject to change.</t>
  </si>
  <si>
    <t xml:space="preserve">Quietway, indicated by signs and some physical measures at entry points, on Fields End Lane, joining another proposed Quietway at its western end at Pouchen End Lane, and Boxted Road at its eastern end. </t>
  </si>
  <si>
    <t>Quietway, indicated by signs and some physical measures at entry points, on Holtsmere End Lane between a location in the vicinity of PRoW (Footpath) Great Gaddesden 048 and Redbourn 011. This lane will run through or along the perimeter of the proposed East Hemel Hempstead development and therefore may be subject to alteration as part of the development</t>
  </si>
  <si>
    <t>HH09; HH10</t>
  </si>
  <si>
    <t>NEW 2; NEW 4</t>
  </si>
  <si>
    <t>A414 Downgraded to lower-status A-road or B-road</t>
  </si>
  <si>
    <t xml:space="preserve">Downgrade of the A414 between the A41 and Green Lane. Would require changes to signage and road markings. </t>
  </si>
  <si>
    <t xml:space="preserve">Alterations to the B487 Hemel Hempstead Road between the existing settlement boundary and the M1 overbridge, comprising: 1) speed limit changes 30mph along the frontage of the proposed East Hemel Hempstead development, with a buffer 40mph section at the eastern; 2) provision of new cycle and pedestrian route on at least one side of the road to link with existing footway provision west of Cherry Tree Lane; 3) at least 1 controlled pedestrian/cycle crossing (to connect sections of the East Hemel Hempstead development on either side; 4) alteration to the B487-Cherry Tree Lane-Holtsmere Lane junction in line with the Quietway treatments proposed to the two lanes (including signage and kerbed build outs to discourage through traffic); 5) upgraded bus stops.  It is anticipated there will be at least one junction serving access to the proposed East Hemel Hempstead deveopment on either side.     </t>
  </si>
  <si>
    <t>B440 Leighton Buzzard Road Gateway Corridor</t>
  </si>
  <si>
    <t>Review bus service connections between Luton and Hemel Hempstead from the perspective of identifying opportunities for increasing service frequencies and/or reducing journey times e.g. introducing new services with limited stops or re-routeing services to improve connectivity. Existing services between the two towns are Bus Routes 46 and 721.</t>
  </si>
  <si>
    <t>Civic Site, Marlowes</t>
  </si>
  <si>
    <t>TBD</t>
  </si>
  <si>
    <t>Junction crossing improvements on Copwer Road</t>
  </si>
  <si>
    <t>HH08; HH09; HH10</t>
  </si>
  <si>
    <t>A4251-A4146 Junction Reconfiguration including provision for cyclists and buses</t>
  </si>
  <si>
    <t>HH09; HH10; NEW 2</t>
  </si>
  <si>
    <t>London Road Apsley Cycle Route</t>
  </si>
  <si>
    <t>NEW 1; NEW 4</t>
  </si>
  <si>
    <t>London Road Dootlittle Measdows crossings and compact roundabout treatment</t>
  </si>
  <si>
    <t>East Hemel Hempstead; HH18</t>
  </si>
  <si>
    <t>East Hemel Hempstead; HH18, HH26</t>
  </si>
  <si>
    <t>East Hemel Hempstead; HH26</t>
  </si>
  <si>
    <t>Maylands Avenue Segregated Cycle Corridor</t>
  </si>
  <si>
    <t>NEW 1; H10</t>
  </si>
  <si>
    <t>A414 new crossing near to Wood Crescent</t>
  </si>
  <si>
    <t>TBC*</t>
  </si>
  <si>
    <t xml:space="preserve">Revised layout to the station forecourt to provide a more attractive and accessibile environment for walking, wheeling and cycling, improved taxi rank, improved bus interchange facilities in line with the Metro Mobility Hub standards. This will be the terminating/turn-around point for the proposed HERT MRT system. </t>
  </si>
  <si>
    <t>Not costed</t>
  </si>
  <si>
    <t>Upgarde to the Riverside Bus Interchange to align with Metro Mobility Hub standards including better facilities for waiting passengers. Assume the overall capacity of the interchange will not be influenced by the adjacent Riverside development</t>
  </si>
  <si>
    <r>
      <t xml:space="preserve">(SG2-2) Investigate the introduction of a 20 mph speed limit zone in this area, including Fishery Road, Kingsland Road and Horsecroft Road. </t>
    </r>
    <r>
      <rPr>
        <i/>
        <sz val="9"/>
        <color theme="1"/>
        <rFont val="Calibri"/>
        <family val="2"/>
        <scheme val="minor"/>
      </rPr>
      <t xml:space="preserve">Note: this area falls within a wider area identified by HCC as being a potential 20mph zone, subject to further investigation. </t>
    </r>
  </si>
  <si>
    <r>
      <t xml:space="preserve">(SG2-3) Provide traffic calming features near crossings eg. Add speed cushions on approaches to both crossings (these may be required as part of a 20mph speed limit zone). </t>
    </r>
    <r>
      <rPr>
        <i/>
        <sz val="9"/>
        <rFont val="Calibri"/>
        <family val="2"/>
        <scheme val="minor"/>
      </rPr>
      <t xml:space="preserve">Note: this area falls within a wider area identified by HCC as being a potential 20mph zone, subject to further investigation. </t>
    </r>
  </si>
  <si>
    <r>
      <t xml:space="preserve">(SG3-3) Investigate introducing 20mph limits/zones covering Cowper Road. Retained intervention, but added the following note: </t>
    </r>
    <r>
      <rPr>
        <i/>
        <sz val="9"/>
        <rFont val="Calibri"/>
        <family val="2"/>
        <scheme val="minor"/>
      </rPr>
      <t xml:space="preserve">Note: this area falls within a wider area identified by HCC as being a potential 20mph zone, subject to further investigation. </t>
    </r>
  </si>
  <si>
    <r>
      <t xml:space="preserve">(SG6-6) Investigate introducing 20mph speed limit between Featherbed Lane and Weymouth Street. </t>
    </r>
    <r>
      <rPr>
        <i/>
        <sz val="9"/>
        <rFont val="Calibri"/>
        <family val="2"/>
        <scheme val="minor"/>
      </rPr>
      <t xml:space="preserve">Note: this area falls within a wider area identified by HCC as being a potential 20mph zone, subject to further investigation. </t>
    </r>
  </si>
  <si>
    <r>
      <t xml:space="preserve">(SG9-3) Provide speed cushions on two approaches to Bennetts End Rd/ Peascroft Rd mini-roundabout. </t>
    </r>
    <r>
      <rPr>
        <i/>
        <sz val="9"/>
        <rFont val="Calibri"/>
        <family val="2"/>
        <scheme val="minor"/>
      </rPr>
      <t xml:space="preserve">Note: this area falls within a wider area identified by HCC as being a potential 20mph zone, subject to further investigation. </t>
    </r>
  </si>
  <si>
    <r>
      <t xml:space="preserve">(SG9-4) Investigate introducing 20mph limits/zones at Peascroft Rd (residential area with schools) and Malmes Croft. </t>
    </r>
    <r>
      <rPr>
        <i/>
        <sz val="9"/>
        <rFont val="Calibri"/>
        <family val="2"/>
        <scheme val="minor"/>
      </rPr>
      <t xml:space="preserve">Note: this area falls within a wider area identified by HCC as being a potential 20mph zone, subject to further investigation. </t>
    </r>
  </si>
  <si>
    <r>
      <t xml:space="preserve">(SG11-3) 20mph zone covering all roads leading off the A4147 and as far south as Green Lane up to and including junction with Kingcup Avenue (3 external entry points). Assume provision of additional traffic calming features to help ensure compliance with speed limit, c. x20 pairs of speed cushions. </t>
    </r>
    <r>
      <rPr>
        <i/>
        <sz val="9"/>
        <rFont val="Calibri"/>
        <family val="2"/>
        <scheme val="minor"/>
      </rPr>
      <t xml:space="preserve">Note: this area falls within a wider area identified by HCC as being a potential 20mph zone, subject to further investigation. </t>
    </r>
  </si>
  <si>
    <t>(SG26-2) More prominent 30mph signage on the A414 approaching the signaglised junction with London Road</t>
  </si>
  <si>
    <t xml:space="preserve">(SG35-1) Implement a offroad shared use cycleway along the full length of St Agnells Lane, located on the western side from Washington Avenue and remaining on the same side of the road for the full length, terminating on the eastern side at the junction with Redbourn Road. Include 4x copenhagen crossings at St Agenlls Court, Cupid Green Lane, Essex Mead and Old Maple </t>
  </si>
  <si>
    <t>Count of Ref</t>
  </si>
  <si>
    <t xml:space="preserve">Playing pitch provision to support development of </t>
  </si>
  <si>
    <t xml:space="preserve">Associated playing pitch provision in line with the Sport England requirements to support development at </t>
  </si>
  <si>
    <t>Hm01 North Hemel Hempstead is used as it's the largest site</t>
  </si>
  <si>
    <t>Changing rooms for AGP</t>
  </si>
  <si>
    <t>Changing rooms for NGP</t>
  </si>
  <si>
    <t>Hm16</t>
  </si>
  <si>
    <t xml:space="preserve">This cost has been provided by the Sport England Playing Pitch Calculator. Costs indexed to Q3 2024. </t>
  </si>
  <si>
    <t>Hm15</t>
  </si>
  <si>
    <t>Old Town (Hm15)</t>
  </si>
  <si>
    <t>Hm07</t>
  </si>
  <si>
    <t>Hm02</t>
  </si>
  <si>
    <t>Hm12</t>
  </si>
  <si>
    <t xml:space="preserve">This cost has been provided by the Sport England Playing Pitch Calculator. Cost covers only items mentioned below which are included in the Calculator and therefore is not a fully exhaustive cost. Costs indexed to Q3 2024. </t>
  </si>
  <si>
    <t xml:space="preserve">Plots 2/3 Kier Park, Marylands Avenue (Hm12) </t>
  </si>
  <si>
    <t>Hm04</t>
  </si>
  <si>
    <t>Hm14</t>
  </si>
  <si>
    <t>Marchmont Farm (Hm14)</t>
  </si>
  <si>
    <t>Hm08</t>
  </si>
  <si>
    <t>Hm03</t>
  </si>
  <si>
    <t>Hm09</t>
  </si>
  <si>
    <t>Hm06</t>
  </si>
  <si>
    <t>Hm10</t>
  </si>
  <si>
    <t>Hm11</t>
  </si>
  <si>
    <t>Hm13</t>
  </si>
  <si>
    <t>COMET</t>
  </si>
  <si>
    <t>Multiple Scenario 2 (Step 5)</t>
  </si>
  <si>
    <t>North Hemel (Hm01)</t>
  </si>
  <si>
    <t>New Primary School with Early Years provision at West of Chiswell Green</t>
  </si>
  <si>
    <t xml:space="preserve">A 2FE Primary School including Early Years to serve the new community </t>
  </si>
  <si>
    <t xml:space="preserve">St Stephen </t>
  </si>
  <si>
    <t>Chiswell Green</t>
  </si>
  <si>
    <t>2025+</t>
  </si>
  <si>
    <t>St Albans City Primary School Site</t>
  </si>
  <si>
    <t>St Albans City Reserve School Site at Ariston, with Early Years provision</t>
  </si>
  <si>
    <t>Ariston</t>
  </si>
  <si>
    <t>2040+</t>
  </si>
  <si>
    <t>New Primary School with Early Years at North St Albans</t>
  </si>
  <si>
    <t>A 2FE primary school, including Early Years provision, to serve the new community</t>
  </si>
  <si>
    <t>St Albans</t>
  </si>
  <si>
    <t>North St Albans</t>
  </si>
  <si>
    <t>New Primary School with Early Years at North East Harpenden</t>
  </si>
  <si>
    <t>A site for and appropriate contributions towards a 2 FE primary school, including Early Years provision.</t>
  </si>
  <si>
    <t xml:space="preserve">Harpenden Town </t>
  </si>
  <si>
    <t>Harpenden</t>
  </si>
  <si>
    <t>North East Harpenden</t>
  </si>
  <si>
    <t>New Primary School with Early Years at West Redbourn</t>
  </si>
  <si>
    <t>A new primary school or contributions to expand the existing primary school, including Early Years provision, to serve the new community.</t>
  </si>
  <si>
    <t>West Redbourn</t>
  </si>
  <si>
    <t>New Primary School with Early Years at East St Albans</t>
  </si>
  <si>
    <t>A 2FE primary school, including Early Years provision, to serve the new community.</t>
  </si>
  <si>
    <t>Sandridge</t>
  </si>
  <si>
    <t>East St Albans</t>
  </si>
  <si>
    <t>New Secondary School at East St Albans</t>
  </si>
  <si>
    <t xml:space="preserve"> A site for, and appropriate contributions towards, an 8FE secondary school site within nearby Oaklands land ownership fronting onto Hatfield Road.</t>
  </si>
  <si>
    <t>New Secondary School at West of London Colney</t>
  </si>
  <si>
    <t>A site for, and appropriate contributions towards, an 8FE secondary school site within adjoining HCC land ownership.</t>
  </si>
  <si>
    <t>Katherine Warington School 2FE expansion</t>
  </si>
  <si>
    <t>The expansion of the Katherine Warington Secondary School to accommodate a further 2FE.</t>
  </si>
  <si>
    <t>Sir John Lawes School 0.5FE expansion</t>
  </si>
  <si>
    <t>The expansion of the Sir John Lawes Secondary School to accommodate a further 0.5FE.</t>
  </si>
  <si>
    <t>Roundwood Park School 1FE expansion</t>
  </si>
  <si>
    <t>The expansion of the Roundwood Park Secondary School to accommodate a further 1FE.</t>
  </si>
  <si>
    <t>Further Education</t>
  </si>
  <si>
    <t>Oaklands College (St Albans Campus) Expansion</t>
  </si>
  <si>
    <t>Further expansion of floorspace and facilities at Oaklands College. 
The College is now implementing a £51m redevelopment of the St Albans Campus. The master-plan includes dedicated provision for the various curriculum areas which meet current needs and requirements, as well as being flexible to cater for future developments in teaching and provision. It will include a sport and community zone. The project will take about five years to deliver.
Expansion of Oaklands College through enabling development of residential development as part of the East St Albans Broad Location. All proceeds from the development are expected to be available for this purpose. Development underway.</t>
  </si>
  <si>
    <t>Colney Heath</t>
  </si>
  <si>
    <t>Oaklands College / Hertfordshire County Council</t>
  </si>
  <si>
    <t>2020-2025</t>
  </si>
  <si>
    <t>Midway (St Albans) Surgery Expansion</t>
  </si>
  <si>
    <t>Midway Surgery (St Albans) Extension:  In January 2022, the Primary Care Commissioning Committee (PCCC) gave approval to PIDs that was submitted by Midway Surgery in St Albans, to work up their development plans to extend, improve or relocate the premises. The funding streams will be determined as the projects advance.</t>
  </si>
  <si>
    <t>St Stephen</t>
  </si>
  <si>
    <t xml:space="preserve">TBC </t>
  </si>
  <si>
    <t xml:space="preserve">External Funding / Developer Contributions </t>
  </si>
  <si>
    <t>This relate to future growth coming forward across SADC.</t>
  </si>
  <si>
    <t>On hold due to financial viability, reliant on external (inc S106) funding</t>
  </si>
  <si>
    <t>NHS Estate Transformation Technology Fund, stakeholder engagement in May 2023</t>
  </si>
  <si>
    <t>Healthcare Infrastructure investment to support development at North St Albans</t>
  </si>
  <si>
    <t xml:space="preserve">Associated Healthcare Provision (i.e. GP provision) requirements to support development at North St Albans, including consideration for 'acute care hub' across St Albans. </t>
  </si>
  <si>
    <t>2031-2041</t>
  </si>
  <si>
    <t>Includes North of St Albans growth + 50% of the rest of St Albans</t>
  </si>
  <si>
    <t>Healthcare Infrastructure investment to support development at North East Harpenden</t>
  </si>
  <si>
    <t xml:space="preserve">Associated Healthcare Provision (i.e. GP provision) requirements to support development a north East Harpenden, including consideration for 'acute care hub' across Harpenden. </t>
  </si>
  <si>
    <t>Healthcare Infrastructure investment to support development at West Redbourn</t>
  </si>
  <si>
    <t>Associated Healthcare Provision (i.e. GP provision) requirements to support development at West Redbourn</t>
  </si>
  <si>
    <t>2031-2040</t>
  </si>
  <si>
    <t>Healthcare Infrastructure investment to support development at East St Albans</t>
  </si>
  <si>
    <t>Associated Healthcare Provision (i.e. GP provision) requirements to support development at East St Albans</t>
  </si>
  <si>
    <t>2031-2038</t>
  </si>
  <si>
    <t>Healthcare Infrastructure investment to support development at Glinwell, Hatfield Road</t>
  </si>
  <si>
    <t>Associated Healthcare Provision (i.e. GP provision) requirements to support development at Glinwell, Hatfield Road</t>
  </si>
  <si>
    <t>Glinwell, East Hatfield</t>
  </si>
  <si>
    <t>2030-2038</t>
  </si>
  <si>
    <t>Healthcare Infrastructure investment to support development at West of London Colney</t>
  </si>
  <si>
    <t>Healthcare Infrastructure investment to support development at North West Harpenden</t>
  </si>
  <si>
    <t>Associated Healthcare Provision (i.e. GP provision) requirements to support development at North West Harpenden</t>
  </si>
  <si>
    <t>North West Harpenden</t>
  </si>
  <si>
    <t>Healthcare Infrastructure investment to support development at Harper Lane, North of Radlett</t>
  </si>
  <si>
    <t>Associated Healthcare Provision (i.e. GP provision) requirements to support development at Harper Lane, North of Radlett</t>
  </si>
  <si>
    <t>Radlett</t>
  </si>
  <si>
    <t>Harper Lane, North of Radlett</t>
  </si>
  <si>
    <t>Demolition of Amenbury Pavilion and replacement with one consolidated new pavilion in Rothamsted Park</t>
  </si>
  <si>
    <t xml:space="preserve">Demolition of Amenbury Pavilion and replacement with one consolidated new pavilion in Rothamsted Park. </t>
  </si>
  <si>
    <t>Harpenden Town Council</t>
  </si>
  <si>
    <t xml:space="preserve">This costs was provided from Stakeholder Engagement. </t>
  </si>
  <si>
    <t>Stakeholder engagement in May 2023, and Harpenden Town Council's Rothamsted Park Management Plan</t>
  </si>
  <si>
    <t>Refurbishment of Cunningham Hill</t>
  </si>
  <si>
    <t>Refurbishment of Cunningham Hill Sports Pavilion</t>
  </si>
  <si>
    <t xml:space="preserve">No info available to produce a cost; however, assumed it to contain a  team changing room plus officials. The area assumed to be 75m2 @ £3,600/m2. </t>
  </si>
  <si>
    <t>2019 Playing Pitch Strategy Update (2019),Stakeholder engagement in May 2023 &amp; St Albans City and District Council Infrastructure Delivery Plan (2018)</t>
  </si>
  <si>
    <t>Refurbishment of William Bird Pavilion</t>
  </si>
  <si>
    <t>Refurbishment of William Bird Sports Pavilion</t>
  </si>
  <si>
    <t>2019 Playing Pitch Strategy Update (2019), Stakeholder engagement in May 2023 &amp; St Albans City and District Council Infrastructure Delivery Plan (2018)</t>
  </si>
  <si>
    <t xml:space="preserve">Sports provision to support development at North St Albans </t>
  </si>
  <si>
    <t>Associated sports provision in line with the Sports England requirements to support development at North St Albans. This includes 4.52 Natural Grass Pitches, 0.26 Artificial Grass Pitches (as well as indicative provision from Sports England national standards 0.13 swimming pools, 0.17 sports halls, and 0.32 tennis courts).</t>
  </si>
  <si>
    <t xml:space="preserve">Sports provision to support development at North East Harpenden </t>
  </si>
  <si>
    <t>Associated sports provision in line with the Sports England requirements to support development at North East Harpenden. This includes 3.46 Natural Grass Pitches, 0.2 Artificial Grass Pitches, 0.1 swimming pools, 0.13 sports halls, and 0.32 tennis courts.</t>
  </si>
  <si>
    <t xml:space="preserve">Sports provision to support development at West Redbourn </t>
  </si>
  <si>
    <t>Associated sports provision in line with the Sports England requirements to support development at West Redbourn. This includes 2.69 Natural Grass Pitches, 0.16 Artificial Grass Pitches, 0.07 swimming pools, 0.1 sports halls, and 0.19 tennis courts.</t>
  </si>
  <si>
    <t xml:space="preserve">Sports provision to support development at East St Albans </t>
  </si>
  <si>
    <t>Associated sports provision in line with the Sports England requirements to support development at East St Albans. This includes 2.37 Natural Grass Pitches, 1.14 Artificial Grass Pitches, 0.07 swimming pools, 0.09 sports halls, and 0.17 tennis courts.</t>
  </si>
  <si>
    <t xml:space="preserve">Sports provision to support development at Glinwell, Hatfield Road, St Albans </t>
  </si>
  <si>
    <t>Associated sports provision in line with the Sports England requirements to support development at Glinwell, Hatfield Road, St Albans. This includes 1.98 Natural Grass Pitches, 0.12 Artificial Grass Pitches, 0.05 swimming pools, 0.07 sports halls, and 0.14 tennis courts.</t>
  </si>
  <si>
    <t>Sports provision to support development at West of London Colney</t>
  </si>
  <si>
    <t>Associated sports provision in line with the Sports England requirements to support development at West of London Colney. This includes 1.84 Natural Grass Pitches, 0.11 Artificial Grass Pitches, 0.05 swimming pools, 0.07 sports halls, and 0.13 tennis courts.</t>
  </si>
  <si>
    <t>Sports provision to support development at North West Harpenden</t>
  </si>
  <si>
    <t>Associated sports provision in line with the Sports England requirements to support development at North West Harpenden. This includes 1.33 Natural Grass Pitches, 0.08 Artificial Grass Pitches, 0.04 swimming pools, 0.05 sports halls, and 0.09 tennis courts.</t>
  </si>
  <si>
    <t>Sports provision to support development at Harper Lane, north of Radlett</t>
  </si>
  <si>
    <t>Associated sports provision in line with the Sports England requirements to support development at Harper Lane, north of Radlett. This includes 1.24 Natural Grass Pitches, 0.07 Artificial Grass Pitches, 0.03 swimming pools, 0.05 sports halls, and 0.09 tennis courts.</t>
  </si>
  <si>
    <t>Youth Provision</t>
  </si>
  <si>
    <t>Modernisation of the St Albans Young People's Centre building at the Ariston Site, shared with the Pioneer Club</t>
  </si>
  <si>
    <t>The St Albans Young People’s Centre building, which is shared with the Pioneer Club, is in need of considerable modernisation to ensure the centre is able to meet the wide-ranging needs of both its users, and activities. The proposal for this centre is used as a model of future youth provision in Hertfordshire. The intention is to provide a substantial centre, offering a range of activities, and servicing 11,040 potential users, it is set to include a skate park, accommodation for YCH Services for Young People (YCH SfYP) including an activity hall to be shared between the two users (and available to the wider community) and a touchdown facility.</t>
  </si>
  <si>
    <t>Hertfordshire County Council Services for Young People / St Albans City and District Council</t>
  </si>
  <si>
    <t>Refurbishment of St Alban's Young People's Centre building. Area assumed to be £1,300m2 (measured using Google earth) @ £3,200/m2
£1million was added to overall cost to align with the committee report (LAND AT HARPENDEN ROAD, ST ALBANS – REQUEST FOR SPEND TO ACHIEVE FUNDS)</t>
  </si>
  <si>
    <t>Stakeholder engagement with HCC in May 2023. HCC committee report February 2021 ‘land at Harpenden road’ which quotes a £cost.</t>
  </si>
  <si>
    <t>Library</t>
  </si>
  <si>
    <t>Expansion of Marshalswick Library</t>
  </si>
  <si>
    <t>The potential allocations on land at the North of St Albans, and East St Albans will impact the Marshalswick Library, which is already over-capacity, and too small for existing use. The public floorspace needs to be increased to ensure that the service offer can meet the needs of both the existing, and future community.</t>
  </si>
  <si>
    <t>North of St Albans / East St Albans</t>
  </si>
  <si>
    <t>2033-2037</t>
  </si>
  <si>
    <t xml:space="preserve">Existing library building assumed to be 234m2. Expansion assumed @ 50% of the current; therefore 117m2. Rates used of refurbing existing is £3,190 and for extension is £4,388. </t>
  </si>
  <si>
    <t>Stakeholder engagement with HCC in April 2024</t>
  </si>
  <si>
    <t>Community  Infrastructure investment to support development at North St Albans</t>
  </si>
  <si>
    <t>Associated community infrastructure requirements to support development at North St Albans</t>
  </si>
  <si>
    <t>Community  Infrastructure investment to support development at North East Harpenden</t>
  </si>
  <si>
    <t xml:space="preserve">Associated community infrastructure requirements to support development at North East Harpenden </t>
  </si>
  <si>
    <t>Community  Infrastructure investment to support development at West Redbourn</t>
  </si>
  <si>
    <t>Associated community infrastructure requirements to support development at West Redbourn</t>
  </si>
  <si>
    <t>Community  Infrastructure investment to support development at East St Albans</t>
  </si>
  <si>
    <t>Associated community infrastructure requirements to support development at East St Albans</t>
  </si>
  <si>
    <t xml:space="preserve">Sandridge </t>
  </si>
  <si>
    <t>Community  Infrastructure investment to support development at Glinwell, Hatfield Road</t>
  </si>
  <si>
    <t>Associated community infrastructure requirements to support development at Glinwell, Hatfield Road</t>
  </si>
  <si>
    <t>Community  Infrastructure investment to support development at West of London Colney</t>
  </si>
  <si>
    <t>Associated community infrastructure requirements to support development at West of London Colney.</t>
  </si>
  <si>
    <t>Community  Infrastructure investment to support development at North West Harpenden</t>
  </si>
  <si>
    <t>Associated community infrastructure requirements to support development at North West Harpenden</t>
  </si>
  <si>
    <t>Community  Infrastructure investment to support development at Harper Lane, North of Radlett</t>
  </si>
  <si>
    <t>Associated community infrastructure requirements to support development at Harper Lane, North of Radlett</t>
  </si>
  <si>
    <t>New SANG site at Jersey Farm Open Space</t>
  </si>
  <si>
    <t>Creation of a new Suitable Alternative Natural Greenspace (SANG) site in response to parts of Redbourn being in the Zone of Influence of the Chilterns Beechwoods Special Area of Conservation</t>
  </si>
  <si>
    <t xml:space="preserve">This is expected to be delivered by s106 from schemes with 1-9 homes in ZOI. (schemes 10+ homes are expected to provide their own sang solution) sang delivery is over the plan period. </t>
  </si>
  <si>
    <t>This figure is calculated using similar project costs, benchmarking, and contractor estimates.</t>
  </si>
  <si>
    <t xml:space="preserve">Strategic and local green infrastructure investment to support development at North St Albans </t>
  </si>
  <si>
    <t xml:space="preserve">Associated local green infrastructure requirements to support development at North St Albans. Including 1.87ha of Parks and Gardens, 4.03ha of Amenity Green Space, 9.11ha of Natural and Semi-Natural Green Space and 0.74ha of Allotments. </t>
  </si>
  <si>
    <t xml:space="preserve">Strategic and local green infrastructure investment to support development at North East Harpenden </t>
  </si>
  <si>
    <t xml:space="preserve">Associated local green infrastructure requirements to support development at North East Harpenden.  Including 1.26ha of Parks and Gardens, 2.71ha of Amenity Green Space, 6.13ha of Natural and Semi-Natural Green Space and 0.50ha of Allotments. </t>
  </si>
  <si>
    <t xml:space="preserve">Strategic and local green infrastructure investment to support development at West Redbourn </t>
  </si>
  <si>
    <t xml:space="preserve">Associated local green infrastructure requirements to support development at West Redbourn. Including 0.93ha of Parks and Gardens, 2.00ha of Amenity Green Space, 4.53ha of Natural and Semi-Natural Green Space and 0.37ha of Allotments. </t>
  </si>
  <si>
    <t xml:space="preserve">Strategic and local green infrastructure investment to support development at East St Albans </t>
  </si>
  <si>
    <t xml:space="preserve">Associated local green infrastructure requirements to support development at East St Albans. Including 0.80ha of Parks and Gardens, 1.73ha of Amenity Green Space, 3.92ha of Natural and Semi-Natural Green Space and 0.32ha of Allotments. </t>
  </si>
  <si>
    <t xml:space="preserve">Strategic and local green infrastructure investment to support development at Glinwell, Hatfield Road, St Albans </t>
  </si>
  <si>
    <t xml:space="preserve">Associated local green infrastructure requirements to support development at Glinwell, Hatfield Road, St Albans. Including 0.84ha of Parks and Gardens, 1.78ha of Amenity Green Space, 4.02ha of Natural and Semi-Natural Green Space and 0.33ha of Allotments. </t>
  </si>
  <si>
    <t>Strategic and local green infrastructure investment to support development at North West Harpenden</t>
  </si>
  <si>
    <t xml:space="preserve">Associated local green infrastructure requirements to support development at West of London Colney. Including 0.5ha of Parks and Gardens, 1.08ha of Amenity Green Space, 2.43ha of Natural and Semi-Natural Green Space and 0.20ha of Allotments. </t>
  </si>
  <si>
    <t>Strategic and local green infrastructure investment to support development at Harper Lane, north of Radlett</t>
  </si>
  <si>
    <t xml:space="preserve">Associated local green infrastructure requirements to support development at Harper Lane, north of Radlett. Including 0.47ha of Parks and Gardens, 1.01ha of Amenity Green Space, 2.28ha of Natural and Semi-Natural Green Space and 0.18ha of Allotments. </t>
  </si>
  <si>
    <t>SANG Provision at West of Redbourn</t>
  </si>
  <si>
    <t>Development proposals will also need to make provision for a new Suitable Alternative Natural Greenspace (SANG), or alternatively contribute towards the maintenance of a suitable SANG project elsewhere.</t>
  </si>
  <si>
    <t>New Trunk Main from Lee into St Albans</t>
  </si>
  <si>
    <t xml:space="preserve">Construct a new 8km trunk main to move imported water from Lee into St Albans and a new booster to improve water transfer capabilities within the Colne community. 
</t>
  </si>
  <si>
    <t>Affinity Water  2020 to 2025 Business Plan, stakeholder engagement May 2023</t>
  </si>
  <si>
    <t>New Mains to support development in Harpenden, St Albans and Watford</t>
  </si>
  <si>
    <t xml:space="preserve">Affinity will be installing 21km of new mains to support new developments in Harpenden, St Albans and Watford. 
</t>
  </si>
  <si>
    <t>Harpenden and St Albans</t>
  </si>
  <si>
    <t>Replacement of 33kV switch gear at Cell Barnes GSP</t>
  </si>
  <si>
    <t xml:space="preserve">It is planned to replace the existing 33,000volt (33kV) switchgear at Cell Barnes Grid as part of the continual condition management of network assets. These works will improve network resilience and facilitate additional connections to Cell Barnes Grid. The works are forecast to be completed by 2026. 
</t>
  </si>
  <si>
    <t>Replacement of primary transformers at Adelaide Street substation</t>
  </si>
  <si>
    <t xml:space="preserve">A project planned to replace the existing 33,000/11,000volt (33/11kV) transformers, as part of the continual condition management of network assets. This project has been mandated to install larger capacity transformers to match the capabilities of the upstream 33kV underground cable circuits from Cell Barnes Grid. Full utilisation of the transformer capacity would require further future investment to replace the existing 11,000volt (11kV) switchgear on site and first approx. 700m of cable from Cell Barnes Grid. </t>
  </si>
  <si>
    <t>Provision of additional 33kV infrastructure in central and east Harpenden</t>
  </si>
  <si>
    <t>Provision of additional 33kV infrastructure in central and east Harpenden to build network resilience and support development in the northern St Albans area and south of Luton</t>
  </si>
  <si>
    <t>Central and East Harpenden, North St Albans and South Luton</t>
  </si>
  <si>
    <t xml:space="preserve">Active travel schemes associated with the West Redbourn site </t>
  </si>
  <si>
    <t>Walkable neighbourhoods help to promote a healthy lifestyle, a socially inclusive society and environmental sustainability. The site layout will be designed to promote pedestrian and cyclist permeability.</t>
  </si>
  <si>
    <t>St Albans 2018-2019 IDP, stakeholder engagement May 2024</t>
  </si>
  <si>
    <t xml:space="preserve">Active travel schemes associated with the Glinewell, Hatfield Road site </t>
  </si>
  <si>
    <t xml:space="preserve">Active travel schemes associated with the North West Harpenden site </t>
  </si>
  <si>
    <t xml:space="preserve">Active travel schemes associated with the Harper Lane, North of Radlett site </t>
  </si>
  <si>
    <t>London Colney High Street 20mph speed limit</t>
  </si>
  <si>
    <t xml:space="preserve">A 20mph speed limit introduced on the section of the High Street adjacent to the shopping parade.
20mph will only be supported with engineering measures to ensure design speed, and not just signage, due to police enforcement policy in speed management group. </t>
  </si>
  <si>
    <t>Central Govt Funding Pot / GTP Funding</t>
  </si>
  <si>
    <t>London Colney Town wide 20mph speed limit</t>
  </si>
  <si>
    <t>Widespread introduction of 20mph speed limit on residential roads within London Colney (subject to Speed Management Strategy).
20mph will only be supported with engineering measures to ensure design speed, and not just signage, due to police enforcement policy in speed management group. This is being looked at by the HCC 20mph programme</t>
  </si>
  <si>
    <t>A414 Park Street Roundabout Improvements</t>
  </si>
  <si>
    <t>An improvement to the existing roundabout layout with signal-control introduced to most if not all arms and some minor physical alterations to the junction's layout. Furthermore, as part of cycle route improvements alongside the A405 and A414, improved pedestrian/cycle crossing facilities will be required across the A5183 Watling Street. Consideration should be given to the movement of local bus services through the junction and how this could be optimised.
This scheme will need to be considered in relation to the SRFI site, where some upgrades are already planned.</t>
  </si>
  <si>
    <t xml:space="preserve">Park Street </t>
  </si>
  <si>
    <t>Strategic Rail Freight Interchange</t>
  </si>
  <si>
    <t>Potential additional services at St Albans City station</t>
  </si>
  <si>
    <t>Potential for the new Corby service on East Midlands franchise to call at St Albans</t>
  </si>
  <si>
    <t>National Rail / Operators</t>
  </si>
  <si>
    <t>Central Govt Funding Pot</t>
  </si>
  <si>
    <t>2020 HCC Rail Strategy, stakeholder engagement May 2023</t>
  </si>
  <si>
    <t>Harpenden station improvements</t>
  </si>
  <si>
    <t>Key plans for the station include improvements to the access junction to ease congestion and improve walking and cycling access to the station. Other plans for the station include additional AVMs to ease overcrowding at the station and improving cycle parking security.
Additional plans for the station also include improvements to car parking provision.
This scheme is linked with Draft LCWIP plans for Harpenden rail station link.</t>
  </si>
  <si>
    <t>National Rail</t>
  </si>
  <si>
    <t>2025-2042</t>
  </si>
  <si>
    <t>Central Govt Funding Pot/ Developer Contributions / Active Travel Funding</t>
  </si>
  <si>
    <t>2020 HCC Rail Strategy, Draft LCWIP, stakeholder engagement May 2023</t>
  </si>
  <si>
    <t>Active travel schemes associated with the North St Albans site</t>
  </si>
  <si>
    <t>Walkable neighbourhoods help to promote a healthy lifestyle, a socially inclusive society and environmental sustainability. The site layout will be designed to promote pedestrian and cyclist permeability, with a network of green infrastructure corridors offering dedicated nonvehicular routes.
The Site lies adjacent to the Sustrans National Cycle Route 6 - opportunities to connect proposed facilities within the new development to an established existing cycle network. It will also be important to provide high quality links to join with the St Albans ‘Green Ring’.
Relevant LCWIP schemes include segregated cycleway along A1081 between Harpenden and St Albans; filtering of Valley Rd; potential filtering of Sandridgebury Rd; links within St Albans e.g. junction improvement at Batchwood drive &amp; segregated cycleway along St Peter's St.</t>
  </si>
  <si>
    <t>Developer Contributions / Active Travel Funding</t>
  </si>
  <si>
    <t>Active travel schemes associated with the West Redbourn site</t>
  </si>
  <si>
    <t>B653 Lower Luton Road pedestrian and cycle crossing (North East Harpenden site)</t>
  </si>
  <si>
    <t>A new signal-controlled crossing, associated with the North East Harpenden development and potentially integral to a new development vehicle access, enabling pedestrians and cyclists to safely cross the busy Lower Luton Road.</t>
  </si>
  <si>
    <t>St Albans City Centre 20mph zone expansion</t>
  </si>
  <si>
    <t>Expanded 20mph zone in St Albans including Victoria Street, Bricket Road and Catherine Street. Any implementation of 20mph zone needs to be in accordance with HCC's Speed Management Strategy.
Scheme at least partly likely to be carried out through 20s programme.</t>
  </si>
  <si>
    <t>Alban Way Level Crossing (Cottonmill Lane)</t>
  </si>
  <si>
    <t>Maintain crossing point and continue to promote safe access in discussion with Network Rail.</t>
  </si>
  <si>
    <t>Alban Way Lighting</t>
  </si>
  <si>
    <t xml:space="preserve">Implement lighting along Alban Way, either 'always on' or sensor activated. This will depend on the environmental impact from the type of lighting. The route would be divided into sections and lighting improvements will be developed, funded and implemented in multiple phases, for example: Phase 1: between Cottonmill Lane and Colney Heath Lane (3.5 km) Phase 2: between Colney Heath Lane and Cavendish Way (3.8 km) Phase 3: between Cavendish Way and Hertford Road (3 km) The exact sections and number of sections will be determined after careful consideration of the available funding and duration for implementation in order for the closure to cause as little disruption as possible.
Alban way is likely to be a priority for HCC in accommodating growth and enhancing the provision of walking and cycling routes. Whilst it currently serves this function, its quality and capacity is fairly poor in locations. </t>
  </si>
  <si>
    <t>Alban Way Wayfinding</t>
  </si>
  <si>
    <t xml:space="preserve">Wayfinding to Alban Way in St Albans And Hatfield. Extension of Alban Way branding/signage/wayfinding beyond the extents of the actual cycleway to provide easier wayfinding to it, with clear links to important destinations whilst making sure the need for any lighting does not have any adverse impacts on its rural surroundings.
Alban way is likely to be a priority for HCC in accommodating growth and enhancing the provision of walking and cycling routes. Whilst it currently serves this function, its quality and capacity is fairly poor in locations. </t>
  </si>
  <si>
    <t>Alban Way Cycle Signage</t>
  </si>
  <si>
    <t xml:space="preserve">Improved cycle signage along Alban Way. Include 'reference point' signage to provide an indication to cyclists of where they are in relation to nearby prominent land use features, and distances/estimated journey times to key locations.
Alban way is likely to be a priority for HCC in accommodating growth and enhancing the provision of walking and cycling routes. Whilst it currently serves this function, its quality and capacity is fairly poor in locations. </t>
  </si>
  <si>
    <t>Alban Way Physical Improvements</t>
  </si>
  <si>
    <t xml:space="preserve">Physical improvements including surface, crossings, general maintenance, etc. Maintain the crossing over the Abbey Line as a priority, and incorporate into any improvement scheme. Investigate sensor lighting. Manage vegetation along the route, and clear leaf mould regularly from the relatively new surface to avoid mud building up. Investigate widening and lighting the path as it passes through Hatfield, especially to the east of the Galleria, or consider alternative busier routes as part of the Hatfield regeneration plans. If rail service frequency increases this may trigger the need for a bridge.
Alban way is likely to be a priority for HCC in accommodating growth and enhancing the provision of walking and cycling routes. Whilst it currently serves this function, its quality and capacity is fairly poor in locations. </t>
  </si>
  <si>
    <t>St Albans city centre cycle parking</t>
  </si>
  <si>
    <t>Increase cycle parking provision at St Albans City station in association with improvements to the station on Ridgmont Road.</t>
  </si>
  <si>
    <t>National Rail / HCC</t>
  </si>
  <si>
    <t>Station to Station Connectivity (St Albans Abbey Station/St Albans City Station)</t>
  </si>
  <si>
    <t>Investigate options for improved pedestrian and cycling connections between St Albans Abbey Station, the city centre and St Albans City station, as well as feasibility to expand bus routes 601 and 724.</t>
  </si>
  <si>
    <t>Victoria Street public realm, active and sustainable travel improvements</t>
  </si>
  <si>
    <t>Upgrade to a sustainable corridor. Improved and widened footways at the junctions with Ridgmont Road and Alma Road/Beaconsfield Road and the link in between to increase capacity for high pedestrian volumes to/from the City station especially during peak periods. This will be carefully investigated prior to implementation of any changes and will need to include assessment of impacts upon bus service reliability. The objective is to improve the walking environment and encourage modal shift especially for shorter distance journeys within St Albans.
Improved wayfinding between the city centre and City station by introducing walk time signage between main areas and coherent footway surface treatments, to encourage pedestrian use.
Urban Realm Improvements along Victoria Street to improve conditions for pedestrians, cyclists and buses and improve amenity of the street by introducing walk time signage between main areas and coherent footway surface treatments, to encourage pedestrian use.
Potential for public transport improvements along this route - the scheme needs to be developed alongside BSIP plans.</t>
  </si>
  <si>
    <t>Active Travel Funding</t>
  </si>
  <si>
    <t>Parking</t>
  </si>
  <si>
    <t>Parking revisions on London Road Corridor</t>
  </si>
  <si>
    <t>A review of on-road parking provision along the corridor to consider whether it can be rationalised in order to improve conditions for cyclists and provide additional crossing facilities.
This could also consider potential future needs of HERT.</t>
  </si>
  <si>
    <t>Central Govt Funding Pot / County Funding</t>
  </si>
  <si>
    <t>Active travel schemes associated with the East St Albans site</t>
  </si>
  <si>
    <t>Walkable neighbourhoods help to promote a healthy lifestyle, a socially inclusive society and environmental sustainability. The site layout will be designed to promote pedestrian and cyclist permeability, with a network of green infrastructure corridors offering dedicated nonvehicular routes.New segregated cycle path along South Drive with improved cycle access into the College from the south. A shared footway/cycleway alongside the residential access road from Sandpit Lane with an east-west spur. New footpath along the south-eastern boundary of the site linking East Drive with Hatfield Road. Routes for walking or running around the perimeter of the Oaklands site and an internal cycle and footpath network, including links between residential areas and the college site. Improved connections to the Alban Way, with new pedestrian and cycle crossings on Hatfield Road at the Colney Heath Lane junction. Relevant LCWIP schemes include traffic calming on Sandpit Lane / Hatfield Rd; new crossings; junction improvements; improvements to the Alban Way. Consideration should be given to how people at this site can get to St Albans city centre and the railway station e.g along Hatfield Rd / Sandpit Lane.</t>
  </si>
  <si>
    <t>Active travel improvements for North East Harpenden site</t>
  </si>
  <si>
    <t>Walkable neighbourhoods help to promote a healthy lifestyle, a socially inclusive society and environmental sustainability. The site layout will be designed to promote pedestrian and cyclist permeability. There are several Public Rights of Way (PRoW) that connect the site with the adjoining residential areas to the south, Common Lane and Bower Heath Lane. A sequence of proposed pedestrian and cycle routes will provide connections to local services, amenities and bus stops and will enhance and complement existing routes.
Existing public rights of way through the site will be preserved. There is potential for new pedestrian/cycle access between development and adjacent playing facilities, for pedestrian/cycle access onto Common Lane, towards new Katherine Warington School, and for a pedestrian/cycle link to Sauncey View Lodge if required.
Relevant LCWIP measures include segregated cycleway on Luton Rd, footway improvements on Common Lane + small junction improvements and crossing upgrade; traffic filtering around Mainland Way / Lyndhurst Drive; links to the Greenway.</t>
  </si>
  <si>
    <t>Active travel schemes associated with the West of London Colney site</t>
  </si>
  <si>
    <t>Walkable neighbourhoods help to promote a healthy lifestyle, a socially inclusive society and environmental sustainability. The site layout will be designed to promote pedestrian and cyclist permeability, A new pedestrian/cycle crossing off Shenley Lane is included in the access strategy for the site as well as proposed enhancements to existing infrastructure in London Colney to promote access on foot/by bicycle. 
This may need some sections of segregation, and junction upgrades, to facilitate walking and cycling access from the site towards the town centre and onwards to St Albans. 
More details included in the relevant Project Validation work.</t>
  </si>
  <si>
    <t>Developer Contributions</t>
  </si>
  <si>
    <t>St Albans 2018-2019 IDP, South Central HCC GTP, stakeholder engagement May 2023</t>
  </si>
  <si>
    <t>Cycle and pedestrian route improvements at Harpenden Station</t>
  </si>
  <si>
    <t>Liaise with the train operator to identify improvements to the pedestrian and cycle route into Harpenden Station (eastern side) along the access road and through the car park. Investigate the potential for a cycle short cut through the premier parking area to reach the cycle parking at the northern end of the car park over a shorter distance.</t>
  </si>
  <si>
    <t>St Albans City Station active travel connectivity improvements</t>
  </si>
  <si>
    <t>Walking, cycling facilities including routes, parking and crossings as well as wayfinding improvements to improve active travel accessibility of the station. Junction improvements for people walking could include consistent type and placement of signals and signal call buttons, and pedestrian priority interventions.
Improvements are also required for the walking/cycling infrastructure along Grosvenor Road and Ridgmont Road for access to the City station. 
The streets near St Albans City Station are very important for walking and cycling. Sections of segregated cycleway, traffic calming and footway improvements will be accompanied by a number of small, medium and large junction improvements, making it easier and safer for everyone to walk and cycle all the way to the station. Junction improvements could include reducing crossing distances, adding continuous footways, pedestrian crossings, or new signalised junctions and crossroads.</t>
  </si>
  <si>
    <t>Developer Contributions / Active Travel Funding (LCWIP)</t>
  </si>
  <si>
    <t>South Central HCC GTP, LCWIP, stakeholder engagement May 2023</t>
  </si>
  <si>
    <t>St Albans Abbey Station active travel connectivity improvements</t>
  </si>
  <si>
    <t>Walking, cycling facilities including routes, parking and crossing to improve active travel accessibility of St Albans Abbey station.</t>
  </si>
  <si>
    <t>Strategic Rail Freight Interchange access improvements to M25 J21a</t>
  </si>
  <si>
    <t xml:space="preserve">Improvements to M25 Junction 21A linked to the Strategic Rail Freight Interchange. </t>
  </si>
  <si>
    <t>M25 Corridor</t>
  </si>
  <si>
    <t>Hertfordshire County Council and National Highways</t>
  </si>
  <si>
    <t>Highways Access to support development at North St Albans</t>
  </si>
  <si>
    <t xml:space="preserve">Associated access and highway requirements to support development at North St Albans 
A transport network (including walking and cycling links) and public transport services upgrades/improvements, including off-site improvements to Harpenden Road, Sandridgebury Lane, Valley Road, Ancient Briton junction and King William IV junction </t>
  </si>
  <si>
    <t>Walking and Cycling</t>
  </si>
  <si>
    <t>Pedestrian and Cycle Links at North St Albans</t>
  </si>
  <si>
    <t>Provide pedestrian and cycle links with the part of the site that is delivering 150 homes from planning permission 5/2021/0423.</t>
  </si>
  <si>
    <t>Highways Access to support development at North East Harpenden</t>
  </si>
  <si>
    <t>Associated access and highway requirements to support development at North East Harpenden
The transport approach must appropriately address Common Lane, which is mostly a rural route, and must improve access to the Katherine Warrington school.</t>
  </si>
  <si>
    <t>Highways Access to support development at West Redbourn</t>
  </si>
  <si>
    <t>Associated access and highway requirements to support development at West Redbourn.
The transport approach must appropriately address Lybury Lane and Flamsteadbury Lane, which are both rural roads outside of the village.</t>
  </si>
  <si>
    <t>Highways Access to support development at East St Albans</t>
  </si>
  <si>
    <t>Associated access and highway requirements to support development at East St Albans.</t>
  </si>
  <si>
    <t>Highways Access to support development at Glinwell, Hatfield Road</t>
  </si>
  <si>
    <t>Associated access and highway requirements to support development at Glinwell, Hatfield Road.
Suitable access and cycle access/improvements to the A1057 Hatfield Road or mixed pedestrian and cycle use will be required and suitable access and improvements to the Alban Way walking and cycle route will need to be provided.</t>
  </si>
  <si>
    <t>Colney heath</t>
  </si>
  <si>
    <t>Highways Access to support development at West of London Colney</t>
  </si>
  <si>
    <t>Associated access and highway requirements to support development at West of London Colney.</t>
  </si>
  <si>
    <t>Highways Access to support development at North West Harpenden</t>
  </si>
  <si>
    <t>Associated access and highway requirements to support development at North West Harpenden</t>
  </si>
  <si>
    <t>Highways Access to support development at Harper Lane, North of Radlett</t>
  </si>
  <si>
    <t>Associated access and highway requirements to support development at Harper Lane, North of Radlett</t>
  </si>
  <si>
    <t>Luton Road (A1081)</t>
  </si>
  <si>
    <t>Luton Road (A1081) - LCWIP Scheme 1 - A1081 - LCWIP segments (includes links to North West Harpenden (NWH) and North St Albans (NSA)</t>
  </si>
  <si>
    <t>Harpenden Rural</t>
  </si>
  <si>
    <t>Harpenden High Street (A1081)</t>
  </si>
  <si>
    <t>Harpenden High Street (A1081) - LCWIP Scheme 1 - A1081 - LCWIP segments (includes links to North West Harpenden (NWH) and North St Albans (NSA)</t>
  </si>
  <si>
    <t>St. Albans - Harpenden Link (A1081)</t>
  </si>
  <si>
    <t>St. Albans - Harpenden Link (A1081) - LCWIP Scheme 1 - A1081 - LCWIP segments (includes links to North West Harpenden (NWH) and North St Albans (NSA)</t>
  </si>
  <si>
    <t>A1081</t>
  </si>
  <si>
    <t>St. Peters Street (A1081)</t>
  </si>
  <si>
    <t>St. Peters Street (A1081) - LCWIP Scheme 1 - A1081 - LCWIP segments (includes links to North West Harpenden (NWH) and North St Albans (NSA)</t>
  </si>
  <si>
    <t>London Road (A1081)</t>
  </si>
  <si>
    <t>London Road (A1081) - LCWIP Scheme 1 - A1081 - LCWIP segments (includes links to North West Harpenden (NWH) and North St Albans (NSA)</t>
  </si>
  <si>
    <t>Greyed out area - (Hatfield Road - Griffiths Way)</t>
  </si>
  <si>
    <t xml:space="preserve">LCWIP Greyed area – (A1081 &amp; A5183 section from Hatfield Road to Griffiths Way, e.g. traffic calming) </t>
  </si>
  <si>
    <t>Coldharbour Lane</t>
  </si>
  <si>
    <t>Coldharbour Lane - LCWIP Scheme 3 - Link to North East Harpenden (NEH)</t>
  </si>
  <si>
    <t>Station Road</t>
  </si>
  <si>
    <t>Station Road - LCWIP Scheme 3 - Link to North East Harpenden (NEH)</t>
  </si>
  <si>
    <t>Westfield Road</t>
  </si>
  <si>
    <t>Westfield Road - LCWIP Scheme 3 - Link to North East Harpenden (NEH)</t>
  </si>
  <si>
    <t>Alban Way (Ref - SCH GTP: SM 157; PR154; PR155; PR156; PR158)</t>
  </si>
  <si>
    <t>Alban Way (Ref - SCH GTP: SM 157; PR154; PR155; PR156; PR158) - LCWIP Scheme 4 &amp; GTP - Link to East St Albans (ESA)</t>
  </si>
  <si>
    <t>Sandpit Lane</t>
  </si>
  <si>
    <t>Sandpit Lane - LCWIP Scheme 4 &amp; GTP - Link to East St Albans (ESA)</t>
  </si>
  <si>
    <t>Hatfield Road (West)</t>
  </si>
  <si>
    <t>Hatfield Road (West) - LCWIP Scheme 4 &amp; GTP - Link to East St Albans (ESA)</t>
  </si>
  <si>
    <t>Coopers Green Lane</t>
  </si>
  <si>
    <t>Coopers Green Lane - LCWIP Scheme 4 &amp; GTP - Link to East St Albans (ESA)</t>
  </si>
  <si>
    <t>Harpenden Rail Station Link</t>
  </si>
  <si>
    <t>Harpenden Rail Station Link - LCWIP Scheme 5 - Harpenden Station</t>
  </si>
  <si>
    <t>St. Albans Station Links</t>
  </si>
  <si>
    <t>St. Albans Station Links - LCWIP Scheme 6 - St Albans City Station</t>
  </si>
  <si>
    <t>Shenley Lane</t>
  </si>
  <si>
    <t>Shenley Lane - LCWIP Scheme 7 - London Colney</t>
  </si>
  <si>
    <t>London Colney High Street</t>
  </si>
  <si>
    <t>London Colney High Street - LCWIP Scheme 7 - London Colney</t>
  </si>
  <si>
    <t xml:space="preserve">Nickey Line (Redbourn - Harpenden) </t>
  </si>
  <si>
    <t>Nickey Line (Redbourn - Harpenden)  - LCWIP Scheme 8 - Redbourn – Harpenden Link</t>
  </si>
  <si>
    <t>Southdown Road</t>
  </si>
  <si>
    <t>Southdown Road - LCWIP Scheme 9 - Other Harpenden (TBC)</t>
  </si>
  <si>
    <t>Bowers Way &amp; Links</t>
  </si>
  <si>
    <t>Bowers Way &amp; Links - LCWIP Scheme 9 - Other Harpenden (TBC)</t>
  </si>
  <si>
    <t>Manland Way</t>
  </si>
  <si>
    <t>Manland Way - LCWIP Scheme 9 - Other Harpenden (TBC)</t>
  </si>
  <si>
    <t>Sauncey Avenue &amp; Lyndhurst Drive</t>
  </si>
  <si>
    <t>Sauncey Avenue &amp; Lyndhurst Drive - LCWIP Scheme 9 - Other Harpenden (TBC)</t>
  </si>
  <si>
    <t>Common Lane</t>
  </si>
  <si>
    <t>Common Lane - LCWIP Scheme 9 - Other Harpenden (TBC)</t>
  </si>
  <si>
    <t>Carlton Road Ped &amp; Cycle Bridge</t>
  </si>
  <si>
    <t>Carlton Road Ped &amp; Cycle Bridge - LCWIP Scheme 9 - Other Harpenden (TBC)</t>
  </si>
  <si>
    <t xml:space="preserve">Carlton Road </t>
  </si>
  <si>
    <t>Carlton Road  - LCWIP Scheme 9 - Other Harpenden (TBC)</t>
  </si>
  <si>
    <t>Sun Lane</t>
  </si>
  <si>
    <t>Sun Lane - LCWIP Scheme 9 - Other Harpenden (TBC)</t>
  </si>
  <si>
    <t xml:space="preserve">Aldwickbury Crescent </t>
  </si>
  <si>
    <t>Aldwickbury Crescent  - LCWIP Scheme 9 - Other Harpenden (TBC)</t>
  </si>
  <si>
    <t>Griffiths Way &amp; Doggets Lane</t>
  </si>
  <si>
    <t>Griffiths Way &amp; Doggets Lane - LCWIP Scheme 10 &amp; GTP - St Albans Green Ring &amp; Spokes</t>
  </si>
  <si>
    <t>Ladies Grove</t>
  </si>
  <si>
    <t>Ladies Grove - LCWIP Scheme 10 &amp; GTP - St Albans Green Ring &amp; Spokes</t>
  </si>
  <si>
    <t xml:space="preserve">Batchwood Drive </t>
  </si>
  <si>
    <t>Batchwood Drive  - LCWIP Scheme 10 &amp; GTP - St Albans Green Ring &amp; Spokes</t>
  </si>
  <si>
    <t xml:space="preserve">Verulam Road &amp; Links </t>
  </si>
  <si>
    <t>Verulam Road &amp; Links  - LCWIP Scheme 10 &amp; GTP - St Albans Green Ring &amp; Spokes</t>
  </si>
  <si>
    <t xml:space="preserve">Clarence Road &amp; Links </t>
  </si>
  <si>
    <t>Clarence Road &amp; Links  - LCWIP Scheme 10 &amp; GTP - St Albans Green Ring &amp; Spokes</t>
  </si>
  <si>
    <t>Beech Road</t>
  </si>
  <si>
    <t>Beech Road - LCWIP Scheme 10 &amp; GTP - St Albans Green Ring &amp; Spokes</t>
  </si>
  <si>
    <t>Marshal’s Drive</t>
  </si>
  <si>
    <t>Marshal’s Drive - LCWIP Scheme 10 &amp; GTP - St Albans Green Ring &amp; Spokes</t>
  </si>
  <si>
    <t>Alban Way (Ref - SCH GTP: SM 157; PR154; PR155; PR156; PR158) - LCWIP Scheme 10 &amp; GTP - St Albans Green Ring &amp; Spokes</t>
  </si>
  <si>
    <t>Alban Way</t>
  </si>
  <si>
    <t>A414  cycling - SC GTP - SM 181 (London Colney - Hatfield)</t>
  </si>
  <si>
    <t>A414  cycling - SC GTP - SM 181 (London Colney - Hatfield) - LCWIP Scheme 11 &amp; GTP - Strategic Rail freight Interchange &amp; A414</t>
  </si>
  <si>
    <t>A414 cycling - SC GTP - SM207 (Park Street - London Colney)</t>
  </si>
  <si>
    <t>A414 cycling - SC GTP - SM207 (Park Street - London Colney) - LCWIP Scheme 11 &amp; GTP - Strategic Rail freight Interchange &amp; A414</t>
  </si>
  <si>
    <t>Assume DBC 'South of London Road' is the same as '339-353 London Road'</t>
  </si>
  <si>
    <t>No, this is not a HGC site - remove</t>
  </si>
  <si>
    <t>What is 'rest of borough' 
Seems to be minor sites throughout the borough, which for some reason havent been captured within the settlements
These are included within both HGC and non-HGC schemes for now</t>
  </si>
  <si>
    <t xml:space="preserve">remove </t>
  </si>
  <si>
    <t>REMOVE</t>
  </si>
  <si>
    <t>B4</t>
  </si>
  <si>
    <t xml:space="preserve">Nickey Line route extension to Harpenden train station </t>
  </si>
  <si>
    <t>Extend the Nickey Line route from where it currently ends in Harpenden to Harpenden train station, (including improving 2 crossings).</t>
  </si>
  <si>
    <t>100% 
move to SADC idp?</t>
  </si>
  <si>
    <t>REMOVE covered already - various items</t>
  </si>
  <si>
    <t>A2</t>
  </si>
  <si>
    <t>Health and Wellbeing</t>
  </si>
  <si>
    <t>Wayfinding</t>
  </si>
  <si>
    <t>Project to implement wayfinding and signage in the exising neighbourhoods, relevant routes like the NL and Green Loop, and new neighbourhoods. Consistency in visual language will be important to deliver "one Hemel".</t>
  </si>
  <si>
    <t>A18</t>
  </si>
  <si>
    <t>Hemel Green Loop</t>
  </si>
  <si>
    <t>Creating a new town-wide Hemel Green Loop to provide a greenway connecting destinations around the existing New Town with the New Garden Communities.  Route to include a shared used path for pedestrians and cyclists with wayfinding signage, seating and lighting as appropriate.  Initial phases/sections include creation of a new quietway for cycling and walking along Buncefield Lane and surfacing upgrades of the Grand Union Canal towpath between Hemel Hempstead and Kings Langley. Undertake feasibility/phasing study &amp; stakeholder engagement for remaining route sections. (QS)</t>
  </si>
  <si>
    <t>A19</t>
  </si>
  <si>
    <t xml:space="preserve">Green connections </t>
  </si>
  <si>
    <t>St Albans Link</t>
  </si>
  <si>
    <t>Creating a new greenway linking St Albans with the existing New Town and the New Garden Communities.  The St Albans Link would follow the A4147 corridor connecting the Hemel Green Loop to the Hertfordshire Way at St Albans.  Route to include a shared used path for pedestrians and cyclists with wayfinding signage, seating and lighting as appropriate. (QS)</t>
  </si>
  <si>
    <t>Garden Town Programme
Developer contributions</t>
  </si>
  <si>
    <t>West of London Colney scheme?</t>
  </si>
  <si>
    <t>To discuss: how many schools total? This one comes from HCC Cost Updates</t>
  </si>
  <si>
    <t>HCC3</t>
  </si>
  <si>
    <t>HCC Cost Updates</t>
  </si>
  <si>
    <r>
      <t xml:space="preserve">New Secondary School Provision at North Hemel Hempstead - </t>
    </r>
    <r>
      <rPr>
        <sz val="11"/>
        <color theme="4"/>
        <rFont val="Arial"/>
        <family val="2"/>
      </rPr>
      <t>SS1</t>
    </r>
  </si>
  <si>
    <r>
      <t xml:space="preserve">Construction of </t>
    </r>
    <r>
      <rPr>
        <sz val="11"/>
        <color theme="4"/>
        <rFont val="Arial"/>
        <family val="2"/>
      </rPr>
      <t>1</t>
    </r>
    <r>
      <rPr>
        <sz val="11"/>
        <color theme="1"/>
        <rFont val="Arial"/>
        <family val="2"/>
      </rPr>
      <t xml:space="preserve"> x 8FE Secondary Schools to serve the new community (one of these schools must be within the first phase) - SS1</t>
    </r>
  </si>
  <si>
    <t>Indexation: BCIS 1Q2024</t>
  </si>
  <si>
    <t>DISCUSS 06/02 - Major site has been listed as N/A</t>
  </si>
  <si>
    <t>Transformational</t>
  </si>
  <si>
    <t>Developer / National Highways</t>
  </si>
  <si>
    <t>Hertfordshire County Council / National Highways</t>
  </si>
  <si>
    <t>S38 / S278</t>
  </si>
  <si>
    <t>HCC / SADC Local Cycling and Walking Infrastructure Plan (LCWIP) (2023)</t>
  </si>
  <si>
    <t>Risk - in DBC IDP, East Hemel schemes havent been split by east hemel south/ east hemel north</t>
  </si>
  <si>
    <t>East Hemel Hempstead (H2, H4)</t>
  </si>
  <si>
    <t xml:space="preserve">Growth Area  </t>
  </si>
  <si>
    <t>RIS3 / S106</t>
  </si>
  <si>
    <t>Removed schewme following HGC commment</t>
  </si>
  <si>
    <t>Programme Area</t>
  </si>
  <si>
    <t>S38 / S278 / S106 / CIL / External Funding</t>
  </si>
  <si>
    <t>Aecom Hemel Hempstead Transport Study (2024)</t>
  </si>
  <si>
    <t>Integrated Mobility hub at East Hemel Hempstead (South)</t>
  </si>
  <si>
    <t>Central Govt Funding Pot / S106</t>
  </si>
  <si>
    <t>South West Hertfordshire Growth and Transport Plan (2019), verified through stakeholder engagement with HCC in May 2023 for the SADC IDP</t>
  </si>
  <si>
    <t>O - Duplicate with SADC 134</t>
  </si>
  <si>
    <t xml:space="preserve">come back to this - should this be delivered by developer or HE? </t>
  </si>
  <si>
    <t>East Hemel Hempstead (H2, H4); North Hemel Hempstead (H1)</t>
  </si>
  <si>
    <t>Growth Area / Transformational</t>
  </si>
  <si>
    <t>P - Duplicate for DBC 707</t>
  </si>
  <si>
    <t>ACTION 27/02 - RF suggests this isn't mitigation. Queried requirement for scheme.</t>
  </si>
  <si>
    <t>Hemel Hempstead Station Gateway (Hm08); National Grid and 339-353 London Road (Hm09); Symbio Site, Whiteleaf Road (Hm07)</t>
  </si>
  <si>
    <t xml:space="preserve">S38 / S278 / S106 </t>
  </si>
  <si>
    <t>Aecom Hemel Hempstead Transport Study (2024), Verified through engagement with HCC in February 2025</t>
  </si>
  <si>
    <t>DISCUSS 06/02 - How does this compare to B2?</t>
  </si>
  <si>
    <t>Possible duplicate- and in Dacorum LCWIP, so could be superseded</t>
  </si>
  <si>
    <t>Likey to be superseded by DBC LCWIP - to be removed once pulled across</t>
  </si>
  <si>
    <t>DISCUSS 06/02 - How does this compare to B1?</t>
  </si>
  <si>
    <t>Hemel Hempstead Hospital (Hm03); Market Square (Hm05)</t>
  </si>
  <si>
    <t>Amended site name to 'Civic Zone Marlowes'</t>
  </si>
  <si>
    <t>Amended site name to 'National Grid and 339-353 London Road'</t>
  </si>
  <si>
    <t xml:space="preserve">Apsley Mills Retail Park (Hm10) </t>
  </si>
  <si>
    <t>Amended site name to 'Plots 2/3 Kier Park, Maylands Avenue'</t>
  </si>
  <si>
    <t>We need to do a review of DBC windfall</t>
  </si>
  <si>
    <t>07/04 - Amended project name and description. Amended delivery phasing for most in line with housing trajectory.</t>
  </si>
  <si>
    <t xml:space="preserve">Contribution to CCTV provision at 3 local centres (total of 6 new for Hemel Hempstead 3 of which are delivered onsite at North Hemel, Shendish Manor &amp; Fairfields and Polehanger Lane), as per the Communtiy Facilities Strategy </t>
  </si>
  <si>
    <t xml:space="preserve">Contribution to CCTV provision at 3 local centres (total for Hemel Hempstead) refer to the Community Facilities Strategy </t>
  </si>
  <si>
    <t>For the purposes of the IDP the Hospital and Market Square sites are considered together</t>
  </si>
  <si>
    <t>2026-2028/2030-2031</t>
  </si>
  <si>
    <t>M - Possible duplicate with SADC 137, 139, 141, 142. Because this is Sustainable transport corridor.</t>
  </si>
  <si>
    <t>Growth Area</t>
  </si>
  <si>
    <t>S106 / S38 / S278</t>
  </si>
  <si>
    <t>North Hemel Hempstead (Hm01) but need to check for Marchmont Farm (Hm14)</t>
  </si>
  <si>
    <t>Verified through engagement with HCC in February 2025</t>
  </si>
  <si>
    <t>Major site has been listed as N/A</t>
  </si>
  <si>
    <t>Flood Defence</t>
  </si>
  <si>
    <t>Major site has been listed as N/A - do we want to link to all HH sites?</t>
  </si>
  <si>
    <t>F - Duplicate for DBC 53</t>
  </si>
  <si>
    <t>Dan, please confirm accurate costs, and the sites that should contribute etc.</t>
  </si>
  <si>
    <t>One new 3FE and one new 2FE primary schools, including Early Years provision, to serve the new community
Land size per 2FE = 2.03ha and size per 3FE = 2.92ha (taken from the HCC DCG 2021)</t>
  </si>
  <si>
    <t>Developer/ Hertfordshire County Council</t>
  </si>
  <si>
    <t>Risk - in DBC IDP, East Hemel schemes haven't been split by east Hemel south/ east Hemel north</t>
  </si>
  <si>
    <t>ACTION 27/02 - wider schemes to contribute</t>
  </si>
  <si>
    <t>potentially needs contributions from other sites</t>
  </si>
  <si>
    <t>Sports England calculator</t>
  </si>
  <si>
    <t>All LP Sites - Aecom reviewing</t>
  </si>
  <si>
    <t>Developer / Hertfordshire County Council / Bus Operator</t>
  </si>
  <si>
    <t>All sites in programme area</t>
  </si>
  <si>
    <t>Developer/Hertfordshire County Council / National Highways</t>
  </si>
  <si>
    <t>has already been actioned - possibly need to remove</t>
  </si>
  <si>
    <t>West Hemel</t>
  </si>
  <si>
    <t>ACTION 27/02 - rationale for linking to some of these sites - e.g. national grid/symbio site is quite far from Kent's Avenue/London Road and the retail park site - large distance, how have they been linked. RF flagged that where listed as 278, could this be justified? NB suggests some might be more relevant to Shendish / Apsley rather than National Grid/Symbio. For whole list, ones in Apsley need to be linked to Apsley, and those in Two Waters need to be linked to Two Waters.</t>
  </si>
  <si>
    <t>National Grid and 339-353 London Road (Hm09); Symbio Site, Whiteleaf Road (Hm07); Apsley Mills Retail Park (Hm10)</t>
  </si>
  <si>
    <t>East Hemel Hempstead (H2, H4); Site to the south of Green Lane (Hm16)</t>
  </si>
  <si>
    <t>Developer / Hertfordshire County Council</t>
  </si>
  <si>
    <t>ACTION 27/02 - if associated with these sites, then to be delivered by them. check with AECOM</t>
  </si>
  <si>
    <t>Riverside (Hm06); Symbio Site, Whiteleaf Road (Hm07); Paradise (Hm04); Hemel Hempstead Hospital (Hm03)</t>
  </si>
  <si>
    <t xml:space="preserve">Under Hemel Hempstead as location, there are a few 'all LP sites' would suggest these need splitting out to accurately apportion them if necessary. 
SJ recommended to split into multiple routes. </t>
  </si>
  <si>
    <t>V - Consider with DBC 825-6 and SADC 133-4 aka other Nickey Line components. This scheme is also like a wishlist with limited information on funding and sources</t>
  </si>
  <si>
    <t>Review - Nickey Line</t>
  </si>
  <si>
    <r>
      <t xml:space="preserve">Considering:
a.	Resting elements such as benches
c.	Cycle stops 
d.	Historic restoration opportunities
</t>
    </r>
    <r>
      <rPr>
        <strike/>
        <sz val="11"/>
        <rFont val="Arial"/>
        <family val="2"/>
      </rPr>
      <t xml:space="preserve">e.	Resurfacing (from Redbourn Road to Harpenden only) - 9.5km
</t>
    </r>
    <r>
      <rPr>
        <sz val="11"/>
        <rFont val="Arial"/>
        <family val="2"/>
      </rPr>
      <t>f.	Access points improvements
g.	Tunnel and underpass improvements
DBC / SADC Split: equal split just because it's hard to divide</t>
    </r>
  </si>
  <si>
    <t>Grovehill Local Centre (Henry Wells Square) (Grovehill NDP)</t>
  </si>
  <si>
    <t>Provision of new facilities in the Hemel Area. Refer to Local Football Facilities Plan and Leisure Strategy</t>
  </si>
  <si>
    <t>To discuss: how does this relate to HH Windfall? This item apportions across the major site windfalls (except Kings Langley), giving ~74k to HH Windfall. Not sure about relationship to DBC 530, Hemel Hempstead Windfall, with a value of £724,246. Please note the former is 10.23% of the latter</t>
  </si>
  <si>
    <t>To discuss: how does this relate to HH Windfall? This item apportions across the major site windfalls (except Kings Langley), giving ~194k to HH Windfall. Not sure about relationship to DBC 531, Hemel Hempstead Windfall, with a value of £1,901,146. Please note the former is 10.23% of the latter</t>
  </si>
  <si>
    <t>To discuss: how does this relate to HH Windfall? This item apportions across the major site windfalls (except Kings Langley), giving ~271k to HH Windfall. Not sure about relationship to DBC 532, Hemel Hempstead Windfall, with a value of £2,655,570. Please note the former is 10.23% of the latter</t>
  </si>
  <si>
    <t>To discuss: how does this relate to HH Windfall? This item apportions across the major site windfalls (except Kings Langley), giving ~43k to HH Windfall. Not sure about relationship to DBC 537, Hemel Hempstead Windfall, with a value of £424,363. Please note the former is 10.23% of the latter</t>
  </si>
  <si>
    <t>15/04 - Shalini, please could we discuss rationale for the report?</t>
  </si>
  <si>
    <t>1 MUGA. Delivered by site developers including contribution from National Grid and 339 - 353 London Road</t>
  </si>
  <si>
    <t xml:space="preserve">Old Town (Hm15) </t>
  </si>
  <si>
    <t>SEND Provision in Mainstream Education</t>
  </si>
  <si>
    <t>SEND provision can be provided on or off-site. If provided on-site, it will need to be included as part of the mainstream provision.</t>
  </si>
  <si>
    <t>Index Linked to BCIS 1Q2024</t>
  </si>
  <si>
    <t>HCC response - April 2025</t>
  </si>
  <si>
    <t xml:space="preserve">Q for CM: does delivery period need to be updated to match housing trajectory if there are no sites identified? Don't want to make the years more vague if Affinity supplied these. </t>
  </si>
  <si>
    <t xml:space="preserve">No cost provided by Affinity Water, but they will cover the full cost of provision. </t>
  </si>
  <si>
    <t>Draft Final Water Resource Management Plan 2020-2080 (2019), verified through stakeholder engagement for the SADC IDP in May 2023.</t>
  </si>
  <si>
    <t>Upgrade to Maple Lodge Sewage Treatment Works</t>
  </si>
  <si>
    <t xml:space="preserve">Upgrades to Maple Lodge Sewage Treatment Works to increase capacity. </t>
  </si>
  <si>
    <t xml:space="preserve">No cost provided by Thames Water, but they will cover the full cost of provision. </t>
  </si>
  <si>
    <t>Thames Water Hertfordshire Drainage and Wastewater Management Plan (2023), verified through stakeholder engagement for the SADC IDP in May 2023.</t>
  </si>
  <si>
    <t>Upgrade to Harpenden Sewage Treatment Works</t>
  </si>
  <si>
    <t>Refurbishment of Blackbird Sewage Treatment Works</t>
  </si>
  <si>
    <t>Proposals to restore Blackbirds Sewage Treatment Works back to its original design capacity. This is expected to reduce the capacity risks at Maple Lodge Sewage Treatment Works to mitigate the forecast growth problems. This project has the additional benefit of assisting Affinity Water in achieving their ambitions to reduce groundwater abstractions as outlined in their dWRMP, as the proposal has the potential to provide an additional 10Ml/d discharge upstream of Affinity abstractions on the river Colne. Yet to be confirmed by Thames Water.</t>
  </si>
  <si>
    <t>The original description for this in DBC IDP is to support development at West of London Colney; the description seems to have been updated but to match DBC29. Need to discuss whether this can be deleted.</t>
  </si>
  <si>
    <t>Healthcare Infrastructure investment to support development at Marchmont Farm (Hm14)</t>
  </si>
  <si>
    <t>The HWE ICB has approved Grovehill Medical Practice’s Project Initiation Document (PID) for the relocation within the close proximity of their existing site. This scheme is expected to cater for the practice’s current patient population as well as some moderate growth. The HWE ICB will seek a financial contribution from Marchmont Farm and windfall sites impacting on Grovehill Surgery.</t>
  </si>
  <si>
    <t>Hertfordshire and West Essex Integrated Care Board</t>
  </si>
  <si>
    <t>The HWE ICB calculates the General Medical Services cost of the additional infrastructure needed to deliver planned new homes using the following formula (based on a 1,000 dwelling development).
1,000 dwellings x 2.4 (commonly accepted occupancy factor) = 2,400 new patients
2,400/ 2,000 = 1.2 GP (based on ratio of 2,000 patients per GP and 199m2 as set out in the NHS England “Premises Principles of Best Practice Part 1 Procurement &amp; Development”)
1.2 x 199m2 = 238.8 m2 additional space required
238.8 x £7,000* (build costs including land, fit out and fees) = £1,671,600
£1,671,600 / 1,000 = £1,671.60 ~ £1,672 per dwelling (rounded up)
*Last updated 1 July 2024, subject to change in line with market movements</t>
  </si>
  <si>
    <t>HWE ICB and NHS System Partner Regulation 19 Response to the Dacorum Local Plan</t>
  </si>
  <si>
    <t xml:space="preserve">Need to discuss cost as it's formatted in a weird way. SADC29, 30 and 31 are all related to the same item. </t>
  </si>
  <si>
    <t>Healthcare Infrastructure investment to support development at East Hemel Hempstead (North) (H2)</t>
  </si>
  <si>
    <t xml:space="preserve">On-site Healthcare Provision (i.e. primary and community and mental healthcare provision) required to support development at North Hemel Hempstead (H1), East Hemel Hempstead (North) (H2) and East Hemel Hempstead (South) (H4) growth locations. Please note: only one new medical facility is needed for these strategic sites. Estimated floorspace - 1,313 m2 NIA. </t>
  </si>
  <si>
    <t xml:space="preserve">Off-site*: Only if there are significant delays in bringing forward East Hemel Hempstead (North) (H2) and North of Hemel Hempstead (H1) comes forward first.  In this scenario, where the new medical facility is delivered on Hemel Hempstead North, a developer contribution will be sought. </t>
  </si>
  <si>
    <t>HWE ICB and NHS System Partner Regulation 19 Response to the St Albans Local Plan</t>
  </si>
  <si>
    <t>Healthcare Infrastructure investment to support development at East Hemel Hempstead (South) (H4)</t>
  </si>
  <si>
    <t xml:space="preserve">The HWE ICB will seek a financial contribution from East Hemel Hempstead (South) (H4) to support the on-site delivery at East Hemel Hempstead (North) (H2) growth location. </t>
  </si>
  <si>
    <t xml:space="preserve">Off-site*: H4 will contribute to a new medical facility delivered on either East Hemel Hempstead (North) or at Hemel Hempstead North. </t>
  </si>
  <si>
    <t>15/04 - Shalini, is this right? Each site is delivering 1 LEAP, no matter number of dwellings?</t>
  </si>
  <si>
    <t>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t>
  </si>
  <si>
    <t>The Dacorum Borough Council Open Space, Sport and Leisure Background Topic Paper (2020) sets out the requirement for the provision of 1 LEAP for every development over 70 dwellings.</t>
  </si>
  <si>
    <t>Dacorum Borough Council Open Space, Sport and Leisure Background Topic Paper (2020)</t>
  </si>
  <si>
    <t>14/05 - As discussed with Shalini and Claire C - happy to leave this in, but this is not a proportionate approach, risking push back from developers. Where the topic paper says 1 MUGA per 200 homes etc, you would imagine this would be aggregated up?</t>
  </si>
  <si>
    <t xml:space="preserve">Contribution towards on-site/off-site MUGA </t>
  </si>
  <si>
    <t>The Dacorum Borough Council Open Space, Sport and Leisure Background Topic Paper (2020) sets out a cost per MUGA of £140,000. A 31.8% uplift has been applied to the Q1 2020 base cost, to achieve a cost for Q3 2024. It is assumed the cost will be uplifted again at the time of planning application determination in line with the BCIS index.</t>
  </si>
  <si>
    <t>The Dacorum Borough Council Open Space, Sport and Leisure Background Topic Paper (2020) sets out the requirement for the provision of 1 MUGA for every development over 200 dwellings.</t>
  </si>
  <si>
    <t>Strategic and local green infrastructure investment to support development at North Hemel Hempstead (H1)</t>
  </si>
  <si>
    <t>Hemel Garden Communities</t>
  </si>
  <si>
    <t>2029-2050</t>
  </si>
  <si>
    <t>A - Per dwelling</t>
  </si>
  <si>
    <t>Strategic and local green infrastructure investment to support development at East Hemel Hempstead (North) (H2)</t>
  </si>
  <si>
    <t>2028-2050</t>
  </si>
  <si>
    <t>Strategic and local green infrastructure investment to support development at East Hemel Hempstead (South) (H4)</t>
  </si>
  <si>
    <t>Flagging that there is a mismatch here between major sites and what's actualy tagged in the apportionment section</t>
  </si>
  <si>
    <t>Hertfordshire Rights of Way Improvement Plan (RoWIP) - includes a local scale Rights of Way Improvement Plan for SACDC, outlining suggestions for future specific enhancements to the existing rights of way network, with schemes located at growth locations.</t>
  </si>
  <si>
    <t>St Albans City and District Council / Hertfordshire County Council</t>
  </si>
  <si>
    <t>SACDC Green Infrastructure Plan and stakeholder engagement with HCC &amp; SADC in May 2023</t>
  </si>
  <si>
    <t>Healthcare Infrastructure investment to support development at Apsley Mills Retail Park (Hm10)</t>
  </si>
  <si>
    <t>The HWE ICB has identified the need to reserve an option for a new medical facility at Apsley Mills Retail Park (Hm14) (i.e. primary and community and mental healthcare provision). Without an additional health facility, such a large number of new homes will have a significant impact on local GP practices, especially Lincoln House and Bennetts End surgeries. Estimated floorspace TBC.</t>
  </si>
  <si>
    <t>The HWE ICB calculates the General Medical Services cost of the additional infrastructure needed to deliver planned new homes using the following formula (based on a 1,000 dwelling development).
1,000 dwellings x 2.4 (commonly accepted occupancy factor) = 2,400 new patients
2,400/ 2,000 = 1.2 GP (based on ratio of 2,000 patients per GP and 199m2 as set out in the NHS England “Premises Principles of Best Practice Part 1 Procurement &amp; Development”)
1.2 x 199m2 = 238.8 m2 additional space required
238.8 x £7,000* (build costs including land, fit out and fees) = £1,671,600
£1,671,600 / 1,000 = £1,671.60 ~ £1,672 per dwelling (rounded up)
- Last updated 1 July 2024, subject to change in line with market movements
Costs include cost of land, VAT, surveys, planning and professional fees. Costs for contingencies are not included and will need to be applied, together with indexation. The NHS specifies that indexation is to be applied on health infrastructure costs at the point of planning permission being granted. The source of this cost data is not based on a standard model but derives from professional commercial advice procured by the HWE ICB.</t>
  </si>
  <si>
    <t xml:space="preserve">HWE ICB and NHS System Partner Regulation 19 Response to the DBC Local Plan, verified through engagement with HWE ICB March 2025. </t>
  </si>
  <si>
    <t>A6</t>
  </si>
  <si>
    <t>Adding community planters to adventure playgrounds</t>
  </si>
  <si>
    <t>Opportunity to incorporate food growing space/mud kitchen to adventure playgrounds.</t>
  </si>
  <si>
    <t>A7</t>
  </si>
  <si>
    <t>Amphitheatre</t>
  </si>
  <si>
    <t>Project for a space for open air events/activities like an amphitheatre kind of space that also provides informal seating opportunity.</t>
  </si>
  <si>
    <t>this has likely come from dacorum sports network engagement- health and wellbeing strategy - if not growth related then who funds?</t>
  </si>
  <si>
    <t>A5</t>
  </si>
  <si>
    <t>Baseball courts</t>
  </si>
  <si>
    <t>2 new baseball courts.</t>
  </si>
  <si>
    <t>double check - could be removed? But community food growing/gardens</t>
  </si>
  <si>
    <t>A9</t>
  </si>
  <si>
    <t>Community gardens and allotments</t>
  </si>
  <si>
    <t>Provide a network of community growing spaces, with community gardens, allotments and orchards in the growth area and enhance access to existing. A study could help identify the specific needs in the area and investigate different models for community food growing for these to be accessible and welcoming for new starters (such as offering workshops).</t>
  </si>
  <si>
    <t>GI strat</t>
  </si>
  <si>
    <t>A21</t>
  </si>
  <si>
    <t>Community Renewable Energy Projects</t>
  </si>
  <si>
    <t>Developing community renewable energy generation projects for biofuels, solar energy, wind energy, low carbon energy schemes and hydro energy in and around the New Town and new Garden Communities.</t>
  </si>
  <si>
    <t>A11</t>
  </si>
  <si>
    <t>Cycloland</t>
  </si>
  <si>
    <t>Project to implement a bike learning route/junior roadway to give children the opportunity to learn to ride in a safe environment and build road safety awareness at an early age.</t>
  </si>
  <si>
    <t>remove scheme - do we need to revise wording - diverse, different types of ages etc</t>
  </si>
  <si>
    <t>A4</t>
  </si>
  <si>
    <t>Diverse play facilities</t>
  </si>
  <si>
    <t>In addition to the play facilities covered by FP, diverse play facilities.</t>
  </si>
  <si>
    <t>A10</t>
  </si>
  <si>
    <t>Edible trails</t>
  </si>
  <si>
    <t>A programme to develop projects to enrich the public realm with trails of edible fruit trees, plants, and flowers, providing edible landscapes and foraging food trails. These landscapes could be planned along important school routes for possibilities of “food on the way” to school, and strategic routes such as the Green Loop and the Nickey Line. Could be combined with play on the way elements as well to become Productive and playful trails.</t>
  </si>
  <si>
    <t>check existing GUC schemes, GI Strat</t>
  </si>
  <si>
    <t>B19</t>
  </si>
  <si>
    <t xml:space="preserve">Parks and open spaces </t>
  </si>
  <si>
    <t>Green Gems (Grand Union Canal)</t>
  </si>
  <si>
    <t>Sustaining Hemel’s existing destination parks and green spaces by supporting delivery of ongoing improvement and regeneration schemes for the Grand Union Canal.</t>
  </si>
  <si>
    <t>B14</t>
  </si>
  <si>
    <t>Greening Enterprise Places 2</t>
  </si>
  <si>
    <t>Greening of buildings and the public realm within the expanded Maylands Business Park (Herts IQ). (QS)</t>
  </si>
  <si>
    <t>B11</t>
  </si>
  <si>
    <t>Greening health facilities</t>
  </si>
  <si>
    <t>Project to green public space next to existing health facilities.</t>
  </si>
  <si>
    <t>B20</t>
  </si>
  <si>
    <t>Greening Local Centres</t>
  </si>
  <si>
    <t xml:space="preserve">Greening of buildings and the public realm in local centres within the New Town’s neighbourhoods informed by local community/user engagement.   </t>
  </si>
  <si>
    <t>A8</t>
  </si>
  <si>
    <t>Heritage Trails</t>
  </si>
  <si>
    <t>Programme to deliver trails and promoted routes between key historic and heritage assets, linking the town to the wider countryside within Dacorum Borough and St Albans District, to raise public awareness and engagement with the area’s historic assets. Interpretation of heritage trails to consider use of smart phone apps, physical maps, QR codes marked on the floor, and other innovative methods. 
In the growth area, make sure to protect and incorporate important or unusual landscape features, historic buildings and references to local history, geography and landmarks into the design.</t>
  </si>
  <si>
    <t>In line with Natural England’s recommended Urban Nature Recovery Standards, consideration will be given to setting a target for the provision of 1 hectare of Local Nature Reserve per 1,000 population across the HGC Green Network as a whole. 
Is this a commitment? fully developer funded? Where has cost come from? doc says Garden Town Programme and Grant funding but are these committed? what is proportion?
https://www.stalbans.gov.uk/sites/default/files/attachments/Planning%20Policy/R19/HGC_Green%20Infrastructure%20Strategy-Final%20Draft-2024-09-13-LR.pdf</t>
  </si>
  <si>
    <t>A20</t>
  </si>
  <si>
    <t>Nature on the Doorstep</t>
  </si>
  <si>
    <t>Making space for urban nature recovery by creating new Local Nature Reserves and designating new Local Wildlife Sites within the New Garden Communities and the existing New Town.</t>
  </si>
  <si>
    <t>All programme area sites</t>
  </si>
  <si>
    <t>Developer / Dacorum Borough Council / St Albans City &amp; District Council</t>
  </si>
  <si>
    <t>Dacorum Borough Council / St Albans City &amp; District Council</t>
  </si>
  <si>
    <t>2025 - 2050</t>
  </si>
  <si>
    <t>A17</t>
  </si>
  <si>
    <t>New Green Local Centres</t>
  </si>
  <si>
    <t xml:space="preserve">Embedding greenery into local centres as an integral part of the site masterplanning and public realm design/layout for Hemel’s new neighbourhoods </t>
  </si>
  <si>
    <t>A16</t>
  </si>
  <si>
    <t>New Green Streets</t>
  </si>
  <si>
    <t>Creating climate resilient streets as an integral part of the site masterplanning and public realm design/layout for Hemel’s new neighbourhoods.</t>
  </si>
  <si>
    <t>health and wellbeing projects</t>
  </si>
  <si>
    <t>A14</t>
  </si>
  <si>
    <t>Outdoor gym</t>
  </si>
  <si>
    <t>Explore if the existing town needs an additional outdoor gym, and if growth area should incorporate an outdoor gym (next to running route).</t>
  </si>
  <si>
    <t>A13</t>
  </si>
  <si>
    <t xml:space="preserve">Play on the way </t>
  </si>
  <si>
    <t>Deliver "play on the way" routes with low impact interventions at relatively frequent intervals to promote informal opportunities for play with playable and interactive landscape with changes in topography such as hills to run up and down, sculptures, mazes,  sensory plants, public art, climbable trees, etc
- for people of all ages and abilities
- along green routes connecting the town's green, play, and leisure spaces with local centres, residential areas, and schools.</t>
  </si>
  <si>
    <t>A3</t>
  </si>
  <si>
    <t xml:space="preserve">Public art </t>
  </si>
  <si>
    <t>Enriching the public realm experiences with public art and art trails. 
Art trail project through existing and new neighbourhoods. Could be delivered with distributing maps, QR codes on floor, Google maps.</t>
  </si>
  <si>
    <t>This does not appear to be a developed scheme, therefore recommended for removal.</t>
  </si>
  <si>
    <t>A1</t>
  </si>
  <si>
    <t>Reconfiguration of two farmsteads</t>
  </si>
  <si>
    <t>As an important element of identity with the area, there is a big opportunity in preserving the farmsteads and reconfiguring them to facilities and uses that play a key part in HGC's Spatial Vision. Could be reconfigured to accommodate activities linked to food and healthy choices (e.g. communal spaces for cooking and eating, communal food production space with shop, ...), and act as food growing anchors.
Could also be reconfigured as small scale workspaces or garden centres.</t>
  </si>
  <si>
    <t>A15</t>
  </si>
  <si>
    <t>Running routes</t>
  </si>
  <si>
    <t>Project to provide jogging/running routes of varying lengths to suit different levels of activity. These can include regular exercise stations such as trim trail equipment and be right next to an outdoor gym.</t>
  </si>
  <si>
    <t>A12</t>
  </si>
  <si>
    <t xml:space="preserve">Sensory garden </t>
  </si>
  <si>
    <t>Sensory garden project next to health hub, and part of "play on the way" route.</t>
  </si>
  <si>
    <t>B10</t>
  </si>
  <si>
    <t>Supporting infrastructure</t>
  </si>
  <si>
    <t xml:space="preserve">Supporting infrastructure such as toilets and cafes, covered areas for public space, play, and sports areas.  </t>
  </si>
  <si>
    <t>these schemes seem more developed, could be included?</t>
  </si>
  <si>
    <t>B25</t>
  </si>
  <si>
    <t>Water for Life</t>
  </si>
  <si>
    <t>Working with the Bulbourne, Upper Gade, Lower Gade and Ver Catchment Partnerships to manage the Chilterns’ groundwater resource by tackling inter-related issues at a catchment scale and also across the water supply network area, and seeking to secure sustainable water use, thriving rivers and floodplain landscapes (encompassing natural flood management solutions, lakes/ponds for leisure use and opportunities for wild swimming) that are valued by the public.</t>
  </si>
  <si>
    <t>15/04 - Christine / HCC colleagues - Is cost known? We could then aggregate with DBC scheme</t>
  </si>
  <si>
    <t>E4</t>
  </si>
  <si>
    <t>New Scheme 4</t>
  </si>
  <si>
    <t>New Scheme</t>
  </si>
  <si>
    <t>All SADC programme area sites</t>
  </si>
  <si>
    <t>2026-2050</t>
  </si>
  <si>
    <t>Item identified through stakeholder engagement March 2025.</t>
  </si>
  <si>
    <t>TR265</t>
  </si>
  <si>
    <t>DBC LCWIP</t>
  </si>
  <si>
    <t>Grove Road - DBC LCWIP Scheme H27 – Walking</t>
  </si>
  <si>
    <t>Grove Road - DBC LCWIP Scheme H27 – Walking
For further detail, refer to the draft DBC LCWIP document</t>
  </si>
  <si>
    <t>Tr01; Tr02; Tr03</t>
  </si>
  <si>
    <t xml:space="preserve">Developer / Hertfordshire County Council </t>
  </si>
  <si>
    <t>Herfordshire County Council</t>
  </si>
  <si>
    <t>2026 - 2041</t>
  </si>
  <si>
    <t>HCC active travel funding / S106 / S38 / S278</t>
  </si>
  <si>
    <t>Critical - HGC objectives</t>
  </si>
  <si>
    <t>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t>
  </si>
  <si>
    <t>Emerging Draft HCC / DBC Local Cycling and Walking Infrastructure Plan (LCWIP) (2025), Verified through engagement with HCC in August 2025</t>
  </si>
  <si>
    <t>Apportionment</t>
  </si>
  <si>
    <t>Associated LP Development(s)</t>
  </si>
  <si>
    <t>#</t>
  </si>
  <si>
    <t>%</t>
  </si>
  <si>
    <t>arup changes made</t>
  </si>
  <si>
    <t>9035  Hemel Hempstead Hospital / Market Sq</t>
  </si>
  <si>
    <t>9036  Paradise</t>
  </si>
  <si>
    <t>9038 National Grid &amp; 339-353 London Road</t>
  </si>
  <si>
    <t>9041 - Polehanger Lane</t>
  </si>
  <si>
    <t>9047 Hemel Hempstead Station Gateway</t>
  </si>
  <si>
    <t>9169 Apsley Mill Retail Park</t>
  </si>
  <si>
    <t>9170 Riverside</t>
  </si>
  <si>
    <t>9178 Shendish Manor &amp; Fairfields</t>
  </si>
  <si>
    <t>9035 North Hemel</t>
  </si>
  <si>
    <t>working</t>
  </si>
  <si>
    <t>Marchmont Farm; North Hemel</t>
  </si>
  <si>
    <t>To be calculated</t>
  </si>
  <si>
    <r>
      <t xml:space="preserve">North Hemel Hempstead; East Hemel Hempstead; </t>
    </r>
    <r>
      <rPr>
        <sz val="11"/>
        <color rgb="FFFF0000"/>
        <rFont val="Calibri"/>
        <family val="2"/>
        <scheme val="minor"/>
      </rPr>
      <t>(West Redbourn development (?)</t>
    </r>
  </si>
  <si>
    <t>North Hemel Hempstead; East Hemel Hempstead; Marchmont Farm</t>
  </si>
  <si>
    <t>North Hemel Hempstead; East Hemel Hempstead</t>
  </si>
  <si>
    <t>East Hemel Hempstead; Plots 2/3 Kier Park: Site South of Green Lane</t>
  </si>
  <si>
    <t>Marchmont Farm; North Hemel; East Hemel; Grovehill Local Centre</t>
  </si>
  <si>
    <t>Single Scenario 3</t>
  </si>
  <si>
    <t>Market Square; Paradise; Polehanger Lane; North Hemel; East Hemel</t>
  </si>
  <si>
    <t>Market Square; Paradise; National Grid; Polehanger Lane; Statuion Gateway; Apsley Mill; Riverside; Shendish Manor; North Hemel; East Hemel</t>
  </si>
  <si>
    <t>Market Square; Paradise; National Grid; Polehanger Lane; Station Gateway; Apsley Mill; Riverside; Shendish Manor; North Hemel; East Hemel</t>
  </si>
  <si>
    <t>Market Square; National Grid; Polehanger Lane; Station Gateway; Apsley Mill; Riverside; Shendish Manor; North Hemel; East Hemel</t>
  </si>
  <si>
    <t>Market Square; Paradise; National Grid;  Station Gateway; Riverside; North Hemel; East Hemel</t>
  </si>
  <si>
    <t>No specific location - cannot attribute</t>
  </si>
  <si>
    <t>yes</t>
  </si>
  <si>
    <t xml:space="preserve">Not attributed to LP sites - would require DfT/Network Rail involvement as part of wider renewals programme. </t>
  </si>
  <si>
    <t>East Hemel Hempstead; Green Lane</t>
  </si>
  <si>
    <t>Paradise; National Grid; Polehanger Lane; Station Gateway; Apsley Mill; Riverside; Shendish Manor; North Hemel; East Hemel</t>
  </si>
  <si>
    <t>Market Square; Paradise; National Grid; Polehanger Lane; Station Gateway; Apsley Mill; Riverside; Shendish Manor; East Hemel</t>
  </si>
  <si>
    <t>Apsley Mill; Shendish Manor; North Hemel</t>
  </si>
  <si>
    <t>East Hemel; Plots 2/3 Kier Park; Market Square; Civic Zone Marlowes</t>
  </si>
  <si>
    <t>National Grid; Apsley Mill; Shendish Manor</t>
  </si>
  <si>
    <t>LS-65</t>
  </si>
  <si>
    <t>Polehanger Lane?</t>
  </si>
  <si>
    <t>LS-70</t>
  </si>
  <si>
    <t>Market Square; National Grid; Polehanger Lane; Station Gateway; Apsley Mill; Riverside; Shendish Manor; North Hemel</t>
  </si>
  <si>
    <t>Likely to benefit All Sites</t>
  </si>
  <si>
    <t>£10,000,000-£15,000,000</t>
  </si>
  <si>
    <t>Apsley Mill Retail Park; Shendish Manor &amp; Fairfields</t>
  </si>
  <si>
    <t>Market Square; Paradise; National Grid; Polehanger Lane; Station Gateway; Apsley Mill; Riverside;  North Hemel; East Hemel</t>
  </si>
  <si>
    <t>National Grid;  Station Gateway; Apsley Mill; Shendish Manor; North Hemel; East Hemel</t>
  </si>
  <si>
    <t>North Hemel Hempstead; Marchmont Farm, Grovehill Local Centre</t>
  </si>
  <si>
    <t>Market Square; Paradise;  Apsley Mill;  Shendish Manor; North Hemel; East Hemel</t>
  </si>
  <si>
    <t>Market Square; Paradise; National Grid;  Apsley Mill; Riverside; Shendish Manor; North Hemel; East Hemel</t>
  </si>
  <si>
    <t>Market Square; Paradise; National Grid; Polehanger Lane; Apsley Mill; Riverside; Shendish Manor; North Hemel; East Hemel</t>
  </si>
  <si>
    <t>North Hemel Hempstead, Marchmont Farm; Grovehill Local Centre</t>
  </si>
  <si>
    <t>North Hemel Hempstead; Marchmont Farm; Grovehill Local Centre</t>
  </si>
  <si>
    <t>National Grid; Polehanger Lane; Apsley Mill; Shendish Manor; North Hemel; East Hemel</t>
  </si>
  <si>
    <t>SG25-1</t>
  </si>
  <si>
    <t>Market Square; Civic Zone Marlowes</t>
  </si>
  <si>
    <t>Market Square; Paradise; Station Gateway; Riverside; Shendish Manor; North Hemel; East Hemel</t>
  </si>
  <si>
    <t>SG26-2</t>
  </si>
  <si>
    <t>Shendish Manor; East Hemel</t>
  </si>
  <si>
    <t>Market Square; Paradise; Polehanger Lane; Apsley Mill; Riverside; Shendish Manor; North Hemel; East Hemel</t>
  </si>
  <si>
    <t>Market Square; Paradise; National Grid; Polehanger Lane; Station Gateway; Apsley Mill; Riverside; North Hemel; East Hemel</t>
  </si>
  <si>
    <t>National Grid; Shendish Manor; North Hemel; East Hemel</t>
  </si>
  <si>
    <t>Market Square; Paradise; National Grid; Apsley Mill; Riverside; Shendish Manor;  East Hemel</t>
  </si>
  <si>
    <t>lin</t>
  </si>
  <si>
    <t>North Hemel Hempstead, Marchmont Farm; Grovehill Local Centre, Polehanger Lane</t>
  </si>
  <si>
    <t>East Hemel Hempstead; Plots 2/3 Kier Park, Maylands Avenue; Grovehill Local Centre</t>
  </si>
  <si>
    <t>North Hemel Hempstead. Marchmont Farm; Grovehill Local Centre</t>
  </si>
  <si>
    <t>North Hemel Hempstead. Marchmont Farm</t>
  </si>
  <si>
    <t>Market Square; Paradise; National Grid; Polehanger Lane; Station Gateway; North Hemel; East Hemel</t>
  </si>
  <si>
    <t>Polehanger Lane, Station Gateway</t>
  </si>
  <si>
    <t>Market Square; National Grid; Polehanger Lane; Apsley Mill; Riverside; Shendish Manor; North Hemel; East Hemel</t>
  </si>
  <si>
    <t>Market Square; Paradise; National Grid; Riverside; Shendish Manor; North Hemel; East Hemel</t>
  </si>
  <si>
    <t>SG6-6</t>
  </si>
  <si>
    <t xml:space="preserve">(SG6-6) Investigate introducing 20mph speed limit between Featherbed Lane and Weymouth Street. Note: this area falls within a wider area identified by HCC as being a potential 20mph zone, subject to further investigation. </t>
  </si>
  <si>
    <t>East Hemel; site south of Green Lane; Shendish Manor and Fairfields; Apsley Retail Park</t>
  </si>
  <si>
    <t>Market Square; Paradise; National Grid; Polehanger Lane; Station Gateway; Apsley Mill; Riverside; Shendish Manor; North Hemel</t>
  </si>
  <si>
    <r>
      <rPr>
        <b/>
        <sz val="12"/>
        <color rgb="FFFF0000"/>
        <rFont val="Arial"/>
      </rPr>
      <t xml:space="preserve">EMERGING DRAFT 
</t>
    </r>
    <r>
      <rPr>
        <b/>
        <sz val="12"/>
        <color rgb="FF000000"/>
        <rFont val="Arial"/>
      </rPr>
      <t>Emerging Draft HGC IDP to 2050 - Full Schedule
Version: 25/09/2025 - Full Draft Schedule</t>
    </r>
  </si>
  <si>
    <t>DRAFT</t>
  </si>
  <si>
    <t>DO NOT DELETE</t>
  </si>
  <si>
    <t>Source - DBC/SADC IDP/HCC etc</t>
  </si>
  <si>
    <t>AECOM SCHEME ID - Transport Only</t>
  </si>
  <si>
    <t>Major Site</t>
  </si>
  <si>
    <t>Responsible Authority</t>
  </si>
  <si>
    <t>Apportionment Key</t>
  </si>
  <si>
    <t xml:space="preserve">Apportionment Rationale - Transport Only </t>
  </si>
  <si>
    <t>Glinwell, Hatfield Road, St Albans</t>
  </si>
  <si>
    <t>Harper Lane, north of Radlett</t>
  </si>
  <si>
    <t>WORKING - CHECK TOTAL COST MATCH</t>
  </si>
  <si>
    <t>DBC TOTAL</t>
  </si>
  <si>
    <t>SADC TOTAL</t>
  </si>
  <si>
    <t>Non-HGC DBC Sites</t>
  </si>
  <si>
    <t>Non-HGC SADC Sites</t>
  </si>
  <si>
    <t>THIS CELL SHOULD ALWAYS BE SORTED FROM SMALLEST TO LARGEST</t>
  </si>
  <si>
    <t>Version 2</t>
  </si>
  <si>
    <t>CF1</t>
  </si>
  <si>
    <t>Community Infrastructure investment to support development at North Hemel Hempstead (H1)</t>
  </si>
  <si>
    <t>Developer / St Albans City &amp; District Council / Hertfordshire County Council</t>
  </si>
  <si>
    <t>St Albans City &amp; District Council / Hertfordshire County Council</t>
  </si>
  <si>
    <t>SADC CIL Local Plan Viability Report (2019) indicated that developers should contribute £1,000 per dwelling towards community facilities. This has been used to calculate the contribution from each site.</t>
  </si>
  <si>
    <t xml:space="preserve">A more detailed review of the community facilities requirements for the SADC HGC sites will be undertaken as the planning application process progresses, and developers will be expected to contribute in line with this, or directly provide provision on-site, where specified. </t>
  </si>
  <si>
    <t>Engagement with SADC when preparing the SADC IDP (2023/2024)</t>
  </si>
  <si>
    <t>CF2</t>
  </si>
  <si>
    <t>Community Infrastructure investment to support development at East Hemel Hempstead (North) (H2)</t>
  </si>
  <si>
    <t xml:space="preserve">Growth Area </t>
  </si>
  <si>
    <t>CF3</t>
  </si>
  <si>
    <t>Community Infrastructure investment to support development at East Hemel Hempstead (South) (H4)</t>
  </si>
  <si>
    <t>CF4</t>
  </si>
  <si>
    <t>On-site provision of one community centre at North Hemel Hempstead (Hm01).</t>
  </si>
  <si>
    <t xml:space="preserve">One community centre delivered on-site at North Hemel Hempstead (Hm01), as per the Community Facilities Strategy </t>
  </si>
  <si>
    <t>Developer / Dacorum Borough Council</t>
  </si>
  <si>
    <t>The Dacorum Borough Council Open Space, Sport and Leisure Background Topic Paper (2020) sets out a cost of £1,150,000 for community centres. A 31.8% uplift has been applied to the Q1 2020 base cost, to achieve a cost for Q3 2024. It is assumed the cost will be uplifted again at the time of planning application determination in line with the BCIS index.</t>
  </si>
  <si>
    <t>The sites delivering a community centre on-site (Hm01, Hm11 and Hm13) will be required to fund the scheme. The remaining DBC sites within the Programme Area will be expected to make contributions towards an additional 3 community centres in other locations within Hemel Hempstead (exact locations currently TBC). These contributions have been calculated on a per dwelling basis.</t>
  </si>
  <si>
    <t>CF5</t>
  </si>
  <si>
    <t>On-site provision of one community centre at Shendish Manor and Fairfields (Hm11).</t>
  </si>
  <si>
    <t xml:space="preserve">One community centre delivered on-site at Shendish Manor and Fairfields (Hm11), as per the Community Facilities Strategy </t>
  </si>
  <si>
    <t>CF6</t>
  </si>
  <si>
    <t>On-site provision of one community centre at Polehanger Lane (Hm13).</t>
  </si>
  <si>
    <t xml:space="preserve">One community centre delivered on-site at Polehanger Lane (Hm13), as per the Community Facilities Strategy </t>
  </si>
  <si>
    <t>CF7</t>
  </si>
  <si>
    <t>Contribution towards off-site provision of 3 community centres within Hemel Hempstead (exact location TBC)</t>
  </si>
  <si>
    <t>Contribution by all programme area sites within DBC to 3 community centres in Hemel Hempstead. These are in addition to the on-site community centres being provided in North Hemel Hempstead (Hm01), Shendish Manor and Fairfields (Hm11) and Polehanger Lane (Hm13).</t>
  </si>
  <si>
    <t>All DBC programme area sites that are not making on-site provision</t>
  </si>
  <si>
    <t>CF8</t>
  </si>
  <si>
    <t>Hemel Hempstead Library Improvements</t>
  </si>
  <si>
    <t>Increase capacity at Hemel Hempstead Library and increase resources at Adeyfield and Leverstock Green Libraries</t>
  </si>
  <si>
    <t>Indexation: BCIS 1Q2022</t>
  </si>
  <si>
    <t>The cost to be apportioned for the Programme Area is £1,962,997 based on an additional 46,088 users.</t>
  </si>
  <si>
    <t>Engagement with HCC (June 2025)</t>
  </si>
  <si>
    <t>CF9</t>
  </si>
  <si>
    <t>Resource costs towards new equipment, youth work projects and outreach service</t>
  </si>
  <si>
    <t>Resource costs towards new equipment, youth work projects and outreach service for the development.</t>
  </si>
  <si>
    <t>The cost to be apportioned for the Programme Area is £3,680,305 based on an additional 5,395 users</t>
  </si>
  <si>
    <t>CF10</t>
  </si>
  <si>
    <t>HCC</t>
  </si>
  <si>
    <t>1x Children's home in North Hemel Hempstead (H1)</t>
  </si>
  <si>
    <t xml:space="preserve">1 x Children's home to accommodate three children in care and one manager each. These should be located with good access to public transport, local facilities and on a through road and not located close to motorways/dual carriageways, railways, bodies of water or industrial sites, detached and externally indistinguishable from surrounding dwellings and have regards to HCC Service Provision and Placemaking Guide. </t>
  </si>
  <si>
    <t>Growth area</t>
  </si>
  <si>
    <t>2030-2041</t>
  </si>
  <si>
    <t>Uncosted</t>
  </si>
  <si>
    <t xml:space="preserve">No cost has been provided by HCC, however it should be assumed that developers will be required to either contribute towards the Children's Homes items, or directly deliver provision in line with the HCC Service Provision and Placemaking Guide. </t>
  </si>
  <si>
    <t>HCC reps to SADC Reg 19 Local Plan Consultation, confirmed through Stakeholder Engagement February 2025.</t>
  </si>
  <si>
    <t>CF11</t>
  </si>
  <si>
    <t>1x Children's home in East Hemel Hempstead North (H2)</t>
  </si>
  <si>
    <t>CF12</t>
  </si>
  <si>
    <t>1x Children's home in East Hemel Hempstead South (H4)</t>
  </si>
  <si>
    <t>2029-2040</t>
  </si>
  <si>
    <t>CF13</t>
  </si>
  <si>
    <t>Reg 19 reps</t>
  </si>
  <si>
    <t>2 x Children's homes in North Hemel Hempstead (Hm01)</t>
  </si>
  <si>
    <t xml:space="preserve">2 x Children's homes to accommodate three children in care and one manager each. These should be located with good access to public transport, local facilities and on a through road and not located close to motorways/dual carriageways, railways, bodies of water or industrial sites, detached and externally indistinguishable from surrounding dwellings and have regards to HCC Service Provision and Placemaking Guide. </t>
  </si>
  <si>
    <t>HCC reps to DBC Reg 19 Local Plan Consultation, confirmed through Stakeholder Engagement February 2025.</t>
  </si>
  <si>
    <t>CF14</t>
  </si>
  <si>
    <t>1 x Children's home in Polehanger Lane (Hm13)</t>
  </si>
  <si>
    <t>CF15</t>
  </si>
  <si>
    <t>1 x Children's home Marchmont Farm (Hm14)</t>
  </si>
  <si>
    <t>CF16</t>
  </si>
  <si>
    <t>On-site CCTV provision at North Hemel Hempstead (Hm01).</t>
  </si>
  <si>
    <t>On-site CCTV provision at the community centre being delivered within North Hemel Hempstead (Hm01).</t>
  </si>
  <si>
    <t>The Dacorum Borough Council Open Space, Sport and Leisure Background Topic Paper (2020) sets out a cost of £45,000 for CCVT provision for each community centre. A 31.8% uplift has been applied to the Q1 2020 base cost, to achieve a cost for Q3 2024. It is assumed the cost will be uplifted again at the time of planning application determination in line with the BCIS index.</t>
  </si>
  <si>
    <t>For CCTV provision, the sites delivering a community centre on-site (Hm01, Hm11 and Hm13) will also be required to deliver CCTV provision. The remaining DBC sites within the Programme Area will be expected to make contributions towards an additional 3 CCTV items to support community centres in other locations within Hemel Hempstead (exact locations currently TBC). These contributions have been calculated on a per dwelling basis.</t>
  </si>
  <si>
    <t>CF17</t>
  </si>
  <si>
    <t>On-site CCTV provision at Shendish Manor and Fairfields (Hm11).</t>
  </si>
  <si>
    <t>On-site CCTV provision at the community centre being delivered within Shendish Manor and Fairfields (Hm11).</t>
  </si>
  <si>
    <t>CF18</t>
  </si>
  <si>
    <t>On-site CCTV provision at Polehanger Lane (Hm13).</t>
  </si>
  <si>
    <t>On-site CCTV provision at the community centre being delivered within Polehanger Lane (Hm13).</t>
  </si>
  <si>
    <t>CF19</t>
  </si>
  <si>
    <t>Contribution towards off-site CCTV provision at 3 community centres within Hemel Hempstead (exact location TBC).</t>
  </si>
  <si>
    <t>Contribution by all programme area sites within DBC to CCTV provision at 3 community centres in Hemel Hempstead. These are in addition to the on-site provision in North Hemel Hempstead (Hm01), Shendish Manor and Fairfields (Hm11) and Polehanger Lane (Hm13).</t>
  </si>
  <si>
    <t>ED1</t>
  </si>
  <si>
    <t>New Childcare Settings serving North Hemel Hempstead (H1)</t>
  </si>
  <si>
    <t>1 x 30 place setting - The provision will need to be approximately 325sqm (which includes both internal (275sqm) and outdoor (50sqm) space) and built to Ofsted requirements.</t>
  </si>
  <si>
    <t>£3,240 per sqm * 325sqm = £1,053,000
The apportioned cost excludes land costs.</t>
  </si>
  <si>
    <t>Education infrastructure requirements will be kept under regular review by Hertfordshire County Council. Education requirements will be further refined, subject to housing mix, tenure and demographic information, at the time of the Planning Application. 
All childcare project costs for 0-2 year olds are indexed to BCIS 1Q2024. These costs do not include any contingencies.</t>
  </si>
  <si>
    <t xml:space="preserve">These projects were identified when preparing the DBC and SADC IDPs, and were verified with stakeholders at HCC when progressing this HGC IDP (March 2025). </t>
  </si>
  <si>
    <t>ED2</t>
  </si>
  <si>
    <t>New Childcare Settings serving East Hemel Hempstead North (H2)</t>
  </si>
  <si>
    <t>ED3</t>
  </si>
  <si>
    <t>New Childcare Settings serving East Hemel Hempstead South (H4)</t>
  </si>
  <si>
    <r>
      <t xml:space="preserve">1 x 50 place setting - </t>
    </r>
    <r>
      <rPr>
        <sz val="11"/>
        <rFont val="Arial"/>
        <family val="2"/>
      </rPr>
      <t>The provision will need to be approximately 325sqm (which includes both internal (275sqm) and outdoor (50sqm) space) and built to Ofsted requirements.</t>
    </r>
  </si>
  <si>
    <t>ED4</t>
  </si>
  <si>
    <t>New Childcare Settings serving North Hemel Hempstead (Hm01)</t>
  </si>
  <si>
    <t>2 x 50 place setting - Each provision will need to be approximately 325sqm (which includes both internal (275sqm) and outdoor (50sqm) space) and built to Ofsted requirements.</t>
  </si>
  <si>
    <t>ED5</t>
  </si>
  <si>
    <t>New Childcare Setting serving Riverside (Hm06)</t>
  </si>
  <si>
    <t>ED6</t>
  </si>
  <si>
    <t>New Childcare Setting serving Hemel Hempstead Station Gateway (Hm08); National Grid and 339-353 London Road (Hm09)</t>
  </si>
  <si>
    <t>Hemel Hempstead Station Gateway (Hm08); National Grid and 339-353 London Road (Hm09)</t>
  </si>
  <si>
    <t>ED7</t>
  </si>
  <si>
    <t>New Childcare Setting serving Shendish Manor and Fairfields (Hm11)</t>
  </si>
  <si>
    <t>ED8</t>
  </si>
  <si>
    <t>New Childcare Setting serving Polehanger Lane (Hm13)</t>
  </si>
  <si>
    <t>ED9</t>
  </si>
  <si>
    <t>Dacorum Borough Council &amp; St Albans City &amp; District Council</t>
  </si>
  <si>
    <t>5-11 Wraparound Care for HGC Growth Area</t>
  </si>
  <si>
    <t>North Hemel Hempstead (Hm01); North Hemel Hempstead (H1); East Hemel Hempstead (South) (H2); East Hemel Hempstead (South) (H4)</t>
  </si>
  <si>
    <t>This indicative cost has been provided by HCC, on the assumption for wraparound care for 5-11 year olds to be: £249.13 x 562 = £125,292. Costs are likely to change as further phases are rolled out and more detailed information is provided over the coming years. 
Index linked to BCIS 1Q2024. The apportioned cost excludes land costs.</t>
  </si>
  <si>
    <t xml:space="preserve">Education infrastructure requirements will be kept under regular review by Hertfordshire County Council. Education requirements will be further refined, subject to housing mix, tenure and demographic information, at the time of the Planning Application. </t>
  </si>
  <si>
    <t>HCC response to DBC Regulation 19 Local Plan consultation, verified through stakeholder engagement March 2025.</t>
  </si>
  <si>
    <t>ED16</t>
  </si>
  <si>
    <t>New Primary School Provision with nursery at North Hemel Hempstead (H1)</t>
  </si>
  <si>
    <t>A 3FE primary school, including nursery provision, to serve the new community.
Land size per 3FE = 2.92ha (taken from the HCC DCG 2021)</t>
  </si>
  <si>
    <t>2030-2050</t>
  </si>
  <si>
    <t>Cost is based on 2023 DFE Scorecard Costs (Index linked to BCIS 1Q2024) and includes 10% sustainability uplift, as advised by HCC. There are no contingency costs included. The apportioned cost excludes land costs.</t>
  </si>
  <si>
    <t>Development sites across the HGC Programme Area have been modelled using HCC’s Strategic Planning Ratios set out in HCC’s Local &amp; Strategic Plan engagement document to assess the appropriate level of education provision it needs to plan to be able to provide. Education infrastructure requirements will be kept under regular review by HCC. Education requirements will be further refined, subject to housing mix, tenure and demographic information, at the time of the Planning Application. Whilst the phasing and/or combination of projects may evolve over time, development sites will only be responsible for mitigating their individual yields.</t>
  </si>
  <si>
    <t>Item verified with HCC during stakeholder engagement March 2025.</t>
  </si>
  <si>
    <t>ED17</t>
  </si>
  <si>
    <t>New Primary School Provision with nursery at East Hemel Hempstead (North) (H2)</t>
  </si>
  <si>
    <t>ED18</t>
  </si>
  <si>
    <t>New Primary School Provision with nursery at East Hemel Hempstead (South) (H4)</t>
  </si>
  <si>
    <t>ED19</t>
  </si>
  <si>
    <t>A 2FE primary school, including nursery provision, to serve the new community.
Land size per 2FE = 2.03ha (taken from the HCC DCG 2021)</t>
  </si>
  <si>
    <t>ED20</t>
  </si>
  <si>
    <t>New Primary School Provision at North Hemel Hempstead (Hm01)</t>
  </si>
  <si>
    <t xml:space="preserve">Construction of 3 x 3FE Primary Schools including nursery to serve the new community (one of these schools must be within the first phase) 
Land size per 2FE = 2.03ha and size per 3FE = 2.92ha (taken from the HCC DCG 2021). Each school should come forward in line with the need identified by HCC which may result in staggered delivery. </t>
  </si>
  <si>
    <t>ED21</t>
  </si>
  <si>
    <t>Construction of a 2FE Primary School including nursery to serve the new community 
Land size per 2FE = 2.03ha and size per 3FE = 2.92ha (taken from the HCC DCG 2021)</t>
  </si>
  <si>
    <t>ED22</t>
  </si>
  <si>
    <t>New Primary School Provision at Hemel Hempstead Hospital / Market Square (Hm03)</t>
  </si>
  <si>
    <t>Construction of a 3FE Primary Schools including nursery to serve the new community
Land size per 3FE = 2.92ha (taken from the HCC DCG 2021)</t>
  </si>
  <si>
    <t>Development sites across the HGC Programme Area have been modelled using HCC’s Strategic Planning Ratios set out in HCC’s Local &amp; Strategic Plan engagement document to assess the appropriate level of education provision it needs to plan to be able to provide. Education infrastructure requirements will be kept under regular review by HCC. Education requirements will be further refined, subject to housing mix, tenure and demographic information, at the time of the Planning Application. Whilst the phasing and/or combination of projects may evolve over time, development sites will only be responsible for mitigating their individual yields. 
The actual value and position of school provision will be determined at point of planning application and may vary significantly from that outlined in the IDP.</t>
  </si>
  <si>
    <t>ED23</t>
  </si>
  <si>
    <t>New Primary School Provision in the Shendish Manor and Fairfields (Hm11)</t>
  </si>
  <si>
    <t>Construction of a 2FE Primary Schools including nursery to serve the new community 
Land size per 2FE = 2.03ha and size per 3FE = 2.92ha (taken from the HCC DCG 2021)</t>
  </si>
  <si>
    <t>Development sites across the HGC Programme Area have been modelled using HCC’s Strategic Planning Ratios set out in HCC’s Local &amp; Strategic Plan engagement document to assess the appropriate level of education provision it needs to plan to be able to provide. Education infrastructure requirements will be kept under regular review by HCC. Education requirements will be further refined, subject to housing mix, tenure and demographic information, at the time of the Planning Application. Whilst the phasing and/or combination of projects may evolve over time, development sites will only be responsible for mitigating their individual yields.
The actual value and position of school provision will be determined at point of planning application and may vary significantly from that outlined in the IDP.</t>
  </si>
  <si>
    <t>ED24</t>
  </si>
  <si>
    <t>Primary Education at Polehanger Lane (Hm13)</t>
  </si>
  <si>
    <t>ED25</t>
  </si>
  <si>
    <t>Potential expansion of existing Primary Schools, serving all new growth within Hemel Hempstead. This scheme, and associated costs are based off an indicative assumption of a 5FE expansion.</t>
  </si>
  <si>
    <t>All Programme Area sites and windfall, that are not providing or contributing to a specific project</t>
  </si>
  <si>
    <t>The cost is based on 5 x 1FE expansion cost, which is purely indicative. The actual cost will be determined on the level of expansion required, as well as the scope and scale of projects. Cost is based on 2023 DFE Scorecard Costs (1Q2024 BCIS) and includes 10% sustainability uplift. There are no contingency costs included. The apportioned cost excludes land costs.</t>
  </si>
  <si>
    <t>ED26</t>
  </si>
  <si>
    <t>Construction of a Secondary School of up to 8FE to serve the new community bordering with SADC.
Land size per 8FE = 10.78ha (taken from the HCC DCG 2021)</t>
  </si>
  <si>
    <t>ED27</t>
  </si>
  <si>
    <t>A secondary school of up to 8FE to serve new and existing communities, in Hemel Garden Communities.
Land size per 8FE = 10.78ha (taken from the HCC DCG 2021)</t>
  </si>
  <si>
    <t>North Hemel Hempstead (H1); East Hemel Hempstead (North) (H2); East Hemel Hempstead (South) (H4)</t>
  </si>
  <si>
    <t>ED29</t>
  </si>
  <si>
    <t>Potential expansion of existing Secondary Schools, serving all new growth within Hemel Hempstead Secondary Planning Area. This scheme, and associated costs are based off an indicative assumption of a 5FE expansion.</t>
  </si>
  <si>
    <t>ED30</t>
  </si>
  <si>
    <t>Index Linked to BCIS 1Q2024 and includes 10% sustainability uplift, as advised by HCC. There are no contingency costs included. The apportioned cost excludes land costs.</t>
  </si>
  <si>
    <t>ES1</t>
  </si>
  <si>
    <t>Contribution to additional resources needed across the programme area, including new appliances and equipment. These costs help fund expenditure that the service needs to purchase to mitigate new housing such as fire prevention equipment like fire alarms in homes for vulnerable groups, road collision equipment and any other firefighting equipment identified within the fire cover review and community risk assessment. </t>
  </si>
  <si>
    <t>The appliance and equipment cost for HFRS is £24.87 per dwelling indexed to Q1 2024.This has been applied to all sites within the programme area.</t>
  </si>
  <si>
    <t>Response from HCC on the DBC IDP (2024), and the HCC Guide to Developer Contributions, verified for the HGC IDP in June 2025.</t>
  </si>
  <si>
    <t>ES2</t>
  </si>
  <si>
    <t xml:space="preserve">An additional need of 378m2 of police accommodation would be required to support DBC Local Plan growth. Considering options to extend or adapt the existing Hemel Hempstead Police Station. It will be decided through the New Estates Strategy. </t>
  </si>
  <si>
    <t>All DBC Local Plan sites</t>
  </si>
  <si>
    <t>S106 / External Funding</t>
  </si>
  <si>
    <t>Police items have been apportioned on a per dwelling basis. Further review will be required to determine which additional necessary police services or infrastructure, if any, meet the s106 tests, and how these might be funded. It has also been established that police contributions for non-residential development uses, as at site H3, are normally negotiated on an individual basis, meaning cost apportionment for police services or infrastructure can apply only to residential sites.</t>
  </si>
  <si>
    <t>Representation received by Hertfordshire Constabulary on the DBC Regulation 18 Local Plan, verified for the HGC IDP in June 2025.</t>
  </si>
  <si>
    <t>ES3</t>
  </si>
  <si>
    <t xml:space="preserve">An additional 9.6 police vehicles would be required to support the DBC Local Plan growth. </t>
  </si>
  <si>
    <t>GI1</t>
  </si>
  <si>
    <t>Substantial new green space and SANG provision at North Hemel Hempstead (H1)</t>
  </si>
  <si>
    <t>A substantial new Country Park providing facilities for new and existing communities and a permanent green buffer to Redbourn. Should incorporate SANG requirement. SANG provision should be reasonably maximised at these locations. There is an expectation that SANG provision, over and above site requirements, can be made available to approved residential developments in SADC ZOI.</t>
  </si>
  <si>
    <t>Developer / St Albans City &amp; District Council</t>
  </si>
  <si>
    <t>Assumed 83.02ha of country park in North Hemel Hempstead (H1). The assumed cost is circa £40k/hectare. The scope includes boundary fencing, semi natural habitats (e.g. Woodland, open water and meadows), entrance signs and information boards, footpath network, benches and bins, way markers, gates/access control, a 50 space car park, and some essential maintenance activities.
Area based off the SADC Local Plan Policies Map (2025).</t>
  </si>
  <si>
    <t>St Albans City &amp; District Council Regulation 18 Local Plan Appendix 4b</t>
  </si>
  <si>
    <t>GI2</t>
  </si>
  <si>
    <t>Delivery of the HGC Green Loop across Hemel Garden Communities within the SADC District, connections to the Green Loop running west of the site and crossing of the Nickey Line. Should provide a connection to Bunkers Park and the wider HGC green loop route via Blackwater Lane and Bunkers Lane. This project is a segement of the HGC Green Loop.</t>
  </si>
  <si>
    <t>This project is part of the Green Loop route</t>
  </si>
  <si>
    <t>GI3</t>
  </si>
  <si>
    <t>New Country Park and SANG provision at East Hemel Hempstead (North) (H2)</t>
  </si>
  <si>
    <t>Assumed 63.15ha of country park in East Hemel Hempstead North (H2). The assumed cost is circa £40k/hectare. The scope includes boundary fencing, semi natural habitats (e.g. Woodland, open water and meadows), entrance signs and information boards, footpath network, benches and bins, way markers, gates/access control, a 50 space car park, and some essential maintenance activities.
Area based off the SADC Local Plan Policies Map (2025).</t>
  </si>
  <si>
    <t>GI4</t>
  </si>
  <si>
    <t>GI5</t>
  </si>
  <si>
    <t>Countryside access links at East Hemel Hempstead (South) (H4)</t>
  </si>
  <si>
    <t xml:space="preserve">The developer will be responsible for the cost and it will form part of the build out cost. </t>
  </si>
  <si>
    <t>GI6</t>
  </si>
  <si>
    <t>Substantial new green space and SANG provision at East Hemel Hempstead (South) (H4)</t>
  </si>
  <si>
    <t>Assumed 38.56ha of county park in East Hemel Hempstead South (H4). The assumed cost is circa £40k/hectare. The scope includes boundary fencing, semi natural habitats (e.g. Woodland, open water and meadows), entrance signs and information boards, footpath network, benches and bins, way markers, gates/access control, a 50 space car park, and some essential maintenance activities.
Area based off the SADC Local Plan Policies Map (2025).</t>
  </si>
  <si>
    <t>GI7</t>
  </si>
  <si>
    <t>Provision of on-site bespoke SANG at North Hemel Hempstead (Hm01)</t>
  </si>
  <si>
    <t xml:space="preserve">Associated local green infrastructure requirements to support development at North Hemel Hempstead (Hm01) in accordance with the HGC Framework Plan. Provision of 96 hectares of on-site bespoke SANG at North Hemel Hempstead (Hm01). Sites providing on-site SANG solutions are not required to provide natural/semi-natural greenspace. </t>
  </si>
  <si>
    <t>Made available at completion of related sites</t>
  </si>
  <si>
    <t>The cost for SANG schemes has been calculated through a cost per dwelling of £4,251.71. DBC have advised that this is likely to increase. The cost has not been indexed, as the base date of this cost per dwelling is unclear.</t>
  </si>
  <si>
    <t>Further detail on the approach to be taken with SANG within DBC is set out within the SANG Strategy within the Habitats Regulations Assessment of the Dacorum Local Plan Pre-submission October 2024</t>
  </si>
  <si>
    <t>Dacorum Local Plan to 2041 Pre-Submission Version November 2024</t>
  </si>
  <si>
    <t>GI8</t>
  </si>
  <si>
    <t>Contribution towards off-site strategic SANG by Civic Zone, Marlowes (Hm02) developers</t>
  </si>
  <si>
    <t>Contributions towards 3.84 hectares of Gadebridge Park strategic SANG</t>
  </si>
  <si>
    <t>GI9</t>
  </si>
  <si>
    <t>Contribution towards off-site strategic SANG by Hemel Hospital/Market Square (Hm03) developers</t>
  </si>
  <si>
    <t>Contributions towards 8.64 hectares of Gadebridge Park strategic SANG</t>
  </si>
  <si>
    <t>GI10</t>
  </si>
  <si>
    <t>Contribution towards off-site strategic SANG by Paradise (Hm04) developers</t>
  </si>
  <si>
    <t>Contributions towards 6.72 hectares of Gadebridge Park strategic SANG</t>
  </si>
  <si>
    <t>GI11</t>
  </si>
  <si>
    <t>Contribution towards off-site third party SANG by Riverside (Hm06) developers</t>
  </si>
  <si>
    <t>Contributions towards 9.60 hectares of Westbrook Hay third party SANG</t>
  </si>
  <si>
    <t>GI12</t>
  </si>
  <si>
    <t>Contribution towards off-site third party SANG by Symbio Site, Whiteleaf Road (Hm07) developers</t>
  </si>
  <si>
    <t>Contributions towards 1.92 hectares of Westbrook Hay third party SANG</t>
  </si>
  <si>
    <t>GI13</t>
  </si>
  <si>
    <t>Contribution towards off-site third party SANG by Hemel Hempstead Station Gateway (Hm08) developers</t>
  </si>
  <si>
    <t>Contributions towards 7.49 hectares of Westbrook Hay third party SANG</t>
  </si>
  <si>
    <t>GI14</t>
  </si>
  <si>
    <t>Contribution towards off-site third party SANG by National Grid and 339-353 London Road (Hm09) developers</t>
  </si>
  <si>
    <t>Contributions towards 9.22 hectares of Westbrook Hay third party SANG</t>
  </si>
  <si>
    <t>GI15</t>
  </si>
  <si>
    <t>Contribution towards off-site third party SANG by Apsley Mills Retail Park (Hm10) developers</t>
  </si>
  <si>
    <t>GI16</t>
  </si>
  <si>
    <t>Contribution towards off-site third party SANG by Plots 2/3 Kier Park, Maylands Avenue (Hm12) developers</t>
  </si>
  <si>
    <t>Contributions towards 4.49 hectares of Westbrook Hay third party SANG</t>
  </si>
  <si>
    <t xml:space="preserve">Plots 2/3 Kier Park, Maylands Avenue (Hm12) </t>
  </si>
  <si>
    <t>GI17</t>
  </si>
  <si>
    <t>Provision of on-site bespoke SANG at Shendish Manor and Fairfields (Hm11)</t>
  </si>
  <si>
    <t xml:space="preserve">Provision of 9.60 hectares of on-site bespoke SANG on western part of Shendish Manor and Fairfields (Hm11). Sites providing on-site SANG solutions are not required to provide natural/semi-natural greenspace. </t>
  </si>
  <si>
    <t>GI18</t>
  </si>
  <si>
    <t>Provision of on-site bespoke SANG at Polehanger Lane (Hm13)</t>
  </si>
  <si>
    <t xml:space="preserve">Provision of 14.40 hectares of on-site bespoke SANG on norther part of Polehanger Lane (Hm13). Sites providing on-site SANG solutions are not required to provide natural/semi-natural greenspace. </t>
  </si>
  <si>
    <t>GI19</t>
  </si>
  <si>
    <t>Contribution towards off-site strategic SANG by Marchmont Farm (Hm14) developers</t>
  </si>
  <si>
    <t>Contributions towards 6.72 hectares of Gadebridge Network (Margaret Lloyd Park &amp; Howe Grove) strategic SANG</t>
  </si>
  <si>
    <t>GI20</t>
  </si>
  <si>
    <t>Contribution towards off-site third party SANG by Old Town (Hm15) developers</t>
  </si>
  <si>
    <t>Contributions towards 1.73 hectares of Gadebridge Network (Margaret Lloyd Park &amp; Howe Grove) strategic SANG</t>
  </si>
  <si>
    <t>GI21</t>
  </si>
  <si>
    <t>Contribution towards off-site third party SANG by Site to the south of Green Lane (Hm16) developers</t>
  </si>
  <si>
    <t>GI22</t>
  </si>
  <si>
    <t>Contribution towards off-site third party SANG by Grovehill Local Centre (Henry Wells Square) (Grovehill NDP) developers</t>
  </si>
  <si>
    <t>GI23</t>
  </si>
  <si>
    <t>Contributions towards strategic SANG in accordance with DBC allocations protocol or third party SANG by windfall site developers</t>
  </si>
  <si>
    <t>Contributions towards 45.7 hectares of SANG provision in accordance with DBC allocations protocol or third party SANG</t>
  </si>
  <si>
    <t>GI25</t>
  </si>
  <si>
    <t xml:space="preserve">Provision of Strategic Access Management and Monitoring (SAMMS) </t>
  </si>
  <si>
    <t>Contributions in line with the Chilterns Beechwoods Special Area of Conservation Mitigation Strategy</t>
  </si>
  <si>
    <t xml:space="preserve">Dacorum Borough Council / St Albans City &amp; District Council </t>
  </si>
  <si>
    <t>New development must pay a tariff to in line with the Chilterns Beechwoods Special Area of Conservation Mitigation Strategy. The National Trust has confirmed that these Strategic Access Management and Monitoring (SAMMS) measures will cost a total of £18.2million. This cost will be shared across all of the affected local authorities. In Dacorum, this means that developers will be required to pay a tariff of £913.88 for each new home built. In St Albans City &amp; District Council, developers will be required to pay a tariff of £828.61 for each new home built.</t>
  </si>
  <si>
    <t>Chilterns Beechwoods Special Area of Conservation (SAC) - Mitigation Strategy, Available at: https://www.dacorum.gov.uk/home/planning-development/planning-strategic-planning/new-single-local-plan/chilterns-beechwoods-special-area-of-conservation/chilterns-beechwoods-special-area-of-conservation-(sac)---mitigation-strategy
Chilterns Beechwoods SAC, Available at: https://www.stalbans.gov.uk/chilterns-beechwoods-sac#:~:text=Strategic%20Access%20Management%20and%20Monitoring%20(SAMMS)&amp;text=All%20potential%20developments%20within%20the,for%20each%20new%20home%20built.</t>
  </si>
  <si>
    <t>GI24</t>
  </si>
  <si>
    <t>Local Area for Play (LAP) to support North Hemel Hempstead (Hm01)</t>
  </si>
  <si>
    <t>On-site Local Area for Play (LAP) to support North Hemel Hempstead (Hm01)</t>
  </si>
  <si>
    <t>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t>
  </si>
  <si>
    <t xml:space="preserve">The Dacorum Borough Council Open Space, Sport and Leisure Background Topic Paper (2020) sets out the requirement for the provision of 1 LAP for every site over 25 dwellings. </t>
  </si>
  <si>
    <t>GI26</t>
  </si>
  <si>
    <t>Local Area for Play (LAP) to support Civic Zone, Marlowes (Hm02)</t>
  </si>
  <si>
    <t>On-site Local Area for Play (LAP) to support Civic Zone, Marlowes (Hm02)</t>
  </si>
  <si>
    <t>GI27</t>
  </si>
  <si>
    <t>Local Area for Play (LAP) to support Hemel Hospital/Market Square (Hm03)</t>
  </si>
  <si>
    <t>On-site Local Area for Play (LAP) to support Hemel Hospital/Market Square (Hm03)</t>
  </si>
  <si>
    <t>GI28</t>
  </si>
  <si>
    <t>Local Area for Play (LAP) to support Paradise (Hm04)</t>
  </si>
  <si>
    <t>On-site Local Area for Play (LAP) to support Paradise (Hm04)</t>
  </si>
  <si>
    <t>GI29</t>
  </si>
  <si>
    <t>Local Area for Play (LAP) to support Riverside (Hm06)</t>
  </si>
  <si>
    <t>On-site Local Area for Play (LAP) to support Riverside (Hm06)</t>
  </si>
  <si>
    <t>GI30</t>
  </si>
  <si>
    <t>Local Area for Play (LAP) to support Symbio Site, Whiteleaf Road (Hm07)</t>
  </si>
  <si>
    <t>On-site Local Area for Play (LAP) to support Symbio Site, Whiteleaf Road (Hm07)</t>
  </si>
  <si>
    <t>GI31</t>
  </si>
  <si>
    <t>Local Area for Play (LAP) to support Hemel Hempstead Station Gateway (Hm08)</t>
  </si>
  <si>
    <t>On-site Local Area for Play (LAP) to support Hemel Hempstead Station Gateway (Hm08)</t>
  </si>
  <si>
    <t>GI32</t>
  </si>
  <si>
    <t>Local Area for Play (LAP) to support National Grid and 339-353 London Road (Hm09)</t>
  </si>
  <si>
    <t>On-site Local Area for Play (LAP) to support National Grid and 339-353 London Road (Hm09)</t>
  </si>
  <si>
    <t>GI33</t>
  </si>
  <si>
    <t>Local Area for Play (LAP) to support Apsley Mills Retail Park (Hm10)</t>
  </si>
  <si>
    <t>On-site Local Area for Play (LAP) to support Apsley Mills Retail Park (Hm10)</t>
  </si>
  <si>
    <t>GI34</t>
  </si>
  <si>
    <t>Local Area for Play (LAP) to support Shendish Manor and Fairfields (Hm11)</t>
  </si>
  <si>
    <t>On-site Local Area for Play (LAP) to support Shendish Manor and Fairfields (Hm11)</t>
  </si>
  <si>
    <t>GI35</t>
  </si>
  <si>
    <t>Local Area for Play (LAP) to support Plots 2/3 Kier Park, Maylands Avenue (Hm12)</t>
  </si>
  <si>
    <t>On-site Local Area for Play (LAP) to support Plots 2/3 Kier Park, Maylands Avenue (Hm12)</t>
  </si>
  <si>
    <t>GI36</t>
  </si>
  <si>
    <t>Local Area for Play (LAP) to support Polehanger Lane (Hm13)</t>
  </si>
  <si>
    <t>On-site Local Area for Play (LAP) to support Polehanger Lane (Hm13)</t>
  </si>
  <si>
    <t xml:space="preserve">Polehanger Lane (Hm13) </t>
  </si>
  <si>
    <t>GI37</t>
  </si>
  <si>
    <t>Local Area for Play (LAP) to support Marchmont Farm (Hm14)</t>
  </si>
  <si>
    <t>On-site Local Area for Play (LAP) to support Marchmont Farm (Hm14)</t>
  </si>
  <si>
    <t>GI38</t>
  </si>
  <si>
    <t>Local Area for Play (LAP) to support Old Town (Hm15)</t>
  </si>
  <si>
    <t>On-site Local Area for Play (LAP) to support Old Town (Hm15)</t>
  </si>
  <si>
    <t>GI39</t>
  </si>
  <si>
    <t>Local Area for Play (LAP) to support Site to the south of Green Lane (Hm16)</t>
  </si>
  <si>
    <t>On-site Local Area for Play (LAP) to support Site to the south of Green Lane (Hm16)</t>
  </si>
  <si>
    <t>GI40</t>
  </si>
  <si>
    <t>Local Area for Play (LAP) to support Grovehill Local Centre (Henry Wells Square) (Grovehill NDP)</t>
  </si>
  <si>
    <t>On-site Local Area for Play (LAP) to support Grovehill Local Centre (Henry Wells Square) (Grovehill NDP)</t>
  </si>
  <si>
    <t>GI41</t>
  </si>
  <si>
    <t>Local Equipped Area for Play (LEAP) to support North Hemel Hempstead (Hm01)</t>
  </si>
  <si>
    <t>On-site Local Equipped Area for Play (LEAP) to support North Hemel Hempstead (Hm01)</t>
  </si>
  <si>
    <t>GI42</t>
  </si>
  <si>
    <t>Local Equipped Area for Play (LEAP) to support Hemel Hospital/Market Square (Hm03)</t>
  </si>
  <si>
    <t>On-site Local Equipped Area for Play (LEAP) to support Hemel Hospital/Market Square (Hm03)</t>
  </si>
  <si>
    <t>GI43</t>
  </si>
  <si>
    <t>Local Equipped Area for Play (LEAP) to support Civic Zone, Marlowes (Hm02)</t>
  </si>
  <si>
    <t>On-site Local Equipped Area for Play (LEAP) to support Civic Zone, Marlowes (Hm02)</t>
  </si>
  <si>
    <t>GI44</t>
  </si>
  <si>
    <t>Local Equipped Area for Play (LEAP) to support Paradise (Hm04)</t>
  </si>
  <si>
    <t>On-site Local Equipped Area for Play (LEAP) to support Paradise (Hm04)</t>
  </si>
  <si>
    <t>GI45</t>
  </si>
  <si>
    <t>Local Equipped Area for Play (LEAP) to support Riverside (Hm06)</t>
  </si>
  <si>
    <t>On-site Local Equipped Area for Play (LEAP) to support Riverside (Hm06)</t>
  </si>
  <si>
    <t>GI46</t>
  </si>
  <si>
    <t>Local Equipped Area for Play (LEAP) to support Symbio Site, Whiteleaf Road (Hm07)</t>
  </si>
  <si>
    <t>On-site Local Equipped Area for Play (LEAP) to support Symbio Site, Whiteleaf Road (Hm07)</t>
  </si>
  <si>
    <t>GI47</t>
  </si>
  <si>
    <t>Local Equipped Area for Play (LEAP) to support Hemel Hempstead Station Gateway (Hm08)</t>
  </si>
  <si>
    <t>On-site Local Equipped Area for Play (LEAP) to support Hemel Hempstead Station Gateway (Hm08)</t>
  </si>
  <si>
    <t>GI48</t>
  </si>
  <si>
    <t>Local Equipped Area for Play (LEAP) to support National Grid and 339-353 London Road (Hm09)</t>
  </si>
  <si>
    <t>On-site Local Equipped Area for Play (LEAP) to support National Grid and 339-353 London Road (Hm09)</t>
  </si>
  <si>
    <t>GI49</t>
  </si>
  <si>
    <t>Local Equipped Area for Play (LEAP) to support Apsley Mills Retail Park (Hm10)</t>
  </si>
  <si>
    <t>On-site Local Equipped Area for Play (LEAP) to support Apsley Mills Retail Park (Hm10)</t>
  </si>
  <si>
    <t>GI50</t>
  </si>
  <si>
    <t>Local Equipped Area for Play (LEAP) to support Shendish Manor and Fairfields (Hm11)</t>
  </si>
  <si>
    <t>On-site Local Equipped Area for Play (LEAP) to support Shendish Manor and Fairfields (Hm11)</t>
  </si>
  <si>
    <t>GI51</t>
  </si>
  <si>
    <t>Local Equipped Area for Play (LEAP) to support Plots 2/3 Kier Park, Maylands Avenue (Hm12)</t>
  </si>
  <si>
    <t>On-site Local Equipped Area for Play (LEAP) to support Plots 2/3 Kier Park, Maylands Avenue (Hm12)</t>
  </si>
  <si>
    <t>GI52</t>
  </si>
  <si>
    <t>Local Equipped Area for Play (LEAP) to support Polehanger Lane (Hm13)</t>
  </si>
  <si>
    <t>On-site Local Equipped Area for Play (LEAP) to support Polehanger Lane (Hm13)</t>
  </si>
  <si>
    <t>GI53</t>
  </si>
  <si>
    <t>Local Equipped Area for Play (LEAP) to support Marchmont Farm (Hm14)</t>
  </si>
  <si>
    <t>On-site Local Equipped Area for Play (LEAP) to support Marchmont Farm (Hm14)</t>
  </si>
  <si>
    <t>GI54</t>
  </si>
  <si>
    <t>Local Equipped Area for Play (LEAP) to support Old Town (Hm15)</t>
  </si>
  <si>
    <t>On-site Local Equipped Area for Play (LEAP) to support Old Town (Hm15)</t>
  </si>
  <si>
    <t>GI55</t>
  </si>
  <si>
    <t>Local Equipped Area for Play (LEAP) to support Site to the south of Green Lane (Hm16)</t>
  </si>
  <si>
    <t>On-site Local Equipped Area for Play (LEAP) to support Site to the south of Green Lane (Hm16)</t>
  </si>
  <si>
    <t>GI56</t>
  </si>
  <si>
    <t>Local Equipped Area for Play (LEAP) to support Grovehill Local Centre (Henry Wells Square) (Grovehill NDP)</t>
  </si>
  <si>
    <t>On-site Local Equipped Area for Play (LEAP) to support Grovehill Local Centre (Henry Wells Square) (Grovehill NDP)</t>
  </si>
  <si>
    <t>GI57</t>
  </si>
  <si>
    <t>2 Neighbourhood Equipped Area for Play (NEAP), to support North Hemel Hempstead (Hm01)</t>
  </si>
  <si>
    <t>2 on-site Neighbourhood Equipped Areas for Play (NEAP), to support North Hemel Hempstead (Hm01)</t>
  </si>
  <si>
    <t>The Dacorum Borough Council Open Space, Sport and Leisure Background Topic Paper (2020) sets out a cost per NEAP of £165,000. A 31.8% uplift has been applied to the Q1 2020 base cost, to achieve a cost for Q3 2024. It is assumed the cost will be uplifted again at the time of planning application determination in line with the BCIS index.</t>
  </si>
  <si>
    <t>The Dacorum Borough Council Open Space, Sport and Leisure Background Topic Paper (2020) sets out the requirement for the provision of 1 NEAP for every development over 500 dwellings.</t>
  </si>
  <si>
    <t>GI58</t>
  </si>
  <si>
    <t>1 Neighbourhood Equipped Area for Play (NEAP), to support Shendish Manor and Fairfields (Hm11)</t>
  </si>
  <si>
    <t>1 on-site Neighbourhood Equipped Area for Play (NEAP), to support Shendish Manor and Fairfields (Hm11), supported by off-site contributions</t>
  </si>
  <si>
    <t>GI59</t>
  </si>
  <si>
    <t>1 Neighbourhood Equipped Area for Play (NEAP), to support Polehanger Lane (Hm13)</t>
  </si>
  <si>
    <t>1 on-site Neighbourhood Equipped Area for Play (NEAP), to support Polehanger Lane (Hm13)</t>
  </si>
  <si>
    <t>GI60</t>
  </si>
  <si>
    <t xml:space="preserve">Contribution towards off-site Neighbourhood Equipped Area for Play (NEAP) </t>
  </si>
  <si>
    <t xml:space="preserve">Contribution by Apsley Mills Retail Park (Hm10) towards off-site Neighbourhood Equipped Area for Play (NEAP) </t>
  </si>
  <si>
    <t>GI61</t>
  </si>
  <si>
    <t>3 Multi-Use Games Areas (MUGA), in North Hemel Hempstead (Hm01)</t>
  </si>
  <si>
    <t>3 on-site Multi-Use Games Areas (MUGA), delivered by North Hemel Hempstead (Hm01)</t>
  </si>
  <si>
    <t>The Dacorum Borough Council Open Space, Sport and Leisure Background Topic Paper (2020) sets out the requirement for the provision of 1 MUGA for every development over 200 dwellings.
Multi-Use Games Area - a play space that enables a range of informal sport and games to take place and that meets the minimum standards of this type of provision.</t>
  </si>
  <si>
    <t>GI62</t>
  </si>
  <si>
    <t>1 Multi-Use Games Area (MUGA), in Hemel Hospital/Market Square (Hm03)</t>
  </si>
  <si>
    <t>1 on-site Multi-Use Games Area (MUGA), in Hemel Hospital/Market Square (Hm03), with contributions from Paradise (Hm04), Civic Zone, Marlowes (Hm02), Riverside (Hm06)</t>
  </si>
  <si>
    <t>Hemel Hospital/Market Square (Hm03); Paradise (Hm04), Civic Zone, Marlowes (Hm02); Riverside (Hm06)</t>
  </si>
  <si>
    <t>GI63</t>
  </si>
  <si>
    <t>1 Multi-Use Games Area (MUGA), in Hemel Hempstead Station Gateway (Hm08)</t>
  </si>
  <si>
    <t>1 Multi-Use Games Area (MUGA), in Hemel Hempstead Station Gateway (Hm08), with contributions from National Grid and 339-353 London Road (Hm09)</t>
  </si>
  <si>
    <t>GI64</t>
  </si>
  <si>
    <t>1 Multi-Use Games Area (MUGA), in Shendish Manor and Fairfields (Hm11)</t>
  </si>
  <si>
    <t>GI65</t>
  </si>
  <si>
    <t>1 Multi-Use Games Area (MUGA), in Plots 2/3 Kier Park, Maylands Avenue (Hm12)</t>
  </si>
  <si>
    <t>1 Multi-Use Games Area (MUGA), delivered by Plots 2/3 Kier Park, Maylands Avenue (Hm12)</t>
  </si>
  <si>
    <t>GI66</t>
  </si>
  <si>
    <t xml:space="preserve">2 Multi-Use Games Areas (MUGA), delivered by Polehanger Lane (Hm13) </t>
  </si>
  <si>
    <t xml:space="preserve">2 on-site Multi-Use Games Areas (MUGA), delivered by Polehanger Lane (Hm13) </t>
  </si>
  <si>
    <t>GI67</t>
  </si>
  <si>
    <t>1 Multi-Use Games Area (MUGA), delivered by Marchmont Farm (Hm14)</t>
  </si>
  <si>
    <t>1 on-site Multi-Use Games Area (MUGA), delivered by Marchmont Farm (Hm14)</t>
  </si>
  <si>
    <t>GI68</t>
  </si>
  <si>
    <t>2 Multi-Use Games Areas (MUGA), delivered by Grovehill Local Centre (Henry Wells Square) (Grovehill NDP)</t>
  </si>
  <si>
    <t>2 on-site Multi-Use Games Areas (MUGA), delivered by Grovehill Local Centre (Henry Wells Square) (Grovehill NDP)</t>
  </si>
  <si>
    <t>GI69</t>
  </si>
  <si>
    <t xml:space="preserve">Contribution towards off-site Multi-Use Games Area (MUGA) </t>
  </si>
  <si>
    <t>Contribution towards off-site Multi-Use Games Area (MUGA)</t>
  </si>
  <si>
    <t>GI70</t>
  </si>
  <si>
    <t>Contribution towards allotments in North Hemel Hempstead (H1)</t>
  </si>
  <si>
    <t>On-site provision of Associated local green infrastructure requirements to support development at North Hemel Hempstead in accordance with the HGC Framework Plan. 
Contribution towards 0.9 hectares of allotments required to support growth at North Hemel Hempstead (H1)</t>
  </si>
  <si>
    <t>As Fields in Trust does not provide guidance on allotment provision, to ensure consistency between districts, the Dacorum Borough Council Open Space, Sport and Leisure Background Topic Paper (2020) has been used. It sets out a cost per hectare of allotments of £225,000. A 31.8% uplift has been applied to the Q1 2020 base cost, to achieve a cost for Q3 2024. It is assumed the cost will be uplifted again at the time of planning application determination in line with the BCIS index.</t>
  </si>
  <si>
    <t>As Fields in Trust does not provide guidance on the hectares of allotments required per 1,000 population, the same standard has been used as DBC Local Plan sites (0.25 hectares per 1,000 of the population, as per the Dacorum Borough Council Open Space, Sport and Leisure Background Topic Paper (2020)).</t>
  </si>
  <si>
    <t>GI71</t>
  </si>
  <si>
    <t>Contribution towards allotments in East Hemel Hempstead (North) (H2)</t>
  </si>
  <si>
    <t>On-site provision of Associated local green infrastructure requirements to support development at East Hemel Hempstead (North) in accordance with the HGC Framework Plan. Contribution towards 0.96 hectares of allotments required to support growth at East Hemel Hempstead (North) (H2)</t>
  </si>
  <si>
    <t>GI72</t>
  </si>
  <si>
    <t>Contribution towards allotments in East Hemel Hempstead (South) (H4)</t>
  </si>
  <si>
    <t>On-site provision of Associated local green infrastructure requirements to support development at East Hemel Hempstead (South) in accordance with the HGC Framework Plan. Contribution towards 1.44 hectares of allotments required to support growth at East Hemel Hempstead (South) (H4)</t>
  </si>
  <si>
    <t>GI73</t>
  </si>
  <si>
    <t>Contribution towards allotments in North Hemel Hempstead (Hm01)</t>
  </si>
  <si>
    <t>Associated local green infrastructure requirements to support development at North Hemel Hempstead (Hm01) in accordance with the HGC Framework Plan. Contribution towards 3 hectares of allotments required to support growth at North Hemel Hempstead (Hm01)</t>
  </si>
  <si>
    <t>2032-2050</t>
  </si>
  <si>
    <t>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t>
  </si>
  <si>
    <t>The Dacorum Borough Council Open Space, Sport and Leisure Background Topic Paper (2020) sets out the requirement for the provision of 0.25ha of allotment provision per 1,000 of the population.</t>
  </si>
  <si>
    <t>GI74</t>
  </si>
  <si>
    <t>Contribution towards allotments in Civic Zone, Marlowes (Hm02)</t>
  </si>
  <si>
    <t>Contribution towards 0.12 hectares of allotments required to support growth at Civic Zone, Marlowes (Hm02)</t>
  </si>
  <si>
    <t>GI75</t>
  </si>
  <si>
    <t>Contribution towards allotments in Hemel Hospital/Market Square (Hm03)</t>
  </si>
  <si>
    <t>Contribution towards 0.27 hectares of allotments required to support growth at Hemel Hospital/Market Square (Hm03)</t>
  </si>
  <si>
    <t>GI76</t>
  </si>
  <si>
    <t>Contribution towards allotments in Paradise (Hm04)</t>
  </si>
  <si>
    <t>Contribution towards 0.21 hectares of allotments required to support growth at Paradise (Hm04)</t>
  </si>
  <si>
    <t>GI77</t>
  </si>
  <si>
    <t>Contribution towards allotments in Riverside (Hm06)</t>
  </si>
  <si>
    <t>Contribution towards 0.3 hectares of allotments required to support growth at Riverside (Hm06)</t>
  </si>
  <si>
    <t>GI78</t>
  </si>
  <si>
    <t>Contribution towards allotments in Symbio Site, Whiteleaf Road (Hm07)</t>
  </si>
  <si>
    <t>Contribution towards 0.06 hectares of allotments required to support growth at Symbio Site, Whiteleaf Road (Hm07)</t>
  </si>
  <si>
    <t>GI79</t>
  </si>
  <si>
    <t>Contribution towards allotments in Hemel Hempstead Station Gateway (Hm08)</t>
  </si>
  <si>
    <t>Contribution towards 0.23 hectares of allotments required to support growth at Hemel Hempstead Station Gateway (Hm08)</t>
  </si>
  <si>
    <t>GI80</t>
  </si>
  <si>
    <t>Contribution towards allotments in National Grid and 339-353 London Road (Hm09)</t>
  </si>
  <si>
    <t>Contribution towards 0.29 hectares of allotments required to support growth at National Grid and 339-353 London Road (Hm09)</t>
  </si>
  <si>
    <t>GI81</t>
  </si>
  <si>
    <t xml:space="preserve">Contribution towards allotments in Apsley Mills Retail Park (Hm10) </t>
  </si>
  <si>
    <t xml:space="preserve">Contribution towards 0.3 hectares of allotments required to support growth at Apsley Mills Retail Park (Hm10) </t>
  </si>
  <si>
    <t>GI82</t>
  </si>
  <si>
    <t>Contribution towards allotments in Shendish Manor and Fairfields (Hm11)</t>
  </si>
  <si>
    <t>Contribution towards 0.3 hectares of allotments required to support growth at Shendish Manor and Fairfields (Hm11)</t>
  </si>
  <si>
    <t>GI83</t>
  </si>
  <si>
    <t>Contribution towards allotments in Plots 2/3 Kier Park, Maylands Avenue (Hm12)</t>
  </si>
  <si>
    <t>Contribution towards 0.14 hectares of allotments required to support growth at Plots 2/3 Kier Park, Maylands Avenue (Hm12)</t>
  </si>
  <si>
    <t>GI84</t>
  </si>
  <si>
    <t xml:space="preserve">Contribution towards allotments in Polehanger Lane (Hm13) </t>
  </si>
  <si>
    <t xml:space="preserve">Contribution towards 0.45 hectares of allotments required to support growth at Polehanger Lane (Hm13) </t>
  </si>
  <si>
    <t>GI85</t>
  </si>
  <si>
    <t>Contribution towards allotments in Marchmont Farm (Hm14)</t>
  </si>
  <si>
    <t>Contribution towards 0.21 hectares of allotments required to support growth at Marchmont Farm (Hm14)</t>
  </si>
  <si>
    <t>GI86</t>
  </si>
  <si>
    <t xml:space="preserve">Contribution towards allotments in Old Town (Hm15) </t>
  </si>
  <si>
    <t xml:space="preserve">Contribution towards 0.05 hectares of allotments required to support growth at Old Town (Hm15) </t>
  </si>
  <si>
    <t>GI87</t>
  </si>
  <si>
    <t>Contribution towards allotments in Site to the south of Green Lane (Hm16)</t>
  </si>
  <si>
    <t>Contribution towards 0.05 hectares of allotments required to support growth at Site to the south of Green Lane (Hm16)</t>
  </si>
  <si>
    <t>GI88</t>
  </si>
  <si>
    <t>Contribution towards allotments in Grovehill Local Centre (Henry Wells Square) (Grovehill NDP)</t>
  </si>
  <si>
    <t>Contribution towards 0.12 hectares of allotments required to support growth at Grovehill Local Centre (Henry Wells Square) (Grovehill NDP)</t>
  </si>
  <si>
    <t>GI89</t>
  </si>
  <si>
    <t>Contribution towards allotments across windfall sites</t>
  </si>
  <si>
    <t>Contribution towards 1.43 hectares of allotments required to support growth across windfall sites</t>
  </si>
  <si>
    <t>GI90</t>
  </si>
  <si>
    <t>Contribution towards amenity greenspace in North Hemel Hempstead (H1)</t>
  </si>
  <si>
    <t>On-site provision of Associated local green infrastructure requirements to support development at North Hemel Hempstead in accordance with the HGC Framework Plan. Contribution towards 2.16 hectares of amenity greenspace required to support growth at North Hemel Hempstead (H1)</t>
  </si>
  <si>
    <t>As Fields in Trust does not provide guidance on cost per hectare of amenity greenspace provision, to ensure consistency between districts, the costs within the Dacorum Borough Council Open Space, Sport and Leisure Background Topic Paper (2020) has been used. It sets out a cost per hectare of amenity greenspace of £160,000. A 31.8% uplift has been applied to the Q1 2020 base cost, to achieve a cost for Q3 2024. It is assumed the cost will be uplifted again at the time of planning application determination in line with the BCIS index.</t>
  </si>
  <si>
    <t>The Fields in Trust Green space calculator sets out the requirement for the provision of 0.6ha of amenity greenspace provision per 1,000 of the population.</t>
  </si>
  <si>
    <t>Fields in Trust Green space calculator (Accessed May 2025)</t>
  </si>
  <si>
    <t>GI91</t>
  </si>
  <si>
    <t>Contribution towards amenity greenspace in East Hemel Hempstead (North) (H2)</t>
  </si>
  <si>
    <t>On-site provision of Associated local green infrastructure requirements to support development at East Hemel Hempstead (North) in accordance with the HGC Framework Plan. Contribution towards 2.3 hectares of amenity greenspace required to support growth at East Hemel Hempstead (North) (H2)</t>
  </si>
  <si>
    <t>GI92</t>
  </si>
  <si>
    <t>Contribution towards amenity greenspace in East Hemel Hempstead (South) (H4)</t>
  </si>
  <si>
    <t>On-site provision of Associated local green infrastructure requirements to support development at East Hemel Hempstead (South) in accordance with the HGC Framework Plan. Contribution towards 3.46 hectares of amenity greenspace required to support growth at East Hemel Hempstead (South) (H4)</t>
  </si>
  <si>
    <t>The Dacorum Borough Council Open Space, Sport and Leisure Background Topic Paper (2020) sets out a cost per hectare of amenity greenspace of £160,000, which has been used for SADC sites to ensure alignment. A 31.8% uplift has been applied to the Q1 2020 base cost, to achieve a cost for Q3 2024. It is assumed the cost will be uplifted again at the time of planning application determination in line with the BCIS index.</t>
  </si>
  <si>
    <t>GI93</t>
  </si>
  <si>
    <t>Associated local green infrastructure requirements to support development at North Hemel Hempstead (Hm01) in accordance with the HGC Framework Plan. Contribution towards 7.2 hectares of amenity greenspace required to support growth at North Hemel Hempstead (Hm01)</t>
  </si>
  <si>
    <t>Contribution towards 7.2 hectares of amenity greenspace required to support growth at North Hemel Hempstead (Hm01)</t>
  </si>
  <si>
    <t>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t>
  </si>
  <si>
    <t>The Dacorum Borough Council Open Space, Sport and Leisure Background Topic Paper (2020) sets out the requirement for the provision of 0.6ha of amenity greenspace provision per 1,000 of the population.</t>
  </si>
  <si>
    <t>GI94</t>
  </si>
  <si>
    <t>Contribution towards amenity greenspace in Hemel Hospital/Market Square (Hm03)</t>
  </si>
  <si>
    <t>Contribution towards 0.65 hectares of amenity greenspace required to support growth at Hemel Hospital/Market Square (Hm03)</t>
  </si>
  <si>
    <t>GI95</t>
  </si>
  <si>
    <t>Contribution towards amenity greenspace in Paradise (Hm04)</t>
  </si>
  <si>
    <t>Contribution towards 0.5 hectares of amenity greenspace required to support growth at Paradise (Hm04)</t>
  </si>
  <si>
    <t>GI96</t>
  </si>
  <si>
    <t>Contribution towards amenity greenspace in Civic Zone, Marlowes (Hm02)</t>
  </si>
  <si>
    <t>Contribution towards 0.29 hectares of amenity greenspace required to support growth at Civic Zone, Marlowes (Hm02)</t>
  </si>
  <si>
    <t>GI97</t>
  </si>
  <si>
    <t>Contribution towards amenity greenspace in Riverside (Hm06)</t>
  </si>
  <si>
    <t>Contribution towards 0.72 hectares of amenity greenspace required to support growth at Riverside (Hm06)</t>
  </si>
  <si>
    <t>GI98</t>
  </si>
  <si>
    <t>Contribution towards amenity greenspace in Symbio Site, Whiteleaf Road (Hm07)</t>
  </si>
  <si>
    <t>Contribution towards 0.14 hectares of amenity greenspace required to support growth at Symbio Site, Whiteleaf Road (Hm07)</t>
  </si>
  <si>
    <t>GI99</t>
  </si>
  <si>
    <t>Contribution towards amenity greenspace in Hemel Hempstead Station Gateway (Hm08)</t>
  </si>
  <si>
    <t>Contribution towards 0.56 hectares of amenity greenspace required to support growth at Hemel Hempstead Station Gateway (Hm08)</t>
  </si>
  <si>
    <t>GI100</t>
  </si>
  <si>
    <t>Contribution towards amenity greenspace in National Grid and 339-353 London Road (Hm09)</t>
  </si>
  <si>
    <t>Contribution towards 0.69 hectares of amenity greenspace required to support growth at National Grid and 339-353 London Road (Hm09)</t>
  </si>
  <si>
    <t>GI101</t>
  </si>
  <si>
    <t xml:space="preserve">Contribution towards amenity greenspace in Apsley Mills Retail Park (Hm10) </t>
  </si>
  <si>
    <t xml:space="preserve">Contribution towards 0.72 hectares of amenity greenspace required to support growth at Apsley Mills Retail Park (Hm10) </t>
  </si>
  <si>
    <t>GI102</t>
  </si>
  <si>
    <t>Contribution towards amenity greenspace in Plots 2/3 Kier Park, Maylands Avenue (Hm12)</t>
  </si>
  <si>
    <t>Contribution towards 0.34 hectares of amenity greenspace required to support growth at Plots 2/3 Kier Park, Maylands Avenue (Hm12)</t>
  </si>
  <si>
    <t>GI103</t>
  </si>
  <si>
    <t>Contribution towards amenity greenspace in Shendish Manor and Fairfields (Hm11)</t>
  </si>
  <si>
    <t>Contribution towards 0.72 hectares of amenity greenspace required to support growth at Shendish Manor and Fairfields (Hm11)</t>
  </si>
  <si>
    <t>GI104</t>
  </si>
  <si>
    <t xml:space="preserve">Contribution towards amenity greenspace in Polehanger Lane (Hm13) </t>
  </si>
  <si>
    <t xml:space="preserve">Contribution towards 1.08 hectares of amenity greenspace required to support growth at Polehanger Lane (Hm13) </t>
  </si>
  <si>
    <t>GI105</t>
  </si>
  <si>
    <t>Contribution towards amenity greenspace in Marchmont Farm (Hm14)</t>
  </si>
  <si>
    <t>Contribution towards 0.5 hectares of amenity greenspace required to support growth at Marchmont Farm (Hm14)</t>
  </si>
  <si>
    <t>GI106</t>
  </si>
  <si>
    <t xml:space="preserve">Contribution towards amenity greenspace in Old Town (Hm15) </t>
  </si>
  <si>
    <t xml:space="preserve">Contribution towards 0.13 hectares of amenity greenspace required to support growth at Old Town (Hm15) </t>
  </si>
  <si>
    <t>GI107</t>
  </si>
  <si>
    <t>Contribution towards amenity greenspace in Site to the south of Green Lane (Hm16)</t>
  </si>
  <si>
    <t>Contribution towards 0.12 hectares of amenity greenspace required to support growth at Site to the south of Green Lane (Hm16)</t>
  </si>
  <si>
    <t>GI108</t>
  </si>
  <si>
    <t>Contribution towards amenity greenspace in Grovehill Local Centre (Henry Wells Square) (Grovehill NDP)</t>
  </si>
  <si>
    <t>Contribution towards 0.29 hectares of amenity greenspace required to support growth at Grovehill Local Centre (Henry Wells Square) (Grovehill NDP)</t>
  </si>
  <si>
    <t>GI109</t>
  </si>
  <si>
    <t>Contribution towards amenity greenspace across windfall sites</t>
  </si>
  <si>
    <t>Contribution towards 3.46 hectares of amenity greenspace required to support growth across windfall sites</t>
  </si>
  <si>
    <t>GI110</t>
  </si>
  <si>
    <t>Contribution towards natural and semi-natural greenspace in North Hemel Hempstead (H1)</t>
  </si>
  <si>
    <t>On-site provision of Associated local green infrastructure requirements to support development at North Hemel Hempstead in accordance with the HGC Framework Plan. Contribution towards 6.48 hectares of natural and semi-natural greenspace required to support growth at North Hemel Hempstead (H1)</t>
  </si>
  <si>
    <t>As Fields in Trust does not provide guidance on cost per hectare of natural and semi-natural greenspace provision, to ensure consistency between districts, the costs within the Dacorum Borough Council Open Space, Sport and Leisure Background Topic Paper (2020) has been used. It sets out a cost per hectare of natural and semi-natural greenspace of £140,000, which has been used for SADC sites to ensure alignment. A 31.8% uplift has been applied to the Q1 2020 base cost, to achieve a cost for Q3 2024. It is assumed the cost will be uplifted again at the time of planning application determination in line with the BCIS index.</t>
  </si>
  <si>
    <t>The Fields in Trust Green space calculator sets out the requirement for the provision of 1.8ha of natural and semi-natural greenspace provision per 1,000 of the population.</t>
  </si>
  <si>
    <t>GI111</t>
  </si>
  <si>
    <t>Contribution towards natural and semi-natural greenspace in East Hemel Hempstead (North) (H2)</t>
  </si>
  <si>
    <t>On-site provision of Associated local green infrastructure requirements to support development at East Hemel Hempstead (North) in accordance with the HGC Framework Plan. Contribution towards 6.91 hectares of natural and semi-natural greenspace required to support growth at East Hemel Hempstead (North) (H2)</t>
  </si>
  <si>
    <t>GI112</t>
  </si>
  <si>
    <t>Contribution towards natural and semi-natural greenspace in East Hemel Hempstead (South) (H4)</t>
  </si>
  <si>
    <t>On-site provision of Associated local green infrastructure requirements to support development at East Hemel Hempstead (South) in accordance with the HGC Framework Plan. Contribution towards 10.37 hectares of natural and semi-natural greenspace required to support growth at East Hemel Hempstead (South) (H4)</t>
  </si>
  <si>
    <t>GI113</t>
  </si>
  <si>
    <t>Associated local green infrastructure requirements to support development at North Hemel Hempstead (Hm01) in accordance with the HGC Framework Plan. Contribution towards 21.6 hectares of natural and semi-natural greenspace required to support growth at North Hemel Hempstead (Hm01)</t>
  </si>
  <si>
    <t>Contribution towards 21.6 hectares of natural and semi-natural greenspace required to support growth at North Hemel Hempstead (Hm01)</t>
  </si>
  <si>
    <t>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t>
  </si>
  <si>
    <t>The Dacorum Borough Council Open Space, Sport and Leisure Background Topic Paper (2020) sets out the requirement for the provision of 1.8ha of natural and semi-natural greenspace provision per 1,000 of the population.</t>
  </si>
  <si>
    <t>GI114</t>
  </si>
  <si>
    <t>Contribution towards natural and semi-natural greenspace in Hemel Hospital/Market Square (Hm03)</t>
  </si>
  <si>
    <t>Contribution towards 1.94 hectares of natural and semi-natural greenspace required to support growth at Hemel Hospital/Market Square (Hm03)</t>
  </si>
  <si>
    <t>GI115</t>
  </si>
  <si>
    <t>Contribution towards natural and semi-natural greenspace in Paradise (Hm04)</t>
  </si>
  <si>
    <t>Contribution towards 1.51 hectares of natural and semi-natural greenspace required to support growth at Paradise (Hm04)</t>
  </si>
  <si>
    <t>GI116</t>
  </si>
  <si>
    <t>Contribution towards natural and semi-natural greenspace in Civic Zone, Marlowes (Hm02)</t>
  </si>
  <si>
    <t>Contribution towards 0.86 hectares of natural and semi-natural greenspace required to support growth at Civic Zone, Marlowes (Hm02)</t>
  </si>
  <si>
    <t>GI117</t>
  </si>
  <si>
    <t>Contribution towards natural and semi-natural greenspace in Riverside (Hm06)</t>
  </si>
  <si>
    <t>Contribution towards 2.16 hectares of natural and semi-natural greenspace required to support growth at Riverside (Hm06)</t>
  </si>
  <si>
    <t>GI118</t>
  </si>
  <si>
    <t>Contribution towards natural and semi-natural greenspace in Symbio Site, Whiteleaf Road (Hm07)</t>
  </si>
  <si>
    <t>Contribution towards 0.43 hectares of natural and semi-natural greenspace required to support growth at Symbio Site, Whiteleaf Road (Hm07)</t>
  </si>
  <si>
    <t>GI119</t>
  </si>
  <si>
    <t>Contribution towards natural and semi-natural greenspace in Hemel Hempstead Station Gateway (Hm08)</t>
  </si>
  <si>
    <t>Contribution towards 1.68 hectares of natural and semi-natural greenspace required to support growth at Hemel Hempstead Station Gateway (Hm08)</t>
  </si>
  <si>
    <t>GI120</t>
  </si>
  <si>
    <t>Contribution towards natural and semi-natural greenspace in National Grid and 339-353 London Road (Hm09)</t>
  </si>
  <si>
    <t>Contribution towards 2.07 hectares of natural and semi-natural greenspace required to support growth at National Grid and 339-353 London Road (Hm09)</t>
  </si>
  <si>
    <t>GI121</t>
  </si>
  <si>
    <t xml:space="preserve">Contribution towards natural and semi-natural greenspace in Apsley Mills Retail Park (Hm10) </t>
  </si>
  <si>
    <t xml:space="preserve">Contribution towards 2.16 hectares of natural and semi-natural greenspace required to support growth at Apsley Mills Retail Park (Hm10) </t>
  </si>
  <si>
    <t>GI122</t>
  </si>
  <si>
    <t>Contribution towards natural and semi-natural greenspace in Plots 2/3 Kier Park, Maylands Avenue (Hm12)</t>
  </si>
  <si>
    <t>Contribution towards 1.01 hectares of natural and semi-natural greenspace required to support growth at Plots 2/3 Kier Park, Maylands Avenue (Hm12)</t>
  </si>
  <si>
    <t>GI123</t>
  </si>
  <si>
    <t>Contribution towards natural and semi-natural greenspace in Shendish Manor and Fairfields (Hm11)</t>
  </si>
  <si>
    <t>Contribution towards 2.16 hectares of natural and semi-natural greenspace required to support growth at Shendish Manor and Fairfields (Hm11)</t>
  </si>
  <si>
    <t>GI124</t>
  </si>
  <si>
    <t xml:space="preserve">Contribution towards natural and semi-natural greenspace in Polehanger Lane (Hm13) </t>
  </si>
  <si>
    <t xml:space="preserve">Contribution towards 3.24 hectares of natural and semi-natural greenspace required to support growth at Polehanger Lane (Hm13) </t>
  </si>
  <si>
    <t>GI125</t>
  </si>
  <si>
    <t>Contribution towards natural and semi-natural greenspace in Marchmont Farm (Hm14)</t>
  </si>
  <si>
    <t>Contribution towards 1.51 hectares of natural and semi-natural greenspace required to support growth at Marchmont Farm (Hm14)</t>
  </si>
  <si>
    <t>GI126</t>
  </si>
  <si>
    <t xml:space="preserve">Contribution towards natural and semi-natural greenspace in Old Town (Hm15) </t>
  </si>
  <si>
    <t xml:space="preserve">Contribution towards 0.39 hectares of natural and semi-natural greenspace required to support growth at Old Town (Hm15) </t>
  </si>
  <si>
    <t>GI127</t>
  </si>
  <si>
    <t>Contribution towards natural and semi-natural greenspace in Site to the south of Green Lane (Hm16)</t>
  </si>
  <si>
    <t>Contribution towards 0.35 hectares of natural and semi-natural greenspace required to support growth at Site to the south of Green Lane (Hm16)</t>
  </si>
  <si>
    <t>GI128</t>
  </si>
  <si>
    <t>Contribution towards natural and semi-natural greenspace in Grovehill Local Centre (Henry Wells Square) (Grovehill NDP)</t>
  </si>
  <si>
    <t>Contribution towards 0.86 hectares of natural and semi-natural greenspace required to support growth at Grovehill Local Centre (Henry Wells Square) (Grovehill NDP)</t>
  </si>
  <si>
    <t>GI129</t>
  </si>
  <si>
    <t>Contribution towards natural and semi-natural greenspace across windfall sites</t>
  </si>
  <si>
    <t>Contribution towards 10.28 hectares of natural and semi-natural greenspace required to support growth across windfall sites</t>
  </si>
  <si>
    <t>GI130</t>
  </si>
  <si>
    <t>Contribution towards public parks and gardens in North Hemel Hempstead (H1)</t>
  </si>
  <si>
    <t>On-site provision of Associated local green infrastructure requirements to support development at North Hemel Hempstead in accordance with the HGC Framework Plan. Contribution towards 2.88 hectares of public parks and gardens required to support growth in North Hemel Hempstead (H1)</t>
  </si>
  <si>
    <t>As Fields in Trust does not provide guidance on cost per hectare of parks and gardens provision, to ensure consistency between districts, the costs within the Dacorum Borough Council Open Space, Sport and Leisure Background Topic Paper (2020) has been used. It sets out a cost per hectare of parks and gardens of £440,000, which has been used for SADC sites to ensure alignment. A 31.8% uplift has been applied to the Q1 2020 base cost, to achieve a cost for Q3 2024. It is assumed the cost will be uplifted again at the time of planning application determination in line with the BCIS index.</t>
  </si>
  <si>
    <t>The Fields in Trust Green space calculator sets out the requirement for the provision of 0.8ha of parks and gardens provision per 1,000 of the population.</t>
  </si>
  <si>
    <t>GI131</t>
  </si>
  <si>
    <t>Contribution towards public parks and gardens in East Hemel Hempstead (H2)</t>
  </si>
  <si>
    <t>On-site provision of Associated local green infrastructure requirements to support development at East Hemel Hempstead (North) in accordance with the HGC Framework Plan. contribution towards 3.07 hectares of public parks and gardens required to support growth in East Hemel Hempstead (H2)</t>
  </si>
  <si>
    <t>GI132</t>
  </si>
  <si>
    <t>Contribution towards public parks and gardens in East Hemel Hempstead (H4)</t>
  </si>
  <si>
    <t>On-site provision of Associated local green infrastructure requirements to support development at East Hemel Hempstead (South) in accordance with the HGC Framework Plan. Contribution towards 4.61 hectares of public parks and gardens required to support growth in East Hemel Hempstead (H4)</t>
  </si>
  <si>
    <t>GI133</t>
  </si>
  <si>
    <t>Contribution towards public parks and gardens in North Hemel Hempstead (Hm01)</t>
  </si>
  <si>
    <t>Associated local green infrastructure requirements to support development at North Hemel Hempstead (Hm01) in accordance with the HGC Framework Plan. Contribution towards 9.6 hectares of public parks and gardens required to support growth in North Hemel Hempstead (Hm01)</t>
  </si>
  <si>
    <t>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t>
  </si>
  <si>
    <t>The Dacorum Borough Council Open Space, Sport and Leisure Background Topic Paper (2020) sets out the requirement for the provision of 0.8ha of public parks and garden provision per 1,000 of the population.</t>
  </si>
  <si>
    <t>GI134</t>
  </si>
  <si>
    <t>Contribution towards public parks and gardens in Hemel Hospital/Market Square (Hm03)</t>
  </si>
  <si>
    <t>Contribution towards 0.86 hectares of public parks and gardens required to support growth in Hemel Hospital/Market Square (Hm03)</t>
  </si>
  <si>
    <t>GI135</t>
  </si>
  <si>
    <t>Contribution towards public parks and gardens in Paradise (Hm04)</t>
  </si>
  <si>
    <t>Contribution towards 0.67 hectares of public parks and gardens required to support growth in Paradise (Hm04)</t>
  </si>
  <si>
    <t>GI136</t>
  </si>
  <si>
    <t>Contribution towards public parks and gardens in Civic Zone, Marlowes (Hm02)</t>
  </si>
  <si>
    <t>Contribution towards 0.38 hectares of public parks and gardens required to support growth in Civic Zone, Marlowes (Hm02)</t>
  </si>
  <si>
    <t>GI137</t>
  </si>
  <si>
    <t>Contribution towards public parks and gardens in Riverside (Hm06)</t>
  </si>
  <si>
    <t>Contribution towards 0.58 hectares of public parks and gardens required to support growth in Riverside (Hm06)</t>
  </si>
  <si>
    <t>GI138</t>
  </si>
  <si>
    <t>Contribution towards public parks and gardens in Symbio Site, Whiteleaf Road (Hm07)</t>
  </si>
  <si>
    <t>Contribution towards 0.19 hectares of public parks and gardens required to support growth in Symbio Site, Whiteleaf Road (Hm07)</t>
  </si>
  <si>
    <t>GI139</t>
  </si>
  <si>
    <t>Contribution towards public parks and gardens in Hemel Hempstead Station Gateway (Hm08)</t>
  </si>
  <si>
    <t>Contribution towards 0.75 hectares of public parks and gardens required to support growth in Hemel Hempstead Station Gateway (Hm08)</t>
  </si>
  <si>
    <t>GI140</t>
  </si>
  <si>
    <t>Contribution towards public parks and gardens in National Grid and 339-353 London Road (Hm09)</t>
  </si>
  <si>
    <t>Contribution towards 0.92 hectares of public parks and gardens required to support growth in National Grid and 339-353 London Road (Hm09)</t>
  </si>
  <si>
    <t>GI141</t>
  </si>
  <si>
    <t xml:space="preserve">Contribution towards public parks and gardens in Apsley Mills Retail Park (Hm10) </t>
  </si>
  <si>
    <t>Contribution towards 0.96 hectares of public parks and gardens required to support growth in Apsley Mills Retail Park (Hm10)</t>
  </si>
  <si>
    <t>GI142</t>
  </si>
  <si>
    <t>Contribution towards public parks and gardens in Plots 2/3 Kier Park, Maylands Avenue (Hm12)</t>
  </si>
  <si>
    <t>Contribution towards 0.45 hectares of public parks and gardens required to support growth in Plots 2/3 Kier Park, Maylands Avenue (Hm12)</t>
  </si>
  <si>
    <t>GI143</t>
  </si>
  <si>
    <t>Contribution towards public parks and gardens in Shendish Manor and Fairfields (Hm11)</t>
  </si>
  <si>
    <t>Contribution towards 0.96 hectares of public parks and gardens required to support growth in Shendish Manor and Fairfields (Hm11)</t>
  </si>
  <si>
    <t>GI144</t>
  </si>
  <si>
    <t xml:space="preserve">Contribution towards public parks and gardens in Polehanger Lane (Hm13) </t>
  </si>
  <si>
    <t>Contribution towards 0.45 hectares of public parks and gardens required to support growth in Polehanger Lane (Hm13)</t>
  </si>
  <si>
    <t>GI145</t>
  </si>
  <si>
    <t>Contribution towards public parks and gardens in Marchmont Farm (Hm14)</t>
  </si>
  <si>
    <t>Contribution towards 0.67 hectares of public parks and gardens required to support growth in Marchmont Farm (Hm14)</t>
  </si>
  <si>
    <t>GI146</t>
  </si>
  <si>
    <t xml:space="preserve">Contribution towards public parks and gardens in Old Town (Hm15) </t>
  </si>
  <si>
    <t>Contribution towards 0.17 hectares of public parks and gardens required to support growth in Old Town (Hm15)</t>
  </si>
  <si>
    <t>GI147</t>
  </si>
  <si>
    <t>Contribution towards public parks and gardens in Site to the south of Green Lane (Hm16)</t>
  </si>
  <si>
    <t>Contribution towards 0.15 hectares of public parks and gardens required to support growth in Site to the south of Green Lane (Hm16)</t>
  </si>
  <si>
    <t>GI148</t>
  </si>
  <si>
    <t>Contribution towards public parks and gardens in Grovehill Local Centre (Henry Wells Square) (Grovehill NDP)</t>
  </si>
  <si>
    <t>Contribution towards 0.38 hectares of public parks and gardens required to support growth in Grovehill Local Centre (Henry Wells Square) (Grovehill NDP)</t>
  </si>
  <si>
    <t>GI149</t>
  </si>
  <si>
    <t>Contribution towards public parks and gardens across windfall sites</t>
  </si>
  <si>
    <t>Contribution towards 4.58 hectares of public parks and gardens required to support growth across windfall sites</t>
  </si>
  <si>
    <t>HS1</t>
  </si>
  <si>
    <t>Healthcare Infrastructure investment to support development at North Hemel Hempstead (H1)</t>
  </si>
  <si>
    <t xml:space="preserve">The HWE ICB will seek a financial contribution from North Hemel Hempstead (H1) to support the on-site delivery at East Hemel Hempstead (North) (H2) growth location. </t>
  </si>
  <si>
    <t>S106 / CIL / External Funding (ICB)</t>
  </si>
  <si>
    <t xml:space="preserve">Off-site*: Only if there are significant delays in bringing forward East Hemel Hempstead (North) (H2) and North of Hemel Hempstead (H1) comes forward first. In this scenario, where the new medical facility is delivered on Hemel Hempstead North, a developer contribution will be sought. </t>
  </si>
  <si>
    <t>HS2</t>
  </si>
  <si>
    <t>HS3</t>
  </si>
  <si>
    <t>HS4</t>
  </si>
  <si>
    <t>Healthcare Infrastructure investment to support development at North Hemel Hempstead (Hm01)</t>
  </si>
  <si>
    <t xml:space="preserve">On-site Healthcare Provision (i.e. primary and community and mental healthcare provision) required to support development at North Hemel Hempstead (Hm01) growth location. This may take a form of a branch surgery/surgeries or relocation/s. Estimated floorspace- 1,194m2 NIA. </t>
  </si>
  <si>
    <t>HS5</t>
  </si>
  <si>
    <t>Healthcare Infrastructure investment to support development at Shendish Manor and Fairfields (Hm11)</t>
  </si>
  <si>
    <t>The HWE ICB has identified the need to reserve an option for a new medical facility at Shendish Manor and Fairfields (Hm11) (i.e. primary and community and mental healthcare provision). Without an additional health facility, such a large number of new homes will have a significant impact on local GP practices, especially Lincoln House and Bennetts End surgeries. Estimated floorspace TBC.</t>
  </si>
  <si>
    <t>HS6</t>
  </si>
  <si>
    <t xml:space="preserve">The HWE ICB has approved the Grovehill Surgery's Project Initiation Document (PID) for relocation within the close proximity of their existing site. This scheme is expected to cater for the practice’s current patient population as well as some moderate growth. The HWE ICB will seek financial contributions from Marchmont Farm and other sites, including windfall sites impacting on Grovehill Surgery. </t>
  </si>
  <si>
    <t xml:space="preserve">Forward funded project which will be completed ahead of planned housing growth. The HWE ICB will seek developer contributions to offset their forward investment. </t>
  </si>
  <si>
    <t>HS7</t>
  </si>
  <si>
    <t>Healthcare Infrastructure investment to support development in Hemel Hempstead Town Centre (Market square/Hospital site Hm03)</t>
  </si>
  <si>
    <t>The HWE ICB identify the need to reserve an option for a new primary health facility at Hemel Hospital/Market Square (Hm03). This may take a form of a branch surgery or a relocation of Fernville Practice. Options are being developed to include the proposed relocation of health services currently provided at Hemel Hempstead Hospital to the town centre health campus.
For the purposes of the IDP the Hospital and Market Square sites are considered together. Should Hospital Site and Market Square not come forward as a suitable sites for a Medical Centre, alternative provision will need to be explored in a suitable town centre location.</t>
  </si>
  <si>
    <t xml:space="preserve">Work is in train to produce a Strategic Business Case for the Hemel Health Campus which may include this proposed new medical facility. If this is not considered suitable alternative options will need to be explored. </t>
  </si>
  <si>
    <t xml:space="preserve">For the purposes of the IDP, the Hospital and Market Square sites are considered together. Should Hospital Site and Market Square not come forward as a suitable site for a Medical Centre, alternative provision will need to be explored in a suitable town centre location, Riverside or otherwise. </t>
  </si>
  <si>
    <t>HS9</t>
  </si>
  <si>
    <t>Hospital redevelopment and investment</t>
  </si>
  <si>
    <t>Redevelopment and investment across Watford, Hemel Hempstead and St Albans Hospitals</t>
  </si>
  <si>
    <t>South West Hertfordshire</t>
  </si>
  <si>
    <t xml:space="preserve">NHS West Hertfordshire Teaching Hospitals Trust </t>
  </si>
  <si>
    <t>S106 / CIL / External Funding</t>
  </si>
  <si>
    <t>The business case for the new hospital is predicated on funding from a number of sources in addition to Treasury funding, including developer contributions, which national planning policy allows for, where it is possible to demonstrate a clear pathway of cause and effect upon hospital services and providing related Community Infrastructure Levy (CIL) tests are met.</t>
  </si>
  <si>
    <t xml:space="preserve">Plans for the proposed new hospital are being progressed as part of the Government’s New Hospital Programme. Further floorspace will be required to provide additional acute bed spaces and associated clinical care functions in elective surgery, emergency and maternity departments as a consequence of the additional housing growth in South West Hertfordshire. </t>
  </si>
  <si>
    <t>HWE ICB and NHS System Partner Regulation 19 Response to the DBC and SADC Local Plans, verified through engagement with HWE ICB March 2025.</t>
  </si>
  <si>
    <t>HS10</t>
  </si>
  <si>
    <t>Mental healthcare facilities</t>
  </si>
  <si>
    <t xml:space="preserve">Where the HWE ICB has identified a need for a new on-site medical facility to support housing growth,(as itemised in this IDP), these new on-site healthcare hubs will offer mental health service, in addition to primary healthcare. </t>
  </si>
  <si>
    <t>Programme area</t>
  </si>
  <si>
    <t xml:space="preserve">Hertfordshire Partnership Foundation NHS Trust (HPFT) </t>
  </si>
  <si>
    <t>HWE ICB have provided a mental health cost per dwelling of £338.92, which has been applied across all sites within the programme area.</t>
  </si>
  <si>
    <t>Estimated floorspace for each new on-site medical facility includes mental health service floorspace requirements.</t>
  </si>
  <si>
    <t>HS11</t>
  </si>
  <si>
    <t>Community healthcare facilities</t>
  </si>
  <si>
    <t xml:space="preserve">Where the HWE ICB has identified a need for a new on-site medical facility to support housing growth,(as itemised in this IDP), these new on-site healthcare hubs will offer community healthcare facilities and services, in addition to primary healthcare. </t>
  </si>
  <si>
    <t xml:space="preserve">Hertfordshire Community NHS Trust (HCT) </t>
  </si>
  <si>
    <t>HWE ICB have provided a community health cost per dwelling of £352.68, which has been applied across all sites within the programme area.</t>
  </si>
  <si>
    <t>Estimated floorspace for each new on-site medical facility includes community health service floorspace requirements.</t>
  </si>
  <si>
    <t>HS12</t>
  </si>
  <si>
    <t>Adult Care Facilities at North Hemel Hempstead (H1)</t>
  </si>
  <si>
    <t>On-site provision of 140-160 self-contained housing with care units in each facility, one 70-80 bed nursing home and 6 supported living units for people with learning and/or physical disabilities.</t>
  </si>
  <si>
    <t>No cost was provided by HCC.</t>
  </si>
  <si>
    <t>Scheme was provided by HCC through their representations to SADC Regulation 19 Local Plan, verified through engagement with HCC in March 2025.</t>
  </si>
  <si>
    <t>HS13</t>
  </si>
  <si>
    <t>Adult Care Facilities at East Hemel Hempstead (North) (H2)</t>
  </si>
  <si>
    <t>HS14</t>
  </si>
  <si>
    <t>Adult Care Facilities at East Hemel Hempstead (South) (H4)</t>
  </si>
  <si>
    <t>On-site provision of 210-240 self-contained housing with care units in each facility, two 70-80 bed nursing homes and 9 supported living units for people with learning and/or physical disabilities.</t>
  </si>
  <si>
    <t>HS15</t>
  </si>
  <si>
    <t>Adult Care Facilities at North Hemel Hempstead (Hm01)</t>
  </si>
  <si>
    <t>HCC recommends 210-240 housing with care units (with at least 140 social housing with care units); three 70-80 bed nursing homes and 18 supported living units for people with learning and/or physical disabilities. On the Crown Estate area, HCC recommend a minimum of 160 self-contained units; one 70-80 bed nursing home and 6 supported living units for people with learning and/or physical disabilities.</t>
  </si>
  <si>
    <t>Scheme was provided by HCC through their representations to DBC Regulation 18 Local Plan, verified through engagement with HCC in March 2025.</t>
  </si>
  <si>
    <t>HS16</t>
  </si>
  <si>
    <t xml:space="preserve">Adult Care Facilities at Hemel Hempstead Hospital / Market Square (Hm03) </t>
  </si>
  <si>
    <t xml:space="preserve">HCC suggest that a town centre location either at this site or at Paradise would be suitable for a housing with care scheme and would therefore suggest adult care facilities provision at one of these sites. </t>
  </si>
  <si>
    <t>HS17</t>
  </si>
  <si>
    <t>Adult Care Facilities at Riverside (Hm06)</t>
  </si>
  <si>
    <t>HS18</t>
  </si>
  <si>
    <t xml:space="preserve">Adult Care Facilities at Apsley Mills Retail Park (Hm10) </t>
  </si>
  <si>
    <t>HS19</t>
  </si>
  <si>
    <t>Adult Care Facilities at Shendish Manor and Fairfields (Hm11)</t>
  </si>
  <si>
    <t>HS20</t>
  </si>
  <si>
    <t xml:space="preserve">DBC IDP and SADC IDP </t>
  </si>
  <si>
    <t xml:space="preserve">Ambulance Hub </t>
  </si>
  <si>
    <t xml:space="preserve">EEAST has identified the need for an upgraded and expanded Ambulance Hub within Hemel Hempstead, close to good road networks with easy access and ideally close to the local hospital. 
EEAST’s purpose-built Ambulance Hub would require circa 1 ha of land and parking space for up to 50 ambulances/rapid response vehicles and support/operational staff (approx. 200 staff working 24/7). </t>
  </si>
  <si>
    <t>NHS East of England Ambulance Service</t>
  </si>
  <si>
    <t xml:space="preserve">NHS East of England Ambulance Service </t>
  </si>
  <si>
    <t>S106 / External Funding (NHS)</t>
  </si>
  <si>
    <t xml:space="preserve">
Cost per acre estimated at £750,000 to £1.8m for 1ha.
Build at 2200m2 GIA at £5,300 psqm = £11.6m.
Fit out = £1.5m.
Prof fees at 10% = £1.3m.</t>
  </si>
  <si>
    <t>EEAST have commissioned a Service Review which is due to report by end July 2025, which should identify best locations for Ambulance Hubs and number of additional Response Posts required to meet mandated ambulance service response times.
The Ambulance Hub can include fuel (including Electric Vehicle Charging). Services may include a local workshop to ensure patient-facing vehicles are serviced every 6 weeks to ensure they remain road worthy during the 5-year life of the vehicle. Each workshop can also cover services and repairs essential of capital medical equipment required in each ambulance in order to provide mobile emergency health diagnostic and patient care services. 
Pharmacy and Digital Technology equipment are also provided from each Hub.</t>
  </si>
  <si>
    <t>HWE ICB and NHS System Partner Regulation 19 Response to the DBC Local Plan, and post consultation engagement with EEAST.</t>
  </si>
  <si>
    <t>SL1</t>
  </si>
  <si>
    <t>Playing pitches provision to support development at North Hemel Hempstead (H1)</t>
  </si>
  <si>
    <t xml:space="preserve">Associated playing pitch provision in line with the Sport England requirements to support development at North Hemel Hempstead (H1). 
This includes but is not limited to contributions towards: 
0.4 Artificial Grass Pitches (AGP)
7.02 Natural Grass Pitches (NGP)
0.8 Changing rooms for AGP
7.82 Changing rooms for NGP
This should be in line with guidance provided by Sport England as well as the latest HGC Framework Plan and is likely to be delivered as a cluster of sports around East Hemel Hempstead North (H2). This list is not considered exhaustive; contributions will also be sought for other types of facilities that go beyond those covered by Sport England's Calculator. </t>
  </si>
  <si>
    <t>This cost has been provided by the Sport England Playing Pitch Calculator. Cost covers only items mentioned below which are included in the Calculator and therefore is not a fully exhaustive cost. Costs indexed to Q3 2024. 
0.4 Artificial Grass Pitches (AGP) = £471,408
7.02 Natural Grass Pitches (NGP) = £766,465
0.8 Changing rooms for AGP = £169,271
7.82 Changing rooms for NGP = £1,664,380
= £3,071,524</t>
  </si>
  <si>
    <t>This list is not considered exhaustive; contributions will also be sought for other types of facilities that go beyond those covered by Sport England's Calculator. 
This scheme is a contribution towards the total requirement for provision across the whole Programme Area, as set out within the HGC IDP Report.</t>
  </si>
  <si>
    <t>Sport England Playing Pitch Calculator (Accessed April 2025), approach and method verified with Sports England Officer during stakeholder engagement March 2025</t>
  </si>
  <si>
    <t>SL2</t>
  </si>
  <si>
    <t>Playing pitches provision to support development at East Hemel Hempstead (North) (H2)</t>
  </si>
  <si>
    <t xml:space="preserve">Associated playing pitch provision in line with the Sport England requirements to support development at East Hemel Hempstead (North) (H2). This includes but is not limited to contributions towards: 
0.42 Artificial Grass Pitches (AGP)
7.49 Natural Grass Pitches (NGP)
0.85 Changing rooms for AGP
8.35 Changing rooms for NGP
This should be in line with guidance provided by Sport England as well as the latest HGC Framework Plan and is likely to be delivered as a cluster of sports around East Hemel Hempstead North (H2). This list is not considered exhaustive; contributions will also be sought for other types of facilities that go beyond those covered by Sport England's Calculator. </t>
  </si>
  <si>
    <t>This cost has been provided by the Sport England Playing Pitch Calculator. Cost covers only items mentioned below which are included in the Calculator and therefore is not a fully exhaustive cost. Costs indexed to Q3 2024. 
0.42 Artificial Grass Pitches (AGP) = £502,835
7.49 Natural Grass Pitches (NGP) = £817,564
0.85 Changing rooms for AGP = £180,556
8.35 Changing rooms for NGP = £1,775,367
= £3,276,323</t>
  </si>
  <si>
    <t>SL3</t>
  </si>
  <si>
    <t>Playing pitches provision to support development at East Hemel Hempstead (South) (H4)</t>
  </si>
  <si>
    <t xml:space="preserve">Associated playing pitch provision in line with the Sport England requirements to support development at East Hemel Hempstead (South) (H4). This includes but is not limited to contributions towards: 
0.64 Artificial Grass Pitches (AGP)
11.24 Natural Grass Pitches (NGP)
1.27 Changing rooms for AGP
12.52 Changing rooms for NGP
This should be in line with guidance provided by Sport England as well as the latest HGC Framework Plan and is likely to be delivered as a cluster of sports around East Hemel Hempstead North (H2). This list is not considered exhaustive; contributions will also be sought for other types of facilities that go beyond those covered by Sport England's Calculator. </t>
  </si>
  <si>
    <t>This cost has been provided by the Sport England Playing Pitch Calculator. Cost covers only items mentioned below which are included in the Calculator and therefore is not a fully exhaustive cost. Costs indexed to Q3 2024. 
0.64 Artificial Grass Pitches (AGP) = £754,250
11.24 Natural Grass Pitches (NGP) = £1,226,348
1.27 Changing rooms for AGP = £270,832
12.52 Changing rooms for NGP = £2,663,120
= £4,914,551</t>
  </si>
  <si>
    <t>SL4</t>
  </si>
  <si>
    <t>Playing pitches provision to support development at North Hemel Hempstead (Hm01)</t>
  </si>
  <si>
    <t xml:space="preserve">Associated playing pitch provision in line with the Sport England requirements to support development at North Hemel Hempstead (Hm01). This includes but is not limited to contributions towards: 
1.03 Artificial Grass Pitches (AGP)
19.76 Natural Grass Pitches (NGP)
2.06 Changing rooms for AGP
20.85 Changing rooms for NGP
This should be in line with guidance provided by Sport England as well as the latest HGC Framework Plan.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1.03 Artificial Grass Pitches (AGP) = £1,237,304 
19.76 Natural Grass Pitches (NGP) = £2,238,731 
2.06 Changing rooms for AGP = £438,465 
20.85 Changing rooms for NGP = £4,433,862 
= £8,348,362 </t>
  </si>
  <si>
    <t>SL5</t>
  </si>
  <si>
    <t>Playing pitches provision to support development at Civic Zone, Marlowes (Hm02)</t>
  </si>
  <si>
    <t xml:space="preserve">Associated playing pitch provision in line with the Sport England requirements to support development at Civic Zone, Marlowes (Hm02). This includes but is not limited to contributions towards: 
0.04 Artificial Grass Pitches (AGP)
0.79 Natural Grass Pitches (NGP)
0.08 Changing rooms for AGP
0.83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04 Artificial Grass Pitches (AGP) = £49,492 
0.79 Natural Grass Pitches (NGP) = £89,549 
0.08 Changing rooms for AGP = £17,539 
0.83 Changing rooms for NGP = £177,354 
= £333,934 </t>
  </si>
  <si>
    <t>SL6</t>
  </si>
  <si>
    <t>Playing pitches provision to support development at Hemel Hempstead Hospital (Hm03) and Market Square (Hm05)</t>
  </si>
  <si>
    <t xml:space="preserve">Associated playing pitch provision in line with the Sport England requirements to support development at Hemel Hospital/Market Square (Hm03). This includes but is not limited to contributions towards: 
0.09 Artificial Grass Pitches (AGP)
1.78 Natural Grass Pitches (NGP)
0.19 Changing rooms for AGP
1.88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09 Artificial Grass Pitches (AGP) = £111,357 
1.78 Natural Grass Pitches (NGP) = £201,486 
0.19 Changing rooms for AGP = £39,462 
1.88 Changing rooms for NGP = £399,048 
= £751,353 </t>
  </si>
  <si>
    <t>SL7</t>
  </si>
  <si>
    <t>Playing pitches provision to support development at Paradise (Hm04)</t>
  </si>
  <si>
    <t xml:space="preserve">Associated playing pitch provision in line with the Sport England requirements to support development at Paradise (Hm04). This includes but is not limited to contributions towards: 
0.07 Artificial Grass Pitches (AGP)
1.38 Natural Grass Pitches (NGP)
0.14 Changing rooms for AGP
1.46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07 Artificial Grass Pitches (AGP) = £86,611 
1.38 Natural Grass Pitches (NGP) = £156,711 
0.14 Changing rooms for AGP = £30,693 
1.46 Changing rooms for NGP = £310,370 
= £584,385 </t>
  </si>
  <si>
    <t>SL8</t>
  </si>
  <si>
    <t>Playing pitches provision to support development at Riverside (Hm06)</t>
  </si>
  <si>
    <t xml:space="preserve">Associated playing pitch provision in line with the Sport England requirements to support development at Riverside (Hm06). This includes but is not limited to contributions towards: 
0.1 Artificial Grass Pitches (AGP)
1.98 Natural Grass Pitches (NGP)
0.21 Changing rooms for AGP
2.09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1 Artificial Grass Pitches (AGP) = £123,730 
1.98 Natural Grass Pitches (NGP) = £223,873 
0.21 Changing rooms for AGP = £43,847 
2.09 Changing rooms for NGP = £443,386 
= £834,836 </t>
  </si>
  <si>
    <t>SL9</t>
  </si>
  <si>
    <t>Playing pitches provision to support development at Symbio Site, Whiteleaf Road (Hm07)</t>
  </si>
  <si>
    <t xml:space="preserve">Associated playing pitch provision in line with the Sport England requirements to support development at Symbio Site, Whiteleaf Road (Hm07). This includes but is not limited to contributions towards: 
0.02 Artificial Grass Pitches (AGP)
0.4 Natural Grass Pitches (NGP)
0.04 Changing rooms for AGP
0.42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02 Artificial Grass Pitches (AGP) = £24,746 
0.4 Natural Grass Pitches (NGP) = £44,775 
0.04 Changing rooms for AGP = £8,769 
0.42 Changing rooms for NGP = £88,677 
= £166,967 </t>
  </si>
  <si>
    <t>SL10</t>
  </si>
  <si>
    <t>Playing pitches provision to support development at Hemel Hempstead Station Gateway (Hm08)</t>
  </si>
  <si>
    <t xml:space="preserve">Associated playing pitch provision in line with the Sport England requirements to support development at Hemel Hempstead Station Gateway (Hm08). This includes but is not limited to contributions towards: 
0.08 Artificial Grass Pitches (AGP)
1.54 Natural Grass Pitches (NGP)
0.16 Changing rooms for AGP
1.63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08 Artificial Grass Pitches (AGP) = £96,510 
1.54 Natural Grass Pitches (NGP) = £174,621 
0.16 Changing rooms for AGP = £34,200 
1.63 Changing rooms for NGP = £345,841 
= £651,172 </t>
  </si>
  <si>
    <t>SL11</t>
  </si>
  <si>
    <t>Playing pitches provision to support development at National Grid and 339-353 London Road (Hm09)</t>
  </si>
  <si>
    <t xml:space="preserve">Associated playing pitch provision in line with the Sport England requirements to support development at National Grid and 339-353 London Road (Hm09). This includes but is not limited to contributions towards: 
0.1 Artificial Grass Pitches (AGP)
1.9 Natural Grass Pitches (NGP)
0.2 Changing rooms for AGP
2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1 Artificial Grass Pitches (AGP) = £118,781 
1.9 Natural Grass Pitches (NGP) = £214,918 
0.2 Changing rooms for AGP = £42,093 
2 Changing rooms for NGP = £425,651 
= £801,443 </t>
  </si>
  <si>
    <t>SL12</t>
  </si>
  <si>
    <t>Playing pitches provision to support development at Apsley Mills Retail Park (Hm10)</t>
  </si>
  <si>
    <t xml:space="preserve">Associated playing pitch provision in line with the Sport England requirements to support development at Apsley Mills Retail Park (Hm10). This includes but is not limited to contributions towards: 
0.1 Artificial Grass Pitches (AGP)
1.98 Natural Grass Pitches (NGP)
0.21 Changing rooms for AGP
2.09 Changing rooms for NGP
This list is not considered exhaustive; contributions will also be sought for other types of facilities that go beyond those covered by Sport England's Calculator. </t>
  </si>
  <si>
    <t>SL13</t>
  </si>
  <si>
    <t>Playing pitches provision to support development at Shendish Manor and Fairfields (Hm11)</t>
  </si>
  <si>
    <t xml:space="preserve">Associated playing pitch provision in line with the Sport England requirements to support development at Shendish Manor and Fairfields (Hm11). This includes but is not limited to contributions towards: 
0.1 Artificial Grass Pitches (AGP)
1.98 Natural Grass Pitches (NGP)
0.21 Changing rooms for AGP
2.09 Changing rooms for NGP
This list is not considered exhaustive; contributions will also be sought for other types of facilities that go beyond those covered by Sport England's Calculator. </t>
  </si>
  <si>
    <t>SL14</t>
  </si>
  <si>
    <t xml:space="preserve">Playing pitches provision to support development at Plots 2/3 Kier Park, Maylands Avenue (Hm12) </t>
  </si>
  <si>
    <t xml:space="preserve">Associated playing pitch provision in line with the Sport England requirements to support development at Plots 2/3 Kier Park, Maylands Avenue (Hm12) . This includes but is not limited to contributions towards: 
0.05 Artificial Grass Pitches (AGP)
0.92 Natural Grass Pitches (NGP)
0.1 Changing rooms for AGP
0.98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05 Artificial Grass Pitches (AGP) = £57,906 
0.92 Natural Grass Pitches (NGP) = £104,773 
0.1 Changing rooms for AGP = £20,520 
0.98 Changing rooms for NGP = £207,505 
= £390,703 </t>
  </si>
  <si>
    <t>SL15</t>
  </si>
  <si>
    <t>Playing pitches provision to support development at Polehanger Lane (Hm13)</t>
  </si>
  <si>
    <t xml:space="preserve">Associated playing pitch provision in line with the Sport England requirements to support development at Polehanger Lane (Hm13). This includes but is not limited to contributions towards: 
0.15 Artificial Grass Pitches (AGP)
2.96 Natural Grass Pitches (NGP)
0.31 Changing rooms for AGP
3.13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15 Artificial Grass Pitches (AGP) = £185,596 
2.96 Natural Grass Pitches (NGP) = £335,810 
0.31 Changing rooms for AGP = £65,770 
3.13 Changing rooms for NGP = £665,079 
= £1,252,254 </t>
  </si>
  <si>
    <t>SL16</t>
  </si>
  <si>
    <t>Playing pitches provision to support development at Marchmont Farm (Hm14)</t>
  </si>
  <si>
    <t xml:space="preserve">Associated playing pitch provision in line with the Sport England requirements to support development at Marchmont Farm (Hm14). This includes but is not limited to contributions towards: 
0.07 Artificial Grass Pitches (AGP)
1.38 Natural Grass Pitches (NGP)
0.14 Changing rooms for AGP
1.46 Changing rooms for NGP
This list is not considered exhaustive; contributions will also be sought for other types of facilities that go beyond those covered by Sport England's Calculator. </t>
  </si>
  <si>
    <t>SL17</t>
  </si>
  <si>
    <t>Playing pitches provision to support development at Old Town (Hm15)</t>
  </si>
  <si>
    <t xml:space="preserve">Associated playing pitch provision in line with the Sport England requirements to support development at Old Town (Hm15). This includes but is not limited to contributions towards: 
0.02 Artificial Grass Pitches (AGP)
0.36 Natural Grass Pitches (NGP)
0.04 Changing rooms for AGP
0.38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02 Artificial Grass Pitches (AGP) = £22,271 
0.36 Natural Grass Pitches (NGP) = £40,297 
0.04 Changing rooms for AGP = £7,892 
0.38 Changing rooms for NGP = £79,810 
= £150,271 </t>
  </si>
  <si>
    <t>SL18</t>
  </si>
  <si>
    <t>Playing pitches provision to support development at Site to the south of Green Lane (Hm16)</t>
  </si>
  <si>
    <t xml:space="preserve">Associated playing pitch provision in line with the Sport England requirements to support development at Site to the south of Green Lane (Hm16). This includes but is not limited to contributions towards: 
0.02 Artificial Grass Pitches (AGP)
0.32 Natural Grass Pitches (NGP)
0.03 Changing rooms for AGP
0.33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02 Artificial Grass Pitches (AGP) = £19,797 
0.32 Natural Grass Pitches (NGP) = £35,820 
0.03 Changing rooms for AGP = £7,015 
0.33 Changing rooms for NGP = £70,942 
= £133,574 </t>
  </si>
  <si>
    <t>SL19</t>
  </si>
  <si>
    <t>Playing pitches provision to support development at Grovehill Local Centre</t>
  </si>
  <si>
    <t xml:space="preserve">Associated playing pitch provision in line with the Sport England requirements to support development at Grovehill Local Centre. This includes but is not limited to contributions towards: 
0.04 Artificial Grass Pitches (AGP)
0.79 Natural Grass Pitches (NGP)
0.08 Changing rooms for AGP
0.83 Changing rooms for NGP
This list is not considered exhaustive; contributions will also be sought for other types of facilities that go beyond those covered by Sport England's Calculator. </t>
  </si>
  <si>
    <t>SL20</t>
  </si>
  <si>
    <t>Playing pitches provision to support development of Windfall</t>
  </si>
  <si>
    <t xml:space="preserve">Associated playing pitch provision in line with the Sport England requirements to support development of Windfall. This assumption is based on 2316 dwellings and will be addressed and revised through the planning application process. This includes but is not limited to contributions towards: 
0.49 Artificial Grass Pitches (AGP)
9.41 Natural Grass Pitches (NGP)
0.98 Changing rooms for AGP
9.92 Changing rooms for NGP
This list is not considered exhaustive; contributions will also be sought for other types of facilities that go beyond those covered by Sport England's Calculator. </t>
  </si>
  <si>
    <t xml:space="preserve">This cost has been provided by the Sport England Playing Pitch Calculator. Cost covers only items mentioned below which are included in the Calculator and therefore is not a fully exhaustive cost. Costs indexed to Q3 2024. 
0.49 Artificial Grass Pitches (AGP) = £588,957 
9.41 Natural Grass Pitches (NGP) = £1,065,636 
0.98 Changing rooms for AGP = £208,709 
9.92 Changing rooms for NGP = £2,110,518 
= £3,973,820 </t>
  </si>
  <si>
    <t>SL21</t>
  </si>
  <si>
    <t>Sports provision to support development at North Hemel Hempstead (H1)</t>
  </si>
  <si>
    <t xml:space="preserve">Associated sports provision in line with the Sport England requirements to support development at North Hemel Hempstead (H1). This includes but is not limited to contributions towards:
0.01 Indoor Bowling Centres
0.19 Swimming Pools
0.23 Sports Halls
0.48 Tennis Courts
This should be in line with guidance provided by Sport England as well as the latest HGC Framework Plan and is likely to be delivered as a cluster of sports around East Hemel Hempstead North (H2). This list is not considered exhaustive; contributions will also be sought for other types of facilities that go beyond those covered by Sport England's Calculator. </t>
  </si>
  <si>
    <t>This cost has been provided by the Sport England Sports Facilities Calculator. Cost covers only items mentioned below which are included in the Calculator and therefore is not a fully exhaustive cost. Costs indexed to Q3 2024. 
0.01 Indoor Bowling Centres = £25,975
0.19 Swimming Pools = £875,916
0.23 Sports Halls = £718,625
0.48 Tennis Courts = £55,843
= £1,676,359</t>
  </si>
  <si>
    <t>Sport England Sports Facilities Calculator (Accessed April 2025), approach and method verified with Sports England Officer during stakeholder engagement March 2025</t>
  </si>
  <si>
    <t>SL22</t>
  </si>
  <si>
    <t>Sports provision to support development at East Hemel Hempstead (North) (H2)</t>
  </si>
  <si>
    <t xml:space="preserve">Associated sports provision in line with the Sports England requirements to support development at East Hemel Hempstead (North) (H2). This includes but is not limited to contributions towards:
0.01 Indoor Bowling Centres
0.20 Swimming Pools
0.25 Sports Halls
0.51 Tennis Courts
This should be in line with guidance provided by Sport England as well as the latest HGC Framework Plan and is likely to be delivered as a cluster of sports around East Hemel Hempstead North (H2). This list is not considered exhaustive; contributions will also be sought for other types of facilities that go beyond those covered by Sport England's Calculator. </t>
  </si>
  <si>
    <t>This cost has been provided by the Sport England Sports Facilities Calculator. Cost covers only items mentioned below which are included in the Calculator and therefore is not a fully exhaustive cost. Costs indexed to Q3 2024.
0.01 Indoor Bowling Centres = £27,707
0.19 Swimming Pools = £934,311
0.23 Sports Halls = £766,533
0.48 Tennis Courts = £59,566
=£1,788,917</t>
  </si>
  <si>
    <t>SL23</t>
  </si>
  <si>
    <t>Sports provision to support development at East Hemel Hempstead (South) (H4)</t>
  </si>
  <si>
    <t xml:space="preserve">Associated sports provision in line with the Sports England requirements to support development at East Hemel Hempstead (South) (H4). This includes but is not limited to contributions towards:
0.01 Indoor Bowling Centres
0.30 Swimming Pools
0.37 Sports Halls
0.76 Tennis Courts
This should be in line with guidance provided by Sport England as well as the latest HGC Framework Plan and is likely to be delivered as a cluster of sports around East Hemel Hempstead North (H2). This list is not considered exhaustive; contributions will also be sought for other types of facilities that go beyond those covered by Sport England's Calculator. </t>
  </si>
  <si>
    <t>This cost has been provided by the Sport England Sports Facilities Calculator. Cost covers only items mentioned below which are included in the Calculator and therefore is not a fully exhaustive cost. Costs indexed to Q3 2024.
0.01 Indoor Bowling Centres = £41,561
0.19 Swimming Pools = £1,401,466
0.23 Sports Halls = £1,149,800
0.48 Tennis Courts = £89,349
=£2,682,176</t>
  </si>
  <si>
    <t>SL24</t>
  </si>
  <si>
    <t>Sports provision to support development at North Hemel Hempstead (Hm01)</t>
  </si>
  <si>
    <t xml:space="preserve">Associated sports provision in line with the Sport England requirements to support development at North Hemel Hempstead (Hm01). This includes but is not limited to contributions towards: 
0.03 Indoor Bowling Centres
0.61 Swimming Pools
0.78 Sports Halls
1.59 Tennis Courts
This should be in line with guidance provided by Sport England as well as the latest HGC Framework Plan. This list is not considered exhaustive; contributions will also be sought for other types of facilities that go beyond those covered by Sport England's Calculator. </t>
  </si>
  <si>
    <t>This cost has been provided by the Sport England Sports Facilities Calculator. Cost covers only items mentioned below which are included in the Calculator and therefore is not a fully exhaustive cost. Costs indexed to Q3 2024. 
0.03 Indoor Bowling Centres = £87,736 
0.61 Swimming Pools = £2,890,117 
0.78 Sports Halls = £2,398,552 
1.59 Tennis Courts = £185,867 
= £5,562,272</t>
  </si>
  <si>
    <t>SL25</t>
  </si>
  <si>
    <t>Sports provision to support development at Civic Zone, Marlowes (Hm02)</t>
  </si>
  <si>
    <t xml:space="preserve">Associated sports provision in line with the Sport England requirements to support development at Civic Zone, Marlowes (Hm02). This includes but is not limited to contributions towards: 
0 Indoor Bowling Centres
0.02 Swimming Pools
0.03 Sports Halls
0.06 Tennis Courts
This list is not considered exhaustive; contributions will also be sought for other types of facilities that go beyond those covered by Sport England's Calculator. </t>
  </si>
  <si>
    <t>This cost has been provided by the Sport England Sports Facilities Calculator. Cost covers only items mentioned below which are included in the Calculator and therefore is not a fully exhaustive cost. Costs indexed to Q3 2024.
0 Indoor Bowling Centres = £3,509 
0.02 Swimming Pools = £115,605 
0.03 Sports Halls = £95,942 
0.06 Tennis Courts = £7,435 
= £222,491</t>
  </si>
  <si>
    <t>SL26</t>
  </si>
  <si>
    <t>Sports provision to support development at Hemel Hempstead Hospital / Market Square (Hm03)</t>
  </si>
  <si>
    <t xml:space="preserve">Associated sports provision in line with the Sport England requirements to support development at Hemel Hospital/Market Square (Hm03). This includes but is not limited to contributions towards: 
0 Indoor Bowling Centres
0.05 Swimming Pools
0.07 Sports Halls
0.14 Tennis Courts
This list is not considered exhaustive; contributions will also be sought for other types of facilities that go beyond those covered by Sport England's Calculator. </t>
  </si>
  <si>
    <t>This cost has been provided by the Sport England Sports Facilities Calculator. Cost covers only items mentioned below which are included in the Calculator and therefore is not a fully exhaustive cost. Costs indexed to Q3 2024. 
0 Indoor Bowling Centres = £7,896 
0.05 Swimming Pools = £260,111 
0.07 Sports Halls = £215,870 
0.14 Tennis Courts = £16,728 
= £500,604</t>
  </si>
  <si>
    <t>SL27</t>
  </si>
  <si>
    <t>Sports provision to support development at Paradise (Hm04)</t>
  </si>
  <si>
    <t xml:space="preserve">Associated sports provision in line with the Sport England requirements to support development at Paradise (Hm04). This includes but is not limited to contributions towards: 
0 Indoor Bowling Centres
0.04 Swimming Pools
0.05 Sports Halls
0.11 Tennis Courts
This list is not considered exhaustive; contributions will also be sought for other types of facilities that go beyond those covered by Sport England's Calculator. </t>
  </si>
  <si>
    <t>This cost has been provided by the Sport England Sports Facilities Calculator. Cost covers only items mentioned below which are included in the Calculator and therefore is not a fully exhaustive cost. Costs indexed to Q3 2024. 
0 Indoor Bowling Centres = £6,142 
0.04 Swimming Pools = £202,308 
0.05 Sports Halls = £167,899 
0.11 Tennis Courts = £13,011 
= £389,359</t>
  </si>
  <si>
    <t>SL28</t>
  </si>
  <si>
    <t>Sports provision to support development at Riverside (Hm06)</t>
  </si>
  <si>
    <t xml:space="preserve">Associated sports provision in line with the Sport England requirements to support development at Riverside (Hm06). This includes contributions towards:
0 Indoor Bowling Centres
0.06 Swimming Pools
0.08 Sports Halls
0.16 Tennis Courts
This list is not considered exhaustive; contributions will also be sought for other types of facilities that go beyond those covered by Sport England's Calculator. </t>
  </si>
  <si>
    <t xml:space="preserve">This cost has been provided by the Sport England Sports Facilities Calculator. Cost covers only items mentioned below which are included in the Calculator and therefore is not a fully exhaustive cost. Costs indexed to Q3 2024. 
0 Indoor Bowling Centres = £8,774 
0.06 Swimming Pools = £289,012 
0.08 Sports Halls = £239,855 
0.16 Tennis Courts = £18,587 
= £556,227 </t>
  </si>
  <si>
    <t>SL29</t>
  </si>
  <si>
    <t>Sports provision to support development at Symbio Site, Whiteleaf Road (Hm07)</t>
  </si>
  <si>
    <t xml:space="preserve">Associated sports provision in line with the Sport England requirements to support development at Symbio Site, Whiteleaf Road (Hm07). This includes but is not limited to contributions towards: 
0 Indoor Bowling Centres
0.01 Swimming Pools
0.02 Sports Halls
0.03 Tennis Courts
This list is not considered exhaustive; contributions will also be sought for other types of facilities that go beyond those covered by Sport England's Calculator. </t>
  </si>
  <si>
    <t>This cost has been provided by the Sport England Sports Facilities Calculator. Cost covers only items mentioned below which are included in the Calculator and therefore is not a fully exhaustive cost. Costs indexed to Q3 2024. 
0 Indoor Bowling Centres = £1,755 
0.01 Swimming Pools = £57,802 
0.02 Sports Halls = £47,971 
0.03 Tennis Courts = £3,717 
= £111,245</t>
  </si>
  <si>
    <t>SL30</t>
  </si>
  <si>
    <t>Sports provision to support development at Hemel Hempstead Station Gateway (Hm08)</t>
  </si>
  <si>
    <t xml:space="preserve">Associated sports provision in line with the Sport England requirements to support development at Hemel Hempstead Station Gateway (Hm08). This includes but is not limited to contributions towards: 
0 Indoor Bowling Centres
0.05 Swimming Pools
0.06 Sports Halls
0.12 Tennis Courts
This list is not considered exhaustive; contributions will also be sought for other types of facilities that go beyond those covered by Sport England's Calculator. </t>
  </si>
  <si>
    <t xml:space="preserve">This cost has been provided by the Sport England Sports Facilities Calculator. Cost covers only items mentioned below which are included in the Calculator and therefore is not a fully exhaustive cost. Costs indexed to Q3 2024.
0 Indoor Bowling Centres = £6,843 
0.05 Swimming Pools = £225,429 
0.06 Sports Halls = £187,087 
0.12 Tennis Courts = £14,498 
= £433,857 </t>
  </si>
  <si>
    <t>SL31</t>
  </si>
  <si>
    <t>Sports provision to support development at National Grid and 339-353 London Road (Hm09)</t>
  </si>
  <si>
    <t xml:space="preserve">Associated sports provision in line with the Sport England requirements to support development at National Grid and 339-353 London Road (Hm09). This includes but is not limited to contributions towards: 
0 Indoor Bowling Centres
0.06 Swimming Pools
0.07 Sports Halls
0.15 Tennis Courts
This list is not considered exhaustive; contributions will also be sought for other types of facilities that go beyond those covered by Sport England's Calculator. </t>
  </si>
  <si>
    <t xml:space="preserve">This cost has been provided by the Sport England Sports Facilities Calculator. Cost covers only items mentioned below which are included in the Calculator and therefore is not a fully exhaustive cost. Costs indexed to Q3 2024. 
0 Indoor Bowling Centres = £8,423 
0.06 Swimming Pools = £277,451 
0.07 Sports Halls = £230,261 
0.15 Tennis Courts = £17,843 
= £533,978 </t>
  </si>
  <si>
    <t>SL32</t>
  </si>
  <si>
    <t>Sports provision to support development at Apsley Mills Retail Park (Hm10)</t>
  </si>
  <si>
    <t xml:space="preserve">Associated sports provision in line with the Sport England requirements to support development at Apsley Mills Retail Park (Hm10). This includes contributions towards:
0 Indoor Bowling Centres
0.06 Swimming Pools
0.08 Sports Halls
0.16 Tennis Courts
This list is not considered exhaustive; contributions will also be sought for other types of facilities that go beyond those covered by Sport England's Calculator. </t>
  </si>
  <si>
    <t>SL33</t>
  </si>
  <si>
    <t>Sports provision to support development at Shendish Manor and Fairfields (Hm11)</t>
  </si>
  <si>
    <t xml:space="preserve">Associated sports provision in line with the Sport England requirements to support development at Shendish Manor and Fairfields (Hm11). This includes but is not limited to contributions towards: 
0 Indoor Bowling Centres
0.06 Swimming Pools
0.08 Sports Halls
0.16 Tennis Courts
Enhanced Golf Facilities
This list is not considered exhaustive; contributions will also be sought for other types of facilities that go beyond those covered by Sport England's Calculator. </t>
  </si>
  <si>
    <t>SL34</t>
  </si>
  <si>
    <t xml:space="preserve">Sports provision to support development at Plots 2/3 Kier Park, Maylands Avenue (Hm12) </t>
  </si>
  <si>
    <t xml:space="preserve">Associated sports provision in line with the Sport England requirements to support development at Plots 2/3 Kier Park, Maylands Avenue (Hm12) . This includes but is not limited to contributions towards: 
0 Indoor Bowling Centres
0.03 Swimming Pools
0.04 Sports Halls
0.07 Tennis Courts
This list is not considered exhaustive; contributions will also be sought for other types of facilities that go beyond those covered by Sport England's Calculator. </t>
  </si>
  <si>
    <t xml:space="preserve">This cost has been provided by the Sport England Sports Facilities Calculator. Cost covers only items mentioned below which are included in the Calculator and therefore is not a fully exhaustive cost. Costs indexed to Q3 2024. 
0 Indoor Bowling Centres = £4,106 
0.03 Swimming Pools = £135,257 
0.04 Sports Halls = £112,252 
0.07 Tennis Courts = £8,699 
= £260,314 </t>
  </si>
  <si>
    <t>SL35</t>
  </si>
  <si>
    <t>Sports provision to support development at Polehanger Lane (Hm13)</t>
  </si>
  <si>
    <t xml:space="preserve">Associated sports provision in line with the Sport England requirements to support development at Polehanger Lane (Hm13). This includes but is not limited to contributions towards: 
0 Indoor Bowling Centres
0.09 Swimming Pools
0.12 Sports Halls
0.24 Tennis Courts
This list is not considered exhaustive; contributions will also be sought for other types of facilities that go beyond those covered by Sport England's Calculator. </t>
  </si>
  <si>
    <t xml:space="preserve">This cost has been provided by the Sport England Sports Facilities Calculator. Cost covers only items mentioned below which are included in the Calculator and therefore is not a fully exhaustive cost. Costs indexed to Q3 2024. 
0 Indoor Bowling Centres = £13,160 
0.09 Swimming Pools = £433,518 
0.12 Sports Halls = £359,783 
0.24 Tennis Courts = £27,880 
= £834,341 </t>
  </si>
  <si>
    <t>SL36</t>
  </si>
  <si>
    <t>Sports provision to support development at Marchmont Farm (Hm14)</t>
  </si>
  <si>
    <t xml:space="preserve">Associated sports provision in line with the Sport England requirements to support development at Marchmont Farm (Hm14). This includes but is not limited to contributions towards: 
0 Indoor Bowling Centres
0.04 Swimming Pools
0.05 Sports Halls
0.11 Tennis Courts
This list is not considered exhaustive; contributions will also be sought for other types of facilities that go beyond those covered by Sport England's Calculator. </t>
  </si>
  <si>
    <t>SL37</t>
  </si>
  <si>
    <t>Sports provision to support development at Old Town (Hm15)</t>
  </si>
  <si>
    <t xml:space="preserve">Associated sports provision in line with the Sport England requirements to support development at Symbio Site, Whiteleaf Road (Hm07). This includes but is not limited to contributions towards: 
0 Indoor Bowling Centres
0.01 Swimming Pools
0.01 Sports Halls
0.03 Tennis Courts
This list is not considered exhaustive; contributions will also be sought for other types of facilities that go beyond those covered by Sport England's Calculator. </t>
  </si>
  <si>
    <t xml:space="preserve">This cost has been provided by the Sport England Sports Facilities Calculator. Cost covers only items mentioned below which are included in the Calculator and therefore is not a fully exhaustive cost. Costs indexed to Q3 2024. 
0 Indoor Bowling Centres = £1,579 
0.01 Swimming Pools = £52,022 
0.01 Sports Halls = £43,174 
0.03 Tennis Courts = £3,346 
= £100,121 </t>
  </si>
  <si>
    <t>SL38</t>
  </si>
  <si>
    <t>Sports provision to support development at Site to the south of Green Lane (Hm16)</t>
  </si>
  <si>
    <t xml:space="preserve">Associated sports provision in line with the Sport England requirements to support development at Site to the south of Green Lane (Hm16). This includes but is not limited to contributions towards: 
0 Indoor Bowling Centres
0.01 Swimming Pools
0.01 Sports Halls
0.03 Tennis Courts
This list is not considered exhaustive; contributions will also be sought for other types of facilities that go beyond those covered by Sport England's Calculator. </t>
  </si>
  <si>
    <t xml:space="preserve">This cost has been provided by the Sport England Sports Facilities Calculator. Cost covers only items mentioned below which are included in the Calculator and therefore is not a fully exhaustive cost. Costs indexed to Q3 2024. 
0 Indoor Bowling Centres = £1,404 
0.01 Swimming Pools = £46,242 
0.01 Sports Halls = £38,377 
0.03 Tennis Courts = £2,974 
= £88,996 </t>
  </si>
  <si>
    <t>SL39</t>
  </si>
  <si>
    <t>Sports provision to support development at Grovehill Local Centre</t>
  </si>
  <si>
    <t xml:space="preserve">Associated sports provision in line with the Sport England requirements to support development at Grovehill Local Centre. This includes but is not limited to contributions towards: 
0 Indoor Bowling Centres
0.02 Swimming Pools
0.03 Sports Halls
0.06 Tennis Courts
This list is not considered exhaustive; contributions will also be sought for other types of facilities that go beyond those covered by Sport England's Calculator. </t>
  </si>
  <si>
    <t>SL40</t>
  </si>
  <si>
    <t>Sports provision to support development of Windfall</t>
  </si>
  <si>
    <t>Associated sports provision in line with the Sport England requirements to support development of Hemel Hempstead Windfall. This includes but is not limited to contributions towards: 
0.01 Indoor Bowling Centres
0.29 Swimming Pools
0.37 Sports Halls
0.76 Tennis Courts
This list is not considered exhaustive; contributions will also be sought for other types of facilities that go beyond those covered by Sport England's Calculator.</t>
  </si>
  <si>
    <t>This cost has been provided by the Sport England Sports Facilities Calculator. Cost covers only items mentioned below which are included in the Calculator and therefore is not a fully exhaustive cost. Costs indexed to Q3 2024. 
0.01 Indoor Bowling Centres = £41,762 
0.29 Swimming Pools = £1,375,696 
0.37 Sports Halls = £1,141,711 
0.76 Tennis Courts = £88,473 
= £2,647,641</t>
  </si>
  <si>
    <t>SL41</t>
  </si>
  <si>
    <t>Additional types of sports provision required across the HGC programme area</t>
  </si>
  <si>
    <t xml:space="preserve">Contributions towards new facilities and/or improvements to existing facilities for additional types of sports provision which are not available in Sport England calculators. Based on Dacorum’s Leisure Facilities Strategy (2023) and Playing Pitch Strategy (2019, updated 2023), this includes: 
• Outdoor bowls
• Golf
• Netball
• Athletics
• Baseball
• Indoor tennis
• Gymnastics
• Squash courts
This list is not considered exhaustive as demand and facility conditions change quickly. Refer to the latest version of the documents mentioned above to understand specific need. </t>
  </si>
  <si>
    <t xml:space="preserve">Total cost is unknown at this time as the other types of sports facilities that are required with development but not included in the Calculator must be considered during the planning application stages. </t>
  </si>
  <si>
    <t>This scheme is a contribution towards the total requirement for provision across the whole Programme Area, as set out within the HGC IDP Report.</t>
  </si>
  <si>
    <t>TM1</t>
  </si>
  <si>
    <t>Greening Streets</t>
  </si>
  <si>
    <t xml:space="preserve">Greening of the New Town’s neighbourhoods by making Hemel’s existing streets more climate resilient. </t>
  </si>
  <si>
    <t xml:space="preserve">These project has been identified to support greening streets, set out within policies HGC2 and LG3 within the DBC and SADC draft Local Plans. </t>
  </si>
  <si>
    <t>TM2</t>
  </si>
  <si>
    <t>Greening Enterprise Places</t>
  </si>
  <si>
    <t xml:space="preserve">Greening of buildings and the public realm within the industrial/retail parks in the Two Waters Area. </t>
  </si>
  <si>
    <t>National Grid and 339-353 London Road (Hm09); Symbio Site, Whiteleaf Road (Hm07); Hemel Hempstead Station Gateway (Hm08); Apsley Mills Retail Park (Hm10); Shendish Manor and Fairfields (Hm11)</t>
  </si>
  <si>
    <t xml:space="preserve">These project has been identified to support greening business parks, set out within policies HGC2 and LG3 within the DBC and SADC draft Local Plans. </t>
  </si>
  <si>
    <t>TM3</t>
  </si>
  <si>
    <t>Greening Hemel Hempstead Town Centre &amp; Local Centres</t>
  </si>
  <si>
    <t>Greening of buildings and the public realm within the Hemel town centre and local centres within the New Town’s neighbourhoods informed by local community/user engagement.</t>
  </si>
  <si>
    <t xml:space="preserve">These project has been identified to support greening the town centre, set out within policies HGC2 and LG3 within the DBC and SADC draft Local Plans. </t>
  </si>
  <si>
    <t>TM4</t>
  </si>
  <si>
    <t>Expanding Hemel Hempstead's Urban Tree Canopy</t>
  </si>
  <si>
    <t xml:space="preserve">Expanding Hemel’s urban forest to address deficiencies in the town’s urban tree canopy identified by the Dacorum Tree Planting Opportunity Mapping Study.
To include protecting, enhancing and expanding Hemel’s existing ancient woodland, orchards, ancient/veteran trees, woodland copses and hedgerows. </t>
  </si>
  <si>
    <t>All DBC sites in the programme area</t>
  </si>
  <si>
    <t xml:space="preserve">These project has been identified to support 'branching out', set out within policies HGC2 and LG3 within the DBC and SADC draft Local Plans. </t>
  </si>
  <si>
    <t>TM5</t>
  </si>
  <si>
    <t>Hemel’s Wildlife Corridors and Wildlife</t>
  </si>
  <si>
    <t>Making the Green Network’s corridors (including street/highways verges, gardens, greenways and blue corridors) more biodiverse, and enhancing their value as habitats for pollinators to support food production. 
Making space for urban nature recovery by creating new Local Nature Reserves and designating new Local Wildlife Sites within the New Garden Communities and the existing New Town.</t>
  </si>
  <si>
    <t>TM6</t>
  </si>
  <si>
    <t>Greening Schools</t>
  </si>
  <si>
    <t>Creating green walls, screens and boundary treatment for Hemel’s schools located in areas of poor air quality adjacent to highways to reduce the impact of particulate pollution from vehicles on health.</t>
  </si>
  <si>
    <t>Developer / Dacorum Borough Council / Hertfordshire County Council</t>
  </si>
  <si>
    <t xml:space="preserve">These project has been identified to support green screens for schools near busy roads, set out within policies HGC2 and LG3 within the DBC and SADC draft Local Plans. </t>
  </si>
  <si>
    <t>TM7</t>
  </si>
  <si>
    <t>Green lunchtime Maylands</t>
  </si>
  <si>
    <t>Public space greening project in Maylands, including a 800 meters green walk route and access to green space so that people that work there can have a green walk during lunchtime and sit in green space.</t>
  </si>
  <si>
    <t>North Hemel Hempstead (H1); East Hemel Hempstead (North) (H2); East Hemel Hempstead (Central) (H3); East Hemel Hempstead (South) (H4); Plots 2/3 Kier Park, Maylands Avenue (Hm12)</t>
  </si>
  <si>
    <t xml:space="preserve">These project has been identified to support greening business parks, set out within policies HGC2 and LG3 within the DBC and SADC draft Local Plans. Jarman Park (Hm17) would also be expected to contribute towards the cost of the scheme on a proportionate basis, however, due to the fact that this site is not residential, and there has not been sufficient modelling to understand the level of impact or demand generated, it has not been possible to apportion the scheme cost to the site. </t>
  </si>
  <si>
    <t>TM8</t>
  </si>
  <si>
    <t xml:space="preserve"> Improving Parks in areas of higher deprivation</t>
  </si>
  <si>
    <t>Breathing new life into Hemel’s neighbourhood parks through targeted improvements, particularly in areas with high levels of deprivation, informed by local community/user engagement.</t>
  </si>
  <si>
    <t>TM9</t>
  </si>
  <si>
    <t xml:space="preserve">Parklets </t>
  </si>
  <si>
    <t>13 existing local centres will benefit from a parklet.</t>
  </si>
  <si>
    <t>It has been identified that Shendish Manor and Fairfields (Hm11) and Polehanger Lane (Hm13) will be responsible for the cost of £40,000 towards parklets each. The remaining cost of £440,000 has been apportioned on a per dwelling basis to all DBC sites within the Programme Area.</t>
  </si>
  <si>
    <t>TM10</t>
  </si>
  <si>
    <t>Chalk Stream Restoration</t>
  </si>
  <si>
    <t>Securing funding to implement the Environment Agency’s plans for restoring and realigning the River Gade to allow the chalk stream to once again flow through the middle of Gadebridge Park within the New Town, and developing a catchment-based chalk stream (and floodplain grazing marsh) restoration strategy</t>
  </si>
  <si>
    <t>Dacorum Borough Council / Environment Agency</t>
  </si>
  <si>
    <t>Cost based on 4km of chalk restoration, along Gade and Bulbourne, at £112,500 cost per 1km (total of £450,000). This cost is based on recent work carried out on the River Bulbourne, with Box Moor Trust. Cost information from Q2 2025.</t>
  </si>
  <si>
    <t>TM11</t>
  </si>
  <si>
    <t>Nickey Line: Keens Field Focus area of intervention</t>
  </si>
  <si>
    <t>Improvements to Paradise Field Focus area of intervention as set out in the Nickey Line Vision &amp; Strategy document with:
Zone 1- Entrance treatment and wayfinding
Zone 2- New foot/cycle route
Zone 3 - Improvements to play facilities
Zone 4 - Potential realignment of footpath 47, via viewpoint
Zone 5 - Wildlife/ecologically focused area
Zone 6 - Potential new bridge linking directly to Keens Fields</t>
  </si>
  <si>
    <t>Dacorum Borough Council / Hertfordshire County Council</t>
  </si>
  <si>
    <t>Nickey Line Vision &amp; Strategy Document</t>
  </si>
  <si>
    <t>TM12</t>
  </si>
  <si>
    <t>Nickey Line: Paradise Fields Focus area of intervention</t>
  </si>
  <si>
    <t>TM13</t>
  </si>
  <si>
    <t>Nickey Line: Maylands Focus area of intervention</t>
  </si>
  <si>
    <t>Improvements to Maylands Focus area of intervention as set out in the Nickey Line Vision &amp; Strategy document with:
Zone 1- Entrance treatment on Eastman Way
Zone 2 - Proposed wider shared path for people on foot/wheel
Zone 3 - Route highlighted over side accesses
Zone 4 - Raised junction incorporating crossing for people on foot/wheel</t>
  </si>
  <si>
    <t>All DBC Local Plan sites; East Hemel Hempstead (North) (H2); East Hemel Hempstead (Central) (H3)</t>
  </si>
  <si>
    <t>TR1</t>
  </si>
  <si>
    <t>(LS-1) Local Mobility Hub located near to the junction with Wensleydale, close to Nickey Line, and served by Bus Route 2</t>
  </si>
  <si>
    <t>Programme Area / Transformational</t>
  </si>
  <si>
    <t>S106 / S38 / S278 / CIL</t>
  </si>
  <si>
    <t>Cost includes an uplift for the allowance of traffic management (10%), main contractor preliminaries and overheads and profit (45%), professional fees (15%), contingency (50%), statutory undertakers (15%).</t>
  </si>
  <si>
    <t xml:space="preserve">If intervention is funded by two or more developers, infrastructure provider will be a combination of developer and Hertfordshire County Council (HCC). </t>
  </si>
  <si>
    <t>Aecom Hemel Hempstead Transport Study (2024) and update (2025), Verified through engagement with HCC in February 2025</t>
  </si>
  <si>
    <t>TR2</t>
  </si>
  <si>
    <t>(LS-2) Local Mobility Hub located at Queensway-St Paul's Rd (close to Nickey Line) OR Cattsdell-Thumpers junction area. Served by Bus Routes 2, 3 and 4</t>
  </si>
  <si>
    <t>TR3</t>
  </si>
  <si>
    <t>(LS-3) Local Mobility Hub located at Aycliffe Drive (Grovehill) opp. Henry Wells Sq. Served by Bus Route 2</t>
  </si>
  <si>
    <t>TR4</t>
  </si>
  <si>
    <t>(LS-4) Local Mobility Hub located on Shenley Road, Woodhall Fm near Sainsbury's. Served by Bus Route 2</t>
  </si>
  <si>
    <t>TR5</t>
  </si>
  <si>
    <t>(LS-5) Local Mobility Hub located at The Queen's Square, Adeyfield local centre. Served by Bus Routes 1 and 302</t>
  </si>
  <si>
    <t>TR6</t>
  </si>
  <si>
    <t>(LS-6) At or near future HERT interchange at junction of A414 Breakspear Way/Maylands Avenue</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Old Town (Hm15) (Hm15); East Hemel Hempstead (Central) (H3); East Hemel Hempstead (South) (H4)</t>
  </si>
  <si>
    <t>B5 - Based on AECOM Transport Model attribution percentages</t>
  </si>
  <si>
    <t>This project cost has been apportioned using percentage trips generated throughout the programme area, using COMET modelling.</t>
  </si>
  <si>
    <t>TR7</t>
  </si>
  <si>
    <t>(LS-7) Local Mobility Hub located at Jarman Park near to vehicle access or adjacent to marked bus stop. Not currently served by any local bus service but could be served by the HERT in the future</t>
  </si>
  <si>
    <t>North Hemel Hempstead (Hm01); Shendish Manor and Fairfields (Hm11); Marchmont Farm (Hm14) ; East Hemel Hempstead (North) (H2); East Hemel Hempstead (Central) (H3); East Hemel Hempstead (South) (H4)</t>
  </si>
  <si>
    <t>Aecom Hemel Hempstead Transport Study (2024) and update (2025).</t>
  </si>
  <si>
    <t>TR8</t>
  </si>
  <si>
    <t>(LS-8) Local Mobility Hub located at Peascroft Road/Bennetts End Road, close to the local shopping parade. Served by Bus Routes 1 and 2</t>
  </si>
  <si>
    <t>TR9</t>
  </si>
  <si>
    <t>(LS-9) Local Mobility Hub located on Leverstock Green Way, close to the local shopping parade. Served by Bus Routes 20, 302 and 721</t>
  </si>
  <si>
    <t>TR10</t>
  </si>
  <si>
    <t xml:space="preserve">(LS-10) Local Mobility Hub at Warners End Road/Long Chaulden, close to the local shopping parade. Served by Bus Routes 3, 4 and ML1. </t>
  </si>
  <si>
    <t>TR11</t>
  </si>
  <si>
    <t xml:space="preserve">(LS-11) Local Mobility Hub located in Galley Hill opposite the Baptist Church. Served by Bus Routes 3 and 4. </t>
  </si>
  <si>
    <t>TR12</t>
  </si>
  <si>
    <t xml:space="preserve">(LS-12) Local Mobility Hub located close to the Honeycross Rd junction. Served by Bus Routes 3 and ML1 </t>
  </si>
  <si>
    <t>TR13</t>
  </si>
  <si>
    <t>(LS-13) Local Mobility Hub located at Wood Lane End car park (requites removal of parking spaces). Served by Bus Routes 302, 320 and ML1.</t>
  </si>
  <si>
    <t>TR14</t>
  </si>
  <si>
    <t>(LS-14) Integrated metro mobility hub with facilities to encourage and facilitate modes of transport other than the private car; this will connect the site to key destinations including Hemel Hempstead Train Station and the Maylands Business Park. Mobility hub to provide a bus and coach interchange near Maylands with access to the A414/M1. Served by existing or new express coach services along the M1 (e.g. Greenline and National Express) and local express buses to neighbouring towns including a potential cross-county express bus service (HERT). Opportunity for associated cycle and pedestrian improvements. This forms part of Phase 2 of the package of transport measures for M1 J8 enhancements - Prioritisation of active and sustainable modes of travel.</t>
  </si>
  <si>
    <t>Herts IQ has been identified as a potential contributor to funding.</t>
  </si>
  <si>
    <t>TR15</t>
  </si>
  <si>
    <t xml:space="preserve">(LS-16) Investigate the potential for introducing bus priority at the Plough Roundabout, particularly in the vicinity of the bus interchange which could also be served by the HERT in the future. </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Plots 2/3 Kier Park, Maylands Avenue (Hm12); Polehanger Lane (Hm13); Marchmont Farm (Hm14) ; Site to the south of Green Lane (Hm16); North Hemel Hempstead (H1); East Hemel Hempstead (North) (H2); East Hemel Hempstead (Central) (H3); East Hemel Hempstead (South) (H4)</t>
  </si>
  <si>
    <t>TR16</t>
  </si>
  <si>
    <t xml:space="preserve">(LS-17) Bus priority lane on the A414 westbound approaching the Plough Roundabout including bus gate signals to enable buses to move from the nearside to the offside lane. To accommodate the bus lane, there is likely to be a need to reduce general traffic space by a lane in either the eastbound or westbound direction. </t>
  </si>
  <si>
    <t>North Hemel Hempstead (Hm01); Hemel Hospital/Market Square (Hm03); Symbio Site, Whiteleaf Road (Hm07); Hemel Hempstead Station Gateway (Hm08); National Grid and 339-353 London Road (Hm09); Apsley Mills Retail Park (Hm10); Shendish Manor and Fairfields (Hm11); Plots 2/3 Kier Park, Maylands Avenue (Hm12); Polehanger Lane (Hm13); Site to the south of Green Lane (Hm16); North Hemel Hempstead (H1); East Hemel Hempstead (North) (H2); East Hemel Hempstead (Central) (H3); East Hemel Hempstead (South) (H4)</t>
  </si>
  <si>
    <t>Developer / Hertfordshire County Council / National Highways</t>
  </si>
  <si>
    <t>TR17</t>
  </si>
  <si>
    <t xml:space="preserve">(LS-19) A Bus Only traffic filter (in both directions) on A4146 Station Road, east of St John's Road, to prevent through traffic. Could be in operation throughout the day, or at peak times only. It would benefit Bus Routes 1, 2, 4, 20, 302, 352, 501, ML1 and X5. Additional locations for bus only traffic filters across Hemel Hempstead are not confirmed at this time and would be subject to feasibility and assessment of the traffic re-routeing effects. </t>
  </si>
  <si>
    <t>North Hemel Hempstead (Hm01); Shendish Manor and Fairfields (Hm11); North Hemel Hempstead (H1); East Hemel Hempstead (North) (H2); East Hemel Hempstead (South) (H4)</t>
  </si>
  <si>
    <t>TR18</t>
  </si>
  <si>
    <t>(LS-20) Additional locations for bus only traffic filters could be considered across Hemel Hempstead. Provision is currently made for up to 4 additional locations, subject to feasibility and public consultation. These locations will be determined based on more detailed investigations including consideration of the potential impacts on traffic re-routing. They should be considered in locations which are already well served by bus services.</t>
  </si>
  <si>
    <t>2031-2037</t>
  </si>
  <si>
    <t>TR19</t>
  </si>
  <si>
    <t>North Hemel Hempstead (Hm01) Local Mobility Hub - West</t>
  </si>
  <si>
    <t>(LS-22) Local Mobility Hub located within the proposed North Hemel Hempstead (Hm01) development site around the proposed mixed use area MU1 - to be provided by the developer at a location which is accessible within the site and aligned to the Local Mobility Hub standards applied across Hemel Garden Communities</t>
  </si>
  <si>
    <t>TR20</t>
  </si>
  <si>
    <t>North Hemel Hempstead (Hm01) Local Mobility Hub - Central</t>
  </si>
  <si>
    <t>(LS-23) Local Mobility Hub located within the proposed North Hemel Hempstead (Hm01)development site around the proposed mixed use area MU2 - to be provided by the developer at a location which is accessible within the site and aligned to the Local Mobility Hub standards applied across Hemel Garden Communities</t>
  </si>
  <si>
    <t>TR21</t>
  </si>
  <si>
    <t>North Hemel Hempstead (Hm01) Local Mobility Hub - East</t>
  </si>
  <si>
    <t>(LS-24) Local Mobility Hub located within the proposed North Hemel Hempstead (Hm01) development site on the eastern side near to the A4146 Redbourn Road and around the proposed mixed use area MU3 - to be provided by the developer at a location which is accessible within the site and aligned to the Local Mobility Hub standards applied across Hemel Garden Communities</t>
  </si>
  <si>
    <t>TR22</t>
  </si>
  <si>
    <t>DBC IDP &amp; SADC IDP</t>
  </si>
  <si>
    <t>East Hemel Hempstead (North) (H2) Local Mobility Hub</t>
  </si>
  <si>
    <t>(LS-25) Metro Mobility Hub located within the proposed East Hemel Hempstead development site in the northern part of the development, south of the A4146 Redbourn Road and around the proposed mixed use area MU4 - to be provided by the developer at a location which is accessible within the site and aligned to the Local Mobility Hub standards applied across Hemel Garden Communities</t>
  </si>
  <si>
    <t>TR23</t>
  </si>
  <si>
    <t>East Hemel Hempstead (South) (H4) Local Mobility Hub</t>
  </si>
  <si>
    <t>(LS-26) Metro Mobility Hub located within the proposed East Hemel Hempstead development site in the southern part of the development, north of the A4147 Hemel Hempstead Road and around the proposed mixed use area MU6 - to be provided by the developer at a location which is accessible within the site and aligned to the Local Mobility Hub standards applied across Hemel Garden Communities</t>
  </si>
  <si>
    <t>TR24</t>
  </si>
  <si>
    <t>(LS-27) Local Mobility Hub located within the proposed Marchmont Farm development site - to be provided by the developer at a location which is accessible within the site and aligned to the Local Mobility Hub standards applied across Hemel Garden Communities</t>
  </si>
  <si>
    <t>TR25</t>
  </si>
  <si>
    <t>(LS-28) Local Mobility Hub located within the proposed Polehanger Lane development site - to be provided by the developer at a location which is accessible within the site and aligned to the Local Mobility Hub standards applied across Hemel Garden Communities</t>
  </si>
  <si>
    <t>TR26</t>
  </si>
  <si>
    <t>(LS-29) Local Mobility Hub located within the proposed Shendish Manor and Fairfields development site - to be provided by the developer at a location which is accessible within the site and aligned to the Local Mobility Hub standards applied across Hemel Garden Communities</t>
  </si>
  <si>
    <t>TR27</t>
  </si>
  <si>
    <t xml:space="preserve">(LS-30) Revised layout to the station forecourt to provide a more attractive and accessible environment for walking, wheeling and cycling, improved taxi rank, improved bus interchange facilities in line with the Metro Mobility Hub standards. This will be the terminating/turn-around point for the proposed HERT MRT system. This intervention does not include highway access junctions or on-street bus stop provision. </t>
  </si>
  <si>
    <t>Developer / Hertfordshire County Council / Network Rail</t>
  </si>
  <si>
    <t>TR28</t>
  </si>
  <si>
    <t>(LS-31) Refresh of the station infrastructure including refurbished ticket office, subway and stairwells to platforms</t>
  </si>
  <si>
    <t>Network Rail</t>
  </si>
  <si>
    <t>TR29</t>
  </si>
  <si>
    <t>DBC IDP / SADC IDP</t>
  </si>
  <si>
    <t>(LS-32) Phase 3 of package of transport measures to enhance M1 Junction 8 and surrounding area. To provide additional capacity and connectivity to Maylands and Herts IQ, and relieve congestion on the A414. Land to the east of Junction 8 is safeguarded by The Crown Estate, in case it is required to come forward for junction improvements (Phase 3 J8 enhancements).
Reconfiguration of M1 Junction 8 on the eastern side, including a new roundabout adjoining the southbound on/off-slips and a new connector road over the M1 and connecting into (H3) East Hemel Central, enabling onward connection.</t>
  </si>
  <si>
    <t>S106 / S38 / S278 / CIL / External Funding</t>
  </si>
  <si>
    <t>Cost comes from 2022 ITP work, which includes optimism bias. Cost may need to be updated, subject to further project details and cost work. Apportionment method TBC as uncertainties with funding source. The current assumption is 50% of the cost would come from an external funding source.</t>
  </si>
  <si>
    <t>This project cost has been apportioned using percentage trips generated throughout the programme area, using COMET modelling. Note, it has not been possible to identify a cost for windfall sites, but during the determination of the planning application, it may be deemed appropriate to seek contributions from windfall development for this scheme.</t>
  </si>
  <si>
    <t>South West Hertfordshire Growth and Transport Plan (2019), verified through stakeholder engagement with HCC in Feb 2023 for the DBC IDP and May 2023 for the SADC IDP, Aecom Hemel Hempstead Transport Study (2024) and update (2025), Verified through engagement with HCC in February 2025</t>
  </si>
  <si>
    <t>TR30</t>
  </si>
  <si>
    <t>M1 Junction 8 enhancement - Phase 1 Phoenix Gateway Roundabout (A414/Green Lane) re-configuration and signalisation</t>
  </si>
  <si>
    <t>(LS-33) Phase 1 of package of transport measures to enhance M1 Junction 8 and surrounding area - Replacement of the existing Phoenix Gateway/Green Lane roundabout on the A414 with a signal-controlled crossroads incorporating at grade active travel connections into the existing network and vehicular access to East Hemel</t>
  </si>
  <si>
    <t>TR31</t>
  </si>
  <si>
    <t>(LS-35) Closure of the central reservation gap to right turning traffic - traffic will be diverted to the next roundabout or an alternative route</t>
  </si>
  <si>
    <t>TR32</t>
  </si>
  <si>
    <t>(LS-36) Closure of the central reservation gap to right turning traffic - traffic will be diverted to the next roundabout or an alternative route</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Plots 2/3 Kier Park, Maylands Avenue (Hm12); Polehanger Lane (Hm13); Site to the south of Green Lane (Hm16); North Hemel Hempstead (H1); East Hemel Hempstead (North) (H2); East Hemel Hempstead (Central) (H3); East Hemel Hempstead (South) (H4)</t>
  </si>
  <si>
    <t>TR33</t>
  </si>
  <si>
    <t>(LS-37) Closure of the central reservation gap to right turning traffic - traffic will be diverted to the next roundabout or an alternative route</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olehanger Lane (Hm13); Marchmont Farm (Hm14) ; Old Town (Hm15) (Hm15); Site to the south of Green Lane (Hm16); East Hemel Hempstead (North) (H2); East Hemel Hempstead (Central) (H3); East Hemel Hempstead (South) (H4)</t>
  </si>
  <si>
    <t>TR34</t>
  </si>
  <si>
    <t>(LS-38) Closure of the central reservation gap to right turning traffic - traffic will be diverted to the next roundabout or an alternative route</t>
  </si>
  <si>
    <t>TR35</t>
  </si>
  <si>
    <t>(LS-42) Quietway, indicated by signs and some physical measures at entry points, on Cherry Tree Lane between Three Cherry Trees Lane to Redbourn Road. Closure to through traffic.</t>
  </si>
  <si>
    <t>East Hemel Hempstead (North) (H2); East Hemel Hempstead (Central) (H3)</t>
  </si>
  <si>
    <t>TR36</t>
  </si>
  <si>
    <t>(LS-43) Quietway, indicated by signs and some physical measures at entry points, on Punchbowl Lane. The section of the lane west of the M1 will be subsumed within East Hemel Hempstead development and may therefore be subject to alteration. Closure to through traffic.</t>
  </si>
  <si>
    <t>TR37</t>
  </si>
  <si>
    <t>(LS-44) Quietway, indicated by signs and some physical measures at entry points, on Hog End Lane. The section of the lane west of the M1 will be subsumed within East Hemel Hempstead development and may therefore be subject to alteration. Closure to through traffic.</t>
  </si>
  <si>
    <t>TR38</t>
  </si>
  <si>
    <t>(LS-45) Quietway, indicated by signs and some physical measures at entry points, on Green Lane between Breakspear Park office complex access and junction with Westwick Row. The section of Green Lane adjacent to Breakspear Park may be subject to alteration resulting from the East Hemel Hempstead development and changes to the A414 Phoenix Gateway Roundabout. Closure to through traffic.</t>
  </si>
  <si>
    <t>TR39</t>
  </si>
  <si>
    <t>(LS-46) Quietway, indicated by signs and some physical measures at entry points, on Bunkers Lane between Longdean Park and Bedmond Road. Closure to through traffic.</t>
  </si>
  <si>
    <t>TR40</t>
  </si>
  <si>
    <t>(LS-47) Quietway, indicated by signs and some physical measures at entry points, on Blackwater Lane. This lane will be subsumed within East Hemel Hempstead development (reserve school development site) and may therefore be subject to change. Closure to through traffic.</t>
  </si>
  <si>
    <t>TR41</t>
  </si>
  <si>
    <t xml:space="preserve">(LS-48) Alterations to Berkhamsted Road adjacent to the proposed Polehanger Lane development which will include a vehicular access onto this road. Comprising a reduction in the speed limit from National Speed limit to 30 or 40mph between the access to Boxted Farm and the existing settlement boundary. </t>
  </si>
  <si>
    <t>TR42</t>
  </si>
  <si>
    <t>(LS-49) Quietway, indicated by signs and some physical measures at entry points, on Fields End Lane, joining another proposed Quietway at its western end at Pouchen End Lane, and Boxted Road at its eastern end. Closure to through traffic.</t>
  </si>
  <si>
    <t>TR43</t>
  </si>
  <si>
    <t>(LS-50) Pedestrian and cycle crossing on Boxted Road adjacent to the junction with Fields End Lane (proposed Quietway) and Berkhamsted Road (which is not open to traffic at its western end, and is also proposed as a Quietway)</t>
  </si>
  <si>
    <t>TR44</t>
  </si>
  <si>
    <t xml:space="preserve">(LS-51) Upgrade to existing PRoW (Footpath) Hemel Hempstead (013) linking Polehanger Lane and Leighton Buzzard Road to form part of the proposed Green Loop. </t>
  </si>
  <si>
    <t>TR45</t>
  </si>
  <si>
    <t xml:space="preserve">(LS-52) Quietway, indicated by signs and some physical measures at entry points, on Holtsmere End Lane between a location in the vicinity of PRoW (Footpath) Great Gaddesden 048 and Redbourn 011. This lane will run through or along the perimeter of the proposed East Hemel Hempstead development and therefore may be subject to alteration as part of the development. Where Holtsmere End Lane currently links onto Gaddesdon Lane on the north-eastern side of the proposed Nort/East Hemel Hempstead developments, this should also be considered for Quietway treatment to discourage traffic rat running through the development or conversely traffic routeing out of the development onto Gaddesdon Lane. </t>
  </si>
  <si>
    <t>North Hemel Hempstead (Hm01); North Hemel Hempstead (H1)</t>
  </si>
  <si>
    <t>TR46</t>
  </si>
  <si>
    <t>(LS-53) Pedestrian and cycle crossing on B487 Redbourn Road adjacent to the junction between Cherry Tree Lane and Holtsmere End Lane to connect sections of the proposed Green Loop running through the East Hemel Hempstead development on either side.</t>
  </si>
  <si>
    <t>North Hemel Hempstead (H1); East Hemel Hempstead (North) (H2)</t>
  </si>
  <si>
    <t>TR47</t>
  </si>
  <si>
    <t xml:space="preserve">(LS-54) Alterations to the A4147 Hemel Hempstead Road between the existing settlement boundary and the junction with Beechtree Lane and Appspond Lane (between M1 and A414), comprising: 1) speed limit changes 30mph along most of the length, with a buffer 40mph section at the eastern most end up to Beechtree Lane and Appsond Lane; 2) provision of upgraded shared use pedestrian and cycle route along the full length (northern side of the road); 3 crossings including 1 signal-controlled pedestrian/cycle crossing (for access to proposed secondary school on southern side) and a crossing to link with the Blackwater Lane Green Loop; raised M1 bridge parapet (northern side) to facilitate cycling. Upgrades may be influenced by where proposed vehicle accesses will be created into the East Hemel Hempstead development site and school entrance.   </t>
  </si>
  <si>
    <t>TR48</t>
  </si>
  <si>
    <t>(LS-55) Pedestrian and cycle crossing on Bedmond Road adjacent to the junction with Bunkers Lane (proposed Quietway) and Blackwater Lane (proposed Quietway)</t>
  </si>
  <si>
    <t>TR49</t>
  </si>
  <si>
    <t>(LS-56) Local Mobility Hub located adjacent to the Denes local shopping parade. Served nearby by Bus Route 2</t>
  </si>
  <si>
    <t>TR50</t>
  </si>
  <si>
    <t>(LS-57) Local Mobility Hub located on London Road in Two Waters Opportunity Area, opposite McDonalds drive-thru and close to the A414 junction. Served nearby by Bus Route 322</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olehanger Lane (Hm13); Marchmont Farm (Hm14) ; North Hemel Hempstead (H1); East Hemel Hempstead (North) (H2); East Hemel Hempstead (South) (H4)</t>
  </si>
  <si>
    <t>TR51</t>
  </si>
  <si>
    <t>(LS-58) Information sourced from Transport Initiatives LLP's June 2024 report. Could comprise 26-34 docking hubs; Hemel Hempstead Outer - 13-17 docking hubs ((Two Waters OA - 9 hubs; Kings Langley 8 hubs; Maylands Business Park 7 docking hubs; North HH 10 hubs; East HH 15 docking hubs). Assume simple docking equipment and/or a marked area on the highway.</t>
  </si>
  <si>
    <t>TR52</t>
  </si>
  <si>
    <t xml:space="preserve">(LS-59) Enlarge pedestrian footway in front of station ticket hall, double the number of cycle stands (currently 12), removal of some parking spaces to provide space for enlarged footway and additional cycle stands, planting and landscaping. </t>
  </si>
  <si>
    <t>TR53</t>
  </si>
  <si>
    <t xml:space="preserve">(LS-61) Alterations to the B487 Hemel Hempstead Road between the existing settlement boundary and the M1 bridge, comprising: 1) speed limit changes 30mph along the frontage of the proposed East Hemel Hempstead development, with a buffer 40mph section at the eastern; 2) provision of new cycle and pedestrian route on at least one side of the road to link with existing footway provision west of Cherry Tree Lane; 3) at least 1 controlled pedestrian/cycle crossing (to connect sections of the East Hemel Hempstead development on either side; 4) alteration to the B487-Cherry Tree Lane-Holtsmere Lane junction in line with the Quietway treatments proposed to the two lanes (including signage and kerbed build outs to discourage through traffic); 5) upgraded bus stops. It is anticipated there will be one junction serving access to the proposed East Hemel Hempstead development on either side of the road.   </t>
  </si>
  <si>
    <t>TR54</t>
  </si>
  <si>
    <t xml:space="preserve">(LS-62) Review bus service connections between St Albans and Hemel Hempstead from the perspective of identifying opportunities for increasing service frequencies and/or reducing journey times e.g. introducing new services with limited stops or re-routeing services along the A414 to simulate what could eventually form the future HERT corridor. Existing services in the corridor include Bus Route 721. </t>
  </si>
  <si>
    <t>TR55</t>
  </si>
  <si>
    <t xml:space="preserve">(LS-63) Review bus service connections between North Hemel Hempstead, Watford, Croxley and Rickmansworth from the perspective of identifying opportunities for increasing service frequencies and/or reducing journey times e.g. introducing new services with limited stops or re-routeing services along the A41, A4251, Bedmond Road and/or the M1. Existing services in the corridor include Bus Routes 20 and 322. </t>
  </si>
  <si>
    <t>TR56</t>
  </si>
  <si>
    <t xml:space="preserve">(LS-64) Alterations to the B440 Leighton Buzzard Road in conjunction with the North Hemel Hempstead proposed development (which could potentially provide a vehicle access onto this road). Measures include reducing the current 50mph section to 40mph (matching the 40mph section to the north); reducing the current 60mph section leading out of Hemel Hempstead to 40mph; installing a signal-controlled Toucan crossing adjacent to Public Footpath 'Hemel Hempstead 013'); provision LTN standard cycle and footway (replacing the existing narrow footway) on the western side of the road (approx. 680m): provision of signal-controlled crossing on Galley Hill at southern end of corridor, east of the B440-A4147 roundabout. </t>
  </si>
  <si>
    <t>North Hemel Hempstead (Hm01); Civic Zone, Marlowes (Hm02); Hemel Hospital/Market Square (Hm03); Paradise (Hm04); Riverside (Hm06); Hemel Hempstead Station Gateway (Hm08); National Grid and 339-353 London Road (Hm09); Apsley Mills Retail Park (Hm10); Shendish Manor and Fairfields (Hm11); Grovehill Local Centre; Plots 2/3 Kier Park, Maylands Avenue (Hm12); Marchmont Farm (Hm14) ; Old Town (Hm15) (Hm15); North Hemel Hempstead (H1); East Hemel Hempstead (North) (H2); East Hemel Hempstead (Central) (H3); East Hemel Hempstead (South) (H4)</t>
  </si>
  <si>
    <t>TR57</t>
  </si>
  <si>
    <t xml:space="preserve">(LS-68) Local Mobility Hub outside the college, and served by Bus Routes 2, 4 and 46. </t>
  </si>
  <si>
    <t>North Hemel Hempstead (Hm01); Civic Zone, Marlowes (Hm02); Hemel Hospital/Market Square (Hm03); Paradise (Hm04); Riverside (Hm06); Hemel Hempstead Station Gateway (Hm08); National Grid and 339-353 London Road (Hm09); Shendish Manor and Fairfields (Hm11); Plots 2/3 Kier Park, Maylands Avenue (Hm12); Polehanger Lane (Hm13); Marchmont Farm (Hm14) ; North Hemel Hempstead (H1); East Hemel Hempstead (North) (H2); East Hemel Hempstead (Central) (H3); East Hemel Hempstead (South) (H4)</t>
  </si>
  <si>
    <t>TR58</t>
  </si>
  <si>
    <t>(LS-69) Local Mobility Hub within the proposed development or on the adjacent Long Chaulden, currently served by Bus Routes 3, 4 and ML1</t>
  </si>
  <si>
    <t>TR59</t>
  </si>
  <si>
    <t>A414 Maylands Avenue Roundabout - signalisation and bus-only hamburger</t>
  </si>
  <si>
    <t xml:space="preserve">(LS-71) Conversion of the roundabout to incorporate bus-only hamburger links through the centre, with bus priority lanes and gates in advance on both sides. Introduce a new at-grade crossing facility to the east of the roundabout, to replace or complement the existing footbridge. </t>
  </si>
  <si>
    <t>TR60</t>
  </si>
  <si>
    <t>(LS-72) Westbound only bus lane between Rant Meadow and Bennetts End Road roundabout with signal controlled bus gate. May require some reallocation of road space.</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Old Town (Hm15) (Hm15); Site to the south of Green Lane (Hm16); East Hemel Hempstead (North) (H2); East Hemel Hempstead (Central) (H3); East Hemel Hempstead (South) (H4)</t>
  </si>
  <si>
    <t>TR61</t>
  </si>
  <si>
    <t>(LS-73) Upgrade to the Riverside Bus Interchange to align with Metro Mobility Hub standards including better facilities for waiting passengers. Assume the overall capacity of the interchange will not be influenced by the adjacent Riverside development</t>
  </si>
  <si>
    <t>TR62</t>
  </si>
  <si>
    <t xml:space="preserve">(LS-74) A new plaza and western access to Aspley Station. Assumed to comprise a small ticket office at ground level, cycle parking facilities, vehicle drop-off however no car parking will be provided. Alongside this, provision should be made for additional accessibility features including step-free access to all platforms which would necessitate a new footbridge and three lifts. </t>
  </si>
  <si>
    <t>TR63</t>
  </si>
  <si>
    <t>(LS-75) There are currently limited connections for both pedestrians and cyclists across the canal in the Apsley area. The purpose of this intention is to investigate improvements to existing active mode bridges over the canal and/or the provision of an additional bridge link.</t>
  </si>
  <si>
    <t>Cost includes an uplift for the allowance of main contractor preliminaries and overheads and profit (45%), professional fees (15%), contingency (50%).</t>
  </si>
  <si>
    <t>TR64</t>
  </si>
  <si>
    <t xml:space="preserve">(LS-76) An off-road shared use footway and cycleway between Appspond Lane/Beechtree Lane and King Harry Lane, expected to run along the northern side of the road. </t>
  </si>
  <si>
    <t>TR65</t>
  </si>
  <si>
    <t>TR66</t>
  </si>
  <si>
    <t>TR67</t>
  </si>
  <si>
    <t>TR68</t>
  </si>
  <si>
    <t>TR69</t>
  </si>
  <si>
    <t>TR70</t>
  </si>
  <si>
    <t>TR71</t>
  </si>
  <si>
    <t>TR72</t>
  </si>
  <si>
    <t>TR73</t>
  </si>
  <si>
    <t>TR74</t>
  </si>
  <si>
    <t>TR75</t>
  </si>
  <si>
    <t>TR76</t>
  </si>
  <si>
    <t>TR77</t>
  </si>
  <si>
    <t>TR78</t>
  </si>
  <si>
    <t>TR79</t>
  </si>
  <si>
    <t>TR80</t>
  </si>
  <si>
    <t>(SG4-7) Add cycle storage facilities for residents along Glenview Gardens</t>
  </si>
  <si>
    <t>TR81</t>
  </si>
  <si>
    <t>North Hemel Hempstead (Hm01); Symbio Site, Whiteleaf Road (Hm07); Hemel Hempstead Station Gateway (Hm08); National Grid and 339-353 London Road (Hm09); Apsley Mills Retail Park (Hm10); Shendish Manor and Fairfields (Hm11); Plots 2/3 Kier Park, Maylands Avenue (Hm12); Polehanger Lane (Hm13); North Hemel Hempstead (H1); East Hemel Hempstead (South) (H4)</t>
  </si>
  <si>
    <t>TR82</t>
  </si>
  <si>
    <t>TR83</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Old Town (Hm15) (Hm15); Site to the south of Green Lane (Hm16); North Hemel Hempstead (H1); East Hemel Hempstead (North) (H2); East Hemel Hempstead (South) (H4)</t>
  </si>
  <si>
    <t>TR84</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North Hemel Hempstead (H1); East Hemel Hempstead (North) (H2); East Hemel Hempstead (South) (H4)</t>
  </si>
  <si>
    <t>TR85</t>
  </si>
  <si>
    <t>TR86</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North Hemel Hempstead (H1); East Hemel Hempstead (North) (H2); East Hemel Hempstead (Central) (H3); East Hemel Hempstead (South) (H4)</t>
  </si>
  <si>
    <t>TR87</t>
  </si>
  <si>
    <t>TR88</t>
  </si>
  <si>
    <t>North Hemel Hempstead (Hm01); Hemel Hospital/Market Square (Hm03); Paradise (Hm04); Riverside (Hm06); Symbio Site, Whiteleaf Road (Hm07); Hemel Hempstead Station Gateway (Hm08); National Grid and 339-353 London Road (Hm09); Apsley Mills Retail Park (Hm10); Shendish Manor and Fairfields (Hm11); Plots 2/3 Kier Park, Maylands Avenue (Hm12); Polehanger Lane (Hm13); North Hemel Hempstead (H1); East Hemel Hempstead (North) (H2); East Hemel Hempstead (Central) (H3); East Hemel Hempstead (South) (H4)</t>
  </si>
  <si>
    <t>TR89</t>
  </si>
  <si>
    <t>London Road Doolittle Meadows crossings and compact roundabout treatment</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Polehanger Lane (Hm13); Marchmont Farm (Hm14) ; East Hemel Hempstead (Central) (H3)</t>
  </si>
  <si>
    <t>TR90</t>
  </si>
  <si>
    <t>(SG7-3) Introduce signal-controlled crossing at the location of the existing uncontrolled crossing with refuge island close to the station access road. Removal of central hatched area, increase width of footway on the southern end between the crossing and station access (approx. 20m). Crossing on bus-compliant raised speed table. Removal of c.4 c4-6 car lengths of kerbside parking bays)</t>
  </si>
  <si>
    <t>TR91</t>
  </si>
  <si>
    <t>TR92</t>
  </si>
  <si>
    <t>TR93</t>
  </si>
  <si>
    <t>TR94</t>
  </si>
  <si>
    <t>TR95</t>
  </si>
  <si>
    <t>TR96</t>
  </si>
  <si>
    <t>TR97</t>
  </si>
  <si>
    <t>TR98</t>
  </si>
  <si>
    <t>TR99</t>
  </si>
  <si>
    <t>TR100</t>
  </si>
  <si>
    <t>TR101</t>
  </si>
  <si>
    <t>TR102</t>
  </si>
  <si>
    <t>Peascroft Road cycle route and side-arm junction Copenhagen crossings</t>
  </si>
  <si>
    <t>TR103</t>
  </si>
  <si>
    <t>TR104</t>
  </si>
  <si>
    <t>TR105</t>
  </si>
  <si>
    <t>TR106</t>
  </si>
  <si>
    <t>TR107</t>
  </si>
  <si>
    <t>TR108</t>
  </si>
  <si>
    <t>TR109</t>
  </si>
  <si>
    <t>New controlled crossing between St Davids Close and Greenacres</t>
  </si>
  <si>
    <t>(SG10-2) Provide a new controlled crossing between St Davids Close and Greenachres to serve access to the inbound bus stop from housing on the eastern side of road. In conjunction, widen footways on both sides of the road, either side of the crossing, and incorporate tactile paving and dropped kerbs and include short footway extension on southern side of St Davids Close arm</t>
  </si>
  <si>
    <t>TR110</t>
  </si>
  <si>
    <t>TR111</t>
  </si>
  <si>
    <t>(SG10-4) Add cycle parking (c. 6x cycle stands) adjacent to the controlled crossing outside the Leverstock Green Village Centre shopping parade</t>
  </si>
  <si>
    <t>TR112</t>
  </si>
  <si>
    <t>(SG11-1) Add tactile paving at Micklefield Road (junctions with Green Lane and Poynders Hill)</t>
  </si>
  <si>
    <t>TR113</t>
  </si>
  <si>
    <t>TR114</t>
  </si>
  <si>
    <t>TR115</t>
  </si>
  <si>
    <t>Civic Zone, Marlowes (Hm02); Hemel Hospital/Market Square (Hm03); Paradise (Hm04); Symbio Site, Whiteleaf Road (Hm07); Hemel Hempstead Station Gateway (Hm08); National Grid and 339-353 London Road (Hm09); Shendish Manor and Fairfields (Hm11); Grovehill Local Centre; Plots 2/3 Kier Park, Maylands Avenue (Hm12); Polehanger Lane (Hm13); Old Town (Hm15) (Hm15); Site to the south of Green Lane (Hm16); North Hemel Hempstead (H1); East Hemel Hempstead (Central) (H3)</t>
  </si>
  <si>
    <t>TR116</t>
  </si>
  <si>
    <t>North Hemel Hempstead (Hm01); Civic Zone, Marlowes (Hm02); Hemel Hospital/Market Square (Hm03); Paradise (Hm04); Hemel Hempstead Station Gateway (Hm08); National Grid and 339-353 London Road (Hm09); Shendish Manor and Fairfields (Hm11); Grovehill Local Centre; Plots 2/3 Kier Park, Maylands Avenue (Hm12); Polehanger Lane (Hm13); Marchmont Farm (Hm14) ; Old Town (Hm15) (Hm15); North Hemel Hempstead (H1); East Hemel Hempstead (Central) (H3); East Hemel Hempstead (South) (H4)</t>
  </si>
  <si>
    <t>TR117</t>
  </si>
  <si>
    <t>North Hemel Hempstead (Hm01); Civic Zone, Marlowes (Hm02); Hemel Hospital/Market Square (Hm03); Paradise (Hm04); Hemel Hempstead Station Gateway (Hm08); National Grid and 339-353 London Road (Hm09); Shendish Manor and Fairfields (Hm11); Grovehill Local Centre; Plots 2/3 Kier Park, Maylands Avenue (Hm12); Polehanger Lane (Hm13); Marchmont Farm (Hm14) ; Old Town (Hm15) (Hm15); Site to the south of Green Lane (Hm16); North Hemel Hempstead (H1); East Hemel Hempstead (North) (H2); East Hemel Hempstead (Central) (H3); East Hemel Hempstead (South) (H4)</t>
  </si>
  <si>
    <t>TR118</t>
  </si>
  <si>
    <t xml:space="preserve">(SG15-2) Additional wayfinding signage showing directions and distances to key destinations including mobility hubs </t>
  </si>
  <si>
    <t>TR119</t>
  </si>
  <si>
    <t>TR120</t>
  </si>
  <si>
    <t>TR121</t>
  </si>
  <si>
    <t>TR122</t>
  </si>
  <si>
    <t>TR123</t>
  </si>
  <si>
    <t>(SG16-5) Install Copenhagen crossings at the side arm junctions of Field Road, Vauxhall Road</t>
  </si>
  <si>
    <t>TR124</t>
  </si>
  <si>
    <t>TR125</t>
  </si>
  <si>
    <t>TR126</t>
  </si>
  <si>
    <t>TR127</t>
  </si>
  <si>
    <t>TR128</t>
  </si>
  <si>
    <t>TR129</t>
  </si>
  <si>
    <t xml:space="preserve">North Hemel Hempstead (Hm01); Marchmont Farm (Hm14) </t>
  </si>
  <si>
    <t>TR130</t>
  </si>
  <si>
    <t>TR131</t>
  </si>
  <si>
    <t>TR132</t>
  </si>
  <si>
    <t>TR133</t>
  </si>
  <si>
    <t>TR134</t>
  </si>
  <si>
    <t>TR135</t>
  </si>
  <si>
    <t>TR136</t>
  </si>
  <si>
    <t>TR137</t>
  </si>
  <si>
    <t>TR138</t>
  </si>
  <si>
    <t>TR139</t>
  </si>
  <si>
    <t>TR140</t>
  </si>
  <si>
    <t>TR141</t>
  </si>
  <si>
    <t>TR142</t>
  </si>
  <si>
    <t>TR143</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Old Town (Hm15) (Hm15); North Hemel Hempstead (H1); East Hemel Hempstead (North) (H2); East Hemel Hempstead (Central) (H3)</t>
  </si>
  <si>
    <t>TR144</t>
  </si>
  <si>
    <t>TR145</t>
  </si>
  <si>
    <t>TR146</t>
  </si>
  <si>
    <t>TR147</t>
  </si>
  <si>
    <t>TR148</t>
  </si>
  <si>
    <t>TR149</t>
  </si>
  <si>
    <t>TR150</t>
  </si>
  <si>
    <t>Marlowes carriageway reconfiguration - Hillfield Road-Combe Street</t>
  </si>
  <si>
    <t>TR151</t>
  </si>
  <si>
    <t>Marlowes carriageway reconfiguration - Combe Street-Midland Road</t>
  </si>
  <si>
    <t xml:space="preserve">(SG25-4) a) Remove landscaped central reservation on Marlowes between Combe Street and Midland Road and widen the footway on eastern side. Reduce the southbound carriageway to a single lane. b) Install an additional controlled crossing adjacent to the library, on a raised speed table.  </t>
  </si>
  <si>
    <t>TR152</t>
  </si>
  <si>
    <t>TR153</t>
  </si>
  <si>
    <t>TR154</t>
  </si>
  <si>
    <t>North Hemel Hempstead (Hm01); Civic Zone, Marlowes (Hm02); Hemel Hospital/Market Square (Hm03); Paradise (Hm04); Riverside (Hm06); National Grid and 339-353 London Road (Hm09); Apsley Mills Retail Park (Hm10); Shendish Manor and Fairfields (Hm11); Grovehill Local Centre; Plots 2/3 Kier Park, Maylands Avenue (Hm12); Polehanger Lane (Hm13); Marchmont Farm (Hm14) ; Old Town (Hm15) (Hm15); Site to the south of Green Lane (Hm16); North Hemel Hempstead (H1); East Hemel Hempstead (North) (H2); East Hemel Hempstead (Central) (H3); East Hemel Hempstead (South) (H4)</t>
  </si>
  <si>
    <t>TR155</t>
  </si>
  <si>
    <t>TR156</t>
  </si>
  <si>
    <t>TR157</t>
  </si>
  <si>
    <t>TR158</t>
  </si>
  <si>
    <t>TR159</t>
  </si>
  <si>
    <t>TR160</t>
  </si>
  <si>
    <t>(SG27-3) Additional signal controlled pedestrian crossing north of junction with Corner Hall  on a raised speed table</t>
  </si>
  <si>
    <t>TR161</t>
  </si>
  <si>
    <t>TR162</t>
  </si>
  <si>
    <t>TR163</t>
  </si>
  <si>
    <t>TR164</t>
  </si>
  <si>
    <t>TR165</t>
  </si>
  <si>
    <t>TR166</t>
  </si>
  <si>
    <t>TR167</t>
  </si>
  <si>
    <t>TR168</t>
  </si>
  <si>
    <t xml:space="preserve">(SG30-1) Introduce offroad shared use cycle and footway utilising existing wide footway on the western/northern side of the road between the junction with St Albans Hill and Bennetts Gate shopping parade. Removal of some grass verge to create sufficient width and use of bollards or markings to discourage pavement parking. Include Copenhagen crossings on Lime Walk, Long John, Howe Road and Kimps Way </t>
  </si>
  <si>
    <t>TR169</t>
  </si>
  <si>
    <t>TR170</t>
  </si>
  <si>
    <t>TR171</t>
  </si>
  <si>
    <t>TR172</t>
  </si>
  <si>
    <t>TR173</t>
  </si>
  <si>
    <t>TR174</t>
  </si>
  <si>
    <t>TR175</t>
  </si>
  <si>
    <t>TR176</t>
  </si>
  <si>
    <t>TR177</t>
  </si>
  <si>
    <t>TR178</t>
  </si>
  <si>
    <t>TR179</t>
  </si>
  <si>
    <t>TR180</t>
  </si>
  <si>
    <t>TR181</t>
  </si>
  <si>
    <t>North Hemel Hempstead (Hm01); Civic Zone, Marlowes (Hm02); Hemel Hospital/Market Square (Hm03); Paradise (Hm04); Riverside (Hm06); Hemel Hempstead Station Gateway (Hm08); National Grid and 339-353 London Road (Hm09); Apsley Mills Retail Park (Hm10); Shendish Manor and Fairfields (Hm11); Grovehill Local Centre; Plots 2/3 Kier Park, Maylands Avenue (Hm12); Polehanger Lane (Hm13); Marchmont Farm (Hm14) ; Old Town (Hm15) (Hm15); Site to the south of Green Lane (Hm16); North Hemel Hempstead (H1); East Hemel Hempstead (North) (H2); East Hemel Hempstead (Central) (H3); East Hemel Hempstead (South) (H4)</t>
  </si>
  <si>
    <t>TR182</t>
  </si>
  <si>
    <t>North Hemel Hempstead (Hm01); Grovehill Local Centre; Plots 2/3 Kier Park, Maylands Avenue (Hm12); Polehanger Lane (Hm13); Marchmont Farm (Hm14) ; North Hemel Hempstead (H1); East Hemel Hempstead (North) (H2); East Hemel Hempstead (Central) (H3); East Hemel Hempstead (South) (H4)</t>
  </si>
  <si>
    <t>TR183</t>
  </si>
  <si>
    <t>TR184</t>
  </si>
  <si>
    <t>TR185</t>
  </si>
  <si>
    <t>TR186</t>
  </si>
  <si>
    <t>TR187</t>
  </si>
  <si>
    <t>(SG34-5) Provide tactile paving at the junction with Maxted Road</t>
  </si>
  <si>
    <t>TR188</t>
  </si>
  <si>
    <t>(SG34-6) Install wayfinding at start and end of segment and at junction of Swallowdale Lane and Three Cherry Trees Lane.</t>
  </si>
  <si>
    <t>TR189</t>
  </si>
  <si>
    <t>TR190</t>
  </si>
  <si>
    <t>TR191</t>
  </si>
  <si>
    <t xml:space="preserve">(SG35-3) Convert Cupid Green Lane to a Quietway to discourage through traffic. To provide an attractive route for walking and cycling from North Hemel Hempstead through Grovehill. Permit vehicle access to the allotments but closed to through traffic north of this point. Where Cupid Green Lane currently links onto Gaddesdon Lane on the northern side of the proposed North Hemel Hempstead development, this should also be considered for Quietway treatment to discourage traffic rat running through the development or conversely traffic routeing out of the development onto Gaddesdon Lane. </t>
  </si>
  <si>
    <t>TR192</t>
  </si>
  <si>
    <t>Grovehill Playing Fields - connection to North Hemel Hempstead (Hm01) development</t>
  </si>
  <si>
    <t xml:space="preserve">(SG35-4) Provision of a new shared footway and cyclepath link through Grovehill Playing Fields, linking into the existing path where it currently ends, and connecting into the planned North Hemel Hempstead (Hm01) development. </t>
  </si>
  <si>
    <t>TR193</t>
  </si>
  <si>
    <t>(SG35-5) A new link for pedestrians and cyclists, adjacent to the Education Support Centre on Washington Avenue, to connect into the proposed North Hemel Hempstead development.</t>
  </si>
  <si>
    <t>TR194</t>
  </si>
  <si>
    <t xml:space="preserve">(SG35-6) A new route for pedestrians and cyclists to link Shenley Road between the Sainsbury's and Brockwood Primary School. Likely to use a section of existing footway adjacent to the supermarket car park at the western end, however reallocation of land from the school may be required at the eastern end. </t>
  </si>
  <si>
    <t>TR195</t>
  </si>
  <si>
    <t>TR196</t>
  </si>
  <si>
    <t>TR197</t>
  </si>
  <si>
    <t>TR198</t>
  </si>
  <si>
    <t>TR199</t>
  </si>
  <si>
    <t>TR200</t>
  </si>
  <si>
    <t>TR201</t>
  </si>
  <si>
    <t>Aecom HHTS '25</t>
  </si>
  <si>
    <t>(EXT-1) Bus priority lane and bus gate southbound on Leighton Buzzard Road between south of Link Road and north of Queensway junctions, approx. 700m in length</t>
  </si>
  <si>
    <t>North Hemel Hempstead (Hm01); Civic Zone, Marlowes (Hm02); Hemel Hospital/Market Square (Hm03); Paradise (Hm04); Riverside (Hm06); Hemel Hempstead Station Gateway (Hm08); National Grid and 339-353 London Road (Hm09); Apsley Mills Retail Park (Hm10); Shendish Manor and Fairfields (Hm11); Grovehill Local Centre; Plots 2/3 Kier Park, Maylands Avenue (Hm12); Polehanger Lane (Hm13); Marchmont Farm (Hm14) ; Old Town (Hm15) (Hm15); North Hemel Hempstead (H1); East Hemel Hempstead (North) (H2); East Hemel Hempstead (Central) (H3); East Hemel Hempstead (South) (H4)</t>
  </si>
  <si>
    <t>Aecom Hemel Hempstead Transport Study Update (2025)</t>
  </si>
  <si>
    <t>TR202</t>
  </si>
  <si>
    <t>(EXT-2) Provision of 80m bus only left-turn filter from the eastern to the southern arms of the roundabout. No provision of bus lane in advance as Link Road is constrained by the width of the bridge of the River Gade. It would directly feed into a new bus lane heading southbound on Leighton Buzzard Road (EXT-1)</t>
  </si>
  <si>
    <t>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Old Town (Hm15) (Hm15); North Hemel Hempstead (H1); East Hemel Hempstead (North) (H2); East Hemel Hempstead (Central) (H3); East Hemel Hempstead (South) (H4)</t>
  </si>
  <si>
    <t>TR203</t>
  </si>
  <si>
    <t>(EXT-3) Bus priority on Redbourn Road between the junctions with Link Road and Queensway/Swallowdale Lane - northbound only</t>
  </si>
  <si>
    <t>TR204</t>
  </si>
  <si>
    <t xml:space="preserve">(EXT-4) Bus Gates on the proposed STC within North Hemel (minimum two will be required however additional gates may also be required along the length of STC). </t>
  </si>
  <si>
    <t>TR205</t>
  </si>
  <si>
    <t>(EXT-5) Bus Gate required along the route linking North Hemel and Marchmont Farm development sites</t>
  </si>
  <si>
    <t>TR206</t>
  </si>
  <si>
    <t>(EXT-6) HERT route - conversion of eastbound bypass lane at Jarman Park to bys-only link. Also incorporating new interchange stop (eastbound only)</t>
  </si>
  <si>
    <t>North Hemel Hempstead (Hm01); Hemel Hospital/Market Square (Hm03); Paradise (Hm04); Riverside (Hm06); Symbio Site, Whiteleaf Road (Hm07); Hemel Hempstead Station Gateway (Hm08); National Grid and 339-353 London Road (Hm09); Apsley Mills Retail Park (Hm10); Shendish Manor and Fairfields (Hm11); Polehanger Lane (Hm13); East Hemel Hempstead (Central) (H3)</t>
  </si>
  <si>
    <t>TR207</t>
  </si>
  <si>
    <t>HERT route - A414/Bennets End Roundabout signalised hamburger with bus priority links</t>
  </si>
  <si>
    <t>(EXT-7) Conversion of the A414 Bennetts End roundabout to a signalised hamburger layout incorporating bus-only links through the middle and bus lanes/gates on A414 approaches</t>
  </si>
  <si>
    <t>TR208</t>
  </si>
  <si>
    <t>HERT - A414 St Albans route</t>
  </si>
  <si>
    <t xml:space="preserve">(EXT-8) Provision of a dedicated route for HERT eastbound services from the A4147 onto the A414 (former M10); and a dedicated slip road from the A414 parallel section to M1 northbound into East Hemel spine road. </t>
  </si>
  <si>
    <t>TR209</t>
  </si>
  <si>
    <t>(EXT-9) Provision of a new shared use route on the northern side of Redbourn Road between Holtsmere End Lane and Shenley Road - to provide better connectivity between East and North Hemel developments and Woodhall Farm neighbourhood centre and Sainsbury's supermarket</t>
  </si>
  <si>
    <t>TR210</t>
  </si>
  <si>
    <t xml:space="preserve">(EXT-10) Revised highway layout at Hemel Hempstead Railway Station, outside of the forecourt including junction access arrangements and 'on-street' bus layby. Intervention needs to consider longer-term bus capacity requirements including HERT and what on-forecourt capacity is available. </t>
  </si>
  <si>
    <t xml:space="preserve">CoMoUk estimate </t>
  </si>
  <si>
    <t>TR211</t>
  </si>
  <si>
    <t>(EXT-11) Introduction of traffic signals including bus detection to allow easier right-turn from the side arm onto the main road. Also incorporate ped/cycle crossing on the B487 linking across to the Nickey Line.</t>
  </si>
  <si>
    <t>North Hemel Hempstead (Hm01); Civic Zone, Marlowes (Hm02); Hemel Hospital/Market Square (Hm03); Grovehill Local Centre; Plots 2/3 Kier Park, Maylands Avenue (Hm12); Polehanger Lane (Hm13); Marchmont Farm (Hm14) ; Old Town (Hm15) (Hm15); North Hemel Hempstead (H1); East Hemel Hempstead (North) (H2); East Hemel Hempstead (Central) (H3); East Hemel Hempstead (South) (H4)</t>
  </si>
  <si>
    <t>TR212</t>
  </si>
  <si>
    <t>(EXT-12) New 'on street' mobility hub on the south-western side of Redbourn, served by the 46 service towards Hemel, on Hemel Hempstead Road adjacent to the junction with Gaddesden Lane</t>
  </si>
  <si>
    <t>TR213</t>
  </si>
  <si>
    <t xml:space="preserve">(EXT-13) New service: Station Road / Riverside / Moor End Rd / Waterhouse St / Bridge St / Marlowes / Queensway / Leighton Buzzard Road / Link Road / Marchmont Farm / new STC &amp; spine road via site allocations Hm01, H1, H2, H3 and H4 </t>
  </si>
  <si>
    <t>HCC cost estimate x5 (5 year funding)</t>
  </si>
  <si>
    <t>TR214</t>
  </si>
  <si>
    <t>(EXT-14) Retain 46 from Bridge Street to Luton but with frequency uplifted from current (1 bus per hour) and additional stop introduced to serve site allocations H1 and H2 on Hemel Hempstead Road</t>
  </si>
  <si>
    <t>TR215</t>
  </si>
  <si>
    <t xml:space="preserve">(EXT-15) Retain 721 from Luton to Riverside but with additional stop introduced on A4147, tying into New HGC orbital Service southern terminus. Stops will be upgraded on both sides of the road to incorporate shelters and raised kassel-kerbs. </t>
  </si>
  <si>
    <t>TR216</t>
  </si>
  <si>
    <t>(EXT-16) Retain ML1 from Warners End to Maylands but with new stopping pattern in vicinity of Phoenix Gateway / Green Lane to provide interchange to HERT and New HGC Orbital Service</t>
  </si>
  <si>
    <t>TR217</t>
  </si>
  <si>
    <t>Marchmont Farm-Washington Avenue pedestrian routes</t>
  </si>
  <si>
    <t>(EXT-17) Improvements to pedestrian routes that will link the Marchmont Farm development with the Arriva 3/4 bus stop on Washington Avenue. Includes improvements to a section of Piccotts End Lane, the section of path (already designated a cycle route) linking to the u-turn end of Washington Avenue and an uncontrolled crossing just north of the junction with Tremaine Grove. Subject to status of proposed reserved emergency access adjacent to 32-home development on Laidon Square, could also comprise footpath widening and dropped kerbs on Leven Way and Laideon Square.</t>
  </si>
  <si>
    <t>TR218</t>
  </si>
  <si>
    <t xml:space="preserve">A5183 Chequers Hill junction (Flamsted) improvement </t>
  </si>
  <si>
    <t>(EXT-18) Improvement to the junction including traffic signalisation potentially with bus detection. Junction currently experiences delays in peak periods with traffic from side road having difficulties in finding suitable, safe gaps in traffic on A5153. Existing delays affect low frequency service 46 towards Hemel (and 34 towards St Albans) but an increase in frequency of the 46 would necessitate an improvement to increase service reliability</t>
  </si>
  <si>
    <t>TR219</t>
  </si>
  <si>
    <t xml:space="preserve">A414 cycle route (Park Street to Strategic Rail Freight Interchange) </t>
  </si>
  <si>
    <t>New cycle route along the A414, linking Park Street with the Strategic Rail Freight Interchange in HGC, as per SADC LCWIP scheme 11</t>
  </si>
  <si>
    <t>St Albans - Hemel Hempstead</t>
  </si>
  <si>
    <t xml:space="preserve">HCC active travel funding / S106 / S38 / S278 </t>
  </si>
  <si>
    <t>An assumption has been made that East Hemel Hempstead (South) (H4), and draft sites within St Michaels, and St Stephens Parishes within SADC would be required to contribute towards the cost of this scheme. Total growth for these sites is 3,277 dwellings, and total cost of the scheme has been apportioned accordingly. H4 has is responsible for 73.24% of the total cost, however, this is an indicative assumption, and is subject to further work, including a review of the SADC sites requiring contributions.</t>
  </si>
  <si>
    <t>TR220</t>
  </si>
  <si>
    <t>East Hemel Hempstead (North) (H2); East Hemel Hempstead (Central) (H3); East Hemel Hempstead (South) (H4)</t>
  </si>
  <si>
    <t>South West Hertfordshire Growth and Transport Plan (2019), verified through stakeholder engagement with HCC in May 2023 for the SADC IDP, and in February 2025 for HGC IDP</t>
  </si>
  <si>
    <t>TR221</t>
  </si>
  <si>
    <t>Developer / St Albans City &amp; District Council / Dacorum Borough Council / Hertfordshire County Council</t>
  </si>
  <si>
    <t>TR222</t>
  </si>
  <si>
    <t xml:space="preserve">Active travel schemes associated with the North Hemel Hempstead (H1) site </t>
  </si>
  <si>
    <t>Stakeholder engagement with HCC May 2023, for the SADC IDP, and in February 2025 for the HGC IDP</t>
  </si>
  <si>
    <t>TR223</t>
  </si>
  <si>
    <t>Hemel Garden Community Circular Route Segments: HGC - Redbourn</t>
  </si>
  <si>
    <t xml:space="preserve">LCWIP Scheme 2 - Hemel Garden Community circular route segments : Redbourn Road (A5183) - St. Albans - Hemel Hempstead Link (A4147) - Bluehouse Hill - Nickey Line (HGC - Redbourn)
</t>
  </si>
  <si>
    <t>North Hemel Hempstead (H1); East Hemel Hempstead (North) (H2); East Hemel Hempstead (Central) (H3); East Hemel Hempstead (South) (H4); North St Albans</t>
  </si>
  <si>
    <t>HCC / SADC Local Cycling and Walking Infrastructure Plan (LCWIP) (2023), Verified through engagement with HCC in February 2025</t>
  </si>
  <si>
    <t>TR224</t>
  </si>
  <si>
    <t>Nickey Line (HGC - Redbourn) - LCWIP Scheme 2 - Hemel Garden Community circular route segments</t>
  </si>
  <si>
    <t>North Hemel Hempstead (H1); East Hemel Hempstead (North) (H2); West Redbourn</t>
  </si>
  <si>
    <t>TR225</t>
  </si>
  <si>
    <t>TR226</t>
  </si>
  <si>
    <t>TR227</t>
  </si>
  <si>
    <t>TR228</t>
  </si>
  <si>
    <t>The development of the HGC Growth Areas will necessitate cycle and footpath links. The HGC Transport Vision &amp; Strategy identifies the Local Network and the Maylands Growth Corridor Study has considered walking and cycling links as part of its remit.
- Nickey line improvements and access improvements: A key issue identified is the poor linkage between the Nickey Line, Cherry Tree Lane and Three Cherry Trees Lane for pedestrians and cyclists. The existing connections from these roads onto the Nickey Line are steep and do not conform to preferred path widths and gradients. Access improvements to the Nickey Line are being tested which may include a branch line extension.
- Pedestrian and Cyclist Crossings: New and/or improved pedestrian and cyclist crossing facilities to address existing severance and enhance access to the Maylands area from surrounding residential areas (along key corridors around Maylands Avenue, Redbourn Road and Breakspear Way).
- Potential for new footpaths and cycle links. These could connect to both Hemel Hempstead and east into St Albans City &amp; District through linkages to the Nickey Line, and the potential creation of a cycle route within grass verges along the A414.</t>
  </si>
  <si>
    <t>TR229</t>
  </si>
  <si>
    <t>This project involves the creation of a new and/or improved pedestrian and cyclist crossing facilities to address existing severance and enhance access to the Maylands area from surrounding residential areas. The scheme being considered recognises the need to provide a number of pedestrian and cycling crossings along key corridors around Maylands Avenue, Redbourn Road and Breakspear Way
This scheme is linked with the Hemel Garden Communities site.</t>
  </si>
  <si>
    <t>TR230</t>
  </si>
  <si>
    <t xml:space="preserve">Delivery of improvements to the Maylands Business Park public realm to facilitate walking and cycling </t>
  </si>
  <si>
    <t>Aecom Hemel Hempstead Transport Study (2024) and update (2025)</t>
  </si>
  <si>
    <t>TR231</t>
  </si>
  <si>
    <t>St Albans City &amp; District Council, Verified through engagement with HCC in February 2025</t>
  </si>
  <si>
    <t>TR232</t>
  </si>
  <si>
    <t>Associated access and highway requirements to support development at East Hemel Hempstead (South) including Sustainable Transport Corridor</t>
  </si>
  <si>
    <t>TR233</t>
  </si>
  <si>
    <t>TR234</t>
  </si>
  <si>
    <t>Highways Access to support development at North Hemel Hempstead (H1)</t>
  </si>
  <si>
    <t>Associated access and highway requirements to support development at North Hemel Hempstead (H1) including Sustainable Transport Corridor and access from the Redbourn Road. Countryside access links including connections and improved off-road paths.</t>
  </si>
  <si>
    <t>TR235</t>
  </si>
  <si>
    <t>Phase 2 of package of transport measures to enhance M1 Junction 8 and surrounding area - package of transport measures to prioritise active and sustainable modes of travel, particularly north-south, connecting (H3) East Hemel Central and (H4) East Hemel South including A414 Walking and cycling bridge.</t>
  </si>
  <si>
    <t>Cost provided by SLR Vectos, and may need to be updated, subject to further project details and cost work. Assumption that the cost will be met in full by developers.</t>
  </si>
  <si>
    <t>TR236</t>
  </si>
  <si>
    <t>Integrated Mobility Hub at East Hemel Hempstead (Central)</t>
  </si>
  <si>
    <t>Integrated metro mobility hub with facilities to encourage and facilitate modes of transport other than the private car; this will connect the site to key destinations including Hemel Hempstead Train Station and the Maylands Business Park. Mobility hub to provide a bus and coach interchange near Maylands with access to the A414/M1. Served by existing or new express coach services along the M1 (e.g. Greenline and National Express) and local express buses to neighbouring towns including a potential cross-county express bus service (HERT). Opportunity for associated cycle and pedestrian improvements. This forms part of Phase 2 of the package of transport measures for M1 J8 enhancements - Prioritisation of active and sustainable modes of travel. However, this item is separate from the remainder of Phase 2 as this scheme is required for East Hemel Hempstead but not necessarily for the totality of growth.</t>
  </si>
  <si>
    <t>It is possible that there are elements of potential duplication in this scheme, including in relation to the cost. This will be further refined as work progresses.</t>
  </si>
  <si>
    <t>TR237</t>
  </si>
  <si>
    <t>Integrated Mobility Hub at North Hemel Hempstead (H1)</t>
  </si>
  <si>
    <t>St Albans City &amp; District Council Regulation 18 Local Plan Appendix 4b, Verified through engagement with HCC in February 2025</t>
  </si>
  <si>
    <t>TR238</t>
  </si>
  <si>
    <t>HCC reps</t>
  </si>
  <si>
    <t>Shendish Manor and Fairfields Access</t>
  </si>
  <si>
    <t>Primary access to be provided from Shearwater Road to the north and Rucklers Lane to the south. Emergency, cycle and pedestrian access to be provided from London Road. Delivery of high quality walking and cycling connections to London Road that remove severance of the railway must be delivered prior to occupation of the development. Existing vehicle access to golf club to be realigned via new access points to Shearwater Road or Rucklers Lane and provision of a separate walking and cycling facility to cross the existing railway bridge on the NW boundary of the site. Deliver and/or contribute towards off site transport enhancements along London Road. Delivery of a high-quality direct access to Apsley Station from the south and provision of enhanced pedestrian and cycle links to Apsley Station and deliver improvements to Apsley Station forecourt and additional cycle provision.</t>
  </si>
  <si>
    <t>HCC representations on DBC Regulation 19 Local Plan</t>
  </si>
  <si>
    <t>TR239</t>
  </si>
  <si>
    <t>Adeyfield Road - DBC LCWIP Scheme H1 – Cycling</t>
  </si>
  <si>
    <t>Adeyfield Road - DBC LCWIP Scheme H1 – Cycling
For further detail, refer to the draft DBC LCWIP document</t>
  </si>
  <si>
    <t>East Hemel Hempstead (North) (H2); East Hemel Hempstead (Central) (H3); Civic Zone, Marlowes (Hm02); Paradise (Hm04); Plots 2/3 Kier Park, Maylands Avenue (Hm12); Riverside (Hm06); Hemel Hospital/Market Square (Hm03); Site to the south of Green Lane (Hm16); Old Town (Hm15)</t>
  </si>
  <si>
    <t>Cost rates are based at Q1 2023 and have been adjusted to the mid point of construction. Inflation data has been taken from BCIS TPI and is based on data in Q1 2023.
The construction cost rates contained in this spreadsheet have been built up employing the following methods:
1) Employing first principles of estimating involving quantifying the major items of work in any given element and rating those works using unit rates from industry standard published data adjusted for working in and around the live carriageway 
2) Cost allowances obtained by specialist suppliers
Exclusions include: Legal issues, VAT, Land take, Optimism Bias, Design, Risk, Contingency</t>
  </si>
  <si>
    <t>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Further feasibility design work accompanied by a more detailed costing process will be needed for any scheme which is being considered for funding or further development.</t>
  </si>
  <si>
    <t>TR240</t>
  </si>
  <si>
    <t>Marlowes to Maylands Avenue South - DBC LCWIP Scheme H2 – Walking</t>
  </si>
  <si>
    <t>Marlowes to Maylands Avenue South - DBC LCWIP Scheme H2 – Walking
For further detail, refer to the draft DBC LCWIP document</t>
  </si>
  <si>
    <t>East Hemel Hempstead (North) (H2); East Hemel Hempstead (Central) (H3); East Hemel Hempstead (South) (H4); Civic Zone, Marlowes (Hm02); Paradise (Hm04); Plots 2/3 Kier Park, Maylands Avenue (Hm12); Riverside (Hm06); Hemel Hospital/Market Square (Hm03); Site to the south of Green Lane (Hm16); Old Town (Hm15)</t>
  </si>
  <si>
    <t>TR241</t>
  </si>
  <si>
    <t>Leighton Buzzard Road - DBC LCWIP Scheme H3 – Cycling</t>
  </si>
  <si>
    <t>Leighton Buzzard Road - DBC LCWIP Scheme H3 – Cycling
For further detail, refer to the draft DBC LCWIP document</t>
  </si>
  <si>
    <t>North Hemel Hempstead (Hm01); Marchmont Farm (Hm14); Civic Zone, Marlowes (Hm02); Symbio Site, Whiteleaf Road (Hm07); National Grid and 339-353 London Road (Hm09); Paradise (Hm04); Hemel Hempstead Station Gateway (Hm08); Riverside (Hm06); Hemel Hospital/Market Square (Hm03); Old Town (Hm15); Polehanger Lane (Hm13)</t>
  </si>
  <si>
    <t>TR242</t>
  </si>
  <si>
    <t>Bennetts End Road - DBC LCWIP Scheme H4 – Cycling</t>
  </si>
  <si>
    <t>Bennetts End Road - DBC LCWIP Scheme H4 – Cycling
For further detail, refer to the draft DBC LCWIP document</t>
  </si>
  <si>
    <t>Apsley Mills Retail Park (Hm10); Shendish Manor and Fairfields (Hm11); Paradise (Hm04); Hemel Hospital/Market Square (Hm03)</t>
  </si>
  <si>
    <t>TR243</t>
  </si>
  <si>
    <t>South Hill Primary School to Waterhouse Street - DBC LCWIP Scheme H5 – Walking</t>
  </si>
  <si>
    <t>South Hill Primary School to Waterhouse Street - DBC LCWIP Scheme H5 – Walking
For further detail, refer to the draft DBC LCWIP document</t>
  </si>
  <si>
    <t>Civic Zone, Marlowes (Hm02); Symbio Site, Whiteleaf Road (Hm07); National Grid and 339-353 London Road (Hm09); Paradise (Hm04); Hemel Hempstead Station Gateway (Hm08); Riverside (Hm06); Hemel Hospital/Market Square (Hm03)</t>
  </si>
  <si>
    <t>TR244</t>
  </si>
  <si>
    <t>Queensway - DBC LCWIP Scheme H6 – Cycling</t>
  </si>
  <si>
    <t>Queensway - DBC LCWIP Scheme H6 – Cycling
For further detail, refer to the draft DBC LCWIP document</t>
  </si>
  <si>
    <t>North Hemel Hempstead (Hm01); North Hemel Hempstead (H1); East Hemel Hempstead (North) (H2); Marchmont Farm (Hm14); Grovehill Local Centre; Civic Zone, Marlowes (Hm02); Paradise (Hm04); Hemel Hospital/Market Square (Hm03); Old Town (Hm15)</t>
  </si>
  <si>
    <t>TR245</t>
  </si>
  <si>
    <t>Piccotts End Road to Alexandra Road - DBC LCWIP Scheme H7 – Cycling</t>
  </si>
  <si>
    <t>Piccotts End Road to Alexandra Road - DBC LCWIP Scheme H7 – Cycling
For further detail, refer to the draft DBC LCWIP document</t>
  </si>
  <si>
    <t>North Hemel Hempstead (Hm01); Marchmont Farm (Hm14); Civic Zone, Marlowes (Hm02); Paradise (Hm04); Riverside (Hm06); Hemel Hospital/Market Square (Hm03); Old Town (Hm15)</t>
  </si>
  <si>
    <t>TR246</t>
  </si>
  <si>
    <t>Saint Albans Hill to Jarman Way (Alternative Path)  - DBC LCWIP Scheme H8 – Cycling</t>
  </si>
  <si>
    <t>Saint Albans Hill to Jarman Way (Alternative Path)  - DBC LCWIP Scheme H8 – Cycling
For further detail, refer to the draft DBC LCWIP document</t>
  </si>
  <si>
    <t>Civic Zone, Marlowes (Hm02); Apsley Mills Retail Park (Hm10); Paradise (Hm04); Riverside (Hm06); Hemel Hospital/Market Square (Hm03)</t>
  </si>
  <si>
    <t>TR247</t>
  </si>
  <si>
    <t>Magic Roundabout to Jarman Square via St Albans Hill - DBC LCWIP Scheme H9 – Cycling</t>
  </si>
  <si>
    <t>Magic Roundabout to Jarman Square via St Albans Hill - DBC LCWIP Scheme H9 – Cycling
For further detail, refer to the draft DBC LCWIP document</t>
  </si>
  <si>
    <t>Civic Zone, Marlowes (Hm02); Symbio Site, Whiteleaf Road (Hm07); National Grid and 339-353 London Road (Hm09); Apsley Mills Retail Park (Hm10); Shendish Manor and Fairfields (Hm11); Paradise (Hm04); Riverside (Hm06); Hemel Hospital/Market Square (Hm03)</t>
  </si>
  <si>
    <t>TR248</t>
  </si>
  <si>
    <t>Warners End Road to The Gade Dvlpt - DBC LCWIP Scheme H10 – Walking</t>
  </si>
  <si>
    <t>Warners End Road to The Gade Dvlpt - DBC LCWIP Scheme H10 – Walking
For further detail, refer to the draft DBC LCWIP document</t>
  </si>
  <si>
    <t>Civic Zone, Marlowes (Hm02); Paradise (Hm04); Riverside (Hm06); Hemel Hospital/Market Square (Hm03); Old Town (Hm15); Polehanger Lane (Hm13)</t>
  </si>
  <si>
    <t>TR249</t>
  </si>
  <si>
    <t>Marlowes - DBC LCWIP Scheme H11 – Walking</t>
  </si>
  <si>
    <t>Marlowes - DBC LCWIP Scheme H11 – Walking
For further detail, refer to the draft DBC LCWIP document</t>
  </si>
  <si>
    <t>Civic Zone, Marlowes (Hm02); Symbio Site, Whiteleaf Road (Hm07); National Grid and 339-353 London Road (Hm09); Paradise (Hm04); Hemel Hempstead Station Gateway (Hm08); Riverside (Hm06); Hemel Hospital/Market Square (Hm03); Old Town (Hm15)</t>
  </si>
  <si>
    <t>TR250</t>
  </si>
  <si>
    <t>Nickey Line Ext - DBC LCWIP Scheme H12 – Cycling</t>
  </si>
  <si>
    <t>Nickey Line Ext - DBC LCWIP Scheme H12 – Cycling
For further detail, refer to the draft DBC LCWIP document</t>
  </si>
  <si>
    <t>Civic Zone, Marlowes (Hm02); Symbio Site, Whiteleaf Road (Hm07); National Grid and 339-353 London Road (Hm09); Paradise (Hm04); Riverside (Hm06); Hemel Hospital/Market Square (Hm03); Old Town (Hm15)</t>
  </si>
  <si>
    <t>TR251</t>
  </si>
  <si>
    <t>St Agnells Ln- Cupid Green Ln - DBC LCWIP Scheme H13 – Cycling</t>
  </si>
  <si>
    <t>St Agnells Ln- Cupid Green Ln - DBC LCWIP Scheme H13 – Cycling
For further detail, refer to the draft DBC LCWIP document</t>
  </si>
  <si>
    <t>North Hemel Hempstead (Hm01); North Hemel Hempstead (H1); East Hemel Hempstead (North) (H2); Marchmont Farm (Hm14); Grovehill Local Centre</t>
  </si>
  <si>
    <t>TR252</t>
  </si>
  <si>
    <t>St Albans Road (Magic Roundabout to Breakspear Way) - DBC LCWIP Scheme H14 – Cycling</t>
  </si>
  <si>
    <t>St Albans Road (Magic Roundabout to Breakspear Way) - DBC LCWIP Scheme H14 – Cycling
For further detail, refer to the draft DBC LCWIP document</t>
  </si>
  <si>
    <t>East Hemel Hempstead (Central) (H3); East Hemel Hempstead (South) (H4); Civic Zone, Marlowes (Hm02); Symbio Site, Whiteleaf Road (Hm07); National Grid and 339-353 London Road (Hm09); Paradise (Hm04); Plots 2/3 Kier Park, Maylands Avenue (Hm12); Riverside (Hm06); Hemel Hospital/Market Square (Hm03); Site to the south of Green Lane (Hm16)</t>
  </si>
  <si>
    <t>TR253</t>
  </si>
  <si>
    <t>St John's Road - DBC LCWIP Scheme H15 – Cycling</t>
  </si>
  <si>
    <t>St John's Road - DBC LCWIP Scheme H15 – Cycling
For further detail, refer to the draft DBC LCWIP document</t>
  </si>
  <si>
    <t>Civic Zone, Marlowes (Hm02); Symbio Site, Whiteleaf Road (Hm07); National Grid and 339-353 London Road (Hm09); Paradise (Hm04); Hemel Hempstead Station Gateway (Hm08); Riverside (Hm06); Hemel Hospital/Market Square (Hm03); Old Town (Hm15); Polehanger Lane (Hm13)</t>
  </si>
  <si>
    <t>TR254</t>
  </si>
  <si>
    <t>Link Road - DBC LCWIP Scheme H16 – Cycling</t>
  </si>
  <si>
    <t>Link Road - DBC LCWIP Scheme H16 – Cycling
For further detail, refer to the draft DBC LCWIP document</t>
  </si>
  <si>
    <t>North Hemel Hempstead (Hm01); North Hemel Hempstead (H1); East Hemel Hempstead (North) (H2); Marchmont Farm (Hm14); Grovehill Local Centre; Old Town (Hm15); Polehanger Lane (Hm13)</t>
  </si>
  <si>
    <t>TR255</t>
  </si>
  <si>
    <t>HH Train Station to Centre - DBC LCWIP Scheme H17 – Cycling</t>
  </si>
  <si>
    <t>HH Train Station to Centre - DBC LCWIP Scheme H17 – Cycling
For further detail, refer to the draft DBC LCWIP document</t>
  </si>
  <si>
    <t>Symbio Site, Whiteleaf Road (Hm07); National Grid and 339-353 London Road (Hm09); Hemel Hempstead Station Gateway (Hm08)</t>
  </si>
  <si>
    <t>TR256</t>
  </si>
  <si>
    <t>Leverstock Green Road - DBC LCWIP Scheme H18 – Walking</t>
  </si>
  <si>
    <t>Leverstock Green Road - DBC LCWIP Scheme H18 – Walking
For further detail, refer to the draft DBC LCWIP document</t>
  </si>
  <si>
    <t>East Hemel Hempstead (Central) (H3); East Hemel Hempstead (South) (H4); Plots 2/3 Kier Park, Maylands Avenue (Hm12); Site to the south of Green Lane (Hm16)</t>
  </si>
  <si>
    <t>TR257</t>
  </si>
  <si>
    <t>St Albans Road to East Hemel Hempstead South Dvlpt - DBC LCWIP Scheme H19 – Walking</t>
  </si>
  <si>
    <t>St Albans Road to East Hemel Hempstead South Dvlpt - DBC LCWIP Scheme H19 – Walking
For further detail, refer to the draft DBC LCWIP document</t>
  </si>
  <si>
    <t>TR258</t>
  </si>
  <si>
    <t>A414 (Two Waters Rd towards Kings Langley) - DBC LCWIP Scheme H20 – Cycling</t>
  </si>
  <si>
    <t>A414 (Two Waters Rd towards Kings Langley) - DBC LCWIP Scheme H20 – Cycling
For further detail, refer to the draft DBC LCWIP document</t>
  </si>
  <si>
    <t>Civic Zone, Marlowes (Hm02); Symbio Site, Whiteleaf Road (Hm07); National Grid and 339-353 London Road (Hm09); Apsley Mills Retail Park (Hm10); Shendish Manor and Fairfields (Hm11); Paradise (Hm04); Hemel Hempstead Station Gateway (Hm08); Riverside (Hm06); Hemel Hospital/Market Square (Hm03)</t>
  </si>
  <si>
    <t>TR259</t>
  </si>
  <si>
    <t>Long Chaulden to Anchor Lane - DBC LCWIP Scheme H21 – Walking</t>
  </si>
  <si>
    <t>Long Chaulden to Anchor Lane - DBC LCWIP Scheme H21 – Walking
For further detail, refer to the draft DBC LCWIP document</t>
  </si>
  <si>
    <t>Civic Zone, Marlowes (Hm02); Symbio Site, Whiteleaf Road (Hm07); National Grid and 339-353 London Road (Hm09); Paradise (Hm04); Hemel Hempstead Station Gateway (Hm08); Riverside (Hm06); Hemel Hospital/Market Square (Hm03); Polehanger Lane (Hm13)</t>
  </si>
  <si>
    <t>TR260</t>
  </si>
  <si>
    <t>Magic Roundabout to Hillfield Road - DBC LCWIP Scheme H22 – Cycling</t>
  </si>
  <si>
    <t>Magic Roundabout to Hillfield Road - DBC LCWIP Scheme H22 – Cycling
For further detail, refer to the draft DBC LCWIP document</t>
  </si>
  <si>
    <t>TR261</t>
  </si>
  <si>
    <t>St John's Rd to Boxted Rd (via Heath Ln and Polehanger Ln) - DBC LCWIP Scheme H23 – Cycling</t>
  </si>
  <si>
    <t>St John's Rd to Boxted Rd (via Heath Ln and Polehanger Ln) - DBC LCWIP Scheme H23 – Cycling
For further detail, refer to the draft DBC LCWIP document</t>
  </si>
  <si>
    <t>TR262</t>
  </si>
  <si>
    <t>Two Waters Way - DBC LCWIP Scheme H24 – Cycling</t>
  </si>
  <si>
    <t>Two Waters Way - DBC LCWIP Scheme H24 – Cycling
For further detail, refer to the draft DBC LCWIP document</t>
  </si>
  <si>
    <t>Symbio Site, Whiteleaf Road (Hm07); National Grid and 339-353 London Road (Hm09); Apsley Mills Retail Park (Hm10); Shendish Manor and Fairfields (Hm11), Paradise (Hm04); Hemel Hempstead Station Gateway (Hm08); Riverside (Hm06); Hemel Hospital/Market Square (Hm03)</t>
  </si>
  <si>
    <t>TR263</t>
  </si>
  <si>
    <t>Boxmoor to Centre  - DBC LCWIP Scheme H25 – Cycling</t>
  </si>
  <si>
    <t>Boxmoor to Centre  - DBC LCWIP Scheme H25 – Cycling
For further detail, refer to the draft DBC LCWIP document</t>
  </si>
  <si>
    <t>TR264</t>
  </si>
  <si>
    <t>Grand Union Canal - DBC LCWIP Scheme H26 – Walking</t>
  </si>
  <si>
    <t>Grand Union Canal - DBC LCWIP Scheme H26 – Walking
For further detail, refer to the draft DBC LCWIP document</t>
  </si>
  <si>
    <t>Apsley Mills Retail Park (Hm10); Shendish Manor and Fairfields (Hm11)</t>
  </si>
  <si>
    <t>TR266</t>
  </si>
  <si>
    <t>Nickey Line Ext - DBC LCWIP Scheme H28 – Walking</t>
  </si>
  <si>
    <t>Nickey Line Ext - DBC LCWIP Scheme H28 – Walking
For further detail, refer to the draft DBC LCWIP document</t>
  </si>
  <si>
    <t>TR267</t>
  </si>
  <si>
    <t>St Albans Road - DBC LCWIP Scheme H29 – Walking</t>
  </si>
  <si>
    <t>St Albans Road - DBC LCWIP Scheme H29 – Walking
For further detail, refer to the draft DBC LCWIP document</t>
  </si>
  <si>
    <t>Civic Zone, Marlowes (Hm02); Symbio Site, Whiteleaf Road (Hm07); National Grid and 339-353 London Road (Hm09); Paradise (Hm04); Riverside (Hm06); Hemel Hospital/Market Square (Hm03)</t>
  </si>
  <si>
    <t>TR268</t>
  </si>
  <si>
    <t>Station to St John's Road (via Fishery Road) - DBC LCWIP Scheme H30 – Walking</t>
  </si>
  <si>
    <t>Station to St John's Road (via Fishery Road) - DBC LCWIP Scheme H30 – Walking
For further detail, refer to the draft DBC LCWIP document</t>
  </si>
  <si>
    <t>TR269</t>
  </si>
  <si>
    <t>White Hart Drive Cut-through  - DBC LCWIP Scheme H31 – Cycling</t>
  </si>
  <si>
    <t>White Hart Drive Cut-through  - DBC LCWIP Scheme H31 – Cycling
For further detail, refer to the draft DBC LCWIP document</t>
  </si>
  <si>
    <t>Paradise (Hm04); Plots 2/3 Kier Park, Maylands Avenue (Hm12); Hemel Hospital/Market Square (Hm03)</t>
  </si>
  <si>
    <t>TR270</t>
  </si>
  <si>
    <t>Belswains Lane - DBC LCWIP Scheme H32 – Both</t>
  </si>
  <si>
    <t>Belswains Lane - DBC LCWIP Scheme H32 – Both
For further detail, refer to the draft DBC LCWIP document</t>
  </si>
  <si>
    <t>TR271</t>
  </si>
  <si>
    <t>London Road to Station Road - DBC LCWIP Scheme H33 – Walking</t>
  </si>
  <si>
    <t>London Road to Station Road - DBC LCWIP Scheme H33 – Walking
For further detail, refer to the draft DBC LCWIP document</t>
  </si>
  <si>
    <t>TR272</t>
  </si>
  <si>
    <t>Driftway cut-through  - DBC LCWIP Scheme H34 – Walking</t>
  </si>
  <si>
    <t>Driftway cut-through  - DBC LCWIP Scheme H34 – Walking
For further detail, refer to the draft DBC LCWIP document</t>
  </si>
  <si>
    <t>Paradise (Hm04); Hemel Hospital/Market Square (Hm03)</t>
  </si>
  <si>
    <t>TR273</t>
  </si>
  <si>
    <t>Cotterells Hill - DBC LCWIP Scheme H35 – Cycling</t>
  </si>
  <si>
    <t>Cotterells Hill - DBC LCWIP Scheme H35 – Cycling
For further detail, refer to the draft DBC LCWIP document</t>
  </si>
  <si>
    <t>Civic Zone, Marlowes (Hm02); Paradise (Hm04); Riverside (Hm06); Hemel Hospital/Market Square (Hm03); Old Town (Hm15)</t>
  </si>
  <si>
    <t>UT1</t>
  </si>
  <si>
    <t xml:space="preserve">Replacement of transformers at Hemel North Primary substation </t>
  </si>
  <si>
    <t>Replacement of the transformers at Hemel North Primary substation as part of the continual condition management of network assets. The existing substation is located off the A4147 (adjacent to Aldi). There are 2 x 33,000/11,000volt (33/11kV) units. UK Power Networks is evaluating the opportunities to install larger capacity transformers, the full utilisation of which would be dependent on replacement of the existing 11,000volt (11kV) switchgear and additional investment in the 33kV network from Piccotts End Grid substation (located to the North of Hemel Hempstead). Such additional works would be delivered subject to the needs case in RIIO-ED3 (next 5-year Regulatory period) or beyond and would likely form part of providing further capacity in support of development associated with Hemel Garden Communities.</t>
  </si>
  <si>
    <t>Z - No Apportionment</t>
  </si>
  <si>
    <t xml:space="preserve">Cost provided during stakeholder engagement with UKPN, who will cover the full cost of provision. </t>
  </si>
  <si>
    <t>Generally, in the UK electricity grid context, Ofgem does not make transformer upgrades the sole responsibility of developers, particularly for strategic upgrades or those deemed "high cost". Transmission Owners (TOs), who own and operate the high-voltage onshore transmission networks, are typically responsible for these upgrades, funded through energy bills. However, developers of new generation projects may be responsible for upgrades needed for their connection to the grid.</t>
  </si>
  <si>
    <t>Scheme verified during stakeholder engagement with UKPN in 2024.</t>
  </si>
  <si>
    <t>UT2</t>
  </si>
  <si>
    <t>National Grid Interface Substation</t>
  </si>
  <si>
    <t>UKPN are currently in contract with National Grid to construct a new major 132kV grid interface substation which could support major demand increases and therefore reduce capacity constraints for residential developments.</t>
  </si>
  <si>
    <t>Dacorum-wide</t>
  </si>
  <si>
    <t>UT3</t>
  </si>
  <si>
    <t xml:space="preserve">Cost provided during stakeholder engagement with Cadent Gas, who will cover the full cost of provision. </t>
  </si>
  <si>
    <t xml:space="preserve">Intermediate pressure regulators are used to regulate the pressure of gas flowing through the gas network, ensuring a safe and consistent supply to homes and businesses. Cadent Gas's role includes managing these regulators and ensuring their proper functioning. </t>
  </si>
  <si>
    <t>Scheme verified during stakeholder engagement with Cadent Gas in 2024.</t>
  </si>
  <si>
    <t>UT4</t>
  </si>
  <si>
    <t>Transfer water from Heronsgate to Clay Lane and Bushey.</t>
  </si>
  <si>
    <t>UT5</t>
  </si>
  <si>
    <t>UT6</t>
  </si>
  <si>
    <t xml:space="preserve">Potable water reinforcement schemes </t>
  </si>
  <si>
    <t xml:space="preserve">Reinforcements required with the aim to recover the current level of service and the loss of capacity in the network due to the additional load imposed by all projected development. Refer to Local Plan for site-specific constraints. </t>
  </si>
  <si>
    <t>Scheme verified through DBC Regulation 19 Local Plan consultation representations from Affinity Water.</t>
  </si>
  <si>
    <t>UT7</t>
  </si>
  <si>
    <t xml:space="preserve">Updates to the waste water network, applicable to Dunsley Farm in Tring and North Hemel - the scale of development/s is likely to require upgrades to the wastewater network. </t>
  </si>
  <si>
    <t>Hemel Hempstead/Tring</t>
  </si>
  <si>
    <t>Scheme verified through DBC Regulation 19 Local Plan consultation representations from Thames Water.</t>
  </si>
  <si>
    <t>WS1</t>
  </si>
  <si>
    <t>Expansion or relocation of Cupid Green Depot</t>
  </si>
  <si>
    <t>Expansion or relocation of Cupid Green Depot, a depot with electric infrastructure to accommodate neighbourhood services including waste, in line with planned growth. Estimated to require approximately 21,000sqm.</t>
  </si>
  <si>
    <t>All DBC Local Plan sites, and programme area sites</t>
  </si>
  <si>
    <t>No cost has been provided by HCC, however, it is likely that developers will be expected to contribute to this project, determined at the planning application stage.</t>
  </si>
  <si>
    <t>If relocation is progressed, then any receipt from land disposal of existing site should be maximised and used to fund reprovision on an alternative site. 
Any contribution should be proportionate to meet provision required for new homes and developers are not expected to make contributions for capacity to serve existing residents or to meet existing shortfall in provision.</t>
  </si>
  <si>
    <t>Stakeholder engagement with HCC on the DBC IDP in August 2024, verified for HGC IDP June 2025.</t>
  </si>
  <si>
    <t>WS2</t>
  </si>
  <si>
    <t>New Recycling Centre at Hemel Hempstead</t>
  </si>
  <si>
    <t>Delivery of a new Recycling Centre within the Programme Area (Location needs to be identified)</t>
  </si>
  <si>
    <t>S106 / External funding</t>
  </si>
  <si>
    <t xml:space="preserve">Total cost has been provided by HCC, and is indexed to Q1 2023. The indicative cost to be apportioned to the Programme Area for the replacement recycling centre is £2,569,415 (plus additional land costs when a location has been identified) for an estimated additional 46,088 users. This has been calculated by dividing the project build cost by the population in the RC's catchment area, which gives a per person cost of £55.75 x 46,088 = £2,569,415 (allowing a small difference due to rounding). </t>
  </si>
  <si>
    <t>HCC are progressing site search and work on the recycling centre, and therefore known project details are limited, however HCC have advised that it is likely that there will be a funding gap for the delivery of this infrastructure item. Further work is being undertaken and the scheme is subject to further feasibility and evidence work.</t>
  </si>
  <si>
    <t>WS3</t>
  </si>
  <si>
    <t>Three Rivers District Council</t>
  </si>
  <si>
    <t xml:space="preserve">Improvements to the infrastructure at Waterdale WTS are needed in order improve resilience, increase capacity and assist with the efficient management of residual local authority collected waste (LACW) from Dacorum so it is capable of meeting the demand from planned growth. </t>
  </si>
  <si>
    <t>The catchment for Waterdale Transfer Station covers all South West districts (DBC, SADC, HBC, TRDC and WBC), and therefore contributions will be sought from across south-west Herts.
The cost of this project has risen quite substantially since 2022 due to HCC having to purchase a piece of land and other additional costs, so the project cost now stands at £27,719,000. The indicative cost to be apportioned to the Programme Area for an estimated additional 46,088 service users (for the Programme Area) is £2,107,404. This works out as £45.73 per person indexed to Q1 2024. 
HCC have also advised that it is likely that some external funding (through HCC) will be available to support the delivery of this item, and therefore the remaining cost will be apportioned to all developers within the programme area, as well as DBC Local Plan sites.</t>
  </si>
  <si>
    <t>HS8</t>
  </si>
  <si>
    <t>A strategic outline case will evaluate options for the location of the health campus and which services will be located there. The HWE ICB will seek financial contributions from all surrounding developments towards this new health facility.</t>
  </si>
  <si>
    <t>Work is in train to produce a Strategic Business Case for the Hemel Health Campus, with completion by the end of the financial year. The next stages include producing an Outline Business Case (OBC), a Full Business Case (FBC), and planning and build out of the 'preferred option'. As this project is at Strategic Outline Case (SOC) stage, options have not been costed or evaluated. Service needs and spacing within the SOC will form high-level costs with greater detail known at the OBC stage.</t>
  </si>
  <si>
    <t>In terms of delivery timelines, the NHS has advised the working assumption of construction beginning in 2028. This would be a 2 year on site project. The infrastructure provider and responsible authority should be both the HWE ICB and WHHT.</t>
  </si>
  <si>
    <t xml:space="preserve">HWE ICB and NHS System Partner Regulation 19 Response to the DBC Local Plan, verified through engagement with HWE ICB and DBC Place Team March 2025. </t>
  </si>
  <si>
    <t>don’t delete this row</t>
  </si>
  <si>
    <t>TRANSPORT TOTAL</t>
  </si>
  <si>
    <t>TRANSPORT</t>
  </si>
  <si>
    <t>TOTAL COST PER SITE</t>
  </si>
  <si>
    <t>TOTAL COST PER DWELLING</t>
  </si>
  <si>
    <t>The projects identified are assessed as those being necessary and then categorised into Critical (Delivery and HGC Objectives), Essential or Important, based on the information provided at this moment in time, assuming sites within the plan are delivered in accordance with the projected housing trajectory at the point of June 2025. The housing trajectory will iterate over time, and may come forward differently as set out.</t>
  </si>
  <si>
    <t>The HGC IDP schedule is accompanied by the HGC IDP report which sets out further detail on approach and methodology</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6">
    <numFmt numFmtId="6" formatCode="&quot;£&quot;#,##0;[Red]\-&quot;£&quot;#,##0"/>
    <numFmt numFmtId="44" formatCode="_-&quot;£&quot;* #,##0.00_-;\-&quot;£&quot;* #,##0.00_-;_-&quot;£&quot;* &quot;-&quot;??_-;_-@_-"/>
    <numFmt numFmtId="43" formatCode="_-* #,##0.00_-;\-* #,##0.00_-;_-* &quot;-&quot;??_-;_-@_-"/>
    <numFmt numFmtId="164" formatCode="&quot;£&quot;#,##0.00"/>
    <numFmt numFmtId="165" formatCode="&quot;£&quot;#,##0"/>
    <numFmt numFmtId="166" formatCode="0.0%"/>
  </numFmts>
  <fonts count="87" x14ac:knownFonts="1">
    <font>
      <sz val="11"/>
      <color theme="1"/>
      <name val="Arial"/>
      <family val="2"/>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sz val="11"/>
      <color theme="1"/>
      <name val="Arial"/>
      <family val="2"/>
    </font>
    <font>
      <b/>
      <sz val="12"/>
      <color theme="0"/>
      <name val="Arial"/>
      <family val="2"/>
    </font>
    <font>
      <sz val="12"/>
      <color theme="1"/>
      <name val="Arial"/>
      <family val="2"/>
    </font>
    <font>
      <b/>
      <sz val="14"/>
      <color theme="0"/>
      <name val="Arial"/>
      <family val="2"/>
    </font>
    <font>
      <b/>
      <sz val="12"/>
      <name val="Arial"/>
      <family val="2"/>
    </font>
    <font>
      <sz val="12"/>
      <name val="Arial"/>
      <family val="2"/>
    </font>
    <font>
      <sz val="12"/>
      <color rgb="FFFF0000"/>
      <name val="Arial"/>
      <family val="2"/>
    </font>
    <font>
      <strike/>
      <sz val="12"/>
      <name val="Arial"/>
      <family val="2"/>
    </font>
    <font>
      <sz val="8"/>
      <name val="Arial"/>
      <family val="2"/>
    </font>
    <font>
      <sz val="11"/>
      <color rgb="FFFF0000"/>
      <name val="Arial"/>
      <family val="2"/>
    </font>
    <font>
      <b/>
      <sz val="14"/>
      <name val="Arial"/>
      <family val="2"/>
    </font>
    <font>
      <sz val="12"/>
      <color rgb="FF000000"/>
      <name val="Arial"/>
      <family val="2"/>
    </font>
    <font>
      <sz val="14"/>
      <name val="Arial"/>
      <family val="2"/>
    </font>
    <font>
      <sz val="11"/>
      <name val="Calibri"/>
      <family val="2"/>
      <scheme val="minor"/>
    </font>
    <font>
      <sz val="12"/>
      <color theme="1"/>
      <name val="Calibri"/>
      <family val="2"/>
      <scheme val="minor"/>
    </font>
    <font>
      <sz val="9"/>
      <color rgb="FF000000"/>
      <name val="Calibri Light"/>
      <family val="2"/>
      <scheme val="major"/>
    </font>
    <font>
      <sz val="11"/>
      <name val="Arial"/>
      <family val="2"/>
    </font>
    <font>
      <strike/>
      <sz val="11"/>
      <name val="Arial"/>
      <family val="2"/>
    </font>
    <font>
      <sz val="11"/>
      <color rgb="FF000000"/>
      <name val="Arial"/>
      <family val="2"/>
    </font>
    <font>
      <i/>
      <sz val="11"/>
      <color rgb="FF000000"/>
      <name val="Arial"/>
      <family val="2"/>
    </font>
    <font>
      <b/>
      <sz val="11"/>
      <name val="Arial"/>
      <family val="2"/>
    </font>
    <font>
      <b/>
      <sz val="11"/>
      <color theme="0"/>
      <name val="Arial"/>
      <family val="2"/>
    </font>
    <font>
      <sz val="9"/>
      <color theme="1"/>
      <name val="Calibri"/>
      <family val="2"/>
      <scheme val="minor"/>
    </font>
    <font>
      <sz val="9"/>
      <name val="Calibri"/>
      <family val="2"/>
      <scheme val="minor"/>
    </font>
    <font>
      <sz val="9"/>
      <color theme="0"/>
      <name val="Calibri"/>
      <family val="2"/>
      <scheme val="minor"/>
    </font>
    <font>
      <i/>
      <sz val="9"/>
      <color theme="1"/>
      <name val="Calibri"/>
      <family val="2"/>
      <scheme val="minor"/>
    </font>
    <font>
      <i/>
      <sz val="9"/>
      <name val="Calibri"/>
      <family val="2"/>
      <scheme val="minor"/>
    </font>
    <font>
      <i/>
      <sz val="11"/>
      <color theme="1"/>
      <name val="Arial"/>
      <family val="2"/>
    </font>
    <font>
      <i/>
      <sz val="11"/>
      <name val="Arial"/>
      <family val="2"/>
    </font>
    <font>
      <sz val="10.5"/>
      <name val="Arial"/>
      <family val="2"/>
    </font>
    <font>
      <sz val="11"/>
      <color theme="4"/>
      <name val="Arial"/>
      <family val="2"/>
    </font>
    <font>
      <sz val="11"/>
      <color theme="3"/>
      <name val="Arial"/>
      <family val="2"/>
    </font>
    <font>
      <sz val="11"/>
      <color rgb="FFFF0000"/>
      <name val="Calibri"/>
      <family val="2"/>
      <scheme val="minor"/>
    </font>
    <font>
      <b/>
      <sz val="14"/>
      <color theme="1"/>
      <name val="Arial"/>
      <family val="2"/>
    </font>
    <font>
      <b/>
      <sz val="16"/>
      <color theme="1"/>
      <name val="Arial"/>
      <family val="2"/>
    </font>
    <font>
      <b/>
      <sz val="11"/>
      <color theme="0"/>
      <name val="Calibri"/>
      <family val="2"/>
      <scheme val="minor"/>
    </font>
    <font>
      <sz val="11"/>
      <color theme="0"/>
      <name val="Calibri"/>
      <family val="2"/>
      <scheme val="minor"/>
    </font>
    <font>
      <strike/>
      <sz val="11"/>
      <color rgb="FFFF0000"/>
      <name val="Calibri"/>
      <family val="2"/>
      <scheme val="minor"/>
    </font>
    <font>
      <i/>
      <sz val="11"/>
      <color theme="1" tint="0.34998626667073579"/>
      <name val="Calibri"/>
      <family val="2"/>
      <scheme val="minor"/>
    </font>
    <font>
      <b/>
      <sz val="20"/>
      <color theme="0"/>
      <name val="Calibri"/>
      <family val="2"/>
      <scheme val="minor"/>
    </font>
    <font>
      <b/>
      <sz val="11"/>
      <color theme="1"/>
      <name val="Calibri"/>
      <family val="2"/>
      <scheme val="minor"/>
    </font>
    <font>
      <b/>
      <i/>
      <sz val="10"/>
      <color theme="0"/>
      <name val="Calibri"/>
      <family val="2"/>
      <scheme val="minor"/>
    </font>
    <font>
      <b/>
      <sz val="10"/>
      <color theme="0"/>
      <name val="Calibri"/>
      <family val="2"/>
      <scheme val="minor"/>
    </font>
    <font>
      <b/>
      <sz val="11"/>
      <name val="Calibri"/>
      <family val="2"/>
      <scheme val="minor"/>
    </font>
    <font>
      <u/>
      <sz val="11"/>
      <color theme="10"/>
      <name val="Arial"/>
      <family val="2"/>
    </font>
    <font>
      <i/>
      <sz val="11"/>
      <color theme="1" tint="0.34998626667073579"/>
      <name val="Calibri"/>
      <family val="2"/>
      <scheme val="minor"/>
    </font>
    <font>
      <b/>
      <i/>
      <sz val="10"/>
      <color rgb="FFFF0000"/>
      <name val="Calibri"/>
      <family val="2"/>
      <scheme val="minor"/>
    </font>
    <font>
      <sz val="11"/>
      <color theme="0" tint="-0.14999847407452621"/>
      <name val="Calibri"/>
      <family val="2"/>
      <scheme val="minor"/>
    </font>
    <font>
      <i/>
      <sz val="11"/>
      <color rgb="FF000000"/>
      <name val="Calibri"/>
      <family val="2"/>
      <scheme val="minor"/>
    </font>
    <font>
      <b/>
      <sz val="9"/>
      <color indexed="81"/>
      <name val="Tahoma"/>
      <family val="2"/>
    </font>
    <font>
      <sz val="9"/>
      <color indexed="81"/>
      <name val="Tahoma"/>
      <family val="2"/>
    </font>
    <font>
      <sz val="11"/>
      <color theme="0" tint="-0.34998626667073579"/>
      <name val="Calibri"/>
      <family val="2"/>
      <scheme val="minor"/>
    </font>
    <font>
      <sz val="10"/>
      <color rgb="FF000000"/>
      <name val="Arial"/>
      <family val="2"/>
    </font>
    <font>
      <sz val="10"/>
      <color theme="1"/>
      <name val="Arial"/>
      <family val="2"/>
    </font>
    <font>
      <sz val="22"/>
      <color theme="1"/>
      <name val="Calibri"/>
      <family val="2"/>
      <scheme val="minor"/>
    </font>
    <font>
      <b/>
      <sz val="12"/>
      <color theme="1"/>
      <name val="Arial"/>
      <family val="2"/>
    </font>
    <font>
      <sz val="11"/>
      <color rgb="FF000000"/>
      <name val="Arial"/>
    </font>
    <font>
      <sz val="11"/>
      <name val="Arial"/>
    </font>
    <font>
      <b/>
      <sz val="8"/>
      <color theme="1"/>
      <name val="Arial"/>
      <family val="2"/>
    </font>
    <font>
      <i/>
      <sz val="8"/>
      <color theme="1"/>
      <name val="Arial"/>
      <family val="2"/>
      <charset val="1"/>
    </font>
    <font>
      <sz val="8"/>
      <color theme="1"/>
      <name val="Arial"/>
      <family val="2"/>
    </font>
    <font>
      <b/>
      <u/>
      <sz val="14"/>
      <color rgb="FFE61E28"/>
      <name val="Arial"/>
    </font>
    <font>
      <b/>
      <sz val="12"/>
      <color rgb="FF000000"/>
      <name val="Arial"/>
    </font>
    <font>
      <b/>
      <sz val="12"/>
      <color theme="1"/>
      <name val="Arial"/>
    </font>
    <font>
      <sz val="10"/>
      <color rgb="FF000000"/>
      <name val="Arial"/>
    </font>
    <font>
      <sz val="10"/>
      <color theme="1"/>
      <name val="Arial"/>
      <family val="2"/>
      <charset val="1"/>
    </font>
    <font>
      <b/>
      <sz val="12"/>
      <color rgb="FFFF0000"/>
      <name val="Arial"/>
    </font>
    <font>
      <sz val="11"/>
      <color rgb="FF000000"/>
      <name val="Arial"/>
      <charset val="1"/>
    </font>
    <font>
      <b/>
      <sz val="10"/>
      <color theme="1"/>
      <name val="Arial"/>
      <family val="2"/>
    </font>
  </fonts>
  <fills count="61">
    <fill>
      <patternFill patternType="none"/>
    </fill>
    <fill>
      <patternFill patternType="gray125"/>
    </fill>
    <fill>
      <patternFill patternType="solid">
        <fgColor theme="2" tint="-0.499984740745262"/>
        <bgColor indexed="64"/>
      </patternFill>
    </fill>
    <fill>
      <patternFill patternType="solid">
        <fgColor theme="4" tint="0.39997558519241921"/>
        <bgColor indexed="64"/>
      </patternFill>
    </fill>
    <fill>
      <patternFill patternType="solid">
        <fgColor theme="4" tint="-0.249977111117893"/>
        <bgColor indexed="64"/>
      </patternFill>
    </fill>
    <fill>
      <patternFill patternType="solid">
        <fgColor theme="8" tint="-0.249977111117893"/>
        <bgColor indexed="64"/>
      </patternFill>
    </fill>
    <fill>
      <patternFill patternType="solid">
        <fgColor theme="7" tint="-0.249977111117893"/>
        <bgColor indexed="64"/>
      </patternFill>
    </fill>
    <fill>
      <patternFill patternType="solid">
        <fgColor theme="5" tint="-0.249977111117893"/>
        <bgColor indexed="64"/>
      </patternFill>
    </fill>
    <fill>
      <patternFill patternType="solid">
        <fgColor theme="9" tint="-0.249977111117893"/>
        <bgColor indexed="64"/>
      </patternFill>
    </fill>
    <fill>
      <patternFill patternType="solid">
        <fgColor theme="9" tint="0.59999389629810485"/>
        <bgColor indexed="64"/>
      </patternFill>
    </fill>
    <fill>
      <patternFill patternType="solid">
        <fgColor theme="0" tint="-0.14999847407452621"/>
        <bgColor indexed="64"/>
      </patternFill>
    </fill>
    <fill>
      <patternFill patternType="solid">
        <fgColor theme="0"/>
        <bgColor indexed="64"/>
      </patternFill>
    </fill>
    <fill>
      <patternFill patternType="solid">
        <fgColor theme="6" tint="0.79998168889431442"/>
        <bgColor indexed="64"/>
      </patternFill>
    </fill>
    <fill>
      <patternFill patternType="solid">
        <fgColor theme="9" tint="0.79998168889431442"/>
        <bgColor indexed="64"/>
      </patternFill>
    </fill>
    <fill>
      <patternFill patternType="solid">
        <fgColor rgb="FFFFCC99"/>
        <bgColor indexed="64"/>
      </patternFill>
    </fill>
    <fill>
      <patternFill patternType="solid">
        <fgColor rgb="FFF87728"/>
        <bgColor indexed="64"/>
      </patternFill>
    </fill>
    <fill>
      <patternFill patternType="solid">
        <fgColor theme="8" tint="0.39997558519241921"/>
        <bgColor indexed="64"/>
      </patternFill>
    </fill>
    <fill>
      <patternFill patternType="solid">
        <fgColor theme="3"/>
        <bgColor indexed="64"/>
      </patternFill>
    </fill>
    <fill>
      <patternFill patternType="solid">
        <fgColor theme="7" tint="0.39997558519241921"/>
        <bgColor indexed="64"/>
      </patternFill>
    </fill>
    <fill>
      <patternFill patternType="solid">
        <fgColor theme="5" tint="0.39997558519241921"/>
        <bgColor indexed="64"/>
      </patternFill>
    </fill>
    <fill>
      <patternFill patternType="solid">
        <fgColor theme="9" tint="0.39997558519241921"/>
        <bgColor indexed="64"/>
      </patternFill>
    </fill>
    <fill>
      <patternFill patternType="solid">
        <fgColor rgb="FFFF0000"/>
        <bgColor indexed="64"/>
      </patternFill>
    </fill>
    <fill>
      <patternFill patternType="solid">
        <fgColor theme="3" tint="-0.249977111117893"/>
        <bgColor indexed="64"/>
      </patternFill>
    </fill>
    <fill>
      <patternFill patternType="solid">
        <fgColor theme="3" tint="-0.499984740745262"/>
        <bgColor indexed="64"/>
      </patternFill>
    </fill>
    <fill>
      <patternFill patternType="solid">
        <fgColor theme="2" tint="-0.34998626667073579"/>
        <bgColor indexed="64"/>
      </patternFill>
    </fill>
    <fill>
      <patternFill patternType="solid">
        <fgColor rgb="FFFFFF00"/>
        <bgColor indexed="64"/>
      </patternFill>
    </fill>
    <fill>
      <patternFill patternType="solid">
        <fgColor theme="2" tint="-4.9989318521683403E-2"/>
        <bgColor indexed="64"/>
      </patternFill>
    </fill>
    <fill>
      <patternFill patternType="solid">
        <fgColor theme="1" tint="0.499984740745262"/>
        <bgColor indexed="64"/>
      </patternFill>
    </fill>
    <fill>
      <patternFill patternType="solid">
        <fgColor theme="1" tint="0.34998626667073579"/>
        <bgColor indexed="64"/>
      </patternFill>
    </fill>
    <fill>
      <patternFill patternType="solid">
        <fgColor theme="8" tint="0.79998168889431442"/>
        <bgColor indexed="64"/>
      </patternFill>
    </fill>
    <fill>
      <patternFill patternType="solid">
        <fgColor theme="7" tint="0.79998168889431442"/>
        <bgColor indexed="64"/>
      </patternFill>
    </fill>
    <fill>
      <patternFill patternType="solid">
        <fgColor theme="5" tint="0.79998168889431442"/>
        <bgColor indexed="64"/>
      </patternFill>
    </fill>
    <fill>
      <patternFill patternType="solid">
        <fgColor rgb="FFFFFFFF"/>
        <bgColor rgb="FF000000"/>
      </patternFill>
    </fill>
    <fill>
      <patternFill patternType="solid">
        <fgColor theme="4" tint="0.79998168889431442"/>
        <bgColor indexed="64"/>
      </patternFill>
    </fill>
    <fill>
      <patternFill patternType="solid">
        <fgColor theme="3" tint="0.39997558519241921"/>
        <bgColor indexed="64"/>
      </patternFill>
    </fill>
    <fill>
      <patternFill patternType="solid">
        <fgColor theme="6" tint="0.59999389629810485"/>
        <bgColor indexed="64"/>
      </patternFill>
    </fill>
    <fill>
      <patternFill patternType="solid">
        <fgColor rgb="FFFFFFCC"/>
        <bgColor indexed="64"/>
      </patternFill>
    </fill>
    <fill>
      <patternFill patternType="solid">
        <fgColor theme="2"/>
        <bgColor indexed="64"/>
      </patternFill>
    </fill>
    <fill>
      <patternFill patternType="solid">
        <fgColor rgb="FFFFFFFF"/>
        <bgColor indexed="64"/>
      </patternFill>
    </fill>
    <fill>
      <patternFill patternType="solid">
        <fgColor theme="2" tint="-0.14999847407452621"/>
        <bgColor indexed="64"/>
      </patternFill>
    </fill>
    <fill>
      <patternFill patternType="solid">
        <fgColor theme="4"/>
        <bgColor indexed="64"/>
      </patternFill>
    </fill>
    <fill>
      <patternFill patternType="solid">
        <fgColor theme="3" tint="0.499984740745262"/>
        <bgColor indexed="64"/>
      </patternFill>
    </fill>
    <fill>
      <patternFill patternType="solid">
        <fgColor theme="2" tint="-9.9978637043366805E-2"/>
        <bgColor indexed="64"/>
      </patternFill>
    </fill>
    <fill>
      <patternFill patternType="solid">
        <fgColor rgb="FFF79B9B"/>
        <bgColor indexed="64"/>
      </patternFill>
    </fill>
    <fill>
      <patternFill patternType="solid">
        <fgColor theme="0" tint="-0.34998626667073579"/>
        <bgColor indexed="64"/>
      </patternFill>
    </fill>
    <fill>
      <patternFill patternType="solid">
        <fgColor rgb="FFFFC000"/>
        <bgColor indexed="64"/>
      </patternFill>
    </fill>
    <fill>
      <patternFill patternType="solid">
        <fgColor theme="1" tint="0.14999847407452621"/>
        <bgColor indexed="64"/>
      </patternFill>
    </fill>
    <fill>
      <patternFill patternType="solid">
        <fgColor rgb="FF00B050"/>
        <bgColor indexed="64"/>
      </patternFill>
    </fill>
    <fill>
      <patternFill patternType="solid">
        <fgColor theme="1" tint="0.249977111117893"/>
        <bgColor indexed="64"/>
      </patternFill>
    </fill>
    <fill>
      <patternFill patternType="solid">
        <fgColor theme="5"/>
        <bgColor indexed="64"/>
      </patternFill>
    </fill>
    <fill>
      <patternFill patternType="solid">
        <fgColor rgb="FF0070C0"/>
        <bgColor indexed="64"/>
      </patternFill>
    </fill>
    <fill>
      <patternFill patternType="solid">
        <fgColor theme="5" tint="0.59999389629810485"/>
        <bgColor indexed="64"/>
      </patternFill>
    </fill>
    <fill>
      <patternFill patternType="solid">
        <fgColor rgb="FFCC3300"/>
        <bgColor indexed="64"/>
      </patternFill>
    </fill>
    <fill>
      <patternFill patternType="solid">
        <fgColor rgb="FFCC9900"/>
        <bgColor indexed="64"/>
      </patternFill>
    </fill>
    <fill>
      <patternFill patternType="solid">
        <fgColor rgb="FF7030A0"/>
        <bgColor indexed="64"/>
      </patternFill>
    </fill>
    <fill>
      <patternFill patternType="solid">
        <fgColor rgb="FFC00000"/>
        <bgColor indexed="64"/>
      </patternFill>
    </fill>
    <fill>
      <patternFill patternType="solid">
        <fgColor theme="7" tint="0.59999389629810485"/>
        <bgColor indexed="64"/>
      </patternFill>
    </fill>
    <fill>
      <patternFill patternType="solid">
        <fgColor theme="1"/>
        <bgColor indexed="64"/>
      </patternFill>
    </fill>
    <fill>
      <patternFill patternType="solid">
        <fgColor theme="6"/>
        <bgColor indexed="64"/>
      </patternFill>
    </fill>
    <fill>
      <patternFill patternType="solid">
        <fgColor rgb="FFC83C96"/>
        <bgColor indexed="64"/>
      </patternFill>
    </fill>
    <fill>
      <patternFill patternType="solid">
        <fgColor rgb="FFD97777"/>
        <bgColor indexed="64"/>
      </patternFill>
    </fill>
  </fills>
  <borders count="48">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style="thin">
        <color indexed="64"/>
      </left>
      <right style="thin">
        <color indexed="64"/>
      </right>
      <top/>
      <bottom/>
      <diagonal/>
    </border>
    <border>
      <left/>
      <right/>
      <top style="thin">
        <color indexed="64"/>
      </top>
      <bottom/>
      <diagonal/>
    </border>
    <border>
      <left/>
      <right/>
      <top style="thin">
        <color indexed="64"/>
      </top>
      <bottom style="thin">
        <color indexed="64"/>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top/>
      <bottom style="thin">
        <color indexed="64"/>
      </bottom>
      <diagonal/>
    </border>
    <border>
      <left/>
      <right style="thin">
        <color indexed="64"/>
      </right>
      <top style="medium">
        <color indexed="64"/>
      </top>
      <bottom/>
      <diagonal/>
    </border>
    <border>
      <left style="thin">
        <color indexed="64"/>
      </left>
      <right style="thin">
        <color indexed="64"/>
      </right>
      <top style="medium">
        <color indexed="64"/>
      </top>
      <bottom/>
      <diagonal/>
    </border>
    <border>
      <left style="thin">
        <color indexed="64"/>
      </left>
      <right style="medium">
        <color indexed="64"/>
      </right>
      <top style="medium">
        <color indexed="64"/>
      </top>
      <bottom/>
      <diagonal/>
    </border>
    <border>
      <left style="medium">
        <color indexed="64"/>
      </left>
      <right style="thin">
        <color indexed="64"/>
      </right>
      <top style="medium">
        <color indexed="64"/>
      </top>
      <bottom/>
      <diagonal/>
    </border>
    <border>
      <left/>
      <right style="thin">
        <color indexed="64"/>
      </right>
      <top/>
      <bottom style="thin">
        <color indexed="64"/>
      </bottom>
      <diagonal/>
    </border>
    <border>
      <left style="thin">
        <color theme="4"/>
      </left>
      <right/>
      <top style="thin">
        <color theme="4"/>
      </top>
      <bottom/>
      <diagonal/>
    </border>
    <border>
      <left/>
      <right style="thin">
        <color theme="4"/>
      </right>
      <top style="thin">
        <color theme="4"/>
      </top>
      <bottom/>
      <diagonal/>
    </border>
    <border>
      <left style="thin">
        <color theme="4"/>
      </left>
      <right/>
      <top/>
      <bottom/>
      <diagonal/>
    </border>
    <border>
      <left/>
      <right style="thin">
        <color theme="4"/>
      </right>
      <top/>
      <bottom/>
      <diagonal/>
    </border>
    <border>
      <left style="thin">
        <color theme="4"/>
      </left>
      <right/>
      <top/>
      <bottom style="thin">
        <color theme="4"/>
      </bottom>
      <diagonal/>
    </border>
    <border>
      <left/>
      <right style="thin">
        <color theme="4"/>
      </right>
      <top/>
      <bottom style="thin">
        <color theme="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top style="medium">
        <color indexed="64"/>
      </top>
      <bottom style="thin">
        <color indexed="64"/>
      </bottom>
      <diagonal/>
    </border>
    <border>
      <left/>
      <right style="thin">
        <color indexed="64"/>
      </right>
      <top style="medium">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top style="thin">
        <color indexed="64"/>
      </top>
      <bottom style="medium">
        <color indexed="64"/>
      </bottom>
      <diagonal/>
    </border>
    <border>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thin">
        <color indexed="64"/>
      </left>
      <right/>
      <top/>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style="medium">
        <color indexed="64"/>
      </right>
      <top style="medium">
        <color indexed="64"/>
      </top>
      <bottom style="thin">
        <color indexed="64"/>
      </bottom>
      <diagonal/>
    </border>
    <border>
      <left style="thin">
        <color indexed="64"/>
      </left>
      <right/>
      <top style="medium">
        <color indexed="64"/>
      </top>
      <bottom/>
      <diagonal/>
    </border>
    <border>
      <left style="thin">
        <color indexed="64"/>
      </left>
      <right/>
      <top/>
      <bottom style="medium">
        <color indexed="64"/>
      </bottom>
      <diagonal/>
    </border>
    <border>
      <left/>
      <right style="medium">
        <color indexed="64"/>
      </right>
      <top/>
      <bottom/>
      <diagonal/>
    </border>
    <border>
      <left style="thin">
        <color indexed="64"/>
      </left>
      <right style="medium">
        <color indexed="64"/>
      </right>
      <top/>
      <bottom style="thin">
        <color indexed="64"/>
      </bottom>
      <diagonal/>
    </border>
    <border>
      <left style="thin">
        <color indexed="64"/>
      </left>
      <right style="medium">
        <color indexed="64"/>
      </right>
      <top style="thin">
        <color indexed="64"/>
      </top>
      <bottom/>
      <diagonal/>
    </border>
    <border>
      <left style="thin">
        <color indexed="64"/>
      </left>
      <right style="thin">
        <color indexed="64"/>
      </right>
      <top/>
      <bottom style="medium">
        <color indexed="64"/>
      </bottom>
      <diagonal/>
    </border>
    <border>
      <left/>
      <right/>
      <top/>
      <bottom style="thin">
        <color indexed="64"/>
      </bottom>
      <diagonal/>
    </border>
    <border>
      <left style="thin">
        <color rgb="FF000000"/>
      </left>
      <right style="thin">
        <color rgb="FF000000"/>
      </right>
      <top style="thin">
        <color rgb="FF000000"/>
      </top>
      <bottom style="thin">
        <color rgb="FF000000"/>
      </bottom>
      <diagonal/>
    </border>
  </borders>
  <cellStyleXfs count="104">
    <xf numFmtId="0" fontId="0" fillId="0" borderId="0"/>
    <xf numFmtId="0" fontId="11" fillId="0" borderId="0"/>
    <xf numFmtId="0" fontId="12" fillId="0" borderId="0"/>
    <xf numFmtId="0" fontId="16" fillId="0" borderId="0" applyNumberFormat="0" applyFill="0" applyBorder="0" applyAlignment="0" applyProtection="0"/>
    <xf numFmtId="0" fontId="13" fillId="0" borderId="1" applyNumberFormat="0" applyFill="0" applyAlignment="0" applyProtection="0"/>
    <xf numFmtId="0" fontId="14" fillId="0" borderId="2" applyNumberFormat="0" applyFill="0" applyAlignment="0" applyProtection="0"/>
    <xf numFmtId="0" fontId="15" fillId="0" borderId="3" applyNumberFormat="0" applyFill="0" applyAlignment="0" applyProtection="0"/>
    <xf numFmtId="0" fontId="15" fillId="0" borderId="0" applyNumberFormat="0" applyFill="0" applyBorder="0" applyAlignment="0" applyProtection="0"/>
    <xf numFmtId="0" fontId="17" fillId="0" borderId="4" applyNumberFormat="0" applyFill="0" applyAlignment="0" applyProtection="0"/>
    <xf numFmtId="44" fontId="18" fillId="0" borderId="0" applyFont="0" applyFill="0" applyBorder="0" applyAlignment="0" applyProtection="0"/>
    <xf numFmtId="0" fontId="10" fillId="0" borderId="0"/>
    <xf numFmtId="0" fontId="32" fillId="0" borderId="0"/>
    <xf numFmtId="43" fontId="32" fillId="0" borderId="0" applyFont="0" applyFill="0" applyBorder="0" applyAlignment="0" applyProtection="0"/>
    <xf numFmtId="0" fontId="9" fillId="0" borderId="0"/>
    <xf numFmtId="44" fontId="9" fillId="0" borderId="0" applyFont="0" applyFill="0" applyBorder="0" applyAlignment="0" applyProtection="0"/>
    <xf numFmtId="43" fontId="32" fillId="0" borderId="0" applyFont="0" applyFill="0" applyBorder="0" applyAlignment="0" applyProtection="0"/>
    <xf numFmtId="0" fontId="8" fillId="0" borderId="0"/>
    <xf numFmtId="44" fontId="8" fillId="0" borderId="0" applyFont="0" applyFill="0" applyBorder="0" applyAlignment="0" applyProtection="0"/>
    <xf numFmtId="0" fontId="8" fillId="0" borderId="0"/>
    <xf numFmtId="44" fontId="8" fillId="0" borderId="0" applyFont="0" applyFill="0" applyBorder="0" applyAlignment="0" applyProtection="0"/>
    <xf numFmtId="0" fontId="7" fillId="0" borderId="0"/>
    <xf numFmtId="0" fontId="7" fillId="0" borderId="0"/>
    <xf numFmtId="0" fontId="7" fillId="0" borderId="0"/>
    <xf numFmtId="0" fontId="7" fillId="0" borderId="0"/>
    <xf numFmtId="0" fontId="7" fillId="0" borderId="0"/>
    <xf numFmtId="0" fontId="7" fillId="0" borderId="0"/>
    <xf numFmtId="44" fontId="18" fillId="0" borderId="0" applyFont="0" applyFill="0" applyBorder="0" applyAlignment="0" applyProtection="0"/>
    <xf numFmtId="0" fontId="6" fillId="0" borderId="0"/>
    <xf numFmtId="0" fontId="6" fillId="0" borderId="0"/>
    <xf numFmtId="0" fontId="6" fillId="0" borderId="0"/>
    <xf numFmtId="44" fontId="6" fillId="0" borderId="0" applyFont="0" applyFill="0" applyBorder="0" applyAlignment="0" applyProtection="0"/>
    <xf numFmtId="43" fontId="32" fillId="0" borderId="0" applyFont="0" applyFill="0" applyBorder="0" applyAlignment="0" applyProtection="0"/>
    <xf numFmtId="43" fontId="32" fillId="0" borderId="0" applyFont="0" applyFill="0" applyBorder="0" applyAlignment="0" applyProtection="0"/>
    <xf numFmtId="44" fontId="5" fillId="0" borderId="0" applyFont="0" applyFill="0" applyBorder="0" applyAlignment="0" applyProtection="0"/>
    <xf numFmtId="44" fontId="5" fillId="0" borderId="0" applyFont="0" applyFill="0" applyBorder="0" applyAlignment="0" applyProtection="0"/>
    <xf numFmtId="44" fontId="5" fillId="0" borderId="0" applyFont="0" applyFill="0" applyBorder="0" applyAlignment="0" applyProtection="0"/>
    <xf numFmtId="44" fontId="18" fillId="0" borderId="0" applyFont="0" applyFill="0" applyBorder="0" applyAlignment="0" applyProtection="0"/>
    <xf numFmtId="0" fontId="5" fillId="0" borderId="0"/>
    <xf numFmtId="0" fontId="5" fillId="0" borderId="0"/>
    <xf numFmtId="0" fontId="5" fillId="0" borderId="0"/>
    <xf numFmtId="0" fontId="5" fillId="0" borderId="0"/>
    <xf numFmtId="0" fontId="5" fillId="0" borderId="0"/>
    <xf numFmtId="0" fontId="5" fillId="0" borderId="0"/>
    <xf numFmtId="0" fontId="5" fillId="0" borderId="0"/>
    <xf numFmtId="0" fontId="5" fillId="0" borderId="0"/>
    <xf numFmtId="0" fontId="5" fillId="0" borderId="0"/>
    <xf numFmtId="0" fontId="5" fillId="0" borderId="0"/>
    <xf numFmtId="0" fontId="4" fillId="0" borderId="0"/>
    <xf numFmtId="9" fontId="4" fillId="0" borderId="0" applyFont="0" applyFill="0" applyBorder="0" applyAlignment="0" applyProtection="0"/>
    <xf numFmtId="44" fontId="4" fillId="0" borderId="0" applyFont="0" applyFill="0" applyBorder="0" applyAlignment="0" applyProtection="0"/>
    <xf numFmtId="0" fontId="3" fillId="0" borderId="0"/>
    <xf numFmtId="9" fontId="3" fillId="0" borderId="0" applyFont="0" applyFill="0" applyBorder="0" applyAlignment="0" applyProtection="0"/>
    <xf numFmtId="44" fontId="3" fillId="0" borderId="0" applyFont="0" applyFill="0" applyBorder="0" applyAlignment="0" applyProtection="0"/>
    <xf numFmtId="0" fontId="2" fillId="0" borderId="0"/>
    <xf numFmtId="9" fontId="2" fillId="0" borderId="0" applyFont="0" applyFill="0" applyBorder="0" applyAlignment="0" applyProtection="0"/>
    <xf numFmtId="44" fontId="2" fillId="0" borderId="0" applyFont="0" applyFill="0" applyBorder="0" applyAlignment="0" applyProtection="0"/>
    <xf numFmtId="0" fontId="62" fillId="0" borderId="0" applyNumberFormat="0" applyFill="0" applyBorder="0" applyAlignment="0" applyProtection="0"/>
    <xf numFmtId="9" fontId="18" fillId="0" borderId="0" applyFont="0" applyFill="0" applyBorder="0" applyAlignment="0" applyProtection="0"/>
    <xf numFmtId="44" fontId="18" fillId="0" borderId="0" applyFont="0" applyFill="0" applyBorder="0" applyAlignment="0" applyProtection="0"/>
    <xf numFmtId="0" fontId="1" fillId="0" borderId="0"/>
    <xf numFmtId="43" fontId="32" fillId="0" borderId="0" applyFont="0" applyFill="0" applyBorder="0" applyAlignment="0" applyProtection="0"/>
    <xf numFmtId="0" fontId="1" fillId="0" borderId="0"/>
    <xf numFmtId="44" fontId="1" fillId="0" borderId="0" applyFont="0" applyFill="0" applyBorder="0" applyAlignment="0" applyProtection="0"/>
    <xf numFmtId="43" fontId="32" fillId="0" borderId="0" applyFont="0" applyFill="0" applyBorder="0" applyAlignment="0" applyProtection="0"/>
    <xf numFmtId="0" fontId="1" fillId="0" borderId="0"/>
    <xf numFmtId="44" fontId="1" fillId="0" borderId="0" applyFont="0" applyFill="0" applyBorder="0" applyAlignment="0" applyProtection="0"/>
    <xf numFmtId="0" fontId="1" fillId="0" borderId="0"/>
    <xf numFmtId="44" fontId="1" fillId="0" borderId="0" applyFont="0" applyFill="0" applyBorder="0" applyAlignment="0" applyProtection="0"/>
    <xf numFmtId="0" fontId="1" fillId="0" borderId="0"/>
    <xf numFmtId="0" fontId="1" fillId="0" borderId="0"/>
    <xf numFmtId="0" fontId="1" fillId="0" borderId="0"/>
    <xf numFmtId="0" fontId="1" fillId="0" borderId="0"/>
    <xf numFmtId="0" fontId="1" fillId="0" borderId="0"/>
    <xf numFmtId="0" fontId="1" fillId="0" borderId="0"/>
    <xf numFmtId="44" fontId="18" fillId="0" borderId="0" applyFont="0" applyFill="0" applyBorder="0" applyAlignment="0" applyProtection="0"/>
    <xf numFmtId="0" fontId="1" fillId="0" borderId="0"/>
    <xf numFmtId="0" fontId="1" fillId="0" borderId="0"/>
    <xf numFmtId="0" fontId="1" fillId="0" borderId="0"/>
    <xf numFmtId="44" fontId="1" fillId="0" borderId="0" applyFont="0" applyFill="0" applyBorder="0" applyAlignment="0" applyProtection="0"/>
    <xf numFmtId="43" fontId="32" fillId="0" borderId="0" applyFont="0" applyFill="0" applyBorder="0" applyAlignment="0" applyProtection="0"/>
    <xf numFmtId="43" fontId="32" fillId="0" borderId="0" applyFont="0" applyFill="0" applyBorder="0" applyAlignment="0" applyProtection="0"/>
    <xf numFmtId="44" fontId="1" fillId="0" borderId="0" applyFont="0" applyFill="0" applyBorder="0" applyAlignment="0" applyProtection="0"/>
    <xf numFmtId="44" fontId="1" fillId="0" borderId="0" applyFont="0" applyFill="0" applyBorder="0" applyAlignment="0" applyProtection="0"/>
    <xf numFmtId="44" fontId="1" fillId="0" borderId="0" applyFont="0" applyFill="0" applyBorder="0" applyAlignment="0" applyProtection="0"/>
    <xf numFmtId="44" fontId="18" fillId="0" borderId="0" applyFont="0" applyFill="0" applyBorder="0" applyAlignment="0" applyProtection="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9" fontId="1" fillId="0" borderId="0" applyFont="0" applyFill="0" applyBorder="0" applyAlignment="0" applyProtection="0"/>
    <xf numFmtId="44" fontId="1" fillId="0" borderId="0" applyFont="0" applyFill="0" applyBorder="0" applyAlignment="0" applyProtection="0"/>
    <xf numFmtId="0" fontId="1" fillId="0" borderId="0"/>
    <xf numFmtId="9" fontId="1" fillId="0" borderId="0" applyFont="0" applyFill="0" applyBorder="0" applyAlignment="0" applyProtection="0"/>
    <xf numFmtId="44" fontId="1" fillId="0" borderId="0" applyFont="0" applyFill="0" applyBorder="0" applyAlignment="0" applyProtection="0"/>
    <xf numFmtId="0" fontId="1" fillId="0" borderId="0"/>
    <xf numFmtId="9" fontId="1" fillId="0" borderId="0" applyFont="0" applyFill="0" applyBorder="0" applyAlignment="0" applyProtection="0"/>
    <xf numFmtId="44" fontId="1" fillId="0" borderId="0" applyFont="0" applyFill="0" applyBorder="0" applyAlignment="0" applyProtection="0"/>
  </cellStyleXfs>
  <cellXfs count="1339">
    <xf numFmtId="0" fontId="0" fillId="0" borderId="0" xfId="0"/>
    <xf numFmtId="0" fontId="19" fillId="2" borderId="5" xfId="10" applyFont="1" applyFill="1" applyBorder="1" applyAlignment="1" applyProtection="1">
      <alignment horizontal="center" vertical="center" wrapText="1"/>
      <protection hidden="1"/>
    </xf>
    <xf numFmtId="0" fontId="19" fillId="2" borderId="5" xfId="10" applyFont="1" applyFill="1" applyBorder="1" applyAlignment="1" applyProtection="1">
      <alignment vertical="center" wrapText="1"/>
      <protection hidden="1"/>
    </xf>
    <xf numFmtId="0" fontId="19" fillId="2" borderId="5" xfId="10" applyFont="1" applyFill="1" applyBorder="1" applyAlignment="1" applyProtection="1">
      <alignment horizontal="left" vertical="center" wrapText="1"/>
      <protection hidden="1"/>
    </xf>
    <xf numFmtId="0" fontId="19" fillId="4" borderId="5" xfId="10" applyFont="1" applyFill="1" applyBorder="1" applyAlignment="1" applyProtection="1">
      <alignment horizontal="center" vertical="center" wrapText="1"/>
      <protection hidden="1"/>
    </xf>
    <xf numFmtId="0" fontId="21" fillId="2" borderId="5" xfId="10" applyFont="1" applyFill="1" applyBorder="1" applyAlignment="1" applyProtection="1">
      <alignment vertical="center" wrapText="1"/>
      <protection hidden="1"/>
    </xf>
    <xf numFmtId="0" fontId="21" fillId="2" borderId="5" xfId="10" applyFont="1" applyFill="1" applyBorder="1" applyAlignment="1" applyProtection="1">
      <alignment horizontal="left" vertical="center" wrapText="1"/>
      <protection hidden="1"/>
    </xf>
    <xf numFmtId="0" fontId="21" fillId="2" borderId="5" xfId="10" applyFont="1" applyFill="1" applyBorder="1" applyAlignment="1" applyProtection="1">
      <alignment horizontal="center" vertical="center" wrapText="1"/>
      <protection hidden="1"/>
    </xf>
    <xf numFmtId="0" fontId="21" fillId="3" borderId="5" xfId="10" applyFont="1" applyFill="1" applyBorder="1" applyAlignment="1" applyProtection="1">
      <alignment horizontal="center" vertical="center" wrapText="1"/>
      <protection hidden="1"/>
    </xf>
    <xf numFmtId="0" fontId="21" fillId="6" borderId="5" xfId="10" applyFont="1" applyFill="1" applyBorder="1" applyAlignment="1">
      <alignment horizontal="center" vertical="center" wrapText="1"/>
    </xf>
    <xf numFmtId="0" fontId="21" fillId="7" borderId="5" xfId="10" applyFont="1" applyFill="1" applyBorder="1" applyAlignment="1">
      <alignment vertical="center" wrapText="1"/>
    </xf>
    <xf numFmtId="0" fontId="21" fillId="8" borderId="5" xfId="10" applyFont="1" applyFill="1" applyBorder="1" applyAlignment="1">
      <alignment vertical="center" wrapText="1"/>
    </xf>
    <xf numFmtId="3" fontId="19" fillId="6" borderId="5" xfId="10" applyNumberFormat="1" applyFont="1" applyFill="1" applyBorder="1" applyAlignment="1">
      <alignment horizontal="center" vertical="center" wrapText="1"/>
    </xf>
    <xf numFmtId="0" fontId="19" fillId="6" borderId="5" xfId="10" applyFont="1" applyFill="1" applyBorder="1" applyAlignment="1">
      <alignment horizontal="center" vertical="center" wrapText="1"/>
    </xf>
    <xf numFmtId="0" fontId="19" fillId="7" borderId="5" xfId="10" applyFont="1" applyFill="1" applyBorder="1" applyAlignment="1">
      <alignment horizontal="center" vertical="center" wrapText="1"/>
    </xf>
    <xf numFmtId="0" fontId="19" fillId="8" borderId="5" xfId="10" applyFont="1" applyFill="1" applyBorder="1" applyAlignment="1">
      <alignment vertical="center" wrapText="1"/>
    </xf>
    <xf numFmtId="0" fontId="19" fillId="3" borderId="5" xfId="10" applyFont="1" applyFill="1" applyBorder="1" applyAlignment="1" applyProtection="1">
      <alignment horizontal="center" vertical="center" wrapText="1"/>
      <protection hidden="1"/>
    </xf>
    <xf numFmtId="164" fontId="19" fillId="3" borderId="5" xfId="10" applyNumberFormat="1" applyFont="1" applyFill="1" applyBorder="1" applyAlignment="1" applyProtection="1">
      <alignment horizontal="center" vertical="center" wrapText="1"/>
      <protection hidden="1"/>
    </xf>
    <xf numFmtId="0" fontId="19" fillId="5" borderId="5" xfId="10" applyFont="1" applyFill="1" applyBorder="1" applyAlignment="1" applyProtection="1">
      <alignment horizontal="center" vertical="center" wrapText="1"/>
      <protection hidden="1"/>
    </xf>
    <xf numFmtId="164" fontId="21" fillId="3" borderId="5" xfId="10" applyNumberFormat="1" applyFont="1" applyFill="1" applyBorder="1" applyAlignment="1" applyProtection="1">
      <alignment horizontal="center" vertical="center" wrapText="1"/>
      <protection hidden="1"/>
    </xf>
    <xf numFmtId="0" fontId="21" fillId="4" borderId="5" xfId="10" applyFont="1" applyFill="1" applyBorder="1" applyAlignment="1" applyProtection="1">
      <alignment horizontal="center" vertical="center" wrapText="1"/>
      <protection hidden="1"/>
    </xf>
    <xf numFmtId="0" fontId="21" fillId="5" borderId="5" xfId="10" applyFont="1" applyFill="1" applyBorder="1" applyAlignment="1" applyProtection="1">
      <alignment horizontal="center" vertical="center" wrapText="1"/>
      <protection hidden="1"/>
    </xf>
    <xf numFmtId="0" fontId="22" fillId="9" borderId="5" xfId="10" applyFont="1" applyFill="1" applyBorder="1" applyAlignment="1">
      <alignment horizontal="center" vertical="center" wrapText="1"/>
    </xf>
    <xf numFmtId="0" fontId="22" fillId="9" borderId="5" xfId="10" applyFont="1" applyFill="1" applyBorder="1" applyAlignment="1">
      <alignment horizontal="left" vertical="center" wrapText="1"/>
    </xf>
    <xf numFmtId="0" fontId="22" fillId="10" borderId="5" xfId="10" applyFont="1" applyFill="1" applyBorder="1" applyAlignment="1">
      <alignment horizontal="left" vertical="center" wrapText="1"/>
    </xf>
    <xf numFmtId="0" fontId="23" fillId="0" borderId="5" xfId="10" applyFont="1" applyBorder="1" applyAlignment="1">
      <alignment vertical="center" wrapText="1"/>
    </xf>
    <xf numFmtId="165" fontId="23" fillId="0" borderId="5" xfId="10" applyNumberFormat="1" applyFont="1" applyBorder="1" applyAlignment="1" applyProtection="1">
      <alignment vertical="center" wrapText="1"/>
      <protection hidden="1"/>
    </xf>
    <xf numFmtId="164" fontId="20" fillId="0" borderId="5" xfId="9" applyNumberFormat="1" applyFont="1" applyFill="1" applyBorder="1" applyAlignment="1">
      <alignment vertical="center" wrapText="1"/>
    </xf>
    <xf numFmtId="0" fontId="23" fillId="11" borderId="0" xfId="10" applyFont="1" applyFill="1" applyAlignment="1">
      <alignment horizontal="left" vertical="center" wrapText="1"/>
    </xf>
    <xf numFmtId="0" fontId="23" fillId="0" borderId="6" xfId="10" applyFont="1" applyBorder="1" applyAlignment="1">
      <alignment horizontal="left" vertical="center" wrapText="1"/>
    </xf>
    <xf numFmtId="0" fontId="23" fillId="0" borderId="5" xfId="10" applyFont="1" applyBorder="1" applyAlignment="1">
      <alignment horizontal="left" vertical="center" wrapText="1"/>
    </xf>
    <xf numFmtId="0" fontId="23" fillId="11" borderId="5" xfId="10" applyFont="1" applyFill="1" applyBorder="1" applyAlignment="1">
      <alignment horizontal="center" vertical="center" wrapText="1"/>
    </xf>
    <xf numFmtId="0" fontId="23" fillId="11" borderId="5" xfId="10" applyFont="1" applyFill="1" applyBorder="1" applyAlignment="1">
      <alignment horizontal="left" vertical="center" wrapText="1"/>
    </xf>
    <xf numFmtId="165" fontId="23" fillId="11" borderId="5" xfId="10" applyNumberFormat="1" applyFont="1" applyFill="1" applyBorder="1" applyAlignment="1" applyProtection="1">
      <alignment horizontal="center" vertical="center" wrapText="1"/>
      <protection hidden="1"/>
    </xf>
    <xf numFmtId="0" fontId="0" fillId="0" borderId="0" xfId="0" applyAlignment="1">
      <alignment wrapText="1"/>
    </xf>
    <xf numFmtId="0" fontId="28" fillId="10" borderId="5" xfId="10" applyFont="1" applyFill="1" applyBorder="1" applyAlignment="1">
      <alignment horizontal="left" vertical="center" wrapText="1"/>
    </xf>
    <xf numFmtId="0" fontId="20" fillId="0" borderId="5" xfId="10" applyFont="1" applyBorder="1" applyAlignment="1">
      <alignment vertical="center" wrapText="1"/>
    </xf>
    <xf numFmtId="164" fontId="23" fillId="11" borderId="7" xfId="10" applyNumberFormat="1" applyFont="1" applyFill="1" applyBorder="1" applyAlignment="1" applyProtection="1">
      <alignment horizontal="center" vertical="center" wrapText="1"/>
      <protection hidden="1"/>
    </xf>
    <xf numFmtId="165" fontId="23" fillId="11" borderId="7" xfId="10" applyNumberFormat="1" applyFont="1" applyFill="1" applyBorder="1" applyAlignment="1" applyProtection="1">
      <alignment horizontal="center" vertical="center" wrapText="1"/>
      <protection hidden="1"/>
    </xf>
    <xf numFmtId="164" fontId="23" fillId="11" borderId="5" xfId="10" applyNumberFormat="1" applyFont="1" applyFill="1" applyBorder="1" applyAlignment="1" applyProtection="1">
      <alignment horizontal="center" vertical="center" wrapText="1"/>
      <protection hidden="1"/>
    </xf>
    <xf numFmtId="0" fontId="29" fillId="0" borderId="5" xfId="10" applyFont="1" applyBorder="1" applyAlignment="1">
      <alignment horizontal="center" vertical="center" wrapText="1"/>
    </xf>
    <xf numFmtId="0" fontId="24" fillId="12" borderId="5" xfId="10" applyFont="1" applyFill="1" applyBorder="1" applyAlignment="1">
      <alignment vertical="center" wrapText="1"/>
    </xf>
    <xf numFmtId="0" fontId="23" fillId="13" borderId="5" xfId="10" applyFont="1" applyFill="1" applyBorder="1" applyAlignment="1">
      <alignment vertical="center" wrapText="1"/>
    </xf>
    <xf numFmtId="165" fontId="30" fillId="11" borderId="5" xfId="10" applyNumberFormat="1" applyFont="1" applyFill="1" applyBorder="1" applyAlignment="1" applyProtection="1">
      <alignment horizontal="center" vertical="center" wrapText="1"/>
      <protection hidden="1"/>
    </xf>
    <xf numFmtId="0" fontId="21" fillId="15" borderId="5" xfId="10" applyFont="1" applyFill="1" applyBorder="1" applyAlignment="1">
      <alignment vertical="center" wrapText="1"/>
    </xf>
    <xf numFmtId="0" fontId="21" fillId="16" borderId="5" xfId="10" applyFont="1" applyFill="1" applyBorder="1" applyAlignment="1">
      <alignment vertical="center" wrapText="1"/>
    </xf>
    <xf numFmtId="0" fontId="21" fillId="17" borderId="5" xfId="10" applyFont="1" applyFill="1" applyBorder="1" applyAlignment="1">
      <alignment vertical="center" wrapText="1"/>
    </xf>
    <xf numFmtId="0" fontId="21" fillId="18" borderId="5" xfId="10" applyFont="1" applyFill="1" applyBorder="1" applyAlignment="1">
      <alignment horizontal="center" vertical="center" wrapText="1"/>
    </xf>
    <xf numFmtId="0" fontId="21" fillId="19" borderId="5" xfId="10" applyFont="1" applyFill="1" applyBorder="1" applyAlignment="1">
      <alignment vertical="center" wrapText="1"/>
    </xf>
    <xf numFmtId="0" fontId="21" fillId="20" borderId="5" xfId="10" applyFont="1" applyFill="1" applyBorder="1" applyAlignment="1">
      <alignment vertical="center" wrapText="1"/>
    </xf>
    <xf numFmtId="0" fontId="21" fillId="14" borderId="5" xfId="10" applyFont="1" applyFill="1" applyBorder="1" applyAlignment="1">
      <alignment vertical="center" wrapText="1"/>
    </xf>
    <xf numFmtId="0" fontId="21" fillId="3" borderId="5" xfId="10" applyFont="1" applyFill="1" applyBorder="1" applyAlignment="1">
      <alignment vertical="center" wrapText="1"/>
    </xf>
    <xf numFmtId="0" fontId="19" fillId="15" borderId="5" xfId="10" applyFont="1" applyFill="1" applyBorder="1" applyAlignment="1">
      <alignment vertical="center" wrapText="1"/>
    </xf>
    <xf numFmtId="0" fontId="19" fillId="16" borderId="5" xfId="10" applyFont="1" applyFill="1" applyBorder="1" applyAlignment="1">
      <alignment vertical="center" wrapText="1"/>
    </xf>
    <xf numFmtId="0" fontId="19" fillId="21" borderId="5" xfId="10" applyFont="1" applyFill="1" applyBorder="1" applyAlignment="1">
      <alignment vertical="center" wrapText="1"/>
    </xf>
    <xf numFmtId="3" fontId="19" fillId="8" borderId="5" xfId="10" applyNumberFormat="1" applyFont="1" applyFill="1" applyBorder="1" applyAlignment="1">
      <alignment vertical="center" wrapText="1"/>
    </xf>
    <xf numFmtId="0" fontId="19" fillId="23" borderId="5" xfId="10" applyFont="1" applyFill="1" applyBorder="1" applyAlignment="1">
      <alignment vertical="center" wrapText="1"/>
    </xf>
    <xf numFmtId="0" fontId="21" fillId="22" borderId="5" xfId="10" applyFont="1" applyFill="1" applyBorder="1" applyAlignment="1">
      <alignment vertical="center" wrapText="1"/>
    </xf>
    <xf numFmtId="0" fontId="23" fillId="0" borderId="5" xfId="10" applyFont="1" applyBorder="1" applyAlignment="1" applyProtection="1">
      <alignment vertical="center" wrapText="1"/>
      <protection hidden="1"/>
    </xf>
    <xf numFmtId="164" fontId="21" fillId="4" borderId="5" xfId="10" applyNumberFormat="1" applyFont="1" applyFill="1" applyBorder="1" applyAlignment="1" applyProtection="1">
      <alignment horizontal="center" vertical="center" wrapText="1"/>
      <protection hidden="1"/>
    </xf>
    <xf numFmtId="164" fontId="19" fillId="4" borderId="5" xfId="10" applyNumberFormat="1" applyFont="1" applyFill="1" applyBorder="1" applyAlignment="1" applyProtection="1">
      <alignment horizontal="center" vertical="center" wrapText="1"/>
      <protection hidden="1"/>
    </xf>
    <xf numFmtId="0" fontId="21" fillId="24" borderId="5" xfId="10" applyFont="1" applyFill="1" applyBorder="1" applyAlignment="1">
      <alignment vertical="center" wrapText="1"/>
    </xf>
    <xf numFmtId="0" fontId="19" fillId="24" borderId="5" xfId="10" applyFont="1" applyFill="1" applyBorder="1" applyAlignment="1">
      <alignment vertical="center" wrapText="1"/>
    </xf>
    <xf numFmtId="0" fontId="33" fillId="0" borderId="9" xfId="0" applyFont="1" applyBorder="1" applyAlignment="1">
      <alignment vertical="center" wrapText="1"/>
    </xf>
    <xf numFmtId="0" fontId="23" fillId="25" borderId="5" xfId="10" applyFont="1" applyFill="1" applyBorder="1" applyAlignment="1">
      <alignment vertical="center" wrapText="1"/>
    </xf>
    <xf numFmtId="0" fontId="23" fillId="25" borderId="5" xfId="10" applyFont="1" applyFill="1" applyBorder="1" applyAlignment="1">
      <alignment horizontal="left" vertical="center" wrapText="1"/>
    </xf>
    <xf numFmtId="0" fontId="23" fillId="25" borderId="6" xfId="10" applyFont="1" applyFill="1" applyBorder="1" applyAlignment="1">
      <alignment horizontal="left" vertical="center" wrapText="1"/>
    </xf>
    <xf numFmtId="0" fontId="23" fillId="25" borderId="5" xfId="10" applyFont="1" applyFill="1" applyBorder="1" applyAlignment="1">
      <alignment horizontal="center" vertical="center" wrapText="1"/>
    </xf>
    <xf numFmtId="165" fontId="23" fillId="25" borderId="5" xfId="10" applyNumberFormat="1" applyFont="1" applyFill="1" applyBorder="1" applyAlignment="1" applyProtection="1">
      <alignment vertical="center" wrapText="1"/>
      <protection hidden="1"/>
    </xf>
    <xf numFmtId="164" fontId="23" fillId="25" borderId="5" xfId="10" applyNumberFormat="1" applyFont="1" applyFill="1" applyBorder="1" applyAlignment="1" applyProtection="1">
      <alignment horizontal="center" vertical="center" wrapText="1"/>
      <protection hidden="1"/>
    </xf>
    <xf numFmtId="165" fontId="23" fillId="25" borderId="5" xfId="10" applyNumberFormat="1" applyFont="1" applyFill="1" applyBorder="1" applyAlignment="1" applyProtection="1">
      <alignment horizontal="center" vertical="center" wrapText="1"/>
      <protection hidden="1"/>
    </xf>
    <xf numFmtId="165" fontId="30" fillId="25" borderId="5" xfId="10" applyNumberFormat="1" applyFont="1" applyFill="1" applyBorder="1" applyAlignment="1" applyProtection="1">
      <alignment horizontal="center" vertical="center" wrapText="1"/>
      <protection hidden="1"/>
    </xf>
    <xf numFmtId="0" fontId="29" fillId="25" borderId="5" xfId="10" applyFont="1" applyFill="1" applyBorder="1" applyAlignment="1">
      <alignment horizontal="center" vertical="center" wrapText="1"/>
    </xf>
    <xf numFmtId="0" fontId="23" fillId="11" borderId="6" xfId="10" applyFont="1" applyFill="1" applyBorder="1" applyAlignment="1">
      <alignment horizontal="left" vertical="center" wrapText="1"/>
    </xf>
    <xf numFmtId="0" fontId="0" fillId="0" borderId="9" xfId="0" applyBorder="1"/>
    <xf numFmtId="0" fontId="34" fillId="11" borderId="5" xfId="10" applyFont="1" applyFill="1" applyBorder="1" applyAlignment="1">
      <alignment horizontal="left" vertical="center" wrapText="1"/>
    </xf>
    <xf numFmtId="165" fontId="34" fillId="0" borderId="5" xfId="10" applyNumberFormat="1" applyFont="1" applyBorder="1" applyAlignment="1" applyProtection="1">
      <alignment horizontal="left" vertical="center" wrapText="1"/>
      <protection hidden="1"/>
    </xf>
    <xf numFmtId="0" fontId="34" fillId="0" borderId="5" xfId="10" applyFont="1" applyBorder="1" applyAlignment="1">
      <alignment horizontal="left" vertical="center" wrapText="1"/>
    </xf>
    <xf numFmtId="0" fontId="0" fillId="0" borderId="5" xfId="0" applyBorder="1" applyAlignment="1">
      <alignment horizontal="left" vertical="center" wrapText="1"/>
    </xf>
    <xf numFmtId="164" fontId="0" fillId="0" borderId="5" xfId="9" applyNumberFormat="1" applyFont="1" applyFill="1" applyBorder="1" applyAlignment="1">
      <alignment horizontal="left" vertical="center" wrapText="1"/>
    </xf>
    <xf numFmtId="0" fontId="34" fillId="0" borderId="5" xfId="10" applyFont="1" applyBorder="1" applyAlignment="1" applyProtection="1">
      <alignment horizontal="left" vertical="center" wrapText="1"/>
      <protection hidden="1"/>
    </xf>
    <xf numFmtId="165" fontId="34" fillId="11" borderId="5" xfId="10" applyNumberFormat="1" applyFont="1" applyFill="1" applyBorder="1" applyAlignment="1" applyProtection="1">
      <alignment horizontal="left" vertical="center" wrapText="1"/>
      <protection hidden="1"/>
    </xf>
    <xf numFmtId="0" fontId="0" fillId="0" borderId="0" xfId="0" applyAlignment="1">
      <alignment horizontal="left" vertical="center" wrapText="1"/>
    </xf>
    <xf numFmtId="0" fontId="0" fillId="0" borderId="5" xfId="10" applyFont="1" applyBorder="1" applyAlignment="1">
      <alignment horizontal="left" vertical="center" wrapText="1"/>
    </xf>
    <xf numFmtId="165" fontId="34" fillId="25" borderId="5" xfId="10" applyNumberFormat="1" applyFont="1" applyFill="1" applyBorder="1" applyAlignment="1" applyProtection="1">
      <alignment horizontal="left" vertical="center" wrapText="1"/>
      <protection hidden="1"/>
    </xf>
    <xf numFmtId="0" fontId="36" fillId="0" borderId="5" xfId="0" applyFont="1" applyBorder="1" applyAlignment="1">
      <alignment horizontal="left" vertical="center" wrapText="1"/>
    </xf>
    <xf numFmtId="0" fontId="36" fillId="0" borderId="9" xfId="0" applyFont="1" applyBorder="1" applyAlignment="1">
      <alignment horizontal="left" vertical="center" wrapText="1"/>
    </xf>
    <xf numFmtId="165" fontId="34" fillId="26" borderId="5" xfId="10" applyNumberFormat="1" applyFont="1" applyFill="1" applyBorder="1" applyAlignment="1" applyProtection="1">
      <alignment horizontal="left" vertical="center" wrapText="1"/>
      <protection hidden="1"/>
    </xf>
    <xf numFmtId="0" fontId="34" fillId="0" borderId="8" xfId="10" applyFont="1" applyBorder="1" applyAlignment="1">
      <alignment horizontal="left" vertical="center" wrapText="1"/>
    </xf>
    <xf numFmtId="165" fontId="0" fillId="0" borderId="5" xfId="0" applyNumberFormat="1" applyBorder="1" applyAlignment="1">
      <alignment horizontal="left" vertical="center" wrapText="1"/>
    </xf>
    <xf numFmtId="0" fontId="21" fillId="27" borderId="5" xfId="10" applyFont="1" applyFill="1" applyBorder="1" applyAlignment="1" applyProtection="1">
      <alignment vertical="center" wrapText="1"/>
      <protection hidden="1"/>
    </xf>
    <xf numFmtId="0" fontId="22" fillId="20" borderId="5" xfId="10" applyFont="1" applyFill="1" applyBorder="1" applyAlignment="1">
      <alignment horizontal="center" vertical="center" wrapText="1"/>
    </xf>
    <xf numFmtId="0" fontId="0" fillId="20" borderId="0" xfId="0" applyFill="1"/>
    <xf numFmtId="0" fontId="19" fillId="27" borderId="5" xfId="10" applyFont="1" applyFill="1" applyBorder="1" applyAlignment="1" applyProtection="1">
      <alignment vertical="center" wrapText="1"/>
      <protection hidden="1"/>
    </xf>
    <xf numFmtId="0" fontId="38" fillId="20" borderId="5" xfId="10" applyFont="1" applyFill="1" applyBorder="1" applyAlignment="1">
      <alignment horizontal="center" vertical="center" wrapText="1"/>
    </xf>
    <xf numFmtId="0" fontId="38" fillId="9" borderId="5" xfId="10" applyFont="1" applyFill="1" applyBorder="1" applyAlignment="1">
      <alignment horizontal="left" vertical="center" wrapText="1"/>
    </xf>
    <xf numFmtId="0" fontId="38" fillId="10" borderId="5" xfId="10" applyFont="1" applyFill="1" applyBorder="1" applyAlignment="1">
      <alignment horizontal="left" vertical="center" wrapText="1"/>
    </xf>
    <xf numFmtId="0" fontId="39" fillId="27" borderId="5" xfId="10" applyFont="1" applyFill="1" applyBorder="1" applyAlignment="1" applyProtection="1">
      <alignment vertical="center" wrapText="1"/>
      <protection hidden="1"/>
    </xf>
    <xf numFmtId="0" fontId="39" fillId="2" borderId="5" xfId="10" applyFont="1" applyFill="1" applyBorder="1" applyAlignment="1" applyProtection="1">
      <alignment vertical="center" wrapText="1"/>
      <protection hidden="1"/>
    </xf>
    <xf numFmtId="0" fontId="39" fillId="2" borderId="5" xfId="10" applyFont="1" applyFill="1" applyBorder="1" applyAlignment="1" applyProtection="1">
      <alignment horizontal="left" vertical="center" wrapText="1"/>
      <protection hidden="1"/>
    </xf>
    <xf numFmtId="0" fontId="39" fillId="2" borderId="5" xfId="10" applyFont="1" applyFill="1" applyBorder="1" applyAlignment="1" applyProtection="1">
      <alignment horizontal="center" vertical="center" wrapText="1"/>
      <protection hidden="1"/>
    </xf>
    <xf numFmtId="0" fontId="39" fillId="3" borderId="5" xfId="10" applyFont="1" applyFill="1" applyBorder="1" applyAlignment="1" applyProtection="1">
      <alignment horizontal="center" vertical="center" wrapText="1"/>
      <protection hidden="1"/>
    </xf>
    <xf numFmtId="164" fontId="39" fillId="3" borderId="5" xfId="10" applyNumberFormat="1" applyFont="1" applyFill="1" applyBorder="1" applyAlignment="1" applyProtection="1">
      <alignment horizontal="center" vertical="center" wrapText="1"/>
      <protection hidden="1"/>
    </xf>
    <xf numFmtId="164" fontId="39" fillId="4" borderId="5" xfId="10" applyNumberFormat="1" applyFont="1" applyFill="1" applyBorder="1" applyAlignment="1" applyProtection="1">
      <alignment horizontal="center" vertical="center" wrapText="1"/>
      <protection hidden="1"/>
    </xf>
    <xf numFmtId="0" fontId="39" fillId="4" borderId="5" xfId="10" applyFont="1" applyFill="1" applyBorder="1" applyAlignment="1" applyProtection="1">
      <alignment horizontal="center" vertical="center" wrapText="1"/>
      <protection hidden="1"/>
    </xf>
    <xf numFmtId="0" fontId="39" fillId="5" borderId="5" xfId="10" applyFont="1" applyFill="1" applyBorder="1" applyAlignment="1" applyProtection="1">
      <alignment horizontal="center" vertical="center" wrapText="1"/>
      <protection hidden="1"/>
    </xf>
    <xf numFmtId="0" fontId="39" fillId="6" borderId="5" xfId="10" applyFont="1" applyFill="1" applyBorder="1" applyAlignment="1">
      <alignment horizontal="center" vertical="center" wrapText="1"/>
    </xf>
    <xf numFmtId="0" fontId="39" fillId="18" borderId="5" xfId="10" applyFont="1" applyFill="1" applyBorder="1" applyAlignment="1">
      <alignment horizontal="center" vertical="center" wrapText="1"/>
    </xf>
    <xf numFmtId="0" fontId="39" fillId="7" borderId="5" xfId="10" applyFont="1" applyFill="1" applyBorder="1" applyAlignment="1">
      <alignment vertical="center" wrapText="1"/>
    </xf>
    <xf numFmtId="0" fontId="39" fillId="19" borderId="5" xfId="10" applyFont="1" applyFill="1" applyBorder="1" applyAlignment="1">
      <alignment vertical="center" wrapText="1"/>
    </xf>
    <xf numFmtId="0" fontId="39" fillId="8" borderId="5" xfId="10" applyFont="1" applyFill="1" applyBorder="1" applyAlignment="1">
      <alignment vertical="center" wrapText="1"/>
    </xf>
    <xf numFmtId="0" fontId="39" fillId="20" borderId="5" xfId="10" applyFont="1" applyFill="1" applyBorder="1" applyAlignment="1">
      <alignment vertical="center" wrapText="1"/>
    </xf>
    <xf numFmtId="0" fontId="39" fillId="15" borderId="5" xfId="10" applyFont="1" applyFill="1" applyBorder="1" applyAlignment="1">
      <alignment vertical="center" wrapText="1"/>
    </xf>
    <xf numFmtId="0" fontId="39" fillId="14" borderId="5" xfId="10" applyFont="1" applyFill="1" applyBorder="1" applyAlignment="1">
      <alignment vertical="center" wrapText="1"/>
    </xf>
    <xf numFmtId="0" fontId="39" fillId="16" borderId="5" xfId="10" applyFont="1" applyFill="1" applyBorder="1" applyAlignment="1">
      <alignment vertical="center" wrapText="1"/>
    </xf>
    <xf numFmtId="0" fontId="39" fillId="17" borderId="5" xfId="10" applyFont="1" applyFill="1" applyBorder="1" applyAlignment="1">
      <alignment vertical="center" wrapText="1"/>
    </xf>
    <xf numFmtId="0" fontId="39" fillId="3" borderId="5" xfId="10" applyFont="1" applyFill="1" applyBorder="1" applyAlignment="1">
      <alignment vertical="center" wrapText="1"/>
    </xf>
    <xf numFmtId="0" fontId="39" fillId="22" borderId="5" xfId="10" applyFont="1" applyFill="1" applyBorder="1" applyAlignment="1">
      <alignment vertical="center" wrapText="1"/>
    </xf>
    <xf numFmtId="0" fontId="39" fillId="24" borderId="5" xfId="10" applyFont="1" applyFill="1" applyBorder="1" applyAlignment="1">
      <alignment vertical="center" wrapText="1"/>
    </xf>
    <xf numFmtId="0" fontId="18" fillId="0" borderId="0" xfId="0" applyFont="1"/>
    <xf numFmtId="0" fontId="18" fillId="25" borderId="0" xfId="0" applyFont="1" applyFill="1"/>
    <xf numFmtId="0" fontId="40" fillId="0" borderId="5" xfId="18" applyFont="1" applyBorder="1"/>
    <xf numFmtId="0" fontId="40" fillId="0" borderId="5" xfId="18" applyFont="1" applyBorder="1" applyAlignment="1">
      <alignment wrapText="1"/>
    </xf>
    <xf numFmtId="0" fontId="41" fillId="0" borderId="5" xfId="18" applyFont="1" applyBorder="1"/>
    <xf numFmtId="0" fontId="41" fillId="0" borderId="10" xfId="18" applyFont="1" applyBorder="1" applyAlignment="1">
      <alignment wrapText="1"/>
    </xf>
    <xf numFmtId="0" fontId="41" fillId="0" borderId="5" xfId="18" applyFont="1" applyBorder="1" applyAlignment="1">
      <alignment wrapText="1"/>
    </xf>
    <xf numFmtId="44" fontId="40" fillId="0" borderId="5" xfId="19" applyFont="1" applyFill="1" applyBorder="1" applyAlignment="1">
      <alignment wrapText="1"/>
    </xf>
    <xf numFmtId="44" fontId="42" fillId="28" borderId="5" xfId="19" applyFont="1" applyFill="1" applyBorder="1" applyAlignment="1">
      <alignment wrapText="1"/>
    </xf>
    <xf numFmtId="44" fontId="40" fillId="0" borderId="5" xfId="19" applyFont="1" applyFill="1" applyBorder="1"/>
    <xf numFmtId="44" fontId="40" fillId="0" borderId="5" xfId="19" applyFont="1" applyFill="1" applyBorder="1" applyAlignment="1">
      <alignment horizontal="center" vertical="center"/>
    </xf>
    <xf numFmtId="44" fontId="41" fillId="0" borderId="5" xfId="19" applyFont="1" applyFill="1" applyBorder="1" applyAlignment="1">
      <alignment wrapText="1"/>
    </xf>
    <xf numFmtId="44" fontId="40" fillId="0" borderId="5" xfId="18" applyNumberFormat="1" applyFont="1" applyBorder="1"/>
    <xf numFmtId="0" fontId="38" fillId="0" borderId="0" xfId="10" applyFont="1" applyAlignment="1">
      <alignment horizontal="center" vertical="center" wrapText="1"/>
    </xf>
    <xf numFmtId="0" fontId="38" fillId="0" borderId="0" xfId="10" applyFont="1" applyAlignment="1">
      <alignment horizontal="left" vertical="center" wrapText="1"/>
    </xf>
    <xf numFmtId="0" fontId="22" fillId="0" borderId="0" xfId="10" applyFont="1" applyAlignment="1">
      <alignment horizontal="left" vertical="center" wrapText="1"/>
    </xf>
    <xf numFmtId="0" fontId="28" fillId="0" borderId="0" xfId="10" applyFont="1" applyAlignment="1">
      <alignment horizontal="left" vertical="center" wrapText="1"/>
    </xf>
    <xf numFmtId="0" fontId="34" fillId="0" borderId="0" xfId="10" applyFont="1" applyAlignment="1">
      <alignment horizontal="left" vertical="center" wrapText="1"/>
    </xf>
    <xf numFmtId="0" fontId="34" fillId="11" borderId="0" xfId="10" applyFont="1" applyFill="1" applyAlignment="1">
      <alignment horizontal="left" vertical="center" wrapText="1"/>
    </xf>
    <xf numFmtId="165" fontId="34" fillId="0" borderId="0" xfId="10" applyNumberFormat="1" applyFont="1" applyAlignment="1" applyProtection="1">
      <alignment horizontal="left" vertical="center" wrapText="1"/>
      <protection hidden="1"/>
    </xf>
    <xf numFmtId="164" fontId="0" fillId="0" borderId="0" xfId="9" applyNumberFormat="1" applyFont="1" applyFill="1" applyBorder="1" applyAlignment="1">
      <alignment horizontal="left" vertical="center" wrapText="1"/>
    </xf>
    <xf numFmtId="0" fontId="34" fillId="0" borderId="0" xfId="10" applyFont="1" applyAlignment="1" applyProtection="1">
      <alignment horizontal="left" vertical="center" wrapText="1"/>
      <protection hidden="1"/>
    </xf>
    <xf numFmtId="0" fontId="20" fillId="0" borderId="0" xfId="0" applyFont="1"/>
    <xf numFmtId="0" fontId="47" fillId="0" borderId="0" xfId="10" applyFont="1" applyAlignment="1">
      <alignment horizontal="left" vertical="center"/>
    </xf>
    <xf numFmtId="0" fontId="34" fillId="0" borderId="0" xfId="0" applyFont="1"/>
    <xf numFmtId="165" fontId="0" fillId="0" borderId="5" xfId="9" applyNumberFormat="1" applyFont="1" applyFill="1" applyBorder="1" applyAlignment="1">
      <alignment horizontal="left" vertical="center" wrapText="1"/>
    </xf>
    <xf numFmtId="164" fontId="21" fillId="3" borderId="5" xfId="10" applyNumberFormat="1" applyFont="1" applyFill="1" applyBorder="1" applyAlignment="1" applyProtection="1">
      <alignment horizontal="left" vertical="center" wrapText="1"/>
      <protection hidden="1"/>
    </xf>
    <xf numFmtId="164" fontId="21" fillId="4" borderId="5" xfId="10" applyNumberFormat="1" applyFont="1" applyFill="1" applyBorder="1" applyAlignment="1" applyProtection="1">
      <alignment horizontal="left" vertical="center" wrapText="1"/>
      <protection hidden="1"/>
    </xf>
    <xf numFmtId="164" fontId="19" fillId="3" borderId="5" xfId="10" applyNumberFormat="1" applyFont="1" applyFill="1" applyBorder="1" applyAlignment="1" applyProtection="1">
      <alignment horizontal="left" vertical="center" wrapText="1"/>
      <protection hidden="1"/>
    </xf>
    <xf numFmtId="164" fontId="19" fillId="4" borderId="5" xfId="10" applyNumberFormat="1" applyFont="1" applyFill="1" applyBorder="1" applyAlignment="1" applyProtection="1">
      <alignment horizontal="left" vertical="center" wrapText="1"/>
      <protection hidden="1"/>
    </xf>
    <xf numFmtId="165" fontId="0" fillId="0" borderId="0" xfId="0" applyNumberFormat="1" applyAlignment="1">
      <alignment horizontal="left" vertical="center"/>
    </xf>
    <xf numFmtId="164" fontId="0" fillId="0" borderId="0" xfId="9" applyNumberFormat="1" applyFont="1" applyAlignment="1">
      <alignment horizontal="left" vertical="center" wrapText="1"/>
    </xf>
    <xf numFmtId="164" fontId="0" fillId="0" borderId="5" xfId="9" applyNumberFormat="1" applyFont="1" applyBorder="1" applyAlignment="1">
      <alignment horizontal="left" vertical="center" wrapText="1"/>
    </xf>
    <xf numFmtId="0" fontId="0" fillId="0" borderId="0" xfId="0" pivotButton="1"/>
    <xf numFmtId="0" fontId="0" fillId="0" borderId="0" xfId="0" applyAlignment="1">
      <alignment horizontal="left"/>
    </xf>
    <xf numFmtId="0" fontId="22" fillId="29" borderId="5" xfId="10" applyFont="1" applyFill="1" applyBorder="1" applyAlignment="1">
      <alignment horizontal="center" vertical="center" wrapText="1"/>
    </xf>
    <xf numFmtId="0" fontId="22" fillId="29" borderId="5" xfId="10" applyFont="1" applyFill="1" applyBorder="1" applyAlignment="1">
      <alignment horizontal="left" vertical="center" wrapText="1"/>
    </xf>
    <xf numFmtId="0" fontId="0" fillId="29" borderId="5" xfId="0" applyFill="1" applyBorder="1" applyAlignment="1">
      <alignment horizontal="left" vertical="center" wrapText="1"/>
    </xf>
    <xf numFmtId="165" fontId="0" fillId="29" borderId="5" xfId="0" applyNumberFormat="1" applyFill="1" applyBorder="1" applyAlignment="1">
      <alignment horizontal="left" vertical="center" wrapText="1"/>
    </xf>
    <xf numFmtId="165" fontId="34" fillId="29" borderId="5" xfId="10" applyNumberFormat="1" applyFont="1" applyFill="1" applyBorder="1" applyAlignment="1" applyProtection="1">
      <alignment horizontal="left" vertical="center" wrapText="1"/>
      <protection hidden="1"/>
    </xf>
    <xf numFmtId="164" fontId="34" fillId="29" borderId="5" xfId="10" applyNumberFormat="1" applyFont="1" applyFill="1" applyBorder="1" applyAlignment="1" applyProtection="1">
      <alignment horizontal="left" vertical="center" wrapText="1"/>
      <protection hidden="1"/>
    </xf>
    <xf numFmtId="0" fontId="34" fillId="29" borderId="5" xfId="10" applyFont="1" applyFill="1" applyBorder="1" applyAlignment="1" applyProtection="1">
      <alignment horizontal="left" vertical="center" wrapText="1"/>
      <protection hidden="1"/>
    </xf>
    <xf numFmtId="164" fontId="0" fillId="29" borderId="5" xfId="9" applyNumberFormat="1" applyFont="1" applyFill="1" applyBorder="1" applyAlignment="1">
      <alignment horizontal="left" vertical="center" wrapText="1"/>
    </xf>
    <xf numFmtId="0" fontId="0" fillId="29" borderId="5" xfId="0" applyFill="1" applyBorder="1" applyAlignment="1">
      <alignment horizontal="left" vertical="center"/>
    </xf>
    <xf numFmtId="0" fontId="34" fillId="29" borderId="5" xfId="10" applyFont="1" applyFill="1" applyBorder="1" applyAlignment="1">
      <alignment horizontal="left" vertical="center" wrapText="1"/>
    </xf>
    <xf numFmtId="0" fontId="23" fillId="29" borderId="0" xfId="10" applyFont="1" applyFill="1" applyAlignment="1">
      <alignment horizontal="left" vertical="center" wrapText="1"/>
    </xf>
    <xf numFmtId="0" fontId="28" fillId="29" borderId="5" xfId="10" applyFont="1" applyFill="1" applyBorder="1" applyAlignment="1">
      <alignment horizontal="left" vertical="center" wrapText="1"/>
    </xf>
    <xf numFmtId="0" fontId="34" fillId="29" borderId="5" xfId="0" applyFont="1" applyFill="1" applyBorder="1" applyAlignment="1">
      <alignment horizontal="left" vertical="center" wrapText="1"/>
    </xf>
    <xf numFmtId="164" fontId="0" fillId="29" borderId="5" xfId="0" applyNumberFormat="1" applyFill="1" applyBorder="1" applyAlignment="1">
      <alignment horizontal="left" vertical="center" wrapText="1"/>
    </xf>
    <xf numFmtId="0" fontId="0" fillId="29" borderId="0" xfId="0" applyFill="1" applyAlignment="1">
      <alignment wrapText="1"/>
    </xf>
    <xf numFmtId="0" fontId="34" fillId="29" borderId="5" xfId="11" applyFont="1" applyFill="1" applyBorder="1" applyAlignment="1">
      <alignment horizontal="left" vertical="center"/>
    </xf>
    <xf numFmtId="0" fontId="0" fillId="29" borderId="8" xfId="0" applyFill="1" applyBorder="1" applyAlignment="1">
      <alignment horizontal="left" vertical="center" wrapText="1"/>
    </xf>
    <xf numFmtId="165" fontId="34" fillId="29" borderId="5" xfId="0" applyNumberFormat="1" applyFont="1" applyFill="1" applyBorder="1" applyAlignment="1">
      <alignment horizontal="left" vertical="center"/>
    </xf>
    <xf numFmtId="0" fontId="18" fillId="29" borderId="5" xfId="18" applyFont="1" applyFill="1" applyBorder="1" applyAlignment="1">
      <alignment wrapText="1"/>
    </xf>
    <xf numFmtId="0" fontId="34" fillId="29" borderId="5" xfId="18" applyFont="1" applyFill="1" applyBorder="1" applyAlignment="1">
      <alignment wrapText="1"/>
    </xf>
    <xf numFmtId="165" fontId="18" fillId="29" borderId="5" xfId="19" applyNumberFormat="1" applyFont="1" applyFill="1" applyBorder="1" applyAlignment="1">
      <alignment horizontal="left" vertical="center" wrapText="1"/>
    </xf>
    <xf numFmtId="165" fontId="18" fillId="29" borderId="5" xfId="0" applyNumberFormat="1" applyFont="1" applyFill="1" applyBorder="1" applyAlignment="1">
      <alignment horizontal="left" vertical="center"/>
    </xf>
    <xf numFmtId="0" fontId="18" fillId="29" borderId="5" xfId="0" applyFont="1" applyFill="1" applyBorder="1"/>
    <xf numFmtId="0" fontId="0" fillId="29" borderId="5" xfId="10" applyFont="1" applyFill="1" applyBorder="1" applyAlignment="1">
      <alignment horizontal="left" vertical="center" wrapText="1"/>
    </xf>
    <xf numFmtId="0" fontId="0" fillId="29" borderId="0" xfId="0" applyFill="1"/>
    <xf numFmtId="0" fontId="18" fillId="29" borderId="5" xfId="18" applyFont="1" applyFill="1" applyBorder="1"/>
    <xf numFmtId="165" fontId="18" fillId="29" borderId="5" xfId="19" applyNumberFormat="1" applyFont="1" applyFill="1" applyBorder="1" applyAlignment="1">
      <alignment horizontal="left" vertical="center"/>
    </xf>
    <xf numFmtId="0" fontId="22" fillId="30" borderId="5" xfId="10" applyFont="1" applyFill="1" applyBorder="1" applyAlignment="1">
      <alignment horizontal="center" vertical="center" wrapText="1"/>
    </xf>
    <xf numFmtId="0" fontId="22" fillId="30" borderId="5" xfId="10" applyFont="1" applyFill="1" applyBorder="1" applyAlignment="1">
      <alignment horizontal="left" vertical="center" wrapText="1"/>
    </xf>
    <xf numFmtId="0" fontId="28" fillId="30" borderId="5" xfId="10" applyFont="1" applyFill="1" applyBorder="1" applyAlignment="1">
      <alignment horizontal="left" vertical="center" wrapText="1"/>
    </xf>
    <xf numFmtId="0" fontId="18" fillId="30" borderId="5" xfId="18" applyFont="1" applyFill="1" applyBorder="1" applyAlignment="1">
      <alignment wrapText="1"/>
    </xf>
    <xf numFmtId="0" fontId="34" fillId="30" borderId="5" xfId="18" applyFont="1" applyFill="1" applyBorder="1" applyAlignment="1">
      <alignment wrapText="1"/>
    </xf>
    <xf numFmtId="0" fontId="34" fillId="30" borderId="5" xfId="10" applyFont="1" applyFill="1" applyBorder="1" applyAlignment="1">
      <alignment horizontal="left" vertical="center" wrapText="1"/>
    </xf>
    <xf numFmtId="165" fontId="34" fillId="30" borderId="5" xfId="10" applyNumberFormat="1" applyFont="1" applyFill="1" applyBorder="1" applyAlignment="1" applyProtection="1">
      <alignment horizontal="left" vertical="center" wrapText="1"/>
      <protection hidden="1"/>
    </xf>
    <xf numFmtId="165" fontId="18" fillId="30" borderId="5" xfId="19" applyNumberFormat="1" applyFont="1" applyFill="1" applyBorder="1" applyAlignment="1">
      <alignment horizontal="left" vertical="center" wrapText="1"/>
    </xf>
    <xf numFmtId="165" fontId="18" fillId="30" borderId="5" xfId="0" applyNumberFormat="1" applyFont="1" applyFill="1" applyBorder="1" applyAlignment="1">
      <alignment horizontal="left" vertical="center"/>
    </xf>
    <xf numFmtId="0" fontId="18" fillId="30" borderId="5" xfId="0" applyFont="1" applyFill="1" applyBorder="1"/>
    <xf numFmtId="0" fontId="34" fillId="30" borderId="5" xfId="10" applyFont="1" applyFill="1" applyBorder="1" applyAlignment="1" applyProtection="1">
      <alignment horizontal="left" vertical="center" wrapText="1"/>
      <protection hidden="1"/>
    </xf>
    <xf numFmtId="164" fontId="0" fillId="30" borderId="5" xfId="9" applyNumberFormat="1" applyFont="1" applyFill="1" applyBorder="1" applyAlignment="1">
      <alignment horizontal="left" vertical="center" wrapText="1"/>
    </xf>
    <xf numFmtId="0" fontId="0" fillId="30" borderId="5" xfId="10" applyFont="1" applyFill="1" applyBorder="1" applyAlignment="1">
      <alignment horizontal="left" vertical="center" wrapText="1"/>
    </xf>
    <xf numFmtId="0" fontId="0" fillId="30" borderId="0" xfId="0" applyFill="1"/>
    <xf numFmtId="0" fontId="18" fillId="30" borderId="5" xfId="18" applyFont="1" applyFill="1" applyBorder="1"/>
    <xf numFmtId="165" fontId="18" fillId="30" borderId="5" xfId="19" applyNumberFormat="1" applyFont="1" applyFill="1" applyBorder="1" applyAlignment="1">
      <alignment horizontal="left" vertical="center"/>
    </xf>
    <xf numFmtId="0" fontId="0" fillId="30" borderId="5" xfId="0" applyFill="1" applyBorder="1" applyAlignment="1">
      <alignment horizontal="left" vertical="center"/>
    </xf>
    <xf numFmtId="0" fontId="22" fillId="31" borderId="5" xfId="10" applyFont="1" applyFill="1" applyBorder="1" applyAlignment="1">
      <alignment horizontal="center" vertical="center" wrapText="1"/>
    </xf>
    <xf numFmtId="0" fontId="22" fillId="31" borderId="5" xfId="10" applyFont="1" applyFill="1" applyBorder="1" applyAlignment="1">
      <alignment horizontal="left" vertical="center" wrapText="1"/>
    </xf>
    <xf numFmtId="0" fontId="0" fillId="31" borderId="5" xfId="0" applyFill="1" applyBorder="1" applyAlignment="1">
      <alignment horizontal="left" vertical="center" wrapText="1"/>
    </xf>
    <xf numFmtId="165" fontId="0" fillId="31" borderId="5" xfId="0" applyNumberFormat="1" applyFill="1" applyBorder="1" applyAlignment="1">
      <alignment horizontal="left" vertical="center" wrapText="1"/>
    </xf>
    <xf numFmtId="164" fontId="34" fillId="31" borderId="5" xfId="10" applyNumberFormat="1" applyFont="1" applyFill="1" applyBorder="1" applyAlignment="1" applyProtection="1">
      <alignment horizontal="left" vertical="center" wrapText="1"/>
      <protection hidden="1"/>
    </xf>
    <xf numFmtId="164" fontId="0" fillId="31" borderId="5" xfId="9" applyNumberFormat="1" applyFont="1" applyFill="1" applyBorder="1" applyAlignment="1">
      <alignment horizontal="left" vertical="center" wrapText="1"/>
    </xf>
    <xf numFmtId="0" fontId="34" fillId="31" borderId="5" xfId="10" applyFont="1" applyFill="1" applyBorder="1" applyAlignment="1" applyProtection="1">
      <alignment horizontal="left" vertical="center" wrapText="1"/>
      <protection hidden="1"/>
    </xf>
    <xf numFmtId="165" fontId="34" fillId="31" borderId="5" xfId="10" applyNumberFormat="1" applyFont="1" applyFill="1" applyBorder="1" applyAlignment="1" applyProtection="1">
      <alignment horizontal="left" vertical="center" wrapText="1"/>
      <protection hidden="1"/>
    </xf>
    <xf numFmtId="0" fontId="34" fillId="31" borderId="5" xfId="10" applyFont="1" applyFill="1" applyBorder="1" applyAlignment="1">
      <alignment horizontal="left" vertical="center" wrapText="1"/>
    </xf>
    <xf numFmtId="0" fontId="23" fillId="31" borderId="0" xfId="10" applyFont="1" applyFill="1" applyAlignment="1">
      <alignment horizontal="left" vertical="center" wrapText="1"/>
    </xf>
    <xf numFmtId="0" fontId="28" fillId="31" borderId="5" xfId="10" applyFont="1" applyFill="1" applyBorder="1" applyAlignment="1">
      <alignment horizontal="left" vertical="center" wrapText="1"/>
    </xf>
    <xf numFmtId="0" fontId="34" fillId="31" borderId="5" xfId="0" applyFont="1" applyFill="1" applyBorder="1" applyAlignment="1">
      <alignment horizontal="left" vertical="center" wrapText="1"/>
    </xf>
    <xf numFmtId="164" fontId="0" fillId="31" borderId="5" xfId="0" applyNumberFormat="1" applyFill="1" applyBorder="1" applyAlignment="1">
      <alignment horizontal="left" vertical="center" wrapText="1"/>
    </xf>
    <xf numFmtId="0" fontId="0" fillId="31" borderId="0" xfId="0" applyFill="1" applyAlignment="1">
      <alignment wrapText="1"/>
    </xf>
    <xf numFmtId="0" fontId="34" fillId="31" borderId="5" xfId="11" applyFont="1" applyFill="1" applyBorder="1" applyAlignment="1">
      <alignment horizontal="left" vertical="center"/>
    </xf>
    <xf numFmtId="0" fontId="34" fillId="29" borderId="5" xfId="18" applyFont="1" applyFill="1" applyBorder="1"/>
    <xf numFmtId="0" fontId="0" fillId="30" borderId="5" xfId="0" applyFill="1" applyBorder="1" applyAlignment="1">
      <alignment horizontal="left" vertical="center" wrapText="1"/>
    </xf>
    <xf numFmtId="165" fontId="0" fillId="30" borderId="5" xfId="0" applyNumberFormat="1" applyFill="1" applyBorder="1" applyAlignment="1">
      <alignment horizontal="left" vertical="center" wrapText="1"/>
    </xf>
    <xf numFmtId="164" fontId="34" fillId="30" borderId="5" xfId="10" applyNumberFormat="1" applyFont="1" applyFill="1" applyBorder="1" applyAlignment="1" applyProtection="1">
      <alignment horizontal="left" vertical="center" wrapText="1"/>
      <protection hidden="1"/>
    </xf>
    <xf numFmtId="0" fontId="23" fillId="30" borderId="0" xfId="10" applyFont="1" applyFill="1" applyAlignment="1">
      <alignment horizontal="left" vertical="center" wrapText="1"/>
    </xf>
    <xf numFmtId="0" fontId="34" fillId="30" borderId="5" xfId="0" applyFont="1" applyFill="1" applyBorder="1" applyAlignment="1">
      <alignment horizontal="left" vertical="center" wrapText="1"/>
    </xf>
    <xf numFmtId="164" fontId="0" fillId="30" borderId="5" xfId="0" applyNumberFormat="1" applyFill="1" applyBorder="1" applyAlignment="1">
      <alignment horizontal="left" vertical="center" wrapText="1"/>
    </xf>
    <xf numFmtId="0" fontId="0" fillId="30" borderId="0" xfId="0" applyFill="1" applyAlignment="1">
      <alignment wrapText="1"/>
    </xf>
    <xf numFmtId="0" fontId="34" fillId="30" borderId="5" xfId="11" applyFont="1" applyFill="1" applyBorder="1" applyAlignment="1">
      <alignment horizontal="left" vertical="center"/>
    </xf>
    <xf numFmtId="164" fontId="35" fillId="30" borderId="5" xfId="10" applyNumberFormat="1" applyFont="1" applyFill="1" applyBorder="1" applyAlignment="1" applyProtection="1">
      <alignment horizontal="left" vertical="center" wrapText="1"/>
      <protection hidden="1"/>
    </xf>
    <xf numFmtId="0" fontId="25" fillId="30" borderId="0" xfId="10" applyFont="1" applyFill="1" applyAlignment="1">
      <alignment horizontal="left" vertical="center" wrapText="1"/>
    </xf>
    <xf numFmtId="0" fontId="0" fillId="29" borderId="0" xfId="0" applyFill="1" applyAlignment="1">
      <alignment horizontal="left" vertical="center" wrapText="1"/>
    </xf>
    <xf numFmtId="0" fontId="0" fillId="31" borderId="0" xfId="0" applyFill="1" applyAlignment="1">
      <alignment horizontal="left" vertical="center" wrapText="1"/>
    </xf>
    <xf numFmtId="164" fontId="35" fillId="29" borderId="5" xfId="10" applyNumberFormat="1" applyFont="1" applyFill="1" applyBorder="1" applyAlignment="1" applyProtection="1">
      <alignment horizontal="left" vertical="center" wrapText="1"/>
      <protection hidden="1"/>
    </xf>
    <xf numFmtId="0" fontId="25" fillId="29" borderId="0" xfId="10" applyFont="1" applyFill="1" applyAlignment="1">
      <alignment horizontal="left" vertical="center" wrapText="1"/>
    </xf>
    <xf numFmtId="0" fontId="22" fillId="25" borderId="5" xfId="10" applyFont="1" applyFill="1" applyBorder="1" applyAlignment="1">
      <alignment horizontal="center" vertical="center" wrapText="1"/>
    </xf>
    <xf numFmtId="0" fontId="22" fillId="25" borderId="5" xfId="10" applyFont="1" applyFill="1" applyBorder="1" applyAlignment="1">
      <alignment horizontal="left" vertical="center" wrapText="1"/>
    </xf>
    <xf numFmtId="0" fontId="28" fillId="25" borderId="5" xfId="10" applyFont="1" applyFill="1" applyBorder="1" applyAlignment="1">
      <alignment horizontal="left" vertical="center" wrapText="1"/>
    </xf>
    <xf numFmtId="0" fontId="18" fillId="25" borderId="5" xfId="18" applyFont="1" applyFill="1" applyBorder="1" applyAlignment="1">
      <alignment wrapText="1"/>
    </xf>
    <xf numFmtId="0" fontId="34" fillId="25" borderId="5" xfId="10" applyFont="1" applyFill="1" applyBorder="1" applyAlignment="1">
      <alignment horizontal="left" vertical="center" wrapText="1"/>
    </xf>
    <xf numFmtId="0" fontId="18" fillId="25" borderId="5" xfId="18" applyFont="1" applyFill="1" applyBorder="1"/>
    <xf numFmtId="165" fontId="0" fillId="25" borderId="5" xfId="0" applyNumberFormat="1" applyFill="1" applyBorder="1" applyAlignment="1">
      <alignment horizontal="left" vertical="center"/>
    </xf>
    <xf numFmtId="0" fontId="0" fillId="25" borderId="5" xfId="0" applyFill="1" applyBorder="1" applyAlignment="1">
      <alignment vertical="center" wrapText="1"/>
    </xf>
    <xf numFmtId="0" fontId="0" fillId="25" borderId="5" xfId="0" applyFill="1" applyBorder="1" applyAlignment="1">
      <alignment vertical="center"/>
    </xf>
    <xf numFmtId="0" fontId="0" fillId="25" borderId="5" xfId="0" applyFill="1" applyBorder="1"/>
    <xf numFmtId="0" fontId="34" fillId="25" borderId="5" xfId="10" applyFont="1" applyFill="1" applyBorder="1" applyAlignment="1" applyProtection="1">
      <alignment horizontal="left" vertical="center" wrapText="1"/>
      <protection hidden="1"/>
    </xf>
    <xf numFmtId="164" fontId="0" fillId="25" borderId="5" xfId="9" applyNumberFormat="1" applyFont="1" applyFill="1" applyBorder="1" applyAlignment="1">
      <alignment horizontal="left" vertical="center" wrapText="1"/>
    </xf>
    <xf numFmtId="0" fontId="0" fillId="25" borderId="0" xfId="0" applyFill="1"/>
    <xf numFmtId="0" fontId="34" fillId="29" borderId="10" xfId="18" applyFont="1" applyFill="1" applyBorder="1" applyAlignment="1">
      <alignment wrapText="1"/>
    </xf>
    <xf numFmtId="0" fontId="18" fillId="31" borderId="5" xfId="18" applyFont="1" applyFill="1" applyBorder="1"/>
    <xf numFmtId="0" fontId="18" fillId="31" borderId="5" xfId="18" applyFont="1" applyFill="1" applyBorder="1" applyAlignment="1">
      <alignment wrapText="1"/>
    </xf>
    <xf numFmtId="165" fontId="18" fillId="31" borderId="5" xfId="19" applyNumberFormat="1" applyFont="1" applyFill="1" applyBorder="1" applyAlignment="1">
      <alignment horizontal="left" vertical="center" wrapText="1"/>
    </xf>
    <xf numFmtId="165" fontId="18" fillId="31" borderId="5" xfId="0" applyNumberFormat="1" applyFont="1" applyFill="1" applyBorder="1" applyAlignment="1">
      <alignment horizontal="left" vertical="center"/>
    </xf>
    <xf numFmtId="0" fontId="18" fillId="31" borderId="5" xfId="0" applyFont="1" applyFill="1" applyBorder="1"/>
    <xf numFmtId="0" fontId="0" fillId="31" borderId="5" xfId="10" applyFont="1" applyFill="1" applyBorder="1" applyAlignment="1">
      <alignment horizontal="left" vertical="center" wrapText="1"/>
    </xf>
    <xf numFmtId="0" fontId="0" fillId="31" borderId="0" xfId="0" applyFill="1"/>
    <xf numFmtId="0" fontId="0" fillId="29" borderId="5" xfId="0" applyFill="1" applyBorder="1" applyAlignment="1">
      <alignment vertical="center" wrapText="1"/>
    </xf>
    <xf numFmtId="0" fontId="34" fillId="29" borderId="8" xfId="10" applyFont="1" applyFill="1" applyBorder="1" applyAlignment="1">
      <alignment horizontal="left" vertical="center" wrapText="1"/>
    </xf>
    <xf numFmtId="0" fontId="18" fillId="29" borderId="6" xfId="18" applyFont="1" applyFill="1" applyBorder="1"/>
    <xf numFmtId="0" fontId="18" fillId="29" borderId="5" xfId="18" applyFont="1" applyFill="1" applyBorder="1" applyAlignment="1">
      <alignment vertical="center" wrapText="1"/>
    </xf>
    <xf numFmtId="0" fontId="36" fillId="29" borderId="5" xfId="0" applyFont="1" applyFill="1" applyBorder="1" applyAlignment="1">
      <alignment vertical="center" wrapText="1"/>
    </xf>
    <xf numFmtId="0" fontId="18" fillId="29" borderId="5" xfId="18" applyFont="1" applyFill="1" applyBorder="1" applyAlignment="1">
      <alignment vertical="center"/>
    </xf>
    <xf numFmtId="165" fontId="0" fillId="29" borderId="5" xfId="0" applyNumberFormat="1" applyFill="1" applyBorder="1" applyAlignment="1">
      <alignment horizontal="left" vertical="center"/>
    </xf>
    <xf numFmtId="0" fontId="0" fillId="29" borderId="5" xfId="0" applyFill="1" applyBorder="1" applyAlignment="1">
      <alignment vertical="center"/>
    </xf>
    <xf numFmtId="0" fontId="0" fillId="29" borderId="0" xfId="0" applyFill="1" applyAlignment="1">
      <alignment vertical="center"/>
    </xf>
    <xf numFmtId="0" fontId="0" fillId="25" borderId="5" xfId="0" applyFill="1" applyBorder="1" applyAlignment="1">
      <alignment horizontal="left" vertical="center" wrapText="1"/>
    </xf>
    <xf numFmtId="0" fontId="34" fillId="25" borderId="5" xfId="0" applyFont="1" applyFill="1" applyBorder="1" applyAlignment="1">
      <alignment horizontal="left" vertical="center" wrapText="1"/>
    </xf>
    <xf numFmtId="165" fontId="0" fillId="25" borderId="5" xfId="0" applyNumberFormat="1" applyFill="1" applyBorder="1" applyAlignment="1">
      <alignment horizontal="left" vertical="center" wrapText="1"/>
    </xf>
    <xf numFmtId="0" fontId="0" fillId="25" borderId="0" xfId="0" applyFill="1" applyAlignment="1">
      <alignment wrapText="1"/>
    </xf>
    <xf numFmtId="164" fontId="0" fillId="25" borderId="5" xfId="0" applyNumberFormat="1" applyFill="1" applyBorder="1" applyAlignment="1">
      <alignment horizontal="left" vertical="center" wrapText="1"/>
    </xf>
    <xf numFmtId="0" fontId="0" fillId="31" borderId="5" xfId="0" applyFill="1" applyBorder="1" applyAlignment="1">
      <alignment horizontal="left" vertical="center"/>
    </xf>
    <xf numFmtId="0" fontId="22" fillId="13" borderId="5" xfId="10" applyFont="1" applyFill="1" applyBorder="1" applyAlignment="1">
      <alignment horizontal="center" vertical="center" wrapText="1"/>
    </xf>
    <xf numFmtId="0" fontId="22" fillId="13" borderId="5" xfId="10" applyFont="1" applyFill="1" applyBorder="1" applyAlignment="1">
      <alignment horizontal="left" vertical="center" wrapText="1"/>
    </xf>
    <xf numFmtId="0" fontId="0" fillId="13" borderId="5" xfId="0" applyFill="1" applyBorder="1" applyAlignment="1">
      <alignment horizontal="left" vertical="center" wrapText="1"/>
    </xf>
    <xf numFmtId="165" fontId="0" fillId="13" borderId="5" xfId="0" applyNumberFormat="1" applyFill="1" applyBorder="1" applyAlignment="1">
      <alignment horizontal="left" vertical="center" wrapText="1"/>
    </xf>
    <xf numFmtId="0" fontId="0" fillId="13" borderId="5" xfId="0" applyFill="1" applyBorder="1" applyAlignment="1">
      <alignment horizontal="left" vertical="center"/>
    </xf>
    <xf numFmtId="164" fontId="0" fillId="13" borderId="5" xfId="9" applyNumberFormat="1" applyFont="1" applyFill="1" applyBorder="1" applyAlignment="1">
      <alignment horizontal="left" vertical="center" wrapText="1"/>
    </xf>
    <xf numFmtId="164" fontId="34" fillId="13" borderId="5" xfId="10" applyNumberFormat="1" applyFont="1" applyFill="1" applyBorder="1" applyAlignment="1" applyProtection="1">
      <alignment horizontal="left" vertical="center" wrapText="1"/>
      <protection hidden="1"/>
    </xf>
    <xf numFmtId="0" fontId="34" fillId="13" borderId="5" xfId="10" applyFont="1" applyFill="1" applyBorder="1" applyAlignment="1" applyProtection="1">
      <alignment horizontal="left" vertical="center" wrapText="1"/>
      <protection hidden="1"/>
    </xf>
    <xf numFmtId="165" fontId="34" fillId="13" borderId="5" xfId="10" applyNumberFormat="1" applyFont="1" applyFill="1" applyBorder="1" applyAlignment="1" applyProtection="1">
      <alignment horizontal="left" vertical="center" wrapText="1"/>
      <protection hidden="1"/>
    </xf>
    <xf numFmtId="0" fontId="34" fillId="13" borderId="5" xfId="10" applyFont="1" applyFill="1" applyBorder="1" applyAlignment="1">
      <alignment horizontal="left" vertical="center" wrapText="1"/>
    </xf>
    <xf numFmtId="0" fontId="23" fillId="13" borderId="0" xfId="10" applyFont="1" applyFill="1" applyAlignment="1">
      <alignment horizontal="left" vertical="center" wrapText="1"/>
    </xf>
    <xf numFmtId="164" fontId="34" fillId="31" borderId="5" xfId="10" applyNumberFormat="1" applyFont="1" applyFill="1" applyBorder="1" applyAlignment="1">
      <alignment horizontal="left" vertical="center" wrapText="1"/>
    </xf>
    <xf numFmtId="0" fontId="31" fillId="31" borderId="0" xfId="10" applyFont="1" applyFill="1" applyAlignment="1">
      <alignment horizontal="left" vertical="center" wrapText="1"/>
    </xf>
    <xf numFmtId="0" fontId="0" fillId="13" borderId="5" xfId="0" applyFill="1" applyBorder="1" applyAlignment="1">
      <alignment vertical="center" wrapText="1"/>
    </xf>
    <xf numFmtId="0" fontId="0" fillId="13" borderId="0" xfId="0" applyFill="1" applyAlignment="1">
      <alignment vertical="center"/>
    </xf>
    <xf numFmtId="0" fontId="28" fillId="13" borderId="5" xfId="10" applyFont="1" applyFill="1" applyBorder="1" applyAlignment="1">
      <alignment horizontal="left" vertical="center" wrapText="1"/>
    </xf>
    <xf numFmtId="0" fontId="36" fillId="13" borderId="5" xfId="10" applyFont="1" applyFill="1" applyBorder="1" applyAlignment="1">
      <alignment horizontal="left" vertical="center" wrapText="1"/>
    </xf>
    <xf numFmtId="0" fontId="18" fillId="13" borderId="5" xfId="0" applyFont="1" applyFill="1" applyBorder="1" applyAlignment="1">
      <alignment wrapText="1"/>
    </xf>
    <xf numFmtId="0" fontId="0" fillId="13" borderId="5" xfId="10" applyFont="1" applyFill="1" applyBorder="1" applyAlignment="1">
      <alignment horizontal="left" vertical="center" wrapText="1"/>
    </xf>
    <xf numFmtId="0" fontId="0" fillId="13" borderId="0" xfId="0" applyFill="1"/>
    <xf numFmtId="0" fontId="34" fillId="31" borderId="8" xfId="10" applyFont="1" applyFill="1" applyBorder="1" applyAlignment="1">
      <alignment horizontal="left" vertical="center" wrapText="1"/>
    </xf>
    <xf numFmtId="0" fontId="18" fillId="31" borderId="5" xfId="0" applyFont="1" applyFill="1" applyBorder="1" applyAlignment="1">
      <alignment wrapText="1"/>
    </xf>
    <xf numFmtId="165" fontId="18" fillId="31" borderId="5" xfId="18" applyNumberFormat="1" applyFont="1" applyFill="1" applyBorder="1" applyAlignment="1">
      <alignment horizontal="left" vertical="center"/>
    </xf>
    <xf numFmtId="165" fontId="34" fillId="31" borderId="5" xfId="19" applyNumberFormat="1" applyFont="1" applyFill="1" applyBorder="1" applyAlignment="1">
      <alignment horizontal="left" vertical="center" wrapText="1"/>
    </xf>
    <xf numFmtId="0" fontId="34" fillId="31" borderId="5" xfId="18" applyFont="1" applyFill="1" applyBorder="1" applyAlignment="1">
      <alignment wrapText="1"/>
    </xf>
    <xf numFmtId="0" fontId="34" fillId="31" borderId="5" xfId="18" applyFont="1" applyFill="1" applyBorder="1"/>
    <xf numFmtId="165" fontId="18" fillId="31" borderId="5" xfId="19" applyNumberFormat="1" applyFont="1" applyFill="1" applyBorder="1" applyAlignment="1">
      <alignment horizontal="left" vertical="center"/>
    </xf>
    <xf numFmtId="0" fontId="18" fillId="31" borderId="6" xfId="18" applyFont="1" applyFill="1" applyBorder="1" applyAlignment="1">
      <alignment wrapText="1"/>
    </xf>
    <xf numFmtId="0" fontId="18" fillId="31" borderId="6" xfId="18" applyFont="1" applyFill="1" applyBorder="1"/>
    <xf numFmtId="0" fontId="34" fillId="31" borderId="6" xfId="10" applyFont="1" applyFill="1" applyBorder="1" applyAlignment="1">
      <alignment horizontal="left" vertical="center" wrapText="1"/>
    </xf>
    <xf numFmtId="165" fontId="18" fillId="31" borderId="6" xfId="19" applyNumberFormat="1" applyFont="1" applyFill="1" applyBorder="1" applyAlignment="1">
      <alignment horizontal="left" vertical="center"/>
    </xf>
    <xf numFmtId="165" fontId="18" fillId="31" borderId="6" xfId="0" applyNumberFormat="1" applyFont="1" applyFill="1" applyBorder="1" applyAlignment="1">
      <alignment horizontal="left" vertical="center"/>
    </xf>
    <xf numFmtId="0" fontId="18" fillId="31" borderId="6" xfId="0" applyFont="1" applyFill="1" applyBorder="1" applyAlignment="1">
      <alignment wrapText="1"/>
    </xf>
    <xf numFmtId="165" fontId="34" fillId="31" borderId="6" xfId="10" applyNumberFormat="1" applyFont="1" applyFill="1" applyBorder="1" applyAlignment="1" applyProtection="1">
      <alignment horizontal="left" vertical="center" wrapText="1"/>
      <protection hidden="1"/>
    </xf>
    <xf numFmtId="164" fontId="0" fillId="31" borderId="6" xfId="9" applyNumberFormat="1" applyFont="1" applyFill="1" applyBorder="1" applyAlignment="1">
      <alignment horizontal="left" vertical="center" wrapText="1"/>
    </xf>
    <xf numFmtId="0" fontId="0" fillId="31" borderId="6" xfId="0" applyFill="1" applyBorder="1" applyAlignment="1">
      <alignment horizontal="left" vertical="center"/>
    </xf>
    <xf numFmtId="0" fontId="18" fillId="13" borderId="5" xfId="18" applyFont="1" applyFill="1" applyBorder="1" applyAlignment="1">
      <alignment wrapText="1"/>
    </xf>
    <xf numFmtId="165" fontId="0" fillId="13" borderId="5" xfId="0" applyNumberFormat="1" applyFill="1" applyBorder="1" applyAlignment="1">
      <alignment horizontal="left" vertical="center"/>
    </xf>
    <xf numFmtId="0" fontId="22" fillId="10" borderId="5" xfId="10" applyFont="1" applyFill="1" applyBorder="1" applyAlignment="1">
      <alignment horizontal="center" vertical="center" wrapText="1"/>
    </xf>
    <xf numFmtId="0" fontId="0" fillId="10" borderId="5" xfId="0" applyFill="1" applyBorder="1" applyAlignment="1">
      <alignment horizontal="left" vertical="center" wrapText="1"/>
    </xf>
    <xf numFmtId="165" fontId="0" fillId="10" borderId="5" xfId="0" applyNumberFormat="1" applyFill="1" applyBorder="1" applyAlignment="1">
      <alignment horizontal="left" vertical="center" wrapText="1"/>
    </xf>
    <xf numFmtId="0" fontId="0" fillId="10" borderId="5" xfId="0" applyFill="1" applyBorder="1" applyAlignment="1">
      <alignment horizontal="left" vertical="center"/>
    </xf>
    <xf numFmtId="164" fontId="34" fillId="10" borderId="5" xfId="10" applyNumberFormat="1" applyFont="1" applyFill="1" applyBorder="1" applyAlignment="1" applyProtection="1">
      <alignment horizontal="left" vertical="center" wrapText="1"/>
      <protection hidden="1"/>
    </xf>
    <xf numFmtId="164" fontId="0" fillId="10" borderId="5" xfId="9" applyNumberFormat="1" applyFont="1" applyFill="1" applyBorder="1" applyAlignment="1">
      <alignment horizontal="left" vertical="center" wrapText="1"/>
    </xf>
    <xf numFmtId="0" fontId="34" fillId="10" borderId="5" xfId="10" applyFont="1" applyFill="1" applyBorder="1" applyAlignment="1" applyProtection="1">
      <alignment horizontal="left" vertical="center" wrapText="1"/>
      <protection hidden="1"/>
    </xf>
    <xf numFmtId="165" fontId="34" fillId="10" borderId="5" xfId="10" applyNumberFormat="1" applyFont="1" applyFill="1" applyBorder="1" applyAlignment="1" applyProtection="1">
      <alignment horizontal="left" vertical="center" wrapText="1"/>
      <protection hidden="1"/>
    </xf>
    <xf numFmtId="0" fontId="34" fillId="10" borderId="5" xfId="10" applyFont="1" applyFill="1" applyBorder="1" applyAlignment="1">
      <alignment horizontal="left" vertical="center" wrapText="1"/>
    </xf>
    <xf numFmtId="0" fontId="23" fillId="10" borderId="0" xfId="10" applyFont="1" applyFill="1" applyAlignment="1">
      <alignment horizontal="left" vertical="center" wrapText="1"/>
    </xf>
    <xf numFmtId="164" fontId="35" fillId="10" borderId="5" xfId="10" applyNumberFormat="1" applyFont="1" applyFill="1" applyBorder="1" applyAlignment="1" applyProtection="1">
      <alignment horizontal="left" vertical="center" wrapText="1"/>
      <protection hidden="1"/>
    </xf>
    <xf numFmtId="0" fontId="25" fillId="10" borderId="0" xfId="10" applyFont="1" applyFill="1" applyAlignment="1">
      <alignment horizontal="left" vertical="center" wrapText="1"/>
    </xf>
    <xf numFmtId="164" fontId="34" fillId="10" borderId="5" xfId="10" applyNumberFormat="1" applyFont="1" applyFill="1" applyBorder="1" applyAlignment="1">
      <alignment horizontal="left" vertical="center" wrapText="1"/>
    </xf>
    <xf numFmtId="0" fontId="31" fillId="10" borderId="0" xfId="10" applyFont="1" applyFill="1" applyAlignment="1">
      <alignment horizontal="left" vertical="center" wrapText="1"/>
    </xf>
    <xf numFmtId="0" fontId="34" fillId="10" borderId="5" xfId="0" applyFont="1" applyFill="1" applyBorder="1" applyAlignment="1">
      <alignment horizontal="left" vertical="center" wrapText="1"/>
    </xf>
    <xf numFmtId="164" fontId="0" fillId="10" borderId="5" xfId="0" applyNumberFormat="1" applyFill="1" applyBorder="1" applyAlignment="1">
      <alignment horizontal="left" vertical="center" wrapText="1"/>
    </xf>
    <xf numFmtId="0" fontId="0" fillId="10" borderId="0" xfId="0" applyFill="1" applyAlignment="1">
      <alignment wrapText="1"/>
    </xf>
    <xf numFmtId="0" fontId="0" fillId="10" borderId="5" xfId="0" applyFill="1" applyBorder="1" applyAlignment="1">
      <alignment wrapText="1"/>
    </xf>
    <xf numFmtId="165" fontId="0" fillId="10" borderId="5" xfId="9" applyNumberFormat="1" applyFont="1" applyFill="1" applyBorder="1" applyAlignment="1">
      <alignment horizontal="left" vertical="center" wrapText="1"/>
    </xf>
    <xf numFmtId="0" fontId="0" fillId="10" borderId="5" xfId="10" applyFont="1" applyFill="1" applyBorder="1" applyAlignment="1">
      <alignment horizontal="left" vertical="center" wrapText="1"/>
    </xf>
    <xf numFmtId="0" fontId="0" fillId="10" borderId="0" xfId="0" applyFill="1"/>
    <xf numFmtId="0" fontId="36" fillId="10" borderId="9" xfId="0" applyFont="1" applyFill="1" applyBorder="1" applyAlignment="1">
      <alignment horizontal="left" vertical="center" wrapText="1"/>
    </xf>
    <xf numFmtId="0" fontId="36" fillId="10" borderId="5" xfId="0" applyFont="1" applyFill="1" applyBorder="1" applyAlignment="1">
      <alignment horizontal="left" vertical="center" wrapText="1"/>
    </xf>
    <xf numFmtId="0" fontId="36" fillId="10" borderId="5" xfId="10" applyFont="1" applyFill="1" applyBorder="1" applyAlignment="1">
      <alignment horizontal="left" vertical="center" wrapText="1"/>
    </xf>
    <xf numFmtId="0" fontId="36" fillId="25" borderId="5" xfId="0" applyFont="1" applyFill="1" applyBorder="1" applyAlignment="1">
      <alignment horizontal="left" vertical="center" wrapText="1"/>
    </xf>
    <xf numFmtId="0" fontId="18" fillId="29" borderId="5" xfId="0" applyFont="1" applyFill="1" applyBorder="1" applyAlignment="1">
      <alignment horizontal="left" vertical="center" wrapText="1"/>
    </xf>
    <xf numFmtId="0" fontId="18" fillId="30" borderId="5" xfId="0" applyFont="1" applyFill="1" applyBorder="1" applyAlignment="1">
      <alignment horizontal="left" vertical="center" wrapText="1"/>
    </xf>
    <xf numFmtId="0" fontId="18" fillId="31" borderId="5" xfId="0" applyFont="1" applyFill="1" applyBorder="1" applyAlignment="1">
      <alignment horizontal="left" vertical="center" wrapText="1"/>
    </xf>
    <xf numFmtId="165" fontId="18" fillId="31" borderId="5" xfId="0" applyNumberFormat="1" applyFont="1" applyFill="1" applyBorder="1" applyAlignment="1">
      <alignment horizontal="left" vertical="center" wrapText="1"/>
    </xf>
    <xf numFmtId="164" fontId="18" fillId="31" borderId="5" xfId="9" applyNumberFormat="1" applyFont="1" applyFill="1" applyBorder="1" applyAlignment="1">
      <alignment horizontal="left" vertical="center" wrapText="1"/>
    </xf>
    <xf numFmtId="165" fontId="18" fillId="13" borderId="5" xfId="0" applyNumberFormat="1" applyFont="1" applyFill="1" applyBorder="1" applyAlignment="1">
      <alignment horizontal="left" vertical="center" wrapText="1"/>
    </xf>
    <xf numFmtId="164" fontId="18" fillId="13" borderId="5" xfId="9" applyNumberFormat="1" applyFont="1" applyFill="1" applyBorder="1" applyAlignment="1">
      <alignment horizontal="left" vertical="center" wrapText="1"/>
    </xf>
    <xf numFmtId="0" fontId="18" fillId="25" borderId="5" xfId="0" applyFont="1" applyFill="1" applyBorder="1" applyAlignment="1">
      <alignment horizontal="left" vertical="center" wrapText="1"/>
    </xf>
    <xf numFmtId="165" fontId="18" fillId="25" borderId="5" xfId="0" applyNumberFormat="1" applyFont="1" applyFill="1" applyBorder="1" applyAlignment="1">
      <alignment horizontal="left" vertical="center" wrapText="1"/>
    </xf>
    <xf numFmtId="164" fontId="18" fillId="25" borderId="5" xfId="9" applyNumberFormat="1" applyFont="1" applyFill="1" applyBorder="1" applyAlignment="1">
      <alignment horizontal="left" vertical="center" wrapText="1"/>
    </xf>
    <xf numFmtId="0" fontId="18" fillId="25" borderId="0" xfId="0" applyFont="1" applyFill="1" applyAlignment="1">
      <alignment wrapText="1"/>
    </xf>
    <xf numFmtId="164" fontId="18" fillId="25" borderId="5" xfId="0" applyNumberFormat="1" applyFont="1" applyFill="1" applyBorder="1" applyAlignment="1">
      <alignment horizontal="left" vertical="center" wrapText="1"/>
    </xf>
    <xf numFmtId="0" fontId="18" fillId="13" borderId="5" xfId="10" applyFont="1" applyFill="1" applyBorder="1" applyAlignment="1">
      <alignment horizontal="left" vertical="center" wrapText="1"/>
    </xf>
    <xf numFmtId="0" fontId="18" fillId="31" borderId="0" xfId="0" applyFont="1" applyFill="1"/>
    <xf numFmtId="0" fontId="18" fillId="29" borderId="0" xfId="0" applyFont="1" applyFill="1"/>
    <xf numFmtId="165" fontId="18" fillId="25" borderId="5" xfId="0" applyNumberFormat="1" applyFont="1" applyFill="1" applyBorder="1" applyAlignment="1">
      <alignment horizontal="left" vertical="center"/>
    </xf>
    <xf numFmtId="0" fontId="18" fillId="25" borderId="5" xfId="0" applyFont="1" applyFill="1" applyBorder="1" applyAlignment="1">
      <alignment vertical="center" wrapText="1"/>
    </xf>
    <xf numFmtId="0" fontId="18" fillId="25" borderId="5" xfId="0" applyFont="1" applyFill="1" applyBorder="1" applyAlignment="1">
      <alignment vertical="center"/>
    </xf>
    <xf numFmtId="0" fontId="18" fillId="25" borderId="5" xfId="0" applyFont="1" applyFill="1" applyBorder="1"/>
    <xf numFmtId="0" fontId="38" fillId="29" borderId="5" xfId="20" applyFont="1" applyFill="1" applyBorder="1" applyAlignment="1">
      <alignment horizontal="center" vertical="center" wrapText="1"/>
    </xf>
    <xf numFmtId="0" fontId="38" fillId="30" borderId="5" xfId="20" applyFont="1" applyFill="1" applyBorder="1" applyAlignment="1">
      <alignment horizontal="center" vertical="center" wrapText="1"/>
    </xf>
    <xf numFmtId="0" fontId="38" fillId="31" borderId="5" xfId="20" applyFont="1" applyFill="1" applyBorder="1" applyAlignment="1">
      <alignment horizontal="center" vertical="center" wrapText="1"/>
    </xf>
    <xf numFmtId="0" fontId="38" fillId="25" borderId="5" xfId="20" applyFont="1" applyFill="1" applyBorder="1" applyAlignment="1">
      <alignment horizontal="center" vertical="center" wrapText="1"/>
    </xf>
    <xf numFmtId="0" fontId="34" fillId="29" borderId="5" xfId="20" applyFont="1" applyFill="1" applyBorder="1" applyAlignment="1">
      <alignment horizontal="left" vertical="center" wrapText="1"/>
    </xf>
    <xf numFmtId="0" fontId="34" fillId="31" borderId="5" xfId="20" applyFont="1" applyFill="1" applyBorder="1" applyAlignment="1">
      <alignment horizontal="left" vertical="center" wrapText="1"/>
    </xf>
    <xf numFmtId="0" fontId="34" fillId="25" borderId="5" xfId="20" applyFont="1" applyFill="1" applyBorder="1" applyAlignment="1">
      <alignment horizontal="left" vertical="center" wrapText="1"/>
    </xf>
    <xf numFmtId="0" fontId="18" fillId="25" borderId="5" xfId="20" applyFont="1" applyFill="1" applyBorder="1" applyAlignment="1">
      <alignment vertical="center" wrapText="1"/>
    </xf>
    <xf numFmtId="0" fontId="18" fillId="0" borderId="0" xfId="0" applyFont="1" applyAlignment="1">
      <alignment wrapText="1"/>
    </xf>
    <xf numFmtId="165" fontId="18" fillId="0" borderId="0" xfId="0" applyNumberFormat="1" applyFont="1" applyAlignment="1">
      <alignment horizontal="left" vertical="center"/>
    </xf>
    <xf numFmtId="0" fontId="18" fillId="20" borderId="0" xfId="0" applyFont="1" applyFill="1"/>
    <xf numFmtId="164" fontId="39" fillId="3" borderId="5" xfId="10" applyNumberFormat="1" applyFont="1" applyFill="1" applyBorder="1" applyAlignment="1" applyProtection="1">
      <alignment horizontal="left" vertical="center" wrapText="1"/>
      <protection hidden="1"/>
    </xf>
    <xf numFmtId="164" fontId="39" fillId="4" borderId="5" xfId="10" applyNumberFormat="1" applyFont="1" applyFill="1" applyBorder="1" applyAlignment="1" applyProtection="1">
      <alignment horizontal="left" vertical="center" wrapText="1"/>
      <protection hidden="1"/>
    </xf>
    <xf numFmtId="3" fontId="39" fillId="6" borderId="5" xfId="10" applyNumberFormat="1" applyFont="1" applyFill="1" applyBorder="1" applyAlignment="1">
      <alignment horizontal="center" vertical="center" wrapText="1"/>
    </xf>
    <xf numFmtId="0" fontId="39" fillId="7" borderId="5" xfId="10" applyFont="1" applyFill="1" applyBorder="1" applyAlignment="1">
      <alignment horizontal="center" vertical="center" wrapText="1"/>
    </xf>
    <xf numFmtId="3" fontId="39" fillId="8" borderId="5" xfId="10" applyNumberFormat="1" applyFont="1" applyFill="1" applyBorder="1" applyAlignment="1">
      <alignment vertical="center" wrapText="1"/>
    </xf>
    <xf numFmtId="0" fontId="39" fillId="21" borderId="5" xfId="10" applyFont="1" applyFill="1" applyBorder="1" applyAlignment="1">
      <alignment vertical="center" wrapText="1"/>
    </xf>
    <xf numFmtId="0" fontId="39" fillId="23" borderId="5" xfId="10" applyFont="1" applyFill="1" applyBorder="1" applyAlignment="1">
      <alignment vertical="center" wrapText="1"/>
    </xf>
    <xf numFmtId="0" fontId="38" fillId="31" borderId="5" xfId="10" applyFont="1" applyFill="1" applyBorder="1" applyAlignment="1">
      <alignment horizontal="center" vertical="center" wrapText="1"/>
    </xf>
    <xf numFmtId="0" fontId="38" fillId="31" borderId="5" xfId="10" applyFont="1" applyFill="1" applyBorder="1" applyAlignment="1">
      <alignment horizontal="left" vertical="center" wrapText="1"/>
    </xf>
    <xf numFmtId="0" fontId="38" fillId="13" borderId="5" xfId="10" applyFont="1" applyFill="1" applyBorder="1" applyAlignment="1">
      <alignment horizontal="center" vertical="center" wrapText="1"/>
    </xf>
    <xf numFmtId="0" fontId="38" fillId="13" borderId="5" xfId="10" applyFont="1" applyFill="1" applyBorder="1" applyAlignment="1">
      <alignment horizontal="left" vertical="center" wrapText="1"/>
    </xf>
    <xf numFmtId="0" fontId="38" fillId="25" borderId="5" xfId="10" applyFont="1" applyFill="1" applyBorder="1" applyAlignment="1">
      <alignment horizontal="center" vertical="center" wrapText="1"/>
    </xf>
    <xf numFmtId="0" fontId="38" fillId="25" borderId="5" xfId="10" applyFont="1" applyFill="1" applyBorder="1" applyAlignment="1">
      <alignment horizontal="left" vertical="center" wrapText="1"/>
    </xf>
    <xf numFmtId="0" fontId="38" fillId="29" borderId="5" xfId="20" applyFont="1" applyFill="1" applyBorder="1" applyAlignment="1">
      <alignment horizontal="left" vertical="center" wrapText="1"/>
    </xf>
    <xf numFmtId="0" fontId="34" fillId="29" borderId="5" xfId="20" applyFont="1" applyFill="1" applyBorder="1" applyAlignment="1">
      <alignment horizontal="center" vertical="center" wrapText="1"/>
    </xf>
    <xf numFmtId="165" fontId="34" fillId="29" borderId="5" xfId="20" applyNumberFormat="1" applyFont="1" applyFill="1" applyBorder="1" applyAlignment="1" applyProtection="1">
      <alignment horizontal="center" vertical="center" wrapText="1"/>
      <protection hidden="1"/>
    </xf>
    <xf numFmtId="0" fontId="34" fillId="29" borderId="5" xfId="20" applyFont="1" applyFill="1" applyBorder="1" applyAlignment="1">
      <alignment vertical="center" wrapText="1"/>
    </xf>
    <xf numFmtId="0" fontId="38" fillId="30" borderId="5" xfId="20" applyFont="1" applyFill="1" applyBorder="1" applyAlignment="1">
      <alignment horizontal="left" vertical="center" wrapText="1"/>
    </xf>
    <xf numFmtId="0" fontId="34" fillId="30" borderId="5" xfId="20" applyFont="1" applyFill="1" applyBorder="1" applyAlignment="1">
      <alignment horizontal="left" vertical="center" wrapText="1"/>
    </xf>
    <xf numFmtId="0" fontId="34" fillId="30" borderId="5" xfId="20" applyFont="1" applyFill="1" applyBorder="1" applyAlignment="1">
      <alignment horizontal="center" vertical="center" wrapText="1"/>
    </xf>
    <xf numFmtId="165" fontId="34" fillId="30" borderId="5" xfId="20" applyNumberFormat="1" applyFont="1" applyFill="1" applyBorder="1" applyAlignment="1" applyProtection="1">
      <alignment horizontal="center" vertical="center" wrapText="1"/>
      <protection hidden="1"/>
    </xf>
    <xf numFmtId="0" fontId="34" fillId="30" borderId="5" xfId="20" applyFont="1" applyFill="1" applyBorder="1" applyAlignment="1">
      <alignment vertical="center" wrapText="1"/>
    </xf>
    <xf numFmtId="0" fontId="38" fillId="31" borderId="5" xfId="20" applyFont="1" applyFill="1" applyBorder="1" applyAlignment="1">
      <alignment horizontal="left" vertical="center" wrapText="1"/>
    </xf>
    <xf numFmtId="0" fontId="34" fillId="31" borderId="5" xfId="20" applyFont="1" applyFill="1" applyBorder="1" applyAlignment="1">
      <alignment horizontal="left" vertical="top" wrapText="1"/>
    </xf>
    <xf numFmtId="165" fontId="34" fillId="31" borderId="5" xfId="20" applyNumberFormat="1" applyFont="1" applyFill="1" applyBorder="1" applyAlignment="1" applyProtection="1">
      <alignment horizontal="center" vertical="center" wrapText="1"/>
      <protection hidden="1"/>
    </xf>
    <xf numFmtId="0" fontId="34" fillId="31" borderId="5" xfId="20" applyFont="1" applyFill="1" applyBorder="1" applyAlignment="1">
      <alignment vertical="center" wrapText="1"/>
    </xf>
    <xf numFmtId="0" fontId="38" fillId="25" borderId="5" xfId="20" applyFont="1" applyFill="1" applyBorder="1" applyAlignment="1">
      <alignment horizontal="left" vertical="center" wrapText="1"/>
    </xf>
    <xf numFmtId="0" fontId="34" fillId="25" borderId="5" xfId="20" applyFont="1" applyFill="1" applyBorder="1" applyAlignment="1">
      <alignment horizontal="left" vertical="top" wrapText="1"/>
    </xf>
    <xf numFmtId="0" fontId="34" fillId="25" borderId="5" xfId="20" applyFont="1" applyFill="1" applyBorder="1" applyAlignment="1">
      <alignment horizontal="center" vertical="center" wrapText="1"/>
    </xf>
    <xf numFmtId="165" fontId="34" fillId="25" borderId="5" xfId="20" applyNumberFormat="1" applyFont="1" applyFill="1" applyBorder="1" applyAlignment="1" applyProtection="1">
      <alignment horizontal="center" vertical="center" wrapText="1"/>
      <protection hidden="1"/>
    </xf>
    <xf numFmtId="0" fontId="34" fillId="25" borderId="5" xfId="20" applyFont="1" applyFill="1" applyBorder="1" applyAlignment="1">
      <alignment vertical="center" wrapText="1"/>
    </xf>
    <xf numFmtId="165" fontId="36" fillId="29" borderId="5" xfId="20" applyNumberFormat="1" applyFont="1" applyFill="1" applyBorder="1" applyAlignment="1">
      <alignment horizontal="center" vertical="center" wrapText="1"/>
    </xf>
    <xf numFmtId="0" fontId="34" fillId="29" borderId="5" xfId="20" applyFont="1" applyFill="1" applyBorder="1" applyAlignment="1" applyProtection="1">
      <alignment horizontal="center" vertical="center" wrapText="1"/>
      <protection hidden="1"/>
    </xf>
    <xf numFmtId="0" fontId="34" fillId="31" borderId="5" xfId="20" applyFont="1" applyFill="1" applyBorder="1" applyAlignment="1">
      <alignment horizontal="center" vertical="center" wrapText="1"/>
    </xf>
    <xf numFmtId="165" fontId="34" fillId="31" borderId="5" xfId="20" applyNumberFormat="1" applyFont="1" applyFill="1" applyBorder="1" applyAlignment="1">
      <alignment horizontal="center" vertical="center" wrapText="1"/>
    </xf>
    <xf numFmtId="0" fontId="34" fillId="31" borderId="5" xfId="20" applyFont="1" applyFill="1" applyBorder="1" applyAlignment="1" applyProtection="1">
      <alignment horizontal="center" vertical="center" wrapText="1"/>
      <protection hidden="1"/>
    </xf>
    <xf numFmtId="165" fontId="34" fillId="29" borderId="5" xfId="20" applyNumberFormat="1" applyFont="1" applyFill="1" applyBorder="1" applyAlignment="1">
      <alignment horizontal="center" vertical="center" wrapText="1"/>
    </xf>
    <xf numFmtId="0" fontId="34" fillId="30" borderId="5" xfId="20" applyFont="1" applyFill="1" applyBorder="1" applyAlignment="1">
      <alignment horizontal="left" vertical="top" wrapText="1"/>
    </xf>
    <xf numFmtId="0" fontId="18" fillId="10" borderId="0" xfId="0" applyFont="1" applyFill="1" applyAlignment="1">
      <alignment wrapText="1"/>
    </xf>
    <xf numFmtId="0" fontId="34" fillId="10" borderId="0" xfId="10" applyFont="1" applyFill="1" applyAlignment="1">
      <alignment horizontal="left" vertical="center" wrapText="1"/>
    </xf>
    <xf numFmtId="0" fontId="18" fillId="10" borderId="5" xfId="0" applyFont="1" applyFill="1" applyBorder="1" applyAlignment="1">
      <alignment horizontal="left" vertical="center"/>
    </xf>
    <xf numFmtId="0" fontId="39" fillId="7" borderId="5" xfId="23" applyFont="1" applyFill="1" applyBorder="1" applyAlignment="1">
      <alignment vertical="center" wrapText="1"/>
    </xf>
    <xf numFmtId="0" fontId="18" fillId="25" borderId="5" xfId="10" applyFont="1" applyFill="1" applyBorder="1" applyAlignment="1">
      <alignment horizontal="left" vertical="center" wrapText="1"/>
    </xf>
    <xf numFmtId="0" fontId="18" fillId="10" borderId="0" xfId="0" applyFont="1" applyFill="1" applyAlignment="1">
      <alignment horizontal="left" vertical="center" wrapText="1"/>
    </xf>
    <xf numFmtId="0" fontId="18" fillId="10" borderId="0" xfId="0" applyFont="1" applyFill="1"/>
    <xf numFmtId="164" fontId="18" fillId="10" borderId="5" xfId="9" applyNumberFormat="1" applyFont="1" applyFill="1" applyBorder="1" applyAlignment="1">
      <alignment horizontal="left" vertical="center" wrapText="1"/>
    </xf>
    <xf numFmtId="0" fontId="39" fillId="6" borderId="5" xfId="23" applyFont="1" applyFill="1" applyBorder="1" applyAlignment="1">
      <alignment vertical="center" wrapText="1"/>
    </xf>
    <xf numFmtId="0" fontId="18" fillId="10" borderId="5" xfId="10" applyFont="1" applyFill="1" applyBorder="1" applyAlignment="1">
      <alignment horizontal="left" vertical="center" wrapText="1"/>
    </xf>
    <xf numFmtId="0" fontId="18" fillId="10" borderId="5" xfId="0" applyFont="1" applyFill="1" applyBorder="1" applyAlignment="1">
      <alignment wrapText="1"/>
    </xf>
    <xf numFmtId="0" fontId="39" fillId="8" borderId="12" xfId="23" applyFont="1" applyFill="1" applyBorder="1" applyAlignment="1">
      <alignment vertical="center" wrapText="1"/>
    </xf>
    <xf numFmtId="0" fontId="18" fillId="10" borderId="5" xfId="0" applyFont="1" applyFill="1" applyBorder="1" applyAlignment="1">
      <alignment horizontal="left" vertical="center" wrapText="1"/>
    </xf>
    <xf numFmtId="164" fontId="18" fillId="10" borderId="5" xfId="0" applyNumberFormat="1" applyFont="1" applyFill="1" applyBorder="1" applyAlignment="1">
      <alignment horizontal="left" vertical="center" wrapText="1"/>
    </xf>
    <xf numFmtId="0" fontId="39" fillId="8" borderId="5" xfId="23" applyFont="1" applyFill="1" applyBorder="1" applyAlignment="1">
      <alignment vertical="center" wrapText="1"/>
    </xf>
    <xf numFmtId="165" fontId="18" fillId="10" borderId="5" xfId="0" applyNumberFormat="1" applyFont="1" applyFill="1" applyBorder="1" applyAlignment="1">
      <alignment horizontal="left" vertical="center" wrapText="1"/>
    </xf>
    <xf numFmtId="165" fontId="18" fillId="25" borderId="5" xfId="9" applyNumberFormat="1" applyFont="1" applyFill="1" applyBorder="1" applyAlignment="1">
      <alignment horizontal="left" vertical="center" wrapText="1"/>
    </xf>
    <xf numFmtId="0" fontId="38" fillId="10" borderId="5" xfId="23" applyFont="1" applyFill="1" applyBorder="1" applyAlignment="1">
      <alignment horizontal="center" vertical="center" wrapText="1"/>
    </xf>
    <xf numFmtId="165" fontId="18" fillId="10" borderId="5" xfId="9" applyNumberFormat="1" applyFont="1" applyFill="1" applyBorder="1" applyAlignment="1">
      <alignment horizontal="left" vertical="center" wrapText="1"/>
    </xf>
    <xf numFmtId="0" fontId="34" fillId="10" borderId="0" xfId="23" applyFont="1" applyFill="1" applyAlignment="1">
      <alignment horizontal="left" vertical="center" wrapText="1"/>
    </xf>
    <xf numFmtId="0" fontId="38" fillId="25" borderId="5" xfId="23" applyFont="1" applyFill="1" applyBorder="1" applyAlignment="1">
      <alignment horizontal="center" vertical="center" wrapText="1"/>
    </xf>
    <xf numFmtId="0" fontId="34" fillId="10" borderId="5" xfId="23" applyFont="1" applyFill="1" applyBorder="1" applyAlignment="1">
      <alignment horizontal="left" vertical="center" wrapText="1"/>
    </xf>
    <xf numFmtId="0" fontId="34" fillId="25" borderId="5" xfId="23" applyFont="1" applyFill="1" applyBorder="1" applyAlignment="1">
      <alignment horizontal="left" vertical="center" wrapText="1"/>
    </xf>
    <xf numFmtId="0" fontId="18" fillId="25" borderId="5" xfId="23" applyFont="1" applyFill="1" applyBorder="1" applyAlignment="1">
      <alignment vertical="center" wrapText="1"/>
    </xf>
    <xf numFmtId="0" fontId="18" fillId="10" borderId="5" xfId="23" applyFont="1" applyFill="1" applyBorder="1" applyAlignment="1">
      <alignment vertical="center" wrapText="1"/>
    </xf>
    <xf numFmtId="0" fontId="38" fillId="10" borderId="5" xfId="10" applyFont="1" applyFill="1" applyBorder="1" applyAlignment="1">
      <alignment horizontal="center" vertical="center" wrapText="1"/>
    </xf>
    <xf numFmtId="0" fontId="35" fillId="10" borderId="0" xfId="10" applyFont="1" applyFill="1" applyAlignment="1">
      <alignment horizontal="left" vertical="center" wrapText="1"/>
    </xf>
    <xf numFmtId="0" fontId="38" fillId="10" borderId="5" xfId="23" applyFont="1" applyFill="1" applyBorder="1" applyAlignment="1">
      <alignment horizontal="left" vertical="center" wrapText="1"/>
    </xf>
    <xf numFmtId="0" fontId="34" fillId="10" borderId="11" xfId="23" applyFont="1" applyFill="1" applyBorder="1" applyAlignment="1">
      <alignment horizontal="center" vertical="center" wrapText="1"/>
    </xf>
    <xf numFmtId="0" fontId="34" fillId="10" borderId="5" xfId="23" applyFont="1" applyFill="1" applyBorder="1" applyAlignment="1">
      <alignment horizontal="center" vertical="center" wrapText="1"/>
    </xf>
    <xf numFmtId="165" fontId="34" fillId="10" borderId="5" xfId="23" applyNumberFormat="1" applyFont="1" applyFill="1" applyBorder="1" applyAlignment="1" applyProtection="1">
      <alignment horizontal="center" vertical="center" wrapText="1"/>
      <protection hidden="1"/>
    </xf>
    <xf numFmtId="165" fontId="34" fillId="10" borderId="8" xfId="23" applyNumberFormat="1" applyFont="1" applyFill="1" applyBorder="1" applyAlignment="1" applyProtection="1">
      <alignment horizontal="center" vertical="center" wrapText="1"/>
      <protection hidden="1"/>
    </xf>
    <xf numFmtId="0" fontId="34" fillId="10" borderId="5" xfId="23" applyFont="1" applyFill="1" applyBorder="1" applyAlignment="1">
      <alignment vertical="center" wrapText="1"/>
    </xf>
    <xf numFmtId="165" fontId="34" fillId="10" borderId="0" xfId="23" applyNumberFormat="1" applyFont="1" applyFill="1" applyAlignment="1" applyProtection="1">
      <alignment horizontal="center" vertical="center" wrapText="1"/>
      <protection hidden="1"/>
    </xf>
    <xf numFmtId="0" fontId="34" fillId="10" borderId="5" xfId="23" applyFont="1" applyFill="1" applyBorder="1" applyAlignment="1">
      <alignment horizontal="left" vertical="top" wrapText="1"/>
    </xf>
    <xf numFmtId="0" fontId="38" fillId="25" borderId="5" xfId="23" applyFont="1" applyFill="1" applyBorder="1" applyAlignment="1">
      <alignment horizontal="left" vertical="center" wrapText="1"/>
    </xf>
    <xf numFmtId="0" fontId="34" fillId="25" borderId="5" xfId="23" applyFont="1" applyFill="1" applyBorder="1" applyAlignment="1">
      <alignment horizontal="left" vertical="top" wrapText="1"/>
    </xf>
    <xf numFmtId="0" fontId="34" fillId="25" borderId="11" xfId="23" applyFont="1" applyFill="1" applyBorder="1" applyAlignment="1">
      <alignment horizontal="center" vertical="center" wrapText="1"/>
    </xf>
    <xf numFmtId="0" fontId="34" fillId="25" borderId="5" xfId="23" applyFont="1" applyFill="1" applyBorder="1" applyAlignment="1">
      <alignment horizontal="center" vertical="center" wrapText="1"/>
    </xf>
    <xf numFmtId="165" fontId="34" fillId="25" borderId="5" xfId="23" applyNumberFormat="1" applyFont="1" applyFill="1" applyBorder="1" applyAlignment="1" applyProtection="1">
      <alignment horizontal="center" vertical="center" wrapText="1"/>
      <protection hidden="1"/>
    </xf>
    <xf numFmtId="0" fontId="34" fillId="25" borderId="5" xfId="23" applyFont="1" applyFill="1" applyBorder="1" applyAlignment="1">
      <alignment vertical="center" wrapText="1"/>
    </xf>
    <xf numFmtId="165" fontId="36" fillId="10" borderId="5" xfId="23" applyNumberFormat="1" applyFont="1" applyFill="1" applyBorder="1" applyAlignment="1">
      <alignment horizontal="center" vertical="center" wrapText="1"/>
    </xf>
    <xf numFmtId="0" fontId="34" fillId="10" borderId="5" xfId="23" applyFont="1" applyFill="1" applyBorder="1" applyAlignment="1" applyProtection="1">
      <alignment horizontal="center" vertical="center" wrapText="1"/>
      <protection hidden="1"/>
    </xf>
    <xf numFmtId="165" fontId="34" fillId="10" borderId="5" xfId="23" applyNumberFormat="1" applyFont="1" applyFill="1" applyBorder="1" applyAlignment="1">
      <alignment horizontal="center" vertical="center" wrapText="1"/>
    </xf>
    <xf numFmtId="0" fontId="38" fillId="10" borderId="6" xfId="23" applyFont="1" applyFill="1" applyBorder="1" applyAlignment="1">
      <alignment horizontal="left" vertical="center" wrapText="1"/>
    </xf>
    <xf numFmtId="0" fontId="34" fillId="10" borderId="6" xfId="23" applyFont="1" applyFill="1" applyBorder="1" applyAlignment="1">
      <alignment horizontal="left" vertical="center" wrapText="1"/>
    </xf>
    <xf numFmtId="0" fontId="34" fillId="10" borderId="6" xfId="23" applyFont="1" applyFill="1" applyBorder="1" applyAlignment="1">
      <alignment horizontal="left" vertical="top" wrapText="1"/>
    </xf>
    <xf numFmtId="0" fontId="38" fillId="25" borderId="6" xfId="23" applyFont="1" applyFill="1" applyBorder="1" applyAlignment="1">
      <alignment horizontal="left" vertical="center" wrapText="1"/>
    </xf>
    <xf numFmtId="0" fontId="34" fillId="25" borderId="6" xfId="23" applyFont="1" applyFill="1" applyBorder="1" applyAlignment="1">
      <alignment horizontal="left" vertical="center" wrapText="1"/>
    </xf>
    <xf numFmtId="0" fontId="34" fillId="25" borderId="6" xfId="23" applyFont="1" applyFill="1" applyBorder="1" applyAlignment="1">
      <alignment horizontal="left" vertical="top" wrapText="1"/>
    </xf>
    <xf numFmtId="165" fontId="34" fillId="25" borderId="6" xfId="23" applyNumberFormat="1" applyFont="1" applyFill="1" applyBorder="1" applyAlignment="1" applyProtection="1">
      <alignment horizontal="center" vertical="center" wrapText="1"/>
      <protection hidden="1"/>
    </xf>
    <xf numFmtId="0" fontId="38" fillId="10" borderId="7" xfId="23" applyFont="1" applyFill="1" applyBorder="1" applyAlignment="1">
      <alignment horizontal="left" vertical="center" wrapText="1"/>
    </xf>
    <xf numFmtId="0" fontId="34" fillId="10" borderId="7" xfId="23" applyFont="1" applyFill="1" applyBorder="1" applyAlignment="1">
      <alignment horizontal="left" vertical="center" wrapText="1"/>
    </xf>
    <xf numFmtId="0" fontId="34" fillId="10" borderId="7" xfId="23" applyFont="1" applyFill="1" applyBorder="1" applyAlignment="1">
      <alignment horizontal="center" vertical="center" wrapText="1"/>
    </xf>
    <xf numFmtId="0" fontId="38" fillId="25" borderId="7" xfId="23" applyFont="1" applyFill="1" applyBorder="1" applyAlignment="1">
      <alignment horizontal="left" vertical="center" wrapText="1"/>
    </xf>
    <xf numFmtId="0" fontId="34" fillId="25" borderId="7" xfId="23" applyFont="1" applyFill="1" applyBorder="1" applyAlignment="1">
      <alignment horizontal="left" vertical="center" wrapText="1"/>
    </xf>
    <xf numFmtId="0" fontId="34" fillId="25" borderId="7" xfId="23" applyFont="1" applyFill="1" applyBorder="1" applyAlignment="1">
      <alignment horizontal="center" vertical="center" wrapText="1"/>
    </xf>
    <xf numFmtId="165" fontId="34" fillId="25" borderId="7" xfId="23" applyNumberFormat="1" applyFont="1" applyFill="1" applyBorder="1" applyAlignment="1">
      <alignment horizontal="center" vertical="center" wrapText="1"/>
    </xf>
    <xf numFmtId="165" fontId="34" fillId="10" borderId="7" xfId="23" applyNumberFormat="1" applyFont="1" applyFill="1" applyBorder="1" applyAlignment="1">
      <alignment horizontal="center" vertical="center" wrapText="1"/>
    </xf>
    <xf numFmtId="6" fontId="34" fillId="25" borderId="11" xfId="23" applyNumberFormat="1" applyFont="1" applyFill="1" applyBorder="1" applyAlignment="1">
      <alignment horizontal="center" vertical="center" wrapText="1"/>
    </xf>
    <xf numFmtId="0" fontId="34" fillId="10" borderId="13" xfId="23" applyFont="1" applyFill="1" applyBorder="1" applyAlignment="1">
      <alignment horizontal="left" vertical="center" wrapText="1"/>
    </xf>
    <xf numFmtId="0" fontId="34" fillId="10" borderId="11" xfId="23" applyFont="1" applyFill="1" applyBorder="1" applyAlignment="1">
      <alignment horizontal="left" vertical="center" wrapText="1"/>
    </xf>
    <xf numFmtId="165" fontId="34" fillId="10" borderId="7" xfId="23" applyNumberFormat="1" applyFont="1" applyFill="1" applyBorder="1" applyAlignment="1" applyProtection="1">
      <alignment horizontal="center" vertical="center" wrapText="1"/>
      <protection hidden="1"/>
    </xf>
    <xf numFmtId="0" fontId="36" fillId="10" borderId="5" xfId="23" applyFont="1" applyFill="1" applyBorder="1" applyAlignment="1">
      <alignment horizontal="left" vertical="center" wrapText="1"/>
    </xf>
    <xf numFmtId="165" fontId="34" fillId="10" borderId="11" xfId="23" applyNumberFormat="1" applyFont="1" applyFill="1" applyBorder="1" applyAlignment="1" applyProtection="1">
      <alignment horizontal="center" vertical="center" wrapText="1"/>
      <protection hidden="1"/>
    </xf>
    <xf numFmtId="0" fontId="36" fillId="10" borderId="5" xfId="23" applyFont="1" applyFill="1" applyBorder="1" applyAlignment="1">
      <alignment horizontal="center" vertical="center" wrapText="1"/>
    </xf>
    <xf numFmtId="165" fontId="34" fillId="25" borderId="11" xfId="23" applyNumberFormat="1" applyFont="1" applyFill="1" applyBorder="1" applyAlignment="1" applyProtection="1">
      <alignment horizontal="center" vertical="center" wrapText="1"/>
      <protection hidden="1"/>
    </xf>
    <xf numFmtId="165" fontId="34" fillId="31" borderId="5" xfId="23" applyNumberFormat="1" applyFont="1" applyFill="1" applyBorder="1" applyAlignment="1" applyProtection="1">
      <alignment horizontal="center" vertical="center" wrapText="1"/>
      <protection hidden="1"/>
    </xf>
    <xf numFmtId="165" fontId="34" fillId="25" borderId="5" xfId="20" applyNumberFormat="1" applyFont="1" applyFill="1" applyBorder="1" applyAlignment="1">
      <alignment horizontal="center" vertical="center" wrapText="1"/>
    </xf>
    <xf numFmtId="0" fontId="18" fillId="25" borderId="5" xfId="0" applyFont="1" applyFill="1" applyBorder="1" applyAlignment="1">
      <alignment wrapText="1"/>
    </xf>
    <xf numFmtId="0" fontId="39" fillId="21" borderId="5" xfId="10" applyFont="1" applyFill="1" applyBorder="1" applyAlignment="1" applyProtection="1">
      <alignment horizontal="left" vertical="center" wrapText="1"/>
      <protection hidden="1"/>
    </xf>
    <xf numFmtId="0" fontId="18" fillId="21" borderId="5" xfId="0" applyFont="1" applyFill="1" applyBorder="1" applyAlignment="1">
      <alignment horizontal="left" vertical="center" wrapText="1"/>
    </xf>
    <xf numFmtId="0" fontId="34" fillId="21" borderId="5" xfId="0" applyFont="1" applyFill="1" applyBorder="1" applyAlignment="1">
      <alignment horizontal="left" vertical="center" wrapText="1"/>
    </xf>
    <xf numFmtId="0" fontId="34" fillId="21" borderId="5" xfId="10" applyFont="1" applyFill="1" applyBorder="1" applyAlignment="1">
      <alignment horizontal="left" vertical="center" wrapText="1"/>
    </xf>
    <xf numFmtId="0" fontId="34" fillId="21" borderId="5" xfId="20" applyFont="1" applyFill="1" applyBorder="1" applyAlignment="1">
      <alignment horizontal="left" vertical="center" wrapText="1"/>
    </xf>
    <xf numFmtId="0" fontId="39" fillId="21" borderId="5" xfId="10" applyFont="1" applyFill="1" applyBorder="1" applyAlignment="1" applyProtection="1">
      <alignment horizontal="center" vertical="center" wrapText="1"/>
      <protection hidden="1"/>
    </xf>
    <xf numFmtId="165" fontId="34" fillId="21" borderId="5" xfId="10" applyNumberFormat="1" applyFont="1" applyFill="1" applyBorder="1" applyAlignment="1" applyProtection="1">
      <alignment horizontal="left" vertical="center" wrapText="1"/>
      <protection hidden="1"/>
    </xf>
    <xf numFmtId="0" fontId="34" fillId="21" borderId="5" xfId="20" applyFont="1" applyFill="1" applyBorder="1" applyAlignment="1">
      <alignment horizontal="center" vertical="center" wrapText="1"/>
    </xf>
    <xf numFmtId="165" fontId="34" fillId="21" borderId="5" xfId="20" applyNumberFormat="1" applyFont="1" applyFill="1" applyBorder="1" applyAlignment="1" applyProtection="1">
      <alignment horizontal="center" vertical="center" wrapText="1"/>
      <protection hidden="1"/>
    </xf>
    <xf numFmtId="6" fontId="34" fillId="21" borderId="5" xfId="0" applyNumberFormat="1" applyFont="1" applyFill="1" applyBorder="1" applyAlignment="1">
      <alignment horizontal="center" vertical="center" wrapText="1"/>
    </xf>
    <xf numFmtId="6" fontId="34" fillId="21" borderId="5" xfId="0" applyNumberFormat="1" applyFont="1" applyFill="1" applyBorder="1" applyAlignment="1">
      <alignment horizontal="center" vertical="center"/>
    </xf>
    <xf numFmtId="6" fontId="34" fillId="21" borderId="5" xfId="20" applyNumberFormat="1" applyFont="1" applyFill="1" applyBorder="1" applyAlignment="1">
      <alignment horizontal="center" vertical="center" wrapText="1"/>
    </xf>
    <xf numFmtId="0" fontId="0" fillId="21" borderId="5" xfId="0" applyFill="1" applyBorder="1" applyAlignment="1">
      <alignment wrapText="1"/>
    </xf>
    <xf numFmtId="0" fontId="39" fillId="10" borderId="5" xfId="0" applyFont="1" applyFill="1" applyBorder="1" applyAlignment="1">
      <alignment horizontal="left" vertical="center" wrapText="1"/>
    </xf>
    <xf numFmtId="0" fontId="18" fillId="10" borderId="5" xfId="0" applyFont="1" applyFill="1" applyBorder="1"/>
    <xf numFmtId="0" fontId="39" fillId="10" borderId="5" xfId="10" applyFont="1" applyFill="1" applyBorder="1" applyAlignment="1" applyProtection="1">
      <alignment vertical="center" wrapText="1"/>
      <protection hidden="1"/>
    </xf>
    <xf numFmtId="0" fontId="38" fillId="0" borderId="5" xfId="10" applyFont="1" applyBorder="1" applyAlignment="1">
      <alignment horizontal="center" vertical="center" wrapText="1"/>
    </xf>
    <xf numFmtId="0" fontId="38" fillId="0" borderId="5" xfId="10" applyFont="1" applyBorder="1" applyAlignment="1">
      <alignment horizontal="left" vertical="center" wrapText="1"/>
    </xf>
    <xf numFmtId="0" fontId="18" fillId="0" borderId="5" xfId="0" applyFont="1" applyBorder="1" applyAlignment="1">
      <alignment vertical="center" wrapText="1"/>
    </xf>
    <xf numFmtId="0" fontId="18" fillId="0" borderId="5" xfId="0" applyFont="1" applyBorder="1" applyAlignment="1">
      <alignment horizontal="left" vertical="center" wrapText="1"/>
    </xf>
    <xf numFmtId="165" fontId="18" fillId="0" borderId="5" xfId="0" applyNumberFormat="1" applyFont="1" applyBorder="1" applyAlignment="1">
      <alignment horizontal="left" vertical="center" wrapText="1"/>
    </xf>
    <xf numFmtId="0" fontId="18" fillId="0" borderId="5" xfId="0" applyFont="1" applyBorder="1" applyAlignment="1">
      <alignment horizontal="left" vertical="center"/>
    </xf>
    <xf numFmtId="164" fontId="18" fillId="0" borderId="5" xfId="9" applyNumberFormat="1" applyFont="1" applyFill="1" applyBorder="1" applyAlignment="1">
      <alignment horizontal="left" vertical="center" wrapText="1"/>
    </xf>
    <xf numFmtId="164" fontId="34" fillId="0" borderId="5" xfId="10" applyNumberFormat="1" applyFont="1" applyBorder="1" applyAlignment="1" applyProtection="1">
      <alignment horizontal="left" vertical="center" wrapText="1"/>
      <protection hidden="1"/>
    </xf>
    <xf numFmtId="0" fontId="35" fillId="0" borderId="5" xfId="10" applyFont="1" applyBorder="1" applyAlignment="1">
      <alignment horizontal="left" vertical="center" wrapText="1"/>
    </xf>
    <xf numFmtId="164" fontId="35" fillId="0" borderId="5" xfId="10" applyNumberFormat="1" applyFont="1" applyBorder="1" applyAlignment="1" applyProtection="1">
      <alignment horizontal="left" vertical="center" wrapText="1"/>
      <protection hidden="1"/>
    </xf>
    <xf numFmtId="0" fontId="35" fillId="0" borderId="0" xfId="10" applyFont="1" applyAlignment="1">
      <alignment horizontal="left" vertical="center" wrapText="1"/>
    </xf>
    <xf numFmtId="164" fontId="34" fillId="0" borderId="5" xfId="10" applyNumberFormat="1" applyFont="1" applyBorder="1" applyAlignment="1">
      <alignment horizontal="left" vertical="center" wrapText="1"/>
    </xf>
    <xf numFmtId="0" fontId="18" fillId="0" borderId="5" xfId="0" applyFont="1" applyBorder="1" applyAlignment="1">
      <alignment vertical="center"/>
    </xf>
    <xf numFmtId="0" fontId="18" fillId="0" borderId="5" xfId="0" applyFont="1" applyBorder="1" applyAlignment="1">
      <alignment wrapText="1"/>
    </xf>
    <xf numFmtId="0" fontId="34" fillId="0" borderId="5" xfId="0" applyFont="1" applyBorder="1" applyAlignment="1">
      <alignment horizontal="left" vertical="center" wrapText="1"/>
    </xf>
    <xf numFmtId="164" fontId="18" fillId="0" borderId="5" xfId="0" applyNumberFormat="1" applyFont="1" applyBorder="1" applyAlignment="1">
      <alignment horizontal="left" vertical="center" wrapText="1"/>
    </xf>
    <xf numFmtId="0" fontId="34" fillId="0" borderId="5" xfId="11" applyFont="1" applyBorder="1" applyAlignment="1">
      <alignment horizontal="left" vertical="center"/>
    </xf>
    <xf numFmtId="165" fontId="34" fillId="0" borderId="5" xfId="0" applyNumberFormat="1" applyFont="1" applyBorder="1" applyAlignment="1">
      <alignment horizontal="left" vertical="center"/>
    </xf>
    <xf numFmtId="0" fontId="0" fillId="0" borderId="5" xfId="0" applyBorder="1" applyAlignment="1">
      <alignment wrapText="1"/>
    </xf>
    <xf numFmtId="0" fontId="18" fillId="0" borderId="5" xfId="18" applyFont="1" applyBorder="1"/>
    <xf numFmtId="0" fontId="18" fillId="0" borderId="5" xfId="18" applyFont="1" applyBorder="1" applyAlignment="1">
      <alignment wrapText="1"/>
    </xf>
    <xf numFmtId="165" fontId="18" fillId="0" borderId="5" xfId="19" applyNumberFormat="1" applyFont="1" applyFill="1" applyBorder="1" applyAlignment="1">
      <alignment horizontal="left" vertical="center" wrapText="1"/>
    </xf>
    <xf numFmtId="165" fontId="18" fillId="0" borderId="5" xfId="0" applyNumberFormat="1" applyFont="1" applyBorder="1" applyAlignment="1">
      <alignment horizontal="left" vertical="center"/>
    </xf>
    <xf numFmtId="0" fontId="18" fillId="0" borderId="5" xfId="10" applyFont="1" applyBorder="1" applyAlignment="1">
      <alignment horizontal="left" vertical="center" wrapText="1"/>
    </xf>
    <xf numFmtId="165" fontId="18" fillId="0" borderId="5" xfId="18" applyNumberFormat="1" applyFont="1" applyBorder="1" applyAlignment="1">
      <alignment horizontal="left" vertical="center"/>
    </xf>
    <xf numFmtId="0" fontId="34" fillId="0" borderId="5" xfId="18" applyFont="1" applyBorder="1" applyAlignment="1">
      <alignment wrapText="1"/>
    </xf>
    <xf numFmtId="0" fontId="34" fillId="0" borderId="5" xfId="18" applyFont="1" applyBorder="1"/>
    <xf numFmtId="165" fontId="18" fillId="0" borderId="5" xfId="19" applyNumberFormat="1" applyFont="1" applyFill="1" applyBorder="1" applyAlignment="1">
      <alignment horizontal="left" vertical="center"/>
    </xf>
    <xf numFmtId="165" fontId="34" fillId="0" borderId="5" xfId="19" applyNumberFormat="1" applyFont="1" applyFill="1" applyBorder="1" applyAlignment="1">
      <alignment horizontal="left" vertical="center" wrapText="1"/>
    </xf>
    <xf numFmtId="0" fontId="18" fillId="0" borderId="5" xfId="0" applyFont="1" applyBorder="1"/>
    <xf numFmtId="0" fontId="38" fillId="0" borderId="5" xfId="20" applyFont="1" applyBorder="1" applyAlignment="1">
      <alignment horizontal="center" vertical="center" wrapText="1"/>
    </xf>
    <xf numFmtId="0" fontId="38" fillId="0" borderId="5" xfId="20" applyFont="1" applyBorder="1" applyAlignment="1">
      <alignment horizontal="left" vertical="center" wrapText="1"/>
    </xf>
    <xf numFmtId="0" fontId="34" fillId="0" borderId="5" xfId="20" applyFont="1" applyBorder="1" applyAlignment="1">
      <alignment horizontal="left" vertical="center" wrapText="1"/>
    </xf>
    <xf numFmtId="0" fontId="34" fillId="0" borderId="5" xfId="20" applyFont="1" applyBorder="1" applyAlignment="1">
      <alignment horizontal="left" vertical="top" wrapText="1"/>
    </xf>
    <xf numFmtId="0" fontId="34" fillId="0" borderId="5" xfId="20" applyFont="1" applyBorder="1" applyAlignment="1">
      <alignment horizontal="center" vertical="center" wrapText="1"/>
    </xf>
    <xf numFmtId="165" fontId="34" fillId="0" borderId="5" xfId="20" applyNumberFormat="1" applyFont="1" applyBorder="1" applyAlignment="1" applyProtection="1">
      <alignment horizontal="center" vertical="center" wrapText="1"/>
      <protection hidden="1"/>
    </xf>
    <xf numFmtId="0" fontId="36" fillId="0" borderId="5" xfId="10" applyFont="1" applyBorder="1" applyAlignment="1">
      <alignment horizontal="left" vertical="center" wrapText="1"/>
    </xf>
    <xf numFmtId="0" fontId="18" fillId="0" borderId="5" xfId="18" applyFont="1" applyBorder="1" applyAlignment="1">
      <alignment vertical="center" wrapText="1"/>
    </xf>
    <xf numFmtId="0" fontId="36" fillId="0" borderId="5" xfId="0" applyFont="1" applyBorder="1" applyAlignment="1">
      <alignment vertical="center" wrapText="1"/>
    </xf>
    <xf numFmtId="0" fontId="18" fillId="0" borderId="5" xfId="18" applyFont="1" applyBorder="1" applyAlignment="1">
      <alignment vertical="center"/>
    </xf>
    <xf numFmtId="0" fontId="18" fillId="0" borderId="0" xfId="0" applyFont="1" applyAlignment="1">
      <alignment vertical="center"/>
    </xf>
    <xf numFmtId="0" fontId="34" fillId="0" borderId="5" xfId="20" applyFont="1" applyBorder="1" applyAlignment="1">
      <alignment vertical="center" wrapText="1"/>
    </xf>
    <xf numFmtId="165" fontId="36" fillId="0" borderId="5" xfId="20" applyNumberFormat="1" applyFont="1" applyBorder="1" applyAlignment="1">
      <alignment horizontal="center" vertical="center" wrapText="1"/>
    </xf>
    <xf numFmtId="0" fontId="34" fillId="0" borderId="5" xfId="20" applyFont="1" applyBorder="1" applyAlignment="1" applyProtection="1">
      <alignment horizontal="center" vertical="center" wrapText="1"/>
      <protection hidden="1"/>
    </xf>
    <xf numFmtId="165" fontId="34" fillId="0" borderId="5" xfId="20" applyNumberFormat="1" applyFont="1" applyBorder="1" applyAlignment="1">
      <alignment horizontal="center" vertical="center" wrapText="1"/>
    </xf>
    <xf numFmtId="6" fontId="34" fillId="0" borderId="5" xfId="0" applyNumberFormat="1" applyFont="1" applyBorder="1" applyAlignment="1">
      <alignment horizontal="center" vertical="center" wrapText="1"/>
    </xf>
    <xf numFmtId="6" fontId="34" fillId="0" borderId="5" xfId="0" applyNumberFormat="1" applyFont="1" applyBorder="1" applyAlignment="1">
      <alignment horizontal="center" vertical="center"/>
    </xf>
    <xf numFmtId="165" fontId="34" fillId="0" borderId="5" xfId="23" applyNumberFormat="1" applyFont="1" applyBorder="1" applyAlignment="1" applyProtection="1">
      <alignment horizontal="center" vertical="center" wrapText="1"/>
      <protection hidden="1"/>
    </xf>
    <xf numFmtId="6" fontId="34" fillId="0" borderId="5" xfId="20" applyNumberFormat="1" applyFont="1" applyBorder="1" applyAlignment="1">
      <alignment horizontal="center" vertical="center" wrapText="1"/>
    </xf>
    <xf numFmtId="0" fontId="18" fillId="0" borderId="5" xfId="20" applyFont="1" applyBorder="1" applyAlignment="1">
      <alignment vertical="center" wrapText="1"/>
    </xf>
    <xf numFmtId="0" fontId="34" fillId="13" borderId="5" xfId="18" applyFont="1" applyFill="1" applyBorder="1" applyAlignment="1">
      <alignment wrapText="1"/>
    </xf>
    <xf numFmtId="0" fontId="34" fillId="0" borderId="5" xfId="18" applyFont="1" applyBorder="1" applyAlignment="1">
      <alignment vertical="top" wrapText="1"/>
    </xf>
    <xf numFmtId="0" fontId="34" fillId="13" borderId="5" xfId="18" applyFont="1" applyFill="1" applyBorder="1" applyAlignment="1">
      <alignment vertical="top" wrapText="1"/>
    </xf>
    <xf numFmtId="0" fontId="34" fillId="0" borderId="5" xfId="0" applyFont="1" applyBorder="1" applyAlignment="1">
      <alignment vertical="top" wrapText="1"/>
    </xf>
    <xf numFmtId="0" fontId="34" fillId="11" borderId="5" xfId="0" applyFont="1" applyFill="1" applyBorder="1" applyAlignment="1">
      <alignment horizontal="left" vertical="top" wrapText="1"/>
    </xf>
    <xf numFmtId="0" fontId="34" fillId="0" borderId="5" xfId="0" applyFont="1" applyBorder="1" applyAlignment="1">
      <alignment horizontal="left" vertical="top" wrapText="1"/>
    </xf>
    <xf numFmtId="6" fontId="34" fillId="32" borderId="5" xfId="0" applyNumberFormat="1" applyFont="1" applyFill="1" applyBorder="1" applyAlignment="1">
      <alignment horizontal="center" vertical="center" wrapText="1"/>
    </xf>
    <xf numFmtId="0" fontId="34" fillId="0" borderId="5" xfId="0" applyFont="1" applyBorder="1" applyAlignment="1">
      <alignment wrapText="1"/>
    </xf>
    <xf numFmtId="0" fontId="34" fillId="0" borderId="5" xfId="0" applyFont="1" applyBorder="1"/>
    <xf numFmtId="0" fontId="34" fillId="0" borderId="11" xfId="0" applyFont="1" applyBorder="1" applyAlignment="1">
      <alignment horizontal="center" vertical="center"/>
    </xf>
    <xf numFmtId="0" fontId="34" fillId="0" borderId="5" xfId="0" applyFont="1" applyBorder="1" applyAlignment="1">
      <alignment horizontal="center" vertical="center"/>
    </xf>
    <xf numFmtId="165" fontId="34" fillId="0" borderId="5" xfId="0" applyNumberFormat="1" applyFont="1" applyBorder="1" applyAlignment="1">
      <alignment horizontal="center" vertical="center"/>
    </xf>
    <xf numFmtId="0" fontId="34" fillId="0" borderId="5" xfId="0" applyFont="1" applyBorder="1" applyAlignment="1">
      <alignment horizontal="center" vertical="center" wrapText="1"/>
    </xf>
    <xf numFmtId="9" fontId="34" fillId="0" borderId="5" xfId="0" applyNumberFormat="1" applyFont="1" applyBorder="1" applyAlignment="1">
      <alignment horizontal="center" vertical="center"/>
    </xf>
    <xf numFmtId="9" fontId="34" fillId="0" borderId="5" xfId="0" applyNumberFormat="1" applyFont="1" applyBorder="1" applyAlignment="1">
      <alignment horizontal="center" vertical="center" wrapText="1"/>
    </xf>
    <xf numFmtId="0" fontId="34" fillId="0" borderId="5" xfId="0" applyFont="1" applyBorder="1" applyAlignment="1">
      <alignment horizontal="left" vertical="top"/>
    </xf>
    <xf numFmtId="0" fontId="34" fillId="0" borderId="5" xfId="0" applyFont="1" applyBorder="1" applyAlignment="1">
      <alignment vertical="center"/>
    </xf>
    <xf numFmtId="165" fontId="34" fillId="0" borderId="5" xfId="12" applyNumberFormat="1" applyFont="1" applyBorder="1" applyAlignment="1">
      <alignment horizontal="center" vertical="center"/>
    </xf>
    <xf numFmtId="0" fontId="38" fillId="0" borderId="5" xfId="0" applyFont="1" applyBorder="1"/>
    <xf numFmtId="0" fontId="38" fillId="0" borderId="5" xfId="0" applyFont="1" applyBorder="1" applyAlignment="1">
      <alignment wrapText="1"/>
    </xf>
    <xf numFmtId="0" fontId="38" fillId="0" borderId="5" xfId="0" applyFont="1" applyBorder="1" applyAlignment="1">
      <alignment horizontal="left" vertical="center"/>
    </xf>
    <xf numFmtId="0" fontId="39" fillId="2" borderId="8" xfId="10" applyFont="1" applyFill="1" applyBorder="1" applyAlignment="1" applyProtection="1">
      <alignment horizontal="left" vertical="center" wrapText="1"/>
      <protection hidden="1"/>
    </xf>
    <xf numFmtId="0" fontId="0" fillId="31" borderId="5" xfId="0" applyFill="1" applyBorder="1" applyAlignment="1">
      <alignment wrapText="1"/>
    </xf>
    <xf numFmtId="0" fontId="34" fillId="31" borderId="5" xfId="0" applyFont="1" applyFill="1" applyBorder="1"/>
    <xf numFmtId="0" fontId="34" fillId="31" borderId="5" xfId="0" applyFont="1" applyFill="1" applyBorder="1" applyAlignment="1">
      <alignment wrapText="1"/>
    </xf>
    <xf numFmtId="0" fontId="38" fillId="31" borderId="5" xfId="0" applyFont="1" applyFill="1" applyBorder="1"/>
    <xf numFmtId="0" fontId="38" fillId="31" borderId="5" xfId="0" applyFont="1" applyFill="1" applyBorder="1" applyAlignment="1">
      <alignment wrapText="1"/>
    </xf>
    <xf numFmtId="0" fontId="38" fillId="31" borderId="5" xfId="0" applyFont="1" applyFill="1" applyBorder="1" applyAlignment="1">
      <alignment horizontal="left" vertical="center"/>
    </xf>
    <xf numFmtId="0" fontId="34" fillId="31" borderId="5" xfId="0" applyFont="1" applyFill="1" applyBorder="1" applyAlignment="1">
      <alignment horizontal="left" vertical="top" wrapText="1"/>
    </xf>
    <xf numFmtId="0" fontId="34" fillId="31" borderId="5" xfId="0" applyFont="1" applyFill="1" applyBorder="1" applyAlignment="1">
      <alignment horizontal="center" vertical="center"/>
    </xf>
    <xf numFmtId="165" fontId="34" fillId="31" borderId="5" xfId="0" applyNumberFormat="1" applyFont="1" applyFill="1" applyBorder="1" applyAlignment="1">
      <alignment horizontal="center" vertical="center"/>
    </xf>
    <xf numFmtId="6" fontId="34" fillId="31" borderId="5" xfId="0" applyNumberFormat="1" applyFont="1" applyFill="1" applyBorder="1" applyAlignment="1">
      <alignment horizontal="center" vertical="center"/>
    </xf>
    <xf numFmtId="0" fontId="34" fillId="31" borderId="5" xfId="0" applyFont="1" applyFill="1" applyBorder="1" applyAlignment="1">
      <alignment horizontal="center" vertical="center" wrapText="1"/>
    </xf>
    <xf numFmtId="0" fontId="34" fillId="33" borderId="5" xfId="0" applyFont="1" applyFill="1" applyBorder="1" applyAlignment="1">
      <alignment wrapText="1"/>
    </xf>
    <xf numFmtId="0" fontId="38" fillId="33" borderId="5" xfId="0" applyFont="1" applyFill="1" applyBorder="1"/>
    <xf numFmtId="0" fontId="34" fillId="33" borderId="5" xfId="0" applyFont="1" applyFill="1" applyBorder="1"/>
    <xf numFmtId="0" fontId="38" fillId="33" borderId="5" xfId="0" applyFont="1" applyFill="1" applyBorder="1" applyAlignment="1">
      <alignment wrapText="1"/>
    </xf>
    <xf numFmtId="0" fontId="38" fillId="33" borderId="5" xfId="0" applyFont="1" applyFill="1" applyBorder="1" applyAlignment="1">
      <alignment horizontal="left" vertical="center"/>
    </xf>
    <xf numFmtId="0" fontId="34" fillId="33" borderId="5" xfId="0" applyFont="1" applyFill="1" applyBorder="1" applyAlignment="1">
      <alignment horizontal="left" vertical="top" wrapText="1"/>
    </xf>
    <xf numFmtId="0" fontId="34" fillId="33" borderId="5" xfId="0" applyFont="1" applyFill="1" applyBorder="1" applyAlignment="1">
      <alignment horizontal="left" vertical="center" wrapText="1"/>
    </xf>
    <xf numFmtId="0" fontId="34" fillId="33" borderId="5" xfId="0" applyFont="1" applyFill="1" applyBorder="1" applyAlignment="1">
      <alignment horizontal="center" vertical="center"/>
    </xf>
    <xf numFmtId="165" fontId="34" fillId="33" borderId="5" xfId="0" applyNumberFormat="1" applyFont="1" applyFill="1" applyBorder="1" applyAlignment="1">
      <alignment horizontal="center" vertical="center"/>
    </xf>
    <xf numFmtId="6" fontId="34" fillId="33" borderId="5" xfId="0" applyNumberFormat="1" applyFont="1" applyFill="1" applyBorder="1" applyAlignment="1">
      <alignment horizontal="center" vertical="center"/>
    </xf>
    <xf numFmtId="0" fontId="34" fillId="33" borderId="5" xfId="0" applyFont="1" applyFill="1" applyBorder="1" applyAlignment="1">
      <alignment horizontal="center" vertical="center" wrapText="1"/>
    </xf>
    <xf numFmtId="0" fontId="34" fillId="31" borderId="5" xfId="0" applyFont="1" applyFill="1" applyBorder="1" applyAlignment="1">
      <alignment horizontal="left" vertical="center"/>
    </xf>
    <xf numFmtId="0" fontId="0" fillId="29" borderId="5" xfId="0" applyFill="1" applyBorder="1"/>
    <xf numFmtId="0" fontId="0" fillId="30" borderId="5" xfId="0" applyFill="1" applyBorder="1"/>
    <xf numFmtId="0" fontId="0" fillId="31" borderId="5" xfId="0" applyFill="1" applyBorder="1"/>
    <xf numFmtId="0" fontId="0" fillId="25" borderId="5" xfId="0" applyFill="1" applyBorder="1" applyAlignment="1">
      <alignment wrapText="1"/>
    </xf>
    <xf numFmtId="0" fontId="0" fillId="30" borderId="5" xfId="0" applyFill="1" applyBorder="1" applyAlignment="1">
      <alignment wrapText="1"/>
    </xf>
    <xf numFmtId="0" fontId="0" fillId="25" borderId="5" xfId="20" applyFont="1" applyFill="1" applyBorder="1" applyAlignment="1">
      <alignment vertical="center" wrapText="1"/>
    </xf>
    <xf numFmtId="0" fontId="0" fillId="29" borderId="5" xfId="20" applyFont="1" applyFill="1" applyBorder="1" applyAlignment="1">
      <alignment vertical="center" wrapText="1"/>
    </xf>
    <xf numFmtId="0" fontId="0" fillId="31" borderId="5" xfId="20" applyFont="1" applyFill="1" applyBorder="1" applyAlignment="1">
      <alignment vertical="center" wrapText="1"/>
    </xf>
    <xf numFmtId="0" fontId="0" fillId="29" borderId="5" xfId="0" applyFill="1" applyBorder="1" applyAlignment="1">
      <alignment wrapText="1"/>
    </xf>
    <xf numFmtId="0" fontId="34" fillId="21" borderId="6" xfId="20" applyFont="1" applyFill="1" applyBorder="1" applyAlignment="1">
      <alignment horizontal="left" vertical="center" wrapText="1"/>
    </xf>
    <xf numFmtId="165" fontId="34" fillId="21" borderId="6" xfId="20" applyNumberFormat="1" applyFont="1" applyFill="1" applyBorder="1" applyAlignment="1" applyProtection="1">
      <alignment horizontal="center" vertical="center" wrapText="1"/>
      <protection hidden="1"/>
    </xf>
    <xf numFmtId="0" fontId="34" fillId="33" borderId="5" xfId="0" applyFont="1" applyFill="1" applyBorder="1" applyAlignment="1">
      <alignment horizontal="left" vertical="center"/>
    </xf>
    <xf numFmtId="0" fontId="34" fillId="29" borderId="11" xfId="20" applyFont="1" applyFill="1" applyBorder="1" applyAlignment="1">
      <alignment horizontal="left" vertical="center" wrapText="1"/>
    </xf>
    <xf numFmtId="0" fontId="34" fillId="25" borderId="11" xfId="20" applyFont="1" applyFill="1" applyBorder="1" applyAlignment="1">
      <alignment horizontal="left" vertical="center" wrapText="1"/>
    </xf>
    <xf numFmtId="0" fontId="34" fillId="31" borderId="11" xfId="20" applyFont="1" applyFill="1" applyBorder="1" applyAlignment="1">
      <alignment horizontal="left" vertical="center" wrapText="1"/>
    </xf>
    <xf numFmtId="0" fontId="38" fillId="31" borderId="6" xfId="20" applyFont="1" applyFill="1" applyBorder="1" applyAlignment="1">
      <alignment horizontal="center" vertical="center" wrapText="1"/>
    </xf>
    <xf numFmtId="0" fontId="38" fillId="31" borderId="6" xfId="20" applyFont="1" applyFill="1" applyBorder="1" applyAlignment="1">
      <alignment horizontal="left" vertical="center" wrapText="1"/>
    </xf>
    <xf numFmtId="0" fontId="34" fillId="31" borderId="6" xfId="20" applyFont="1" applyFill="1" applyBorder="1" applyAlignment="1">
      <alignment horizontal="left" vertical="center" wrapText="1"/>
    </xf>
    <xf numFmtId="0" fontId="34" fillId="31" borderId="6" xfId="20" applyFont="1" applyFill="1" applyBorder="1" applyAlignment="1">
      <alignment horizontal="center" vertical="center" wrapText="1"/>
    </xf>
    <xf numFmtId="165" fontId="34" fillId="31" borderId="6" xfId="20" applyNumberFormat="1" applyFont="1" applyFill="1" applyBorder="1" applyAlignment="1" applyProtection="1">
      <alignment horizontal="center" vertical="center" wrapText="1"/>
      <protection hidden="1"/>
    </xf>
    <xf numFmtId="0" fontId="0" fillId="31" borderId="6" xfId="0" applyFill="1" applyBorder="1"/>
    <xf numFmtId="0" fontId="0" fillId="0" borderId="5" xfId="0" applyBorder="1"/>
    <xf numFmtId="0" fontId="0" fillId="31" borderId="5" xfId="0" applyFill="1" applyBorder="1" applyAlignment="1">
      <alignment vertical="center" wrapText="1"/>
    </xf>
    <xf numFmtId="0" fontId="0" fillId="21" borderId="11" xfId="0" applyFill="1" applyBorder="1" applyAlignment="1">
      <alignment wrapText="1"/>
    </xf>
    <xf numFmtId="0" fontId="0" fillId="31" borderId="12" xfId="0" applyFill="1" applyBorder="1" applyAlignment="1">
      <alignment wrapText="1"/>
    </xf>
    <xf numFmtId="0" fontId="0" fillId="25" borderId="12" xfId="0" applyFill="1" applyBorder="1" applyAlignment="1">
      <alignment wrapText="1"/>
    </xf>
    <xf numFmtId="0" fontId="0" fillId="25" borderId="6" xfId="0" applyFill="1" applyBorder="1"/>
    <xf numFmtId="0" fontId="34" fillId="30" borderId="11" xfId="20" applyFont="1" applyFill="1" applyBorder="1" applyAlignment="1">
      <alignment horizontal="left" vertical="center" wrapText="1"/>
    </xf>
    <xf numFmtId="0" fontId="34" fillId="31" borderId="6" xfId="20" applyFont="1" applyFill="1" applyBorder="1" applyAlignment="1">
      <alignment horizontal="left" vertical="top" wrapText="1"/>
    </xf>
    <xf numFmtId="9" fontId="34" fillId="31" borderId="0" xfId="0" applyNumberFormat="1" applyFont="1" applyFill="1" applyAlignment="1">
      <alignment horizontal="center" vertical="center"/>
    </xf>
    <xf numFmtId="0" fontId="0" fillId="33" borderId="5" xfId="0" applyFill="1" applyBorder="1"/>
    <xf numFmtId="9" fontId="34" fillId="33" borderId="0" xfId="0" applyNumberFormat="1" applyFont="1" applyFill="1" applyAlignment="1">
      <alignment horizontal="center" vertical="center"/>
    </xf>
    <xf numFmtId="0" fontId="18" fillId="17" borderId="5" xfId="18" applyFont="1" applyFill="1" applyBorder="1" applyAlignment="1">
      <alignment wrapText="1"/>
    </xf>
    <xf numFmtId="0" fontId="34" fillId="17" borderId="5" xfId="20" applyFont="1" applyFill="1" applyBorder="1" applyAlignment="1">
      <alignment horizontal="left" vertical="center" wrapText="1"/>
    </xf>
    <xf numFmtId="0" fontId="0" fillId="0" borderId="5" xfId="0" applyBorder="1" applyAlignment="1">
      <alignment vertical="center" wrapText="1"/>
    </xf>
    <xf numFmtId="0" fontId="34" fillId="25" borderId="5" xfId="0" applyFont="1" applyFill="1" applyBorder="1" applyAlignment="1">
      <alignment wrapText="1"/>
    </xf>
    <xf numFmtId="165" fontId="34" fillId="11" borderId="5" xfId="20" applyNumberFormat="1" applyFont="1" applyFill="1" applyBorder="1" applyAlignment="1" applyProtection="1">
      <alignment horizontal="center" vertical="center" wrapText="1"/>
      <protection hidden="1"/>
    </xf>
    <xf numFmtId="0" fontId="18" fillId="11" borderId="0" xfId="0" applyFont="1" applyFill="1" applyAlignment="1">
      <alignment wrapText="1"/>
    </xf>
    <xf numFmtId="0" fontId="35" fillId="11" borderId="0" xfId="10" applyFont="1" applyFill="1" applyAlignment="1">
      <alignment horizontal="left" vertical="center" wrapText="1"/>
    </xf>
    <xf numFmtId="0" fontId="0" fillId="11" borderId="5" xfId="0" applyFill="1" applyBorder="1" applyAlignment="1">
      <alignment wrapText="1"/>
    </xf>
    <xf numFmtId="0" fontId="38" fillId="11" borderId="5" xfId="20" applyFont="1" applyFill="1" applyBorder="1" applyAlignment="1">
      <alignment horizontal="center" vertical="center" wrapText="1"/>
    </xf>
    <xf numFmtId="0" fontId="34" fillId="11" borderId="5" xfId="20" applyFont="1" applyFill="1" applyBorder="1" applyAlignment="1">
      <alignment horizontal="left" vertical="center" wrapText="1"/>
    </xf>
    <xf numFmtId="0" fontId="34" fillId="11" borderId="5" xfId="20" applyFont="1" applyFill="1" applyBorder="1" applyAlignment="1">
      <alignment horizontal="center" vertical="center" wrapText="1"/>
    </xf>
    <xf numFmtId="165" fontId="34" fillId="11" borderId="5" xfId="20" applyNumberFormat="1" applyFont="1" applyFill="1" applyBorder="1" applyAlignment="1">
      <alignment horizontal="center" vertical="center" wrapText="1"/>
    </xf>
    <xf numFmtId="0" fontId="18" fillId="17" borderId="5" xfId="0" applyFont="1" applyFill="1" applyBorder="1" applyAlignment="1">
      <alignment horizontal="left" vertical="center" wrapText="1"/>
    </xf>
    <xf numFmtId="0" fontId="34" fillId="17" borderId="5" xfId="0" applyFont="1" applyFill="1" applyBorder="1" applyAlignment="1">
      <alignment horizontal="left" vertical="center" wrapText="1"/>
    </xf>
    <xf numFmtId="0" fontId="34" fillId="17" borderId="5" xfId="18" applyFont="1" applyFill="1" applyBorder="1" applyAlignment="1">
      <alignment wrapText="1"/>
    </xf>
    <xf numFmtId="0" fontId="34" fillId="17" borderId="5" xfId="10" applyFont="1" applyFill="1" applyBorder="1" applyAlignment="1">
      <alignment horizontal="left" vertical="center" wrapText="1"/>
    </xf>
    <xf numFmtId="0" fontId="18" fillId="17" borderId="5" xfId="18" applyFont="1" applyFill="1" applyBorder="1" applyAlignment="1">
      <alignment vertical="center" wrapText="1"/>
    </xf>
    <xf numFmtId="165" fontId="34" fillId="17" borderId="5" xfId="10" applyNumberFormat="1" applyFont="1" applyFill="1" applyBorder="1" applyAlignment="1" applyProtection="1">
      <alignment horizontal="left" vertical="center" wrapText="1"/>
      <protection hidden="1"/>
    </xf>
    <xf numFmtId="0" fontId="34" fillId="17" borderId="5" xfId="20" applyFont="1" applyFill="1" applyBorder="1" applyAlignment="1">
      <alignment horizontal="center" vertical="center" wrapText="1"/>
    </xf>
    <xf numFmtId="165" fontId="34" fillId="17" borderId="5" xfId="20" applyNumberFormat="1" applyFont="1" applyFill="1" applyBorder="1" applyAlignment="1" applyProtection="1">
      <alignment horizontal="center" vertical="center" wrapText="1"/>
      <protection hidden="1"/>
    </xf>
    <xf numFmtId="6" fontId="34" fillId="17" borderId="5" xfId="0" applyNumberFormat="1" applyFont="1" applyFill="1" applyBorder="1" applyAlignment="1">
      <alignment horizontal="center" vertical="center" wrapText="1"/>
    </xf>
    <xf numFmtId="6" fontId="34" fillId="17" borderId="5" xfId="20" applyNumberFormat="1" applyFont="1" applyFill="1" applyBorder="1" applyAlignment="1">
      <alignment horizontal="center" vertical="center" wrapText="1"/>
    </xf>
    <xf numFmtId="0" fontId="39" fillId="22" borderId="5" xfId="10" applyFont="1" applyFill="1" applyBorder="1" applyAlignment="1" applyProtection="1">
      <alignment horizontal="center" vertical="center" wrapText="1"/>
      <protection hidden="1"/>
    </xf>
    <xf numFmtId="0" fontId="18" fillId="17" borderId="5" xfId="0" applyFont="1" applyFill="1" applyBorder="1" applyAlignment="1">
      <alignment vertical="center" wrapText="1"/>
    </xf>
    <xf numFmtId="0" fontId="18" fillId="11" borderId="0" xfId="0" applyFont="1" applyFill="1" applyAlignment="1">
      <alignment vertical="center" wrapText="1"/>
    </xf>
    <xf numFmtId="0" fontId="17" fillId="0" borderId="5" xfId="0" applyFont="1" applyBorder="1" applyAlignment="1">
      <alignment vertical="center" wrapText="1"/>
    </xf>
    <xf numFmtId="0" fontId="34" fillId="17" borderId="5" xfId="0" applyFont="1" applyFill="1" applyBorder="1" applyAlignment="1">
      <alignment wrapText="1"/>
    </xf>
    <xf numFmtId="0" fontId="18" fillId="17" borderId="5" xfId="0" applyFont="1" applyFill="1" applyBorder="1" applyAlignment="1">
      <alignment wrapText="1"/>
    </xf>
    <xf numFmtId="0" fontId="18" fillId="0" borderId="5" xfId="0" applyFont="1" applyBorder="1" applyAlignment="1">
      <alignment horizontal="center" wrapText="1"/>
    </xf>
    <xf numFmtId="44" fontId="48" fillId="0" borderId="5" xfId="9" applyFont="1" applyFill="1" applyBorder="1" applyAlignment="1">
      <alignment wrapText="1"/>
    </xf>
    <xf numFmtId="165" fontId="34" fillId="17" borderId="5" xfId="0" applyNumberFormat="1" applyFont="1" applyFill="1" applyBorder="1" applyAlignment="1">
      <alignment horizontal="center" vertical="center" wrapText="1"/>
    </xf>
    <xf numFmtId="166" fontId="34" fillId="0" borderId="5" xfId="0" applyNumberFormat="1" applyFont="1" applyBorder="1" applyAlignment="1">
      <alignment horizontal="center" vertical="center" wrapText="1"/>
    </xf>
    <xf numFmtId="0" fontId="34" fillId="17" borderId="5" xfId="0" applyFont="1" applyFill="1" applyBorder="1" applyAlignment="1">
      <alignment horizontal="center" vertical="center" wrapText="1"/>
    </xf>
    <xf numFmtId="0" fontId="35" fillId="0" borderId="5" xfId="0" applyFont="1" applyBorder="1" applyAlignment="1">
      <alignment horizontal="center" vertical="center" wrapText="1"/>
    </xf>
    <xf numFmtId="165" fontId="34" fillId="0" borderId="5" xfId="0" applyNumberFormat="1" applyFont="1" applyBorder="1" applyAlignment="1">
      <alignment horizontal="center" vertical="center" wrapText="1"/>
    </xf>
    <xf numFmtId="0" fontId="0" fillId="14" borderId="5" xfId="0" applyFill="1" applyBorder="1" applyAlignment="1">
      <alignment wrapText="1"/>
    </xf>
    <xf numFmtId="0" fontId="34" fillId="14" borderId="5" xfId="10" applyFont="1" applyFill="1" applyBorder="1" applyAlignment="1">
      <alignment horizontal="left" vertical="center" wrapText="1"/>
    </xf>
    <xf numFmtId="0" fontId="27" fillId="0" borderId="5" xfId="0" applyFont="1" applyBorder="1" applyAlignment="1">
      <alignment wrapText="1"/>
    </xf>
    <xf numFmtId="165" fontId="34" fillId="34" borderId="5" xfId="20" applyNumberFormat="1" applyFont="1" applyFill="1" applyBorder="1" applyAlignment="1" applyProtection="1">
      <alignment horizontal="center" vertical="center" wrapText="1"/>
      <protection hidden="1"/>
    </xf>
    <xf numFmtId="165" fontId="34" fillId="34" borderId="5" xfId="10" applyNumberFormat="1" applyFont="1" applyFill="1" applyBorder="1" applyAlignment="1" applyProtection="1">
      <alignment horizontal="center" vertical="center" wrapText="1"/>
      <protection hidden="1"/>
    </xf>
    <xf numFmtId="0" fontId="18" fillId="34" borderId="5" xfId="0" applyFont="1" applyFill="1" applyBorder="1" applyAlignment="1">
      <alignment horizontal="center" vertical="center" wrapText="1"/>
    </xf>
    <xf numFmtId="0" fontId="18" fillId="14" borderId="5" xfId="0" applyFont="1" applyFill="1" applyBorder="1" applyAlignment="1">
      <alignment horizontal="center" vertical="center" wrapText="1"/>
    </xf>
    <xf numFmtId="165" fontId="34" fillId="14" borderId="5" xfId="10" applyNumberFormat="1" applyFont="1" applyFill="1" applyBorder="1" applyAlignment="1" applyProtection="1">
      <alignment horizontal="center" vertical="center" wrapText="1"/>
      <protection hidden="1"/>
    </xf>
    <xf numFmtId="165" fontId="34" fillId="14" borderId="5" xfId="20" applyNumberFormat="1" applyFont="1" applyFill="1" applyBorder="1" applyAlignment="1" applyProtection="1">
      <alignment horizontal="center" vertical="center" wrapText="1"/>
      <protection hidden="1"/>
    </xf>
    <xf numFmtId="0" fontId="18" fillId="35" borderId="5" xfId="0" applyFont="1" applyFill="1" applyBorder="1" applyAlignment="1">
      <alignment horizontal="center" vertical="center" wrapText="1"/>
    </xf>
    <xf numFmtId="165" fontId="34" fillId="35" borderId="5" xfId="20" applyNumberFormat="1" applyFont="1" applyFill="1" applyBorder="1" applyAlignment="1" applyProtection="1">
      <alignment horizontal="center" vertical="center" wrapText="1"/>
      <protection hidden="1"/>
    </xf>
    <xf numFmtId="0" fontId="18" fillId="0" borderId="5" xfId="0" applyFont="1" applyBorder="1" applyAlignment="1">
      <alignment horizontal="center" vertical="center" wrapText="1"/>
    </xf>
    <xf numFmtId="165" fontId="27" fillId="25" borderId="5" xfId="20" applyNumberFormat="1" applyFont="1" applyFill="1" applyBorder="1" applyAlignment="1" applyProtection="1">
      <alignment horizontal="center" vertical="center" wrapText="1"/>
      <protection hidden="1"/>
    </xf>
    <xf numFmtId="0" fontId="27" fillId="25" borderId="5" xfId="0" applyFont="1" applyFill="1" applyBorder="1" applyAlignment="1">
      <alignment horizontal="center" vertical="center" wrapText="1"/>
    </xf>
    <xf numFmtId="0" fontId="0" fillId="0" borderId="5" xfId="0" applyBorder="1" applyAlignment="1">
      <alignment horizontal="center" vertical="center" wrapText="1"/>
    </xf>
    <xf numFmtId="0" fontId="0" fillId="36" borderId="5" xfId="0" applyFill="1" applyBorder="1" applyAlignment="1">
      <alignment wrapText="1"/>
    </xf>
    <xf numFmtId="0" fontId="34" fillId="36" borderId="5" xfId="10" applyFont="1" applyFill="1" applyBorder="1" applyAlignment="1">
      <alignment horizontal="left" vertical="center" wrapText="1"/>
    </xf>
    <xf numFmtId="0" fontId="34" fillId="36" borderId="5" xfId="0" applyFont="1" applyFill="1" applyBorder="1" applyAlignment="1">
      <alignment wrapText="1"/>
    </xf>
    <xf numFmtId="165" fontId="34" fillId="0" borderId="5" xfId="10" applyNumberFormat="1" applyFont="1" applyBorder="1" applyAlignment="1" applyProtection="1">
      <alignment horizontal="center" vertical="center" wrapText="1"/>
      <protection hidden="1"/>
    </xf>
    <xf numFmtId="165" fontId="34" fillId="9" borderId="5" xfId="20" applyNumberFormat="1" applyFont="1" applyFill="1" applyBorder="1" applyAlignment="1" applyProtection="1">
      <alignment horizontal="center" vertical="center" wrapText="1"/>
      <protection hidden="1"/>
    </xf>
    <xf numFmtId="0" fontId="18" fillId="0" borderId="5" xfId="18" applyFont="1" applyBorder="1" applyAlignment="1">
      <alignment horizontal="center" vertical="center" wrapText="1"/>
    </xf>
    <xf numFmtId="0" fontId="34" fillId="0" borderId="5" xfId="10" applyFont="1" applyBorder="1" applyAlignment="1">
      <alignment horizontal="center" vertical="center" wrapText="1"/>
    </xf>
    <xf numFmtId="0" fontId="34" fillId="0" borderId="5" xfId="18" applyFont="1" applyBorder="1" applyAlignment="1">
      <alignment horizontal="center" vertical="center" wrapText="1"/>
    </xf>
    <xf numFmtId="0" fontId="38" fillId="12" borderId="5" xfId="10" applyFont="1" applyFill="1" applyBorder="1" applyAlignment="1">
      <alignment horizontal="center" vertical="center" wrapText="1"/>
    </xf>
    <xf numFmtId="0" fontId="18" fillId="36" borderId="5" xfId="0" applyFont="1" applyFill="1" applyBorder="1" applyAlignment="1">
      <alignment horizontal="left" vertical="center" wrapText="1"/>
    </xf>
    <xf numFmtId="0" fontId="18" fillId="36" borderId="5" xfId="0" applyFont="1" applyFill="1" applyBorder="1" applyAlignment="1">
      <alignment wrapText="1"/>
    </xf>
    <xf numFmtId="0" fontId="34" fillId="36" borderId="5" xfId="20" applyFont="1" applyFill="1" applyBorder="1" applyAlignment="1">
      <alignment horizontal="left" vertical="center" wrapText="1"/>
    </xf>
    <xf numFmtId="0" fontId="36" fillId="0" borderId="5" xfId="0" applyFont="1" applyBorder="1" applyAlignment="1">
      <alignment horizontal="center" vertical="center" wrapText="1"/>
    </xf>
    <xf numFmtId="0" fontId="38" fillId="0" borderId="5" xfId="0" applyFont="1" applyBorder="1" applyAlignment="1">
      <alignment horizontal="center" vertical="center" wrapText="1"/>
    </xf>
    <xf numFmtId="0" fontId="18" fillId="0" borderId="5" xfId="18" applyFont="1" applyBorder="1" applyAlignment="1">
      <alignment horizontal="left" vertical="center" wrapText="1"/>
    </xf>
    <xf numFmtId="0" fontId="34" fillId="0" borderId="5" xfId="18" applyFont="1" applyBorder="1" applyAlignment="1">
      <alignment horizontal="left" vertical="center" wrapText="1"/>
    </xf>
    <xf numFmtId="0" fontId="34" fillId="11" borderId="0" xfId="0" applyFont="1" applyFill="1" applyAlignment="1">
      <alignment horizontal="left" vertical="center" wrapText="1"/>
    </xf>
    <xf numFmtId="0" fontId="18" fillId="17" borderId="5" xfId="0" applyFont="1" applyFill="1" applyBorder="1" applyAlignment="1">
      <alignment horizontal="center" vertical="center" wrapText="1"/>
    </xf>
    <xf numFmtId="0" fontId="18" fillId="11" borderId="5" xfId="0" applyFont="1" applyFill="1" applyBorder="1" applyAlignment="1">
      <alignment horizontal="center" vertical="center" wrapText="1"/>
    </xf>
    <xf numFmtId="0" fontId="18" fillId="9" borderId="5" xfId="0" applyFont="1" applyFill="1" applyBorder="1" applyAlignment="1">
      <alignment wrapText="1"/>
    </xf>
    <xf numFmtId="0" fontId="18" fillId="30" borderId="5" xfId="0" applyFont="1" applyFill="1" applyBorder="1" applyAlignment="1">
      <alignment wrapText="1"/>
    </xf>
    <xf numFmtId="0" fontId="18" fillId="29" borderId="5" xfId="18" applyFont="1" applyFill="1" applyBorder="1" applyAlignment="1">
      <alignment horizontal="left" wrapText="1"/>
    </xf>
    <xf numFmtId="0" fontId="18" fillId="30" borderId="5" xfId="18" applyFont="1" applyFill="1" applyBorder="1" applyAlignment="1">
      <alignment horizontal="left" wrapText="1"/>
    </xf>
    <xf numFmtId="0" fontId="18" fillId="29" borderId="5" xfId="18" applyFont="1" applyFill="1" applyBorder="1" applyAlignment="1">
      <alignment horizontal="left" vertical="center" wrapText="1"/>
    </xf>
    <xf numFmtId="0" fontId="34" fillId="29" borderId="5" xfId="18" applyFont="1" applyFill="1" applyBorder="1" applyAlignment="1">
      <alignment horizontal="left" wrapText="1"/>
    </xf>
    <xf numFmtId="0" fontId="34" fillId="30" borderId="5" xfId="18" applyFont="1" applyFill="1" applyBorder="1" applyAlignment="1">
      <alignment horizontal="left" wrapText="1"/>
    </xf>
    <xf numFmtId="0" fontId="34" fillId="31" borderId="5" xfId="0" applyFont="1" applyFill="1" applyBorder="1" applyAlignment="1">
      <alignment horizontal="left" wrapText="1"/>
    </xf>
    <xf numFmtId="0" fontId="34" fillId="14" borderId="5" xfId="20" applyFont="1" applyFill="1" applyBorder="1" applyAlignment="1">
      <alignment horizontal="center" vertical="center" wrapText="1"/>
    </xf>
    <xf numFmtId="0" fontId="38" fillId="0" borderId="11" xfId="20" applyFont="1" applyBorder="1" applyAlignment="1">
      <alignment horizontal="center" vertical="center" wrapText="1"/>
    </xf>
    <xf numFmtId="0" fontId="38" fillId="0" borderId="12" xfId="20" applyFont="1" applyBorder="1" applyAlignment="1">
      <alignment horizontal="center" vertical="center" wrapText="1"/>
    </xf>
    <xf numFmtId="0" fontId="38" fillId="12" borderId="5" xfId="20" applyFont="1" applyFill="1" applyBorder="1" applyAlignment="1">
      <alignment horizontal="center" vertical="center" wrapText="1"/>
    </xf>
    <xf numFmtId="0" fontId="34" fillId="37" borderId="5" xfId="20" applyFont="1" applyFill="1" applyBorder="1" applyAlignment="1">
      <alignment horizontal="left" vertical="center" wrapText="1"/>
    </xf>
    <xf numFmtId="0" fontId="38" fillId="12" borderId="0" xfId="20" applyFont="1" applyFill="1" applyAlignment="1">
      <alignment horizontal="center" vertical="center" wrapText="1"/>
    </xf>
    <xf numFmtId="0" fontId="38" fillId="0" borderId="0" xfId="20" applyFont="1" applyAlignment="1">
      <alignment horizontal="center" vertical="center" wrapText="1"/>
    </xf>
    <xf numFmtId="0" fontId="38" fillId="0" borderId="0" xfId="20" applyFont="1" applyAlignment="1">
      <alignment horizontal="left" vertical="center" wrapText="1"/>
    </xf>
    <xf numFmtId="0" fontId="34" fillId="0" borderId="0" xfId="20" applyFont="1" applyAlignment="1">
      <alignment horizontal="center" vertical="center" wrapText="1"/>
    </xf>
    <xf numFmtId="0" fontId="34" fillId="0" borderId="0" xfId="20" applyFont="1" applyAlignment="1">
      <alignment horizontal="left" vertical="center" wrapText="1"/>
    </xf>
    <xf numFmtId="0" fontId="34" fillId="17" borderId="0" xfId="20" applyFont="1" applyFill="1" applyAlignment="1">
      <alignment horizontal="left" vertical="center" wrapText="1"/>
    </xf>
    <xf numFmtId="0" fontId="34" fillId="29" borderId="0" xfId="20" applyFont="1" applyFill="1" applyAlignment="1">
      <alignment horizontal="left" vertical="center" wrapText="1"/>
    </xf>
    <xf numFmtId="0" fontId="18" fillId="0" borderId="0" xfId="18" applyFont="1" applyAlignment="1">
      <alignment wrapText="1"/>
    </xf>
    <xf numFmtId="165" fontId="34" fillId="17" borderId="0" xfId="20" applyNumberFormat="1" applyFont="1" applyFill="1" applyAlignment="1" applyProtection="1">
      <alignment horizontal="center" vertical="center" wrapText="1"/>
      <protection hidden="1"/>
    </xf>
    <xf numFmtId="165" fontId="34" fillId="0" borderId="0" xfId="20" applyNumberFormat="1" applyFont="1" applyAlignment="1" applyProtection="1">
      <alignment horizontal="center" vertical="center" wrapText="1"/>
      <protection hidden="1"/>
    </xf>
    <xf numFmtId="165" fontId="27" fillId="25" borderId="0" xfId="20" applyNumberFormat="1" applyFont="1" applyFill="1" applyAlignment="1" applyProtection="1">
      <alignment horizontal="center" vertical="center" wrapText="1"/>
      <protection hidden="1"/>
    </xf>
    <xf numFmtId="165" fontId="34" fillId="14" borderId="0" xfId="20" applyNumberFormat="1" applyFont="1" applyFill="1" applyAlignment="1" applyProtection="1">
      <alignment horizontal="center" vertical="center" wrapText="1"/>
      <protection hidden="1"/>
    </xf>
    <xf numFmtId="165" fontId="34" fillId="9" borderId="0" xfId="20" applyNumberFormat="1" applyFont="1" applyFill="1" applyAlignment="1" applyProtection="1">
      <alignment horizontal="center" vertical="center" wrapText="1"/>
      <protection hidden="1"/>
    </xf>
    <xf numFmtId="0" fontId="18" fillId="25" borderId="5" xfId="18" applyFont="1" applyFill="1" applyBorder="1" applyAlignment="1">
      <alignment horizontal="left" wrapText="1"/>
    </xf>
    <xf numFmtId="0" fontId="38" fillId="17" borderId="5" xfId="0" applyFont="1" applyFill="1" applyBorder="1" applyAlignment="1">
      <alignment wrapText="1"/>
    </xf>
    <xf numFmtId="0" fontId="38" fillId="17" borderId="5" xfId="0" applyFont="1" applyFill="1" applyBorder="1" applyAlignment="1">
      <alignment horizontal="center" vertical="center" wrapText="1"/>
    </xf>
    <xf numFmtId="0" fontId="38" fillId="18" borderId="5" xfId="10" applyFont="1" applyFill="1" applyBorder="1" applyAlignment="1">
      <alignment horizontal="center" vertical="center" wrapText="1"/>
    </xf>
    <xf numFmtId="0" fontId="38" fillId="18" borderId="5" xfId="0" applyFont="1" applyFill="1" applyBorder="1" applyAlignment="1">
      <alignment wrapText="1"/>
    </xf>
    <xf numFmtId="0" fontId="49" fillId="25" borderId="5" xfId="10" applyFont="1" applyFill="1" applyBorder="1" applyAlignment="1">
      <alignment horizontal="left" vertical="center" wrapText="1"/>
    </xf>
    <xf numFmtId="0" fontId="18" fillId="25" borderId="5" xfId="0" applyFont="1" applyFill="1" applyBorder="1" applyAlignment="1">
      <alignment horizontal="center" vertical="center" wrapText="1"/>
    </xf>
    <xf numFmtId="0" fontId="38" fillId="0" borderId="5" xfId="29" applyFont="1" applyBorder="1" applyAlignment="1">
      <alignment horizontal="center" vertical="center" wrapText="1"/>
    </xf>
    <xf numFmtId="0" fontId="34" fillId="0" borderId="5" xfId="29" applyFont="1" applyBorder="1" applyAlignment="1">
      <alignment horizontal="left" vertical="center" wrapText="1"/>
    </xf>
    <xf numFmtId="165" fontId="34" fillId="14" borderId="5" xfId="28" applyNumberFormat="1" applyFont="1" applyFill="1" applyBorder="1" applyAlignment="1" applyProtection="1">
      <alignment horizontal="center" vertical="center" wrapText="1"/>
      <protection hidden="1"/>
    </xf>
    <xf numFmtId="0" fontId="0" fillId="11" borderId="5" xfId="0" applyFill="1" applyBorder="1" applyAlignment="1">
      <alignment horizontal="center" vertical="center" wrapText="1"/>
    </xf>
    <xf numFmtId="0" fontId="34" fillId="11" borderId="5" xfId="0" applyFont="1" applyFill="1" applyBorder="1" applyAlignment="1">
      <alignment horizontal="left" vertical="center" wrapText="1"/>
    </xf>
    <xf numFmtId="0" fontId="38" fillId="0" borderId="5" xfId="40" applyFont="1" applyBorder="1" applyAlignment="1">
      <alignment horizontal="center" vertical="center" wrapText="1"/>
    </xf>
    <xf numFmtId="0" fontId="0" fillId="17" borderId="5" xfId="0" applyFill="1" applyBorder="1" applyAlignment="1">
      <alignment horizontal="left" vertical="center" wrapText="1"/>
    </xf>
    <xf numFmtId="0" fontId="0" fillId="36" borderId="5" xfId="0" applyFill="1" applyBorder="1" applyAlignment="1">
      <alignment horizontal="left" vertical="center" wrapText="1"/>
    </xf>
    <xf numFmtId="0" fontId="0" fillId="17" borderId="5" xfId="0" applyFill="1" applyBorder="1" applyAlignment="1">
      <alignment horizontal="center" vertical="center" wrapText="1"/>
    </xf>
    <xf numFmtId="165" fontId="34" fillId="25" borderId="5" xfId="39" applyNumberFormat="1" applyFont="1" applyFill="1" applyBorder="1" applyAlignment="1" applyProtection="1">
      <alignment horizontal="center" vertical="center" wrapText="1"/>
      <protection hidden="1"/>
    </xf>
    <xf numFmtId="0" fontId="38" fillId="0" borderId="5" xfId="39" applyFont="1" applyBorder="1" applyAlignment="1">
      <alignment horizontal="center" vertical="center" wrapText="1"/>
    </xf>
    <xf numFmtId="165" fontId="34" fillId="0" borderId="5" xfId="39" applyNumberFormat="1" applyFont="1" applyBorder="1" applyAlignment="1" applyProtection="1">
      <alignment horizontal="center" vertical="center" wrapText="1"/>
      <protection hidden="1"/>
    </xf>
    <xf numFmtId="0" fontId="17" fillId="11" borderId="5" xfId="0" applyFont="1" applyFill="1" applyBorder="1" applyAlignment="1">
      <alignment horizontal="center" vertical="center" wrapText="1"/>
    </xf>
    <xf numFmtId="165" fontId="18" fillId="0" borderId="5" xfId="0" applyNumberFormat="1" applyFont="1" applyBorder="1" applyAlignment="1">
      <alignment horizontal="center" vertical="center" wrapText="1"/>
    </xf>
    <xf numFmtId="165" fontId="36" fillId="0" borderId="5" xfId="39" applyNumberFormat="1" applyFont="1" applyBorder="1" applyAlignment="1">
      <alignment horizontal="center" vertical="center" wrapText="1"/>
    </xf>
    <xf numFmtId="0" fontId="34" fillId="11" borderId="5" xfId="0" applyFont="1" applyFill="1" applyBorder="1" applyAlignment="1">
      <alignment horizontal="center" vertical="center" wrapText="1"/>
    </xf>
    <xf numFmtId="6" fontId="18" fillId="11" borderId="0" xfId="0" applyNumberFormat="1" applyFont="1" applyFill="1" applyAlignment="1">
      <alignment wrapText="1"/>
    </xf>
    <xf numFmtId="0" fontId="17" fillId="0" borderId="0" xfId="0" applyFont="1"/>
    <xf numFmtId="0" fontId="38" fillId="0" borderId="0" xfId="0" applyFont="1"/>
    <xf numFmtId="0" fontId="18" fillId="11" borderId="9" xfId="0" applyFont="1" applyFill="1" applyBorder="1" applyAlignment="1">
      <alignment wrapText="1"/>
    </xf>
    <xf numFmtId="6" fontId="18" fillId="11" borderId="9" xfId="0" applyNumberFormat="1" applyFont="1" applyFill="1" applyBorder="1" applyAlignment="1">
      <alignment wrapText="1"/>
    </xf>
    <xf numFmtId="0" fontId="38" fillId="0" borderId="9" xfId="0" applyFont="1" applyBorder="1"/>
    <xf numFmtId="6" fontId="0" fillId="11" borderId="9" xfId="0" applyNumberFormat="1" applyFill="1" applyBorder="1" applyAlignment="1">
      <alignment wrapText="1"/>
    </xf>
    <xf numFmtId="0" fontId="0" fillId="11" borderId="0" xfId="0" applyFill="1" applyAlignment="1">
      <alignment wrapText="1"/>
    </xf>
    <xf numFmtId="6" fontId="0" fillId="11" borderId="0" xfId="0" applyNumberFormat="1" applyFill="1" applyAlignment="1">
      <alignment wrapText="1"/>
    </xf>
    <xf numFmtId="0" fontId="0" fillId="11" borderId="9" xfId="0" applyFill="1" applyBorder="1" applyAlignment="1">
      <alignment wrapText="1"/>
    </xf>
    <xf numFmtId="0" fontId="0" fillId="35" borderId="5" xfId="0" applyFill="1" applyBorder="1" applyAlignment="1">
      <alignment horizontal="center" vertical="center" wrapText="1"/>
    </xf>
    <xf numFmtId="164" fontId="0" fillId="0" borderId="5" xfId="0" applyNumberFormat="1" applyBorder="1" applyAlignment="1">
      <alignment horizontal="left" vertical="center" wrapText="1"/>
    </xf>
    <xf numFmtId="0" fontId="34" fillId="0" borderId="5" xfId="47" applyFont="1" applyBorder="1" applyAlignment="1">
      <alignment horizontal="center" vertical="center" wrapText="1"/>
    </xf>
    <xf numFmtId="164" fontId="39" fillId="34" borderId="5" xfId="10" applyNumberFormat="1" applyFont="1" applyFill="1" applyBorder="1" applyAlignment="1" applyProtection="1">
      <alignment horizontal="center" vertical="center" wrapText="1"/>
      <protection hidden="1"/>
    </xf>
    <xf numFmtId="165" fontId="34" fillId="0" borderId="5" xfId="19" applyNumberFormat="1" applyFont="1" applyFill="1" applyBorder="1" applyAlignment="1">
      <alignment horizontal="center" vertical="center" wrapText="1"/>
    </xf>
    <xf numFmtId="164" fontId="39" fillId="22" borderId="5" xfId="10" applyNumberFormat="1" applyFont="1" applyFill="1" applyBorder="1" applyAlignment="1" applyProtection="1">
      <alignment horizontal="center" vertical="center" wrapText="1"/>
      <protection hidden="1"/>
    </xf>
    <xf numFmtId="0" fontId="34" fillId="0" borderId="5" xfId="39" applyFont="1" applyBorder="1" applyAlignment="1">
      <alignment horizontal="center" vertical="center" wrapText="1"/>
    </xf>
    <xf numFmtId="165" fontId="18" fillId="25" borderId="5" xfId="0" applyNumberFormat="1" applyFont="1" applyFill="1" applyBorder="1" applyAlignment="1">
      <alignment horizontal="center" vertical="center" wrapText="1"/>
    </xf>
    <xf numFmtId="165" fontId="18" fillId="11" borderId="5" xfId="0" applyNumberFormat="1" applyFont="1" applyFill="1" applyBorder="1" applyAlignment="1">
      <alignment horizontal="center" vertical="center" wrapText="1"/>
    </xf>
    <xf numFmtId="165" fontId="0" fillId="0" borderId="5" xfId="0" applyNumberFormat="1" applyBorder="1" applyAlignment="1">
      <alignment horizontal="center" vertical="center" wrapText="1"/>
    </xf>
    <xf numFmtId="164" fontId="18" fillId="0" borderId="5" xfId="9" applyNumberFormat="1" applyFont="1" applyFill="1" applyBorder="1" applyAlignment="1">
      <alignment horizontal="center" vertical="center" wrapText="1"/>
    </xf>
    <xf numFmtId="165" fontId="0" fillId="11" borderId="5" xfId="0" applyNumberFormat="1" applyFill="1" applyBorder="1" applyAlignment="1">
      <alignment horizontal="center" vertical="center" wrapText="1"/>
    </xf>
    <xf numFmtId="165" fontId="36" fillId="38" borderId="5" xfId="0" applyNumberFormat="1" applyFont="1" applyFill="1" applyBorder="1" applyAlignment="1">
      <alignment horizontal="center" vertical="center" wrapText="1"/>
    </xf>
    <xf numFmtId="165" fontId="34" fillId="0" borderId="5" xfId="47" applyNumberFormat="1" applyFont="1" applyBorder="1" applyAlignment="1">
      <alignment horizontal="center" vertical="center" wrapText="1"/>
    </xf>
    <xf numFmtId="2" fontId="0" fillId="0" borderId="0" xfId="0" applyNumberFormat="1"/>
    <xf numFmtId="0" fontId="18" fillId="0" borderId="7" xfId="0" applyFont="1" applyBorder="1" applyAlignment="1">
      <alignment wrapText="1"/>
    </xf>
    <xf numFmtId="0" fontId="38" fillId="0" borderId="7" xfId="10" applyFont="1" applyBorder="1" applyAlignment="1">
      <alignment horizontal="center" vertical="center" wrapText="1"/>
    </xf>
    <xf numFmtId="0" fontId="38" fillId="0" borderId="7" xfId="10" applyFont="1" applyBorder="1" applyAlignment="1">
      <alignment horizontal="left" vertical="center" wrapText="1"/>
    </xf>
    <xf numFmtId="0" fontId="18" fillId="0" borderId="7" xfId="0" applyFont="1" applyBorder="1" applyAlignment="1">
      <alignment horizontal="center" vertical="center" wrapText="1"/>
    </xf>
    <xf numFmtId="0" fontId="34" fillId="0" borderId="7" xfId="0" applyFont="1" applyBorder="1" applyAlignment="1">
      <alignment horizontal="left" vertical="center" wrapText="1"/>
    </xf>
    <xf numFmtId="0" fontId="34" fillId="17" borderId="7" xfId="0" applyFont="1" applyFill="1" applyBorder="1" applyAlignment="1">
      <alignment horizontal="left" vertical="center" wrapText="1"/>
    </xf>
    <xf numFmtId="0" fontId="18" fillId="0" borderId="7" xfId="0" applyFont="1" applyBorder="1" applyAlignment="1">
      <alignment horizontal="left" vertical="center" wrapText="1"/>
    </xf>
    <xf numFmtId="0" fontId="18" fillId="36" borderId="7" xfId="0" applyFont="1" applyFill="1" applyBorder="1" applyAlignment="1">
      <alignment horizontal="left" vertical="center" wrapText="1"/>
    </xf>
    <xf numFmtId="0" fontId="18" fillId="17" borderId="7" xfId="0" applyFont="1" applyFill="1" applyBorder="1" applyAlignment="1">
      <alignment horizontal="left" vertical="center" wrapText="1"/>
    </xf>
    <xf numFmtId="165" fontId="18" fillId="0" borderId="7" xfId="0" applyNumberFormat="1" applyFont="1" applyBorder="1" applyAlignment="1">
      <alignment horizontal="center" vertical="center" wrapText="1"/>
    </xf>
    <xf numFmtId="0" fontId="18" fillId="35" borderId="7" xfId="0" applyFont="1" applyFill="1" applyBorder="1" applyAlignment="1">
      <alignment horizontal="center" vertical="center" wrapText="1"/>
    </xf>
    <xf numFmtId="164" fontId="18" fillId="0" borderId="7" xfId="0" applyNumberFormat="1" applyFont="1" applyBorder="1" applyAlignment="1">
      <alignment horizontal="left" vertical="center" wrapText="1"/>
    </xf>
    <xf numFmtId="164" fontId="18" fillId="0" borderId="7" xfId="9" applyNumberFormat="1" applyFont="1" applyFill="1" applyBorder="1" applyAlignment="1">
      <alignment horizontal="left" vertical="center" wrapText="1"/>
    </xf>
    <xf numFmtId="6" fontId="18" fillId="11" borderId="5" xfId="0" applyNumberFormat="1" applyFont="1" applyFill="1" applyBorder="1" applyAlignment="1">
      <alignment horizontal="center" vertical="center" wrapText="1"/>
    </xf>
    <xf numFmtId="0" fontId="38" fillId="0" borderId="11" xfId="10" applyFont="1" applyBorder="1" applyAlignment="1">
      <alignment horizontal="center" vertical="center" wrapText="1"/>
    </xf>
    <xf numFmtId="0" fontId="34" fillId="0" borderId="7" xfId="10" applyFont="1" applyBorder="1" applyAlignment="1">
      <alignment horizontal="left" vertical="center" wrapText="1"/>
    </xf>
    <xf numFmtId="0" fontId="34" fillId="17" borderId="12" xfId="0" applyFont="1" applyFill="1" applyBorder="1" applyAlignment="1">
      <alignment horizontal="left" vertical="center" wrapText="1"/>
    </xf>
    <xf numFmtId="0" fontId="0" fillId="39" borderId="0" xfId="0" applyFill="1"/>
    <xf numFmtId="0" fontId="34" fillId="39" borderId="0" xfId="0" applyFont="1" applyFill="1" applyAlignment="1">
      <alignment horizontal="left" vertical="center" wrapText="1"/>
    </xf>
    <xf numFmtId="0" fontId="34" fillId="39" borderId="0" xfId="20" applyFont="1" applyFill="1" applyAlignment="1">
      <alignment horizontal="left" vertical="center"/>
    </xf>
    <xf numFmtId="0" fontId="51" fillId="0" borderId="0" xfId="0" applyFont="1"/>
    <xf numFmtId="0" fontId="34" fillId="13" borderId="7" xfId="10" applyFont="1" applyFill="1" applyBorder="1" applyAlignment="1">
      <alignment horizontal="left" vertical="center" wrapText="1"/>
    </xf>
    <xf numFmtId="0" fontId="0" fillId="0" borderId="7" xfId="0" applyBorder="1" applyAlignment="1">
      <alignment wrapText="1"/>
    </xf>
    <xf numFmtId="0" fontId="18" fillId="31" borderId="7" xfId="0" applyFont="1" applyFill="1" applyBorder="1" applyAlignment="1">
      <alignment horizontal="left" vertical="center" wrapText="1"/>
    </xf>
    <xf numFmtId="0" fontId="0" fillId="0" borderId="5" xfId="18" applyFont="1" applyBorder="1" applyAlignment="1">
      <alignment horizontal="center" vertical="center" wrapText="1"/>
    </xf>
    <xf numFmtId="0" fontId="0" fillId="14" borderId="5" xfId="0" applyFill="1" applyBorder="1" applyAlignment="1">
      <alignment horizontal="center" vertical="center" wrapText="1"/>
    </xf>
    <xf numFmtId="0" fontId="2" fillId="0" borderId="0" xfId="53"/>
    <xf numFmtId="0" fontId="2" fillId="0" borderId="0" xfId="53" applyAlignment="1">
      <alignment wrapText="1"/>
    </xf>
    <xf numFmtId="0" fontId="54" fillId="41" borderId="17" xfId="53" applyFont="1" applyFill="1" applyBorder="1" applyAlignment="1">
      <alignment wrapText="1"/>
    </xf>
    <xf numFmtId="0" fontId="54" fillId="41" borderId="15" xfId="53" applyFont="1" applyFill="1" applyBorder="1" applyAlignment="1">
      <alignment wrapText="1"/>
    </xf>
    <xf numFmtId="0" fontId="54" fillId="41" borderId="16" xfId="53" applyFont="1" applyFill="1" applyBorder="1" applyAlignment="1">
      <alignment wrapText="1"/>
    </xf>
    <xf numFmtId="0" fontId="54" fillId="41" borderId="14" xfId="53" applyFont="1" applyFill="1" applyBorder="1" applyAlignment="1">
      <alignment wrapText="1"/>
    </xf>
    <xf numFmtId="165" fontId="2" fillId="0" borderId="0" xfId="53" applyNumberFormat="1" applyAlignment="1">
      <alignment wrapText="1"/>
    </xf>
    <xf numFmtId="0" fontId="56" fillId="0" borderId="0" xfId="53" applyFont="1"/>
    <xf numFmtId="0" fontId="2" fillId="0" borderId="5" xfId="53" applyBorder="1"/>
    <xf numFmtId="0" fontId="53" fillId="40" borderId="5" xfId="53" applyFont="1" applyFill="1" applyBorder="1" applyAlignment="1">
      <alignment wrapText="1"/>
    </xf>
    <xf numFmtId="0" fontId="53" fillId="41" borderId="5" xfId="53" applyFont="1" applyFill="1" applyBorder="1" applyAlignment="1">
      <alignment wrapText="1"/>
    </xf>
    <xf numFmtId="0" fontId="57" fillId="41" borderId="5" xfId="53" applyFont="1" applyFill="1" applyBorder="1" applyAlignment="1">
      <alignment horizontal="center" wrapText="1"/>
    </xf>
    <xf numFmtId="165" fontId="53" fillId="40" borderId="5" xfId="53" applyNumberFormat="1" applyFont="1" applyFill="1" applyBorder="1" applyAlignment="1">
      <alignment wrapText="1"/>
    </xf>
    <xf numFmtId="0" fontId="56" fillId="0" borderId="5" xfId="53" applyFont="1" applyBorder="1"/>
    <xf numFmtId="0" fontId="58" fillId="0" borderId="5" xfId="53" applyFont="1" applyBorder="1" applyAlignment="1">
      <alignment wrapText="1"/>
    </xf>
    <xf numFmtId="0" fontId="59" fillId="40" borderId="5" xfId="53" applyFont="1" applyFill="1" applyBorder="1" applyAlignment="1">
      <alignment wrapText="1"/>
    </xf>
    <xf numFmtId="0" fontId="60" fillId="41" borderId="5" xfId="53" applyFont="1" applyFill="1" applyBorder="1" applyAlignment="1">
      <alignment wrapText="1"/>
    </xf>
    <xf numFmtId="0" fontId="53" fillId="49" borderId="5" xfId="53" applyFont="1" applyFill="1" applyBorder="1" applyAlignment="1">
      <alignment wrapText="1"/>
    </xf>
    <xf numFmtId="165" fontId="59" fillId="40" borderId="5" xfId="53" applyNumberFormat="1" applyFont="1" applyFill="1" applyBorder="1" applyAlignment="1">
      <alignment wrapText="1"/>
    </xf>
    <xf numFmtId="0" fontId="60" fillId="40" borderId="5" xfId="53" applyFont="1" applyFill="1" applyBorder="1" applyAlignment="1">
      <alignment wrapText="1"/>
    </xf>
    <xf numFmtId="0" fontId="2" fillId="0" borderId="5" xfId="53" applyBorder="1" applyAlignment="1">
      <alignment wrapText="1"/>
    </xf>
    <xf numFmtId="0" fontId="2" fillId="13" borderId="5" xfId="53" applyFill="1" applyBorder="1" applyAlignment="1">
      <alignment wrapText="1"/>
    </xf>
    <xf numFmtId="0" fontId="31" fillId="0" borderId="5" xfId="53" applyFont="1" applyBorder="1" applyAlignment="1">
      <alignment wrapText="1"/>
    </xf>
    <xf numFmtId="0" fontId="31" fillId="41" borderId="5" xfId="53" applyFont="1" applyFill="1" applyBorder="1" applyAlignment="1">
      <alignment wrapText="1"/>
    </xf>
    <xf numFmtId="165" fontId="2" fillId="0" borderId="5" xfId="53" applyNumberFormat="1" applyBorder="1" applyAlignment="1">
      <alignment wrapText="1"/>
    </xf>
    <xf numFmtId="44" fontId="0" fillId="18" borderId="5" xfId="55" applyFont="1" applyFill="1" applyBorder="1" applyAlignment="1">
      <alignment wrapText="1"/>
    </xf>
    <xf numFmtId="0" fontId="2" fillId="18" borderId="5" xfId="53" applyFill="1" applyBorder="1" applyAlignment="1">
      <alignment wrapText="1"/>
    </xf>
    <xf numFmtId="0" fontId="31" fillId="18" borderId="5" xfId="53" applyFont="1" applyFill="1" applyBorder="1"/>
    <xf numFmtId="1" fontId="56" fillId="0" borderId="5" xfId="53" applyNumberFormat="1" applyFont="1" applyBorder="1"/>
    <xf numFmtId="0" fontId="2" fillId="41" borderId="5" xfId="53" applyFill="1" applyBorder="1" applyAlignment="1">
      <alignment wrapText="1"/>
    </xf>
    <xf numFmtId="0" fontId="2" fillId="42" borderId="5" xfId="53" applyFill="1" applyBorder="1" applyAlignment="1">
      <alignment wrapText="1"/>
    </xf>
    <xf numFmtId="0" fontId="31" fillId="13" borderId="5" xfId="53" applyFont="1" applyFill="1" applyBorder="1" applyAlignment="1">
      <alignment wrapText="1"/>
    </xf>
    <xf numFmtId="165" fontId="31" fillId="0" borderId="5" xfId="53" applyNumberFormat="1" applyFont="1" applyBorder="1" applyAlignment="1">
      <alignment wrapText="1"/>
    </xf>
    <xf numFmtId="44" fontId="31" fillId="18" borderId="5" xfId="55" applyFont="1" applyFill="1" applyBorder="1" applyAlignment="1">
      <alignment wrapText="1"/>
    </xf>
    <xf numFmtId="0" fontId="31" fillId="18" borderId="5" xfId="53" applyFont="1" applyFill="1" applyBorder="1" applyAlignment="1">
      <alignment wrapText="1"/>
    </xf>
    <xf numFmtId="0" fontId="2" fillId="25" borderId="5" xfId="53" applyFill="1" applyBorder="1" applyAlignment="1">
      <alignment wrapText="1"/>
    </xf>
    <xf numFmtId="44" fontId="0" fillId="20" borderId="5" xfId="55" applyFont="1" applyFill="1" applyBorder="1" applyAlignment="1">
      <alignment wrapText="1"/>
    </xf>
    <xf numFmtId="0" fontId="2" fillId="20" borderId="5" xfId="53" applyFill="1" applyBorder="1" applyAlignment="1">
      <alignment wrapText="1"/>
    </xf>
    <xf numFmtId="0" fontId="50" fillId="0" borderId="5" xfId="53" applyFont="1" applyBorder="1" applyAlignment="1">
      <alignment wrapText="1"/>
    </xf>
    <xf numFmtId="0" fontId="50" fillId="43" borderId="5" xfId="53" applyFont="1" applyFill="1" applyBorder="1" applyAlignment="1">
      <alignment wrapText="1"/>
    </xf>
    <xf numFmtId="0" fontId="2" fillId="43" borderId="5" xfId="53" applyFill="1" applyBorder="1" applyAlignment="1">
      <alignment wrapText="1"/>
    </xf>
    <xf numFmtId="9" fontId="0" fillId="43" borderId="5" xfId="54" applyFont="1" applyFill="1" applyBorder="1" applyAlignment="1">
      <alignment wrapText="1"/>
    </xf>
    <xf numFmtId="0" fontId="2" fillId="45" borderId="5" xfId="53" applyFill="1" applyBorder="1" applyAlignment="1">
      <alignment wrapText="1"/>
    </xf>
    <xf numFmtId="0" fontId="2" fillId="18" borderId="5" xfId="53" applyFill="1" applyBorder="1"/>
    <xf numFmtId="0" fontId="50" fillId="25" borderId="5" xfId="53" applyFont="1" applyFill="1" applyBorder="1" applyAlignment="1">
      <alignment wrapText="1"/>
    </xf>
    <xf numFmtId="0" fontId="2" fillId="29" borderId="5" xfId="53" applyFill="1" applyBorder="1" applyAlignment="1">
      <alignment wrapText="1"/>
    </xf>
    <xf numFmtId="0" fontId="54" fillId="46" borderId="5" xfId="53" applyFont="1" applyFill="1" applyBorder="1" applyAlignment="1">
      <alignment wrapText="1"/>
    </xf>
    <xf numFmtId="9" fontId="50" fillId="43" borderId="5" xfId="54" applyFont="1" applyFill="1" applyBorder="1" applyAlignment="1">
      <alignment wrapText="1"/>
    </xf>
    <xf numFmtId="0" fontId="55" fillId="0" borderId="5" xfId="53" applyFont="1" applyBorder="1" applyAlignment="1">
      <alignment wrapText="1"/>
    </xf>
    <xf numFmtId="0" fontId="55" fillId="13" borderId="5" xfId="53" applyFont="1" applyFill="1" applyBorder="1" applyAlignment="1">
      <alignment wrapText="1"/>
    </xf>
    <xf numFmtId="0" fontId="50" fillId="44" borderId="5" xfId="53" applyFont="1" applyFill="1" applyBorder="1" applyAlignment="1">
      <alignment wrapText="1"/>
    </xf>
    <xf numFmtId="0" fontId="55" fillId="44" borderId="5" xfId="53" applyFont="1" applyFill="1" applyBorder="1" applyAlignment="1">
      <alignment wrapText="1"/>
    </xf>
    <xf numFmtId="0" fontId="2" fillId="44" borderId="5" xfId="53" applyFill="1" applyBorder="1" applyAlignment="1">
      <alignment wrapText="1"/>
    </xf>
    <xf numFmtId="9" fontId="55" fillId="44" borderId="5" xfId="54" applyFont="1" applyFill="1" applyBorder="1" applyAlignment="1">
      <alignment wrapText="1"/>
    </xf>
    <xf numFmtId="165" fontId="55" fillId="0" borderId="5" xfId="53" applyNumberFormat="1" applyFont="1" applyBorder="1" applyAlignment="1">
      <alignment wrapText="1"/>
    </xf>
    <xf numFmtId="0" fontId="55" fillId="28" borderId="5" xfId="53" applyFont="1" applyFill="1" applyBorder="1" applyAlignment="1">
      <alignment wrapText="1"/>
    </xf>
    <xf numFmtId="0" fontId="54" fillId="28" borderId="5" xfId="53" applyFont="1" applyFill="1" applyBorder="1" applyAlignment="1">
      <alignment wrapText="1"/>
    </xf>
    <xf numFmtId="44" fontId="0" fillId="45" borderId="5" xfId="55" applyFont="1" applyFill="1" applyBorder="1" applyAlignment="1">
      <alignment wrapText="1"/>
    </xf>
    <xf numFmtId="0" fontId="50" fillId="13" borderId="5" xfId="53" applyFont="1" applyFill="1" applyBorder="1" applyAlignment="1">
      <alignment wrapText="1"/>
    </xf>
    <xf numFmtId="44" fontId="0" fillId="47" borderId="5" xfId="55" applyFont="1" applyFill="1" applyBorder="1" applyAlignment="1">
      <alignment wrapText="1"/>
    </xf>
    <xf numFmtId="0" fontId="2" fillId="48" borderId="5" xfId="53" applyFill="1" applyBorder="1" applyAlignment="1">
      <alignment wrapText="1"/>
    </xf>
    <xf numFmtId="0" fontId="2" fillId="47" borderId="5" xfId="53" applyFill="1" applyBorder="1"/>
    <xf numFmtId="0" fontId="31" fillId="42" borderId="5" xfId="53" applyFont="1" applyFill="1" applyBorder="1" applyAlignment="1">
      <alignment wrapText="1"/>
    </xf>
    <xf numFmtId="0" fontId="2" fillId="47" borderId="5" xfId="53" applyFill="1" applyBorder="1" applyAlignment="1">
      <alignment wrapText="1"/>
    </xf>
    <xf numFmtId="2" fontId="0" fillId="41" borderId="5" xfId="54" applyNumberFormat="1" applyFont="1" applyFill="1" applyBorder="1" applyAlignment="1">
      <alignment wrapText="1"/>
    </xf>
    <xf numFmtId="2" fontId="2" fillId="42" borderId="5" xfId="53" applyNumberFormat="1" applyFill="1" applyBorder="1" applyAlignment="1">
      <alignment wrapText="1"/>
    </xf>
    <xf numFmtId="2" fontId="39" fillId="6" borderId="5" xfId="10" applyNumberFormat="1" applyFont="1" applyFill="1" applyBorder="1" applyAlignment="1">
      <alignment horizontal="center" vertical="center" wrapText="1"/>
    </xf>
    <xf numFmtId="2" fontId="39" fillId="18" borderId="5" xfId="10" applyNumberFormat="1" applyFont="1" applyFill="1" applyBorder="1" applyAlignment="1">
      <alignment horizontal="center" vertical="center" wrapText="1"/>
    </xf>
    <xf numFmtId="2" fontId="34" fillId="0" borderId="5" xfId="20" applyNumberFormat="1" applyFont="1" applyBorder="1" applyAlignment="1" applyProtection="1">
      <alignment horizontal="center" vertical="center" wrapText="1"/>
      <protection hidden="1"/>
    </xf>
    <xf numFmtId="2" fontId="0" fillId="43" borderId="5" xfId="54" applyNumberFormat="1" applyFont="1" applyFill="1" applyBorder="1" applyAlignment="1">
      <alignment wrapText="1"/>
    </xf>
    <xf numFmtId="2" fontId="55" fillId="44" borderId="5" xfId="54" applyNumberFormat="1" applyFont="1" applyFill="1" applyBorder="1" applyAlignment="1">
      <alignment wrapText="1"/>
    </xf>
    <xf numFmtId="0" fontId="54" fillId="41" borderId="0" xfId="53" applyFont="1" applyFill="1" applyAlignment="1">
      <alignment wrapText="1"/>
    </xf>
    <xf numFmtId="0" fontId="34" fillId="25" borderId="9" xfId="10" applyFont="1" applyFill="1" applyBorder="1" applyAlignment="1">
      <alignment horizontal="left" vertical="center" wrapText="1"/>
    </xf>
    <xf numFmtId="0" fontId="61" fillId="25" borderId="5" xfId="53" applyFont="1" applyFill="1" applyBorder="1" applyAlignment="1">
      <alignment wrapText="1"/>
    </xf>
    <xf numFmtId="44" fontId="2" fillId="0" borderId="0" xfId="53" applyNumberFormat="1" applyAlignment="1">
      <alignment wrapText="1"/>
    </xf>
    <xf numFmtId="0" fontId="0" fillId="0" borderId="5" xfId="47" applyFont="1" applyBorder="1" applyAlignment="1">
      <alignment horizontal="center" vertical="center" wrapText="1"/>
    </xf>
    <xf numFmtId="165" fontId="0" fillId="0" borderId="5" xfId="47" applyNumberFormat="1" applyFont="1" applyBorder="1" applyAlignment="1">
      <alignment horizontal="center" vertical="center" wrapText="1"/>
    </xf>
    <xf numFmtId="165" fontId="0" fillId="0" borderId="5" xfId="19" applyNumberFormat="1" applyFont="1" applyFill="1" applyBorder="1" applyAlignment="1">
      <alignment horizontal="center" vertical="center" wrapText="1"/>
    </xf>
    <xf numFmtId="0" fontId="0" fillId="0" borderId="5" xfId="18" applyFont="1" applyBorder="1" applyAlignment="1">
      <alignment horizontal="left" vertical="center" wrapText="1"/>
    </xf>
    <xf numFmtId="165" fontId="0" fillId="0" borderId="5" xfId="18" applyNumberFormat="1" applyFont="1" applyBorder="1" applyAlignment="1">
      <alignment horizontal="center" vertical="center" wrapText="1"/>
    </xf>
    <xf numFmtId="0" fontId="0" fillId="11" borderId="0" xfId="0" applyFill="1" applyAlignment="1">
      <alignment vertical="center" wrapText="1"/>
    </xf>
    <xf numFmtId="0" fontId="0" fillId="11" borderId="0" xfId="0" applyFill="1" applyAlignment="1">
      <alignment horizontal="center" vertical="center" wrapText="1"/>
    </xf>
    <xf numFmtId="165" fontId="0" fillId="11" borderId="0" xfId="0" applyNumberFormat="1" applyFill="1" applyAlignment="1">
      <alignment horizontal="center" vertical="center" wrapText="1"/>
    </xf>
    <xf numFmtId="0" fontId="0" fillId="11" borderId="5" xfId="0" applyFill="1" applyBorder="1" applyAlignment="1">
      <alignment vertical="center" wrapText="1"/>
    </xf>
    <xf numFmtId="6" fontId="18" fillId="0" borderId="5" xfId="0" applyNumberFormat="1" applyFont="1" applyBorder="1" applyAlignment="1">
      <alignment horizontal="center" vertical="center" wrapText="1"/>
    </xf>
    <xf numFmtId="1" fontId="39" fillId="6" borderId="5" xfId="10" applyNumberFormat="1" applyFont="1" applyFill="1" applyBorder="1" applyAlignment="1">
      <alignment horizontal="center" vertical="center" wrapText="1"/>
    </xf>
    <xf numFmtId="1" fontId="39" fillId="18" borderId="5" xfId="10" applyNumberFormat="1" applyFont="1" applyFill="1" applyBorder="1" applyAlignment="1">
      <alignment horizontal="center" vertical="center" wrapText="1"/>
    </xf>
    <xf numFmtId="165" fontId="0" fillId="31" borderId="0" xfId="0" applyNumberFormat="1" applyFill="1" applyAlignment="1">
      <alignment horizontal="center" vertical="center" wrapText="1"/>
    </xf>
    <xf numFmtId="165" fontId="0" fillId="11" borderId="0" xfId="0" applyNumberFormat="1" applyFill="1" applyAlignment="1">
      <alignment vertical="center" wrapText="1"/>
    </xf>
    <xf numFmtId="165" fontId="34" fillId="11" borderId="0" xfId="0" applyNumberFormat="1" applyFont="1" applyFill="1" applyAlignment="1">
      <alignment horizontal="left" vertical="center" wrapText="1"/>
    </xf>
    <xf numFmtId="165" fontId="0" fillId="31" borderId="0" xfId="0" applyNumberFormat="1" applyFill="1" applyAlignment="1">
      <alignment vertical="center" wrapText="1"/>
    </xf>
    <xf numFmtId="0" fontId="0" fillId="0" borderId="0" xfId="0" applyAlignment="1">
      <alignment horizontal="center" vertical="center" wrapText="1"/>
    </xf>
    <xf numFmtId="165" fontId="0" fillId="0" borderId="0" xfId="0" applyNumberFormat="1" applyAlignment="1">
      <alignment horizontal="center" vertical="center" wrapText="1"/>
    </xf>
    <xf numFmtId="0" fontId="39" fillId="19" borderId="5" xfId="10" applyFont="1" applyFill="1" applyBorder="1" applyAlignment="1">
      <alignment horizontal="center" vertical="center" wrapText="1"/>
    </xf>
    <xf numFmtId="0" fontId="39" fillId="8" borderId="5" xfId="10" applyFont="1" applyFill="1" applyBorder="1" applyAlignment="1">
      <alignment horizontal="center" vertical="center" wrapText="1"/>
    </xf>
    <xf numFmtId="0" fontId="39" fillId="20" borderId="5" xfId="10" applyFont="1" applyFill="1" applyBorder="1" applyAlignment="1">
      <alignment horizontal="center" vertical="center" wrapText="1"/>
    </xf>
    <xf numFmtId="0" fontId="39" fillId="15" borderId="5" xfId="10" applyFont="1" applyFill="1" applyBorder="1" applyAlignment="1">
      <alignment horizontal="center" vertical="center" wrapText="1"/>
    </xf>
    <xf numFmtId="0" fontId="39" fillId="14" borderId="5" xfId="10" applyFont="1" applyFill="1" applyBorder="1" applyAlignment="1">
      <alignment horizontal="center" vertical="center" wrapText="1"/>
    </xf>
    <xf numFmtId="0" fontId="39" fillId="16" borderId="5" xfId="10" applyFont="1" applyFill="1" applyBorder="1" applyAlignment="1">
      <alignment horizontal="center" vertical="center" wrapText="1"/>
    </xf>
    <xf numFmtId="0" fontId="39" fillId="17" borderId="5" xfId="10" applyFont="1" applyFill="1" applyBorder="1" applyAlignment="1">
      <alignment horizontal="center" vertical="center" wrapText="1"/>
    </xf>
    <xf numFmtId="0" fontId="39" fillId="3" borderId="5" xfId="10" applyFont="1" applyFill="1" applyBorder="1" applyAlignment="1">
      <alignment horizontal="center" vertical="center" wrapText="1"/>
    </xf>
    <xf numFmtId="0" fontId="39" fillId="22" borderId="5" xfId="10" applyFont="1" applyFill="1" applyBorder="1" applyAlignment="1">
      <alignment horizontal="center" vertical="center" wrapText="1"/>
    </xf>
    <xf numFmtId="0" fontId="39" fillId="24" borderId="5" xfId="10" applyFont="1" applyFill="1" applyBorder="1" applyAlignment="1">
      <alignment horizontal="center" vertical="center" wrapText="1"/>
    </xf>
    <xf numFmtId="0" fontId="39" fillId="21" borderId="5" xfId="10" applyFont="1" applyFill="1" applyBorder="1" applyAlignment="1">
      <alignment horizontal="center" vertical="center" wrapText="1"/>
    </xf>
    <xf numFmtId="0" fontId="39" fillId="23" borderId="5" xfId="23" applyFont="1" applyFill="1" applyBorder="1" applyAlignment="1">
      <alignment horizontal="center" vertical="center" wrapText="1"/>
    </xf>
    <xf numFmtId="0" fontId="39" fillId="23" borderId="5" xfId="10" applyFont="1" applyFill="1" applyBorder="1" applyAlignment="1" applyProtection="1">
      <alignment horizontal="center" vertical="center" wrapText="1"/>
      <protection hidden="1"/>
    </xf>
    <xf numFmtId="164" fontId="34" fillId="0" borderId="5" xfId="10" applyNumberFormat="1" applyFont="1" applyBorder="1" applyAlignment="1" applyProtection="1">
      <alignment horizontal="center" vertical="center" wrapText="1"/>
      <protection hidden="1"/>
    </xf>
    <xf numFmtId="0" fontId="34" fillId="0" borderId="5" xfId="10" applyFont="1" applyBorder="1" applyAlignment="1" applyProtection="1">
      <alignment horizontal="center" vertical="center" wrapText="1"/>
      <protection hidden="1"/>
    </xf>
    <xf numFmtId="164" fontId="0" fillId="0" borderId="5" xfId="36" applyNumberFormat="1" applyFont="1" applyBorder="1" applyAlignment="1">
      <alignment horizontal="center" vertical="center" wrapText="1"/>
    </xf>
    <xf numFmtId="164" fontId="34" fillId="0" borderId="5" xfId="40" applyNumberFormat="1" applyFont="1" applyBorder="1" applyAlignment="1" applyProtection="1">
      <alignment horizontal="center" vertical="center" wrapText="1"/>
      <protection hidden="1"/>
    </xf>
    <xf numFmtId="0" fontId="34" fillId="0" borderId="5" xfId="40" applyFont="1" applyBorder="1" applyAlignment="1">
      <alignment horizontal="center" vertical="center" wrapText="1"/>
    </xf>
    <xf numFmtId="164" fontId="35" fillId="0" borderId="5" xfId="10" applyNumberFormat="1" applyFont="1" applyBorder="1" applyAlignment="1" applyProtection="1">
      <alignment horizontal="center" vertical="center" wrapText="1"/>
      <protection hidden="1"/>
    </xf>
    <xf numFmtId="0" fontId="34" fillId="0" borderId="5" xfId="29" applyFont="1" applyBorder="1" applyAlignment="1">
      <alignment horizontal="center" vertical="center" wrapText="1"/>
    </xf>
    <xf numFmtId="164" fontId="34" fillId="11" borderId="5" xfId="37" applyNumberFormat="1" applyFont="1" applyFill="1" applyBorder="1" applyAlignment="1">
      <alignment horizontal="center" vertical="center" wrapText="1"/>
    </xf>
    <xf numFmtId="164" fontId="34" fillId="0" borderId="5" xfId="37" applyNumberFormat="1" applyFont="1" applyBorder="1" applyAlignment="1" applyProtection="1">
      <alignment horizontal="center" vertical="center" wrapText="1"/>
      <protection hidden="1"/>
    </xf>
    <xf numFmtId="164" fontId="0" fillId="0" borderId="5" xfId="9" applyNumberFormat="1" applyFont="1" applyFill="1" applyBorder="1" applyAlignment="1">
      <alignment horizontal="center" vertical="center" wrapText="1"/>
    </xf>
    <xf numFmtId="164" fontId="18" fillId="0" borderId="5" xfId="0" applyNumberFormat="1" applyFont="1" applyBorder="1" applyAlignment="1">
      <alignment horizontal="center" vertical="center" wrapText="1"/>
    </xf>
    <xf numFmtId="0" fontId="18" fillId="11" borderId="0" xfId="0" applyFont="1" applyFill="1" applyAlignment="1">
      <alignment horizontal="center" vertical="center" wrapText="1"/>
    </xf>
    <xf numFmtId="164" fontId="0" fillId="0" borderId="5" xfId="0" applyNumberFormat="1" applyBorder="1" applyAlignment="1">
      <alignment horizontal="center" vertical="center" wrapText="1"/>
    </xf>
    <xf numFmtId="164" fontId="0" fillId="0" borderId="5" xfId="9" applyNumberFormat="1" applyFont="1" applyBorder="1" applyAlignment="1">
      <alignment horizontal="center" vertical="center" wrapText="1"/>
    </xf>
    <xf numFmtId="0" fontId="34" fillId="0" borderId="5" xfId="11" applyFont="1" applyBorder="1" applyAlignment="1">
      <alignment horizontal="center" vertical="center" wrapText="1"/>
    </xf>
    <xf numFmtId="165" fontId="18" fillId="0" borderId="5" xfId="9" applyNumberFormat="1" applyFont="1" applyFill="1" applyBorder="1" applyAlignment="1">
      <alignment horizontal="center" vertical="center" wrapText="1"/>
    </xf>
    <xf numFmtId="2" fontId="34" fillId="0" borderId="5" xfId="10" applyNumberFormat="1" applyFont="1" applyBorder="1" applyAlignment="1" applyProtection="1">
      <alignment horizontal="center" vertical="center" wrapText="1"/>
      <protection hidden="1"/>
    </xf>
    <xf numFmtId="2" fontId="0" fillId="0" borderId="5" xfId="9" applyNumberFormat="1" applyFont="1" applyFill="1" applyBorder="1" applyAlignment="1">
      <alignment horizontal="center" vertical="center" wrapText="1"/>
    </xf>
    <xf numFmtId="2" fontId="0" fillId="11" borderId="0" xfId="0" applyNumberFormat="1" applyFill="1" applyAlignment="1">
      <alignment horizontal="center" vertical="center" wrapText="1"/>
    </xf>
    <xf numFmtId="0" fontId="38" fillId="11" borderId="5" xfId="0" applyFont="1" applyFill="1" applyBorder="1" applyAlignment="1">
      <alignment horizontal="center" vertical="center" wrapText="1"/>
    </xf>
    <xf numFmtId="0" fontId="17" fillId="0" borderId="5" xfId="47" applyFont="1" applyBorder="1" applyAlignment="1">
      <alignment horizontal="center" vertical="center" wrapText="1"/>
    </xf>
    <xf numFmtId="0" fontId="17" fillId="0" borderId="5" xfId="0" applyFont="1" applyBorder="1" applyAlignment="1">
      <alignment horizontal="center" vertical="center" wrapText="1"/>
    </xf>
    <xf numFmtId="0" fontId="0" fillId="0" borderId="12" xfId="0" applyBorder="1" applyAlignment="1">
      <alignment wrapText="1"/>
    </xf>
    <xf numFmtId="0" fontId="34" fillId="0" borderId="5" xfId="0" applyFont="1" applyBorder="1" applyAlignment="1">
      <alignment horizontal="center" vertical="center" wrapText="1" readingOrder="1"/>
    </xf>
    <xf numFmtId="0" fontId="52" fillId="0" borderId="19" xfId="0" applyFont="1" applyBorder="1"/>
    <xf numFmtId="0" fontId="0" fillId="0" borderId="20" xfId="0" applyBorder="1"/>
    <xf numFmtId="0" fontId="0" fillId="0" borderId="21" xfId="0" applyBorder="1"/>
    <xf numFmtId="0" fontId="0" fillId="0" borderId="22" xfId="0" applyBorder="1"/>
    <xf numFmtId="0" fontId="0" fillId="0" borderId="23" xfId="0" applyBorder="1"/>
    <xf numFmtId="0" fontId="0" fillId="0" borderId="24" xfId="0" applyBorder="1"/>
    <xf numFmtId="0" fontId="0" fillId="25" borderId="22" xfId="0" applyFill="1" applyBorder="1"/>
    <xf numFmtId="0" fontId="17" fillId="0" borderId="21" xfId="0" applyFont="1" applyBorder="1"/>
    <xf numFmtId="0" fontId="17" fillId="0" borderId="22" xfId="0" applyFont="1" applyBorder="1"/>
    <xf numFmtId="0" fontId="18" fillId="25" borderId="0" xfId="0" applyFont="1" applyFill="1" applyAlignment="1">
      <alignment horizontal="center" vertical="center" wrapText="1"/>
    </xf>
    <xf numFmtId="164" fontId="0" fillId="0" borderId="0" xfId="0" applyNumberFormat="1"/>
    <xf numFmtId="164" fontId="18" fillId="11" borderId="0" xfId="0" applyNumberFormat="1" applyFont="1" applyFill="1" applyAlignment="1">
      <alignment wrapText="1"/>
    </xf>
    <xf numFmtId="0" fontId="52" fillId="39" borderId="0" xfId="0" applyFont="1" applyFill="1"/>
    <xf numFmtId="0" fontId="18" fillId="39" borderId="0" xfId="0" applyFont="1" applyFill="1" applyAlignment="1">
      <alignment wrapText="1"/>
    </xf>
    <xf numFmtId="0" fontId="17" fillId="39" borderId="0" xfId="0" applyFont="1" applyFill="1"/>
    <xf numFmtId="164" fontId="0" fillId="39" borderId="0" xfId="0" applyNumberFormat="1" applyFill="1"/>
    <xf numFmtId="0" fontId="38" fillId="39" borderId="0" xfId="0" applyFont="1" applyFill="1"/>
    <xf numFmtId="2" fontId="0" fillId="39" borderId="0" xfId="0" applyNumberFormat="1" applyFill="1"/>
    <xf numFmtId="164" fontId="18" fillId="39" borderId="0" xfId="0" applyNumberFormat="1" applyFont="1" applyFill="1" applyAlignment="1">
      <alignment wrapText="1"/>
    </xf>
    <xf numFmtId="0" fontId="0" fillId="39" borderId="9" xfId="0" applyFill="1" applyBorder="1"/>
    <xf numFmtId="0" fontId="18" fillId="39" borderId="9" xfId="0" applyFont="1" applyFill="1" applyBorder="1" applyAlignment="1">
      <alignment wrapText="1"/>
    </xf>
    <xf numFmtId="6" fontId="18" fillId="39" borderId="9" xfId="0" applyNumberFormat="1" applyFont="1" applyFill="1" applyBorder="1" applyAlignment="1">
      <alignment wrapText="1"/>
    </xf>
    <xf numFmtId="0" fontId="38" fillId="39" borderId="9" xfId="0" applyFont="1" applyFill="1" applyBorder="1"/>
    <xf numFmtId="0" fontId="39" fillId="4" borderId="5" xfId="23" applyFont="1" applyFill="1" applyBorder="1" applyAlignment="1">
      <alignment horizontal="center" vertical="center" wrapText="1"/>
    </xf>
    <xf numFmtId="165" fontId="0" fillId="17" borderId="5" xfId="0" applyNumberFormat="1" applyFill="1" applyBorder="1" applyAlignment="1">
      <alignment horizontal="center" vertical="center" wrapText="1"/>
    </xf>
    <xf numFmtId="1" fontId="39" fillId="24" borderId="5" xfId="10" applyNumberFormat="1" applyFont="1" applyFill="1" applyBorder="1" applyAlignment="1">
      <alignment horizontal="center" vertical="center" wrapText="1"/>
    </xf>
    <xf numFmtId="0" fontId="34" fillId="0" borderId="5" xfId="37" applyFont="1" applyBorder="1" applyAlignment="1">
      <alignment horizontal="left" vertical="center" wrapText="1"/>
    </xf>
    <xf numFmtId="0" fontId="34" fillId="0" borderId="5" xfId="0" applyFont="1" applyBorder="1" applyAlignment="1">
      <alignment vertical="center" wrapText="1"/>
    </xf>
    <xf numFmtId="0" fontId="34" fillId="0" borderId="5" xfId="39" applyFont="1" applyBorder="1" applyAlignment="1">
      <alignment vertical="center" wrapText="1"/>
    </xf>
    <xf numFmtId="0" fontId="34" fillId="0" borderId="5" xfId="37" applyFont="1" applyBorder="1" applyAlignment="1">
      <alignment vertical="center" wrapText="1"/>
    </xf>
    <xf numFmtId="165" fontId="18" fillId="0" borderId="5" xfId="39" applyNumberFormat="1" applyFont="1" applyBorder="1" applyAlignment="1" applyProtection="1">
      <alignment horizontal="center" vertical="center" wrapText="1"/>
      <protection hidden="1"/>
    </xf>
    <xf numFmtId="165" fontId="0" fillId="31" borderId="0" xfId="0" applyNumberFormat="1" applyFill="1" applyAlignment="1">
      <alignment horizontal="left" vertical="center" wrapText="1"/>
    </xf>
    <xf numFmtId="165" fontId="0" fillId="11" borderId="0" xfId="0" applyNumberFormat="1" applyFill="1" applyAlignment="1">
      <alignment horizontal="left" vertical="center" wrapText="1"/>
    </xf>
    <xf numFmtId="0" fontId="0" fillId="11" borderId="0" xfId="0" applyFill="1" applyAlignment="1">
      <alignment horizontal="left" vertical="center" wrapText="1"/>
    </xf>
    <xf numFmtId="0" fontId="18" fillId="11" borderId="5" xfId="0" applyFont="1" applyFill="1" applyBorder="1" applyAlignment="1">
      <alignment horizontal="left" vertical="center" wrapText="1"/>
    </xf>
    <xf numFmtId="165" fontId="0" fillId="0" borderId="5" xfId="9" applyNumberFormat="1" applyFont="1" applyBorder="1" applyAlignment="1">
      <alignment horizontal="center" vertical="center" wrapText="1"/>
    </xf>
    <xf numFmtId="165" fontId="18" fillId="0" borderId="0" xfId="0" applyNumberFormat="1" applyFont="1" applyAlignment="1">
      <alignment horizontal="center" vertical="center" wrapText="1"/>
    </xf>
    <xf numFmtId="0" fontId="34" fillId="25" borderId="5" xfId="0" applyFont="1" applyFill="1" applyBorder="1" applyAlignment="1">
      <alignment vertical="center" wrapText="1"/>
    </xf>
    <xf numFmtId="0" fontId="63" fillId="0" borderId="0" xfId="0" applyFont="1"/>
    <xf numFmtId="0" fontId="0" fillId="51" borderId="7" xfId="0" applyFill="1" applyBorder="1" applyAlignment="1">
      <alignment wrapText="1"/>
    </xf>
    <xf numFmtId="0" fontId="0" fillId="0" borderId="18" xfId="0" applyBorder="1" applyAlignment="1">
      <alignment wrapText="1"/>
    </xf>
    <xf numFmtId="0" fontId="0" fillId="18" borderId="5" xfId="0" applyFill="1" applyBorder="1" applyAlignment="1">
      <alignment wrapText="1"/>
    </xf>
    <xf numFmtId="0" fontId="0" fillId="41" borderId="7" xfId="0" applyFill="1" applyBorder="1" applyAlignment="1">
      <alignment wrapText="1"/>
    </xf>
    <xf numFmtId="0" fontId="0" fillId="41" borderId="5" xfId="0" applyFill="1" applyBorder="1" applyAlignment="1">
      <alignment wrapText="1"/>
    </xf>
    <xf numFmtId="1" fontId="0" fillId="41" borderId="5" xfId="0" applyNumberFormat="1" applyFill="1" applyBorder="1" applyAlignment="1">
      <alignment wrapText="1"/>
    </xf>
    <xf numFmtId="0" fontId="0" fillId="47" borderId="5" xfId="0" applyFill="1" applyBorder="1" applyAlignment="1">
      <alignment wrapText="1"/>
    </xf>
    <xf numFmtId="0" fontId="0" fillId="0" borderId="11" xfId="0" applyBorder="1" applyAlignment="1">
      <alignment wrapText="1"/>
    </xf>
    <xf numFmtId="0" fontId="0" fillId="20" borderId="5" xfId="0" applyFill="1" applyBorder="1" applyAlignment="1">
      <alignment wrapText="1"/>
    </xf>
    <xf numFmtId="0" fontId="0" fillId="18" borderId="5" xfId="0" applyFill="1" applyBorder="1"/>
    <xf numFmtId="0" fontId="0" fillId="16" borderId="5" xfId="0" applyFill="1" applyBorder="1" applyAlignment="1">
      <alignment wrapText="1"/>
    </xf>
    <xf numFmtId="0" fontId="0" fillId="0" borderId="13" xfId="0" applyBorder="1" applyAlignment="1">
      <alignment wrapText="1"/>
    </xf>
    <xf numFmtId="0" fontId="0" fillId="28" borderId="7" xfId="0" applyFill="1" applyBorder="1" applyAlignment="1">
      <alignment wrapText="1"/>
    </xf>
    <xf numFmtId="0" fontId="0" fillId="28" borderId="11" xfId="0" applyFill="1" applyBorder="1" applyAlignment="1">
      <alignment wrapText="1"/>
    </xf>
    <xf numFmtId="0" fontId="0" fillId="45" borderId="5" xfId="0" applyFill="1" applyBorder="1" applyAlignment="1">
      <alignment wrapText="1"/>
    </xf>
    <xf numFmtId="0" fontId="0" fillId="47" borderId="11" xfId="0" applyFill="1" applyBorder="1" applyAlignment="1">
      <alignment wrapText="1"/>
    </xf>
    <xf numFmtId="0" fontId="0" fillId="41" borderId="11" xfId="0" applyFill="1" applyBorder="1" applyAlignment="1">
      <alignment wrapText="1"/>
    </xf>
    <xf numFmtId="0" fontId="0" fillId="41" borderId="5" xfId="57" applyNumberFormat="1" applyFont="1" applyFill="1" applyBorder="1" applyAlignment="1">
      <alignment wrapText="1"/>
    </xf>
    <xf numFmtId="0" fontId="0" fillId="0" borderId="6" xfId="0" applyBorder="1" applyAlignment="1">
      <alignment wrapText="1"/>
    </xf>
    <xf numFmtId="0" fontId="0" fillId="0" borderId="38" xfId="0" applyBorder="1" applyAlignment="1">
      <alignment wrapText="1"/>
    </xf>
    <xf numFmtId="0" fontId="0" fillId="48" borderId="5" xfId="0" applyFill="1" applyBorder="1" applyAlignment="1">
      <alignment wrapText="1"/>
    </xf>
    <xf numFmtId="0" fontId="0" fillId="47" borderId="5" xfId="0" applyFill="1" applyBorder="1"/>
    <xf numFmtId="0" fontId="0" fillId="16" borderId="6" xfId="0" applyFill="1" applyBorder="1" applyAlignment="1">
      <alignment wrapText="1"/>
    </xf>
    <xf numFmtId="0" fontId="0" fillId="18" borderId="11" xfId="0" applyFill="1" applyBorder="1"/>
    <xf numFmtId="0" fontId="0" fillId="18" borderId="10" xfId="0" applyFill="1" applyBorder="1"/>
    <xf numFmtId="0" fontId="0" fillId="18" borderId="12" xfId="0" applyFill="1" applyBorder="1"/>
    <xf numFmtId="10" fontId="65" fillId="0" borderId="5" xfId="57" applyNumberFormat="1" applyFont="1" applyBorder="1"/>
    <xf numFmtId="10" fontId="0" fillId="0" borderId="5" xfId="0" applyNumberFormat="1" applyBorder="1"/>
    <xf numFmtId="10" fontId="0" fillId="41" borderId="5" xfId="57" applyNumberFormat="1" applyFont="1" applyFill="1" applyBorder="1"/>
    <xf numFmtId="0" fontId="0" fillId="0" borderId="37" xfId="0" applyBorder="1" applyAlignment="1">
      <alignment wrapText="1"/>
    </xf>
    <xf numFmtId="10" fontId="65" fillId="0" borderId="12" xfId="57" applyNumberFormat="1" applyFont="1" applyBorder="1"/>
    <xf numFmtId="10" fontId="0" fillId="41" borderId="12" xfId="57" applyNumberFormat="1" applyFont="1" applyFill="1" applyBorder="1"/>
    <xf numFmtId="0" fontId="0" fillId="0" borderId="36" xfId="0" applyBorder="1"/>
    <xf numFmtId="44" fontId="0" fillId="18" borderId="35" xfId="9" applyFont="1" applyFill="1" applyBorder="1" applyAlignment="1">
      <alignment wrapText="1"/>
    </xf>
    <xf numFmtId="44" fontId="0" fillId="20" borderId="35" xfId="9" applyFont="1" applyFill="1" applyBorder="1" applyAlignment="1">
      <alignment wrapText="1"/>
    </xf>
    <xf numFmtId="44" fontId="0" fillId="45" borderId="35" xfId="9" applyFont="1" applyFill="1" applyBorder="1" applyAlignment="1">
      <alignment wrapText="1"/>
    </xf>
    <xf numFmtId="44" fontId="0" fillId="47" borderId="35" xfId="9" applyFont="1" applyFill="1" applyBorder="1" applyAlignment="1">
      <alignment wrapText="1"/>
    </xf>
    <xf numFmtId="44" fontId="0" fillId="47" borderId="29" xfId="9" applyFont="1" applyFill="1" applyBorder="1" applyAlignment="1">
      <alignment wrapText="1"/>
    </xf>
    <xf numFmtId="0" fontId="0" fillId="48" borderId="30" xfId="0" applyFill="1" applyBorder="1" applyAlignment="1">
      <alignment wrapText="1"/>
    </xf>
    <xf numFmtId="0" fontId="0" fillId="47" borderId="30" xfId="0" applyFill="1" applyBorder="1" applyAlignment="1">
      <alignment wrapText="1"/>
    </xf>
    <xf numFmtId="0" fontId="0" fillId="51" borderId="5" xfId="0" applyFill="1" applyBorder="1" applyAlignment="1">
      <alignment wrapText="1"/>
    </xf>
    <xf numFmtId="0" fontId="31" fillId="41" borderId="5" xfId="0" applyFont="1" applyFill="1" applyBorder="1" applyAlignment="1">
      <alignment wrapText="1"/>
    </xf>
    <xf numFmtId="0" fontId="0" fillId="41" borderId="35" xfId="0" applyFill="1" applyBorder="1" applyAlignment="1">
      <alignment wrapText="1"/>
    </xf>
    <xf numFmtId="165" fontId="34" fillId="17" borderId="5" xfId="10" applyNumberFormat="1" applyFont="1" applyFill="1" applyBorder="1" applyAlignment="1" applyProtection="1">
      <alignment horizontal="center" vertical="center" wrapText="1"/>
      <protection hidden="1"/>
    </xf>
    <xf numFmtId="165" fontId="18" fillId="31" borderId="0" xfId="0" applyNumberFormat="1" applyFont="1" applyFill="1" applyAlignment="1">
      <alignment horizontal="center" vertical="center" wrapText="1"/>
    </xf>
    <xf numFmtId="0" fontId="18" fillId="0" borderId="0" xfId="0" applyFont="1" applyAlignment="1">
      <alignment horizontal="center" vertical="center" wrapText="1"/>
    </xf>
    <xf numFmtId="0" fontId="0" fillId="0" borderId="0" xfId="0" applyAlignment="1">
      <alignment horizontal="left" vertical="top"/>
    </xf>
    <xf numFmtId="0" fontId="0" fillId="0" borderId="0" xfId="0" applyAlignment="1">
      <alignment horizontal="left" vertical="top" wrapText="1"/>
    </xf>
    <xf numFmtId="0" fontId="50" fillId="25" borderId="0" xfId="0" applyFont="1" applyFill="1" applyAlignment="1">
      <alignment horizontal="left" vertical="top" wrapText="1"/>
    </xf>
    <xf numFmtId="0" fontId="50" fillId="0" borderId="0" xfId="0" applyFont="1" applyAlignment="1">
      <alignment horizontal="left" vertical="top" wrapText="1"/>
    </xf>
    <xf numFmtId="0" fontId="0" fillId="55" borderId="0" xfId="0" applyFill="1" applyAlignment="1">
      <alignment horizontal="left" vertical="top" wrapText="1"/>
    </xf>
    <xf numFmtId="0" fontId="0" fillId="25" borderId="0" xfId="0" applyFill="1" applyAlignment="1">
      <alignment horizontal="left" vertical="top" wrapText="1"/>
    </xf>
    <xf numFmtId="0" fontId="53" fillId="40" borderId="26" xfId="0" applyFont="1" applyFill="1" applyBorder="1" applyAlignment="1">
      <alignment horizontal="left" vertical="top" wrapText="1"/>
    </xf>
    <xf numFmtId="0" fontId="53" fillId="41" borderId="26" xfId="0" applyFont="1" applyFill="1" applyBorder="1" applyAlignment="1">
      <alignment horizontal="left" vertical="top" wrapText="1"/>
    </xf>
    <xf numFmtId="0" fontId="53" fillId="40" borderId="27" xfId="0" applyFont="1" applyFill="1" applyBorder="1" applyAlignment="1">
      <alignment horizontal="left" vertical="top" wrapText="1"/>
    </xf>
    <xf numFmtId="0" fontId="54" fillId="50" borderId="28" xfId="0" applyFont="1" applyFill="1" applyBorder="1" applyAlignment="1">
      <alignment horizontal="left" vertical="top" wrapText="1"/>
    </xf>
    <xf numFmtId="0" fontId="53" fillId="40" borderId="28" xfId="0" applyFont="1" applyFill="1" applyBorder="1" applyAlignment="1">
      <alignment horizontal="left" vertical="top" wrapText="1"/>
    </xf>
    <xf numFmtId="0" fontId="53" fillId="40" borderId="40" xfId="0" applyFont="1" applyFill="1" applyBorder="1" applyAlignment="1">
      <alignment horizontal="left" vertical="top" wrapText="1"/>
    </xf>
    <xf numFmtId="0" fontId="53" fillId="40" borderId="39" xfId="0" applyFont="1" applyFill="1" applyBorder="1" applyAlignment="1">
      <alignment horizontal="left" vertical="top" wrapText="1"/>
    </xf>
    <xf numFmtId="0" fontId="58" fillId="0" borderId="0" xfId="0" applyFont="1" applyAlignment="1">
      <alignment horizontal="left" vertical="top" wrapText="1"/>
    </xf>
    <xf numFmtId="0" fontId="59" fillId="40" borderId="30" xfId="0" applyFont="1" applyFill="1" applyBorder="1" applyAlignment="1">
      <alignment horizontal="left" vertical="top" wrapText="1"/>
    </xf>
    <xf numFmtId="0" fontId="60" fillId="40" borderId="30" xfId="0" applyFont="1" applyFill="1" applyBorder="1" applyAlignment="1">
      <alignment horizontal="left" vertical="top" wrapText="1"/>
    </xf>
    <xf numFmtId="0" fontId="60" fillId="41" borderId="30" xfId="0" applyFont="1" applyFill="1" applyBorder="1" applyAlignment="1">
      <alignment horizontal="left" vertical="top" wrapText="1"/>
    </xf>
    <xf numFmtId="0" fontId="59" fillId="40" borderId="31" xfId="0" applyFont="1" applyFill="1" applyBorder="1" applyAlignment="1">
      <alignment horizontal="left" vertical="top" wrapText="1"/>
    </xf>
    <xf numFmtId="0" fontId="59" fillId="40" borderId="41" xfId="0" applyFont="1" applyFill="1" applyBorder="1" applyAlignment="1">
      <alignment horizontal="left" vertical="top" wrapText="1"/>
    </xf>
    <xf numFmtId="0" fontId="53" fillId="50" borderId="5" xfId="0" applyFont="1" applyFill="1" applyBorder="1" applyAlignment="1">
      <alignment horizontal="left" vertical="top" wrapText="1"/>
    </xf>
    <xf numFmtId="0" fontId="59" fillId="40" borderId="32" xfId="0" applyFont="1" applyFill="1" applyBorder="1" applyAlignment="1">
      <alignment horizontal="left" vertical="top" wrapText="1"/>
    </xf>
    <xf numFmtId="0" fontId="60" fillId="40" borderId="31" xfId="0" applyFont="1" applyFill="1" applyBorder="1" applyAlignment="1">
      <alignment horizontal="left" vertical="top" wrapText="1"/>
    </xf>
    <xf numFmtId="0" fontId="59" fillId="40" borderId="42" xfId="0" applyFont="1" applyFill="1" applyBorder="1" applyAlignment="1">
      <alignment horizontal="left" vertical="top" wrapText="1"/>
    </xf>
    <xf numFmtId="0" fontId="0" fillId="0" borderId="7" xfId="0" applyBorder="1" applyAlignment="1">
      <alignment horizontal="left" vertical="top" wrapText="1"/>
    </xf>
    <xf numFmtId="0" fontId="0" fillId="51" borderId="7" xfId="0" applyFill="1" applyBorder="1" applyAlignment="1">
      <alignment horizontal="left" vertical="top" wrapText="1"/>
    </xf>
    <xf numFmtId="0" fontId="31" fillId="0" borderId="7" xfId="0" applyFont="1" applyBorder="1" applyAlignment="1">
      <alignment horizontal="left" vertical="top" wrapText="1"/>
    </xf>
    <xf numFmtId="0" fontId="0" fillId="25" borderId="5" xfId="0" applyFill="1" applyBorder="1" applyAlignment="1">
      <alignment horizontal="left" vertical="top" wrapText="1"/>
    </xf>
    <xf numFmtId="0" fontId="31" fillId="25" borderId="13" xfId="0" applyFont="1" applyFill="1" applyBorder="1" applyAlignment="1">
      <alignment horizontal="left" vertical="top" wrapText="1"/>
    </xf>
    <xf numFmtId="0" fontId="31" fillId="10" borderId="5" xfId="0" applyFont="1" applyFill="1" applyBorder="1" applyAlignment="1">
      <alignment horizontal="left" vertical="top" wrapText="1"/>
    </xf>
    <xf numFmtId="0" fontId="0" fillId="0" borderId="18" xfId="0" applyBorder="1" applyAlignment="1">
      <alignment horizontal="left" vertical="top" wrapText="1"/>
    </xf>
    <xf numFmtId="44" fontId="0" fillId="18" borderId="13" xfId="9" applyFont="1" applyFill="1" applyBorder="1" applyAlignment="1">
      <alignment horizontal="left" vertical="top" wrapText="1"/>
    </xf>
    <xf numFmtId="0" fontId="0" fillId="18" borderId="7" xfId="0" applyFill="1" applyBorder="1" applyAlignment="1">
      <alignment horizontal="left" vertical="top" wrapText="1"/>
    </xf>
    <xf numFmtId="0" fontId="0" fillId="18" borderId="43" xfId="0" applyFill="1" applyBorder="1" applyAlignment="1">
      <alignment horizontal="left" vertical="top" wrapText="1"/>
    </xf>
    <xf numFmtId="0" fontId="31" fillId="18" borderId="36" xfId="0" applyFont="1" applyFill="1" applyBorder="1" applyAlignment="1">
      <alignment horizontal="left" vertical="top"/>
    </xf>
    <xf numFmtId="0" fontId="0" fillId="0" borderId="5" xfId="0" applyBorder="1" applyAlignment="1">
      <alignment horizontal="left" vertical="top" wrapText="1"/>
    </xf>
    <xf numFmtId="0" fontId="0" fillId="0" borderId="12" xfId="0" applyBorder="1" applyAlignment="1">
      <alignment horizontal="left" vertical="top" wrapText="1"/>
    </xf>
    <xf numFmtId="44" fontId="0" fillId="18" borderId="11" xfId="9" applyFont="1" applyFill="1" applyBorder="1" applyAlignment="1">
      <alignment horizontal="left" vertical="top" wrapText="1"/>
    </xf>
    <xf numFmtId="0" fontId="0" fillId="18" borderId="5" xfId="0" applyFill="1" applyBorder="1" applyAlignment="1">
      <alignment horizontal="left" vertical="top" wrapText="1"/>
    </xf>
    <xf numFmtId="0" fontId="0" fillId="18" borderId="36" xfId="0" applyFill="1" applyBorder="1" applyAlignment="1">
      <alignment horizontal="left" vertical="top" wrapText="1"/>
    </xf>
    <xf numFmtId="0" fontId="31" fillId="0" borderId="5" xfId="0" applyFont="1" applyBorder="1" applyAlignment="1">
      <alignment horizontal="left" vertical="top" wrapText="1"/>
    </xf>
    <xf numFmtId="0" fontId="31" fillId="41" borderId="5" xfId="0" applyFont="1" applyFill="1" applyBorder="1" applyAlignment="1">
      <alignment horizontal="left" vertical="top" wrapText="1"/>
    </xf>
    <xf numFmtId="0" fontId="0" fillId="41" borderId="7" xfId="0" applyFill="1" applyBorder="1" applyAlignment="1">
      <alignment horizontal="left" vertical="top" wrapText="1"/>
    </xf>
    <xf numFmtId="0" fontId="0" fillId="41" borderId="5" xfId="0" applyFill="1" applyBorder="1" applyAlignment="1">
      <alignment horizontal="left" vertical="top" wrapText="1"/>
    </xf>
    <xf numFmtId="0" fontId="0" fillId="41" borderId="12" xfId="0" applyFill="1" applyBorder="1" applyAlignment="1">
      <alignment horizontal="left" vertical="top" wrapText="1"/>
    </xf>
    <xf numFmtId="0" fontId="31" fillId="0" borderId="12" xfId="0" applyFont="1" applyBorder="1" applyAlignment="1">
      <alignment horizontal="left" vertical="top" wrapText="1"/>
    </xf>
    <xf numFmtId="44" fontId="31" fillId="18" borderId="11" xfId="9" applyFont="1" applyFill="1" applyBorder="1" applyAlignment="1">
      <alignment horizontal="left" vertical="top" wrapText="1"/>
    </xf>
    <xf numFmtId="0" fontId="31" fillId="18" borderId="5" xfId="0" applyFont="1" applyFill="1" applyBorder="1" applyAlignment="1">
      <alignment horizontal="left" vertical="top" wrapText="1"/>
    </xf>
    <xf numFmtId="0" fontId="31" fillId="18" borderId="36" xfId="0" applyFont="1" applyFill="1" applyBorder="1" applyAlignment="1">
      <alignment horizontal="left" vertical="top" wrapText="1"/>
    </xf>
    <xf numFmtId="0" fontId="0" fillId="47" borderId="5" xfId="0" applyFill="1" applyBorder="1" applyAlignment="1">
      <alignment horizontal="left" vertical="top" wrapText="1"/>
    </xf>
    <xf numFmtId="0" fontId="0" fillId="41" borderId="18" xfId="0" applyFill="1" applyBorder="1" applyAlignment="1">
      <alignment horizontal="left" vertical="top" wrapText="1"/>
    </xf>
    <xf numFmtId="44" fontId="0" fillId="20" borderId="11" xfId="9" applyFont="1" applyFill="1" applyBorder="1" applyAlignment="1">
      <alignment horizontal="left" vertical="top" wrapText="1"/>
    </xf>
    <xf numFmtId="0" fontId="0" fillId="0" borderId="11" xfId="0" applyBorder="1" applyAlignment="1">
      <alignment horizontal="left" vertical="top" wrapText="1"/>
    </xf>
    <xf numFmtId="0" fontId="0" fillId="20" borderId="36" xfId="0" applyFill="1" applyBorder="1" applyAlignment="1">
      <alignment horizontal="left" vertical="top" wrapText="1"/>
    </xf>
    <xf numFmtId="0" fontId="66" fillId="0" borderId="5" xfId="0" applyFont="1" applyBorder="1" applyAlignment="1">
      <alignment horizontal="left" vertical="top" wrapText="1"/>
    </xf>
    <xf numFmtId="0" fontId="50" fillId="0" borderId="5" xfId="0" applyFont="1" applyBorder="1" applyAlignment="1">
      <alignment horizontal="left" vertical="top" wrapText="1"/>
    </xf>
    <xf numFmtId="0" fontId="31" fillId="52" borderId="11" xfId="0" applyFont="1" applyFill="1" applyBorder="1" applyAlignment="1">
      <alignment horizontal="left" vertical="top" wrapText="1"/>
    </xf>
    <xf numFmtId="0" fontId="31" fillId="52" borderId="13" xfId="0" applyFont="1" applyFill="1" applyBorder="1" applyAlignment="1">
      <alignment horizontal="left" vertical="top" wrapText="1"/>
    </xf>
    <xf numFmtId="0" fontId="31" fillId="47" borderId="5" xfId="0" applyFont="1" applyFill="1" applyBorder="1" applyAlignment="1">
      <alignment horizontal="left" vertical="top" wrapText="1"/>
    </xf>
    <xf numFmtId="0" fontId="31" fillId="53" borderId="11" xfId="0" applyFont="1" applyFill="1" applyBorder="1" applyAlignment="1">
      <alignment horizontal="left" vertical="top" wrapText="1"/>
    </xf>
    <xf numFmtId="44" fontId="0" fillId="20" borderId="5" xfId="9" applyFont="1" applyFill="1" applyBorder="1" applyAlignment="1">
      <alignment horizontal="left" vertical="top" wrapText="1"/>
    </xf>
    <xf numFmtId="0" fontId="0" fillId="20" borderId="5" xfId="0" applyFill="1" applyBorder="1" applyAlignment="1">
      <alignment horizontal="left" vertical="top" wrapText="1"/>
    </xf>
    <xf numFmtId="44" fontId="0" fillId="18" borderId="5" xfId="9" applyFont="1" applyFill="1" applyBorder="1" applyAlignment="1">
      <alignment horizontal="left" vertical="top" wrapText="1"/>
    </xf>
    <xf numFmtId="0" fontId="0" fillId="18" borderId="36" xfId="0" applyFill="1" applyBorder="1" applyAlignment="1">
      <alignment horizontal="left" vertical="top"/>
    </xf>
    <xf numFmtId="0" fontId="50" fillId="25" borderId="5" xfId="0" applyFont="1" applyFill="1" applyBorder="1" applyAlignment="1">
      <alignment horizontal="left" vertical="top" wrapText="1"/>
    </xf>
    <xf numFmtId="0" fontId="0" fillId="16" borderId="5" xfId="0" applyFill="1" applyBorder="1" applyAlignment="1">
      <alignment horizontal="left" vertical="top" wrapText="1"/>
    </xf>
    <xf numFmtId="0" fontId="50" fillId="16" borderId="5" xfId="0" applyFont="1" applyFill="1" applyBorder="1" applyAlignment="1">
      <alignment horizontal="left" vertical="top" wrapText="1"/>
    </xf>
    <xf numFmtId="0" fontId="54" fillId="54" borderId="5" xfId="0" applyFont="1" applyFill="1" applyBorder="1" applyAlignment="1">
      <alignment horizontal="left" vertical="top" wrapText="1"/>
    </xf>
    <xf numFmtId="0" fontId="54" fillId="54" borderId="13" xfId="0" applyFont="1" applyFill="1" applyBorder="1" applyAlignment="1">
      <alignment horizontal="left" vertical="top" wrapText="1"/>
    </xf>
    <xf numFmtId="0" fontId="54" fillId="46" borderId="5" xfId="0" applyFont="1" applyFill="1" applyBorder="1" applyAlignment="1">
      <alignment horizontal="left" vertical="top" wrapText="1"/>
    </xf>
    <xf numFmtId="0" fontId="54" fillId="46" borderId="36" xfId="0" applyFont="1" applyFill="1" applyBorder="1" applyAlignment="1">
      <alignment horizontal="left" vertical="top" wrapText="1"/>
    </xf>
    <xf numFmtId="0" fontId="50" fillId="10" borderId="5" xfId="0" applyFont="1" applyFill="1" applyBorder="1" applyAlignment="1">
      <alignment horizontal="left" vertical="top" wrapText="1"/>
    </xf>
    <xf numFmtId="44" fontId="0" fillId="20" borderId="13" xfId="9" applyFont="1" applyFill="1" applyBorder="1" applyAlignment="1">
      <alignment horizontal="left" vertical="top" wrapText="1"/>
    </xf>
    <xf numFmtId="0" fontId="0" fillId="0" borderId="13" xfId="0" applyBorder="1" applyAlignment="1">
      <alignment horizontal="left" vertical="top" wrapText="1"/>
    </xf>
    <xf numFmtId="0" fontId="55" fillId="28" borderId="35" xfId="0" applyFont="1" applyFill="1" applyBorder="1" applyAlignment="1">
      <alignment horizontal="left" vertical="top" wrapText="1"/>
    </xf>
    <xf numFmtId="0" fontId="55" fillId="28" borderId="5" xfId="0" applyFont="1" applyFill="1" applyBorder="1" applyAlignment="1">
      <alignment horizontal="left" vertical="top" wrapText="1"/>
    </xf>
    <xf numFmtId="0" fontId="0" fillId="28" borderId="7" xfId="0" applyFill="1" applyBorder="1" applyAlignment="1">
      <alignment horizontal="left" vertical="top" wrapText="1"/>
    </xf>
    <xf numFmtId="0" fontId="55" fillId="28" borderId="11" xfId="0" applyFont="1" applyFill="1" applyBorder="1" applyAlignment="1">
      <alignment horizontal="left" vertical="top" wrapText="1"/>
    </xf>
    <xf numFmtId="0" fontId="50" fillId="28" borderId="11" xfId="0" applyFont="1" applyFill="1" applyBorder="1" applyAlignment="1">
      <alignment horizontal="left" vertical="top" wrapText="1"/>
    </xf>
    <xf numFmtId="0" fontId="0" fillId="28" borderId="11" xfId="0" applyFill="1" applyBorder="1" applyAlignment="1">
      <alignment horizontal="left" vertical="top" wrapText="1"/>
    </xf>
    <xf numFmtId="9" fontId="55" fillId="28" borderId="5" xfId="57" applyFont="1" applyFill="1" applyBorder="1" applyAlignment="1">
      <alignment horizontal="left" vertical="top" wrapText="1"/>
    </xf>
    <xf numFmtId="9" fontId="55" fillId="28" borderId="11" xfId="57" applyFont="1" applyFill="1" applyBorder="1" applyAlignment="1">
      <alignment horizontal="left" vertical="top" wrapText="1"/>
    </xf>
    <xf numFmtId="9" fontId="55" fillId="28" borderId="12" xfId="57" applyFont="1" applyFill="1" applyBorder="1" applyAlignment="1">
      <alignment horizontal="left" vertical="top" wrapText="1"/>
    </xf>
    <xf numFmtId="0" fontId="55" fillId="28" borderId="12" xfId="0" applyFont="1" applyFill="1" applyBorder="1" applyAlignment="1">
      <alignment horizontal="left" vertical="top" wrapText="1"/>
    </xf>
    <xf numFmtId="0" fontId="55" fillId="0" borderId="5" xfId="0" applyFont="1" applyBorder="1" applyAlignment="1">
      <alignment horizontal="left" vertical="top" wrapText="1"/>
    </xf>
    <xf numFmtId="0" fontId="55" fillId="0" borderId="11" xfId="0" applyFont="1" applyBorder="1" applyAlignment="1">
      <alignment horizontal="left" vertical="top" wrapText="1"/>
    </xf>
    <xf numFmtId="0" fontId="54" fillId="28" borderId="36" xfId="0" applyFont="1" applyFill="1" applyBorder="1" applyAlignment="1">
      <alignment horizontal="left" vertical="top" wrapText="1"/>
    </xf>
    <xf numFmtId="0" fontId="0" fillId="0" borderId="36" xfId="0" applyBorder="1" applyAlignment="1">
      <alignment horizontal="left" vertical="top" wrapText="1"/>
    </xf>
    <xf numFmtId="44" fontId="0" fillId="45" borderId="5" xfId="9" applyFont="1" applyFill="1" applyBorder="1" applyAlignment="1">
      <alignment horizontal="left" vertical="top" wrapText="1"/>
    </xf>
    <xf numFmtId="0" fontId="0" fillId="45" borderId="5" xfId="0" applyFill="1" applyBorder="1" applyAlignment="1">
      <alignment horizontal="left" vertical="top" wrapText="1"/>
    </xf>
    <xf numFmtId="0" fontId="0" fillId="45" borderId="36" xfId="0" applyFill="1" applyBorder="1" applyAlignment="1">
      <alignment horizontal="left" vertical="top" wrapText="1"/>
    </xf>
    <xf numFmtId="0" fontId="0" fillId="0" borderId="43" xfId="0" applyBorder="1" applyAlignment="1">
      <alignment horizontal="left" vertical="top" wrapText="1"/>
    </xf>
    <xf numFmtId="0" fontId="0" fillId="47" borderId="11" xfId="0" applyFill="1" applyBorder="1" applyAlignment="1">
      <alignment horizontal="left" vertical="top" wrapText="1"/>
    </xf>
    <xf numFmtId="0" fontId="0" fillId="0" borderId="8" xfId="0" applyBorder="1" applyAlignment="1">
      <alignment horizontal="left" vertical="top" wrapText="1"/>
    </xf>
    <xf numFmtId="0" fontId="0" fillId="0" borderId="34" xfId="0" applyBorder="1" applyAlignment="1">
      <alignment horizontal="left" vertical="top" wrapText="1"/>
    </xf>
    <xf numFmtId="0" fontId="55" fillId="28" borderId="8" xfId="0" applyFont="1" applyFill="1" applyBorder="1" applyAlignment="1">
      <alignment horizontal="left" vertical="top" wrapText="1"/>
    </xf>
    <xf numFmtId="0" fontId="55" fillId="28" borderId="34" xfId="0" applyFont="1" applyFill="1" applyBorder="1" applyAlignment="1">
      <alignment horizontal="left" vertical="top" wrapText="1"/>
    </xf>
    <xf numFmtId="0" fontId="55" fillId="28" borderId="13" xfId="0" applyFont="1" applyFill="1" applyBorder="1" applyAlignment="1">
      <alignment horizontal="left" vertical="top" wrapText="1"/>
    </xf>
    <xf numFmtId="0" fontId="55" fillId="0" borderId="7" xfId="0" applyFont="1" applyBorder="1" applyAlignment="1">
      <alignment horizontal="left" vertical="top" wrapText="1"/>
    </xf>
    <xf numFmtId="0" fontId="55" fillId="0" borderId="43" xfId="0" applyFont="1" applyBorder="1" applyAlignment="1">
      <alignment horizontal="left" vertical="top" wrapText="1"/>
    </xf>
    <xf numFmtId="9" fontId="55" fillId="28" borderId="35" xfId="57" applyFont="1" applyFill="1" applyBorder="1" applyAlignment="1">
      <alignment horizontal="left" vertical="top" wrapText="1"/>
    </xf>
    <xf numFmtId="0" fontId="55" fillId="28" borderId="6" xfId="0" applyFont="1" applyFill="1" applyBorder="1" applyAlignment="1">
      <alignment horizontal="left" vertical="top" wrapText="1"/>
    </xf>
    <xf numFmtId="0" fontId="55" fillId="28" borderId="37" xfId="0" applyFont="1" applyFill="1" applyBorder="1" applyAlignment="1">
      <alignment horizontal="left" vertical="top" wrapText="1"/>
    </xf>
    <xf numFmtId="0" fontId="55" fillId="0" borderId="36" xfId="0" applyFont="1" applyBorder="1" applyAlignment="1">
      <alignment horizontal="left" vertical="top" wrapText="1"/>
    </xf>
    <xf numFmtId="0" fontId="50" fillId="41" borderId="5" xfId="0" applyFont="1" applyFill="1" applyBorder="1" applyAlignment="1">
      <alignment horizontal="left" vertical="top" wrapText="1"/>
    </xf>
    <xf numFmtId="0" fontId="50" fillId="41" borderId="5" xfId="57" applyNumberFormat="1" applyFont="1" applyFill="1" applyBorder="1" applyAlignment="1">
      <alignment horizontal="left" vertical="top" wrapText="1"/>
    </xf>
    <xf numFmtId="0" fontId="0" fillId="41" borderId="5" xfId="57" applyNumberFormat="1" applyFont="1" applyFill="1" applyBorder="1" applyAlignment="1">
      <alignment horizontal="left" vertical="top" wrapText="1"/>
    </xf>
    <xf numFmtId="0" fontId="0" fillId="41" borderId="12" xfId="57" applyNumberFormat="1" applyFont="1" applyFill="1" applyBorder="1" applyAlignment="1">
      <alignment horizontal="left" vertical="top" wrapText="1"/>
    </xf>
    <xf numFmtId="0" fontId="50" fillId="41" borderId="7" xfId="0" applyFont="1" applyFill="1" applyBorder="1" applyAlignment="1">
      <alignment horizontal="left" vertical="top" wrapText="1"/>
    </xf>
    <xf numFmtId="0" fontId="31" fillId="10" borderId="12" xfId="0" applyFont="1" applyFill="1" applyBorder="1" applyAlignment="1">
      <alignment horizontal="left" vertical="top" wrapText="1"/>
    </xf>
    <xf numFmtId="9" fontId="55" fillId="28" borderId="36" xfId="57" applyFont="1" applyFill="1" applyBorder="1" applyAlignment="1">
      <alignment horizontal="left" vertical="top" wrapText="1"/>
    </xf>
    <xf numFmtId="9" fontId="55" fillId="28" borderId="10" xfId="57" applyFont="1" applyFill="1" applyBorder="1" applyAlignment="1">
      <alignment horizontal="left" vertical="top" wrapText="1"/>
    </xf>
    <xf numFmtId="0" fontId="31" fillId="16" borderId="5" xfId="0" applyFont="1" applyFill="1" applyBorder="1" applyAlignment="1">
      <alignment horizontal="left" vertical="top" wrapText="1"/>
    </xf>
    <xf numFmtId="0" fontId="0" fillId="0" borderId="6" xfId="0" applyBorder="1" applyAlignment="1">
      <alignment horizontal="left" vertical="top" wrapText="1"/>
    </xf>
    <xf numFmtId="0" fontId="0" fillId="0" borderId="38" xfId="0" applyBorder="1" applyAlignment="1">
      <alignment horizontal="left" vertical="top" wrapText="1"/>
    </xf>
    <xf numFmtId="0" fontId="0" fillId="0" borderId="44" xfId="0" applyBorder="1" applyAlignment="1">
      <alignment horizontal="left" vertical="top" wrapText="1"/>
    </xf>
    <xf numFmtId="44" fontId="0" fillId="47" borderId="11" xfId="9" applyFont="1" applyFill="1" applyBorder="1" applyAlignment="1">
      <alignment horizontal="left" vertical="top" wrapText="1"/>
    </xf>
    <xf numFmtId="0" fontId="0" fillId="48" borderId="5" xfId="0" applyFill="1" applyBorder="1" applyAlignment="1">
      <alignment horizontal="left" vertical="top" wrapText="1"/>
    </xf>
    <xf numFmtId="0" fontId="0" fillId="47" borderId="36" xfId="0" applyFill="1" applyBorder="1" applyAlignment="1">
      <alignment horizontal="left" vertical="top"/>
    </xf>
    <xf numFmtId="0" fontId="50" fillId="47" borderId="5" xfId="0" applyFont="1" applyFill="1" applyBorder="1" applyAlignment="1">
      <alignment horizontal="left" vertical="top" wrapText="1"/>
    </xf>
    <xf numFmtId="0" fontId="31" fillId="41" borderId="7" xfId="0" applyFont="1" applyFill="1" applyBorder="1" applyAlignment="1">
      <alignment horizontal="left" vertical="top" wrapText="1"/>
    </xf>
    <xf numFmtId="0" fontId="0" fillId="48" borderId="11" xfId="0" applyFill="1" applyBorder="1" applyAlignment="1">
      <alignment horizontal="left" vertical="top" wrapText="1"/>
    </xf>
    <xf numFmtId="44" fontId="0" fillId="47" borderId="13" xfId="9" applyFont="1" applyFill="1" applyBorder="1" applyAlignment="1">
      <alignment horizontal="left" vertical="top" wrapText="1"/>
    </xf>
    <xf numFmtId="44" fontId="0" fillId="47" borderId="5" xfId="9" applyFont="1" applyFill="1" applyBorder="1" applyAlignment="1">
      <alignment horizontal="left" vertical="top" wrapText="1"/>
    </xf>
    <xf numFmtId="0" fontId="0" fillId="16" borderId="6" xfId="0" applyFill="1" applyBorder="1" applyAlignment="1">
      <alignment horizontal="left" vertical="top" wrapText="1"/>
    </xf>
    <xf numFmtId="0" fontId="31" fillId="52" borderId="5" xfId="0" applyFont="1" applyFill="1" applyBorder="1" applyAlignment="1">
      <alignment horizontal="left" vertical="top" wrapText="1"/>
    </xf>
    <xf numFmtId="0" fontId="0" fillId="0" borderId="30" xfId="0" applyBorder="1" applyAlignment="1">
      <alignment horizontal="left" vertical="top" wrapText="1"/>
    </xf>
    <xf numFmtId="0" fontId="0" fillId="51" borderId="45" xfId="0" applyFill="1" applyBorder="1" applyAlignment="1">
      <alignment horizontal="left" vertical="top" wrapText="1"/>
    </xf>
    <xf numFmtId="0" fontId="54" fillId="54" borderId="30" xfId="0" applyFont="1" applyFill="1" applyBorder="1" applyAlignment="1">
      <alignment horizontal="left" vertical="top" wrapText="1"/>
    </xf>
    <xf numFmtId="0" fontId="54" fillId="54" borderId="41" xfId="0" applyFont="1" applyFill="1" applyBorder="1" applyAlignment="1">
      <alignment horizontal="left" vertical="top" wrapText="1"/>
    </xf>
    <xf numFmtId="0" fontId="31" fillId="10" borderId="30" xfId="0" applyFont="1" applyFill="1" applyBorder="1" applyAlignment="1">
      <alignment horizontal="left" vertical="top" wrapText="1"/>
    </xf>
    <xf numFmtId="0" fontId="31" fillId="10" borderId="32" xfId="0" applyFont="1" applyFill="1" applyBorder="1" applyAlignment="1">
      <alignment horizontal="left" vertical="top" wrapText="1"/>
    </xf>
    <xf numFmtId="44" fontId="0" fillId="47" borderId="30" xfId="9" applyFont="1" applyFill="1" applyBorder="1" applyAlignment="1">
      <alignment horizontal="left" vertical="top" wrapText="1"/>
    </xf>
    <xf numFmtId="0" fontId="0" fillId="48" borderId="30" xfId="0" applyFill="1" applyBorder="1" applyAlignment="1">
      <alignment horizontal="left" vertical="top" wrapText="1"/>
    </xf>
    <xf numFmtId="0" fontId="0" fillId="47" borderId="33" xfId="0" applyFill="1" applyBorder="1" applyAlignment="1">
      <alignment horizontal="left" vertical="top" wrapText="1"/>
    </xf>
    <xf numFmtId="0" fontId="0" fillId="0" borderId="5" xfId="0" applyBorder="1" applyAlignment="1">
      <alignment horizontal="left" vertical="top"/>
    </xf>
    <xf numFmtId="0" fontId="56" fillId="0" borderId="0" xfId="0" applyFont="1" applyAlignment="1">
      <alignment horizontal="left" vertical="top"/>
    </xf>
    <xf numFmtId="0" fontId="54" fillId="50" borderId="26" xfId="0" applyFont="1" applyFill="1" applyBorder="1" applyAlignment="1">
      <alignment horizontal="left" vertical="top" wrapText="1"/>
    </xf>
    <xf numFmtId="0" fontId="69" fillId="0" borderId="0" xfId="0" applyFont="1" applyAlignment="1">
      <alignment horizontal="left" vertical="top"/>
    </xf>
    <xf numFmtId="1" fontId="56" fillId="0" borderId="0" xfId="0" applyNumberFormat="1" applyFont="1" applyAlignment="1">
      <alignment horizontal="left" vertical="top"/>
    </xf>
    <xf numFmtId="10" fontId="65" fillId="0" borderId="0" xfId="57" applyNumberFormat="1" applyFont="1" applyAlignment="1">
      <alignment horizontal="left" vertical="top"/>
    </xf>
    <xf numFmtId="10" fontId="0" fillId="0" borderId="0" xfId="0" applyNumberFormat="1" applyAlignment="1">
      <alignment horizontal="left" vertical="top"/>
    </xf>
    <xf numFmtId="0" fontId="0" fillId="56" borderId="5" xfId="0" applyFill="1" applyBorder="1" applyAlignment="1">
      <alignment horizontal="left" vertical="top"/>
    </xf>
    <xf numFmtId="0" fontId="58" fillId="56" borderId="5" xfId="0" applyFont="1" applyFill="1" applyBorder="1" applyAlignment="1">
      <alignment horizontal="left" vertical="top" wrapText="1"/>
    </xf>
    <xf numFmtId="0" fontId="53" fillId="40" borderId="5" xfId="0" applyFont="1" applyFill="1" applyBorder="1" applyAlignment="1">
      <alignment horizontal="left" vertical="top" wrapText="1"/>
    </xf>
    <xf numFmtId="0" fontId="59" fillId="40" borderId="5" xfId="0" applyFont="1" applyFill="1" applyBorder="1" applyAlignment="1">
      <alignment horizontal="left" vertical="top" wrapText="1"/>
    </xf>
    <xf numFmtId="44" fontId="0" fillId="45" borderId="11" xfId="9" applyFont="1" applyFill="1" applyBorder="1" applyAlignment="1">
      <alignment horizontal="left" vertical="top" wrapText="1"/>
    </xf>
    <xf numFmtId="0" fontId="0" fillId="48" borderId="36" xfId="0" applyFill="1" applyBorder="1" applyAlignment="1">
      <alignment horizontal="left" vertical="top" wrapText="1"/>
    </xf>
    <xf numFmtId="0" fontId="50" fillId="16" borderId="6" xfId="0" applyFont="1" applyFill="1" applyBorder="1" applyAlignment="1">
      <alignment horizontal="left" vertical="top" wrapText="1"/>
    </xf>
    <xf numFmtId="0" fontId="31" fillId="10" borderId="7" xfId="0" applyFont="1" applyFill="1" applyBorder="1" applyAlignment="1">
      <alignment horizontal="left" vertical="top" wrapText="1"/>
    </xf>
    <xf numFmtId="0" fontId="0" fillId="20" borderId="44" xfId="0" applyFill="1" applyBorder="1" applyAlignment="1">
      <alignment horizontal="left" vertical="top" wrapText="1"/>
    </xf>
    <xf numFmtId="0" fontId="0" fillId="20" borderId="43" xfId="0" applyFill="1" applyBorder="1" applyAlignment="1">
      <alignment horizontal="left" vertical="top" wrapText="1"/>
    </xf>
    <xf numFmtId="0" fontId="0" fillId="31" borderId="5" xfId="0" applyFill="1" applyBorder="1" applyAlignment="1">
      <alignment horizontal="left" vertical="top" wrapText="1"/>
    </xf>
    <xf numFmtId="0" fontId="31" fillId="31" borderId="5" xfId="0" applyFont="1" applyFill="1" applyBorder="1" applyAlignment="1">
      <alignment horizontal="left" vertical="top" wrapText="1"/>
    </xf>
    <xf numFmtId="0" fontId="50" fillId="31" borderId="5" xfId="0" applyFont="1" applyFill="1" applyBorder="1" applyAlignment="1">
      <alignment horizontal="left" vertical="top" wrapText="1"/>
    </xf>
    <xf numFmtId="0" fontId="31" fillId="0" borderId="11" xfId="0" applyFont="1" applyBorder="1" applyAlignment="1">
      <alignment horizontal="left" vertical="top" wrapText="1"/>
    </xf>
    <xf numFmtId="0" fontId="0" fillId="41" borderId="11" xfId="0" applyFill="1" applyBorder="1" applyAlignment="1">
      <alignment horizontal="left" vertical="top" wrapText="1"/>
    </xf>
    <xf numFmtId="0" fontId="31" fillId="41" borderId="18" xfId="0" applyFont="1" applyFill="1" applyBorder="1" applyAlignment="1">
      <alignment horizontal="left" vertical="top" wrapText="1"/>
    </xf>
    <xf numFmtId="165" fontId="0" fillId="0" borderId="5" xfId="9" applyNumberFormat="1" applyFont="1" applyFill="1" applyBorder="1" applyAlignment="1">
      <alignment horizontal="center" vertical="center" wrapText="1"/>
    </xf>
    <xf numFmtId="165" fontId="0" fillId="0" borderId="5" xfId="36" applyNumberFormat="1" applyFont="1" applyBorder="1" applyAlignment="1">
      <alignment horizontal="center" vertical="center" wrapText="1"/>
    </xf>
    <xf numFmtId="165" fontId="17" fillId="31" borderId="0" xfId="0" applyNumberFormat="1" applyFont="1" applyFill="1" applyAlignment="1">
      <alignment horizontal="center" vertical="center" wrapText="1"/>
    </xf>
    <xf numFmtId="165" fontId="17" fillId="11" borderId="0" xfId="0" applyNumberFormat="1" applyFont="1" applyFill="1" applyAlignment="1">
      <alignment horizontal="center" vertical="center" wrapText="1"/>
    </xf>
    <xf numFmtId="0" fontId="17" fillId="11" borderId="0" xfId="0" applyFont="1" applyFill="1" applyAlignment="1">
      <alignment horizontal="center" vertical="center" wrapText="1"/>
    </xf>
    <xf numFmtId="0" fontId="0" fillId="11" borderId="5" xfId="18" applyFont="1" applyFill="1" applyBorder="1" applyAlignment="1">
      <alignment horizontal="center" vertical="center" wrapText="1"/>
    </xf>
    <xf numFmtId="165" fontId="35" fillId="0" borderId="5" xfId="0" applyNumberFormat="1" applyFont="1" applyBorder="1" applyAlignment="1">
      <alignment horizontal="center" vertical="center" wrapText="1"/>
    </xf>
    <xf numFmtId="0" fontId="61" fillId="0" borderId="5" xfId="0" applyFont="1" applyBorder="1" applyAlignment="1">
      <alignment horizontal="center" vertical="center"/>
    </xf>
    <xf numFmtId="165" fontId="34" fillId="11" borderId="5" xfId="0" applyNumberFormat="1" applyFont="1" applyFill="1" applyBorder="1" applyAlignment="1">
      <alignment horizontal="center" vertical="center" wrapText="1"/>
    </xf>
    <xf numFmtId="164" fontId="17" fillId="11" borderId="0" xfId="0" applyNumberFormat="1" applyFont="1" applyFill="1" applyAlignment="1">
      <alignment horizontal="center" vertical="center" wrapText="1"/>
    </xf>
    <xf numFmtId="165" fontId="71" fillId="0" borderId="5" xfId="0" applyNumberFormat="1" applyFont="1" applyBorder="1" applyAlignment="1">
      <alignment horizontal="center" vertical="center" wrapText="1"/>
    </xf>
    <xf numFmtId="0" fontId="70" fillId="0" borderId="5" xfId="0" applyFont="1" applyBorder="1" applyAlignment="1">
      <alignment horizontal="center" vertical="center" wrapText="1"/>
    </xf>
    <xf numFmtId="0" fontId="71" fillId="0" borderId="5" xfId="0" applyFont="1" applyBorder="1" applyAlignment="1">
      <alignment horizontal="center" vertical="center" wrapText="1"/>
    </xf>
    <xf numFmtId="2" fontId="0" fillId="11" borderId="5" xfId="0" applyNumberFormat="1" applyFill="1" applyBorder="1" applyAlignment="1">
      <alignment horizontal="center" vertical="center" wrapText="1"/>
    </xf>
    <xf numFmtId="0" fontId="17" fillId="0" borderId="5" xfId="0" applyFont="1" applyBorder="1" applyAlignment="1">
      <alignment horizontal="center" vertical="center"/>
    </xf>
    <xf numFmtId="0" fontId="39" fillId="57" borderId="5" xfId="10" applyFont="1" applyFill="1" applyBorder="1" applyAlignment="1" applyProtection="1">
      <alignment horizontal="center" vertical="center" wrapText="1"/>
      <protection hidden="1"/>
    </xf>
    <xf numFmtId="164" fontId="39" fillId="57" borderId="5" xfId="10" applyNumberFormat="1" applyFont="1" applyFill="1" applyBorder="1" applyAlignment="1" applyProtection="1">
      <alignment horizontal="center" vertical="center" wrapText="1"/>
      <protection hidden="1"/>
    </xf>
    <xf numFmtId="49" fontId="0" fillId="17" borderId="5" xfId="0" applyNumberFormat="1" applyFill="1" applyBorder="1" applyAlignment="1">
      <alignment horizontal="center" vertical="center" wrapText="1"/>
    </xf>
    <xf numFmtId="0" fontId="0" fillId="17" borderId="5" xfId="0" applyFill="1" applyBorder="1" applyAlignment="1">
      <alignment vertical="center" wrapText="1"/>
    </xf>
    <xf numFmtId="0" fontId="17" fillId="17" borderId="5" xfId="0" applyFont="1" applyFill="1" applyBorder="1" applyAlignment="1">
      <alignment horizontal="center" vertical="center"/>
    </xf>
    <xf numFmtId="0" fontId="61" fillId="17" borderId="5" xfId="0" applyFont="1" applyFill="1" applyBorder="1" applyAlignment="1">
      <alignment horizontal="center" vertical="center"/>
    </xf>
    <xf numFmtId="0" fontId="38" fillId="17" borderId="5" xfId="10" applyFont="1" applyFill="1" applyBorder="1" applyAlignment="1">
      <alignment horizontal="center" vertical="center" wrapText="1"/>
    </xf>
    <xf numFmtId="0" fontId="0" fillId="17" borderId="5" xfId="18" applyFont="1" applyFill="1" applyBorder="1" applyAlignment="1">
      <alignment horizontal="center" vertical="center" wrapText="1"/>
    </xf>
    <xf numFmtId="0" fontId="34" fillId="17" borderId="5" xfId="10" applyFont="1" applyFill="1" applyBorder="1" applyAlignment="1">
      <alignment horizontal="center" vertical="center" wrapText="1"/>
    </xf>
    <xf numFmtId="0" fontId="71" fillId="17" borderId="5" xfId="0" applyFont="1" applyFill="1" applyBorder="1" applyAlignment="1">
      <alignment horizontal="center" vertical="center" wrapText="1"/>
    </xf>
    <xf numFmtId="165" fontId="71" fillId="17" borderId="5" xfId="0" applyNumberFormat="1" applyFont="1" applyFill="1" applyBorder="1" applyAlignment="1">
      <alignment horizontal="center" vertical="center" wrapText="1"/>
    </xf>
    <xf numFmtId="165" fontId="0" fillId="17" borderId="5" xfId="19" applyNumberFormat="1" applyFont="1" applyFill="1" applyBorder="1" applyAlignment="1">
      <alignment horizontal="center" vertical="center" wrapText="1"/>
    </xf>
    <xf numFmtId="164" fontId="18" fillId="17" borderId="5" xfId="9" applyNumberFormat="1" applyFont="1" applyFill="1" applyBorder="1" applyAlignment="1">
      <alignment horizontal="center" vertical="center" wrapText="1"/>
    </xf>
    <xf numFmtId="164" fontId="0" fillId="17" borderId="5" xfId="9" applyNumberFormat="1" applyFont="1" applyFill="1" applyBorder="1" applyAlignment="1">
      <alignment horizontal="center" vertical="center" wrapText="1"/>
    </xf>
    <xf numFmtId="0" fontId="34" fillId="17" borderId="5" xfId="10" applyFont="1" applyFill="1" applyBorder="1" applyAlignment="1" applyProtection="1">
      <alignment horizontal="center" vertical="center" wrapText="1"/>
      <protection hidden="1"/>
    </xf>
    <xf numFmtId="165" fontId="18" fillId="17" borderId="5" xfId="9" applyNumberFormat="1" applyFont="1" applyFill="1" applyBorder="1" applyAlignment="1">
      <alignment horizontal="center" vertical="center" wrapText="1"/>
    </xf>
    <xf numFmtId="0" fontId="0" fillId="17" borderId="5" xfId="10" applyFont="1" applyFill="1" applyBorder="1" applyAlignment="1">
      <alignment horizontal="left" vertical="center" wrapText="1"/>
    </xf>
    <xf numFmtId="0" fontId="39" fillId="57" borderId="5" xfId="23" applyFont="1" applyFill="1" applyBorder="1" applyAlignment="1">
      <alignment horizontal="center" vertical="center" wrapText="1"/>
    </xf>
    <xf numFmtId="0" fontId="39" fillId="2" borderId="6" xfId="10" applyFont="1" applyFill="1" applyBorder="1" applyAlignment="1" applyProtection="1">
      <alignment horizontal="center" vertical="center" wrapText="1"/>
      <protection hidden="1"/>
    </xf>
    <xf numFmtId="0" fontId="39" fillId="2" borderId="11" xfId="10" applyFont="1" applyFill="1" applyBorder="1" applyAlignment="1" applyProtection="1">
      <alignment horizontal="center" vertical="center" wrapText="1"/>
      <protection hidden="1"/>
    </xf>
    <xf numFmtId="0" fontId="39" fillId="58" borderId="5" xfId="10" applyFont="1" applyFill="1" applyBorder="1" applyAlignment="1" applyProtection="1">
      <alignment horizontal="center" vertical="center" wrapText="1"/>
      <protection hidden="1"/>
    </xf>
    <xf numFmtId="164" fontId="0" fillId="0" borderId="5" xfId="0" applyNumberFormat="1" applyBorder="1"/>
    <xf numFmtId="0" fontId="72" fillId="0" borderId="0" xfId="0" applyFont="1"/>
    <xf numFmtId="0" fontId="39" fillId="49" borderId="5" xfId="0" applyFont="1" applyFill="1" applyBorder="1" applyAlignment="1">
      <alignment wrapText="1"/>
    </xf>
    <xf numFmtId="0" fontId="0" fillId="0" borderId="0" xfId="0" applyAlignment="1">
      <alignment horizontal="left" indent="1"/>
    </xf>
    <xf numFmtId="0" fontId="17" fillId="0" borderId="5" xfId="0" applyFont="1" applyBorder="1"/>
    <xf numFmtId="0" fontId="17" fillId="0" borderId="5" xfId="0" applyFont="1" applyBorder="1" applyAlignment="1">
      <alignment wrapText="1"/>
    </xf>
    <xf numFmtId="0" fontId="0" fillId="0" borderId="5" xfId="0" applyBorder="1" applyAlignment="1">
      <alignment horizontal="right" wrapText="1"/>
    </xf>
    <xf numFmtId="0" fontId="17" fillId="0" borderId="11" xfId="0" applyFont="1" applyBorder="1" applyAlignment="1">
      <alignment wrapText="1"/>
    </xf>
    <xf numFmtId="0" fontId="17" fillId="0" borderId="12" xfId="0" applyFont="1" applyBorder="1"/>
    <xf numFmtId="165" fontId="0" fillId="0" borderId="0" xfId="0" applyNumberFormat="1"/>
    <xf numFmtId="2" fontId="34" fillId="0" borderId="5" xfId="10" applyNumberFormat="1" applyFont="1" applyBorder="1" applyAlignment="1">
      <alignment horizontal="left" vertical="center" wrapText="1"/>
    </xf>
    <xf numFmtId="0" fontId="34" fillId="0" borderId="5" xfId="23" applyFont="1" applyBorder="1" applyAlignment="1">
      <alignment horizontal="left" vertical="center" wrapText="1"/>
    </xf>
    <xf numFmtId="0" fontId="38" fillId="0" borderId="5" xfId="23" applyFont="1" applyBorder="1" applyAlignment="1">
      <alignment horizontal="left" vertical="center" wrapText="1"/>
    </xf>
    <xf numFmtId="1" fontId="34" fillId="0" borderId="5" xfId="10" applyNumberFormat="1" applyFont="1" applyBorder="1" applyAlignment="1">
      <alignment horizontal="center" vertical="center" wrapText="1"/>
    </xf>
    <xf numFmtId="1" fontId="34" fillId="0" borderId="5" xfId="10" applyNumberFormat="1" applyFont="1" applyBorder="1" applyAlignment="1" applyProtection="1">
      <alignment horizontal="center" vertical="center" wrapText="1"/>
      <protection hidden="1"/>
    </xf>
    <xf numFmtId="0" fontId="17" fillId="51" borderId="5" xfId="0" applyFont="1" applyFill="1" applyBorder="1" applyAlignment="1">
      <alignment horizontal="left" wrapText="1"/>
    </xf>
    <xf numFmtId="0" fontId="17" fillId="51" borderId="5" xfId="0" applyFont="1" applyFill="1" applyBorder="1" applyAlignment="1">
      <alignment horizontal="center" wrapText="1"/>
    </xf>
    <xf numFmtId="0" fontId="17" fillId="51" borderId="5" xfId="0" applyFont="1" applyFill="1" applyBorder="1" applyAlignment="1">
      <alignment horizontal="right" wrapText="1"/>
    </xf>
    <xf numFmtId="165" fontId="34" fillId="0" borderId="5" xfId="0" applyNumberFormat="1" applyFont="1" applyBorder="1" applyAlignment="1">
      <alignment wrapText="1"/>
    </xf>
    <xf numFmtId="164" fontId="34" fillId="0" borderId="5" xfId="0" applyNumberFormat="1" applyFont="1" applyBorder="1" applyAlignment="1">
      <alignment wrapText="1"/>
    </xf>
    <xf numFmtId="1" fontId="17" fillId="0" borderId="5" xfId="0" applyNumberFormat="1" applyFont="1" applyBorder="1" applyAlignment="1">
      <alignment horizontal="center" wrapText="1"/>
    </xf>
    <xf numFmtId="165" fontId="17" fillId="0" borderId="5" xfId="0" applyNumberFormat="1" applyFont="1" applyBorder="1" applyAlignment="1">
      <alignment wrapText="1"/>
    </xf>
    <xf numFmtId="164" fontId="38" fillId="0" borderId="5" xfId="0" applyNumberFormat="1" applyFont="1" applyBorder="1" applyAlignment="1">
      <alignment wrapText="1"/>
    </xf>
    <xf numFmtId="0" fontId="0" fillId="0" borderId="0" xfId="0" applyAlignment="1">
      <alignment horizontal="left" wrapText="1"/>
    </xf>
    <xf numFmtId="0" fontId="18" fillId="0" borderId="0" xfId="0" applyFont="1" applyAlignment="1">
      <alignment vertical="center" wrapText="1"/>
    </xf>
    <xf numFmtId="0" fontId="0" fillId="0" borderId="0" xfId="0" applyAlignment="1">
      <alignment vertical="center" wrapText="1"/>
    </xf>
    <xf numFmtId="0" fontId="39" fillId="57" borderId="5" xfId="0" applyFont="1" applyFill="1" applyBorder="1" applyAlignment="1">
      <alignment horizontal="center" vertical="center" wrapText="1"/>
    </xf>
    <xf numFmtId="0" fontId="0" fillId="0" borderId="0" xfId="0" applyAlignment="1">
      <alignment horizontal="center" vertical="center"/>
    </xf>
    <xf numFmtId="0" fontId="18" fillId="11" borderId="5" xfId="20" applyFont="1" applyFill="1" applyBorder="1" applyAlignment="1">
      <alignment horizontal="left" vertical="center" wrapText="1"/>
    </xf>
    <xf numFmtId="0" fontId="18" fillId="11" borderId="5" xfId="0" applyFont="1" applyFill="1" applyBorder="1" applyAlignment="1">
      <alignment vertical="center" wrapText="1"/>
    </xf>
    <xf numFmtId="0" fontId="34" fillId="0" borderId="5" xfId="10" applyFont="1" applyBorder="1" applyAlignment="1">
      <alignment vertical="center" wrapText="1"/>
    </xf>
    <xf numFmtId="0" fontId="34" fillId="0" borderId="5" xfId="56" applyFont="1" applyBorder="1" applyAlignment="1">
      <alignment vertical="center" wrapText="1"/>
    </xf>
    <xf numFmtId="0" fontId="36" fillId="38" borderId="5" xfId="0" applyFont="1" applyFill="1" applyBorder="1" applyAlignment="1">
      <alignment vertical="center" wrapText="1"/>
    </xf>
    <xf numFmtId="0" fontId="34" fillId="11" borderId="5" xfId="0" applyFont="1" applyFill="1" applyBorder="1" applyAlignment="1">
      <alignment vertical="center" wrapText="1"/>
    </xf>
    <xf numFmtId="0" fontId="35" fillId="0" borderId="5" xfId="37" applyFont="1" applyBorder="1" applyAlignment="1">
      <alignment vertical="center" wrapText="1"/>
    </xf>
    <xf numFmtId="165" fontId="34" fillId="0" borderId="5" xfId="10" applyNumberFormat="1" applyFont="1" applyBorder="1" applyAlignment="1" applyProtection="1">
      <alignment vertical="center" wrapText="1"/>
      <protection hidden="1"/>
    </xf>
    <xf numFmtId="0" fontId="0" fillId="0" borderId="5" xfId="10" applyFont="1" applyBorder="1" applyAlignment="1">
      <alignment vertical="center" wrapText="1"/>
    </xf>
    <xf numFmtId="0" fontId="18" fillId="11" borderId="5" xfId="47" applyFont="1" applyFill="1" applyBorder="1" applyAlignment="1">
      <alignment vertical="center" wrapText="1"/>
    </xf>
    <xf numFmtId="0" fontId="0" fillId="0" borderId="5" xfId="0" applyBorder="1" applyAlignment="1">
      <alignment vertical="center"/>
    </xf>
    <xf numFmtId="0" fontId="0" fillId="0" borderId="5" xfId="20" applyFont="1" applyBorder="1" applyAlignment="1">
      <alignment vertical="center" wrapText="1"/>
    </xf>
    <xf numFmtId="0" fontId="34" fillId="11" borderId="5" xfId="20" applyFont="1" applyFill="1" applyBorder="1" applyAlignment="1">
      <alignment vertical="center" wrapText="1"/>
    </xf>
    <xf numFmtId="0" fontId="0" fillId="44" borderId="5" xfId="0" applyFill="1" applyBorder="1" applyAlignment="1">
      <alignment horizontal="center" vertical="center" wrapText="1"/>
    </xf>
    <xf numFmtId="0" fontId="73" fillId="0" borderId="0" xfId="0" applyFont="1" applyAlignment="1">
      <alignment vertical="center"/>
    </xf>
    <xf numFmtId="44" fontId="1" fillId="45" borderId="34" xfId="9" applyFont="1" applyFill="1" applyBorder="1" applyAlignment="1">
      <alignment horizontal="left" vertical="top" wrapText="1"/>
    </xf>
    <xf numFmtId="0" fontId="1" fillId="45" borderId="8" xfId="0" applyFont="1" applyFill="1" applyBorder="1" applyAlignment="1">
      <alignment horizontal="left" vertical="top" wrapText="1"/>
    </xf>
    <xf numFmtId="0" fontId="1" fillId="45" borderId="34" xfId="0" applyFont="1" applyFill="1" applyBorder="1" applyAlignment="1">
      <alignment horizontal="left" vertical="top" wrapText="1"/>
    </xf>
    <xf numFmtId="0" fontId="1" fillId="45" borderId="36" xfId="0" applyFont="1" applyFill="1" applyBorder="1" applyAlignment="1">
      <alignment horizontal="left" vertical="top" wrapText="1"/>
    </xf>
    <xf numFmtId="0" fontId="50" fillId="25" borderId="0" xfId="0" applyFont="1" applyFill="1" applyAlignment="1">
      <alignment wrapText="1"/>
    </xf>
    <xf numFmtId="0" fontId="50" fillId="0" borderId="0" xfId="0" applyFont="1" applyAlignment="1">
      <alignment wrapText="1"/>
    </xf>
    <xf numFmtId="0" fontId="56" fillId="0" borderId="0" xfId="0" applyFont="1"/>
    <xf numFmtId="0" fontId="53" fillId="40" borderId="28" xfId="0" applyFont="1" applyFill="1" applyBorder="1" applyAlignment="1">
      <alignment wrapText="1"/>
    </xf>
    <xf numFmtId="0" fontId="53" fillId="40" borderId="26" xfId="0" applyFont="1" applyFill="1" applyBorder="1" applyAlignment="1">
      <alignment wrapText="1"/>
    </xf>
    <xf numFmtId="0" fontId="53" fillId="41" borderId="26" xfId="0" applyFont="1" applyFill="1" applyBorder="1" applyAlignment="1">
      <alignment wrapText="1"/>
    </xf>
    <xf numFmtId="0" fontId="53" fillId="40" borderId="27" xfId="0" applyFont="1" applyFill="1" applyBorder="1" applyAlignment="1">
      <alignment wrapText="1"/>
    </xf>
    <xf numFmtId="0" fontId="54" fillId="50" borderId="5" xfId="0" applyFont="1" applyFill="1" applyBorder="1" applyAlignment="1">
      <alignment wrapText="1"/>
    </xf>
    <xf numFmtId="0" fontId="53" fillId="19" borderId="25" xfId="0" applyFont="1" applyFill="1" applyBorder="1" applyAlignment="1">
      <alignment wrapText="1"/>
    </xf>
    <xf numFmtId="0" fontId="53" fillId="19" borderId="26" xfId="0" applyFont="1" applyFill="1" applyBorder="1" applyAlignment="1">
      <alignment wrapText="1"/>
    </xf>
    <xf numFmtId="0" fontId="56" fillId="19" borderId="39" xfId="0" applyFont="1" applyFill="1" applyBorder="1"/>
    <xf numFmtId="0" fontId="53" fillId="40" borderId="12" xfId="0" applyFont="1" applyFill="1" applyBorder="1" applyAlignment="1">
      <alignment wrapText="1"/>
    </xf>
    <xf numFmtId="0" fontId="53" fillId="40" borderId="5" xfId="0" applyFont="1" applyFill="1" applyBorder="1" applyAlignment="1">
      <alignment wrapText="1"/>
    </xf>
    <xf numFmtId="0" fontId="58" fillId="18" borderId="6" xfId="0" applyFont="1" applyFill="1" applyBorder="1" applyAlignment="1">
      <alignment wrapText="1"/>
    </xf>
    <xf numFmtId="0" fontId="59" fillId="40" borderId="38" xfId="0" applyFont="1" applyFill="1" applyBorder="1" applyAlignment="1">
      <alignment wrapText="1"/>
    </xf>
    <xf numFmtId="0" fontId="59" fillId="40" borderId="30" xfId="0" applyFont="1" applyFill="1" applyBorder="1" applyAlignment="1">
      <alignment wrapText="1"/>
    </xf>
    <xf numFmtId="0" fontId="60" fillId="41" borderId="30" xfId="0" applyFont="1" applyFill="1" applyBorder="1" applyAlignment="1">
      <alignment wrapText="1"/>
    </xf>
    <xf numFmtId="0" fontId="59" fillId="40" borderId="31" xfId="0" applyFont="1" applyFill="1" applyBorder="1" applyAlignment="1">
      <alignment wrapText="1"/>
    </xf>
    <xf numFmtId="0" fontId="53" fillId="50" borderId="5" xfId="0" applyFont="1" applyFill="1" applyBorder="1" applyAlignment="1">
      <alignment wrapText="1"/>
    </xf>
    <xf numFmtId="0" fontId="59" fillId="40" borderId="32" xfId="0" applyFont="1" applyFill="1" applyBorder="1" applyAlignment="1">
      <alignment wrapText="1"/>
    </xf>
    <xf numFmtId="0" fontId="59" fillId="19" borderId="35" xfId="0" applyFont="1" applyFill="1" applyBorder="1" applyAlignment="1">
      <alignment wrapText="1"/>
    </xf>
    <xf numFmtId="0" fontId="60" fillId="19" borderId="5" xfId="0" applyFont="1" applyFill="1" applyBorder="1" applyAlignment="1">
      <alignment wrapText="1"/>
    </xf>
    <xf numFmtId="0" fontId="59" fillId="19" borderId="5" xfId="0" applyFont="1" applyFill="1" applyBorder="1" applyAlignment="1">
      <alignment wrapText="1"/>
    </xf>
    <xf numFmtId="0" fontId="56" fillId="19" borderId="36" xfId="0" applyFont="1" applyFill="1" applyBorder="1"/>
    <xf numFmtId="0" fontId="53" fillId="50" borderId="12" xfId="0" applyFont="1" applyFill="1" applyBorder="1" applyAlignment="1">
      <alignment wrapText="1"/>
    </xf>
    <xf numFmtId="0" fontId="31" fillId="0" borderId="7" xfId="0" applyFont="1" applyBorder="1" applyAlignment="1">
      <alignment wrapText="1"/>
    </xf>
    <xf numFmtId="0" fontId="31" fillId="25" borderId="13" xfId="0" applyFont="1" applyFill="1" applyBorder="1" applyAlignment="1">
      <alignment wrapText="1"/>
    </xf>
    <xf numFmtId="0" fontId="31" fillId="10" borderId="5" xfId="0" applyFont="1" applyFill="1" applyBorder="1" applyAlignment="1">
      <alignment horizontal="center" wrapText="1"/>
    </xf>
    <xf numFmtId="0" fontId="31" fillId="18" borderId="5" xfId="0" applyFont="1" applyFill="1" applyBorder="1"/>
    <xf numFmtId="1" fontId="56" fillId="0" borderId="36" xfId="0" applyNumberFormat="1" applyFont="1" applyBorder="1"/>
    <xf numFmtId="0" fontId="31" fillId="0" borderId="5" xfId="0" applyFont="1" applyBorder="1" applyAlignment="1">
      <alignment wrapText="1"/>
    </xf>
    <xf numFmtId="0" fontId="55" fillId="0" borderId="5" xfId="0" applyFont="1" applyBorder="1" applyAlignment="1">
      <alignment wrapText="1"/>
    </xf>
    <xf numFmtId="0" fontId="55" fillId="0" borderId="7" xfId="0" applyFont="1" applyBorder="1" applyAlignment="1">
      <alignment wrapText="1"/>
    </xf>
    <xf numFmtId="0" fontId="31" fillId="41" borderId="7" xfId="0" applyFont="1" applyFill="1" applyBorder="1" applyAlignment="1">
      <alignment wrapText="1"/>
    </xf>
    <xf numFmtId="0" fontId="31" fillId="0" borderId="12" xfId="0" applyFont="1" applyBorder="1" applyAlignment="1">
      <alignment wrapText="1"/>
    </xf>
    <xf numFmtId="0" fontId="31" fillId="0" borderId="11" xfId="0" applyFont="1" applyBorder="1" applyAlignment="1">
      <alignment wrapText="1"/>
    </xf>
    <xf numFmtId="0" fontId="50" fillId="0" borderId="5" xfId="0" applyFont="1" applyBorder="1" applyAlignment="1">
      <alignment wrapText="1"/>
    </xf>
    <xf numFmtId="0" fontId="31" fillId="52" borderId="11" xfId="0" applyFont="1" applyFill="1" applyBorder="1" applyAlignment="1">
      <alignment wrapText="1"/>
    </xf>
    <xf numFmtId="0" fontId="31" fillId="52" borderId="13" xfId="0" applyFont="1" applyFill="1" applyBorder="1" applyAlignment="1">
      <alignment wrapText="1"/>
    </xf>
    <xf numFmtId="0" fontId="31" fillId="47" borderId="5" xfId="0" applyFont="1" applyFill="1" applyBorder="1" applyAlignment="1">
      <alignment wrapText="1"/>
    </xf>
    <xf numFmtId="0" fontId="31" fillId="53" borderId="11" xfId="0" applyFont="1" applyFill="1" applyBorder="1" applyAlignment="1">
      <alignment wrapText="1"/>
    </xf>
    <xf numFmtId="44" fontId="1" fillId="45" borderId="35" xfId="9" applyFont="1" applyFill="1" applyBorder="1" applyAlignment="1">
      <alignment wrapText="1"/>
    </xf>
    <xf numFmtId="0" fontId="1" fillId="45" borderId="5" xfId="0" applyFont="1" applyFill="1" applyBorder="1" applyAlignment="1">
      <alignment wrapText="1"/>
    </xf>
    <xf numFmtId="0" fontId="50" fillId="25" borderId="5" xfId="0" applyFont="1" applyFill="1" applyBorder="1" applyAlignment="1">
      <alignment wrapText="1"/>
    </xf>
    <xf numFmtId="0" fontId="31" fillId="51" borderId="5" xfId="0" applyFont="1" applyFill="1" applyBorder="1" applyAlignment="1">
      <alignment wrapText="1"/>
    </xf>
    <xf numFmtId="0" fontId="54" fillId="54" borderId="5" xfId="0" applyFont="1" applyFill="1" applyBorder="1" applyAlignment="1">
      <alignment wrapText="1"/>
    </xf>
    <xf numFmtId="0" fontId="54" fillId="54" borderId="13" xfId="0" applyFont="1" applyFill="1" applyBorder="1" applyAlignment="1">
      <alignment wrapText="1"/>
    </xf>
    <xf numFmtId="0" fontId="54" fillId="46" borderId="35" xfId="0" applyFont="1" applyFill="1" applyBorder="1" applyAlignment="1">
      <alignment wrapText="1"/>
    </xf>
    <xf numFmtId="0" fontId="54" fillId="46" borderId="5" xfId="0" applyFont="1" applyFill="1" applyBorder="1" applyAlignment="1">
      <alignment wrapText="1"/>
    </xf>
    <xf numFmtId="0" fontId="55" fillId="28" borderId="5" xfId="0" applyFont="1" applyFill="1" applyBorder="1" applyAlignment="1">
      <alignment wrapText="1"/>
    </xf>
    <xf numFmtId="0" fontId="55" fillId="28" borderId="11" xfId="0" applyFont="1" applyFill="1" applyBorder="1" applyAlignment="1">
      <alignment wrapText="1"/>
    </xf>
    <xf numFmtId="0" fontId="50" fillId="28" borderId="11" xfId="0" applyFont="1" applyFill="1" applyBorder="1" applyAlignment="1">
      <alignment wrapText="1"/>
    </xf>
    <xf numFmtId="9" fontId="55" fillId="28" borderId="5" xfId="57" applyFont="1" applyFill="1" applyBorder="1" applyAlignment="1">
      <alignment wrapText="1"/>
    </xf>
    <xf numFmtId="9" fontId="55" fillId="28" borderId="11" xfId="57" applyFont="1" applyFill="1" applyBorder="1" applyAlignment="1">
      <alignment wrapText="1"/>
    </xf>
    <xf numFmtId="0" fontId="55" fillId="28" borderId="12" xfId="0" applyFont="1" applyFill="1" applyBorder="1" applyAlignment="1">
      <alignment wrapText="1"/>
    </xf>
    <xf numFmtId="0" fontId="55" fillId="28" borderId="35" xfId="0" applyFont="1" applyFill="1" applyBorder="1" applyAlignment="1">
      <alignment wrapText="1"/>
    </xf>
    <xf numFmtId="0" fontId="54" fillId="28" borderId="5" xfId="0" applyFont="1" applyFill="1" applyBorder="1" applyAlignment="1">
      <alignment wrapText="1"/>
    </xf>
    <xf numFmtId="0" fontId="55" fillId="28" borderId="8" xfId="0" applyFont="1" applyFill="1" applyBorder="1" applyAlignment="1">
      <alignment wrapText="1"/>
    </xf>
    <xf numFmtId="0" fontId="55" fillId="28" borderId="34" xfId="0" applyFont="1" applyFill="1" applyBorder="1" applyAlignment="1">
      <alignment wrapText="1"/>
    </xf>
    <xf numFmtId="9" fontId="55" fillId="28" borderId="35" xfId="57" applyFont="1" applyFill="1" applyBorder="1" applyAlignment="1">
      <alignment wrapText="1"/>
    </xf>
    <xf numFmtId="44" fontId="31" fillId="18" borderId="35" xfId="9" applyFont="1" applyFill="1" applyBorder="1" applyAlignment="1">
      <alignment wrapText="1"/>
    </xf>
    <xf numFmtId="0" fontId="31" fillId="18" borderId="5" xfId="0" applyFont="1" applyFill="1" applyBorder="1" applyAlignment="1">
      <alignment wrapText="1"/>
    </xf>
    <xf numFmtId="0" fontId="55" fillId="28" borderId="6" xfId="0" applyFont="1" applyFill="1" applyBorder="1" applyAlignment="1">
      <alignment wrapText="1"/>
    </xf>
    <xf numFmtId="0" fontId="55" fillId="28" borderId="37" xfId="0" applyFont="1" applyFill="1" applyBorder="1" applyAlignment="1">
      <alignment wrapText="1"/>
    </xf>
    <xf numFmtId="9" fontId="55" fillId="28" borderId="36" xfId="57" applyFont="1" applyFill="1" applyBorder="1" applyAlignment="1">
      <alignment wrapText="1"/>
    </xf>
    <xf numFmtId="0" fontId="31" fillId="52" borderId="5" xfId="0" applyFont="1" applyFill="1" applyBorder="1" applyAlignment="1">
      <alignment wrapText="1"/>
    </xf>
    <xf numFmtId="0" fontId="31" fillId="16" borderId="5" xfId="0" applyFont="1" applyFill="1" applyBorder="1" applyAlignment="1">
      <alignment wrapText="1"/>
    </xf>
    <xf numFmtId="1" fontId="56" fillId="0" borderId="33" xfId="0" applyNumberFormat="1" applyFont="1" applyBorder="1"/>
    <xf numFmtId="2" fontId="1" fillId="42" borderId="5" xfId="53" applyNumberFormat="1" applyFont="1" applyFill="1" applyBorder="1" applyAlignment="1">
      <alignment wrapText="1"/>
    </xf>
    <xf numFmtId="44" fontId="1" fillId="45" borderId="5" xfId="55" applyFont="1" applyFill="1" applyBorder="1" applyAlignment="1">
      <alignment wrapText="1"/>
    </xf>
    <xf numFmtId="2" fontId="1" fillId="42" borderId="0" xfId="53" applyNumberFormat="1" applyFont="1" applyFill="1" applyAlignment="1">
      <alignment wrapText="1"/>
    </xf>
    <xf numFmtId="0" fontId="1" fillId="0" borderId="5" xfId="53" applyFont="1" applyBorder="1" applyAlignment="1">
      <alignment wrapText="1"/>
    </xf>
    <xf numFmtId="4" fontId="18" fillId="11" borderId="0" xfId="0" applyNumberFormat="1" applyFont="1" applyFill="1" applyAlignment="1">
      <alignment horizontal="center" vertical="center" wrapText="1"/>
    </xf>
    <xf numFmtId="165" fontId="36" fillId="0" borderId="5" xfId="20" applyNumberFormat="1" applyFont="1" applyBorder="1" applyAlignment="1" applyProtection="1">
      <alignment horizontal="center" vertical="center" wrapText="1"/>
      <protection hidden="1"/>
    </xf>
    <xf numFmtId="165" fontId="36" fillId="0" borderId="5" xfId="0" applyNumberFormat="1" applyFont="1" applyBorder="1" applyAlignment="1">
      <alignment horizontal="center" vertical="center" wrapText="1"/>
    </xf>
    <xf numFmtId="165" fontId="36" fillId="0" borderId="5" xfId="9" applyNumberFormat="1" applyFont="1" applyFill="1" applyBorder="1" applyAlignment="1">
      <alignment horizontal="center" vertical="center" wrapText="1"/>
    </xf>
    <xf numFmtId="0" fontId="74" fillId="0" borderId="5" xfId="20" applyFont="1" applyBorder="1" applyAlignment="1">
      <alignment vertical="center" wrapText="1"/>
    </xf>
    <xf numFmtId="0" fontId="76" fillId="0" borderId="0" xfId="0" applyFont="1" applyAlignment="1">
      <alignment vertical="center" wrapText="1"/>
    </xf>
    <xf numFmtId="0" fontId="77" fillId="0" borderId="0" xfId="0" applyFont="1" applyAlignment="1">
      <alignment wrapText="1"/>
    </xf>
    <xf numFmtId="0" fontId="78" fillId="0" borderId="0" xfId="0" applyFont="1" applyAlignment="1">
      <alignment wrapText="1"/>
    </xf>
    <xf numFmtId="0" fontId="81" fillId="0" borderId="0" xfId="0" applyFont="1" applyAlignment="1">
      <alignment vertical="center" wrapText="1"/>
    </xf>
    <xf numFmtId="0" fontId="70" fillId="0" borderId="0" xfId="0" applyFont="1" applyAlignment="1">
      <alignment wrapText="1"/>
    </xf>
    <xf numFmtId="0" fontId="82" fillId="0" borderId="0" xfId="0" applyFont="1" applyAlignment="1">
      <alignment wrapText="1"/>
    </xf>
    <xf numFmtId="0" fontId="83" fillId="0" borderId="0" xfId="0" applyFont="1" applyAlignment="1">
      <alignment wrapText="1"/>
    </xf>
    <xf numFmtId="0" fontId="12" fillId="0" borderId="0" xfId="0" applyFont="1" applyAlignment="1">
      <alignment horizontal="left" vertical="center" wrapText="1"/>
    </xf>
    <xf numFmtId="0" fontId="71" fillId="0" borderId="0" xfId="0" applyFont="1" applyAlignment="1">
      <alignment wrapText="1"/>
    </xf>
    <xf numFmtId="0" fontId="12" fillId="0" borderId="0" xfId="56" applyFont="1" applyAlignment="1">
      <alignment vertical="center" wrapText="1"/>
    </xf>
    <xf numFmtId="164" fontId="49" fillId="11" borderId="5" xfId="10" applyNumberFormat="1" applyFont="1" applyFill="1" applyBorder="1" applyAlignment="1" applyProtection="1">
      <alignment horizontal="center" vertical="center" wrapText="1"/>
      <protection hidden="1"/>
    </xf>
    <xf numFmtId="0" fontId="81" fillId="11" borderId="46" xfId="0" applyFont="1" applyFill="1" applyBorder="1" applyAlignment="1">
      <alignment horizontal="left" vertical="center" wrapText="1"/>
    </xf>
    <xf numFmtId="0" fontId="73" fillId="11" borderId="46" xfId="0" applyFont="1" applyFill="1" applyBorder="1" applyAlignment="1">
      <alignment horizontal="left" vertical="center" wrapText="1"/>
    </xf>
    <xf numFmtId="165" fontId="34" fillId="59" borderId="5" xfId="20" applyNumberFormat="1" applyFont="1" applyFill="1" applyBorder="1" applyAlignment="1" applyProtection="1">
      <alignment horizontal="center" vertical="center" wrapText="1"/>
      <protection hidden="1"/>
    </xf>
    <xf numFmtId="0" fontId="0" fillId="59" borderId="5" xfId="0" applyFill="1" applyBorder="1" applyAlignment="1">
      <alignment horizontal="center" vertical="center" wrapText="1"/>
    </xf>
    <xf numFmtId="165" fontId="34" fillId="59" borderId="5" xfId="10" applyNumberFormat="1" applyFont="1" applyFill="1" applyBorder="1" applyAlignment="1" applyProtection="1">
      <alignment horizontal="center" vertical="center" wrapText="1"/>
      <protection hidden="1"/>
    </xf>
    <xf numFmtId="165" fontId="27" fillId="11" borderId="0" xfId="0" applyNumberFormat="1" applyFont="1" applyFill="1" applyAlignment="1">
      <alignment horizontal="center" vertical="center" wrapText="1"/>
    </xf>
    <xf numFmtId="0" fontId="36" fillId="0" borderId="5" xfId="20" applyFont="1" applyBorder="1" applyAlignment="1">
      <alignment horizontal="center" vertical="center" wrapText="1"/>
    </xf>
    <xf numFmtId="0" fontId="74" fillId="0" borderId="5" xfId="0" applyFont="1" applyBorder="1" applyAlignment="1">
      <alignment horizontal="left" vertical="center" wrapText="1"/>
    </xf>
    <xf numFmtId="0" fontId="74" fillId="0" borderId="5" xfId="20" applyFont="1" applyBorder="1" applyAlignment="1">
      <alignment horizontal="left" vertical="center" wrapText="1"/>
    </xf>
    <xf numFmtId="0" fontId="75" fillId="0" borderId="5" xfId="0" applyFont="1" applyBorder="1" applyAlignment="1">
      <alignment horizontal="left" vertical="center" wrapText="1"/>
    </xf>
    <xf numFmtId="0" fontId="0" fillId="60" borderId="5" xfId="0" applyFill="1" applyBorder="1" applyAlignment="1">
      <alignment horizontal="center" vertical="center" wrapText="1"/>
    </xf>
    <xf numFmtId="165" fontId="34" fillId="60" borderId="5" xfId="10" applyNumberFormat="1" applyFont="1" applyFill="1" applyBorder="1" applyAlignment="1" applyProtection="1">
      <alignment horizontal="center" vertical="center" wrapText="1"/>
      <protection hidden="1"/>
    </xf>
    <xf numFmtId="165" fontId="34" fillId="35" borderId="5" xfId="10" applyNumberFormat="1" applyFont="1" applyFill="1" applyBorder="1" applyAlignment="1" applyProtection="1">
      <alignment horizontal="center" vertical="center" wrapText="1"/>
      <protection hidden="1"/>
    </xf>
    <xf numFmtId="0" fontId="34" fillId="0" borderId="11" xfId="0" applyFont="1" applyBorder="1" applyAlignment="1">
      <alignment vertical="center" wrapText="1"/>
    </xf>
    <xf numFmtId="0" fontId="0" fillId="0" borderId="6" xfId="0" applyBorder="1" applyAlignment="1">
      <alignment vertical="center" wrapText="1"/>
    </xf>
    <xf numFmtId="0" fontId="85" fillId="0" borderId="47" xfId="0" applyFont="1" applyBorder="1" applyAlignment="1">
      <alignment wrapText="1"/>
    </xf>
    <xf numFmtId="0" fontId="34" fillId="11" borderId="12" xfId="0" applyFont="1" applyFill="1" applyBorder="1" applyAlignment="1">
      <alignment vertical="center" wrapText="1"/>
    </xf>
    <xf numFmtId="0" fontId="39" fillId="27" borderId="5" xfId="10" applyFont="1" applyFill="1" applyBorder="1" applyAlignment="1" applyProtection="1">
      <alignment horizontal="center" vertical="center" wrapText="1"/>
      <protection hidden="1"/>
    </xf>
    <xf numFmtId="0" fontId="86" fillId="11" borderId="0" xfId="0" applyFont="1" applyFill="1" applyAlignment="1">
      <alignment horizontal="center" vertical="center" wrapText="1"/>
    </xf>
  </cellXfs>
  <cellStyles count="104">
    <cellStyle name="Comma 2" xfId="12" xr:uid="{BE45AB35-469E-420C-9878-104B03A7505C}"/>
    <cellStyle name="Comma 2 2" xfId="31" xr:uid="{0FBCB761-B774-478F-8E19-0165D820039A}"/>
    <cellStyle name="Comma 2 2 2" xfId="79" xr:uid="{05EAE299-E0F6-42E3-AE12-EB76F21610CA}"/>
    <cellStyle name="Comma 2 3" xfId="60" xr:uid="{1FC735BB-A0E0-4005-943C-5883A83CD390}"/>
    <cellStyle name="Comma 3" xfId="15" xr:uid="{1DFC8B20-AD2F-4AAA-978F-301DDD37242B}"/>
    <cellStyle name="Comma 3 2" xfId="32" xr:uid="{D1A5175B-63CB-4FDF-B97E-158020360662}"/>
    <cellStyle name="Comma 3 2 2" xfId="80" xr:uid="{56E4C0A9-AA89-432D-B2EE-B0D9D885D8A9}"/>
    <cellStyle name="Comma 3 3" xfId="63" xr:uid="{A5ABF5D9-6FD9-4216-82FE-E8A445F797BF}"/>
    <cellStyle name="Currency" xfId="9" builtinId="4"/>
    <cellStyle name="Currency 2" xfId="14" xr:uid="{8AEFC104-C479-40A7-A41C-04AD1B2E148E}"/>
    <cellStyle name="Currency 2 2" xfId="19" xr:uid="{A67E2038-550B-4B51-A802-AB6E65DF0F23}"/>
    <cellStyle name="Currency 2 2 2" xfId="30" xr:uid="{8D5D1E81-CF5B-4DE2-8FC9-8BAC213F8C2C}"/>
    <cellStyle name="Currency 2 2 2 2" xfId="78" xr:uid="{9CFD3741-B096-4953-9E02-D7D184E0A062}"/>
    <cellStyle name="Currency 2 2 3" xfId="33" xr:uid="{3F9FE8C2-9425-4E27-8900-D1D4FCE63B11}"/>
    <cellStyle name="Currency 2 2 3 2" xfId="81" xr:uid="{24CF372D-76F6-46AF-98D1-0CCCE1C0B672}"/>
    <cellStyle name="Currency 2 2 4" xfId="67" xr:uid="{3457D883-33DE-49D4-BA84-F1CBFAC8167A}"/>
    <cellStyle name="Currency 2 3" xfId="34" xr:uid="{380E6857-BF7D-48D2-946B-9592D7970180}"/>
    <cellStyle name="Currency 2 3 2" xfId="82" xr:uid="{61902DE4-D3D7-4EC9-B810-A99D79FE1DD5}"/>
    <cellStyle name="Currency 2 4" xfId="62" xr:uid="{3773C1E9-6A33-43C9-8371-E028C14FD87A}"/>
    <cellStyle name="Currency 3" xfId="17" xr:uid="{14FCDDBE-18E6-4A05-BBE0-9D8EC2FFA38D}"/>
    <cellStyle name="Currency 3 2" xfId="35" xr:uid="{BFB0F6A0-FF33-4928-9F2A-05479AEFF882}"/>
    <cellStyle name="Currency 3 2 2" xfId="83" xr:uid="{61655722-A7E5-4DB2-9D0E-0C4EBFA84348}"/>
    <cellStyle name="Currency 3 3" xfId="65" xr:uid="{A83B5530-508E-445B-93F1-296671D7EF3E}"/>
    <cellStyle name="Currency 4" xfId="26" xr:uid="{B215F852-E54F-4A0A-844A-1D98DFD4F519}"/>
    <cellStyle name="Currency 4 2" xfId="74" xr:uid="{05EEC29B-8E79-4D43-B7C6-F66D4ABED34F}"/>
    <cellStyle name="Currency 5" xfId="36" xr:uid="{E11F6598-381A-43A1-9797-83CC497FAEEB}"/>
    <cellStyle name="Currency 5 2" xfId="84" xr:uid="{F48E3FA9-FE08-4E4F-BED1-E56F03172D8C}"/>
    <cellStyle name="Currency 6" xfId="49" xr:uid="{C8E971C2-B8D5-47EF-9F72-6998E8F05E74}"/>
    <cellStyle name="Currency 6 2" xfId="97" xr:uid="{83347F7F-D544-4B08-AB63-54F45593EB1A}"/>
    <cellStyle name="Currency 7" xfId="52" xr:uid="{C68892BB-A7D6-4154-94CB-E8865FD97FF7}"/>
    <cellStyle name="Currency 7 2" xfId="100" xr:uid="{56B0E838-4501-4B94-A2FD-62D1C53CBCFB}"/>
    <cellStyle name="Currency 8" xfId="55" xr:uid="{5D27B90E-92F0-4197-9464-B89DF005D530}"/>
    <cellStyle name="Currency 8 2" xfId="103" xr:uid="{4BD4A4EC-FDD2-4C61-9392-E2E94D2743AB}"/>
    <cellStyle name="Currency 9" xfId="58" xr:uid="{C0EF5FC0-D31F-4C9A-952D-FAF2914E9D77}"/>
    <cellStyle name="Heading 1" xfId="4" builtinId="16" customBuiltin="1"/>
    <cellStyle name="Heading 2" xfId="5" builtinId="17" customBuiltin="1"/>
    <cellStyle name="Heading 3" xfId="6" builtinId="18" customBuiltin="1"/>
    <cellStyle name="Heading 4" xfId="7" builtinId="19" customBuiltin="1"/>
    <cellStyle name="Hyperlink" xfId="56" builtinId="8"/>
    <cellStyle name="Normal" xfId="0" builtinId="0" customBuiltin="1"/>
    <cellStyle name="Normal 2" xfId="1" xr:uid="{3BC9F2CF-8901-4C70-95BB-124ECC97EC00}"/>
    <cellStyle name="Normal 2 2" xfId="2" xr:uid="{56E6692E-1E4C-4661-A89E-345772A97718}"/>
    <cellStyle name="Normal 3" xfId="10" xr:uid="{7B87745A-9AD7-4CF8-BCA4-20784489CF66}"/>
    <cellStyle name="Normal 3 2" xfId="18" xr:uid="{BAD8A29F-5F07-4EF8-BCA1-86D7AA00D1F4}"/>
    <cellStyle name="Normal 3 2 2" xfId="23" xr:uid="{ECF61048-7914-46EC-B02A-663696AC6213}"/>
    <cellStyle name="Normal 3 2 2 2" xfId="28" xr:uid="{660F0D8A-2DA8-4CFE-B09A-110CFC7013C0}"/>
    <cellStyle name="Normal 3 2 2 2 2" xfId="76" xr:uid="{BE25F2C4-9CB2-4E79-89B4-A7639917514C}"/>
    <cellStyle name="Normal 3 2 2 3" xfId="37" xr:uid="{6A95EBFB-7B9B-454B-958C-E110682C7561}"/>
    <cellStyle name="Normal 3 2 2 3 2" xfId="85" xr:uid="{54845049-2D1C-4431-8D36-0A4CFF14E5A5}"/>
    <cellStyle name="Normal 3 2 2 4" xfId="71" xr:uid="{88A7F40E-30A6-4F2A-9A42-E4EEF12CACF4}"/>
    <cellStyle name="Normal 3 2 3" xfId="38" xr:uid="{6F67B637-A12D-4C94-9BF6-FB74DF139114}"/>
    <cellStyle name="Normal 3 2 3 2" xfId="86" xr:uid="{86D499F9-39B3-4D92-A6F0-8F18ACF20EB2}"/>
    <cellStyle name="Normal 3 2 4" xfId="66" xr:uid="{6ADDA1A5-77E8-4438-8B81-2E7F9DEB722E}"/>
    <cellStyle name="Normal 3 3" xfId="20" xr:uid="{ACDEE0AD-9424-417E-92EF-76C0FB87B298}"/>
    <cellStyle name="Normal 3 3 2" xfId="29" xr:uid="{21C9270B-0AB4-4B3E-90D9-B5A3CE2A7E41}"/>
    <cellStyle name="Normal 3 3 2 2" xfId="77" xr:uid="{62EAAA6D-984D-4920-85E2-A2E1502BB3C5}"/>
    <cellStyle name="Normal 3 3 3" xfId="39" xr:uid="{37264839-F67A-44DF-872B-FC051B769013}"/>
    <cellStyle name="Normal 3 3 3 2" xfId="87" xr:uid="{3C3F27CE-7D69-49BB-8AC7-4B3608DEF29E}"/>
    <cellStyle name="Normal 3 3 4" xfId="68" xr:uid="{E6A2290B-0D11-4188-BDB0-71A71748645B}"/>
    <cellStyle name="Normal 3 4" xfId="27" xr:uid="{B12342DC-14A9-47AE-8B79-050F81F6E5D5}"/>
    <cellStyle name="Normal 3 4 2" xfId="75" xr:uid="{752274F8-1181-4864-BD90-F616931707ED}"/>
    <cellStyle name="Normal 3 5" xfId="40" xr:uid="{B371739F-5867-4690-BBD5-28999B3AE83B}"/>
    <cellStyle name="Normal 3 5 2" xfId="88" xr:uid="{10F26774-7D7C-4A4D-9244-E4A1BF7FF7D5}"/>
    <cellStyle name="Normal 3 6" xfId="59" xr:uid="{C5AF1E04-82AA-4846-9380-F0E2A6354BB4}"/>
    <cellStyle name="Normal 4" xfId="11" xr:uid="{490DED8F-4CBE-4849-AC11-520DBD7DF705}"/>
    <cellStyle name="Normal 4 2" xfId="24" xr:uid="{8945D7FD-1D67-427C-9F12-E23202DC7C3A}"/>
    <cellStyle name="Normal 4 2 2" xfId="41" xr:uid="{0AD17133-E2B5-433B-885B-869D38552927}"/>
    <cellStyle name="Normal 4 2 2 2" xfId="89" xr:uid="{3692F949-42C9-4013-9359-64F5B05628C3}"/>
    <cellStyle name="Normal 4 2 3" xfId="72" xr:uid="{F18C1C78-E4A5-4F2B-9CF6-C9FF75706B79}"/>
    <cellStyle name="Normal 4 3" xfId="21" xr:uid="{E0665D55-0C32-4B44-9305-3ED003D433CE}"/>
    <cellStyle name="Normal 4 3 2" xfId="42" xr:uid="{15324512-9436-40DD-983D-40C520BE63B0}"/>
    <cellStyle name="Normal 4 3 2 2" xfId="90" xr:uid="{B55CCEB1-D987-40D3-9780-E373687D869D}"/>
    <cellStyle name="Normal 4 3 3" xfId="69" xr:uid="{9E166343-6F9C-4082-AF2C-3AB51613E6E8}"/>
    <cellStyle name="Normal 5" xfId="13" xr:uid="{B1905EC0-07A0-43BE-8860-84CB3EF4857E}"/>
    <cellStyle name="Normal 5 2" xfId="25" xr:uid="{F05CF4F1-DC5A-4496-883E-60247E28B2CE}"/>
    <cellStyle name="Normal 5 2 2" xfId="43" xr:uid="{DD21F5BC-DC18-4710-AE67-3F3898026A79}"/>
    <cellStyle name="Normal 5 2 2 2" xfId="91" xr:uid="{8238F363-BC26-4630-A3C8-0D34D933E679}"/>
    <cellStyle name="Normal 5 2 3" xfId="73" xr:uid="{06D42499-AC51-4FEB-90C6-2B25ADAAD69E}"/>
    <cellStyle name="Normal 5 3" xfId="22" xr:uid="{517BA1D5-6B4E-4A6D-9FD4-34C621538000}"/>
    <cellStyle name="Normal 5 3 2" xfId="44" xr:uid="{39614CE5-CC9E-4D9B-9C94-DA50DDAF7413}"/>
    <cellStyle name="Normal 5 3 2 2" xfId="92" xr:uid="{1A8A9B5D-129D-48FF-8595-3A6418F8521A}"/>
    <cellStyle name="Normal 5 3 3" xfId="70" xr:uid="{4ABAF054-D8F9-4796-A29C-6C0672CAD247}"/>
    <cellStyle name="Normal 5 4" xfId="45" xr:uid="{8A8E1034-7F2B-41D1-A50A-90C2C33F1A17}"/>
    <cellStyle name="Normal 5 4 2" xfId="93" xr:uid="{199353B6-3E74-4F09-8299-14CD2AF7459C}"/>
    <cellStyle name="Normal 5 5" xfId="61" xr:uid="{5F1D044B-E475-42E9-8962-81544040F6C0}"/>
    <cellStyle name="Normal 6" xfId="16" xr:uid="{10F52294-A0EE-4715-9B41-7D07B1150809}"/>
    <cellStyle name="Normal 6 2" xfId="46" xr:uid="{100120A3-92DE-44BF-8224-EB7FDC03F6EB}"/>
    <cellStyle name="Normal 6 2 2" xfId="94" xr:uid="{9EF4F671-24C4-4FC0-8E99-D844683E297D}"/>
    <cellStyle name="Normal 6 3" xfId="64" xr:uid="{6348EE2A-15E4-4DD3-A55C-9C16913D0F98}"/>
    <cellStyle name="Normal 7" xfId="47" xr:uid="{EBEAA2B6-F0C4-46E2-9AF1-D041CE19C073}"/>
    <cellStyle name="Normal 7 2" xfId="95" xr:uid="{4CC0AC7A-760E-411D-BC65-1555982D7015}"/>
    <cellStyle name="Normal 8" xfId="50" xr:uid="{91C23EEE-6377-45BA-8276-4D46DF700943}"/>
    <cellStyle name="Normal 8 2" xfId="98" xr:uid="{68ADF9B3-61BD-495C-9CBC-3B3FE565C060}"/>
    <cellStyle name="Normal 9" xfId="53" xr:uid="{98100FDC-3FAB-4864-99D7-E0F11D3E91EC}"/>
    <cellStyle name="Normal 9 2" xfId="101" xr:uid="{BC048005-E7C9-4F3C-825A-1DDBAF34E60F}"/>
    <cellStyle name="Percent" xfId="57" builtinId="5"/>
    <cellStyle name="Percent 2" xfId="48" xr:uid="{F4D9586F-4CF9-4DC4-9CBD-3340EC704D28}"/>
    <cellStyle name="Percent 2 2" xfId="96" xr:uid="{CADA9F6E-8E2C-4A4F-A81F-F9794A1CF180}"/>
    <cellStyle name="Percent 3" xfId="51" xr:uid="{17FCAB4D-10DB-41CA-B611-190F7FAE1FE4}"/>
    <cellStyle name="Percent 3 2" xfId="99" xr:uid="{F10FFF41-9E12-488C-9C44-78679C752CC2}"/>
    <cellStyle name="Percent 4" xfId="54" xr:uid="{6FA60996-06C5-4471-8F07-45829EDC3D71}"/>
    <cellStyle name="Percent 4 2" xfId="102" xr:uid="{3CDC8619-2AD3-45DF-94E3-7555105E0E28}"/>
    <cellStyle name="Title" xfId="3" builtinId="15" customBuiltin="1"/>
    <cellStyle name="Total" xfId="8" builtinId="25" customBuiltin="1"/>
  </cellStyles>
  <dxfs count="930">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theme="4" tint="0.59996337778862885"/>
        </patternFill>
      </fill>
    </dxf>
    <dxf>
      <font>
        <b/>
        <i val="0"/>
      </font>
      <fill>
        <patternFill>
          <bgColor theme="8" tint="0.59996337778862885"/>
        </patternFill>
      </fill>
    </dxf>
    <dxf>
      <font>
        <b/>
        <i val="0"/>
      </font>
      <fill>
        <patternFill>
          <bgColor theme="8"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4" tint="0.59996337778862885"/>
        </patternFill>
      </fill>
    </dxf>
    <dxf>
      <fill>
        <patternFill>
          <bgColor theme="6" tint="0.59996337778862885"/>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4"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theme="4" tint="0.59996337778862885"/>
        </patternFill>
      </fill>
    </dxf>
    <dxf>
      <fill>
        <patternFill>
          <bgColor rgb="FFFFCC99"/>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4" tint="0.59996337778862885"/>
        </patternFill>
      </fill>
    </dxf>
    <dxf>
      <fill>
        <patternFill>
          <bgColor theme="6" tint="0.59996337778862885"/>
        </patternFill>
      </fill>
    </dxf>
    <dxf>
      <fill>
        <patternFill>
          <bgColor rgb="FFFFCC99"/>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rgb="FFFFCC99"/>
        </patternFill>
      </fill>
    </dxf>
    <dxf>
      <fill>
        <patternFill>
          <bgColor theme="4" tint="0.59996337778862885"/>
        </patternFill>
      </fill>
    </dxf>
    <dxf>
      <fill>
        <patternFill>
          <bgColor theme="6" tint="0.59996337778862885"/>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4"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rgb="FFFFCC99"/>
        </patternFill>
      </fill>
    </dxf>
    <dxf>
      <fill>
        <patternFill>
          <bgColor theme="6" tint="0.59996337778862885"/>
        </patternFill>
      </fill>
    </dxf>
    <dxf>
      <fill>
        <patternFill>
          <bgColor theme="6"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4" tint="0.59996337778862885"/>
        </patternFill>
      </fill>
    </dxf>
    <dxf>
      <fill>
        <patternFill>
          <bgColor rgb="FFFFCC99"/>
        </patternFill>
      </fill>
    </dxf>
    <dxf>
      <fill>
        <patternFill>
          <bgColor rgb="FFFFCC99"/>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theme="6" tint="0.59996337778862885"/>
        </patternFill>
      </fill>
    </dxf>
    <dxf>
      <fill>
        <patternFill>
          <bgColor rgb="FFFFCC99"/>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4" tint="0.59996337778862885"/>
        </patternFill>
      </fill>
    </dxf>
    <dxf>
      <fill>
        <patternFill>
          <bgColor rgb="FFFFCC99"/>
        </patternFill>
      </fill>
    </dxf>
    <dxf>
      <fill>
        <patternFill>
          <bgColor theme="6" tint="0.79998168889431442"/>
        </patternFill>
      </fill>
    </dxf>
    <dxf>
      <fill>
        <patternFill>
          <bgColor rgb="FFFFCC99"/>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theme="4" tint="0.59996337778862885"/>
        </patternFill>
      </fill>
    </dxf>
    <dxf>
      <fill>
        <patternFill>
          <bgColor rgb="FFFFCC99"/>
        </patternFill>
      </fill>
    </dxf>
    <dxf>
      <fill>
        <patternFill>
          <bgColor rgb="FFFFCC99"/>
        </patternFill>
      </fill>
    </dxf>
    <dxf>
      <fill>
        <patternFill>
          <bgColor theme="6" tint="0.59996337778862885"/>
        </patternFill>
      </fill>
    </dxf>
    <dxf>
      <fill>
        <patternFill>
          <bgColor theme="6" tint="0.79998168889431442"/>
        </patternFill>
      </fill>
    </dxf>
    <dxf>
      <fill>
        <patternFill>
          <bgColor theme="6" tint="0.59996337778862885"/>
        </patternFill>
      </fill>
    </dxf>
    <dxf>
      <fill>
        <patternFill>
          <bgColor rgb="FFFFCC99"/>
        </patternFill>
      </fill>
    </dxf>
    <dxf>
      <fill>
        <patternFill>
          <bgColor theme="3" tint="0.39994506668294322"/>
        </patternFill>
      </fill>
    </dxf>
    <dxf>
      <fill>
        <patternFill>
          <bgColor theme="4" tint="0.59996337778862885"/>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rgb="FFFFCC99"/>
        </patternFill>
      </fill>
    </dxf>
    <dxf>
      <fill>
        <patternFill>
          <bgColor theme="3" tint="0.39994506668294322"/>
        </patternFill>
      </fill>
    </dxf>
    <dxf>
      <fill>
        <patternFill>
          <bgColor theme="6" tint="0.79998168889431442"/>
        </patternFill>
      </fill>
    </dxf>
    <dxf>
      <fill>
        <patternFill>
          <bgColor theme="4" tint="0.59996337778862885"/>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theme="4" tint="0.59996337778862885"/>
        </patternFill>
      </fill>
    </dxf>
    <dxf>
      <fill>
        <patternFill>
          <bgColor theme="6" tint="0.59996337778862885"/>
        </patternFill>
      </fill>
    </dxf>
    <dxf>
      <fill>
        <patternFill>
          <bgColor rgb="FFFFCC99"/>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4" tint="0.59996337778862885"/>
        </patternFill>
      </fill>
    </dxf>
    <dxf>
      <fill>
        <patternFill>
          <bgColor theme="6" tint="0.59996337778862885"/>
        </patternFill>
      </fill>
    </dxf>
    <dxf>
      <fill>
        <patternFill>
          <bgColor rgb="FFFFCC99"/>
        </patternFill>
      </fill>
    </dxf>
    <dxf>
      <fill>
        <patternFill>
          <bgColor theme="4" tint="0.59996337778862885"/>
        </patternFill>
      </fill>
    </dxf>
    <dxf>
      <fill>
        <patternFill>
          <bgColor rgb="FFFFCC99"/>
        </patternFill>
      </fill>
    </dxf>
    <dxf>
      <fill>
        <patternFill>
          <bgColor theme="6" tint="0.59996337778862885"/>
        </patternFill>
      </fill>
    </dxf>
    <dxf>
      <fill>
        <patternFill>
          <bgColor theme="3" tint="0.39994506668294322"/>
        </patternFill>
      </fill>
    </dxf>
    <dxf>
      <fill>
        <patternFill>
          <bgColor rgb="FFFFCC99"/>
        </patternFill>
      </fill>
    </dxf>
    <dxf>
      <fill>
        <patternFill>
          <bgColor theme="6" tint="0.79998168889431442"/>
        </patternFill>
      </fill>
    </dxf>
    <dxf>
      <fill>
        <patternFill>
          <bgColor theme="4" tint="0.59996337778862885"/>
        </patternFill>
      </fill>
    </dxf>
    <dxf>
      <fill>
        <patternFill>
          <bgColor theme="6" tint="0.59996337778862885"/>
        </patternFill>
      </fill>
    </dxf>
    <dxf>
      <fill>
        <patternFill>
          <bgColor theme="4" tint="0.59996337778862885"/>
        </patternFill>
      </fill>
    </dxf>
    <dxf>
      <fill>
        <patternFill>
          <bgColor theme="6" tint="0.59996337778862885"/>
        </patternFill>
      </fill>
    </dxf>
    <dxf>
      <fill>
        <patternFill>
          <bgColor rgb="FFFFCC99"/>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theme="4"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4" tint="0.59996337778862885"/>
        </patternFill>
      </fill>
    </dxf>
    <dxf>
      <fill>
        <patternFill>
          <bgColor theme="6" tint="0.59996337778862885"/>
        </patternFill>
      </fill>
    </dxf>
    <dxf>
      <fill>
        <patternFill>
          <bgColor rgb="FFFFCC99"/>
        </patternFill>
      </fill>
    </dxf>
    <dxf>
      <fill>
        <patternFill>
          <bgColor theme="4"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4"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59996337778862885"/>
        </patternFill>
      </fill>
    </dxf>
    <dxf>
      <fill>
        <patternFill>
          <bgColor theme="6" tint="0.79998168889431442"/>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79998168889431442"/>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59996337778862885"/>
        </patternFill>
      </fill>
    </dxf>
    <dxf>
      <fill>
        <patternFill>
          <bgColor theme="6" tint="0.79998168889431442"/>
        </patternFill>
      </fill>
    </dxf>
    <dxf>
      <fill>
        <patternFill>
          <bgColor rgb="FFFFCC99"/>
        </patternFill>
      </fill>
    </dxf>
    <dxf>
      <fill>
        <patternFill>
          <bgColor theme="3" tint="0.39994506668294322"/>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4"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4" tint="0.59996337778862885"/>
        </patternFill>
      </fill>
    </dxf>
    <dxf>
      <fill>
        <patternFill>
          <bgColor theme="6" tint="0.59996337778862885"/>
        </patternFill>
      </fill>
    </dxf>
    <dxf>
      <fill>
        <patternFill>
          <bgColor rgb="FFFFCC99"/>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theme="4" tint="0.59996337778862885"/>
        </patternFill>
      </fill>
    </dxf>
    <dxf>
      <fill>
        <patternFill>
          <bgColor rgb="FFFFCC99"/>
        </patternFill>
      </fill>
    </dxf>
    <dxf>
      <fill>
        <patternFill>
          <bgColor rgb="FFFFCC99"/>
        </patternFill>
      </fill>
    </dxf>
    <dxf>
      <fill>
        <patternFill>
          <bgColor theme="6" tint="0.59996337778862885"/>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4" tint="0.59996337778862885"/>
        </patternFill>
      </fill>
    </dxf>
    <dxf>
      <fill>
        <patternFill>
          <bgColor theme="6" tint="0.79998168889431442"/>
        </patternFill>
      </fill>
    </dxf>
    <dxf>
      <fill>
        <patternFill>
          <bgColor theme="6" tint="0.59996337778862885"/>
        </patternFill>
      </fill>
    </dxf>
    <dxf>
      <fill>
        <patternFill>
          <bgColor theme="3" tint="0.39994506668294322"/>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theme="4" tint="0.59996337778862885"/>
        </patternFill>
      </fill>
    </dxf>
    <dxf>
      <fill>
        <patternFill>
          <bgColor theme="6" tint="0.59996337778862885"/>
        </patternFill>
      </fill>
    </dxf>
    <dxf>
      <fill>
        <patternFill>
          <bgColor rgb="FFFFCC99"/>
        </patternFill>
      </fill>
    </dxf>
    <dxf>
      <fill>
        <patternFill>
          <bgColor rgb="FFFFCC99"/>
        </patternFill>
      </fill>
    </dxf>
    <dxf>
      <fill>
        <patternFill>
          <bgColor theme="6" tint="0.79998168889431442"/>
        </patternFill>
      </fill>
    </dxf>
    <dxf>
      <fill>
        <patternFill>
          <bgColor theme="6" tint="0.59996337778862885"/>
        </patternFill>
      </fill>
    </dxf>
    <dxf>
      <fill>
        <patternFill>
          <bgColor theme="3" tint="0.39994506668294322"/>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theme="4" tint="0.59996337778862885"/>
        </patternFill>
      </fill>
    </dxf>
    <dxf>
      <fill>
        <patternFill>
          <bgColor rgb="FFFFCC99"/>
        </patternFill>
      </fill>
    </dxf>
    <dxf>
      <fill>
        <patternFill>
          <bgColor theme="6" tint="0.59996337778862885"/>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theme="4" tint="0.59996337778862885"/>
        </patternFill>
      </fill>
    </dxf>
    <dxf>
      <fill>
        <patternFill>
          <bgColor rgb="FFFFCC99"/>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theme="6" tint="0.59996337778862885"/>
        </patternFill>
      </fill>
    </dxf>
    <dxf>
      <fill>
        <patternFill>
          <bgColor theme="4" tint="0.59996337778862885"/>
        </patternFill>
      </fill>
    </dxf>
    <dxf>
      <fill>
        <patternFill>
          <bgColor rgb="FFFFCC99"/>
        </patternFill>
      </fill>
    </dxf>
    <dxf>
      <fill>
        <patternFill>
          <bgColor theme="6" tint="0.59996337778862885"/>
        </patternFill>
      </fill>
    </dxf>
    <dxf>
      <fill>
        <patternFill>
          <bgColor rgb="FFFFCC99"/>
        </patternFill>
      </fill>
    </dxf>
    <dxf>
      <fill>
        <patternFill>
          <bgColor rgb="FFFFCC99"/>
        </patternFill>
      </fill>
    </dxf>
    <dxf>
      <fill>
        <patternFill>
          <bgColor theme="4" tint="0.59996337778862885"/>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4"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theme="4"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rgb="FFFFCC99"/>
        </patternFill>
      </fill>
    </dxf>
    <dxf>
      <fill>
        <patternFill>
          <bgColor theme="3" tint="0.39994506668294322"/>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4" tint="0.59996337778862885"/>
        </patternFill>
      </fill>
    </dxf>
    <dxf>
      <fill>
        <patternFill>
          <bgColor theme="6" tint="0.59996337778862885"/>
        </patternFill>
      </fill>
    </dxf>
    <dxf>
      <fill>
        <patternFill>
          <bgColor theme="4" tint="0.59996337778862885"/>
        </patternFill>
      </fill>
    </dxf>
    <dxf>
      <fill>
        <patternFill>
          <bgColor theme="6" tint="0.59996337778862885"/>
        </patternFill>
      </fill>
    </dxf>
    <dxf>
      <fill>
        <patternFill>
          <bgColor rgb="FFFFCC99"/>
        </patternFill>
      </fill>
    </dxf>
    <dxf>
      <fill>
        <patternFill>
          <bgColor theme="3" tint="0.39994506668294322"/>
        </patternFill>
      </fill>
    </dxf>
    <dxf>
      <fill>
        <patternFill>
          <bgColor rgb="FFFFCC99"/>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4" tint="0.59996337778862885"/>
        </patternFill>
      </fill>
    </dxf>
    <dxf>
      <fill>
        <patternFill>
          <bgColor theme="6" tint="0.59996337778862885"/>
        </patternFill>
      </fill>
    </dxf>
    <dxf>
      <fill>
        <patternFill>
          <bgColor rgb="FFFFCC99"/>
        </patternFill>
      </fill>
    </dxf>
    <dxf>
      <fill>
        <patternFill>
          <bgColor rgb="FFFFCC99"/>
        </patternFill>
      </fill>
    </dxf>
    <dxf>
      <fill>
        <patternFill>
          <bgColor rgb="FFFFCC99"/>
        </patternFill>
      </fill>
    </dxf>
    <dxf>
      <fill>
        <patternFill>
          <bgColor theme="4" tint="0.59996337778862885"/>
        </patternFill>
      </fill>
    </dxf>
    <dxf>
      <fill>
        <patternFill>
          <bgColor theme="6" tint="0.59996337778862885"/>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4" tint="0.59996337778862885"/>
        </patternFill>
      </fill>
    </dxf>
    <dxf>
      <fill>
        <patternFill>
          <bgColor theme="6" tint="0.59996337778862885"/>
        </patternFill>
      </fill>
    </dxf>
    <dxf>
      <fill>
        <patternFill>
          <bgColor rgb="FFFFCC99"/>
        </patternFill>
      </fill>
    </dxf>
    <dxf>
      <fill>
        <patternFill>
          <bgColor theme="4"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rgb="FFFFCC99"/>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3" tint="0.39994506668294322"/>
        </patternFill>
      </fill>
    </dxf>
    <dxf>
      <fill>
        <patternFill>
          <bgColor theme="6" tint="0.79998168889431442"/>
        </patternFill>
      </fill>
    </dxf>
    <dxf>
      <fill>
        <patternFill>
          <bgColor theme="4" tint="0.59996337778862885"/>
        </patternFill>
      </fill>
    </dxf>
    <dxf>
      <fill>
        <patternFill>
          <bgColor theme="4" tint="0.59996337778862885"/>
        </patternFill>
      </fill>
    </dxf>
    <dxf>
      <fill>
        <patternFill>
          <bgColor theme="6" tint="0.59996337778862885"/>
        </patternFill>
      </fill>
    </dxf>
    <dxf>
      <fill>
        <patternFill>
          <bgColor rgb="FFFFCC99"/>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ont>
        <b/>
        <i val="0"/>
      </font>
      <fill>
        <patternFill>
          <bgColor theme="8" tint="0.59996337778862885"/>
        </patternFill>
      </fill>
    </dxf>
    <dxf>
      <font>
        <b/>
        <i val="0"/>
      </font>
      <fill>
        <patternFill>
          <bgColor theme="8"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4" tint="0.59996337778862885"/>
        </patternFill>
      </fill>
    </dxf>
    <dxf>
      <fill>
        <patternFill>
          <bgColor rgb="FFFFCC99"/>
        </patternFill>
      </fill>
    </dxf>
    <dxf>
      <fill>
        <patternFill>
          <bgColor theme="6" tint="0.59996337778862885"/>
        </patternFill>
      </fill>
    </dxf>
    <dxf>
      <fill>
        <patternFill>
          <bgColor theme="3" tint="0.39994506668294322"/>
        </patternFill>
      </fill>
    </dxf>
    <dxf>
      <fill>
        <patternFill>
          <bgColor rgb="FFFFCC99"/>
        </patternFill>
      </fill>
    </dxf>
    <dxf>
      <fill>
        <patternFill>
          <bgColor theme="6" tint="0.79998168889431442"/>
        </patternFill>
      </fill>
    </dxf>
    <dxf>
      <fill>
        <patternFill>
          <bgColor theme="6" tint="0.59996337778862885"/>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rgb="FFFFCC99"/>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4" tint="0.59996337778862885"/>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rgb="FFFFCC99"/>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4" tint="0.59996337778862885"/>
        </patternFill>
      </fill>
    </dxf>
    <dxf>
      <fill>
        <patternFill>
          <bgColor theme="6" tint="0.59996337778862885"/>
        </patternFill>
      </fill>
    </dxf>
    <dxf>
      <fill>
        <patternFill>
          <bgColor theme="6" tint="0.79998168889431442"/>
        </patternFill>
      </fill>
    </dxf>
    <dxf>
      <fill>
        <patternFill>
          <bgColor rgb="FFFFCC99"/>
        </patternFill>
      </fill>
    </dxf>
    <dxf>
      <fill>
        <patternFill>
          <bgColor theme="6" tint="0.59996337778862885"/>
        </patternFill>
      </fill>
    </dxf>
    <dxf>
      <fill>
        <patternFill>
          <bgColor theme="3" tint="0.39994506668294322"/>
        </patternFill>
      </fill>
    </dxf>
    <dxf>
      <fill>
        <patternFill>
          <bgColor rgb="FFFFCC99"/>
        </patternFill>
      </fill>
    </dxf>
    <dxf>
      <fill>
        <patternFill>
          <bgColor rgb="FFFFCC99"/>
        </patternFill>
      </fill>
    </dxf>
    <dxf>
      <fill>
        <patternFill>
          <bgColor theme="3" tint="0.39994506668294322"/>
        </patternFill>
      </fill>
    </dxf>
    <dxf>
      <fill>
        <patternFill>
          <bgColor theme="6" tint="0.59996337778862885"/>
        </patternFill>
      </fill>
    </dxf>
    <dxf>
      <fill>
        <patternFill>
          <bgColor theme="6" tint="0.79998168889431442"/>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rgb="FFFFCC99"/>
        </patternFill>
      </fill>
    </dxf>
    <dxf>
      <fill>
        <patternFill>
          <bgColor theme="4" tint="0.59996337778862885"/>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theme="4" tint="0.59996337778862885"/>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4"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theme="4" tint="0.59996337778862885"/>
        </patternFill>
      </fill>
    </dxf>
    <dxf>
      <fill>
        <patternFill>
          <bgColor theme="6" tint="0.59996337778862885"/>
        </patternFill>
      </fill>
    </dxf>
    <dxf>
      <fill>
        <patternFill>
          <bgColor rgb="FFFFCC99"/>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theme="6" tint="0.59996337778862885"/>
        </patternFill>
      </fill>
    </dxf>
    <dxf>
      <fill>
        <patternFill>
          <bgColor rgb="FFFFCC99"/>
        </patternFill>
      </fill>
    </dxf>
    <dxf>
      <fill>
        <patternFill>
          <bgColor theme="4"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theme="4" tint="0.59996337778862885"/>
        </patternFill>
      </fill>
    </dxf>
    <dxf>
      <fill>
        <patternFill>
          <bgColor theme="6" tint="0.59996337778862885"/>
        </patternFill>
      </fill>
    </dxf>
    <dxf>
      <fill>
        <patternFill>
          <bgColor rgb="FFFFCC99"/>
        </patternFill>
      </fill>
    </dxf>
    <dxf>
      <font>
        <color rgb="FF006100"/>
      </font>
      <fill>
        <patternFill>
          <bgColor rgb="FFC6EFCE"/>
        </patternFill>
      </fill>
    </dxf>
    <dxf>
      <font>
        <color rgb="FF006100"/>
      </font>
      <fill>
        <patternFill>
          <bgColor rgb="FFC6EFCE"/>
        </patternFill>
      </fill>
    </dxf>
    <dxf>
      <font>
        <strike val="0"/>
        <color theme="1"/>
      </font>
      <fill>
        <patternFill patternType="none">
          <bgColor auto="1"/>
        </patternFill>
      </fill>
    </dxf>
    <dxf>
      <font>
        <b/>
        <i val="0"/>
      </font>
      <fill>
        <patternFill>
          <bgColor theme="8" tint="0.59996337778862885"/>
        </patternFill>
      </fill>
    </dxf>
    <dxf>
      <font>
        <b/>
        <i val="0"/>
      </font>
      <fill>
        <patternFill>
          <bgColor theme="8" tint="0.59996337778862885"/>
        </patternFill>
      </fill>
    </dxf>
    <dxf>
      <font>
        <color rgb="FF9C0006"/>
      </font>
      <fill>
        <patternFill>
          <bgColor rgb="FFFFC7CE"/>
        </patternFill>
      </fill>
    </dxf>
    <dxf>
      <font>
        <color rgb="FF006100"/>
      </font>
      <fill>
        <patternFill>
          <bgColor rgb="FFC6EFCE"/>
        </patternFill>
      </fill>
    </dxf>
    <dxf>
      <fill>
        <patternFill>
          <bgColor theme="6" tint="0.59996337778862885"/>
        </patternFill>
      </fill>
    </dxf>
    <dxf>
      <fill>
        <patternFill>
          <bgColor theme="4"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4" tint="0.59996337778862885"/>
        </patternFill>
      </fill>
    </dxf>
    <dxf>
      <fill>
        <patternFill>
          <bgColor theme="6" tint="0.59996337778862885"/>
        </patternFill>
      </fill>
    </dxf>
    <dxf>
      <fill>
        <patternFill>
          <bgColor rgb="FFFFCC99"/>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6" tint="0.59996337778862885"/>
        </patternFill>
      </fill>
    </dxf>
    <dxf>
      <fill>
        <patternFill>
          <bgColor rgb="FFFFCC99"/>
        </patternFill>
      </fill>
    </dxf>
    <dxf>
      <fill>
        <patternFill>
          <bgColor theme="4"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theme="4" tint="0.59996337778862885"/>
        </patternFill>
      </fill>
    </dxf>
    <dxf>
      <fill>
        <patternFill>
          <bgColor theme="6" tint="0.59996337778862885"/>
        </patternFill>
      </fill>
    </dxf>
    <dxf>
      <fill>
        <patternFill>
          <bgColor rgb="FFFFCC99"/>
        </patternFill>
      </fill>
    </dxf>
    <dxf>
      <fill>
        <patternFill>
          <bgColor theme="6" tint="0.79998168889431442"/>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4"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theme="4" tint="0.59996337778862885"/>
        </patternFill>
      </fill>
    </dxf>
    <dxf>
      <fill>
        <patternFill>
          <bgColor theme="6" tint="0.59996337778862885"/>
        </patternFill>
      </fill>
    </dxf>
    <dxf>
      <fill>
        <patternFill>
          <bgColor rgb="FFFFCC99"/>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theme="4"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rgb="FFFFCC99"/>
        </patternFill>
      </fill>
    </dxf>
    <dxf>
      <fill>
        <patternFill>
          <bgColor theme="6" tint="0.59996337778862885"/>
        </patternFill>
      </fill>
    </dxf>
    <dxf>
      <fill>
        <patternFill>
          <bgColor theme="3" tint="0.39994506668294322"/>
        </patternFill>
      </fill>
    </dxf>
    <dxf>
      <fill>
        <patternFill>
          <bgColor theme="6" tint="0.79998168889431442"/>
        </patternFill>
      </fill>
    </dxf>
    <dxf>
      <fill>
        <patternFill>
          <bgColor rgb="FFFFCC99"/>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4" tint="0.59996337778862885"/>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theme="3" tint="0.39994506668294322"/>
        </patternFill>
      </fill>
    </dxf>
    <dxf>
      <fill>
        <patternFill>
          <bgColor rgb="FFFFCC99"/>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rgb="FFFFCC99"/>
        </patternFill>
      </fill>
    </dxf>
    <dxf>
      <fill>
        <patternFill>
          <bgColor theme="6" tint="0.59996337778862885"/>
        </patternFill>
      </fill>
    </dxf>
    <dxf>
      <fill>
        <patternFill>
          <bgColor theme="4"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6" tint="0.59996337778862885"/>
        </patternFill>
      </fill>
    </dxf>
    <dxf>
      <fill>
        <patternFill>
          <bgColor theme="6"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fill>
        <patternFill>
          <bgColor theme="3" tint="0.39994506668294322"/>
        </patternFill>
      </fill>
    </dxf>
    <dxf>
      <fill>
        <patternFill>
          <bgColor theme="6" tint="0.59996337778862885"/>
        </patternFill>
      </fill>
    </dxf>
    <dxf>
      <fill>
        <patternFill>
          <bgColor rgb="FFFFCC99"/>
        </patternFill>
      </fill>
    </dxf>
    <dxf>
      <fill>
        <patternFill>
          <bgColor theme="6" tint="0.79998168889431442"/>
        </patternFill>
      </fill>
    </dxf>
    <dxf>
      <fill>
        <patternFill>
          <bgColor theme="3" tint="0.39994506668294322"/>
        </patternFill>
      </fill>
    </dxf>
    <dxf>
      <fill>
        <patternFill>
          <bgColor theme="6" tint="0.79998168889431442"/>
        </patternFill>
      </fill>
    </dxf>
    <dxf>
      <fill>
        <patternFill>
          <bgColor theme="6" tint="0.59996337778862885"/>
        </patternFill>
      </fill>
    </dxf>
    <dxf>
      <fill>
        <patternFill>
          <bgColor rgb="FFFFCC99"/>
        </patternFill>
      </fill>
    </dxf>
    <dxf>
      <fill>
        <patternFill>
          <bgColor theme="6" tint="0.59996337778862885"/>
        </patternFill>
      </fill>
    </dxf>
    <dxf>
      <fill>
        <patternFill>
          <bgColor rgb="FFFFCC99"/>
        </patternFill>
      </fill>
    </dxf>
    <dxf>
      <fill>
        <patternFill>
          <bgColor theme="3" tint="0.39994506668294322"/>
        </patternFill>
      </fill>
    </dxf>
    <dxf>
      <fill>
        <patternFill>
          <bgColor theme="6" tint="0.79998168889431442"/>
        </patternFill>
      </fill>
    </dxf>
    <dxf>
      <fill>
        <patternFill>
          <bgColor theme="4" tint="0.59996337778862885"/>
        </patternFill>
      </fill>
    </dxf>
    <dxf>
      <fill>
        <patternFill>
          <bgColor theme="4" tint="0.59996337778862885"/>
        </patternFill>
      </fill>
    </dxf>
    <dxf>
      <fill>
        <patternFill>
          <bgColor rgb="FFFFCC99"/>
        </patternFill>
      </fill>
    </dxf>
    <dxf>
      <fill>
        <patternFill>
          <bgColor theme="6" tint="0.59996337778862885"/>
        </patternFill>
      </fill>
    </dxf>
    <dxf>
      <fill>
        <patternFill>
          <bgColor theme="6" tint="0.79998168889431442"/>
        </patternFill>
      </fill>
    </dxf>
    <dxf>
      <fill>
        <patternFill>
          <bgColor theme="3" tint="0.39994506668294322"/>
        </patternFill>
      </fill>
    </dxf>
    <dxf>
      <fill>
        <patternFill>
          <bgColor rgb="FFFFCC99"/>
        </patternFill>
      </fill>
    </dxf>
    <dxf>
      <numFmt numFmtId="165" formatCode="&quot;£&quot;#,##0"/>
    </dxf>
    <dxf>
      <fill>
        <patternFill patternType="solid">
          <fgColor rgb="FFFFFF00"/>
          <bgColor rgb="FF000000"/>
        </patternFill>
      </fill>
    </dxf>
  </dxfs>
  <tableStyles count="0" defaultTableStyle="TableStyleMedium2" defaultPivotStyle="PivotStyleLight16"/>
  <colors>
    <mruColors>
      <color rgb="FFD97777"/>
      <color rgb="FFFFCC99"/>
      <color rgb="FFE7C490"/>
      <color rgb="FFC83C96"/>
      <color rgb="FFF87728"/>
      <color rgb="FFFFFF99"/>
      <color rgb="FFFFFFC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worksheet" Target="worksheets/sheet18.xml"/><Relationship Id="rId26" Type="http://schemas.openxmlformats.org/officeDocument/2006/relationships/externalLink" Target="externalLinks/externalLink4.xml"/><Relationship Id="rId39" Type="http://schemas.openxmlformats.org/officeDocument/2006/relationships/customXml" Target="../customXml/item2.xml"/><Relationship Id="rId3" Type="http://schemas.openxmlformats.org/officeDocument/2006/relationships/worksheet" Target="worksheets/sheet3.xml"/><Relationship Id="rId21" Type="http://schemas.openxmlformats.org/officeDocument/2006/relationships/worksheet" Target="worksheets/sheet21.xml"/><Relationship Id="rId34" Type="http://schemas.openxmlformats.org/officeDocument/2006/relationships/sharedStrings" Target="sharedStrings.xml"/><Relationship Id="rId42" Type="http://schemas.openxmlformats.org/officeDocument/2006/relationships/customXml" Target="../customXml/item5.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externalLink" Target="externalLinks/externalLink3.xml"/><Relationship Id="rId33" Type="http://schemas.openxmlformats.org/officeDocument/2006/relationships/styles" Target="styles.xml"/><Relationship Id="rId38" Type="http://schemas.openxmlformats.org/officeDocument/2006/relationships/customXml" Target="../customXml/item1.xml"/><Relationship Id="rId2" Type="http://schemas.openxmlformats.org/officeDocument/2006/relationships/worksheet" Target="worksheets/sheet2.xml"/><Relationship Id="rId16" Type="http://schemas.openxmlformats.org/officeDocument/2006/relationships/worksheet" Target="worksheets/sheet16.xml"/><Relationship Id="rId20" Type="http://schemas.openxmlformats.org/officeDocument/2006/relationships/worksheet" Target="worksheets/sheet20.xml"/><Relationship Id="rId29" Type="http://schemas.openxmlformats.org/officeDocument/2006/relationships/pivotCacheDefinition" Target="pivotCache/pivotCacheDefinition1.xml"/><Relationship Id="rId41" Type="http://schemas.openxmlformats.org/officeDocument/2006/relationships/customXml" Target="../customXml/item4.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externalLink" Target="externalLinks/externalLink2.xml"/><Relationship Id="rId32" Type="http://schemas.openxmlformats.org/officeDocument/2006/relationships/theme" Target="theme/theme1.xml"/><Relationship Id="rId37" Type="http://schemas.openxmlformats.org/officeDocument/2006/relationships/calcChain" Target="calcChain.xml"/><Relationship Id="rId40" Type="http://schemas.openxmlformats.org/officeDocument/2006/relationships/customXml" Target="../customXml/item3.xml"/><Relationship Id="rId5" Type="http://schemas.openxmlformats.org/officeDocument/2006/relationships/worksheet" Target="worksheets/sheet5.xml"/><Relationship Id="rId15" Type="http://schemas.openxmlformats.org/officeDocument/2006/relationships/worksheet" Target="worksheets/sheet15.xml"/><Relationship Id="rId23" Type="http://schemas.openxmlformats.org/officeDocument/2006/relationships/externalLink" Target="externalLinks/externalLink1.xml"/><Relationship Id="rId28" Type="http://schemas.openxmlformats.org/officeDocument/2006/relationships/externalLink" Target="externalLinks/externalLink6.xml"/><Relationship Id="rId36" Type="http://schemas.microsoft.com/office/2017/10/relationships/person" Target="persons/person.xml"/><Relationship Id="rId10" Type="http://schemas.openxmlformats.org/officeDocument/2006/relationships/worksheet" Target="worksheets/sheet10.xml"/><Relationship Id="rId19" Type="http://schemas.openxmlformats.org/officeDocument/2006/relationships/worksheet" Target="worksheets/sheet19.xml"/><Relationship Id="rId31" Type="http://schemas.openxmlformats.org/officeDocument/2006/relationships/pivotCacheDefinition" Target="pivotCache/pivotCacheDefinition3.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 Id="rId22" Type="http://schemas.openxmlformats.org/officeDocument/2006/relationships/worksheet" Target="worksheets/sheet22.xml"/><Relationship Id="rId27" Type="http://schemas.openxmlformats.org/officeDocument/2006/relationships/externalLink" Target="externalLinks/externalLink5.xml"/><Relationship Id="rId30" Type="http://schemas.openxmlformats.org/officeDocument/2006/relationships/pivotCacheDefinition" Target="pivotCache/pivotCacheDefinition2.xml"/><Relationship Id="rId35" Type="http://schemas.openxmlformats.org/officeDocument/2006/relationships/sheetMetadata" Target="metadata.xml"/><Relationship Id="rId43" Type="http://schemas.openxmlformats.org/officeDocument/2006/relationships/customXml" Target="../customXml/item6.xml"/></Relationships>
</file>

<file path=xl/externalLinks/_rels/externalLink1.xml.rels><?xml version="1.0" encoding="UTF-8" standalone="yes"?>
<Relationships xmlns="http://schemas.openxmlformats.org/package/2006/relationships"><Relationship Id="rId2" Type="http://schemas.openxmlformats.org/officeDocument/2006/relationships/externalLinkPath" Target="file:///H:\REGENERATION%20TEAM\INFRASTRUCTURE\IDP%20New%20Local%20Plan\GREEN%20INFRASTRUCTURE\2023\2024%20update%20-%20Playing%20Pitches%20Final%20Strategy%20Approved.xlsx" TargetMode="External"/><Relationship Id="rId1" Type="http://schemas.openxmlformats.org/officeDocument/2006/relationships/externalLinkPath" Target="file:///H:\REGENERATION%20TEAM\INFRASTRUCTURE\IDP%20New%20Local%20Plan\GREEN%20INFRASTRUCTURE\2023\2024%20update%20-%20Playing%20Pitches%20Final%20Strategy%20Approved.xlsx" TargetMode="External"/></Relationships>
</file>

<file path=xl/externalLinks/_rels/externalLink2.xml.rels><?xml version="1.0" encoding="UTF-8" standalone="yes"?>
<Relationships xmlns="http://schemas.openxmlformats.org/package/2006/relationships"><Relationship Id="rId1" Type="http://schemas.openxmlformats.org/officeDocument/2006/relationships/externalLinkPath" Target="file:///H:\REGENERATION%20TEAM\INFRASTRUCTURE\IDP%20New%20Local%20Plan\GREEN%20INFRASTRUCTURE\2023\Swimming%20Pools,%20sports%20halls%20and%20tennis%20courts%20final%20strategy%20approved.xlsx" TargetMode="External"/></Relationships>
</file>

<file path=xl/externalLinks/_rels/externalLink3.xml.rels><?xml version="1.0" encoding="UTF-8" standalone="yes"?>
<Relationships xmlns="http://schemas.openxmlformats.org/package/2006/relationships"><Relationship Id="rId3" Type="http://schemas.openxmlformats.org/officeDocument/2006/relationships/externalLinkPath" Target="https://arup.sharepoint.com/teams/prj-30612900/Data%20and%20Documents%20Library/Internal%20working/IDP%20Schedule/Task%207%20documents/DBC%20IDP%20-%20for%20task%207.xlsx" TargetMode="External"/><Relationship Id="rId2" Type="http://schemas.microsoft.com/office/2019/04/relationships/externalLinkLongPath" Target="https://dacorumgovuk.sharepoint.com/sites/EXTERNALHGCFrameworkPlanWorkingGroup/Shared%20Documents/General/240510%20baseline%20info%20for%20ARUP/HGC%20IDP%20to%202050/07.%20Schedule/250519_HGC%20IDP%20Schedules%20-%20FOR%20OFFICER%20REVIEW/September%202025%20-%20Final%20Schedule/Task%207%20documents/DBC%20IDP%20-%20for%20task%207.xlsx?E9BF448A" TargetMode="External"/><Relationship Id="rId1" Type="http://schemas.openxmlformats.org/officeDocument/2006/relationships/externalLinkPath" Target="file:///\\E9BF448A\DBC%20IDP%20-%20for%20task%207.xlsx" TargetMode="External"/></Relationships>
</file>

<file path=xl/externalLinks/_rels/externalLink4.xml.rels><?xml version="1.0" encoding="UTF-8" standalone="yes"?>
<Relationships xmlns="http://schemas.openxmlformats.org/package/2006/relationships"><Relationship Id="rId2" Type="http://schemas.openxmlformats.org/officeDocument/2006/relationships/externalLinkPath" Target="https://arup.sharepoint.com/teams/prj-30612900/Data%20and%20Documents%20Library/Incoming%20Docs/Transport/Aecom%20-%20HGC%20Transport%20Study/250723%20LATEST%20SS%20TO%20USE/Copy%20of%20HHTS%20Interventions%20UPDATED_ISSUED%20to%20HGC%20230725.xlsx" TargetMode="External"/><Relationship Id="rId1" Type="http://schemas.openxmlformats.org/officeDocument/2006/relationships/externalLinkPath" Target="https://dacorumgovuk.sharepoint.com/teams/prj-30612900/Data%20and%20Documents%20Library/Incoming%20Docs/Transport/Aecom%20-%20HGC%20Transport%20Study/250723%20LATEST%20SS%20TO%20USE/Copy%20of%20HHTS%20Interventions%20UPDATED_ISSUED%20to%20HGC%20230725.xlsx" TargetMode="External"/></Relationships>
</file>

<file path=xl/externalLinks/_rels/externalLink5.xml.rels><?xml version="1.0" encoding="UTF-8" standalone="yes"?>
<Relationships xmlns="http://schemas.openxmlformats.org/package/2006/relationships"><Relationship Id="rId2" Type="http://schemas.openxmlformats.org/officeDocument/2006/relationships/externalLinkPath" Target="https://arup-my.sharepoint.com/personal/stephanie_pan_arup_com/Documents/HHTS%20Interventions%20UPDATED_ISSUED%20to%20HGC%20090625.xlsx" TargetMode="External"/><Relationship Id="rId1" Type="http://schemas.openxmlformats.org/officeDocument/2006/relationships/externalLinkPath" Target="https://arup-my.sharepoint.com/personal/stephanie_pan_arup_com/Documents/HHTS%20Interventions%20UPDATED_ISSUED%20to%20HGC%20090625.xlsx" TargetMode="External"/></Relationships>
</file>

<file path=xl/externalLinks/_rels/externalLink6.xml.rels><?xml version="1.0" encoding="UTF-8" standalone="yes"?>
<Relationships xmlns="http://schemas.openxmlformats.org/package/2006/relationships"><Relationship Id="rId2" Type="http://schemas.openxmlformats.org/officeDocument/2006/relationships/externalLinkPath" Target="https://arup-my.sharepoint.com/personal/claire-x_miller_arup_com/Documents/HGC%20IDP/Copy%20of%20HHTS%20Interventions%20UPDATED_100425.xlsx" TargetMode="External"/><Relationship Id="rId1" Type="http://schemas.openxmlformats.org/officeDocument/2006/relationships/externalLinkPath" Target="https://arup-my.sharepoint.com/personal/claire-x_miller_arup_com/Documents/HGC%20IDP/Copy%20of%20HHTS%20Interventions%20UPDATED_100425.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Hemel Hempstead"/>
      <sheetName val="HGC in DBC"/>
      <sheetName val="Sheet1"/>
      <sheetName val="Kings Langley"/>
      <sheetName val="Markyate"/>
      <sheetName val="Berkhamsted"/>
      <sheetName val="Bovingdon"/>
      <sheetName val="Tring"/>
      <sheetName val="Rest of District"/>
    </sheetNames>
    <sheetDataSet>
      <sheetData sheetId="0">
        <row r="8">
          <cell r="AW8">
            <v>426826.81814821647</v>
          </cell>
          <cell r="BD8">
            <v>324170.75914883986</v>
          </cell>
          <cell r="BG8">
            <v>640051.01031426154</v>
          </cell>
          <cell r="BL8">
            <v>426826.81814821647</v>
          </cell>
          <cell r="BN8">
            <v>151297.24743382912</v>
          </cell>
          <cell r="BQ8">
            <v>298742.61216643895</v>
          </cell>
          <cell r="BS8">
            <v>38928.607474378281</v>
          </cell>
          <cell r="BV8">
            <v>76869.108639504266</v>
          </cell>
          <cell r="BX8">
            <v>34585.40423337571</v>
          </cell>
          <cell r="CA8">
            <v>68287.96094557266</v>
          </cell>
          <cell r="CC8">
            <v>86444.095912961799</v>
          </cell>
          <cell r="CF8">
            <v>170699.15265480435</v>
          </cell>
          <cell r="CK8">
            <v>199856.77630181715</v>
          </cell>
        </row>
        <row r="16">
          <cell r="AT16">
            <v>116115.15377720933</v>
          </cell>
          <cell r="AW16">
            <v>40877.249544133752</v>
          </cell>
          <cell r="BD16">
            <v>174162.46250449176</v>
          </cell>
          <cell r="BG16">
            <v>61312.289808847534</v>
          </cell>
          <cell r="BI16">
            <v>116115.15377720933</v>
          </cell>
          <cell r="BL16">
            <v>40877.249544133752</v>
          </cell>
          <cell r="BN16">
            <v>81281.574877273233</v>
          </cell>
          <cell r="BQ16">
            <v>28614.409958917553</v>
          </cell>
          <cell r="BS16">
            <v>20914.071633126616</v>
          </cell>
          <cell r="BV16">
            <v>7362.4970431627389</v>
          </cell>
          <cell r="BX16">
            <v>18583.894111410096</v>
          </cell>
          <cell r="CA16">
            <v>6542.2167403967242</v>
          </cell>
          <cell r="CC16">
            <v>46443.178172771302</v>
          </cell>
          <cell r="CF16">
            <v>16349.866620361554</v>
          </cell>
          <cell r="CH16">
            <v>54359.652135744109</v>
          </cell>
          <cell r="CK16">
            <v>19136.934537342702</v>
          </cell>
        </row>
      </sheetData>
      <sheetData sheetId="1"/>
      <sheetData sheetId="2"/>
      <sheetData sheetId="3"/>
      <sheetData sheetId="4"/>
      <sheetData sheetId="5"/>
      <sheetData sheetId="6"/>
      <sheetData sheetId="7"/>
      <sheetData sheetId="8"/>
    </sheetDataSet>
  </externalBook>
</externalLink>
</file>

<file path=xl/externalLinks/externalLink2.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sheetNames>
      <sheetName val="Hemel Hempstead"/>
      <sheetName val="Berkhamsted"/>
      <sheetName val="Tring"/>
      <sheetName val="Settlement overview"/>
    </sheetNames>
    <sheetDataSet>
      <sheetData sheetId="0">
        <row r="9">
          <cell r="Z9">
            <v>281926</v>
          </cell>
          <cell r="AF9">
            <v>422889</v>
          </cell>
          <cell r="AI9">
            <v>281926</v>
          </cell>
          <cell r="AL9">
            <v>197348</v>
          </cell>
          <cell r="AO9">
            <v>50747</v>
          </cell>
          <cell r="AR9">
            <v>45108</v>
          </cell>
          <cell r="AU9">
            <v>112770</v>
          </cell>
          <cell r="AX9">
            <v>132035</v>
          </cell>
        </row>
        <row r="12">
          <cell r="Z12">
            <v>254263</v>
          </cell>
          <cell r="AF12">
            <v>381394</v>
          </cell>
          <cell r="AI12">
            <v>254263</v>
          </cell>
          <cell r="AL12">
            <v>177984</v>
          </cell>
          <cell r="AO12">
            <v>45767</v>
          </cell>
          <cell r="AR12">
            <v>40682</v>
          </cell>
          <cell r="AU12">
            <v>101705</v>
          </cell>
          <cell r="AX12">
            <v>119080</v>
          </cell>
        </row>
      </sheetData>
      <sheetData sheetId="1"/>
      <sheetData sheetId="2"/>
      <sheetData sheetId="3"/>
    </sheetDataSet>
  </externalBook>
</externalLink>
</file>

<file path=xl/externalLinks/externalLink3.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3"/>
    </xxl21:alternateUrls>
    <sheetNames>
      <sheetName val="DACORUM IDS"/>
      <sheetName val="SADC linked interventions"/>
    </sheetNames>
    <sheetDataSet>
      <sheetData sheetId="0">
        <row r="1">
          <cell r="E1" t="str">
            <v>Project Name</v>
          </cell>
          <cell r="P1" t="str">
            <v xml:space="preserve">Cost to be apportioned₂ </v>
          </cell>
          <cell r="CF1" t="str">
            <v xml:space="preserve">Ouside of Borough Contributions (East Hemel Hempstead only) </v>
          </cell>
        </row>
        <row r="2">
          <cell r="CF2">
            <v>3175</v>
          </cell>
        </row>
        <row r="3">
          <cell r="E3" t="str">
            <v>Hemel Hempstead Library Improvements</v>
          </cell>
          <cell r="P3">
            <v>1300000</v>
          </cell>
        </row>
        <row r="4">
          <cell r="E4" t="str">
            <v>Hemel Hempstead Young People's Centre and Bennetts End Young People's Centre Improvements</v>
          </cell>
          <cell r="P4">
            <v>2400000</v>
          </cell>
        </row>
        <row r="5">
          <cell r="E5" t="str">
            <v>Grand Union Canal public realm, towpath and access  improvements</v>
          </cell>
        </row>
        <row r="6">
          <cell r="E6" t="str">
            <v>Grand Union Canal towpath improvements</v>
          </cell>
        </row>
        <row r="7">
          <cell r="E7" t="str">
            <v>Grand Union Canal Towpath access improvements</v>
          </cell>
        </row>
        <row r="8">
          <cell r="E8" t="str">
            <v>New Primary School Provision in the South of Berkhamsted</v>
          </cell>
          <cell r="P8">
            <v>11480040</v>
          </cell>
        </row>
        <row r="9">
          <cell r="E9" t="str">
            <v>New Primary School Provision at Dunsley Farm</v>
          </cell>
          <cell r="P9">
            <v>11480040</v>
          </cell>
        </row>
        <row r="10">
          <cell r="E10" t="str">
            <v>Expansions of existing Primary Schools</v>
          </cell>
          <cell r="P10">
            <v>4807688</v>
          </cell>
        </row>
        <row r="11">
          <cell r="E11" t="str">
            <v>Expansions of existing Primary Schools</v>
          </cell>
          <cell r="P11">
            <v>4807688</v>
          </cell>
        </row>
        <row r="12">
          <cell r="E12" t="str">
            <v>HGC Green Loop, Grand Union Canal Towpath Improvements</v>
          </cell>
        </row>
        <row r="13">
          <cell r="E13" t="str">
            <v xml:space="preserve">Primary Education at Land East of Tring </v>
          </cell>
          <cell r="P13">
            <v>17220060</v>
          </cell>
        </row>
        <row r="14">
          <cell r="E14" t="str">
            <v>A414 Dual Carriageway gap closure - Lamsey Street</v>
          </cell>
          <cell r="P14">
            <v>44990.539343750002</v>
          </cell>
          <cell r="CF14" t="str">
            <v/>
          </cell>
        </row>
        <row r="15">
          <cell r="E15" t="str">
            <v>HGC Sustainable Transport Corridor</v>
          </cell>
        </row>
        <row r="16">
          <cell r="E16" t="str">
            <v>Expansions of Ashlyns Secondary School</v>
          </cell>
          <cell r="P16">
            <v>11285260</v>
          </cell>
        </row>
        <row r="17">
          <cell r="E17" t="str">
            <v>Expansions of existing Secondary Schools</v>
          </cell>
          <cell r="P17">
            <v>11285260</v>
          </cell>
        </row>
        <row r="18">
          <cell r="E18" t="str">
            <v xml:space="preserve">Secondary Education at Land East of Tring </v>
          </cell>
        </row>
        <row r="19">
          <cell r="E19" t="str">
            <v>Nickey Line Improvements</v>
          </cell>
        </row>
        <row r="20">
          <cell r="E20" t="str">
            <v>Maylands Urban Design Improvements</v>
          </cell>
          <cell r="P20">
            <v>3685000</v>
          </cell>
        </row>
        <row r="21">
          <cell r="E21" t="str">
            <v>Specialist Resource Provision within mainstream Primary School Setting</v>
          </cell>
          <cell r="P21">
            <v>840000</v>
          </cell>
        </row>
        <row r="22">
          <cell r="E22" t="str">
            <v>Specialist Resource Provision within mainstream Primary School Setting</v>
          </cell>
          <cell r="P22">
            <v>840000</v>
          </cell>
        </row>
        <row r="23">
          <cell r="E23" t="str">
            <v>Local Cycling and Walking Infrastructure Plan</v>
          </cell>
          <cell r="P23">
            <v>92265107</v>
          </cell>
        </row>
        <row r="24">
          <cell r="E24" t="str">
            <v>Zebra crossing on Ashtree Way</v>
          </cell>
          <cell r="P24">
            <v>129504.375</v>
          </cell>
        </row>
        <row r="25">
          <cell r="E25" t="str">
            <v>Green End Road crossing and traffic calming feature near St Rose's School</v>
          </cell>
          <cell r="P25">
            <v>7106.016059999999</v>
          </cell>
        </row>
        <row r="26">
          <cell r="E26" t="str">
            <v>Northridge Way Park cycle parking</v>
          </cell>
          <cell r="P26">
            <v>518.01749999999993</v>
          </cell>
        </row>
        <row r="27">
          <cell r="E27" t="str">
            <v>Northridge Way Wayfinding Signage</v>
          </cell>
          <cell r="P27">
            <v>6783.5625</v>
          </cell>
        </row>
        <row r="28">
          <cell r="E28" t="str">
            <v>Expansions of existing childcare setting</v>
          </cell>
          <cell r="P28">
            <v>103625</v>
          </cell>
        </row>
        <row r="29">
          <cell r="E29" t="str">
            <v>Northridge Way-Jocketts Road crossing and cycle route</v>
          </cell>
          <cell r="P29">
            <v>152150.02803000002</v>
          </cell>
        </row>
        <row r="30">
          <cell r="E30" t="str">
            <v>Kings Langley Surgery</v>
          </cell>
        </row>
        <row r="31">
          <cell r="E31" t="str">
            <v>Northridge Way-Cangels Close-Moorland Road Cycle Route</v>
          </cell>
          <cell r="P31">
            <v>1258042.5</v>
          </cell>
        </row>
        <row r="32">
          <cell r="E32" t="str">
            <v>Rothschild House</v>
          </cell>
          <cell r="P32">
            <v>1800000</v>
          </cell>
        </row>
        <row r="33">
          <cell r="E33" t="str">
            <v>Woodhall Farm-North Hemel Hempstead footway/cycle link</v>
          </cell>
          <cell r="P33">
            <v>124150.49968750001</v>
          </cell>
        </row>
        <row r="34">
          <cell r="E34" t="str">
            <v xml:space="preserve">Washington Avenue-North Hemel Hempstead footway/cycle link </v>
          </cell>
          <cell r="P34">
            <v>79151.840624999997</v>
          </cell>
        </row>
        <row r="35">
          <cell r="E35" t="str">
            <v>Grovehill Playing Fields - connection to North Hemel Hempstead (Hm01) development</v>
          </cell>
          <cell r="P35">
            <v>279873.34375</v>
          </cell>
        </row>
        <row r="36">
          <cell r="E36" t="str">
            <v xml:space="preserve">Healthcare Infrastructure investment to support development at South of Berkhamsted </v>
          </cell>
        </row>
        <row r="37">
          <cell r="E37" t="str">
            <v>Cupid Green Lane Quietway</v>
          </cell>
          <cell r="P37">
            <v>781137.5</v>
          </cell>
        </row>
        <row r="38">
          <cell r="E38" t="str">
            <v>Zebra crossing adjacent to Cupid Green Lane junction</v>
          </cell>
          <cell r="P38">
            <v>129504.375</v>
          </cell>
        </row>
        <row r="39">
          <cell r="E39" t="str">
            <v>Cycleway along St Agnells Lane</v>
          </cell>
          <cell r="P39">
            <v>1987279.3744375</v>
          </cell>
        </row>
        <row r="40">
          <cell r="E40" t="str">
            <v>Provision for Adult Care Services at Land South Berkhamsted</v>
          </cell>
        </row>
        <row r="41">
          <cell r="E41" t="str">
            <v>Swallowdale Lane and Three Cherry Trees Lane Wayfinding signage</v>
          </cell>
          <cell r="P41">
            <v>6783.5625</v>
          </cell>
        </row>
        <row r="42">
          <cell r="E42" t="str">
            <v>Maxted Road pedestrian crossing improvements</v>
          </cell>
          <cell r="P42">
            <v>789.36</v>
          </cell>
        </row>
        <row r="43">
          <cell r="E43" t="str">
            <v>Cycleway on Three Cherry Trees Lane - Swallowdale Lane to Boundary Way</v>
          </cell>
          <cell r="P43">
            <v>71535.75</v>
          </cell>
        </row>
        <row r="44">
          <cell r="E44" t="str">
            <v>Shared use Cycleway on Swallowdale Lane</v>
          </cell>
          <cell r="P44">
            <v>196106.625</v>
          </cell>
        </row>
        <row r="45">
          <cell r="E45" t="str">
            <v>Signalised crossing on Three Cherry Trees Lane</v>
          </cell>
          <cell r="P45">
            <v>291076.5</v>
          </cell>
        </row>
        <row r="46">
          <cell r="E46" t="str">
            <v>Toucan Crossings on Swallowdale Lane</v>
          </cell>
          <cell r="P46">
            <v>575575</v>
          </cell>
        </row>
        <row r="47">
          <cell r="E47" t="str">
            <v>Additional Wayfinding Signage on Redbourn Road</v>
          </cell>
          <cell r="P47">
            <v>4522.375</v>
          </cell>
          <cell r="CF47" t="str">
            <v/>
          </cell>
        </row>
        <row r="48">
          <cell r="E48" t="str">
            <v>Redbourn Road-Swallowdale Lane Roundabout reconfiguration including improved crossings</v>
          </cell>
          <cell r="P48">
            <v>1099672.0109375</v>
          </cell>
        </row>
        <row r="49">
          <cell r="E49" t="str">
            <v>White Hart Road-Windmill Road Wayfinding signage</v>
          </cell>
          <cell r="P49">
            <v>6783.5625</v>
          </cell>
        </row>
        <row r="50">
          <cell r="E50" t="str">
            <v>White Hart Road signal-controlled crossing north of A414</v>
          </cell>
          <cell r="P50">
            <v>251608.5</v>
          </cell>
        </row>
        <row r="51">
          <cell r="E51" t="str">
            <v>Pedestrian crossing improvements on side arms along White Hart Road and Windmill Road</v>
          </cell>
          <cell r="P51">
            <v>4836.6060599999992</v>
          </cell>
        </row>
        <row r="52">
          <cell r="E52" t="str">
            <v xml:space="preserve">1 x Children's homes to accommodate three children in care and one manager each. </v>
          </cell>
        </row>
        <row r="53">
          <cell r="E53" t="str">
            <v>Cycle parking at Snow Centre</v>
          </cell>
          <cell r="P53">
            <v>518.01749999999993</v>
          </cell>
        </row>
        <row r="54">
          <cell r="E54" t="str">
            <v>Mitigating the impact on the capacity of the ambulance service at Berkhamsted</v>
          </cell>
          <cell r="P54">
            <v>289000</v>
          </cell>
        </row>
        <row r="55">
          <cell r="E55" t="str">
            <v>Mitigating the impact on the capacity of the ambulance service at Tring</v>
          </cell>
          <cell r="P55">
            <v>85000</v>
          </cell>
        </row>
        <row r="56">
          <cell r="E56" t="str">
            <v>Mitigating the impact on the capacity of the ambulance service at Bovingdon</v>
          </cell>
          <cell r="P56">
            <v>63600</v>
          </cell>
        </row>
        <row r="57">
          <cell r="E57" t="str">
            <v>Mitigating the impact on the capacity of the ambulance service at Markyate</v>
          </cell>
          <cell r="P57">
            <v>6800</v>
          </cell>
        </row>
        <row r="58">
          <cell r="E58" t="str">
            <v>Bennetts End Road Wayfinding signage</v>
          </cell>
          <cell r="P58">
            <v>2261.1875</v>
          </cell>
        </row>
        <row r="59">
          <cell r="E59" t="str">
            <v xml:space="preserve">Reinforcement at Berkhamsted Primary </v>
          </cell>
        </row>
        <row r="60">
          <cell r="E60" t="str">
            <v>Intermediate pressure regulator at Hemel Hempstead</v>
          </cell>
          <cell r="P60">
            <v>1500000</v>
          </cell>
        </row>
        <row r="61">
          <cell r="E61" t="str">
            <v xml:space="preserve">Network reinforcement at Land East of Tring </v>
          </cell>
        </row>
        <row r="62">
          <cell r="E62" t="str">
            <v>Bennetts End Road cycle route</v>
          </cell>
          <cell r="P62">
            <v>417830.03762499994</v>
          </cell>
        </row>
        <row r="63">
          <cell r="E63" t="str">
            <v>St Albans Hill - Bennetts End Road pedestrian crossing improvement</v>
          </cell>
          <cell r="P63">
            <v>71570.416060000003</v>
          </cell>
        </row>
        <row r="64">
          <cell r="E64" t="str">
            <v>St Albans Hill Zebra Crossing by Dacorum Athletics Track</v>
          </cell>
          <cell r="P64">
            <v>129504.375</v>
          </cell>
        </row>
        <row r="65">
          <cell r="E65" t="str">
            <v>Lime Walk park cycle parking</v>
          </cell>
          <cell r="P65">
            <v>388.513125</v>
          </cell>
        </row>
        <row r="66">
          <cell r="E66" t="str">
            <v>Lime Walk park Wayfinding Signage</v>
          </cell>
          <cell r="P66">
            <v>4522.375</v>
          </cell>
        </row>
        <row r="67">
          <cell r="E67" t="str">
            <v>Lime Walk park desire line shared use path</v>
          </cell>
          <cell r="P67">
            <v>222042.16606000002</v>
          </cell>
        </row>
        <row r="68">
          <cell r="E68" t="str">
            <v xml:space="preserve">Increasing capacity by increasing the number of containers, parking spaces and reconfiguring site at Berkhamstead Recycling Centre.  </v>
          </cell>
          <cell r="P68">
            <v>235573</v>
          </cell>
        </row>
        <row r="69">
          <cell r="E69" t="str">
            <v xml:space="preserve">Contribution to 1 x Community Centre (total in Tring) refer to the Communtiy Facilities Strategy </v>
          </cell>
        </row>
        <row r="70">
          <cell r="E70" t="str">
            <v xml:space="preserve">Contributon to CCTV provision at 1 local centre (total for Tring) refer to the Communtiy Facilities Strategy </v>
          </cell>
        </row>
        <row r="71">
          <cell r="E71" t="str">
            <v xml:space="preserve">Contribution to 1 x Community Centre (total in Tring) refer to the Communtiy Facilities Strategy </v>
          </cell>
        </row>
        <row r="72">
          <cell r="E72" t="str">
            <v xml:space="preserve">Contributon to CCTV provision at 1 local centre (total for Tring) refer to the Communtiy Facilities Strategy </v>
          </cell>
        </row>
        <row r="73">
          <cell r="E73" t="str">
            <v xml:space="preserve">1 centre serving Land East of Tring refer to the Communtiy Facilities Strategy </v>
          </cell>
          <cell r="P73">
            <v>1515700</v>
          </cell>
        </row>
        <row r="74">
          <cell r="E74" t="str">
            <v>CCTV provision at 1 local centre at Land East of Tring</v>
          </cell>
          <cell r="P74">
            <v>59310</v>
          </cell>
        </row>
        <row r="75">
          <cell r="E75" t="str">
            <v>Contribution to 1 x Community Centre (total in Tring)</v>
          </cell>
        </row>
        <row r="76">
          <cell r="E76" t="str">
            <v>Contributon to CCTV provision at 1 local centre (total for Tring)</v>
          </cell>
        </row>
        <row r="77">
          <cell r="E77" t="str">
            <v>Leys Road-Pescroft junction reconfiguration and parallel crossing</v>
          </cell>
          <cell r="P77">
            <v>152116.25</v>
          </cell>
        </row>
        <row r="78">
          <cell r="E78" t="str">
            <v>Leys Road cycle route</v>
          </cell>
          <cell r="P78">
            <v>1288592.9931874999</v>
          </cell>
        </row>
        <row r="79">
          <cell r="E79" t="str">
            <v>Wood Crescent-Runham Road-Deaconsfield Road Wayfinding Signage</v>
          </cell>
          <cell r="P79">
            <v>4522.375</v>
          </cell>
        </row>
        <row r="80">
          <cell r="E80" t="str">
            <v>A414 new crossing near to Wood Crescent/Wood Lane junctions</v>
          </cell>
          <cell r="P80">
            <v>599009.125</v>
          </cell>
        </row>
        <row r="81">
          <cell r="E81" t="str">
            <v>Durrants Hill Road cycle parking</v>
          </cell>
          <cell r="P81">
            <v>518.01749999999993</v>
          </cell>
        </row>
        <row r="82">
          <cell r="E82" t="str">
            <v>Durrants Hill Road Wayfinding Signage</v>
          </cell>
          <cell r="P82">
            <v>6783.5625</v>
          </cell>
        </row>
        <row r="83">
          <cell r="E83" t="str">
            <v xml:space="preserve">Durrents Hill additional pedestrian crossing </v>
          </cell>
          <cell r="P83">
            <v>44518.391060000002</v>
          </cell>
        </row>
        <row r="84">
          <cell r="E84" t="str">
            <v>Durrants Hill Road-Ebberns Road pedestrian crossing improvements</v>
          </cell>
          <cell r="P84">
            <v>4145.9160600000005</v>
          </cell>
        </row>
        <row r="85">
          <cell r="E85" t="str">
            <v>Corner Hall Stopping Up and widened footway</v>
          </cell>
          <cell r="P85">
            <v>77291.5</v>
          </cell>
        </row>
        <row r="86">
          <cell r="E86" t="str">
            <v>Lawn Lane new signalised crossing near Corner Hall</v>
          </cell>
          <cell r="P86">
            <v>294400.16606000002</v>
          </cell>
        </row>
        <row r="87">
          <cell r="E87" t="str">
            <v>Lawn Lane new signalised crossing near Crabtree Lane</v>
          </cell>
          <cell r="P87">
            <v>292721</v>
          </cell>
        </row>
        <row r="88">
          <cell r="E88" t="str">
            <v>Lawn Lane-Crabtree Lane pedestrian crossing improvement</v>
          </cell>
          <cell r="P88">
            <v>21480.014985000002</v>
          </cell>
        </row>
        <row r="89">
          <cell r="E89" t="str">
            <v>Two Waters Way Wayfinding Signage</v>
          </cell>
          <cell r="P89">
            <v>4522.375</v>
          </cell>
        </row>
        <row r="90">
          <cell r="E90" t="str">
            <v>Corner Hall pedestrian crossing improvements</v>
          </cell>
          <cell r="P90">
            <v>1578.72</v>
          </cell>
        </row>
        <row r="91">
          <cell r="E91" t="str">
            <v>Corner Hall cycle parking</v>
          </cell>
          <cell r="P91">
            <v>518.01749999999993</v>
          </cell>
        </row>
        <row r="92">
          <cell r="E92" t="str">
            <v>A414 Hemel Gateway 30mph signage</v>
          </cell>
          <cell r="P92">
            <v>12333.75</v>
          </cell>
        </row>
        <row r="93">
          <cell r="E93" t="str">
            <v>Two Waters Way Cycle Link</v>
          </cell>
          <cell r="P93">
            <v>890493.87212499988</v>
          </cell>
        </row>
        <row r="94">
          <cell r="E94" t="str">
            <v>Midland Road pedestrian crossing</v>
          </cell>
          <cell r="P94">
            <v>130293.73499999999</v>
          </cell>
        </row>
        <row r="95">
          <cell r="E95" t="str">
            <v>Marlowes cycle stands</v>
          </cell>
          <cell r="P95">
            <v>1554.0525</v>
          </cell>
        </row>
        <row r="96">
          <cell r="E96" t="str">
            <v>Marlowes carriageway reconfiguration - Combe Street-Midland Road</v>
          </cell>
          <cell r="P96">
            <v>188708.84175000002</v>
          </cell>
        </row>
        <row r="97">
          <cell r="E97" t="str">
            <v>Marlowes carriageway reconfiguration - Hillfield Road-Combe Street</v>
          </cell>
          <cell r="P97">
            <v>203360.35004999998</v>
          </cell>
        </row>
        <row r="98">
          <cell r="E98" t="str">
            <v>Hillfield Road-Marlowes junctions reconfiguration</v>
          </cell>
          <cell r="P98">
            <v>61103.864249999999</v>
          </cell>
        </row>
        <row r="99">
          <cell r="E99" t="str">
            <v>Marlowes 20mph zone</v>
          </cell>
          <cell r="P99">
            <v>86336.25</v>
          </cell>
        </row>
        <row r="100">
          <cell r="E100" t="str">
            <v>Piccotts End Road Traffic Calming</v>
          </cell>
          <cell r="P100">
            <v>84691.75</v>
          </cell>
        </row>
        <row r="101">
          <cell r="E101" t="str">
            <v>Piccotts End Road Wayfinding Signage</v>
          </cell>
          <cell r="P101">
            <v>2261.1875</v>
          </cell>
        </row>
        <row r="102">
          <cell r="E102" t="str">
            <v>Piccotts End Road Gadebridge Park active mode access improvement</v>
          </cell>
          <cell r="P102">
            <v>1850.0625</v>
          </cell>
        </row>
        <row r="103">
          <cell r="E103" t="str">
            <v>Piccotts End Road uncontrolled crossing</v>
          </cell>
          <cell r="P103">
            <v>42791.666060000003</v>
          </cell>
        </row>
        <row r="104">
          <cell r="E104" t="str">
            <v>Gadebridge Park cycle stands</v>
          </cell>
          <cell r="P104">
            <v>1036.0349999999999</v>
          </cell>
        </row>
        <row r="105">
          <cell r="E105" t="str">
            <v>Queensway-Marlowes Roundabout speed reduction measures</v>
          </cell>
          <cell r="P105">
            <v>45633.542954999997</v>
          </cell>
        </row>
        <row r="106">
          <cell r="E106" t="str">
            <v>Allandale Wayfinding Signage</v>
          </cell>
          <cell r="P106">
            <v>13567.125</v>
          </cell>
        </row>
        <row r="107">
          <cell r="E107" t="str">
            <v>Allandale Traffic Calming</v>
          </cell>
          <cell r="P107">
            <v>283676.25</v>
          </cell>
        </row>
        <row r="108">
          <cell r="E108" t="str">
            <v>Allandale bus stop upgrades</v>
          </cell>
          <cell r="P108">
            <v>3668.6739374999997</v>
          </cell>
        </row>
        <row r="109">
          <cell r="E109" t="str">
            <v>Allandale localised footway widening</v>
          </cell>
          <cell r="P109">
            <v>7400.25</v>
          </cell>
        </row>
        <row r="110">
          <cell r="E110" t="str">
            <v>Allandale new uncontrolled crossing south of Smithfield</v>
          </cell>
          <cell r="P110">
            <v>5132.6160600000003</v>
          </cell>
        </row>
        <row r="111">
          <cell r="E111" t="str">
            <v>Allandale-George Street-Figtree Hill side arm pedestrian crossing improvements</v>
          </cell>
          <cell r="P111">
            <v>15889.459121250002</v>
          </cell>
        </row>
        <row r="112">
          <cell r="E112" t="str">
            <v xml:space="preserve">Provision of new facilities in the Tring Area. Refer to Local Football Facilities Plan and Leisure Strategy </v>
          </cell>
          <cell r="P112">
            <v>108063</v>
          </cell>
        </row>
        <row r="113">
          <cell r="E113" t="str">
            <v xml:space="preserve">Contributions to new provision and facilities in the Tring Area. Refer to Local Football Facilities Plan and Leisure Strategy </v>
          </cell>
          <cell r="P113">
            <v>172895</v>
          </cell>
        </row>
        <row r="114">
          <cell r="E114" t="str">
            <v xml:space="preserve">Contributions to new provision and facilities in the Tring Area. Refer to Local Football Facilities Plan and Leisure Strategy </v>
          </cell>
          <cell r="P114">
            <v>605124</v>
          </cell>
        </row>
        <row r="115">
          <cell r="E115" t="str">
            <v xml:space="preserve">Contributions to new provision and facilities in the Tring Area. Refer to Local Football Facilities Plan and Leisure Strategy </v>
          </cell>
          <cell r="P115">
            <v>86786</v>
          </cell>
        </row>
        <row r="116">
          <cell r="E116" t="str">
            <v xml:space="preserve">Provision of new facilities in the Berkhamstead area. Refer to Local Football Facilities Plan and Leisure Strategy. </v>
          </cell>
          <cell r="P116">
            <v>334961</v>
          </cell>
        </row>
        <row r="117">
          <cell r="E117" t="str">
            <v xml:space="preserve">Provision of new facilities in the Berkhamstead area. Refer to Local Football Facilities Plan and Leisure Strategy. </v>
          </cell>
          <cell r="P117">
            <v>43229</v>
          </cell>
        </row>
        <row r="118">
          <cell r="E118" t="str">
            <v xml:space="preserve">Provision of new facilities in the Berkhamstead area. Refer to Local Football Facilities Plan and Leisure Strategy. </v>
          </cell>
          <cell r="P118">
            <v>43229</v>
          </cell>
        </row>
        <row r="119">
          <cell r="E119" t="str">
            <v xml:space="preserve">Provision of new facilities in the Berkhamstead area. Refer to Local Football Facilities Plan and Leisure Strategy. </v>
          </cell>
          <cell r="P119">
            <v>130555.02</v>
          </cell>
        </row>
        <row r="120">
          <cell r="E120" t="str">
            <v xml:space="preserve">Contributions to new provision and facilities in the Southern Area. Refer to Local Football Facilities Plan and Leisure Strategy </v>
          </cell>
          <cell r="P120">
            <v>13343</v>
          </cell>
        </row>
        <row r="121">
          <cell r="E121" t="str">
            <v xml:space="preserve">Contributions to new provision and facilities in the Southern Area. Refer to Local Football Facilities Plan and Leisure Strategy </v>
          </cell>
          <cell r="P121">
            <v>93836</v>
          </cell>
        </row>
        <row r="122">
          <cell r="E122" t="str">
            <v xml:space="preserve">Contributions to new provision and facilities in the Southern Area. Refer to Local Football Facilities Plan and Leisure Strategy </v>
          </cell>
          <cell r="P122">
            <v>28986</v>
          </cell>
        </row>
        <row r="123">
          <cell r="E123" t="str">
            <v xml:space="preserve">Contributions to new provision and facilities in the Eastern Villages Area. </v>
          </cell>
          <cell r="P123">
            <v>13343</v>
          </cell>
        </row>
        <row r="124">
          <cell r="E124" t="str">
            <v xml:space="preserve">Contributions to new provision and facilities in the Eastern Villages Area. Refer to Local Football Facilities Plan and Leisure Strategy </v>
          </cell>
          <cell r="P124">
            <v>64842</v>
          </cell>
        </row>
        <row r="125">
          <cell r="E125" t="str">
            <v>Cambrian Way to Nickey Line Wayfinding Signage</v>
          </cell>
          <cell r="P125">
            <v>9044.75</v>
          </cell>
        </row>
        <row r="126">
          <cell r="E126" t="str">
            <v>Fletcher Way bridge and Nickey Line access</v>
          </cell>
          <cell r="P126">
            <v>25057.575400000002</v>
          </cell>
        </row>
        <row r="127">
          <cell r="E127" t="str">
            <v>Malvern Way residential cycle street (link to Nickey Line)</v>
          </cell>
          <cell r="P127">
            <v>402902.5</v>
          </cell>
        </row>
        <row r="128">
          <cell r="E128" t="str">
            <v>Cambrian Way cycle route</v>
          </cell>
          <cell r="P128">
            <v>1167595</v>
          </cell>
        </row>
        <row r="129">
          <cell r="E129" t="str">
            <v>Aycliffe Drive cycle lane upgrade and splitter island removal</v>
          </cell>
          <cell r="P129">
            <v>34476.120250000007</v>
          </cell>
        </row>
        <row r="130">
          <cell r="E130" t="str">
            <v>Washington Avenue four additional zebra crossings</v>
          </cell>
          <cell r="P130">
            <v>606409.375</v>
          </cell>
        </row>
        <row r="131">
          <cell r="E131" t="str">
            <v>Aycliffe Drive zebra crossing</v>
          </cell>
          <cell r="P131">
            <v>107338.29106</v>
          </cell>
        </row>
        <row r="132">
          <cell r="E132" t="str">
            <v>Washington Avenue/Aycliffe Road roundabout crossings</v>
          </cell>
          <cell r="P132">
            <v>378235</v>
          </cell>
        </row>
        <row r="133">
          <cell r="E133" t="str">
            <v>Washington Avenue side-arm junction pedestrian crossing improvements</v>
          </cell>
          <cell r="P133">
            <v>8682.9599999999991</v>
          </cell>
        </row>
        <row r="134">
          <cell r="E134" t="str">
            <v>Great Road Wayfinding Signage</v>
          </cell>
          <cell r="P134">
            <v>6783.5625</v>
          </cell>
        </row>
        <row r="135">
          <cell r="E135" t="str">
            <v>Great Road traffic calming features</v>
          </cell>
          <cell r="P135">
            <v>207618.125</v>
          </cell>
        </row>
        <row r="136">
          <cell r="E136" t="str">
            <v>Great Road additional zebra crossing</v>
          </cell>
          <cell r="P136">
            <v>129504.375</v>
          </cell>
        </row>
        <row r="137">
          <cell r="E137" t="str">
            <v>Great Road cycle route</v>
          </cell>
          <cell r="P137">
            <v>167327.875</v>
          </cell>
        </row>
        <row r="138">
          <cell r="E138" t="str">
            <v>Longlands Wayfinding Signage</v>
          </cell>
          <cell r="P138">
            <v>11305.9375</v>
          </cell>
        </row>
        <row r="139">
          <cell r="E139" t="str">
            <v>Continuous Pavement crossings at Fields Road and Vauxhall Road</v>
          </cell>
          <cell r="P139">
            <v>226118.75</v>
          </cell>
        </row>
        <row r="140">
          <cell r="E140" t="str">
            <v>Longlands Shared Use Cycle Path</v>
          </cell>
          <cell r="P140">
            <v>742080.625</v>
          </cell>
        </row>
        <row r="141">
          <cell r="E141" t="str">
            <v>Longlands Pavement Parking Prevention</v>
          </cell>
          <cell r="P141">
            <v>34850.860687500004</v>
          </cell>
        </row>
        <row r="142">
          <cell r="E142" t="str">
            <v>Longlands Additional Zebra Crossings</v>
          </cell>
          <cell r="P142">
            <v>176783.75</v>
          </cell>
        </row>
        <row r="143">
          <cell r="E143" t="str">
            <v>Provision of new Changing Rooms for NGPs in the Tring Area</v>
          </cell>
          <cell r="P143">
            <v>213345</v>
          </cell>
        </row>
        <row r="144">
          <cell r="E144" t="str">
            <v>Provision of new Changing Rooms for NGPs in the Tring Area</v>
          </cell>
          <cell r="P144">
            <v>341385</v>
          </cell>
        </row>
        <row r="145">
          <cell r="E145" t="str">
            <v>Provision of new Changing Rooms for NGPs in the Tring Area</v>
          </cell>
          <cell r="P145">
            <v>1194847</v>
          </cell>
        </row>
        <row r="146">
          <cell r="E146" t="str">
            <v>Provision of new Changing Rooms for NGPs in the Tring Area</v>
          </cell>
          <cell r="P146">
            <v>171358</v>
          </cell>
        </row>
        <row r="147">
          <cell r="E147" t="str">
            <v>Provision of new Changing Rooms for NGPs in the Berkhamsted Area</v>
          </cell>
          <cell r="P147">
            <v>661371</v>
          </cell>
        </row>
        <row r="148">
          <cell r="E148" t="str">
            <v>Provision of new Changing Rooms for NGPs in the Berkhamsted Area</v>
          </cell>
          <cell r="P148">
            <v>85372</v>
          </cell>
        </row>
        <row r="149">
          <cell r="E149" t="str">
            <v>Provision of new Changing Rooms for NGPs in the Berkhamsted Area</v>
          </cell>
          <cell r="P149">
            <v>85372</v>
          </cell>
        </row>
        <row r="150">
          <cell r="E150" t="str">
            <v>Provision of new Changing Rooms for NGPs in the Berkhamsted Area</v>
          </cell>
          <cell r="P150">
            <v>257770.06</v>
          </cell>
        </row>
        <row r="151">
          <cell r="E151" t="str">
            <v xml:space="preserve">Contributions to new provision and facilities in the Southern Area. Refer to Local Football Facilities Plan and Leisure Strategy </v>
          </cell>
          <cell r="P151">
            <v>26354</v>
          </cell>
        </row>
        <row r="152">
          <cell r="E152" t="str">
            <v xml:space="preserve">Contributions to new provision and facilities in the Southern Area. Refer to Local Football Facilities Plan and Leisure Strategy </v>
          </cell>
          <cell r="P152">
            <v>185282</v>
          </cell>
        </row>
        <row r="153">
          <cell r="E153" t="str">
            <v xml:space="preserve">Contributions to new provision and facilities in the Southern Area. Refer to Local Football Facilities Plan and Leisure Strategy </v>
          </cell>
          <cell r="P153">
            <v>57252</v>
          </cell>
        </row>
        <row r="154">
          <cell r="E154" t="str">
            <v xml:space="preserve">Contributions to new provision and facilities in the borough. Refer to Local Football Facilities Plan and Leisure Strategy </v>
          </cell>
          <cell r="P154">
            <v>26354</v>
          </cell>
        </row>
        <row r="155">
          <cell r="E155" t="str">
            <v xml:space="preserve">Contributions to new provision and facilities in the borough. Refer to Local Football Facilities Plan and Leisure Strategy </v>
          </cell>
          <cell r="P155">
            <v>128014</v>
          </cell>
        </row>
        <row r="156">
          <cell r="E156" t="str">
            <v>Longlands side arm pedestrian crossing improvements</v>
          </cell>
          <cell r="P156">
            <v>8395.8302999999996</v>
          </cell>
        </row>
        <row r="157">
          <cell r="E157" t="str">
            <v>Maylands Avenue Wayfinding Signage</v>
          </cell>
          <cell r="P157">
            <v>13567.125</v>
          </cell>
        </row>
        <row r="158">
          <cell r="E158" t="str">
            <v>Maylands Avenue Shared Use Cycle Corridor</v>
          </cell>
          <cell r="P158">
            <v>1346845.5</v>
          </cell>
        </row>
        <row r="159">
          <cell r="E159" t="str">
            <v>Redbourn Road-Three Cherry Trees Junction Enhancement</v>
          </cell>
          <cell r="P159">
            <v>493350</v>
          </cell>
          <cell r="CF159">
            <v>365759.4827586207</v>
          </cell>
        </row>
        <row r="160">
          <cell r="E160" t="str">
            <v>Redbourn Road side junction crossing improvements</v>
          </cell>
          <cell r="P160">
            <v>41046.720000000001</v>
          </cell>
          <cell r="CF160">
            <v>30431.188965517245</v>
          </cell>
        </row>
        <row r="161">
          <cell r="E161" t="str">
            <v>Cycle Hanger storage on Mickleford Road and Datchworth Turn</v>
          </cell>
          <cell r="P161">
            <v>21645.731250000001</v>
          </cell>
          <cell r="CF161">
            <v>21250.375428082192</v>
          </cell>
        </row>
        <row r="162">
          <cell r="E162" t="str">
            <v>20mph zone covering roads including Woolmer Drive, Green Lane, Mickleford Road and Datchworth Turn</v>
          </cell>
          <cell r="P162">
            <v>1013423.125</v>
          </cell>
          <cell r="CF162">
            <v>994913.11358447489</v>
          </cell>
        </row>
        <row r="163">
          <cell r="E163" t="str">
            <v>A4147 Toucan Crossing and cycle link into Woolmer Drive</v>
          </cell>
          <cell r="P163">
            <v>340138.10187499999</v>
          </cell>
          <cell r="CF163">
            <v>333925.53380422376</v>
          </cell>
        </row>
        <row r="164">
          <cell r="E164" t="str">
            <v>Mickleford Road junction crossing improvements</v>
          </cell>
          <cell r="P164">
            <v>1578.72</v>
          </cell>
          <cell r="CF164">
            <v>1549.8849315068494</v>
          </cell>
        </row>
        <row r="165">
          <cell r="E165" t="str">
            <v>Additional cycle parking at Leverstock Green Village Centre</v>
          </cell>
          <cell r="P165">
            <v>777.02625</v>
          </cell>
          <cell r="CF165">
            <v>724.14670026007798</v>
          </cell>
        </row>
        <row r="166">
          <cell r="E166" t="str">
            <v xml:space="preserve">Leverstock Green Way side arm junction treatments </v>
          </cell>
          <cell r="P166">
            <v>13024.44</v>
          </cell>
        </row>
        <row r="167">
          <cell r="E167" t="str">
            <v>New controlled crossing between St Davids Close and Greenacres</v>
          </cell>
          <cell r="P167">
            <v>118782.235</v>
          </cell>
        </row>
        <row r="168">
          <cell r="E168" t="str">
            <v>Leverstock Green Way Village Centre to A414 Cycle Route</v>
          </cell>
          <cell r="P168">
            <v>621588.11</v>
          </cell>
          <cell r="CF168">
            <v>589507.91199823562</v>
          </cell>
        </row>
        <row r="169">
          <cell r="E169" t="str">
            <v>Malmes Croft off-carriageway cycle route</v>
          </cell>
          <cell r="P169">
            <v>74002.5</v>
          </cell>
          <cell r="CF169" t="str">
            <v/>
          </cell>
        </row>
        <row r="170">
          <cell r="E170" t="str">
            <v>Peascroft Road/Northend cycle stands</v>
          </cell>
          <cell r="P170">
            <v>518.01749999999993</v>
          </cell>
          <cell r="CF170" t="str">
            <v/>
          </cell>
        </row>
        <row r="171">
          <cell r="E171" t="str">
            <v>Pescroft Road pavement parking restrictions</v>
          </cell>
          <cell r="P171">
            <v>4933.5</v>
          </cell>
          <cell r="CF171" t="str">
            <v/>
          </cell>
        </row>
        <row r="172">
          <cell r="E172" t="str">
            <v>Pescroft Road area 20mph speed limit</v>
          </cell>
          <cell r="P172">
            <v>37001.25</v>
          </cell>
          <cell r="CF172" t="str">
            <v/>
          </cell>
        </row>
        <row r="173">
          <cell r="E173" t="str">
            <v>Peascroft Road mini roundabout traffic calming</v>
          </cell>
          <cell r="P173">
            <v>47279.375</v>
          </cell>
          <cell r="CF173" t="str">
            <v/>
          </cell>
        </row>
        <row r="174">
          <cell r="E174" t="str">
            <v>Provision of new Artifical Grass Pitches (AGP) in the Tring Area</v>
          </cell>
          <cell r="P174">
            <v>58062</v>
          </cell>
        </row>
        <row r="175">
          <cell r="E175" t="str">
            <v>Provision of new Artifical Grass Pitches (AGP) in the Tring Area</v>
          </cell>
          <cell r="P175">
            <v>92882</v>
          </cell>
        </row>
        <row r="176">
          <cell r="E176" t="str">
            <v>Provision of new Artifical Grass Pitches (AGP) in the Tring Area</v>
          </cell>
          <cell r="P176">
            <v>325102</v>
          </cell>
        </row>
        <row r="177">
          <cell r="E177" t="str">
            <v>Provision of new Artifical Grass Pitches (AGP) in the Tring Area</v>
          </cell>
          <cell r="P177">
            <v>46621</v>
          </cell>
        </row>
        <row r="178">
          <cell r="E178" t="str">
            <v>Contributions to new Artifical Grass Pitch (AGP) in the Tring Area</v>
          </cell>
          <cell r="P178">
            <v>179957</v>
          </cell>
        </row>
        <row r="179">
          <cell r="E179" t="str">
            <v>Provision of new Artifical Grass Pitches (AGP) in the Berkhamsted Area</v>
          </cell>
          <cell r="P179">
            <v>23224</v>
          </cell>
        </row>
        <row r="180">
          <cell r="E180" t="str">
            <v>Provision of new Artifical Grass Pitches (AGP) in the Berkhamsted Area</v>
          </cell>
          <cell r="P180">
            <v>23224</v>
          </cell>
        </row>
        <row r="181">
          <cell r="E181" t="str">
            <v>Provision of new Artifical Grass Pitches (AGP) in the Berkhamsted Area</v>
          </cell>
          <cell r="P181">
            <v>70145.740000000005</v>
          </cell>
        </row>
        <row r="182">
          <cell r="E182" t="str">
            <v xml:space="preserve">Contributions to new provision and facilities in the Southern Area. Refer to Local Football Facilities Plan and Leisure Strategy </v>
          </cell>
          <cell r="P182">
            <v>7168</v>
          </cell>
        </row>
        <row r="183">
          <cell r="E183" t="str">
            <v xml:space="preserve">Contributions to new provision and facilities in the Southern Area. Refer to Local Football Facilities Plan and Leisure Strategy </v>
          </cell>
          <cell r="P183">
            <v>50411</v>
          </cell>
        </row>
        <row r="184">
          <cell r="E184" t="str">
            <v xml:space="preserve">Contributions to new provision and facilities in the Southern Area. Refer to Local Football Facilities Plan and Leisure Strategy </v>
          </cell>
          <cell r="P184">
            <v>5482</v>
          </cell>
        </row>
        <row r="185">
          <cell r="E185" t="str">
            <v xml:space="preserve">Contributions to new provision and facilities in the borough. Refer to Local Football Facilities Plan and Leisure Strategy </v>
          </cell>
          <cell r="P185">
            <v>7168</v>
          </cell>
        </row>
        <row r="186">
          <cell r="E186" t="str">
            <v xml:space="preserve">Contributions to new provision and facilities in the borough. Refer to Local Football Facilities Plan and Leisure Strategy </v>
          </cell>
          <cell r="P186">
            <v>34838</v>
          </cell>
        </row>
        <row r="187">
          <cell r="E187" t="str">
            <v>Peascroft Road-Bennetts End Road Junction cycle crossing improvements</v>
          </cell>
          <cell r="P187">
            <v>85.822343750000002</v>
          </cell>
          <cell r="CF187" t="str">
            <v/>
          </cell>
        </row>
        <row r="188">
          <cell r="E188" t="str">
            <v>Peascroft Road cycle route and side-arm junction copenhagen crossings</v>
          </cell>
          <cell r="P188">
            <v>894196.875</v>
          </cell>
          <cell r="CF188" t="str">
            <v/>
          </cell>
        </row>
        <row r="189">
          <cell r="E189" t="str">
            <v>Great Elms Road and Candlefield Road Cycle Hangers</v>
          </cell>
          <cell r="P189">
            <v>32468.596874999999</v>
          </cell>
          <cell r="CF189" t="str">
            <v/>
          </cell>
        </row>
        <row r="190">
          <cell r="E190" t="str">
            <v>Great Elms Road - Coronation Fields crossing</v>
          </cell>
          <cell r="P190">
            <v>113848.735</v>
          </cell>
          <cell r="CF190" t="str">
            <v/>
          </cell>
        </row>
        <row r="191">
          <cell r="E191" t="str">
            <v>Great Elms Road pavement parking prevention</v>
          </cell>
          <cell r="P191">
            <v>1644.5</v>
          </cell>
          <cell r="CF191" t="str">
            <v/>
          </cell>
        </row>
        <row r="192">
          <cell r="E192" t="str">
            <v>Great Elms Road &amp; Candlefield Road traffic calming</v>
          </cell>
          <cell r="P192">
            <v>47279.375</v>
          </cell>
          <cell r="CF192" t="str">
            <v/>
          </cell>
        </row>
        <row r="193">
          <cell r="E193" t="str">
            <v>Great Elms Road side arm crossing and kerb radii treatments</v>
          </cell>
          <cell r="P193">
            <v>70956.162420000008</v>
          </cell>
          <cell r="CF193" t="str">
            <v/>
          </cell>
        </row>
        <row r="194">
          <cell r="E194" t="str">
            <v>Great Elms Road to Mulready Walk controlled crossing</v>
          </cell>
          <cell r="P194">
            <v>248155.05</v>
          </cell>
          <cell r="CF194" t="str">
            <v/>
          </cell>
        </row>
        <row r="195">
          <cell r="E195" t="str">
            <v>Great Elms Road side arm crossing improvements</v>
          </cell>
          <cell r="P195">
            <v>26695.563180000005</v>
          </cell>
          <cell r="CF195" t="str">
            <v/>
          </cell>
        </row>
        <row r="196">
          <cell r="E196" t="str">
            <v>London Road Apsley Wayfinding signage</v>
          </cell>
          <cell r="P196">
            <v>13567.125</v>
          </cell>
        </row>
        <row r="197">
          <cell r="E197" t="str">
            <v>London Road Apsley pedestrian capacity enhancement</v>
          </cell>
          <cell r="P197">
            <v>986700</v>
          </cell>
        </row>
        <row r="198">
          <cell r="E198" t="str">
            <v>Traffic calming approach Doolittle Meadows</v>
          </cell>
          <cell r="P198">
            <v>47279.375</v>
          </cell>
        </row>
        <row r="199">
          <cell r="E199" t="str">
            <v>London Road access to Doolittle Meadows controlled pedestrian crossing</v>
          </cell>
          <cell r="P199">
            <v>359734.375</v>
          </cell>
        </row>
        <row r="200">
          <cell r="E200" t="str">
            <v>London Road access to Apsley Station controlled pedestrian crossing</v>
          </cell>
          <cell r="P200">
            <v>296928.864375</v>
          </cell>
        </row>
        <row r="201">
          <cell r="E201" t="str">
            <v>London Road Doolittle Meadows crossings and compact roundabout treatment</v>
          </cell>
          <cell r="P201">
            <v>423047.625</v>
          </cell>
        </row>
        <row r="202">
          <cell r="E202" t="str">
            <v>20mph speed limit on London Road</v>
          </cell>
          <cell r="P202">
            <v>24667.5</v>
          </cell>
        </row>
        <row r="203">
          <cell r="E203" t="str">
            <v>Retail Park access pedestrian crossing improvement</v>
          </cell>
          <cell r="P203">
            <v>106892.5</v>
          </cell>
        </row>
        <row r="204">
          <cell r="E204" t="str">
            <v>Kents Avenue-London Road junction improvement</v>
          </cell>
          <cell r="P204">
            <v>55913</v>
          </cell>
        </row>
        <row r="205">
          <cell r="E205" t="str">
            <v>Provision of new provision of Changing Rooms for AGPs in the Tring Area</v>
          </cell>
          <cell r="P205">
            <v>20440</v>
          </cell>
        </row>
        <row r="206">
          <cell r="E206" t="str">
            <v>Provision of new provision of Changing Rooms for AGPs in the Tring Area</v>
          </cell>
          <cell r="P206">
            <v>32698</v>
          </cell>
        </row>
        <row r="207">
          <cell r="E207" t="str">
            <v>Provision of new provision of Changing Rooms for AGPs in the Tring Area</v>
          </cell>
          <cell r="P207">
            <v>114449</v>
          </cell>
        </row>
        <row r="208">
          <cell r="E208" t="str">
            <v>Provision of new provision of Changing Rooms for AGPs in the Tring Area</v>
          </cell>
          <cell r="P208">
            <v>16413</v>
          </cell>
        </row>
        <row r="209">
          <cell r="E209" t="str">
            <v>Provision of new provision of Changing Rooms for AGPs in the Berkhamsted Area</v>
          </cell>
          <cell r="P209">
            <v>63352</v>
          </cell>
        </row>
        <row r="210">
          <cell r="E210" t="str">
            <v>Provision of new provision of Changing Rooms for AGPs in the Berkhamsted Area</v>
          </cell>
          <cell r="P210">
            <v>8176</v>
          </cell>
        </row>
        <row r="211">
          <cell r="E211" t="str">
            <v>Provision of new Changing Rooms for AGPs in the Berkhamsted Area</v>
          </cell>
          <cell r="P211">
            <v>8176</v>
          </cell>
        </row>
        <row r="212">
          <cell r="E212" t="str">
            <v>Provision of new provision of Changing Rooms for AGPs in the Berkhamsted Area</v>
          </cell>
          <cell r="P212">
            <v>24694</v>
          </cell>
        </row>
        <row r="213">
          <cell r="E213" t="str">
            <v xml:space="preserve">Contributions to new provision and facilities in the Southern Area. Refer to Local Football Facilities Plan and Leisure Strategy </v>
          </cell>
          <cell r="P213">
            <v>2523</v>
          </cell>
        </row>
        <row r="214">
          <cell r="E214" t="str">
            <v xml:space="preserve">Contributions to new provision and facilities in the Southern Area. Refer to Local Football Facilities Plan and Leisure Strategy </v>
          </cell>
          <cell r="P214">
            <v>17747</v>
          </cell>
        </row>
        <row r="215">
          <cell r="E215" t="str">
            <v xml:space="preserve">Contributions to new provision and facilities in the Southern Area. Refer to Local Football Facilities Plan and Leisure Strategy </v>
          </cell>
          <cell r="P215">
            <v>5482</v>
          </cell>
        </row>
        <row r="216">
          <cell r="E216" t="str">
            <v xml:space="preserve">Contributions to new provision and facilities in the borough. Refer to Local Football Facilities Plan and Leisure Strategy </v>
          </cell>
          <cell r="P216">
            <v>2523</v>
          </cell>
        </row>
        <row r="217">
          <cell r="E217" t="str">
            <v xml:space="preserve">Contributions to new provision and facilities in the borough. Refer to Local Football Facilities Plan and Leisure Strategy </v>
          </cell>
          <cell r="P217">
            <v>12264</v>
          </cell>
        </row>
        <row r="218">
          <cell r="E218" t="str">
            <v>Durrants Hill Road-London Road junction improvement</v>
          </cell>
          <cell r="P218">
            <v>55913</v>
          </cell>
        </row>
        <row r="219">
          <cell r="E219" t="str">
            <v>Two Waters Road-London Road junction improvement</v>
          </cell>
          <cell r="P219">
            <v>58379.75</v>
          </cell>
        </row>
        <row r="220">
          <cell r="E220" t="str">
            <v>Two Waters Road-London Road pedestrian-cycle link</v>
          </cell>
          <cell r="P220">
            <v>25661.254905000002</v>
          </cell>
        </row>
        <row r="221">
          <cell r="E221" t="str">
            <v>A4251 London Road-A4146 Station Road Junction Reconfiguration including provision for cyclists and buses</v>
          </cell>
          <cell r="P221">
            <v>493350</v>
          </cell>
          <cell r="CF221" t="str">
            <v/>
          </cell>
        </row>
        <row r="222">
          <cell r="E222" t="str">
            <v>A4251 London Road Speed VMS</v>
          </cell>
          <cell r="P222">
            <v>24667.5</v>
          </cell>
        </row>
        <row r="223">
          <cell r="E223" t="str">
            <v>A4251 London Road footway widths</v>
          </cell>
          <cell r="P223">
            <v>740025</v>
          </cell>
        </row>
        <row r="224">
          <cell r="E224" t="str">
            <v>A4251 London Road cycle route</v>
          </cell>
          <cell r="P224">
            <v>34370.050000000003</v>
          </cell>
        </row>
        <row r="225">
          <cell r="E225" t="str">
            <v>Glenview Gardens cycle hanger storage</v>
          </cell>
          <cell r="P225">
            <v>10822.865625</v>
          </cell>
          <cell r="CF225" t="str">
            <v/>
          </cell>
        </row>
        <row r="226">
          <cell r="E226" t="str">
            <v>Pedestrian route street lighting enhancements</v>
          </cell>
          <cell r="P226">
            <v>2406.8079749999997</v>
          </cell>
          <cell r="CF226" t="str">
            <v/>
          </cell>
        </row>
        <row r="227">
          <cell r="E227" t="str">
            <v>Footpath width vegetation cut-back</v>
          </cell>
          <cell r="P227">
            <v>3734.6595000000002</v>
          </cell>
          <cell r="CF227" t="str">
            <v/>
          </cell>
        </row>
        <row r="228">
          <cell r="E228" t="str">
            <v>Footway widening approaching The Cornfields</v>
          </cell>
          <cell r="P228">
            <v>19357.54106</v>
          </cell>
          <cell r="CF228" t="str">
            <v/>
          </cell>
        </row>
        <row r="229">
          <cell r="E229" t="str">
            <v>Junction crossing improvements on Crouchfield</v>
          </cell>
          <cell r="P229">
            <v>105317.33212000001</v>
          </cell>
          <cell r="CF229" t="str">
            <v/>
          </cell>
        </row>
        <row r="230">
          <cell r="E230" t="str">
            <v>Beechfield Road-Cornfields alleyway crossing</v>
          </cell>
          <cell r="P230">
            <v>22248.029374999998</v>
          </cell>
          <cell r="CF230" t="str">
            <v/>
          </cell>
        </row>
        <row r="231">
          <cell r="E231" t="str">
            <v>Junction crossing improvements on Cowper Road</v>
          </cell>
          <cell r="P231">
            <v>1679.16606</v>
          </cell>
          <cell r="CF231" t="str">
            <v/>
          </cell>
        </row>
        <row r="232">
          <cell r="E232" t="str">
            <v>Cycle hanger storage on Cowper Road</v>
          </cell>
          <cell r="P232">
            <v>21645.731250000001</v>
          </cell>
          <cell r="CF232" t="str">
            <v/>
          </cell>
        </row>
        <row r="233">
          <cell r="E233" t="str">
            <v>Marked parking bays on Cowper Road</v>
          </cell>
          <cell r="P233">
            <v>102781.25</v>
          </cell>
          <cell r="CF233" t="str">
            <v/>
          </cell>
        </row>
        <row r="234">
          <cell r="E234" t="str">
            <v>20mph speed limit including on Cowper Road</v>
          </cell>
          <cell r="P234">
            <v>24667.5</v>
          </cell>
          <cell r="CF234" t="str">
            <v/>
          </cell>
        </row>
        <row r="235">
          <cell r="E235" t="str">
            <v>Crossing improvements around along Gravel Hill Terrace</v>
          </cell>
          <cell r="P235">
            <v>10758.582119999999</v>
          </cell>
          <cell r="CF235" t="str">
            <v/>
          </cell>
        </row>
        <row r="236">
          <cell r="E236" t="str">
            <v>Number of swimming pools</v>
          </cell>
          <cell r="P236">
            <v>127131</v>
          </cell>
        </row>
        <row r="237">
          <cell r="E237" t="str">
            <v>Number of swimming pools</v>
          </cell>
          <cell r="P237">
            <v>225542</v>
          </cell>
        </row>
        <row r="238">
          <cell r="E238" t="str">
            <v>Number of swimming pools</v>
          </cell>
          <cell r="P238">
            <v>789392</v>
          </cell>
        </row>
        <row r="239">
          <cell r="E239" t="str">
            <v>Number of swimming pools</v>
          </cell>
          <cell r="P239">
            <v>113420</v>
          </cell>
        </row>
        <row r="240">
          <cell r="E240" t="str">
            <v>Number of swimming pools</v>
          </cell>
          <cell r="P240">
            <v>436985</v>
          </cell>
        </row>
        <row r="241">
          <cell r="E241" t="str">
            <v>Number of swimming pools</v>
          </cell>
          <cell r="P241">
            <v>56385</v>
          </cell>
        </row>
        <row r="242">
          <cell r="E242" t="str">
            <v>Number of swimming pools</v>
          </cell>
          <cell r="P242">
            <v>56385</v>
          </cell>
        </row>
        <row r="243">
          <cell r="E243" t="str">
            <v>Number of swimming pools</v>
          </cell>
          <cell r="P243">
            <v>170330</v>
          </cell>
        </row>
        <row r="244">
          <cell r="E244" t="str">
            <v>Number of swimming pools</v>
          </cell>
          <cell r="P244">
            <v>17385</v>
          </cell>
        </row>
        <row r="245">
          <cell r="E245" t="str">
            <v>Number of swimming pools</v>
          </cell>
          <cell r="P245">
            <v>122403</v>
          </cell>
        </row>
        <row r="246">
          <cell r="E246" t="str">
            <v>Number of swimming pools</v>
          </cell>
          <cell r="P246">
            <v>37825</v>
          </cell>
        </row>
        <row r="247">
          <cell r="E247" t="str">
            <v>Number of swimming pools</v>
          </cell>
          <cell r="P247">
            <v>17385</v>
          </cell>
        </row>
        <row r="248">
          <cell r="E248" t="str">
            <v>Number of swimming pools</v>
          </cell>
          <cell r="P248">
            <v>84578</v>
          </cell>
        </row>
        <row r="249">
          <cell r="E249" t="str">
            <v xml:space="preserve">Crossing improvements around Cowper Road </v>
          </cell>
          <cell r="P249">
            <v>5726.41212</v>
          </cell>
          <cell r="CF249" t="str">
            <v/>
          </cell>
        </row>
        <row r="250">
          <cell r="E250" t="str">
            <v>Cycle parking stands at bus stop on Fishery Road</v>
          </cell>
          <cell r="P250">
            <v>388.513125</v>
          </cell>
          <cell r="CF250" t="str">
            <v/>
          </cell>
        </row>
        <row r="251">
          <cell r="E251" t="str">
            <v>Wayfinding signage on Horsecroft Road and Kingsland Road</v>
          </cell>
          <cell r="P251">
            <v>11305.9375</v>
          </cell>
          <cell r="CF251" t="str">
            <v/>
          </cell>
        </row>
        <row r="252">
          <cell r="E252" t="str">
            <v>Pedestrian route enhancements on Fishery Passage</v>
          </cell>
          <cell r="P252">
            <v>16924.569090000005</v>
          </cell>
          <cell r="CF252" t="str">
            <v/>
          </cell>
        </row>
        <row r="253">
          <cell r="E253" t="str">
            <v>Traffic calming on Kingsland Road and Horsecroft Road</v>
          </cell>
          <cell r="P253">
            <v>129504.375</v>
          </cell>
          <cell r="CF253" t="str">
            <v/>
          </cell>
        </row>
        <row r="254">
          <cell r="E254" t="str">
            <v>20mph speed limit zone including Fishery Road</v>
          </cell>
          <cell r="P254">
            <v>37001.25</v>
          </cell>
          <cell r="CF254" t="str">
            <v/>
          </cell>
        </row>
        <row r="255">
          <cell r="E255" t="str">
            <v>Kingsland Road-Horsecroft Road crossing</v>
          </cell>
          <cell r="P255">
            <v>45223.75</v>
          </cell>
          <cell r="CF255" t="str">
            <v/>
          </cell>
        </row>
        <row r="256">
          <cell r="E256" t="str">
            <v>Footbridge overhaul or additional/replacement bridge near Apsley Marina</v>
          </cell>
          <cell r="P256">
            <v>5344625</v>
          </cell>
          <cell r="CF256" t="str">
            <v/>
          </cell>
        </row>
        <row r="257">
          <cell r="E257" t="str">
            <v>Western Access Plaza to Aspley Station</v>
          </cell>
          <cell r="P257">
            <v>10308959.375</v>
          </cell>
          <cell r="CF257" t="str">
            <v/>
          </cell>
        </row>
        <row r="258">
          <cell r="E258" t="str">
            <v>Upgraded Town Centre Riverside Bus Interchange</v>
          </cell>
          <cell r="P258">
            <v>877752</v>
          </cell>
          <cell r="CF258" t="str">
            <v/>
          </cell>
        </row>
        <row r="259">
          <cell r="E259" t="str">
            <v>A414 Rant Meadow to Bennetts End Road bus priority lane</v>
          </cell>
          <cell r="P259">
            <v>1041842.140625</v>
          </cell>
          <cell r="CF259" t="str">
            <v/>
          </cell>
        </row>
        <row r="260">
          <cell r="E260" t="str">
            <v>A414 Maylands Avenue Roundabout - signalisation and bus-only hamburger</v>
          </cell>
          <cell r="P260">
            <v>814028</v>
          </cell>
          <cell r="CF260" t="str">
            <v/>
          </cell>
        </row>
        <row r="261">
          <cell r="E261" t="str">
            <v>A414 Maylands Avenue - Green Lane bus priority lanes</v>
          </cell>
          <cell r="P261">
            <v>1235967.1431250002</v>
          </cell>
        </row>
        <row r="262">
          <cell r="E262" t="str">
            <v>Adeyfield Local Mobility Hub</v>
          </cell>
          <cell r="P262">
            <v>370629.1875</v>
          </cell>
          <cell r="CF262" t="str">
            <v/>
          </cell>
        </row>
        <row r="263">
          <cell r="E263" t="str">
            <v>Increased parking enforcement</v>
          </cell>
          <cell r="CF263" t="str">
            <v/>
          </cell>
        </row>
        <row r="264">
          <cell r="E264" t="str">
            <v>Revision to Parking Standard Zones - expanding the scope for car-free new developments</v>
          </cell>
          <cell r="CF264" t="str">
            <v/>
          </cell>
        </row>
        <row r="265">
          <cell r="E265" t="str">
            <v>Luton-Hemel Hempstead Bus Connectivity</v>
          </cell>
          <cell r="CF265" t="str">
            <v/>
          </cell>
        </row>
        <row r="266">
          <cell r="E266" t="str">
            <v>B440 Leighton Buzzard Road Gateway Corridor (Piccotts End to Link Road/Galley Hill</v>
          </cell>
          <cell r="P266">
            <v>1062347</v>
          </cell>
        </row>
        <row r="267">
          <cell r="E267" t="str">
            <v>Number of Sports Halls</v>
          </cell>
          <cell r="P267">
            <v>127131</v>
          </cell>
        </row>
        <row r="268">
          <cell r="E268" t="str">
            <v>Number of Sports Halls</v>
          </cell>
          <cell r="P268">
            <v>203410</v>
          </cell>
        </row>
        <row r="269">
          <cell r="E269" t="str">
            <v>Number of Sports Halls</v>
          </cell>
          <cell r="P269">
            <v>711936</v>
          </cell>
        </row>
        <row r="270">
          <cell r="E270" t="str">
            <v>Number of Sports Halls</v>
          </cell>
          <cell r="P270">
            <v>102129</v>
          </cell>
        </row>
        <row r="271">
          <cell r="E271" t="str">
            <v>Number of Sports Halls</v>
          </cell>
          <cell r="P271">
            <v>394107</v>
          </cell>
        </row>
        <row r="272">
          <cell r="E272" t="str">
            <v>Number of Sports Halls</v>
          </cell>
          <cell r="P272">
            <v>50853</v>
          </cell>
        </row>
        <row r="273">
          <cell r="E273" t="str">
            <v>Number of Sports Halls</v>
          </cell>
          <cell r="P273">
            <v>50853</v>
          </cell>
        </row>
        <row r="274">
          <cell r="E274" t="str">
            <v>Number of Sports Halls</v>
          </cell>
          <cell r="P274">
            <v>153617</v>
          </cell>
        </row>
        <row r="275">
          <cell r="E275" t="str">
            <v>Number of Sports Halls</v>
          </cell>
          <cell r="P275">
            <v>15680</v>
          </cell>
        </row>
        <row r="276">
          <cell r="E276" t="str">
            <v>Number of Sports Halls</v>
          </cell>
          <cell r="P276">
            <v>110392</v>
          </cell>
        </row>
        <row r="277">
          <cell r="E277" t="str">
            <v>Number of Sports Halls</v>
          </cell>
          <cell r="P277">
            <v>34114</v>
          </cell>
        </row>
        <row r="278">
          <cell r="E278" t="str">
            <v>Number of Sports Halls</v>
          </cell>
          <cell r="P278">
            <v>15680</v>
          </cell>
        </row>
        <row r="279">
          <cell r="E279" t="str">
            <v>Number of Sports Halls</v>
          </cell>
          <cell r="P279">
            <v>76279</v>
          </cell>
        </row>
        <row r="280">
          <cell r="E280" t="str">
            <v>Northern Hemel Hempstead-Watford Town Centre, Croxley and Rickmansworth Connectivity</v>
          </cell>
          <cell r="CF280" t="str">
            <v/>
          </cell>
        </row>
        <row r="281">
          <cell r="E281" t="str">
            <v>St Albans-Hemel Hempstead Bus Connectivity</v>
          </cell>
          <cell r="CF281" t="str">
            <v/>
          </cell>
        </row>
        <row r="282">
          <cell r="E282" t="str">
            <v>Apsley Station Forecourt &amp; Cycle Provision</v>
          </cell>
          <cell r="P282">
            <v>17526.258750000001</v>
          </cell>
        </row>
        <row r="283">
          <cell r="E283" t="str">
            <v xml:space="preserve">E-Bike Hire Scheme with E-Bike docking hubs (where not co-located at Mobility Hubs) - Hemel Hempstead Inner </v>
          </cell>
          <cell r="P283">
            <v>2000000</v>
          </cell>
          <cell r="CF283" t="str">
            <v/>
          </cell>
        </row>
        <row r="284">
          <cell r="E284" t="str">
            <v>Bennetts End Local Mobility Hub</v>
          </cell>
          <cell r="P284">
            <v>370629.1875</v>
          </cell>
          <cell r="CF284" t="str">
            <v/>
          </cell>
        </row>
        <row r="285">
          <cell r="E285" t="str">
            <v>Cambrian Way Local Mobility Hub</v>
          </cell>
          <cell r="P285">
            <v>370629.1875</v>
          </cell>
          <cell r="CF285" t="str">
            <v/>
          </cell>
        </row>
        <row r="286">
          <cell r="E286" t="str">
            <v>Holtsmere End Lane Quietway</v>
          </cell>
          <cell r="P286">
            <v>320677.5</v>
          </cell>
        </row>
        <row r="287">
          <cell r="E287" t="str">
            <v>Polehanger Lane-Leighton Buzzard Road Green Loop</v>
          </cell>
          <cell r="P287">
            <v>962209.94720296876</v>
          </cell>
        </row>
        <row r="288">
          <cell r="E288" t="str">
            <v>Boxted Road Green Loop Crossing Point</v>
          </cell>
          <cell r="P288">
            <v>22248.029374999998</v>
          </cell>
        </row>
        <row r="289">
          <cell r="E289" t="str">
            <v>Fields End Lane/Pouchen End Lane Quietway</v>
          </cell>
          <cell r="P289">
            <v>227763.25</v>
          </cell>
        </row>
        <row r="290">
          <cell r="E290" t="str">
            <v>Berkhamsted Road Gateway Corridor</v>
          </cell>
          <cell r="P290">
            <v>12333.75</v>
          </cell>
        </row>
        <row r="291">
          <cell r="E291" t="str">
            <v xml:space="preserve">Bunkers Lane Quietway </v>
          </cell>
          <cell r="P291">
            <v>217485.125</v>
          </cell>
          <cell r="CF291" t="str">
            <v/>
          </cell>
        </row>
        <row r="292">
          <cell r="E292" t="str">
            <v>A414 Dual Carriageway gap closure - Rant Meadow</v>
          </cell>
          <cell r="P292">
            <v>44990.539343750002</v>
          </cell>
          <cell r="CF292" t="str">
            <v/>
          </cell>
        </row>
        <row r="293">
          <cell r="E293" t="str">
            <v>A414 Dual Carriageway gap closure - St Albans Rd leading into Mariner Way &amp; Sandmere Close</v>
          </cell>
          <cell r="P293">
            <v>43612.20166875</v>
          </cell>
          <cell r="CF293" t="str">
            <v/>
          </cell>
        </row>
        <row r="294">
          <cell r="E294" t="str">
            <v>A414 Dual Carriageway gap closure - Wood Crescent</v>
          </cell>
          <cell r="P294">
            <v>44990.539343750002</v>
          </cell>
          <cell r="CF294" t="str">
            <v/>
          </cell>
        </row>
        <row r="295">
          <cell r="E295" t="str">
            <v>M1 Junction 8 enhancement - Phase 1 Phoenix Gateway Roundabout (A414/Green Lane) re-configuration and signalisation</v>
          </cell>
          <cell r="P295">
            <v>1056500</v>
          </cell>
        </row>
        <row r="296">
          <cell r="E296" t="str">
            <v>Hemel Hempstead Station Upgrade</v>
          </cell>
          <cell r="P296">
            <v>7410000</v>
          </cell>
          <cell r="CF296" t="str">
            <v/>
          </cell>
        </row>
        <row r="297">
          <cell r="E297" t="str">
            <v xml:space="preserve">Hectares of amenity space </v>
          </cell>
          <cell r="P297">
            <v>102032.1792</v>
          </cell>
        </row>
        <row r="298">
          <cell r="E298" t="str">
            <v>Hecatres of natural and smei natural greenspace</v>
          </cell>
          <cell r="P298">
            <v>267834.47040000005</v>
          </cell>
        </row>
        <row r="299">
          <cell r="E299" t="str">
            <v>Hectares of public parks and gardens</v>
          </cell>
          <cell r="P299">
            <v>374117.99040000001</v>
          </cell>
        </row>
        <row r="300">
          <cell r="E300" t="str">
            <v>Hectares of allotments required</v>
          </cell>
          <cell r="P300">
            <v>59784.480000000003</v>
          </cell>
        </row>
        <row r="301">
          <cell r="E301" t="str">
            <v>Hectares of amentity space</v>
          </cell>
          <cell r="P301">
            <v>45550.080000000002</v>
          </cell>
        </row>
        <row r="302">
          <cell r="E302" t="str">
            <v>Hectares of natural and semi natural greenspace</v>
          </cell>
          <cell r="P302">
            <v>119568.96000000001</v>
          </cell>
        </row>
        <row r="303">
          <cell r="E303" t="str">
            <v>Number of public parks and gardens</v>
          </cell>
          <cell r="P303">
            <v>167016.95999999999</v>
          </cell>
        </row>
        <row r="304">
          <cell r="E304" t="str">
            <v>1 LAP, delivered by site developer</v>
          </cell>
          <cell r="P304">
            <v>43494</v>
          </cell>
        </row>
        <row r="305">
          <cell r="E305" t="str">
            <v>1 LEAP, delivered by site developer</v>
          </cell>
          <cell r="P305">
            <v>105440</v>
          </cell>
        </row>
        <row r="306">
          <cell r="E306" t="str">
            <v>Hectares of allotments required</v>
          </cell>
          <cell r="P306">
            <v>26689.5</v>
          </cell>
        </row>
        <row r="307">
          <cell r="E307" t="str">
            <v>Hectares of amentity space</v>
          </cell>
          <cell r="P307">
            <v>9413.6831999999977</v>
          </cell>
        </row>
        <row r="308">
          <cell r="E308" t="str">
            <v>Hectares of natural and semi natural greenspace</v>
          </cell>
          <cell r="P308">
            <v>24710.918399999999</v>
          </cell>
        </row>
        <row r="309">
          <cell r="E309" t="str">
            <v>Number of public parks and gardens</v>
          </cell>
          <cell r="P309">
            <v>34516.838400000001</v>
          </cell>
        </row>
        <row r="310">
          <cell r="E310" t="str">
            <v>Hectares of allotments required</v>
          </cell>
          <cell r="P310">
            <v>5515.83</v>
          </cell>
        </row>
        <row r="311">
          <cell r="E311" t="str">
            <v>Hectares of amentity space</v>
          </cell>
          <cell r="P311">
            <v>75916.800000000003</v>
          </cell>
        </row>
        <row r="312">
          <cell r="E312" t="str">
            <v>Hectares of natural and semi natural greenspace</v>
          </cell>
          <cell r="P312">
            <v>199281.6</v>
          </cell>
        </row>
        <row r="313">
          <cell r="E313" t="str">
            <v>Hectares of public parks and gardens</v>
          </cell>
          <cell r="P313">
            <v>278361.59999999998</v>
          </cell>
        </row>
        <row r="314">
          <cell r="E314" t="str">
            <v>1 LAP, delivered by site developer</v>
          </cell>
          <cell r="P314">
            <v>43494</v>
          </cell>
        </row>
        <row r="315">
          <cell r="E315" t="str">
            <v>1 LEAP, delivered by site developer</v>
          </cell>
          <cell r="P315">
            <v>105440</v>
          </cell>
        </row>
        <row r="316">
          <cell r="E316" t="str">
            <v>1 MUGA, delivered by developer</v>
          </cell>
          <cell r="P316">
            <v>184520</v>
          </cell>
        </row>
        <row r="317">
          <cell r="E317" t="str">
            <v>Hectares of allotments required</v>
          </cell>
          <cell r="P317">
            <v>44482.5</v>
          </cell>
        </row>
        <row r="318">
          <cell r="E318" t="str">
            <v>Hectares of amentity space</v>
          </cell>
          <cell r="P318">
            <v>121466.87999999999</v>
          </cell>
        </row>
        <row r="319">
          <cell r="E319" t="str">
            <v>Hectares of natural and semi natural greenspace</v>
          </cell>
          <cell r="P319">
            <v>318850.56</v>
          </cell>
        </row>
        <row r="320">
          <cell r="E320" t="str">
            <v>Hectares of public parks and gardens</v>
          </cell>
          <cell r="P320">
            <v>445378.56</v>
          </cell>
        </row>
        <row r="321">
          <cell r="E321" t="str">
            <v>1 LAP, delivered by site developer</v>
          </cell>
          <cell r="P321">
            <v>43494</v>
          </cell>
        </row>
        <row r="322">
          <cell r="E322" t="str">
            <v>1 LEAP, delivered by site developer</v>
          </cell>
          <cell r="P322">
            <v>105440</v>
          </cell>
        </row>
        <row r="323">
          <cell r="E323" t="str">
            <v>1 MUGA, delivered by developer</v>
          </cell>
          <cell r="P323">
            <v>184520</v>
          </cell>
        </row>
        <row r="324">
          <cell r="E324" t="str">
            <v>Hectares of allotments required</v>
          </cell>
          <cell r="P324">
            <v>71172</v>
          </cell>
        </row>
        <row r="325">
          <cell r="E325" t="str">
            <v>Hectares of amentity space</v>
          </cell>
          <cell r="P325">
            <v>425134.08000000002</v>
          </cell>
        </row>
        <row r="326">
          <cell r="E326" t="str">
            <v>Hectares of natural and semi natural greenspace</v>
          </cell>
          <cell r="P326">
            <v>1115976.96</v>
          </cell>
        </row>
        <row r="327">
          <cell r="E327" t="str">
            <v>Hectares of public parks and gardens</v>
          </cell>
          <cell r="P327">
            <v>1558824.9600000002</v>
          </cell>
        </row>
        <row r="328">
          <cell r="E328" t="str">
            <v>1 LAP, delivered by site developer</v>
          </cell>
          <cell r="P328">
            <v>43494</v>
          </cell>
        </row>
        <row r="329">
          <cell r="E329" t="str">
            <v>1 LEAP, delivered by site developer</v>
          </cell>
          <cell r="P329">
            <v>105440</v>
          </cell>
        </row>
        <row r="330">
          <cell r="E330" t="str">
            <v>2 MUGAs, delivered by developer</v>
          </cell>
          <cell r="P330">
            <v>369040</v>
          </cell>
        </row>
        <row r="331">
          <cell r="E331" t="str">
            <v>2 NEAPs</v>
          </cell>
          <cell r="P331">
            <v>434940</v>
          </cell>
        </row>
        <row r="332">
          <cell r="E332" t="str">
            <v>Hectares of allotments required</v>
          </cell>
          <cell r="P332">
            <v>249102</v>
          </cell>
        </row>
        <row r="333">
          <cell r="E333" t="str">
            <v>Hectares of amentity space</v>
          </cell>
          <cell r="P333">
            <v>61340.774399999995</v>
          </cell>
        </row>
        <row r="334">
          <cell r="E334" t="str">
            <v>Hectares of natural and semi natural greenspace</v>
          </cell>
          <cell r="P334">
            <v>161019.53279999999</v>
          </cell>
        </row>
        <row r="335">
          <cell r="E335" t="str">
            <v>Hectares of public parks and gardens</v>
          </cell>
          <cell r="P335">
            <v>224916.17279999997</v>
          </cell>
        </row>
        <row r="336">
          <cell r="E336" t="str">
            <v>Hectares of allotments required</v>
          </cell>
          <cell r="P336">
            <v>35941.859999999993</v>
          </cell>
        </row>
        <row r="337">
          <cell r="E337" t="str">
            <v>Hectares of amenity space</v>
          </cell>
          <cell r="P337">
            <v>235342.08000000002</v>
          </cell>
        </row>
        <row r="338">
          <cell r="E338" t="str">
            <v>Hectares of natural and semi natural greenspace</v>
          </cell>
          <cell r="P338">
            <v>617772.96000000008</v>
          </cell>
        </row>
        <row r="339">
          <cell r="E339" t="str">
            <v>Hectares of public parks and gardens</v>
          </cell>
          <cell r="P339">
            <v>862920.96000000008</v>
          </cell>
        </row>
        <row r="340">
          <cell r="E340" t="str">
            <v>1 LAP, delivered by site developer</v>
          </cell>
          <cell r="P340">
            <v>43494</v>
          </cell>
        </row>
        <row r="341">
          <cell r="E341" t="str">
            <v>1 LEAP, delivered by site developer</v>
          </cell>
          <cell r="P341">
            <v>105440</v>
          </cell>
        </row>
        <row r="342">
          <cell r="E342" t="str">
            <v>2 MUGAs, delivered by developer</v>
          </cell>
          <cell r="P342">
            <v>369040</v>
          </cell>
        </row>
        <row r="343">
          <cell r="E343" t="str">
            <v>1 NEAP, delivered by developer</v>
          </cell>
          <cell r="P343">
            <v>217470</v>
          </cell>
        </row>
        <row r="344">
          <cell r="E344" t="str">
            <v>Hectares of allotments required</v>
          </cell>
          <cell r="P344">
            <v>137895.75</v>
          </cell>
        </row>
        <row r="345">
          <cell r="E345" t="str">
            <v>Hectares of amenity space</v>
          </cell>
          <cell r="P345">
            <v>30366.719999999998</v>
          </cell>
        </row>
        <row r="346">
          <cell r="E346" t="str">
            <v>Hectares of natural and semi natural greenspace</v>
          </cell>
          <cell r="P346">
            <v>79712.639999999999</v>
          </cell>
        </row>
        <row r="347">
          <cell r="E347" t="str">
            <v>Hectares of public parks and gardens</v>
          </cell>
          <cell r="P347">
            <v>111344.64</v>
          </cell>
        </row>
        <row r="348">
          <cell r="E348" t="str">
            <v>1 LAP, delivered by site developer</v>
          </cell>
          <cell r="P348">
            <v>43494</v>
          </cell>
        </row>
        <row r="349">
          <cell r="E349" t="str">
            <v>1 LEAP, delivered by site developer</v>
          </cell>
          <cell r="P349">
            <v>105440</v>
          </cell>
        </row>
        <row r="350">
          <cell r="E350" t="str">
            <v>Hectares of allotments required</v>
          </cell>
          <cell r="P350">
            <v>17793</v>
          </cell>
        </row>
        <row r="351">
          <cell r="E351" t="str">
            <v>Hectares of amenity space</v>
          </cell>
          <cell r="P351">
            <v>30366.719999999998</v>
          </cell>
        </row>
        <row r="352">
          <cell r="E352" t="str">
            <v>Hectares of natural and semi natural greenspace</v>
          </cell>
          <cell r="P352">
            <v>79712.639999999999</v>
          </cell>
        </row>
        <row r="353">
          <cell r="E353" t="str">
            <v>Hectares of public parks and gardens</v>
          </cell>
          <cell r="P353">
            <v>111344.64</v>
          </cell>
        </row>
        <row r="354">
          <cell r="E354" t="str">
            <v>1 LAP, delivered by site developer</v>
          </cell>
          <cell r="P354">
            <v>43494</v>
          </cell>
        </row>
        <row r="355">
          <cell r="E355" t="str">
            <v>1 LEAP, delivered by site developer</v>
          </cell>
          <cell r="P355">
            <v>105440</v>
          </cell>
        </row>
        <row r="356">
          <cell r="E356" t="str">
            <v>Hectares of allotments required</v>
          </cell>
          <cell r="P356">
            <v>17793</v>
          </cell>
        </row>
        <row r="357">
          <cell r="E357" t="str">
            <v>Hectares of amenity space</v>
          </cell>
          <cell r="P357">
            <v>91707.494399999996</v>
          </cell>
        </row>
        <row r="358">
          <cell r="E358" t="str">
            <v>Hectares of natural and semi natural greenspace</v>
          </cell>
          <cell r="P358">
            <v>240732.1728</v>
          </cell>
        </row>
        <row r="359">
          <cell r="E359" t="str">
            <v>Hectares of public parks and gardens</v>
          </cell>
          <cell r="P359">
            <v>336260.81280000001</v>
          </cell>
        </row>
        <row r="360">
          <cell r="E360" t="str">
            <v>Hectares of allotments required</v>
          </cell>
          <cell r="P360">
            <v>53734.86</v>
          </cell>
        </row>
        <row r="361">
          <cell r="E361" t="str">
            <v>Hectares of amentity space</v>
          </cell>
          <cell r="P361">
            <v>65895.782399999982</v>
          </cell>
        </row>
        <row r="362">
          <cell r="E362" t="str">
            <v>Hectares of natural and semi natural greenspace</v>
          </cell>
          <cell r="P362">
            <v>172976.42879999999</v>
          </cell>
        </row>
        <row r="363">
          <cell r="E363" t="str">
            <v>Hectares of public parks and gardens</v>
          </cell>
          <cell r="P363">
            <v>241617.86879999997</v>
          </cell>
        </row>
        <row r="364">
          <cell r="E364" t="str">
            <v>1 LAP, delivered by site developer</v>
          </cell>
          <cell r="P364">
            <v>43494</v>
          </cell>
        </row>
        <row r="365">
          <cell r="E365" t="str">
            <v>1 LEAP, delivered by site developer</v>
          </cell>
          <cell r="P365">
            <v>105440</v>
          </cell>
        </row>
        <row r="366">
          <cell r="E366" t="str">
            <v>Hectares of allotments required</v>
          </cell>
          <cell r="P366">
            <v>38610.81</v>
          </cell>
        </row>
        <row r="367">
          <cell r="E367" t="str">
            <v>Hectares of amentity space</v>
          </cell>
          <cell r="P367">
            <v>9413.6831999999977</v>
          </cell>
        </row>
        <row r="368">
          <cell r="E368" t="str">
            <v>Hectares of natural and semi natural greenspace</v>
          </cell>
          <cell r="P368">
            <v>24710.918399999999</v>
          </cell>
        </row>
        <row r="369">
          <cell r="E369" t="str">
            <v>Hectares of public parks and gardens</v>
          </cell>
          <cell r="P369">
            <v>34516.838400000001</v>
          </cell>
        </row>
        <row r="370">
          <cell r="E370" t="str">
            <v>Hectares of allotments required</v>
          </cell>
          <cell r="P370">
            <v>5515.83</v>
          </cell>
        </row>
        <row r="371">
          <cell r="E371" t="str">
            <v>Hectares of amentity space</v>
          </cell>
          <cell r="P371">
            <v>20345.702399999995</v>
          </cell>
        </row>
        <row r="372">
          <cell r="E372" t="str">
            <v>Hectares of natural and semi natural greenspace</v>
          </cell>
          <cell r="P372">
            <v>53407.468799999995</v>
          </cell>
        </row>
        <row r="373">
          <cell r="E373" t="str">
            <v>Hectares of public parks and gardens</v>
          </cell>
          <cell r="P373">
            <v>74600.90879999999</v>
          </cell>
        </row>
        <row r="374">
          <cell r="E374" t="str">
            <v>Hectares of allotments required</v>
          </cell>
          <cell r="P374">
            <v>11921.309999999998</v>
          </cell>
        </row>
        <row r="375">
          <cell r="E375" t="str">
            <v>Hemel Hempstead Station Forecourt Enhancements (Metro Mobility Hub)</v>
          </cell>
          <cell r="P375">
            <v>877751.875</v>
          </cell>
          <cell r="CF375" t="str">
            <v/>
          </cell>
        </row>
        <row r="376">
          <cell r="E376" t="str">
            <v>Chaulden Local Mobility Hub</v>
          </cell>
          <cell r="P376">
            <v>370629.1875</v>
          </cell>
        </row>
        <row r="377">
          <cell r="E377" t="str">
            <v>Galley Hill Local Mobility Hub</v>
          </cell>
          <cell r="P377">
            <v>370629.1875</v>
          </cell>
        </row>
        <row r="378">
          <cell r="E378" t="str">
            <v>Grovehill Local Mobility Hub</v>
          </cell>
          <cell r="P378">
            <v>370629.1875</v>
          </cell>
        </row>
        <row r="379">
          <cell r="E379" t="str">
            <v>Jarman Park Local Mobility Hub</v>
          </cell>
          <cell r="P379">
            <v>370629.1875</v>
          </cell>
          <cell r="CF379" t="str">
            <v/>
          </cell>
        </row>
        <row r="380">
          <cell r="E380" t="str">
            <v>Leverstock Green Local Mobility Hub</v>
          </cell>
          <cell r="P380">
            <v>370629.1875</v>
          </cell>
        </row>
        <row r="381">
          <cell r="E381" t="str">
            <v>Bus Only Traffic Filters - wider Hemel Hempstead</v>
          </cell>
          <cell r="P381">
            <v>285064.86580000003</v>
          </cell>
          <cell r="CF381" t="str">
            <v/>
          </cell>
        </row>
        <row r="382">
          <cell r="E382" t="str">
            <v>Bus Only Traffic Filter - Station Road</v>
          </cell>
          <cell r="P382">
            <v>71266.216450000007</v>
          </cell>
          <cell r="CF382" t="str">
            <v/>
          </cell>
        </row>
        <row r="383">
          <cell r="E383" t="str">
            <v xml:space="preserve">A414 St Albans Road (town centre approach) bus priority </v>
          </cell>
          <cell r="P383">
            <v>44337.52895</v>
          </cell>
          <cell r="CF383" t="str">
            <v/>
          </cell>
        </row>
        <row r="384">
          <cell r="E384" t="str">
            <v>Plough Roundabout Link Break - bus priority</v>
          </cell>
          <cell r="P384">
            <v>40080.247349999998</v>
          </cell>
          <cell r="CF384" t="str">
            <v/>
          </cell>
        </row>
        <row r="385">
          <cell r="E385" t="str">
            <v>Maylands Multi Modal Interchange (Metro Mobility Hub)</v>
          </cell>
          <cell r="P385">
            <v>877751.875</v>
          </cell>
        </row>
        <row r="386">
          <cell r="E386" t="str">
            <v>Marchmont Farm Local Mobility Hub</v>
          </cell>
          <cell r="P386">
            <v>370629.1875</v>
          </cell>
        </row>
        <row r="387">
          <cell r="E387" t="str">
            <v>Marlowes - West Herts College Local Mobility Hub</v>
          </cell>
          <cell r="P387">
            <v>370629.1875</v>
          </cell>
        </row>
        <row r="388">
          <cell r="E388" t="str">
            <v>Maylands Central Local Mobility Hub</v>
          </cell>
          <cell r="P388">
            <v>370629.1875</v>
          </cell>
          <cell r="CF388" t="str">
            <v/>
          </cell>
        </row>
        <row r="389">
          <cell r="E389" t="str">
            <v>Maylands South Local Mobility Hub</v>
          </cell>
          <cell r="P389">
            <v>370629.1875</v>
          </cell>
        </row>
        <row r="390">
          <cell r="E390" t="str">
            <v>North Hemel Hempstead Local Mobility Hub - central</v>
          </cell>
          <cell r="P390">
            <v>370629.1875</v>
          </cell>
        </row>
        <row r="391">
          <cell r="E391" t="str">
            <v>North Hemel Hempstead Local Mobility Hub - west</v>
          </cell>
          <cell r="P391">
            <v>370629.1875</v>
          </cell>
        </row>
        <row r="392">
          <cell r="E392" t="str">
            <v>Polehanger Lane Local Mobility Hub</v>
          </cell>
          <cell r="P392">
            <v>370629.1875</v>
          </cell>
        </row>
        <row r="393">
          <cell r="E393" t="str">
            <v>Shendish Manor and Fairfields Local Mobility Hub</v>
          </cell>
          <cell r="P393">
            <v>370629.1875</v>
          </cell>
        </row>
        <row r="394">
          <cell r="E394" t="str">
            <v>The Denes Centre Local Mobility Hub</v>
          </cell>
          <cell r="P394">
            <v>370629.1875</v>
          </cell>
          <cell r="CF394" t="str">
            <v/>
          </cell>
        </row>
        <row r="395">
          <cell r="E395" t="str">
            <v>Two Waters (London Road) Local Mobility Hub</v>
          </cell>
          <cell r="P395">
            <v>370629.1875</v>
          </cell>
        </row>
        <row r="396">
          <cell r="E396" t="str">
            <v>Warners End Local Mobility Hub</v>
          </cell>
          <cell r="P396">
            <v>370629.1875</v>
          </cell>
        </row>
        <row r="397">
          <cell r="E397" t="str">
            <v>Keens Field Mobility Hub</v>
          </cell>
          <cell r="P397">
            <v>370629.1875</v>
          </cell>
          <cell r="CF397" t="str">
            <v/>
          </cell>
        </row>
        <row r="398">
          <cell r="E398" t="str">
            <v>Woodhall Farm Local Mobility Hub</v>
          </cell>
          <cell r="P398">
            <v>370629.1875</v>
          </cell>
        </row>
        <row r="399">
          <cell r="E399" t="str">
            <v xml:space="preserve">Provision of SAMMS </v>
          </cell>
          <cell r="P399">
            <v>182800</v>
          </cell>
        </row>
        <row r="400">
          <cell r="E400" t="str">
            <v xml:space="preserve">Provision of SAMMS </v>
          </cell>
          <cell r="P400">
            <v>73110</v>
          </cell>
        </row>
        <row r="401">
          <cell r="E401" t="str">
            <v xml:space="preserve">Provision of SAMMS </v>
          </cell>
          <cell r="P401">
            <v>82249</v>
          </cell>
        </row>
        <row r="402">
          <cell r="E402" t="str">
            <v xml:space="preserve">Provision of SAMMS </v>
          </cell>
          <cell r="P402">
            <v>319858</v>
          </cell>
        </row>
        <row r="403">
          <cell r="E403" t="str">
            <v xml:space="preserve">Provision of SAMMS </v>
          </cell>
          <cell r="P403">
            <v>685410</v>
          </cell>
        </row>
        <row r="404">
          <cell r="E404" t="str">
            <v xml:space="preserve">Provision of SAMMS </v>
          </cell>
          <cell r="P404">
            <v>457000</v>
          </cell>
        </row>
        <row r="405">
          <cell r="E405" t="str">
            <v xml:space="preserve">Provision of SAMMS </v>
          </cell>
          <cell r="P405">
            <v>213848</v>
          </cell>
        </row>
        <row r="406">
          <cell r="E406" t="str">
            <v xml:space="preserve">Provision of SAMMS </v>
          </cell>
          <cell r="P406">
            <v>456940</v>
          </cell>
        </row>
        <row r="407">
          <cell r="E407" t="str">
            <v xml:space="preserve">Provision of SAMMS </v>
          </cell>
          <cell r="P407">
            <v>438662</v>
          </cell>
        </row>
        <row r="408">
          <cell r="E408" t="str">
            <v xml:space="preserve">Provision of SAMMS </v>
          </cell>
          <cell r="P408">
            <v>356413</v>
          </cell>
        </row>
        <row r="409">
          <cell r="E409" t="str">
            <v xml:space="preserve">Provision of SAMMS </v>
          </cell>
          <cell r="P409">
            <v>91388</v>
          </cell>
        </row>
        <row r="410">
          <cell r="E410" t="str">
            <v xml:space="preserve">Provision of SAMMS </v>
          </cell>
          <cell r="P410">
            <v>457000</v>
          </cell>
        </row>
        <row r="411">
          <cell r="E411" t="str">
            <v xml:space="preserve">Provision of SAMMS </v>
          </cell>
          <cell r="P411">
            <v>182776</v>
          </cell>
        </row>
        <row r="412">
          <cell r="E412" t="str">
            <v xml:space="preserve">Provision of SAMMS </v>
          </cell>
          <cell r="P412">
            <v>319858</v>
          </cell>
        </row>
        <row r="413">
          <cell r="E413" t="str">
            <v xml:space="preserve">Provision of SAMMS </v>
          </cell>
          <cell r="P413">
            <v>411246</v>
          </cell>
        </row>
        <row r="414">
          <cell r="E414" t="str">
            <v xml:space="preserve">Provision of SAMMS </v>
          </cell>
          <cell r="P414">
            <v>1370820</v>
          </cell>
        </row>
        <row r="415">
          <cell r="E415" t="str">
            <v xml:space="preserve">Provision of SAMMS </v>
          </cell>
          <cell r="P415">
            <v>2179604</v>
          </cell>
        </row>
        <row r="416">
          <cell r="E416" t="str">
            <v xml:space="preserve">Provision of SAMMS </v>
          </cell>
          <cell r="P416">
            <v>1371000</v>
          </cell>
        </row>
        <row r="417">
          <cell r="E417" t="str">
            <v>Off site Third Party SANG</v>
          </cell>
        </row>
        <row r="418">
          <cell r="E418" t="str">
            <v>Off site Third Party SANG</v>
          </cell>
        </row>
        <row r="419">
          <cell r="E419" t="str">
            <v>Off site Third Party SANG</v>
          </cell>
        </row>
        <row r="420">
          <cell r="E420" t="str">
            <v>Off site Third Party SANG</v>
          </cell>
        </row>
        <row r="421">
          <cell r="E421" t="str">
            <v>On-site Bespoke SANG</v>
          </cell>
        </row>
        <row r="422">
          <cell r="E422" t="str">
            <v>On site Third Party SANG</v>
          </cell>
        </row>
        <row r="423">
          <cell r="E423" t="str">
            <v>Off site Third Party SANG</v>
          </cell>
        </row>
        <row r="424">
          <cell r="E424" t="str">
            <v>Off site Third Party SANG</v>
          </cell>
        </row>
        <row r="425">
          <cell r="E425" t="str">
            <v>Off site Third Party SANG</v>
          </cell>
        </row>
        <row r="426">
          <cell r="E426" t="str">
            <v>Off site Third Party SANG</v>
          </cell>
        </row>
        <row r="427">
          <cell r="E427" t="str">
            <v>Off site Third Party SANG</v>
          </cell>
        </row>
        <row r="428">
          <cell r="E428" t="str">
            <v>Off site Third Party SANG</v>
          </cell>
        </row>
        <row r="429">
          <cell r="E429" t="str">
            <v>Off site Strategic SANG</v>
          </cell>
        </row>
        <row r="430">
          <cell r="E430" t="str">
            <v>Off site Strategic SANG</v>
          </cell>
        </row>
        <row r="431">
          <cell r="E431" t="str">
            <v>Off site Strategic SANG</v>
          </cell>
        </row>
        <row r="432">
          <cell r="E432" t="str">
            <v>On-site Bespoke SANG</v>
          </cell>
        </row>
        <row r="433">
          <cell r="E433" t="str">
            <v>Strategic SANG in accordance with DBC allocations protocol or Third Party SANG</v>
          </cell>
        </row>
        <row r="434">
          <cell r="E434" t="str">
            <v>Provision of strategic SANG in accordance with DBC allocations protocol or Third Party SANG</v>
          </cell>
        </row>
        <row r="435">
          <cell r="E435" t="str">
            <v>Hectares of allotments required</v>
          </cell>
          <cell r="P435">
            <v>424363.05</v>
          </cell>
        </row>
        <row r="436">
          <cell r="E436" t="str">
            <v>Hectares of public parks and gardens</v>
          </cell>
          <cell r="P436">
            <v>2655569.6639999999</v>
          </cell>
        </row>
        <row r="437">
          <cell r="E437" t="str">
            <v>Hectares of natural and semi natural greenspace</v>
          </cell>
          <cell r="P437">
            <v>1901146.4640000002</v>
          </cell>
        </row>
        <row r="438">
          <cell r="E438" t="str">
            <v>Hectares of amenity space</v>
          </cell>
          <cell r="P438">
            <v>724246.272</v>
          </cell>
        </row>
        <row r="439">
          <cell r="E439" t="str">
            <v>Hectares of allotments required</v>
          </cell>
          <cell r="P439">
            <v>35586</v>
          </cell>
        </row>
        <row r="440">
          <cell r="E440" t="str">
            <v>Delivery of MUGAs</v>
          </cell>
          <cell r="P440">
            <v>184520</v>
          </cell>
        </row>
        <row r="441">
          <cell r="E441" t="str">
            <v>1 LEAP, delivered by site developer</v>
          </cell>
          <cell r="P441">
            <v>105440</v>
          </cell>
        </row>
        <row r="442">
          <cell r="E442" t="str">
            <v>1 LAP, delivered by site developer</v>
          </cell>
          <cell r="P442">
            <v>43494</v>
          </cell>
        </row>
        <row r="443">
          <cell r="E443" t="str">
            <v>Hectares of public parks and gardens</v>
          </cell>
          <cell r="P443">
            <v>222689.28</v>
          </cell>
        </row>
        <row r="444">
          <cell r="E444" t="str">
            <v>Hectares of natural and semi natural greenspace</v>
          </cell>
          <cell r="P444">
            <v>159425.28</v>
          </cell>
        </row>
        <row r="445">
          <cell r="E445" t="str">
            <v>Hectares of amenity space</v>
          </cell>
          <cell r="P445">
            <v>60733.439999999995</v>
          </cell>
        </row>
        <row r="446">
          <cell r="E446" t="str">
            <v>Hectares of allotments required</v>
          </cell>
          <cell r="P446">
            <v>14234.4</v>
          </cell>
        </row>
        <row r="447">
          <cell r="E447" t="str">
            <v>1 LEAP, delivered by site developer</v>
          </cell>
          <cell r="P447">
            <v>105440</v>
          </cell>
        </row>
        <row r="448">
          <cell r="E448" t="str">
            <v>1 LAP, delivered by site developer</v>
          </cell>
          <cell r="P448">
            <v>43494</v>
          </cell>
        </row>
        <row r="449">
          <cell r="E449" t="str">
            <v>Hectares of public parks and gardens</v>
          </cell>
          <cell r="P449">
            <v>89075.712000000014</v>
          </cell>
        </row>
        <row r="450">
          <cell r="E450" t="str">
            <v>Hectares of natural and semi natural greenspace</v>
          </cell>
          <cell r="P450">
            <v>63770.112000000001</v>
          </cell>
        </row>
        <row r="451">
          <cell r="E451" t="str">
            <v>Hectares of amenity space</v>
          </cell>
          <cell r="P451">
            <v>24293.376</v>
          </cell>
        </row>
        <row r="452">
          <cell r="E452" t="str">
            <v>Hectares of allotments required</v>
          </cell>
          <cell r="P452">
            <v>16013.7</v>
          </cell>
        </row>
        <row r="453">
          <cell r="E453" t="str">
            <v>1 LEAP, delivered by site developer</v>
          </cell>
          <cell r="P453">
            <v>105440</v>
          </cell>
        </row>
        <row r="454">
          <cell r="E454" t="str">
            <v>1 LAP, delivered by site developer</v>
          </cell>
          <cell r="P454">
            <v>43494</v>
          </cell>
        </row>
        <row r="455">
          <cell r="E455" t="str">
            <v>Hectares of public parks and gardens</v>
          </cell>
          <cell r="P455">
            <v>100210.17600000001</v>
          </cell>
        </row>
        <row r="456">
          <cell r="E456" t="str">
            <v>Hectares of natural and semi natural greenspace</v>
          </cell>
          <cell r="P456">
            <v>71741.375999999989</v>
          </cell>
        </row>
        <row r="457">
          <cell r="E457" t="str">
            <v>Hectares of amenity space</v>
          </cell>
          <cell r="P457">
            <v>27330.047999999999</v>
          </cell>
        </row>
        <row r="458">
          <cell r="E458" t="str">
            <v>Hectares of allotments required</v>
          </cell>
          <cell r="P458">
            <v>62275.5</v>
          </cell>
        </row>
        <row r="459">
          <cell r="E459" t="str">
            <v>1 MUGA, delivered by developer</v>
          </cell>
          <cell r="P459">
            <v>184520</v>
          </cell>
        </row>
        <row r="460">
          <cell r="E460" t="str">
            <v>1 LEAP, delivered by site developer</v>
          </cell>
          <cell r="P460">
            <v>105440</v>
          </cell>
        </row>
        <row r="461">
          <cell r="E461" t="str">
            <v>1 LAP, delivered by site developer</v>
          </cell>
          <cell r="P461">
            <v>43494</v>
          </cell>
        </row>
        <row r="462">
          <cell r="E462" t="str">
            <v>Hectares of public parks and gardens</v>
          </cell>
          <cell r="P462">
            <v>389706.24000000005</v>
          </cell>
        </row>
        <row r="463">
          <cell r="E463" t="str">
            <v>Hectares of natural and semi natural greenspace</v>
          </cell>
          <cell r="P463">
            <v>278994.24</v>
          </cell>
        </row>
        <row r="464">
          <cell r="E464" t="str">
            <v>Hectares of amenity space</v>
          </cell>
          <cell r="P464">
            <v>106283.52</v>
          </cell>
        </row>
        <row r="465">
          <cell r="E465" t="str">
            <v>Hectares of allotments required</v>
          </cell>
          <cell r="P465">
            <v>41635.620000000003</v>
          </cell>
        </row>
        <row r="466">
          <cell r="E466" t="str">
            <v>1 NEAP, delivered by developer</v>
          </cell>
          <cell r="P466">
            <v>217470</v>
          </cell>
        </row>
        <row r="467">
          <cell r="E467" t="str">
            <v>2 MUGAs, delivered by developer</v>
          </cell>
          <cell r="P467">
            <v>369040</v>
          </cell>
        </row>
        <row r="468">
          <cell r="E468" t="str">
            <v>1 LEAP, delivered by site developer</v>
          </cell>
          <cell r="P468">
            <v>105440</v>
          </cell>
        </row>
        <row r="469">
          <cell r="E469" t="str">
            <v>1 LAP, delivered by site developer</v>
          </cell>
          <cell r="P469">
            <v>43494</v>
          </cell>
        </row>
        <row r="470">
          <cell r="E470" t="str">
            <v>Hectares of public parks and gardens</v>
          </cell>
          <cell r="P470">
            <v>260546.45759999999</v>
          </cell>
        </row>
        <row r="471">
          <cell r="E471" t="str">
            <v>Hectares of natural and semi natural greenspace</v>
          </cell>
          <cell r="P471">
            <v>186527.57759999999</v>
          </cell>
        </row>
        <row r="472">
          <cell r="E472" t="str">
            <v>Hectares of amenity space</v>
          </cell>
          <cell r="P472">
            <v>71058.124799999991</v>
          </cell>
        </row>
        <row r="473">
          <cell r="E473" t="str">
            <v>Hectares of allotments required</v>
          </cell>
          <cell r="P473">
            <v>88965</v>
          </cell>
        </row>
        <row r="474">
          <cell r="E474" t="str">
            <v xml:space="preserve">1 NEAP, delivered by site developer including contribution </v>
          </cell>
          <cell r="P474">
            <v>108735</v>
          </cell>
        </row>
        <row r="475">
          <cell r="E475" t="str">
            <v xml:space="preserve">1 MUGA, delivered by site developer including contribution </v>
          </cell>
          <cell r="P475">
            <v>92260</v>
          </cell>
        </row>
        <row r="476">
          <cell r="E476" t="str">
            <v>1 LEAP, delivered by site developer</v>
          </cell>
          <cell r="P476">
            <v>105440</v>
          </cell>
        </row>
        <row r="477">
          <cell r="E477" t="str">
            <v>1 LAP, delivered by site developer</v>
          </cell>
          <cell r="P477">
            <v>43494</v>
          </cell>
        </row>
        <row r="478">
          <cell r="E478" t="str">
            <v>Hectares of public parks and gardens</v>
          </cell>
          <cell r="P478">
            <v>556723.19999999995</v>
          </cell>
        </row>
        <row r="479">
          <cell r="E479" t="str">
            <v>Hectares of natural and semi natural greenspace</v>
          </cell>
          <cell r="P479">
            <v>398563.2</v>
          </cell>
        </row>
        <row r="480">
          <cell r="E480" t="str">
            <v>Hectares of amenity space</v>
          </cell>
          <cell r="P480">
            <v>151833.60000000001</v>
          </cell>
        </row>
        <row r="481">
          <cell r="E481" t="str">
            <v>Hectares of allotments required</v>
          </cell>
          <cell r="P481">
            <v>41635.620000000003</v>
          </cell>
        </row>
        <row r="482">
          <cell r="E482" t="str">
            <v>1 MUGA, delivered by developer</v>
          </cell>
          <cell r="P482">
            <v>184520</v>
          </cell>
        </row>
        <row r="483">
          <cell r="E483" t="str">
            <v>1 LEAP, delivered by site developer</v>
          </cell>
          <cell r="P483">
            <v>105440</v>
          </cell>
        </row>
        <row r="484">
          <cell r="E484" t="str">
            <v>1 LAP, delivered by site developer</v>
          </cell>
          <cell r="P484">
            <v>43494</v>
          </cell>
        </row>
        <row r="485">
          <cell r="E485" t="str">
            <v>Hectares of public parks and gardens</v>
          </cell>
          <cell r="P485">
            <v>260546.45759999999</v>
          </cell>
        </row>
        <row r="486">
          <cell r="E486" t="str">
            <v>Hectares of natural and semi natural greenspace</v>
          </cell>
          <cell r="P486">
            <v>186527.57759999999</v>
          </cell>
        </row>
        <row r="487">
          <cell r="E487" t="str">
            <v>Hectares of amenity space</v>
          </cell>
          <cell r="P487">
            <v>71058.124799999991</v>
          </cell>
        </row>
        <row r="488">
          <cell r="E488" t="str">
            <v>Hectares of allotments required</v>
          </cell>
          <cell r="P488">
            <v>88965</v>
          </cell>
        </row>
        <row r="489">
          <cell r="E489" t="str">
            <v xml:space="preserve">Contribution towards off site NEAP </v>
          </cell>
          <cell r="P489">
            <v>108735</v>
          </cell>
        </row>
        <row r="490">
          <cell r="E490" t="str">
            <v xml:space="preserve">Contribution towards off site MUGA </v>
          </cell>
          <cell r="P490">
            <v>92260</v>
          </cell>
        </row>
        <row r="491">
          <cell r="E491" t="str">
            <v>1 LEAP, delivered by site developer</v>
          </cell>
          <cell r="P491">
            <v>105440</v>
          </cell>
        </row>
        <row r="492">
          <cell r="E492" t="str">
            <v>1 LAP, delivered by site developer</v>
          </cell>
          <cell r="P492">
            <v>43494</v>
          </cell>
        </row>
        <row r="493">
          <cell r="E493" t="str">
            <v>Off site Strategic SANG</v>
          </cell>
        </row>
        <row r="494">
          <cell r="E494" t="str">
            <v>Off site Strategic SANG</v>
          </cell>
        </row>
        <row r="495">
          <cell r="E495" t="str">
            <v>On-site Bespoke SANG</v>
          </cell>
        </row>
        <row r="496">
          <cell r="E496" t="str">
            <v>Strategic SANG in accordance with DBC allocations protocol or Third Party SANG</v>
          </cell>
        </row>
        <row r="497">
          <cell r="E497" t="str">
            <v>Off site Bespoke SANG</v>
          </cell>
        </row>
        <row r="498">
          <cell r="E498" t="str">
            <v>Off site Gateway/Third Party SANG</v>
          </cell>
        </row>
        <row r="499">
          <cell r="E499" t="str">
            <v>Off site Gateway/Third Party SANG</v>
          </cell>
        </row>
        <row r="500">
          <cell r="E500" t="str">
            <v>Strategic SANG in accordance with DBC allocations protocol or Third Party SANG</v>
          </cell>
        </row>
        <row r="501">
          <cell r="E501" t="str">
            <v>Strategic SANG in accordance with DBC allocations protocol or Third Party SANG</v>
          </cell>
        </row>
        <row r="502">
          <cell r="E502" t="str">
            <v>Strategic SANG in accordance with DBC allocations protocol or Third Party SANG</v>
          </cell>
        </row>
        <row r="503">
          <cell r="E503" t="str">
            <v>Strategic SANG in accordance with DBC allocations protocol or Third Party SANG</v>
          </cell>
        </row>
        <row r="504">
          <cell r="E504" t="str">
            <v>Strategic SANG in accordance with DBC allocations protocol or Third Party SANG</v>
          </cell>
        </row>
        <row r="505">
          <cell r="E505" t="str">
            <v>Cross Boundary Bespoke SANG with Central Bedfordshire</v>
          </cell>
        </row>
        <row r="506">
          <cell r="E506" t="str">
            <v>Hectares of public parks and gardens</v>
          </cell>
          <cell r="P506">
            <v>556723.19999999995</v>
          </cell>
        </row>
        <row r="507">
          <cell r="E507" t="str">
            <v>Hectares of natural and semi natural greenspace</v>
          </cell>
          <cell r="P507">
            <v>398563.2</v>
          </cell>
        </row>
        <row r="508">
          <cell r="E508" t="str">
            <v>Hectares of amenity space</v>
          </cell>
          <cell r="P508">
            <v>151833.60000000001</v>
          </cell>
        </row>
        <row r="509">
          <cell r="E509" t="str">
            <v>Hectares of allotments required</v>
          </cell>
          <cell r="P509">
            <v>85406.399999999994</v>
          </cell>
        </row>
        <row r="510">
          <cell r="E510" t="str">
            <v xml:space="preserve">Contribution towards off site MUGA </v>
          </cell>
          <cell r="P510">
            <v>101804.13793103448</v>
          </cell>
        </row>
        <row r="511">
          <cell r="E511" t="str">
            <v>Contrbution towards LEAP</v>
          </cell>
          <cell r="P511">
            <v>58173.793103448275</v>
          </cell>
        </row>
        <row r="512">
          <cell r="E512" t="str">
            <v>1 LAP, delivered by site developer</v>
          </cell>
          <cell r="P512">
            <v>43494</v>
          </cell>
        </row>
        <row r="513">
          <cell r="E513" t="str">
            <v>Hectares of public parks and gardens</v>
          </cell>
          <cell r="P513">
            <v>534454.272</v>
          </cell>
        </row>
        <row r="514">
          <cell r="E514" t="str">
            <v>Hectares of natural and semi natural greenspace</v>
          </cell>
          <cell r="P514">
            <v>382620.67199999996</v>
          </cell>
        </row>
        <row r="515">
          <cell r="E515" t="str">
            <v>Hectares of amenity space</v>
          </cell>
          <cell r="P515">
            <v>145760.25599999999</v>
          </cell>
        </row>
        <row r="516">
          <cell r="E516" t="str">
            <v>Hectares of allotments required</v>
          </cell>
          <cell r="P516">
            <v>69392.7</v>
          </cell>
        </row>
        <row r="517">
          <cell r="E517" t="str">
            <v>1 MUGA, delivered by developer</v>
          </cell>
          <cell r="P517">
            <v>82715.862068965522</v>
          </cell>
        </row>
        <row r="518">
          <cell r="E518" t="str">
            <v xml:space="preserve">Contrbution towards off-site LEAP </v>
          </cell>
          <cell r="P518">
            <v>47266.206896551725</v>
          </cell>
        </row>
        <row r="519">
          <cell r="E519" t="str">
            <v>1 LAP, delivered by site developer</v>
          </cell>
          <cell r="P519">
            <v>43494</v>
          </cell>
        </row>
        <row r="520">
          <cell r="E520" t="str">
            <v>Hectares of public parks and gardens</v>
          </cell>
          <cell r="P520">
            <v>434244.09600000008</v>
          </cell>
        </row>
        <row r="521">
          <cell r="E521" t="str">
            <v>Hectares of natural and semi natural greenspace</v>
          </cell>
          <cell r="P521">
            <v>310879.29600000003</v>
          </cell>
        </row>
        <row r="522">
          <cell r="E522" t="str">
            <v>Hectares of amenity space</v>
          </cell>
          <cell r="P522">
            <v>118430.208</v>
          </cell>
        </row>
        <row r="523">
          <cell r="E523" t="str">
            <v>Hectares of allotments required</v>
          </cell>
          <cell r="P523">
            <v>17793</v>
          </cell>
        </row>
        <row r="524">
          <cell r="E524" t="str">
            <v xml:space="preserve">Provision of SAMMS </v>
          </cell>
          <cell r="P524">
            <v>228470</v>
          </cell>
        </row>
        <row r="525">
          <cell r="E525" t="str">
            <v xml:space="preserve">Provision of SAMMS </v>
          </cell>
          <cell r="P525">
            <v>365552</v>
          </cell>
        </row>
        <row r="526">
          <cell r="E526" t="str">
            <v xml:space="preserve">Provision of SAMMS </v>
          </cell>
          <cell r="P526">
            <v>1279432</v>
          </cell>
        </row>
        <row r="527">
          <cell r="E527" t="str">
            <v xml:space="preserve">Provision of SAMMS </v>
          </cell>
          <cell r="P527">
            <v>183690</v>
          </cell>
        </row>
        <row r="528">
          <cell r="E528" t="str">
            <v xml:space="preserve">Provision of SAMMS </v>
          </cell>
          <cell r="P528">
            <v>707831</v>
          </cell>
        </row>
        <row r="529">
          <cell r="E529" t="str">
            <v xml:space="preserve">Provision of SAMMS </v>
          </cell>
          <cell r="P529">
            <v>91333</v>
          </cell>
        </row>
        <row r="530">
          <cell r="E530" t="str">
            <v xml:space="preserve">Provision of SAMMS </v>
          </cell>
          <cell r="P530">
            <v>91333</v>
          </cell>
        </row>
        <row r="531">
          <cell r="E531" t="str">
            <v xml:space="preserve">Provision of SAMMS </v>
          </cell>
          <cell r="P531">
            <v>275825.65999999997</v>
          </cell>
        </row>
        <row r="532">
          <cell r="E532" t="str">
            <v xml:space="preserve">Provision of SAMMS </v>
          </cell>
          <cell r="P532">
            <v>28330</v>
          </cell>
        </row>
        <row r="533">
          <cell r="E533" t="str">
            <v xml:space="preserve">Provision of SAMMS </v>
          </cell>
          <cell r="P533">
            <v>198312</v>
          </cell>
        </row>
        <row r="534">
          <cell r="E534" t="str">
            <v xml:space="preserve">Provision of SAMMS </v>
          </cell>
          <cell r="P534">
            <v>61230</v>
          </cell>
        </row>
        <row r="535">
          <cell r="E535" t="str">
            <v xml:space="preserve">Provision of SAMMS </v>
          </cell>
          <cell r="P535">
            <v>28330</v>
          </cell>
        </row>
        <row r="536">
          <cell r="E536" t="str">
            <v xml:space="preserve">Provision of SAMMS </v>
          </cell>
          <cell r="P536">
            <v>137082</v>
          </cell>
        </row>
        <row r="537">
          <cell r="E537" t="str">
            <v>1 LEAP, delivered by site developer</v>
          </cell>
          <cell r="P537">
            <v>105440</v>
          </cell>
        </row>
        <row r="538">
          <cell r="E538" t="str">
            <v>1 LAP, delivered by site developer</v>
          </cell>
          <cell r="P538">
            <v>43494</v>
          </cell>
        </row>
        <row r="539">
          <cell r="E539" t="str">
            <v>Number of public parks and gardens</v>
          </cell>
          <cell r="P539">
            <v>111344.64</v>
          </cell>
        </row>
        <row r="540">
          <cell r="E540" t="str">
            <v>Hectares of natural and semi natural greenspace</v>
          </cell>
          <cell r="P540">
            <v>79712.639999999999</v>
          </cell>
        </row>
        <row r="541">
          <cell r="E541" t="str">
            <v>Hectares of amenity space</v>
          </cell>
          <cell r="P541">
            <v>30366.719999999998</v>
          </cell>
        </row>
        <row r="542">
          <cell r="E542" t="str">
            <v>Hectares of allotments required</v>
          </cell>
          <cell r="P542">
            <v>53379</v>
          </cell>
        </row>
        <row r="543">
          <cell r="E543" t="str">
            <v xml:space="preserve">Contrbution towards off-site MUGA </v>
          </cell>
          <cell r="P543">
            <v>42581.538461538461</v>
          </cell>
        </row>
        <row r="544">
          <cell r="E544" t="str">
            <v>1 LEAP, delivered by site developer</v>
          </cell>
          <cell r="P544">
            <v>105440</v>
          </cell>
        </row>
        <row r="545">
          <cell r="E545" t="str">
            <v>1 LAP, delivered by site developer</v>
          </cell>
          <cell r="P545">
            <v>43494</v>
          </cell>
        </row>
        <row r="546">
          <cell r="E546" t="str">
            <v>Number of public parks and gardens</v>
          </cell>
          <cell r="P546">
            <v>334033.91999999998</v>
          </cell>
        </row>
        <row r="547">
          <cell r="E547" t="str">
            <v>Hectares of natural and semi natural greenspace</v>
          </cell>
          <cell r="P547">
            <v>239137.92000000001</v>
          </cell>
        </row>
        <row r="548">
          <cell r="E548" t="str">
            <v>Hectares of amenity space</v>
          </cell>
          <cell r="P548">
            <v>91100.160000000003</v>
          </cell>
        </row>
        <row r="549">
          <cell r="E549" t="str">
            <v>Hectares of allotments required</v>
          </cell>
          <cell r="P549">
            <v>35586</v>
          </cell>
        </row>
        <row r="550">
          <cell r="E550" t="str">
            <v xml:space="preserve">Contrbution towards off-site MUGA </v>
          </cell>
          <cell r="P550">
            <v>28387.692307692309</v>
          </cell>
        </row>
        <row r="551">
          <cell r="E551" t="str">
            <v>1 LEAP, delivered by site developer</v>
          </cell>
          <cell r="P551">
            <v>105440</v>
          </cell>
        </row>
        <row r="552">
          <cell r="E552" t="str">
            <v>1 LAP, delivered by site developer</v>
          </cell>
          <cell r="P552">
            <v>43494</v>
          </cell>
        </row>
        <row r="553">
          <cell r="E553" t="str">
            <v>Hectares of public parks and gardens</v>
          </cell>
          <cell r="P553">
            <v>222689.28</v>
          </cell>
        </row>
        <row r="554">
          <cell r="E554" t="str">
            <v>Minor junction enhancement at the junction of Durrants Lane and Shootersway</v>
          </cell>
          <cell r="P554">
            <v>92540</v>
          </cell>
        </row>
        <row r="555">
          <cell r="E555" t="str">
            <v>Shootersway Corridor Intervention</v>
          </cell>
          <cell r="P555">
            <v>157995</v>
          </cell>
        </row>
        <row r="556">
          <cell r="E556" t="str">
            <v>Durrants Lane Corridor Intervention</v>
          </cell>
          <cell r="P556">
            <v>100315</v>
          </cell>
        </row>
        <row r="557">
          <cell r="E557" t="str">
            <v>Major junction enhancement at the Durrants Lane, Durrants Road and Westfield Road roundabout</v>
          </cell>
          <cell r="P557">
            <v>1416942</v>
          </cell>
        </row>
        <row r="558">
          <cell r="E558" t="str">
            <v>Minor junction enhancement at the junction of Queen's Road and Shrublands Road</v>
          </cell>
          <cell r="P558">
            <v>290661</v>
          </cell>
        </row>
        <row r="559">
          <cell r="E559" t="str">
            <v>Minor junction enhancement at the junction of Shrublands Avenue and Shrublands Road</v>
          </cell>
          <cell r="P559">
            <v>163011</v>
          </cell>
        </row>
        <row r="560">
          <cell r="E560" t="str">
            <v>Minor junction enhancement at junction of Cross Oak Road and Shrublands Road</v>
          </cell>
          <cell r="P560">
            <v>112854</v>
          </cell>
        </row>
        <row r="561">
          <cell r="E561" t="str">
            <v>Minor junction enhancement at junction of Kitsbury Road and Charles Street</v>
          </cell>
          <cell r="P561">
            <v>56427</v>
          </cell>
        </row>
        <row r="562">
          <cell r="E562" t="str">
            <v>Minor junction enhancement at junction of Boxwell Road and Charles Street</v>
          </cell>
          <cell r="P562">
            <v>75236</v>
          </cell>
        </row>
        <row r="563">
          <cell r="E563" t="str">
            <v>Minor junction enhancement at junction of Park View Road and Charles Street</v>
          </cell>
          <cell r="P563">
            <v>43888</v>
          </cell>
        </row>
        <row r="564">
          <cell r="E564" t="str">
            <v>Minor junction enhancement at the junction of Charles Street and A416</v>
          </cell>
          <cell r="P564">
            <v>131663</v>
          </cell>
        </row>
        <row r="565">
          <cell r="E565" t="str">
            <v>Provide Pedestrian Crossing facilities on Greenway, Berkhamsted</v>
          </cell>
        </row>
        <row r="566">
          <cell r="E566" t="str">
            <v>Standalone road crossing on the A4521 between Queens Road and Stag Lane</v>
          </cell>
          <cell r="P566">
            <v>401258</v>
          </cell>
        </row>
        <row r="567">
          <cell r="E567" t="str">
            <v>Minor junction enhancement at junction of Cross Oak Road and A4251</v>
          </cell>
          <cell r="P567">
            <v>75236</v>
          </cell>
        </row>
        <row r="568">
          <cell r="E568" t="str">
            <v>Minor junction enhancement at junction of Kitsbury Road and A4251</v>
          </cell>
          <cell r="P568">
            <v>25079</v>
          </cell>
        </row>
        <row r="569">
          <cell r="E569" t="str">
            <v>Minor junction enhancement at junction of St John's Well Lane and A4251</v>
          </cell>
          <cell r="P569">
            <v>125393</v>
          </cell>
        </row>
        <row r="570">
          <cell r="E570" t="str">
            <v>Minor junction enhancement at junction of Boxwell Road and A4251</v>
          </cell>
          <cell r="P570">
            <v>31348</v>
          </cell>
        </row>
        <row r="571">
          <cell r="E571" t="str">
            <v>Minor junction enhancement at junction of Park View Road and A4251</v>
          </cell>
          <cell r="P571">
            <v>31348</v>
          </cell>
        </row>
        <row r="572">
          <cell r="E572" t="str">
            <v>Minor junction enhancement at junction of A4251 and Three Close Lane</v>
          </cell>
          <cell r="P572">
            <v>25079</v>
          </cell>
        </row>
        <row r="573">
          <cell r="E573" t="str">
            <v>Minor junction enhancement at A4251 and Victoria Street roundabout</v>
          </cell>
          <cell r="P573">
            <v>25079</v>
          </cell>
        </row>
        <row r="574">
          <cell r="E574" t="str">
            <v>Major junction enhancement at the junction of A4241, A416 and Lower Kings Road – ‘B-Hive’ improvements</v>
          </cell>
          <cell r="P574">
            <v>238247</v>
          </cell>
        </row>
        <row r="575">
          <cell r="E575" t="str">
            <v>Major junction enhancement at the junction of A4241, A416 and Lower Kings Road - alternative ‘lighter touch’ version of Bi27 including removal of some road space to widen footways on junction corners</v>
          </cell>
          <cell r="P575">
            <v>238247</v>
          </cell>
        </row>
        <row r="576">
          <cell r="E576" t="str">
            <v>Major junction enhancement at junction of Lower Kings Road and Brownlow Road (nr Berkhamsted Station)</v>
          </cell>
          <cell r="P576">
            <v>125393</v>
          </cell>
        </row>
        <row r="577">
          <cell r="E577" t="str">
            <v>Crossing enhancements at Brownlow Road and Bridgewater Road Roundabout</v>
          </cell>
          <cell r="P577">
            <v>75236</v>
          </cell>
        </row>
        <row r="578">
          <cell r="E578" t="str">
            <v>Cycle Parking at Berkhamsted Station</v>
          </cell>
          <cell r="P578">
            <v>224454</v>
          </cell>
        </row>
        <row r="579">
          <cell r="E579" t="str">
            <v>Minor junction enhancement at junction of Castle Street and Chapel Street</v>
          </cell>
          <cell r="P579">
            <v>175550</v>
          </cell>
        </row>
        <row r="580">
          <cell r="E580" t="str">
            <v>Minor junction enhancement at junction of Chapel Street and Ravens Lane</v>
          </cell>
          <cell r="P580">
            <v>75236</v>
          </cell>
        </row>
        <row r="581">
          <cell r="E581" t="str">
            <v>20mph zone bounded by A4251 N, Mill Street Castle Street, Station Road, Ellesmere Road, Bank Mill Lane</v>
          </cell>
        </row>
        <row r="582">
          <cell r="E582" t="str">
            <v>20mph zone along a short section of A4251 and Lower Kings Road</v>
          </cell>
          <cell r="P582">
            <v>175550</v>
          </cell>
        </row>
        <row r="583">
          <cell r="E583" t="str">
            <v>Minor junction enhancement at Shootersway and Cross Oak Road roundabout</v>
          </cell>
          <cell r="P583">
            <v>37618</v>
          </cell>
        </row>
        <row r="584">
          <cell r="E584" t="str">
            <v>Minor junction enhancement at Chesham Road</v>
          </cell>
          <cell r="P584">
            <v>56427</v>
          </cell>
        </row>
        <row r="585">
          <cell r="E585" t="str">
            <v>Footway/Cycleway route improvement between Shootersway/Cross Oak Road and Chesham Road/Ashlyns Grove</v>
          </cell>
          <cell r="P585">
            <v>639505</v>
          </cell>
        </row>
        <row r="586">
          <cell r="E586" t="str">
            <v>Standalone crossings on Shootersway near South of Berkhamsted (2-4) development</v>
          </cell>
          <cell r="P586">
            <v>150472</v>
          </cell>
        </row>
        <row r="587">
          <cell r="E587" t="str">
            <v>Minor junction enhancement at junction of Swing Gate Lane and Upper Hall Park</v>
          </cell>
          <cell r="P587">
            <v>31348</v>
          </cell>
        </row>
        <row r="588">
          <cell r="E588" t="str">
            <v>Minor junction enhancement at junction of Swing Gate Lane and Hillside Gardens</v>
          </cell>
          <cell r="P588">
            <v>238247</v>
          </cell>
        </row>
        <row r="589">
          <cell r="E589" t="str">
            <v>Minor junction enhancement at junction of Swing Gate Lane and Woodlands Avenue</v>
          </cell>
          <cell r="P589">
            <v>222573</v>
          </cell>
        </row>
        <row r="590">
          <cell r="E590" t="str">
            <v>Standalone road crossing on A4251 outside Swing Gate School</v>
          </cell>
          <cell r="P590">
            <v>150472</v>
          </cell>
        </row>
        <row r="591">
          <cell r="E591" t="str">
            <v>New 20mph speed limit area covering southern Berkhamsted residential area</v>
          </cell>
          <cell r="P591">
            <v>62697</v>
          </cell>
        </row>
        <row r="592">
          <cell r="E592" t="str">
            <v>30mph speed limit along London Road between Broadway Farm and Esso Fuel Garage (reduced from 40mph)</v>
          </cell>
          <cell r="P592">
            <v>966240</v>
          </cell>
        </row>
        <row r="593">
          <cell r="E593" t="str">
            <v>Minor junction enhancement at the junction of Billet Lane and Billet Lane industrial estate</v>
          </cell>
          <cell r="P593">
            <v>51160</v>
          </cell>
        </row>
        <row r="594">
          <cell r="E594" t="str">
            <v>Improve operation of Billet Lane corridor between Gossoms End and Bridgewater Road</v>
          </cell>
        </row>
        <row r="595">
          <cell r="E595" t="str">
            <v>Footway and bus improvements to New Road near entrance to proposed Lock Field development</v>
          </cell>
          <cell r="P595">
            <v>130113</v>
          </cell>
        </row>
        <row r="596">
          <cell r="E596" t="str">
            <v>Footway/cycleway route improvement along Icknield Way between the A41 roundabout and Icknield Way Industrial Estate</v>
          </cell>
          <cell r="P596">
            <v>412543</v>
          </cell>
        </row>
        <row r="597">
          <cell r="E597" t="str">
            <v>Footway/cycleway route improvement along Aylesbury Road between the A41 roundabout and Donkey Lane</v>
          </cell>
          <cell r="P597">
            <v>435114</v>
          </cell>
        </row>
        <row r="598">
          <cell r="E598" t="str">
            <v>Improvements to existing footway alongside Icknield Way between Miswell Lane and Icknield Way industrial estate</v>
          </cell>
          <cell r="P598">
            <v>198924</v>
          </cell>
        </row>
        <row r="599">
          <cell r="E599" t="str">
            <v>West Tring Development Corridor Intervention - Icknield Way</v>
          </cell>
          <cell r="P599">
            <v>248278</v>
          </cell>
        </row>
        <row r="600">
          <cell r="E600" t="str">
            <v>Standalone crossing on Western Road (B4635) near Park Road junction</v>
          </cell>
          <cell r="P600">
            <v>37618</v>
          </cell>
        </row>
        <row r="601">
          <cell r="E601" t="str">
            <v>Standalone crossing on Western Road (B4635) near Miswell Lane junction</v>
          </cell>
          <cell r="P601">
            <v>37618</v>
          </cell>
        </row>
        <row r="602">
          <cell r="E602" t="str">
            <v>Minor junction enhancement at the junction of Miswell Lane and Goldfield Road</v>
          </cell>
          <cell r="P602">
            <v>62697</v>
          </cell>
        </row>
        <row r="603">
          <cell r="E603" t="str">
            <v>Major junction enhancement at the Western Road, Christchurch Road, High Street and Langdon Street roundabout</v>
          </cell>
          <cell r="P603">
            <v>75236</v>
          </cell>
        </row>
        <row r="604">
          <cell r="E604" t="str">
            <v>Standalone crossing between Station Road/London Road T junction and the Brook Street/High Street/London Road mini roundabout</v>
          </cell>
          <cell r="P604">
            <v>150472</v>
          </cell>
        </row>
        <row r="605">
          <cell r="E605" t="str">
            <v>Minor junction enhancement at the junction of Christchurch Road and Goldfield Road</v>
          </cell>
          <cell r="P605">
            <v>25079</v>
          </cell>
        </row>
        <row r="606">
          <cell r="E606" t="str">
            <v>Minor junction enhancement at the junction of Christchurch Road and Friars Walk</v>
          </cell>
          <cell r="P606">
            <v>56427</v>
          </cell>
        </row>
        <row r="607">
          <cell r="E607" t="str">
            <v>Minor junction enhancement at the Frogmore Street/Dundale Road and Friars Walk</v>
          </cell>
          <cell r="P607">
            <v>106584</v>
          </cell>
        </row>
        <row r="608">
          <cell r="E608" t="str">
            <v>Provide improved Pedestrian Crossing facilities on Frogmore Street Tring</v>
          </cell>
        </row>
        <row r="609">
          <cell r="E609" t="str">
            <v>New cycle route between Dundale Road and Little Tring Road</v>
          </cell>
          <cell r="P609">
            <v>99688</v>
          </cell>
        </row>
        <row r="610">
          <cell r="E610" t="str">
            <v>Minor junction enhancement at the junction between Icknield Way and Dundale Road/Little Tring Road - informal crossing including dropped kerbs (some existing provision)</v>
          </cell>
          <cell r="P610">
            <v>25079</v>
          </cell>
        </row>
        <row r="611">
          <cell r="E611" t="str">
            <v>Standalone crossing outside Tesco Superstore in Tring</v>
          </cell>
          <cell r="P611">
            <v>75236</v>
          </cell>
        </row>
        <row r="612">
          <cell r="E612" t="str">
            <v>Footway/cycleway route improvement along the A4251 between Tesco Superstore and London Road/Cow Lane junction</v>
          </cell>
          <cell r="P612">
            <v>952988</v>
          </cell>
        </row>
        <row r="613">
          <cell r="E613" t="str">
            <v>New cycle route along the A4251 between London Road/Cow Lane junction to Newground Road/Beggars Lane</v>
          </cell>
          <cell r="P613">
            <v>50157</v>
          </cell>
        </row>
        <row r="614">
          <cell r="E614" t="str">
            <v>Minor junction enhancements at Cow Lane/London Road junction</v>
          </cell>
          <cell r="P614">
            <v>25079</v>
          </cell>
        </row>
        <row r="615">
          <cell r="E615" t="str">
            <v>New cycle route between Mortimer Hill and Station Road</v>
          </cell>
          <cell r="P615">
            <v>144453</v>
          </cell>
        </row>
        <row r="616">
          <cell r="E616" t="str">
            <v>Minor junction enhancement at the junction of Station Road and Bridge Way</v>
          </cell>
          <cell r="P616">
            <v>50157</v>
          </cell>
        </row>
        <row r="617">
          <cell r="E617" t="str">
            <v>New cycle route alongside Station Road (within East of Tring 2 development) between Grove Road junction and the Grand Union Canal</v>
          </cell>
          <cell r="P617">
            <v>12539</v>
          </cell>
        </row>
        <row r="618">
          <cell r="E618" t="str">
            <v>Crossing and footway enhancements adjacent to Tring station forecourt</v>
          </cell>
          <cell r="P618">
            <v>75236</v>
          </cell>
        </row>
        <row r="619">
          <cell r="E619" t="str">
            <v>Enhancements to Tring Railway Station</v>
          </cell>
        </row>
        <row r="620">
          <cell r="E620" t="str">
            <v>Minor junction enhancement at the junction of Miswell Lane and Beaconsfield Road</v>
          </cell>
          <cell r="P620">
            <v>25079</v>
          </cell>
        </row>
        <row r="621">
          <cell r="E621" t="str">
            <v>Minor junction enhancement at the junction of Miswell Lane and Highfield Road</v>
          </cell>
          <cell r="P621">
            <v>25079</v>
          </cell>
        </row>
        <row r="622">
          <cell r="E622" t="str">
            <v>Minor junction enhancement at the junction of Miswell Lane and B4635</v>
          </cell>
          <cell r="P622">
            <v>25079</v>
          </cell>
        </row>
        <row r="623">
          <cell r="E623" t="str">
            <v>Minor junction enhancement at the junction of Grove Road and Marshcroft Lane</v>
          </cell>
          <cell r="P623">
            <v>31348</v>
          </cell>
        </row>
        <row r="624">
          <cell r="E624" t="str">
            <v>Minor junction enhancement at the crossroads of Station Road, Grove Road and Cow Lane</v>
          </cell>
          <cell r="P624">
            <v>75236</v>
          </cell>
        </row>
        <row r="625">
          <cell r="E625" t="str">
            <v>Grove Road Corridor Intervention</v>
          </cell>
          <cell r="P625">
            <v>108841</v>
          </cell>
        </row>
        <row r="626">
          <cell r="E626" t="str">
            <v>Standalone crossing on Brook Street near Hunters Close</v>
          </cell>
          <cell r="P626">
            <v>37618</v>
          </cell>
        </row>
        <row r="627">
          <cell r="E627" t="str">
            <v>20mph speed limit in north Tring, along New Road and on Morefields/Fields End</v>
          </cell>
          <cell r="P627">
            <v>125393</v>
          </cell>
        </row>
        <row r="628">
          <cell r="E628" t="str">
            <v>20mph speed limit area in central and western Tring</v>
          </cell>
        </row>
        <row r="629">
          <cell r="E629" t="str">
            <v>20mph speed limit in north-east Tring, east of Dundale Road to Brook Street in the west, bounded just inside Icknield Way in the north and High Street in the south.</v>
          </cell>
          <cell r="P629">
            <v>18809</v>
          </cell>
        </row>
        <row r="630">
          <cell r="E630" t="str">
            <v>Active Mode connection to Wilstone</v>
          </cell>
          <cell r="P630">
            <v>100816</v>
          </cell>
        </row>
        <row r="631">
          <cell r="E631" t="str">
            <v>Segregated cycle/footway along A4251 from Tring to Northchurch along existing neglected footway</v>
          </cell>
          <cell r="P631">
            <v>1095936</v>
          </cell>
        </row>
        <row r="632">
          <cell r="E632" t="str">
            <v>Cycle route from Tring Station to Pitstone</v>
          </cell>
        </row>
        <row r="633">
          <cell r="E633" t="str">
            <v>Hectares of natural and semi natural greenspace</v>
          </cell>
          <cell r="P633">
            <v>159425.28</v>
          </cell>
        </row>
        <row r="634">
          <cell r="E634" t="str">
            <v>Hectares of amenity space</v>
          </cell>
          <cell r="P634">
            <v>60733.439999999995</v>
          </cell>
        </row>
        <row r="635">
          <cell r="E635" t="str">
            <v>Hectares of allotments required</v>
          </cell>
          <cell r="P635">
            <v>62275.5</v>
          </cell>
        </row>
        <row r="636">
          <cell r="E636" t="str">
            <v xml:space="preserve">Contrbution towards off-site MUGA </v>
          </cell>
          <cell r="P636">
            <v>49678.461538461539</v>
          </cell>
        </row>
        <row r="637">
          <cell r="E637" t="str">
            <v>1 LEAP, delivered by site developer</v>
          </cell>
          <cell r="P637">
            <v>105440</v>
          </cell>
        </row>
        <row r="638">
          <cell r="E638" t="str">
            <v>1 LAP, delivered by site developer</v>
          </cell>
          <cell r="P638">
            <v>43494</v>
          </cell>
        </row>
        <row r="639">
          <cell r="E639" t="str">
            <v>Hectares of public parks and gardens</v>
          </cell>
          <cell r="P639">
            <v>389706.24000000005</v>
          </cell>
        </row>
        <row r="640">
          <cell r="E640" t="str">
            <v>Hectares of natural and semi natural greenspace</v>
          </cell>
          <cell r="P640">
            <v>278994.24</v>
          </cell>
        </row>
        <row r="641">
          <cell r="E641" t="str">
            <v>Hectares of amenity space</v>
          </cell>
          <cell r="P641">
            <v>106283.52</v>
          </cell>
        </row>
        <row r="642">
          <cell r="E642" t="str">
            <v>Hectares of allotments required</v>
          </cell>
          <cell r="P642">
            <v>80068.5</v>
          </cell>
        </row>
        <row r="643">
          <cell r="E643" t="str">
            <v>1 MUGA, delivered by developer</v>
          </cell>
          <cell r="P643">
            <v>63872.307692307688</v>
          </cell>
        </row>
        <row r="644">
          <cell r="E644" t="str">
            <v>1 LEAP, delivered by site developer</v>
          </cell>
          <cell r="P644">
            <v>105440</v>
          </cell>
        </row>
        <row r="645">
          <cell r="E645" t="str">
            <v>1 LAP, delivered by site developer</v>
          </cell>
          <cell r="P645">
            <v>43494</v>
          </cell>
        </row>
        <row r="646">
          <cell r="E646" t="str">
            <v>Hectares of public parks and gardens</v>
          </cell>
          <cell r="P646">
            <v>501050.88000000006</v>
          </cell>
        </row>
        <row r="647">
          <cell r="E647" t="str">
            <v>Hectares of natural and semi natural greenspace</v>
          </cell>
          <cell r="P647">
            <v>358706.88</v>
          </cell>
        </row>
        <row r="648">
          <cell r="E648" t="str">
            <v>Hectares of amenity space</v>
          </cell>
          <cell r="P648">
            <v>136650.23999999999</v>
          </cell>
        </row>
        <row r="649">
          <cell r="E649" t="str">
            <v>Hectares of allotments required</v>
          </cell>
          <cell r="P649">
            <v>266895</v>
          </cell>
        </row>
        <row r="650">
          <cell r="E650" t="str">
            <v>2 NEAP's, delivered by developers</v>
          </cell>
          <cell r="P650">
            <v>434940</v>
          </cell>
        </row>
        <row r="651">
          <cell r="E651" t="str">
            <v>3 MUGAs, delivered by developers</v>
          </cell>
          <cell r="P651">
            <v>553560</v>
          </cell>
        </row>
        <row r="652">
          <cell r="E652" t="str">
            <v>1 LAP, delivered by site developer</v>
          </cell>
          <cell r="P652">
            <v>105440</v>
          </cell>
        </row>
        <row r="653">
          <cell r="E653" t="str">
            <v>1 LAP, delivered by site developer</v>
          </cell>
          <cell r="P653">
            <v>43494</v>
          </cell>
        </row>
        <row r="654">
          <cell r="E654" t="str">
            <v>Hectares of public parks and gardens</v>
          </cell>
          <cell r="P654">
            <v>1670169.6000000001</v>
          </cell>
        </row>
        <row r="655">
          <cell r="E655" t="str">
            <v>Hectares of natural and semi natural greenspace</v>
          </cell>
          <cell r="P655">
            <v>1195689.6000000001</v>
          </cell>
        </row>
        <row r="656">
          <cell r="E656" t="str">
            <v>Hectares of amenity space</v>
          </cell>
          <cell r="P656">
            <v>455500.80000000005</v>
          </cell>
        </row>
        <row r="657">
          <cell r="E657" t="str">
            <v>Number of Sports Halls</v>
          </cell>
          <cell r="P657">
            <v>101705</v>
          </cell>
        </row>
        <row r="658">
          <cell r="E658" t="str">
            <v>Number of Sports Halls</v>
          </cell>
          <cell r="P658">
            <v>40682</v>
          </cell>
        </row>
        <row r="659">
          <cell r="E659" t="str">
            <v>Number of Sports Halls</v>
          </cell>
          <cell r="P659">
            <v>45767</v>
          </cell>
        </row>
        <row r="660">
          <cell r="E660" t="str">
            <v>Number of Sports Halls</v>
          </cell>
          <cell r="P660">
            <v>177984</v>
          </cell>
        </row>
        <row r="661">
          <cell r="E661" t="str">
            <v>Number of Sports Halls</v>
          </cell>
          <cell r="P661">
            <v>381394</v>
          </cell>
        </row>
        <row r="662">
          <cell r="E662" t="str">
            <v>Number of Sports Halls</v>
          </cell>
          <cell r="P662">
            <v>254263</v>
          </cell>
        </row>
        <row r="663">
          <cell r="E663" t="str">
            <v>Number of Sports Halls</v>
          </cell>
          <cell r="P663">
            <v>119080</v>
          </cell>
        </row>
        <row r="664">
          <cell r="E664" t="str">
            <v>Number of Sports Halls</v>
          </cell>
          <cell r="P664">
            <v>254263</v>
          </cell>
        </row>
        <row r="665">
          <cell r="E665" t="str">
            <v>Number of Sports Halls</v>
          </cell>
          <cell r="P665">
            <v>244092</v>
          </cell>
        </row>
        <row r="666">
          <cell r="E666" t="str">
            <v>Number of Sports Halls</v>
          </cell>
          <cell r="P666">
            <v>198325</v>
          </cell>
        </row>
        <row r="667">
          <cell r="E667" t="str">
            <v>Number of Sports Halls</v>
          </cell>
          <cell r="P667">
            <v>50853</v>
          </cell>
        </row>
        <row r="668">
          <cell r="E668" t="str">
            <v>Number of Sports Halls</v>
          </cell>
          <cell r="P668">
            <v>152558</v>
          </cell>
        </row>
        <row r="669">
          <cell r="E669" t="str">
            <v>Number of Sports Halls</v>
          </cell>
          <cell r="P669">
            <v>101705</v>
          </cell>
        </row>
        <row r="670">
          <cell r="E670" t="str">
            <v>Number of Sports Halls</v>
          </cell>
          <cell r="P670">
            <v>177984</v>
          </cell>
        </row>
        <row r="671">
          <cell r="E671" t="str">
            <v>Number of Sports Halls</v>
          </cell>
          <cell r="P671">
            <v>228836</v>
          </cell>
        </row>
        <row r="672">
          <cell r="E672" t="str">
            <v>Number of Sports Halls</v>
          </cell>
          <cell r="P672">
            <v>762788</v>
          </cell>
        </row>
        <row r="673">
          <cell r="E673" t="str">
            <v>Number of Sports Halls</v>
          </cell>
          <cell r="P673">
            <v>1212833</v>
          </cell>
        </row>
        <row r="674">
          <cell r="E674" t="str">
            <v>Number of Sports Halls</v>
          </cell>
          <cell r="P674">
            <v>195147</v>
          </cell>
        </row>
        <row r="675">
          <cell r="E675" t="str">
            <v>Number of swimming pools</v>
          </cell>
          <cell r="P675">
            <v>112770</v>
          </cell>
        </row>
        <row r="676">
          <cell r="E676" t="str">
            <v>Number of swimming pools</v>
          </cell>
          <cell r="P676">
            <v>45108</v>
          </cell>
        </row>
        <row r="677">
          <cell r="E677" t="str">
            <v>Number of swimming pools</v>
          </cell>
          <cell r="P677">
            <v>50747</v>
          </cell>
        </row>
        <row r="678">
          <cell r="E678" t="str">
            <v>Number of swimming pools</v>
          </cell>
          <cell r="P678">
            <v>197348</v>
          </cell>
        </row>
        <row r="679">
          <cell r="E679" t="str">
            <v>Number of swimming pools</v>
          </cell>
          <cell r="P679">
            <v>422889</v>
          </cell>
        </row>
        <row r="680">
          <cell r="E680" t="str">
            <v>Number of swimming pools</v>
          </cell>
          <cell r="P680">
            <v>281926</v>
          </cell>
        </row>
        <row r="681">
          <cell r="E681" t="str">
            <v>Number of swimming pools</v>
          </cell>
          <cell r="P681">
            <v>132035</v>
          </cell>
        </row>
        <row r="682">
          <cell r="E682" t="str">
            <v>Number of swimming pools</v>
          </cell>
          <cell r="P682">
            <v>281926</v>
          </cell>
        </row>
        <row r="683">
          <cell r="E683" t="str">
            <v>Number of swimming pools</v>
          </cell>
          <cell r="P683">
            <v>270649</v>
          </cell>
        </row>
        <row r="684">
          <cell r="E684" t="str">
            <v>Number of swimming pools</v>
          </cell>
          <cell r="P684">
            <v>219902</v>
          </cell>
        </row>
        <row r="685">
          <cell r="E685" t="str">
            <v>Number of swimming pools</v>
          </cell>
          <cell r="P685">
            <v>56385</v>
          </cell>
        </row>
        <row r="686">
          <cell r="E686" t="str">
            <v>Number of swimming pools</v>
          </cell>
          <cell r="P686">
            <v>169155</v>
          </cell>
        </row>
        <row r="687">
          <cell r="E687" t="str">
            <v>Number of swimming pools</v>
          </cell>
          <cell r="P687">
            <v>112770</v>
          </cell>
        </row>
        <row r="688">
          <cell r="E688" t="str">
            <v>Number of swimming pools</v>
          </cell>
          <cell r="P688">
            <v>197348</v>
          </cell>
        </row>
        <row r="689">
          <cell r="E689" t="str">
            <v>Number of swimming pools</v>
          </cell>
          <cell r="P689">
            <v>253733</v>
          </cell>
        </row>
        <row r="690">
          <cell r="E690" t="str">
            <v>Number of swimming pools</v>
          </cell>
          <cell r="P690">
            <v>845777</v>
          </cell>
        </row>
        <row r="691">
          <cell r="E691" t="str">
            <v>Number of swimming pools</v>
          </cell>
          <cell r="P691">
            <v>1344786</v>
          </cell>
        </row>
        <row r="692">
          <cell r="E692" t="str">
            <v>Number of swimming pools</v>
          </cell>
          <cell r="P692">
            <v>216378</v>
          </cell>
        </row>
        <row r="693">
          <cell r="E693" t="str">
            <v xml:space="preserve">Contributions to new provision and facilities in the Hemel Area. Refer to Local Football Facilities Plan and Leisure Strategy </v>
          </cell>
          <cell r="P693">
            <v>16349.866620361554</v>
          </cell>
        </row>
        <row r="694">
          <cell r="E694" t="str">
            <v xml:space="preserve">Contributions to new provision and facilities in the Hemel Area. Refer to Local Football Facilities Plan and Leisure Strategy </v>
          </cell>
          <cell r="P694">
            <v>6542.2167403967242</v>
          </cell>
        </row>
        <row r="695">
          <cell r="E695" t="str">
            <v xml:space="preserve">Contributions to new provision and facilities in the Hemel Area. Refer to Local Football Facilities Plan and Leisure Strategy </v>
          </cell>
          <cell r="P695">
            <v>7362.4970431627389</v>
          </cell>
        </row>
        <row r="696">
          <cell r="E696" t="str">
            <v xml:space="preserve">Contributions to new provision and facilities in the Hemel Area. Refer to Local Football Facilities Plan and Leisure Strategy </v>
          </cell>
          <cell r="P696">
            <v>28614.409958917553</v>
          </cell>
        </row>
        <row r="697">
          <cell r="E697" t="str">
            <v xml:space="preserve">Contributions to new provision and facilities in the Hemel Area. Refer to Local Football Facilities Plan and Leisure Strategy </v>
          </cell>
          <cell r="P697">
            <v>61312.289808847534</v>
          </cell>
        </row>
        <row r="698">
          <cell r="E698" t="str">
            <v xml:space="preserve">Contributions to new provision and facilities in the Hemel Area. Refer to Local Football Facilities Plan and Leisure Strategy </v>
          </cell>
          <cell r="P698">
            <v>40877.249544133752</v>
          </cell>
        </row>
        <row r="699">
          <cell r="E699" t="str">
            <v xml:space="preserve">Contributions to new provision and facilities in the Hemel Area. Refer to Local Football Facilities Plan and Leisure Strategy </v>
          </cell>
          <cell r="P699">
            <v>19136.934537342702</v>
          </cell>
        </row>
        <row r="700">
          <cell r="E700" t="str">
            <v xml:space="preserve">Contributions to new provision and facilities in the Hemel Area. Refer to Local Football Facilities Plan and Leisure Strategy </v>
          </cell>
          <cell r="P700">
            <v>40877.249544133752</v>
          </cell>
        </row>
        <row r="701">
          <cell r="E701" t="str">
            <v xml:space="preserve">Contributions to new provision and facilities in the Hemel Area. Refer to Local Football Facilities Plan and Leisure Strategy </v>
          </cell>
          <cell r="P701">
            <v>39238</v>
          </cell>
        </row>
        <row r="702">
          <cell r="E702" t="str">
            <v xml:space="preserve">Contributions to new provision and facilities in the Hemel Area. Refer to Local Football Facilities Plan and Leisure Strategy </v>
          </cell>
          <cell r="P702">
            <v>31881</v>
          </cell>
        </row>
        <row r="703">
          <cell r="E703" t="str">
            <v xml:space="preserve">Contributions to new provision and facilities in the Hemel Area. Refer to Local Football Facilities Plan and Leisure Strategy </v>
          </cell>
          <cell r="P703">
            <v>8176</v>
          </cell>
        </row>
        <row r="704">
          <cell r="E704" t="str">
            <v xml:space="preserve">Contributions to new provision and facilities in the Hemel Area. Refer to Local Football Facilities Plan and Leisure Strategy </v>
          </cell>
          <cell r="P704">
            <v>24527</v>
          </cell>
        </row>
        <row r="705">
          <cell r="E705" t="str">
            <v xml:space="preserve">Contributions to new provision and facilities in the Hemel Area. Refer to Local Football Facilities Plan and Leisure Strategy </v>
          </cell>
          <cell r="P705">
            <v>16350</v>
          </cell>
        </row>
        <row r="706">
          <cell r="E706" t="str">
            <v xml:space="preserve">Contributions to new provision and facilities in the Hemel Area. Refer to Local Football Facilities Plan and Leisure Strategy </v>
          </cell>
          <cell r="P706">
            <v>28614</v>
          </cell>
        </row>
        <row r="707">
          <cell r="E707" t="str">
            <v xml:space="preserve">Contributions to new provision and facilities in the Hemel Area. Refer to Local Football Facilities Plan and Leisure Strategy </v>
          </cell>
          <cell r="P707">
            <v>36788</v>
          </cell>
        </row>
        <row r="708">
          <cell r="E708" t="str">
            <v xml:space="preserve">Provision of new facilities in the Hemel Area. Refer to Local Football Facilities Plan and Leisure Strategy </v>
          </cell>
          <cell r="P708">
            <v>122622</v>
          </cell>
        </row>
        <row r="709">
          <cell r="E709" t="str">
            <v xml:space="preserve">Contributions to new provision and facilities in the Hemel Area. Refer to Local Football Facilities Plan and Leisure Strategy </v>
          </cell>
          <cell r="P709">
            <v>194967</v>
          </cell>
        </row>
        <row r="710">
          <cell r="E710" t="str">
            <v>Provision of new provision of Changing Rooms for AGPs</v>
          </cell>
          <cell r="P710">
            <v>27454</v>
          </cell>
        </row>
        <row r="711">
          <cell r="E711" t="str">
            <v xml:space="preserve">Contributions to new provision and facilities in the Hemel Area. Refer to Local Football Facilities Plan and Leisure Strategy </v>
          </cell>
          <cell r="P711">
            <v>46443.178172771302</v>
          </cell>
        </row>
        <row r="712">
          <cell r="E712" t="str">
            <v xml:space="preserve">Contributions to new provision and facilities in the Hemel Area. Refer to Local Football Facilities Plan and Leisure Strategy </v>
          </cell>
          <cell r="P712">
            <v>18583.894111410096</v>
          </cell>
        </row>
        <row r="713">
          <cell r="E713" t="str">
            <v xml:space="preserve">Contributions to new provision and facilities in the Hemel Area. Refer to Local Football Facilities Plan and Leisure Strategy </v>
          </cell>
          <cell r="P713">
            <v>20914.071633126616</v>
          </cell>
        </row>
        <row r="714">
          <cell r="E714" t="str">
            <v xml:space="preserve">Contributions to new provision and facilities in the Hemel Area. Refer to Local Football Facilities Plan and Leisure Strategy </v>
          </cell>
          <cell r="P714">
            <v>81281.574877273233</v>
          </cell>
        </row>
        <row r="715">
          <cell r="E715" t="str">
            <v xml:space="preserve">Contributions to new provision and facilities in the Hemel Area. Refer to Local Football Facilities Plan and Leisure Strategy </v>
          </cell>
          <cell r="P715">
            <v>174162.46250449176</v>
          </cell>
        </row>
        <row r="716">
          <cell r="E716" t="str">
            <v xml:space="preserve">Contributions to new provision and facilities in the Hemel Area. Refer to Local Football Facilities Plan and Leisure Strategy </v>
          </cell>
          <cell r="P716">
            <v>116115.15377720933</v>
          </cell>
        </row>
        <row r="717">
          <cell r="E717" t="str">
            <v xml:space="preserve">Contributions to new provision and facilities in the Hemel Area. Refer to Local Football Facilities Plan and Leisure Strategy </v>
          </cell>
          <cell r="P717">
            <v>54359.652135744109</v>
          </cell>
        </row>
        <row r="718">
          <cell r="E718" t="str">
            <v xml:space="preserve">Contributions to new provision and facilities in the Hemel Area. Refer to Local Football Facilities Plan and Leisure Strategy </v>
          </cell>
          <cell r="P718">
            <v>116115.15377720933</v>
          </cell>
        </row>
        <row r="719">
          <cell r="E719" t="str">
            <v xml:space="preserve">Contributions to new provision and facilities in the Hemel Area. Refer to Local Football Facilities Plan and Leisure Strategy </v>
          </cell>
          <cell r="P719">
            <v>111459</v>
          </cell>
        </row>
        <row r="720">
          <cell r="E720" t="str">
            <v xml:space="preserve">Contributions to new provision and facilities in the Hemel Area. Refer to Local Football Facilities Plan and Leisure Strategy </v>
          </cell>
          <cell r="P720">
            <v>90562</v>
          </cell>
        </row>
        <row r="721">
          <cell r="E721" t="str">
            <v xml:space="preserve">Contributions to new provision and facilities in the Hemel Area. Refer to Local Football Facilities Plan and Leisure Strategy </v>
          </cell>
          <cell r="P721">
            <v>23224</v>
          </cell>
        </row>
        <row r="722">
          <cell r="E722" t="str">
            <v xml:space="preserve">Contributions to new provision and facilities in the Hemel Area. Refer to Local Football Facilities Plan and Leisure Strategy </v>
          </cell>
          <cell r="P722">
            <v>69671</v>
          </cell>
        </row>
        <row r="723">
          <cell r="E723" t="str">
            <v xml:space="preserve">Contributions to new provision and facilities in the Hemel Area. Refer to Local Football Facilities Plan and Leisure Strategy </v>
          </cell>
          <cell r="P723">
            <v>46443</v>
          </cell>
        </row>
        <row r="724">
          <cell r="E724" t="str">
            <v xml:space="preserve">Contributions to new provision and facilities in the Hemel Area. Refer to Local Football Facilities Plan and Leisure Strategy </v>
          </cell>
          <cell r="P724">
            <v>81282</v>
          </cell>
        </row>
        <row r="725">
          <cell r="E725" t="str">
            <v xml:space="preserve">Contributions to new provision and facilities in the Hemel Area. Refer to Local Football Facilities Plan and Leisure Strategy </v>
          </cell>
          <cell r="P725">
            <v>104499</v>
          </cell>
        </row>
        <row r="726">
          <cell r="E726" t="str">
            <v xml:space="preserve">Provision of new facilities in the Hemel Area. Refer to Local Football Facilities Plan and Leisure Strategy </v>
          </cell>
          <cell r="P726">
            <v>348318</v>
          </cell>
        </row>
        <row r="727">
          <cell r="E727" t="str">
            <v xml:space="preserve">Contributions to new provision and facilities in the Hemel Area. Refer to Local Football Facilities Plan and Leisure Strategy </v>
          </cell>
          <cell r="P727">
            <v>553819</v>
          </cell>
        </row>
        <row r="728">
          <cell r="E728" t="str">
            <v>Provision of new Artifical Grass Pitches (AGP)</v>
          </cell>
          <cell r="P728">
            <v>77984</v>
          </cell>
        </row>
        <row r="729">
          <cell r="E729" t="str">
            <v xml:space="preserve">Contributions to new provision and facilities in the Hemel Area. Refer to Local Football Facilities Plan and Leisure Strategy </v>
          </cell>
          <cell r="P729">
            <v>170699.15265480435</v>
          </cell>
        </row>
        <row r="730">
          <cell r="E730" t="str">
            <v xml:space="preserve">Contributions to new provision and facilities in the Hemel Area. Refer to Local Football Facilities Plan and Leisure Strategy </v>
          </cell>
          <cell r="P730">
            <v>68287.96094557266</v>
          </cell>
        </row>
        <row r="731">
          <cell r="E731" t="str">
            <v xml:space="preserve">Contributions to new provision and facilities in the Hemel Area. Refer to Local Football Facilities Plan and Leisure Strategy </v>
          </cell>
          <cell r="P731">
            <v>76869.108639504266</v>
          </cell>
        </row>
        <row r="732">
          <cell r="E732" t="str">
            <v xml:space="preserve">Contributions to new provision and facilities in the Hemel Area. Refer to Local Football Facilities Plan and Leisure Strategy </v>
          </cell>
          <cell r="P732">
            <v>298742.61216643895</v>
          </cell>
        </row>
        <row r="733">
          <cell r="E733" t="str">
            <v xml:space="preserve">Provision of new facilities in the Hemel Area. Refer to Local Football Facilities Plan and Leisure Strategy </v>
          </cell>
          <cell r="P733">
            <v>640051.01031426154</v>
          </cell>
        </row>
        <row r="734">
          <cell r="E734" t="str">
            <v xml:space="preserve">Provision of new facilities in the Hemel Area. Refer to Local Football Facilities Plan and Leisure Strategy </v>
          </cell>
          <cell r="P734">
            <v>426826.81814821647</v>
          </cell>
        </row>
        <row r="735">
          <cell r="E735" t="str">
            <v xml:space="preserve">Contributions to new provision and facilities in the Hemel Area. Refer to Local Football Facilities Plan and Leisure Strategy </v>
          </cell>
          <cell r="P735">
            <v>199856.77630181715</v>
          </cell>
        </row>
        <row r="736">
          <cell r="E736" t="str">
            <v xml:space="preserve">Contributions to new provision and facilities in the Hemel Area. Refer to Local Football Facilities Plan and Leisure Strategy </v>
          </cell>
          <cell r="P736">
            <v>426826.81814821647</v>
          </cell>
        </row>
        <row r="737">
          <cell r="E737" t="str">
            <v xml:space="preserve">Contributions to new provision and facilities in the Hemel Area. Refer to Local Football Facilities Plan and Leisure Strategy </v>
          </cell>
          <cell r="P737">
            <v>409674</v>
          </cell>
        </row>
        <row r="738">
          <cell r="E738" t="str">
            <v xml:space="preserve">Contributions to new provision and facilities in the Hemel Area. Refer to Local Football Facilities Plan and Leisure Strategy </v>
          </cell>
          <cell r="P738">
            <v>332829</v>
          </cell>
        </row>
        <row r="739">
          <cell r="E739" t="str">
            <v xml:space="preserve">Contributions to new provision and facilities in the Hemel Area. Refer to Local Football Facilities Plan and Leisure Strategy </v>
          </cell>
          <cell r="P739">
            <v>85372</v>
          </cell>
        </row>
        <row r="740">
          <cell r="E740" t="str">
            <v xml:space="preserve">Contributions to new provision and facilities in the Hemel Area. Refer to Local Football Facilities Plan and Leisure Strategy </v>
          </cell>
          <cell r="P740">
            <v>256055</v>
          </cell>
        </row>
        <row r="741">
          <cell r="E741" t="str">
            <v xml:space="preserve">Contributions to new provision and facilities in the Hemel Area. Refer to Local Football Facilities Plan and Leisure Strategy </v>
          </cell>
          <cell r="P741">
            <v>170699</v>
          </cell>
        </row>
        <row r="742">
          <cell r="E742" t="str">
            <v xml:space="preserve">Contributions to new provision and facilities in the Hemel Area. Refer to Local Football Facilities Plan and Leisure Strategy </v>
          </cell>
          <cell r="P742">
            <v>298743</v>
          </cell>
        </row>
        <row r="743">
          <cell r="E743" t="str">
            <v xml:space="preserve">Contributions to new provision and facilities in the Hemel Area. Refer to Local Football Facilities Plan and Leisure Strategy </v>
          </cell>
          <cell r="P743">
            <v>384096</v>
          </cell>
        </row>
        <row r="744">
          <cell r="E744" t="str">
            <v xml:space="preserve">Provision of new facilities in the Hemel Area. Refer to Local Football Facilities Plan and Leisure Strategy </v>
          </cell>
          <cell r="P744">
            <v>1280209</v>
          </cell>
        </row>
        <row r="745">
          <cell r="E745" t="str">
            <v xml:space="preserve">Contributions to new provision and facilities in the Hemel Area. Refer to Local Football Facilities Plan and Leisure Strategy </v>
          </cell>
          <cell r="P745">
            <v>2035466</v>
          </cell>
        </row>
        <row r="746">
          <cell r="E746" t="str">
            <v xml:space="preserve">Provision of new Changing Rooms for NGPs in the borough. </v>
          </cell>
          <cell r="P746">
            <v>286634</v>
          </cell>
        </row>
        <row r="747">
          <cell r="E747" t="str">
            <v xml:space="preserve">Contributions to new provision and facilities in the Hemel Area. Refer to Local Football Facilities Plan and Leisure Strategy </v>
          </cell>
          <cell r="P747">
            <v>86444.095912961799</v>
          </cell>
        </row>
        <row r="748">
          <cell r="E748" t="str">
            <v xml:space="preserve">Contributions to new provision and facilities in the Hemel Area. Refer to Local Football Facilities Plan and Leisure Strategy </v>
          </cell>
          <cell r="P748">
            <v>34585.40423337571</v>
          </cell>
        </row>
        <row r="749">
          <cell r="E749" t="str">
            <v xml:space="preserve">Contributions to new provision and facilities in the Hemel Area. Refer to Local Football Facilities Plan and Leisure Strategy </v>
          </cell>
          <cell r="P749">
            <v>38928.607474378281</v>
          </cell>
        </row>
        <row r="750">
          <cell r="E750" t="str">
            <v xml:space="preserve">Contributions to new provision and facilities in the Hemel Area. Refer to Local Football Facilities Plan and Leisure Strategy </v>
          </cell>
          <cell r="P750">
            <v>151297.24743382912</v>
          </cell>
        </row>
        <row r="751">
          <cell r="E751" t="str">
            <v xml:space="preserve">Provision of new facilities in the Hemel Area. Refer to Local Football Facilities Plan and Leisure Strategy </v>
          </cell>
          <cell r="P751">
            <v>324170.75914883986</v>
          </cell>
        </row>
        <row r="752">
          <cell r="E752" t="str">
            <v xml:space="preserve">Provision of new  facilities in the Hemel Area. Refer to Local Football Facilities Plan and Leisure Strategy </v>
          </cell>
          <cell r="P752">
            <v>216143.73045718172</v>
          </cell>
        </row>
        <row r="753">
          <cell r="E753" t="str">
            <v xml:space="preserve">Contributions to new provision and facilities in the Hemel Area. Refer to Local Football Facilities Plan and Leisure Strategy </v>
          </cell>
          <cell r="P753">
            <v>101199.44859739553</v>
          </cell>
        </row>
        <row r="754">
          <cell r="E754" t="str">
            <v xml:space="preserve">Contributions to new provision and facilities in the Hemel Area. Refer to Local Football Facilities Plan and Leisure Strategy </v>
          </cell>
          <cell r="P754">
            <v>216143.73045718172</v>
          </cell>
        </row>
        <row r="755">
          <cell r="E755" t="str">
            <v xml:space="preserve">Contributions to new provision and facilities in the Hemel Area. Refer to Local Football Facilities Plan and Leisure Strategy </v>
          </cell>
          <cell r="P755">
            <v>207472</v>
          </cell>
        </row>
        <row r="756">
          <cell r="E756" t="str">
            <v xml:space="preserve">Contributions to new provision and facilities in the Hemel Area. Refer to Local Football Facilities Plan and Leisure Strategy </v>
          </cell>
          <cell r="P756">
            <v>168563</v>
          </cell>
        </row>
        <row r="757">
          <cell r="E757" t="str">
            <v xml:space="preserve">Contributions to new provision and facilities in the Hemel Area. Refer to Local Football Facilities Plan and Leisure Strategy </v>
          </cell>
          <cell r="P757">
            <v>43229</v>
          </cell>
        </row>
        <row r="758">
          <cell r="E758" t="str">
            <v xml:space="preserve">Contributions to new provision and facilities in the Hemel Area. Refer to Local Football Facilities Plan and Leisure Strategy </v>
          </cell>
          <cell r="P758">
            <v>129681</v>
          </cell>
        </row>
        <row r="759">
          <cell r="E759" t="str">
            <v xml:space="preserve">Contributions to new provision and facilities in the Hemel Area. Refer to Local Football Facilities Plan and Leisure Strategy </v>
          </cell>
          <cell r="P759">
            <v>86444</v>
          </cell>
        </row>
        <row r="760">
          <cell r="E760" t="str">
            <v xml:space="preserve">Contributions to new provision and facilities in the Hemel Area. Refer to Local Football Facilities Plan and Leisure Strategy </v>
          </cell>
          <cell r="P760">
            <v>151297</v>
          </cell>
        </row>
        <row r="761">
          <cell r="E761" t="str">
            <v xml:space="preserve">Contributions to new provision and facilities in the Hemel Area. Refer to Local Football Facilities Plan and Leisure Strategy </v>
          </cell>
          <cell r="P761">
            <v>194517</v>
          </cell>
        </row>
        <row r="762">
          <cell r="E762" t="str">
            <v>Provision of new facilities in the Hemel Area. Refer to Local Football Facilties Plan and Leisure Strategy</v>
          </cell>
          <cell r="P762">
            <v>648343</v>
          </cell>
        </row>
        <row r="763">
          <cell r="E763" t="str">
            <v xml:space="preserve">Contributions to new provision and facilities in the Hemel Area. Refer to Local Football Facilities Plan and Leisure Strategy </v>
          </cell>
          <cell r="P763">
            <v>1030852</v>
          </cell>
        </row>
        <row r="764">
          <cell r="E764" t="str">
            <v xml:space="preserve">Contributions to new provision and facilities of NGPs in the borough. </v>
          </cell>
          <cell r="P764">
            <v>145164</v>
          </cell>
        </row>
        <row r="765">
          <cell r="E765" t="str">
            <v xml:space="preserve">Contribution to CCTV provision at 3 local centres (total of 6 new for Hemel Hempstead 3 of which are delivered onsite at North Hemel, Shendish Manor &amp; Fairfields and Polehanger Lane) refer to the Communtiy Facilities Strategy </v>
          </cell>
          <cell r="P765">
            <v>67263.124108416552</v>
          </cell>
        </row>
        <row r="766">
          <cell r="E766" t="str">
            <v xml:space="preserve">Contribution to 3 x Community Centres in Hemel (Total of 6 new Community Centres in Hemel, 3 of which will be delivered onsite at North Hemel, Shenish Manor &amp; Fairfields and Polehanger Lane).  </v>
          </cell>
          <cell r="P766">
            <v>1718946.5049928674</v>
          </cell>
        </row>
        <row r="767">
          <cell r="E767" t="str">
            <v xml:space="preserve">Contribution to CCTV provision at 3 local centres (total of 6 new for Hemel Hempstead 3 of which are delivered onsite at North Hemel, Shendish Manor &amp; Fairfields and Polehanger Lane) refer to the Communtiy Facilities Strategy </v>
          </cell>
          <cell r="P767">
            <v>5640.5135520684735</v>
          </cell>
        </row>
        <row r="768">
          <cell r="E768" t="str">
            <v xml:space="preserve">Contribution to 3 x Community Centres in Hemel (Total of 6 new Community Centres in Hemel, 3 of which will be delivered onsite at North Hemel, Shenish Manor &amp; Fairfields and Polehanger Lane).  </v>
          </cell>
          <cell r="P768">
            <v>144146.4574417499</v>
          </cell>
        </row>
        <row r="769">
          <cell r="E769" t="str">
            <v xml:space="preserve">Contribution to CCTV provision at 3 local centres (total of 6 new for Hemel Hempstead 3 of which are delivered onsite at North Hemel, Shendish Manor &amp; Fairfields and Polehanger Lane) refer to the Communtiy Facilities Strategy </v>
          </cell>
          <cell r="P769">
            <v>2256.2054208273894</v>
          </cell>
        </row>
        <row r="770">
          <cell r="E770" t="str">
            <v xml:space="preserve">Contribution to 3 x Community Centres in Hemel (Total of 6 new Community Centres in Hemel, 3 of which will be delivered onsite at North Hemel, Shenish Manor &amp; Fairfields and Polehanger Lane).  </v>
          </cell>
          <cell r="P770">
            <v>57658.582976699952</v>
          </cell>
        </row>
        <row r="771">
          <cell r="E771" t="str">
            <v xml:space="preserve">Contribution to CCTV provision at 3 local centres (total of 6 new for Hemel Hempstead 3 of which are delivered onsite at North Hemel, Shendish Manor &amp; Fairfields and Polehanger Lane) refer to the Communtiy Facilities Strategy </v>
          </cell>
          <cell r="P771">
            <v>2538.2310984308133</v>
          </cell>
        </row>
        <row r="772">
          <cell r="E772" t="str">
            <v xml:space="preserve">Contribution to 3 x Community Centres in Hemel (Total of 6 new Community Centres in Hemel, 3 of which will be delivered onsite at North Hemel, Shenish Manor &amp; Fairfields and Polehanger Lane).  </v>
          </cell>
          <cell r="P772">
            <v>64865.90584878745</v>
          </cell>
        </row>
        <row r="773">
          <cell r="E773" t="str">
            <v xml:space="preserve">Contribution to CCTV provision at 3 local centres (total of 6 new for Hemel Hempstead 3 of which are delivered onsite at North Hemel, Shendish Manor &amp; Fairfields and Polehanger Lane) refer to the Communtiy Facilities Strategy </v>
          </cell>
          <cell r="P773">
            <v>9870.8987161198293</v>
          </cell>
        </row>
        <row r="774">
          <cell r="E774" t="str">
            <v xml:space="preserve">Contribution to 3 x Community Centres in Hemel (Total of 6 new Community Centres in Hemel, 3 of which will be delivered onsite at North Hemel, Shenish Manor &amp; Fairfields and Polehanger Lane).  </v>
          </cell>
          <cell r="P774">
            <v>252256.30052306229</v>
          </cell>
        </row>
        <row r="775">
          <cell r="E775" t="str">
            <v xml:space="preserve">Contribution to CCTV provision at 3 local centres (total of 6 new for Hemel Hempstead 3 of which are delivered onsite at North Hemel, Shendish Manor &amp; Fairfields and Polehanger Lane) refer to the Communtiy Facilities Strategy </v>
          </cell>
          <cell r="P775">
            <v>21151.925820256776</v>
          </cell>
        </row>
        <row r="776">
          <cell r="E776" t="str">
            <v xml:space="preserve">Provision of 1 x Community Centres in Hemel. </v>
          </cell>
          <cell r="P776">
            <v>1515700</v>
          </cell>
        </row>
        <row r="777">
          <cell r="E777" t="str">
            <v xml:space="preserve">Contribution to CCTV provision at 6 local centres (total for Hemel Hempstead) refer to the Communtiy Facilities Strategy </v>
          </cell>
          <cell r="P777">
            <v>355860</v>
          </cell>
        </row>
        <row r="778">
          <cell r="E778" t="str">
            <v xml:space="preserve">Provision of 1 x Community Centres in Hemel.  </v>
          </cell>
          <cell r="P778">
            <v>1515700</v>
          </cell>
        </row>
        <row r="779">
          <cell r="E779" t="str">
            <v xml:space="preserve">Contribution to CCTV provision at 3 local centres (total of 6 new for Hemel Hempstead 3 of which are delivered onsite at North Hemel, Shendish Manor &amp; Fairfields and Polehanger Lane) refer to the Communtiy Facilities Strategy </v>
          </cell>
          <cell r="P779">
            <v>6599.4008559201147</v>
          </cell>
        </row>
        <row r="780">
          <cell r="E780" t="str">
            <v xml:space="preserve">Contribution to 3 x Community Centres in Hemel (Total of 6 new Community Centres in Hemel, 3 of which will be delivered onsite at North Hemel, Shenish Manor &amp; Fairfields and Polehanger Lane).  </v>
          </cell>
          <cell r="P780">
            <v>168651.35520684737</v>
          </cell>
        </row>
        <row r="781">
          <cell r="E781" t="str">
            <v xml:space="preserve">Contribution to CCTV provision at 3 local centres (total of 6 new for Hemel Hempstead 3 of which are delivered onsite at North Hemel, Shendish Manor &amp; Fairfields and Polehanger Lane) refer to the Communtiy Facilities Strategy </v>
          </cell>
          <cell r="P781">
            <v>14101.283880171184</v>
          </cell>
        </row>
        <row r="782">
          <cell r="E782" t="str">
            <v xml:space="preserve">Contribution to 3 x Community Centres in Hemel (Total of 6 new Community Centres in Hemel, 3 of which will be delivered onsite at North Hemel, Shenish Manor &amp; Fairfields and Polehanger Lane).  </v>
          </cell>
          <cell r="P782">
            <v>360366.14360437472</v>
          </cell>
        </row>
        <row r="783">
          <cell r="E783" t="str">
            <v xml:space="preserve">Contribution to CCTV provision at 3 local centres (total of 6 new for Hemel Hempstead 3 of which are delivered onsite at North Hemel, Shendish Manor &amp; Fairfields and Polehanger Lane) refer to the Communtiy Facilities Strategy </v>
          </cell>
          <cell r="P783">
            <v>13537.232524964336</v>
          </cell>
        </row>
        <row r="784">
          <cell r="E784" t="str">
            <v xml:space="preserve">Contribution to 3 x Community Centres in Hemel (Total of 6 new Community Centres in Hemel, 3 of which will be delivered onsite at North Hemel, Shenish Manor &amp; Fairfields and Polehanger Lane).  </v>
          </cell>
          <cell r="P784">
            <v>345951.49786019971</v>
          </cell>
        </row>
        <row r="785">
          <cell r="E785" t="str">
            <v xml:space="preserve">Contribution to CCTV provision at 3 local centres (total of 6 new for Hemel Hempstead 3 of which are delivered onsite at North Hemel, Shendish Manor &amp; Fairfields and Polehanger Lane) refer to the Communtiy Facilities Strategy </v>
          </cell>
          <cell r="P785">
            <v>10999.001426533523</v>
          </cell>
        </row>
        <row r="786">
          <cell r="E786" t="str">
            <v xml:space="preserve">Contribution to 3 x Community Centres in Hemel (Total of 6 new Community Centres in Hemel, 3 of which will be delivered onsite at North Hemel, Shenish Manor &amp; Fairfields and Polehanger Lane).  </v>
          </cell>
          <cell r="P786">
            <v>281085.59201141226</v>
          </cell>
        </row>
        <row r="787">
          <cell r="E787" t="str">
            <v xml:space="preserve">Contribution to CCTV provision at 3 local centres (total of 6 new for Hemel Hempstead 3 of which are delivered onsite at North Hemel, Shendish Manor &amp; Fairfields and Polehanger Lane) refer to the Communtiy Facilities Strategy </v>
          </cell>
          <cell r="P787">
            <v>2820.2567760342367</v>
          </cell>
        </row>
        <row r="788">
          <cell r="E788" t="str">
            <v xml:space="preserve">Contribution to 3 x Community Centres in Hemel (Total of 6 new Community Centres in Hemel, 3 of which will be delivered onsite at North Hemel, Shenish Manor &amp; Fairfields and Polehanger Lane).  </v>
          </cell>
          <cell r="P788">
            <v>72073.228720874948</v>
          </cell>
        </row>
        <row r="789">
          <cell r="E789" t="str">
            <v xml:space="preserve">Contribution to CCTV provision at 3 local centres (total of 6 new for Hemel Hempstead 3 of which are delivered onsite at North Hemel, Shendish Manor &amp; Fairfields and Polehanger Lane) refer to the Communtiy Facilities Strategy </v>
          </cell>
          <cell r="P789">
            <v>14101.283880171184</v>
          </cell>
        </row>
        <row r="790">
          <cell r="E790" t="str">
            <v xml:space="preserve">Contribution to 3 x Community Centres in Hemel (Total of 6 new Community Centres in Hemel, 3 of which will be delivered onsite at North Hemel, Shenish Manor &amp; Fairfields and Polehanger Lane).  </v>
          </cell>
          <cell r="P790">
            <v>360366.14360437472</v>
          </cell>
        </row>
        <row r="791">
          <cell r="E791" t="str">
            <v xml:space="preserve">Contribution to CCTV provision at 3 local centres (total of 6 new for Hemel Hempstead 3 of which are delivered onsite at North Hemel, Shendish Manor &amp; Fairfields and Polehanger Lane) refer to the Communtiy Facilities Strategy </v>
          </cell>
          <cell r="P791">
            <v>5640.5135520684735</v>
          </cell>
        </row>
        <row r="792">
          <cell r="E792" t="str">
            <v xml:space="preserve">Contribution to 3 x Community Centres in Hemel (Total of 6 new Community Centres in Hemel, 3 of which will be delivered onsite at North Hemel, Shenish Manor &amp; Fairfields and Polehanger Lane).  </v>
          </cell>
          <cell r="P792">
            <v>144146.4574417499</v>
          </cell>
        </row>
        <row r="793">
          <cell r="E793" t="str">
            <v xml:space="preserve">Contribution to CCTV provision at 3 local centres (total of 6 new for Hemel Hempstead 3 of which are delivered onsite at North Hemel, Shendish Manor &amp; Fairfields and Polehanger Lane) refer to the Communtiy Facilities Strategy </v>
          </cell>
          <cell r="P793">
            <v>9870.8987161198293</v>
          </cell>
        </row>
        <row r="794">
          <cell r="E794" t="str">
            <v xml:space="preserve">Contribution to 3 x Community Centres in Hemel (Total of 6 new Community Centres in Hemel, 3 of which will be delivered onsite at North Hemel, Shenish Manor &amp; Fairfields and Polehanger Lane).  </v>
          </cell>
          <cell r="P794">
            <v>252256.30052306229</v>
          </cell>
        </row>
        <row r="795">
          <cell r="E795" t="str">
            <v xml:space="preserve">Contribution to CCTV provision at 3 local centres (total of 6 new for Hemel Hempstead 3 of which are delivered onsite at North Hemel, Shendish Manor &amp; Fairfields and Polehanger Lane) refer to the Communtiy Facilities Strategy </v>
          </cell>
          <cell r="P795">
            <v>12691.155492154066</v>
          </cell>
        </row>
        <row r="796">
          <cell r="E796" t="str">
            <v xml:space="preserve">Contribution to 3 x Community Centres in Hemel (Total of 6 new Community Centres in Hemel, 3 of which will be delivered onsite at North Hemel, Shenish Manor &amp; Fairfields and Polehanger Lane).  </v>
          </cell>
          <cell r="P796">
            <v>324329.52924393723</v>
          </cell>
        </row>
        <row r="797">
          <cell r="E797" t="str">
            <v xml:space="preserve">CCTV provision at centre in North Hemel refer to the Communtiy Facilities Strategy </v>
          </cell>
          <cell r="P797">
            <v>59310</v>
          </cell>
        </row>
        <row r="798">
          <cell r="E798" t="str">
            <v xml:space="preserve">One centre serving North Hemel. </v>
          </cell>
          <cell r="P798">
            <v>1515700</v>
          </cell>
        </row>
        <row r="799">
          <cell r="E799" t="str">
            <v xml:space="preserve">Depot with electric infrastrucutre to accommodate neighbourhood services inlcuding waste. </v>
          </cell>
        </row>
        <row r="800">
          <cell r="E800" t="str">
            <v>Expansion and new shredding facility at Waterdale Waste Transfer Station</v>
          </cell>
          <cell r="P800">
            <v>18000000</v>
          </cell>
        </row>
        <row r="801">
          <cell r="E801" t="str">
            <v>A new Recycling Centre at Hemel Hempstead</v>
          </cell>
          <cell r="P801">
            <v>7705572</v>
          </cell>
        </row>
        <row r="802">
          <cell r="E802" t="str">
            <v>Refer to Flood Management section in the IDP</v>
          </cell>
        </row>
        <row r="803">
          <cell r="E803" t="str">
            <v>Upgrades to the Waste Water Network</v>
          </cell>
        </row>
        <row r="804">
          <cell r="E804" t="str">
            <v xml:space="preserve">Reinforcement schemes </v>
          </cell>
        </row>
        <row r="805">
          <cell r="E805" t="str">
            <v xml:space="preserve">Replace the transformers at Hemel North Primary substation </v>
          </cell>
        </row>
        <row r="806">
          <cell r="E806" t="str">
            <v xml:space="preserve">Mitigating the impact on the capacity of the ambulance service at Hemel Hempstead </v>
          </cell>
          <cell r="P806">
            <v>3585640</v>
          </cell>
        </row>
        <row r="807">
          <cell r="E807" t="str">
            <v xml:space="preserve">1 x Children's homes to accommodate three children in care and one manager each. </v>
          </cell>
        </row>
        <row r="808">
          <cell r="E808" t="str">
            <v xml:space="preserve">1 x Children's homes to accommodate three children in care and one manager each. </v>
          </cell>
        </row>
        <row r="809">
          <cell r="E809" t="str">
            <v xml:space="preserve">2 x Children's homes to accommodate three children in care and one manager each. </v>
          </cell>
        </row>
        <row r="810">
          <cell r="E810" t="str">
            <v>Mitigating the impact on the capacity of the fire and rescue service</v>
          </cell>
          <cell r="P810">
            <v>322800</v>
          </cell>
        </row>
        <row r="811">
          <cell r="E811" t="str">
            <v>Additional police vehicles</v>
          </cell>
          <cell r="P811">
            <v>382483</v>
          </cell>
        </row>
        <row r="812">
          <cell r="E812" t="str">
            <v>Extension to existing police accommodation</v>
          </cell>
          <cell r="P812">
            <v>994952</v>
          </cell>
        </row>
        <row r="813">
          <cell r="E813" t="str">
            <v xml:space="preserve">Adult Care Facilities at Shendish Manor and Fairfields </v>
          </cell>
        </row>
        <row r="814">
          <cell r="E814" t="str">
            <v xml:space="preserve">Adult Care Facilities at Apsley Mills Retail Park </v>
          </cell>
        </row>
        <row r="815">
          <cell r="E815" t="str">
            <v>Adult Care Facilities at Riverside</v>
          </cell>
        </row>
        <row r="816">
          <cell r="E816" t="str">
            <v xml:space="preserve">Adult Care Facilities at Hemel Hempstead Hospital / Market Square </v>
          </cell>
        </row>
        <row r="817">
          <cell r="E817" t="str">
            <v xml:space="preserve">Adult Care Facilities at North Hemel </v>
          </cell>
        </row>
        <row r="818">
          <cell r="E818" t="str">
            <v>Hemel Hempstead Health Campus</v>
          </cell>
        </row>
        <row r="819">
          <cell r="E819" t="str">
            <v>Primary healthcare requirements directly linked to growth</v>
          </cell>
        </row>
        <row r="820">
          <cell r="E820" t="str">
            <v xml:space="preserve">Healthcare Infrastructure investment to support development at Marchmont Farm, Hemel Hempstead </v>
          </cell>
        </row>
        <row r="821">
          <cell r="E821" t="str">
            <v xml:space="preserve">Healthcare Infrastructure investment to support development at Hemel Hempstead Hospital/Market Square. </v>
          </cell>
        </row>
        <row r="822">
          <cell r="E822" t="str">
            <v xml:space="preserve">Healthcare Infrastructure investment to support development at Shendish Manor and Fairfields. </v>
          </cell>
        </row>
        <row r="823">
          <cell r="E823" t="str">
            <v>Healthcare Infrastructure investment to support development at North Hemel</v>
          </cell>
        </row>
        <row r="824">
          <cell r="E824" t="str">
            <v>Grovehill Surgery</v>
          </cell>
        </row>
        <row r="825">
          <cell r="E825" t="str">
            <v>5-11 Wraparound Care</v>
          </cell>
          <cell r="P825">
            <v>125292</v>
          </cell>
        </row>
        <row r="826">
          <cell r="E826" t="str">
            <v>New Childcare Setting serving Hemel Hempstead Hospital / Market Square</v>
          </cell>
          <cell r="P826">
            <v>1023425</v>
          </cell>
        </row>
        <row r="827">
          <cell r="E827" t="str">
            <v>New Childcare Settings serving North Hemel</v>
          </cell>
          <cell r="P827">
            <v>2046850</v>
          </cell>
        </row>
        <row r="828">
          <cell r="E828" t="str">
            <v>New Childcare Setting serving Shendish Manor and Fairfields</v>
          </cell>
          <cell r="P828">
            <v>1023425</v>
          </cell>
        </row>
        <row r="829">
          <cell r="E829" t="str">
            <v>New Childcare Setting serving Station Gateway/National Grid</v>
          </cell>
          <cell r="P829">
            <v>1023425</v>
          </cell>
        </row>
        <row r="830">
          <cell r="E830" t="str">
            <v>New Childcare Setting serving Polehanger Lane</v>
          </cell>
          <cell r="P830">
            <v>1023425</v>
          </cell>
        </row>
        <row r="831">
          <cell r="E831" t="str">
            <v>Specialist Resource Provision within mainstream Secondary School setting</v>
          </cell>
          <cell r="P831">
            <v>1400000</v>
          </cell>
        </row>
        <row r="832">
          <cell r="E832" t="str">
            <v>Specialist Resource Provision within mainstream Primary School Setting</v>
          </cell>
          <cell r="P832">
            <v>840000</v>
          </cell>
        </row>
        <row r="833">
          <cell r="E833" t="str">
            <v>Expansions of existing Secondary Schools</v>
          </cell>
          <cell r="P833">
            <v>5642630</v>
          </cell>
        </row>
        <row r="834">
          <cell r="E834" t="str">
            <v xml:space="preserve">New Secondary School Provision at North Hemel Hempstead </v>
          </cell>
          <cell r="P834">
            <v>47471002</v>
          </cell>
        </row>
        <row r="835">
          <cell r="E835" t="str">
            <v xml:space="preserve">Primary Education at Polehanger Lane </v>
          </cell>
          <cell r="P835">
            <v>11480040</v>
          </cell>
        </row>
        <row r="836">
          <cell r="E836" t="str">
            <v>Expansions of existing Primary Schools</v>
          </cell>
          <cell r="P836">
            <v>4807688</v>
          </cell>
        </row>
        <row r="837">
          <cell r="E837" t="str">
            <v>New Primary School Provision in the Shendish Manor and Fairfields</v>
          </cell>
          <cell r="P837">
            <v>11480040</v>
          </cell>
        </row>
        <row r="838">
          <cell r="E838" t="str">
            <v xml:space="preserve">New Primary School Provision at Hemel Hempstead Hospital / Market Square </v>
          </cell>
          <cell r="P838">
            <v>17220060</v>
          </cell>
        </row>
        <row r="839">
          <cell r="E839" t="str">
            <v>New Mill Grand Union Canal towpath Improvements</v>
          </cell>
        </row>
        <row r="840">
          <cell r="E840" t="str">
            <v>Grand Union canal East of Tring towpath Improvements</v>
          </cell>
        </row>
        <row r="841">
          <cell r="E841" t="str">
            <v>New Primary School Provision at North Hemel Hempstead</v>
          </cell>
          <cell r="P841">
            <v>11480040</v>
          </cell>
        </row>
        <row r="842">
          <cell r="E842" t="str">
            <v>New Primary School Provision at North Hemel Hempstead</v>
          </cell>
          <cell r="P842">
            <v>51660180</v>
          </cell>
        </row>
        <row r="843">
          <cell r="E843" t="str">
            <v>Berkhamsted Library Improvements</v>
          </cell>
          <cell r="P843">
            <v>190000</v>
          </cell>
        </row>
        <row r="844">
          <cell r="E844" t="str">
            <v>Tring Library Improvements</v>
          </cell>
          <cell r="P844">
            <v>120000</v>
          </cell>
        </row>
      </sheetData>
      <sheetData sheetId="1"/>
    </sheetDataSet>
  </externalBook>
</externalLink>
</file>

<file path=xl/externalLinks/externalLink4.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Master HHTS"/>
      <sheetName val="Cost Summary"/>
      <sheetName val="GIS"/>
      <sheetName val="Master HHTS (2)"/>
      <sheetName val="Master HHTS_120625"/>
      <sheetName val="Sheet1"/>
      <sheetName val="Sites Methodology"/>
      <sheetName val="TripRateCalculations"/>
      <sheetName val="IDP method"/>
      <sheetName val="Sheet8"/>
      <sheetName val="Interventions removed from SHPs"/>
    </sheetNames>
    <sheetDataSet>
      <sheetData sheetId="0"/>
      <sheetData sheetId="1">
        <row r="1">
          <cell r="A1" t="str">
            <v>UPDATED</v>
          </cell>
          <cell r="C1">
            <v>0.1</v>
          </cell>
          <cell r="D1">
            <v>0.45</v>
          </cell>
          <cell r="E1">
            <v>0.15</v>
          </cell>
          <cell r="F1">
            <v>0.5</v>
          </cell>
          <cell r="G1">
            <v>0.15</v>
          </cell>
        </row>
        <row r="2">
          <cell r="A2" t="str">
            <v xml:space="preserve"> </v>
          </cell>
          <cell r="B2" t="str">
            <v>Base Costs (see Breakdown Tab )</v>
          </cell>
          <cell r="C2" t="str">
            <v>Traffic Management @ 10%</v>
          </cell>
          <cell r="D2" t="str">
            <v>Main Contractor Preliminaries and Overheads and Profit @ 45%</v>
          </cell>
          <cell r="E2" t="str">
            <v>Professional Fees @ 15%</v>
          </cell>
          <cell r="F2" t="str">
            <v>Contingency @ 50%</v>
          </cell>
          <cell r="G2" t="str">
            <v>Statutory Undertakers @ 15%</v>
          </cell>
          <cell r="H2" t="str">
            <v>Total Cost at 2023 Price</v>
          </cell>
        </row>
        <row r="3">
          <cell r="A3" t="str">
            <v>LS-1</v>
          </cell>
          <cell r="B3">
            <v>29161</v>
          </cell>
          <cell r="C3">
            <v>2916.1000000000004</v>
          </cell>
          <cell r="D3">
            <v>14434.695</v>
          </cell>
          <cell r="E3">
            <v>6976.7692499999994</v>
          </cell>
          <cell r="F3">
            <v>26744.282124999998</v>
          </cell>
          <cell r="G3">
            <v>12034.926956249998</v>
          </cell>
          <cell r="H3">
            <v>92267.773331249991</v>
          </cell>
        </row>
        <row r="4">
          <cell r="A4" t="str">
            <v>LS-2</v>
          </cell>
          <cell r="B4">
            <v>128090</v>
          </cell>
          <cell r="C4">
            <v>12809</v>
          </cell>
          <cell r="D4">
            <v>63404.55</v>
          </cell>
          <cell r="E4">
            <v>30645.532499999998</v>
          </cell>
          <cell r="F4">
            <v>117474.54124999999</v>
          </cell>
          <cell r="G4">
            <v>52863.543562499995</v>
          </cell>
          <cell r="H4">
            <v>405287.16731249995</v>
          </cell>
        </row>
        <row r="5">
          <cell r="A5" t="str">
            <v>LS-3</v>
          </cell>
          <cell r="B5">
            <v>46427.864000000001</v>
          </cell>
          <cell r="C5">
            <v>4642.7864</v>
          </cell>
          <cell r="D5">
            <v>22981.792679999999</v>
          </cell>
          <cell r="E5">
            <v>11107.866462</v>
          </cell>
          <cell r="F5">
            <v>42580.154771000001</v>
          </cell>
          <cell r="G5">
            <v>19161.06964695</v>
          </cell>
          <cell r="H5">
            <v>146901.53395995</v>
          </cell>
        </row>
        <row r="6">
          <cell r="A6" t="str">
            <v>LS-4</v>
          </cell>
          <cell r="B6">
            <v>26795</v>
          </cell>
          <cell r="C6">
            <v>2679.5</v>
          </cell>
          <cell r="D6">
            <v>13263.525</v>
          </cell>
          <cell r="E6">
            <v>6410.7037499999997</v>
          </cell>
          <cell r="F6">
            <v>24574.364375000001</v>
          </cell>
          <cell r="G6">
            <v>11058.46396875</v>
          </cell>
          <cell r="H6">
            <v>84781.557093750002</v>
          </cell>
        </row>
        <row r="7">
          <cell r="A7" t="str">
            <v>LS-5</v>
          </cell>
          <cell r="B7">
            <v>36158.75</v>
          </cell>
          <cell r="C7">
            <v>3615.875</v>
          </cell>
          <cell r="D7">
            <v>17898.581249999999</v>
          </cell>
          <cell r="E7">
            <v>8650.9809375000004</v>
          </cell>
          <cell r="F7">
            <v>33162.093593750003</v>
          </cell>
          <cell r="G7">
            <v>14922.9421171875</v>
          </cell>
          <cell r="H7">
            <v>114409.22289843751</v>
          </cell>
        </row>
        <row r="8">
          <cell r="A8" t="str">
            <v>LS-6</v>
          </cell>
          <cell r="B8">
            <v>19083.75</v>
          </cell>
          <cell r="C8">
            <v>1908.375</v>
          </cell>
          <cell r="D8">
            <v>9446.4562500000011</v>
          </cell>
          <cell r="E8">
            <v>4565.7871875000001</v>
          </cell>
          <cell r="F8">
            <v>17502.184218750001</v>
          </cell>
          <cell r="G8">
            <v>7875.9828984374999</v>
          </cell>
          <cell r="H8">
            <v>60382.5355546875</v>
          </cell>
        </row>
        <row r="9">
          <cell r="A9" t="str">
            <v>LS-7</v>
          </cell>
          <cell r="B9">
            <v>36158.75</v>
          </cell>
          <cell r="C9">
            <v>3615.875</v>
          </cell>
          <cell r="D9">
            <v>17898.581249999999</v>
          </cell>
          <cell r="E9">
            <v>8650.9809375000004</v>
          </cell>
          <cell r="F9">
            <v>33162.093593750003</v>
          </cell>
          <cell r="G9">
            <v>14922.9421171875</v>
          </cell>
          <cell r="H9">
            <v>114409.22289843751</v>
          </cell>
        </row>
        <row r="10">
          <cell r="A10" t="str">
            <v>LS-8</v>
          </cell>
          <cell r="B10">
            <v>57480.75</v>
          </cell>
          <cell r="C10">
            <v>5748.0750000000007</v>
          </cell>
          <cell r="D10">
            <v>28452.971249999999</v>
          </cell>
          <cell r="E10">
            <v>13752.269437499999</v>
          </cell>
          <cell r="F10">
            <v>52717.032843749999</v>
          </cell>
          <cell r="G10">
            <v>23722.664779687497</v>
          </cell>
          <cell r="H10">
            <v>181873.7633109375</v>
          </cell>
        </row>
        <row r="11">
          <cell r="A11" t="str">
            <v>LS-9</v>
          </cell>
          <cell r="B11">
            <v>64860.76</v>
          </cell>
          <cell r="C11">
            <v>6486.0760000000009</v>
          </cell>
          <cell r="D11">
            <v>32106.076200000007</v>
          </cell>
          <cell r="E11">
            <v>15517.936830000002</v>
          </cell>
          <cell r="F11">
            <v>59485.424515000013</v>
          </cell>
          <cell r="G11">
            <v>26768.441031750008</v>
          </cell>
          <cell r="H11">
            <v>205224.71457675003</v>
          </cell>
        </row>
        <row r="12">
          <cell r="A12" t="str">
            <v>LS-10</v>
          </cell>
          <cell r="B12">
            <v>12714</v>
          </cell>
          <cell r="C12">
            <v>1271.4000000000001</v>
          </cell>
          <cell r="D12">
            <v>6293.43</v>
          </cell>
          <cell r="E12">
            <v>3041.8245000000002</v>
          </cell>
          <cell r="F12">
            <v>11660.32725</v>
          </cell>
          <cell r="G12">
            <v>5247.1472624999997</v>
          </cell>
          <cell r="H12">
            <v>40228.129012500001</v>
          </cell>
        </row>
        <row r="13">
          <cell r="A13" t="str">
            <v>LS-11</v>
          </cell>
          <cell r="B13">
            <v>38537</v>
          </cell>
          <cell r="C13">
            <v>3853.7000000000003</v>
          </cell>
          <cell r="D13">
            <v>19075.814999999999</v>
          </cell>
          <cell r="E13">
            <v>9219.9772499999999</v>
          </cell>
          <cell r="F13">
            <v>35343.246124999998</v>
          </cell>
          <cell r="G13">
            <v>15904.460756249999</v>
          </cell>
          <cell r="H13">
            <v>121934.19913124999</v>
          </cell>
        </row>
        <row r="14">
          <cell r="A14" t="str">
            <v>LS-12</v>
          </cell>
          <cell r="B14">
            <v>13482</v>
          </cell>
          <cell r="C14">
            <v>1348.2</v>
          </cell>
          <cell r="D14">
            <v>6673.59</v>
          </cell>
          <cell r="E14">
            <v>3225.5684999999999</v>
          </cell>
          <cell r="F14">
            <v>12364.679250000001</v>
          </cell>
          <cell r="G14">
            <v>5564.1056625000001</v>
          </cell>
          <cell r="H14">
            <v>42658.143412500001</v>
          </cell>
        </row>
        <row r="15">
          <cell r="A15" t="str">
            <v>LS-13</v>
          </cell>
          <cell r="B15">
            <v>100999.75</v>
          </cell>
          <cell r="C15">
            <v>10099.975</v>
          </cell>
          <cell r="D15">
            <v>49994.876250000001</v>
          </cell>
          <cell r="E15">
            <v>24164.1901875</v>
          </cell>
          <cell r="F15">
            <v>92629.395718750005</v>
          </cell>
          <cell r="G15">
            <v>41683.228073437494</v>
          </cell>
          <cell r="H15">
            <v>319571.41522968747</v>
          </cell>
        </row>
        <row r="16">
          <cell r="A16" t="str">
            <v>LS-14</v>
          </cell>
          <cell r="B16">
            <v>159209</v>
          </cell>
          <cell r="C16">
            <v>15920.900000000001</v>
          </cell>
          <cell r="D16">
            <v>78808.455000000002</v>
          </cell>
          <cell r="E16">
            <v>38090.753249999994</v>
          </cell>
          <cell r="F16">
            <v>146014.554125</v>
          </cell>
          <cell r="G16">
            <v>65706.549356250005</v>
          </cell>
          <cell r="H16">
            <v>503750.21173124993</v>
          </cell>
        </row>
        <row r="17">
          <cell r="A17" t="str">
            <v>LS-16</v>
          </cell>
          <cell r="B17">
            <v>19497.84</v>
          </cell>
          <cell r="C17">
            <v>1949.7840000000001</v>
          </cell>
          <cell r="D17">
            <v>9651.4308000000001</v>
          </cell>
          <cell r="E17">
            <v>4664.8582199999992</v>
          </cell>
          <cell r="F17">
            <v>17881.95651</v>
          </cell>
          <cell r="G17">
            <v>8046.8804295</v>
          </cell>
          <cell r="H17">
            <v>61692.749959499997</v>
          </cell>
        </row>
        <row r="18">
          <cell r="A18" t="str">
            <v>LS-17</v>
          </cell>
          <cell r="B18">
            <v>21568.880000000001</v>
          </cell>
          <cell r="C18">
            <v>2156.8880000000004</v>
          </cell>
          <cell r="D18">
            <v>10676.595600000001</v>
          </cell>
          <cell r="E18">
            <v>5160.3545399999994</v>
          </cell>
          <cell r="F18">
            <v>19781.359069999999</v>
          </cell>
          <cell r="G18">
            <v>8901.6115815000012</v>
          </cell>
          <cell r="H18">
            <v>68245.688791499997</v>
          </cell>
        </row>
        <row r="19">
          <cell r="A19" t="str">
            <v>LS-18</v>
          </cell>
          <cell r="B19">
            <v>34668.880000000005</v>
          </cell>
          <cell r="C19">
            <v>3466.8880000000008</v>
          </cell>
          <cell r="D19">
            <v>17161.095600000001</v>
          </cell>
          <cell r="E19">
            <v>8294.5295399999995</v>
          </cell>
          <cell r="F19">
            <v>31795.69657</v>
          </cell>
          <cell r="G19">
            <v>14308.0634565</v>
          </cell>
          <cell r="H19">
            <v>109695.15316650001</v>
          </cell>
        </row>
        <row r="20">
          <cell r="A20" t="str">
            <v>LS-19</v>
          </cell>
          <cell r="B20">
            <v>34668.880000000005</v>
          </cell>
          <cell r="C20">
            <v>3466.8880000000008</v>
          </cell>
          <cell r="D20">
            <v>17161.095600000001</v>
          </cell>
          <cell r="E20">
            <v>8294.5295399999995</v>
          </cell>
          <cell r="F20">
            <v>31795.69657</v>
          </cell>
          <cell r="G20">
            <v>14308.0634565</v>
          </cell>
          <cell r="H20">
            <v>109695.15316650001</v>
          </cell>
        </row>
        <row r="21">
          <cell r="A21" t="str">
            <v>LS-20</v>
          </cell>
          <cell r="B21">
            <v>34668.880000000005</v>
          </cell>
          <cell r="C21">
            <v>3466.8880000000008</v>
          </cell>
          <cell r="D21">
            <v>17161.095600000001</v>
          </cell>
          <cell r="E21">
            <v>8294.5295399999995</v>
          </cell>
          <cell r="F21">
            <v>31795.69657</v>
          </cell>
          <cell r="G21">
            <v>14308.0634565</v>
          </cell>
          <cell r="H21">
            <v>109695.15316650001</v>
          </cell>
        </row>
        <row r="22">
          <cell r="A22" t="str">
            <v>LS-21</v>
          </cell>
          <cell r="B22">
            <v>34668.880000000005</v>
          </cell>
          <cell r="C22">
            <v>3466.8880000000008</v>
          </cell>
          <cell r="D22">
            <v>17161.095600000001</v>
          </cell>
          <cell r="E22">
            <v>8294.5295399999995</v>
          </cell>
          <cell r="F22">
            <v>31795.69657</v>
          </cell>
          <cell r="G22">
            <v>14308.0634565</v>
          </cell>
          <cell r="H22">
            <v>109695.15316650001</v>
          </cell>
        </row>
        <row r="23">
          <cell r="A23" t="str">
            <v>LS-22</v>
          </cell>
          <cell r="B23">
            <v>42714</v>
          </cell>
          <cell r="C23">
            <v>4271.4000000000005</v>
          </cell>
          <cell r="D23">
            <v>21143.43</v>
          </cell>
          <cell r="E23">
            <v>10219.324500000001</v>
          </cell>
          <cell r="F23">
            <v>39174.077250000002</v>
          </cell>
          <cell r="G23">
            <v>17628.334762499999</v>
          </cell>
          <cell r="H23">
            <v>135150.56651249999</v>
          </cell>
        </row>
        <row r="24">
          <cell r="A24" t="str">
            <v>LS-23</v>
          </cell>
          <cell r="B24">
            <v>43092</v>
          </cell>
          <cell r="C24">
            <v>4309.2</v>
          </cell>
          <cell r="D24">
            <v>21330.54</v>
          </cell>
          <cell r="E24">
            <v>10309.760999999999</v>
          </cell>
          <cell r="F24">
            <v>39520.750499999995</v>
          </cell>
          <cell r="G24">
            <v>17784.337724999998</v>
          </cell>
          <cell r="H24">
            <v>136346.58922499997</v>
          </cell>
        </row>
        <row r="25">
          <cell r="A25" t="str">
            <v>LS-24</v>
          </cell>
          <cell r="B25">
            <v>42714</v>
          </cell>
          <cell r="C25">
            <v>4271.4000000000005</v>
          </cell>
          <cell r="D25">
            <v>21143.43</v>
          </cell>
          <cell r="E25">
            <v>10219.324500000001</v>
          </cell>
          <cell r="F25">
            <v>39174.077250000002</v>
          </cell>
          <cell r="G25">
            <v>17628.334762499999</v>
          </cell>
          <cell r="H25">
            <v>135150.56651249999</v>
          </cell>
        </row>
        <row r="26">
          <cell r="A26" t="str">
            <v>LS-25</v>
          </cell>
          <cell r="B26">
            <v>42714</v>
          </cell>
          <cell r="C26">
            <v>4271.4000000000005</v>
          </cell>
          <cell r="D26">
            <v>21143.43</v>
          </cell>
          <cell r="E26">
            <v>10219.324500000001</v>
          </cell>
          <cell r="F26">
            <v>39174.077250000002</v>
          </cell>
          <cell r="G26">
            <v>17628.334762499999</v>
          </cell>
          <cell r="H26">
            <v>135150.56651249999</v>
          </cell>
        </row>
        <row r="27">
          <cell r="A27" t="str">
            <v>LS-26</v>
          </cell>
          <cell r="B27">
            <v>42714</v>
          </cell>
          <cell r="C27">
            <v>4271.4000000000005</v>
          </cell>
          <cell r="D27">
            <v>21143.43</v>
          </cell>
          <cell r="E27">
            <v>10219.324500000001</v>
          </cell>
          <cell r="F27">
            <v>39174.077250000002</v>
          </cell>
          <cell r="G27">
            <v>17628.334762499999</v>
          </cell>
          <cell r="H27">
            <v>135150.56651249999</v>
          </cell>
        </row>
        <row r="28">
          <cell r="A28" t="str">
            <v>LS-27</v>
          </cell>
          <cell r="B28">
            <v>42714</v>
          </cell>
          <cell r="C28">
            <v>4271.4000000000005</v>
          </cell>
          <cell r="D28">
            <v>21143.43</v>
          </cell>
          <cell r="E28">
            <v>10219.324500000001</v>
          </cell>
          <cell r="F28">
            <v>39174.077250000002</v>
          </cell>
          <cell r="G28">
            <v>17628.334762499999</v>
          </cell>
          <cell r="H28">
            <v>135150.56651249999</v>
          </cell>
        </row>
        <row r="29">
          <cell r="A29" t="str">
            <v>LS-28</v>
          </cell>
          <cell r="B29">
            <v>42714</v>
          </cell>
          <cell r="C29">
            <v>4271.4000000000005</v>
          </cell>
          <cell r="D29">
            <v>21143.43</v>
          </cell>
          <cell r="E29">
            <v>10219.324500000001</v>
          </cell>
          <cell r="F29">
            <v>39174.077250000002</v>
          </cell>
          <cell r="G29">
            <v>17628.334762499999</v>
          </cell>
          <cell r="H29">
            <v>135150.56651249999</v>
          </cell>
        </row>
        <row r="30">
          <cell r="A30" t="str">
            <v>LS-29</v>
          </cell>
          <cell r="B30">
            <v>42714</v>
          </cell>
          <cell r="C30">
            <v>4271.4000000000005</v>
          </cell>
          <cell r="D30">
            <v>21143.43</v>
          </cell>
          <cell r="E30">
            <v>10219.324500000001</v>
          </cell>
          <cell r="F30">
            <v>39174.077250000002</v>
          </cell>
          <cell r="G30">
            <v>17628.334762499999</v>
          </cell>
          <cell r="H30">
            <v>135150.56651249999</v>
          </cell>
        </row>
        <row r="31">
          <cell r="A31" t="str">
            <v>LS-30</v>
          </cell>
          <cell r="B31">
            <v>227773.67</v>
          </cell>
          <cell r="C31">
            <v>22777.367000000002</v>
          </cell>
          <cell r="D31">
            <v>112747.96665</v>
          </cell>
          <cell r="E31">
            <v>54494.850547500006</v>
          </cell>
          <cell r="F31">
            <v>208896.92709875002</v>
          </cell>
          <cell r="G31">
            <v>94003.617194437509</v>
          </cell>
          <cell r="H31">
            <v>720694.3984906876</v>
          </cell>
        </row>
        <row r="32">
          <cell r="A32" t="str">
            <v>LS-31</v>
          </cell>
          <cell r="H32" t="str">
            <v>£2,000,000-£9,000,000</v>
          </cell>
        </row>
        <row r="33">
          <cell r="A33" t="str">
            <v>LS-32</v>
          </cell>
          <cell r="H33">
            <v>106900000</v>
          </cell>
        </row>
        <row r="34">
          <cell r="A34" t="str">
            <v>LS-33</v>
          </cell>
          <cell r="B34">
            <v>256650.85279999999</v>
          </cell>
          <cell r="C34">
            <v>25665.085279999999</v>
          </cell>
          <cell r="D34">
            <v>127042.17213599999</v>
          </cell>
          <cell r="E34">
            <v>61403.716532399994</v>
          </cell>
          <cell r="F34">
            <v>235380.9133742</v>
          </cell>
          <cell r="G34">
            <v>105921.41101838999</v>
          </cell>
          <cell r="H34">
            <v>812064.15114098997</v>
          </cell>
        </row>
        <row r="35">
          <cell r="A35" t="str">
            <v>LS-34</v>
          </cell>
          <cell r="B35">
            <v>5000000</v>
          </cell>
          <cell r="C35">
            <v>500000</v>
          </cell>
          <cell r="D35">
            <v>2475000</v>
          </cell>
          <cell r="E35">
            <v>1196250</v>
          </cell>
          <cell r="F35">
            <v>4585625</v>
          </cell>
          <cell r="G35">
            <v>2063531.25</v>
          </cell>
          <cell r="H35">
            <v>15820406.25</v>
          </cell>
        </row>
        <row r="36">
          <cell r="A36" t="str">
            <v>LS-35</v>
          </cell>
          <cell r="B36">
            <v>21886.55</v>
          </cell>
          <cell r="C36">
            <v>2188.6550000000002</v>
          </cell>
          <cell r="D36">
            <v>10833.84225</v>
          </cell>
          <cell r="E36">
            <v>5236.3570874999996</v>
          </cell>
          <cell r="F36">
            <v>20072.702168749998</v>
          </cell>
          <cell r="G36">
            <v>9032.715975937499</v>
          </cell>
          <cell r="H36">
            <v>69250.822482187505</v>
          </cell>
        </row>
        <row r="37">
          <cell r="A37" t="str">
            <v>LS-36</v>
          </cell>
          <cell r="B37">
            <v>21886.55</v>
          </cell>
          <cell r="C37">
            <v>2188.6550000000002</v>
          </cell>
          <cell r="D37">
            <v>10833.84225</v>
          </cell>
          <cell r="E37">
            <v>5236.3570874999996</v>
          </cell>
          <cell r="F37">
            <v>20072.702168749998</v>
          </cell>
          <cell r="G37">
            <v>9032.715975937499</v>
          </cell>
          <cell r="H37">
            <v>69250.822482187505</v>
          </cell>
        </row>
        <row r="38">
          <cell r="A38" t="str">
            <v>LS-37</v>
          </cell>
          <cell r="B38">
            <v>21216.03</v>
          </cell>
          <cell r="C38">
            <v>2121.6030000000001</v>
          </cell>
          <cell r="D38">
            <v>10501.93485</v>
          </cell>
          <cell r="E38">
            <v>5075.9351774999996</v>
          </cell>
          <cell r="F38">
            <v>19457.751513750001</v>
          </cell>
          <cell r="G38">
            <v>8755.9881811875002</v>
          </cell>
          <cell r="H38">
            <v>67129.242722437499</v>
          </cell>
        </row>
        <row r="39">
          <cell r="A39" t="str">
            <v>LS-38</v>
          </cell>
          <cell r="B39">
            <v>21886.55</v>
          </cell>
          <cell r="C39">
            <v>2188.6550000000002</v>
          </cell>
          <cell r="D39">
            <v>10833.84225</v>
          </cell>
          <cell r="E39">
            <v>5236.3570874999996</v>
          </cell>
          <cell r="F39">
            <v>20072.702168749998</v>
          </cell>
          <cell r="G39">
            <v>9032.715975937499</v>
          </cell>
          <cell r="H39">
            <v>69250.822482187505</v>
          </cell>
        </row>
        <row r="40">
          <cell r="A40" t="str">
            <v>LS-39</v>
          </cell>
          <cell r="B40">
            <v>21741.289999999997</v>
          </cell>
          <cell r="C40">
            <v>2174.1289999999999</v>
          </cell>
          <cell r="D40">
            <v>10761.938549999999</v>
          </cell>
          <cell r="E40">
            <v>5201.6036324999995</v>
          </cell>
          <cell r="F40">
            <v>19939.480591250001</v>
          </cell>
          <cell r="G40">
            <v>8972.7662660624992</v>
          </cell>
          <cell r="H40">
            <v>68791.208039812511</v>
          </cell>
        </row>
        <row r="41">
          <cell r="A41" t="str">
            <v>LS-40</v>
          </cell>
          <cell r="B41">
            <v>21886.55</v>
          </cell>
          <cell r="C41">
            <v>2188.6550000000002</v>
          </cell>
          <cell r="D41">
            <v>10833.84225</v>
          </cell>
          <cell r="E41">
            <v>5236.3570874999996</v>
          </cell>
          <cell r="F41">
            <v>20072.702168749998</v>
          </cell>
          <cell r="G41">
            <v>9032.715975937499</v>
          </cell>
          <cell r="H41">
            <v>69250.822482187505</v>
          </cell>
        </row>
        <row r="42">
          <cell r="A42" t="str">
            <v>LS-41</v>
          </cell>
          <cell r="B42">
            <v>75800</v>
          </cell>
          <cell r="C42">
            <v>7580</v>
          </cell>
          <cell r="D42">
            <v>37521</v>
          </cell>
          <cell r="E42">
            <v>18135.149999999998</v>
          </cell>
          <cell r="F42">
            <v>69518.074999999997</v>
          </cell>
          <cell r="G42">
            <v>31283.133750000001</v>
          </cell>
          <cell r="H42">
            <v>239837.35874999998</v>
          </cell>
        </row>
        <row r="43">
          <cell r="A43" t="str">
            <v>LS-42</v>
          </cell>
          <cell r="B43">
            <v>165000</v>
          </cell>
          <cell r="C43">
            <v>16500</v>
          </cell>
          <cell r="D43">
            <v>81675</v>
          </cell>
          <cell r="E43">
            <v>39476.25</v>
          </cell>
          <cell r="F43">
            <v>151325.625</v>
          </cell>
          <cell r="G43">
            <v>68096.53125</v>
          </cell>
          <cell r="H43">
            <v>522073.40625</v>
          </cell>
        </row>
        <row r="44">
          <cell r="A44" t="str">
            <v>LS-43</v>
          </cell>
          <cell r="B44">
            <v>160000</v>
          </cell>
          <cell r="C44">
            <v>16000</v>
          </cell>
          <cell r="D44">
            <v>79200</v>
          </cell>
          <cell r="E44">
            <v>38280</v>
          </cell>
          <cell r="F44">
            <v>146740</v>
          </cell>
          <cell r="G44">
            <v>66033</v>
          </cell>
          <cell r="H44">
            <v>506253</v>
          </cell>
        </row>
        <row r="45">
          <cell r="A45" t="str">
            <v>LS-44</v>
          </cell>
          <cell r="B45">
            <v>160000</v>
          </cell>
          <cell r="C45">
            <v>16000</v>
          </cell>
          <cell r="D45">
            <v>79200</v>
          </cell>
          <cell r="E45">
            <v>38280</v>
          </cell>
          <cell r="F45">
            <v>146740</v>
          </cell>
          <cell r="G45">
            <v>66033</v>
          </cell>
          <cell r="H45">
            <v>506253</v>
          </cell>
        </row>
        <row r="46">
          <cell r="A46" t="str">
            <v>LS-45</v>
          </cell>
          <cell r="B46">
            <v>2400</v>
          </cell>
          <cell r="C46">
            <v>240</v>
          </cell>
          <cell r="D46">
            <v>1188</v>
          </cell>
          <cell r="E46">
            <v>574.19999999999993</v>
          </cell>
          <cell r="F46">
            <v>2201.1</v>
          </cell>
          <cell r="G46">
            <v>990.495</v>
          </cell>
          <cell r="H46">
            <v>7593.7949999999992</v>
          </cell>
        </row>
        <row r="47">
          <cell r="A47" t="str">
            <v>LS-46</v>
          </cell>
          <cell r="B47">
            <v>105800</v>
          </cell>
          <cell r="C47">
            <v>10580</v>
          </cell>
          <cell r="D47">
            <v>52371</v>
          </cell>
          <cell r="E47">
            <v>25312.649999999998</v>
          </cell>
          <cell r="F47">
            <v>97031.824999999997</v>
          </cell>
          <cell r="G47">
            <v>43664.321250000001</v>
          </cell>
          <cell r="H47">
            <v>334759.79624999996</v>
          </cell>
        </row>
        <row r="48">
          <cell r="A48" t="str">
            <v>LS-47</v>
          </cell>
          <cell r="B48">
            <v>160000</v>
          </cell>
          <cell r="C48">
            <v>16000</v>
          </cell>
          <cell r="D48">
            <v>79200</v>
          </cell>
          <cell r="E48">
            <v>38280</v>
          </cell>
          <cell r="F48">
            <v>146740</v>
          </cell>
          <cell r="G48">
            <v>66033</v>
          </cell>
          <cell r="H48">
            <v>506253</v>
          </cell>
        </row>
        <row r="49">
          <cell r="A49" t="str">
            <v>LS-48</v>
          </cell>
          <cell r="B49">
            <v>6000</v>
          </cell>
          <cell r="C49">
            <v>600</v>
          </cell>
          <cell r="D49">
            <v>2970</v>
          </cell>
          <cell r="E49">
            <v>1435.5</v>
          </cell>
          <cell r="F49">
            <v>5502.75</v>
          </cell>
          <cell r="G49">
            <v>2476.2375000000002</v>
          </cell>
          <cell r="H49">
            <v>18984.487499999999</v>
          </cell>
        </row>
        <row r="50">
          <cell r="A50" t="str">
            <v>LS-49</v>
          </cell>
          <cell r="B50">
            <v>110800</v>
          </cell>
          <cell r="C50">
            <v>11080</v>
          </cell>
          <cell r="D50">
            <v>54846</v>
          </cell>
          <cell r="E50">
            <v>26508.899999999998</v>
          </cell>
          <cell r="F50">
            <v>101617.45</v>
          </cell>
          <cell r="G50">
            <v>45727.852500000001</v>
          </cell>
          <cell r="H50">
            <v>350580.20249999996</v>
          </cell>
        </row>
        <row r="51">
          <cell r="A51" t="str">
            <v>LS-50</v>
          </cell>
          <cell r="B51">
            <v>10823</v>
          </cell>
          <cell r="C51">
            <v>1082.3</v>
          </cell>
          <cell r="D51">
            <v>5357.3850000000002</v>
          </cell>
          <cell r="E51">
            <v>2589.4027499999997</v>
          </cell>
          <cell r="F51">
            <v>9926.0438749999994</v>
          </cell>
          <cell r="G51">
            <v>4466.7197437499999</v>
          </cell>
          <cell r="H51">
            <v>34244.851368749994</v>
          </cell>
        </row>
        <row r="52">
          <cell r="A52" t="str">
            <v>LS-51</v>
          </cell>
          <cell r="B52">
            <v>468086.32274999999</v>
          </cell>
          <cell r="C52">
            <v>46808.632275000004</v>
          </cell>
          <cell r="D52">
            <v>231702.72976125</v>
          </cell>
          <cell r="E52">
            <v>111989.6527179375</v>
          </cell>
          <cell r="F52">
            <v>429293.66875209374</v>
          </cell>
          <cell r="G52">
            <v>193182.15093844218</v>
          </cell>
          <cell r="H52">
            <v>1481063.1571947234</v>
          </cell>
        </row>
        <row r="53">
          <cell r="A53" t="str">
            <v>LS-52</v>
          </cell>
          <cell r="B53">
            <v>78000</v>
          </cell>
          <cell r="C53">
            <v>7800</v>
          </cell>
          <cell r="D53">
            <v>38610</v>
          </cell>
          <cell r="E53">
            <v>18661.5</v>
          </cell>
          <cell r="F53">
            <v>71535.75</v>
          </cell>
          <cell r="G53">
            <v>32191.087499999998</v>
          </cell>
          <cell r="H53">
            <v>246798.33749999999</v>
          </cell>
        </row>
        <row r="54">
          <cell r="A54" t="str">
            <v>LS-53</v>
          </cell>
          <cell r="B54">
            <v>10823</v>
          </cell>
          <cell r="C54">
            <v>1082.3</v>
          </cell>
          <cell r="D54">
            <v>5357.3850000000002</v>
          </cell>
          <cell r="E54">
            <v>2589.4027499999997</v>
          </cell>
          <cell r="F54">
            <v>9926.0438749999994</v>
          </cell>
          <cell r="G54">
            <v>4466.7197437499999</v>
          </cell>
          <cell r="H54">
            <v>34244.851368749994</v>
          </cell>
        </row>
        <row r="55">
          <cell r="A55" t="str">
            <v>LS-54</v>
          </cell>
          <cell r="B55">
            <v>749000</v>
          </cell>
          <cell r="C55">
            <v>74900</v>
          </cell>
          <cell r="D55">
            <v>370755</v>
          </cell>
          <cell r="E55">
            <v>179198.25</v>
          </cell>
          <cell r="F55">
            <v>686926.625</v>
          </cell>
          <cell r="G55">
            <v>309116.98124999995</v>
          </cell>
          <cell r="H55">
            <v>2369896.8562500002</v>
          </cell>
        </row>
        <row r="56">
          <cell r="A56" t="str">
            <v>LS-55</v>
          </cell>
          <cell r="B56">
            <v>98800</v>
          </cell>
          <cell r="C56">
            <v>9880</v>
          </cell>
          <cell r="D56">
            <v>48906</v>
          </cell>
          <cell r="E56">
            <v>23637.899999999998</v>
          </cell>
          <cell r="F56">
            <v>90611.95</v>
          </cell>
          <cell r="G56">
            <v>40775.377500000002</v>
          </cell>
          <cell r="H56">
            <v>312611.22749999998</v>
          </cell>
        </row>
        <row r="57">
          <cell r="A57" t="str">
            <v>LS-56</v>
          </cell>
          <cell r="B57">
            <v>152714</v>
          </cell>
          <cell r="C57">
            <v>15271.400000000001</v>
          </cell>
          <cell r="D57">
            <v>75593.429999999993</v>
          </cell>
          <cell r="E57">
            <v>36536.824499999995</v>
          </cell>
          <cell r="F57">
            <v>140057.82725</v>
          </cell>
          <cell r="G57">
            <v>63026.022262499988</v>
          </cell>
          <cell r="H57">
            <v>483199.50401250005</v>
          </cell>
        </row>
        <row r="58">
          <cell r="A58" t="str">
            <v>LS-57</v>
          </cell>
          <cell r="B58">
            <v>78537</v>
          </cell>
          <cell r="C58">
            <v>7853.7000000000007</v>
          </cell>
          <cell r="D58">
            <v>38875.815000000002</v>
          </cell>
          <cell r="E58">
            <v>18789.97725</v>
          </cell>
          <cell r="F58">
            <v>72028.246125000005</v>
          </cell>
          <cell r="G58">
            <v>32412.710756250002</v>
          </cell>
          <cell r="H58">
            <v>248497.44913125003</v>
          </cell>
        </row>
        <row r="59">
          <cell r="A59" t="str">
            <v>LS-58</v>
          </cell>
        </row>
        <row r="60">
          <cell r="A60" t="str">
            <v>LS-59</v>
          </cell>
          <cell r="B60">
            <v>11874</v>
          </cell>
          <cell r="C60">
            <v>1187.4000000000001</v>
          </cell>
          <cell r="D60">
            <v>5877.63</v>
          </cell>
          <cell r="E60">
            <v>2840.8544999999999</v>
          </cell>
          <cell r="F60">
            <v>10889.94225</v>
          </cell>
          <cell r="G60">
            <v>4900.4740124999998</v>
          </cell>
          <cell r="H60">
            <v>37570.300762500003</v>
          </cell>
        </row>
        <row r="61">
          <cell r="A61" t="str">
            <v>LS-60</v>
          </cell>
          <cell r="B61">
            <v>72000</v>
          </cell>
          <cell r="C61">
            <v>7200</v>
          </cell>
          <cell r="D61">
            <v>35640</v>
          </cell>
          <cell r="E61">
            <v>17226</v>
          </cell>
          <cell r="F61">
            <v>66033</v>
          </cell>
          <cell r="G61">
            <v>29714.85</v>
          </cell>
          <cell r="H61">
            <v>227813.85</v>
          </cell>
        </row>
        <row r="62">
          <cell r="A62" t="str">
            <v>LS-61</v>
          </cell>
          <cell r="B62">
            <v>723007.25</v>
          </cell>
          <cell r="C62">
            <v>72300.725000000006</v>
          </cell>
          <cell r="D62">
            <v>357888.58875</v>
          </cell>
          <cell r="E62">
            <v>172979.4845625</v>
          </cell>
          <cell r="F62">
            <v>663088.02415624994</v>
          </cell>
          <cell r="G62">
            <v>298389.61087031249</v>
          </cell>
          <cell r="H62">
            <v>2287653.6833390621</v>
          </cell>
        </row>
        <row r="63">
          <cell r="A63" t="str">
            <v>LS-62</v>
          </cell>
        </row>
        <row r="64">
          <cell r="A64" t="str">
            <v>LS-63</v>
          </cell>
        </row>
        <row r="65">
          <cell r="A65" t="str">
            <v>LS-64</v>
          </cell>
          <cell r="B65">
            <v>516800</v>
          </cell>
          <cell r="C65">
            <v>51680</v>
          </cell>
          <cell r="D65">
            <v>255816</v>
          </cell>
          <cell r="E65">
            <v>123644.4</v>
          </cell>
          <cell r="F65">
            <v>473970.2</v>
          </cell>
          <cell r="G65">
            <v>213286.59</v>
          </cell>
          <cell r="H65">
            <v>1635197.1900000002</v>
          </cell>
        </row>
        <row r="66">
          <cell r="A66" t="str">
            <v>LS-65</v>
          </cell>
          <cell r="B66" t="str">
            <v>REMOVED</v>
          </cell>
          <cell r="C66" t="str">
            <v>REMOVED</v>
          </cell>
          <cell r="D66" t="str">
            <v>REMOVED</v>
          </cell>
          <cell r="E66" t="str">
            <v>REMOVED</v>
          </cell>
          <cell r="F66" t="str">
            <v>REMOVED</v>
          </cell>
          <cell r="G66" t="str">
            <v>REMOVED</v>
          </cell>
          <cell r="H66" t="str">
            <v>REMOVED</v>
          </cell>
        </row>
        <row r="67">
          <cell r="A67" t="str">
            <v>LS-66</v>
          </cell>
          <cell r="B67" t="str">
            <v>REMOVED</v>
          </cell>
          <cell r="C67" t="str">
            <v>REMOVED</v>
          </cell>
          <cell r="D67" t="str">
            <v>REMOVED</v>
          </cell>
          <cell r="E67" t="str">
            <v>REMOVED</v>
          </cell>
          <cell r="F67" t="str">
            <v>REMOVED</v>
          </cell>
          <cell r="G67" t="str">
            <v>REMOVED</v>
          </cell>
          <cell r="H67" t="str">
            <v>REMOVED</v>
          </cell>
        </row>
        <row r="68">
          <cell r="A68" t="str">
            <v>LS-67</v>
          </cell>
          <cell r="B68" t="str">
            <v>REMOVED</v>
          </cell>
          <cell r="C68" t="str">
            <v>REMOVED</v>
          </cell>
          <cell r="D68" t="str">
            <v>REMOVED</v>
          </cell>
          <cell r="E68" t="str">
            <v>REMOVED</v>
          </cell>
          <cell r="F68" t="str">
            <v>REMOVED</v>
          </cell>
          <cell r="G68" t="str">
            <v>REMOVED</v>
          </cell>
          <cell r="H68" t="str">
            <v>REMOVED</v>
          </cell>
        </row>
        <row r="69">
          <cell r="A69" t="str">
            <v>LS-68</v>
          </cell>
          <cell r="B69">
            <v>16335.75</v>
          </cell>
          <cell r="C69">
            <v>1633.575</v>
          </cell>
          <cell r="D69">
            <v>8086.1962500000009</v>
          </cell>
          <cell r="E69">
            <v>3908.3281875000002</v>
          </cell>
          <cell r="F69">
            <v>14981.92471875</v>
          </cell>
          <cell r="G69">
            <v>6741.8661234374995</v>
          </cell>
          <cell r="H69">
            <v>51687.640279687505</v>
          </cell>
        </row>
        <row r="70">
          <cell r="A70" t="str">
            <v>LS-69</v>
          </cell>
          <cell r="B70">
            <v>46335.75</v>
          </cell>
          <cell r="C70">
            <v>4633.5749999999998</v>
          </cell>
          <cell r="D70">
            <v>22936.196250000001</v>
          </cell>
          <cell r="E70">
            <v>11085.828187499998</v>
          </cell>
          <cell r="F70">
            <v>42495.674718749993</v>
          </cell>
          <cell r="G70">
            <v>19123.053623437496</v>
          </cell>
          <cell r="H70">
            <v>146610.07777968748</v>
          </cell>
        </row>
        <row r="71">
          <cell r="A71" t="str">
            <v>LS-70</v>
          </cell>
          <cell r="B71" t="str">
            <v>REMOVED</v>
          </cell>
          <cell r="C71" t="str">
            <v>REMOVED</v>
          </cell>
          <cell r="D71" t="str">
            <v>REMOVED</v>
          </cell>
          <cell r="E71" t="str">
            <v>REMOVED</v>
          </cell>
          <cell r="F71" t="str">
            <v>REMOVED</v>
          </cell>
          <cell r="G71" t="str">
            <v>REMOVED</v>
          </cell>
          <cell r="H71" t="str">
            <v>REMOVED</v>
          </cell>
        </row>
        <row r="72">
          <cell r="A72" t="str">
            <v>LS-71</v>
          </cell>
          <cell r="B72">
            <v>3117231</v>
          </cell>
          <cell r="C72">
            <v>311723.10000000003</v>
          </cell>
          <cell r="D72">
            <v>1543029.345</v>
          </cell>
          <cell r="E72">
            <v>745797.51675000007</v>
          </cell>
          <cell r="F72">
            <v>2858890.4808750004</v>
          </cell>
          <cell r="G72">
            <v>1286500.7163937502</v>
          </cell>
          <cell r="H72">
            <v>9863172.1590187512</v>
          </cell>
        </row>
        <row r="73">
          <cell r="A73" t="str">
            <v>LS-72</v>
          </cell>
          <cell r="B73">
            <v>506825.42000000004</v>
          </cell>
          <cell r="C73">
            <v>50682.542000000009</v>
          </cell>
          <cell r="D73">
            <v>250878.58290000004</v>
          </cell>
          <cell r="E73">
            <v>121257.98173500001</v>
          </cell>
          <cell r="F73">
            <v>464822.26331750007</v>
          </cell>
          <cell r="G73">
            <v>209170.01849287501</v>
          </cell>
          <cell r="H73">
            <v>1603636.8084453752</v>
          </cell>
        </row>
        <row r="74">
          <cell r="A74" t="str">
            <v>LS-73</v>
          </cell>
          <cell r="H74">
            <v>877752</v>
          </cell>
        </row>
        <row r="75">
          <cell r="A75" t="str">
            <v>LS-74</v>
          </cell>
          <cell r="H75" t="str">
            <v>£10,000,000-£15,000,000</v>
          </cell>
        </row>
        <row r="76">
          <cell r="A76" t="str">
            <v>LS-75</v>
          </cell>
          <cell r="B76">
            <v>5400000</v>
          </cell>
          <cell r="D76">
            <v>2430000</v>
          </cell>
          <cell r="E76">
            <v>1174500</v>
          </cell>
          <cell r="F76">
            <v>4502250</v>
          </cell>
          <cell r="H76">
            <v>13506750</v>
          </cell>
        </row>
        <row r="77">
          <cell r="A77" t="str">
            <v>LS-76</v>
          </cell>
          <cell r="B77">
            <v>936000</v>
          </cell>
          <cell r="C77">
            <v>93600</v>
          </cell>
          <cell r="D77">
            <v>463320</v>
          </cell>
          <cell r="E77">
            <v>223938</v>
          </cell>
          <cell r="F77">
            <v>858429</v>
          </cell>
          <cell r="G77">
            <v>386293.05</v>
          </cell>
          <cell r="H77">
            <v>2961580.05</v>
          </cell>
        </row>
        <row r="78">
          <cell r="A78" t="str">
            <v>SG2-1</v>
          </cell>
          <cell r="B78">
            <v>22000</v>
          </cell>
          <cell r="C78">
            <v>2200</v>
          </cell>
          <cell r="D78">
            <v>10890</v>
          </cell>
          <cell r="E78">
            <v>5263.5</v>
          </cell>
          <cell r="F78">
            <v>20176.75</v>
          </cell>
          <cell r="G78">
            <v>9079.5374999999985</v>
          </cell>
          <cell r="H78">
            <v>69609.787500000006</v>
          </cell>
        </row>
        <row r="79">
          <cell r="A79" t="str">
            <v>SG2-2</v>
          </cell>
          <cell r="B79" t="str">
            <v>REMOVED</v>
          </cell>
          <cell r="C79" t="str">
            <v>REMOVED</v>
          </cell>
          <cell r="D79" t="str">
            <v>REMOVED</v>
          </cell>
          <cell r="E79" t="str">
            <v>REMOVED</v>
          </cell>
          <cell r="F79" t="str">
            <v>REMOVED</v>
          </cell>
          <cell r="G79" t="str">
            <v>REMOVED</v>
          </cell>
          <cell r="H79" t="str">
            <v>REMOVED</v>
          </cell>
        </row>
        <row r="80">
          <cell r="A80" t="str">
            <v>SG2-3</v>
          </cell>
          <cell r="B80">
            <v>63000</v>
          </cell>
          <cell r="C80">
            <v>6300</v>
          </cell>
          <cell r="D80">
            <v>31185</v>
          </cell>
          <cell r="E80">
            <v>15072.75</v>
          </cell>
          <cell r="F80">
            <v>57778.875</v>
          </cell>
          <cell r="G80">
            <v>26000.493749999998</v>
          </cell>
          <cell r="H80">
            <v>199337.11874999999</v>
          </cell>
        </row>
        <row r="81">
          <cell r="A81" t="str">
            <v>SG2-4</v>
          </cell>
          <cell r="B81">
            <v>8233.2960000000003</v>
          </cell>
          <cell r="C81">
            <v>823.32960000000003</v>
          </cell>
          <cell r="D81">
            <v>4075.4815199999998</v>
          </cell>
          <cell r="E81">
            <v>1969.8160679999996</v>
          </cell>
          <cell r="F81">
            <v>7550.9615939999994</v>
          </cell>
          <cell r="G81">
            <v>3397.9327173000001</v>
          </cell>
          <cell r="H81">
            <v>26050.817499299999</v>
          </cell>
        </row>
        <row r="82">
          <cell r="A82" t="str">
            <v>SG2-5</v>
          </cell>
          <cell r="B82">
            <v>5500</v>
          </cell>
          <cell r="C82">
            <v>550</v>
          </cell>
          <cell r="D82">
            <v>2722.5</v>
          </cell>
          <cell r="E82">
            <v>1315.875</v>
          </cell>
          <cell r="F82">
            <v>5044.1875</v>
          </cell>
          <cell r="G82">
            <v>2269.8843749999996</v>
          </cell>
          <cell r="H82">
            <v>17402.446875000001</v>
          </cell>
        </row>
        <row r="83">
          <cell r="A83" t="str">
            <v>SG2-6</v>
          </cell>
          <cell r="B83">
            <v>189</v>
          </cell>
          <cell r="C83">
            <v>18.900000000000002</v>
          </cell>
          <cell r="D83">
            <v>93.555000000000007</v>
          </cell>
          <cell r="E83">
            <v>45.218250000000005</v>
          </cell>
          <cell r="F83">
            <v>173.33662500000003</v>
          </cell>
          <cell r="G83">
            <v>78.001481250000012</v>
          </cell>
          <cell r="H83">
            <v>598.01135625000006</v>
          </cell>
        </row>
        <row r="84">
          <cell r="A84" t="str">
            <v>SG3-1</v>
          </cell>
          <cell r="B84">
            <v>2785.7280000000001</v>
          </cell>
          <cell r="C84">
            <v>278.57280000000003</v>
          </cell>
          <cell r="D84">
            <v>1378.9353599999999</v>
          </cell>
          <cell r="E84">
            <v>666.48542400000008</v>
          </cell>
          <cell r="F84">
            <v>2554.8607920000004</v>
          </cell>
          <cell r="G84">
            <v>1149.6873564</v>
          </cell>
          <cell r="H84">
            <v>8814.2697324000019</v>
          </cell>
        </row>
        <row r="85">
          <cell r="A85" t="str">
            <v>SG3-2</v>
          </cell>
          <cell r="B85">
            <v>5233.7280000000001</v>
          </cell>
          <cell r="C85">
            <v>523.37279999999998</v>
          </cell>
          <cell r="D85">
            <v>2590.6953600000002</v>
          </cell>
          <cell r="E85">
            <v>1252.1694239999999</v>
          </cell>
          <cell r="F85">
            <v>4799.9827919999998</v>
          </cell>
          <cell r="G85">
            <v>2159.9922563999999</v>
          </cell>
          <cell r="H85">
            <v>16559.940632400001</v>
          </cell>
        </row>
        <row r="86">
          <cell r="A86" t="str">
            <v>SG3-3</v>
          </cell>
          <cell r="B86" t="str">
            <v>REMOVED</v>
          </cell>
          <cell r="C86" t="str">
            <v>REMOVED</v>
          </cell>
          <cell r="D86" t="str">
            <v>REMOVED</v>
          </cell>
          <cell r="E86" t="str">
            <v>REMOVED</v>
          </cell>
          <cell r="F86" t="str">
            <v>REMOVED</v>
          </cell>
          <cell r="G86" t="str">
            <v>REMOVED</v>
          </cell>
          <cell r="H86" t="str">
            <v>REMOVED</v>
          </cell>
        </row>
        <row r="87">
          <cell r="A87" t="str">
            <v>SG3-4</v>
          </cell>
          <cell r="B87">
            <v>50000</v>
          </cell>
          <cell r="C87">
            <v>5000</v>
          </cell>
          <cell r="D87">
            <v>24750</v>
          </cell>
          <cell r="E87">
            <v>11962.5</v>
          </cell>
          <cell r="F87">
            <v>45856.25</v>
          </cell>
          <cell r="G87">
            <v>20635.3125</v>
          </cell>
          <cell r="H87">
            <v>158204.0625</v>
          </cell>
        </row>
        <row r="88">
          <cell r="A88" t="str">
            <v>SG3-5</v>
          </cell>
          <cell r="B88">
            <v>10530</v>
          </cell>
          <cell r="C88">
            <v>1053</v>
          </cell>
          <cell r="D88">
            <v>5212.3500000000004</v>
          </cell>
          <cell r="E88">
            <v>2519.3024999999998</v>
          </cell>
          <cell r="F88">
            <v>9657.3262499999983</v>
          </cell>
          <cell r="G88">
            <v>4345.7968124999998</v>
          </cell>
          <cell r="H88">
            <v>33317.775562499992</v>
          </cell>
        </row>
        <row r="89">
          <cell r="A89" t="str">
            <v>SG4-1</v>
          </cell>
          <cell r="B89">
            <v>816.86400000000003</v>
          </cell>
          <cell r="C89">
            <v>81.686400000000006</v>
          </cell>
          <cell r="D89">
            <v>404.34768000000003</v>
          </cell>
          <cell r="E89">
            <v>195.43471200000002</v>
          </cell>
          <cell r="F89">
            <v>749.16639600000008</v>
          </cell>
          <cell r="G89">
            <v>337.12487820000001</v>
          </cell>
          <cell r="H89">
            <v>2584.6240662</v>
          </cell>
        </row>
        <row r="90">
          <cell r="A90" t="str">
            <v>SG4-2</v>
          </cell>
          <cell r="B90">
            <v>10823</v>
          </cell>
          <cell r="C90">
            <v>1082.3</v>
          </cell>
          <cell r="D90">
            <v>5357.3850000000002</v>
          </cell>
          <cell r="E90">
            <v>2589.4027499999997</v>
          </cell>
          <cell r="F90">
            <v>9926.0438749999994</v>
          </cell>
          <cell r="G90">
            <v>4466.7197437499999</v>
          </cell>
          <cell r="H90">
            <v>34244.851368749994</v>
          </cell>
        </row>
        <row r="91">
          <cell r="A91" t="str">
            <v>SG4-3</v>
          </cell>
          <cell r="B91">
            <v>51233.728000000003</v>
          </cell>
          <cell r="C91">
            <v>5123.372800000001</v>
          </cell>
          <cell r="D91">
            <v>25360.695360000002</v>
          </cell>
          <cell r="E91">
            <v>12257.669424</v>
          </cell>
          <cell r="F91">
            <v>46987.732791999995</v>
          </cell>
          <cell r="G91">
            <v>21144.4797564</v>
          </cell>
          <cell r="H91">
            <v>162107.67813239997</v>
          </cell>
        </row>
        <row r="92">
          <cell r="A92" t="str">
            <v>SG4-4</v>
          </cell>
          <cell r="B92">
            <v>9416.8639999999996</v>
          </cell>
          <cell r="C92">
            <v>941.68640000000005</v>
          </cell>
          <cell r="D92">
            <v>4661.3476799999999</v>
          </cell>
          <cell r="E92">
            <v>2252.9847119999999</v>
          </cell>
          <cell r="F92">
            <v>8636.4413960000002</v>
          </cell>
          <cell r="G92">
            <v>3886.3986282000001</v>
          </cell>
          <cell r="H92">
            <v>29795.722816199999</v>
          </cell>
        </row>
        <row r="93">
          <cell r="A93" t="str">
            <v>SG4-5</v>
          </cell>
          <cell r="B93">
            <v>1816.8000000000002</v>
          </cell>
          <cell r="C93">
            <v>181.68000000000004</v>
          </cell>
          <cell r="D93">
            <v>899.31600000000014</v>
          </cell>
          <cell r="E93">
            <v>434.66940000000005</v>
          </cell>
          <cell r="F93">
            <v>1666.2327000000002</v>
          </cell>
          <cell r="G93">
            <v>749.80471499999999</v>
          </cell>
          <cell r="H93">
            <v>5748.5028150000007</v>
          </cell>
        </row>
        <row r="94">
          <cell r="A94" t="str">
            <v>SG4-6</v>
          </cell>
          <cell r="B94">
            <v>1170.8399999999999</v>
          </cell>
          <cell r="C94">
            <v>117.084</v>
          </cell>
          <cell r="D94">
            <v>579.56579999999997</v>
          </cell>
          <cell r="E94">
            <v>280.12346999999994</v>
          </cell>
          <cell r="F94">
            <v>1073.8066349999999</v>
          </cell>
          <cell r="G94">
            <v>483.21298574999992</v>
          </cell>
          <cell r="H94">
            <v>3704.6328907499997</v>
          </cell>
        </row>
        <row r="95">
          <cell r="A95" t="str">
            <v>SG4-7</v>
          </cell>
          <cell r="B95">
            <v>5265</v>
          </cell>
          <cell r="C95">
            <v>526.5</v>
          </cell>
          <cell r="D95">
            <v>2606.1750000000002</v>
          </cell>
          <cell r="E95">
            <v>1259.6512499999999</v>
          </cell>
          <cell r="F95">
            <v>4828.6631249999991</v>
          </cell>
          <cell r="G95">
            <v>2172.8984062499999</v>
          </cell>
          <cell r="H95">
            <v>16658.887781249996</v>
          </cell>
        </row>
        <row r="96">
          <cell r="A96" t="str">
            <v>SG5-1</v>
          </cell>
          <cell r="B96">
            <v>16720</v>
          </cell>
          <cell r="C96">
            <v>1672</v>
          </cell>
          <cell r="D96">
            <v>8276.4</v>
          </cell>
          <cell r="E96">
            <v>4000.26</v>
          </cell>
          <cell r="F96">
            <v>15334.330000000002</v>
          </cell>
          <cell r="G96">
            <v>6900.4485000000004</v>
          </cell>
          <cell r="H96">
            <v>52903.438500000004</v>
          </cell>
        </row>
        <row r="97">
          <cell r="A97" t="str">
            <v>SG5-2</v>
          </cell>
          <cell r="B97">
            <v>360000</v>
          </cell>
          <cell r="C97">
            <v>36000</v>
          </cell>
          <cell r="D97">
            <v>178200</v>
          </cell>
          <cell r="E97">
            <v>86130</v>
          </cell>
          <cell r="F97">
            <v>330165</v>
          </cell>
          <cell r="G97">
            <v>148574.25</v>
          </cell>
          <cell r="H97">
            <v>1139069.25</v>
          </cell>
        </row>
        <row r="98">
          <cell r="A98" t="str">
            <v>SG5-3</v>
          </cell>
          <cell r="B98" t="str">
            <v>REMOVED</v>
          </cell>
          <cell r="C98" t="str">
            <v>REMOVED</v>
          </cell>
          <cell r="D98" t="str">
            <v>REMOVED</v>
          </cell>
          <cell r="E98" t="str">
            <v>REMOVED</v>
          </cell>
          <cell r="F98" t="str">
            <v>REMOVED</v>
          </cell>
          <cell r="G98" t="str">
            <v>REMOVED</v>
          </cell>
          <cell r="H98" t="str">
            <v>REMOVED</v>
          </cell>
        </row>
        <row r="99">
          <cell r="A99" t="str">
            <v>SG5-4</v>
          </cell>
          <cell r="B99">
            <v>240000</v>
          </cell>
          <cell r="C99">
            <v>24000</v>
          </cell>
          <cell r="D99">
            <v>118800</v>
          </cell>
          <cell r="E99">
            <v>57420</v>
          </cell>
          <cell r="F99">
            <v>220110</v>
          </cell>
          <cell r="G99">
            <v>99049.5</v>
          </cell>
          <cell r="H99">
            <v>759379.5</v>
          </cell>
        </row>
        <row r="100">
          <cell r="A100" t="str">
            <v>SG6-1</v>
          </cell>
          <cell r="B100">
            <v>12483.432000000001</v>
          </cell>
          <cell r="C100">
            <v>1248.3432000000003</v>
          </cell>
          <cell r="D100">
            <v>6179.2988400000004</v>
          </cell>
          <cell r="E100">
            <v>2986.661106</v>
          </cell>
          <cell r="F100">
            <v>11448.867573</v>
          </cell>
          <cell r="G100">
            <v>5151.9904078499994</v>
          </cell>
          <cell r="H100">
            <v>39498.593126849999</v>
          </cell>
        </row>
        <row r="101">
          <cell r="A101" t="str">
            <v>SG6-2</v>
          </cell>
          <cell r="B101">
            <v>28400</v>
          </cell>
          <cell r="C101">
            <v>2840</v>
          </cell>
          <cell r="D101">
            <v>14058</v>
          </cell>
          <cell r="E101">
            <v>6794.7</v>
          </cell>
          <cell r="F101">
            <v>26046.35</v>
          </cell>
          <cell r="G101">
            <v>11720.857499999998</v>
          </cell>
          <cell r="H101">
            <v>89859.907499999987</v>
          </cell>
        </row>
        <row r="102">
          <cell r="A102" t="str">
            <v>SG6-3</v>
          </cell>
          <cell r="B102">
            <v>27200</v>
          </cell>
          <cell r="C102">
            <v>2720</v>
          </cell>
          <cell r="D102">
            <v>13464</v>
          </cell>
          <cell r="E102">
            <v>6507.5999999999995</v>
          </cell>
          <cell r="F102">
            <v>24945.8</v>
          </cell>
          <cell r="G102">
            <v>11225.61</v>
          </cell>
          <cell r="H102">
            <v>86063.01</v>
          </cell>
        </row>
        <row r="103">
          <cell r="A103" t="str">
            <v>SG6-4</v>
          </cell>
          <cell r="B103">
            <v>27200</v>
          </cell>
          <cell r="C103">
            <v>2720</v>
          </cell>
          <cell r="D103">
            <v>13464</v>
          </cell>
          <cell r="E103">
            <v>6507.5999999999995</v>
          </cell>
          <cell r="F103">
            <v>24945.8</v>
          </cell>
          <cell r="G103">
            <v>11225.61</v>
          </cell>
          <cell r="H103">
            <v>86063.01</v>
          </cell>
        </row>
        <row r="104">
          <cell r="A104" t="str">
            <v>SG6-5</v>
          </cell>
          <cell r="B104">
            <v>52000</v>
          </cell>
          <cell r="C104">
            <v>5200</v>
          </cell>
          <cell r="D104">
            <v>25740</v>
          </cell>
          <cell r="E104">
            <v>12441</v>
          </cell>
          <cell r="F104">
            <v>47690.5</v>
          </cell>
          <cell r="G104">
            <v>21460.724999999999</v>
          </cell>
          <cell r="H104">
            <v>164532.22500000001</v>
          </cell>
        </row>
        <row r="105">
          <cell r="A105" t="str">
            <v>SG6-6</v>
          </cell>
          <cell r="B105" t="str">
            <v>REMOVED</v>
          </cell>
          <cell r="C105" t="str">
            <v>REMOVED</v>
          </cell>
          <cell r="D105" t="str">
            <v>REMOVED</v>
          </cell>
          <cell r="E105" t="str">
            <v>REMOVED</v>
          </cell>
          <cell r="F105" t="str">
            <v>REMOVED</v>
          </cell>
          <cell r="G105" t="str">
            <v>REMOVED</v>
          </cell>
          <cell r="H105" t="str">
            <v>REMOVED</v>
          </cell>
        </row>
        <row r="106">
          <cell r="A106" t="str">
            <v>SG7-1</v>
          </cell>
          <cell r="B106" t="str">
            <v>REMOVED</v>
          </cell>
          <cell r="C106" t="str">
            <v>REMOVED</v>
          </cell>
          <cell r="D106" t="str">
            <v>REMOVED</v>
          </cell>
          <cell r="E106" t="str">
            <v>REMOVED</v>
          </cell>
          <cell r="F106" t="str">
            <v>REMOVED</v>
          </cell>
          <cell r="G106" t="str">
            <v>REMOVED</v>
          </cell>
          <cell r="H106" t="str">
            <v>REMOVED</v>
          </cell>
        </row>
        <row r="107">
          <cell r="A107" t="str">
            <v>SG7-2</v>
          </cell>
          <cell r="B107">
            <v>205800</v>
          </cell>
          <cell r="C107">
            <v>20580</v>
          </cell>
          <cell r="D107">
            <v>101871</v>
          </cell>
          <cell r="E107">
            <v>49237.65</v>
          </cell>
          <cell r="F107">
            <v>188744.32500000001</v>
          </cell>
          <cell r="G107">
            <v>84934.946250000008</v>
          </cell>
          <cell r="H107">
            <v>651167.92125000013</v>
          </cell>
        </row>
        <row r="108">
          <cell r="A108" t="str">
            <v>SG7-3</v>
          </cell>
          <cell r="B108">
            <v>144447</v>
          </cell>
          <cell r="C108">
            <v>14444.7</v>
          </cell>
          <cell r="D108">
            <v>71501.265000000014</v>
          </cell>
          <cell r="E108">
            <v>34558.944750000002</v>
          </cell>
          <cell r="F108">
            <v>132475.95487500002</v>
          </cell>
          <cell r="G108">
            <v>59614.179693749997</v>
          </cell>
          <cell r="H108">
            <v>457042.04431875004</v>
          </cell>
        </row>
        <row r="109">
          <cell r="A109" t="str">
            <v>SG7-4</v>
          </cell>
          <cell r="B109">
            <v>175000</v>
          </cell>
          <cell r="C109">
            <v>17500</v>
          </cell>
          <cell r="D109">
            <v>86625</v>
          </cell>
          <cell r="E109">
            <v>41868.75</v>
          </cell>
          <cell r="F109">
            <v>160496.875</v>
          </cell>
          <cell r="G109">
            <v>72223.59375</v>
          </cell>
          <cell r="H109">
            <v>553714.21875</v>
          </cell>
        </row>
        <row r="110">
          <cell r="A110" t="str">
            <v>SG7-5</v>
          </cell>
          <cell r="B110">
            <v>23000</v>
          </cell>
          <cell r="C110">
            <v>2300</v>
          </cell>
          <cell r="D110">
            <v>11385</v>
          </cell>
          <cell r="E110">
            <v>5502.75</v>
          </cell>
          <cell r="F110">
            <v>21093.875</v>
          </cell>
          <cell r="G110">
            <v>9492.2437499999996</v>
          </cell>
          <cell r="H110">
            <v>72773.868749999994</v>
          </cell>
        </row>
        <row r="111">
          <cell r="A111" t="str">
            <v>SG7-6</v>
          </cell>
          <cell r="B111">
            <v>480000</v>
          </cell>
          <cell r="C111">
            <v>48000</v>
          </cell>
          <cell r="D111">
            <v>237600</v>
          </cell>
          <cell r="E111">
            <v>114840</v>
          </cell>
          <cell r="F111">
            <v>440220</v>
          </cell>
          <cell r="G111">
            <v>198099</v>
          </cell>
          <cell r="H111">
            <v>1518759</v>
          </cell>
        </row>
        <row r="112">
          <cell r="A112" t="str">
            <v>SG7-7</v>
          </cell>
          <cell r="B112">
            <v>6600</v>
          </cell>
          <cell r="C112">
            <v>660</v>
          </cell>
          <cell r="D112">
            <v>3267</v>
          </cell>
          <cell r="E112">
            <v>1579.05</v>
          </cell>
          <cell r="F112">
            <v>6053.0249999999996</v>
          </cell>
          <cell r="G112">
            <v>2723.8612499999999</v>
          </cell>
          <cell r="H112">
            <v>20882.936249999999</v>
          </cell>
        </row>
        <row r="113">
          <cell r="A113" t="str">
            <v>SG8-1</v>
          </cell>
          <cell r="B113">
            <v>12986.592000000001</v>
          </cell>
          <cell r="C113">
            <v>1298.6592000000001</v>
          </cell>
          <cell r="D113">
            <v>6428.3630400000002</v>
          </cell>
          <cell r="E113">
            <v>3107.0421360000005</v>
          </cell>
          <cell r="F113">
            <v>11910.328188000001</v>
          </cell>
          <cell r="G113">
            <v>5359.6476846000005</v>
          </cell>
          <cell r="H113">
            <v>41090.632248600006</v>
          </cell>
        </row>
        <row r="114">
          <cell r="A114" t="str">
            <v>SG8-2</v>
          </cell>
          <cell r="B114">
            <v>120720</v>
          </cell>
          <cell r="C114">
            <v>12072</v>
          </cell>
          <cell r="D114">
            <v>59756.4</v>
          </cell>
          <cell r="E114">
            <v>28882.26</v>
          </cell>
          <cell r="F114">
            <v>110715.33</v>
          </cell>
          <cell r="G114">
            <v>49821.898500000003</v>
          </cell>
          <cell r="H114">
            <v>381967.8885</v>
          </cell>
        </row>
        <row r="115">
          <cell r="A115" t="str">
            <v>SG8-3</v>
          </cell>
          <cell r="B115">
            <v>34518.048000000003</v>
          </cell>
          <cell r="C115">
            <v>3451.8048000000003</v>
          </cell>
          <cell r="D115">
            <v>17086.43376</v>
          </cell>
          <cell r="E115">
            <v>8258.4429839999993</v>
          </cell>
          <cell r="F115">
            <v>31657.364772000001</v>
          </cell>
          <cell r="G115">
            <v>14245.814147399999</v>
          </cell>
          <cell r="H115">
            <v>109217.9084634</v>
          </cell>
        </row>
        <row r="116">
          <cell r="A116" t="str">
            <v>SG8-4</v>
          </cell>
          <cell r="B116">
            <v>23000</v>
          </cell>
          <cell r="C116">
            <v>2300</v>
          </cell>
          <cell r="D116">
            <v>11385</v>
          </cell>
          <cell r="E116">
            <v>5502.75</v>
          </cell>
          <cell r="F116">
            <v>21093.875</v>
          </cell>
          <cell r="G116">
            <v>9492.2437499999996</v>
          </cell>
          <cell r="H116">
            <v>72773.868749999994</v>
          </cell>
        </row>
        <row r="117">
          <cell r="A117" t="str">
            <v>SG8-5</v>
          </cell>
          <cell r="B117">
            <v>800</v>
          </cell>
          <cell r="C117">
            <v>80</v>
          </cell>
          <cell r="D117">
            <v>396</v>
          </cell>
          <cell r="E117">
            <v>191.4</v>
          </cell>
          <cell r="F117">
            <v>733.7</v>
          </cell>
          <cell r="G117">
            <v>330.16500000000002</v>
          </cell>
          <cell r="H117">
            <v>2531.2650000000003</v>
          </cell>
        </row>
        <row r="118">
          <cell r="A118" t="str">
            <v>SG8-6</v>
          </cell>
          <cell r="B118">
            <v>55384</v>
          </cell>
          <cell r="C118">
            <v>5538.4000000000005</v>
          </cell>
          <cell r="D118">
            <v>27415.08</v>
          </cell>
          <cell r="E118">
            <v>13250.622000000001</v>
          </cell>
          <cell r="F118">
            <v>50794.051000000007</v>
          </cell>
          <cell r="G118">
            <v>22857.322950000002</v>
          </cell>
          <cell r="H118">
            <v>175239.47595000002</v>
          </cell>
        </row>
        <row r="119">
          <cell r="A119" t="str">
            <v>SG8-7</v>
          </cell>
          <cell r="B119">
            <v>15795</v>
          </cell>
          <cell r="C119">
            <v>1579.5</v>
          </cell>
          <cell r="D119">
            <v>7818.5250000000005</v>
          </cell>
          <cell r="E119">
            <v>3778.9537500000001</v>
          </cell>
          <cell r="F119">
            <v>14485.989375000001</v>
          </cell>
          <cell r="G119">
            <v>6518.6952187499992</v>
          </cell>
          <cell r="H119">
            <v>49976.663343749999</v>
          </cell>
        </row>
        <row r="120">
          <cell r="A120" t="str">
            <v>SG9-1</v>
          </cell>
          <cell r="B120">
            <v>435000</v>
          </cell>
          <cell r="C120">
            <v>43500</v>
          </cell>
          <cell r="D120">
            <v>215325</v>
          </cell>
          <cell r="E120">
            <v>104073.75</v>
          </cell>
          <cell r="F120">
            <v>398949.375</v>
          </cell>
          <cell r="G120">
            <v>179527.21875</v>
          </cell>
          <cell r="H120">
            <v>1376375.34375</v>
          </cell>
        </row>
        <row r="121">
          <cell r="A121" t="str">
            <v>SG9-2</v>
          </cell>
          <cell r="B121">
            <v>41.75</v>
          </cell>
          <cell r="C121">
            <v>4.1749999999999998</v>
          </cell>
          <cell r="D121">
            <v>20.666249999999998</v>
          </cell>
          <cell r="E121">
            <v>9.9886874999999993</v>
          </cell>
          <cell r="F121">
            <v>38.28996875</v>
          </cell>
          <cell r="G121">
            <v>17.230485937499999</v>
          </cell>
          <cell r="H121">
            <v>132.10039218750001</v>
          </cell>
        </row>
        <row r="122">
          <cell r="A122" t="str">
            <v>SG9-3</v>
          </cell>
          <cell r="B122">
            <v>23000</v>
          </cell>
          <cell r="C122">
            <v>2300</v>
          </cell>
          <cell r="D122">
            <v>11385</v>
          </cell>
          <cell r="E122">
            <v>5502.75</v>
          </cell>
          <cell r="F122">
            <v>21093.875</v>
          </cell>
          <cell r="G122">
            <v>9492.2437499999996</v>
          </cell>
          <cell r="H122">
            <v>72773.868749999994</v>
          </cell>
        </row>
        <row r="123">
          <cell r="A123" t="str">
            <v>SG9-4</v>
          </cell>
          <cell r="B123" t="str">
            <v>REMOVED</v>
          </cell>
          <cell r="C123" t="str">
            <v>REMOVED</v>
          </cell>
          <cell r="D123" t="str">
            <v>REMOVED</v>
          </cell>
          <cell r="E123" t="str">
            <v>REMOVED</v>
          </cell>
          <cell r="F123" t="str">
            <v>REMOVED</v>
          </cell>
          <cell r="G123" t="str">
            <v>REMOVED</v>
          </cell>
          <cell r="H123" t="str">
            <v>REMOVED</v>
          </cell>
        </row>
        <row r="124">
          <cell r="A124" t="str">
            <v>SG9-5</v>
          </cell>
          <cell r="B124">
            <v>2400</v>
          </cell>
          <cell r="C124">
            <v>240</v>
          </cell>
          <cell r="D124">
            <v>1188</v>
          </cell>
          <cell r="E124">
            <v>574.19999999999993</v>
          </cell>
          <cell r="F124">
            <v>2201.1</v>
          </cell>
          <cell r="G124">
            <v>990.495</v>
          </cell>
          <cell r="H124">
            <v>7593.7949999999992</v>
          </cell>
        </row>
        <row r="125">
          <cell r="A125" t="str">
            <v>SG9-6</v>
          </cell>
          <cell r="B125">
            <v>252</v>
          </cell>
          <cell r="C125">
            <v>25.200000000000003</v>
          </cell>
          <cell r="D125">
            <v>124.74</v>
          </cell>
          <cell r="E125">
            <v>60.290999999999997</v>
          </cell>
          <cell r="F125">
            <v>231.1155</v>
          </cell>
          <cell r="G125">
            <v>104.00197499999999</v>
          </cell>
          <cell r="H125">
            <v>797.34847500000001</v>
          </cell>
        </row>
        <row r="126">
          <cell r="A126" t="str">
            <v>SG9-7</v>
          </cell>
          <cell r="B126">
            <v>36000</v>
          </cell>
          <cell r="C126">
            <v>3600</v>
          </cell>
          <cell r="D126">
            <v>17820</v>
          </cell>
          <cell r="E126">
            <v>8613</v>
          </cell>
          <cell r="F126">
            <v>33016.5</v>
          </cell>
          <cell r="G126">
            <v>14857.424999999999</v>
          </cell>
          <cell r="H126">
            <v>113906.925</v>
          </cell>
        </row>
        <row r="127">
          <cell r="A127" t="str">
            <v>SG10-1</v>
          </cell>
          <cell r="B127">
            <v>302384</v>
          </cell>
          <cell r="C127">
            <v>30238.400000000001</v>
          </cell>
          <cell r="D127">
            <v>149680.08000000002</v>
          </cell>
          <cell r="E127">
            <v>72345.372000000003</v>
          </cell>
          <cell r="F127">
            <v>277323.92600000004</v>
          </cell>
          <cell r="G127">
            <v>124795.76670000001</v>
          </cell>
          <cell r="H127">
            <v>956767.5447000002</v>
          </cell>
        </row>
        <row r="128">
          <cell r="A128" t="str">
            <v>SG10-2</v>
          </cell>
          <cell r="B128">
            <v>57784</v>
          </cell>
          <cell r="C128">
            <v>5778.4000000000005</v>
          </cell>
          <cell r="D128">
            <v>28603.08</v>
          </cell>
          <cell r="E128">
            <v>13824.822000000002</v>
          </cell>
          <cell r="F128">
            <v>52995.151000000005</v>
          </cell>
          <cell r="G128">
            <v>23847.817950000001</v>
          </cell>
          <cell r="H128">
            <v>182833.27095000001</v>
          </cell>
        </row>
        <row r="129">
          <cell r="A129" t="str">
            <v>SG10-3</v>
          </cell>
          <cell r="B129">
            <v>6336</v>
          </cell>
          <cell r="C129">
            <v>633.6</v>
          </cell>
          <cell r="D129">
            <v>3136.32</v>
          </cell>
          <cell r="E129">
            <v>1515.8879999999999</v>
          </cell>
          <cell r="F129">
            <v>5810.9040000000005</v>
          </cell>
          <cell r="G129">
            <v>2614.9067999999997</v>
          </cell>
          <cell r="H129">
            <v>20047.6188</v>
          </cell>
        </row>
        <row r="130">
          <cell r="A130" t="str">
            <v>SG10-4</v>
          </cell>
          <cell r="B130">
            <v>378</v>
          </cell>
          <cell r="C130">
            <v>37.800000000000004</v>
          </cell>
          <cell r="D130">
            <v>187.11</v>
          </cell>
          <cell r="E130">
            <v>90.436500000000009</v>
          </cell>
          <cell r="F130">
            <v>346.67325000000005</v>
          </cell>
          <cell r="G130">
            <v>156.00296250000002</v>
          </cell>
          <cell r="H130">
            <v>1196.0227125000001</v>
          </cell>
        </row>
        <row r="131">
          <cell r="A131" t="str">
            <v>SG11-1</v>
          </cell>
          <cell r="B131">
            <v>768</v>
          </cell>
          <cell r="C131">
            <v>76.800000000000011</v>
          </cell>
          <cell r="D131">
            <v>380.15999999999997</v>
          </cell>
          <cell r="E131">
            <v>183.744</v>
          </cell>
          <cell r="F131">
            <v>704.35199999999998</v>
          </cell>
          <cell r="G131">
            <v>316.95839999999998</v>
          </cell>
          <cell r="H131">
            <v>2430.0144</v>
          </cell>
        </row>
        <row r="132">
          <cell r="A132" t="str">
            <v>SG11-2</v>
          </cell>
          <cell r="B132">
            <v>165467</v>
          </cell>
          <cell r="C132">
            <v>16546.7</v>
          </cell>
          <cell r="D132">
            <v>81906.165000000008</v>
          </cell>
          <cell r="E132">
            <v>39587.979749999999</v>
          </cell>
          <cell r="F132">
            <v>151753.92237499999</v>
          </cell>
          <cell r="G132">
            <v>68289.265068749999</v>
          </cell>
          <cell r="H132">
            <v>523551.03219375003</v>
          </cell>
        </row>
        <row r="133">
          <cell r="A133" t="str">
            <v>SG11-3</v>
          </cell>
          <cell r="B133" t="str">
            <v>REMOVED</v>
          </cell>
          <cell r="C133" t="str">
            <v>REMOVED</v>
          </cell>
          <cell r="D133" t="str">
            <v>REMOVED</v>
          </cell>
          <cell r="E133" t="str">
            <v>REMOVED</v>
          </cell>
          <cell r="F133" t="str">
            <v>REMOVED</v>
          </cell>
          <cell r="G133" t="str">
            <v>REMOVED</v>
          </cell>
          <cell r="H133" t="str">
            <v>REMOVED</v>
          </cell>
        </row>
        <row r="134">
          <cell r="A134" t="str">
            <v>SG11-4</v>
          </cell>
          <cell r="B134">
            <v>10530</v>
          </cell>
          <cell r="C134">
            <v>1053</v>
          </cell>
          <cell r="D134">
            <v>5212.3500000000004</v>
          </cell>
          <cell r="E134">
            <v>2519.3024999999998</v>
          </cell>
          <cell r="F134">
            <v>9657.3262499999983</v>
          </cell>
          <cell r="G134">
            <v>4345.7968124999998</v>
          </cell>
          <cell r="H134">
            <v>33317.775562499992</v>
          </cell>
        </row>
        <row r="135">
          <cell r="A135" t="str">
            <v>SG14-1</v>
          </cell>
          <cell r="B135">
            <v>19968</v>
          </cell>
          <cell r="C135">
            <v>1996.8000000000002</v>
          </cell>
          <cell r="D135">
            <v>9884.16</v>
          </cell>
          <cell r="E135">
            <v>4777.3440000000001</v>
          </cell>
          <cell r="F135">
            <v>18313.151999999998</v>
          </cell>
          <cell r="G135">
            <v>8240.9183999999987</v>
          </cell>
          <cell r="H135">
            <v>63180.374399999986</v>
          </cell>
        </row>
        <row r="136">
          <cell r="A136" t="str">
            <v>SG14-2</v>
          </cell>
          <cell r="B136">
            <v>240000</v>
          </cell>
          <cell r="C136">
            <v>24000</v>
          </cell>
          <cell r="D136">
            <v>118800</v>
          </cell>
          <cell r="E136">
            <v>57420</v>
          </cell>
          <cell r="F136">
            <v>220110</v>
          </cell>
          <cell r="G136">
            <v>99049.5</v>
          </cell>
          <cell r="H136">
            <v>759379.5</v>
          </cell>
        </row>
        <row r="137">
          <cell r="A137" t="str">
            <v>SG15-1</v>
          </cell>
          <cell r="B137">
            <v>655200</v>
          </cell>
          <cell r="C137">
            <v>65520</v>
          </cell>
          <cell r="D137">
            <v>324324</v>
          </cell>
          <cell r="E137">
            <v>156756.6</v>
          </cell>
          <cell r="F137">
            <v>600900.30000000005</v>
          </cell>
          <cell r="G137">
            <v>270405.13500000001</v>
          </cell>
          <cell r="H137">
            <v>2073106.0350000001</v>
          </cell>
        </row>
        <row r="138">
          <cell r="A138" t="str">
            <v>SG15-2</v>
          </cell>
          <cell r="B138">
            <v>6600</v>
          </cell>
          <cell r="C138">
            <v>660</v>
          </cell>
          <cell r="D138">
            <v>3267</v>
          </cell>
          <cell r="E138">
            <v>1579.05</v>
          </cell>
          <cell r="F138">
            <v>6053.0249999999996</v>
          </cell>
          <cell r="G138">
            <v>2723.8612499999999</v>
          </cell>
          <cell r="H138">
            <v>20882.936249999999</v>
          </cell>
        </row>
        <row r="139">
          <cell r="A139" t="str">
            <v>SG16-1</v>
          </cell>
          <cell r="B139">
            <v>4084.3199999999997</v>
          </cell>
          <cell r="C139">
            <v>408.43200000000002</v>
          </cell>
          <cell r="D139">
            <v>2021.7383999999997</v>
          </cell>
          <cell r="E139">
            <v>977.17355999999972</v>
          </cell>
          <cell r="F139">
            <v>3745.831979999999</v>
          </cell>
          <cell r="G139">
            <v>1685.6243909999998</v>
          </cell>
          <cell r="H139">
            <v>12923.120330999996</v>
          </cell>
        </row>
        <row r="140">
          <cell r="A140" t="str">
            <v>SG16-2</v>
          </cell>
          <cell r="B140">
            <v>86000</v>
          </cell>
          <cell r="C140">
            <v>8600</v>
          </cell>
          <cell r="D140">
            <v>42570</v>
          </cell>
          <cell r="E140">
            <v>20575.5</v>
          </cell>
          <cell r="F140">
            <v>78872.75</v>
          </cell>
          <cell r="G140">
            <v>35492.737500000003</v>
          </cell>
          <cell r="H140">
            <v>272110.98749999999</v>
          </cell>
        </row>
        <row r="141">
          <cell r="A141" t="str">
            <v>SG16-3</v>
          </cell>
          <cell r="B141">
            <v>16953.900000000001</v>
          </cell>
          <cell r="C141">
            <v>1695.3900000000003</v>
          </cell>
          <cell r="D141">
            <v>8392.1805000000004</v>
          </cell>
          <cell r="E141">
            <v>4056.2205750000003</v>
          </cell>
          <cell r="F141">
            <v>15548.845537500001</v>
          </cell>
          <cell r="G141">
            <v>6996.9804918750006</v>
          </cell>
          <cell r="H141">
            <v>53643.517104375002</v>
          </cell>
        </row>
        <row r="142">
          <cell r="A142" t="str">
            <v>SG16-4</v>
          </cell>
          <cell r="B142">
            <v>361000</v>
          </cell>
          <cell r="C142">
            <v>36100</v>
          </cell>
          <cell r="D142">
            <v>178695</v>
          </cell>
          <cell r="E142">
            <v>86369.25</v>
          </cell>
          <cell r="F142">
            <v>331082.125</v>
          </cell>
          <cell r="G142">
            <v>148986.95624999999</v>
          </cell>
          <cell r="H142">
            <v>1142233.33125</v>
          </cell>
        </row>
        <row r="143">
          <cell r="A143" t="str">
            <v>SG16-5</v>
          </cell>
          <cell r="B143">
            <v>110000</v>
          </cell>
          <cell r="C143">
            <v>11000</v>
          </cell>
          <cell r="D143">
            <v>54450</v>
          </cell>
          <cell r="E143">
            <v>26317.5</v>
          </cell>
          <cell r="F143">
            <v>100883.75</v>
          </cell>
          <cell r="G143">
            <v>45397.6875</v>
          </cell>
          <cell r="H143">
            <v>348048.9375</v>
          </cell>
        </row>
        <row r="144">
          <cell r="A144" t="str">
            <v>SG16-6</v>
          </cell>
          <cell r="B144">
            <v>5500</v>
          </cell>
          <cell r="C144">
            <v>550</v>
          </cell>
          <cell r="D144">
            <v>2722.5</v>
          </cell>
          <cell r="E144">
            <v>1315.875</v>
          </cell>
          <cell r="F144">
            <v>5044.1875</v>
          </cell>
          <cell r="G144">
            <v>2269.8843749999996</v>
          </cell>
          <cell r="H144">
            <v>17402.446875000001</v>
          </cell>
        </row>
        <row r="145">
          <cell r="A145" t="str">
            <v>SG17-1</v>
          </cell>
          <cell r="B145">
            <v>81400</v>
          </cell>
          <cell r="C145">
            <v>8140</v>
          </cell>
          <cell r="D145">
            <v>40293</v>
          </cell>
          <cell r="E145">
            <v>19474.95</v>
          </cell>
          <cell r="F145">
            <v>74653.975000000006</v>
          </cell>
          <cell r="G145">
            <v>33594.28875</v>
          </cell>
          <cell r="H145">
            <v>257556.21375000002</v>
          </cell>
        </row>
        <row r="146">
          <cell r="A146" t="str">
            <v>SG17-2</v>
          </cell>
          <cell r="B146">
            <v>63000</v>
          </cell>
          <cell r="C146">
            <v>6300</v>
          </cell>
          <cell r="D146">
            <v>31185</v>
          </cell>
          <cell r="E146">
            <v>15072.75</v>
          </cell>
          <cell r="F146">
            <v>57778.875</v>
          </cell>
          <cell r="G146">
            <v>26000.493749999998</v>
          </cell>
          <cell r="H146">
            <v>199337.11874999999</v>
          </cell>
        </row>
        <row r="147">
          <cell r="A147" t="str">
            <v>SG17-3</v>
          </cell>
          <cell r="B147">
            <v>101000</v>
          </cell>
          <cell r="C147">
            <v>10100</v>
          </cell>
          <cell r="D147">
            <v>49995</v>
          </cell>
          <cell r="E147">
            <v>24164.25</v>
          </cell>
          <cell r="F147">
            <v>92629.625</v>
          </cell>
          <cell r="G147">
            <v>41683.331250000003</v>
          </cell>
          <cell r="H147">
            <v>319572.20624999999</v>
          </cell>
        </row>
        <row r="148">
          <cell r="A148" t="str">
            <v>SG17-4</v>
          </cell>
          <cell r="B148">
            <v>3300</v>
          </cell>
          <cell r="C148">
            <v>330</v>
          </cell>
          <cell r="D148">
            <v>1633.5</v>
          </cell>
          <cell r="E148">
            <v>789.52499999999998</v>
          </cell>
          <cell r="F148">
            <v>3026.5124999999998</v>
          </cell>
          <cell r="G148">
            <v>1361.930625</v>
          </cell>
          <cell r="H148">
            <v>10441.468124999999</v>
          </cell>
        </row>
        <row r="149">
          <cell r="A149" t="str">
            <v>SG18-1</v>
          </cell>
          <cell r="B149">
            <v>4224</v>
          </cell>
          <cell r="C149">
            <v>422.40000000000003</v>
          </cell>
          <cell r="D149">
            <v>2090.88</v>
          </cell>
          <cell r="E149">
            <v>1010.5919999999999</v>
          </cell>
          <cell r="F149">
            <v>3873.9359999999997</v>
          </cell>
          <cell r="G149">
            <v>1743.2712000000001</v>
          </cell>
          <cell r="H149">
            <v>13365.0792</v>
          </cell>
        </row>
        <row r="150">
          <cell r="A150" t="str">
            <v>SG18-2</v>
          </cell>
          <cell r="B150">
            <v>184000</v>
          </cell>
          <cell r="C150">
            <v>18400</v>
          </cell>
          <cell r="D150">
            <v>91080</v>
          </cell>
          <cell r="E150">
            <v>44022</v>
          </cell>
          <cell r="F150">
            <v>168751</v>
          </cell>
          <cell r="G150">
            <v>75937.95</v>
          </cell>
          <cell r="H150">
            <v>582190.94999999995</v>
          </cell>
        </row>
        <row r="151">
          <cell r="A151" t="str">
            <v>SG18-3</v>
          </cell>
          <cell r="B151">
            <v>52216.864000000001</v>
          </cell>
          <cell r="C151">
            <v>5221.6864000000005</v>
          </cell>
          <cell r="D151">
            <v>25847.347679999999</v>
          </cell>
          <cell r="E151">
            <v>12492.884711999999</v>
          </cell>
          <cell r="F151">
            <v>47889.391395999999</v>
          </cell>
          <cell r="G151">
            <v>21550.2261282</v>
          </cell>
          <cell r="H151">
            <v>165218.40031620002</v>
          </cell>
        </row>
        <row r="152">
          <cell r="A152" t="str">
            <v>SG18-4</v>
          </cell>
          <cell r="B152">
            <v>295000</v>
          </cell>
          <cell r="C152">
            <v>29500</v>
          </cell>
          <cell r="D152">
            <v>146025</v>
          </cell>
          <cell r="E152">
            <v>70578.75</v>
          </cell>
          <cell r="F152">
            <v>270551.875</v>
          </cell>
          <cell r="G152">
            <v>121748.34375</v>
          </cell>
          <cell r="H152">
            <v>933403.96875</v>
          </cell>
        </row>
        <row r="153">
          <cell r="A153" t="str">
            <v>SG18-5</v>
          </cell>
          <cell r="B153">
            <v>16771.600000000002</v>
          </cell>
          <cell r="C153">
            <v>1677.1600000000003</v>
          </cell>
          <cell r="D153">
            <v>8301.9420000000009</v>
          </cell>
          <cell r="E153">
            <v>4012.6053000000006</v>
          </cell>
          <cell r="F153">
            <v>15381.653650000002</v>
          </cell>
          <cell r="G153">
            <v>6921.7441425000006</v>
          </cell>
          <cell r="H153">
            <v>53066.705092500008</v>
          </cell>
        </row>
        <row r="154">
          <cell r="A154" t="str">
            <v>SG19-1</v>
          </cell>
          <cell r="B154">
            <v>568000</v>
          </cell>
          <cell r="C154">
            <v>56800</v>
          </cell>
          <cell r="D154">
            <v>281160</v>
          </cell>
          <cell r="E154">
            <v>135894</v>
          </cell>
          <cell r="F154">
            <v>520927</v>
          </cell>
          <cell r="G154">
            <v>234417.15000000002</v>
          </cell>
          <cell r="H154">
            <v>1797198.15</v>
          </cell>
        </row>
        <row r="155">
          <cell r="A155" t="str">
            <v>SG19-2</v>
          </cell>
          <cell r="B155">
            <v>196000</v>
          </cell>
          <cell r="C155">
            <v>19600</v>
          </cell>
          <cell r="D155">
            <v>97020</v>
          </cell>
          <cell r="E155">
            <v>46893</v>
          </cell>
          <cell r="F155">
            <v>179756.5</v>
          </cell>
          <cell r="G155">
            <v>80890.424999999988</v>
          </cell>
          <cell r="H155">
            <v>620159.92500000005</v>
          </cell>
        </row>
        <row r="156">
          <cell r="A156" t="str">
            <v>SG19-3</v>
          </cell>
          <cell r="B156">
            <v>12189.76</v>
          </cell>
          <cell r="C156">
            <v>1218.9760000000001</v>
          </cell>
          <cell r="D156">
            <v>6033.9312000000009</v>
          </cell>
          <cell r="E156">
            <v>2916.4000800000003</v>
          </cell>
          <cell r="F156">
            <v>11179.533640000001</v>
          </cell>
          <cell r="G156">
            <v>5030.7901380000003</v>
          </cell>
          <cell r="H156">
            <v>38569.391058000008</v>
          </cell>
        </row>
        <row r="157">
          <cell r="A157" t="str">
            <v>SG19-4</v>
          </cell>
          <cell r="B157">
            <v>4400</v>
          </cell>
          <cell r="C157">
            <v>440</v>
          </cell>
          <cell r="D157">
            <v>2178</v>
          </cell>
          <cell r="E157">
            <v>1052.7</v>
          </cell>
          <cell r="F157">
            <v>4035.35</v>
          </cell>
          <cell r="G157">
            <v>1815.9075</v>
          </cell>
          <cell r="H157">
            <v>13921.957499999999</v>
          </cell>
        </row>
        <row r="158">
          <cell r="A158" t="str">
            <v>SG20-1</v>
          </cell>
          <cell r="B158">
            <v>7729.7460000000001</v>
          </cell>
          <cell r="C158">
            <v>772.97460000000001</v>
          </cell>
          <cell r="D158">
            <v>3826.2242700000002</v>
          </cell>
          <cell r="E158">
            <v>1849.3417305</v>
          </cell>
          <cell r="F158">
            <v>7089.1433002500007</v>
          </cell>
          <cell r="G158">
            <v>3190.1144851125</v>
          </cell>
          <cell r="H158">
            <v>24457.5443858625</v>
          </cell>
        </row>
        <row r="159">
          <cell r="A159" t="str">
            <v>SG20-2</v>
          </cell>
          <cell r="B159">
            <v>2496.864</v>
          </cell>
          <cell r="C159">
            <v>249.68640000000002</v>
          </cell>
          <cell r="D159">
            <v>1235.94768</v>
          </cell>
          <cell r="E159">
            <v>597.37471200000005</v>
          </cell>
          <cell r="F159">
            <v>2289.9363960000001</v>
          </cell>
          <cell r="G159">
            <v>1030.4713782000001</v>
          </cell>
          <cell r="H159">
            <v>7900.2805662000001</v>
          </cell>
        </row>
        <row r="160">
          <cell r="A160" t="str">
            <v>SG20-3</v>
          </cell>
          <cell r="B160">
            <v>3600</v>
          </cell>
          <cell r="C160">
            <v>360</v>
          </cell>
          <cell r="D160">
            <v>1782</v>
          </cell>
          <cell r="E160">
            <v>861.3</v>
          </cell>
          <cell r="F160">
            <v>3301.65</v>
          </cell>
          <cell r="G160">
            <v>1485.7424999999998</v>
          </cell>
          <cell r="H160">
            <v>11390.692500000001</v>
          </cell>
        </row>
        <row r="161">
          <cell r="A161" t="str">
            <v>SG20-4</v>
          </cell>
          <cell r="B161" t="str">
            <v>REMOVED</v>
          </cell>
          <cell r="C161" t="str">
            <v>REMOVED</v>
          </cell>
          <cell r="D161" t="str">
            <v>REMOVED</v>
          </cell>
          <cell r="E161" t="str">
            <v>REMOVED</v>
          </cell>
          <cell r="F161" t="str">
            <v>REMOVED</v>
          </cell>
          <cell r="G161" t="str">
            <v>REMOVED</v>
          </cell>
          <cell r="H161" t="str">
            <v>REMOVED</v>
          </cell>
        </row>
        <row r="162">
          <cell r="A162" t="str">
            <v>SG20-5</v>
          </cell>
          <cell r="B162">
            <v>138000</v>
          </cell>
          <cell r="C162">
            <v>13800</v>
          </cell>
          <cell r="D162">
            <v>68310</v>
          </cell>
          <cell r="E162">
            <v>33016.5</v>
          </cell>
          <cell r="F162">
            <v>126563.25</v>
          </cell>
          <cell r="G162">
            <v>56953.462499999994</v>
          </cell>
          <cell r="H162">
            <v>436643.21250000002</v>
          </cell>
        </row>
        <row r="163">
          <cell r="A163" t="str">
            <v>SG20-6</v>
          </cell>
          <cell r="B163">
            <v>6600</v>
          </cell>
          <cell r="C163">
            <v>660</v>
          </cell>
          <cell r="D163">
            <v>3267</v>
          </cell>
          <cell r="E163">
            <v>1579.05</v>
          </cell>
          <cell r="F163">
            <v>6053.0249999999996</v>
          </cell>
          <cell r="G163">
            <v>2723.8612499999999</v>
          </cell>
          <cell r="H163">
            <v>20882.936249999999</v>
          </cell>
        </row>
        <row r="164">
          <cell r="A164" t="str">
            <v>SG21-1</v>
          </cell>
          <cell r="B164">
            <v>22199.351999999999</v>
          </cell>
          <cell r="C164">
            <v>2219.9351999999999</v>
          </cell>
          <cell r="D164">
            <v>10988.679239999999</v>
          </cell>
          <cell r="E164">
            <v>5311.1949659999991</v>
          </cell>
          <cell r="F164">
            <v>20359.580703</v>
          </cell>
          <cell r="G164">
            <v>9161.8113163499984</v>
          </cell>
          <cell r="H164">
            <v>70240.553425349994</v>
          </cell>
        </row>
        <row r="165">
          <cell r="A165" t="str">
            <v>SG22-1</v>
          </cell>
          <cell r="B165">
            <v>504</v>
          </cell>
          <cell r="C165">
            <v>50.400000000000006</v>
          </cell>
          <cell r="D165">
            <v>249.48</v>
          </cell>
          <cell r="E165">
            <v>120.58199999999999</v>
          </cell>
          <cell r="F165">
            <v>462.23099999999999</v>
          </cell>
          <cell r="G165">
            <v>208.00394999999997</v>
          </cell>
          <cell r="H165">
            <v>1594.69695</v>
          </cell>
        </row>
        <row r="166">
          <cell r="A166" t="str">
            <v>SG23-1</v>
          </cell>
          <cell r="B166">
            <v>20816.864000000001</v>
          </cell>
          <cell r="C166">
            <v>2081.6864</v>
          </cell>
          <cell r="D166">
            <v>10304.347680000001</v>
          </cell>
          <cell r="E166">
            <v>4980.4347119999993</v>
          </cell>
          <cell r="F166">
            <v>19091.666396000001</v>
          </cell>
          <cell r="G166">
            <v>8591.2498782000002</v>
          </cell>
          <cell r="H166">
            <v>65866.249066200005</v>
          </cell>
        </row>
        <row r="167">
          <cell r="A167" t="str">
            <v>SG23-2</v>
          </cell>
          <cell r="B167">
            <v>900</v>
          </cell>
          <cell r="C167">
            <v>90</v>
          </cell>
          <cell r="D167">
            <v>445.5</v>
          </cell>
          <cell r="E167">
            <v>215.32499999999999</v>
          </cell>
          <cell r="F167">
            <v>825.41250000000002</v>
          </cell>
          <cell r="G167">
            <v>371.43562499999996</v>
          </cell>
          <cell r="H167">
            <v>2847.6731250000003</v>
          </cell>
        </row>
        <row r="168">
          <cell r="A168" t="str">
            <v>SG23-3</v>
          </cell>
          <cell r="B168">
            <v>1100</v>
          </cell>
          <cell r="C168">
            <v>110</v>
          </cell>
          <cell r="D168">
            <v>544.5</v>
          </cell>
          <cell r="E168">
            <v>263.17500000000001</v>
          </cell>
          <cell r="F168">
            <v>1008.8375</v>
          </cell>
          <cell r="G168">
            <v>453.97687500000001</v>
          </cell>
          <cell r="H168">
            <v>3480.4893749999997</v>
          </cell>
        </row>
        <row r="169">
          <cell r="A169" t="str">
            <v>SG24-1</v>
          </cell>
          <cell r="B169">
            <v>41200</v>
          </cell>
          <cell r="C169">
            <v>4120</v>
          </cell>
          <cell r="D169">
            <v>20394</v>
          </cell>
          <cell r="E169">
            <v>9857.1</v>
          </cell>
          <cell r="F169">
            <v>37785.550000000003</v>
          </cell>
          <cell r="G169">
            <v>17003.497500000001</v>
          </cell>
          <cell r="H169">
            <v>130360.14750000001</v>
          </cell>
        </row>
        <row r="170">
          <cell r="A170" t="str">
            <v>SG25-1</v>
          </cell>
          <cell r="B170" t="str">
            <v>REMOVED</v>
          </cell>
          <cell r="C170" t="str">
            <v>REMOVED</v>
          </cell>
          <cell r="D170" t="str">
            <v>REMOVED</v>
          </cell>
          <cell r="E170" t="str">
            <v>REMOVED</v>
          </cell>
          <cell r="F170" t="str">
            <v>REMOVED</v>
          </cell>
          <cell r="G170" t="str">
            <v>REMOVED</v>
          </cell>
          <cell r="H170" t="str">
            <v>REMOVED</v>
          </cell>
        </row>
        <row r="171">
          <cell r="A171" t="str">
            <v>SG25-2</v>
          </cell>
          <cell r="B171">
            <v>29725.200000000001</v>
          </cell>
          <cell r="C171">
            <v>2972.5200000000004</v>
          </cell>
          <cell r="D171">
            <v>14713.974</v>
          </cell>
          <cell r="E171">
            <v>7111.7541000000001</v>
          </cell>
          <cell r="F171">
            <v>27261.724050000001</v>
          </cell>
          <cell r="G171">
            <v>12267.7758225</v>
          </cell>
          <cell r="H171">
            <v>94052.947972499998</v>
          </cell>
        </row>
        <row r="172">
          <cell r="A172" t="str">
            <v>SG25-3</v>
          </cell>
          <cell r="B172">
            <v>98928.72</v>
          </cell>
          <cell r="C172">
            <v>9892.8720000000012</v>
          </cell>
          <cell r="D172">
            <v>48969.716400000005</v>
          </cell>
          <cell r="E172">
            <v>23668.696260000001</v>
          </cell>
          <cell r="F172">
            <v>90730.002330000003</v>
          </cell>
          <cell r="G172">
            <v>40828.501048500002</v>
          </cell>
          <cell r="H172">
            <v>313018.50803850003</v>
          </cell>
        </row>
        <row r="173">
          <cell r="A173" t="str">
            <v>SG25-4</v>
          </cell>
          <cell r="B173">
            <v>91801.2</v>
          </cell>
          <cell r="C173">
            <v>9180.1200000000008</v>
          </cell>
          <cell r="D173">
            <v>45441.593999999997</v>
          </cell>
          <cell r="E173">
            <v>21963.437099999999</v>
          </cell>
          <cell r="F173">
            <v>84193.17555</v>
          </cell>
          <cell r="G173">
            <v>37886.928997499999</v>
          </cell>
          <cell r="H173">
            <v>290466.4556475</v>
          </cell>
        </row>
        <row r="174">
          <cell r="A174" t="str">
            <v>SG25-5</v>
          </cell>
          <cell r="B174">
            <v>756</v>
          </cell>
          <cell r="C174">
            <v>75.600000000000009</v>
          </cell>
          <cell r="D174">
            <v>374.22</v>
          </cell>
          <cell r="E174">
            <v>180.87300000000002</v>
          </cell>
          <cell r="F174">
            <v>693.34650000000011</v>
          </cell>
          <cell r="G174">
            <v>312.00592500000005</v>
          </cell>
          <cell r="H174">
            <v>2392.0454250000003</v>
          </cell>
        </row>
        <row r="175">
          <cell r="A175" t="str">
            <v>SG25-6</v>
          </cell>
          <cell r="B175">
            <v>63384</v>
          </cell>
          <cell r="C175">
            <v>6338.4000000000005</v>
          </cell>
          <cell r="D175">
            <v>31375.079999999998</v>
          </cell>
          <cell r="E175">
            <v>15164.621999999999</v>
          </cell>
          <cell r="F175">
            <v>58131.050999999999</v>
          </cell>
          <cell r="G175">
            <v>26158.972949999996</v>
          </cell>
          <cell r="H175">
            <v>200552.12594999999</v>
          </cell>
        </row>
        <row r="176">
          <cell r="A176" t="str">
            <v>SG26-1</v>
          </cell>
          <cell r="B176">
            <v>433198.6</v>
          </cell>
          <cell r="C176">
            <v>43319.86</v>
          </cell>
          <cell r="D176">
            <v>214433.307</v>
          </cell>
          <cell r="E176">
            <v>103642.76505</v>
          </cell>
          <cell r="F176">
            <v>397297.26602500002</v>
          </cell>
          <cell r="G176">
            <v>178783.76971125</v>
          </cell>
          <cell r="H176">
            <v>1370675.56778625</v>
          </cell>
        </row>
        <row r="177">
          <cell r="A177" t="str">
            <v>SG26-2</v>
          </cell>
          <cell r="B177" t="str">
            <v>REMOVED</v>
          </cell>
          <cell r="C177" t="str">
            <v>REMOVED</v>
          </cell>
          <cell r="D177" t="str">
            <v>REMOVED</v>
          </cell>
          <cell r="E177" t="str">
            <v>REMOVED</v>
          </cell>
          <cell r="F177" t="str">
            <v>REMOVED</v>
          </cell>
          <cell r="G177" t="str">
            <v>REMOVED</v>
          </cell>
          <cell r="H177" t="str">
            <v>REMOVED</v>
          </cell>
        </row>
        <row r="178">
          <cell r="A178" t="str">
            <v>SG26-3</v>
          </cell>
          <cell r="B178">
            <v>252</v>
          </cell>
          <cell r="C178">
            <v>25.200000000000003</v>
          </cell>
          <cell r="D178">
            <v>124.74</v>
          </cell>
          <cell r="E178">
            <v>60.290999999999997</v>
          </cell>
          <cell r="F178">
            <v>231.1155</v>
          </cell>
          <cell r="G178">
            <v>104.00197499999999</v>
          </cell>
          <cell r="H178">
            <v>797.34847500000001</v>
          </cell>
        </row>
        <row r="179">
          <cell r="A179" t="str">
            <v>SG26-4</v>
          </cell>
          <cell r="B179">
            <v>768</v>
          </cell>
          <cell r="C179">
            <v>76.800000000000011</v>
          </cell>
          <cell r="D179">
            <v>380.15999999999997</v>
          </cell>
          <cell r="E179">
            <v>183.744</v>
          </cell>
          <cell r="F179">
            <v>704.35199999999998</v>
          </cell>
          <cell r="G179">
            <v>316.95839999999998</v>
          </cell>
          <cell r="H179">
            <v>2430.0144</v>
          </cell>
        </row>
        <row r="180">
          <cell r="A180" t="str">
            <v>SG26-5</v>
          </cell>
          <cell r="B180">
            <v>2200</v>
          </cell>
          <cell r="C180">
            <v>220</v>
          </cell>
          <cell r="D180">
            <v>1089</v>
          </cell>
          <cell r="E180">
            <v>526.35</v>
          </cell>
          <cell r="F180">
            <v>2017.675</v>
          </cell>
          <cell r="G180">
            <v>907.95375000000001</v>
          </cell>
          <cell r="H180">
            <v>6960.9787499999993</v>
          </cell>
        </row>
        <row r="181">
          <cell r="A181" t="str">
            <v>SG27-1</v>
          </cell>
          <cell r="B181">
            <v>10449.384</v>
          </cell>
          <cell r="C181">
            <v>1044.9384</v>
          </cell>
          <cell r="D181">
            <v>5172.4450800000004</v>
          </cell>
          <cell r="E181">
            <v>2500.0151220000002</v>
          </cell>
          <cell r="F181">
            <v>9583.3913010000015</v>
          </cell>
          <cell r="G181">
            <v>4312.5260854500002</v>
          </cell>
          <cell r="H181">
            <v>33062.699988450004</v>
          </cell>
        </row>
        <row r="182">
          <cell r="A182" t="str">
            <v>SG27-2</v>
          </cell>
          <cell r="B182">
            <v>142400</v>
          </cell>
          <cell r="C182">
            <v>14240</v>
          </cell>
          <cell r="D182">
            <v>70488</v>
          </cell>
          <cell r="E182">
            <v>34069.199999999997</v>
          </cell>
          <cell r="F182">
            <v>130598.6</v>
          </cell>
          <cell r="G182">
            <v>58769.369999999995</v>
          </cell>
          <cell r="H182">
            <v>450565.17000000004</v>
          </cell>
        </row>
        <row r="183">
          <cell r="A183" t="str">
            <v>SG27-3</v>
          </cell>
          <cell r="B183">
            <v>143216.864</v>
          </cell>
          <cell r="C183">
            <v>14321.686400000001</v>
          </cell>
          <cell r="D183">
            <v>70892.347680000006</v>
          </cell>
          <cell r="E183">
            <v>34264.634711999999</v>
          </cell>
          <cell r="F183">
            <v>131347.76639599999</v>
          </cell>
          <cell r="G183">
            <v>59106.494878199999</v>
          </cell>
          <cell r="H183">
            <v>453149.79406619997</v>
          </cell>
        </row>
        <row r="184">
          <cell r="A184" t="str">
            <v>SG27-4</v>
          </cell>
          <cell r="B184">
            <v>37600</v>
          </cell>
          <cell r="C184">
            <v>3760</v>
          </cell>
          <cell r="D184">
            <v>18612</v>
          </cell>
          <cell r="E184">
            <v>8995.7999999999993</v>
          </cell>
          <cell r="F184">
            <v>34483.9</v>
          </cell>
          <cell r="G184">
            <v>15517.754999999997</v>
          </cell>
          <cell r="H184">
            <v>118969.45500000002</v>
          </cell>
        </row>
        <row r="185">
          <cell r="A185" t="str">
            <v>SG28-1</v>
          </cell>
          <cell r="B185">
            <v>2016.864</v>
          </cell>
          <cell r="C185">
            <v>201.68640000000002</v>
          </cell>
          <cell r="D185">
            <v>998.34768000000008</v>
          </cell>
          <cell r="E185">
            <v>482.53471199999996</v>
          </cell>
          <cell r="F185">
            <v>1849.716396</v>
          </cell>
          <cell r="G185">
            <v>832.37237819999996</v>
          </cell>
          <cell r="H185">
            <v>6381.5215662000001</v>
          </cell>
        </row>
        <row r="186">
          <cell r="A186" t="str">
            <v>SG28-2</v>
          </cell>
          <cell r="B186">
            <v>21656.864000000001</v>
          </cell>
          <cell r="C186">
            <v>2165.6864</v>
          </cell>
          <cell r="D186">
            <v>10720.14768</v>
          </cell>
          <cell r="E186">
            <v>5181.4047120000005</v>
          </cell>
          <cell r="F186">
            <v>19862.051396000003</v>
          </cell>
          <cell r="G186">
            <v>8937.9231282000001</v>
          </cell>
          <cell r="H186">
            <v>68524.077316200011</v>
          </cell>
        </row>
        <row r="187">
          <cell r="A187" t="str">
            <v>SG28-3</v>
          </cell>
          <cell r="B187">
            <v>3300</v>
          </cell>
          <cell r="C187">
            <v>330</v>
          </cell>
          <cell r="D187">
            <v>1633.5</v>
          </cell>
          <cell r="E187">
            <v>789.52499999999998</v>
          </cell>
          <cell r="F187">
            <v>3026.5124999999998</v>
          </cell>
          <cell r="G187">
            <v>1361.930625</v>
          </cell>
          <cell r="H187">
            <v>10441.468124999999</v>
          </cell>
        </row>
        <row r="188">
          <cell r="A188" t="str">
            <v>SG28-4</v>
          </cell>
          <cell r="B188">
            <v>252</v>
          </cell>
          <cell r="C188">
            <v>25.200000000000003</v>
          </cell>
          <cell r="D188">
            <v>124.74</v>
          </cell>
          <cell r="E188">
            <v>60.290999999999997</v>
          </cell>
          <cell r="F188">
            <v>231.1155</v>
          </cell>
          <cell r="G188">
            <v>104.00197499999999</v>
          </cell>
          <cell r="H188">
            <v>797.34847500000001</v>
          </cell>
        </row>
        <row r="189">
          <cell r="A189" t="str">
            <v>SG29-1</v>
          </cell>
          <cell r="B189">
            <v>291400</v>
          </cell>
          <cell r="C189">
            <v>29140</v>
          </cell>
          <cell r="D189">
            <v>144243</v>
          </cell>
          <cell r="E189">
            <v>69717.45</v>
          </cell>
          <cell r="F189">
            <v>267250.22499999998</v>
          </cell>
          <cell r="G189">
            <v>120262.60124999998</v>
          </cell>
          <cell r="H189">
            <v>922013.27624999988</v>
          </cell>
        </row>
        <row r="190">
          <cell r="A190" t="str">
            <v>SG29-2</v>
          </cell>
          <cell r="B190">
            <v>2200</v>
          </cell>
          <cell r="C190">
            <v>220</v>
          </cell>
          <cell r="D190">
            <v>1089</v>
          </cell>
          <cell r="E190">
            <v>526.35</v>
          </cell>
          <cell r="F190">
            <v>2017.675</v>
          </cell>
          <cell r="G190">
            <v>907.95375000000001</v>
          </cell>
          <cell r="H190">
            <v>6960.9787499999993</v>
          </cell>
        </row>
        <row r="191">
          <cell r="A191" t="str">
            <v>SG30-1</v>
          </cell>
          <cell r="B191">
            <v>626861.9</v>
          </cell>
          <cell r="C191">
            <v>62686.19</v>
          </cell>
          <cell r="D191">
            <v>310296.64050000004</v>
          </cell>
          <cell r="E191">
            <v>149976.70957500002</v>
          </cell>
          <cell r="F191">
            <v>574910.72003750002</v>
          </cell>
          <cell r="G191">
            <v>258709.82401687501</v>
          </cell>
          <cell r="H191">
            <v>1983441.9841293753</v>
          </cell>
        </row>
        <row r="192">
          <cell r="A192" t="str">
            <v>SG30-2</v>
          </cell>
          <cell r="B192">
            <v>74000</v>
          </cell>
          <cell r="C192">
            <v>7400</v>
          </cell>
          <cell r="D192">
            <v>36630</v>
          </cell>
          <cell r="E192">
            <v>17704.5</v>
          </cell>
          <cell r="F192">
            <v>67867.25</v>
          </cell>
          <cell r="G192">
            <v>30540.262499999997</v>
          </cell>
          <cell r="H192">
            <v>234142.01250000001</v>
          </cell>
        </row>
        <row r="193">
          <cell r="A193" t="str">
            <v>SG30-3</v>
          </cell>
          <cell r="B193">
            <v>108016.864</v>
          </cell>
          <cell r="C193">
            <v>10801.686400000001</v>
          </cell>
          <cell r="D193">
            <v>53468.347680000006</v>
          </cell>
          <cell r="E193">
            <v>25843.034712000001</v>
          </cell>
          <cell r="F193">
            <v>99064.966396000003</v>
          </cell>
          <cell r="G193">
            <v>44579.234878200004</v>
          </cell>
          <cell r="H193">
            <v>341774.1340662</v>
          </cell>
        </row>
        <row r="194">
          <cell r="A194" t="str">
            <v>SG30-4</v>
          </cell>
          <cell r="B194">
            <v>2200</v>
          </cell>
          <cell r="C194">
            <v>220</v>
          </cell>
          <cell r="D194">
            <v>1089</v>
          </cell>
          <cell r="E194">
            <v>526.35</v>
          </cell>
          <cell r="F194">
            <v>2017.675</v>
          </cell>
          <cell r="G194">
            <v>907.95375000000001</v>
          </cell>
          <cell r="H194">
            <v>6960.9787499999993</v>
          </cell>
        </row>
        <row r="195">
          <cell r="A195" t="str">
            <v>SG30-5</v>
          </cell>
          <cell r="B195">
            <v>189</v>
          </cell>
          <cell r="C195">
            <v>18.900000000000002</v>
          </cell>
          <cell r="D195">
            <v>93.555000000000007</v>
          </cell>
          <cell r="E195">
            <v>45.218250000000005</v>
          </cell>
          <cell r="F195">
            <v>173.33662500000003</v>
          </cell>
          <cell r="G195">
            <v>78.001481250000012</v>
          </cell>
          <cell r="H195">
            <v>598.01135625000006</v>
          </cell>
        </row>
        <row r="196">
          <cell r="A196" t="str">
            <v>SG31-1</v>
          </cell>
          <cell r="B196">
            <v>63000</v>
          </cell>
          <cell r="C196">
            <v>6300</v>
          </cell>
          <cell r="D196">
            <v>31185</v>
          </cell>
          <cell r="E196">
            <v>15072.75</v>
          </cell>
          <cell r="F196">
            <v>57778.875</v>
          </cell>
          <cell r="G196">
            <v>26000.493749999998</v>
          </cell>
          <cell r="H196">
            <v>199337.11874999999</v>
          </cell>
        </row>
        <row r="197">
          <cell r="A197" t="str">
            <v>SG31-2</v>
          </cell>
          <cell r="B197">
            <v>34816.864000000001</v>
          </cell>
          <cell r="C197">
            <v>3481.6864000000005</v>
          </cell>
          <cell r="D197">
            <v>17234.347679999999</v>
          </cell>
          <cell r="E197">
            <v>8329.9347120000002</v>
          </cell>
          <cell r="F197">
            <v>31931.416396000001</v>
          </cell>
          <cell r="G197">
            <v>14369.137378199997</v>
          </cell>
          <cell r="H197">
            <v>110163.3865662</v>
          </cell>
        </row>
        <row r="198">
          <cell r="A198" t="str">
            <v>SG31-3</v>
          </cell>
          <cell r="B198">
            <v>203261.8</v>
          </cell>
          <cell r="C198">
            <v>20326.18</v>
          </cell>
          <cell r="D198">
            <v>100614.591</v>
          </cell>
          <cell r="E198">
            <v>48630.385649999997</v>
          </cell>
          <cell r="F198">
            <v>186416.478325</v>
          </cell>
          <cell r="G198">
            <v>83887.415246249991</v>
          </cell>
          <cell r="H198">
            <v>643136.85022124997</v>
          </cell>
        </row>
        <row r="199">
          <cell r="A199" t="str">
            <v>SG31-4</v>
          </cell>
          <cell r="B199">
            <v>1100</v>
          </cell>
          <cell r="C199">
            <v>110</v>
          </cell>
          <cell r="D199">
            <v>544.5</v>
          </cell>
          <cell r="E199">
            <v>263.17500000000001</v>
          </cell>
          <cell r="F199">
            <v>1008.8375</v>
          </cell>
          <cell r="G199">
            <v>453.97687500000001</v>
          </cell>
          <cell r="H199">
            <v>3480.4893749999997</v>
          </cell>
        </row>
        <row r="200">
          <cell r="A200" t="str">
            <v>SG31-5</v>
          </cell>
          <cell r="B200">
            <v>252</v>
          </cell>
          <cell r="C200">
            <v>25.200000000000003</v>
          </cell>
          <cell r="D200">
            <v>124.74</v>
          </cell>
          <cell r="E200">
            <v>60.290999999999997</v>
          </cell>
          <cell r="F200">
            <v>231.1155</v>
          </cell>
          <cell r="G200">
            <v>104.00197499999999</v>
          </cell>
          <cell r="H200">
            <v>797.34847500000001</v>
          </cell>
        </row>
        <row r="201">
          <cell r="A201" t="str">
            <v>SG32-1</v>
          </cell>
          <cell r="B201">
            <v>2352.864</v>
          </cell>
          <cell r="C201">
            <v>235.28640000000001</v>
          </cell>
          <cell r="D201">
            <v>1164.66768</v>
          </cell>
          <cell r="E201">
            <v>562.92271199999993</v>
          </cell>
          <cell r="F201">
            <v>2157.8703959999998</v>
          </cell>
          <cell r="G201">
            <v>971.04167819999998</v>
          </cell>
          <cell r="H201">
            <v>7444.6528661999992</v>
          </cell>
        </row>
        <row r="202">
          <cell r="A202" t="str">
            <v>SG32-2</v>
          </cell>
          <cell r="B202">
            <v>122400</v>
          </cell>
          <cell r="C202">
            <v>12240</v>
          </cell>
          <cell r="D202">
            <v>60588</v>
          </cell>
          <cell r="E202">
            <v>29284.2</v>
          </cell>
          <cell r="F202">
            <v>112256.1</v>
          </cell>
          <cell r="G202">
            <v>50515.244999999995</v>
          </cell>
          <cell r="H202">
            <v>387283.54500000004</v>
          </cell>
        </row>
        <row r="203">
          <cell r="A203" t="str">
            <v>SG32-3</v>
          </cell>
          <cell r="B203">
            <v>3300</v>
          </cell>
          <cell r="C203">
            <v>330</v>
          </cell>
          <cell r="D203">
            <v>1633.5</v>
          </cell>
          <cell r="E203">
            <v>789.52499999999998</v>
          </cell>
          <cell r="F203">
            <v>3026.5124999999998</v>
          </cell>
          <cell r="G203">
            <v>1361.930625</v>
          </cell>
          <cell r="H203">
            <v>10441.468124999999</v>
          </cell>
        </row>
        <row r="204">
          <cell r="A204" t="str">
            <v>SG33-1</v>
          </cell>
          <cell r="B204">
            <v>534957.5</v>
          </cell>
          <cell r="C204">
            <v>53495.75</v>
          </cell>
          <cell r="D204">
            <v>264803.96250000002</v>
          </cell>
          <cell r="E204">
            <v>127988.581875</v>
          </cell>
          <cell r="F204">
            <v>490622.89718750003</v>
          </cell>
          <cell r="G204">
            <v>220780.30373437499</v>
          </cell>
          <cell r="H204">
            <v>1692648.995296875</v>
          </cell>
        </row>
        <row r="205">
          <cell r="A205" t="str">
            <v>SG33-2</v>
          </cell>
          <cell r="B205">
            <v>2200</v>
          </cell>
          <cell r="C205">
            <v>220</v>
          </cell>
          <cell r="D205">
            <v>1089</v>
          </cell>
          <cell r="E205">
            <v>526.35</v>
          </cell>
          <cell r="F205">
            <v>2017.675</v>
          </cell>
          <cell r="G205">
            <v>907.95375000000001</v>
          </cell>
          <cell r="H205">
            <v>6960.9787499999993</v>
          </cell>
        </row>
        <row r="206">
          <cell r="A206" t="str">
            <v>SG34-1</v>
          </cell>
          <cell r="B206">
            <v>280000</v>
          </cell>
          <cell r="C206">
            <v>28000</v>
          </cell>
          <cell r="D206">
            <v>138600</v>
          </cell>
          <cell r="E206">
            <v>66990</v>
          </cell>
          <cell r="F206">
            <v>256795</v>
          </cell>
          <cell r="G206">
            <v>115557.75</v>
          </cell>
          <cell r="H206">
            <v>885942.75</v>
          </cell>
        </row>
        <row r="207">
          <cell r="A207" t="str">
            <v>SG34-2</v>
          </cell>
          <cell r="B207">
            <v>141600</v>
          </cell>
          <cell r="C207">
            <v>14160</v>
          </cell>
          <cell r="D207">
            <v>70092</v>
          </cell>
          <cell r="E207">
            <v>33877.799999999996</v>
          </cell>
          <cell r="F207">
            <v>129864.9</v>
          </cell>
          <cell r="G207">
            <v>58439.205000000002</v>
          </cell>
          <cell r="H207">
            <v>448033.90499999997</v>
          </cell>
        </row>
        <row r="208">
          <cell r="A208" t="str">
            <v>SG34-3</v>
          </cell>
          <cell r="B208">
            <v>95400</v>
          </cell>
          <cell r="C208">
            <v>9540</v>
          </cell>
          <cell r="D208">
            <v>47223</v>
          </cell>
          <cell r="E208">
            <v>22824.45</v>
          </cell>
          <cell r="F208">
            <v>87493.725000000006</v>
          </cell>
          <cell r="G208">
            <v>39372.176250000004</v>
          </cell>
          <cell r="H208">
            <v>301853.35125000007</v>
          </cell>
        </row>
        <row r="209">
          <cell r="A209" t="str">
            <v>SG34-4</v>
          </cell>
          <cell r="B209">
            <v>34800</v>
          </cell>
          <cell r="C209">
            <v>3480</v>
          </cell>
          <cell r="D209">
            <v>17226</v>
          </cell>
          <cell r="E209">
            <v>8325.9</v>
          </cell>
          <cell r="F209">
            <v>31915.95</v>
          </cell>
          <cell r="G209">
            <v>14362.1775</v>
          </cell>
          <cell r="H209">
            <v>110110.02750000001</v>
          </cell>
        </row>
        <row r="210">
          <cell r="A210" t="str">
            <v>SG34-5</v>
          </cell>
          <cell r="B210">
            <v>384</v>
          </cell>
          <cell r="C210">
            <v>38.400000000000006</v>
          </cell>
          <cell r="D210">
            <v>190.07999999999998</v>
          </cell>
          <cell r="E210">
            <v>91.872</v>
          </cell>
          <cell r="F210">
            <v>352.17599999999999</v>
          </cell>
          <cell r="G210">
            <v>158.47919999999999</v>
          </cell>
          <cell r="H210">
            <v>1215.0072</v>
          </cell>
        </row>
        <row r="211">
          <cell r="A211" t="str">
            <v>SG34-6</v>
          </cell>
          <cell r="B211">
            <v>3300</v>
          </cell>
          <cell r="C211">
            <v>330</v>
          </cell>
          <cell r="D211">
            <v>1633.5</v>
          </cell>
          <cell r="E211">
            <v>789.52499999999998</v>
          </cell>
          <cell r="F211">
            <v>3026.5124999999998</v>
          </cell>
          <cell r="G211">
            <v>1361.930625</v>
          </cell>
          <cell r="H211">
            <v>10441.468124999999</v>
          </cell>
        </row>
        <row r="212">
          <cell r="A212" t="str">
            <v>SG35-1</v>
          </cell>
          <cell r="B212">
            <v>966751.9</v>
          </cell>
          <cell r="C212">
            <v>96675.19</v>
          </cell>
          <cell r="D212">
            <v>478542.19050000003</v>
          </cell>
          <cell r="E212">
            <v>231295.39207500001</v>
          </cell>
          <cell r="F212">
            <v>886632.3362875001</v>
          </cell>
          <cell r="G212">
            <v>398984.55132937501</v>
          </cell>
          <cell r="H212">
            <v>3058881.5601918753</v>
          </cell>
        </row>
        <row r="213">
          <cell r="A213" t="str">
            <v>SG35-2</v>
          </cell>
          <cell r="B213">
            <v>63000</v>
          </cell>
          <cell r="C213">
            <v>6300</v>
          </cell>
          <cell r="D213">
            <v>31185</v>
          </cell>
          <cell r="E213">
            <v>15072.75</v>
          </cell>
          <cell r="F213">
            <v>57778.875</v>
          </cell>
          <cell r="G213">
            <v>26000.493749999998</v>
          </cell>
          <cell r="H213">
            <v>199337.11874999999</v>
          </cell>
        </row>
        <row r="214">
          <cell r="A214" t="str">
            <v>SG35-3</v>
          </cell>
          <cell r="B214">
            <v>173000</v>
          </cell>
          <cell r="C214">
            <v>17300</v>
          </cell>
          <cell r="D214">
            <v>85635</v>
          </cell>
          <cell r="E214">
            <v>41390.25</v>
          </cell>
          <cell r="F214">
            <v>158662.625</v>
          </cell>
          <cell r="G214">
            <v>71398.181249999994</v>
          </cell>
          <cell r="H214">
            <v>547386.05625000002</v>
          </cell>
        </row>
        <row r="215">
          <cell r="A215" t="str">
            <v>SG35-4</v>
          </cell>
          <cell r="B215">
            <v>248200</v>
          </cell>
          <cell r="C215">
            <v>24820</v>
          </cell>
          <cell r="D215">
            <v>122859</v>
          </cell>
          <cell r="E215">
            <v>59381.85</v>
          </cell>
          <cell r="F215">
            <v>227630.42499999999</v>
          </cell>
          <cell r="G215">
            <v>102433.69125</v>
          </cell>
          <cell r="H215">
            <v>785324.96624999994</v>
          </cell>
        </row>
        <row r="216">
          <cell r="A216" t="str">
            <v>SG35-5</v>
          </cell>
          <cell r="B216">
            <v>69700</v>
          </cell>
          <cell r="C216">
            <v>6970</v>
          </cell>
          <cell r="D216">
            <v>34501.5</v>
          </cell>
          <cell r="E216">
            <v>16675.724999999999</v>
          </cell>
          <cell r="F216">
            <v>63923.612500000003</v>
          </cell>
          <cell r="G216">
            <v>28765.625625000001</v>
          </cell>
          <cell r="H216">
            <v>220536.46312500001</v>
          </cell>
        </row>
        <row r="217">
          <cell r="A217" t="str">
            <v>SG35-6</v>
          </cell>
          <cell r="B217">
            <v>114700</v>
          </cell>
          <cell r="C217">
            <v>11470</v>
          </cell>
          <cell r="D217">
            <v>56776.5</v>
          </cell>
          <cell r="E217">
            <v>27441.974999999999</v>
          </cell>
          <cell r="F217">
            <v>105194.2375</v>
          </cell>
          <cell r="G217">
            <v>47337.406875000001</v>
          </cell>
          <cell r="H217">
            <v>345715.11937500001</v>
          </cell>
        </row>
        <row r="218">
          <cell r="A218" t="str">
            <v>SG36-1</v>
          </cell>
          <cell r="B218">
            <v>612000</v>
          </cell>
          <cell r="C218">
            <v>61200</v>
          </cell>
          <cell r="D218">
            <v>302940</v>
          </cell>
          <cell r="E218">
            <v>146421</v>
          </cell>
          <cell r="F218">
            <v>561280.5</v>
          </cell>
          <cell r="G218">
            <v>252576.22499999998</v>
          </cell>
          <cell r="H218">
            <v>1936417.7250000001</v>
          </cell>
        </row>
        <row r="219">
          <cell r="A219" t="str">
            <v>SG36-2</v>
          </cell>
          <cell r="B219">
            <v>74016.432000000001</v>
          </cell>
          <cell r="C219">
            <v>7401.6432000000004</v>
          </cell>
          <cell r="D219">
            <v>36638.133840000002</v>
          </cell>
          <cell r="E219">
            <v>17708.431356000001</v>
          </cell>
          <cell r="F219">
            <v>67882.320198000001</v>
          </cell>
          <cell r="G219">
            <v>30547.044089100003</v>
          </cell>
          <cell r="H219">
            <v>234194.00468310001</v>
          </cell>
        </row>
        <row r="220">
          <cell r="A220" t="str">
            <v>SG36-3</v>
          </cell>
          <cell r="B220">
            <v>3300</v>
          </cell>
          <cell r="C220">
            <v>330</v>
          </cell>
          <cell r="D220">
            <v>1633.5</v>
          </cell>
          <cell r="E220">
            <v>789.52499999999998</v>
          </cell>
          <cell r="F220">
            <v>3026.5124999999998</v>
          </cell>
          <cell r="G220">
            <v>1361.930625</v>
          </cell>
          <cell r="H220">
            <v>10441.468124999999</v>
          </cell>
        </row>
        <row r="221">
          <cell r="A221" t="str">
            <v>SG36-4</v>
          </cell>
          <cell r="B221">
            <v>252</v>
          </cell>
          <cell r="C221">
            <v>25.200000000000003</v>
          </cell>
          <cell r="D221">
            <v>124.74</v>
          </cell>
          <cell r="E221">
            <v>60.290999999999997</v>
          </cell>
          <cell r="F221">
            <v>231.1155</v>
          </cell>
          <cell r="G221">
            <v>104.00197499999999</v>
          </cell>
          <cell r="H221">
            <v>797.34847500000001</v>
          </cell>
        </row>
        <row r="222">
          <cell r="A222" t="str">
            <v>SG37-1</v>
          </cell>
          <cell r="B222">
            <v>3456.864</v>
          </cell>
          <cell r="C222">
            <v>345.68640000000005</v>
          </cell>
          <cell r="D222">
            <v>1711.14768</v>
          </cell>
          <cell r="E222">
            <v>827.05471199999999</v>
          </cell>
          <cell r="F222">
            <v>3170.3763960000001</v>
          </cell>
          <cell r="G222">
            <v>1426.6693782</v>
          </cell>
          <cell r="H222">
            <v>10937.798566200001</v>
          </cell>
        </row>
        <row r="223">
          <cell r="A223" t="str">
            <v>SG37-2</v>
          </cell>
          <cell r="B223">
            <v>63000</v>
          </cell>
          <cell r="C223">
            <v>6300</v>
          </cell>
          <cell r="D223">
            <v>31185</v>
          </cell>
          <cell r="E223">
            <v>15072.75</v>
          </cell>
          <cell r="F223">
            <v>57778.875</v>
          </cell>
          <cell r="G223">
            <v>26000.493749999998</v>
          </cell>
          <cell r="H223">
            <v>199337.11874999999</v>
          </cell>
        </row>
        <row r="224">
          <cell r="A224" t="str">
            <v>EXT-1</v>
          </cell>
          <cell r="B224">
            <v>767687.89</v>
          </cell>
          <cell r="C224">
            <v>76768.789000000004</v>
          </cell>
          <cell r="D224">
            <v>380005.50555</v>
          </cell>
          <cell r="E224">
            <v>183669.32768249998</v>
          </cell>
          <cell r="F224">
            <v>704065.75611624995</v>
          </cell>
          <cell r="G224">
            <v>316829.59025231248</v>
          </cell>
          <cell r="H224">
            <v>2429026.8586010621</v>
          </cell>
        </row>
        <row r="225">
          <cell r="A225" t="str">
            <v>EXT-2</v>
          </cell>
          <cell r="B225">
            <v>285050.51800000004</v>
          </cell>
          <cell r="C225">
            <v>28505.051800000005</v>
          </cell>
          <cell r="D225">
            <v>141100.00641000003</v>
          </cell>
          <cell r="E225">
            <v>68198.336431500007</v>
          </cell>
          <cell r="F225">
            <v>261426.95632075006</v>
          </cell>
          <cell r="G225">
            <v>117642.13034433752</v>
          </cell>
          <cell r="H225">
            <v>901922.99930658774</v>
          </cell>
        </row>
        <row r="226">
          <cell r="A226" t="str">
            <v>EXT-3</v>
          </cell>
          <cell r="B226">
            <v>393227.86</v>
          </cell>
          <cell r="C226">
            <v>39322.786</v>
          </cell>
          <cell r="D226">
            <v>194647.79070000001</v>
          </cell>
          <cell r="E226">
            <v>94079.765504999988</v>
          </cell>
          <cell r="F226">
            <v>360639.10110249999</v>
          </cell>
          <cell r="G226">
            <v>162287.595496125</v>
          </cell>
          <cell r="H226">
            <v>1244204.898803625</v>
          </cell>
        </row>
        <row r="227">
          <cell r="A227" t="str">
            <v>EXT-4</v>
          </cell>
          <cell r="B227">
            <v>34668.880000000005</v>
          </cell>
          <cell r="C227">
            <v>3466.8880000000008</v>
          </cell>
          <cell r="D227">
            <v>17161.095600000001</v>
          </cell>
          <cell r="E227">
            <v>8294.5295399999995</v>
          </cell>
          <cell r="F227">
            <v>31795.69657</v>
          </cell>
          <cell r="G227">
            <v>14308.0634565</v>
          </cell>
          <cell r="H227">
            <v>109695.15316650001</v>
          </cell>
        </row>
        <row r="228">
          <cell r="A228" t="str">
            <v>EXT-5</v>
          </cell>
          <cell r="B228">
            <v>34668.880000000005</v>
          </cell>
          <cell r="C228">
            <v>3466.8880000000008</v>
          </cell>
          <cell r="D228">
            <v>17161.095600000001</v>
          </cell>
          <cell r="E228">
            <v>8294.5295399999995</v>
          </cell>
          <cell r="F228">
            <v>31795.69657</v>
          </cell>
          <cell r="G228">
            <v>14308.0634565</v>
          </cell>
          <cell r="H228">
            <v>109695.15316650001</v>
          </cell>
        </row>
        <row r="229">
          <cell r="A229" t="str">
            <v>EXT-6</v>
          </cell>
          <cell r="B229">
            <v>413729.51</v>
          </cell>
          <cell r="C229">
            <v>41372.951000000001</v>
          </cell>
          <cell r="D229">
            <v>204796.10745000001</v>
          </cell>
          <cell r="E229">
            <v>98984.785267500003</v>
          </cell>
          <cell r="F229">
            <v>379441.67685875</v>
          </cell>
          <cell r="G229">
            <v>170748.75458643748</v>
          </cell>
          <cell r="H229">
            <v>1309073.7851626875</v>
          </cell>
        </row>
        <row r="230">
          <cell r="A230" t="str">
            <v>EXT-7</v>
          </cell>
          <cell r="B230">
            <v>3117231</v>
          </cell>
          <cell r="C230">
            <v>311723.10000000003</v>
          </cell>
          <cell r="D230">
            <v>1543029.345</v>
          </cell>
          <cell r="E230">
            <v>745797.51675000007</v>
          </cell>
          <cell r="F230">
            <v>2858890.4808750004</v>
          </cell>
          <cell r="G230">
            <v>1286500.7163937502</v>
          </cell>
          <cell r="H230">
            <v>9863172.1590187512</v>
          </cell>
        </row>
        <row r="231">
          <cell r="A231" t="str">
            <v>EXT-8</v>
          </cell>
          <cell r="B231">
            <v>888081.53</v>
          </cell>
          <cell r="C231">
            <v>88808.153000000006</v>
          </cell>
          <cell r="D231">
            <v>439600.35735000006</v>
          </cell>
          <cell r="E231">
            <v>212473.50605250002</v>
          </cell>
          <cell r="F231">
            <v>814481.77320125012</v>
          </cell>
          <cell r="G231">
            <v>366516.79794056248</v>
          </cell>
          <cell r="H231">
            <v>2809962.117544313</v>
          </cell>
        </row>
        <row r="232">
          <cell r="A232" t="str">
            <v>EXT-9</v>
          </cell>
          <cell r="B232">
            <v>196619.2</v>
          </cell>
          <cell r="C232">
            <v>19661.920000000002</v>
          </cell>
          <cell r="D232">
            <v>97326.504000000015</v>
          </cell>
          <cell r="E232">
            <v>47041.14360000001</v>
          </cell>
          <cell r="F232">
            <v>180324.38380000004</v>
          </cell>
          <cell r="G232">
            <v>81145.972710000016</v>
          </cell>
          <cell r="H232">
            <v>622119.12411000009</v>
          </cell>
        </row>
        <row r="233">
          <cell r="A233" t="str">
            <v>EXT-10</v>
          </cell>
          <cell r="H233">
            <v>370629.19</v>
          </cell>
        </row>
        <row r="234">
          <cell r="A234" t="str">
            <v>EXT-11</v>
          </cell>
          <cell r="B234">
            <v>540000</v>
          </cell>
          <cell r="C234">
            <v>54000</v>
          </cell>
          <cell r="D234">
            <v>267300</v>
          </cell>
          <cell r="E234">
            <v>129195</v>
          </cell>
          <cell r="F234">
            <v>495247.5</v>
          </cell>
          <cell r="G234">
            <v>222861.375</v>
          </cell>
          <cell r="H234">
            <v>1708603.875</v>
          </cell>
        </row>
        <row r="235">
          <cell r="A235" t="str">
            <v>EXT-12</v>
          </cell>
          <cell r="H235">
            <v>370629.19</v>
          </cell>
        </row>
        <row r="236">
          <cell r="A236" t="str">
            <v>EXT-13</v>
          </cell>
          <cell r="B236">
            <v>10500000</v>
          </cell>
          <cell r="H236">
            <v>10500000</v>
          </cell>
        </row>
        <row r="237">
          <cell r="A237" t="str">
            <v>EXT-14</v>
          </cell>
          <cell r="B237">
            <v>5250000</v>
          </cell>
          <cell r="H237">
            <v>5250000</v>
          </cell>
        </row>
        <row r="238">
          <cell r="A238" t="str">
            <v>EXT-15</v>
          </cell>
          <cell r="B238">
            <v>40000</v>
          </cell>
          <cell r="C238">
            <v>4000</v>
          </cell>
          <cell r="D238">
            <v>19800</v>
          </cell>
          <cell r="E238">
            <v>9570</v>
          </cell>
          <cell r="F238">
            <v>36685</v>
          </cell>
          <cell r="G238">
            <v>16508.25</v>
          </cell>
          <cell r="H238">
            <v>126563.25</v>
          </cell>
        </row>
        <row r="239">
          <cell r="A239" t="str">
            <v>EXT-16</v>
          </cell>
          <cell r="B239">
            <v>875000</v>
          </cell>
          <cell r="H239">
            <v>875000</v>
          </cell>
        </row>
        <row r="240">
          <cell r="A240" t="str">
            <v>EXT-17</v>
          </cell>
          <cell r="B240">
            <v>42500</v>
          </cell>
          <cell r="C240">
            <v>4250</v>
          </cell>
          <cell r="D240">
            <v>21037.5</v>
          </cell>
          <cell r="E240">
            <v>10168.125</v>
          </cell>
          <cell r="F240">
            <v>38977.8125</v>
          </cell>
          <cell r="G240">
            <v>17540.015625</v>
          </cell>
          <cell r="H240">
            <v>134473.453125</v>
          </cell>
        </row>
        <row r="241">
          <cell r="A241" t="str">
            <v>EXT-18</v>
          </cell>
          <cell r="B241">
            <v>500000</v>
          </cell>
          <cell r="C241">
            <v>50000</v>
          </cell>
          <cell r="D241">
            <v>247500</v>
          </cell>
          <cell r="E241">
            <v>119625</v>
          </cell>
          <cell r="F241">
            <v>458562.5</v>
          </cell>
          <cell r="G241">
            <v>206353.125</v>
          </cell>
          <cell r="H241">
            <v>1582040.625</v>
          </cell>
        </row>
      </sheetData>
      <sheetData sheetId="2">
        <row r="1">
          <cell r="D1" t="str">
            <v>ID</v>
          </cell>
          <cell r="E1" t="str">
            <v>LP_Site</v>
          </cell>
        </row>
        <row r="2">
          <cell r="D2" t="str">
            <v>EXT-10</v>
          </cell>
          <cell r="E2" t="str">
            <v>Single - Scenario 1</v>
          </cell>
        </row>
        <row r="3">
          <cell r="D3" t="str">
            <v>LS-14</v>
          </cell>
          <cell r="E3" t="str">
            <v>Single - Scenario 1</v>
          </cell>
        </row>
        <row r="4">
          <cell r="D4" t="str">
            <v>LS-15</v>
          </cell>
          <cell r="E4" t="str">
            <v>Single - Scenario 1</v>
          </cell>
        </row>
        <row r="5">
          <cell r="D5" t="str">
            <v>LS-22</v>
          </cell>
          <cell r="E5" t="str">
            <v>Single - Scenario 1</v>
          </cell>
        </row>
        <row r="6">
          <cell r="D6" t="str">
            <v>LS-23</v>
          </cell>
          <cell r="E6" t="str">
            <v>Single - Scenario 1</v>
          </cell>
        </row>
        <row r="7">
          <cell r="D7" t="str">
            <v>LS-24</v>
          </cell>
          <cell r="E7" t="str">
            <v>Single - Scenario 1</v>
          </cell>
        </row>
        <row r="8">
          <cell r="D8" t="str">
            <v>LS-25</v>
          </cell>
          <cell r="E8" t="str">
            <v>Single - Scenario 1</v>
          </cell>
        </row>
        <row r="9">
          <cell r="D9" t="str">
            <v>LS-26</v>
          </cell>
          <cell r="E9" t="str">
            <v>Single - Scenario 1</v>
          </cell>
        </row>
        <row r="10">
          <cell r="D10" t="str">
            <v>LS-27</v>
          </cell>
          <cell r="E10" t="str">
            <v>Single - Scenario 1</v>
          </cell>
        </row>
        <row r="11">
          <cell r="D11" t="str">
            <v>LS-28</v>
          </cell>
          <cell r="E11" t="str">
            <v>Single - Scenario 1</v>
          </cell>
        </row>
        <row r="12">
          <cell r="D12" t="str">
            <v>LS-29</v>
          </cell>
          <cell r="E12" t="str">
            <v>Single - Scenario 1</v>
          </cell>
        </row>
        <row r="13">
          <cell r="D13" t="str">
            <v>LS-30</v>
          </cell>
          <cell r="E13" t="str">
            <v>Single - Scenario 1</v>
          </cell>
        </row>
        <row r="14">
          <cell r="D14" t="str">
            <v>LS-32</v>
          </cell>
          <cell r="E14" t="str">
            <v>Single - Scenario 1</v>
          </cell>
        </row>
        <row r="15">
          <cell r="D15" t="str">
            <v>LS-73</v>
          </cell>
          <cell r="E15" t="str">
            <v>Single - Scenario 1</v>
          </cell>
        </row>
        <row r="16">
          <cell r="D16" t="str">
            <v>LS-74</v>
          </cell>
          <cell r="E16" t="str">
            <v>Single - Scenario 1</v>
          </cell>
        </row>
        <row r="17">
          <cell r="D17" t="str">
            <v>EXT-15</v>
          </cell>
          <cell r="E17" t="str">
            <v>Single - Scenario 2</v>
          </cell>
        </row>
        <row r="18">
          <cell r="D18" t="str">
            <v>LS-3</v>
          </cell>
          <cell r="E18" t="str">
            <v>Single - Scenario 2</v>
          </cell>
        </row>
        <row r="19">
          <cell r="D19" t="str">
            <v>LS-31</v>
          </cell>
          <cell r="E19" t="str">
            <v>Single - Scenario 2</v>
          </cell>
        </row>
        <row r="20">
          <cell r="D20" t="str">
            <v>LS-33</v>
          </cell>
          <cell r="E20" t="str">
            <v>Single - Scenario 2</v>
          </cell>
        </row>
        <row r="21">
          <cell r="D21" t="str">
            <v>LS-36</v>
          </cell>
          <cell r="E21" t="str">
            <v>Single - Scenario 2</v>
          </cell>
        </row>
        <row r="22">
          <cell r="D22" t="str">
            <v>LS-50</v>
          </cell>
          <cell r="E22" t="str">
            <v>Single - Scenario 2</v>
          </cell>
        </row>
        <row r="23">
          <cell r="D23" t="str">
            <v>LS-53</v>
          </cell>
          <cell r="E23" t="str">
            <v>Single - Scenario 2</v>
          </cell>
        </row>
        <row r="24">
          <cell r="D24" t="str">
            <v>LS-55</v>
          </cell>
          <cell r="E24" t="str">
            <v>Single - Scenario 2</v>
          </cell>
        </row>
        <row r="25">
          <cell r="D25" t="str">
            <v>LS-59</v>
          </cell>
          <cell r="E25" t="str">
            <v>Single - Scenario 2</v>
          </cell>
        </row>
        <row r="26">
          <cell r="D26" t="str">
            <v>LS-68</v>
          </cell>
          <cell r="E26" t="str">
            <v>Single - Scenario 2</v>
          </cell>
        </row>
        <row r="27">
          <cell r="D27" t="str">
            <v>LS-69</v>
          </cell>
          <cell r="E27" t="str">
            <v>Single - Scenario 2</v>
          </cell>
        </row>
        <row r="28">
          <cell r="D28" t="str">
            <v>LS-71</v>
          </cell>
          <cell r="E28" t="str">
            <v>Single - Scenario 2</v>
          </cell>
        </row>
        <row r="29">
          <cell r="D29" t="str">
            <v>SG10-2</v>
          </cell>
          <cell r="E29" t="str">
            <v>Single - Scenario 2</v>
          </cell>
        </row>
        <row r="30">
          <cell r="D30" t="str">
            <v>SG18-2</v>
          </cell>
          <cell r="E30" t="str">
            <v>Single - Scenario 2</v>
          </cell>
        </row>
        <row r="31">
          <cell r="D31" t="str">
            <v>SG18-3</v>
          </cell>
          <cell r="E31" t="str">
            <v>Single - Scenario 2</v>
          </cell>
        </row>
        <row r="32">
          <cell r="D32" t="str">
            <v>SG18-4</v>
          </cell>
          <cell r="E32" t="str">
            <v>Single - Scenario 2</v>
          </cell>
        </row>
        <row r="33">
          <cell r="D33" t="str">
            <v>SG25-2</v>
          </cell>
          <cell r="E33" t="str">
            <v>Single - Scenario 2</v>
          </cell>
        </row>
        <row r="34">
          <cell r="D34" t="str">
            <v>SG25-4</v>
          </cell>
          <cell r="E34" t="str">
            <v>Single - Scenario 2</v>
          </cell>
        </row>
        <row r="35">
          <cell r="D35" t="str">
            <v>SG25-5</v>
          </cell>
          <cell r="E35" t="str">
            <v>Single - Scenario 2</v>
          </cell>
        </row>
        <row r="36">
          <cell r="D36" t="str">
            <v>SG29-1</v>
          </cell>
          <cell r="E36" t="str">
            <v>Single - Scenario 2</v>
          </cell>
        </row>
        <row r="37">
          <cell r="D37" t="str">
            <v>SG29-2</v>
          </cell>
          <cell r="E37" t="str">
            <v>Single - Scenario 2</v>
          </cell>
        </row>
        <row r="38">
          <cell r="D38" t="str">
            <v>SG6-5</v>
          </cell>
          <cell r="E38" t="str">
            <v>Single - Scenario 2</v>
          </cell>
        </row>
        <row r="39">
          <cell r="D39" t="str">
            <v>SG7-2</v>
          </cell>
          <cell r="E39" t="str">
            <v>Single - Scenario 2</v>
          </cell>
        </row>
        <row r="40">
          <cell r="D40" t="str">
            <v>SG7-4</v>
          </cell>
          <cell r="E40" t="str">
            <v>Single - Scenario 2</v>
          </cell>
        </row>
        <row r="41">
          <cell r="D41" t="str">
            <v>SG7-5</v>
          </cell>
          <cell r="E41" t="str">
            <v>Single - Scenario 2</v>
          </cell>
        </row>
        <row r="42">
          <cell r="D42" t="str">
            <v>SG7-7</v>
          </cell>
          <cell r="E42" t="str">
            <v>Single - Scenario 2</v>
          </cell>
        </row>
        <row r="43">
          <cell r="D43" t="str">
            <v>EXT-11</v>
          </cell>
          <cell r="E43" t="str">
            <v>Single - Scenario 3</v>
          </cell>
        </row>
        <row r="44">
          <cell r="D44" t="str">
            <v>EXT-12</v>
          </cell>
          <cell r="E44" t="str">
            <v>Single - Scenario 3</v>
          </cell>
        </row>
        <row r="45">
          <cell r="D45" t="str">
            <v>LS-10</v>
          </cell>
          <cell r="E45" t="str">
            <v>Single - Scenario 3</v>
          </cell>
        </row>
        <row r="46">
          <cell r="D46" t="str">
            <v>LS-11</v>
          </cell>
          <cell r="E46" t="str">
            <v>Single - Scenario 3</v>
          </cell>
        </row>
        <row r="47">
          <cell r="D47" t="str">
            <v>LS-12</v>
          </cell>
          <cell r="E47" t="str">
            <v>Single - Scenario 3</v>
          </cell>
        </row>
        <row r="48">
          <cell r="D48" t="str">
            <v>LS-13</v>
          </cell>
          <cell r="E48" t="str">
            <v>Single - Scenario 3</v>
          </cell>
        </row>
        <row r="49">
          <cell r="D49" t="str">
            <v>LS-38</v>
          </cell>
          <cell r="E49" t="str">
            <v>Single - Scenario 3</v>
          </cell>
        </row>
        <row r="50">
          <cell r="D50" t="str">
            <v>LS-6</v>
          </cell>
          <cell r="E50" t="str">
            <v>Single - Scenario 3</v>
          </cell>
        </row>
        <row r="51">
          <cell r="D51" t="str">
            <v>SG10-3</v>
          </cell>
          <cell r="E51" t="str">
            <v>Single - Scenario 3</v>
          </cell>
        </row>
        <row r="52">
          <cell r="D52" t="str">
            <v>SG10-4</v>
          </cell>
          <cell r="E52" t="str">
            <v>Single - Scenario 3</v>
          </cell>
        </row>
        <row r="53">
          <cell r="D53" t="str">
            <v>SG14-1</v>
          </cell>
          <cell r="E53" t="str">
            <v>Single - Scenario 3</v>
          </cell>
        </row>
        <row r="54">
          <cell r="D54" t="str">
            <v>SG16-2</v>
          </cell>
          <cell r="E54" t="str">
            <v>Single - Scenario 3</v>
          </cell>
        </row>
        <row r="55">
          <cell r="D55" t="str">
            <v>SG16-5</v>
          </cell>
          <cell r="E55" t="str">
            <v>Single - Scenario 3</v>
          </cell>
        </row>
        <row r="56">
          <cell r="D56" t="str">
            <v>SG16-6</v>
          </cell>
          <cell r="E56" t="str">
            <v>Single - Scenario 3</v>
          </cell>
        </row>
        <row r="57">
          <cell r="D57" t="str">
            <v>SG19-3</v>
          </cell>
          <cell r="E57" t="str">
            <v>Single - Scenario 3</v>
          </cell>
        </row>
        <row r="58">
          <cell r="D58" t="str">
            <v>SG19-4</v>
          </cell>
          <cell r="E58" t="str">
            <v>Single - Scenario 3</v>
          </cell>
        </row>
        <row r="59">
          <cell r="D59" t="str">
            <v>SG2-1</v>
          </cell>
          <cell r="E59" t="str">
            <v>Single - Scenario 3</v>
          </cell>
        </row>
        <row r="60">
          <cell r="D60" t="str">
            <v>SG2-3</v>
          </cell>
          <cell r="E60" t="str">
            <v>Single - Scenario 3</v>
          </cell>
        </row>
        <row r="61">
          <cell r="D61" t="str">
            <v>SG2-6</v>
          </cell>
          <cell r="E61" t="str">
            <v>Single - Scenario 3</v>
          </cell>
        </row>
        <row r="62">
          <cell r="D62" t="str">
            <v>SG20-2</v>
          </cell>
          <cell r="E62" t="str">
            <v>Single - Scenario 3</v>
          </cell>
        </row>
        <row r="63">
          <cell r="D63" t="str">
            <v>SG3-2</v>
          </cell>
          <cell r="E63" t="str">
            <v>Single - Scenario 3</v>
          </cell>
        </row>
        <row r="64">
          <cell r="D64" t="str">
            <v>SG3-5</v>
          </cell>
          <cell r="E64" t="str">
            <v>Single - Scenario 3</v>
          </cell>
        </row>
        <row r="65">
          <cell r="D65" t="str">
            <v>SG30-4</v>
          </cell>
          <cell r="E65" t="str">
            <v>Single - Scenario 3</v>
          </cell>
        </row>
        <row r="66">
          <cell r="D66" t="str">
            <v>SG31-5</v>
          </cell>
          <cell r="E66" t="str">
            <v>Single - Scenario 3</v>
          </cell>
        </row>
        <row r="67">
          <cell r="D67" t="str">
            <v>SG34-1</v>
          </cell>
          <cell r="E67" t="str">
            <v>Single - Scenario 3</v>
          </cell>
        </row>
        <row r="68">
          <cell r="D68" t="str">
            <v>SG34-2</v>
          </cell>
          <cell r="E68" t="str">
            <v>Single - Scenario 3</v>
          </cell>
        </row>
        <row r="69">
          <cell r="D69" t="str">
            <v>SG34-5</v>
          </cell>
          <cell r="E69" t="str">
            <v>Single - Scenario 3</v>
          </cell>
        </row>
        <row r="70">
          <cell r="D70" t="str">
            <v>SG34-6</v>
          </cell>
          <cell r="E70" t="str">
            <v>Single - Scenario 3</v>
          </cell>
        </row>
        <row r="71">
          <cell r="D71" t="str">
            <v>SG35-2</v>
          </cell>
          <cell r="E71" t="str">
            <v>Single - Scenario 3</v>
          </cell>
        </row>
        <row r="72">
          <cell r="D72" t="str">
            <v>SG36-1</v>
          </cell>
          <cell r="E72" t="str">
            <v>Single - Scenario 3</v>
          </cell>
        </row>
        <row r="73">
          <cell r="D73" t="str">
            <v>SG36-2</v>
          </cell>
          <cell r="E73" t="str">
            <v>Single - Scenario 3</v>
          </cell>
        </row>
        <row r="74">
          <cell r="D74" t="str">
            <v>SG36-3</v>
          </cell>
          <cell r="E74" t="str">
            <v>Single - Scenario 3</v>
          </cell>
        </row>
        <row r="75">
          <cell r="D75" t="str">
            <v>SG37-1</v>
          </cell>
          <cell r="E75" t="str">
            <v>Single - Scenario 3</v>
          </cell>
        </row>
        <row r="76">
          <cell r="D76" t="str">
            <v>SG37-2</v>
          </cell>
          <cell r="E76" t="str">
            <v>Single - Scenario 3</v>
          </cell>
        </row>
        <row r="77">
          <cell r="D77" t="str">
            <v>SG4-2</v>
          </cell>
          <cell r="E77" t="str">
            <v>Multiple - Scenario 1</v>
          </cell>
        </row>
        <row r="78">
          <cell r="D78" t="str">
            <v>SG4-3</v>
          </cell>
          <cell r="E78" t="str">
            <v>Multiple - Scenario 1</v>
          </cell>
        </row>
        <row r="79">
          <cell r="D79" t="str">
            <v>SG4-4</v>
          </cell>
          <cell r="E79" t="str">
            <v>Multiple - Scenario 1</v>
          </cell>
        </row>
        <row r="80">
          <cell r="D80" t="str">
            <v>SG5-4</v>
          </cell>
          <cell r="E80" t="str">
            <v>Single - Scenario 3</v>
          </cell>
        </row>
        <row r="81">
          <cell r="D81" t="str">
            <v>SG8-3</v>
          </cell>
          <cell r="E81" t="str">
            <v>Single - Scenario 3</v>
          </cell>
        </row>
        <row r="82">
          <cell r="D82" t="str">
            <v>SG8-5</v>
          </cell>
          <cell r="E82" t="str">
            <v>Single - Scenario 3</v>
          </cell>
        </row>
        <row r="83">
          <cell r="D83" t="str">
            <v>SG9-6</v>
          </cell>
          <cell r="E83" t="str">
            <v>Single - Scenario 3</v>
          </cell>
        </row>
        <row r="84">
          <cell r="D84" t="str">
            <v>EXT-2</v>
          </cell>
          <cell r="E84" t="str">
            <v>Multiple - Scenario 1</v>
          </cell>
        </row>
        <row r="85">
          <cell r="D85" t="str">
            <v>LS-1</v>
          </cell>
          <cell r="E85" t="str">
            <v>Multiple - Scenario 1</v>
          </cell>
        </row>
        <row r="86">
          <cell r="D86" t="str">
            <v>LS-19</v>
          </cell>
          <cell r="E86" t="str">
            <v>Multiple - Scenario 1</v>
          </cell>
        </row>
        <row r="87">
          <cell r="D87" t="str">
            <v>LS-2</v>
          </cell>
          <cell r="E87" t="str">
            <v>Multiple - Scenario 1</v>
          </cell>
        </row>
        <row r="88">
          <cell r="D88" t="str">
            <v>LS-35</v>
          </cell>
          <cell r="E88" t="str">
            <v>Multiple - Scenario 1</v>
          </cell>
        </row>
        <row r="89">
          <cell r="D89" t="str">
            <v>LS-4</v>
          </cell>
          <cell r="E89" t="str">
            <v>Multiple - Scenario 1</v>
          </cell>
        </row>
        <row r="90">
          <cell r="D90" t="str">
            <v>LS-56</v>
          </cell>
          <cell r="E90" t="str">
            <v>Multiple - Scenario 1</v>
          </cell>
        </row>
        <row r="91">
          <cell r="D91" t="str">
            <v>LS-57</v>
          </cell>
          <cell r="E91" t="str">
            <v>Multiple - Scenario 1</v>
          </cell>
        </row>
        <row r="92">
          <cell r="D92" t="str">
            <v>LS-75</v>
          </cell>
          <cell r="E92" t="str">
            <v>Multiple - Scenario 1</v>
          </cell>
        </row>
        <row r="93">
          <cell r="D93" t="str">
            <v>LS-9</v>
          </cell>
          <cell r="E93" t="str">
            <v>Multiple - Scenario 1</v>
          </cell>
        </row>
        <row r="94">
          <cell r="D94" t="str">
            <v>SG11-1</v>
          </cell>
          <cell r="E94" t="str">
            <v>Multiple - Scenario 1</v>
          </cell>
        </row>
        <row r="95">
          <cell r="D95" t="str">
            <v>SG11-2</v>
          </cell>
          <cell r="E95" t="str">
            <v>Multiple - Scenario 1</v>
          </cell>
        </row>
        <row r="96">
          <cell r="D96" t="str">
            <v>SG11-4</v>
          </cell>
          <cell r="E96" t="str">
            <v>Multiple - Scenario 1</v>
          </cell>
        </row>
        <row r="97">
          <cell r="D97" t="str">
            <v>SG14-2</v>
          </cell>
          <cell r="E97" t="str">
            <v>Multiple - Scenario 1</v>
          </cell>
        </row>
        <row r="98">
          <cell r="D98" t="str">
            <v>SG18-1</v>
          </cell>
          <cell r="E98" t="str">
            <v>Multiple - Scenario 1</v>
          </cell>
        </row>
        <row r="99">
          <cell r="D99" t="str">
            <v>SG20-1</v>
          </cell>
          <cell r="E99" t="str">
            <v>Multiple - Scenario 1</v>
          </cell>
        </row>
        <row r="100">
          <cell r="D100" t="str">
            <v>SG20-5</v>
          </cell>
          <cell r="E100" t="str">
            <v>Multiple - Scenario 1</v>
          </cell>
        </row>
        <row r="101">
          <cell r="D101" t="str">
            <v>SG20-6</v>
          </cell>
          <cell r="E101" t="str">
            <v>Multiple - Scenario 1</v>
          </cell>
        </row>
        <row r="102">
          <cell r="D102" t="str">
            <v>SG21-1</v>
          </cell>
          <cell r="E102" t="str">
            <v>Multiple - Scenario 1</v>
          </cell>
        </row>
        <row r="103">
          <cell r="D103" t="str">
            <v>SG22-1</v>
          </cell>
          <cell r="E103" t="str">
            <v>Multiple - Scenario 1</v>
          </cell>
        </row>
        <row r="104">
          <cell r="D104" t="str">
            <v>SG23-1</v>
          </cell>
          <cell r="E104" t="str">
            <v>Multiple - Scenario 1</v>
          </cell>
        </row>
        <row r="105">
          <cell r="D105" t="str">
            <v>SG23-2</v>
          </cell>
          <cell r="E105" t="str">
            <v>Multiple - Scenario 1</v>
          </cell>
        </row>
        <row r="106">
          <cell r="D106" t="str">
            <v>SG23-3</v>
          </cell>
          <cell r="E106" t="str">
            <v>Multiple - Scenario 1</v>
          </cell>
        </row>
        <row r="107">
          <cell r="D107" t="str">
            <v>SG24-1</v>
          </cell>
          <cell r="E107" t="str">
            <v>Multiple - Scenario 1</v>
          </cell>
        </row>
        <row r="108">
          <cell r="D108" t="str">
            <v>SG25-3</v>
          </cell>
          <cell r="E108" t="str">
            <v>Multiple - Scenario 1</v>
          </cell>
        </row>
        <row r="109">
          <cell r="D109" t="str">
            <v>SG25-6</v>
          </cell>
          <cell r="E109" t="str">
            <v>Multiple - Scenario 1</v>
          </cell>
        </row>
        <row r="110">
          <cell r="D110" t="str">
            <v>SG26-3</v>
          </cell>
          <cell r="E110" t="str">
            <v>Multiple - Scenario 1</v>
          </cell>
        </row>
        <row r="111">
          <cell r="D111" t="str">
            <v>SG26-4</v>
          </cell>
          <cell r="E111" t="str">
            <v>Multiple - Scenario 1</v>
          </cell>
        </row>
        <row r="112">
          <cell r="D112" t="str">
            <v>SG26-5</v>
          </cell>
          <cell r="E112" t="str">
            <v>Multiple - Scenario 1</v>
          </cell>
        </row>
        <row r="113">
          <cell r="D113" t="str">
            <v>SG27-1</v>
          </cell>
          <cell r="E113" t="str">
            <v>Multiple - Scenario 1</v>
          </cell>
        </row>
        <row r="114">
          <cell r="D114" t="str">
            <v>SG27-2</v>
          </cell>
          <cell r="E114" t="str">
            <v>Multiple - Scenario 1</v>
          </cell>
        </row>
        <row r="115">
          <cell r="D115" t="str">
            <v>SG27-3</v>
          </cell>
          <cell r="E115" t="str">
            <v>Multiple - Scenario 1</v>
          </cell>
        </row>
        <row r="116">
          <cell r="D116" t="str">
            <v>SG27-4</v>
          </cell>
          <cell r="E116" t="str">
            <v>Multiple - Scenario 1</v>
          </cell>
        </row>
        <row r="117">
          <cell r="D117" t="str">
            <v>SG28-1</v>
          </cell>
          <cell r="E117" t="str">
            <v>Multiple - Scenario 1</v>
          </cell>
        </row>
        <row r="118">
          <cell r="D118" t="str">
            <v>SG28-2</v>
          </cell>
          <cell r="E118" t="str">
            <v>Multiple - Scenario 1</v>
          </cell>
        </row>
        <row r="119">
          <cell r="D119" t="str">
            <v>SG28-3</v>
          </cell>
          <cell r="E119" t="str">
            <v>Multiple - Scenario 1</v>
          </cell>
        </row>
        <row r="120">
          <cell r="D120" t="str">
            <v>SG28-4</v>
          </cell>
          <cell r="E120" t="str">
            <v>Multiple - Scenario 1</v>
          </cell>
        </row>
        <row r="121">
          <cell r="D121" t="str">
            <v>SG3-1</v>
          </cell>
          <cell r="E121" t="str">
            <v>Multiple - Scenario 1</v>
          </cell>
        </row>
        <row r="122">
          <cell r="D122" t="str">
            <v>SG3-4</v>
          </cell>
          <cell r="E122" t="str">
            <v>Multiple - Scenario 1</v>
          </cell>
        </row>
        <row r="123">
          <cell r="D123" t="str">
            <v>SG2-5</v>
          </cell>
          <cell r="E123" t="str">
            <v>Multiple - Scenario 1</v>
          </cell>
        </row>
        <row r="124">
          <cell r="D124" t="str">
            <v>SG33-2</v>
          </cell>
          <cell r="E124" t="str">
            <v>Multiple - Scenario 1</v>
          </cell>
        </row>
        <row r="125">
          <cell r="D125" t="str">
            <v>SG35-1</v>
          </cell>
          <cell r="E125" t="str">
            <v>Multiple - Scenario 1</v>
          </cell>
        </row>
        <row r="126">
          <cell r="D126" t="str">
            <v>SG4-1</v>
          </cell>
          <cell r="E126" t="str">
            <v>Multiple - Scenario 1</v>
          </cell>
        </row>
        <row r="127">
          <cell r="D127" t="str">
            <v>SG6-2</v>
          </cell>
          <cell r="E127" t="str">
            <v>Multiple - Scenario 1</v>
          </cell>
        </row>
        <row r="128">
          <cell r="D128" t="str">
            <v>SG6-3</v>
          </cell>
          <cell r="E128" t="str">
            <v>Multiple - Scenario 1</v>
          </cell>
        </row>
        <row r="129">
          <cell r="D129" t="str">
            <v>SG6-4</v>
          </cell>
          <cell r="E129" t="str">
            <v>Multiple - Scenario 1</v>
          </cell>
        </row>
        <row r="130">
          <cell r="D130" t="str">
            <v>SG7-3</v>
          </cell>
          <cell r="E130" t="str">
            <v>Multiple - Scenario 1</v>
          </cell>
        </row>
        <row r="131">
          <cell r="D131" t="str">
            <v>SG8-1</v>
          </cell>
          <cell r="E131" t="str">
            <v>Multiple - Scenario 1</v>
          </cell>
        </row>
        <row r="132">
          <cell r="D132" t="str">
            <v>SG8-2</v>
          </cell>
          <cell r="E132" t="str">
            <v>Multiple - Scenario 1</v>
          </cell>
        </row>
        <row r="133">
          <cell r="D133" t="str">
            <v>SG8-4</v>
          </cell>
          <cell r="E133" t="str">
            <v>Multiple - Scenario 1</v>
          </cell>
        </row>
        <row r="134">
          <cell r="D134" t="str">
            <v>LS-5</v>
          </cell>
          <cell r="E134" t="str">
            <v>Multiple - Scenario 2</v>
          </cell>
        </row>
        <row r="135">
          <cell r="D135" t="str">
            <v>LS-7</v>
          </cell>
          <cell r="E135" t="str">
            <v>Multiple - Scenario 2</v>
          </cell>
        </row>
        <row r="136">
          <cell r="D136" t="str">
            <v>LS-8</v>
          </cell>
          <cell r="E136" t="str">
            <v>Multiple - Scenario 2</v>
          </cell>
        </row>
        <row r="137">
          <cell r="D137" t="str">
            <v>LS-37</v>
          </cell>
          <cell r="E137" t="str">
            <v>Multiple - Scenario 2</v>
          </cell>
        </row>
        <row r="138">
          <cell r="D138" t="str">
            <v>SG30-2</v>
          </cell>
          <cell r="E138" t="str">
            <v>Multiple - Scenario 2</v>
          </cell>
        </row>
        <row r="139">
          <cell r="D139" t="str">
            <v>SG30-5</v>
          </cell>
          <cell r="E139" t="str">
            <v>Multiple - Scenario 2</v>
          </cell>
        </row>
        <row r="140">
          <cell r="D140" t="str">
            <v>SG31-1</v>
          </cell>
          <cell r="E140" t="str">
            <v>Multiple - Scenario 2</v>
          </cell>
        </row>
        <row r="141">
          <cell r="D141" t="str">
            <v>SG31-2</v>
          </cell>
          <cell r="E141" t="str">
            <v>Multiple - Scenario 2</v>
          </cell>
        </row>
        <row r="142">
          <cell r="D142" t="str">
            <v>SG31-4</v>
          </cell>
          <cell r="E142" t="str">
            <v>Multiple - Scenario 2</v>
          </cell>
        </row>
        <row r="143">
          <cell r="D143" t="str">
            <v>SG32-1</v>
          </cell>
          <cell r="E143" t="str">
            <v>Multiple - Scenario 2</v>
          </cell>
        </row>
        <row r="144">
          <cell r="D144" t="str">
            <v>SG32-2</v>
          </cell>
          <cell r="E144" t="str">
            <v>Multiple - Scenario 2</v>
          </cell>
        </row>
        <row r="145">
          <cell r="D145" t="str">
            <v>SG32-3</v>
          </cell>
          <cell r="E145" t="str">
            <v>Multiple - Scenario 2</v>
          </cell>
        </row>
        <row r="146">
          <cell r="D146" t="str">
            <v>SG36-4</v>
          </cell>
          <cell r="E146" t="str">
            <v>Multiple - Scenario 2</v>
          </cell>
        </row>
        <row r="147">
          <cell r="D147" t="str">
            <v>SG4-7</v>
          </cell>
          <cell r="E147" t="str">
            <v>Multiple - Scenario 2</v>
          </cell>
        </row>
        <row r="148">
          <cell r="D148" t="str">
            <v>SG8-6</v>
          </cell>
          <cell r="E148" t="str">
            <v>Multiple - Scenario 2</v>
          </cell>
        </row>
        <row r="149">
          <cell r="D149" t="str">
            <v>SG8-7</v>
          </cell>
          <cell r="E149" t="str">
            <v>Multiple - Scenario 2</v>
          </cell>
        </row>
        <row r="150">
          <cell r="D150" t="str">
            <v>SG9-1</v>
          </cell>
          <cell r="E150" t="str">
            <v>Multiple - Scenario 2</v>
          </cell>
        </row>
        <row r="151">
          <cell r="D151" t="str">
            <v>SG9-2</v>
          </cell>
          <cell r="E151" t="str">
            <v>Multiple - Scenario 2</v>
          </cell>
        </row>
        <row r="152">
          <cell r="D152" t="str">
            <v>SG9-3</v>
          </cell>
          <cell r="E152" t="str">
            <v>Multiple - Scenario 2</v>
          </cell>
        </row>
        <row r="153">
          <cell r="D153" t="str">
            <v>SG17-2</v>
          </cell>
          <cell r="E153" t="str">
            <v>Multiple - Scenario 2</v>
          </cell>
        </row>
        <row r="154">
          <cell r="D154" t="str">
            <v>SG33-1</v>
          </cell>
          <cell r="E154" t="str">
            <v>Multiple - Scenario 2</v>
          </cell>
        </row>
        <row r="155">
          <cell r="D155" t="str">
            <v>SG16-1</v>
          </cell>
          <cell r="E155" t="str">
            <v>Multiple - Scenario 2</v>
          </cell>
        </row>
        <row r="156">
          <cell r="D156" t="str">
            <v>EXT-7</v>
          </cell>
          <cell r="E156" t="str">
            <v>Multiple - Scenario 2</v>
          </cell>
        </row>
        <row r="157">
          <cell r="D157" t="str">
            <v>EXT-18</v>
          </cell>
          <cell r="E157" t="str">
            <v>Multiple - Scenario 2</v>
          </cell>
        </row>
        <row r="158">
          <cell r="D158" t="str">
            <v>EXT-17</v>
          </cell>
          <cell r="E158" t="str">
            <v>Single - Scenario 1</v>
          </cell>
        </row>
        <row r="159">
          <cell r="D159" t="str">
            <v>EXT-8</v>
          </cell>
          <cell r="E159" t="str">
            <v>Single - Scenario 1</v>
          </cell>
        </row>
        <row r="160">
          <cell r="D160" t="str">
            <v>LS-34</v>
          </cell>
          <cell r="E160" t="str">
            <v>Single - Scenario 1</v>
          </cell>
        </row>
        <row r="161">
          <cell r="D161" t="str">
            <v>EXT-9</v>
          </cell>
          <cell r="E161" t="str">
            <v>Single - Scenario 2</v>
          </cell>
        </row>
        <row r="162">
          <cell r="D162" t="str">
            <v>LS-16</v>
          </cell>
          <cell r="E162" t="str">
            <v>Single - Scenario 2</v>
          </cell>
        </row>
        <row r="163">
          <cell r="D163" t="str">
            <v>LS-17</v>
          </cell>
          <cell r="E163" t="str">
            <v>Single - Scenario 2</v>
          </cell>
        </row>
        <row r="164">
          <cell r="D164" t="str">
            <v>LS-41</v>
          </cell>
          <cell r="E164" t="str">
            <v>Single - Scenario 2 (longer segment, one edge in close proximity of a development)</v>
          </cell>
        </row>
        <row r="165">
          <cell r="D165" t="str">
            <v>LS-42</v>
          </cell>
          <cell r="E165" t="str">
            <v>Single - Scenario 2</v>
          </cell>
        </row>
        <row r="166">
          <cell r="D166" t="str">
            <v>LS-43</v>
          </cell>
          <cell r="E166" t="str">
            <v>Single - Scenario 2 (longer segment, one edge in close proximity of a development)</v>
          </cell>
        </row>
        <row r="167">
          <cell r="D167" t="str">
            <v>LS-44</v>
          </cell>
          <cell r="E167" t="str">
            <v>Single - Scenario 2 (longer segment, one edge in close proximity of a development)</v>
          </cell>
        </row>
        <row r="168">
          <cell r="D168" t="str">
            <v>LS-45</v>
          </cell>
          <cell r="E168" t="str">
            <v>Single - Scenario 2</v>
          </cell>
        </row>
        <row r="169">
          <cell r="D169" t="str">
            <v>LS-46</v>
          </cell>
          <cell r="E169" t="str">
            <v>Single - Scenario 2 (longer segment, one edge in close proximity of a development)</v>
          </cell>
        </row>
        <row r="170">
          <cell r="D170" t="str">
            <v>LS-47</v>
          </cell>
          <cell r="E170" t="str">
            <v>Single - Scenario 2</v>
          </cell>
        </row>
        <row r="171">
          <cell r="D171" t="str">
            <v>LS-48</v>
          </cell>
          <cell r="E171" t="str">
            <v>Single - Scenario 2</v>
          </cell>
        </row>
        <row r="172">
          <cell r="D172" t="str">
            <v>LS-49</v>
          </cell>
          <cell r="E172" t="str">
            <v>Single - Scenario 2</v>
          </cell>
        </row>
        <row r="173">
          <cell r="D173" t="str">
            <v>LS-51</v>
          </cell>
          <cell r="E173" t="str">
            <v>Single - Scenario 2 (longer segment, one edge in close proximity of a development)</v>
          </cell>
        </row>
        <row r="174">
          <cell r="D174" t="str">
            <v>LS-52</v>
          </cell>
          <cell r="E174" t="str">
            <v>Single - Scenario 2</v>
          </cell>
        </row>
        <row r="175">
          <cell r="D175" t="str">
            <v>LS-54</v>
          </cell>
          <cell r="E175" t="str">
            <v>Single - Scenario 2</v>
          </cell>
        </row>
        <row r="176">
          <cell r="D176" t="str">
            <v>LS-60</v>
          </cell>
          <cell r="E176" t="str">
            <v>Single - Scenario 2 (longer segment, one edge in close proximity of a development)</v>
          </cell>
        </row>
        <row r="177">
          <cell r="D177" t="str">
            <v>LS-61</v>
          </cell>
          <cell r="E177" t="str">
            <v>Single - Scenario 2 (longer segment, one edge in close proximity of a development)</v>
          </cell>
        </row>
        <row r="178">
          <cell r="D178" t="str">
            <v>LS-64</v>
          </cell>
          <cell r="E178" t="str">
            <v>Single - Scenario 2 (longer segment, one edge in close proximity of a development)</v>
          </cell>
        </row>
        <row r="179">
          <cell r="D179" t="str">
            <v>LS-70</v>
          </cell>
          <cell r="E179" t="str">
            <v>Single - Scenario 2 (longer segment, one edge in close proximity of a development)</v>
          </cell>
        </row>
        <row r="180">
          <cell r="D180" t="str">
            <v>SG15-1</v>
          </cell>
          <cell r="E180" t="str">
            <v>Single - Scenario 2 (longer segment, one edge in close proximity of a development)</v>
          </cell>
        </row>
        <row r="181">
          <cell r="D181" t="str">
            <v>SG15-2</v>
          </cell>
          <cell r="E181" t="str">
            <v>Single - Scenario 2 (longer segment, one edge in close proximity of a development)</v>
          </cell>
        </row>
        <row r="182">
          <cell r="D182" t="str">
            <v>SG18-5</v>
          </cell>
          <cell r="E182" t="str">
            <v>Single - Scenario 2 (longer segment, one edge in close proximity of a development)</v>
          </cell>
        </row>
        <row r="183">
          <cell r="D183" t="str">
            <v>SG2-2</v>
          </cell>
          <cell r="E183" t="str">
            <v>Single - Scenario 2 (longer segment, one edge in close proximity of a development)</v>
          </cell>
        </row>
        <row r="184">
          <cell r="D184" t="str">
            <v>SG25-1</v>
          </cell>
          <cell r="E184" t="str">
            <v>Single - Scenario 2 (longer segment, one edge in close proximity of a development)</v>
          </cell>
        </row>
        <row r="185">
          <cell r="D185" t="str">
            <v>SG35-3</v>
          </cell>
          <cell r="E185" t="str">
            <v>Single - Scenario 2</v>
          </cell>
        </row>
        <row r="186">
          <cell r="D186" t="str">
            <v>SG35-4</v>
          </cell>
          <cell r="E186" t="str">
            <v>Single - Scenario 2</v>
          </cell>
        </row>
        <row r="187">
          <cell r="D187" t="str">
            <v>SG35-5</v>
          </cell>
          <cell r="E187" t="str">
            <v>Single - Scenario 2</v>
          </cell>
        </row>
        <row r="188">
          <cell r="D188" t="str">
            <v>SG35-6</v>
          </cell>
          <cell r="E188" t="str">
            <v>Single - Scenario 2</v>
          </cell>
        </row>
        <row r="189">
          <cell r="D189" t="str">
            <v>SG5-1</v>
          </cell>
          <cell r="E189" t="str">
            <v>Single - Scenario 2 (longer segment, one edge in close proximity of a development)</v>
          </cell>
        </row>
        <row r="190">
          <cell r="D190" t="str">
            <v>SG5-2</v>
          </cell>
          <cell r="E190" t="str">
            <v>Single - Scenario 2 (longer segment, one edge in close proximity of a development)</v>
          </cell>
        </row>
        <row r="191">
          <cell r="D191" t="str">
            <v>SG7-6</v>
          </cell>
          <cell r="E191" t="str">
            <v>Single - Scenario 2</v>
          </cell>
        </row>
        <row r="192">
          <cell r="D192" t="str">
            <v>EXT-1</v>
          </cell>
          <cell r="E192" t="str">
            <v>Single - Scenario 3</v>
          </cell>
        </row>
        <row r="193">
          <cell r="D193" t="str">
            <v>EXT-3</v>
          </cell>
          <cell r="E193" t="str">
            <v>Single - Scenario 3</v>
          </cell>
        </row>
        <row r="194">
          <cell r="D194" t="str">
            <v>LS-76</v>
          </cell>
          <cell r="E194" t="str">
            <v>Single - Scenario 3 (not the entirety?</v>
          </cell>
        </row>
        <row r="195">
          <cell r="D195" t="str">
            <v>SG10-1</v>
          </cell>
          <cell r="E195" t="str">
            <v>Single - Scenario 3</v>
          </cell>
        </row>
        <row r="196">
          <cell r="D196" t="str">
            <v>SG16-3</v>
          </cell>
          <cell r="E196" t="str">
            <v>Single - Scenario 3</v>
          </cell>
        </row>
        <row r="197">
          <cell r="D197" t="str">
            <v>SG16-4</v>
          </cell>
          <cell r="E197" t="str">
            <v>Single - Scenario 3</v>
          </cell>
        </row>
        <row r="198">
          <cell r="D198" t="str">
            <v>SG19-1</v>
          </cell>
          <cell r="E198" t="str">
            <v>Multiple - Scenario 1</v>
          </cell>
        </row>
        <row r="199">
          <cell r="D199" t="str">
            <v>SG19-2</v>
          </cell>
          <cell r="E199" t="str">
            <v>Multiple - Scenario 1</v>
          </cell>
        </row>
        <row r="200">
          <cell r="D200" t="str">
            <v>SG2-4</v>
          </cell>
          <cell r="E200" t="str">
            <v>Single - Scenario 3</v>
          </cell>
        </row>
        <row r="201">
          <cell r="D201" t="str">
            <v>SG20-3</v>
          </cell>
          <cell r="E201" t="str">
            <v>Single - Scenario 3</v>
          </cell>
        </row>
        <row r="202">
          <cell r="D202" t="str">
            <v>SG26-1</v>
          </cell>
          <cell r="E202" t="str">
            <v>Multiple - Scenario 1</v>
          </cell>
        </row>
        <row r="203">
          <cell r="D203" t="str">
            <v>SG3-3</v>
          </cell>
          <cell r="E203" t="str">
            <v>Multiple - Scenario 2</v>
          </cell>
        </row>
        <row r="204">
          <cell r="D204" t="str">
            <v>SG30-1</v>
          </cell>
          <cell r="E204" t="str">
            <v>Multiple - Scenario 2</v>
          </cell>
        </row>
        <row r="205">
          <cell r="D205" t="str">
            <v>SG34-3</v>
          </cell>
          <cell r="E205" t="str">
            <v>Single - Scenario 3</v>
          </cell>
        </row>
        <row r="206">
          <cell r="D206" t="str">
            <v>SG34-4</v>
          </cell>
          <cell r="E206" t="str">
            <v>Single - Scenario 3</v>
          </cell>
        </row>
        <row r="207">
          <cell r="D207" t="str">
            <v>SG4-5</v>
          </cell>
          <cell r="E207" t="str">
            <v>Multiple - Scenario 1</v>
          </cell>
        </row>
        <row r="208">
          <cell r="D208" t="str">
            <v>SG4-6</v>
          </cell>
          <cell r="E208" t="str">
            <v>Multiple - Scenario 1</v>
          </cell>
        </row>
        <row r="209">
          <cell r="D209" t="str">
            <v>SG6-1</v>
          </cell>
          <cell r="E209" t="str">
            <v>Multiple - Scenario 1</v>
          </cell>
        </row>
        <row r="210">
          <cell r="D210" t="str">
            <v>SG6-6</v>
          </cell>
          <cell r="E210" t="str">
            <v>Multiple - Scenario 1</v>
          </cell>
        </row>
        <row r="211">
          <cell r="D211" t="str">
            <v>SG9-4</v>
          </cell>
          <cell r="E211" t="str">
            <v>Single - Scenario 3</v>
          </cell>
        </row>
        <row r="212">
          <cell r="D212" t="str">
            <v>SG9-5</v>
          </cell>
          <cell r="E212" t="str">
            <v>Single - Scenario 3</v>
          </cell>
        </row>
        <row r="213">
          <cell r="D213" t="str">
            <v>SG9-7</v>
          </cell>
          <cell r="E213" t="str">
            <v>Single - Scenario 3</v>
          </cell>
        </row>
        <row r="214">
          <cell r="D214" t="str">
            <v>SG17-1</v>
          </cell>
          <cell r="E214" t="str">
            <v>Multiple - Scenario 2</v>
          </cell>
        </row>
        <row r="215">
          <cell r="D215" t="str">
            <v>SG30-3</v>
          </cell>
          <cell r="E215" t="str">
            <v>Multiple - Scenario 2</v>
          </cell>
        </row>
        <row r="216">
          <cell r="D216" t="str">
            <v>SG31-3</v>
          </cell>
          <cell r="E216" t="str">
            <v>Multiple - Scenario 2</v>
          </cell>
        </row>
        <row r="217">
          <cell r="D217" t="str">
            <v>SG17-4</v>
          </cell>
          <cell r="E217" t="str">
            <v>Multiple - Scenario 2</v>
          </cell>
        </row>
        <row r="218">
          <cell r="D218" t="str">
            <v>LS-72</v>
          </cell>
          <cell r="E218" t="str">
            <v>Multiple - Scenario 2</v>
          </cell>
        </row>
        <row r="219">
          <cell r="D219" t="str">
            <v>SG17-3</v>
          </cell>
          <cell r="E219" t="str">
            <v>Multiple - Scenario 2</v>
          </cell>
        </row>
        <row r="220">
          <cell r="D220" t="str">
            <v>EXT-6</v>
          </cell>
          <cell r="E220" t="str">
            <v>Multiple - Scenario 2</v>
          </cell>
        </row>
      </sheetData>
      <sheetData sheetId="3"/>
      <sheetData sheetId="4"/>
      <sheetData sheetId="5"/>
      <sheetData sheetId="6"/>
      <sheetData sheetId="7">
        <row r="4">
          <cell r="N4">
            <v>0.22</v>
          </cell>
          <cell r="O4">
            <v>7.796610169491526E-2</v>
          </cell>
          <cell r="P4">
            <v>0.28877005347593582</v>
          </cell>
          <cell r="Q4">
            <v>0.14645308924485126</v>
          </cell>
          <cell r="R4">
            <v>0.10144927536231885</v>
          </cell>
          <cell r="S4">
            <v>2.5229357798165139E-2</v>
          </cell>
        </row>
        <row r="6">
          <cell r="V6">
            <v>2.2222222222222223</v>
          </cell>
        </row>
      </sheetData>
      <sheetData sheetId="8"/>
      <sheetData sheetId="9"/>
      <sheetData sheetId="10"/>
    </sheetDataSet>
  </externalBook>
</externalLink>
</file>

<file path=xl/externalLinks/externalLink5.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Master HHTS"/>
      <sheetName val="Cost Summary"/>
      <sheetName val="GIS"/>
      <sheetName val="Master HHTS (2)"/>
      <sheetName val="Master HHTS_060625"/>
      <sheetName val="TripRateCalculations"/>
      <sheetName val="IDP method"/>
      <sheetName val="Sheet8"/>
    </sheetNames>
    <sheetDataSet>
      <sheetData sheetId="0"/>
      <sheetData sheetId="1">
        <row r="1">
          <cell r="A1" t="str">
            <v>UPDATED</v>
          </cell>
          <cell r="C1">
            <v>0.1</v>
          </cell>
          <cell r="D1">
            <v>0.45</v>
          </cell>
          <cell r="E1">
            <v>0.15</v>
          </cell>
          <cell r="F1">
            <v>0.5</v>
          </cell>
          <cell r="G1">
            <v>0.15</v>
          </cell>
        </row>
        <row r="2">
          <cell r="A2" t="str">
            <v>ID</v>
          </cell>
          <cell r="B2" t="str">
            <v>Base Costs (see Breakdown Tab )</v>
          </cell>
          <cell r="C2" t="str">
            <v>Traffic Management @ 10%</v>
          </cell>
          <cell r="D2" t="str">
            <v>Main Contractor Preliminaries and Overheads and Profit @ 45%</v>
          </cell>
          <cell r="E2" t="str">
            <v>Professional Fees @ 15%</v>
          </cell>
          <cell r="F2" t="str">
            <v>Contingency @ 50%</v>
          </cell>
          <cell r="G2" t="str">
            <v>Statutory Undertakers @ 15%</v>
          </cell>
          <cell r="H2" t="str">
            <v>Total Cost at 2023 Price</v>
          </cell>
        </row>
        <row r="3">
          <cell r="A3" t="str">
            <v>LS-1</v>
          </cell>
          <cell r="B3">
            <v>29161</v>
          </cell>
          <cell r="C3">
            <v>2916.1000000000004</v>
          </cell>
          <cell r="D3">
            <v>14434.695</v>
          </cell>
          <cell r="E3">
            <v>6976.7692499999994</v>
          </cell>
          <cell r="F3">
            <v>26744.282124999998</v>
          </cell>
          <cell r="G3">
            <v>12034.926956249998</v>
          </cell>
          <cell r="H3">
            <v>92267.773331249991</v>
          </cell>
        </row>
        <row r="4">
          <cell r="A4" t="str">
            <v>LS-2</v>
          </cell>
          <cell r="B4">
            <v>128090</v>
          </cell>
          <cell r="C4">
            <v>12809</v>
          </cell>
          <cell r="D4">
            <v>63404.55</v>
          </cell>
          <cell r="E4">
            <v>30645.532499999998</v>
          </cell>
          <cell r="F4">
            <v>117474.54124999999</v>
          </cell>
          <cell r="G4">
            <v>52863.543562499995</v>
          </cell>
          <cell r="H4">
            <v>405287.16731249995</v>
          </cell>
        </row>
        <row r="5">
          <cell r="A5" t="str">
            <v>LS-3</v>
          </cell>
          <cell r="B5">
            <v>46427.864000000001</v>
          </cell>
          <cell r="C5">
            <v>4642.7864</v>
          </cell>
          <cell r="D5">
            <v>22981.792679999999</v>
          </cell>
          <cell r="E5">
            <v>11107.866462</v>
          </cell>
          <cell r="F5">
            <v>42580.154771000001</v>
          </cell>
          <cell r="G5">
            <v>19161.06964695</v>
          </cell>
          <cell r="H5">
            <v>146901.53395995</v>
          </cell>
        </row>
        <row r="6">
          <cell r="A6" t="str">
            <v>LS-4</v>
          </cell>
          <cell r="B6">
            <v>26795</v>
          </cell>
          <cell r="C6">
            <v>2679.5</v>
          </cell>
          <cell r="D6">
            <v>13263.525</v>
          </cell>
          <cell r="E6">
            <v>6410.7037499999997</v>
          </cell>
          <cell r="F6">
            <v>24574.364375000001</v>
          </cell>
          <cell r="G6">
            <v>11058.46396875</v>
          </cell>
          <cell r="H6">
            <v>84781.557093750002</v>
          </cell>
        </row>
        <row r="7">
          <cell r="A7" t="str">
            <v>LS-5</v>
          </cell>
          <cell r="B7">
            <v>36158.75</v>
          </cell>
          <cell r="C7">
            <v>3615.875</v>
          </cell>
          <cell r="D7">
            <v>17898.581249999999</v>
          </cell>
          <cell r="E7">
            <v>8650.9809375000004</v>
          </cell>
          <cell r="F7">
            <v>33162.093593750003</v>
          </cell>
          <cell r="G7">
            <v>14922.9421171875</v>
          </cell>
          <cell r="H7">
            <v>114409.22289843751</v>
          </cell>
        </row>
        <row r="8">
          <cell r="A8" t="str">
            <v>LS-6</v>
          </cell>
          <cell r="B8">
            <v>19083.75</v>
          </cell>
          <cell r="C8">
            <v>1908.375</v>
          </cell>
          <cell r="D8">
            <v>9446.4562500000011</v>
          </cell>
          <cell r="E8">
            <v>4565.7871875000001</v>
          </cell>
          <cell r="F8">
            <v>17502.184218750001</v>
          </cell>
          <cell r="G8">
            <v>7875.9828984374999</v>
          </cell>
          <cell r="H8">
            <v>60382.5355546875</v>
          </cell>
        </row>
        <row r="9">
          <cell r="A9" t="str">
            <v>LS-7</v>
          </cell>
          <cell r="B9">
            <v>36158.75</v>
          </cell>
          <cell r="C9">
            <v>3615.875</v>
          </cell>
          <cell r="D9">
            <v>17898.581249999999</v>
          </cell>
          <cell r="E9">
            <v>8650.9809375000004</v>
          </cell>
          <cell r="F9">
            <v>33162.093593750003</v>
          </cell>
          <cell r="G9">
            <v>14922.9421171875</v>
          </cell>
          <cell r="H9">
            <v>114409.22289843751</v>
          </cell>
        </row>
        <row r="10">
          <cell r="A10" t="str">
            <v>LS-8</v>
          </cell>
          <cell r="B10">
            <v>57480.75</v>
          </cell>
          <cell r="C10">
            <v>5748.0750000000007</v>
          </cell>
          <cell r="D10">
            <v>28452.971249999999</v>
          </cell>
          <cell r="E10">
            <v>13752.269437499999</v>
          </cell>
          <cell r="F10">
            <v>52717.032843749999</v>
          </cell>
          <cell r="G10">
            <v>23722.664779687497</v>
          </cell>
          <cell r="H10">
            <v>181873.7633109375</v>
          </cell>
        </row>
        <row r="11">
          <cell r="A11" t="str">
            <v>LS-9</v>
          </cell>
          <cell r="B11">
            <v>64860.76</v>
          </cell>
          <cell r="C11">
            <v>6486.0760000000009</v>
          </cell>
          <cell r="D11">
            <v>32106.076200000007</v>
          </cell>
          <cell r="E11">
            <v>15517.936830000002</v>
          </cell>
          <cell r="F11">
            <v>59485.424515000013</v>
          </cell>
          <cell r="G11">
            <v>26768.441031750008</v>
          </cell>
          <cell r="H11">
            <v>205224.71457675003</v>
          </cell>
        </row>
        <row r="12">
          <cell r="A12" t="str">
            <v>LS-10</v>
          </cell>
          <cell r="B12">
            <v>12714</v>
          </cell>
          <cell r="C12">
            <v>1271.4000000000001</v>
          </cell>
          <cell r="D12">
            <v>6293.43</v>
          </cell>
          <cell r="E12">
            <v>3041.8245000000002</v>
          </cell>
          <cell r="F12">
            <v>11660.32725</v>
          </cell>
          <cell r="G12">
            <v>5247.1472624999997</v>
          </cell>
          <cell r="H12">
            <v>40228.129012500001</v>
          </cell>
        </row>
        <row r="13">
          <cell r="A13" t="str">
            <v>LS-11</v>
          </cell>
          <cell r="B13">
            <v>38537</v>
          </cell>
          <cell r="C13">
            <v>3853.7000000000003</v>
          </cell>
          <cell r="D13">
            <v>19075.814999999999</v>
          </cell>
          <cell r="E13">
            <v>9219.9772499999999</v>
          </cell>
          <cell r="F13">
            <v>35343.246124999998</v>
          </cell>
          <cell r="G13">
            <v>15904.460756249999</v>
          </cell>
          <cell r="H13">
            <v>121934.19913124999</v>
          </cell>
        </row>
        <row r="14">
          <cell r="A14" t="str">
            <v>LS-12</v>
          </cell>
          <cell r="B14">
            <v>13482</v>
          </cell>
          <cell r="C14">
            <v>1348.2</v>
          </cell>
          <cell r="D14">
            <v>6673.59</v>
          </cell>
          <cell r="E14">
            <v>3225.5684999999999</v>
          </cell>
          <cell r="F14">
            <v>12364.679250000001</v>
          </cell>
          <cell r="G14">
            <v>5564.1056625000001</v>
          </cell>
          <cell r="H14">
            <v>42658.143412500001</v>
          </cell>
        </row>
        <row r="15">
          <cell r="A15" t="str">
            <v>LS-13</v>
          </cell>
          <cell r="B15">
            <v>100999.75</v>
          </cell>
          <cell r="C15">
            <v>10099.975</v>
          </cell>
          <cell r="D15">
            <v>49994.876250000001</v>
          </cell>
          <cell r="E15">
            <v>24164.1901875</v>
          </cell>
          <cell r="F15">
            <v>92629.395718750005</v>
          </cell>
          <cell r="G15">
            <v>41683.228073437494</v>
          </cell>
          <cell r="H15">
            <v>319571.41522968747</v>
          </cell>
        </row>
        <row r="16">
          <cell r="A16" t="str">
            <v>LS-14</v>
          </cell>
          <cell r="B16">
            <v>159209</v>
          </cell>
          <cell r="C16">
            <v>15920.900000000001</v>
          </cell>
          <cell r="D16">
            <v>78808.455000000002</v>
          </cell>
          <cell r="E16">
            <v>38090.753249999994</v>
          </cell>
          <cell r="F16">
            <v>146014.554125</v>
          </cell>
          <cell r="G16">
            <v>65706.549356250005</v>
          </cell>
          <cell r="H16">
            <v>503750.21173124993</v>
          </cell>
        </row>
        <row r="17">
          <cell r="A17" t="str">
            <v>LS-16</v>
          </cell>
          <cell r="B17">
            <v>19497.84</v>
          </cell>
          <cell r="C17">
            <v>1949.7840000000001</v>
          </cell>
          <cell r="D17">
            <v>9651.4308000000001</v>
          </cell>
          <cell r="E17">
            <v>4664.8582199999992</v>
          </cell>
          <cell r="F17">
            <v>17881.95651</v>
          </cell>
          <cell r="G17">
            <v>8046.8804295</v>
          </cell>
          <cell r="H17">
            <v>61692.749959499997</v>
          </cell>
        </row>
        <row r="18">
          <cell r="A18" t="str">
            <v>LS-17</v>
          </cell>
          <cell r="B18">
            <v>21568.880000000001</v>
          </cell>
          <cell r="C18">
            <v>2156.8880000000004</v>
          </cell>
          <cell r="D18">
            <v>10676.595600000001</v>
          </cell>
          <cell r="E18">
            <v>5160.3545399999994</v>
          </cell>
          <cell r="F18">
            <v>19781.359069999999</v>
          </cell>
          <cell r="G18">
            <v>8901.6115815000012</v>
          </cell>
          <cell r="H18">
            <v>68245.688791499997</v>
          </cell>
        </row>
        <row r="19">
          <cell r="A19" t="str">
            <v>LS-18</v>
          </cell>
          <cell r="B19">
            <v>34668.880000000005</v>
          </cell>
          <cell r="C19">
            <v>3466.8880000000008</v>
          </cell>
          <cell r="D19">
            <v>17161.095600000001</v>
          </cell>
          <cell r="E19">
            <v>8294.5295399999995</v>
          </cell>
          <cell r="F19">
            <v>31795.69657</v>
          </cell>
          <cell r="G19">
            <v>14308.0634565</v>
          </cell>
          <cell r="H19">
            <v>109695.15316650001</v>
          </cell>
        </row>
        <row r="20">
          <cell r="A20" t="str">
            <v>LS-19</v>
          </cell>
          <cell r="B20">
            <v>34668.880000000005</v>
          </cell>
          <cell r="C20">
            <v>3466.8880000000008</v>
          </cell>
          <cell r="D20">
            <v>17161.095600000001</v>
          </cell>
          <cell r="E20">
            <v>8294.5295399999995</v>
          </cell>
          <cell r="F20">
            <v>31795.69657</v>
          </cell>
          <cell r="G20">
            <v>14308.0634565</v>
          </cell>
          <cell r="H20">
            <v>109695.15316650001</v>
          </cell>
        </row>
        <row r="21">
          <cell r="A21" t="str">
            <v>LS-20</v>
          </cell>
          <cell r="B21">
            <v>34668.880000000005</v>
          </cell>
          <cell r="C21">
            <v>3466.8880000000008</v>
          </cell>
          <cell r="D21">
            <v>17161.095600000001</v>
          </cell>
          <cell r="E21">
            <v>8294.5295399999995</v>
          </cell>
          <cell r="F21">
            <v>31795.69657</v>
          </cell>
          <cell r="G21">
            <v>14308.0634565</v>
          </cell>
          <cell r="H21">
            <v>109695.15316650001</v>
          </cell>
        </row>
        <row r="22">
          <cell r="A22" t="str">
            <v>LS-21</v>
          </cell>
          <cell r="B22">
            <v>34668.880000000005</v>
          </cell>
          <cell r="C22">
            <v>3466.8880000000008</v>
          </cell>
          <cell r="D22">
            <v>17161.095600000001</v>
          </cell>
          <cell r="E22">
            <v>8294.5295399999995</v>
          </cell>
          <cell r="F22">
            <v>31795.69657</v>
          </cell>
          <cell r="G22">
            <v>14308.0634565</v>
          </cell>
          <cell r="H22">
            <v>109695.15316650001</v>
          </cell>
        </row>
        <row r="23">
          <cell r="A23" t="str">
            <v>LS-22</v>
          </cell>
          <cell r="B23">
            <v>42714</v>
          </cell>
          <cell r="C23">
            <v>4271.4000000000005</v>
          </cell>
          <cell r="D23">
            <v>21143.43</v>
          </cell>
          <cell r="E23">
            <v>10219.324500000001</v>
          </cell>
          <cell r="F23">
            <v>39174.077250000002</v>
          </cell>
          <cell r="G23">
            <v>17628.334762499999</v>
          </cell>
          <cell r="H23">
            <v>135150.56651249999</v>
          </cell>
        </row>
        <row r="24">
          <cell r="A24" t="str">
            <v>LS-23</v>
          </cell>
          <cell r="B24">
            <v>43092</v>
          </cell>
          <cell r="C24">
            <v>4309.2</v>
          </cell>
          <cell r="D24">
            <v>21330.54</v>
          </cell>
          <cell r="E24">
            <v>10309.760999999999</v>
          </cell>
          <cell r="F24">
            <v>39520.750499999995</v>
          </cell>
          <cell r="G24">
            <v>17784.337724999998</v>
          </cell>
          <cell r="H24">
            <v>136346.58922499997</v>
          </cell>
        </row>
        <row r="25">
          <cell r="A25" t="str">
            <v>LS-24</v>
          </cell>
          <cell r="B25">
            <v>42714</v>
          </cell>
          <cell r="C25">
            <v>4271.4000000000005</v>
          </cell>
          <cell r="D25">
            <v>21143.43</v>
          </cell>
          <cell r="E25">
            <v>10219.324500000001</v>
          </cell>
          <cell r="F25">
            <v>39174.077250000002</v>
          </cell>
          <cell r="G25">
            <v>17628.334762499999</v>
          </cell>
          <cell r="H25">
            <v>135150.56651249999</v>
          </cell>
        </row>
        <row r="26">
          <cell r="A26" t="str">
            <v>LS-25</v>
          </cell>
          <cell r="B26">
            <v>42714</v>
          </cell>
          <cell r="C26">
            <v>4271.4000000000005</v>
          </cell>
          <cell r="D26">
            <v>21143.43</v>
          </cell>
          <cell r="E26">
            <v>10219.324500000001</v>
          </cell>
          <cell r="F26">
            <v>39174.077250000002</v>
          </cell>
          <cell r="G26">
            <v>17628.334762499999</v>
          </cell>
          <cell r="H26">
            <v>135150.56651249999</v>
          </cell>
        </row>
        <row r="27">
          <cell r="A27" t="str">
            <v>LS-26</v>
          </cell>
          <cell r="B27">
            <v>42714</v>
          </cell>
          <cell r="C27">
            <v>4271.4000000000005</v>
          </cell>
          <cell r="D27">
            <v>21143.43</v>
          </cell>
          <cell r="E27">
            <v>10219.324500000001</v>
          </cell>
          <cell r="F27">
            <v>39174.077250000002</v>
          </cell>
          <cell r="G27">
            <v>17628.334762499999</v>
          </cell>
          <cell r="H27">
            <v>135150.56651249999</v>
          </cell>
        </row>
        <row r="28">
          <cell r="A28" t="str">
            <v>LS-27</v>
          </cell>
          <cell r="B28">
            <v>42714</v>
          </cell>
          <cell r="C28">
            <v>4271.4000000000005</v>
          </cell>
          <cell r="D28">
            <v>21143.43</v>
          </cell>
          <cell r="E28">
            <v>10219.324500000001</v>
          </cell>
          <cell r="F28">
            <v>39174.077250000002</v>
          </cell>
          <cell r="G28">
            <v>17628.334762499999</v>
          </cell>
          <cell r="H28">
            <v>135150.56651249999</v>
          </cell>
        </row>
        <row r="29">
          <cell r="A29" t="str">
            <v>LS-28</v>
          </cell>
          <cell r="B29">
            <v>42714</v>
          </cell>
          <cell r="C29">
            <v>4271.4000000000005</v>
          </cell>
          <cell r="D29">
            <v>21143.43</v>
          </cell>
          <cell r="E29">
            <v>10219.324500000001</v>
          </cell>
          <cell r="F29">
            <v>39174.077250000002</v>
          </cell>
          <cell r="G29">
            <v>17628.334762499999</v>
          </cell>
          <cell r="H29">
            <v>135150.56651249999</v>
          </cell>
        </row>
        <row r="30">
          <cell r="A30" t="str">
            <v>LS-29</v>
          </cell>
          <cell r="B30">
            <v>42714</v>
          </cell>
          <cell r="C30">
            <v>4271.4000000000005</v>
          </cell>
          <cell r="D30">
            <v>21143.43</v>
          </cell>
          <cell r="E30">
            <v>10219.324500000001</v>
          </cell>
          <cell r="F30">
            <v>39174.077250000002</v>
          </cell>
          <cell r="G30">
            <v>17628.334762499999</v>
          </cell>
          <cell r="H30">
            <v>135150.56651249999</v>
          </cell>
        </row>
        <row r="31">
          <cell r="A31" t="str">
            <v>LS-30</v>
          </cell>
          <cell r="B31">
            <v>227773.67</v>
          </cell>
          <cell r="C31">
            <v>22777.367000000002</v>
          </cell>
          <cell r="D31">
            <v>112747.96665</v>
          </cell>
          <cell r="E31">
            <v>54494.850547500006</v>
          </cell>
          <cell r="F31">
            <v>208896.92709875002</v>
          </cell>
          <cell r="G31">
            <v>94003.617194437509</v>
          </cell>
          <cell r="H31">
            <v>720694.3984906876</v>
          </cell>
        </row>
        <row r="32">
          <cell r="A32" t="str">
            <v>LS-31</v>
          </cell>
          <cell r="H32" t="str">
            <v>£2,000,000-£9,000,000</v>
          </cell>
        </row>
        <row r="33">
          <cell r="A33" t="str">
            <v>LS-32</v>
          </cell>
          <cell r="H33">
            <v>106900000</v>
          </cell>
        </row>
        <row r="34">
          <cell r="A34" t="str">
            <v>LS-33</v>
          </cell>
          <cell r="B34">
            <v>256650.85279999999</v>
          </cell>
          <cell r="C34">
            <v>25665.085279999999</v>
          </cell>
          <cell r="D34">
            <v>127042.17213599999</v>
          </cell>
          <cell r="E34">
            <v>61403.716532399994</v>
          </cell>
          <cell r="F34">
            <v>235380.9133742</v>
          </cell>
          <cell r="G34">
            <v>105921.41101838999</v>
          </cell>
          <cell r="H34">
            <v>812064.15114098997</v>
          </cell>
        </row>
        <row r="35">
          <cell r="A35" t="str">
            <v>LS-34</v>
          </cell>
          <cell r="B35">
            <v>5000000</v>
          </cell>
          <cell r="C35">
            <v>500000</v>
          </cell>
          <cell r="D35">
            <v>2475000</v>
          </cell>
          <cell r="E35">
            <v>1196250</v>
          </cell>
          <cell r="F35">
            <v>4585625</v>
          </cell>
          <cell r="G35">
            <v>2063531.25</v>
          </cell>
          <cell r="H35">
            <v>15820406.25</v>
          </cell>
        </row>
        <row r="36">
          <cell r="A36" t="str">
            <v>LS-35</v>
          </cell>
          <cell r="B36">
            <v>21886.55</v>
          </cell>
          <cell r="C36">
            <v>2188.6550000000002</v>
          </cell>
          <cell r="D36">
            <v>10833.84225</v>
          </cell>
          <cell r="E36">
            <v>5236.3570874999996</v>
          </cell>
          <cell r="F36">
            <v>20072.702168749998</v>
          </cell>
          <cell r="G36">
            <v>9032.715975937499</v>
          </cell>
          <cell r="H36">
            <v>69250.822482187505</v>
          </cell>
        </row>
        <row r="37">
          <cell r="A37" t="str">
            <v>LS-36</v>
          </cell>
          <cell r="B37">
            <v>21886.55</v>
          </cell>
          <cell r="C37">
            <v>2188.6550000000002</v>
          </cell>
          <cell r="D37">
            <v>10833.84225</v>
          </cell>
          <cell r="E37">
            <v>5236.3570874999996</v>
          </cell>
          <cell r="F37">
            <v>20072.702168749998</v>
          </cell>
          <cell r="G37">
            <v>9032.715975937499</v>
          </cell>
          <cell r="H37">
            <v>69250.822482187505</v>
          </cell>
        </row>
        <row r="38">
          <cell r="A38" t="str">
            <v>LS-37</v>
          </cell>
          <cell r="B38">
            <v>21216.03</v>
          </cell>
          <cell r="C38">
            <v>2121.6030000000001</v>
          </cell>
          <cell r="D38">
            <v>10501.93485</v>
          </cell>
          <cell r="E38">
            <v>5075.9351774999996</v>
          </cell>
          <cell r="F38">
            <v>19457.751513750001</v>
          </cell>
          <cell r="G38">
            <v>8755.9881811875002</v>
          </cell>
          <cell r="H38">
            <v>67129.242722437499</v>
          </cell>
        </row>
        <row r="39">
          <cell r="A39" t="str">
            <v>LS-38</v>
          </cell>
          <cell r="B39">
            <v>21886.55</v>
          </cell>
          <cell r="C39">
            <v>2188.6550000000002</v>
          </cell>
          <cell r="D39">
            <v>10833.84225</v>
          </cell>
          <cell r="E39">
            <v>5236.3570874999996</v>
          </cell>
          <cell r="F39">
            <v>20072.702168749998</v>
          </cell>
          <cell r="G39">
            <v>9032.715975937499</v>
          </cell>
          <cell r="H39">
            <v>69250.822482187505</v>
          </cell>
        </row>
        <row r="40">
          <cell r="A40" t="str">
            <v>LS-39</v>
          </cell>
          <cell r="B40">
            <v>21741.289999999997</v>
          </cell>
          <cell r="C40">
            <v>2174.1289999999999</v>
          </cell>
          <cell r="D40">
            <v>10761.938549999999</v>
          </cell>
          <cell r="E40">
            <v>5201.6036324999995</v>
          </cell>
          <cell r="F40">
            <v>19939.480591250001</v>
          </cell>
          <cell r="G40">
            <v>8972.7662660624992</v>
          </cell>
          <cell r="H40">
            <v>68791.208039812511</v>
          </cell>
        </row>
        <row r="41">
          <cell r="A41" t="str">
            <v>LS-40</v>
          </cell>
          <cell r="B41">
            <v>21886.55</v>
          </cell>
          <cell r="C41">
            <v>2188.6550000000002</v>
          </cell>
          <cell r="D41">
            <v>10833.84225</v>
          </cell>
          <cell r="E41">
            <v>5236.3570874999996</v>
          </cell>
          <cell r="F41">
            <v>20072.702168749998</v>
          </cell>
          <cell r="G41">
            <v>9032.715975937499</v>
          </cell>
          <cell r="H41">
            <v>69250.822482187505</v>
          </cell>
        </row>
        <row r="42">
          <cell r="A42" t="str">
            <v>LS-41</v>
          </cell>
          <cell r="B42">
            <v>75800</v>
          </cell>
          <cell r="C42">
            <v>7580</v>
          </cell>
          <cell r="D42">
            <v>37521</v>
          </cell>
          <cell r="E42">
            <v>18135.149999999998</v>
          </cell>
          <cell r="F42">
            <v>69518.074999999997</v>
          </cell>
          <cell r="G42">
            <v>31283.133750000001</v>
          </cell>
          <cell r="H42">
            <v>239837.35874999998</v>
          </cell>
        </row>
        <row r="43">
          <cell r="A43" t="str">
            <v>LS-42</v>
          </cell>
          <cell r="B43">
            <v>165000</v>
          </cell>
          <cell r="C43">
            <v>16500</v>
          </cell>
          <cell r="D43">
            <v>81675</v>
          </cell>
          <cell r="E43">
            <v>39476.25</v>
          </cell>
          <cell r="F43">
            <v>151325.625</v>
          </cell>
          <cell r="G43">
            <v>68096.53125</v>
          </cell>
          <cell r="H43">
            <v>522073.40625</v>
          </cell>
        </row>
        <row r="44">
          <cell r="A44" t="str">
            <v>LS-43</v>
          </cell>
          <cell r="B44">
            <v>160000</v>
          </cell>
          <cell r="C44">
            <v>16000</v>
          </cell>
          <cell r="D44">
            <v>79200</v>
          </cell>
          <cell r="E44">
            <v>38280</v>
          </cell>
          <cell r="F44">
            <v>146740</v>
          </cell>
          <cell r="G44">
            <v>66033</v>
          </cell>
          <cell r="H44">
            <v>506253</v>
          </cell>
        </row>
        <row r="45">
          <cell r="A45" t="str">
            <v>LS-44</v>
          </cell>
          <cell r="B45">
            <v>160000</v>
          </cell>
          <cell r="C45">
            <v>16000</v>
          </cell>
          <cell r="D45">
            <v>79200</v>
          </cell>
          <cell r="E45">
            <v>38280</v>
          </cell>
          <cell r="F45">
            <v>146740</v>
          </cell>
          <cell r="G45">
            <v>66033</v>
          </cell>
          <cell r="H45">
            <v>506253</v>
          </cell>
        </row>
        <row r="46">
          <cell r="A46" t="str">
            <v>LS-45</v>
          </cell>
          <cell r="B46">
            <v>2400</v>
          </cell>
          <cell r="C46">
            <v>240</v>
          </cell>
          <cell r="D46">
            <v>1188</v>
          </cell>
          <cell r="E46">
            <v>574.19999999999993</v>
          </cell>
          <cell r="F46">
            <v>2201.1</v>
          </cell>
          <cell r="G46">
            <v>990.495</v>
          </cell>
          <cell r="H46">
            <v>7593.7949999999992</v>
          </cell>
        </row>
        <row r="47">
          <cell r="A47" t="str">
            <v>LS-46</v>
          </cell>
          <cell r="B47">
            <v>105800</v>
          </cell>
          <cell r="C47">
            <v>10580</v>
          </cell>
          <cell r="D47">
            <v>52371</v>
          </cell>
          <cell r="E47">
            <v>25312.649999999998</v>
          </cell>
          <cell r="F47">
            <v>97031.824999999997</v>
          </cell>
          <cell r="G47">
            <v>43664.321250000001</v>
          </cell>
          <cell r="H47">
            <v>334759.79624999996</v>
          </cell>
        </row>
        <row r="48">
          <cell r="A48" t="str">
            <v>LS-47</v>
          </cell>
          <cell r="B48">
            <v>160000</v>
          </cell>
          <cell r="C48">
            <v>16000</v>
          </cell>
          <cell r="D48">
            <v>79200</v>
          </cell>
          <cell r="E48">
            <v>38280</v>
          </cell>
          <cell r="F48">
            <v>146740</v>
          </cell>
          <cell r="G48">
            <v>66033</v>
          </cell>
          <cell r="H48">
            <v>506253</v>
          </cell>
        </row>
        <row r="49">
          <cell r="A49" t="str">
            <v>LS-48</v>
          </cell>
          <cell r="B49">
            <v>6000</v>
          </cell>
          <cell r="C49">
            <v>600</v>
          </cell>
          <cell r="D49">
            <v>2970</v>
          </cell>
          <cell r="E49">
            <v>1435.5</v>
          </cell>
          <cell r="F49">
            <v>5502.75</v>
          </cell>
          <cell r="G49">
            <v>2476.2375000000002</v>
          </cell>
          <cell r="H49">
            <v>18984.487499999999</v>
          </cell>
        </row>
        <row r="50">
          <cell r="A50" t="str">
            <v>LS-49</v>
          </cell>
          <cell r="B50">
            <v>110800</v>
          </cell>
          <cell r="C50">
            <v>11080</v>
          </cell>
          <cell r="D50">
            <v>54846</v>
          </cell>
          <cell r="E50">
            <v>26508.899999999998</v>
          </cell>
          <cell r="F50">
            <v>101617.45</v>
          </cell>
          <cell r="G50">
            <v>45727.852500000001</v>
          </cell>
          <cell r="H50">
            <v>350580.20249999996</v>
          </cell>
        </row>
        <row r="51">
          <cell r="A51" t="str">
            <v>LS-50</v>
          </cell>
          <cell r="B51">
            <v>10823</v>
          </cell>
          <cell r="C51">
            <v>1082.3</v>
          </cell>
          <cell r="D51">
            <v>5357.3850000000002</v>
          </cell>
          <cell r="E51">
            <v>2589.4027499999997</v>
          </cell>
          <cell r="F51">
            <v>9926.0438749999994</v>
          </cell>
          <cell r="G51">
            <v>4466.7197437499999</v>
          </cell>
          <cell r="H51">
            <v>34244.851368749994</v>
          </cell>
        </row>
        <row r="52">
          <cell r="A52" t="str">
            <v>LS-51</v>
          </cell>
          <cell r="B52">
            <v>468086.32274999999</v>
          </cell>
          <cell r="C52">
            <v>46808.632275000004</v>
          </cell>
          <cell r="D52">
            <v>231702.72976125</v>
          </cell>
          <cell r="E52">
            <v>111989.6527179375</v>
          </cell>
          <cell r="F52">
            <v>429293.66875209374</v>
          </cell>
          <cell r="G52">
            <v>193182.15093844218</v>
          </cell>
          <cell r="H52">
            <v>1481063.1571947234</v>
          </cell>
        </row>
        <row r="53">
          <cell r="A53" t="str">
            <v>LS-52</v>
          </cell>
          <cell r="B53">
            <v>78000</v>
          </cell>
          <cell r="C53">
            <v>7800</v>
          </cell>
          <cell r="D53">
            <v>38610</v>
          </cell>
          <cell r="E53">
            <v>18661.5</v>
          </cell>
          <cell r="F53">
            <v>71535.75</v>
          </cell>
          <cell r="G53">
            <v>32191.087499999998</v>
          </cell>
          <cell r="H53">
            <v>246798.33749999999</v>
          </cell>
        </row>
        <row r="54">
          <cell r="A54" t="str">
            <v>LS-53</v>
          </cell>
          <cell r="B54">
            <v>10823</v>
          </cell>
          <cell r="C54">
            <v>1082.3</v>
          </cell>
          <cell r="D54">
            <v>5357.3850000000002</v>
          </cell>
          <cell r="E54">
            <v>2589.4027499999997</v>
          </cell>
          <cell r="F54">
            <v>9926.0438749999994</v>
          </cell>
          <cell r="G54">
            <v>4466.7197437499999</v>
          </cell>
          <cell r="H54">
            <v>34244.851368749994</v>
          </cell>
        </row>
        <row r="55">
          <cell r="A55" t="str">
            <v>LS-54</v>
          </cell>
          <cell r="B55">
            <v>749000</v>
          </cell>
          <cell r="C55">
            <v>74900</v>
          </cell>
          <cell r="D55">
            <v>370755</v>
          </cell>
          <cell r="E55">
            <v>179198.25</v>
          </cell>
          <cell r="F55">
            <v>686926.625</v>
          </cell>
          <cell r="G55">
            <v>309116.98124999995</v>
          </cell>
          <cell r="H55">
            <v>2369896.8562500002</v>
          </cell>
        </row>
        <row r="56">
          <cell r="A56" t="str">
            <v>LS-55</v>
          </cell>
          <cell r="B56">
            <v>98800</v>
          </cell>
          <cell r="C56">
            <v>9880</v>
          </cell>
          <cell r="D56">
            <v>48906</v>
          </cell>
          <cell r="E56">
            <v>23637.899999999998</v>
          </cell>
          <cell r="F56">
            <v>90611.95</v>
          </cell>
          <cell r="G56">
            <v>40775.377500000002</v>
          </cell>
          <cell r="H56">
            <v>312611.22749999998</v>
          </cell>
        </row>
        <row r="57">
          <cell r="A57" t="str">
            <v>LS-56</v>
          </cell>
          <cell r="B57">
            <v>152714</v>
          </cell>
          <cell r="C57">
            <v>15271.400000000001</v>
          </cell>
          <cell r="D57">
            <v>75593.429999999993</v>
          </cell>
          <cell r="E57">
            <v>36536.824499999995</v>
          </cell>
          <cell r="F57">
            <v>140057.82725</v>
          </cell>
          <cell r="G57">
            <v>63026.022262499988</v>
          </cell>
          <cell r="H57">
            <v>483199.50401250005</v>
          </cell>
        </row>
        <row r="58">
          <cell r="A58" t="str">
            <v>LS-57</v>
          </cell>
          <cell r="B58">
            <v>78537</v>
          </cell>
          <cell r="C58">
            <v>7853.7000000000007</v>
          </cell>
          <cell r="D58">
            <v>38875.815000000002</v>
          </cell>
          <cell r="E58">
            <v>18789.97725</v>
          </cell>
          <cell r="F58">
            <v>72028.246125000005</v>
          </cell>
          <cell r="G58">
            <v>32412.710756250002</v>
          </cell>
          <cell r="H58">
            <v>248497.44913125003</v>
          </cell>
        </row>
        <row r="59">
          <cell r="A59" t="str">
            <v>LS-58</v>
          </cell>
        </row>
        <row r="60">
          <cell r="A60" t="str">
            <v>LS-59</v>
          </cell>
          <cell r="B60">
            <v>11874</v>
          </cell>
          <cell r="C60">
            <v>1187.4000000000001</v>
          </cell>
          <cell r="D60">
            <v>5877.63</v>
          </cell>
          <cell r="E60">
            <v>2840.8544999999999</v>
          </cell>
          <cell r="F60">
            <v>10889.94225</v>
          </cell>
          <cell r="G60">
            <v>4900.4740124999998</v>
          </cell>
          <cell r="H60">
            <v>37570.300762500003</v>
          </cell>
        </row>
        <row r="61">
          <cell r="A61" t="str">
            <v>LS-60</v>
          </cell>
          <cell r="B61">
            <v>72000</v>
          </cell>
          <cell r="C61">
            <v>7200</v>
          </cell>
          <cell r="D61">
            <v>35640</v>
          </cell>
          <cell r="E61">
            <v>17226</v>
          </cell>
          <cell r="F61">
            <v>66033</v>
          </cell>
          <cell r="G61">
            <v>29714.85</v>
          </cell>
          <cell r="H61">
            <v>227813.85</v>
          </cell>
        </row>
        <row r="62">
          <cell r="A62" t="str">
            <v>LS-61</v>
          </cell>
          <cell r="B62">
            <v>723007.25</v>
          </cell>
          <cell r="C62">
            <v>72300.725000000006</v>
          </cell>
          <cell r="D62">
            <v>357888.58875</v>
          </cell>
          <cell r="E62">
            <v>172979.4845625</v>
          </cell>
          <cell r="F62">
            <v>663088.02415624994</v>
          </cell>
          <cell r="G62">
            <v>298389.61087031249</v>
          </cell>
          <cell r="H62">
            <v>2287653.6833390621</v>
          </cell>
        </row>
        <row r="63">
          <cell r="A63" t="str">
            <v>LS-62</v>
          </cell>
        </row>
        <row r="64">
          <cell r="A64" t="str">
            <v>LS-63</v>
          </cell>
        </row>
        <row r="65">
          <cell r="A65" t="str">
            <v>LS-64</v>
          </cell>
          <cell r="B65">
            <v>516800</v>
          </cell>
          <cell r="C65">
            <v>51680</v>
          </cell>
          <cell r="D65">
            <v>255816</v>
          </cell>
          <cell r="E65">
            <v>123644.4</v>
          </cell>
          <cell r="F65">
            <v>473970.2</v>
          </cell>
          <cell r="G65">
            <v>213286.59</v>
          </cell>
          <cell r="H65">
            <v>1635197.1900000002</v>
          </cell>
        </row>
        <row r="66">
          <cell r="A66" t="str">
            <v>LS-65</v>
          </cell>
          <cell r="B66" t="str">
            <v>REMOVED</v>
          </cell>
          <cell r="C66" t="str">
            <v>REMOVED</v>
          </cell>
          <cell r="D66" t="str">
            <v>REMOVED</v>
          </cell>
          <cell r="E66" t="str">
            <v>REMOVED</v>
          </cell>
          <cell r="F66" t="str">
            <v>REMOVED</v>
          </cell>
          <cell r="G66" t="str">
            <v>REMOVED</v>
          </cell>
          <cell r="H66" t="str">
            <v>REMOVED</v>
          </cell>
        </row>
        <row r="67">
          <cell r="A67" t="str">
            <v>LS-66</v>
          </cell>
          <cell r="B67" t="str">
            <v>REMOVED</v>
          </cell>
          <cell r="C67" t="str">
            <v>REMOVED</v>
          </cell>
          <cell r="D67" t="str">
            <v>REMOVED</v>
          </cell>
          <cell r="E67" t="str">
            <v>REMOVED</v>
          </cell>
          <cell r="F67" t="str">
            <v>REMOVED</v>
          </cell>
          <cell r="G67" t="str">
            <v>REMOVED</v>
          </cell>
          <cell r="H67" t="str">
            <v>REMOVED</v>
          </cell>
        </row>
        <row r="68">
          <cell r="A68" t="str">
            <v>LS-67</v>
          </cell>
          <cell r="B68" t="str">
            <v>REMOVED</v>
          </cell>
          <cell r="C68" t="str">
            <v>REMOVED</v>
          </cell>
          <cell r="D68" t="str">
            <v>REMOVED</v>
          </cell>
          <cell r="E68" t="str">
            <v>REMOVED</v>
          </cell>
          <cell r="F68" t="str">
            <v>REMOVED</v>
          </cell>
          <cell r="G68" t="str">
            <v>REMOVED</v>
          </cell>
          <cell r="H68" t="str">
            <v>REMOVED</v>
          </cell>
        </row>
        <row r="69">
          <cell r="A69" t="str">
            <v>LS-68</v>
          </cell>
          <cell r="B69">
            <v>16335.75</v>
          </cell>
          <cell r="C69">
            <v>1633.575</v>
          </cell>
          <cell r="D69">
            <v>8086.1962500000009</v>
          </cell>
          <cell r="E69">
            <v>3908.3281875000002</v>
          </cell>
          <cell r="F69">
            <v>14981.92471875</v>
          </cell>
          <cell r="G69">
            <v>6741.8661234374995</v>
          </cell>
          <cell r="H69">
            <v>51687.640279687505</v>
          </cell>
        </row>
        <row r="70">
          <cell r="A70" t="str">
            <v>LS-69</v>
          </cell>
          <cell r="B70">
            <v>46335.75</v>
          </cell>
          <cell r="C70">
            <v>4633.5749999999998</v>
          </cell>
          <cell r="D70">
            <v>22936.196250000001</v>
          </cell>
          <cell r="E70">
            <v>11085.828187499998</v>
          </cell>
          <cell r="F70">
            <v>42495.674718749993</v>
          </cell>
          <cell r="G70">
            <v>19123.053623437496</v>
          </cell>
          <cell r="H70">
            <v>146610.07777968748</v>
          </cell>
        </row>
        <row r="71">
          <cell r="A71" t="str">
            <v>LS-70</v>
          </cell>
          <cell r="B71" t="str">
            <v>REMOVED</v>
          </cell>
          <cell r="C71" t="str">
            <v>REMOVED</v>
          </cell>
          <cell r="D71" t="str">
            <v>REMOVED</v>
          </cell>
          <cell r="E71" t="str">
            <v>REMOVED</v>
          </cell>
          <cell r="F71" t="str">
            <v>REMOVED</v>
          </cell>
          <cell r="G71" t="str">
            <v>REMOVED</v>
          </cell>
          <cell r="H71" t="str">
            <v>REMOVED</v>
          </cell>
        </row>
        <row r="72">
          <cell r="A72" t="str">
            <v>LS-71</v>
          </cell>
          <cell r="B72">
            <v>3000117231.0700002</v>
          </cell>
          <cell r="C72">
            <v>300011723.10700005</v>
          </cell>
          <cell r="D72">
            <v>1485058029.3796501</v>
          </cell>
          <cell r="E72">
            <v>717778047.53349745</v>
          </cell>
          <cell r="F72">
            <v>2751482515.545074</v>
          </cell>
          <cell r="G72">
            <v>1238167131.9952834</v>
          </cell>
          <cell r="H72">
            <v>9492614678.6305046</v>
          </cell>
        </row>
        <row r="73">
          <cell r="A73" t="str">
            <v>LS-72</v>
          </cell>
          <cell r="B73">
            <v>506825.42000000004</v>
          </cell>
          <cell r="C73">
            <v>50682.542000000009</v>
          </cell>
          <cell r="D73">
            <v>250878.58290000004</v>
          </cell>
          <cell r="E73">
            <v>121257.98173500001</v>
          </cell>
          <cell r="F73">
            <v>464822.26331750007</v>
          </cell>
          <cell r="G73">
            <v>209170.01849287501</v>
          </cell>
          <cell r="H73">
            <v>1603636.8084453752</v>
          </cell>
        </row>
        <row r="74">
          <cell r="A74" t="str">
            <v>LS-73</v>
          </cell>
          <cell r="H74">
            <v>877752</v>
          </cell>
        </row>
        <row r="75">
          <cell r="A75" t="str">
            <v>LS-74</v>
          </cell>
          <cell r="H75" t="str">
            <v>£10,000,000-£15,000,000</v>
          </cell>
        </row>
        <row r="76">
          <cell r="A76" t="str">
            <v>LS-75</v>
          </cell>
          <cell r="B76">
            <v>5400000</v>
          </cell>
          <cell r="D76">
            <v>2430000</v>
          </cell>
          <cell r="E76">
            <v>1174500</v>
          </cell>
          <cell r="F76">
            <v>4502250</v>
          </cell>
          <cell r="H76">
            <v>13506750</v>
          </cell>
        </row>
        <row r="77">
          <cell r="A77" t="str">
            <v>LS-76</v>
          </cell>
          <cell r="B77">
            <v>936000</v>
          </cell>
          <cell r="C77">
            <v>93600</v>
          </cell>
          <cell r="D77">
            <v>463320</v>
          </cell>
          <cell r="E77">
            <v>223938</v>
          </cell>
          <cell r="F77">
            <v>858429</v>
          </cell>
          <cell r="G77">
            <v>386293.05</v>
          </cell>
          <cell r="H77">
            <v>2961580.05</v>
          </cell>
        </row>
        <row r="78">
          <cell r="A78" t="str">
            <v>SG2-1</v>
          </cell>
          <cell r="B78">
            <v>22000</v>
          </cell>
          <cell r="C78">
            <v>2200</v>
          </cell>
          <cell r="D78">
            <v>10890</v>
          </cell>
          <cell r="E78">
            <v>5263.5</v>
          </cell>
          <cell r="F78">
            <v>20176.75</v>
          </cell>
          <cell r="G78">
            <v>9079.5374999999985</v>
          </cell>
          <cell r="H78">
            <v>69609.787500000006</v>
          </cell>
        </row>
        <row r="79">
          <cell r="A79" t="str">
            <v>SG2-2</v>
          </cell>
          <cell r="B79" t="str">
            <v>REMOVED</v>
          </cell>
          <cell r="C79" t="str">
            <v>REMOVED</v>
          </cell>
          <cell r="D79" t="str">
            <v>REMOVED</v>
          </cell>
          <cell r="E79" t="str">
            <v>REMOVED</v>
          </cell>
          <cell r="F79" t="str">
            <v>REMOVED</v>
          </cell>
          <cell r="G79" t="str">
            <v>REMOVED</v>
          </cell>
          <cell r="H79" t="str">
            <v>REMOVED</v>
          </cell>
        </row>
        <row r="80">
          <cell r="A80" t="str">
            <v>SG2-3</v>
          </cell>
          <cell r="B80">
            <v>63000</v>
          </cell>
          <cell r="C80">
            <v>6300</v>
          </cell>
          <cell r="D80">
            <v>31185</v>
          </cell>
          <cell r="E80">
            <v>15072.75</v>
          </cell>
          <cell r="F80">
            <v>57778.875</v>
          </cell>
          <cell r="G80">
            <v>26000.493749999998</v>
          </cell>
          <cell r="H80">
            <v>199337.11874999999</v>
          </cell>
        </row>
        <row r="81">
          <cell r="A81" t="str">
            <v>SG2-4</v>
          </cell>
          <cell r="B81">
            <v>8233.2960000000003</v>
          </cell>
          <cell r="C81">
            <v>823.32960000000003</v>
          </cell>
          <cell r="D81">
            <v>4075.4815199999998</v>
          </cell>
          <cell r="E81">
            <v>1969.8160679999996</v>
          </cell>
          <cell r="F81">
            <v>7550.9615939999994</v>
          </cell>
          <cell r="G81">
            <v>3397.9327173000001</v>
          </cell>
          <cell r="H81">
            <v>26050.817499299999</v>
          </cell>
        </row>
        <row r="82">
          <cell r="A82" t="str">
            <v>SG2-5</v>
          </cell>
          <cell r="B82">
            <v>5500</v>
          </cell>
          <cell r="C82">
            <v>550</v>
          </cell>
          <cell r="D82">
            <v>2722.5</v>
          </cell>
          <cell r="E82">
            <v>1315.875</v>
          </cell>
          <cell r="F82">
            <v>5044.1875</v>
          </cell>
          <cell r="G82">
            <v>2269.8843749999996</v>
          </cell>
          <cell r="H82">
            <v>17402.446875000001</v>
          </cell>
        </row>
        <row r="83">
          <cell r="A83" t="str">
            <v>SG2-6</v>
          </cell>
          <cell r="B83">
            <v>189</v>
          </cell>
          <cell r="C83">
            <v>18.900000000000002</v>
          </cell>
          <cell r="D83">
            <v>93.555000000000007</v>
          </cell>
          <cell r="E83">
            <v>45.218250000000005</v>
          </cell>
          <cell r="F83">
            <v>173.33662500000003</v>
          </cell>
          <cell r="G83">
            <v>78.001481250000012</v>
          </cell>
          <cell r="H83">
            <v>598.01135625000006</v>
          </cell>
        </row>
        <row r="84">
          <cell r="A84" t="str">
            <v>SG3-1</v>
          </cell>
          <cell r="B84">
            <v>2785.7280000000001</v>
          </cell>
          <cell r="C84">
            <v>278.57280000000003</v>
          </cell>
          <cell r="D84">
            <v>1378.9353599999999</v>
          </cell>
          <cell r="E84">
            <v>666.48542400000008</v>
          </cell>
          <cell r="F84">
            <v>2554.8607920000004</v>
          </cell>
          <cell r="G84">
            <v>1149.6873564</v>
          </cell>
          <cell r="H84">
            <v>8814.2697324000019</v>
          </cell>
        </row>
        <row r="85">
          <cell r="A85" t="str">
            <v>SG3-2</v>
          </cell>
          <cell r="B85">
            <v>5233.7280000000001</v>
          </cell>
          <cell r="C85">
            <v>523.37279999999998</v>
          </cell>
          <cell r="D85">
            <v>2590.6953600000002</v>
          </cell>
          <cell r="E85">
            <v>1252.1694239999999</v>
          </cell>
          <cell r="F85">
            <v>4799.9827919999998</v>
          </cell>
          <cell r="G85">
            <v>2159.9922563999999</v>
          </cell>
          <cell r="H85">
            <v>16559.940632400001</v>
          </cell>
        </row>
        <row r="86">
          <cell r="A86" t="str">
            <v>SG3-3</v>
          </cell>
          <cell r="B86" t="str">
            <v>REMOVED</v>
          </cell>
          <cell r="C86" t="str">
            <v>REMOVED</v>
          </cell>
          <cell r="D86" t="str">
            <v>REMOVED</v>
          </cell>
          <cell r="E86" t="str">
            <v>REMOVED</v>
          </cell>
          <cell r="F86" t="str">
            <v>REMOVED</v>
          </cell>
          <cell r="G86" t="str">
            <v>REMOVED</v>
          </cell>
          <cell r="H86" t="str">
            <v>REMOVED</v>
          </cell>
        </row>
        <row r="87">
          <cell r="A87" t="str">
            <v>SG3-4</v>
          </cell>
          <cell r="B87">
            <v>50000</v>
          </cell>
          <cell r="C87">
            <v>5000</v>
          </cell>
          <cell r="D87">
            <v>24750</v>
          </cell>
          <cell r="E87">
            <v>11962.5</v>
          </cell>
          <cell r="F87">
            <v>45856.25</v>
          </cell>
          <cell r="G87">
            <v>20635.3125</v>
          </cell>
          <cell r="H87">
            <v>158204.0625</v>
          </cell>
        </row>
        <row r="88">
          <cell r="A88" t="str">
            <v>SG3-5</v>
          </cell>
          <cell r="B88">
            <v>10530</v>
          </cell>
          <cell r="C88">
            <v>1053</v>
          </cell>
          <cell r="D88">
            <v>5212.3500000000004</v>
          </cell>
          <cell r="E88">
            <v>2519.3024999999998</v>
          </cell>
          <cell r="F88">
            <v>9657.3262499999983</v>
          </cell>
          <cell r="G88">
            <v>4345.7968124999998</v>
          </cell>
          <cell r="H88">
            <v>33317.775562499992</v>
          </cell>
        </row>
        <row r="89">
          <cell r="A89" t="str">
            <v>SG4-1</v>
          </cell>
          <cell r="B89">
            <v>816.86400000000003</v>
          </cell>
          <cell r="C89">
            <v>81.686400000000006</v>
          </cell>
          <cell r="D89">
            <v>404.34768000000003</v>
          </cell>
          <cell r="E89">
            <v>195.43471200000002</v>
          </cell>
          <cell r="F89">
            <v>749.16639600000008</v>
          </cell>
          <cell r="G89">
            <v>337.12487820000001</v>
          </cell>
          <cell r="H89">
            <v>2584.6240662</v>
          </cell>
        </row>
        <row r="90">
          <cell r="A90" t="str">
            <v>SG4-2</v>
          </cell>
          <cell r="B90">
            <v>10823</v>
          </cell>
          <cell r="C90">
            <v>1082.3</v>
          </cell>
          <cell r="D90">
            <v>5357.3850000000002</v>
          </cell>
          <cell r="E90">
            <v>2589.4027499999997</v>
          </cell>
          <cell r="F90">
            <v>9926.0438749999994</v>
          </cell>
          <cell r="G90">
            <v>4466.7197437499999</v>
          </cell>
          <cell r="H90">
            <v>34244.851368749994</v>
          </cell>
        </row>
        <row r="91">
          <cell r="A91" t="str">
            <v>SG4-3</v>
          </cell>
          <cell r="B91">
            <v>51233.728000000003</v>
          </cell>
          <cell r="C91">
            <v>5123.372800000001</v>
          </cell>
          <cell r="D91">
            <v>25360.695360000002</v>
          </cell>
          <cell r="E91">
            <v>12257.669424</v>
          </cell>
          <cell r="F91">
            <v>46987.732791999995</v>
          </cell>
          <cell r="G91">
            <v>21144.4797564</v>
          </cell>
          <cell r="H91">
            <v>162107.67813239997</v>
          </cell>
        </row>
        <row r="92">
          <cell r="A92" t="str">
            <v>SG4-4</v>
          </cell>
          <cell r="B92">
            <v>9416.8639999999996</v>
          </cell>
          <cell r="C92">
            <v>941.68640000000005</v>
          </cell>
          <cell r="D92">
            <v>4661.3476799999999</v>
          </cell>
          <cell r="E92">
            <v>2252.9847119999999</v>
          </cell>
          <cell r="F92">
            <v>8636.4413960000002</v>
          </cell>
          <cell r="G92">
            <v>3886.3986282000001</v>
          </cell>
          <cell r="H92">
            <v>29795.722816199999</v>
          </cell>
        </row>
        <row r="93">
          <cell r="A93" t="str">
            <v>SG4-5</v>
          </cell>
          <cell r="B93">
            <v>1816.8000000000002</v>
          </cell>
          <cell r="C93">
            <v>181.68000000000004</v>
          </cell>
          <cell r="D93">
            <v>899.31600000000014</v>
          </cell>
          <cell r="E93">
            <v>434.66940000000005</v>
          </cell>
          <cell r="F93">
            <v>1666.2327000000002</v>
          </cell>
          <cell r="G93">
            <v>749.80471499999999</v>
          </cell>
          <cell r="H93">
            <v>5748.5028150000007</v>
          </cell>
        </row>
        <row r="94">
          <cell r="A94" t="str">
            <v>SG4-6</v>
          </cell>
          <cell r="B94">
            <v>1170.8399999999999</v>
          </cell>
          <cell r="C94">
            <v>117.084</v>
          </cell>
          <cell r="D94">
            <v>579.56579999999997</v>
          </cell>
          <cell r="E94">
            <v>280.12346999999994</v>
          </cell>
          <cell r="F94">
            <v>1073.8066349999999</v>
          </cell>
          <cell r="G94">
            <v>483.21298574999992</v>
          </cell>
          <cell r="H94">
            <v>3704.6328907499997</v>
          </cell>
        </row>
        <row r="95">
          <cell r="A95" t="str">
            <v>SG4-7</v>
          </cell>
          <cell r="B95">
            <v>5265</v>
          </cell>
          <cell r="C95">
            <v>526.5</v>
          </cell>
          <cell r="D95">
            <v>2606.1750000000002</v>
          </cell>
          <cell r="E95">
            <v>1259.6512499999999</v>
          </cell>
          <cell r="F95">
            <v>4828.6631249999991</v>
          </cell>
          <cell r="G95">
            <v>2172.8984062499999</v>
          </cell>
          <cell r="H95">
            <v>16658.887781249996</v>
          </cell>
        </row>
        <row r="96">
          <cell r="A96" t="str">
            <v>SG5-1</v>
          </cell>
          <cell r="B96">
            <v>16720</v>
          </cell>
          <cell r="C96">
            <v>1672</v>
          </cell>
          <cell r="D96">
            <v>8276.4</v>
          </cell>
          <cell r="E96">
            <v>4000.26</v>
          </cell>
          <cell r="F96">
            <v>15334.330000000002</v>
          </cell>
          <cell r="G96">
            <v>6900.4485000000004</v>
          </cell>
          <cell r="H96">
            <v>52903.438500000004</v>
          </cell>
        </row>
        <row r="97">
          <cell r="A97" t="str">
            <v>SG5-2</v>
          </cell>
          <cell r="B97">
            <v>360000</v>
          </cell>
          <cell r="C97">
            <v>36000</v>
          </cell>
          <cell r="D97">
            <v>178200</v>
          </cell>
          <cell r="E97">
            <v>86130</v>
          </cell>
          <cell r="F97">
            <v>330165</v>
          </cell>
          <cell r="G97">
            <v>148574.25</v>
          </cell>
          <cell r="H97">
            <v>1139069.25</v>
          </cell>
        </row>
        <row r="98">
          <cell r="A98" t="str">
            <v>SG5-3</v>
          </cell>
          <cell r="B98" t="str">
            <v>REMOVED</v>
          </cell>
          <cell r="C98" t="str">
            <v>REMOVED</v>
          </cell>
          <cell r="D98" t="str">
            <v>REMOVED</v>
          </cell>
          <cell r="E98" t="str">
            <v>REMOVED</v>
          </cell>
          <cell r="F98" t="str">
            <v>REMOVED</v>
          </cell>
          <cell r="G98" t="str">
            <v>REMOVED</v>
          </cell>
          <cell r="H98" t="str">
            <v>REMOVED</v>
          </cell>
        </row>
        <row r="99">
          <cell r="A99" t="str">
            <v>SG5-4</v>
          </cell>
          <cell r="B99">
            <v>240000</v>
          </cell>
          <cell r="C99">
            <v>24000</v>
          </cell>
          <cell r="D99">
            <v>118800</v>
          </cell>
          <cell r="E99">
            <v>57420</v>
          </cell>
          <cell r="F99">
            <v>220110</v>
          </cell>
          <cell r="G99">
            <v>99049.5</v>
          </cell>
          <cell r="H99">
            <v>759379.5</v>
          </cell>
        </row>
        <row r="100">
          <cell r="A100" t="str">
            <v>SG6-1</v>
          </cell>
          <cell r="B100">
            <v>12483.432000000001</v>
          </cell>
          <cell r="C100">
            <v>1248.3432000000003</v>
          </cell>
          <cell r="D100">
            <v>6179.2988400000004</v>
          </cell>
          <cell r="E100">
            <v>2986.661106</v>
          </cell>
          <cell r="F100">
            <v>11448.867573</v>
          </cell>
          <cell r="G100">
            <v>5151.9904078499994</v>
          </cell>
          <cell r="H100">
            <v>39498.593126849999</v>
          </cell>
        </row>
        <row r="101">
          <cell r="A101" t="str">
            <v>SG6-2</v>
          </cell>
          <cell r="B101">
            <v>28400</v>
          </cell>
          <cell r="C101">
            <v>2840</v>
          </cell>
          <cell r="D101">
            <v>14058</v>
          </cell>
          <cell r="E101">
            <v>6794.7</v>
          </cell>
          <cell r="F101">
            <v>26046.35</v>
          </cell>
          <cell r="G101">
            <v>11720.857499999998</v>
          </cell>
          <cell r="H101">
            <v>89859.907499999987</v>
          </cell>
        </row>
        <row r="102">
          <cell r="A102" t="str">
            <v>SG6-3</v>
          </cell>
          <cell r="B102">
            <v>27200</v>
          </cell>
          <cell r="C102">
            <v>2720</v>
          </cell>
          <cell r="D102">
            <v>13464</v>
          </cell>
          <cell r="E102">
            <v>6507.5999999999995</v>
          </cell>
          <cell r="F102">
            <v>24945.8</v>
          </cell>
          <cell r="G102">
            <v>11225.61</v>
          </cell>
          <cell r="H102">
            <v>86063.01</v>
          </cell>
        </row>
        <row r="103">
          <cell r="A103" t="str">
            <v>SG6-4</v>
          </cell>
          <cell r="B103">
            <v>27200</v>
          </cell>
          <cell r="C103">
            <v>2720</v>
          </cell>
          <cell r="D103">
            <v>13464</v>
          </cell>
          <cell r="E103">
            <v>6507.5999999999995</v>
          </cell>
          <cell r="F103">
            <v>24945.8</v>
          </cell>
          <cell r="G103">
            <v>11225.61</v>
          </cell>
          <cell r="H103">
            <v>86063.01</v>
          </cell>
        </row>
        <row r="104">
          <cell r="A104" t="str">
            <v>SG6-5</v>
          </cell>
          <cell r="B104">
            <v>52000</v>
          </cell>
          <cell r="C104">
            <v>5200</v>
          </cell>
          <cell r="D104">
            <v>25740</v>
          </cell>
          <cell r="E104">
            <v>12441</v>
          </cell>
          <cell r="F104">
            <v>47690.5</v>
          </cell>
          <cell r="G104">
            <v>21460.724999999999</v>
          </cell>
          <cell r="H104">
            <v>164532.22500000001</v>
          </cell>
        </row>
        <row r="105">
          <cell r="A105" t="str">
            <v>SG6-6</v>
          </cell>
          <cell r="B105" t="str">
            <v>REMOVED</v>
          </cell>
          <cell r="C105" t="str">
            <v>REMOVED</v>
          </cell>
          <cell r="D105" t="str">
            <v>REMOVED</v>
          </cell>
          <cell r="E105" t="str">
            <v>REMOVED</v>
          </cell>
          <cell r="F105" t="str">
            <v>REMOVED</v>
          </cell>
          <cell r="G105" t="str">
            <v>REMOVED</v>
          </cell>
          <cell r="H105" t="str">
            <v>REMOVED</v>
          </cell>
        </row>
        <row r="106">
          <cell r="A106" t="str">
            <v>SG7-1</v>
          </cell>
          <cell r="B106" t="str">
            <v>REMOVED</v>
          </cell>
          <cell r="C106" t="str">
            <v>REMOVED</v>
          </cell>
          <cell r="D106" t="str">
            <v>REMOVED</v>
          </cell>
          <cell r="E106" t="str">
            <v>REMOVED</v>
          </cell>
          <cell r="F106" t="str">
            <v>REMOVED</v>
          </cell>
          <cell r="G106" t="str">
            <v>REMOVED</v>
          </cell>
          <cell r="H106" t="str">
            <v>REMOVED</v>
          </cell>
        </row>
        <row r="107">
          <cell r="A107" t="str">
            <v>SG7-2</v>
          </cell>
          <cell r="B107">
            <v>205800</v>
          </cell>
          <cell r="C107">
            <v>20580</v>
          </cell>
          <cell r="D107">
            <v>101871</v>
          </cell>
          <cell r="E107">
            <v>49237.65</v>
          </cell>
          <cell r="F107">
            <v>188744.32500000001</v>
          </cell>
          <cell r="G107">
            <v>84934.946250000008</v>
          </cell>
          <cell r="H107">
            <v>651167.92125000013</v>
          </cell>
        </row>
        <row r="108">
          <cell r="A108" t="str">
            <v>SG7-3</v>
          </cell>
          <cell r="B108">
            <v>144447</v>
          </cell>
          <cell r="C108">
            <v>14444.7</v>
          </cell>
          <cell r="D108">
            <v>71501.265000000014</v>
          </cell>
          <cell r="E108">
            <v>34558.944750000002</v>
          </cell>
          <cell r="F108">
            <v>132475.95487500002</v>
          </cell>
          <cell r="G108">
            <v>59614.179693749997</v>
          </cell>
          <cell r="H108">
            <v>457042.04431875004</v>
          </cell>
        </row>
        <row r="109">
          <cell r="A109" t="str">
            <v>SG7-4</v>
          </cell>
          <cell r="B109">
            <v>175000</v>
          </cell>
          <cell r="C109">
            <v>17500</v>
          </cell>
          <cell r="D109">
            <v>86625</v>
          </cell>
          <cell r="E109">
            <v>41868.75</v>
          </cell>
          <cell r="F109">
            <v>160496.875</v>
          </cell>
          <cell r="G109">
            <v>72223.59375</v>
          </cell>
          <cell r="H109">
            <v>553714.21875</v>
          </cell>
        </row>
        <row r="110">
          <cell r="A110" t="str">
            <v>SG7-5</v>
          </cell>
          <cell r="B110">
            <v>23000</v>
          </cell>
          <cell r="C110">
            <v>2300</v>
          </cell>
          <cell r="D110">
            <v>11385</v>
          </cell>
          <cell r="E110">
            <v>5502.75</v>
          </cell>
          <cell r="F110">
            <v>21093.875</v>
          </cell>
          <cell r="G110">
            <v>9492.2437499999996</v>
          </cell>
          <cell r="H110">
            <v>72773.868749999994</v>
          </cell>
        </row>
        <row r="111">
          <cell r="A111" t="str">
            <v>SG7-6</v>
          </cell>
          <cell r="B111">
            <v>480000</v>
          </cell>
          <cell r="C111">
            <v>48000</v>
          </cell>
          <cell r="D111">
            <v>237600</v>
          </cell>
          <cell r="E111">
            <v>114840</v>
          </cell>
          <cell r="F111">
            <v>440220</v>
          </cell>
          <cell r="G111">
            <v>198099</v>
          </cell>
          <cell r="H111">
            <v>1518759</v>
          </cell>
        </row>
        <row r="112">
          <cell r="A112" t="str">
            <v>SG7-7</v>
          </cell>
          <cell r="B112">
            <v>6600</v>
          </cell>
          <cell r="C112">
            <v>660</v>
          </cell>
          <cell r="D112">
            <v>3267</v>
          </cell>
          <cell r="E112">
            <v>1579.05</v>
          </cell>
          <cell r="F112">
            <v>6053.0249999999996</v>
          </cell>
          <cell r="G112">
            <v>2723.8612499999999</v>
          </cell>
          <cell r="H112">
            <v>20882.936249999999</v>
          </cell>
        </row>
        <row r="113">
          <cell r="A113" t="str">
            <v>SG8-1</v>
          </cell>
          <cell r="B113">
            <v>12986.592000000001</v>
          </cell>
          <cell r="C113">
            <v>1298.6592000000001</v>
          </cell>
          <cell r="D113">
            <v>6428.3630400000002</v>
          </cell>
          <cell r="E113">
            <v>3107.0421360000005</v>
          </cell>
          <cell r="F113">
            <v>11910.328188000001</v>
          </cell>
          <cell r="G113">
            <v>5359.6476846000005</v>
          </cell>
          <cell r="H113">
            <v>41090.632248600006</v>
          </cell>
        </row>
        <row r="114">
          <cell r="A114" t="str">
            <v>SG8-2</v>
          </cell>
          <cell r="B114">
            <v>120720</v>
          </cell>
          <cell r="C114">
            <v>12072</v>
          </cell>
          <cell r="D114">
            <v>59756.4</v>
          </cell>
          <cell r="E114">
            <v>28882.26</v>
          </cell>
          <cell r="F114">
            <v>110715.33</v>
          </cell>
          <cell r="G114">
            <v>49821.898500000003</v>
          </cell>
          <cell r="H114">
            <v>381967.8885</v>
          </cell>
        </row>
        <row r="115">
          <cell r="A115" t="str">
            <v>SG8-3</v>
          </cell>
          <cell r="B115">
            <v>34518.048000000003</v>
          </cell>
          <cell r="C115">
            <v>3451.8048000000003</v>
          </cell>
          <cell r="D115">
            <v>17086.43376</v>
          </cell>
          <cell r="E115">
            <v>8258.4429839999993</v>
          </cell>
          <cell r="F115">
            <v>31657.364772000001</v>
          </cell>
          <cell r="G115">
            <v>14245.814147399999</v>
          </cell>
          <cell r="H115">
            <v>109217.9084634</v>
          </cell>
        </row>
        <row r="116">
          <cell r="A116" t="str">
            <v>SG8-4</v>
          </cell>
          <cell r="B116">
            <v>23000</v>
          </cell>
          <cell r="C116">
            <v>2300</v>
          </cell>
          <cell r="D116">
            <v>11385</v>
          </cell>
          <cell r="E116">
            <v>5502.75</v>
          </cell>
          <cell r="F116">
            <v>21093.875</v>
          </cell>
          <cell r="G116">
            <v>9492.2437499999996</v>
          </cell>
          <cell r="H116">
            <v>72773.868749999994</v>
          </cell>
        </row>
        <row r="117">
          <cell r="A117" t="str">
            <v>SG8-5</v>
          </cell>
          <cell r="B117">
            <v>800</v>
          </cell>
          <cell r="C117">
            <v>80</v>
          </cell>
          <cell r="D117">
            <v>396</v>
          </cell>
          <cell r="E117">
            <v>191.4</v>
          </cell>
          <cell r="F117">
            <v>733.7</v>
          </cell>
          <cell r="G117">
            <v>330.16500000000002</v>
          </cell>
          <cell r="H117">
            <v>2531.2650000000003</v>
          </cell>
        </row>
        <row r="118">
          <cell r="A118" t="str">
            <v>SG8-6</v>
          </cell>
          <cell r="B118">
            <v>55384</v>
          </cell>
          <cell r="C118">
            <v>5538.4000000000005</v>
          </cell>
          <cell r="D118">
            <v>27415.08</v>
          </cell>
          <cell r="E118">
            <v>13250.622000000001</v>
          </cell>
          <cell r="F118">
            <v>50794.051000000007</v>
          </cell>
          <cell r="G118">
            <v>22857.322950000002</v>
          </cell>
          <cell r="H118">
            <v>175239.47595000002</v>
          </cell>
        </row>
        <row r="119">
          <cell r="A119" t="str">
            <v>SG8-7</v>
          </cell>
          <cell r="B119">
            <v>15795</v>
          </cell>
          <cell r="C119">
            <v>1579.5</v>
          </cell>
          <cell r="D119">
            <v>7818.5250000000005</v>
          </cell>
          <cell r="E119">
            <v>3778.9537500000001</v>
          </cell>
          <cell r="F119">
            <v>14485.989375000001</v>
          </cell>
          <cell r="G119">
            <v>6518.6952187499992</v>
          </cell>
          <cell r="H119">
            <v>49976.663343749999</v>
          </cell>
        </row>
        <row r="120">
          <cell r="A120" t="str">
            <v>SG9-1</v>
          </cell>
          <cell r="B120">
            <v>435000</v>
          </cell>
          <cell r="C120">
            <v>43500</v>
          </cell>
          <cell r="D120">
            <v>215325</v>
          </cell>
          <cell r="E120">
            <v>104073.75</v>
          </cell>
          <cell r="F120">
            <v>398949.375</v>
          </cell>
          <cell r="G120">
            <v>179527.21875</v>
          </cell>
          <cell r="H120">
            <v>1376375.34375</v>
          </cell>
        </row>
        <row r="121">
          <cell r="A121" t="str">
            <v>SG9-2</v>
          </cell>
          <cell r="B121">
            <v>41.75</v>
          </cell>
          <cell r="C121">
            <v>4.1749999999999998</v>
          </cell>
          <cell r="D121">
            <v>20.666249999999998</v>
          </cell>
          <cell r="E121">
            <v>9.9886874999999993</v>
          </cell>
          <cell r="F121">
            <v>38.28996875</v>
          </cell>
          <cell r="G121">
            <v>17.230485937499999</v>
          </cell>
          <cell r="H121">
            <v>132.10039218750001</v>
          </cell>
        </row>
        <row r="122">
          <cell r="A122" t="str">
            <v>SG9-3</v>
          </cell>
          <cell r="B122">
            <v>23000</v>
          </cell>
          <cell r="C122">
            <v>2300</v>
          </cell>
          <cell r="D122">
            <v>11385</v>
          </cell>
          <cell r="E122">
            <v>5502.75</v>
          </cell>
          <cell r="F122">
            <v>21093.875</v>
          </cell>
          <cell r="G122">
            <v>9492.2437499999996</v>
          </cell>
          <cell r="H122">
            <v>72773.868749999994</v>
          </cell>
        </row>
        <row r="123">
          <cell r="A123" t="str">
            <v>SG9-4</v>
          </cell>
          <cell r="B123" t="str">
            <v>REMOVED</v>
          </cell>
          <cell r="C123" t="str">
            <v>REMOVED</v>
          </cell>
          <cell r="D123" t="str">
            <v>REMOVED</v>
          </cell>
          <cell r="E123" t="str">
            <v>REMOVED</v>
          </cell>
          <cell r="F123" t="str">
            <v>REMOVED</v>
          </cell>
          <cell r="G123" t="str">
            <v>REMOVED</v>
          </cell>
          <cell r="H123" t="str">
            <v>REMOVED</v>
          </cell>
        </row>
        <row r="124">
          <cell r="A124" t="str">
            <v>SG9-5</v>
          </cell>
          <cell r="B124">
            <v>2400</v>
          </cell>
          <cell r="C124">
            <v>240</v>
          </cell>
          <cell r="D124">
            <v>1188</v>
          </cell>
          <cell r="E124">
            <v>574.19999999999993</v>
          </cell>
          <cell r="F124">
            <v>2201.1</v>
          </cell>
          <cell r="G124">
            <v>990.495</v>
          </cell>
          <cell r="H124">
            <v>7593.7949999999992</v>
          </cell>
        </row>
        <row r="125">
          <cell r="A125" t="str">
            <v>SG9-6</v>
          </cell>
          <cell r="B125">
            <v>252</v>
          </cell>
          <cell r="C125">
            <v>25.200000000000003</v>
          </cell>
          <cell r="D125">
            <v>124.74</v>
          </cell>
          <cell r="E125">
            <v>60.290999999999997</v>
          </cell>
          <cell r="F125">
            <v>231.1155</v>
          </cell>
          <cell r="G125">
            <v>104.00197499999999</v>
          </cell>
          <cell r="H125">
            <v>797.34847500000001</v>
          </cell>
        </row>
        <row r="126">
          <cell r="A126" t="str">
            <v>SG9-7</v>
          </cell>
          <cell r="B126">
            <v>36000</v>
          </cell>
          <cell r="C126">
            <v>3600</v>
          </cell>
          <cell r="D126">
            <v>17820</v>
          </cell>
          <cell r="E126">
            <v>8613</v>
          </cell>
          <cell r="F126">
            <v>33016.5</v>
          </cell>
          <cell r="G126">
            <v>14857.424999999999</v>
          </cell>
          <cell r="H126">
            <v>113906.925</v>
          </cell>
        </row>
        <row r="127">
          <cell r="A127" t="str">
            <v>SG10-1</v>
          </cell>
          <cell r="B127">
            <v>302384</v>
          </cell>
          <cell r="C127">
            <v>30238.400000000001</v>
          </cell>
          <cell r="D127">
            <v>149680.08000000002</v>
          </cell>
          <cell r="E127">
            <v>72345.372000000003</v>
          </cell>
          <cell r="F127">
            <v>277323.92600000004</v>
          </cell>
          <cell r="G127">
            <v>124795.76670000001</v>
          </cell>
          <cell r="H127">
            <v>956767.5447000002</v>
          </cell>
        </row>
        <row r="128">
          <cell r="A128" t="str">
            <v>SG10-2</v>
          </cell>
          <cell r="B128">
            <v>57784</v>
          </cell>
          <cell r="C128">
            <v>5778.4000000000005</v>
          </cell>
          <cell r="D128">
            <v>28603.08</v>
          </cell>
          <cell r="E128">
            <v>13824.822000000002</v>
          </cell>
          <cell r="F128">
            <v>52995.151000000005</v>
          </cell>
          <cell r="G128">
            <v>23847.817950000001</v>
          </cell>
          <cell r="H128">
            <v>182833.27095000001</v>
          </cell>
        </row>
        <row r="129">
          <cell r="A129" t="str">
            <v>SG10-3</v>
          </cell>
          <cell r="B129">
            <v>6336</v>
          </cell>
          <cell r="C129">
            <v>633.6</v>
          </cell>
          <cell r="D129">
            <v>3136.32</v>
          </cell>
          <cell r="E129">
            <v>1515.8879999999999</v>
          </cell>
          <cell r="F129">
            <v>5810.9040000000005</v>
          </cell>
          <cell r="G129">
            <v>2614.9067999999997</v>
          </cell>
          <cell r="H129">
            <v>20047.6188</v>
          </cell>
        </row>
        <row r="130">
          <cell r="A130" t="str">
            <v>SG10-4</v>
          </cell>
          <cell r="B130">
            <v>378</v>
          </cell>
          <cell r="C130">
            <v>37.800000000000004</v>
          </cell>
          <cell r="D130">
            <v>187.11</v>
          </cell>
          <cell r="E130">
            <v>90.436500000000009</v>
          </cell>
          <cell r="F130">
            <v>346.67325000000005</v>
          </cell>
          <cell r="G130">
            <v>156.00296250000002</v>
          </cell>
          <cell r="H130">
            <v>1196.0227125000001</v>
          </cell>
        </row>
        <row r="131">
          <cell r="A131" t="str">
            <v>SG11-1</v>
          </cell>
          <cell r="B131">
            <v>768</v>
          </cell>
          <cell r="C131">
            <v>76.800000000000011</v>
          </cell>
          <cell r="D131">
            <v>380.15999999999997</v>
          </cell>
          <cell r="E131">
            <v>183.744</v>
          </cell>
          <cell r="F131">
            <v>704.35199999999998</v>
          </cell>
          <cell r="G131">
            <v>316.95839999999998</v>
          </cell>
          <cell r="H131">
            <v>2430.0144</v>
          </cell>
        </row>
        <row r="132">
          <cell r="A132" t="str">
            <v>SG11-2</v>
          </cell>
          <cell r="B132">
            <v>165467</v>
          </cell>
          <cell r="C132">
            <v>16546.7</v>
          </cell>
          <cell r="D132">
            <v>81906.165000000008</v>
          </cell>
          <cell r="E132">
            <v>39587.979749999999</v>
          </cell>
          <cell r="F132">
            <v>151753.92237499999</v>
          </cell>
          <cell r="G132">
            <v>68289.265068749999</v>
          </cell>
          <cell r="H132">
            <v>523551.03219375003</v>
          </cell>
        </row>
        <row r="133">
          <cell r="A133" t="str">
            <v>SG11-3</v>
          </cell>
          <cell r="B133" t="str">
            <v>REMOVED</v>
          </cell>
          <cell r="C133" t="str">
            <v>REMOVED</v>
          </cell>
          <cell r="D133" t="str">
            <v>REMOVED</v>
          </cell>
          <cell r="E133" t="str">
            <v>REMOVED</v>
          </cell>
          <cell r="F133" t="str">
            <v>REMOVED</v>
          </cell>
          <cell r="G133" t="str">
            <v>REMOVED</v>
          </cell>
          <cell r="H133" t="str">
            <v>REMOVED</v>
          </cell>
        </row>
        <row r="134">
          <cell r="A134" t="str">
            <v>SG11-4</v>
          </cell>
          <cell r="B134">
            <v>10530</v>
          </cell>
          <cell r="C134">
            <v>1053</v>
          </cell>
          <cell r="D134">
            <v>5212.3500000000004</v>
          </cell>
          <cell r="E134">
            <v>2519.3024999999998</v>
          </cell>
          <cell r="F134">
            <v>9657.3262499999983</v>
          </cell>
          <cell r="G134">
            <v>4345.7968124999998</v>
          </cell>
          <cell r="H134">
            <v>33317.775562499992</v>
          </cell>
        </row>
        <row r="135">
          <cell r="A135" t="str">
            <v>SG14-1</v>
          </cell>
          <cell r="B135">
            <v>19968</v>
          </cell>
          <cell r="C135">
            <v>1996.8000000000002</v>
          </cell>
          <cell r="D135">
            <v>9884.16</v>
          </cell>
          <cell r="E135">
            <v>4777.3440000000001</v>
          </cell>
          <cell r="F135">
            <v>18313.151999999998</v>
          </cell>
          <cell r="G135">
            <v>8240.9183999999987</v>
          </cell>
          <cell r="H135">
            <v>63180.374399999986</v>
          </cell>
        </row>
        <row r="136">
          <cell r="A136" t="str">
            <v>SG14-2</v>
          </cell>
          <cell r="B136">
            <v>240000</v>
          </cell>
          <cell r="C136">
            <v>24000</v>
          </cell>
          <cell r="D136">
            <v>118800</v>
          </cell>
          <cell r="E136">
            <v>57420</v>
          </cell>
          <cell r="F136">
            <v>220110</v>
          </cell>
          <cell r="G136">
            <v>99049.5</v>
          </cell>
          <cell r="H136">
            <v>759379.5</v>
          </cell>
        </row>
        <row r="137">
          <cell r="A137" t="str">
            <v>SG15-1</v>
          </cell>
          <cell r="B137">
            <v>655200</v>
          </cell>
          <cell r="C137">
            <v>65520</v>
          </cell>
          <cell r="D137">
            <v>324324</v>
          </cell>
          <cell r="E137">
            <v>156756.6</v>
          </cell>
          <cell r="F137">
            <v>600900.30000000005</v>
          </cell>
          <cell r="G137">
            <v>270405.13500000001</v>
          </cell>
          <cell r="H137">
            <v>2073106.0350000001</v>
          </cell>
        </row>
        <row r="138">
          <cell r="A138" t="str">
            <v>SG15-2</v>
          </cell>
          <cell r="B138">
            <v>6600</v>
          </cell>
          <cell r="C138">
            <v>660</v>
          </cell>
          <cell r="D138">
            <v>3267</v>
          </cell>
          <cell r="E138">
            <v>1579.05</v>
          </cell>
          <cell r="F138">
            <v>6053.0249999999996</v>
          </cell>
          <cell r="G138">
            <v>2723.8612499999999</v>
          </cell>
          <cell r="H138">
            <v>20882.936249999999</v>
          </cell>
        </row>
        <row r="139">
          <cell r="A139" t="str">
            <v>SG16-1</v>
          </cell>
          <cell r="B139">
            <v>4084.3199999999997</v>
          </cell>
          <cell r="C139">
            <v>408.43200000000002</v>
          </cell>
          <cell r="D139">
            <v>2021.7383999999997</v>
          </cell>
          <cell r="E139">
            <v>977.17355999999972</v>
          </cell>
          <cell r="F139">
            <v>3745.831979999999</v>
          </cell>
          <cell r="G139">
            <v>1685.6243909999998</v>
          </cell>
          <cell r="H139">
            <v>12923.120330999996</v>
          </cell>
        </row>
        <row r="140">
          <cell r="A140" t="str">
            <v>SG16-2</v>
          </cell>
          <cell r="B140">
            <v>86000</v>
          </cell>
          <cell r="C140">
            <v>8600</v>
          </cell>
          <cell r="D140">
            <v>42570</v>
          </cell>
          <cell r="E140">
            <v>20575.5</v>
          </cell>
          <cell r="F140">
            <v>78872.75</v>
          </cell>
          <cell r="G140">
            <v>35492.737500000003</v>
          </cell>
          <cell r="H140">
            <v>272110.98749999999</v>
          </cell>
        </row>
        <row r="141">
          <cell r="A141" t="str">
            <v>SG16-3</v>
          </cell>
          <cell r="B141">
            <v>16953.900000000001</v>
          </cell>
          <cell r="C141">
            <v>1695.3900000000003</v>
          </cell>
          <cell r="D141">
            <v>8392.1805000000004</v>
          </cell>
          <cell r="E141">
            <v>4056.2205750000003</v>
          </cell>
          <cell r="F141">
            <v>15548.845537500001</v>
          </cell>
          <cell r="G141">
            <v>6996.9804918750006</v>
          </cell>
          <cell r="H141">
            <v>53643.517104375002</v>
          </cell>
        </row>
        <row r="142">
          <cell r="A142" t="str">
            <v>SG16-4</v>
          </cell>
          <cell r="B142">
            <v>361000</v>
          </cell>
          <cell r="C142">
            <v>36100</v>
          </cell>
          <cell r="D142">
            <v>178695</v>
          </cell>
          <cell r="E142">
            <v>86369.25</v>
          </cell>
          <cell r="F142">
            <v>331082.125</v>
          </cell>
          <cell r="G142">
            <v>148986.95624999999</v>
          </cell>
          <cell r="H142">
            <v>1142233.33125</v>
          </cell>
        </row>
        <row r="143">
          <cell r="A143" t="str">
            <v>SG16-5</v>
          </cell>
          <cell r="B143">
            <v>110000</v>
          </cell>
          <cell r="C143">
            <v>11000</v>
          </cell>
          <cell r="D143">
            <v>54450</v>
          </cell>
          <cell r="E143">
            <v>26317.5</v>
          </cell>
          <cell r="F143">
            <v>100883.75</v>
          </cell>
          <cell r="G143">
            <v>45397.6875</v>
          </cell>
          <cell r="H143">
            <v>348048.9375</v>
          </cell>
        </row>
        <row r="144">
          <cell r="A144" t="str">
            <v>SG16-6</v>
          </cell>
          <cell r="B144">
            <v>5500</v>
          </cell>
          <cell r="C144">
            <v>550</v>
          </cell>
          <cell r="D144">
            <v>2722.5</v>
          </cell>
          <cell r="E144">
            <v>1315.875</v>
          </cell>
          <cell r="F144">
            <v>5044.1875</v>
          </cell>
          <cell r="G144">
            <v>2269.8843749999996</v>
          </cell>
          <cell r="H144">
            <v>17402.446875000001</v>
          </cell>
        </row>
        <row r="145">
          <cell r="A145" t="str">
            <v>SG17-1</v>
          </cell>
          <cell r="B145">
            <v>81400</v>
          </cell>
          <cell r="C145">
            <v>8140</v>
          </cell>
          <cell r="D145">
            <v>40293</v>
          </cell>
          <cell r="E145">
            <v>19474.95</v>
          </cell>
          <cell r="F145">
            <v>74653.975000000006</v>
          </cell>
          <cell r="G145">
            <v>33594.28875</v>
          </cell>
          <cell r="H145">
            <v>257556.21375000002</v>
          </cell>
        </row>
        <row r="146">
          <cell r="A146" t="str">
            <v>SG17-2</v>
          </cell>
          <cell r="B146">
            <v>63000</v>
          </cell>
          <cell r="C146">
            <v>6300</v>
          </cell>
          <cell r="D146">
            <v>31185</v>
          </cell>
          <cell r="E146">
            <v>15072.75</v>
          </cell>
          <cell r="F146">
            <v>57778.875</v>
          </cell>
          <cell r="G146">
            <v>26000.493749999998</v>
          </cell>
          <cell r="H146">
            <v>199337.11874999999</v>
          </cell>
        </row>
        <row r="147">
          <cell r="A147" t="str">
            <v>SG17-3</v>
          </cell>
          <cell r="B147">
            <v>101000</v>
          </cell>
          <cell r="C147">
            <v>10100</v>
          </cell>
          <cell r="D147">
            <v>49995</v>
          </cell>
          <cell r="E147">
            <v>24164.25</v>
          </cell>
          <cell r="F147">
            <v>92629.625</v>
          </cell>
          <cell r="G147">
            <v>41683.331250000003</v>
          </cell>
          <cell r="H147">
            <v>319572.20624999999</v>
          </cell>
        </row>
        <row r="148">
          <cell r="A148" t="str">
            <v>SG17-4</v>
          </cell>
          <cell r="B148">
            <v>3300</v>
          </cell>
          <cell r="C148">
            <v>330</v>
          </cell>
          <cell r="D148">
            <v>1633.5</v>
          </cell>
          <cell r="E148">
            <v>789.52499999999998</v>
          </cell>
          <cell r="F148">
            <v>3026.5124999999998</v>
          </cell>
          <cell r="G148">
            <v>1361.930625</v>
          </cell>
          <cell r="H148">
            <v>10441.468124999999</v>
          </cell>
        </row>
        <row r="149">
          <cell r="A149" t="str">
            <v>SG18-1</v>
          </cell>
          <cell r="B149">
            <v>4224</v>
          </cell>
          <cell r="C149">
            <v>422.40000000000003</v>
          </cell>
          <cell r="D149">
            <v>2090.88</v>
          </cell>
          <cell r="E149">
            <v>1010.5919999999999</v>
          </cell>
          <cell r="F149">
            <v>3873.9359999999997</v>
          </cell>
          <cell r="G149">
            <v>1743.2712000000001</v>
          </cell>
          <cell r="H149">
            <v>13365.0792</v>
          </cell>
        </row>
        <row r="150">
          <cell r="A150" t="str">
            <v>SG18-2</v>
          </cell>
          <cell r="B150">
            <v>184000</v>
          </cell>
          <cell r="C150">
            <v>18400</v>
          </cell>
          <cell r="D150">
            <v>91080</v>
          </cell>
          <cell r="E150">
            <v>44022</v>
          </cell>
          <cell r="F150">
            <v>168751</v>
          </cell>
          <cell r="G150">
            <v>75937.95</v>
          </cell>
          <cell r="H150">
            <v>582190.94999999995</v>
          </cell>
        </row>
        <row r="151">
          <cell r="A151" t="str">
            <v>SG18-3</v>
          </cell>
          <cell r="B151">
            <v>52216.864000000001</v>
          </cell>
          <cell r="C151">
            <v>5221.6864000000005</v>
          </cell>
          <cell r="D151">
            <v>25847.347679999999</v>
          </cell>
          <cell r="E151">
            <v>12492.884711999999</v>
          </cell>
          <cell r="F151">
            <v>47889.391395999999</v>
          </cell>
          <cell r="G151">
            <v>21550.2261282</v>
          </cell>
          <cell r="H151">
            <v>165218.40031620002</v>
          </cell>
        </row>
        <row r="152">
          <cell r="A152" t="str">
            <v>SG18-4</v>
          </cell>
          <cell r="B152">
            <v>295000</v>
          </cell>
          <cell r="C152">
            <v>29500</v>
          </cell>
          <cell r="D152">
            <v>146025</v>
          </cell>
          <cell r="E152">
            <v>70578.75</v>
          </cell>
          <cell r="F152">
            <v>270551.875</v>
          </cell>
          <cell r="G152">
            <v>121748.34375</v>
          </cell>
          <cell r="H152">
            <v>933403.96875</v>
          </cell>
        </row>
        <row r="153">
          <cell r="A153" t="str">
            <v>SG18-5</v>
          </cell>
          <cell r="B153">
            <v>16771.600000000002</v>
          </cell>
          <cell r="C153">
            <v>1677.1600000000003</v>
          </cell>
          <cell r="D153">
            <v>8301.9420000000009</v>
          </cell>
          <cell r="E153">
            <v>4012.6053000000006</v>
          </cell>
          <cell r="F153">
            <v>15381.653650000002</v>
          </cell>
          <cell r="G153">
            <v>6921.7441425000006</v>
          </cell>
          <cell r="H153">
            <v>53066.705092500008</v>
          </cell>
        </row>
        <row r="154">
          <cell r="A154" t="str">
            <v>SG19-1</v>
          </cell>
          <cell r="B154">
            <v>568000</v>
          </cell>
          <cell r="C154">
            <v>56800</v>
          </cell>
          <cell r="D154">
            <v>281160</v>
          </cell>
          <cell r="E154">
            <v>135894</v>
          </cell>
          <cell r="F154">
            <v>520927</v>
          </cell>
          <cell r="G154">
            <v>234417.15000000002</v>
          </cell>
          <cell r="H154">
            <v>1797198.15</v>
          </cell>
        </row>
        <row r="155">
          <cell r="A155" t="str">
            <v>SG19-2</v>
          </cell>
          <cell r="B155">
            <v>196000</v>
          </cell>
          <cell r="C155">
            <v>19600</v>
          </cell>
          <cell r="D155">
            <v>97020</v>
          </cell>
          <cell r="E155">
            <v>46893</v>
          </cell>
          <cell r="F155">
            <v>179756.5</v>
          </cell>
          <cell r="G155">
            <v>80890.424999999988</v>
          </cell>
          <cell r="H155">
            <v>620159.92500000005</v>
          </cell>
        </row>
        <row r="156">
          <cell r="A156" t="str">
            <v>SG19-3</v>
          </cell>
          <cell r="B156">
            <v>12189.76</v>
          </cell>
          <cell r="C156">
            <v>1218.9760000000001</v>
          </cell>
          <cell r="D156">
            <v>6033.9312000000009</v>
          </cell>
          <cell r="E156">
            <v>2916.4000800000003</v>
          </cell>
          <cell r="F156">
            <v>11179.533640000001</v>
          </cell>
          <cell r="G156">
            <v>5030.7901380000003</v>
          </cell>
          <cell r="H156">
            <v>38569.391058000008</v>
          </cell>
        </row>
        <row r="157">
          <cell r="A157" t="str">
            <v>SG19-4</v>
          </cell>
          <cell r="B157">
            <v>4400</v>
          </cell>
          <cell r="C157">
            <v>440</v>
          </cell>
          <cell r="D157">
            <v>2178</v>
          </cell>
          <cell r="E157">
            <v>1052.7</v>
          </cell>
          <cell r="F157">
            <v>4035.35</v>
          </cell>
          <cell r="G157">
            <v>1815.9075</v>
          </cell>
          <cell r="H157">
            <v>13921.957499999999</v>
          </cell>
        </row>
        <row r="158">
          <cell r="A158" t="str">
            <v>SG20-1</v>
          </cell>
          <cell r="B158">
            <v>7729.7460000000001</v>
          </cell>
          <cell r="C158">
            <v>772.97460000000001</v>
          </cell>
          <cell r="D158">
            <v>3826.2242700000002</v>
          </cell>
          <cell r="E158">
            <v>1849.3417305</v>
          </cell>
          <cell r="F158">
            <v>7089.1433002500007</v>
          </cell>
          <cell r="G158">
            <v>3190.1144851125</v>
          </cell>
          <cell r="H158">
            <v>24457.5443858625</v>
          </cell>
        </row>
        <row r="159">
          <cell r="A159" t="str">
            <v>SG20-2</v>
          </cell>
          <cell r="B159">
            <v>2496.864</v>
          </cell>
          <cell r="C159">
            <v>249.68640000000002</v>
          </cell>
          <cell r="D159">
            <v>1235.94768</v>
          </cell>
          <cell r="E159">
            <v>597.37471200000005</v>
          </cell>
          <cell r="F159">
            <v>2289.9363960000001</v>
          </cell>
          <cell r="G159">
            <v>1030.4713782000001</v>
          </cell>
          <cell r="H159">
            <v>7900.2805662000001</v>
          </cell>
        </row>
        <row r="160">
          <cell r="A160" t="str">
            <v>SG20-3</v>
          </cell>
          <cell r="B160">
            <v>3600</v>
          </cell>
          <cell r="C160">
            <v>360</v>
          </cell>
          <cell r="D160">
            <v>1782</v>
          </cell>
          <cell r="E160">
            <v>861.3</v>
          </cell>
          <cell r="F160">
            <v>3301.65</v>
          </cell>
          <cell r="G160">
            <v>1485.7424999999998</v>
          </cell>
          <cell r="H160">
            <v>11390.692500000001</v>
          </cell>
        </row>
        <row r="161">
          <cell r="A161" t="str">
            <v>SG20-4</v>
          </cell>
          <cell r="B161" t="str">
            <v>REMOVED</v>
          </cell>
          <cell r="C161" t="str">
            <v>REMOVED</v>
          </cell>
          <cell r="D161" t="str">
            <v>REMOVED</v>
          </cell>
          <cell r="E161" t="str">
            <v>REMOVED</v>
          </cell>
          <cell r="F161" t="str">
            <v>REMOVED</v>
          </cell>
          <cell r="G161" t="str">
            <v>REMOVED</v>
          </cell>
          <cell r="H161" t="str">
            <v>REMOVED</v>
          </cell>
        </row>
        <row r="162">
          <cell r="A162" t="str">
            <v>SG20-5</v>
          </cell>
          <cell r="B162">
            <v>138000</v>
          </cell>
          <cell r="C162">
            <v>13800</v>
          </cell>
          <cell r="D162">
            <v>68310</v>
          </cell>
          <cell r="E162">
            <v>33016.5</v>
          </cell>
          <cell r="F162">
            <v>126563.25</v>
          </cell>
          <cell r="G162">
            <v>56953.462499999994</v>
          </cell>
          <cell r="H162">
            <v>436643.21250000002</v>
          </cell>
        </row>
        <row r="163">
          <cell r="A163" t="str">
            <v>SG20-6</v>
          </cell>
          <cell r="B163">
            <v>6600</v>
          </cell>
          <cell r="C163">
            <v>660</v>
          </cell>
          <cell r="D163">
            <v>3267</v>
          </cell>
          <cell r="E163">
            <v>1579.05</v>
          </cell>
          <cell r="F163">
            <v>6053.0249999999996</v>
          </cell>
          <cell r="G163">
            <v>2723.8612499999999</v>
          </cell>
          <cell r="H163">
            <v>20882.936249999999</v>
          </cell>
        </row>
        <row r="164">
          <cell r="A164" t="str">
            <v>SG21-1</v>
          </cell>
          <cell r="B164">
            <v>22199.351999999999</v>
          </cell>
          <cell r="C164">
            <v>2219.9351999999999</v>
          </cell>
          <cell r="D164">
            <v>10988.679239999999</v>
          </cell>
          <cell r="E164">
            <v>5311.1949659999991</v>
          </cell>
          <cell r="F164">
            <v>20359.580703</v>
          </cell>
          <cell r="G164">
            <v>9161.8113163499984</v>
          </cell>
          <cell r="H164">
            <v>70240.553425349994</v>
          </cell>
        </row>
        <row r="165">
          <cell r="A165" t="str">
            <v>SG22-1</v>
          </cell>
          <cell r="B165">
            <v>504</v>
          </cell>
          <cell r="C165">
            <v>50.400000000000006</v>
          </cell>
          <cell r="D165">
            <v>249.48</v>
          </cell>
          <cell r="E165">
            <v>120.58199999999999</v>
          </cell>
          <cell r="F165">
            <v>462.23099999999999</v>
          </cell>
          <cell r="G165">
            <v>208.00394999999997</v>
          </cell>
          <cell r="H165">
            <v>1594.69695</v>
          </cell>
        </row>
        <row r="166">
          <cell r="A166" t="str">
            <v>SG23-1</v>
          </cell>
          <cell r="B166">
            <v>20816.864000000001</v>
          </cell>
          <cell r="C166">
            <v>2081.6864</v>
          </cell>
          <cell r="D166">
            <v>10304.347680000001</v>
          </cell>
          <cell r="E166">
            <v>4980.4347119999993</v>
          </cell>
          <cell r="F166">
            <v>19091.666396000001</v>
          </cell>
          <cell r="G166">
            <v>8591.2498782000002</v>
          </cell>
          <cell r="H166">
            <v>65866.249066200005</v>
          </cell>
        </row>
        <row r="167">
          <cell r="A167" t="str">
            <v>SG23-2</v>
          </cell>
          <cell r="B167">
            <v>900</v>
          </cell>
          <cell r="C167">
            <v>90</v>
          </cell>
          <cell r="D167">
            <v>445.5</v>
          </cell>
          <cell r="E167">
            <v>215.32499999999999</v>
          </cell>
          <cell r="F167">
            <v>825.41250000000002</v>
          </cell>
          <cell r="G167">
            <v>371.43562499999996</v>
          </cell>
          <cell r="H167">
            <v>2847.6731250000003</v>
          </cell>
        </row>
        <row r="168">
          <cell r="A168" t="str">
            <v>SG23-3</v>
          </cell>
          <cell r="B168">
            <v>1100</v>
          </cell>
          <cell r="C168">
            <v>110</v>
          </cell>
          <cell r="D168">
            <v>544.5</v>
          </cell>
          <cell r="E168">
            <v>263.17500000000001</v>
          </cell>
          <cell r="F168">
            <v>1008.8375</v>
          </cell>
          <cell r="G168">
            <v>453.97687500000001</v>
          </cell>
          <cell r="H168">
            <v>3480.4893749999997</v>
          </cell>
        </row>
        <row r="169">
          <cell r="A169" t="str">
            <v>SG24-1</v>
          </cell>
          <cell r="B169">
            <v>41200</v>
          </cell>
          <cell r="C169">
            <v>4120</v>
          </cell>
          <cell r="D169">
            <v>20394</v>
          </cell>
          <cell r="E169">
            <v>9857.1</v>
          </cell>
          <cell r="F169">
            <v>37785.550000000003</v>
          </cell>
          <cell r="G169">
            <v>17003.497500000001</v>
          </cell>
          <cell r="H169">
            <v>130360.14750000001</v>
          </cell>
        </row>
        <row r="170">
          <cell r="A170" t="str">
            <v>SG25-1</v>
          </cell>
          <cell r="B170" t="str">
            <v>REMOVED</v>
          </cell>
          <cell r="C170" t="str">
            <v>REMOVED</v>
          </cell>
          <cell r="D170" t="str">
            <v>REMOVED</v>
          </cell>
          <cell r="E170" t="str">
            <v>REMOVED</v>
          </cell>
          <cell r="F170" t="str">
            <v>REMOVED</v>
          </cell>
          <cell r="G170" t="str">
            <v>REMOVED</v>
          </cell>
          <cell r="H170" t="str">
            <v>REMOVED</v>
          </cell>
        </row>
        <row r="171">
          <cell r="A171" t="str">
            <v>SG25-2</v>
          </cell>
          <cell r="B171">
            <v>29725.200000000001</v>
          </cell>
          <cell r="C171">
            <v>2972.5200000000004</v>
          </cell>
          <cell r="D171">
            <v>14713.974</v>
          </cell>
          <cell r="E171">
            <v>7111.7541000000001</v>
          </cell>
          <cell r="F171">
            <v>27261.724050000001</v>
          </cell>
          <cell r="G171">
            <v>12267.7758225</v>
          </cell>
          <cell r="H171">
            <v>94052.947972499998</v>
          </cell>
        </row>
        <row r="172">
          <cell r="A172" t="str">
            <v>SG25-3</v>
          </cell>
          <cell r="B172">
            <v>98928.72</v>
          </cell>
          <cell r="C172">
            <v>9892.8720000000012</v>
          </cell>
          <cell r="D172">
            <v>48969.716400000005</v>
          </cell>
          <cell r="E172">
            <v>23668.696260000001</v>
          </cell>
          <cell r="F172">
            <v>90730.002330000003</v>
          </cell>
          <cell r="G172">
            <v>40828.501048500002</v>
          </cell>
          <cell r="H172">
            <v>313018.50803850003</v>
          </cell>
        </row>
        <row r="173">
          <cell r="A173" t="str">
            <v>SG25-4</v>
          </cell>
          <cell r="B173">
            <v>91801.2</v>
          </cell>
          <cell r="C173">
            <v>9180.1200000000008</v>
          </cell>
          <cell r="D173">
            <v>45441.593999999997</v>
          </cell>
          <cell r="E173">
            <v>21963.437099999999</v>
          </cell>
          <cell r="F173">
            <v>84193.17555</v>
          </cell>
          <cell r="G173">
            <v>37886.928997499999</v>
          </cell>
          <cell r="H173">
            <v>290466.4556475</v>
          </cell>
        </row>
        <row r="174">
          <cell r="A174" t="str">
            <v>SG25-5</v>
          </cell>
          <cell r="B174">
            <v>756</v>
          </cell>
          <cell r="C174">
            <v>75.600000000000009</v>
          </cell>
          <cell r="D174">
            <v>374.22</v>
          </cell>
          <cell r="E174">
            <v>180.87300000000002</v>
          </cell>
          <cell r="F174">
            <v>693.34650000000011</v>
          </cell>
          <cell r="G174">
            <v>312.00592500000005</v>
          </cell>
          <cell r="H174">
            <v>2392.0454250000003</v>
          </cell>
        </row>
        <row r="175">
          <cell r="A175" t="str">
            <v>SG25-6</v>
          </cell>
          <cell r="B175">
            <v>63384</v>
          </cell>
          <cell r="C175">
            <v>6338.4000000000005</v>
          </cell>
          <cell r="D175">
            <v>31375.079999999998</v>
          </cell>
          <cell r="E175">
            <v>15164.621999999999</v>
          </cell>
          <cell r="F175">
            <v>58131.050999999999</v>
          </cell>
          <cell r="G175">
            <v>26158.972949999996</v>
          </cell>
          <cell r="H175">
            <v>200552.12594999999</v>
          </cell>
        </row>
        <row r="176">
          <cell r="A176" t="str">
            <v>SG26-1</v>
          </cell>
          <cell r="B176">
            <v>433198.6</v>
          </cell>
          <cell r="C176">
            <v>43319.86</v>
          </cell>
          <cell r="D176">
            <v>214433.307</v>
          </cell>
          <cell r="E176">
            <v>103642.76505</v>
          </cell>
          <cell r="F176">
            <v>397297.26602500002</v>
          </cell>
          <cell r="G176">
            <v>178783.76971125</v>
          </cell>
          <cell r="H176">
            <v>1370675.56778625</v>
          </cell>
        </row>
        <row r="177">
          <cell r="A177" t="str">
            <v>SG26-2</v>
          </cell>
          <cell r="B177" t="str">
            <v>REMOVED</v>
          </cell>
          <cell r="C177" t="str">
            <v>REMOVED</v>
          </cell>
          <cell r="D177" t="str">
            <v>REMOVED</v>
          </cell>
          <cell r="E177" t="str">
            <v>REMOVED</v>
          </cell>
          <cell r="F177" t="str">
            <v>REMOVED</v>
          </cell>
          <cell r="G177" t="str">
            <v>REMOVED</v>
          </cell>
          <cell r="H177" t="str">
            <v>REMOVED</v>
          </cell>
        </row>
        <row r="178">
          <cell r="A178" t="str">
            <v>SG26-3</v>
          </cell>
          <cell r="B178">
            <v>252</v>
          </cell>
          <cell r="C178">
            <v>25.200000000000003</v>
          </cell>
          <cell r="D178">
            <v>124.74</v>
          </cell>
          <cell r="E178">
            <v>60.290999999999997</v>
          </cell>
          <cell r="F178">
            <v>231.1155</v>
          </cell>
          <cell r="G178">
            <v>104.00197499999999</v>
          </cell>
          <cell r="H178">
            <v>797.34847500000001</v>
          </cell>
        </row>
        <row r="179">
          <cell r="A179" t="str">
            <v>SG26-4</v>
          </cell>
          <cell r="B179">
            <v>768</v>
          </cell>
          <cell r="C179">
            <v>76.800000000000011</v>
          </cell>
          <cell r="D179">
            <v>380.15999999999997</v>
          </cell>
          <cell r="E179">
            <v>183.744</v>
          </cell>
          <cell r="F179">
            <v>704.35199999999998</v>
          </cell>
          <cell r="G179">
            <v>316.95839999999998</v>
          </cell>
          <cell r="H179">
            <v>2430.0144</v>
          </cell>
        </row>
        <row r="180">
          <cell r="A180" t="str">
            <v>SG26-5</v>
          </cell>
          <cell r="B180">
            <v>2200</v>
          </cell>
          <cell r="C180">
            <v>220</v>
          </cell>
          <cell r="D180">
            <v>1089</v>
          </cell>
          <cell r="E180">
            <v>526.35</v>
          </cell>
          <cell r="F180">
            <v>2017.675</v>
          </cell>
          <cell r="G180">
            <v>907.95375000000001</v>
          </cell>
          <cell r="H180">
            <v>6960.9787499999993</v>
          </cell>
        </row>
        <row r="181">
          <cell r="A181" t="str">
            <v>SG27-1</v>
          </cell>
          <cell r="B181">
            <v>10449.384</v>
          </cell>
          <cell r="C181">
            <v>1044.9384</v>
          </cell>
          <cell r="D181">
            <v>5172.4450800000004</v>
          </cell>
          <cell r="E181">
            <v>2500.0151220000002</v>
          </cell>
          <cell r="F181">
            <v>9583.3913010000015</v>
          </cell>
          <cell r="G181">
            <v>4312.5260854500002</v>
          </cell>
          <cell r="H181">
            <v>33062.699988450004</v>
          </cell>
        </row>
        <row r="182">
          <cell r="A182" t="str">
            <v>SG27-2</v>
          </cell>
          <cell r="B182">
            <v>142400</v>
          </cell>
          <cell r="C182">
            <v>14240</v>
          </cell>
          <cell r="D182">
            <v>70488</v>
          </cell>
          <cell r="E182">
            <v>34069.199999999997</v>
          </cell>
          <cell r="F182">
            <v>130598.6</v>
          </cell>
          <cell r="G182">
            <v>58769.369999999995</v>
          </cell>
          <cell r="H182">
            <v>450565.17000000004</v>
          </cell>
        </row>
        <row r="183">
          <cell r="A183" t="str">
            <v>SG27-3</v>
          </cell>
          <cell r="B183">
            <v>143216.864</v>
          </cell>
          <cell r="C183">
            <v>14321.686400000001</v>
          </cell>
          <cell r="D183">
            <v>70892.347680000006</v>
          </cell>
          <cell r="E183">
            <v>34264.634711999999</v>
          </cell>
          <cell r="F183">
            <v>131347.76639599999</v>
          </cell>
          <cell r="G183">
            <v>59106.494878199999</v>
          </cell>
          <cell r="H183">
            <v>453149.79406619997</v>
          </cell>
        </row>
        <row r="184">
          <cell r="A184" t="str">
            <v>SG27-4</v>
          </cell>
          <cell r="B184">
            <v>37600</v>
          </cell>
          <cell r="C184">
            <v>3760</v>
          </cell>
          <cell r="D184">
            <v>18612</v>
          </cell>
          <cell r="E184">
            <v>8995.7999999999993</v>
          </cell>
          <cell r="F184">
            <v>34483.9</v>
          </cell>
          <cell r="G184">
            <v>15517.754999999997</v>
          </cell>
          <cell r="H184">
            <v>118969.45500000002</v>
          </cell>
        </row>
        <row r="185">
          <cell r="A185" t="str">
            <v>SG28-1</v>
          </cell>
          <cell r="B185">
            <v>2016.864</v>
          </cell>
          <cell r="C185">
            <v>201.68640000000002</v>
          </cell>
          <cell r="D185">
            <v>998.34768000000008</v>
          </cell>
          <cell r="E185">
            <v>482.53471199999996</v>
          </cell>
          <cell r="F185">
            <v>1849.716396</v>
          </cell>
          <cell r="G185">
            <v>832.37237819999996</v>
          </cell>
          <cell r="H185">
            <v>6381.5215662000001</v>
          </cell>
        </row>
        <row r="186">
          <cell r="A186" t="str">
            <v>SG28-2</v>
          </cell>
          <cell r="B186">
            <v>21656.864000000001</v>
          </cell>
          <cell r="C186">
            <v>2165.6864</v>
          </cell>
          <cell r="D186">
            <v>10720.14768</v>
          </cell>
          <cell r="E186">
            <v>5181.4047120000005</v>
          </cell>
          <cell r="F186">
            <v>19862.051396000003</v>
          </cell>
          <cell r="G186">
            <v>8937.9231282000001</v>
          </cell>
          <cell r="H186">
            <v>68524.077316200011</v>
          </cell>
        </row>
        <row r="187">
          <cell r="A187" t="str">
            <v>SG28-3</v>
          </cell>
          <cell r="B187">
            <v>3300</v>
          </cell>
          <cell r="C187">
            <v>330</v>
          </cell>
          <cell r="D187">
            <v>1633.5</v>
          </cell>
          <cell r="E187">
            <v>789.52499999999998</v>
          </cell>
          <cell r="F187">
            <v>3026.5124999999998</v>
          </cell>
          <cell r="G187">
            <v>1361.930625</v>
          </cell>
          <cell r="H187">
            <v>10441.468124999999</v>
          </cell>
        </row>
        <row r="188">
          <cell r="A188" t="str">
            <v>SG28-4</v>
          </cell>
          <cell r="B188">
            <v>252</v>
          </cell>
          <cell r="C188">
            <v>25.200000000000003</v>
          </cell>
          <cell r="D188">
            <v>124.74</v>
          </cell>
          <cell r="E188">
            <v>60.290999999999997</v>
          </cell>
          <cell r="F188">
            <v>231.1155</v>
          </cell>
          <cell r="G188">
            <v>104.00197499999999</v>
          </cell>
          <cell r="H188">
            <v>797.34847500000001</v>
          </cell>
        </row>
        <row r="189">
          <cell r="A189" t="str">
            <v>SG29-1</v>
          </cell>
          <cell r="B189">
            <v>291400</v>
          </cell>
          <cell r="C189">
            <v>29140</v>
          </cell>
          <cell r="D189">
            <v>144243</v>
          </cell>
          <cell r="E189">
            <v>69717.45</v>
          </cell>
          <cell r="F189">
            <v>267250.22499999998</v>
          </cell>
          <cell r="G189">
            <v>120262.60124999998</v>
          </cell>
          <cell r="H189">
            <v>922013.27624999988</v>
          </cell>
        </row>
        <row r="190">
          <cell r="A190" t="str">
            <v>SG29-2</v>
          </cell>
          <cell r="B190">
            <v>2200</v>
          </cell>
          <cell r="C190">
            <v>220</v>
          </cell>
          <cell r="D190">
            <v>1089</v>
          </cell>
          <cell r="E190">
            <v>526.35</v>
          </cell>
          <cell r="F190">
            <v>2017.675</v>
          </cell>
          <cell r="G190">
            <v>907.95375000000001</v>
          </cell>
          <cell r="H190">
            <v>6960.9787499999993</v>
          </cell>
        </row>
        <row r="191">
          <cell r="A191" t="str">
            <v>SG30-1</v>
          </cell>
          <cell r="B191">
            <v>626861.9</v>
          </cell>
          <cell r="C191">
            <v>62686.19</v>
          </cell>
          <cell r="D191">
            <v>310296.64050000004</v>
          </cell>
          <cell r="E191">
            <v>149976.70957500002</v>
          </cell>
          <cell r="F191">
            <v>574910.72003750002</v>
          </cell>
          <cell r="G191">
            <v>258709.82401687501</v>
          </cell>
          <cell r="H191">
            <v>1983441.9841293753</v>
          </cell>
        </row>
        <row r="192">
          <cell r="A192" t="str">
            <v>SG30-2</v>
          </cell>
          <cell r="B192">
            <v>74000</v>
          </cell>
          <cell r="C192">
            <v>7400</v>
          </cell>
          <cell r="D192">
            <v>36630</v>
          </cell>
          <cell r="E192">
            <v>17704.5</v>
          </cell>
          <cell r="F192">
            <v>67867.25</v>
          </cell>
          <cell r="G192">
            <v>30540.262499999997</v>
          </cell>
          <cell r="H192">
            <v>234142.01250000001</v>
          </cell>
        </row>
        <row r="193">
          <cell r="A193" t="str">
            <v>SG30-3</v>
          </cell>
          <cell r="B193">
            <v>108016.864</v>
          </cell>
          <cell r="C193">
            <v>10801.686400000001</v>
          </cell>
          <cell r="D193">
            <v>53468.347680000006</v>
          </cell>
          <cell r="E193">
            <v>25843.034712000001</v>
          </cell>
          <cell r="F193">
            <v>99064.966396000003</v>
          </cell>
          <cell r="G193">
            <v>44579.234878200004</v>
          </cell>
          <cell r="H193">
            <v>341774.1340662</v>
          </cell>
        </row>
        <row r="194">
          <cell r="A194" t="str">
            <v>SG30-4</v>
          </cell>
          <cell r="B194">
            <v>2200</v>
          </cell>
          <cell r="C194">
            <v>220</v>
          </cell>
          <cell r="D194">
            <v>1089</v>
          </cell>
          <cell r="E194">
            <v>526.35</v>
          </cell>
          <cell r="F194">
            <v>2017.675</v>
          </cell>
          <cell r="G194">
            <v>907.95375000000001</v>
          </cell>
          <cell r="H194">
            <v>6960.9787499999993</v>
          </cell>
        </row>
        <row r="195">
          <cell r="A195" t="str">
            <v>SG30-5</v>
          </cell>
          <cell r="B195">
            <v>189</v>
          </cell>
          <cell r="C195">
            <v>18.900000000000002</v>
          </cell>
          <cell r="D195">
            <v>93.555000000000007</v>
          </cell>
          <cell r="E195">
            <v>45.218250000000005</v>
          </cell>
          <cell r="F195">
            <v>173.33662500000003</v>
          </cell>
          <cell r="G195">
            <v>78.001481250000012</v>
          </cell>
          <cell r="H195">
            <v>598.01135625000006</v>
          </cell>
        </row>
        <row r="196">
          <cell r="A196" t="str">
            <v>SG31-1</v>
          </cell>
          <cell r="B196">
            <v>63000</v>
          </cell>
          <cell r="C196">
            <v>6300</v>
          </cell>
          <cell r="D196">
            <v>31185</v>
          </cell>
          <cell r="E196">
            <v>15072.75</v>
          </cell>
          <cell r="F196">
            <v>57778.875</v>
          </cell>
          <cell r="G196">
            <v>26000.493749999998</v>
          </cell>
          <cell r="H196">
            <v>199337.11874999999</v>
          </cell>
        </row>
        <row r="197">
          <cell r="A197" t="str">
            <v>SG31-2</v>
          </cell>
          <cell r="B197">
            <v>34816.864000000001</v>
          </cell>
          <cell r="C197">
            <v>3481.6864000000005</v>
          </cell>
          <cell r="D197">
            <v>17234.347679999999</v>
          </cell>
          <cell r="E197">
            <v>8329.9347120000002</v>
          </cell>
          <cell r="F197">
            <v>31931.416396000001</v>
          </cell>
          <cell r="G197">
            <v>14369.137378199997</v>
          </cell>
          <cell r="H197">
            <v>110163.3865662</v>
          </cell>
        </row>
        <row r="198">
          <cell r="A198" t="str">
            <v>SG31-3</v>
          </cell>
          <cell r="B198">
            <v>203261.8</v>
          </cell>
          <cell r="C198">
            <v>20326.18</v>
          </cell>
          <cell r="D198">
            <v>100614.591</v>
          </cell>
          <cell r="E198">
            <v>48630.385649999997</v>
          </cell>
          <cell r="F198">
            <v>186416.478325</v>
          </cell>
          <cell r="G198">
            <v>83887.415246249991</v>
          </cell>
          <cell r="H198">
            <v>643136.85022124997</v>
          </cell>
        </row>
        <row r="199">
          <cell r="A199" t="str">
            <v>SG31-4</v>
          </cell>
          <cell r="B199">
            <v>1100</v>
          </cell>
          <cell r="C199">
            <v>110</v>
          </cell>
          <cell r="D199">
            <v>544.5</v>
          </cell>
          <cell r="E199">
            <v>263.17500000000001</v>
          </cell>
          <cell r="F199">
            <v>1008.8375</v>
          </cell>
          <cell r="G199">
            <v>453.97687500000001</v>
          </cell>
          <cell r="H199">
            <v>3480.4893749999997</v>
          </cell>
        </row>
        <row r="200">
          <cell r="A200" t="str">
            <v>SG31-5</v>
          </cell>
          <cell r="B200">
            <v>252</v>
          </cell>
          <cell r="C200">
            <v>25.200000000000003</v>
          </cell>
          <cell r="D200">
            <v>124.74</v>
          </cell>
          <cell r="E200">
            <v>60.290999999999997</v>
          </cell>
          <cell r="F200">
            <v>231.1155</v>
          </cell>
          <cell r="G200">
            <v>104.00197499999999</v>
          </cell>
          <cell r="H200">
            <v>797.34847500000001</v>
          </cell>
        </row>
        <row r="201">
          <cell r="A201" t="str">
            <v>SG32-1</v>
          </cell>
          <cell r="B201">
            <v>2352.864</v>
          </cell>
          <cell r="C201">
            <v>235.28640000000001</v>
          </cell>
          <cell r="D201">
            <v>1164.66768</v>
          </cell>
          <cell r="E201">
            <v>562.92271199999993</v>
          </cell>
          <cell r="F201">
            <v>2157.8703959999998</v>
          </cell>
          <cell r="G201">
            <v>971.04167819999998</v>
          </cell>
          <cell r="H201">
            <v>7444.6528661999992</v>
          </cell>
        </row>
        <row r="202">
          <cell r="A202" t="str">
            <v>SG32-2</v>
          </cell>
          <cell r="B202">
            <v>122400</v>
          </cell>
          <cell r="C202">
            <v>12240</v>
          </cell>
          <cell r="D202">
            <v>60588</v>
          </cell>
          <cell r="E202">
            <v>29284.2</v>
          </cell>
          <cell r="F202">
            <v>112256.1</v>
          </cell>
          <cell r="G202">
            <v>50515.244999999995</v>
          </cell>
          <cell r="H202">
            <v>387283.54500000004</v>
          </cell>
        </row>
        <row r="203">
          <cell r="A203" t="str">
            <v>SG32-3</v>
          </cell>
          <cell r="B203">
            <v>3300</v>
          </cell>
          <cell r="C203">
            <v>330</v>
          </cell>
          <cell r="D203">
            <v>1633.5</v>
          </cell>
          <cell r="E203">
            <v>789.52499999999998</v>
          </cell>
          <cell r="F203">
            <v>3026.5124999999998</v>
          </cell>
          <cell r="G203">
            <v>1361.930625</v>
          </cell>
          <cell r="H203">
            <v>10441.468124999999</v>
          </cell>
        </row>
        <row r="204">
          <cell r="A204" t="str">
            <v>SG33-1</v>
          </cell>
          <cell r="B204">
            <v>534957.5</v>
          </cell>
          <cell r="C204">
            <v>53495.75</v>
          </cell>
          <cell r="D204">
            <v>264803.96250000002</v>
          </cell>
          <cell r="E204">
            <v>127988.581875</v>
          </cell>
          <cell r="F204">
            <v>490622.89718750003</v>
          </cell>
          <cell r="G204">
            <v>220780.30373437499</v>
          </cell>
          <cell r="H204">
            <v>1692648.995296875</v>
          </cell>
        </row>
        <row r="205">
          <cell r="A205" t="str">
            <v>SG33-2</v>
          </cell>
          <cell r="B205">
            <v>2200</v>
          </cell>
          <cell r="C205">
            <v>220</v>
          </cell>
          <cell r="D205">
            <v>1089</v>
          </cell>
          <cell r="E205">
            <v>526.35</v>
          </cell>
          <cell r="F205">
            <v>2017.675</v>
          </cell>
          <cell r="G205">
            <v>907.95375000000001</v>
          </cell>
          <cell r="H205">
            <v>6960.9787499999993</v>
          </cell>
        </row>
        <row r="206">
          <cell r="A206" t="str">
            <v>SG34-1</v>
          </cell>
          <cell r="B206">
            <v>280000</v>
          </cell>
          <cell r="C206">
            <v>28000</v>
          </cell>
          <cell r="D206">
            <v>138600</v>
          </cell>
          <cell r="E206">
            <v>66990</v>
          </cell>
          <cell r="F206">
            <v>256795</v>
          </cell>
          <cell r="G206">
            <v>115557.75</v>
          </cell>
          <cell r="H206">
            <v>885942.75</v>
          </cell>
        </row>
        <row r="207">
          <cell r="A207" t="str">
            <v>SG34-2</v>
          </cell>
          <cell r="B207">
            <v>141600</v>
          </cell>
          <cell r="C207">
            <v>14160</v>
          </cell>
          <cell r="D207">
            <v>70092</v>
          </cell>
          <cell r="E207">
            <v>33877.799999999996</v>
          </cell>
          <cell r="F207">
            <v>129864.9</v>
          </cell>
          <cell r="G207">
            <v>58439.205000000002</v>
          </cell>
          <cell r="H207">
            <v>448033.90499999997</v>
          </cell>
        </row>
        <row r="208">
          <cell r="A208" t="str">
            <v>SG34-3</v>
          </cell>
          <cell r="B208">
            <v>95400</v>
          </cell>
          <cell r="C208">
            <v>9540</v>
          </cell>
          <cell r="D208">
            <v>47223</v>
          </cell>
          <cell r="E208">
            <v>22824.45</v>
          </cell>
          <cell r="F208">
            <v>87493.725000000006</v>
          </cell>
          <cell r="G208">
            <v>39372.176250000004</v>
          </cell>
          <cell r="H208">
            <v>301853.35125000007</v>
          </cell>
        </row>
        <row r="209">
          <cell r="A209" t="str">
            <v>SG34-4</v>
          </cell>
          <cell r="B209">
            <v>34800</v>
          </cell>
          <cell r="C209">
            <v>3480</v>
          </cell>
          <cell r="D209">
            <v>17226</v>
          </cell>
          <cell r="E209">
            <v>8325.9</v>
          </cell>
          <cell r="F209">
            <v>31915.95</v>
          </cell>
          <cell r="G209">
            <v>14362.1775</v>
          </cell>
          <cell r="H209">
            <v>110110.02750000001</v>
          </cell>
        </row>
        <row r="210">
          <cell r="A210" t="str">
            <v>SG34-5</v>
          </cell>
          <cell r="B210">
            <v>384</v>
          </cell>
          <cell r="C210">
            <v>38.400000000000006</v>
          </cell>
          <cell r="D210">
            <v>190.07999999999998</v>
          </cell>
          <cell r="E210">
            <v>91.872</v>
          </cell>
          <cell r="F210">
            <v>352.17599999999999</v>
          </cell>
          <cell r="G210">
            <v>158.47919999999999</v>
          </cell>
          <cell r="H210">
            <v>1215.0072</v>
          </cell>
        </row>
        <row r="211">
          <cell r="A211" t="str">
            <v>SG34-6</v>
          </cell>
          <cell r="B211">
            <v>3300</v>
          </cell>
          <cell r="C211">
            <v>330</v>
          </cell>
          <cell r="D211">
            <v>1633.5</v>
          </cell>
          <cell r="E211">
            <v>789.52499999999998</v>
          </cell>
          <cell r="F211">
            <v>3026.5124999999998</v>
          </cell>
          <cell r="G211">
            <v>1361.930625</v>
          </cell>
          <cell r="H211">
            <v>10441.468124999999</v>
          </cell>
        </row>
        <row r="212">
          <cell r="A212" t="str">
            <v>SG35-1</v>
          </cell>
          <cell r="B212">
            <v>966751.9</v>
          </cell>
          <cell r="C212">
            <v>96675.19</v>
          </cell>
          <cell r="D212">
            <v>478542.19050000003</v>
          </cell>
          <cell r="E212">
            <v>231295.39207500001</v>
          </cell>
          <cell r="F212">
            <v>886632.3362875001</v>
          </cell>
          <cell r="G212">
            <v>398984.55132937501</v>
          </cell>
          <cell r="H212">
            <v>3058881.5601918753</v>
          </cell>
        </row>
        <row r="213">
          <cell r="A213" t="str">
            <v>SG35-2</v>
          </cell>
          <cell r="B213">
            <v>63000</v>
          </cell>
          <cell r="C213">
            <v>6300</v>
          </cell>
          <cell r="D213">
            <v>31185</v>
          </cell>
          <cell r="E213">
            <v>15072.75</v>
          </cell>
          <cell r="F213">
            <v>57778.875</v>
          </cell>
          <cell r="G213">
            <v>26000.493749999998</v>
          </cell>
          <cell r="H213">
            <v>199337.11874999999</v>
          </cell>
        </row>
        <row r="214">
          <cell r="A214" t="str">
            <v>SG35-3</v>
          </cell>
          <cell r="B214">
            <v>173000</v>
          </cell>
          <cell r="C214">
            <v>17300</v>
          </cell>
          <cell r="D214">
            <v>85635</v>
          </cell>
          <cell r="E214">
            <v>41390.25</v>
          </cell>
          <cell r="F214">
            <v>158662.625</v>
          </cell>
          <cell r="G214">
            <v>71398.181249999994</v>
          </cell>
          <cell r="H214">
            <v>547386.05625000002</v>
          </cell>
        </row>
        <row r="215">
          <cell r="A215" t="str">
            <v>SG35-4</v>
          </cell>
          <cell r="B215">
            <v>248200</v>
          </cell>
          <cell r="C215">
            <v>24820</v>
          </cell>
          <cell r="D215">
            <v>122859</v>
          </cell>
          <cell r="E215">
            <v>59381.85</v>
          </cell>
          <cell r="F215">
            <v>227630.42499999999</v>
          </cell>
          <cell r="G215">
            <v>102433.69125</v>
          </cell>
          <cell r="H215">
            <v>785324.96624999994</v>
          </cell>
        </row>
        <row r="216">
          <cell r="A216" t="str">
            <v>SG35-5</v>
          </cell>
          <cell r="B216">
            <v>69700</v>
          </cell>
          <cell r="C216">
            <v>6970</v>
          </cell>
          <cell r="D216">
            <v>34501.5</v>
          </cell>
          <cell r="E216">
            <v>16675.724999999999</v>
          </cell>
          <cell r="F216">
            <v>63923.612500000003</v>
          </cell>
          <cell r="G216">
            <v>28765.625625000001</v>
          </cell>
          <cell r="H216">
            <v>220536.46312500001</v>
          </cell>
        </row>
        <row r="217">
          <cell r="A217" t="str">
            <v>SG35-6</v>
          </cell>
          <cell r="B217">
            <v>114700</v>
          </cell>
          <cell r="C217">
            <v>11470</v>
          </cell>
          <cell r="D217">
            <v>56776.5</v>
          </cell>
          <cell r="E217">
            <v>27441.974999999999</v>
          </cell>
          <cell r="F217">
            <v>105194.2375</v>
          </cell>
          <cell r="G217">
            <v>47337.406875000001</v>
          </cell>
          <cell r="H217">
            <v>345715.11937500001</v>
          </cell>
        </row>
        <row r="218">
          <cell r="A218" t="str">
            <v>SG36-1</v>
          </cell>
          <cell r="B218">
            <v>612000</v>
          </cell>
          <cell r="C218">
            <v>61200</v>
          </cell>
          <cell r="D218">
            <v>302940</v>
          </cell>
          <cell r="E218">
            <v>146421</v>
          </cell>
          <cell r="F218">
            <v>561280.5</v>
          </cell>
          <cell r="G218">
            <v>252576.22499999998</v>
          </cell>
          <cell r="H218">
            <v>1936417.7250000001</v>
          </cell>
        </row>
        <row r="219">
          <cell r="A219" t="str">
            <v>SG36-2</v>
          </cell>
          <cell r="B219">
            <v>74016.432000000001</v>
          </cell>
          <cell r="C219">
            <v>7401.6432000000004</v>
          </cell>
          <cell r="D219">
            <v>36638.133840000002</v>
          </cell>
          <cell r="E219">
            <v>17708.431356000001</v>
          </cell>
          <cell r="F219">
            <v>67882.320198000001</v>
          </cell>
          <cell r="G219">
            <v>30547.044089100003</v>
          </cell>
          <cell r="H219">
            <v>234194.00468310001</v>
          </cell>
        </row>
        <row r="220">
          <cell r="A220" t="str">
            <v>SG36-3</v>
          </cell>
          <cell r="B220">
            <v>3300</v>
          </cell>
          <cell r="C220">
            <v>330</v>
          </cell>
          <cell r="D220">
            <v>1633.5</v>
          </cell>
          <cell r="E220">
            <v>789.52499999999998</v>
          </cell>
          <cell r="F220">
            <v>3026.5124999999998</v>
          </cell>
          <cell r="G220">
            <v>1361.930625</v>
          </cell>
          <cell r="H220">
            <v>10441.468124999999</v>
          </cell>
        </row>
        <row r="221">
          <cell r="A221" t="str">
            <v>SG36-4</v>
          </cell>
          <cell r="B221">
            <v>252</v>
          </cell>
          <cell r="C221">
            <v>25.200000000000003</v>
          </cell>
          <cell r="D221">
            <v>124.74</v>
          </cell>
          <cell r="E221">
            <v>60.290999999999997</v>
          </cell>
          <cell r="F221">
            <v>231.1155</v>
          </cell>
          <cell r="G221">
            <v>104.00197499999999</v>
          </cell>
          <cell r="H221">
            <v>797.34847500000001</v>
          </cell>
        </row>
        <row r="222">
          <cell r="A222" t="str">
            <v>SG37-1</v>
          </cell>
          <cell r="B222">
            <v>3456.864</v>
          </cell>
          <cell r="C222">
            <v>345.68640000000005</v>
          </cell>
          <cell r="D222">
            <v>1711.14768</v>
          </cell>
          <cell r="E222">
            <v>827.05471199999999</v>
          </cell>
          <cell r="F222">
            <v>3170.3763960000001</v>
          </cell>
          <cell r="G222">
            <v>1426.6693782</v>
          </cell>
          <cell r="H222">
            <v>10937.798566200001</v>
          </cell>
        </row>
        <row r="223">
          <cell r="A223" t="str">
            <v>SG37-2</v>
          </cell>
          <cell r="B223">
            <v>63000</v>
          </cell>
          <cell r="C223">
            <v>6300</v>
          </cell>
          <cell r="D223">
            <v>31185</v>
          </cell>
          <cell r="E223">
            <v>15072.75</v>
          </cell>
          <cell r="F223">
            <v>57778.875</v>
          </cell>
          <cell r="G223">
            <v>26000.493749999998</v>
          </cell>
          <cell r="H223">
            <v>199337.11874999999</v>
          </cell>
        </row>
        <row r="224">
          <cell r="A224" t="str">
            <v>EXT-1</v>
          </cell>
          <cell r="B224">
            <v>767687.89</v>
          </cell>
          <cell r="C224">
            <v>76768.789000000004</v>
          </cell>
          <cell r="D224">
            <v>380005.50555</v>
          </cell>
          <cell r="E224">
            <v>183669.32768249998</v>
          </cell>
          <cell r="F224">
            <v>704065.75611624995</v>
          </cell>
          <cell r="G224">
            <v>316829.59025231248</v>
          </cell>
          <cell r="H224">
            <v>2429026.8586010621</v>
          </cell>
        </row>
        <row r="225">
          <cell r="A225" t="str">
            <v>EXT-2</v>
          </cell>
          <cell r="B225">
            <v>285050.51800000004</v>
          </cell>
          <cell r="C225">
            <v>28505.051800000005</v>
          </cell>
          <cell r="D225">
            <v>141100.00641000003</v>
          </cell>
          <cell r="E225">
            <v>68198.336431500007</v>
          </cell>
          <cell r="F225">
            <v>261426.95632075006</v>
          </cell>
          <cell r="G225">
            <v>117642.13034433752</v>
          </cell>
          <cell r="H225">
            <v>901922.99930658774</v>
          </cell>
        </row>
        <row r="226">
          <cell r="A226" t="str">
            <v>EXT-3</v>
          </cell>
          <cell r="B226">
            <v>393227.86</v>
          </cell>
          <cell r="C226">
            <v>39322.786</v>
          </cell>
          <cell r="D226">
            <v>194647.79070000001</v>
          </cell>
          <cell r="E226">
            <v>94079.765504999988</v>
          </cell>
          <cell r="F226">
            <v>360639.10110249999</v>
          </cell>
          <cell r="G226">
            <v>162287.595496125</v>
          </cell>
          <cell r="H226">
            <v>1244204.898803625</v>
          </cell>
        </row>
        <row r="227">
          <cell r="A227" t="str">
            <v>EXT-4</v>
          </cell>
          <cell r="B227">
            <v>34668.880000000005</v>
          </cell>
          <cell r="C227">
            <v>3466.8880000000008</v>
          </cell>
          <cell r="D227">
            <v>17161.095600000001</v>
          </cell>
          <cell r="E227">
            <v>8294.5295399999995</v>
          </cell>
          <cell r="F227">
            <v>31795.69657</v>
          </cell>
          <cell r="G227">
            <v>14308.0634565</v>
          </cell>
          <cell r="H227">
            <v>109695.15316650001</v>
          </cell>
        </row>
        <row r="228">
          <cell r="A228" t="str">
            <v>EXT-5</v>
          </cell>
          <cell r="B228">
            <v>34668.880000000005</v>
          </cell>
          <cell r="C228">
            <v>3466.8880000000008</v>
          </cell>
          <cell r="D228">
            <v>17161.095600000001</v>
          </cell>
          <cell r="E228">
            <v>8294.5295399999995</v>
          </cell>
          <cell r="F228">
            <v>31795.69657</v>
          </cell>
          <cell r="G228">
            <v>14308.0634565</v>
          </cell>
          <cell r="H228">
            <v>109695.15316650001</v>
          </cell>
        </row>
        <row r="229">
          <cell r="A229" t="str">
            <v>EXT-6</v>
          </cell>
          <cell r="B229">
            <v>413729.51</v>
          </cell>
          <cell r="C229">
            <v>41372.951000000001</v>
          </cell>
          <cell r="D229">
            <v>204796.10745000001</v>
          </cell>
          <cell r="E229">
            <v>98984.785267500003</v>
          </cell>
          <cell r="F229">
            <v>379441.67685875</v>
          </cell>
          <cell r="G229">
            <v>170748.75458643748</v>
          </cell>
          <cell r="H229">
            <v>1309073.7851626875</v>
          </cell>
        </row>
        <row r="230">
          <cell r="A230" t="str">
            <v>EXT-7</v>
          </cell>
          <cell r="B230">
            <v>3000117231.0700002</v>
          </cell>
          <cell r="C230">
            <v>300011723.10700005</v>
          </cell>
          <cell r="D230">
            <v>1485058029.3796501</v>
          </cell>
          <cell r="E230">
            <v>717778047.53349745</v>
          </cell>
          <cell r="F230">
            <v>2751482515.545074</v>
          </cell>
          <cell r="G230">
            <v>1238167131.9952834</v>
          </cell>
          <cell r="H230">
            <v>9492614678.6305046</v>
          </cell>
        </row>
        <row r="231">
          <cell r="A231" t="str">
            <v>EXT-8</v>
          </cell>
          <cell r="B231">
            <v>888081.53</v>
          </cell>
          <cell r="C231">
            <v>88808.153000000006</v>
          </cell>
          <cell r="D231">
            <v>439600.35735000006</v>
          </cell>
          <cell r="E231">
            <v>212473.50605250002</v>
          </cell>
          <cell r="F231">
            <v>814481.77320125012</v>
          </cell>
          <cell r="G231">
            <v>366516.79794056248</v>
          </cell>
          <cell r="H231">
            <v>2809962.117544313</v>
          </cell>
        </row>
        <row r="232">
          <cell r="A232" t="str">
            <v>EXT-9</v>
          </cell>
          <cell r="B232">
            <v>196619.2</v>
          </cell>
          <cell r="C232">
            <v>19661.920000000002</v>
          </cell>
          <cell r="D232">
            <v>97326.504000000015</v>
          </cell>
          <cell r="E232">
            <v>47041.14360000001</v>
          </cell>
          <cell r="F232">
            <v>180324.38380000004</v>
          </cell>
          <cell r="G232">
            <v>81145.972710000016</v>
          </cell>
          <cell r="H232">
            <v>622119.12411000009</v>
          </cell>
        </row>
        <row r="233">
          <cell r="A233" t="str">
            <v>EXT-10</v>
          </cell>
          <cell r="H233">
            <v>370629.19</v>
          </cell>
        </row>
        <row r="234">
          <cell r="A234" t="str">
            <v>EXT-11</v>
          </cell>
          <cell r="B234">
            <v>540000</v>
          </cell>
          <cell r="C234">
            <v>54000</v>
          </cell>
          <cell r="D234">
            <v>267300</v>
          </cell>
          <cell r="E234">
            <v>129195</v>
          </cell>
          <cell r="F234">
            <v>495247.5</v>
          </cell>
          <cell r="G234">
            <v>222861.375</v>
          </cell>
          <cell r="H234">
            <v>1708603.875</v>
          </cell>
        </row>
        <row r="235">
          <cell r="A235" t="str">
            <v>EXT-12</v>
          </cell>
          <cell r="H235">
            <v>370629.19</v>
          </cell>
        </row>
        <row r="236">
          <cell r="A236" t="str">
            <v>EXT-13</v>
          </cell>
          <cell r="B236">
            <v>10500000</v>
          </cell>
          <cell r="H236">
            <v>10500000</v>
          </cell>
        </row>
        <row r="237">
          <cell r="A237" t="str">
            <v>EXT-14</v>
          </cell>
          <cell r="B237">
            <v>5250000</v>
          </cell>
          <cell r="H237">
            <v>5250000</v>
          </cell>
        </row>
        <row r="238">
          <cell r="A238" t="str">
            <v>EXT-15</v>
          </cell>
          <cell r="B238">
            <v>40000</v>
          </cell>
          <cell r="C238">
            <v>4000</v>
          </cell>
          <cell r="D238">
            <v>19800</v>
          </cell>
          <cell r="E238">
            <v>9570</v>
          </cell>
          <cell r="F238">
            <v>36685</v>
          </cell>
          <cell r="G238">
            <v>16508.25</v>
          </cell>
          <cell r="H238">
            <v>126563.25</v>
          </cell>
        </row>
        <row r="239">
          <cell r="A239" t="str">
            <v>EXT-16</v>
          </cell>
          <cell r="B239">
            <v>875000</v>
          </cell>
          <cell r="H239">
            <v>875000</v>
          </cell>
        </row>
        <row r="240">
          <cell r="A240" t="str">
            <v>EXT-17</v>
          </cell>
          <cell r="B240">
            <v>42500</v>
          </cell>
          <cell r="C240">
            <v>4250</v>
          </cell>
          <cell r="D240">
            <v>21037.5</v>
          </cell>
          <cell r="E240">
            <v>10168.125</v>
          </cell>
          <cell r="F240">
            <v>38977.8125</v>
          </cell>
          <cell r="G240">
            <v>17540.015625</v>
          </cell>
          <cell r="H240">
            <v>134473.453125</v>
          </cell>
        </row>
        <row r="241">
          <cell r="A241" t="str">
            <v>EXT-18</v>
          </cell>
          <cell r="B241">
            <v>500000</v>
          </cell>
          <cell r="C241">
            <v>50000</v>
          </cell>
          <cell r="D241">
            <v>247500</v>
          </cell>
          <cell r="E241">
            <v>119625</v>
          </cell>
          <cell r="F241">
            <v>458562.5</v>
          </cell>
          <cell r="G241">
            <v>206353.125</v>
          </cell>
          <cell r="H241">
            <v>1582040.625</v>
          </cell>
        </row>
      </sheetData>
      <sheetData sheetId="2">
        <row r="1">
          <cell r="D1" t="str">
            <v>ID</v>
          </cell>
          <cell r="E1" t="str">
            <v>LP_Site</v>
          </cell>
        </row>
        <row r="2">
          <cell r="D2" t="str">
            <v>EXT-10</v>
          </cell>
          <cell r="E2" t="str">
            <v>Single - Scenario 1</v>
          </cell>
        </row>
        <row r="3">
          <cell r="D3" t="str">
            <v>LS-14</v>
          </cell>
          <cell r="E3" t="str">
            <v>Single - Scenario 1</v>
          </cell>
        </row>
        <row r="4">
          <cell r="D4" t="str">
            <v>LS-15</v>
          </cell>
          <cell r="E4" t="str">
            <v>Single - Scenario 1</v>
          </cell>
        </row>
        <row r="5">
          <cell r="D5" t="str">
            <v>LS-22</v>
          </cell>
          <cell r="E5" t="str">
            <v>Single - Scenario 1</v>
          </cell>
        </row>
        <row r="6">
          <cell r="D6" t="str">
            <v>LS-23</v>
          </cell>
          <cell r="E6" t="str">
            <v>Single - Scenario 1</v>
          </cell>
        </row>
        <row r="7">
          <cell r="D7" t="str">
            <v>LS-24</v>
          </cell>
          <cell r="E7" t="str">
            <v>Single - Scenario 1</v>
          </cell>
        </row>
        <row r="8">
          <cell r="D8" t="str">
            <v>LS-25</v>
          </cell>
          <cell r="E8" t="str">
            <v>Single - Scenario 1</v>
          </cell>
        </row>
        <row r="9">
          <cell r="D9" t="str">
            <v>LS-26</v>
          </cell>
          <cell r="E9" t="str">
            <v>Single - Scenario 1</v>
          </cell>
        </row>
        <row r="10">
          <cell r="D10" t="str">
            <v>LS-27</v>
          </cell>
          <cell r="E10" t="str">
            <v>Single - Scenario 1</v>
          </cell>
        </row>
        <row r="11">
          <cell r="D11" t="str">
            <v>LS-28</v>
          </cell>
          <cell r="E11" t="str">
            <v>Single - Scenario 1</v>
          </cell>
        </row>
        <row r="12">
          <cell r="D12" t="str">
            <v>LS-29</v>
          </cell>
          <cell r="E12" t="str">
            <v>Single - Scenario 1</v>
          </cell>
        </row>
        <row r="13">
          <cell r="D13" t="str">
            <v>LS-30</v>
          </cell>
          <cell r="E13" t="str">
            <v>Single - Scenario 1</v>
          </cell>
        </row>
        <row r="14">
          <cell r="D14" t="str">
            <v>LS-32</v>
          </cell>
          <cell r="E14" t="str">
            <v>Single - Scenario 1</v>
          </cell>
        </row>
        <row r="15">
          <cell r="D15" t="str">
            <v>LS-73</v>
          </cell>
          <cell r="E15" t="str">
            <v>Single - Scenario 1</v>
          </cell>
        </row>
        <row r="16">
          <cell r="D16" t="str">
            <v>LS-74</v>
          </cell>
          <cell r="E16" t="str">
            <v>Single - Scenario 1</v>
          </cell>
        </row>
        <row r="17">
          <cell r="D17" t="str">
            <v>EXT-15</v>
          </cell>
          <cell r="E17" t="str">
            <v>Single - Scenario 2</v>
          </cell>
        </row>
        <row r="18">
          <cell r="D18" t="str">
            <v>LS-3</v>
          </cell>
          <cell r="E18" t="str">
            <v>Single - Scenario 2</v>
          </cell>
        </row>
        <row r="19">
          <cell r="D19" t="str">
            <v>LS-31</v>
          </cell>
          <cell r="E19" t="str">
            <v>Single - Scenario 2</v>
          </cell>
        </row>
        <row r="20">
          <cell r="D20" t="str">
            <v>LS-33</v>
          </cell>
          <cell r="E20" t="str">
            <v>Single - Scenario 2</v>
          </cell>
        </row>
        <row r="21">
          <cell r="D21" t="str">
            <v>LS-36</v>
          </cell>
          <cell r="E21" t="str">
            <v>Single - Scenario 2</v>
          </cell>
        </row>
        <row r="22">
          <cell r="D22" t="str">
            <v>LS-50</v>
          </cell>
          <cell r="E22" t="str">
            <v>Single - Scenario 2</v>
          </cell>
        </row>
        <row r="23">
          <cell r="D23" t="str">
            <v>LS-53</v>
          </cell>
          <cell r="E23" t="str">
            <v>Single - Scenario 2</v>
          </cell>
        </row>
        <row r="24">
          <cell r="D24" t="str">
            <v>LS-55</v>
          </cell>
          <cell r="E24" t="str">
            <v>Single - Scenario 2</v>
          </cell>
        </row>
        <row r="25">
          <cell r="D25" t="str">
            <v>LS-59</v>
          </cell>
          <cell r="E25" t="str">
            <v>Single - Scenario 2</v>
          </cell>
        </row>
        <row r="26">
          <cell r="D26" t="str">
            <v>LS-68</v>
          </cell>
          <cell r="E26" t="str">
            <v>Single - Scenario 2</v>
          </cell>
        </row>
        <row r="27">
          <cell r="D27" t="str">
            <v>LS-69</v>
          </cell>
          <cell r="E27" t="str">
            <v>Single - Scenario 2</v>
          </cell>
        </row>
        <row r="28">
          <cell r="D28" t="str">
            <v>LS-71</v>
          </cell>
          <cell r="E28" t="str">
            <v>Single - Scenario 2</v>
          </cell>
        </row>
        <row r="29">
          <cell r="D29" t="str">
            <v>SG10-2</v>
          </cell>
          <cell r="E29" t="str">
            <v>Single - Scenario 2</v>
          </cell>
        </row>
        <row r="30">
          <cell r="D30" t="str">
            <v>SG18-2</v>
          </cell>
          <cell r="E30" t="str">
            <v>Single - Scenario 2</v>
          </cell>
        </row>
        <row r="31">
          <cell r="D31" t="str">
            <v>SG18-3</v>
          </cell>
          <cell r="E31" t="str">
            <v>Single - Scenario 2</v>
          </cell>
        </row>
        <row r="32">
          <cell r="D32" t="str">
            <v>SG18-4</v>
          </cell>
          <cell r="E32" t="str">
            <v>Single - Scenario 2</v>
          </cell>
        </row>
        <row r="33">
          <cell r="D33" t="str">
            <v>SG25-2</v>
          </cell>
          <cell r="E33" t="str">
            <v>Single - Scenario 2</v>
          </cell>
        </row>
        <row r="34">
          <cell r="D34" t="str">
            <v>SG25-4</v>
          </cell>
          <cell r="E34" t="str">
            <v>Single - Scenario 2</v>
          </cell>
        </row>
        <row r="35">
          <cell r="D35" t="str">
            <v>SG25-5</v>
          </cell>
          <cell r="E35" t="str">
            <v>Single - Scenario 2</v>
          </cell>
        </row>
        <row r="36">
          <cell r="D36" t="str">
            <v>SG29-1</v>
          </cell>
          <cell r="E36" t="str">
            <v>Single - Scenario 2</v>
          </cell>
        </row>
        <row r="37">
          <cell r="D37" t="str">
            <v>SG29-2</v>
          </cell>
          <cell r="E37" t="str">
            <v>Single - Scenario 2</v>
          </cell>
        </row>
        <row r="38">
          <cell r="D38" t="str">
            <v>SG6-5</v>
          </cell>
          <cell r="E38" t="str">
            <v>Single - Scenario 2</v>
          </cell>
        </row>
        <row r="39">
          <cell r="D39" t="str">
            <v>SG7-2</v>
          </cell>
          <cell r="E39" t="str">
            <v>Single - Scenario 2</v>
          </cell>
        </row>
        <row r="40">
          <cell r="D40" t="str">
            <v>SG7-4</v>
          </cell>
          <cell r="E40" t="str">
            <v>Single - Scenario 2</v>
          </cell>
        </row>
        <row r="41">
          <cell r="D41" t="str">
            <v>SG7-5</v>
          </cell>
          <cell r="E41" t="str">
            <v>Single - Scenario 2</v>
          </cell>
        </row>
        <row r="42">
          <cell r="D42" t="str">
            <v>SG7-7</v>
          </cell>
          <cell r="E42" t="str">
            <v>Single - Scenario 2</v>
          </cell>
        </row>
        <row r="43">
          <cell r="D43" t="str">
            <v>EXT-11</v>
          </cell>
          <cell r="E43" t="str">
            <v>Single - Scenario 3</v>
          </cell>
        </row>
        <row r="44">
          <cell r="D44" t="str">
            <v>EXT-12</v>
          </cell>
          <cell r="E44" t="str">
            <v>Single - Scenario 3</v>
          </cell>
        </row>
        <row r="45">
          <cell r="D45" t="str">
            <v>LS-10</v>
          </cell>
          <cell r="E45" t="str">
            <v>Single - Scenario 3</v>
          </cell>
        </row>
        <row r="46">
          <cell r="D46" t="str">
            <v>LS-11</v>
          </cell>
          <cell r="E46" t="str">
            <v>Single - Scenario 3</v>
          </cell>
        </row>
        <row r="47">
          <cell r="D47" t="str">
            <v>LS-12</v>
          </cell>
          <cell r="E47" t="str">
            <v>Single - Scenario 3</v>
          </cell>
        </row>
        <row r="48">
          <cell r="D48" t="str">
            <v>LS-13</v>
          </cell>
          <cell r="E48" t="str">
            <v>Single - Scenario 3</v>
          </cell>
        </row>
        <row r="49">
          <cell r="D49" t="str">
            <v>LS-38</v>
          </cell>
          <cell r="E49" t="str">
            <v>Single - Scenario 3</v>
          </cell>
        </row>
        <row r="50">
          <cell r="D50" t="str">
            <v>LS-6</v>
          </cell>
          <cell r="E50" t="str">
            <v>Single - Scenario 3</v>
          </cell>
        </row>
        <row r="51">
          <cell r="D51" t="str">
            <v>SG10-3</v>
          </cell>
          <cell r="E51" t="str">
            <v>Single - Scenario 3</v>
          </cell>
        </row>
        <row r="52">
          <cell r="D52" t="str">
            <v>SG10-4</v>
          </cell>
          <cell r="E52" t="str">
            <v>Single - Scenario 3</v>
          </cell>
        </row>
        <row r="53">
          <cell r="D53" t="str">
            <v>SG14-1</v>
          </cell>
          <cell r="E53" t="str">
            <v>Single - Scenario 3</v>
          </cell>
        </row>
        <row r="54">
          <cell r="D54" t="str">
            <v>SG16-2</v>
          </cell>
          <cell r="E54" t="str">
            <v>Single - Scenario 3</v>
          </cell>
        </row>
        <row r="55">
          <cell r="D55" t="str">
            <v>SG16-5</v>
          </cell>
          <cell r="E55" t="str">
            <v>Single - Scenario 3</v>
          </cell>
        </row>
        <row r="56">
          <cell r="D56" t="str">
            <v>SG16-6</v>
          </cell>
          <cell r="E56" t="str">
            <v>Single - Scenario 3</v>
          </cell>
        </row>
        <row r="57">
          <cell r="D57" t="str">
            <v>SG19-3</v>
          </cell>
          <cell r="E57" t="str">
            <v>Single - Scenario 3</v>
          </cell>
        </row>
        <row r="58">
          <cell r="D58" t="str">
            <v>SG19-4</v>
          </cell>
          <cell r="E58" t="str">
            <v>Single - Scenario 3</v>
          </cell>
        </row>
        <row r="59">
          <cell r="D59" t="str">
            <v>SG2-1</v>
          </cell>
          <cell r="E59" t="str">
            <v>Single - Scenario 3</v>
          </cell>
        </row>
        <row r="60">
          <cell r="D60" t="str">
            <v>SG2-3</v>
          </cell>
          <cell r="E60" t="str">
            <v>Single - Scenario 3</v>
          </cell>
        </row>
        <row r="61">
          <cell r="D61" t="str">
            <v>SG2-6</v>
          </cell>
          <cell r="E61" t="str">
            <v>Single - Scenario 3</v>
          </cell>
        </row>
        <row r="62">
          <cell r="D62" t="str">
            <v>SG20-2</v>
          </cell>
          <cell r="E62" t="str">
            <v>Single - Scenario 3</v>
          </cell>
        </row>
        <row r="63">
          <cell r="D63" t="str">
            <v>SG3-2</v>
          </cell>
          <cell r="E63" t="str">
            <v>Single - Scenario 3</v>
          </cell>
        </row>
        <row r="64">
          <cell r="D64" t="str">
            <v>SG3-5</v>
          </cell>
          <cell r="E64" t="str">
            <v>Single - Scenario 3</v>
          </cell>
        </row>
        <row r="65">
          <cell r="D65" t="str">
            <v>SG30-4</v>
          </cell>
          <cell r="E65" t="str">
            <v>Single - Scenario 3</v>
          </cell>
        </row>
        <row r="66">
          <cell r="D66" t="str">
            <v>SG31-5</v>
          </cell>
          <cell r="E66" t="str">
            <v>Single - Scenario 3</v>
          </cell>
        </row>
        <row r="67">
          <cell r="D67" t="str">
            <v>SG34-1</v>
          </cell>
          <cell r="E67" t="str">
            <v>Single - Scenario 3</v>
          </cell>
        </row>
        <row r="68">
          <cell r="D68" t="str">
            <v>SG34-2</v>
          </cell>
          <cell r="E68" t="str">
            <v>Single - Scenario 3</v>
          </cell>
        </row>
        <row r="69">
          <cell r="D69" t="str">
            <v>SG34-5</v>
          </cell>
          <cell r="E69" t="str">
            <v>Single - Scenario 3</v>
          </cell>
        </row>
        <row r="70">
          <cell r="D70" t="str">
            <v>SG34-6</v>
          </cell>
          <cell r="E70" t="str">
            <v>Single - Scenario 3</v>
          </cell>
        </row>
        <row r="71">
          <cell r="D71" t="str">
            <v>SG35-2</v>
          </cell>
          <cell r="E71" t="str">
            <v>Single - Scenario 3</v>
          </cell>
        </row>
        <row r="72">
          <cell r="D72" t="str">
            <v>SG36-1</v>
          </cell>
          <cell r="E72" t="str">
            <v>Single - Scenario 3</v>
          </cell>
        </row>
        <row r="73">
          <cell r="D73" t="str">
            <v>SG36-2</v>
          </cell>
          <cell r="E73" t="str">
            <v>Single - Scenario 3</v>
          </cell>
        </row>
        <row r="74">
          <cell r="D74" t="str">
            <v>SG36-3</v>
          </cell>
          <cell r="E74" t="str">
            <v>Single - Scenario 3</v>
          </cell>
        </row>
        <row r="75">
          <cell r="D75" t="str">
            <v>SG37-1</v>
          </cell>
          <cell r="E75" t="str">
            <v>Single - Scenario 3</v>
          </cell>
        </row>
        <row r="76">
          <cell r="D76" t="str">
            <v>SG37-2</v>
          </cell>
          <cell r="E76" t="str">
            <v>Single - Scenario 3</v>
          </cell>
        </row>
        <row r="77">
          <cell r="D77" t="str">
            <v>SG4-2</v>
          </cell>
          <cell r="E77" t="str">
            <v>Multiple - Scenario 1</v>
          </cell>
        </row>
        <row r="78">
          <cell r="D78" t="str">
            <v>SG4-3</v>
          </cell>
          <cell r="E78" t="str">
            <v>Multiple - Scenario 1</v>
          </cell>
        </row>
        <row r="79">
          <cell r="D79" t="str">
            <v>SG4-4</v>
          </cell>
          <cell r="E79" t="str">
            <v>Multiple - Scenario 1</v>
          </cell>
        </row>
        <row r="80">
          <cell r="D80" t="str">
            <v>SG5-4</v>
          </cell>
          <cell r="E80" t="str">
            <v>Single - Scenario 3</v>
          </cell>
        </row>
        <row r="81">
          <cell r="D81" t="str">
            <v>SG8-3</v>
          </cell>
          <cell r="E81" t="str">
            <v>Single - Scenario 3</v>
          </cell>
        </row>
        <row r="82">
          <cell r="D82" t="str">
            <v>SG8-5</v>
          </cell>
          <cell r="E82" t="str">
            <v>Single - Scenario 3</v>
          </cell>
        </row>
        <row r="83">
          <cell r="D83" t="str">
            <v>SG9-6</v>
          </cell>
          <cell r="E83" t="str">
            <v>Single - Scenario 3</v>
          </cell>
        </row>
        <row r="84">
          <cell r="D84" t="str">
            <v>EXT-2</v>
          </cell>
          <cell r="E84" t="str">
            <v>Multiple - Scenario 1</v>
          </cell>
        </row>
        <row r="85">
          <cell r="D85" t="str">
            <v>LS-1</v>
          </cell>
          <cell r="E85" t="str">
            <v>Multiple - Scenario 1</v>
          </cell>
        </row>
        <row r="86">
          <cell r="D86" t="str">
            <v>LS-19</v>
          </cell>
          <cell r="E86" t="str">
            <v>Multiple - Scenario 1</v>
          </cell>
        </row>
        <row r="87">
          <cell r="D87" t="str">
            <v>LS-2</v>
          </cell>
          <cell r="E87" t="str">
            <v>Multiple - Scenario 1</v>
          </cell>
        </row>
        <row r="88">
          <cell r="D88" t="str">
            <v>LS-35</v>
          </cell>
          <cell r="E88" t="str">
            <v>Multiple - Scenario 1</v>
          </cell>
        </row>
        <row r="89">
          <cell r="D89" t="str">
            <v>LS-4</v>
          </cell>
          <cell r="E89" t="str">
            <v>Multiple - Scenario 1</v>
          </cell>
        </row>
        <row r="90">
          <cell r="D90" t="str">
            <v>LS-56</v>
          </cell>
          <cell r="E90" t="str">
            <v>Multiple - Scenario 1</v>
          </cell>
        </row>
        <row r="91">
          <cell r="D91" t="str">
            <v>LS-57</v>
          </cell>
          <cell r="E91" t="str">
            <v>Multiple - Scenario 1</v>
          </cell>
        </row>
        <row r="92">
          <cell r="D92" t="str">
            <v>LS-75</v>
          </cell>
          <cell r="E92" t="str">
            <v>Multiple - Scenario 1</v>
          </cell>
        </row>
        <row r="93">
          <cell r="D93" t="str">
            <v>LS-9</v>
          </cell>
          <cell r="E93" t="str">
            <v>Multiple - Scenario 1</v>
          </cell>
        </row>
        <row r="94">
          <cell r="D94" t="str">
            <v>SG11-1</v>
          </cell>
          <cell r="E94" t="str">
            <v>Multiple - Scenario 1</v>
          </cell>
        </row>
        <row r="95">
          <cell r="D95" t="str">
            <v>SG11-2</v>
          </cell>
          <cell r="E95" t="str">
            <v>Multiple - Scenario 1</v>
          </cell>
        </row>
        <row r="96">
          <cell r="D96" t="str">
            <v>SG11-4</v>
          </cell>
          <cell r="E96" t="str">
            <v>Multiple - Scenario 1</v>
          </cell>
        </row>
        <row r="97">
          <cell r="D97" t="str">
            <v>SG14-2</v>
          </cell>
          <cell r="E97" t="str">
            <v>Multiple - Scenario 1</v>
          </cell>
        </row>
        <row r="98">
          <cell r="D98" t="str">
            <v>SG18-1</v>
          </cell>
          <cell r="E98" t="str">
            <v>Multiple - Scenario 1</v>
          </cell>
        </row>
        <row r="99">
          <cell r="D99" t="str">
            <v>SG20-1</v>
          </cell>
          <cell r="E99" t="str">
            <v>Multiple - Scenario 1</v>
          </cell>
        </row>
        <row r="100">
          <cell r="D100" t="str">
            <v>SG20-5</v>
          </cell>
          <cell r="E100" t="str">
            <v>Multiple - Scenario 1</v>
          </cell>
        </row>
        <row r="101">
          <cell r="D101" t="str">
            <v>SG20-6</v>
          </cell>
          <cell r="E101" t="str">
            <v>Multiple - Scenario 1</v>
          </cell>
        </row>
        <row r="102">
          <cell r="D102" t="str">
            <v>SG21-1</v>
          </cell>
          <cell r="E102" t="str">
            <v>Multiple - Scenario 1</v>
          </cell>
        </row>
        <row r="103">
          <cell r="D103" t="str">
            <v>SG22-1</v>
          </cell>
          <cell r="E103" t="str">
            <v>Multiple - Scenario 1</v>
          </cell>
        </row>
        <row r="104">
          <cell r="D104" t="str">
            <v>SG23-1</v>
          </cell>
          <cell r="E104" t="str">
            <v>Multiple - Scenario 1</v>
          </cell>
        </row>
        <row r="105">
          <cell r="D105" t="str">
            <v>SG23-2</v>
          </cell>
          <cell r="E105" t="str">
            <v>Multiple - Scenario 1</v>
          </cell>
        </row>
        <row r="106">
          <cell r="D106" t="str">
            <v>SG23-3</v>
          </cell>
          <cell r="E106" t="str">
            <v>Multiple - Scenario 1</v>
          </cell>
        </row>
        <row r="107">
          <cell r="D107" t="str">
            <v>SG24-1</v>
          </cell>
          <cell r="E107" t="str">
            <v>Multiple - Scenario 1</v>
          </cell>
        </row>
        <row r="108">
          <cell r="D108" t="str">
            <v>SG25-3</v>
          </cell>
          <cell r="E108" t="str">
            <v>Multiple - Scenario 1</v>
          </cell>
        </row>
        <row r="109">
          <cell r="D109" t="str">
            <v>SG25-6</v>
          </cell>
          <cell r="E109" t="str">
            <v>Multiple - Scenario 1</v>
          </cell>
        </row>
        <row r="110">
          <cell r="D110" t="str">
            <v>SG26-3</v>
          </cell>
          <cell r="E110" t="str">
            <v>Multiple - Scenario 1</v>
          </cell>
        </row>
        <row r="111">
          <cell r="D111" t="str">
            <v>SG26-4</v>
          </cell>
          <cell r="E111" t="str">
            <v>Multiple - Scenario 1</v>
          </cell>
        </row>
        <row r="112">
          <cell r="D112" t="str">
            <v>SG26-5</v>
          </cell>
          <cell r="E112" t="str">
            <v>Multiple - Scenario 1</v>
          </cell>
        </row>
        <row r="113">
          <cell r="D113" t="str">
            <v>SG27-1</v>
          </cell>
          <cell r="E113" t="str">
            <v>Multiple - Scenario 1</v>
          </cell>
        </row>
        <row r="114">
          <cell r="D114" t="str">
            <v>SG27-2</v>
          </cell>
          <cell r="E114" t="str">
            <v>Multiple - Scenario 1</v>
          </cell>
        </row>
        <row r="115">
          <cell r="D115" t="str">
            <v>SG27-3</v>
          </cell>
          <cell r="E115" t="str">
            <v>Multiple - Scenario 1</v>
          </cell>
        </row>
        <row r="116">
          <cell r="D116" t="str">
            <v>SG27-4</v>
          </cell>
          <cell r="E116" t="str">
            <v>Multiple - Scenario 1</v>
          </cell>
        </row>
        <row r="117">
          <cell r="D117" t="str">
            <v>SG28-1</v>
          </cell>
          <cell r="E117" t="str">
            <v>Multiple - Scenario 1</v>
          </cell>
        </row>
        <row r="118">
          <cell r="D118" t="str">
            <v>SG28-2</v>
          </cell>
          <cell r="E118" t="str">
            <v>Multiple - Scenario 1</v>
          </cell>
        </row>
        <row r="119">
          <cell r="D119" t="str">
            <v>SG28-3</v>
          </cell>
          <cell r="E119" t="str">
            <v>Multiple - Scenario 1</v>
          </cell>
        </row>
        <row r="120">
          <cell r="D120" t="str">
            <v>SG28-4</v>
          </cell>
          <cell r="E120" t="str">
            <v>Multiple - Scenario 1</v>
          </cell>
        </row>
        <row r="121">
          <cell r="D121" t="str">
            <v>SG3-1</v>
          </cell>
          <cell r="E121" t="str">
            <v>Multiple - Scenario 1</v>
          </cell>
        </row>
        <row r="122">
          <cell r="D122" t="str">
            <v>SG3-4</v>
          </cell>
          <cell r="E122" t="str">
            <v>Multiple - Scenario 1</v>
          </cell>
        </row>
        <row r="123">
          <cell r="D123" t="str">
            <v>SG2-5</v>
          </cell>
          <cell r="E123" t="str">
            <v>Multiple - Scenario 1</v>
          </cell>
        </row>
        <row r="124">
          <cell r="D124" t="str">
            <v>SG33-2</v>
          </cell>
          <cell r="E124" t="str">
            <v>Multiple - Scenario 1</v>
          </cell>
        </row>
        <row r="125">
          <cell r="D125" t="str">
            <v>SG35-1</v>
          </cell>
          <cell r="E125" t="str">
            <v>Multiple - Scenario 1</v>
          </cell>
        </row>
        <row r="126">
          <cell r="D126" t="str">
            <v>SG4-1</v>
          </cell>
          <cell r="E126" t="str">
            <v>Multiple - Scenario 1</v>
          </cell>
        </row>
        <row r="127">
          <cell r="D127" t="str">
            <v>SG6-2</v>
          </cell>
          <cell r="E127" t="str">
            <v>Multiple - Scenario 1</v>
          </cell>
        </row>
        <row r="128">
          <cell r="D128" t="str">
            <v>SG6-3</v>
          </cell>
          <cell r="E128" t="str">
            <v>Multiple - Scenario 1</v>
          </cell>
        </row>
        <row r="129">
          <cell r="D129" t="str">
            <v>SG6-4</v>
          </cell>
          <cell r="E129" t="str">
            <v>Multiple - Scenario 1</v>
          </cell>
        </row>
        <row r="130">
          <cell r="D130" t="str">
            <v>SG7-3</v>
          </cell>
          <cell r="E130" t="str">
            <v>Multiple - Scenario 1</v>
          </cell>
        </row>
        <row r="131">
          <cell r="D131" t="str">
            <v>SG8-1</v>
          </cell>
          <cell r="E131" t="str">
            <v>Multiple - Scenario 1</v>
          </cell>
        </row>
        <row r="132">
          <cell r="D132" t="str">
            <v>SG8-2</v>
          </cell>
          <cell r="E132" t="str">
            <v>Multiple - Scenario 1</v>
          </cell>
        </row>
        <row r="133">
          <cell r="D133" t="str">
            <v>SG8-4</v>
          </cell>
          <cell r="E133" t="str">
            <v>Multiple - Scenario 1</v>
          </cell>
        </row>
        <row r="134">
          <cell r="D134" t="str">
            <v>LS-5</v>
          </cell>
          <cell r="E134" t="str">
            <v>Multiple - Scenario 2</v>
          </cell>
        </row>
        <row r="135">
          <cell r="D135" t="str">
            <v>LS-7</v>
          </cell>
          <cell r="E135" t="str">
            <v>Multiple - Scenario 2</v>
          </cell>
        </row>
        <row r="136">
          <cell r="D136" t="str">
            <v>LS-8</v>
          </cell>
          <cell r="E136" t="str">
            <v>Multiple - Scenario 2</v>
          </cell>
        </row>
        <row r="137">
          <cell r="D137" t="str">
            <v>LS-37</v>
          </cell>
          <cell r="E137" t="str">
            <v>Multiple - Scenario 2</v>
          </cell>
        </row>
        <row r="138">
          <cell r="D138" t="str">
            <v>SG30-2</v>
          </cell>
          <cell r="E138" t="str">
            <v>Multiple - Scenario 2</v>
          </cell>
        </row>
        <row r="139">
          <cell r="D139" t="str">
            <v>SG30-5</v>
          </cell>
          <cell r="E139" t="str">
            <v>Multiple - Scenario 2</v>
          </cell>
        </row>
        <row r="140">
          <cell r="D140" t="str">
            <v>SG31-1</v>
          </cell>
          <cell r="E140" t="str">
            <v>Multiple - Scenario 2</v>
          </cell>
        </row>
        <row r="141">
          <cell r="D141" t="str">
            <v>SG31-2</v>
          </cell>
          <cell r="E141" t="str">
            <v>Multiple - Scenario 2</v>
          </cell>
        </row>
        <row r="142">
          <cell r="D142" t="str">
            <v>SG31-4</v>
          </cell>
          <cell r="E142" t="str">
            <v>Multiple - Scenario 2</v>
          </cell>
        </row>
        <row r="143">
          <cell r="D143" t="str">
            <v>SG32-1</v>
          </cell>
          <cell r="E143" t="str">
            <v>Multiple - Scenario 2</v>
          </cell>
        </row>
        <row r="144">
          <cell r="D144" t="str">
            <v>SG32-2</v>
          </cell>
          <cell r="E144" t="str">
            <v>Multiple - Scenario 2</v>
          </cell>
        </row>
        <row r="145">
          <cell r="D145" t="str">
            <v>SG32-3</v>
          </cell>
          <cell r="E145" t="str">
            <v>Multiple - Scenario 2</v>
          </cell>
        </row>
        <row r="146">
          <cell r="D146" t="str">
            <v>SG36-4</v>
          </cell>
          <cell r="E146" t="str">
            <v>Multiple - Scenario 2</v>
          </cell>
        </row>
        <row r="147">
          <cell r="D147" t="str">
            <v>SG4-7</v>
          </cell>
          <cell r="E147" t="str">
            <v>Multiple - Scenario 2</v>
          </cell>
        </row>
        <row r="148">
          <cell r="D148" t="str">
            <v>SG8-6</v>
          </cell>
          <cell r="E148" t="str">
            <v>Multiple - Scenario 2</v>
          </cell>
        </row>
        <row r="149">
          <cell r="D149" t="str">
            <v>SG8-7</v>
          </cell>
          <cell r="E149" t="str">
            <v>Multiple - Scenario 2</v>
          </cell>
        </row>
        <row r="150">
          <cell r="D150" t="str">
            <v>SG9-1</v>
          </cell>
          <cell r="E150" t="str">
            <v>Multiple - Scenario 2</v>
          </cell>
        </row>
        <row r="151">
          <cell r="D151" t="str">
            <v>SG9-2</v>
          </cell>
          <cell r="E151" t="str">
            <v>Multiple - Scenario 2</v>
          </cell>
        </row>
        <row r="152">
          <cell r="D152" t="str">
            <v>SG9-3</v>
          </cell>
          <cell r="E152" t="str">
            <v>Multiple - Scenario 2</v>
          </cell>
        </row>
        <row r="153">
          <cell r="D153" t="str">
            <v>SG17-2</v>
          </cell>
          <cell r="E153" t="str">
            <v>Multiple - Scenario 2</v>
          </cell>
        </row>
        <row r="154">
          <cell r="D154" t="str">
            <v>SG33-1</v>
          </cell>
          <cell r="E154" t="str">
            <v>Multiple - Scenario 2</v>
          </cell>
        </row>
        <row r="155">
          <cell r="D155" t="str">
            <v>SG16-1</v>
          </cell>
          <cell r="E155" t="str">
            <v>Multiple - Scenario 2</v>
          </cell>
        </row>
        <row r="156">
          <cell r="D156" t="str">
            <v>EXT-7</v>
          </cell>
          <cell r="E156" t="str">
            <v>Multiple - Scenario 2</v>
          </cell>
        </row>
        <row r="157">
          <cell r="D157" t="str">
            <v>EXT-18</v>
          </cell>
          <cell r="E157" t="str">
            <v>Multiple - Scenario 2</v>
          </cell>
        </row>
        <row r="158">
          <cell r="D158" t="str">
            <v>EXT-17</v>
          </cell>
          <cell r="E158" t="str">
            <v>Single - Scenario 1</v>
          </cell>
        </row>
        <row r="159">
          <cell r="D159" t="str">
            <v>EXT-8</v>
          </cell>
          <cell r="E159" t="str">
            <v>Single - Scenario 1</v>
          </cell>
        </row>
        <row r="160">
          <cell r="D160" t="str">
            <v>LS-34</v>
          </cell>
          <cell r="E160" t="str">
            <v>Single - Scenario 1</v>
          </cell>
        </row>
        <row r="161">
          <cell r="D161" t="str">
            <v>EXT-9</v>
          </cell>
          <cell r="E161" t="str">
            <v>Single - Scenario 2</v>
          </cell>
        </row>
        <row r="162">
          <cell r="D162" t="str">
            <v>LS-16</v>
          </cell>
          <cell r="E162" t="str">
            <v>Single - Scenario 2</v>
          </cell>
        </row>
        <row r="163">
          <cell r="D163" t="str">
            <v>LS-17</v>
          </cell>
          <cell r="E163" t="str">
            <v>Single - Scenario 2</v>
          </cell>
        </row>
        <row r="164">
          <cell r="D164" t="str">
            <v>LS-41</v>
          </cell>
          <cell r="E164" t="str">
            <v>Single - Scenario 2 (longer segment, one edge in close proximity of a development)</v>
          </cell>
        </row>
        <row r="165">
          <cell r="D165" t="str">
            <v>LS-42</v>
          </cell>
          <cell r="E165" t="str">
            <v>Single - Scenario 2</v>
          </cell>
        </row>
        <row r="166">
          <cell r="D166" t="str">
            <v>LS-43</v>
          </cell>
          <cell r="E166" t="str">
            <v>Single - Scenario 2 (longer segment, one edge in close proximity of a development)</v>
          </cell>
        </row>
        <row r="167">
          <cell r="D167" t="str">
            <v>LS-44</v>
          </cell>
          <cell r="E167" t="str">
            <v>Single - Scenario 2 (longer segment, one edge in close proximity of a development)</v>
          </cell>
        </row>
        <row r="168">
          <cell r="D168" t="str">
            <v>LS-45</v>
          </cell>
          <cell r="E168" t="str">
            <v>Single - Scenario 2</v>
          </cell>
        </row>
        <row r="169">
          <cell r="D169" t="str">
            <v>LS-46</v>
          </cell>
          <cell r="E169" t="str">
            <v>Single - Scenario 2 (longer segment, one edge in close proximity of a development)</v>
          </cell>
        </row>
        <row r="170">
          <cell r="D170" t="str">
            <v>LS-47</v>
          </cell>
          <cell r="E170" t="str">
            <v>Single - Scenario 2</v>
          </cell>
        </row>
        <row r="171">
          <cell r="D171" t="str">
            <v>LS-48</v>
          </cell>
          <cell r="E171" t="str">
            <v>Single - Scenario 2</v>
          </cell>
        </row>
        <row r="172">
          <cell r="D172" t="str">
            <v>LS-49</v>
          </cell>
          <cell r="E172" t="str">
            <v>Single - Scenario 2</v>
          </cell>
        </row>
        <row r="173">
          <cell r="D173" t="str">
            <v>LS-51</v>
          </cell>
          <cell r="E173" t="str">
            <v>Single - Scenario 2 (longer segment, one edge in close proximity of a development)</v>
          </cell>
        </row>
        <row r="174">
          <cell r="D174" t="str">
            <v>LS-52</v>
          </cell>
          <cell r="E174" t="str">
            <v>Single - Scenario 2</v>
          </cell>
        </row>
        <row r="175">
          <cell r="D175" t="str">
            <v>LS-54</v>
          </cell>
          <cell r="E175" t="str">
            <v>Single - Scenario 2</v>
          </cell>
        </row>
        <row r="176">
          <cell r="D176" t="str">
            <v>LS-60</v>
          </cell>
          <cell r="E176" t="str">
            <v>Single - Scenario 2 (longer segment, one edge in close proximity of a development)</v>
          </cell>
        </row>
        <row r="177">
          <cell r="D177" t="str">
            <v>LS-61</v>
          </cell>
          <cell r="E177" t="str">
            <v>Single - Scenario 2 (longer segment, one edge in close proximity of a development)</v>
          </cell>
        </row>
        <row r="178">
          <cell r="D178" t="str">
            <v>LS-64</v>
          </cell>
          <cell r="E178" t="str">
            <v>Single - Scenario 2 (longer segment, one edge in close proximity of a development)</v>
          </cell>
        </row>
        <row r="179">
          <cell r="D179" t="str">
            <v>LS-70</v>
          </cell>
          <cell r="E179" t="str">
            <v>Single - Scenario 2 (longer segment, one edge in close proximity of a development)</v>
          </cell>
        </row>
        <row r="180">
          <cell r="D180" t="str">
            <v>SG15-1</v>
          </cell>
          <cell r="E180" t="str">
            <v>Single - Scenario 2 (longer segment, one edge in close proximity of a development)</v>
          </cell>
        </row>
        <row r="181">
          <cell r="D181" t="str">
            <v>SG15-2</v>
          </cell>
          <cell r="E181" t="str">
            <v>Single - Scenario 2 (longer segment, one edge in close proximity of a development)</v>
          </cell>
        </row>
        <row r="182">
          <cell r="D182" t="str">
            <v>SG18-5</v>
          </cell>
          <cell r="E182" t="str">
            <v>Single - Scenario 2 (longer segment, one edge in close proximity of a development)</v>
          </cell>
        </row>
        <row r="183">
          <cell r="D183" t="str">
            <v>SG2-2</v>
          </cell>
          <cell r="E183" t="str">
            <v>Single - Scenario 2 (longer segment, one edge in close proximity of a development)</v>
          </cell>
        </row>
        <row r="184">
          <cell r="D184" t="str">
            <v>SG25-1</v>
          </cell>
          <cell r="E184" t="str">
            <v>Single - Scenario 2 (longer segment, one edge in close proximity of a development)</v>
          </cell>
        </row>
        <row r="185">
          <cell r="D185" t="str">
            <v>SG35-3</v>
          </cell>
          <cell r="E185" t="str">
            <v>Single - Scenario 2</v>
          </cell>
        </row>
        <row r="186">
          <cell r="D186" t="str">
            <v>SG35-4</v>
          </cell>
          <cell r="E186" t="str">
            <v>Single - Scenario 2</v>
          </cell>
        </row>
        <row r="187">
          <cell r="D187" t="str">
            <v>SG35-5</v>
          </cell>
          <cell r="E187" t="str">
            <v>Single - Scenario 2</v>
          </cell>
        </row>
        <row r="188">
          <cell r="D188" t="str">
            <v>SG35-6</v>
          </cell>
          <cell r="E188" t="str">
            <v>Single - Scenario 2</v>
          </cell>
        </row>
        <row r="189">
          <cell r="D189" t="str">
            <v>SG5-1</v>
          </cell>
          <cell r="E189" t="str">
            <v>Single - Scenario 2 (longer segment, one edge in close proximity of a development)</v>
          </cell>
        </row>
        <row r="190">
          <cell r="D190" t="str">
            <v>SG5-2</v>
          </cell>
          <cell r="E190" t="str">
            <v>Single - Scenario 2 (longer segment, one edge in close proximity of a development)</v>
          </cell>
        </row>
        <row r="191">
          <cell r="D191" t="str">
            <v>SG7-6</v>
          </cell>
          <cell r="E191" t="str">
            <v>Single - Scenario 2</v>
          </cell>
        </row>
        <row r="192">
          <cell r="D192" t="str">
            <v>EXT-1</v>
          </cell>
          <cell r="E192" t="str">
            <v>Single - Scenario 3</v>
          </cell>
        </row>
        <row r="193">
          <cell r="D193" t="str">
            <v>EXT-3</v>
          </cell>
          <cell r="E193" t="str">
            <v>Single - Scenario 3</v>
          </cell>
        </row>
        <row r="194">
          <cell r="D194" t="str">
            <v>LS-76</v>
          </cell>
          <cell r="E194" t="str">
            <v>Single - Scenario 3 (not the entirety?</v>
          </cell>
        </row>
        <row r="195">
          <cell r="D195" t="str">
            <v>SG10-1</v>
          </cell>
          <cell r="E195" t="str">
            <v>Single - Scenario 3</v>
          </cell>
        </row>
        <row r="196">
          <cell r="D196" t="str">
            <v>SG16-3</v>
          </cell>
          <cell r="E196" t="str">
            <v>Single - Scenario 3</v>
          </cell>
        </row>
        <row r="197">
          <cell r="D197" t="str">
            <v>SG16-4</v>
          </cell>
          <cell r="E197" t="str">
            <v>Single - Scenario 3</v>
          </cell>
        </row>
        <row r="198">
          <cell r="D198" t="str">
            <v>SG19-1</v>
          </cell>
          <cell r="E198" t="str">
            <v>Multiple - Scenario 1</v>
          </cell>
        </row>
        <row r="199">
          <cell r="D199" t="str">
            <v>SG19-2</v>
          </cell>
          <cell r="E199" t="str">
            <v>Multiple - Scenario 1</v>
          </cell>
        </row>
        <row r="200">
          <cell r="D200" t="str">
            <v>SG2-4</v>
          </cell>
          <cell r="E200" t="str">
            <v>Single - Scenario 3</v>
          </cell>
        </row>
        <row r="201">
          <cell r="D201" t="str">
            <v>SG20-3</v>
          </cell>
          <cell r="E201" t="str">
            <v>Single - Scenario 3</v>
          </cell>
        </row>
        <row r="202">
          <cell r="D202" t="str">
            <v>SG26-1</v>
          </cell>
          <cell r="E202" t="str">
            <v>Multiple - Scenario 1</v>
          </cell>
        </row>
        <row r="203">
          <cell r="D203" t="str">
            <v>SG3-3</v>
          </cell>
          <cell r="E203" t="str">
            <v>Multiple - Scenario 2</v>
          </cell>
        </row>
        <row r="204">
          <cell r="D204" t="str">
            <v>SG30-1</v>
          </cell>
          <cell r="E204" t="str">
            <v>Multiple - Scenario 2</v>
          </cell>
        </row>
        <row r="205">
          <cell r="D205" t="str">
            <v>SG34-3</v>
          </cell>
          <cell r="E205" t="str">
            <v>Single - Scenario 3</v>
          </cell>
        </row>
        <row r="206">
          <cell r="D206" t="str">
            <v>SG34-4</v>
          </cell>
          <cell r="E206" t="str">
            <v>Single - Scenario 3</v>
          </cell>
        </row>
        <row r="207">
          <cell r="D207" t="str">
            <v>SG4-5</v>
          </cell>
          <cell r="E207" t="str">
            <v>Multiple - Scenario 1</v>
          </cell>
        </row>
        <row r="208">
          <cell r="D208" t="str">
            <v>SG4-6</v>
          </cell>
          <cell r="E208" t="str">
            <v>Multiple - Scenario 1</v>
          </cell>
        </row>
        <row r="209">
          <cell r="D209" t="str">
            <v>SG6-1</v>
          </cell>
          <cell r="E209" t="str">
            <v>Multiple - Scenario 1</v>
          </cell>
        </row>
        <row r="210">
          <cell r="D210" t="str">
            <v>SG6-6</v>
          </cell>
          <cell r="E210" t="str">
            <v>Multiple - Scenario 1</v>
          </cell>
        </row>
        <row r="211">
          <cell r="D211" t="str">
            <v>SG9-4</v>
          </cell>
          <cell r="E211" t="str">
            <v>Single - Scenario 3</v>
          </cell>
        </row>
        <row r="212">
          <cell r="D212" t="str">
            <v>SG9-5</v>
          </cell>
          <cell r="E212" t="str">
            <v>Single - Scenario 3</v>
          </cell>
        </row>
        <row r="213">
          <cell r="D213" t="str">
            <v>SG9-7</v>
          </cell>
          <cell r="E213" t="str">
            <v>Single - Scenario 3</v>
          </cell>
        </row>
        <row r="214">
          <cell r="D214" t="str">
            <v>SG17-1</v>
          </cell>
          <cell r="E214" t="str">
            <v>Multiple - Scenario 2</v>
          </cell>
        </row>
        <row r="215">
          <cell r="D215" t="str">
            <v>SG30-3</v>
          </cell>
          <cell r="E215" t="str">
            <v>Multiple - Scenario 2</v>
          </cell>
        </row>
        <row r="216">
          <cell r="D216" t="str">
            <v>SG31-3</v>
          </cell>
          <cell r="E216" t="str">
            <v>Multiple - Scenario 2</v>
          </cell>
        </row>
        <row r="217">
          <cell r="D217" t="str">
            <v>SG17-4</v>
          </cell>
          <cell r="E217" t="str">
            <v>Multiple - Scenario 2</v>
          </cell>
        </row>
        <row r="218">
          <cell r="D218" t="str">
            <v>LS-72</v>
          </cell>
          <cell r="E218" t="str">
            <v>Multiple - Scenario 2</v>
          </cell>
        </row>
        <row r="219">
          <cell r="D219" t="str">
            <v>SG17-3</v>
          </cell>
          <cell r="E219" t="str">
            <v>Multiple - Scenario 2</v>
          </cell>
        </row>
        <row r="220">
          <cell r="D220" t="str">
            <v>EXT-6</v>
          </cell>
          <cell r="E220" t="str">
            <v>Multiple - Scenario 2</v>
          </cell>
        </row>
      </sheetData>
      <sheetData sheetId="3"/>
      <sheetData sheetId="4"/>
      <sheetData sheetId="5">
        <row r="4">
          <cell r="O4">
            <v>0.22</v>
          </cell>
          <cell r="P4">
            <v>7.796610169491526E-2</v>
          </cell>
          <cell r="Q4">
            <v>0.28877005347593582</v>
          </cell>
          <cell r="R4">
            <v>0.14645308924485126</v>
          </cell>
          <cell r="S4">
            <v>0.10144927536231885</v>
          </cell>
          <cell r="T4">
            <v>2.5229357798165139E-2</v>
          </cell>
        </row>
      </sheetData>
      <sheetData sheetId="6"/>
      <sheetData sheetId="7"/>
    </sheetDataSet>
  </externalBook>
</externalLink>
</file>

<file path=xl/externalLinks/externalLink6.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Master HHTS"/>
      <sheetName val="Master HHTS (2)"/>
      <sheetName val="Cost Summary"/>
    </sheetNames>
    <sheetDataSet>
      <sheetData sheetId="0"/>
      <sheetData sheetId="1"/>
      <sheetData sheetId="2">
        <row r="1">
          <cell r="A1" t="str">
            <v>UPDATED</v>
          </cell>
          <cell r="B1"/>
          <cell r="C1">
            <v>0.1</v>
          </cell>
          <cell r="D1">
            <v>0.45</v>
          </cell>
          <cell r="E1">
            <v>0.15</v>
          </cell>
          <cell r="F1">
            <v>0.5</v>
          </cell>
          <cell r="G1">
            <v>0.15</v>
          </cell>
          <cell r="H1"/>
        </row>
        <row r="2">
          <cell r="A2" t="str">
            <v>ID</v>
          </cell>
          <cell r="B2" t="str">
            <v>Base Costs (see Breakdown Tab )</v>
          </cell>
          <cell r="C2" t="str">
            <v>Traffic Management @ 10%</v>
          </cell>
          <cell r="D2" t="str">
            <v>Main Contractor Preliminaries and Overheads and Profit @ 45%</v>
          </cell>
          <cell r="E2" t="str">
            <v>Professional Fees @ 15%</v>
          </cell>
          <cell r="F2" t="str">
            <v>Contingency @ 50%</v>
          </cell>
          <cell r="G2" t="str">
            <v>Statutory Undertakers @ 15%</v>
          </cell>
          <cell r="H2" t="str">
            <v>Total Cost at 2023 Price</v>
          </cell>
        </row>
        <row r="3">
          <cell r="A3" t="str">
            <v>LS-1</v>
          </cell>
          <cell r="B3">
            <v>29161</v>
          </cell>
          <cell r="C3">
            <v>2916.1000000000004</v>
          </cell>
          <cell r="D3">
            <v>14434.695</v>
          </cell>
          <cell r="E3">
            <v>6976.7692499999994</v>
          </cell>
          <cell r="F3">
            <v>26744.282124999998</v>
          </cell>
          <cell r="G3">
            <v>12034.926956249998</v>
          </cell>
          <cell r="H3">
            <v>92267.773331249991</v>
          </cell>
        </row>
        <row r="4">
          <cell r="A4" t="str">
            <v>LS-2</v>
          </cell>
          <cell r="B4">
            <v>128090</v>
          </cell>
          <cell r="C4">
            <v>12809</v>
          </cell>
          <cell r="D4">
            <v>63404.55</v>
          </cell>
          <cell r="E4">
            <v>30645.532499999998</v>
          </cell>
          <cell r="F4">
            <v>117474.54124999999</v>
          </cell>
          <cell r="G4">
            <v>52863.543562499995</v>
          </cell>
          <cell r="H4">
            <v>405287.16731249995</v>
          </cell>
        </row>
        <row r="5">
          <cell r="A5" t="str">
            <v>LS-3</v>
          </cell>
          <cell r="B5">
            <v>46427.864000000001</v>
          </cell>
          <cell r="C5">
            <v>4642.7864</v>
          </cell>
          <cell r="D5">
            <v>22981.792679999999</v>
          </cell>
          <cell r="E5">
            <v>11107.866462</v>
          </cell>
          <cell r="F5">
            <v>42580.154771000001</v>
          </cell>
          <cell r="G5">
            <v>19161.06964695</v>
          </cell>
          <cell r="H5">
            <v>146901.53395995</v>
          </cell>
        </row>
        <row r="6">
          <cell r="A6" t="str">
            <v>LS-4</v>
          </cell>
          <cell r="B6">
            <v>26795</v>
          </cell>
          <cell r="C6">
            <v>2679.5</v>
          </cell>
          <cell r="D6">
            <v>13263.525</v>
          </cell>
          <cell r="E6">
            <v>6410.7037499999997</v>
          </cell>
          <cell r="F6">
            <v>24574.364375000001</v>
          </cell>
          <cell r="G6">
            <v>11058.46396875</v>
          </cell>
          <cell r="H6">
            <v>84781.557093750002</v>
          </cell>
        </row>
        <row r="7">
          <cell r="A7" t="str">
            <v>LS-5</v>
          </cell>
          <cell r="B7">
            <v>36158.75</v>
          </cell>
          <cell r="C7">
            <v>3615.875</v>
          </cell>
          <cell r="D7">
            <v>17898.581249999999</v>
          </cell>
          <cell r="E7">
            <v>8650.9809375000004</v>
          </cell>
          <cell r="F7">
            <v>33162.093593750003</v>
          </cell>
          <cell r="G7">
            <v>14922.9421171875</v>
          </cell>
          <cell r="H7">
            <v>114409.22289843751</v>
          </cell>
        </row>
        <row r="8">
          <cell r="A8" t="str">
            <v>LS-6</v>
          </cell>
          <cell r="B8">
            <v>19083.75</v>
          </cell>
          <cell r="C8">
            <v>1908.375</v>
          </cell>
          <cell r="D8">
            <v>9446.4562500000011</v>
          </cell>
          <cell r="E8">
            <v>4565.7871875000001</v>
          </cell>
          <cell r="F8">
            <v>17502.184218750001</v>
          </cell>
          <cell r="G8">
            <v>7875.9828984374999</v>
          </cell>
          <cell r="H8">
            <v>60382.5355546875</v>
          </cell>
        </row>
        <row r="9">
          <cell r="A9" t="str">
            <v>LS-7</v>
          </cell>
          <cell r="B9">
            <v>36158.75</v>
          </cell>
          <cell r="C9">
            <v>3615.875</v>
          </cell>
          <cell r="D9">
            <v>17898.581249999999</v>
          </cell>
          <cell r="E9">
            <v>8650.9809375000004</v>
          </cell>
          <cell r="F9">
            <v>33162.093593750003</v>
          </cell>
          <cell r="G9">
            <v>14922.9421171875</v>
          </cell>
          <cell r="H9">
            <v>114409.22289843751</v>
          </cell>
        </row>
        <row r="10">
          <cell r="A10" t="str">
            <v>LS-8</v>
          </cell>
          <cell r="B10">
            <v>57480.75</v>
          </cell>
          <cell r="C10">
            <v>5748.0750000000007</v>
          </cell>
          <cell r="D10">
            <v>28452.971249999999</v>
          </cell>
          <cell r="E10">
            <v>13752.269437499999</v>
          </cell>
          <cell r="F10">
            <v>52717.032843749999</v>
          </cell>
          <cell r="G10">
            <v>23722.664779687497</v>
          </cell>
          <cell r="H10">
            <v>181873.7633109375</v>
          </cell>
        </row>
        <row r="11">
          <cell r="A11" t="str">
            <v>LS-9</v>
          </cell>
          <cell r="B11">
            <v>64860.76</v>
          </cell>
          <cell r="C11">
            <v>6486.0760000000009</v>
          </cell>
          <cell r="D11">
            <v>32106.076200000007</v>
          </cell>
          <cell r="E11">
            <v>15517.936830000002</v>
          </cell>
          <cell r="F11">
            <v>59485.424515000013</v>
          </cell>
          <cell r="G11">
            <v>26768.441031750008</v>
          </cell>
          <cell r="H11">
            <v>205224.71457675003</v>
          </cell>
        </row>
        <row r="12">
          <cell r="A12" t="str">
            <v>LS-10</v>
          </cell>
          <cell r="B12">
            <v>12714</v>
          </cell>
          <cell r="C12">
            <v>1271.4000000000001</v>
          </cell>
          <cell r="D12">
            <v>6293.43</v>
          </cell>
          <cell r="E12">
            <v>3041.8245000000002</v>
          </cell>
          <cell r="F12">
            <v>11660.32725</v>
          </cell>
          <cell r="G12">
            <v>5247.1472624999997</v>
          </cell>
          <cell r="H12">
            <v>40228.129012500001</v>
          </cell>
        </row>
        <row r="13">
          <cell r="A13" t="str">
            <v>LS-11</v>
          </cell>
          <cell r="B13">
            <v>38537</v>
          </cell>
          <cell r="C13">
            <v>3853.7000000000003</v>
          </cell>
          <cell r="D13">
            <v>19075.814999999999</v>
          </cell>
          <cell r="E13">
            <v>9219.9772499999999</v>
          </cell>
          <cell r="F13">
            <v>35343.246124999998</v>
          </cell>
          <cell r="G13">
            <v>15904.460756249999</v>
          </cell>
          <cell r="H13">
            <v>121934.19913124999</v>
          </cell>
        </row>
        <row r="14">
          <cell r="A14" t="str">
            <v>LS-12</v>
          </cell>
          <cell r="B14">
            <v>13482</v>
          </cell>
          <cell r="C14">
            <v>1348.2</v>
          </cell>
          <cell r="D14">
            <v>6673.59</v>
          </cell>
          <cell r="E14">
            <v>3225.5684999999999</v>
          </cell>
          <cell r="F14">
            <v>12364.679250000001</v>
          </cell>
          <cell r="G14">
            <v>5564.1056625000001</v>
          </cell>
          <cell r="H14">
            <v>42658.143412500001</v>
          </cell>
        </row>
        <row r="15">
          <cell r="A15" t="str">
            <v>LS-13</v>
          </cell>
          <cell r="B15">
            <v>100999.75</v>
          </cell>
          <cell r="C15">
            <v>10099.975</v>
          </cell>
          <cell r="D15">
            <v>49994.876250000001</v>
          </cell>
          <cell r="E15">
            <v>24164.1901875</v>
          </cell>
          <cell r="F15">
            <v>92629.395718750005</v>
          </cell>
          <cell r="G15">
            <v>41683.228073437494</v>
          </cell>
          <cell r="H15">
            <v>319571.41522968747</v>
          </cell>
        </row>
        <row r="16">
          <cell r="A16" t="str">
            <v>LS-14</v>
          </cell>
          <cell r="B16">
            <v>159209</v>
          </cell>
          <cell r="C16">
            <v>15920.900000000001</v>
          </cell>
          <cell r="D16">
            <v>78808.455000000002</v>
          </cell>
          <cell r="E16">
            <v>38090.753249999994</v>
          </cell>
          <cell r="F16">
            <v>146014.554125</v>
          </cell>
          <cell r="G16">
            <v>65706.549356250005</v>
          </cell>
          <cell r="H16">
            <v>503750.21173124993</v>
          </cell>
        </row>
        <row r="17">
          <cell r="A17" t="str">
            <v>LS-16</v>
          </cell>
          <cell r="B17">
            <v>19497.84</v>
          </cell>
          <cell r="C17">
            <v>1949.7840000000001</v>
          </cell>
          <cell r="D17">
            <v>9651.4308000000001</v>
          </cell>
          <cell r="E17">
            <v>4664.8582199999992</v>
          </cell>
          <cell r="F17">
            <v>17881.95651</v>
          </cell>
          <cell r="G17">
            <v>8046.8804295</v>
          </cell>
          <cell r="H17">
            <v>61692.749959499997</v>
          </cell>
        </row>
        <row r="18">
          <cell r="A18" t="str">
            <v>LS-17</v>
          </cell>
          <cell r="B18">
            <v>21568.880000000001</v>
          </cell>
          <cell r="C18">
            <v>2156.8880000000004</v>
          </cell>
          <cell r="D18">
            <v>10676.595600000001</v>
          </cell>
          <cell r="E18">
            <v>5160.3545399999994</v>
          </cell>
          <cell r="F18">
            <v>19781.359069999999</v>
          </cell>
          <cell r="G18">
            <v>8901.6115815000012</v>
          </cell>
          <cell r="H18">
            <v>68245.688791499997</v>
          </cell>
        </row>
        <row r="19">
          <cell r="A19" t="str">
            <v>LS-18</v>
          </cell>
          <cell r="B19">
            <v>34668.880000000005</v>
          </cell>
          <cell r="C19">
            <v>3466.8880000000008</v>
          </cell>
          <cell r="D19">
            <v>17161.095600000001</v>
          </cell>
          <cell r="E19">
            <v>8294.5295399999995</v>
          </cell>
          <cell r="F19">
            <v>31795.69657</v>
          </cell>
          <cell r="G19">
            <v>14308.0634565</v>
          </cell>
          <cell r="H19">
            <v>109695.15316650001</v>
          </cell>
        </row>
        <row r="20">
          <cell r="A20" t="str">
            <v>LS-19</v>
          </cell>
          <cell r="B20">
            <v>34668.880000000005</v>
          </cell>
          <cell r="C20">
            <v>3466.8880000000008</v>
          </cell>
          <cell r="D20">
            <v>17161.095600000001</v>
          </cell>
          <cell r="E20">
            <v>8294.5295399999995</v>
          </cell>
          <cell r="F20">
            <v>31795.69657</v>
          </cell>
          <cell r="G20">
            <v>14308.0634565</v>
          </cell>
          <cell r="H20">
            <v>109695.15316650001</v>
          </cell>
        </row>
        <row r="21">
          <cell r="A21" t="str">
            <v>LS-20</v>
          </cell>
          <cell r="B21">
            <v>34668.880000000005</v>
          </cell>
          <cell r="C21">
            <v>3466.8880000000008</v>
          </cell>
          <cell r="D21">
            <v>17161.095600000001</v>
          </cell>
          <cell r="E21">
            <v>8294.5295399999995</v>
          </cell>
          <cell r="F21">
            <v>31795.69657</v>
          </cell>
          <cell r="G21">
            <v>14308.0634565</v>
          </cell>
          <cell r="H21">
            <v>109695.15316650001</v>
          </cell>
        </row>
        <row r="22">
          <cell r="A22" t="str">
            <v>LS-21</v>
          </cell>
          <cell r="B22">
            <v>34668.880000000005</v>
          </cell>
          <cell r="C22">
            <v>3466.8880000000008</v>
          </cell>
          <cell r="D22">
            <v>17161.095600000001</v>
          </cell>
          <cell r="E22">
            <v>8294.5295399999995</v>
          </cell>
          <cell r="F22">
            <v>31795.69657</v>
          </cell>
          <cell r="G22">
            <v>14308.0634565</v>
          </cell>
          <cell r="H22">
            <v>109695.15316650001</v>
          </cell>
        </row>
        <row r="23">
          <cell r="A23" t="str">
            <v>LS-22</v>
          </cell>
          <cell r="B23">
            <v>42714</v>
          </cell>
          <cell r="C23">
            <v>4271.4000000000005</v>
          </cell>
          <cell r="D23">
            <v>21143.43</v>
          </cell>
          <cell r="E23">
            <v>10219.324500000001</v>
          </cell>
          <cell r="F23">
            <v>39174.077250000002</v>
          </cell>
          <cell r="G23">
            <v>17628.334762499999</v>
          </cell>
          <cell r="H23">
            <v>135150.56651249999</v>
          </cell>
        </row>
        <row r="24">
          <cell r="A24" t="str">
            <v>LS-23</v>
          </cell>
          <cell r="B24">
            <v>43092</v>
          </cell>
          <cell r="C24">
            <v>4309.2</v>
          </cell>
          <cell r="D24">
            <v>21330.54</v>
          </cell>
          <cell r="E24">
            <v>10309.760999999999</v>
          </cell>
          <cell r="F24">
            <v>39520.750499999995</v>
          </cell>
          <cell r="G24">
            <v>17784.337724999998</v>
          </cell>
          <cell r="H24">
            <v>136346.58922499997</v>
          </cell>
        </row>
        <row r="25">
          <cell r="A25" t="str">
            <v>LS-24</v>
          </cell>
          <cell r="B25">
            <v>42714</v>
          </cell>
          <cell r="C25">
            <v>4271.4000000000005</v>
          </cell>
          <cell r="D25">
            <v>21143.43</v>
          </cell>
          <cell r="E25">
            <v>10219.324500000001</v>
          </cell>
          <cell r="F25">
            <v>39174.077250000002</v>
          </cell>
          <cell r="G25">
            <v>17628.334762499999</v>
          </cell>
          <cell r="H25">
            <v>135150.56651249999</v>
          </cell>
        </row>
        <row r="26">
          <cell r="A26" t="str">
            <v>LS-25</v>
          </cell>
          <cell r="B26">
            <v>42714</v>
          </cell>
          <cell r="C26">
            <v>4271.4000000000005</v>
          </cell>
          <cell r="D26">
            <v>21143.43</v>
          </cell>
          <cell r="E26">
            <v>10219.324500000001</v>
          </cell>
          <cell r="F26">
            <v>39174.077250000002</v>
          </cell>
          <cell r="G26">
            <v>17628.334762499999</v>
          </cell>
          <cell r="H26">
            <v>135150.56651249999</v>
          </cell>
        </row>
        <row r="27">
          <cell r="A27" t="str">
            <v>LS-26</v>
          </cell>
          <cell r="B27">
            <v>42714</v>
          </cell>
          <cell r="C27">
            <v>4271.4000000000005</v>
          </cell>
          <cell r="D27">
            <v>21143.43</v>
          </cell>
          <cell r="E27">
            <v>10219.324500000001</v>
          </cell>
          <cell r="F27">
            <v>39174.077250000002</v>
          </cell>
          <cell r="G27">
            <v>17628.334762499999</v>
          </cell>
          <cell r="H27">
            <v>135150.56651249999</v>
          </cell>
        </row>
        <row r="28">
          <cell r="A28" t="str">
            <v>LS-27</v>
          </cell>
          <cell r="B28">
            <v>42714</v>
          </cell>
          <cell r="C28">
            <v>4271.4000000000005</v>
          </cell>
          <cell r="D28">
            <v>21143.43</v>
          </cell>
          <cell r="E28">
            <v>10219.324500000001</v>
          </cell>
          <cell r="F28">
            <v>39174.077250000002</v>
          </cell>
          <cell r="G28">
            <v>17628.334762499999</v>
          </cell>
          <cell r="H28">
            <v>135150.56651249999</v>
          </cell>
        </row>
        <row r="29">
          <cell r="A29" t="str">
            <v>LS-28</v>
          </cell>
          <cell r="B29">
            <v>42714</v>
          </cell>
          <cell r="C29">
            <v>4271.4000000000005</v>
          </cell>
          <cell r="D29">
            <v>21143.43</v>
          </cell>
          <cell r="E29">
            <v>10219.324500000001</v>
          </cell>
          <cell r="F29">
            <v>39174.077250000002</v>
          </cell>
          <cell r="G29">
            <v>17628.334762499999</v>
          </cell>
          <cell r="H29">
            <v>135150.56651249999</v>
          </cell>
        </row>
        <row r="30">
          <cell r="A30" t="str">
            <v>LS-29</v>
          </cell>
          <cell r="B30">
            <v>42714</v>
          </cell>
          <cell r="C30">
            <v>4271.4000000000005</v>
          </cell>
          <cell r="D30">
            <v>21143.43</v>
          </cell>
          <cell r="E30">
            <v>10219.324500000001</v>
          </cell>
          <cell r="F30">
            <v>39174.077250000002</v>
          </cell>
          <cell r="G30">
            <v>17628.334762499999</v>
          </cell>
          <cell r="H30">
            <v>135150.56651249999</v>
          </cell>
        </row>
        <row r="31">
          <cell r="A31" t="str">
            <v>LS-30</v>
          </cell>
          <cell r="B31">
            <v>227773.67</v>
          </cell>
          <cell r="C31">
            <v>22777.367000000002</v>
          </cell>
          <cell r="D31">
            <v>112747.96665</v>
          </cell>
          <cell r="E31">
            <v>54494.850547500006</v>
          </cell>
          <cell r="F31">
            <v>208896.92709875002</v>
          </cell>
          <cell r="G31">
            <v>94003.617194437509</v>
          </cell>
          <cell r="H31">
            <v>720694.3984906876</v>
          </cell>
        </row>
        <row r="32">
          <cell r="A32" t="str">
            <v>LS-31</v>
          </cell>
          <cell r="B32"/>
          <cell r="C32"/>
          <cell r="D32"/>
          <cell r="E32"/>
          <cell r="F32"/>
          <cell r="G32"/>
          <cell r="H32" t="str">
            <v>£2,000,000-£9,000,000</v>
          </cell>
        </row>
        <row r="33">
          <cell r="A33" t="str">
            <v>LS-32</v>
          </cell>
          <cell r="B33"/>
          <cell r="C33"/>
          <cell r="D33"/>
          <cell r="E33"/>
          <cell r="F33"/>
          <cell r="G33"/>
          <cell r="H33">
            <v>106900000</v>
          </cell>
        </row>
        <row r="34">
          <cell r="A34" t="str">
            <v>LS-33</v>
          </cell>
          <cell r="B34">
            <v>256650.85279999999</v>
          </cell>
          <cell r="C34">
            <v>25665.085279999999</v>
          </cell>
          <cell r="D34">
            <v>127042.17213599999</v>
          </cell>
          <cell r="E34">
            <v>61403.716532399994</v>
          </cell>
          <cell r="F34">
            <v>235380.9133742</v>
          </cell>
          <cell r="G34">
            <v>105921.41101838999</v>
          </cell>
          <cell r="H34">
            <v>812064.15114098997</v>
          </cell>
        </row>
        <row r="35">
          <cell r="A35" t="str">
            <v>LS-34</v>
          </cell>
          <cell r="B35">
            <v>5000000</v>
          </cell>
          <cell r="C35">
            <v>500000</v>
          </cell>
          <cell r="D35">
            <v>2475000</v>
          </cell>
          <cell r="E35">
            <v>1196250</v>
          </cell>
          <cell r="F35">
            <v>4585625</v>
          </cell>
          <cell r="G35">
            <v>2063531.25</v>
          </cell>
          <cell r="H35">
            <v>15820406.25</v>
          </cell>
        </row>
        <row r="36">
          <cell r="A36" t="str">
            <v>LS-35</v>
          </cell>
          <cell r="B36">
            <v>21886.55</v>
          </cell>
          <cell r="C36">
            <v>2188.6550000000002</v>
          </cell>
          <cell r="D36">
            <v>10833.84225</v>
          </cell>
          <cell r="E36">
            <v>5236.3570874999996</v>
          </cell>
          <cell r="F36">
            <v>20072.702168749998</v>
          </cell>
          <cell r="G36">
            <v>9032.715975937499</v>
          </cell>
          <cell r="H36">
            <v>69250.822482187505</v>
          </cell>
        </row>
        <row r="37">
          <cell r="A37" t="str">
            <v>LS-36</v>
          </cell>
          <cell r="B37">
            <v>21886.55</v>
          </cell>
          <cell r="C37">
            <v>2188.6550000000002</v>
          </cell>
          <cell r="D37">
            <v>10833.84225</v>
          </cell>
          <cell r="E37">
            <v>5236.3570874999996</v>
          </cell>
          <cell r="F37">
            <v>20072.702168749998</v>
          </cell>
          <cell r="G37">
            <v>9032.715975937499</v>
          </cell>
          <cell r="H37">
            <v>69250.822482187505</v>
          </cell>
        </row>
        <row r="38">
          <cell r="A38" t="str">
            <v>LS-37</v>
          </cell>
          <cell r="B38">
            <v>21216.03</v>
          </cell>
          <cell r="C38">
            <v>2121.6030000000001</v>
          </cell>
          <cell r="D38">
            <v>10501.93485</v>
          </cell>
          <cell r="E38">
            <v>5075.9351774999996</v>
          </cell>
          <cell r="F38">
            <v>19457.751513750001</v>
          </cell>
          <cell r="G38">
            <v>8755.9881811875002</v>
          </cell>
          <cell r="H38">
            <v>67129.242722437499</v>
          </cell>
        </row>
        <row r="39">
          <cell r="A39" t="str">
            <v>LS-38</v>
          </cell>
          <cell r="B39">
            <v>21886.55</v>
          </cell>
          <cell r="C39">
            <v>2188.6550000000002</v>
          </cell>
          <cell r="D39">
            <v>10833.84225</v>
          </cell>
          <cell r="E39">
            <v>5236.3570874999996</v>
          </cell>
          <cell r="F39">
            <v>20072.702168749998</v>
          </cell>
          <cell r="G39">
            <v>9032.715975937499</v>
          </cell>
          <cell r="H39">
            <v>69250.822482187505</v>
          </cell>
        </row>
        <row r="40">
          <cell r="A40" t="str">
            <v>LS-39</v>
          </cell>
          <cell r="B40">
            <v>21741.289999999997</v>
          </cell>
          <cell r="C40">
            <v>2174.1289999999999</v>
          </cell>
          <cell r="D40">
            <v>10761.938549999999</v>
          </cell>
          <cell r="E40">
            <v>5201.6036324999995</v>
          </cell>
          <cell r="F40">
            <v>19939.480591250001</v>
          </cell>
          <cell r="G40">
            <v>8972.7662660624992</v>
          </cell>
          <cell r="H40">
            <v>68791.208039812511</v>
          </cell>
        </row>
        <row r="41">
          <cell r="A41" t="str">
            <v>LS-40</v>
          </cell>
          <cell r="B41">
            <v>21886.55</v>
          </cell>
          <cell r="C41">
            <v>2188.6550000000002</v>
          </cell>
          <cell r="D41">
            <v>10833.84225</v>
          </cell>
          <cell r="E41">
            <v>5236.3570874999996</v>
          </cell>
          <cell r="F41">
            <v>20072.702168749998</v>
          </cell>
          <cell r="G41">
            <v>9032.715975937499</v>
          </cell>
          <cell r="H41">
            <v>69250.822482187505</v>
          </cell>
        </row>
        <row r="42">
          <cell r="A42" t="str">
            <v>LS-41</v>
          </cell>
          <cell r="B42">
            <v>75800</v>
          </cell>
          <cell r="C42">
            <v>7580</v>
          </cell>
          <cell r="D42">
            <v>37521</v>
          </cell>
          <cell r="E42">
            <v>18135.149999999998</v>
          </cell>
          <cell r="F42">
            <v>69518.074999999997</v>
          </cell>
          <cell r="G42">
            <v>31283.133750000001</v>
          </cell>
          <cell r="H42">
            <v>239837.35874999998</v>
          </cell>
        </row>
        <row r="43">
          <cell r="A43" t="str">
            <v>LS-42</v>
          </cell>
          <cell r="B43">
            <v>165000</v>
          </cell>
          <cell r="C43">
            <v>16500</v>
          </cell>
          <cell r="D43">
            <v>81675</v>
          </cell>
          <cell r="E43">
            <v>39476.25</v>
          </cell>
          <cell r="F43">
            <v>151325.625</v>
          </cell>
          <cell r="G43">
            <v>68096.53125</v>
          </cell>
          <cell r="H43">
            <v>522073.40625</v>
          </cell>
        </row>
        <row r="44">
          <cell r="A44" t="str">
            <v>LS-43</v>
          </cell>
          <cell r="B44">
            <v>160000</v>
          </cell>
          <cell r="C44">
            <v>16000</v>
          </cell>
          <cell r="D44">
            <v>79200</v>
          </cell>
          <cell r="E44">
            <v>38280</v>
          </cell>
          <cell r="F44">
            <v>146740</v>
          </cell>
          <cell r="G44">
            <v>66033</v>
          </cell>
          <cell r="H44">
            <v>506253</v>
          </cell>
        </row>
        <row r="45">
          <cell r="A45" t="str">
            <v>LS-44</v>
          </cell>
          <cell r="B45">
            <v>160000</v>
          </cell>
          <cell r="C45">
            <v>16000</v>
          </cell>
          <cell r="D45">
            <v>79200</v>
          </cell>
          <cell r="E45">
            <v>38280</v>
          </cell>
          <cell r="F45">
            <v>146740</v>
          </cell>
          <cell r="G45">
            <v>66033</v>
          </cell>
          <cell r="H45">
            <v>506253</v>
          </cell>
        </row>
        <row r="46">
          <cell r="A46" t="str">
            <v>LS-45</v>
          </cell>
          <cell r="B46">
            <v>2400</v>
          </cell>
          <cell r="C46">
            <v>240</v>
          </cell>
          <cell r="D46">
            <v>1188</v>
          </cell>
          <cell r="E46">
            <v>574.19999999999993</v>
          </cell>
          <cell r="F46">
            <v>2201.1</v>
          </cell>
          <cell r="G46">
            <v>990.495</v>
          </cell>
          <cell r="H46">
            <v>7593.7949999999992</v>
          </cell>
        </row>
        <row r="47">
          <cell r="A47" t="str">
            <v>LS-46</v>
          </cell>
          <cell r="B47">
            <v>105800</v>
          </cell>
          <cell r="C47">
            <v>10580</v>
          </cell>
          <cell r="D47">
            <v>52371</v>
          </cell>
          <cell r="E47">
            <v>25312.649999999998</v>
          </cell>
          <cell r="F47">
            <v>97031.824999999997</v>
          </cell>
          <cell r="G47">
            <v>43664.321250000001</v>
          </cell>
          <cell r="H47">
            <v>334759.79624999996</v>
          </cell>
        </row>
        <row r="48">
          <cell r="A48" t="str">
            <v>LS-47</v>
          </cell>
          <cell r="B48">
            <v>160000</v>
          </cell>
          <cell r="C48">
            <v>16000</v>
          </cell>
          <cell r="D48">
            <v>79200</v>
          </cell>
          <cell r="E48">
            <v>38280</v>
          </cell>
          <cell r="F48">
            <v>146740</v>
          </cell>
          <cell r="G48">
            <v>66033</v>
          </cell>
          <cell r="H48">
            <v>506253</v>
          </cell>
        </row>
        <row r="49">
          <cell r="A49" t="str">
            <v>LS-48</v>
          </cell>
          <cell r="B49">
            <v>6000</v>
          </cell>
          <cell r="C49">
            <v>600</v>
          </cell>
          <cell r="D49">
            <v>2970</v>
          </cell>
          <cell r="E49">
            <v>1435.5</v>
          </cell>
          <cell r="F49">
            <v>5502.75</v>
          </cell>
          <cell r="G49">
            <v>2476.2375000000002</v>
          </cell>
          <cell r="H49">
            <v>18984.487499999999</v>
          </cell>
        </row>
        <row r="50">
          <cell r="A50" t="str">
            <v>LS-49</v>
          </cell>
          <cell r="B50">
            <v>110800</v>
          </cell>
          <cell r="C50">
            <v>11080</v>
          </cell>
          <cell r="D50">
            <v>54846</v>
          </cell>
          <cell r="E50">
            <v>26508.899999999998</v>
          </cell>
          <cell r="F50">
            <v>101617.45</v>
          </cell>
          <cell r="G50">
            <v>45727.852500000001</v>
          </cell>
          <cell r="H50">
            <v>350580.20249999996</v>
          </cell>
        </row>
        <row r="51">
          <cell r="A51" t="str">
            <v>LS-50</v>
          </cell>
          <cell r="B51">
            <v>10823</v>
          </cell>
          <cell r="C51">
            <v>1082.3</v>
          </cell>
          <cell r="D51">
            <v>5357.3850000000002</v>
          </cell>
          <cell r="E51">
            <v>2589.4027499999997</v>
          </cell>
          <cell r="F51">
            <v>9926.0438749999994</v>
          </cell>
          <cell r="G51">
            <v>4466.7197437499999</v>
          </cell>
          <cell r="H51">
            <v>34244.851368749994</v>
          </cell>
        </row>
        <row r="52">
          <cell r="A52" t="str">
            <v>LS-51</v>
          </cell>
          <cell r="B52">
            <v>468086.32274999999</v>
          </cell>
          <cell r="C52">
            <v>46808.632275000004</v>
          </cell>
          <cell r="D52">
            <v>231702.72976125</v>
          </cell>
          <cell r="E52">
            <v>111989.6527179375</v>
          </cell>
          <cell r="F52">
            <v>429293.66875209374</v>
          </cell>
          <cell r="G52">
            <v>193182.15093844218</v>
          </cell>
          <cell r="H52">
            <v>1481063.1571947234</v>
          </cell>
        </row>
        <row r="53">
          <cell r="A53" t="str">
            <v>LS-52</v>
          </cell>
          <cell r="B53">
            <v>78000</v>
          </cell>
          <cell r="C53">
            <v>7800</v>
          </cell>
          <cell r="D53">
            <v>38610</v>
          </cell>
          <cell r="E53">
            <v>18661.5</v>
          </cell>
          <cell r="F53">
            <v>71535.75</v>
          </cell>
          <cell r="G53">
            <v>32191.087499999998</v>
          </cell>
          <cell r="H53">
            <v>246798.33749999999</v>
          </cell>
        </row>
        <row r="54">
          <cell r="A54" t="str">
            <v>LS-53</v>
          </cell>
          <cell r="B54">
            <v>10823</v>
          </cell>
          <cell r="C54">
            <v>1082.3</v>
          </cell>
          <cell r="D54">
            <v>5357.3850000000002</v>
          </cell>
          <cell r="E54">
            <v>2589.4027499999997</v>
          </cell>
          <cell r="F54">
            <v>9926.0438749999994</v>
          </cell>
          <cell r="G54">
            <v>4466.7197437499999</v>
          </cell>
          <cell r="H54">
            <v>34244.851368749994</v>
          </cell>
        </row>
        <row r="55">
          <cell r="A55" t="str">
            <v>LS-54</v>
          </cell>
          <cell r="B55">
            <v>749000</v>
          </cell>
          <cell r="C55">
            <v>74900</v>
          </cell>
          <cell r="D55">
            <v>370755</v>
          </cell>
          <cell r="E55">
            <v>179198.25</v>
          </cell>
          <cell r="F55">
            <v>686926.625</v>
          </cell>
          <cell r="G55">
            <v>309116.98124999995</v>
          </cell>
          <cell r="H55">
            <v>2369896.8562500002</v>
          </cell>
        </row>
        <row r="56">
          <cell r="A56" t="str">
            <v>LS-55</v>
          </cell>
          <cell r="B56">
            <v>98800</v>
          </cell>
          <cell r="C56">
            <v>9880</v>
          </cell>
          <cell r="D56">
            <v>48906</v>
          </cell>
          <cell r="E56">
            <v>23637.899999999998</v>
          </cell>
          <cell r="F56">
            <v>90611.95</v>
          </cell>
          <cell r="G56">
            <v>40775.377500000002</v>
          </cell>
          <cell r="H56">
            <v>312611.22749999998</v>
          </cell>
        </row>
        <row r="57">
          <cell r="A57" t="str">
            <v>LS-56</v>
          </cell>
          <cell r="B57">
            <v>152714</v>
          </cell>
          <cell r="C57">
            <v>15271.400000000001</v>
          </cell>
          <cell r="D57">
            <v>75593.429999999993</v>
          </cell>
          <cell r="E57">
            <v>36536.824499999995</v>
          </cell>
          <cell r="F57">
            <v>140057.82725</v>
          </cell>
          <cell r="G57">
            <v>63026.022262499988</v>
          </cell>
          <cell r="H57">
            <v>483199.50401250005</v>
          </cell>
        </row>
        <row r="58">
          <cell r="A58" t="str">
            <v>LS-57</v>
          </cell>
          <cell r="B58">
            <v>78537</v>
          </cell>
          <cell r="C58">
            <v>7853.7000000000007</v>
          </cell>
          <cell r="D58">
            <v>38875.815000000002</v>
          </cell>
          <cell r="E58">
            <v>18789.97725</v>
          </cell>
          <cell r="F58">
            <v>72028.246125000005</v>
          </cell>
          <cell r="G58">
            <v>32412.710756250002</v>
          </cell>
          <cell r="H58">
            <v>248497.44913125003</v>
          </cell>
        </row>
        <row r="59">
          <cell r="A59" t="str">
            <v>LS-58</v>
          </cell>
          <cell r="B59"/>
          <cell r="C59"/>
          <cell r="D59"/>
          <cell r="E59"/>
          <cell r="F59"/>
          <cell r="G59"/>
          <cell r="H59"/>
        </row>
        <row r="60">
          <cell r="A60" t="str">
            <v>LS-59</v>
          </cell>
          <cell r="B60">
            <v>11874</v>
          </cell>
          <cell r="C60">
            <v>1187.4000000000001</v>
          </cell>
          <cell r="D60">
            <v>5877.63</v>
          </cell>
          <cell r="E60">
            <v>2840.8544999999999</v>
          </cell>
          <cell r="F60">
            <v>10889.94225</v>
          </cell>
          <cell r="G60">
            <v>4900.4740124999998</v>
          </cell>
          <cell r="H60">
            <v>37570.300762500003</v>
          </cell>
        </row>
        <row r="61">
          <cell r="A61" t="str">
            <v>LS-60</v>
          </cell>
          <cell r="B61">
            <v>72000</v>
          </cell>
          <cell r="C61">
            <v>7200</v>
          </cell>
          <cell r="D61">
            <v>35640</v>
          </cell>
          <cell r="E61">
            <v>17226</v>
          </cell>
          <cell r="F61">
            <v>66033</v>
          </cell>
          <cell r="G61">
            <v>29714.85</v>
          </cell>
          <cell r="H61">
            <v>227813.85</v>
          </cell>
        </row>
        <row r="62">
          <cell r="A62" t="str">
            <v>LS-61</v>
          </cell>
          <cell r="B62">
            <v>723007.25</v>
          </cell>
          <cell r="C62">
            <v>72300.725000000006</v>
          </cell>
          <cell r="D62">
            <v>357888.58875</v>
          </cell>
          <cell r="E62">
            <v>172979.4845625</v>
          </cell>
          <cell r="F62">
            <v>663088.02415624994</v>
          </cell>
          <cell r="G62">
            <v>298389.61087031249</v>
          </cell>
          <cell r="H62">
            <v>2287653.6833390621</v>
          </cell>
        </row>
        <row r="63">
          <cell r="A63" t="str">
            <v>LS-62</v>
          </cell>
          <cell r="B63"/>
          <cell r="C63"/>
          <cell r="D63"/>
          <cell r="E63"/>
          <cell r="F63"/>
          <cell r="G63"/>
          <cell r="H63"/>
        </row>
        <row r="64">
          <cell r="A64" t="str">
            <v>LS-63</v>
          </cell>
          <cell r="B64"/>
          <cell r="C64"/>
          <cell r="D64"/>
          <cell r="E64"/>
          <cell r="F64"/>
          <cell r="G64"/>
          <cell r="H64"/>
        </row>
        <row r="65">
          <cell r="A65" t="str">
            <v>LS-64</v>
          </cell>
          <cell r="B65">
            <v>516800</v>
          </cell>
          <cell r="C65">
            <v>51680</v>
          </cell>
          <cell r="D65">
            <v>255816</v>
          </cell>
          <cell r="E65">
            <v>123644.4</v>
          </cell>
          <cell r="F65">
            <v>473970.2</v>
          </cell>
          <cell r="G65">
            <v>213286.59</v>
          </cell>
          <cell r="H65">
            <v>1635197.1900000002</v>
          </cell>
        </row>
        <row r="66">
          <cell r="A66" t="str">
            <v>LS-65</v>
          </cell>
          <cell r="B66" t="str">
            <v>REMOVED</v>
          </cell>
          <cell r="C66" t="str">
            <v>REMOVED</v>
          </cell>
          <cell r="D66" t="str">
            <v>REMOVED</v>
          </cell>
          <cell r="E66" t="str">
            <v>REMOVED</v>
          </cell>
          <cell r="F66" t="str">
            <v>REMOVED</v>
          </cell>
          <cell r="G66" t="str">
            <v>REMOVED</v>
          </cell>
          <cell r="H66" t="str">
            <v>REMOVED</v>
          </cell>
        </row>
        <row r="67">
          <cell r="A67" t="str">
            <v>LS-66</v>
          </cell>
          <cell r="B67" t="str">
            <v>REMOVED</v>
          </cell>
          <cell r="C67" t="str">
            <v>REMOVED</v>
          </cell>
          <cell r="D67" t="str">
            <v>REMOVED</v>
          </cell>
          <cell r="E67" t="str">
            <v>REMOVED</v>
          </cell>
          <cell r="F67" t="str">
            <v>REMOVED</v>
          </cell>
          <cell r="G67" t="str">
            <v>REMOVED</v>
          </cell>
          <cell r="H67" t="str">
            <v>REMOVED</v>
          </cell>
        </row>
        <row r="68">
          <cell r="A68" t="str">
            <v>LS-67</v>
          </cell>
          <cell r="B68" t="str">
            <v>REMOVED</v>
          </cell>
          <cell r="C68" t="str">
            <v>REMOVED</v>
          </cell>
          <cell r="D68" t="str">
            <v>REMOVED</v>
          </cell>
          <cell r="E68" t="str">
            <v>REMOVED</v>
          </cell>
          <cell r="F68" t="str">
            <v>REMOVED</v>
          </cell>
          <cell r="G68" t="str">
            <v>REMOVED</v>
          </cell>
          <cell r="H68" t="str">
            <v>REMOVED</v>
          </cell>
        </row>
        <row r="69">
          <cell r="A69" t="str">
            <v>LS-68</v>
          </cell>
          <cell r="B69">
            <v>16335.75</v>
          </cell>
          <cell r="C69">
            <v>1633.575</v>
          </cell>
          <cell r="D69">
            <v>8086.1962500000009</v>
          </cell>
          <cell r="E69">
            <v>3908.3281875000002</v>
          </cell>
          <cell r="F69">
            <v>14981.92471875</v>
          </cell>
          <cell r="G69">
            <v>6741.8661234374995</v>
          </cell>
          <cell r="H69">
            <v>51687.640279687505</v>
          </cell>
        </row>
        <row r="70">
          <cell r="A70" t="str">
            <v>LS-69</v>
          </cell>
          <cell r="B70">
            <v>46335.75</v>
          </cell>
          <cell r="C70">
            <v>4633.5749999999998</v>
          </cell>
          <cell r="D70">
            <v>22936.196250000001</v>
          </cell>
          <cell r="E70">
            <v>11085.828187499998</v>
          </cell>
          <cell r="F70">
            <v>42495.674718749993</v>
          </cell>
          <cell r="G70">
            <v>19123.053623437496</v>
          </cell>
          <cell r="H70">
            <v>146610.07777968748</v>
          </cell>
        </row>
        <row r="71">
          <cell r="A71" t="str">
            <v>LS-70</v>
          </cell>
          <cell r="B71" t="str">
            <v>REMOVED</v>
          </cell>
          <cell r="C71" t="str">
            <v>REMOVED</v>
          </cell>
          <cell r="D71" t="str">
            <v>REMOVED</v>
          </cell>
          <cell r="E71" t="str">
            <v>REMOVED</v>
          </cell>
          <cell r="F71" t="str">
            <v>REMOVED</v>
          </cell>
          <cell r="G71" t="str">
            <v>REMOVED</v>
          </cell>
          <cell r="H71" t="str">
            <v>REMOVED</v>
          </cell>
        </row>
        <row r="72">
          <cell r="A72" t="str">
            <v>LS-71</v>
          </cell>
          <cell r="B72">
            <v>3000117231.0700002</v>
          </cell>
          <cell r="C72">
            <v>300011723.10700005</v>
          </cell>
          <cell r="D72">
            <v>1485058029.3796501</v>
          </cell>
          <cell r="E72">
            <v>717778047.53349745</v>
          </cell>
          <cell r="F72">
            <v>2751482515.545074</v>
          </cell>
          <cell r="G72">
            <v>1238167131.9952834</v>
          </cell>
          <cell r="H72">
            <v>9492614678.6305046</v>
          </cell>
        </row>
        <row r="73">
          <cell r="A73" t="str">
            <v>LS-72</v>
          </cell>
          <cell r="B73">
            <v>506825.42000000004</v>
          </cell>
          <cell r="C73">
            <v>50682.542000000009</v>
          </cell>
          <cell r="D73">
            <v>250878.58290000004</v>
          </cell>
          <cell r="E73">
            <v>121257.98173500001</v>
          </cell>
          <cell r="F73">
            <v>464822.26331750007</v>
          </cell>
          <cell r="G73">
            <v>209170.01849287501</v>
          </cell>
          <cell r="H73">
            <v>1603636.8084453752</v>
          </cell>
        </row>
        <row r="74">
          <cell r="A74" t="str">
            <v>LS-73</v>
          </cell>
          <cell r="B74"/>
          <cell r="C74"/>
          <cell r="D74"/>
          <cell r="E74"/>
          <cell r="F74"/>
          <cell r="G74"/>
          <cell r="H74">
            <v>877752</v>
          </cell>
        </row>
        <row r="75">
          <cell r="A75" t="str">
            <v>LS-74</v>
          </cell>
          <cell r="B75"/>
          <cell r="C75"/>
          <cell r="D75"/>
          <cell r="E75"/>
          <cell r="F75"/>
          <cell r="G75"/>
          <cell r="H75" t="str">
            <v>£10,000,000-£15,000,000</v>
          </cell>
        </row>
        <row r="76">
          <cell r="A76" t="str">
            <v>LS-75</v>
          </cell>
          <cell r="B76">
            <v>5400000</v>
          </cell>
          <cell r="C76"/>
          <cell r="D76">
            <v>2430000</v>
          </cell>
          <cell r="E76">
            <v>1174500</v>
          </cell>
          <cell r="F76">
            <v>4502250</v>
          </cell>
          <cell r="G76"/>
          <cell r="H76">
            <v>13506750</v>
          </cell>
        </row>
        <row r="77">
          <cell r="A77" t="str">
            <v>LS-76</v>
          </cell>
          <cell r="B77">
            <v>936000</v>
          </cell>
          <cell r="C77">
            <v>93600</v>
          </cell>
          <cell r="D77">
            <v>463320</v>
          </cell>
          <cell r="E77">
            <v>223938</v>
          </cell>
          <cell r="F77">
            <v>858429</v>
          </cell>
          <cell r="G77">
            <v>386293.05</v>
          </cell>
          <cell r="H77">
            <v>2961580.05</v>
          </cell>
        </row>
        <row r="78">
          <cell r="A78" t="str">
            <v>SG2-1</v>
          </cell>
          <cell r="B78">
            <v>22000</v>
          </cell>
          <cell r="C78">
            <v>2200</v>
          </cell>
          <cell r="D78">
            <v>10890</v>
          </cell>
          <cell r="E78">
            <v>5263.5</v>
          </cell>
          <cell r="F78">
            <v>20176.75</v>
          </cell>
          <cell r="G78">
            <v>9079.5374999999985</v>
          </cell>
          <cell r="H78">
            <v>69609.787500000006</v>
          </cell>
        </row>
        <row r="79">
          <cell r="A79" t="str">
            <v>SG2-2</v>
          </cell>
          <cell r="B79" t="str">
            <v>REMOVED</v>
          </cell>
          <cell r="C79" t="str">
            <v>REMOVED</v>
          </cell>
          <cell r="D79" t="str">
            <v>REMOVED</v>
          </cell>
          <cell r="E79" t="str">
            <v>REMOVED</v>
          </cell>
          <cell r="F79" t="str">
            <v>REMOVED</v>
          </cell>
          <cell r="G79" t="str">
            <v>REMOVED</v>
          </cell>
          <cell r="H79" t="str">
            <v>REMOVED</v>
          </cell>
        </row>
        <row r="80">
          <cell r="A80" t="str">
            <v>SG2-3</v>
          </cell>
          <cell r="B80">
            <v>63000</v>
          </cell>
          <cell r="C80">
            <v>6300</v>
          </cell>
          <cell r="D80">
            <v>31185</v>
          </cell>
          <cell r="E80">
            <v>15072.75</v>
          </cell>
          <cell r="F80">
            <v>57778.875</v>
          </cell>
          <cell r="G80">
            <v>26000.493749999998</v>
          </cell>
          <cell r="H80">
            <v>199337.11874999999</v>
          </cell>
        </row>
        <row r="81">
          <cell r="A81" t="str">
            <v>SG2-4</v>
          </cell>
          <cell r="B81">
            <v>8233.2960000000003</v>
          </cell>
          <cell r="C81">
            <v>823.32960000000003</v>
          </cell>
          <cell r="D81">
            <v>4075.4815199999998</v>
          </cell>
          <cell r="E81">
            <v>1969.8160679999996</v>
          </cell>
          <cell r="F81">
            <v>7550.9615939999994</v>
          </cell>
          <cell r="G81">
            <v>3397.9327173000001</v>
          </cell>
          <cell r="H81">
            <v>26050.817499299999</v>
          </cell>
        </row>
        <row r="82">
          <cell r="A82" t="str">
            <v>SG2-5</v>
          </cell>
          <cell r="B82">
            <v>5500</v>
          </cell>
          <cell r="C82">
            <v>550</v>
          </cell>
          <cell r="D82">
            <v>2722.5</v>
          </cell>
          <cell r="E82">
            <v>1315.875</v>
          </cell>
          <cell r="F82">
            <v>5044.1875</v>
          </cell>
          <cell r="G82">
            <v>2269.8843749999996</v>
          </cell>
          <cell r="H82">
            <v>17402.446875000001</v>
          </cell>
        </row>
        <row r="83">
          <cell r="A83" t="str">
            <v>SG2-6</v>
          </cell>
          <cell r="B83">
            <v>189</v>
          </cell>
          <cell r="C83">
            <v>18.900000000000002</v>
          </cell>
          <cell r="D83">
            <v>93.555000000000007</v>
          </cell>
          <cell r="E83">
            <v>45.218250000000005</v>
          </cell>
          <cell r="F83">
            <v>173.33662500000003</v>
          </cell>
          <cell r="G83">
            <v>78.001481250000012</v>
          </cell>
          <cell r="H83">
            <v>598.01135625000006</v>
          </cell>
        </row>
        <row r="84">
          <cell r="A84" t="str">
            <v>SG3-1</v>
          </cell>
          <cell r="B84">
            <v>2785.7280000000001</v>
          </cell>
          <cell r="C84">
            <v>278.57280000000003</v>
          </cell>
          <cell r="D84">
            <v>1378.9353599999999</v>
          </cell>
          <cell r="E84">
            <v>666.48542400000008</v>
          </cell>
          <cell r="F84">
            <v>2554.8607920000004</v>
          </cell>
          <cell r="G84">
            <v>1149.6873564</v>
          </cell>
          <cell r="H84">
            <v>8814.2697324000019</v>
          </cell>
        </row>
        <row r="85">
          <cell r="A85" t="str">
            <v>SG3-2</v>
          </cell>
          <cell r="B85">
            <v>5233.7280000000001</v>
          </cell>
          <cell r="C85">
            <v>523.37279999999998</v>
          </cell>
          <cell r="D85">
            <v>2590.6953600000002</v>
          </cell>
          <cell r="E85">
            <v>1252.1694239999999</v>
          </cell>
          <cell r="F85">
            <v>4799.9827919999998</v>
          </cell>
          <cell r="G85">
            <v>2159.9922563999999</v>
          </cell>
          <cell r="H85">
            <v>16559.940632400001</v>
          </cell>
        </row>
        <row r="86">
          <cell r="A86" t="str">
            <v>SG3-3</v>
          </cell>
          <cell r="B86" t="str">
            <v>REMOVED</v>
          </cell>
          <cell r="C86" t="str">
            <v>REMOVED</v>
          </cell>
          <cell r="D86" t="str">
            <v>REMOVED</v>
          </cell>
          <cell r="E86" t="str">
            <v>REMOVED</v>
          </cell>
          <cell r="F86" t="str">
            <v>REMOVED</v>
          </cell>
          <cell r="G86" t="str">
            <v>REMOVED</v>
          </cell>
          <cell r="H86" t="str">
            <v>REMOVED</v>
          </cell>
        </row>
        <row r="87">
          <cell r="A87" t="str">
            <v>SG3-4</v>
          </cell>
          <cell r="B87">
            <v>50000</v>
          </cell>
          <cell r="C87">
            <v>5000</v>
          </cell>
          <cell r="D87">
            <v>24750</v>
          </cell>
          <cell r="E87">
            <v>11962.5</v>
          </cell>
          <cell r="F87">
            <v>45856.25</v>
          </cell>
          <cell r="G87">
            <v>20635.3125</v>
          </cell>
          <cell r="H87">
            <v>158204.0625</v>
          </cell>
        </row>
        <row r="88">
          <cell r="A88" t="str">
            <v>SG3-5</v>
          </cell>
          <cell r="B88">
            <v>10530</v>
          </cell>
          <cell r="C88">
            <v>1053</v>
          </cell>
          <cell r="D88">
            <v>5212.3500000000004</v>
          </cell>
          <cell r="E88">
            <v>2519.3024999999998</v>
          </cell>
          <cell r="F88">
            <v>9657.3262499999983</v>
          </cell>
          <cell r="G88">
            <v>4345.7968124999998</v>
          </cell>
          <cell r="H88">
            <v>33317.775562499992</v>
          </cell>
        </row>
        <row r="89">
          <cell r="A89" t="str">
            <v>SG4-1</v>
          </cell>
          <cell r="B89">
            <v>816.86400000000003</v>
          </cell>
          <cell r="C89">
            <v>81.686400000000006</v>
          </cell>
          <cell r="D89">
            <v>404.34768000000003</v>
          </cell>
          <cell r="E89">
            <v>195.43471200000002</v>
          </cell>
          <cell r="F89">
            <v>749.16639600000008</v>
          </cell>
          <cell r="G89">
            <v>337.12487820000001</v>
          </cell>
          <cell r="H89">
            <v>2584.6240662</v>
          </cell>
        </row>
        <row r="90">
          <cell r="A90" t="str">
            <v>SG4-2</v>
          </cell>
          <cell r="B90">
            <v>10823</v>
          </cell>
          <cell r="C90">
            <v>1082.3</v>
          </cell>
          <cell r="D90">
            <v>5357.3850000000002</v>
          </cell>
          <cell r="E90">
            <v>2589.4027499999997</v>
          </cell>
          <cell r="F90">
            <v>9926.0438749999994</v>
          </cell>
          <cell r="G90">
            <v>4466.7197437499999</v>
          </cell>
          <cell r="H90">
            <v>34244.851368749994</v>
          </cell>
        </row>
        <row r="91">
          <cell r="A91" t="str">
            <v>SG4-3</v>
          </cell>
          <cell r="B91">
            <v>51233.728000000003</v>
          </cell>
          <cell r="C91">
            <v>5123.372800000001</v>
          </cell>
          <cell r="D91">
            <v>25360.695360000002</v>
          </cell>
          <cell r="E91">
            <v>12257.669424</v>
          </cell>
          <cell r="F91">
            <v>46987.732791999995</v>
          </cell>
          <cell r="G91">
            <v>21144.4797564</v>
          </cell>
          <cell r="H91">
            <v>162107.67813239997</v>
          </cell>
        </row>
        <row r="92">
          <cell r="A92" t="str">
            <v>SG4-4</v>
          </cell>
          <cell r="B92">
            <v>9416.8639999999996</v>
          </cell>
          <cell r="C92">
            <v>941.68640000000005</v>
          </cell>
          <cell r="D92">
            <v>4661.3476799999999</v>
          </cell>
          <cell r="E92">
            <v>2252.9847119999999</v>
          </cell>
          <cell r="F92">
            <v>8636.4413960000002</v>
          </cell>
          <cell r="G92">
            <v>3886.3986282000001</v>
          </cell>
          <cell r="H92">
            <v>29795.722816199999</v>
          </cell>
        </row>
        <row r="93">
          <cell r="A93" t="str">
            <v>SG4-5</v>
          </cell>
          <cell r="B93">
            <v>1816.8000000000002</v>
          </cell>
          <cell r="C93">
            <v>181.68000000000004</v>
          </cell>
          <cell r="D93">
            <v>899.31600000000014</v>
          </cell>
          <cell r="E93">
            <v>434.66940000000005</v>
          </cell>
          <cell r="F93">
            <v>1666.2327000000002</v>
          </cell>
          <cell r="G93">
            <v>749.80471499999999</v>
          </cell>
          <cell r="H93">
            <v>5748.5028150000007</v>
          </cell>
        </row>
        <row r="94">
          <cell r="A94" t="str">
            <v>SG4-6</v>
          </cell>
          <cell r="B94">
            <v>1170.8399999999999</v>
          </cell>
          <cell r="C94">
            <v>117.084</v>
          </cell>
          <cell r="D94">
            <v>579.56579999999997</v>
          </cell>
          <cell r="E94">
            <v>280.12346999999994</v>
          </cell>
          <cell r="F94">
            <v>1073.8066349999999</v>
          </cell>
          <cell r="G94">
            <v>483.21298574999992</v>
          </cell>
          <cell r="H94">
            <v>3704.6328907499997</v>
          </cell>
        </row>
        <row r="95">
          <cell r="A95" t="str">
            <v>SG4-7</v>
          </cell>
          <cell r="B95">
            <v>5265</v>
          </cell>
          <cell r="C95">
            <v>526.5</v>
          </cell>
          <cell r="D95">
            <v>2606.1750000000002</v>
          </cell>
          <cell r="E95">
            <v>1259.6512499999999</v>
          </cell>
          <cell r="F95">
            <v>4828.6631249999991</v>
          </cell>
          <cell r="G95">
            <v>2172.8984062499999</v>
          </cell>
          <cell r="H95">
            <v>16658.887781249996</v>
          </cell>
        </row>
        <row r="96">
          <cell r="A96" t="str">
            <v>SG5-1</v>
          </cell>
          <cell r="B96">
            <v>16720</v>
          </cell>
          <cell r="C96">
            <v>1672</v>
          </cell>
          <cell r="D96">
            <v>8276.4</v>
          </cell>
          <cell r="E96">
            <v>4000.26</v>
          </cell>
          <cell r="F96">
            <v>15334.330000000002</v>
          </cell>
          <cell r="G96">
            <v>6900.4485000000004</v>
          </cell>
          <cell r="H96">
            <v>52903.438500000004</v>
          </cell>
        </row>
        <row r="97">
          <cell r="A97" t="str">
            <v>SG5-2</v>
          </cell>
          <cell r="B97">
            <v>360000</v>
          </cell>
          <cell r="C97">
            <v>36000</v>
          </cell>
          <cell r="D97">
            <v>178200</v>
          </cell>
          <cell r="E97">
            <v>86130</v>
          </cell>
          <cell r="F97">
            <v>330165</v>
          </cell>
          <cell r="G97">
            <v>148574.25</v>
          </cell>
          <cell r="H97">
            <v>1139069.25</v>
          </cell>
        </row>
        <row r="98">
          <cell r="A98" t="str">
            <v>SG5-3</v>
          </cell>
          <cell r="B98" t="str">
            <v>REMOVED</v>
          </cell>
          <cell r="C98" t="str">
            <v>REMOVED</v>
          </cell>
          <cell r="D98" t="str">
            <v>REMOVED</v>
          </cell>
          <cell r="E98" t="str">
            <v>REMOVED</v>
          </cell>
          <cell r="F98" t="str">
            <v>REMOVED</v>
          </cell>
          <cell r="G98" t="str">
            <v>REMOVED</v>
          </cell>
          <cell r="H98" t="str">
            <v>REMOVED</v>
          </cell>
        </row>
        <row r="99">
          <cell r="A99" t="str">
            <v>SG5-4</v>
          </cell>
          <cell r="B99">
            <v>240000</v>
          </cell>
          <cell r="C99">
            <v>24000</v>
          </cell>
          <cell r="D99">
            <v>118800</v>
          </cell>
          <cell r="E99">
            <v>57420</v>
          </cell>
          <cell r="F99">
            <v>220110</v>
          </cell>
          <cell r="G99">
            <v>99049.5</v>
          </cell>
          <cell r="H99">
            <v>759379.5</v>
          </cell>
        </row>
        <row r="100">
          <cell r="A100" t="str">
            <v>SG6-1</v>
          </cell>
          <cell r="B100">
            <v>12483.432000000001</v>
          </cell>
          <cell r="C100">
            <v>1248.3432000000003</v>
          </cell>
          <cell r="D100">
            <v>6179.2988400000004</v>
          </cell>
          <cell r="E100">
            <v>2986.661106</v>
          </cell>
          <cell r="F100">
            <v>11448.867573</v>
          </cell>
          <cell r="G100">
            <v>5151.9904078499994</v>
          </cell>
          <cell r="H100">
            <v>39498.593126849999</v>
          </cell>
        </row>
        <row r="101">
          <cell r="A101" t="str">
            <v>SG6-2</v>
          </cell>
          <cell r="B101">
            <v>28400</v>
          </cell>
          <cell r="C101">
            <v>2840</v>
          </cell>
          <cell r="D101">
            <v>14058</v>
          </cell>
          <cell r="E101">
            <v>6794.7</v>
          </cell>
          <cell r="F101">
            <v>26046.35</v>
          </cell>
          <cell r="G101">
            <v>11720.857499999998</v>
          </cell>
          <cell r="H101">
            <v>89859.907499999987</v>
          </cell>
        </row>
        <row r="102">
          <cell r="A102" t="str">
            <v>SG6-3</v>
          </cell>
          <cell r="B102">
            <v>27200</v>
          </cell>
          <cell r="C102">
            <v>2720</v>
          </cell>
          <cell r="D102">
            <v>13464</v>
          </cell>
          <cell r="E102">
            <v>6507.5999999999995</v>
          </cell>
          <cell r="F102">
            <v>24945.8</v>
          </cell>
          <cell r="G102">
            <v>11225.61</v>
          </cell>
          <cell r="H102">
            <v>86063.01</v>
          </cell>
        </row>
        <row r="103">
          <cell r="A103" t="str">
            <v>SG6-4</v>
          </cell>
          <cell r="B103">
            <v>27200</v>
          </cell>
          <cell r="C103">
            <v>2720</v>
          </cell>
          <cell r="D103">
            <v>13464</v>
          </cell>
          <cell r="E103">
            <v>6507.5999999999995</v>
          </cell>
          <cell r="F103">
            <v>24945.8</v>
          </cell>
          <cell r="G103">
            <v>11225.61</v>
          </cell>
          <cell r="H103">
            <v>86063.01</v>
          </cell>
        </row>
        <row r="104">
          <cell r="A104" t="str">
            <v>SG6-5</v>
          </cell>
          <cell r="B104">
            <v>52000</v>
          </cell>
          <cell r="C104">
            <v>5200</v>
          </cell>
          <cell r="D104">
            <v>25740</v>
          </cell>
          <cell r="E104">
            <v>12441</v>
          </cell>
          <cell r="F104">
            <v>47690.5</v>
          </cell>
          <cell r="G104">
            <v>21460.724999999999</v>
          </cell>
          <cell r="H104">
            <v>164532.22500000001</v>
          </cell>
        </row>
        <row r="105">
          <cell r="A105" t="str">
            <v>SG6-6</v>
          </cell>
          <cell r="B105" t="str">
            <v>REMOVED</v>
          </cell>
          <cell r="C105" t="str">
            <v>REMOVED</v>
          </cell>
          <cell r="D105" t="str">
            <v>REMOVED</v>
          </cell>
          <cell r="E105" t="str">
            <v>REMOVED</v>
          </cell>
          <cell r="F105" t="str">
            <v>REMOVED</v>
          </cell>
          <cell r="G105" t="str">
            <v>REMOVED</v>
          </cell>
          <cell r="H105" t="str">
            <v>REMOVED</v>
          </cell>
        </row>
        <row r="106">
          <cell r="A106" t="str">
            <v>SG7-1</v>
          </cell>
          <cell r="B106" t="str">
            <v>REMOVED</v>
          </cell>
          <cell r="C106" t="str">
            <v>REMOVED</v>
          </cell>
          <cell r="D106" t="str">
            <v>REMOVED</v>
          </cell>
          <cell r="E106" t="str">
            <v>REMOVED</v>
          </cell>
          <cell r="F106" t="str">
            <v>REMOVED</v>
          </cell>
          <cell r="G106" t="str">
            <v>REMOVED</v>
          </cell>
          <cell r="H106" t="str">
            <v>REMOVED</v>
          </cell>
        </row>
        <row r="107">
          <cell r="A107" t="str">
            <v>SG7-2</v>
          </cell>
          <cell r="B107">
            <v>205800</v>
          </cell>
          <cell r="C107">
            <v>20580</v>
          </cell>
          <cell r="D107">
            <v>101871</v>
          </cell>
          <cell r="E107">
            <v>49237.65</v>
          </cell>
          <cell r="F107">
            <v>188744.32500000001</v>
          </cell>
          <cell r="G107">
            <v>84934.946250000008</v>
          </cell>
          <cell r="H107">
            <v>651167.92125000013</v>
          </cell>
        </row>
        <row r="108">
          <cell r="A108" t="str">
            <v>SG7-3</v>
          </cell>
          <cell r="B108">
            <v>144447</v>
          </cell>
          <cell r="C108">
            <v>14444.7</v>
          </cell>
          <cell r="D108">
            <v>71501.265000000014</v>
          </cell>
          <cell r="E108">
            <v>34558.944750000002</v>
          </cell>
          <cell r="F108">
            <v>132475.95487500002</v>
          </cell>
          <cell r="G108">
            <v>59614.179693749997</v>
          </cell>
          <cell r="H108">
            <v>457042.04431875004</v>
          </cell>
        </row>
        <row r="109">
          <cell r="A109" t="str">
            <v>SG7-4</v>
          </cell>
          <cell r="B109">
            <v>175000</v>
          </cell>
          <cell r="C109">
            <v>17500</v>
          </cell>
          <cell r="D109">
            <v>86625</v>
          </cell>
          <cell r="E109">
            <v>41868.75</v>
          </cell>
          <cell r="F109">
            <v>160496.875</v>
          </cell>
          <cell r="G109">
            <v>72223.59375</v>
          </cell>
          <cell r="H109">
            <v>553714.21875</v>
          </cell>
        </row>
        <row r="110">
          <cell r="A110" t="str">
            <v>SG7-5</v>
          </cell>
          <cell r="B110">
            <v>23000</v>
          </cell>
          <cell r="C110">
            <v>2300</v>
          </cell>
          <cell r="D110">
            <v>11385</v>
          </cell>
          <cell r="E110">
            <v>5502.75</v>
          </cell>
          <cell r="F110">
            <v>21093.875</v>
          </cell>
          <cell r="G110">
            <v>9492.2437499999996</v>
          </cell>
          <cell r="H110">
            <v>72773.868749999994</v>
          </cell>
        </row>
        <row r="111">
          <cell r="A111" t="str">
            <v>SG7-6</v>
          </cell>
          <cell r="B111">
            <v>480000</v>
          </cell>
          <cell r="C111">
            <v>48000</v>
          </cell>
          <cell r="D111">
            <v>237600</v>
          </cell>
          <cell r="E111">
            <v>114840</v>
          </cell>
          <cell r="F111">
            <v>440220</v>
          </cell>
          <cell r="G111">
            <v>198099</v>
          </cell>
          <cell r="H111">
            <v>1518759</v>
          </cell>
        </row>
        <row r="112">
          <cell r="A112" t="str">
            <v>SG7-7</v>
          </cell>
          <cell r="B112">
            <v>6600</v>
          </cell>
          <cell r="C112">
            <v>660</v>
          </cell>
          <cell r="D112">
            <v>3267</v>
          </cell>
          <cell r="E112">
            <v>1579.05</v>
          </cell>
          <cell r="F112">
            <v>6053.0249999999996</v>
          </cell>
          <cell r="G112">
            <v>2723.8612499999999</v>
          </cell>
          <cell r="H112">
            <v>20882.936249999999</v>
          </cell>
        </row>
        <row r="113">
          <cell r="A113" t="str">
            <v>SG8-1</v>
          </cell>
          <cell r="B113">
            <v>12986.592000000001</v>
          </cell>
          <cell r="C113">
            <v>1298.6592000000001</v>
          </cell>
          <cell r="D113">
            <v>6428.3630400000002</v>
          </cell>
          <cell r="E113">
            <v>3107.0421360000005</v>
          </cell>
          <cell r="F113">
            <v>11910.328188000001</v>
          </cell>
          <cell r="G113">
            <v>5359.6476846000005</v>
          </cell>
          <cell r="H113">
            <v>41090.632248600006</v>
          </cell>
        </row>
        <row r="114">
          <cell r="A114" t="str">
            <v>SG8-2</v>
          </cell>
          <cell r="B114">
            <v>120720</v>
          </cell>
          <cell r="C114">
            <v>12072</v>
          </cell>
          <cell r="D114">
            <v>59756.4</v>
          </cell>
          <cell r="E114">
            <v>28882.26</v>
          </cell>
          <cell r="F114">
            <v>110715.33</v>
          </cell>
          <cell r="G114">
            <v>49821.898500000003</v>
          </cell>
          <cell r="H114">
            <v>381967.8885</v>
          </cell>
        </row>
        <row r="115">
          <cell r="A115" t="str">
            <v>SG8-3</v>
          </cell>
          <cell r="B115">
            <v>34518.048000000003</v>
          </cell>
          <cell r="C115">
            <v>3451.8048000000003</v>
          </cell>
          <cell r="D115">
            <v>17086.43376</v>
          </cell>
          <cell r="E115">
            <v>8258.4429839999993</v>
          </cell>
          <cell r="F115">
            <v>31657.364772000001</v>
          </cell>
          <cell r="G115">
            <v>14245.814147399999</v>
          </cell>
          <cell r="H115">
            <v>109217.9084634</v>
          </cell>
        </row>
        <row r="116">
          <cell r="A116" t="str">
            <v>SG8-4</v>
          </cell>
          <cell r="B116">
            <v>23000</v>
          </cell>
          <cell r="C116">
            <v>2300</v>
          </cell>
          <cell r="D116">
            <v>11385</v>
          </cell>
          <cell r="E116">
            <v>5502.75</v>
          </cell>
          <cell r="F116">
            <v>21093.875</v>
          </cell>
          <cell r="G116">
            <v>9492.2437499999996</v>
          </cell>
          <cell r="H116">
            <v>72773.868749999994</v>
          </cell>
        </row>
        <row r="117">
          <cell r="A117" t="str">
            <v>SG8-5</v>
          </cell>
          <cell r="B117">
            <v>800</v>
          </cell>
          <cell r="C117">
            <v>80</v>
          </cell>
          <cell r="D117">
            <v>396</v>
          </cell>
          <cell r="E117">
            <v>191.4</v>
          </cell>
          <cell r="F117">
            <v>733.7</v>
          </cell>
          <cell r="G117">
            <v>330.16500000000002</v>
          </cell>
          <cell r="H117">
            <v>2531.2650000000003</v>
          </cell>
        </row>
        <row r="118">
          <cell r="A118" t="str">
            <v>SG8-6</v>
          </cell>
          <cell r="B118">
            <v>55384</v>
          </cell>
          <cell r="C118">
            <v>5538.4000000000005</v>
          </cell>
          <cell r="D118">
            <v>27415.08</v>
          </cell>
          <cell r="E118">
            <v>13250.622000000001</v>
          </cell>
          <cell r="F118">
            <v>50794.051000000007</v>
          </cell>
          <cell r="G118">
            <v>22857.322950000002</v>
          </cell>
          <cell r="H118">
            <v>175239.47595000002</v>
          </cell>
        </row>
        <row r="119">
          <cell r="A119" t="str">
            <v>SG8-7</v>
          </cell>
          <cell r="B119">
            <v>15795</v>
          </cell>
          <cell r="C119">
            <v>1579.5</v>
          </cell>
          <cell r="D119">
            <v>7818.5250000000005</v>
          </cell>
          <cell r="E119">
            <v>3778.9537500000001</v>
          </cell>
          <cell r="F119">
            <v>14485.989375000001</v>
          </cell>
          <cell r="G119">
            <v>6518.6952187499992</v>
          </cell>
          <cell r="H119">
            <v>49976.663343749999</v>
          </cell>
        </row>
        <row r="120">
          <cell r="A120" t="str">
            <v>SG9-1</v>
          </cell>
          <cell r="B120">
            <v>435000</v>
          </cell>
          <cell r="C120">
            <v>43500</v>
          </cell>
          <cell r="D120">
            <v>215325</v>
          </cell>
          <cell r="E120">
            <v>104073.75</v>
          </cell>
          <cell r="F120">
            <v>398949.375</v>
          </cell>
          <cell r="G120">
            <v>179527.21875</v>
          </cell>
          <cell r="H120">
            <v>1376375.34375</v>
          </cell>
        </row>
        <row r="121">
          <cell r="A121" t="str">
            <v>SG9-2</v>
          </cell>
          <cell r="B121">
            <v>41.75</v>
          </cell>
          <cell r="C121">
            <v>4.1749999999999998</v>
          </cell>
          <cell r="D121">
            <v>20.666249999999998</v>
          </cell>
          <cell r="E121">
            <v>9.9886874999999993</v>
          </cell>
          <cell r="F121">
            <v>38.28996875</v>
          </cell>
          <cell r="G121">
            <v>17.230485937499999</v>
          </cell>
          <cell r="H121">
            <v>132.10039218750001</v>
          </cell>
        </row>
        <row r="122">
          <cell r="A122" t="str">
            <v>SG9-3</v>
          </cell>
          <cell r="B122">
            <v>23000</v>
          </cell>
          <cell r="C122">
            <v>2300</v>
          </cell>
          <cell r="D122">
            <v>11385</v>
          </cell>
          <cell r="E122">
            <v>5502.75</v>
          </cell>
          <cell r="F122">
            <v>21093.875</v>
          </cell>
          <cell r="G122">
            <v>9492.2437499999996</v>
          </cell>
          <cell r="H122">
            <v>72773.868749999994</v>
          </cell>
        </row>
        <row r="123">
          <cell r="A123" t="str">
            <v>SG9-4</v>
          </cell>
          <cell r="B123" t="str">
            <v>REMOVED</v>
          </cell>
          <cell r="C123" t="str">
            <v>REMOVED</v>
          </cell>
          <cell r="D123" t="str">
            <v>REMOVED</v>
          </cell>
          <cell r="E123" t="str">
            <v>REMOVED</v>
          </cell>
          <cell r="F123" t="str">
            <v>REMOVED</v>
          </cell>
          <cell r="G123" t="str">
            <v>REMOVED</v>
          </cell>
          <cell r="H123" t="str">
            <v>REMOVED</v>
          </cell>
        </row>
        <row r="124">
          <cell r="A124" t="str">
            <v>SG9-5</v>
          </cell>
          <cell r="B124">
            <v>2400</v>
          </cell>
          <cell r="C124">
            <v>240</v>
          </cell>
          <cell r="D124">
            <v>1188</v>
          </cell>
          <cell r="E124">
            <v>574.19999999999993</v>
          </cell>
          <cell r="F124">
            <v>2201.1</v>
          </cell>
          <cell r="G124">
            <v>990.495</v>
          </cell>
          <cell r="H124">
            <v>7593.7949999999992</v>
          </cell>
        </row>
        <row r="125">
          <cell r="A125" t="str">
            <v>SG9-6</v>
          </cell>
          <cell r="B125">
            <v>252</v>
          </cell>
          <cell r="C125">
            <v>25.200000000000003</v>
          </cell>
          <cell r="D125">
            <v>124.74</v>
          </cell>
          <cell r="E125">
            <v>60.290999999999997</v>
          </cell>
          <cell r="F125">
            <v>231.1155</v>
          </cell>
          <cell r="G125">
            <v>104.00197499999999</v>
          </cell>
          <cell r="H125">
            <v>797.34847500000001</v>
          </cell>
        </row>
        <row r="126">
          <cell r="A126" t="str">
            <v>SG9-7</v>
          </cell>
          <cell r="B126">
            <v>36000</v>
          </cell>
          <cell r="C126">
            <v>3600</v>
          </cell>
          <cell r="D126">
            <v>17820</v>
          </cell>
          <cell r="E126">
            <v>8613</v>
          </cell>
          <cell r="F126">
            <v>33016.5</v>
          </cell>
          <cell r="G126">
            <v>14857.424999999999</v>
          </cell>
          <cell r="H126">
            <v>113906.925</v>
          </cell>
        </row>
        <row r="127">
          <cell r="A127" t="str">
            <v>SG10-1</v>
          </cell>
          <cell r="B127">
            <v>302384</v>
          </cell>
          <cell r="C127">
            <v>30238.400000000001</v>
          </cell>
          <cell r="D127">
            <v>149680.08000000002</v>
          </cell>
          <cell r="E127">
            <v>72345.372000000003</v>
          </cell>
          <cell r="F127">
            <v>277323.92600000004</v>
          </cell>
          <cell r="G127">
            <v>124795.76670000001</v>
          </cell>
          <cell r="H127">
            <v>956767.5447000002</v>
          </cell>
        </row>
        <row r="128">
          <cell r="A128" t="str">
            <v>SG10-2</v>
          </cell>
          <cell r="B128">
            <v>57784</v>
          </cell>
          <cell r="C128">
            <v>5778.4000000000005</v>
          </cell>
          <cell r="D128">
            <v>28603.08</v>
          </cell>
          <cell r="E128">
            <v>13824.822000000002</v>
          </cell>
          <cell r="F128">
            <v>52995.151000000005</v>
          </cell>
          <cell r="G128">
            <v>23847.817950000001</v>
          </cell>
          <cell r="H128">
            <v>182833.27095000001</v>
          </cell>
        </row>
        <row r="129">
          <cell r="A129" t="str">
            <v>SG10-3</v>
          </cell>
          <cell r="B129">
            <v>6336</v>
          </cell>
          <cell r="C129">
            <v>633.6</v>
          </cell>
          <cell r="D129">
            <v>3136.32</v>
          </cell>
          <cell r="E129">
            <v>1515.8879999999999</v>
          </cell>
          <cell r="F129">
            <v>5810.9040000000005</v>
          </cell>
          <cell r="G129">
            <v>2614.9067999999997</v>
          </cell>
          <cell r="H129">
            <v>20047.6188</v>
          </cell>
        </row>
        <row r="130">
          <cell r="A130" t="str">
            <v>SG10-4</v>
          </cell>
          <cell r="B130">
            <v>378</v>
          </cell>
          <cell r="C130">
            <v>37.800000000000004</v>
          </cell>
          <cell r="D130">
            <v>187.11</v>
          </cell>
          <cell r="E130">
            <v>90.436500000000009</v>
          </cell>
          <cell r="F130">
            <v>346.67325000000005</v>
          </cell>
          <cell r="G130">
            <v>156.00296250000002</v>
          </cell>
          <cell r="H130">
            <v>1196.0227125000001</v>
          </cell>
        </row>
        <row r="131">
          <cell r="A131" t="str">
            <v>SG11-1</v>
          </cell>
          <cell r="B131">
            <v>768</v>
          </cell>
          <cell r="C131">
            <v>76.800000000000011</v>
          </cell>
          <cell r="D131">
            <v>380.15999999999997</v>
          </cell>
          <cell r="E131">
            <v>183.744</v>
          </cell>
          <cell r="F131">
            <v>704.35199999999998</v>
          </cell>
          <cell r="G131">
            <v>316.95839999999998</v>
          </cell>
          <cell r="H131">
            <v>2430.0144</v>
          </cell>
        </row>
        <row r="132">
          <cell r="A132" t="str">
            <v>SG11-2</v>
          </cell>
          <cell r="B132">
            <v>165467</v>
          </cell>
          <cell r="C132">
            <v>16546.7</v>
          </cell>
          <cell r="D132">
            <v>81906.165000000008</v>
          </cell>
          <cell r="E132">
            <v>39587.979749999999</v>
          </cell>
          <cell r="F132">
            <v>151753.92237499999</v>
          </cell>
          <cell r="G132">
            <v>68289.265068749999</v>
          </cell>
          <cell r="H132">
            <v>523551.03219375003</v>
          </cell>
        </row>
        <row r="133">
          <cell r="A133" t="str">
            <v>SG11-3</v>
          </cell>
          <cell r="B133" t="str">
            <v>REMOVED</v>
          </cell>
          <cell r="C133" t="str">
            <v>REMOVED</v>
          </cell>
          <cell r="D133" t="str">
            <v>REMOVED</v>
          </cell>
          <cell r="E133" t="str">
            <v>REMOVED</v>
          </cell>
          <cell r="F133" t="str">
            <v>REMOVED</v>
          </cell>
          <cell r="G133" t="str">
            <v>REMOVED</v>
          </cell>
          <cell r="H133" t="str">
            <v>REMOVED</v>
          </cell>
        </row>
        <row r="134">
          <cell r="A134" t="str">
            <v>SG11-4</v>
          </cell>
          <cell r="B134">
            <v>10530</v>
          </cell>
          <cell r="C134">
            <v>1053</v>
          </cell>
          <cell r="D134">
            <v>5212.3500000000004</v>
          </cell>
          <cell r="E134">
            <v>2519.3024999999998</v>
          </cell>
          <cell r="F134">
            <v>9657.3262499999983</v>
          </cell>
          <cell r="G134">
            <v>4345.7968124999998</v>
          </cell>
          <cell r="H134">
            <v>33317.775562499992</v>
          </cell>
        </row>
        <row r="135">
          <cell r="A135" t="str">
            <v>SG14-1</v>
          </cell>
          <cell r="B135">
            <v>19968</v>
          </cell>
          <cell r="C135">
            <v>1996.8000000000002</v>
          </cell>
          <cell r="D135">
            <v>9884.16</v>
          </cell>
          <cell r="E135">
            <v>4777.3440000000001</v>
          </cell>
          <cell r="F135">
            <v>18313.151999999998</v>
          </cell>
          <cell r="G135">
            <v>8240.9183999999987</v>
          </cell>
          <cell r="H135">
            <v>63180.374399999986</v>
          </cell>
        </row>
        <row r="136">
          <cell r="A136" t="str">
            <v>SG14-2</v>
          </cell>
          <cell r="B136">
            <v>240000</v>
          </cell>
          <cell r="C136">
            <v>24000</v>
          </cell>
          <cell r="D136">
            <v>118800</v>
          </cell>
          <cell r="E136">
            <v>57420</v>
          </cell>
          <cell r="F136">
            <v>220110</v>
          </cell>
          <cell r="G136">
            <v>99049.5</v>
          </cell>
          <cell r="H136">
            <v>759379.5</v>
          </cell>
        </row>
        <row r="137">
          <cell r="A137" t="str">
            <v>SG15-1</v>
          </cell>
          <cell r="B137">
            <v>655200</v>
          </cell>
          <cell r="C137">
            <v>65520</v>
          </cell>
          <cell r="D137">
            <v>324324</v>
          </cell>
          <cell r="E137">
            <v>156756.6</v>
          </cell>
          <cell r="F137">
            <v>600900.30000000005</v>
          </cell>
          <cell r="G137">
            <v>270405.13500000001</v>
          </cell>
          <cell r="H137">
            <v>2073106.0350000001</v>
          </cell>
        </row>
        <row r="138">
          <cell r="A138" t="str">
            <v>SG15-2</v>
          </cell>
          <cell r="B138">
            <v>6600</v>
          </cell>
          <cell r="C138">
            <v>660</v>
          </cell>
          <cell r="D138">
            <v>3267</v>
          </cell>
          <cell r="E138">
            <v>1579.05</v>
          </cell>
          <cell r="F138">
            <v>6053.0249999999996</v>
          </cell>
          <cell r="G138">
            <v>2723.8612499999999</v>
          </cell>
          <cell r="H138">
            <v>20882.936249999999</v>
          </cell>
        </row>
        <row r="139">
          <cell r="A139" t="str">
            <v>SG16-1</v>
          </cell>
          <cell r="B139">
            <v>4084.3199999999997</v>
          </cell>
          <cell r="C139">
            <v>408.43200000000002</v>
          </cell>
          <cell r="D139">
            <v>2021.7383999999997</v>
          </cell>
          <cell r="E139">
            <v>977.17355999999972</v>
          </cell>
          <cell r="F139">
            <v>3745.831979999999</v>
          </cell>
          <cell r="G139">
            <v>1685.6243909999998</v>
          </cell>
          <cell r="H139">
            <v>12923.120330999996</v>
          </cell>
        </row>
        <row r="140">
          <cell r="A140" t="str">
            <v>SG16-2</v>
          </cell>
          <cell r="B140">
            <v>86000</v>
          </cell>
          <cell r="C140">
            <v>8600</v>
          </cell>
          <cell r="D140">
            <v>42570</v>
          </cell>
          <cell r="E140">
            <v>20575.5</v>
          </cell>
          <cell r="F140">
            <v>78872.75</v>
          </cell>
          <cell r="G140">
            <v>35492.737500000003</v>
          </cell>
          <cell r="H140">
            <v>272110.98749999999</v>
          </cell>
        </row>
        <row r="141">
          <cell r="A141" t="str">
            <v>SG16-3</v>
          </cell>
          <cell r="B141">
            <v>16953.900000000001</v>
          </cell>
          <cell r="C141">
            <v>1695.3900000000003</v>
          </cell>
          <cell r="D141">
            <v>8392.1805000000004</v>
          </cell>
          <cell r="E141">
            <v>4056.2205750000003</v>
          </cell>
          <cell r="F141">
            <v>15548.845537500001</v>
          </cell>
          <cell r="G141">
            <v>6996.9804918750006</v>
          </cell>
          <cell r="H141">
            <v>53643.517104375002</v>
          </cell>
        </row>
        <row r="142">
          <cell r="A142" t="str">
            <v>SG16-4</v>
          </cell>
          <cell r="B142">
            <v>361000</v>
          </cell>
          <cell r="C142">
            <v>36100</v>
          </cell>
          <cell r="D142">
            <v>178695</v>
          </cell>
          <cell r="E142">
            <v>86369.25</v>
          </cell>
          <cell r="F142">
            <v>331082.125</v>
          </cell>
          <cell r="G142">
            <v>148986.95624999999</v>
          </cell>
          <cell r="H142">
            <v>1142233.33125</v>
          </cell>
        </row>
        <row r="143">
          <cell r="A143" t="str">
            <v>SG16-5</v>
          </cell>
          <cell r="B143">
            <v>110000</v>
          </cell>
          <cell r="C143">
            <v>11000</v>
          </cell>
          <cell r="D143">
            <v>54450</v>
          </cell>
          <cell r="E143">
            <v>26317.5</v>
          </cell>
          <cell r="F143">
            <v>100883.75</v>
          </cell>
          <cell r="G143">
            <v>45397.6875</v>
          </cell>
          <cell r="H143">
            <v>348048.9375</v>
          </cell>
        </row>
        <row r="144">
          <cell r="A144" t="str">
            <v>SG16-6</v>
          </cell>
          <cell r="B144">
            <v>5500</v>
          </cell>
          <cell r="C144">
            <v>550</v>
          </cell>
          <cell r="D144">
            <v>2722.5</v>
          </cell>
          <cell r="E144">
            <v>1315.875</v>
          </cell>
          <cell r="F144">
            <v>5044.1875</v>
          </cell>
          <cell r="G144">
            <v>2269.8843749999996</v>
          </cell>
          <cell r="H144">
            <v>17402.446875000001</v>
          </cell>
        </row>
        <row r="145">
          <cell r="A145" t="str">
            <v>SG17-1</v>
          </cell>
          <cell r="B145">
            <v>81400</v>
          </cell>
          <cell r="C145">
            <v>8140</v>
          </cell>
          <cell r="D145">
            <v>40293</v>
          </cell>
          <cell r="E145">
            <v>19474.95</v>
          </cell>
          <cell r="F145">
            <v>74653.975000000006</v>
          </cell>
          <cell r="G145">
            <v>33594.28875</v>
          </cell>
          <cell r="H145">
            <v>257556.21375000002</v>
          </cell>
        </row>
        <row r="146">
          <cell r="A146" t="str">
            <v>SG17-2</v>
          </cell>
          <cell r="B146">
            <v>63000</v>
          </cell>
          <cell r="C146">
            <v>6300</v>
          </cell>
          <cell r="D146">
            <v>31185</v>
          </cell>
          <cell r="E146">
            <v>15072.75</v>
          </cell>
          <cell r="F146">
            <v>57778.875</v>
          </cell>
          <cell r="G146">
            <v>26000.493749999998</v>
          </cell>
          <cell r="H146">
            <v>199337.11874999999</v>
          </cell>
        </row>
        <row r="147">
          <cell r="A147" t="str">
            <v>SG17-3</v>
          </cell>
          <cell r="B147">
            <v>101000</v>
          </cell>
          <cell r="C147">
            <v>10100</v>
          </cell>
          <cell r="D147">
            <v>49995</v>
          </cell>
          <cell r="E147">
            <v>24164.25</v>
          </cell>
          <cell r="F147">
            <v>92629.625</v>
          </cell>
          <cell r="G147">
            <v>41683.331250000003</v>
          </cell>
          <cell r="H147">
            <v>319572.20624999999</v>
          </cell>
        </row>
        <row r="148">
          <cell r="A148" t="str">
            <v>SG17-4</v>
          </cell>
          <cell r="B148">
            <v>3300</v>
          </cell>
          <cell r="C148">
            <v>330</v>
          </cell>
          <cell r="D148">
            <v>1633.5</v>
          </cell>
          <cell r="E148">
            <v>789.52499999999998</v>
          </cell>
          <cell r="F148">
            <v>3026.5124999999998</v>
          </cell>
          <cell r="G148">
            <v>1361.930625</v>
          </cell>
          <cell r="H148">
            <v>10441.468124999999</v>
          </cell>
        </row>
        <row r="149">
          <cell r="A149" t="str">
            <v>SG18-1</v>
          </cell>
          <cell r="B149">
            <v>4224</v>
          </cell>
          <cell r="C149">
            <v>422.40000000000003</v>
          </cell>
          <cell r="D149">
            <v>2090.88</v>
          </cell>
          <cell r="E149">
            <v>1010.5919999999999</v>
          </cell>
          <cell r="F149">
            <v>3873.9359999999997</v>
          </cell>
          <cell r="G149">
            <v>1743.2712000000001</v>
          </cell>
          <cell r="H149">
            <v>13365.0792</v>
          </cell>
        </row>
        <row r="150">
          <cell r="A150" t="str">
            <v>SG18-2</v>
          </cell>
          <cell r="B150">
            <v>184000</v>
          </cell>
          <cell r="C150">
            <v>18400</v>
          </cell>
          <cell r="D150">
            <v>91080</v>
          </cell>
          <cell r="E150">
            <v>44022</v>
          </cell>
          <cell r="F150">
            <v>168751</v>
          </cell>
          <cell r="G150">
            <v>75937.95</v>
          </cell>
          <cell r="H150">
            <v>582190.94999999995</v>
          </cell>
        </row>
        <row r="151">
          <cell r="A151" t="str">
            <v>SG18-3</v>
          </cell>
          <cell r="B151">
            <v>52216.864000000001</v>
          </cell>
          <cell r="C151">
            <v>5221.6864000000005</v>
          </cell>
          <cell r="D151">
            <v>25847.347679999999</v>
          </cell>
          <cell r="E151">
            <v>12492.884711999999</v>
          </cell>
          <cell r="F151">
            <v>47889.391395999999</v>
          </cell>
          <cell r="G151">
            <v>21550.2261282</v>
          </cell>
          <cell r="H151">
            <v>165218.40031620002</v>
          </cell>
        </row>
        <row r="152">
          <cell r="A152" t="str">
            <v>SG18-4</v>
          </cell>
          <cell r="B152">
            <v>295000</v>
          </cell>
          <cell r="C152">
            <v>29500</v>
          </cell>
          <cell r="D152">
            <v>146025</v>
          </cell>
          <cell r="E152">
            <v>70578.75</v>
          </cell>
          <cell r="F152">
            <v>270551.875</v>
          </cell>
          <cell r="G152">
            <v>121748.34375</v>
          </cell>
          <cell r="H152">
            <v>933403.96875</v>
          </cell>
        </row>
        <row r="153">
          <cell r="A153" t="str">
            <v>SG18-5</v>
          </cell>
          <cell r="B153">
            <v>16771.600000000002</v>
          </cell>
          <cell r="C153">
            <v>1677.1600000000003</v>
          </cell>
          <cell r="D153">
            <v>8301.9420000000009</v>
          </cell>
          <cell r="E153">
            <v>4012.6053000000006</v>
          </cell>
          <cell r="F153">
            <v>15381.653650000002</v>
          </cell>
          <cell r="G153">
            <v>6921.7441425000006</v>
          </cell>
          <cell r="H153">
            <v>53066.705092500008</v>
          </cell>
        </row>
        <row r="154">
          <cell r="A154" t="str">
            <v>SG19-1</v>
          </cell>
          <cell r="B154">
            <v>568000</v>
          </cell>
          <cell r="C154">
            <v>56800</v>
          </cell>
          <cell r="D154">
            <v>281160</v>
          </cell>
          <cell r="E154">
            <v>135894</v>
          </cell>
          <cell r="F154">
            <v>520927</v>
          </cell>
          <cell r="G154">
            <v>234417.15000000002</v>
          </cell>
          <cell r="H154">
            <v>1797198.15</v>
          </cell>
        </row>
        <row r="155">
          <cell r="A155" t="str">
            <v>SG19-2</v>
          </cell>
          <cell r="B155">
            <v>196000</v>
          </cell>
          <cell r="C155">
            <v>19600</v>
          </cell>
          <cell r="D155">
            <v>97020</v>
          </cell>
          <cell r="E155">
            <v>46893</v>
          </cell>
          <cell r="F155">
            <v>179756.5</v>
          </cell>
          <cell r="G155">
            <v>80890.424999999988</v>
          </cell>
          <cell r="H155">
            <v>620159.92500000005</v>
          </cell>
        </row>
        <row r="156">
          <cell r="A156" t="str">
            <v>SG19-3</v>
          </cell>
          <cell r="B156">
            <v>12189.76</v>
          </cell>
          <cell r="C156">
            <v>1218.9760000000001</v>
          </cell>
          <cell r="D156">
            <v>6033.9312000000009</v>
          </cell>
          <cell r="E156">
            <v>2916.4000800000003</v>
          </cell>
          <cell r="F156">
            <v>11179.533640000001</v>
          </cell>
          <cell r="G156">
            <v>5030.7901380000003</v>
          </cell>
          <cell r="H156">
            <v>38569.391058000008</v>
          </cell>
        </row>
        <row r="157">
          <cell r="A157" t="str">
            <v>SG19-4</v>
          </cell>
          <cell r="B157">
            <v>4400</v>
          </cell>
          <cell r="C157">
            <v>440</v>
          </cell>
          <cell r="D157">
            <v>2178</v>
          </cell>
          <cell r="E157">
            <v>1052.7</v>
          </cell>
          <cell r="F157">
            <v>4035.35</v>
          </cell>
          <cell r="G157">
            <v>1815.9075</v>
          </cell>
          <cell r="H157">
            <v>13921.957499999999</v>
          </cell>
        </row>
        <row r="158">
          <cell r="A158" t="str">
            <v>SG20-1</v>
          </cell>
          <cell r="B158">
            <v>7729.7460000000001</v>
          </cell>
          <cell r="C158">
            <v>772.97460000000001</v>
          </cell>
          <cell r="D158">
            <v>3826.2242700000002</v>
          </cell>
          <cell r="E158">
            <v>1849.3417305</v>
          </cell>
          <cell r="F158">
            <v>7089.1433002500007</v>
          </cell>
          <cell r="G158">
            <v>3190.1144851125</v>
          </cell>
          <cell r="H158">
            <v>24457.5443858625</v>
          </cell>
        </row>
        <row r="159">
          <cell r="A159" t="str">
            <v>SG20-2</v>
          </cell>
          <cell r="B159">
            <v>2496.864</v>
          </cell>
          <cell r="C159">
            <v>249.68640000000002</v>
          </cell>
          <cell r="D159">
            <v>1235.94768</v>
          </cell>
          <cell r="E159">
            <v>597.37471200000005</v>
          </cell>
          <cell r="F159">
            <v>2289.9363960000001</v>
          </cell>
          <cell r="G159">
            <v>1030.4713782000001</v>
          </cell>
          <cell r="H159">
            <v>7900.2805662000001</v>
          </cell>
        </row>
        <row r="160">
          <cell r="A160" t="str">
            <v>SG20-3</v>
          </cell>
          <cell r="B160">
            <v>3600</v>
          </cell>
          <cell r="C160">
            <v>360</v>
          </cell>
          <cell r="D160">
            <v>1782</v>
          </cell>
          <cell r="E160">
            <v>861.3</v>
          </cell>
          <cell r="F160">
            <v>3301.65</v>
          </cell>
          <cell r="G160">
            <v>1485.7424999999998</v>
          </cell>
          <cell r="H160">
            <v>11390.692500000001</v>
          </cell>
        </row>
        <row r="161">
          <cell r="A161" t="str">
            <v>SG20-4</v>
          </cell>
          <cell r="B161" t="str">
            <v>REMOVED</v>
          </cell>
          <cell r="C161" t="str">
            <v>REMOVED</v>
          </cell>
          <cell r="D161" t="str">
            <v>REMOVED</v>
          </cell>
          <cell r="E161" t="str">
            <v>REMOVED</v>
          </cell>
          <cell r="F161" t="str">
            <v>REMOVED</v>
          </cell>
          <cell r="G161" t="str">
            <v>REMOVED</v>
          </cell>
          <cell r="H161" t="str">
            <v>REMOVED</v>
          </cell>
        </row>
        <row r="162">
          <cell r="A162" t="str">
            <v>SG20-5</v>
          </cell>
          <cell r="B162">
            <v>138000</v>
          </cell>
          <cell r="C162">
            <v>13800</v>
          </cell>
          <cell r="D162">
            <v>68310</v>
          </cell>
          <cell r="E162">
            <v>33016.5</v>
          </cell>
          <cell r="F162">
            <v>126563.25</v>
          </cell>
          <cell r="G162">
            <v>56953.462499999994</v>
          </cell>
          <cell r="H162">
            <v>436643.21250000002</v>
          </cell>
        </row>
        <row r="163">
          <cell r="A163" t="str">
            <v>SG20-6</v>
          </cell>
          <cell r="B163">
            <v>6600</v>
          </cell>
          <cell r="C163">
            <v>660</v>
          </cell>
          <cell r="D163">
            <v>3267</v>
          </cell>
          <cell r="E163">
            <v>1579.05</v>
          </cell>
          <cell r="F163">
            <v>6053.0249999999996</v>
          </cell>
          <cell r="G163">
            <v>2723.8612499999999</v>
          </cell>
          <cell r="H163">
            <v>20882.936249999999</v>
          </cell>
        </row>
        <row r="164">
          <cell r="A164" t="str">
            <v>SG21-1</v>
          </cell>
          <cell r="B164">
            <v>22199.351999999999</v>
          </cell>
          <cell r="C164">
            <v>2219.9351999999999</v>
          </cell>
          <cell r="D164">
            <v>10988.679239999999</v>
          </cell>
          <cell r="E164">
            <v>5311.1949659999991</v>
          </cell>
          <cell r="F164">
            <v>20359.580703</v>
          </cell>
          <cell r="G164">
            <v>9161.8113163499984</v>
          </cell>
          <cell r="H164">
            <v>70240.553425349994</v>
          </cell>
        </row>
        <row r="165">
          <cell r="A165" t="str">
            <v>SG22-1</v>
          </cell>
          <cell r="B165">
            <v>504</v>
          </cell>
          <cell r="C165">
            <v>50.400000000000006</v>
          </cell>
          <cell r="D165">
            <v>249.48</v>
          </cell>
          <cell r="E165">
            <v>120.58199999999999</v>
          </cell>
          <cell r="F165">
            <v>462.23099999999999</v>
          </cell>
          <cell r="G165">
            <v>208.00394999999997</v>
          </cell>
          <cell r="H165">
            <v>1594.69695</v>
          </cell>
        </row>
        <row r="166">
          <cell r="A166" t="str">
            <v>SG23-1</v>
          </cell>
          <cell r="B166">
            <v>20816.864000000001</v>
          </cell>
          <cell r="C166">
            <v>2081.6864</v>
          </cell>
          <cell r="D166">
            <v>10304.347680000001</v>
          </cell>
          <cell r="E166">
            <v>4980.4347119999993</v>
          </cell>
          <cell r="F166">
            <v>19091.666396000001</v>
          </cell>
          <cell r="G166">
            <v>8591.2498782000002</v>
          </cell>
          <cell r="H166">
            <v>65866.249066200005</v>
          </cell>
        </row>
        <row r="167">
          <cell r="A167" t="str">
            <v>SG23-2</v>
          </cell>
          <cell r="B167">
            <v>900</v>
          </cell>
          <cell r="C167">
            <v>90</v>
          </cell>
          <cell r="D167">
            <v>445.5</v>
          </cell>
          <cell r="E167">
            <v>215.32499999999999</v>
          </cell>
          <cell r="F167">
            <v>825.41250000000002</v>
          </cell>
          <cell r="G167">
            <v>371.43562499999996</v>
          </cell>
          <cell r="H167">
            <v>2847.6731250000003</v>
          </cell>
        </row>
        <row r="168">
          <cell r="A168" t="str">
            <v>SG23-3</v>
          </cell>
          <cell r="B168">
            <v>1100</v>
          </cell>
          <cell r="C168">
            <v>110</v>
          </cell>
          <cell r="D168">
            <v>544.5</v>
          </cell>
          <cell r="E168">
            <v>263.17500000000001</v>
          </cell>
          <cell r="F168">
            <v>1008.8375</v>
          </cell>
          <cell r="G168">
            <v>453.97687500000001</v>
          </cell>
          <cell r="H168">
            <v>3480.4893749999997</v>
          </cell>
        </row>
        <row r="169">
          <cell r="A169" t="str">
            <v>SG24-1</v>
          </cell>
          <cell r="B169">
            <v>41200</v>
          </cell>
          <cell r="C169">
            <v>4120</v>
          </cell>
          <cell r="D169">
            <v>20394</v>
          </cell>
          <cell r="E169">
            <v>9857.1</v>
          </cell>
          <cell r="F169">
            <v>37785.550000000003</v>
          </cell>
          <cell r="G169">
            <v>17003.497500000001</v>
          </cell>
          <cell r="H169">
            <v>130360.14750000001</v>
          </cell>
        </row>
        <row r="170">
          <cell r="A170" t="str">
            <v>SG25-1</v>
          </cell>
          <cell r="B170" t="str">
            <v>REMOVED</v>
          </cell>
          <cell r="C170" t="str">
            <v>REMOVED</v>
          </cell>
          <cell r="D170" t="str">
            <v>REMOVED</v>
          </cell>
          <cell r="E170" t="str">
            <v>REMOVED</v>
          </cell>
          <cell r="F170" t="str">
            <v>REMOVED</v>
          </cell>
          <cell r="G170" t="str">
            <v>REMOVED</v>
          </cell>
          <cell r="H170" t="str">
            <v>REMOVED</v>
          </cell>
        </row>
        <row r="171">
          <cell r="A171" t="str">
            <v>SG25-2</v>
          </cell>
          <cell r="B171">
            <v>29725.200000000001</v>
          </cell>
          <cell r="C171">
            <v>2972.5200000000004</v>
          </cell>
          <cell r="D171">
            <v>14713.974</v>
          </cell>
          <cell r="E171">
            <v>7111.7541000000001</v>
          </cell>
          <cell r="F171">
            <v>27261.724050000001</v>
          </cell>
          <cell r="G171">
            <v>12267.7758225</v>
          </cell>
          <cell r="H171">
            <v>94052.947972499998</v>
          </cell>
        </row>
        <row r="172">
          <cell r="A172" t="str">
            <v>SG25-3</v>
          </cell>
          <cell r="B172">
            <v>98928.72</v>
          </cell>
          <cell r="C172">
            <v>9892.8720000000012</v>
          </cell>
          <cell r="D172">
            <v>48969.716400000005</v>
          </cell>
          <cell r="E172">
            <v>23668.696260000001</v>
          </cell>
          <cell r="F172">
            <v>90730.002330000003</v>
          </cell>
          <cell r="G172">
            <v>40828.501048500002</v>
          </cell>
          <cell r="H172">
            <v>313018.50803850003</v>
          </cell>
        </row>
        <row r="173">
          <cell r="A173" t="str">
            <v>SG25-4</v>
          </cell>
          <cell r="B173">
            <v>91801.2</v>
          </cell>
          <cell r="C173">
            <v>9180.1200000000008</v>
          </cell>
          <cell r="D173">
            <v>45441.593999999997</v>
          </cell>
          <cell r="E173">
            <v>21963.437099999999</v>
          </cell>
          <cell r="F173">
            <v>84193.17555</v>
          </cell>
          <cell r="G173">
            <v>37886.928997499999</v>
          </cell>
          <cell r="H173">
            <v>290466.4556475</v>
          </cell>
        </row>
        <row r="174">
          <cell r="A174" t="str">
            <v>SG25-5</v>
          </cell>
          <cell r="B174">
            <v>756</v>
          </cell>
          <cell r="C174">
            <v>75.600000000000009</v>
          </cell>
          <cell r="D174">
            <v>374.22</v>
          </cell>
          <cell r="E174">
            <v>180.87300000000002</v>
          </cell>
          <cell r="F174">
            <v>693.34650000000011</v>
          </cell>
          <cell r="G174">
            <v>312.00592500000005</v>
          </cell>
          <cell r="H174">
            <v>2392.0454250000003</v>
          </cell>
        </row>
        <row r="175">
          <cell r="A175" t="str">
            <v>SG25-6</v>
          </cell>
          <cell r="B175">
            <v>63384</v>
          </cell>
          <cell r="C175">
            <v>6338.4000000000005</v>
          </cell>
          <cell r="D175">
            <v>31375.079999999998</v>
          </cell>
          <cell r="E175">
            <v>15164.621999999999</v>
          </cell>
          <cell r="F175">
            <v>58131.050999999999</v>
          </cell>
          <cell r="G175">
            <v>26158.972949999996</v>
          </cell>
          <cell r="H175">
            <v>200552.12594999999</v>
          </cell>
        </row>
        <row r="176">
          <cell r="A176" t="str">
            <v>SG26-1</v>
          </cell>
          <cell r="B176">
            <v>433198.6</v>
          </cell>
          <cell r="C176">
            <v>43319.86</v>
          </cell>
          <cell r="D176">
            <v>214433.307</v>
          </cell>
          <cell r="E176">
            <v>103642.76505</v>
          </cell>
          <cell r="F176">
            <v>397297.26602500002</v>
          </cell>
          <cell r="G176">
            <v>178783.76971125</v>
          </cell>
          <cell r="H176">
            <v>1370675.56778625</v>
          </cell>
        </row>
        <row r="177">
          <cell r="A177" t="str">
            <v>SG26-2</v>
          </cell>
          <cell r="B177" t="str">
            <v>REMOVED</v>
          </cell>
          <cell r="C177" t="str">
            <v>REMOVED</v>
          </cell>
          <cell r="D177" t="str">
            <v>REMOVED</v>
          </cell>
          <cell r="E177" t="str">
            <v>REMOVED</v>
          </cell>
          <cell r="F177" t="str">
            <v>REMOVED</v>
          </cell>
          <cell r="G177" t="str">
            <v>REMOVED</v>
          </cell>
          <cell r="H177" t="str">
            <v>REMOVED</v>
          </cell>
        </row>
        <row r="178">
          <cell r="A178" t="str">
            <v>SG26-3</v>
          </cell>
          <cell r="B178">
            <v>252</v>
          </cell>
          <cell r="C178">
            <v>25.200000000000003</v>
          </cell>
          <cell r="D178">
            <v>124.74</v>
          </cell>
          <cell r="E178">
            <v>60.290999999999997</v>
          </cell>
          <cell r="F178">
            <v>231.1155</v>
          </cell>
          <cell r="G178">
            <v>104.00197499999999</v>
          </cell>
          <cell r="H178">
            <v>797.34847500000001</v>
          </cell>
        </row>
        <row r="179">
          <cell r="A179" t="str">
            <v>SG26-4</v>
          </cell>
          <cell r="B179">
            <v>768</v>
          </cell>
          <cell r="C179">
            <v>76.800000000000011</v>
          </cell>
          <cell r="D179">
            <v>380.15999999999997</v>
          </cell>
          <cell r="E179">
            <v>183.744</v>
          </cell>
          <cell r="F179">
            <v>704.35199999999998</v>
          </cell>
          <cell r="G179">
            <v>316.95839999999998</v>
          </cell>
          <cell r="H179">
            <v>2430.0144</v>
          </cell>
        </row>
        <row r="180">
          <cell r="A180" t="str">
            <v>SG26-5</v>
          </cell>
          <cell r="B180">
            <v>2200</v>
          </cell>
          <cell r="C180">
            <v>220</v>
          </cell>
          <cell r="D180">
            <v>1089</v>
          </cell>
          <cell r="E180">
            <v>526.35</v>
          </cell>
          <cell r="F180">
            <v>2017.675</v>
          </cell>
          <cell r="G180">
            <v>907.95375000000001</v>
          </cell>
          <cell r="H180">
            <v>6960.9787499999993</v>
          </cell>
        </row>
        <row r="181">
          <cell r="A181" t="str">
            <v>SG27-1</v>
          </cell>
          <cell r="B181">
            <v>10449.384</v>
          </cell>
          <cell r="C181">
            <v>1044.9384</v>
          </cell>
          <cell r="D181">
            <v>5172.4450800000004</v>
          </cell>
          <cell r="E181">
            <v>2500.0151220000002</v>
          </cell>
          <cell r="F181">
            <v>9583.3913010000015</v>
          </cell>
          <cell r="G181">
            <v>4312.5260854500002</v>
          </cell>
          <cell r="H181">
            <v>33062.699988450004</v>
          </cell>
        </row>
        <row r="182">
          <cell r="A182" t="str">
            <v>SG27-2</v>
          </cell>
          <cell r="B182">
            <v>142400</v>
          </cell>
          <cell r="C182">
            <v>14240</v>
          </cell>
          <cell r="D182">
            <v>70488</v>
          </cell>
          <cell r="E182">
            <v>34069.199999999997</v>
          </cell>
          <cell r="F182">
            <v>130598.6</v>
          </cell>
          <cell r="G182">
            <v>58769.369999999995</v>
          </cell>
          <cell r="H182">
            <v>450565.17000000004</v>
          </cell>
        </row>
        <row r="183">
          <cell r="A183" t="str">
            <v>SG27-3</v>
          </cell>
          <cell r="B183">
            <v>143216.864</v>
          </cell>
          <cell r="C183">
            <v>14321.686400000001</v>
          </cell>
          <cell r="D183">
            <v>70892.347680000006</v>
          </cell>
          <cell r="E183">
            <v>34264.634711999999</v>
          </cell>
          <cell r="F183">
            <v>131347.76639599999</v>
          </cell>
          <cell r="G183">
            <v>59106.494878199999</v>
          </cell>
          <cell r="H183">
            <v>453149.79406619997</v>
          </cell>
        </row>
        <row r="184">
          <cell r="A184" t="str">
            <v>SG27-4</v>
          </cell>
          <cell r="B184">
            <v>37600</v>
          </cell>
          <cell r="C184">
            <v>3760</v>
          </cell>
          <cell r="D184">
            <v>18612</v>
          </cell>
          <cell r="E184">
            <v>8995.7999999999993</v>
          </cell>
          <cell r="F184">
            <v>34483.9</v>
          </cell>
          <cell r="G184">
            <v>15517.754999999997</v>
          </cell>
          <cell r="H184">
            <v>118969.45500000002</v>
          </cell>
        </row>
        <row r="185">
          <cell r="A185" t="str">
            <v>SG28-1</v>
          </cell>
          <cell r="B185">
            <v>2016.864</v>
          </cell>
          <cell r="C185">
            <v>201.68640000000002</v>
          </cell>
          <cell r="D185">
            <v>998.34768000000008</v>
          </cell>
          <cell r="E185">
            <v>482.53471199999996</v>
          </cell>
          <cell r="F185">
            <v>1849.716396</v>
          </cell>
          <cell r="G185">
            <v>832.37237819999996</v>
          </cell>
          <cell r="H185">
            <v>6381.5215662000001</v>
          </cell>
        </row>
        <row r="186">
          <cell r="A186" t="str">
            <v>SG28-2</v>
          </cell>
          <cell r="B186">
            <v>21656.864000000001</v>
          </cell>
          <cell r="C186">
            <v>2165.6864</v>
          </cell>
          <cell r="D186">
            <v>10720.14768</v>
          </cell>
          <cell r="E186">
            <v>5181.4047120000005</v>
          </cell>
          <cell r="F186">
            <v>19862.051396000003</v>
          </cell>
          <cell r="G186">
            <v>8937.9231282000001</v>
          </cell>
          <cell r="H186">
            <v>68524.077316200011</v>
          </cell>
        </row>
        <row r="187">
          <cell r="A187" t="str">
            <v>SG28-3</v>
          </cell>
          <cell r="B187">
            <v>3300</v>
          </cell>
          <cell r="C187">
            <v>330</v>
          </cell>
          <cell r="D187">
            <v>1633.5</v>
          </cell>
          <cell r="E187">
            <v>789.52499999999998</v>
          </cell>
          <cell r="F187">
            <v>3026.5124999999998</v>
          </cell>
          <cell r="G187">
            <v>1361.930625</v>
          </cell>
          <cell r="H187">
            <v>10441.468124999999</v>
          </cell>
        </row>
        <row r="188">
          <cell r="A188" t="str">
            <v>SG28-4</v>
          </cell>
          <cell r="B188">
            <v>252</v>
          </cell>
          <cell r="C188">
            <v>25.200000000000003</v>
          </cell>
          <cell r="D188">
            <v>124.74</v>
          </cell>
          <cell r="E188">
            <v>60.290999999999997</v>
          </cell>
          <cell r="F188">
            <v>231.1155</v>
          </cell>
          <cell r="G188">
            <v>104.00197499999999</v>
          </cell>
          <cell r="H188">
            <v>797.34847500000001</v>
          </cell>
        </row>
        <row r="189">
          <cell r="A189" t="str">
            <v>SG29-1</v>
          </cell>
          <cell r="B189">
            <v>291400</v>
          </cell>
          <cell r="C189">
            <v>29140</v>
          </cell>
          <cell r="D189">
            <v>144243</v>
          </cell>
          <cell r="E189">
            <v>69717.45</v>
          </cell>
          <cell r="F189">
            <v>267250.22499999998</v>
          </cell>
          <cell r="G189">
            <v>120262.60124999998</v>
          </cell>
          <cell r="H189">
            <v>922013.27624999988</v>
          </cell>
        </row>
        <row r="190">
          <cell r="A190" t="str">
            <v>SG29-2</v>
          </cell>
          <cell r="B190">
            <v>2200</v>
          </cell>
          <cell r="C190">
            <v>220</v>
          </cell>
          <cell r="D190">
            <v>1089</v>
          </cell>
          <cell r="E190">
            <v>526.35</v>
          </cell>
          <cell r="F190">
            <v>2017.675</v>
          </cell>
          <cell r="G190">
            <v>907.95375000000001</v>
          </cell>
          <cell r="H190">
            <v>6960.9787499999993</v>
          </cell>
        </row>
        <row r="191">
          <cell r="A191" t="str">
            <v>SG30-1</v>
          </cell>
          <cell r="B191">
            <v>626861.9</v>
          </cell>
          <cell r="C191">
            <v>62686.19</v>
          </cell>
          <cell r="D191">
            <v>310296.64050000004</v>
          </cell>
          <cell r="E191">
            <v>149976.70957500002</v>
          </cell>
          <cell r="F191">
            <v>574910.72003750002</v>
          </cell>
          <cell r="G191">
            <v>258709.82401687501</v>
          </cell>
          <cell r="H191">
            <v>1983441.9841293753</v>
          </cell>
        </row>
        <row r="192">
          <cell r="A192" t="str">
            <v>SG30-2</v>
          </cell>
          <cell r="B192">
            <v>74000</v>
          </cell>
          <cell r="C192">
            <v>7400</v>
          </cell>
          <cell r="D192">
            <v>36630</v>
          </cell>
          <cell r="E192">
            <v>17704.5</v>
          </cell>
          <cell r="F192">
            <v>67867.25</v>
          </cell>
          <cell r="G192">
            <v>30540.262499999997</v>
          </cell>
          <cell r="H192">
            <v>234142.01250000001</v>
          </cell>
        </row>
        <row r="193">
          <cell r="A193" t="str">
            <v>SG30-3</v>
          </cell>
          <cell r="B193">
            <v>108016.864</v>
          </cell>
          <cell r="C193">
            <v>10801.686400000001</v>
          </cell>
          <cell r="D193">
            <v>53468.347680000006</v>
          </cell>
          <cell r="E193">
            <v>25843.034712000001</v>
          </cell>
          <cell r="F193">
            <v>99064.966396000003</v>
          </cell>
          <cell r="G193">
            <v>44579.234878200004</v>
          </cell>
          <cell r="H193">
            <v>341774.1340662</v>
          </cell>
        </row>
        <row r="194">
          <cell r="A194" t="str">
            <v>SG30-4</v>
          </cell>
          <cell r="B194">
            <v>2200</v>
          </cell>
          <cell r="C194">
            <v>220</v>
          </cell>
          <cell r="D194">
            <v>1089</v>
          </cell>
          <cell r="E194">
            <v>526.35</v>
          </cell>
          <cell r="F194">
            <v>2017.675</v>
          </cell>
          <cell r="G194">
            <v>907.95375000000001</v>
          </cell>
          <cell r="H194">
            <v>6960.9787499999993</v>
          </cell>
        </row>
        <row r="195">
          <cell r="A195" t="str">
            <v>SG30-5</v>
          </cell>
          <cell r="B195">
            <v>189</v>
          </cell>
          <cell r="C195">
            <v>18.900000000000002</v>
          </cell>
          <cell r="D195">
            <v>93.555000000000007</v>
          </cell>
          <cell r="E195">
            <v>45.218250000000005</v>
          </cell>
          <cell r="F195">
            <v>173.33662500000003</v>
          </cell>
          <cell r="G195">
            <v>78.001481250000012</v>
          </cell>
          <cell r="H195">
            <v>598.01135625000006</v>
          </cell>
        </row>
        <row r="196">
          <cell r="A196" t="str">
            <v>SG31-1</v>
          </cell>
          <cell r="B196">
            <v>63000</v>
          </cell>
          <cell r="C196">
            <v>6300</v>
          </cell>
          <cell r="D196">
            <v>31185</v>
          </cell>
          <cell r="E196">
            <v>15072.75</v>
          </cell>
          <cell r="F196">
            <v>57778.875</v>
          </cell>
          <cell r="G196">
            <v>26000.493749999998</v>
          </cell>
          <cell r="H196">
            <v>199337.11874999999</v>
          </cell>
        </row>
        <row r="197">
          <cell r="A197" t="str">
            <v>SG31-2</v>
          </cell>
          <cell r="B197">
            <v>34816.864000000001</v>
          </cell>
          <cell r="C197">
            <v>3481.6864000000005</v>
          </cell>
          <cell r="D197">
            <v>17234.347679999999</v>
          </cell>
          <cell r="E197">
            <v>8329.9347120000002</v>
          </cell>
          <cell r="F197">
            <v>31931.416396000001</v>
          </cell>
          <cell r="G197">
            <v>14369.137378199997</v>
          </cell>
          <cell r="H197">
            <v>110163.3865662</v>
          </cell>
        </row>
        <row r="198">
          <cell r="A198" t="str">
            <v>SG31-3</v>
          </cell>
          <cell r="B198">
            <v>203261.8</v>
          </cell>
          <cell r="C198">
            <v>20326.18</v>
          </cell>
          <cell r="D198">
            <v>100614.591</v>
          </cell>
          <cell r="E198">
            <v>48630.385649999997</v>
          </cell>
          <cell r="F198">
            <v>186416.478325</v>
          </cell>
          <cell r="G198">
            <v>83887.415246249991</v>
          </cell>
          <cell r="H198">
            <v>643136.85022124997</v>
          </cell>
        </row>
        <row r="199">
          <cell r="A199" t="str">
            <v>SG31-4</v>
          </cell>
          <cell r="B199">
            <v>1100</v>
          </cell>
          <cell r="C199">
            <v>110</v>
          </cell>
          <cell r="D199">
            <v>544.5</v>
          </cell>
          <cell r="E199">
            <v>263.17500000000001</v>
          </cell>
          <cell r="F199">
            <v>1008.8375</v>
          </cell>
          <cell r="G199">
            <v>453.97687500000001</v>
          </cell>
          <cell r="H199">
            <v>3480.4893749999997</v>
          </cell>
        </row>
        <row r="200">
          <cell r="A200" t="str">
            <v>SG31-5</v>
          </cell>
          <cell r="B200">
            <v>252</v>
          </cell>
          <cell r="C200">
            <v>25.200000000000003</v>
          </cell>
          <cell r="D200">
            <v>124.74</v>
          </cell>
          <cell r="E200">
            <v>60.290999999999997</v>
          </cell>
          <cell r="F200">
            <v>231.1155</v>
          </cell>
          <cell r="G200">
            <v>104.00197499999999</v>
          </cell>
          <cell r="H200">
            <v>797.34847500000001</v>
          </cell>
        </row>
        <row r="201">
          <cell r="A201" t="str">
            <v>SG32-1</v>
          </cell>
          <cell r="B201">
            <v>2352.864</v>
          </cell>
          <cell r="C201">
            <v>235.28640000000001</v>
          </cell>
          <cell r="D201">
            <v>1164.66768</v>
          </cell>
          <cell r="E201">
            <v>562.92271199999993</v>
          </cell>
          <cell r="F201">
            <v>2157.8703959999998</v>
          </cell>
          <cell r="G201">
            <v>971.04167819999998</v>
          </cell>
          <cell r="H201">
            <v>7444.6528661999992</v>
          </cell>
        </row>
        <row r="202">
          <cell r="A202" t="str">
            <v>SG32-2</v>
          </cell>
          <cell r="B202">
            <v>122400</v>
          </cell>
          <cell r="C202">
            <v>12240</v>
          </cell>
          <cell r="D202">
            <v>60588</v>
          </cell>
          <cell r="E202">
            <v>29284.2</v>
          </cell>
          <cell r="F202">
            <v>112256.1</v>
          </cell>
          <cell r="G202">
            <v>50515.244999999995</v>
          </cell>
          <cell r="H202">
            <v>387283.54500000004</v>
          </cell>
        </row>
        <row r="203">
          <cell r="A203" t="str">
            <v>SG32-3</v>
          </cell>
          <cell r="B203">
            <v>3300</v>
          </cell>
          <cell r="C203">
            <v>330</v>
          </cell>
          <cell r="D203">
            <v>1633.5</v>
          </cell>
          <cell r="E203">
            <v>789.52499999999998</v>
          </cell>
          <cell r="F203">
            <v>3026.5124999999998</v>
          </cell>
          <cell r="G203">
            <v>1361.930625</v>
          </cell>
          <cell r="H203">
            <v>10441.468124999999</v>
          </cell>
        </row>
        <row r="204">
          <cell r="A204" t="str">
            <v>SG33-1</v>
          </cell>
          <cell r="B204">
            <v>534957.5</v>
          </cell>
          <cell r="C204">
            <v>53495.75</v>
          </cell>
          <cell r="D204">
            <v>264803.96250000002</v>
          </cell>
          <cell r="E204">
            <v>127988.581875</v>
          </cell>
          <cell r="F204">
            <v>490622.89718750003</v>
          </cell>
          <cell r="G204">
            <v>220780.30373437499</v>
          </cell>
          <cell r="H204">
            <v>1692648.995296875</v>
          </cell>
        </row>
        <row r="205">
          <cell r="A205" t="str">
            <v>SG33-2</v>
          </cell>
          <cell r="B205">
            <v>2200</v>
          </cell>
          <cell r="C205">
            <v>220</v>
          </cell>
          <cell r="D205">
            <v>1089</v>
          </cell>
          <cell r="E205">
            <v>526.35</v>
          </cell>
          <cell r="F205">
            <v>2017.675</v>
          </cell>
          <cell r="G205">
            <v>907.95375000000001</v>
          </cell>
          <cell r="H205">
            <v>6960.9787499999993</v>
          </cell>
        </row>
        <row r="206">
          <cell r="A206" t="str">
            <v>SG34-1</v>
          </cell>
          <cell r="B206">
            <v>280000</v>
          </cell>
          <cell r="C206">
            <v>28000</v>
          </cell>
          <cell r="D206">
            <v>138600</v>
          </cell>
          <cell r="E206">
            <v>66990</v>
          </cell>
          <cell r="F206">
            <v>256795</v>
          </cell>
          <cell r="G206">
            <v>115557.75</v>
          </cell>
          <cell r="H206">
            <v>885942.75</v>
          </cell>
        </row>
        <row r="207">
          <cell r="A207" t="str">
            <v>SG34-2</v>
          </cell>
          <cell r="B207">
            <v>141600</v>
          </cell>
          <cell r="C207">
            <v>14160</v>
          </cell>
          <cell r="D207">
            <v>70092</v>
          </cell>
          <cell r="E207">
            <v>33877.799999999996</v>
          </cell>
          <cell r="F207">
            <v>129864.9</v>
          </cell>
          <cell r="G207">
            <v>58439.205000000002</v>
          </cell>
          <cell r="H207">
            <v>448033.90499999997</v>
          </cell>
        </row>
        <row r="208">
          <cell r="A208" t="str">
            <v>SG34-3</v>
          </cell>
          <cell r="B208">
            <v>95400</v>
          </cell>
          <cell r="C208">
            <v>9540</v>
          </cell>
          <cell r="D208">
            <v>47223</v>
          </cell>
          <cell r="E208">
            <v>22824.45</v>
          </cell>
          <cell r="F208">
            <v>87493.725000000006</v>
          </cell>
          <cell r="G208">
            <v>39372.176250000004</v>
          </cell>
          <cell r="H208">
            <v>301853.35125000007</v>
          </cell>
        </row>
        <row r="209">
          <cell r="A209" t="str">
            <v>SG34-4</v>
          </cell>
          <cell r="B209">
            <v>34800</v>
          </cell>
          <cell r="C209">
            <v>3480</v>
          </cell>
          <cell r="D209">
            <v>17226</v>
          </cell>
          <cell r="E209">
            <v>8325.9</v>
          </cell>
          <cell r="F209">
            <v>31915.95</v>
          </cell>
          <cell r="G209">
            <v>14362.1775</v>
          </cell>
          <cell r="H209">
            <v>110110.02750000001</v>
          </cell>
        </row>
        <row r="210">
          <cell r="A210" t="str">
            <v>SG34-5</v>
          </cell>
          <cell r="B210">
            <v>384</v>
          </cell>
          <cell r="C210">
            <v>38.400000000000006</v>
          </cell>
          <cell r="D210">
            <v>190.07999999999998</v>
          </cell>
          <cell r="E210">
            <v>91.872</v>
          </cell>
          <cell r="F210">
            <v>352.17599999999999</v>
          </cell>
          <cell r="G210">
            <v>158.47919999999999</v>
          </cell>
          <cell r="H210">
            <v>1215.0072</v>
          </cell>
        </row>
        <row r="211">
          <cell r="A211" t="str">
            <v>SG34-6</v>
          </cell>
          <cell r="B211">
            <v>3300</v>
          </cell>
          <cell r="C211">
            <v>330</v>
          </cell>
          <cell r="D211">
            <v>1633.5</v>
          </cell>
          <cell r="E211">
            <v>789.52499999999998</v>
          </cell>
          <cell r="F211">
            <v>3026.5124999999998</v>
          </cell>
          <cell r="G211">
            <v>1361.930625</v>
          </cell>
          <cell r="H211">
            <v>10441.468124999999</v>
          </cell>
        </row>
        <row r="212">
          <cell r="A212" t="str">
            <v>SG35-1</v>
          </cell>
          <cell r="B212">
            <v>966751.9</v>
          </cell>
          <cell r="C212">
            <v>96675.19</v>
          </cell>
          <cell r="D212">
            <v>478542.19050000003</v>
          </cell>
          <cell r="E212">
            <v>231295.39207500001</v>
          </cell>
          <cell r="F212">
            <v>886632.3362875001</v>
          </cell>
          <cell r="G212">
            <v>398984.55132937501</v>
          </cell>
          <cell r="H212">
            <v>3058881.5601918753</v>
          </cell>
        </row>
        <row r="213">
          <cell r="A213" t="str">
            <v>SG35-2</v>
          </cell>
          <cell r="B213">
            <v>63000</v>
          </cell>
          <cell r="C213">
            <v>6300</v>
          </cell>
          <cell r="D213">
            <v>31185</v>
          </cell>
          <cell r="E213">
            <v>15072.75</v>
          </cell>
          <cell r="F213">
            <v>57778.875</v>
          </cell>
          <cell r="G213">
            <v>26000.493749999998</v>
          </cell>
          <cell r="H213">
            <v>199337.11874999999</v>
          </cell>
        </row>
        <row r="214">
          <cell r="A214" t="str">
            <v>SG35-3</v>
          </cell>
          <cell r="B214">
            <v>173000</v>
          </cell>
          <cell r="C214">
            <v>17300</v>
          </cell>
          <cell r="D214">
            <v>85635</v>
          </cell>
          <cell r="E214">
            <v>41390.25</v>
          </cell>
          <cell r="F214">
            <v>158662.625</v>
          </cell>
          <cell r="G214">
            <v>71398.181249999994</v>
          </cell>
          <cell r="H214">
            <v>547386.05625000002</v>
          </cell>
        </row>
        <row r="215">
          <cell r="A215" t="str">
            <v>SG35-4</v>
          </cell>
          <cell r="B215">
            <v>248200</v>
          </cell>
          <cell r="C215">
            <v>24820</v>
          </cell>
          <cell r="D215">
            <v>122859</v>
          </cell>
          <cell r="E215">
            <v>59381.85</v>
          </cell>
          <cell r="F215">
            <v>227630.42499999999</v>
          </cell>
          <cell r="G215">
            <v>102433.69125</v>
          </cell>
          <cell r="H215">
            <v>785324.96624999994</v>
          </cell>
        </row>
        <row r="216">
          <cell r="A216" t="str">
            <v>SG35-5</v>
          </cell>
          <cell r="B216">
            <v>69700</v>
          </cell>
          <cell r="C216">
            <v>6970</v>
          </cell>
          <cell r="D216">
            <v>34501.5</v>
          </cell>
          <cell r="E216">
            <v>16675.724999999999</v>
          </cell>
          <cell r="F216">
            <v>63923.612500000003</v>
          </cell>
          <cell r="G216">
            <v>28765.625625000001</v>
          </cell>
          <cell r="H216">
            <v>220536.46312500001</v>
          </cell>
        </row>
        <row r="217">
          <cell r="A217" t="str">
            <v>SG35-6</v>
          </cell>
          <cell r="B217">
            <v>114700</v>
          </cell>
          <cell r="C217">
            <v>11470</v>
          </cell>
          <cell r="D217">
            <v>56776.5</v>
          </cell>
          <cell r="E217">
            <v>27441.974999999999</v>
          </cell>
          <cell r="F217">
            <v>105194.2375</v>
          </cell>
          <cell r="G217">
            <v>47337.406875000001</v>
          </cell>
          <cell r="H217">
            <v>345715.11937500001</v>
          </cell>
        </row>
        <row r="218">
          <cell r="A218" t="str">
            <v>SG36-1</v>
          </cell>
          <cell r="B218">
            <v>612000</v>
          </cell>
          <cell r="C218">
            <v>61200</v>
          </cell>
          <cell r="D218">
            <v>302940</v>
          </cell>
          <cell r="E218">
            <v>146421</v>
          </cell>
          <cell r="F218">
            <v>561280.5</v>
          </cell>
          <cell r="G218">
            <v>252576.22499999998</v>
          </cell>
          <cell r="H218">
            <v>1936417.7250000001</v>
          </cell>
        </row>
        <row r="219">
          <cell r="A219" t="str">
            <v>SG36-2</v>
          </cell>
          <cell r="B219">
            <v>74016.432000000001</v>
          </cell>
          <cell r="C219">
            <v>7401.6432000000004</v>
          </cell>
          <cell r="D219">
            <v>36638.133840000002</v>
          </cell>
          <cell r="E219">
            <v>17708.431356000001</v>
          </cell>
          <cell r="F219">
            <v>67882.320198000001</v>
          </cell>
          <cell r="G219">
            <v>30547.044089100003</v>
          </cell>
          <cell r="H219">
            <v>234194.00468310001</v>
          </cell>
        </row>
        <row r="220">
          <cell r="A220" t="str">
            <v>SG36-3</v>
          </cell>
          <cell r="B220">
            <v>3300</v>
          </cell>
          <cell r="C220">
            <v>330</v>
          </cell>
          <cell r="D220">
            <v>1633.5</v>
          </cell>
          <cell r="E220">
            <v>789.52499999999998</v>
          </cell>
          <cell r="F220">
            <v>3026.5124999999998</v>
          </cell>
          <cell r="G220">
            <v>1361.930625</v>
          </cell>
          <cell r="H220">
            <v>10441.468124999999</v>
          </cell>
        </row>
        <row r="221">
          <cell r="A221" t="str">
            <v>SG36-4</v>
          </cell>
          <cell r="B221">
            <v>252</v>
          </cell>
          <cell r="C221">
            <v>25.200000000000003</v>
          </cell>
          <cell r="D221">
            <v>124.74</v>
          </cell>
          <cell r="E221">
            <v>60.290999999999997</v>
          </cell>
          <cell r="F221">
            <v>231.1155</v>
          </cell>
          <cell r="G221">
            <v>104.00197499999999</v>
          </cell>
          <cell r="H221">
            <v>797.34847500000001</v>
          </cell>
        </row>
        <row r="222">
          <cell r="A222" t="str">
            <v>SG37-1</v>
          </cell>
          <cell r="B222">
            <v>3456.864</v>
          </cell>
          <cell r="C222">
            <v>345.68640000000005</v>
          </cell>
          <cell r="D222">
            <v>1711.14768</v>
          </cell>
          <cell r="E222">
            <v>827.05471199999999</v>
          </cell>
          <cell r="F222">
            <v>3170.3763960000001</v>
          </cell>
          <cell r="G222">
            <v>1426.6693782</v>
          </cell>
          <cell r="H222">
            <v>10937.798566200001</v>
          </cell>
        </row>
        <row r="223">
          <cell r="A223" t="str">
            <v>SG37-2</v>
          </cell>
          <cell r="B223">
            <v>63000</v>
          </cell>
          <cell r="C223">
            <v>6300</v>
          </cell>
          <cell r="D223">
            <v>31185</v>
          </cell>
          <cell r="E223">
            <v>15072.75</v>
          </cell>
          <cell r="F223">
            <v>57778.875</v>
          </cell>
          <cell r="G223">
            <v>26000.493749999998</v>
          </cell>
          <cell r="H223">
            <v>199337.11874999999</v>
          </cell>
        </row>
        <row r="224">
          <cell r="A224" t="str">
            <v>EXT-1</v>
          </cell>
          <cell r="B224">
            <v>767687.89</v>
          </cell>
          <cell r="C224">
            <v>76768.789000000004</v>
          </cell>
          <cell r="D224">
            <v>380005.50555</v>
          </cell>
          <cell r="E224">
            <v>183669.32768249998</v>
          </cell>
          <cell r="F224">
            <v>704065.75611624995</v>
          </cell>
          <cell r="G224">
            <v>316829.59025231248</v>
          </cell>
          <cell r="H224">
            <v>2429026.8586010621</v>
          </cell>
        </row>
        <row r="225">
          <cell r="A225" t="str">
            <v>EXT-2</v>
          </cell>
          <cell r="B225">
            <v>285050.51800000004</v>
          </cell>
          <cell r="C225">
            <v>28505.051800000005</v>
          </cell>
          <cell r="D225">
            <v>141100.00641000003</v>
          </cell>
          <cell r="E225">
            <v>68198.336431500007</v>
          </cell>
          <cell r="F225">
            <v>261426.95632075006</v>
          </cell>
          <cell r="G225">
            <v>117642.13034433752</v>
          </cell>
          <cell r="H225">
            <v>901922.99930658774</v>
          </cell>
        </row>
        <row r="226">
          <cell r="A226" t="str">
            <v>EXT-3</v>
          </cell>
          <cell r="B226">
            <v>393227.86</v>
          </cell>
          <cell r="C226">
            <v>39322.786</v>
          </cell>
          <cell r="D226">
            <v>194647.79070000001</v>
          </cell>
          <cell r="E226">
            <v>94079.765504999988</v>
          </cell>
          <cell r="F226">
            <v>360639.10110249999</v>
          </cell>
          <cell r="G226">
            <v>162287.595496125</v>
          </cell>
          <cell r="H226">
            <v>1244204.898803625</v>
          </cell>
        </row>
        <row r="227">
          <cell r="A227" t="str">
            <v>EXT-4</v>
          </cell>
          <cell r="B227">
            <v>34668.880000000005</v>
          </cell>
          <cell r="C227">
            <v>3466.8880000000008</v>
          </cell>
          <cell r="D227">
            <v>17161.095600000001</v>
          </cell>
          <cell r="E227">
            <v>8294.5295399999995</v>
          </cell>
          <cell r="F227">
            <v>31795.69657</v>
          </cell>
          <cell r="G227">
            <v>14308.0634565</v>
          </cell>
          <cell r="H227">
            <v>109695.15316650001</v>
          </cell>
        </row>
        <row r="228">
          <cell r="A228" t="str">
            <v>EXT-5</v>
          </cell>
          <cell r="B228">
            <v>34668.880000000005</v>
          </cell>
          <cell r="C228">
            <v>3466.8880000000008</v>
          </cell>
          <cell r="D228">
            <v>17161.095600000001</v>
          </cell>
          <cell r="E228">
            <v>8294.5295399999995</v>
          </cell>
          <cell r="F228">
            <v>31795.69657</v>
          </cell>
          <cell r="G228">
            <v>14308.0634565</v>
          </cell>
          <cell r="H228">
            <v>109695.15316650001</v>
          </cell>
        </row>
        <row r="229">
          <cell r="A229" t="str">
            <v>EXT-6</v>
          </cell>
          <cell r="B229">
            <v>413729.51</v>
          </cell>
          <cell r="C229">
            <v>41372.951000000001</v>
          </cell>
          <cell r="D229">
            <v>204796.10745000001</v>
          </cell>
          <cell r="E229">
            <v>98984.785267500003</v>
          </cell>
          <cell r="F229">
            <v>379441.67685875</v>
          </cell>
          <cell r="G229">
            <v>170748.75458643748</v>
          </cell>
          <cell r="H229">
            <v>1309073.7851626875</v>
          </cell>
        </row>
        <row r="230">
          <cell r="A230" t="str">
            <v>EXT-7</v>
          </cell>
          <cell r="B230">
            <v>3000117231.0700002</v>
          </cell>
          <cell r="C230">
            <v>300011723.10700005</v>
          </cell>
          <cell r="D230">
            <v>1485058029.3796501</v>
          </cell>
          <cell r="E230">
            <v>717778047.53349745</v>
          </cell>
          <cell r="F230">
            <v>2751482515.545074</v>
          </cell>
          <cell r="G230">
            <v>1238167131.9952834</v>
          </cell>
          <cell r="H230">
            <v>9492614678.6305046</v>
          </cell>
        </row>
        <row r="231">
          <cell r="A231" t="str">
            <v>EXT-8</v>
          </cell>
          <cell r="B231">
            <v>888081.53</v>
          </cell>
          <cell r="C231">
            <v>88808.153000000006</v>
          </cell>
          <cell r="D231">
            <v>439600.35735000006</v>
          </cell>
          <cell r="E231">
            <v>212473.50605250002</v>
          </cell>
          <cell r="F231">
            <v>814481.77320125012</v>
          </cell>
          <cell r="G231">
            <v>366516.79794056248</v>
          </cell>
          <cell r="H231">
            <v>2809962.117544313</v>
          </cell>
        </row>
        <row r="232">
          <cell r="A232" t="str">
            <v>EXT-9</v>
          </cell>
          <cell r="B232">
            <v>196619.2</v>
          </cell>
          <cell r="C232">
            <v>19661.920000000002</v>
          </cell>
          <cell r="D232">
            <v>97326.504000000015</v>
          </cell>
          <cell r="E232">
            <v>47041.14360000001</v>
          </cell>
          <cell r="F232">
            <v>180324.38380000004</v>
          </cell>
          <cell r="G232">
            <v>81145.972710000016</v>
          </cell>
          <cell r="H232">
            <v>622119.12411000009</v>
          </cell>
        </row>
        <row r="233">
          <cell r="A233" t="str">
            <v>EXT-10</v>
          </cell>
          <cell r="B233"/>
          <cell r="C233"/>
          <cell r="D233"/>
          <cell r="E233"/>
          <cell r="F233"/>
          <cell r="G233"/>
          <cell r="H233">
            <v>370629.19</v>
          </cell>
        </row>
        <row r="234">
          <cell r="A234" t="str">
            <v>EXT-11</v>
          </cell>
          <cell r="B234">
            <v>540000</v>
          </cell>
          <cell r="C234">
            <v>54000</v>
          </cell>
          <cell r="D234">
            <v>267300</v>
          </cell>
          <cell r="E234">
            <v>129195</v>
          </cell>
          <cell r="F234">
            <v>495247.5</v>
          </cell>
          <cell r="G234">
            <v>222861.375</v>
          </cell>
          <cell r="H234">
            <v>1708603.875</v>
          </cell>
        </row>
        <row r="235">
          <cell r="A235" t="str">
            <v>EXT-12</v>
          </cell>
          <cell r="B235"/>
          <cell r="C235"/>
          <cell r="D235"/>
          <cell r="E235"/>
          <cell r="F235"/>
          <cell r="G235"/>
          <cell r="H235">
            <v>370629.19</v>
          </cell>
        </row>
        <row r="236">
          <cell r="A236" t="str">
            <v>EXT-13</v>
          </cell>
          <cell r="B236">
            <v>10500000</v>
          </cell>
          <cell r="C236"/>
          <cell r="D236"/>
          <cell r="E236"/>
          <cell r="F236"/>
          <cell r="G236"/>
          <cell r="H236">
            <v>10500000</v>
          </cell>
        </row>
        <row r="237">
          <cell r="A237" t="str">
            <v>EXT-14</v>
          </cell>
          <cell r="B237">
            <v>5250000</v>
          </cell>
          <cell r="C237"/>
          <cell r="D237"/>
          <cell r="E237"/>
          <cell r="F237"/>
          <cell r="G237"/>
          <cell r="H237">
            <v>5250000</v>
          </cell>
        </row>
        <row r="238">
          <cell r="A238" t="str">
            <v>EXT-15</v>
          </cell>
          <cell r="B238">
            <v>40000</v>
          </cell>
          <cell r="C238">
            <v>4000</v>
          </cell>
          <cell r="D238">
            <v>19800</v>
          </cell>
          <cell r="E238">
            <v>9570</v>
          </cell>
          <cell r="F238">
            <v>36685</v>
          </cell>
          <cell r="G238">
            <v>16508.25</v>
          </cell>
          <cell r="H238">
            <v>126563.25</v>
          </cell>
        </row>
        <row r="239">
          <cell r="A239" t="str">
            <v>EXT-16</v>
          </cell>
          <cell r="B239">
            <v>875000</v>
          </cell>
          <cell r="C239"/>
          <cell r="D239"/>
          <cell r="E239"/>
          <cell r="F239"/>
          <cell r="G239"/>
          <cell r="H239">
            <v>875000</v>
          </cell>
        </row>
        <row r="240">
          <cell r="A240" t="str">
            <v>EXT-17</v>
          </cell>
          <cell r="B240">
            <v>42500</v>
          </cell>
          <cell r="C240">
            <v>4250</v>
          </cell>
          <cell r="D240">
            <v>21037.5</v>
          </cell>
          <cell r="E240">
            <v>10168.125</v>
          </cell>
          <cell r="F240">
            <v>38977.8125</v>
          </cell>
          <cell r="G240">
            <v>17540.015625</v>
          </cell>
          <cell r="H240">
            <v>134473.453125</v>
          </cell>
        </row>
        <row r="241">
          <cell r="A241" t="str">
            <v>EXT-18</v>
          </cell>
          <cell r="B241">
            <v>500000</v>
          </cell>
          <cell r="C241">
            <v>50000</v>
          </cell>
          <cell r="D241">
            <v>247500</v>
          </cell>
          <cell r="E241">
            <v>119625</v>
          </cell>
          <cell r="F241">
            <v>458562.5</v>
          </cell>
          <cell r="G241">
            <v>206353.125</v>
          </cell>
          <cell r="H241">
            <v>1582040.625</v>
          </cell>
        </row>
      </sheetData>
    </sheetDataSet>
  </externalBook>
</externalLink>
</file>

<file path=xl/namedSheetViews/namedSheetView1.xml><?xml version="1.0" encoding="utf-8"?>
<namedSheetViews xmlns="http://schemas.microsoft.com/office/spreadsheetml/2019/namedsheetviews" xmlns:x="http://schemas.openxmlformats.org/spreadsheetml/2006/main" xmlns:mc="http://schemas.openxmlformats.org/markup-compatibility/2006" xmlns:x14="http://schemas.microsoft.com/office/spreadsheetml/2009/9/main" mc:Ignorable="x14">
  <namedSheetView name="SADC" id="{B995045C-5B67-4355-BD18-E2E82C670FBF}">
    <nsvFilter filterId="{FA72CA1A-DF11-4059-934A-CD22B0C3D92E}" ref="A3:DS554" tableId="0"/>
  </namedSheetView>
  <namedSheetView name="View1" id="{FA427E18-9F0B-446C-9DC8-19AAE4F2E523}"/>
</namedSheetViews>
</file>

<file path=xl/persons/person.xml><?xml version="1.0" encoding="utf-8"?>
<personList xmlns="http://schemas.microsoft.com/office/spreadsheetml/2018/threadedcomments" xmlns:x="http://schemas.openxmlformats.org/spreadsheetml/2006/main">
  <person displayName="Stephanie Pan" id="{0AF4C7A7-0062-423F-86C7-38553F940BAC}" userId="S::Stephanie.Pan@arup.com::8209aa53-ed9f-478b-86d4-a3d1cb6f9321" providerId="AD"/>
  <person displayName="Claire Miller (X)" id="{1B6A9983-40BC-42FF-A17B-6C2A9CE5E96F}" userId="S::Claire-x.Miller@arup.com::e40c9d63-35c0-4b21-9f24-75eacefc2f66" providerId="AD"/>
  <person displayName="Willison, Simon" id="{52578CE1-63BE-4717-A80D-262B776109FA}" userId="S::simon.willison@aecom.com::cc5976a2-2884-4f1b-978c-18862b3e8c8d" providerId="AD"/>
</personList>
</file>

<file path=xl/pivotCache/_rels/pivotCacheDefinition1.xml.rels><?xml version="1.0" encoding="UTF-8" standalone="yes"?>
<Relationships xmlns="http://schemas.openxmlformats.org/package/2006/relationships"><Relationship Id="rId1" Type="http://schemas.openxmlformats.org/officeDocument/2006/relationships/pivotCacheRecords" Target="pivotCacheRecords1.xml"/></Relationships>
</file>

<file path=xl/pivotCache/_rels/pivotCacheDefinition2.xml.rels><?xml version="1.0" encoding="UTF-8" standalone="yes"?>
<Relationships xmlns="http://schemas.openxmlformats.org/package/2006/relationships"><Relationship Id="rId1" Type="http://schemas.openxmlformats.org/officeDocument/2006/relationships/pivotCacheRecords" Target="pivotCacheRecords2.xml"/></Relationships>
</file>

<file path=xl/pivotCache/_rels/pivotCacheDefinition3.xml.rels><?xml version="1.0" encoding="UTF-8" standalone="yes"?>
<Relationships xmlns="http://schemas.openxmlformats.org/package/2006/relationships"><Relationship Id="rId1" Type="http://schemas.openxmlformats.org/officeDocument/2006/relationships/pivotCacheRecords" Target="pivotCacheRecords3.xml"/></Relationships>
</file>

<file path=xl/pivotCache/pivotCacheDefinition1.xml><?xml version="1.0" encoding="utf-8"?>
<pivotCacheDefinition xmlns="http://schemas.openxmlformats.org/spreadsheetml/2006/main" xmlns:r="http://schemas.openxmlformats.org/officeDocument/2006/relationships" xmlns:mc="http://schemas.openxmlformats.org/markup-compatibility/2006" xmlns:xr="http://schemas.microsoft.com/office/spreadsheetml/2014/revision" mc:Ignorable="xr" r:id="rId1" refreshedBy="Stephanie Pan" refreshedDate="45609.614289930556" createdVersion="8" refreshedVersion="8" minRefreshableVersion="3" recordCount="894" xr:uid="{1FBD513E-6BE2-473A-B165-614ADF381F63}">
  <cacheSource type="worksheet">
    <worksheetSource ref="A1:CF895" sheet="Master"/>
  </cacheSource>
  <cacheFields count="84">
    <cacheField name="Ref" numFmtId="0">
      <sharedItems containsString="0" containsBlank="1" containsNumber="1" containsInteger="1" minValue="1" maxValue="895"/>
    </cacheField>
    <cacheField name="District" numFmtId="0">
      <sharedItems containsBlank="1" count="7">
        <m/>
        <s v="Dacorum Borough Council"/>
        <s v="St Albans City and District Council / Dacorum Borough Council"/>
        <s v="Dacorum Borough Council / St Albans City and District Council"/>
        <s v="St Albans City and District Council"/>
        <s v="Cross-boundary"/>
        <s v="Dacorum Borough Council*"/>
      </sharedItems>
    </cacheField>
    <cacheField name="Topic" numFmtId="0">
      <sharedItems containsBlank="1"/>
    </cacheField>
    <cacheField name="Sub Topic" numFmtId="0">
      <sharedItems containsBlank="1"/>
    </cacheField>
    <cacheField name="Project Name" numFmtId="0">
      <sharedItems containsBlank="1"/>
    </cacheField>
    <cacheField name="Project Description" numFmtId="0">
      <sharedItems containsBlank="1" longText="1"/>
    </cacheField>
    <cacheField name="Location / Settlement / Corridor" numFmtId="0">
      <sharedItems containsBlank="1" count="16">
        <m/>
        <s v="Hemel Hempstead"/>
        <s v="Berkhamsted"/>
        <s v="Tring"/>
        <s v="Bovingdon"/>
        <s v="Markyate"/>
        <s v="All settlements (excluding Hemel) "/>
        <s v="All settlements (including Hemel) "/>
        <s v="Kings Langley "/>
        <s v="Borough-wide"/>
        <s v="Multiple"/>
        <s v="Rest of borough"/>
        <s v="Bovingdon "/>
        <s v="Kings Langley"/>
        <s v="Hemel Hemsptead"/>
        <s v="Tring "/>
      </sharedItems>
    </cacheField>
    <cacheField name="Major Site (if relevant)" numFmtId="0">
      <sharedItems containsBlank="1" count="75">
        <m/>
        <s v="North Hemel Hempstead"/>
        <s v="Hemel Hempstead Hospital / Market Square "/>
        <s v="Shendish Manor and Fairfields"/>
        <s v="N/A"/>
        <s v="Land South of Berkhamsted"/>
        <s v="Dunsley Farm"/>
        <s v="Polehanger Lane"/>
        <s v="Land East of Tring"/>
        <s v="Marchmont Farm"/>
        <s v="Station Gateway/National Grid"/>
        <s v="Hemel Hempstead Hospital / Market Square"/>
        <s v="Grange Farm"/>
        <s v="Land East of Tring/ Dunsley Farm "/>
        <s v="North Hemel"/>
        <s v="Hemel Hempstead Hospital/Market Square"/>
        <s v="Riverside"/>
        <s v="Apsley Mills Retail Park "/>
        <s v="Hemel Hempstead _x000a_(Hemel Garden Communities)"/>
        <s v="Land East of Tring "/>
        <s v="Dunsley Farm/North Hemel"/>
        <s v="New Mill"/>
        <s v="Windfall"/>
        <s v="Hospital and Market Square"/>
        <s v="Paradise"/>
        <s v="Civic Centre Site"/>
        <s v="Symbio Site"/>
        <s v="Station Gateway"/>
        <s v="National Grid Land "/>
        <s v="Kier Park"/>
        <s v="Marchmont Farm "/>
        <s v="Old Town"/>
        <s v="South of Green Lane"/>
        <s v="Grovehill Local Centre"/>
        <s v="Land East of Tring. "/>
        <s v="Windfall "/>
        <s v="Land South of Berkhamsted "/>
        <s v="British Film Institute "/>
        <s v="Haslam Playing Fields"/>
        <s v="Grange Farm "/>
        <s v="South of London Road "/>
        <s v="National Grid Land"/>
        <s v="Civic Centre Site "/>
        <s v="Hospital and Market Square "/>
        <s v="North Hemel "/>
        <s v="Polehanger Lane "/>
        <s v="Old Town "/>
        <s v="BK01 South of Berkhamsted, BK02 British Film Institute, BK03 Haslam Playing Fields"/>
        <s v="BK01 South of Berkhamsted"/>
        <s v="Miswell Lane (permissioned)"/>
        <s v="Dunsley Farm and Land East of Tring"/>
        <s v="Dunsley Farm,New Mill and Land East of Tring"/>
        <s v="Dunsley Farm, and New Mill and Land East of Tring"/>
        <s v="New Mill, Land East of Tring"/>
        <s v="All LP sites"/>
        <s v="East Hemel Hempstead"/>
        <s v="Polehanger Lane; Grovehill Local Centre"/>
        <s v="West Hemel Hempstead"/>
        <s v="TBD - could be located within East Hemel Hempstead site"/>
        <s v="Post 2041 - additional government funding required?"/>
        <s v="National Grid and 339-353 London Road; Symbio Site, Whiteleaf Road"/>
        <s v="Apsley Mills Retail Park; Shendish Manor and Fairfields"/>
        <s v="Civic Zone, Marlowes"/>
        <s v="Hemel Hempstead Station Gateway; National Grid and 339-353 London Road; Symbio Site, Whiteleaf Road"/>
        <s v="National Grid and 339-353 London Road; Symbio Site, Whiteleaf Road; Apsley Mills Retail Park"/>
        <s v="Apsley Mills Retail Park"/>
        <s v="East Hemel Hempstead; Plots 2/3 Kier Park, Maylands Avenue"/>
        <s v="East Hemel Hempstead; Plots 2/3 Kier Park, Maylands Avenue; Site to the south of Green Lane"/>
        <s v="East Hemel Hempstead; Site to the south of Green Lane"/>
        <s v="East Hemel Hempstead; North Hemel Hempstead"/>
        <s v="Civic Zone, Marlowes &amp; Old Town"/>
        <s v="North Hemel Hempstead; Marchmont Farm"/>
        <s v="Civic Zone, Marlowes "/>
        <s v="Riverside; Symbio Site, Whiteleaf Road; Paradise; Hemel Hempstead Hospital"/>
        <s v="All Maylands Business and Residential Development"/>
      </sharedItems>
    </cacheField>
    <cacheField name="On-site / Off-site" numFmtId="0">
      <sharedItems containsBlank="1" count="9">
        <m/>
        <s v="On-site"/>
        <s v="Off-site"/>
        <s v="On-site / Off-site"/>
        <s v="On-site &amp; Off-site"/>
        <s v="On-site "/>
        <s v="On-site / Naturalf-site"/>
        <s v="On-site / Andf-site"/>
        <s v="Off-site and on-site"/>
      </sharedItems>
    </cacheField>
    <cacheField name="Infrastructure Provider" numFmtId="0">
      <sharedItems containsBlank="1" count="22">
        <m/>
        <s v="Hertfordshire County Council"/>
        <s v="Hertfordshire County Council "/>
        <s v="NHS "/>
        <s v="HCC/Developer"/>
        <s v="Hertfordshire Constabulary "/>
        <s v="East of England Ambulance Service NHS Trust (EEAST)"/>
        <s v="UKPN"/>
        <s v="UKPN "/>
        <s v="Cadent Gas"/>
        <s v="SGN"/>
        <s v="Affinity Water "/>
        <s v="Thames Water"/>
        <s v="Environment Agency "/>
        <s v="Dacorum Borough Council "/>
        <s v="DBC"/>
        <s v="DBC "/>
        <s v="Developer/DBC"/>
        <s v="Developer"/>
        <s v="Developer/DBC/Third Party"/>
        <s v="National Trust"/>
        <s v="Dacorum Borough Council / Hertforshire County Council "/>
      </sharedItems>
    </cacheField>
    <cacheField name="Delivery Period" numFmtId="0">
      <sharedItems containsBlank="1" count="51">
        <m/>
        <s v="2032-2041"/>
        <s v="2026-2031"/>
        <s v="2029 - 2041"/>
        <s v="2031-2036"/>
        <s v="2027-2033"/>
        <s v="2026-2032"/>
        <s v="2029-2041"/>
        <s v="2036-2041"/>
        <s v="2027-2034"/>
        <s v="2028-2032"/>
        <s v="TBC"/>
        <s v="2031-2034"/>
        <s v="2035-2041"/>
        <s v="2027-2041"/>
        <s v="2026-2041"/>
        <s v="2023-2028"/>
        <s v="2028-2033"/>
        <s v="2025-2026"/>
        <s v="2025-2027 (forward funded by HCC) "/>
        <s v="2024-2025"/>
        <s v="2028-2035"/>
        <s v="2027-2036"/>
        <s v="2038-2041"/>
        <s v="2033-2035"/>
        <s v="2026-2027/2035-2038"/>
        <s v="2028-2031"/>
        <s v="2029-2030"/>
        <s v="2027-2032"/>
        <s v="2031-2039"/>
        <s v="2037-2039"/>
        <s v="2039-2041"/>
        <s v="2038-2040"/>
        <s v="2029-2032"/>
        <s v="2026-2038"/>
        <s v="2026-2029"/>
        <s v="Made available at  completion of related sites"/>
        <s v="2026/27-2030/31"/>
        <s v="By 2025/26"/>
        <s v="Should be considered in the short term"/>
        <s v="Should be considered in the short term "/>
        <s v="2026-2036"/>
        <s v="2026-2042"/>
        <s v="2026-2043"/>
        <s v="2026-2044"/>
        <s v="2031/32-2035/36"/>
        <s v="2036/37-2040/41"/>
        <s v="2031/32-2035/37"/>
        <s v="Post 2041"/>
        <s v="2025 - 2035"/>
        <s v="2026-2041 "/>
      </sharedItems>
    </cacheField>
    <cacheField name="Low" numFmtId="0">
      <sharedItems containsBlank="1" containsMixedTypes="1" containsNumber="1" containsInteger="1" minValue="1000000" maxValue="1000000"/>
    </cacheField>
    <cacheField name="High" numFmtId="0">
      <sharedItems containsBlank="1" containsMixedTypes="1" containsNumber="1" containsInteger="1" minValue="2000000" maxValue="2000000"/>
    </cacheField>
    <cacheField name="Estimated Cost₁ " numFmtId="0">
      <sharedItems containsString="0" containsBlank="1" containsNumber="1" minValue="0" maxValue="106900000"/>
    </cacheField>
    <cacheField name="Cost to be apportioned₂ " numFmtId="0">
      <sharedItems containsString="0" containsBlank="1" containsNumber="1" minValue="0" maxValue="106900000"/>
    </cacheField>
    <cacheField name="Funding Source" numFmtId="0">
      <sharedItems containsBlank="1"/>
    </cacheField>
    <cacheField name="Priority" numFmtId="0">
      <sharedItems containsBlank="1"/>
    </cacheField>
    <cacheField name="North Hemel_x000a_(3,500 units post 2041)" numFmtId="0">
      <sharedItems containsBlank="1" containsMixedTypes="1" containsNumber="1" containsInteger="1" minValue="1500" maxValue="1500"/>
    </cacheField>
    <cacheField name="Civic Zone, Marlowes" numFmtId="0">
      <sharedItems containsBlank="1" containsMixedTypes="1" containsNumber="1" containsInteger="1" minValue="200" maxValue="200"/>
    </cacheField>
    <cacheField name="Hemel Hospital/Market Square" numFmtId="0">
      <sharedItems containsBlank="1" containsMixedTypes="1" containsNumber="1" containsInteger="1" minValue="450" maxValue="450"/>
    </cacheField>
    <cacheField name="Paradise" numFmtId="0">
      <sharedItems containsBlank="1" containsMixedTypes="1" containsNumber="1" containsInteger="1" minValue="350" maxValue="350"/>
    </cacheField>
    <cacheField name="Riverside" numFmtId="0">
      <sharedItems containsBlank="1" containsMixedTypes="1" containsNumber="1" containsInteger="1" minValue="300" maxValue="300"/>
    </cacheField>
    <cacheField name="National Grid and 339-353 London Road" numFmtId="0">
      <sharedItems containsBlank="1" containsMixedTypes="1" containsNumber="1" containsInteger="1" minValue="480" maxValue="480"/>
    </cacheField>
    <cacheField name="Symbio Site, Whiteleaf Road" numFmtId="0">
      <sharedItems containsBlank="1" containsMixedTypes="1" containsNumber="1" containsInteger="1" minValue="100" maxValue="100"/>
    </cacheField>
    <cacheField name="Hemel Hempstead Station Gateway" numFmtId="0">
      <sharedItems containsBlank="1" containsMixedTypes="1" containsNumber="1" containsInteger="1" minValue="390" maxValue="390"/>
    </cacheField>
    <cacheField name="Apsley Mills Retail Park" numFmtId="0">
      <sharedItems containsBlank="1" containsMixedTypes="1" containsNumber="1" containsInteger="1" minValue="500" maxValue="500"/>
    </cacheField>
    <cacheField name="Shendish Manor and Fairfields" numFmtId="0">
      <sharedItems containsBlank="1" containsMixedTypes="1" containsNumber="1" containsInteger="1" minValue="500" maxValue="500"/>
    </cacheField>
    <cacheField name="Polehanger Lane" numFmtId="0">
      <sharedItems containsBlank="1" containsMixedTypes="1" containsNumber="1" containsInteger="1" minValue="750" maxValue="750"/>
    </cacheField>
    <cacheField name="Grovehill Local Centre (Henry Wells Square)" numFmtId="0">
      <sharedItems containsBlank="1" containsMixedTypes="1" containsNumber="1" containsInteger="1" minValue="200" maxValue="200"/>
    </cacheField>
    <cacheField name="Plots 2/3 Kier Park, Marylands Avenue " numFmtId="0">
      <sharedItems containsBlank="1" containsMixedTypes="1" containsNumber="1" containsInteger="1" minValue="234" maxValue="234"/>
    </cacheField>
    <cacheField name="Marchmont Farm " numFmtId="0">
      <sharedItems containsBlank="1" containsMixedTypes="1" containsNumber="1" containsInteger="1" minValue="350" maxValue="350"/>
    </cacheField>
    <cacheField name="Old Town" numFmtId="0">
      <sharedItems containsBlank="1" containsMixedTypes="1" containsNumber="1" containsInteger="1" minValue="90" maxValue="90"/>
    </cacheField>
    <cacheField name="Site to the south of Green Lane" numFmtId="0">
      <sharedItems containsBlank="1" containsMixedTypes="1" containsNumber="1" containsInteger="1" minValue="80" maxValue="80"/>
    </cacheField>
    <cacheField name="Hemel Hempstead Windfall" numFmtId="0">
      <sharedItems containsBlank="1" containsMixedTypes="1" containsNumber="1" containsInteger="1" minValue="2385" maxValue="2385"/>
    </cacheField>
    <cacheField name="South of Berkhamsted" numFmtId="0">
      <sharedItems containsBlank="1" containsMixedTypes="1" containsNumber="1" containsInteger="1" minValue="775" maxValue="775"/>
    </cacheField>
    <cacheField name="Haslam Playing Fields" numFmtId="0">
      <sharedItems containsBlank="1" containsMixedTypes="1" containsNumber="1" containsInteger="1" minValue="100" maxValue="100"/>
    </cacheField>
    <cacheField name="British Film Institute " numFmtId="0">
      <sharedItems containsBlank="1" containsMixedTypes="1" containsNumber="1" containsInteger="1" minValue="100" maxValue="100"/>
    </cacheField>
    <cacheField name="Berkhamsted Windfall" numFmtId="0">
      <sharedItems containsBlank="1" containsMixedTypes="1" containsNumber="1" containsInteger="1" minValue="302" maxValue="302"/>
    </cacheField>
    <cacheField name="Dunsley Farm" numFmtId="0">
      <sharedItems containsBlank="1" containsMixedTypes="1" containsNumber="1" containsInteger="1" minValue="250" maxValue="250"/>
    </cacheField>
    <cacheField name="New Mill" numFmtId="0">
      <sharedItems containsBlank="1" containsMixedTypes="1" containsNumber="1" containsInteger="1" minValue="400" maxValue="400"/>
    </cacheField>
    <cacheField name="Land East of Tring" numFmtId="0">
      <sharedItems containsBlank="1" containsMixedTypes="1" containsNumber="1" containsInteger="1" minValue="1400" maxValue="1400"/>
    </cacheField>
    <cacheField name="Tring Windfall" numFmtId="0">
      <sharedItems containsBlank="1" containsMixedTypes="1" containsNumber="1" containsInteger="1" minValue="201" maxValue="201"/>
    </cacheField>
    <cacheField name="Grange Farm" numFmtId="0">
      <sharedItems containsBlank="1" containsMixedTypes="1" containsNumber="1" containsInteger="1" minValue="217" maxValue="217"/>
    </cacheField>
    <cacheField name="Bovingdon Windfall" numFmtId="0">
      <sharedItems containsBlank="1" containsMixedTypes="1" containsNumber="1" containsInteger="1" minValue="31" maxValue="31"/>
    </cacheField>
    <cacheField name="Kings Langley Windfall" numFmtId="0">
      <sharedItems containsBlank="1" containsMixedTypes="1" containsNumber="1" containsInteger="1" minValue="67" maxValue="67"/>
    </cacheField>
    <cacheField name="South of London Road" numFmtId="0">
      <sharedItems containsBlank="1" containsMixedTypes="1" containsNumber="1" containsInteger="1" minValue="150" maxValue="150"/>
    </cacheField>
    <cacheField name="Markyate Windfall" numFmtId="0">
      <sharedItems containsBlank="1" containsMixedTypes="1" containsNumber="1" containsInteger="1" minValue="31" maxValue="31"/>
    </cacheField>
    <cacheField name="Rest of Borough Windfall" numFmtId="0">
      <sharedItems containsBlank="1" containsMixedTypes="1" containsNumber="1" containsInteger="1" minValue="336" maxValue="336"/>
    </cacheField>
    <cacheField name="Total dwellings to contribute" numFmtId="0">
      <sharedItems containsString="0" containsBlank="1" containsNumber="1" containsInteger="1" minValue="0" maxValue="13219"/>
    </cacheField>
    <cacheField name="Per dwelling cost" numFmtId="0">
      <sharedItems containsString="0" containsBlank="1" containsNumber="1" minValue="0" maxValue="113677.5"/>
    </cacheField>
    <cacheField name="North Hemel_x000a_(3,500 units post 2041)2" numFmtId="0">
      <sharedItems containsBlank="1" containsMixedTypes="1" containsNumber="1" minValue="0" maxValue="51660180.000000007"/>
    </cacheField>
    <cacheField name="Civic Zone, Marlowes2" numFmtId="0">
      <sharedItems containsBlank="1" containsMixedTypes="1" containsNumber="1" minValue="0" maxValue="9094200"/>
    </cacheField>
    <cacheField name="Hemel Hospital/Market Square2" numFmtId="0">
      <sharedItems containsBlank="1" containsMixedTypes="1" containsNumber="1" minValue="0" maxValue="11480040"/>
    </cacheField>
    <cacheField name="Paradise2" numFmtId="0">
      <sharedItems containsBlank="1" containsMixedTypes="1" containsNumber="1" minValue="0" maxValue="9094200"/>
    </cacheField>
    <cacheField name="Riverside2" numFmtId="0">
      <sharedItems containsBlank="1" containsMixedTypes="1" containsNumber="1" minValue="0" maxValue="9094200"/>
    </cacheField>
    <cacheField name="National Grid and 339-353 London Road2" numFmtId="0">
      <sharedItems containsBlank="1" containsMixedTypes="1" containsNumber="1" minValue="0" maxValue="9094200"/>
    </cacheField>
    <cacheField name="Symbio Site, Whiteleaf Road2" numFmtId="0">
      <sharedItems containsBlank="1" containsMixedTypes="1" containsNumber="1" minValue="0" maxValue="9094200"/>
    </cacheField>
    <cacheField name="Hemel Hempstead Station Gateway2" numFmtId="0">
      <sharedItems containsBlank="1" containsMixedTypes="1" containsNumber="1" minValue="0" maxValue="9094200"/>
    </cacheField>
    <cacheField name="Apsley Mills Retail Park2" numFmtId="0">
      <sharedItems containsBlank="1" containsMixedTypes="1" containsNumber="1" minValue="0" maxValue="9094200"/>
    </cacheField>
    <cacheField name="Shendish Manor and Fairfields2" numFmtId="0">
      <sharedItems containsBlank="1" containsMixedTypes="1" containsNumber="1" minValue="0" maxValue="11480040"/>
    </cacheField>
    <cacheField name="Polehanger Lane2" numFmtId="0">
      <sharedItems containsBlank="1" containsMixedTypes="1" containsNumber="1" minValue="0" maxValue="9094200"/>
    </cacheField>
    <cacheField name="Grovehill Local Centre (Henry Wells Square)2" numFmtId="0">
      <sharedItems containsBlank="1" containsMixedTypes="1" containsNumber="1" minValue="0" maxValue="9094200"/>
    </cacheField>
    <cacheField name="Plots 2/3 Kier Park, Marylands Avenue 2" numFmtId="0">
      <sharedItems containsBlank="1" containsMixedTypes="1" containsNumber="1" minValue="0" maxValue="9094200"/>
    </cacheField>
    <cacheField name="Marchmont Farm 2" numFmtId="0">
      <sharedItems containsBlank="1" containsMixedTypes="1" containsNumber="1" minValue="0" maxValue="9094200"/>
    </cacheField>
    <cacheField name="Old Town2" numFmtId="0">
      <sharedItems containsBlank="1" containsMixedTypes="1" containsNumber="1" minValue="0" maxValue="9094200"/>
    </cacheField>
    <cacheField name="Site to the south of Green Lane2" numFmtId="0">
      <sharedItems containsBlank="1" containsMixedTypes="1" containsNumber="1" minValue="0" maxValue="9094200"/>
    </cacheField>
    <cacheField name="Hemel Hempstead Windfall2" numFmtId="0">
      <sharedItems containsBlank="1" containsMixedTypes="1" containsNumber="1" minValue="0" maxValue="9094200"/>
    </cacheField>
    <cacheField name="South of Berkhamsted2" numFmtId="0">
      <sharedItems containsBlank="1" containsMixedTypes="1" containsNumber="1" minValue="0" maxValue="11480040"/>
    </cacheField>
    <cacheField name="Haslam Playing Fields2" numFmtId="0">
      <sharedItems containsBlank="1" containsMixedTypes="1" containsNumber="1" minValue="0" maxValue="883732.18480814411"/>
    </cacheField>
    <cacheField name="British Film Institute 2" numFmtId="0">
      <sharedItems containsBlank="1" containsMixedTypes="1" containsNumber="1" minValue="0" maxValue="883732.18480814411"/>
    </cacheField>
    <cacheField name="Berkhamsted Windfall2" numFmtId="0">
      <sharedItems containsBlank="1" containsMixedTypes="1" containsNumber="1" minValue="0" maxValue="2668871.1981205954"/>
    </cacheField>
    <cacheField name="Dunsley Farm2" numFmtId="0">
      <sharedItems containsBlank="1" containsMixedTypes="1" containsNumber="1" minValue="0" maxValue="11480040"/>
    </cacheField>
    <cacheField name="New Mill2" numFmtId="0">
      <sharedItems containsBlank="1" containsMixedTypes="1" containsNumber="1" minValue="0" maxValue="2005377.1657041314"/>
    </cacheField>
    <cacheField name="Land East of Tring2" numFmtId="0">
      <sharedItems containsBlank="1" containsMixedTypes="1" containsNumber="1" minValue="0" maxValue="7018820.0799644599"/>
    </cacheField>
    <cacheField name="Tring Windfall2" numFmtId="0">
      <sharedItems containsBlank="1" containsMixedTypes="1" containsNumber="1" minValue="0" maxValue="1515700"/>
    </cacheField>
    <cacheField name="Grange Farm2" numFmtId="0">
      <sharedItems containsBlank="1" containsMixedTypes="1" containsNumber="1" minValue="0" maxValue="4206727"/>
    </cacheField>
    <cacheField name="Bovingdon Windfall2" numFmtId="0">
      <sharedItems containsBlank="1" containsMixedTypes="1" containsNumber="1" minValue="0" maxValue="600961"/>
    </cacheField>
    <cacheField name="Kings Langley Windfall2" numFmtId="0">
      <sharedItems containsBlank="1" containsMixedTypes="1" containsNumber="1" minValue="0" maxValue="74600.90879999999"/>
    </cacheField>
    <cacheField name="South of London Road2" numFmtId="0">
      <sharedItems containsBlank="1" containsMixedTypes="1" containsNumber="1" minValue="0" maxValue="3984271.82320442"/>
    </cacheField>
    <cacheField name="Markyate Windfall2" numFmtId="0">
      <sharedItems containsBlank="1" containsMixedTypes="1" containsNumber="1" minValue="0" maxValue="823416.17679558019"/>
    </cacheField>
    <cacheField name="Rest of Borough Windfall2" numFmtId="0">
      <sharedItems containsBlank="1" containsMixedTypes="1" containsNumber="1" minValue="0" maxValue="38254.304557029827"/>
    </cacheField>
    <cacheField name="Cost Notes" numFmtId="0">
      <sharedItems containsBlank="1" longText="1"/>
    </cacheField>
    <cacheField name="Project Notes " numFmtId="0">
      <sharedItems containsBlank="1"/>
    </cacheField>
    <cacheField name="Source" numFmtId="0">
      <sharedItems containsBlank="1"/>
    </cacheField>
  </cacheFields>
  <extLst>
    <ext xmlns:x14="http://schemas.microsoft.com/office/spreadsheetml/2009/9/main" uri="{725AE2AE-9491-48be-B2B4-4EB974FC3084}">
      <x14:pivotCacheDefinition/>
    </ext>
  </extLst>
</pivotCacheDefinition>
</file>

<file path=xl/pivotCache/pivotCacheDefinition2.xml><?xml version="1.0" encoding="utf-8"?>
<pivotCacheDefinition xmlns="http://schemas.openxmlformats.org/spreadsheetml/2006/main" xmlns:r="http://schemas.openxmlformats.org/officeDocument/2006/relationships" xmlns:mc="http://schemas.openxmlformats.org/markup-compatibility/2006" xmlns:xr="http://schemas.microsoft.com/office/spreadsheetml/2014/revision" mc:Ignorable="xr" r:id="rId1" refreshedBy="Stephanie Pan" refreshedDate="45898.652041435183" createdVersion="8" refreshedVersion="8" minRefreshableVersion="3" recordCount="192" xr:uid="{E5EE0976-BD6E-40E7-B3FA-179A758157DF}">
  <cacheSource type="worksheet">
    <worksheetSource ref="B5:P197" sheet="Task 7-3.4"/>
  </cacheSource>
  <cacheFields count="15">
    <cacheField name="HGC IDP scheme reference" numFmtId="0">
      <sharedItems/>
    </cacheField>
    <cacheField name="Source" numFmtId="0">
      <sharedItems/>
    </cacheField>
    <cacheField name="Topic" numFmtId="0">
      <sharedItems count="7">
        <s v="Transport"/>
        <s v="Health and Social Care"/>
        <s v="Education"/>
        <s v="Emergency Services"/>
        <s v="Transformational Scheme"/>
        <s v="Green Infrastructure"/>
        <s v="Waste Management"/>
      </sharedItems>
    </cacheField>
    <cacheField name="Sub Topic" numFmtId="0">
      <sharedItems/>
    </cacheField>
    <cacheField name="Project Name" numFmtId="0">
      <sharedItems/>
    </cacheField>
    <cacheField name="Project Description" numFmtId="0">
      <sharedItems longText="1"/>
    </cacheField>
    <cacheField name="Total Cost" numFmtId="164">
      <sharedItems containsSemiMixedTypes="0" containsString="0" containsNumber="1" minValue="132" maxValue="32500000"/>
    </cacheField>
    <cacheField name="Cost from DBC" numFmtId="164">
      <sharedItems containsSemiMixedTypes="0" containsString="0" containsNumber="1" minValue="0" maxValue="18906228.735903401"/>
    </cacheField>
    <cacheField name="Cost from SADC" numFmtId="164">
      <sharedItems containsSemiMixedTypes="0" containsString="0" containsNumber="1" minValue="53.925653710247353" maxValue="24217233.009708736"/>
    </cacheField>
    <cacheField name="Original Cost from DBC IDP" numFmtId="164">
      <sharedItems containsMixedTypes="1" containsNumber="1" minValue="85.822343750000002" maxValue="13326733"/>
    </cacheField>
    <cacheField name="Original Contribution from EHH from DBC IDP" numFmtId="164">
      <sharedItems containsMixedTypes="1" containsNumber="1" minValue="0" maxValue="589507.91199823562"/>
    </cacheField>
    <cacheField name="Difference Overall" numFmtId="164">
      <sharedItems containsMixedTypes="1" containsNumber="1" minValue="-254328.02199823561" maxValue="31443500"/>
    </cacheField>
    <cacheField name="Difference for DBC" numFmtId="164">
      <sharedItems containsMixedTypes="1" containsNumber="1" minValue="-3685000" maxValue="7226266.9902912611"/>
    </cacheField>
    <cacheField name="Type of Change in Total Cost" numFmtId="0">
      <sharedItems count="4">
        <s v="N/A"/>
        <s v="Overall Cost Increased"/>
        <s v="Overall Cost Decreased"/>
        <s v="No change"/>
      </sharedItems>
    </cacheField>
    <cacheField name="Type of Change in DBC's Cost" numFmtId="0">
      <sharedItems count="3">
        <s v="N/A"/>
        <s v="DBC Cost Increased"/>
        <s v="DBC Cost Decreased"/>
      </sharedItems>
    </cacheField>
  </cacheFields>
  <extLst>
    <ext xmlns:x14="http://schemas.microsoft.com/office/spreadsheetml/2009/9/main" uri="{725AE2AE-9491-48be-B2B4-4EB974FC3084}">
      <x14:pivotCacheDefinition/>
    </ext>
  </extLst>
</pivotCacheDefinition>
</file>

<file path=xl/pivotCache/pivotCacheDefinition3.xml><?xml version="1.0" encoding="utf-8"?>
<pivotCacheDefinition xmlns="http://schemas.openxmlformats.org/spreadsheetml/2006/main" xmlns:r="http://schemas.openxmlformats.org/officeDocument/2006/relationships" xmlns:mc="http://schemas.openxmlformats.org/markup-compatibility/2006" xmlns:xr="http://schemas.microsoft.com/office/spreadsheetml/2014/revision" mc:Ignorable="xr" r:id="rId1" refreshedBy="Claire Miller (X)" refreshedDate="45901.481195601853" createdVersion="8" refreshedVersion="8" minRefreshableVersion="3" recordCount="555" xr:uid="{72E02402-4BD6-4E25-A07D-A3BD15D1BE58}">
  <cacheSource type="worksheet">
    <worksheetSource ref="A802:DS802" sheet="DRAFT - HGC Schemes"/>
  </cacheSource>
  <cacheFields count="125">
    <cacheField name="Final outstanding queries JULY 2025" numFmtId="0">
      <sharedItems containsBlank="1"/>
    </cacheField>
    <cacheField name="DO NOT DELETE" numFmtId="0">
      <sharedItems containsBlank="1" containsMixedTypes="1" containsNumber="1" containsInteger="1" minValue="1" maxValue="551"/>
    </cacheField>
    <cacheField name="HGC IDP scheme reference" numFmtId="0">
      <sharedItems containsBlank="1"/>
    </cacheField>
    <cacheField name="Source - DBC/SADC IDP/Savills etc" numFmtId="0">
      <sharedItems containsBlank="1"/>
    </cacheField>
    <cacheField name="District" numFmtId="0">
      <sharedItems containsBlank="1"/>
    </cacheField>
    <cacheField name="Topic" numFmtId="0">
      <sharedItems containsBlank="1" count="11">
        <m/>
        <s v="Community Facilities"/>
        <s v="Education"/>
        <s v="Emergency Services"/>
        <s v="Green Infrastructure"/>
        <s v="Health and Social Care"/>
        <s v="Sports and Leisure"/>
        <s v="Transformational Scheme"/>
        <s v="Transport"/>
        <s v="Utilities"/>
        <s v="Waste Management"/>
      </sharedItems>
    </cacheField>
    <cacheField name="Sub Topic" numFmtId="0">
      <sharedItems containsBlank="1" count="47">
        <m/>
        <s v="Community facilities"/>
        <s v="Community centres "/>
        <s v="Libraries"/>
        <s v="Youth Services"/>
        <s v="Children's homes"/>
        <s v="CCTV"/>
        <s v="Childcare 0-2 year olds (private provision)"/>
        <s v="Childcare 5-11 year old (wraparound care)"/>
        <s v="Primary Education"/>
        <s v="Secondary Education"/>
        <s v="SEND"/>
        <s v="Fire "/>
        <s v="Police"/>
        <s v="Strategic Green Infrastructure"/>
        <s v="Suitable Alternative Natural Greenspace (SANG)"/>
        <s v="Local Area for Play (LAP)"/>
        <s v="Strategic Access Management and Monitoring (SAMMS)"/>
        <s v="Local Equipped Area for Play (LEAP)"/>
        <s v="Neighbourhood Equipped Area for Play (NEAP)"/>
        <s v="Multi-Use Games Area (MUGA)"/>
        <s v="Allotments "/>
        <s v="Amenity greenspace"/>
        <s v="Natural and semi-natural greenspace"/>
        <s v="Public parks and gardens "/>
        <s v="Primary Healthcare"/>
        <s v="Primary / Secondary Healthcare"/>
        <s v="Secondary Healthcare"/>
        <s v="Adult Care Services "/>
        <s v="Ambulance Service "/>
        <s v="Playing Pitches"/>
        <s v="Sports Facilities"/>
        <s v="Urban Greening"/>
        <s v="Water"/>
        <s v="Green Infrastructure and Accessibility"/>
        <s v="Multi-Modal"/>
        <s v="Public Transport"/>
        <s v="Rail"/>
        <s v="Highways"/>
        <s v="Active Travel"/>
        <s v="Active Travel "/>
        <s v="Energy (Electricity)"/>
        <s v="Energy (Gas)"/>
        <s v="Potable Water"/>
        <s v="Potable Water "/>
        <s v="Waste Water"/>
        <s v="Waste &amp; recycling "/>
      </sharedItems>
    </cacheField>
    <cacheField name="Project Name" numFmtId="0">
      <sharedItems containsBlank="1" longText="1"/>
    </cacheField>
    <cacheField name="AECOM SCHEME ID - Transport Only" numFmtId="0">
      <sharedItems containsBlank="1"/>
    </cacheField>
    <cacheField name="Project Description" numFmtId="0">
      <sharedItems containsBlank="1" longText="1"/>
    </cacheField>
    <cacheField name="Location" numFmtId="0">
      <sharedItems containsBlank="1"/>
    </cacheField>
    <cacheField name="Major Site" numFmtId="0">
      <sharedItems containsBlank="1" count="104" longText="1">
        <m/>
        <s v="North Hemel Hempstead (H1)"/>
        <s v="East Hemel Hempstead (North) (H2)"/>
        <s v="East Hemel Hempstead (South) (H4)"/>
        <s v="North Hemel Hempstead (Hm01)"/>
        <s v="Shendish Manor and Fairfields (Hm11)"/>
        <s v="Polehanger Lane (Hm13)"/>
        <s v="All DBC programme area sites that are not making on-site provision"/>
        <s v="All programme area sites"/>
        <s v="Marchmont Farm (Hm14)"/>
        <s v="Riverside (Hm06)"/>
        <s v="Hemel Hempstead Station Gateway (Hm08); National Grid and 339-353 London Road (Hm09)"/>
        <s v="North Hemel Hempstead (Hm01); North Hemel Hempstead (H1); East Hemel Hempstead (South) (H2); East Hemel Hempstead (South) (H4)"/>
        <s v="Hemel Hospital/Market Square (Hm03)"/>
        <s v="All Programme Area sites and windfall, that are not providing or contributing to a specific project"/>
        <s v="North Hemel Hempstead (H1); East Hemel Hempstead (North) (H2); East Hemel Hempstead (South) (H4)"/>
        <s v="N/A"/>
        <s v="East Hemel Hempstead (Central) (H3)"/>
        <s v="Civic Zone, Marlowes (Hm02)"/>
        <s v="Paradise (Hm04)"/>
        <s v="Symbio Site, Whiteleaf Road (Hm07)"/>
        <s v="Hemel Hempstead Station Gateway (Hm08)"/>
        <s v="National Grid and 339-353 London Road (Hm09)"/>
        <s v="Apsley Mills Retail Park (Hm10) "/>
        <s v="Plots 2/3 Kier Park, Maylands Avenue (Hm12) "/>
        <s v="Old Town (Hm15)"/>
        <s v="Site to the south of Green Lane (Hm16)"/>
        <s v="Grovehill Local Centre (Henry Wells Square) (Grovehill NDP)"/>
        <s v="Windfall "/>
        <s v="Plots 2/3 Kier Park, Maylands Avenue (Hm12)"/>
        <s v="Polehanger Lane (Hm13) "/>
        <s v="Old Town (Hm15) "/>
        <s v="Hemel Hospital/Market Square (Hm03); Paradise (Hm04), Civic Zone, Marlowes (Hm02); Riverside (Hm06)"/>
        <s v="Windfall"/>
        <s v="Marchmont Farm (Hm14) "/>
        <s v="Apsley Mills Retail Park (Hm10)"/>
        <s v="National Grid and 339-353 London Road (Hm09); Symbio Site, Whiteleaf Road (Hm07); Hemel Hempstead Station Gateway (Hm08); Apsley Mills Retail Park (Hm10); Shendish Manor and Fairfields (Hm11)"/>
        <s v="All DBC sites in the programme area"/>
        <s v="North Hemel Hempstead (H1); East Hemel Hempstead (North) (H2); East Hemel Hempstead (Central) (H3); East Hemel Hempstead (South) (H4); Plots 2/3 Kier Park, Maylands Avenue (Hm12)"/>
        <s v="All DBC Local Plan sites; East Hemel Hempstead (North) (H2); East Hemel Hempstead (Central) (H3)"/>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Old Town (Hm15) (Hm15); East Hemel Hempstead (Central) (H3); East Hemel Hempstead (South) (H4)"/>
        <s v="North Hemel Hempstead (Hm01); Shendish Manor and Fairfields (Hm11); Marchmont Farm (Hm14) ; East Hemel Hempstead (North) (H2); East Hemel Hempstead (Central) (H3); East Hemel Hempstead (South) (H4)"/>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Plots 2/3 Kier Park, Maylands Avenue (Hm12); Polehanger Lane (Hm13); Marchmont Farm (Hm14) ; Site to the south of Green Lane (Hm16); North Hemel Hempstead (H1); East Hemel Hempstead (North) (H2); East Hemel Hempstead (Central) (H3); East Hemel Hempstead (South) (H4)"/>
        <s v="North Hemel Hempstead (Hm01); Hemel Hospital/Market Square (Hm03); Symbio Site, Whiteleaf Road (Hm07); Hemel Hempstead Station Gateway (Hm08); National Grid and 339-353 London Road (Hm09); Apsley Mills Retail Park (Hm10); Shendish Manor and Fairfields (Hm11); Plots 2/3 Kier Park, Maylands Avenue (Hm12); Polehanger Lane (Hm13); Site to the south of Green Lane (Hm16); North Hemel Hempstead (H1); East Hemel Hempstead (North) (H2); East Hemel Hempstead (Central) (H3); East Hemel Hempstead (South) (H4)"/>
        <s v="North Hemel Hempstead (Hm01); Shendish Manor and Fairfields (Hm11); North Hemel Hempstead (H1); East Hemel Hempstead (North) (H2); East Hemel Hempstead (South) (H4)"/>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Plots 2/3 Kier Park, Maylands Avenue (Hm12); Polehanger Lane (Hm13); Site to the south of Green Lane (Hm16); North Hemel Hempstead (H1); East Hemel Hempstead (North) (H2); East Hemel Hempstead (Central) (H3); East Hemel Hempstead (South) (H4)"/>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olehanger Lane (Hm13); Marchmont Farm (Hm14) ; Old Town (Hm15) (Hm15); Site to the south of Green Lane (Hm16); East Hemel Hempstead (North) (H2); East Hemel Hempstead (Central) (H3); East Hemel Hempstead (South) (H4)"/>
        <s v="East Hemel Hempstead (North) (H2); East Hemel Hempstead (Central) (H3)"/>
        <s v="North Hemel Hempstead (Hm01); North Hemel Hempstead (H1)"/>
        <s v="North Hemel Hempstead (H1); East Hemel Hempstead (North) (H2)"/>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olehanger Lane (Hm13); Marchmont Farm (Hm14) ; North Hemel Hempstead (H1); East Hemel Hempstead (North) (H2); East Hemel Hempstead (South) (H4)"/>
        <s v="North Hemel Hempstead (Hm01); Civic Zone, Marlowes (Hm02); Hemel Hospital/Market Square (Hm03); Paradise (Hm04); Riverside (Hm06); Hemel Hempstead Station Gateway (Hm08); National Grid and 339-353 London Road (Hm09); Apsley Mills Retail Park (Hm10); Shendish Manor and Fairfields (Hm11); Grovehill Local Centre; Plots 2/3 Kier Park, Maylands Avenue (Hm12); Marchmont Farm (Hm14) ; Old Town (Hm15) (Hm15); North Hemel Hempstead (H1); East Hemel Hempstead (North) (H2); East Hemel Hempstead (Central) (H3); East Hemel Hempstead (South) (H4)"/>
        <s v="North Hemel Hempstead (Hm01); Civic Zone, Marlowes (Hm02); Hemel Hospital/Market Square (Hm03); Paradise (Hm04); Riverside (Hm06); Hemel Hempstead Station Gateway (Hm08); National Grid and 339-353 London Road (Hm09); Shendish Manor and Fairfields (Hm11); Plots 2/3 Kier Park, Maylands Avenue (Hm12); Polehanger Lane (Hm13); Marchmont Farm (Hm14) ; North Hemel Hempstead (H1); East Hemel Hempstead (North) (H2); East Hemel Hempstead (Central) (H3); East Hemel Hempstead (South) (H4)"/>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Old Town (Hm15) (Hm15); Site to the south of Green Lane (Hm16); East Hemel Hempstead (North) (H2); East Hemel Hempstead (Central) (H3); East Hemel Hempstead (South) (H4)"/>
        <s v="North Hemel Hempstead (Hm01); Symbio Site, Whiteleaf Road (Hm07); Hemel Hempstead Station Gateway (Hm08); National Grid and 339-353 London Road (Hm09); Apsley Mills Retail Park (Hm10); Shendish Manor and Fairfields (Hm11); Plots 2/3 Kier Park, Maylands Avenue (Hm12); Polehanger Lane (Hm13); North Hemel Hempstead (H1); East Hemel Hempstead (South) (H4)"/>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Old Town (Hm15) (Hm15); Site to the south of Green Lane (Hm16); North Hemel Hempstead (H1); East Hemel Hempstead (North) (H2); East Hemel Hempstead (South) (H4)"/>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North Hemel Hempstead (H1); East Hemel Hempstead (North) (H2); East Hemel Hempstead (South) (H4)"/>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North Hemel Hempstead (H1); East Hemel Hempstead (North) (H2); East Hemel Hempstead (Central) (H3); East Hemel Hempstead (South) (H4)"/>
        <s v="North Hemel Hempstead (Hm01); Hemel Hospital/Market Square (Hm03); Paradise (Hm04); Riverside (Hm06); Symbio Site, Whiteleaf Road (Hm07); Hemel Hempstead Station Gateway (Hm08); National Grid and 339-353 London Road (Hm09); Apsley Mills Retail Park (Hm10); Shendish Manor and Fairfields (Hm11); Plots 2/3 Kier Park, Maylands Avenue (Hm12); Polehanger Lane (Hm13); North Hemel Hempstead (H1); East Hemel Hempstead (North) (H2); East Hemel Hempstead (Central) (H3); East Hemel Hempstead (South) (H4)"/>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Polehanger Lane (Hm13); Marchmont Farm (Hm14) ; East Hemel Hempstead (Central) (H3)"/>
        <s v="Civic Zone, Marlowes (Hm02); Hemel Hospital/Market Square (Hm03); Paradise (Hm04); Symbio Site, Whiteleaf Road (Hm07); Hemel Hempstead Station Gateway (Hm08); National Grid and 339-353 London Road (Hm09); Shendish Manor and Fairfields (Hm11); Grovehill Local Centre; Plots 2/3 Kier Park, Maylands Avenue (Hm12); Polehanger Lane (Hm13); Old Town (Hm15) (Hm15); Site to the south of Green Lane (Hm16); North Hemel Hempstead (H1); East Hemel Hempstead (Central) (H3)"/>
        <s v="North Hemel Hempstead (Hm01); Civic Zone, Marlowes (Hm02); Hemel Hospital/Market Square (Hm03); Paradise (Hm04); Hemel Hempstead Station Gateway (Hm08); National Grid and 339-353 London Road (Hm09); Shendish Manor and Fairfields (Hm11); Grovehill Local Centre; Plots 2/3 Kier Park, Maylands Avenue (Hm12); Polehanger Lane (Hm13); Marchmont Farm (Hm14) ; Old Town (Hm15) (Hm15); North Hemel Hempstead (H1); East Hemel Hempstead (Central) (H3); East Hemel Hempstead (South) (H4)"/>
        <s v="North Hemel Hempstead (Hm01); Civic Zone, Marlowes (Hm02); Hemel Hospital/Market Square (Hm03); Paradise (Hm04); Hemel Hempstead Station Gateway (Hm08); National Grid and 339-353 London Road (Hm09); Shendish Manor and Fairfields (Hm11); Grovehill Local Centre; Plots 2/3 Kier Park, Maylands Avenue (Hm12); Polehanger Lane (Hm13); Marchmont Farm (Hm14) ; Old Town (Hm15) (Hm15); Site to the south of Green Lane (Hm16); North Hemel Hempstead (H1); East Hemel Hempstead (North) (H2); East Hemel Hempstead (Central) (H3); East Hemel Hempstead (South) (H4)"/>
        <s v="North Hemel Hempstead (Hm01); Marchmont Farm (Hm14) "/>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Old Town (Hm15) (Hm15); North Hemel Hempstead (H1); East Hemel Hempstead (North) (H2); East Hemel Hempstead (Central) (H3)"/>
        <s v="North Hemel Hempstead (Hm01); Civic Zone, Marlowes (Hm02); Hemel Hospital/Market Square (Hm03); Paradise (Hm04); Riverside (Hm06); National Grid and 339-353 London Road (Hm09); Apsley Mills Retail Park (Hm10); Shendish Manor and Fairfields (Hm11); Grovehill Local Centre; Plots 2/3 Kier Park, Maylands Avenue (Hm12); Polehanger Lane (Hm13); Marchmont Farm (Hm14) ; Old Town (Hm15) (Hm15); Site to the south of Green Lane (Hm16); North Hemel Hempstead (H1); East Hemel Hempstead (North) (H2); East Hemel Hempstead (Central) (H3); East Hemel Hempstead (South) (H4)"/>
        <s v="North Hemel Hempstead (Hm01); Civic Zone, Marlowes (Hm02); Hemel Hospital/Market Square (Hm03); Paradise (Hm04); Riverside (Hm06); Hemel Hempstead Station Gateway (Hm08); National Grid and 339-353 London Road (Hm09); Apsley Mills Retail Park (Hm10); Shendish Manor and Fairfields (Hm11); Grovehill Local Centre; Plots 2/3 Kier Park, Maylands Avenue (Hm12); Polehanger Lane (Hm13); Marchmont Farm (Hm14) ; Old Town (Hm15) (Hm15); Site to the south of Green Lane (Hm16); North Hemel Hempstead (H1); East Hemel Hempstead (North) (H2); East Hemel Hempstead (Central) (H3); East Hemel Hempstead (South) (H4)"/>
        <s v="North Hemel Hempstead (Hm01); Grovehill Local Centre; Plots 2/3 Kier Park, Maylands Avenue (Hm12); Polehanger Lane (Hm13); Marchmont Farm (Hm14) ; North Hemel Hempstead (H1); East Hemel Hempstead (North) (H2); East Hemel Hempstead (Central) (H3); East Hemel Hempstead (South) (H4)"/>
        <s v="North Hemel Hempstead (Hm01); Civic Zone, Marlowes (Hm02); Hemel Hospital/Market Square (Hm03); Paradise (Hm04); Riverside (Hm06); Hemel Hempstead Station Gateway (Hm08); National Grid and 339-353 London Road (Hm09); Apsley Mills Retail Park (Hm10); Shendish Manor and Fairfields (Hm11); Grovehill Local Centre; Plots 2/3 Kier Park, Maylands Avenue (Hm12); Polehanger Lane (Hm13); Marchmont Farm (Hm14) ; Old Town (Hm15) (Hm15); North Hemel Hempstead (H1); East Hemel Hempstead (North) (H2); East Hemel Hempstead (Central) (H3); East Hemel Hempstead (South) (H4)"/>
        <s v="North Hemel Hempstead (Hm01); Civic Zone, Marlowes (Hm02); Hemel Hospital/Market Square (Hm03); Paradise (Hm04); Riverside (Hm06); Symbio Site, Whiteleaf Road (Hm07); Hemel Hempstead Station Gateway (Hm08); National Grid and 339-353 London Road (Hm09); Apsley Mills Retail Park (Hm10); Shendish Manor and Fairfields (Hm11); Grovehill Local Centre; Plots 2/3 Kier Park, Maylands Avenue (Hm12); Polehanger Lane (Hm13); Marchmont Farm (Hm14) ; Old Town (Hm15) (Hm15); North Hemel Hempstead (H1); East Hemel Hempstead (North) (H2); East Hemel Hempstead (Central) (H3); East Hemel Hempstead (South) (H4)"/>
        <s v="North Hemel Hempstead (Hm01); Hemel Hospital/Market Square (Hm03); Paradise (Hm04); Riverside (Hm06); Symbio Site, Whiteleaf Road (Hm07); Hemel Hempstead Station Gateway (Hm08); National Grid and 339-353 London Road (Hm09); Apsley Mills Retail Park (Hm10); Shendish Manor and Fairfields (Hm11); Polehanger Lane (Hm13); East Hemel Hempstead (Central) (H3)"/>
        <s v="North Hemel Hempstead (Hm01); Civic Zone, Marlowes (Hm02); Hemel Hospital/Market Square (Hm03); Grovehill Local Centre; Plots 2/3 Kier Park, Maylands Avenue (Hm12); Polehanger Lane (Hm13); Marchmont Farm (Hm14) ; Old Town (Hm15) (Hm15); North Hemel Hempstead (H1); East Hemel Hempstead (North) (H2); East Hemel Hempstead (Central) (H3); East Hemel Hempstead (South) (H4)"/>
        <s v="East Hemel Hempstead (North) (H2); East Hemel Hempstead (Central) (H3); East Hemel Hempstead (South) (H4)"/>
        <s v="North Hemel Hempstead (H1); East Hemel Hempstead (North) (H2); East Hemel Hempstead (Central) (H3); East Hemel Hempstead (South) (H4); North St Albans"/>
        <s v="North Hemel Hempstead (H1); East Hemel Hempstead (North) (H2); West Redbourn"/>
        <s v="All Maylands Business and Residential Development"/>
        <s v="East Hemel Hempstead (North) (H2); East Hemel Hempstead (Central) (H3); Civic Zone, Marlowes (Hm02); Paradise (Hm04); Plots 2/3 Kier Park, Maylands Avenue (Hm12); Riverside (Hm06); Hemel Hospital/Market Square (Hm03); Site to the south of Green Lane (Hm16); Old Town (Hm15)"/>
        <s v="East Hemel Hempstead (North) (H2); East Hemel Hempstead (Central) (H3); East Hemel Hempstead (South) (H4); Civic Zone, Marlowes (Hm02); Paradise (Hm04); Plots 2/3 Kier Park, Maylands Avenue (Hm12); Riverside (Hm06); Hemel Hospital/Market Square (Hm03); Site to the south of Green Lane (Hm16); Old Town (Hm15)"/>
        <s v="North Hemel Hempstead (Hm01); Marchmont Farm (Hm14); Civic Zone, Marlowes (Hm02); Symbio Site, Whiteleaf Road (Hm07); National Grid and 339-353 London Road (Hm09); Paradise (Hm04); Hemel Hempstead Station Gateway (Hm08); Riverside (Hm06); Hemel Hospital/Market Square (Hm03); Old Town (Hm15); Polehanger Lane (Hm13)"/>
        <s v="Apsley Mills Retail Park (Hm10); Shendish Manor and Fairfields (Hm11); Paradise (Hm04); Hemel Hospital/Market Square (Hm03)"/>
        <s v="Civic Zone, Marlowes (Hm02); Symbio Site, Whiteleaf Road (Hm07); National Grid and 339-353 London Road (Hm09); Paradise (Hm04); Hemel Hempstead Station Gateway (Hm08); Riverside (Hm06); Hemel Hospital/Market Square (Hm03)"/>
        <s v="North Hemel Hempstead (Hm01); North Hemel Hempstead (H1); East Hemel Hempstead (North) (H2); Marchmont Farm (Hm14); Grovehill Local Centre; Civic Zone, Marlowes (Hm02); Paradise (Hm04); Hemel Hospital/Market Square (Hm03); Old Town (Hm15)"/>
        <s v="North Hemel Hempstead (Hm01); Marchmont Farm (Hm14); Civic Zone, Marlowes (Hm02); Paradise (Hm04); Riverside (Hm06); Hemel Hospital/Market Square (Hm03); Old Town (Hm15)"/>
        <s v="Civic Zone, Marlowes (Hm02); Apsley Mills Retail Park (Hm10); Paradise (Hm04); Riverside (Hm06); Hemel Hospital/Market Square (Hm03)"/>
        <s v="Civic Zone, Marlowes (Hm02); Symbio Site, Whiteleaf Road (Hm07); National Grid and 339-353 London Road (Hm09); Apsley Mills Retail Park (Hm10); Shendish Manor and Fairfields (Hm11); Paradise (Hm04); Riverside (Hm06); Hemel Hospital/Market Square (Hm03)"/>
        <s v="Civic Zone, Marlowes (Hm02); Paradise (Hm04); Riverside (Hm06); Hemel Hospital/Market Square (Hm03); Old Town (Hm15); Polehanger Lane (Hm13)"/>
        <s v="Civic Zone, Marlowes (Hm02); Symbio Site, Whiteleaf Road (Hm07); National Grid and 339-353 London Road (Hm09); Paradise (Hm04); Hemel Hempstead Station Gateway (Hm08); Riverside (Hm06); Hemel Hospital/Market Square (Hm03); Old Town (Hm15)"/>
        <s v="Civic Zone, Marlowes (Hm02); Symbio Site, Whiteleaf Road (Hm07); National Grid and 339-353 London Road (Hm09); Paradise (Hm04); Riverside (Hm06); Hemel Hospital/Market Square (Hm03); Old Town (Hm15)"/>
        <s v="North Hemel Hempstead (Hm01); North Hemel Hempstead (H1); East Hemel Hempstead (North) (H2); Marchmont Farm (Hm14); Grovehill Local Centre"/>
        <s v="East Hemel Hempstead (Central) (H3); East Hemel Hempstead (South) (H4); Civic Zone, Marlowes (Hm02); Symbio Site, Whiteleaf Road (Hm07); National Grid and 339-353 London Road (Hm09); Paradise (Hm04); Plots 2/3 Kier Park, Maylands Avenue (Hm12); Riverside (Hm06); Hemel Hospital/Market Square (Hm03); Site to the south of Green Lane (Hm16)"/>
        <s v="Civic Zone, Marlowes (Hm02); Symbio Site, Whiteleaf Road (Hm07); National Grid and 339-353 London Road (Hm09); Paradise (Hm04); Hemel Hempstead Station Gateway (Hm08); Riverside (Hm06); Hemel Hospital/Market Square (Hm03); Old Town (Hm15); Polehanger Lane (Hm13)"/>
        <s v="North Hemel Hempstead (Hm01); North Hemel Hempstead (H1); East Hemel Hempstead (North) (H2); Marchmont Farm (Hm14); Grovehill Local Centre; Old Town (Hm15); Polehanger Lane (Hm13)"/>
        <s v="Symbio Site, Whiteleaf Road (Hm07); National Grid and 339-353 London Road (Hm09); Hemel Hempstead Station Gateway (Hm08)"/>
        <s v="East Hemel Hempstead (Central) (H3); East Hemel Hempstead (South) (H4); Plots 2/3 Kier Park, Maylands Avenue (Hm12); Site to the south of Green Lane (Hm16)"/>
        <s v="Civic Zone, Marlowes (Hm02); Symbio Site, Whiteleaf Road (Hm07); National Grid and 339-353 London Road (Hm09); Apsley Mills Retail Park (Hm10); Shendish Manor and Fairfields (Hm11); Paradise (Hm04); Hemel Hempstead Station Gateway (Hm08); Riverside (Hm06); Hemel Hospital/Market Square (Hm03)"/>
        <s v="Civic Zone, Marlowes (Hm02); Symbio Site, Whiteleaf Road (Hm07); National Grid and 339-353 London Road (Hm09); Paradise (Hm04); Hemel Hempstead Station Gateway (Hm08); Riverside (Hm06); Hemel Hospital/Market Square (Hm03); Polehanger Lane (Hm13)"/>
        <s v="Symbio Site, Whiteleaf Road (Hm07); National Grid and 339-353 London Road (Hm09); Apsley Mills Retail Park (Hm10); Shendish Manor and Fairfields (Hm11), Paradise (Hm04); Hemel Hempstead Station Gateway (Hm08); Riverside (Hm06); Hemel Hospital/Market Square (Hm03)"/>
        <s v="Apsley Mills Retail Park (Hm10); Shendish Manor and Fairfields (Hm11)"/>
        <s v="Tr01; Tr02; Tr03"/>
        <s v="Civic Zone, Marlowes (Hm02); Symbio Site, Whiteleaf Road (Hm07); National Grid and 339-353 London Road (Hm09); Paradise (Hm04); Riverside (Hm06); Hemel Hospital/Market Square (Hm03)"/>
        <s v="Paradise (Hm04); Plots 2/3 Kier Park, Maylands Avenue (Hm12); Hemel Hospital/Market Square (Hm03)"/>
        <s v="Paradise (Hm04); Hemel Hospital/Market Square (Hm03)"/>
        <s v="Civic Zone, Marlowes (Hm02); Paradise (Hm04); Riverside (Hm06); Hemel Hospital/Market Square (Hm03); Old Town (Hm15)"/>
        <s v="All DBC Local Plan sites, and programme area sites"/>
      </sharedItems>
    </cacheField>
    <cacheField name="Scale" numFmtId="0">
      <sharedItems containsBlank="1"/>
    </cacheField>
    <cacheField name="On-site / Off-site" numFmtId="0">
      <sharedItems containsBlank="1"/>
    </cacheField>
    <cacheField name="Infrastructure Provider" numFmtId="0">
      <sharedItems containsBlank="1"/>
    </cacheField>
    <cacheField name="Responsible Authority" numFmtId="0">
      <sharedItems containsBlank="1"/>
    </cacheField>
    <cacheField name="Delivery Period" numFmtId="0">
      <sharedItems containsBlank="1"/>
    </cacheField>
    <cacheField name="Low" numFmtId="0">
      <sharedItems containsString="0" containsBlank="1" containsNumber="1" containsInteger="1" minValue="0" maxValue="10470000"/>
    </cacheField>
    <cacheField name="High" numFmtId="0">
      <sharedItems containsString="0" containsBlank="1" containsNumber="1" containsInteger="1" minValue="120000" maxValue="15705000"/>
    </cacheField>
    <cacheField name="Estimated Cost₁ " numFmtId="0">
      <sharedItems containsBlank="1" containsMixedTypes="1" containsNumber="1" minValue="132" maxValue="53159289" count="374">
        <m/>
        <n v="1500000"/>
        <n v="1600000"/>
        <n v="2400000"/>
        <n v="1515700"/>
        <n v="4547100"/>
        <n v="1962997"/>
        <n v="3680305"/>
        <s v="Uncosted"/>
        <n v="59310"/>
        <n v="177930"/>
        <n v="1053000"/>
        <n v="2106000"/>
        <n v="140011"/>
        <n v="17719763"/>
        <n v="11813175"/>
        <n v="53159289"/>
        <n v="24736387.5"/>
        <n v="48849715"/>
        <n v="48849715.200000003"/>
        <n v="29031552"/>
        <n v="27189187"/>
        <n v="449003"/>
        <n v="994952"/>
        <n v="382483"/>
        <n v="5846560"/>
        <n v="2577500"/>
        <n v="630480"/>
        <n v="1542520"/>
        <n v="912040"/>
        <n v="21258550"/>
        <n v="850342"/>
        <n v="1913269.5"/>
        <n v="1488098.5"/>
        <n v="2125855"/>
        <n v="425171"/>
        <n v="1658166.9"/>
        <n v="2040820.8"/>
        <n v="994900.14"/>
        <n v="3188782.5"/>
        <n v="382653.9"/>
        <n v="340136.8"/>
        <n v="10119069.800000001"/>
        <n v="43494"/>
        <n v="16030204.520000001"/>
        <n v="105440"/>
        <n v="434940"/>
        <n v="108735"/>
        <n v="217470"/>
        <n v="553560"/>
        <n v="63872.307692307688"/>
        <n v="82715.862068965522"/>
        <n v="92260"/>
        <n v="184520"/>
        <n v="369040"/>
        <n v="202500"/>
        <n v="216000"/>
        <n v="324000"/>
        <n v="889650"/>
        <n v="35586"/>
        <n v="80068.5"/>
        <n v="62275.5"/>
        <n v="88965"/>
        <n v="17793"/>
        <n v="69392.7"/>
        <n v="85406.399999999994"/>
        <n v="41635.620000000003"/>
        <n v="133447.5"/>
        <n v="16013.7"/>
        <n v="14234.4"/>
        <n v="423473.4"/>
        <n v="345600"/>
        <n v="368640"/>
        <n v="552960"/>
        <n v="1518336"/>
        <n v="136650.23999999999"/>
        <n v="106283.52"/>
        <n v="60733.440000000002"/>
        <n v="151833.60000000001"/>
        <n v="30366.720000000001"/>
        <n v="118430.208"/>
        <n v="145760.25599999999"/>
        <n v="71058.124799999991"/>
        <n v="227750.39999999999"/>
        <n v="27330.047999999999"/>
        <n v="24293.376"/>
        <n v="722727.93599999987"/>
        <n v="907200"/>
        <n v="967680"/>
        <n v="1451520"/>
        <n v="3985632"/>
        <n v="358706.88"/>
        <n v="278994.24"/>
        <n v="159425.28"/>
        <n v="398563.2"/>
        <n v="79712.639999999999"/>
        <n v="310879.29599999997"/>
        <n v="382620.67200000002"/>
        <n v="186527.57760000002"/>
        <n v="597844.80000000005"/>
        <n v="71741.376000000004"/>
        <n v="63770.112000000001"/>
        <n v="1897160.8319999999"/>
        <n v="1267200"/>
        <n v="1351680"/>
        <n v="2027520"/>
        <n v="5567232.0000000009"/>
        <n v="501050.88000000006"/>
        <n v="389706.23999999999"/>
        <n v="222689.28"/>
        <n v="556723.19999999995"/>
        <n v="111344.64"/>
        <n v="434244.09600000008"/>
        <n v="534454.272"/>
        <n v="260546.45760000002"/>
        <n v="835084.80000000016"/>
        <n v="100210.17600000001"/>
        <n v="89075.712"/>
        <n v="2650002.432"/>
        <n v="2508000"/>
        <n v="2675200"/>
        <n v="4012800"/>
        <n v="8360000"/>
        <n v="836000"/>
        <n v="4898960"/>
        <s v="TBC"/>
        <n v="6118861.6799999997"/>
        <n v="6367284.7200000007"/>
        <n v="16200000"/>
        <n v="3071524"/>
        <n v="3276323"/>
        <n v="4914551"/>
        <n v="8348362"/>
        <n v="333934"/>
        <n v="751353"/>
        <n v="584385"/>
        <n v="834836"/>
        <n v="166967"/>
        <n v="651172"/>
        <n v="801443"/>
        <n v="390703"/>
        <n v="1252254"/>
        <n v="150271"/>
        <n v="133574"/>
        <n v="3973820"/>
        <n v="1676359"/>
        <n v="1788917"/>
        <n v="2682176"/>
        <n v="5562272"/>
        <n v="222491"/>
        <n v="500604"/>
        <n v="389359"/>
        <n v="556227"/>
        <n v="111245"/>
        <n v="433857"/>
        <n v="533978"/>
        <n v="260314"/>
        <n v="834341"/>
        <n v="100121"/>
        <n v="88996"/>
        <n v="2647641"/>
        <n v="13087500"/>
        <n v="125000"/>
        <n v="325000"/>
        <n v="2087500"/>
        <n v="4350000"/>
        <n v="225000"/>
        <n v="137500"/>
        <n v="762500"/>
        <n v="520000"/>
        <n v="450000"/>
        <n v="975000"/>
        <n v="925000"/>
        <n v="100000"/>
        <n v="370629.1875"/>
        <n v="877751.875"/>
        <n v="61693"/>
        <n v="68246"/>
        <n v="109695"/>
        <n v="720694"/>
        <n v="5500000"/>
        <n v="41000000"/>
        <n v="32500000"/>
        <n v="69251"/>
        <n v="67129"/>
        <n v="522073"/>
        <n v="506253"/>
        <n v="7594"/>
        <n v="334760"/>
        <n v="18984"/>
        <n v="350580"/>
        <n v="34245"/>
        <n v="1481063"/>
        <n v="246798"/>
        <n v="2369897"/>
        <n v="312611"/>
        <n v="370629.19"/>
        <n v="37570"/>
        <n v="2287654"/>
        <n v="1635197"/>
        <n v="9492614"/>
        <n v="1603637"/>
        <n v="877752"/>
        <n v="12500000"/>
        <n v="13506750"/>
        <n v="2961580"/>
        <n v="69610"/>
        <n v="199337"/>
        <n v="26051"/>
        <n v="17402"/>
        <n v="598"/>
        <n v="8814"/>
        <n v="16560"/>
        <n v="158204"/>
        <n v="33318"/>
        <n v="2585"/>
        <n v="162108"/>
        <n v="29796"/>
        <n v="5749"/>
        <n v="3705"/>
        <n v="16659"/>
        <n v="52903"/>
        <n v="1139069"/>
        <n v="759380"/>
        <n v="39499"/>
        <n v="89860"/>
        <n v="86063"/>
        <n v="164532"/>
        <n v="651168"/>
        <n v="457042"/>
        <n v="553714"/>
        <n v="72774"/>
        <n v="1518759"/>
        <n v="20883"/>
        <n v="41091"/>
        <n v="381968"/>
        <n v="109218"/>
        <n v="2531"/>
        <n v="175239"/>
        <n v="49977"/>
        <n v="1376375"/>
        <n v="132"/>
        <n v="797"/>
        <n v="113907"/>
        <n v="956768"/>
        <n v="182833"/>
        <n v="20048"/>
        <n v="1196"/>
        <n v="2430"/>
        <n v="523551"/>
        <n v="63180"/>
        <n v="2073106"/>
        <n v="12923"/>
        <n v="272111"/>
        <n v="53644"/>
        <n v="1142233"/>
        <n v="348049"/>
        <n v="257556"/>
        <n v="319572"/>
        <n v="10441"/>
        <n v="13365"/>
        <n v="582191"/>
        <n v="165218"/>
        <n v="933404"/>
        <n v="53067"/>
        <n v="1797198"/>
        <n v="620160"/>
        <n v="38569"/>
        <n v="13922"/>
        <n v="24458"/>
        <n v="7900"/>
        <n v="11391"/>
        <n v="436643"/>
        <n v="70241"/>
        <n v="1595"/>
        <n v="65866"/>
        <n v="2848"/>
        <n v="3480"/>
        <n v="130360"/>
        <n v="94053"/>
        <n v="313019"/>
        <n v="290466"/>
        <n v="2392"/>
        <n v="200552"/>
        <n v="1370676"/>
        <n v="6961"/>
        <n v="33063"/>
        <n v="450565"/>
        <n v="453150"/>
        <n v="118969"/>
        <n v="6382"/>
        <n v="68524"/>
        <n v="922013"/>
        <n v="1983442"/>
        <n v="234142"/>
        <n v="341774"/>
        <n v="110163"/>
        <n v="643137"/>
        <n v="7445"/>
        <n v="387284"/>
        <n v="1692649"/>
        <n v="885943"/>
        <n v="448034"/>
        <n v="301853"/>
        <n v="110110"/>
        <n v="1215"/>
        <n v="3058882"/>
        <n v="547386"/>
        <n v="785325"/>
        <n v="220536"/>
        <n v="345715"/>
        <n v="1936418"/>
        <n v="234194"/>
        <n v="10938"/>
        <n v="2429027"/>
        <n v="901923"/>
        <n v="1244205"/>
        <n v="1309074"/>
        <n v="2809962"/>
        <n v="622119"/>
        <n v="1708604"/>
        <n v="10500000"/>
        <n v="5250000"/>
        <n v="126563"/>
        <n v="875000"/>
        <n v="134473"/>
        <n v="1582041"/>
        <n v="1000000"/>
        <n v="1345000"/>
        <n v="250000"/>
        <n v="1640000"/>
        <n v="1383599"/>
        <n v="6830000"/>
        <n v="6080000"/>
        <n v="3685000"/>
        <n v="3750000"/>
        <n v="416169.5"/>
        <n v="6176269.7999999998"/>
        <n v="2020471"/>
        <n v="3117500"/>
        <n v="2076800"/>
        <n v="204334"/>
        <n v="1580500"/>
        <n v="285500"/>
        <n v="174000"/>
        <n v="439500"/>
        <n v="398594"/>
        <n v="579168"/>
        <n v="875511"/>
        <n v="178500"/>
        <n v="4453600"/>
        <n v="3620323.5"/>
        <n v="6621721.2000000002"/>
        <n v="1959000"/>
        <n v="1129353"/>
        <n v="2517276"/>
        <n v="5485075.5"/>
        <n v="178200"/>
        <n v="40000"/>
        <n v="538000"/>
        <n v="1650600"/>
        <n v="162204.29999999999"/>
        <n v="1997966"/>
        <n v="2039682"/>
        <n v="1496133"/>
        <n v="333400"/>
        <n v="77045.200000000012"/>
        <n v="1436275"/>
        <n v="204200"/>
        <n v="14407.8"/>
        <n v="45302.799999999996"/>
        <n v="2750000"/>
        <n v="7705572"/>
        <n v="27719000"/>
      </sharedItems>
    </cacheField>
    <cacheField name="Identified funding" numFmtId="0">
      <sharedItems containsString="0" containsBlank="1" containsNumber="1" containsInteger="1" minValue="225000" maxValue="20500000"/>
    </cacheField>
    <cacheField name="Funding Source" numFmtId="0">
      <sharedItems containsBlank="1"/>
    </cacheField>
    <cacheField name="Funding gap" numFmtId="0">
      <sharedItems containsString="0" containsBlank="1" containsNumber="1" containsInteger="1" minValue="0" maxValue="25611596"/>
    </cacheField>
    <cacheField name="Cost to be apportioned₂ " numFmtId="0">
      <sharedItems containsString="0" containsBlank="1" containsNumber="1" minValue="0" maxValue="53159289"/>
    </cacheField>
    <cacheField name="Apportionment Key" numFmtId="0">
      <sharedItems containsBlank="1"/>
    </cacheField>
    <cacheField name="Apportionment Rationale - Transport Only" numFmtId="0">
      <sharedItems containsBlank="1" containsMixedTypes="1" containsNumber="1" containsInteger="1" minValue="0" maxValue="0"/>
    </cacheField>
    <cacheField name="Apportionment Rationale - Transport Only " numFmtId="0">
      <sharedItems containsBlank="1" containsMixedTypes="1" containsNumber="1" containsInteger="1" minValue="0" maxValue="0"/>
    </cacheField>
    <cacheField name="Priority" numFmtId="0">
      <sharedItems containsBlank="1"/>
    </cacheField>
    <cacheField name="North Hemel Hempstead (Hm01)" numFmtId="0">
      <sharedItems containsBlank="1" containsMixedTypes="1" containsNumber="1" containsInteger="1" minValue="5000" maxValue="5000" count="4">
        <m/>
        <n v="5000"/>
        <s v="Yes"/>
        <s v=""/>
      </sharedItems>
    </cacheField>
    <cacheField name="Civic Zone, Marlowes (Hm02)" numFmtId="0">
      <sharedItems containsBlank="1" containsMixedTypes="1" containsNumber="1" containsInteger="1" minValue="200" maxValue="200" count="4">
        <m/>
        <n v="200"/>
        <s v="Yes"/>
        <s v=""/>
      </sharedItems>
    </cacheField>
    <cacheField name="Hemel Hospital/Market Square (Hm03)" numFmtId="0">
      <sharedItems containsBlank="1" containsMixedTypes="1" containsNumber="1" containsInteger="1" minValue="450" maxValue="450" count="4">
        <m/>
        <n v="450"/>
        <s v="Yes"/>
        <s v=""/>
      </sharedItems>
    </cacheField>
    <cacheField name="Paradise (Hm04)" numFmtId="0">
      <sharedItems containsBlank="1" containsMixedTypes="1" containsNumber="1" containsInteger="1" minValue="350" maxValue="350" count="4">
        <m/>
        <n v="350"/>
        <s v="Yes"/>
        <s v=""/>
      </sharedItems>
    </cacheField>
    <cacheField name="Riverside (Hm06)" numFmtId="0">
      <sharedItems containsBlank="1" containsMixedTypes="1" containsNumber="1" containsInteger="1" minValue="500" maxValue="500" count="4">
        <m/>
        <n v="500"/>
        <s v="Yes"/>
        <s v=""/>
      </sharedItems>
    </cacheField>
    <cacheField name="National Grid and 339-353 London Road (Hm09)" numFmtId="0">
      <sharedItems containsBlank="1" containsMixedTypes="1" containsNumber="1" containsInteger="1" minValue="480" maxValue="480" count="4">
        <m/>
        <n v="480"/>
        <s v="Yes"/>
        <s v=""/>
      </sharedItems>
    </cacheField>
    <cacheField name="Symbio Site, Whiteleaf Road (Hm07)" numFmtId="0">
      <sharedItems containsBlank="1" containsMixedTypes="1" containsNumber="1" containsInteger="1" minValue="100" maxValue="100" count="4">
        <m/>
        <n v="100"/>
        <s v="Yes"/>
        <s v=""/>
      </sharedItems>
    </cacheField>
    <cacheField name="Hemel Hempstead Station Gateway (Hm08)" numFmtId="0">
      <sharedItems containsBlank="1" containsMixedTypes="1" containsNumber="1" containsInteger="1" minValue="390" maxValue="390"/>
    </cacheField>
    <cacheField name="Apsley Mills Retail Park (Hm10)" numFmtId="0">
      <sharedItems containsBlank="1" containsMixedTypes="1" containsNumber="1" containsInteger="1" minValue="500" maxValue="500"/>
    </cacheField>
    <cacheField name="Shendish Manor and Fairfields (Hm11)" numFmtId="0">
      <sharedItems containsBlank="1" containsMixedTypes="1" containsNumber="1" containsInteger="1" minValue="500" maxValue="500"/>
    </cacheField>
    <cacheField name="Polehanger Lane (Hm13)" numFmtId="0">
      <sharedItems containsBlank="1" containsMixedTypes="1" containsNumber="1" containsInteger="1" minValue="750" maxValue="750"/>
    </cacheField>
    <cacheField name="Grovehill Local Centre" numFmtId="0">
      <sharedItems containsBlank="1" containsMixedTypes="1" containsNumber="1" containsInteger="1" minValue="200" maxValue="200"/>
    </cacheField>
    <cacheField name="Plots 2/3 Kier Park, Maylands Avenue (Hm12)" numFmtId="0">
      <sharedItems containsBlank="1" containsMixedTypes="1" containsNumber="1" containsInteger="1" minValue="234" maxValue="234"/>
    </cacheField>
    <cacheField name="Marchmont Farm (Hm14) " numFmtId="0">
      <sharedItems containsBlank="1" containsMixedTypes="1" containsNumber="1" containsInteger="1" minValue="350" maxValue="350"/>
    </cacheField>
    <cacheField name="Old Town (Hm15)" numFmtId="0">
      <sharedItems containsBlank="1" containsMixedTypes="1" containsNumber="1" containsInteger="1" minValue="90" maxValue="90"/>
    </cacheField>
    <cacheField name="Site to the south of Green Lane (Hm16)" numFmtId="0">
      <sharedItems containsBlank="1" containsMixedTypes="1" containsNumber="1" containsInteger="1" minValue="80" maxValue="80"/>
    </cacheField>
    <cacheField name="Hemel Hempstead Windfall" numFmtId="0">
      <sharedItems containsBlank="1" containsMixedTypes="1" containsNumber="1" containsInteger="1" minValue="2380" maxValue="2380"/>
    </cacheField>
    <cacheField name="South of Berkhamsted" numFmtId="0">
      <sharedItems containsBlank="1" containsMixedTypes="1" containsNumber="1" containsInteger="1" minValue="775" maxValue="775"/>
    </cacheField>
    <cacheField name="Haslam Playing Fields" numFmtId="0">
      <sharedItems containsBlank="1" containsMixedTypes="1" containsNumber="1" containsInteger="1" minValue="100" maxValue="100"/>
    </cacheField>
    <cacheField name="British Film Institute " numFmtId="0">
      <sharedItems containsBlank="1" containsMixedTypes="1" containsNumber="1" containsInteger="1" minValue="100" maxValue="100"/>
    </cacheField>
    <cacheField name="Berkhamsted Windfall" numFmtId="0">
      <sharedItems containsBlank="1" containsMixedTypes="1" containsNumber="1" containsInteger="1" minValue="302" maxValue="302"/>
    </cacheField>
    <cacheField name="Dunsley Farm" numFmtId="0">
      <sharedItems containsBlank="1" containsMixedTypes="1" containsNumber="1" containsInteger="1" minValue="250" maxValue="250"/>
    </cacheField>
    <cacheField name="New Mill" numFmtId="0">
      <sharedItems containsBlank="1" containsMixedTypes="1" containsNumber="1" containsInteger="1" minValue="400" maxValue="400"/>
    </cacheField>
    <cacheField name="Land East of Tring" numFmtId="0">
      <sharedItems containsBlank="1" containsMixedTypes="1" containsNumber="1" containsInteger="1" minValue="1400" maxValue="1400"/>
    </cacheField>
    <cacheField name="Tring Windfall" numFmtId="0">
      <sharedItems containsBlank="1" containsMixedTypes="1" containsNumber="1" containsInteger="1" minValue="201" maxValue="201"/>
    </cacheField>
    <cacheField name="Grange Farm" numFmtId="0">
      <sharedItems containsBlank="1" containsMixedTypes="1" containsNumber="1" containsInteger="1" minValue="217" maxValue="217"/>
    </cacheField>
    <cacheField name="Bovingdon Windfall" numFmtId="0">
      <sharedItems containsBlank="1" containsMixedTypes="1" containsNumber="1" containsInteger="1" minValue="31" maxValue="31"/>
    </cacheField>
    <cacheField name="Kings Langley Windfall" numFmtId="0">
      <sharedItems containsBlank="1" containsMixedTypes="1" containsNumber="1" containsInteger="1" minValue="67" maxValue="67"/>
    </cacheField>
    <cacheField name="South of London Road" numFmtId="0">
      <sharedItems containsBlank="1" containsMixedTypes="1" containsNumber="1" containsInteger="1" minValue="150" maxValue="150"/>
    </cacheField>
    <cacheField name="Markyate Windfall" numFmtId="0">
      <sharedItems containsBlank="1" containsMixedTypes="1" containsNumber="1" containsInteger="1" minValue="31" maxValue="31"/>
    </cacheField>
    <cacheField name="Rest of Borough Windfall" numFmtId="0">
      <sharedItems containsBlank="1" containsMixedTypes="1" containsNumber="1" containsInteger="1" minValue="336" maxValue="336"/>
    </cacheField>
    <cacheField name="North St Albans" numFmtId="0">
      <sharedItems containsBlank="1" containsMixedTypes="1" containsNumber="1" containsInteger="1" minValue="1097" maxValue="1097"/>
    </cacheField>
    <cacheField name="North East Harpenden" numFmtId="0">
      <sharedItems containsBlank="1" containsMixedTypes="1" containsNumber="1" containsInteger="1" minValue="738" maxValue="738"/>
    </cacheField>
    <cacheField name="West Redbourn" numFmtId="0">
      <sharedItems containsBlank="1" containsMixedTypes="1" containsNumber="1" containsInteger="1" minValue="545" maxValue="545"/>
    </cacheField>
    <cacheField name="East St Albans" numFmtId="0">
      <sharedItems containsString="0" containsBlank="1" containsNumber="1" containsInteger="1" minValue="472" maxValue="472"/>
    </cacheField>
    <cacheField name="Glinwell, Hatfield Road, St Albans" numFmtId="0">
      <sharedItems containsString="0" containsBlank="1" containsNumber="1" containsInteger="1" minValue="484" maxValue="484"/>
    </cacheField>
    <cacheField name="West of London Colney" numFmtId="0">
      <sharedItems containsString="0" containsBlank="1" containsNumber="1" containsInteger="1" minValue="324" maxValue="324"/>
    </cacheField>
    <cacheField name="North West Harpenden" numFmtId="0">
      <sharedItems containsString="0" containsBlank="1" containsNumber="1" containsInteger="1" minValue="293" maxValue="293"/>
    </cacheField>
    <cacheField name="Harper Lane, north of Radlett" numFmtId="0">
      <sharedItems containsString="0" containsBlank="1" containsNumber="1" containsInteger="1" minValue="274" maxValue="274"/>
    </cacheField>
    <cacheField name="North Hemel Hempstead (H1)" numFmtId="0">
      <sharedItems containsBlank="1" containsMixedTypes="1" containsNumber="1" containsInteger="1" minValue="1500" maxValue="1500"/>
    </cacheField>
    <cacheField name="East Hemel Hempstead (North) (H2)" numFmtId="0">
      <sharedItems containsBlank="1" containsMixedTypes="1" containsNumber="1" containsInteger="1" minValue="1600" maxValue="1600"/>
    </cacheField>
    <cacheField name="East Hemel Hempstead (South) (H4)" numFmtId="0">
      <sharedItems containsBlank="1" containsMixedTypes="1" containsNumber="1" containsInteger="1" minValue="2400" maxValue="2400"/>
    </cacheField>
    <cacheField name="East Hemel Hempstead (Central) (H3)" numFmtId="0">
      <sharedItems containsBlank="1" containsMixedTypes="1" containsNumber="1" containsInteger="1" minValue="3171" maxValue="3171"/>
    </cacheField>
    <cacheField name="Total dwellings to contribute" numFmtId="0">
      <sharedItems containsString="0" containsBlank="1" containsNumber="1" containsInteger="1" minValue="0" maxValue="22414"/>
    </cacheField>
    <cacheField name="Per dwelling cost" numFmtId="0">
      <sharedItems containsString="0" containsBlank="1" containsNumber="1" minValue="0" maxValue="25000"/>
    </cacheField>
    <cacheField name="WORKING - CHECK TOTAL COST MATCH" numFmtId="0">
      <sharedItems containsBlank="1" containsMixedTypes="1" containsNumber="1" containsInteger="1" minValue="0" maxValue="8348362"/>
    </cacheField>
    <cacheField name="North Hemel Hempstead (Hm01)2" numFmtId="0">
      <sharedItems containsBlank="1" containsMixedTypes="1" containsNumber="1" minValue="0" maxValue="53159289" count="204">
        <m/>
        <n v="5000"/>
        <s v=""/>
        <n v="1515700"/>
        <n v="543646.00642516895"/>
        <n v="1019249.1968538827"/>
        <n v="0"/>
        <n v="59310"/>
        <n v="2106000"/>
        <n v="66671.904761904763"/>
        <n v="53159289"/>
        <n v="11813175.000000002"/>
        <n v="48849715"/>
        <n v="7529962.0582696358"/>
        <n v="124350.00553893874"/>
        <n v="294120.84663592291"/>
        <n v="113066.98592881636"/>
        <n v="21258550"/>
        <n v="43494"/>
        <n v="4569400"/>
        <n v="105440"/>
        <n v="434940"/>
        <n v="553560"/>
        <n v="889650"/>
        <n v="1518336"/>
        <n v="3985632"/>
        <n v="5567232.0000000009"/>
        <n v="8360000"/>
        <n v="1694600"/>
        <n v="1763400"/>
        <n v="1806906.3977870974"/>
        <n v="8348362"/>
        <n v="5562272"/>
        <n v="3624543.0375540047"/>
        <n v="90007.754514235072"/>
        <n v="831408.31607455795"/>
        <n v="1204719.1758059156"/>
        <n v="89612.872391269717"/>
        <n v="303688.06754819182"/>
        <n v="194621.37296532202"/>
        <n v="388322.44702883542"/>
        <n v="368408.47538633109"/>
        <n v="28860.028860028862"/>
        <n v="102644.61822864739"/>
        <n v="53626.626896149355"/>
        <n v="74125.837500000009"/>
        <n v="2501.0675675675675"/>
        <n v="2110.7010309278353"/>
        <n v="24376.666666666664"/>
        <n v="25840.989399293285"/>
        <n v="370629.1875"/>
        <n v="199593.99579040657"/>
        <n v="1965412.6213592233"/>
        <n v="3115898.0582524273"/>
        <n v="2141.7835051546394"/>
        <n v="1918.793450881612"/>
        <n v="6158.6238532110092"/>
        <n v="6353.3027522935781"/>
        <n v="189844.61538461538"/>
        <n v="102644.61892101474"/>
        <n v="64187.178156424583"/>
        <n v="8850.4122497055359"/>
        <n v="90844.277777777766"/>
        <n v="28003.560213019286"/>
        <n v="2236187.0435806834"/>
        <n v="147023.88943669363"/>
        <n v="206773.14487632507"/>
        <n v="3181802.1201413427"/>
        <n v="16398.115429917551"/>
        <n v="46958.068315665492"/>
        <n v="6136.8669022379272"/>
        <n v="4099.4110718492348"/>
        <n v="140.8716136631331"/>
        <n v="2076.3250883392225"/>
        <n v="3901.0600706713781"/>
        <n v="37268.315665488808"/>
        <n v="7848.7632508833931"/>
        <n v="608.95170789163717"/>
        <n v="8067.1378091872793"/>
        <n v="38187.985865724382"/>
        <n v="7019.0812720848062"/>
        <n v="1354.2991755005889"/>
        <n v="872.79151943462909"/>
        <n v="3924.3816254416965"/>
        <n v="819.27143540585075"/>
        <n v="17639.957935396989"/>
        <n v="235737.4961347206"/>
        <n v="6823.8596314480665"/>
        <n v="15524.241790473765"/>
        <n v="9862.7055655296226"/>
        <n v="10413.492854252305"/>
        <n v="4184.0920610442699"/>
        <n v="58024.871287128713"/>
        <n v="40726.514851485146"/>
        <n v="49340.851485148516"/>
        <n v="6484.8118811881186"/>
        <n v="135334.96039603959"/>
        <n v="1860.8613861386139"/>
        <n v="9679.8586572438162"/>
        <n v="89980.683156654879"/>
        <n v="25728.62190812721"/>
        <n v="17143.462897526504"/>
        <n v="596.23085983510009"/>
        <n v="41281.272084805656"/>
        <n v="11773.144876325088"/>
        <n v="324234.39340400469"/>
        <n v="31.095406360424029"/>
        <n v="1788.9281507656065"/>
        <n v="187.75029446407538"/>
        <n v="26833.215547703181"/>
        <n v="225387.04358068315"/>
        <n v="43070.200235571254"/>
        <n v="4722.7326266195523"/>
        <n v="281.74322732626621"/>
        <n v="572.43816254416959"/>
        <n v="123333.56890459363"/>
        <n v="427473.12074561469"/>
        <n v="1153288.7345036182"/>
        <n v="11617.413023086643"/>
        <n v="3044.2873969375737"/>
        <n v="64101.531213191993"/>
        <n v="12636.98468786808"/>
        <n v="269077.26737338043"/>
        <n v="81990.341578327454"/>
        <n v="60672.791519434635"/>
        <n v="75281.97879858657"/>
        <n v="2459.5995288574791"/>
        <n v="12490.654205607476"/>
        <n v="544103.73831775703"/>
        <n v="872340.18691588787"/>
        <n v="423368.19787985866"/>
        <n v="146091.87279151942"/>
        <n v="9085.7479387514722"/>
        <n v="3279.62308598351"/>
        <n v="5761.6018845700819"/>
        <n v="1861.0129564193167"/>
        <n v="2683.3922261484099"/>
        <n v="102860.5418138987"/>
        <n v="4919.4346289752648"/>
        <n v="7679.5889417062781"/>
        <n v="375.73616018845701"/>
        <n v="15516.136631330977"/>
        <n v="670.90694935217914"/>
        <n v="819.78798586572429"/>
        <n v="30709.069493521791"/>
        <n v="7205.328876280937"/>
        <n v="23980.1477839578"/>
        <n v="22252.379587868745"/>
        <n v="183.24930275551023"/>
        <n v="15364.136357116675"/>
        <n v="463257.25461576384"/>
        <n v="269.36783888297725"/>
        <n v="821.28462796190058"/>
        <n v="1841.282372276672"/>
        <n v="7788.6925795053012"/>
        <n v="106140.16489988222"/>
        <n v="106749.11660777385"/>
        <n v="28025.677267373379"/>
        <n v="1503.4157832744404"/>
        <n v="16142.28504122497"/>
        <n v="217199.76442873967"/>
        <n v="1639.811542991755"/>
        <n v="467241.93168433453"/>
        <n v="55157.126030624262"/>
        <n v="80512.131919905776"/>
        <n v="25951.236749116608"/>
        <n v="151504.59363957599"/>
        <n v="1753.8280329799766"/>
        <n v="91232.979976442875"/>
        <n v="766494.43952427874"/>
        <n v="3364.8447559709248"/>
        <n v="208702.70906949352"/>
        <n v="105543.93404004711"/>
        <n v="71107.891637220251"/>
        <n v="25938.751472320379"/>
        <n v="286.21908127208479"/>
        <n v="720584.6878680801"/>
        <n v="128948.40989399294"/>
        <n v="185000"/>
        <n v="220536"/>
        <n v="265934.61538461538"/>
        <n v="456164.42873969377"/>
        <n v="55169.375736160189"/>
        <n v="2576.678445229682"/>
        <n v="1445066.8886081281"/>
        <n v="491853.41853394208"/>
        <n v="613535.41048728826"/>
        <n v="102518.69158878505"/>
        <n v="21637.586776859505"/>
        <n v="930371.94603643089"/>
        <n v="661946.28975265019"/>
        <n v="734250.31087769347"/>
        <n v="87309.585394581853"/>
        <n v="2473498.2332155476"/>
        <n v="1236749.1166077738"/>
        <n v="206124.85276796232"/>
        <n v="372683.3922261484"/>
        <n v="1799942.2632794457"/>
        <n v="811344.96919917862"/>
        <n v="205691.64265129683"/>
        <n v="103179.19075144509"/>
        <n v="3488788.830347735"/>
        <n v="711591.61404674861"/>
        <n v="470108.86053359509"/>
      </sharedItems>
    </cacheField>
    <cacheField name="Civic Zone, Marlowes (Hm02)2" numFmtId="0">
      <sharedItems containsBlank="1" containsMixedTypes="1" containsNumber="1" minValue="0" maxValue="1399908.7436332768" count="200">
        <m/>
        <n v="200"/>
        <s v=""/>
        <n v="144260.78680203046"/>
        <n v="21745.840257006756"/>
        <n v="40769.967874155307"/>
        <n v="5644.9873096446699"/>
        <n v="1399908.7436332768"/>
        <n v="1293346.9737887213"/>
        <n v="768640.50833995233"/>
        <n v="301198.48233078542"/>
        <n v="4974.0002215575496"/>
        <n v="11764.833865436916"/>
        <n v="4522.6794371526548"/>
        <n v="850342"/>
        <n v="182776"/>
        <n v="43494"/>
        <n v="105440.00000000001"/>
        <n v="8516.3076923076915"/>
        <n v="35586"/>
        <n v="60733.44000000001"/>
        <n v="159425.28"/>
        <n v="222689.28"/>
        <n v="0"/>
        <n v="67784"/>
        <n v="70536"/>
        <n v="72276.255911483895"/>
        <n v="333934"/>
        <n v="222491"/>
        <n v="144981.72150216019"/>
        <n v="3600.3101805694032"/>
        <n v="33256.332642982321"/>
        <n v="48188.767032236625"/>
        <n v="3584.5148956507883"/>
        <n v="12147.522701927674"/>
        <n v="7784.8549186128803"/>
        <n v="15532.897881153418"/>
        <n v="14736.339015453243"/>
        <n v="1154.4011544011544"/>
        <n v="4105.7847291458957"/>
        <n v="2162.3639877479582"/>
        <n v="277.89639639639637"/>
        <n v="1033.6395759717313"/>
        <n v="7983.759831616263"/>
        <n v="74635.922330097092"/>
        <n v="118325.24271844661"/>
        <n v="174.43576826196474"/>
        <n v="102.64373088685015"/>
        <n v="105.88837920489297"/>
        <n v="4105.7847568405896"/>
        <n v="4141.1082681564249"/>
        <n v="354.01648998822145"/>
        <n v="45422.138888888883"/>
        <n v="5091.5564023671432"/>
        <n v="89447.481743227327"/>
        <n v="2450.3981572782272"/>
        <n v="8270.9257950530027"/>
        <n v="127272.08480565371"/>
        <n v="655.924617196702"/>
        <n v="1878.3227326266197"/>
        <n v="245.47467608951709"/>
        <n v="163.97644287396938"/>
        <n v="5.634864546525324"/>
        <n v="83.053003533568898"/>
        <n v="156.04240282685512"/>
        <n v="1490.7326266195523"/>
        <n v="313.9505300353357"/>
        <n v="24.358068315665488"/>
        <n v="322.68551236749119"/>
        <n v="1527.5194346289754"/>
        <n v="280.76325088339223"/>
        <n v="54.171967020023558"/>
        <n v="34.911660777385158"/>
        <n v="156.97526501766785"/>
        <n v="10785.375640150616"/>
        <n v="440.24900848052039"/>
        <n v="1001.5639864821783"/>
        <n v="758.66965888689401"/>
        <n v="801.03791186556191"/>
        <n v="6447.2079207920797"/>
        <n v="4525.1683168316831"/>
        <n v="5482.3168316831679"/>
        <n v="720.53465346534654"/>
        <n v="15037.217821782178"/>
        <n v="206.76237623762376"/>
        <n v="387.19434628975262"/>
        <n v="3599.2273262661952"/>
        <n v="1029.1448763250883"/>
        <n v="685.73851590106005"/>
        <n v="23.849234393404004"/>
        <n v="1651.2508833922261"/>
        <n v="470.92579505300353"/>
        <n v="12969.375736160187"/>
        <n v="1.2438162544169611"/>
        <n v="71.557126030624261"/>
        <n v="7.5100117785630154"/>
        <n v="1073.3286219081272"/>
        <n v="9015.4817432273267"/>
        <n v="1722.8080094228503"/>
        <n v="188.9093050647821"/>
        <n v="11.269729093050648"/>
        <n v="22.897526501766784"/>
        <n v="4933.3427561837452"/>
        <n v="1218.9874759010436"/>
        <n v="8381.8258969728377"/>
        <n v="60699.407079137804"/>
        <n v="611.44279068877074"/>
        <n v="121.77149587750296"/>
        <n v="2564.0612485276797"/>
        <n v="505.47938751472321"/>
        <n v="10763.090694935217"/>
        <n v="3279.6136631330983"/>
        <n v="2426.9116607773854"/>
        <n v="3011.2791519434631"/>
        <n v="98.383981154299178"/>
        <n v="16934.727915194348"/>
        <n v="5843.6749116607771"/>
        <n v="363.42991755005892"/>
        <n v="131.18492343934039"/>
        <n v="230.46407538280329"/>
        <n v="74.440518256772663"/>
        <n v="107.33568904593641"/>
        <n v="4114.4216725559481"/>
        <n v="196.77738515901061"/>
        <n v="10123.094514067368"/>
        <n v="15.029446407538281"/>
        <n v="620.64546525323908"/>
        <n v="26.836277974087164"/>
        <n v="32.791519434628974"/>
        <n v="1228.3627797408717"/>
        <n v="1310.0597956874428"/>
        <n v="4360.0268698105092"/>
        <n v="4045.8871977943168"/>
        <n v="33.318055046456408"/>
        <n v="2793.4793376575772"/>
        <n v="21763.763639666759"/>
        <n v="12.654864913965376"/>
        <n v="38.583841582102714"/>
        <n v="85.357460966468238"/>
        <n v="311.54770318021201"/>
        <n v="4245.6065959952884"/>
        <n v="4269.9646643109536"/>
        <n v="1121.0270906949352"/>
        <n v="60.136631330977622"/>
        <n v="645.69140164899886"/>
        <n v="8687.9905771495869"/>
        <n v="65.592461719670197"/>
        <n v="18689.677267373379"/>
        <n v="2206.2850412249704"/>
        <n v="3220.4852767962307"/>
        <n v="1038.0494699646642"/>
        <n v="6060.1837455830391"/>
        <n v="70.153121319199059"/>
        <n v="3649.3191990577152"/>
        <n v="38032.166846624517"/>
        <n v="8348.1083627797398"/>
        <n v="4221.7573616018844"/>
        <n v="2844.3156654888103"/>
        <n v="1037.5500588928151"/>
        <n v="11.448763250883392"/>
        <n v="28823.387514723203"/>
        <n v="5157.936395759717"/>
        <n v="7400"/>
        <n v="18246.577149587749"/>
        <n v="2206.7750294464076"/>
        <n v="103.06713780918729"/>
        <n v="20792.329332491056"/>
        <n v="5434.8444036899682"/>
        <n v="13483.651391832333"/>
        <n v="26477.851590106009"/>
        <n v="16137.369469839416"/>
        <n v="3492.3834157832744"/>
        <n v="98939.929328621904"/>
        <n v="49469.964664310952"/>
        <n v="8244.9941107184932"/>
        <n v="14907.335689045936"/>
        <n v="185056.77303370784"/>
        <n v="44528.286501377406"/>
        <n v="71997.690531177825"/>
        <n v="16545.263157894737"/>
        <n v="32453.798767967146"/>
        <n v="8227.6657060518737"/>
        <n v="17400"/>
        <n v="28538.961038961035"/>
        <n v="34067.86324786325"/>
        <n v="45247.5"/>
        <n v="80692.258064516122"/>
        <n v="111829.25298179535"/>
        <n v="218750.66465256797"/>
        <n v="316142.6801152738"/>
        <n v="11068.32298136646"/>
        <n v="3686.6359447004606"/>
        <n v="32507.552870090632"/>
        <n v="13133.951417004047"/>
        <n v="143858.94230769231"/>
        <n v="93264.610389610389"/>
        <n v="16534.412955465588"/>
        <n v="5698.4654088050302"/>
        <n v="28463.664561869944"/>
        <n v="18804.354421343804"/>
      </sharedItems>
    </cacheField>
    <cacheField name="Hemel Hospital/Market Square (Hm03)2" numFmtId="0">
      <sharedItems containsBlank="1" containsMixedTypes="1" containsNumber="1" minValue="0" maxValue="6133764.115384615" count="208">
        <m/>
        <n v="450"/>
        <s v=""/>
        <n v="324586.77030456852"/>
        <n v="48928.1405782652"/>
        <n v="91732.427716849445"/>
        <n v="12701.221446700507"/>
        <n v="6133764.115384615"/>
        <n v="2910030.6910246229"/>
        <n v="1729441.1437648928"/>
        <n v="677696.58524426725"/>
        <n v="11191.500498504487"/>
        <n v="26470.876197233061"/>
        <n v="10176.028733593472"/>
        <n v="1913269.5"/>
        <n v="411246"/>
        <n v="43494"/>
        <n v="105440"/>
        <n v="19161.692307692305"/>
        <n v="80068.5"/>
        <n v="136650.23999999999"/>
        <n v="358706.88"/>
        <n v="501050.88"/>
        <n v="0"/>
        <n v="152514"/>
        <n v="158706"/>
        <n v="162621.57580083876"/>
        <n v="751353"/>
        <n v="500604"/>
        <n v="326208.87337986042"/>
        <n v="8100.697906281157"/>
        <n v="74826.748446710219"/>
        <n v="108424.7258225324"/>
        <n v="8065.1585152142743"/>
        <n v="27331.926079337263"/>
        <n v="17515.923566878981"/>
        <n v="34949.02023259519"/>
        <n v="33156.762784769795"/>
        <n v="2597.4025974025976"/>
        <n v="9238.0156405782654"/>
        <n v="7352.0375583430578"/>
        <n v="3056.8603603603606"/>
        <n v="3048.7903780068727"/>
        <n v="2325.6890459363958"/>
        <n v="17963.45962113659"/>
        <n v="199029.12621359222"/>
        <n v="315533.98058252427"/>
        <n v="3093.6872852233678"/>
        <n v="4012.0226700251892"/>
        <n v="2155.5183486238534"/>
        <n v="2223.6559633027523"/>
        <n v="9238.0157028913272"/>
        <n v="6211.6624022346368"/>
        <n v="796.53710247349829"/>
        <n v="113555.34722222223"/>
        <n v="257123.5983195407"/>
        <n v="201256.83392226149"/>
        <n v="51458.361302842772"/>
        <n v="18609.583038869256"/>
        <n v="286362.19081272086"/>
        <n v="1475.8303886925796"/>
        <n v="4226.2261484098944"/>
        <n v="552.31802120141344"/>
        <n v="368.94699646643107"/>
        <n v="12.67844522968198"/>
        <n v="186.86925795053003"/>
        <n v="351.09540636042402"/>
        <n v="3354.1484098939927"/>
        <n v="706.38869257950535"/>
        <n v="54.805653710247348"/>
        <n v="726.0424028268551"/>
        <n v="3436.9187279151943"/>
        <n v="631.71731448763251"/>
        <n v="121.886925795053"/>
        <n v="78.551236749116612"/>
        <n v="353.19434628975267"/>
        <n v="27733.823074673011"/>
        <n v="660.3735127207807"/>
        <n v="1502.3459797232676"/>
        <n v="1517.339317773788"/>
        <n v="1602.0758237311238"/>
        <n v="1046.0230152610675"/>
        <n v="6447.2079207920797"/>
        <n v="4525.1683168316831"/>
        <n v="5482.3168316831679"/>
        <n v="720.53465346534654"/>
        <n v="15037.217821782178"/>
        <n v="206.76237623762376"/>
        <n v="871.18727915194347"/>
        <n v="8098.2614840989399"/>
        <n v="2315.575971731449"/>
        <n v="1542.9116607773851"/>
        <n v="53.660777385159008"/>
        <n v="3715.3144876325086"/>
        <n v="1059.583038869258"/>
        <n v="29181.095406360422"/>
        <n v="2.7985865724381624"/>
        <n v="161.0035335689046"/>
        <n v="16.897526501766784"/>
        <n v="2414.9893992932862"/>
        <n v="20284.833922261485"/>
        <n v="3876.3180212014131"/>
        <n v="425.04593639575972"/>
        <n v="25.35689045936396"/>
        <n v="51.519434628975269"/>
        <n v="11100.021201413427"/>
        <n v="1218.9874759010436"/>
        <n v="8381.8258969728377"/>
        <n v="17342.687736896514"/>
        <n v="174.69794019679165"/>
        <n v="273.98586572438165"/>
        <n v="5769.1378091872793"/>
        <n v="1137.3286219081272"/>
        <n v="24216.95406360424"/>
        <n v="7379.1307420494704"/>
        <n v="5460.5512367491165"/>
        <n v="6775.3780918727916"/>
        <n v="221.36395759717314"/>
        <n v="38103.137809187283"/>
        <n v="13148.268551236748"/>
        <n v="817.71731448763251"/>
        <n v="295.16607773851592"/>
        <n v="518.54416961130744"/>
        <n v="167.49116607773851"/>
        <n v="241.50530035335689"/>
        <n v="9257.4487632508826"/>
        <n v="442.74911660777383"/>
        <n v="5236.0833693451905"/>
        <n v="33.816254416961129"/>
        <n v="1396.452296819788"/>
        <n v="60.381625441696116"/>
        <n v="73.780918727915193"/>
        <n v="2763.8162544169613"/>
        <n v="66158.019682215876"/>
        <n v="220181.35692543071"/>
        <n v="204317.30348861302"/>
        <n v="1682.5617798460485"/>
        <n v="141070.70655170767"/>
        <n v="55963.96364485738"/>
        <n v="32.541081207339538"/>
        <n v="99.215592639692701"/>
        <n v="219.49061391377543"/>
        <n v="700.98233215547702"/>
        <n v="9552.6148409893995"/>
        <n v="9607.420494699647"/>
        <n v="2522.3109540636042"/>
        <n v="135.30742049469964"/>
        <n v="1452.8056537102473"/>
        <n v="19547.97879858657"/>
        <n v="147.58303886925796"/>
        <n v="42051.773851590107"/>
        <n v="4964.1413427561838"/>
        <n v="7246.0918727915196"/>
        <n v="2335.6113074204945"/>
        <n v="13635.413427561838"/>
        <n v="157.84452296819788"/>
        <n v="8210.9681978798599"/>
        <n v="14627.756479470969"/>
        <n v="18783.243816254417"/>
        <n v="9498.9540636042402"/>
        <n v="6399.7102473498235"/>
        <n v="2334.4876325088339"/>
        <n v="25.759717314487634"/>
        <n v="64852.621908127207"/>
        <n v="11605.356890459365"/>
        <n v="16650"/>
        <n v="41054.79858657244"/>
        <n v="4965.2438162544167"/>
        <n v="231.90106007067138"/>
        <n v="67575.070330595918"/>
        <n v="16304.533211069904"/>
        <n v="113597.3305785124"/>
        <n v="283156.67922847898"/>
        <n v="59575.166077738519"/>
        <n v="8068.6847349197078"/>
        <n v="7857.8626855123675"/>
        <n v="222614.84098939929"/>
        <n v="111307.42049469965"/>
        <n v="18551.236749116608"/>
        <n v="33541.505300353354"/>
        <n v="416377.73932584265"/>
        <n v="100188.64462809917"/>
        <n v="161994.80369515013"/>
        <n v="519200"/>
        <n v="37226.84210526316"/>
        <n v="73021.047227926072"/>
        <n v="18512.247838616713"/>
        <n v="39150"/>
        <n v="64212.662337662332"/>
        <n v="76652.692307692312"/>
        <n v="101806.875"/>
        <n v="181557.58064516127"/>
        <n v="251615.81920903953"/>
        <n v="492188.99546827789"/>
        <n v="711321.03025936603"/>
        <n v="24903.726708074533"/>
        <n v="8294.9308755760358"/>
        <n v="73141.993957703919"/>
        <n v="227146.78899082568"/>
        <n v="29551.390688259107"/>
        <n v="323682.62019230769"/>
        <n v="33530.309477756287"/>
        <n v="209845.37337662338"/>
        <n v="37202.429149797572"/>
        <n v="8104.3874999999998"/>
        <n v="12821.547169811318"/>
        <n v="64043.245264207377"/>
        <n v="42309.797448023557"/>
      </sharedItems>
    </cacheField>
    <cacheField name="Paradise (Hm04)2" numFmtId="0">
      <sharedItems containsBlank="1" containsMixedTypes="1" containsNumber="1" minValue="0" maxValue="4770705.423076923" count="205">
        <m/>
        <n v="350"/>
        <s v=""/>
        <n v="252456.37690355329"/>
        <n v="38055.220449761822"/>
        <n v="71347.443779771798"/>
        <n v="9878.7277918781729"/>
        <n v="4770705.423076923"/>
        <n v="2263357.2041302621"/>
        <n v="1345120.8895949165"/>
        <n v="527097.34407887445"/>
        <n v="8704.5003877257113"/>
        <n v="20588.4592645146"/>
        <n v="7914.6890150171457"/>
        <n v="1488098.5"/>
        <n v="319858"/>
        <n v="43494"/>
        <n v="105440"/>
        <n v="14903.538461538461"/>
        <n v="62275.5"/>
        <n v="106283.52000000002"/>
        <n v="278994.24"/>
        <n v="389706.23999999999"/>
        <n v="0"/>
        <n v="118622"/>
        <n v="123438"/>
        <n v="126483.44784509682"/>
        <n v="584385"/>
        <n v="389359"/>
        <n v="253718.01262878033"/>
        <n v="6300.5428159964549"/>
        <n v="58198.582125219058"/>
        <n v="84330.342306414095"/>
        <n v="6272.9010673888797"/>
        <n v="21258.164728373427"/>
        <n v="13623.49610757254"/>
        <n v="27182.571292018481"/>
        <n v="25788.593277043175"/>
        <n v="2020.2020202020203"/>
        <n v="7185.1232760053172"/>
        <n v="8649.4559509918327"/>
        <n v="10560.063063063064"/>
        <n v="1808.86925795053"/>
        <n v="13971.57970532846"/>
        <n v="236347.08737864078"/>
        <n v="374696.60194174759"/>
        <n v="5756.3803526448355"/>
        <n v="2874.0244648318039"/>
        <n v="2964.8746177370031"/>
        <n v="7185.123324471032"/>
        <n v="6211.6624022346368"/>
        <n v="619.52885747938751"/>
        <n v="45422.138888888883"/>
        <n v="20366.225609468573"/>
        <n v="156533.09305064782"/>
        <n v="68611.148403790357"/>
        <n v="14474.120141342755"/>
        <n v="222726.148409894"/>
        <n v="1147.8680800942286"/>
        <n v="3287.0647820965842"/>
        <n v="429.58068315665491"/>
        <n v="286.95877502944643"/>
        <n v="9.8610129564193176"/>
        <n v="145.34275618374559"/>
        <n v="273.07420494699647"/>
        <n v="2608.7820965842166"/>
        <n v="549.41342756183747"/>
        <n v="42.626619552414603"/>
        <n v="564.69964664310953"/>
        <n v="2673.159010600707"/>
        <n v="491.33568904593642"/>
        <n v="94.800942285041231"/>
        <n v="61.095406360424036"/>
        <n v="274.70671378091873"/>
        <n v="20029.983331708288"/>
        <n v="660.3735127207807"/>
        <n v="1502.3459797232676"/>
        <n v="1517.339317773788"/>
        <n v="1602.0758237311238"/>
        <n v="1046.0230152610675"/>
        <n v="6447.2079207920797"/>
        <n v="4525.1683168316831"/>
        <n v="5482.3168316831679"/>
        <n v="720.53465346534654"/>
        <n v="15037.217821782178"/>
        <n v="206.76237623762376"/>
        <n v="677.59010600706711"/>
        <n v="6298.6478209658417"/>
        <n v="1801.0035335689047"/>
        <n v="1200.0424028268551"/>
        <n v="41.736160188457006"/>
        <n v="2889.6890459363958"/>
        <n v="824.12014134275614"/>
        <n v="22696.407538280331"/>
        <n v="2.1766784452296819"/>
        <n v="125.22497055359246"/>
        <n v="13.142520612485276"/>
        <n v="1878.3250883392225"/>
        <n v="15777.093050647822"/>
        <n v="3014.9140164899882"/>
        <n v="330.59128386336869"/>
        <n v="19.722025912838635"/>
        <n v="40.070671378091873"/>
        <n v="8633.3498233215541"/>
        <n v="406.32915863368112"/>
        <n v="2095.4564742432094"/>
        <n v="8671.3438684482571"/>
        <n v="87.348970098395824"/>
        <n v="213.10011778563018"/>
        <n v="4487.1071849234395"/>
        <n v="884.58892815076558"/>
        <n v="18835.408716136633"/>
        <n v="5739.3239104829217"/>
        <n v="4247.095406360424"/>
        <n v="5269.7385159010601"/>
        <n v="172.17196702002354"/>
        <n v="29635.773851590107"/>
        <n v="10226.43109540636"/>
        <n v="636.00235571260305"/>
        <n v="229.57361601884571"/>
        <n v="403.31213191990577"/>
        <n v="130.27090694935217"/>
        <n v="187.83745583038871"/>
        <n v="7200.237926972909"/>
        <n v="344.36042402826854"/>
        <n v="1396.2888984920507"/>
        <n v="26.301531213191989"/>
        <n v="1086.1295641931683"/>
        <n v="46.963486454652539"/>
        <n v="57.385159010600702"/>
        <n v="2149.6348645465255"/>
        <n v="5240.2391827497713"/>
        <n v="17440.107479242037"/>
        <n v="16183.548791177267"/>
        <n v="133.27222018582563"/>
        <n v="11173.917350630309"/>
        <n v="40418.418187952549"/>
        <n v="23.501891983078554"/>
        <n v="71.655705795333617"/>
        <n v="158.52099893772672"/>
        <n v="545.20848056537102"/>
        <n v="7429.8115429917552"/>
        <n v="7472.4381625441692"/>
        <n v="1961.7974087161367"/>
        <n v="105.23910482921083"/>
        <n v="1129.959952885748"/>
        <n v="15203.983510011778"/>
        <n v="114.78680800942286"/>
        <n v="32706.935217903418"/>
        <n v="3860.9988221436984"/>
        <n v="5635.849234393404"/>
        <n v="1816.5865724381626"/>
        <n v="10605.321554770318"/>
        <n v="122.76796230859836"/>
        <n v="6386.3085983510018"/>
        <n v="5851.1025917883881"/>
        <n v="14609.189634864546"/>
        <n v="7388.0753828032985"/>
        <n v="4977.5524146054177"/>
        <n v="1815.7126030624265"/>
        <n v="20.035335689045937"/>
        <n v="50440.928150765605"/>
        <n v="9026.388692579505"/>
        <n v="12950"/>
        <n v="31931.510011778562"/>
        <n v="3861.8563015312134"/>
        <n v="180.36749116607774"/>
        <n v="25990.411665613814"/>
        <n v="6793.55550461246"/>
        <n v="173100.69421487604"/>
        <n v="431476.84453863464"/>
        <n v="46336.24028268551"/>
        <n v="6111.6709776207299"/>
        <n v="173144.87632508835"/>
        <n v="86572.438162544175"/>
        <n v="14428.739693757363"/>
        <n v="26087.837455830388"/>
        <n v="323849.35280898871"/>
        <n v="77924.501377410459"/>
        <n v="125995.9584295612"/>
        <n v="403822.22222222225"/>
        <n v="28954.21052631579"/>
        <n v="56794.147843942505"/>
        <n v="14398.414985590778"/>
        <n v="30450"/>
        <n v="49943.181818181816"/>
        <n v="59618.760683760687"/>
        <n v="79183.125"/>
        <n v="141211.45161290321"/>
        <n v="195701.19271814186"/>
        <n v="382813.66314199392"/>
        <n v="553249.69020172919"/>
        <n v="19369.565217391304"/>
        <n v="6451.6129032258059"/>
        <n v="56888.217522658604"/>
        <n v="176669.72477064221"/>
        <n v="22984.414979757083"/>
        <n v="251753.14903846156"/>
        <n v="26079.129593810449"/>
        <n v="163213.06818181818"/>
        <n v="28935.222672064778"/>
        <n v="6303.4125000000004"/>
        <n v="9972.3144654088028"/>
        <n v="49811.412983272407"/>
        <n v="32907.620237351657"/>
      </sharedItems>
    </cacheField>
    <cacheField name="Riverside (Hm06)2" numFmtId="0">
      <sharedItems containsBlank="1" containsMixedTypes="1" containsNumber="1" minValue="0" maxValue="6815293.461538461" count="198">
        <m/>
        <n v="500"/>
        <s v=""/>
        <n v="360651.96700507612"/>
        <n v="54364.600642516889"/>
        <n v="101924.91968538827"/>
        <n v="14112.468274111676"/>
        <n v="1053000"/>
        <n v="6815293.461538461"/>
        <n v="3233367.4344718033"/>
        <n v="1921601.2708498808"/>
        <n v="752996.20582696353"/>
        <n v="12435.000553893873"/>
        <n v="29412.08466359229"/>
        <n v="11306.698592881636"/>
        <n v="2125855"/>
        <n v="456940"/>
        <n v="43494"/>
        <n v="105440"/>
        <n v="21290.769230769227"/>
        <n v="88965"/>
        <n v="151833.60000000001"/>
        <n v="398563.2"/>
        <n v="556723.19999999995"/>
        <n v="0"/>
        <n v="169460"/>
        <n v="176340"/>
        <n v="180690.63977870974"/>
        <n v="834836"/>
        <n v="556227"/>
        <n v="362454.30375540047"/>
        <n v="9000.7754514235075"/>
        <n v="83140.831607455795"/>
        <n v="120471.91758059156"/>
        <n v="8961.2872391269702"/>
        <n v="30368.806754819183"/>
        <n v="19462.137296532201"/>
        <n v="38832.244702883545"/>
        <n v="36840.847538633105"/>
        <n v="2886.002886002886"/>
        <n v="10264.46182286474"/>
        <n v="16433.966306884482"/>
        <n v="9170.5810810810817"/>
        <n v="2584.0989399293285"/>
        <n v="19959.399579040655"/>
        <n v="460254.85436893202"/>
        <n v="729672.33009708743"/>
        <n v="8024.0453400503784"/>
        <n v="4516.3241590214066"/>
        <n v="4659.0886850152901"/>
        <n v="10264.461892101473"/>
        <n v="10352.770670391061"/>
        <n v="885.04122497055357"/>
        <n v="22711.069444444442"/>
        <n v="2545.7782011835716"/>
        <n v="223618.70435806832"/>
        <n v="107817.51892024199"/>
        <n v="20677.314487632506"/>
        <n v="318180.21201413427"/>
        <n v="1639.811542991755"/>
        <n v="4695.8068315665487"/>
        <n v="613.68669022379277"/>
        <n v="409.94110718492345"/>
        <n v="14.08716136631331"/>
        <n v="207.63250883392226"/>
        <n v="390.10600706713785"/>
        <n v="3726.8315665488808"/>
        <n v="784.87632508833929"/>
        <n v="60.895170789163721"/>
        <n v="806.71378091872793"/>
        <n v="3818.7985865724381"/>
        <n v="701.90812720848066"/>
        <n v="135.42991755005889"/>
        <n v="87.279151943462907"/>
        <n v="392.43816254416964"/>
        <n v="26193.055126080068"/>
        <n v="1100.622521201301"/>
        <n v="2503.9099662054459"/>
        <n v="758.66965888689401"/>
        <n v="801.03791186556191"/>
        <n v="1046.0230152610675"/>
        <n v="6447.2079207920797"/>
        <n v="4525.1683168316831"/>
        <n v="5482.3168316831679"/>
        <n v="720.53465346534654"/>
        <n v="15037.217821782178"/>
        <n v="206.76237623762376"/>
        <n v="967.9858657243816"/>
        <n v="8998.0683156654886"/>
        <n v="2572.8621908127211"/>
        <n v="1714.3462897526501"/>
        <n v="59.623085983510009"/>
        <n v="4128.1272084805651"/>
        <n v="1177.3144876325089"/>
        <n v="32423.43934040047"/>
        <n v="3.1095406360424027"/>
        <n v="178.89281507656065"/>
        <n v="18.775029446407537"/>
        <n v="2683.321554770318"/>
        <n v="22538.704358068317"/>
        <n v="4307.0200235571256"/>
        <n v="472.27326266195524"/>
        <n v="28.174322732626621"/>
        <n v="57.243816254416963"/>
        <n v="12333.356890459363"/>
        <n v="304.42873969375739"/>
        <n v="6410.1531213191993"/>
        <n v="1263.698468786808"/>
        <n v="26907.726737338045"/>
        <n v="8199.0341578327461"/>
        <n v="6067.2791519434631"/>
        <n v="7528.1978798586579"/>
        <n v="245.95995288574792"/>
        <n v="42336.819787985864"/>
        <n v="14609.187279151944"/>
        <n v="908.57479387514729"/>
        <n v="327.962308598351"/>
        <n v="576.16018845700819"/>
        <n v="186.10129564193167"/>
        <n v="268.33922261484099"/>
        <n v="10286.054181389871"/>
        <n v="491.9434628975265"/>
        <n v="698.14444924602537"/>
        <n v="37.573616018845698"/>
        <n v="1551.6136631330976"/>
        <n v="67.090694935217911"/>
        <n v="81.978798586572438"/>
        <n v="3070.9069493521788"/>
        <n v="655.02989784372141"/>
        <n v="2180.0134349052546"/>
        <n v="2022.9435988971584"/>
        <n v="16.659027523228204"/>
        <n v="1396.7396688287886"/>
        <n v="52854.854553476413"/>
        <n v="30.733243362487343"/>
        <n v="93.703615270820876"/>
        <n v="207.2966909185657"/>
        <n v="778.86925795053003"/>
        <n v="10614.016489988222"/>
        <n v="10674.911660777385"/>
        <n v="2802.567726737338"/>
        <n v="150.34157832744404"/>
        <n v="1614.228504122497"/>
        <n v="21719.976442873969"/>
        <n v="163.9811542991755"/>
        <n v="46724.193168433449"/>
        <n v="5515.7126030624268"/>
        <n v="8051.2131919905769"/>
        <n v="2595.1236749116611"/>
        <n v="15150.459363957598"/>
        <n v="175.38280329799767"/>
        <n v="9123.2979976442875"/>
        <n v="2925.551295894194"/>
        <n v="20870.27090694935"/>
        <n v="10554.393404004712"/>
        <n v="7110.7891637220255"/>
        <n v="2593.8751472320378"/>
        <n v="28.621908127208481"/>
        <n v="72058.468786808007"/>
        <n v="12894.840989399294"/>
        <n v="18500"/>
        <n v="45616.442873969376"/>
        <n v="5516.9375736160191"/>
        <n v="257.66784452296821"/>
        <n v="15594.24699936829"/>
        <n v="4076.1333027674759"/>
        <n v="243422.8512396694"/>
        <n v="606764.31263245502"/>
        <n v="66194.628975265019"/>
        <n v="8730.9585394581864"/>
        <n v="247349.82332155475"/>
        <n v="123674.91166077738"/>
        <n v="20612.485276796233"/>
        <n v="37268.339222614843"/>
        <n v="462641.93258426961"/>
        <n v="111320.71625344352"/>
        <n v="179994.22632794458"/>
        <n v="41363.157894736847"/>
        <n v="20569.164265129682"/>
        <n v="43500"/>
        <n v="71347.402597402586"/>
        <n v="85169.658119658125"/>
        <n v="113118.75"/>
        <n v="201730.6451612903"/>
        <n v="279573.13245448837"/>
        <n v="546876.66163141991"/>
        <n v="790356.70028818445"/>
        <n v="27670.80745341615"/>
        <n v="9216.5898617511521"/>
        <n v="81268.882175226579"/>
        <n v="252385.32110091741"/>
        <n v="32834.878542510116"/>
        <n v="359647.35576923081"/>
        <n v="233161.52597402598"/>
        <n v="41336.032388663967"/>
        <n v="14246.163522012577"/>
        <n v="71159.161404674858"/>
        <n v="47010.886053359507"/>
      </sharedItems>
    </cacheField>
    <cacheField name="National Grid and 339-353 London Road (Hm09)2" numFmtId="0">
      <sharedItems containsBlank="1" containsMixedTypes="1" containsNumber="1" minValue="0" maxValue="3104032.7370929313" count="203">
        <m/>
        <n v="480"/>
        <s v=""/>
        <n v="346225.88832487306"/>
        <n v="52190.016616816218"/>
        <n v="97847.922897972749"/>
        <n v="13547.969543147208"/>
        <n v="580965.51724137936"/>
        <n v="2878337.0558375632"/>
        <n v="3104032.7370929313"/>
        <n v="1844737.2200158855"/>
        <n v="722876.35759388504"/>
        <n v="11937.600531738119"/>
        <n v="28235.601277048598"/>
        <n v="10854.43064916637"/>
        <n v="2040820.8"/>
        <n v="438662.40000000002"/>
        <n v="43494"/>
        <n v="105440"/>
        <n v="45636.337693222362"/>
        <n v="85406.399999999994"/>
        <n v="145760.25599999999"/>
        <n v="382620.67200000002"/>
        <n v="534454.272"/>
        <n v="0"/>
        <n v="162681.60000000001"/>
        <n v="169286.39999999999"/>
        <n v="173463.01418756135"/>
        <n v="801443"/>
        <n v="533978"/>
        <n v="347956.13160518446"/>
        <n v="30456.852791878173"/>
        <n v="8640.7444333665662"/>
        <n v="79815.198343157565"/>
        <n v="115653.04087736791"/>
        <n v="8602.835749561893"/>
        <n v="29154.054484626417"/>
        <n v="18683.651804670913"/>
        <n v="37278.954914768197"/>
        <n v="35367.213637087785"/>
        <n v="2770.5627705627708"/>
        <n v="9853.8833499501488"/>
        <n v="6054.6191656942819"/>
        <n v="6947.4099099099103"/>
        <n v="5863.0584192439865"/>
        <n v="2480.7349823321556"/>
        <n v="19161.023595879029"/>
        <n v="161711.16504854368"/>
        <n v="256371.35922330097"/>
        <n v="5949.3986254295532"/>
        <n v="4360.8942065491183"/>
        <n v="2258.1620795107033"/>
        <n v="2329.5443425076451"/>
        <n v="9853.883416417415"/>
        <n v="14493.878938547487"/>
        <n v="849.63957597173146"/>
        <n v="22711.069444444442"/>
        <n v="2545.7782011835716"/>
        <n v="214673.95618374558"/>
        <n v="53908.759460120993"/>
        <n v="19850.221908127209"/>
        <n v="305453.00353356887"/>
        <n v="1574.2190812720848"/>
        <n v="4507.9745583038875"/>
        <n v="589.13922261484106"/>
        <n v="393.54346289752652"/>
        <n v="13.523674911660779"/>
        <n v="199.32720848056536"/>
        <n v="374.50176678445234"/>
        <n v="3577.7583038869257"/>
        <n v="753.48127208480571"/>
        <n v="58.459363957597169"/>
        <n v="774.44522968197884"/>
        <n v="3666.0466431095406"/>
        <n v="673.83180212014145"/>
        <n v="130.01272084805655"/>
        <n v="83.787985865724394"/>
        <n v="376.74063604240285"/>
        <n v="42602.114641104243"/>
        <n v="917277.81264064356"/>
        <n v="110935.29229869205"/>
        <n v="1540.8715296818214"/>
        <n v="3505.4739526876242"/>
        <n v="3793.3482944344705"/>
        <n v="4005.1895593278095"/>
        <n v="1046.0230152610675"/>
        <n v="25788.831683168319"/>
        <n v="18100.673267326732"/>
        <n v="21929.267326732672"/>
        <n v="2882.1386138613861"/>
        <n v="60148.871287128713"/>
        <n v="827.04950495049502"/>
        <n v="929.26643109540635"/>
        <n v="8638.1455830388695"/>
        <n v="2469.9477031802121"/>
        <n v="1645.7724381625442"/>
        <n v="57.238162544169612"/>
        <n v="3963.0021201413429"/>
        <n v="1130.2219081272085"/>
        <n v="31126.501766784451"/>
        <n v="2.9851590106007069"/>
        <n v="171.73710247349823"/>
        <n v="18.024028268551238"/>
        <n v="2575.9886925795054"/>
        <n v="21637.156183745581"/>
        <n v="4134.7392226148404"/>
        <n v="453.382332155477"/>
        <n v="27.047349823321557"/>
        <n v="54.954063604240282"/>
        <n v="11840.022614840989"/>
        <n v="406.32915863368112"/>
        <n v="2095.4564742432094"/>
        <n v="8671.3438684482571"/>
        <n v="87.348970098395824"/>
        <n v="292.25159010600709"/>
        <n v="6153.7469964664315"/>
        <n v="1213.1505300353358"/>
        <n v="25831.417667844522"/>
        <n v="7871.0727915194357"/>
        <n v="5824.5879858657245"/>
        <n v="7227.0699646643116"/>
        <n v="236.121554770318"/>
        <n v="40643.346996466433"/>
        <n v="14024.819787985865"/>
        <n v="872.23180212014142"/>
        <n v="314.84381625441699"/>
        <n v="553.11378091872791"/>
        <n v="178.65724381625441"/>
        <n v="257.60565371024734"/>
        <n v="9874.6120141342763"/>
        <n v="472.26572438162543"/>
        <n v="1396.2888984920507"/>
        <n v="36.070671378091873"/>
        <n v="1489.5491166077738"/>
        <n v="64.407067137809193"/>
        <n v="78.699646643109531"/>
        <n v="2948.0706713780919"/>
        <n v="655.02989784372141"/>
        <n v="2180.0134349052546"/>
        <n v="2022.9435988971584"/>
        <n v="16.659027523228204"/>
        <n v="1396.7396688287886"/>
        <n v="139909.90911214345"/>
        <n v="81.352703018348848"/>
        <n v="248.03898159923173"/>
        <n v="877.96245565510173"/>
        <n v="747.71448763250885"/>
        <n v="10189.455830388693"/>
        <n v="10247.915194346289"/>
        <n v="2690.4650176678447"/>
        <n v="144.32791519434628"/>
        <n v="1549.6593639575972"/>
        <n v="20851.177385159008"/>
        <n v="157.4219081272085"/>
        <n v="44855.225441696115"/>
        <n v="5295.0840989399294"/>
        <n v="7729.1646643109543"/>
        <n v="2491.3187279151944"/>
        <n v="14544.440989399294"/>
        <n v="168.36749116607774"/>
        <n v="8758.3660777385157"/>
        <n v="5851.1025917883881"/>
        <n v="20035.460070671375"/>
        <n v="10132.217667844523"/>
        <n v="6826.3575971731443"/>
        <n v="2490.1201413427561"/>
        <n v="27.477031802120141"/>
        <n v="69176.130035335693"/>
        <n v="12379.047349823322"/>
        <n v="17760"/>
        <n v="43791.7851590106"/>
        <n v="5296.2600706713783"/>
        <n v="247.36113074204948"/>
        <n v="25990.411665613814"/>
        <n v="5434.8444036899682"/>
        <n v="129825.52066115703"/>
        <n v="323607.63340397598"/>
        <n v="63546.843816254419"/>
        <n v="8381.7201978798585"/>
        <n v="237455.83038869259"/>
        <n v="118727.91519434629"/>
        <n v="19787.985865724382"/>
        <n v="35777.605653710249"/>
        <n v="172794.4572748268"/>
        <n v="39708.631578947374"/>
        <n v="68493.506493506487"/>
        <n v="108594"/>
        <n v="193661.4193548387"/>
        <n v="268390.20715630881"/>
        <n v="525001.59516616305"/>
        <n v="969402.06185567018"/>
        <n v="758742.43227665708"/>
        <n v="26563.975155279502"/>
        <n v="8847.9262672811055"/>
        <n v="78018.126888217521"/>
        <n v="242289.90825688074"/>
        <n v="31521.483400809713"/>
        <n v="345261.46153846156"/>
        <n v="164981.44329896907"/>
        <n v="223835.06493506493"/>
        <n v="39682.591093117408"/>
        <n v="68312.794948487863"/>
        <n v="45130.450611225126"/>
      </sharedItems>
    </cacheField>
    <cacheField name="Symbio Site, Whiteleaf Road (Hm07)2" numFmtId="0">
      <sharedItems containsBlank="1" containsMixedTypes="1" containsNumber="1" minValue="0" maxValue="646673.48689436063" count="186">
        <m/>
        <n v="100"/>
        <s v=""/>
        <n v="72130.39340101523"/>
        <n v="10872.920128503378"/>
        <n v="20384.983937077654"/>
        <n v="2822.493654822335"/>
        <n v="599653.55329949234"/>
        <n v="646673.48689436063"/>
        <n v="384320.25416997616"/>
        <n v="150599.24116539271"/>
        <n v="2487.0001107787748"/>
        <n v="5882.4169327184582"/>
        <n v="2261.3397185763274"/>
        <n v="425171"/>
        <n v="91388"/>
        <n v="43494"/>
        <n v="105440.00000000001"/>
        <n v="17793"/>
        <n v="30366.720000000005"/>
        <n v="79712.639999999999"/>
        <n v="111344.64"/>
        <n v="0"/>
        <n v="33892"/>
        <n v="35268"/>
        <n v="36138.127955741948"/>
        <n v="166967"/>
        <n v="111245"/>
        <n v="72490.860751080094"/>
        <n v="6345.1776649746189"/>
        <n v="1800.1550902847016"/>
        <n v="16628.16632149116"/>
        <n v="24094.383516118312"/>
        <n v="1792.2574478253941"/>
        <n v="6073.7613509638368"/>
        <n v="3892.4274593064401"/>
        <n v="7766.448940576709"/>
        <n v="7368.1695077266213"/>
        <n v="577.20057720057719"/>
        <n v="2052.8923645729478"/>
        <n v="864.94559509918315"/>
        <n v="833.68918918918928"/>
        <n v="703.56701030927832"/>
        <n v="516.81978798586567"/>
        <n v="3991.8799158081315"/>
        <n v="12439.320388349513"/>
        <n v="19720.873786407767"/>
        <n v="713.92783505154637"/>
        <n v="523.30730478589419"/>
        <n v="205.2874617737003"/>
        <n v="211.77675840978594"/>
        <n v="2052.8923784202948"/>
        <n v="10352.770670391061"/>
        <n v="177.00824499411073"/>
        <n v="44723.740871613663"/>
        <n v="4900.7963145564545"/>
        <n v="4135.4628975265014"/>
        <n v="63636.042402826854"/>
        <n v="327.962308598351"/>
        <n v="939.16136631330983"/>
        <n v="122.73733804475854"/>
        <n v="81.988221436984688"/>
        <n v="2.817432273262662"/>
        <n v="41.526501766784449"/>
        <n v="78.021201413427562"/>
        <n v="745.36631330977616"/>
        <n v="156.97526501766785"/>
        <n v="12.179034157832744"/>
        <n v="161.34275618374559"/>
        <n v="763.75971731448772"/>
        <n v="140.38162544169612"/>
        <n v="27.085983510011779"/>
        <n v="17.455830388692579"/>
        <n v="78.487632508833926"/>
        <n v="3686.7214593263279"/>
        <n v="79379.810709286452"/>
        <n v="13866.911537336506"/>
        <n v="1100.622521201301"/>
        <n v="2503.9099662054459"/>
        <n v="2276.008976660682"/>
        <n v="2403.1137355966857"/>
        <n v="1046.0230152610675"/>
        <n v="12894.415841584159"/>
        <n v="9050.3366336633662"/>
        <n v="10964.633663366336"/>
        <n v="1441.0693069306931"/>
        <n v="30074.435643564357"/>
        <n v="413.52475247524751"/>
        <n v="193.59717314487631"/>
        <n v="1799.6136631330976"/>
        <n v="514.57243816254413"/>
        <n v="342.86925795053003"/>
        <n v="11.924617196702002"/>
        <n v="825.62544169611306"/>
        <n v="235.46289752650176"/>
        <n v="6484.6878680800937"/>
        <n v="0.62190812720848054"/>
        <n v="35.77856301531213"/>
        <n v="3.7550058892815077"/>
        <n v="536.66431095406358"/>
        <n v="4507.7408716136633"/>
        <n v="861.40400471142516"/>
        <n v="94.454652532391052"/>
        <n v="5.634864546525324"/>
        <n v="11.448763250883392"/>
        <n v="2466.6713780918726"/>
        <n v="406.32915863368112"/>
        <n v="60.885747938751479"/>
        <n v="1282.0306242638399"/>
        <n v="252.73969375736161"/>
        <n v="5381.5453474676087"/>
        <n v="1639.8068315665491"/>
        <n v="1213.4558303886927"/>
        <n v="1505.6395759717316"/>
        <n v="49.191990577149589"/>
        <n v="8467.3639575971738"/>
        <n v="2921.8374558303885"/>
        <n v="181.71495877502946"/>
        <n v="65.592461719670197"/>
        <n v="115.23203769140164"/>
        <n v="37.220259128386331"/>
        <n v="53.667844522968203"/>
        <n v="2057.2108362779741"/>
        <n v="98.388692579505303"/>
        <n v="349.07222462301269"/>
        <n v="7.5147232037691403"/>
        <n v="310.32273262661954"/>
        <n v="13.418138987043582"/>
        <n v="16.395759717314487"/>
        <n v="614.18138987043585"/>
        <n v="109.74530695688772"/>
        <n v="155.77385159010601"/>
        <n v="2122.8032979976442"/>
        <n v="2134.9823321554768"/>
        <n v="560.51354534746758"/>
        <n v="30.068315665488811"/>
        <n v="322.84570082449943"/>
        <n v="4343.9952885747934"/>
        <n v="32.796230859835099"/>
        <n v="9344.8386336866897"/>
        <n v="1103.1425206124852"/>
        <n v="1610.2426383981153"/>
        <n v="519.02473498233212"/>
        <n v="3030.0918727915196"/>
        <n v="35.076560659599529"/>
        <n v="1824.6595995288576"/>
        <n v="4174.0541813898699"/>
        <n v="2110.8786808009422"/>
        <n v="1422.1578327444051"/>
        <n v="518.77502944640753"/>
        <n v="5.7243816254416959"/>
        <n v="14411.693757361601"/>
        <n v="2578.9681978798585"/>
        <n v="3700"/>
        <n v="9123.2885747938744"/>
        <n v="1103.3875147232038"/>
        <n v="51.533568904593643"/>
        <n v="1358.7111009224921"/>
        <n v="10818.793388429753"/>
        <n v="26967.302783664665"/>
        <n v="13238.925795053005"/>
        <n v="1746.1917078916372"/>
        <n v="49469.964664310952"/>
        <n v="24734.982332155476"/>
        <n v="4122.4970553592466"/>
        <n v="7453.6678445229682"/>
        <n v="35998.845265588912"/>
        <n v="8272.6315789473683"/>
        <n v="14269.480519480518"/>
        <n v="22623.75"/>
        <n v="40346.129032258061"/>
        <n v="55914.626490897674"/>
        <n v="109375.33232628398"/>
        <n v="201958.76288659795"/>
        <n v="158071.3400576369"/>
        <n v="5534.1614906832301"/>
        <n v="1843.3179723502303"/>
        <n v="16253.776435045316"/>
        <n v="50477.064220183485"/>
        <n v="6566.9757085020237"/>
        <n v="71929.471153846156"/>
        <n v="34371.134020618556"/>
        <n v="46632.305194805194"/>
        <n v="8267.2064777327942"/>
        <n v="14231.832280934972"/>
        <n v="9402.1772106719018"/>
      </sharedItems>
    </cacheField>
    <cacheField name="Hemel Hempstead Station Gateway (Hm08)2" numFmtId="0">
      <sharedItems containsBlank="1" containsMixedTypes="1" containsNumber="1" minValue="0" maxValue="2522026.5988880065" count="194">
        <m/>
        <n v="390"/>
        <s v=""/>
        <n v="281308.53426395939"/>
        <n v="42404.388501163172"/>
        <n v="79501.437354602851"/>
        <n v="11007.725253807106"/>
        <n v="472034.4827586207"/>
        <n v="2338648.85786802"/>
        <n v="2522026.5988880065"/>
        <n v="1498848.9912629072"/>
        <n v="587337.04054503154"/>
        <n v="9699.300432037222"/>
        <n v="22941.426037601985"/>
        <n v="8819.2249024476769"/>
        <n v="1658166.9"/>
        <n v="356413.2"/>
        <n v="43494"/>
        <n v="105440"/>
        <n v="37079.524375743167"/>
        <n v="69392.7"/>
        <n v="118430.208"/>
        <n v="310879.29599999997"/>
        <n v="434244.09600000008"/>
        <n v="0"/>
        <n v="132178.80000000002"/>
        <n v="137545.20000000001"/>
        <n v="140938.6990273936"/>
        <n v="651172"/>
        <n v="433857"/>
        <n v="282714.35692921234"/>
        <n v="24746.192893401014"/>
        <n v="7020.6048521103357"/>
        <n v="64849.848653815519"/>
        <n v="93968.095712861425"/>
        <n v="6989.8040465190379"/>
        <n v="23687.669268758964"/>
        <n v="15180.467091295117"/>
        <n v="30289.150868249162"/>
        <n v="28735.861080133822"/>
        <n v="2251.0822510822513"/>
        <n v="8006.2802218344959"/>
        <n v="6487.0919632438736"/>
        <n v="277.89639639639637"/>
        <n v="5394.0137457044675"/>
        <n v="2015.5971731448763"/>
        <n v="15568.331671651713"/>
        <n v="174150.48543689318"/>
        <n v="276092.23300970875"/>
        <n v="5473.4467353951886"/>
        <n v="4012.0226700251892"/>
        <n v="2155.5183486238534"/>
        <n v="2223.6559633027523"/>
        <n v="8006.2802758391499"/>
        <n v="6211.6624022346368"/>
        <n v="690.33215547703185"/>
        <n v="22711.069444444442"/>
        <n v="2545.7782011835716"/>
        <n v="174422.5893992933"/>
        <n v="51458.361302842772"/>
        <n v="16128.305300353357"/>
        <n v="248180.56537102474"/>
        <n v="1279.0530035335689"/>
        <n v="3662.7293286219083"/>
        <n v="478.67561837455833"/>
        <n v="319.75406360424029"/>
        <n v="10.987985865724383"/>
        <n v="161.95335689045936"/>
        <n v="304.28268551236749"/>
        <n v="2906.9286219081273"/>
        <n v="612.20353356890462"/>
        <n v="47.4982332155477"/>
        <n v="629.23674911660783"/>
        <n v="2978.6628975265021"/>
        <n v="547.48833922261485"/>
        <n v="105.63533568904595"/>
        <n v="68.077738515901061"/>
        <n v="306.10176678445231"/>
        <n v="1228.9071531087761"/>
        <n v="26459.936903095484"/>
        <n v="4622.3038457788352"/>
        <n v="660.3735127207807"/>
        <n v="1502.3459797232676"/>
        <n v="1517.339317773788"/>
        <n v="1602.0758237311238"/>
        <n v="1046.0230152610675"/>
        <n v="6447.2079207920797"/>
        <n v="4525.1683168316831"/>
        <n v="5482.3168316831679"/>
        <n v="720.53465346534654"/>
        <n v="15037.217821782178"/>
        <n v="206.76237623762376"/>
        <n v="755.02897526501761"/>
        <n v="7018.4932862190808"/>
        <n v="2006.8325088339222"/>
        <n v="1337.1901060070672"/>
        <n v="46.506007067137809"/>
        <n v="3219.9392226148411"/>
        <n v="918.30530035335687"/>
        <n v="25290.282685512368"/>
        <n v="2.425441696113074"/>
        <n v="139.53639575971732"/>
        <n v="14.644522968197879"/>
        <n v="2092.9908127208482"/>
        <n v="17580.189399293286"/>
        <n v="3359.4756183745581"/>
        <n v="368.37314487632511"/>
        <n v="21.975971731448766"/>
        <n v="44.650176678445234"/>
        <n v="9620.0183745583035"/>
        <n v="406.32915863368112"/>
        <n v="2095.4564742432094"/>
        <n v="8671.3438684482571"/>
        <n v="87.348970098395824"/>
        <n v="237.45441696113076"/>
        <n v="4999.9194346289751"/>
        <n v="985.68480565371021"/>
        <n v="20988.026855123677"/>
        <n v="6395.2466431095409"/>
        <n v="4732.4777385159014"/>
        <n v="5871.9943462897527"/>
        <n v="191.84876325088339"/>
        <n v="33022.719434628976"/>
        <n v="11395.166077738515"/>
        <n v="708.6883392226149"/>
        <n v="255.81060070671379"/>
        <n v="449.40494699646644"/>
        <n v="145.15901060070669"/>
        <n v="209.30459363957598"/>
        <n v="8023.122261484099"/>
        <n v="383.71590106007068"/>
        <n v="1047.216673869038"/>
        <n v="29.307420494699645"/>
        <n v="1210.2586572438163"/>
        <n v="52.330742049469968"/>
        <n v="63.943462897526501"/>
        <n v="2395.3074204946997"/>
        <n v="655.02989784372141"/>
        <n v="2180.0134349052546"/>
        <n v="2022.9435988971584"/>
        <n v="16.659027523228204"/>
        <n v="1396.7396688287886"/>
        <n v="36.581768985629246"/>
        <n v="607.51802120141349"/>
        <n v="8278.9328621908135"/>
        <n v="8326.4310954063603"/>
        <n v="2186.0028268551237"/>
        <n v="117.26643109540636"/>
        <n v="1259.0982332155477"/>
        <n v="16941.581625441693"/>
        <n v="127.90530035335689"/>
        <n v="36444.870671378092"/>
        <n v="4302.2558303886926"/>
        <n v="6279.94628975265"/>
        <n v="2024.1964664310954"/>
        <n v="11817.358303886926"/>
        <n v="136.79858657243818"/>
        <n v="7116.1724381625445"/>
        <n v="2925.551295894194"/>
        <n v="16278.811307420494"/>
        <n v="8232.4268551236746"/>
        <n v="5546.41554770318"/>
        <n v="2023.2226148409895"/>
        <n v="22.325088339222617"/>
        <n v="56205.605653710249"/>
        <n v="10057.975971731448"/>
        <n v="14430"/>
        <n v="35580.825441696114"/>
        <n v="4303.2113074204954"/>
        <n v="200.9809187279152"/>
        <n v="10396.164666245528"/>
        <n v="4076.1333027674759"/>
        <n v="119006.72727272728"/>
        <n v="296640.33062031132"/>
        <n v="51631.810600706718"/>
        <n v="6810.1476607773848"/>
        <n v="192932.86219081271"/>
        <n v="96466.431095406355"/>
        <n v="16077.738515901061"/>
        <n v="29069.304593639576"/>
        <n v="140395.49653579676"/>
        <n v="32263.263157894737"/>
        <n v="88232.625"/>
        <n v="426563.79607250751"/>
        <n v="787639.17525773204"/>
        <n v="616478.22622478392"/>
        <n v="21583.229813664595"/>
        <n v="63389.728096676728"/>
        <n v="196860.55045871559"/>
        <n v="25611.205263157892"/>
        <n v="134047.42268041239"/>
        <n v="32242.105263157893"/>
        <n v="55504.14589564639"/>
        <n v="36668.491121620413"/>
      </sharedItems>
    </cacheField>
    <cacheField name="Apsley Mills Retail Park (Hm10)2" numFmtId="0">
      <sharedItems containsBlank="1" containsMixedTypes="1" containsNumber="1" minValue="0" maxValue="3233367.4344718033" count="182">
        <m/>
        <n v="500"/>
        <s v=""/>
        <n v="360651.96700507612"/>
        <n v="54364.600642516889"/>
        <n v="101924.91968538827"/>
        <n v="14112.468274111676"/>
        <n v="2998267.7664974616"/>
        <n v="3233367.4344718033"/>
        <n v="1921601.2708498808"/>
        <n v="752996.20582696353"/>
        <n v="12435.000553893873"/>
        <n v="29412.08466359229"/>
        <n v="11306.698592881636"/>
        <n v="2125855"/>
        <n v="456940"/>
        <n v="43494"/>
        <n v="105440"/>
        <n v="108735"/>
        <n v="92260"/>
        <n v="88965"/>
        <n v="151833.60000000001"/>
        <n v="398563.2"/>
        <n v="556723.19999999995"/>
        <n v="0"/>
        <n v="169460"/>
        <n v="176340"/>
        <n v="180690.63977870974"/>
        <n v="834836"/>
        <n v="556227"/>
        <n v="362454.30375540047"/>
        <n v="31725.888324873096"/>
        <n v="9000.7754514235075"/>
        <n v="83140.831607455795"/>
        <n v="120471.91758059156"/>
        <n v="8961.2872391269702"/>
        <n v="30368.806754819183"/>
        <n v="19462.137296532201"/>
        <n v="38832.244702883545"/>
        <n v="36840.847538633105"/>
        <n v="2886.002886002886"/>
        <n v="10264.46182286474"/>
        <n v="15136.547914235707"/>
        <n v="555.79279279279274"/>
        <n v="469.0446735395189"/>
        <n v="2584.0989399293285"/>
        <n v="19959.399579040655"/>
        <n v="422936.89320388355"/>
        <n v="670509.70873786416"/>
        <n v="475.95189003436423"/>
        <n v="348.87153652392948"/>
        <n v="4105.7492354740061"/>
        <n v="4235.5351681957181"/>
        <n v="10264.461892101473"/>
        <n v="37269.974413407821"/>
        <n v="885.04122497055357"/>
        <n v="45422.138888888883"/>
        <n v="223618.70435806832"/>
        <n v="98015.926291129086"/>
        <n v="20677.314487632506"/>
        <n v="318180.21201413427"/>
        <n v="1639.811542991755"/>
        <n v="4695.8068315665487"/>
        <n v="613.68669022379277"/>
        <n v="409.94110718492345"/>
        <n v="14.08716136631331"/>
        <n v="207.63250883392226"/>
        <n v="390.10600706713785"/>
        <n v="3726.8315665488808"/>
        <n v="784.87632508833929"/>
        <n v="60.895170789163721"/>
        <n v="806.71378091872793"/>
        <n v="3818.7985865724381"/>
        <n v="701.90812720848066"/>
        <n v="135.42991755005889"/>
        <n v="87.279151943462907"/>
        <n v="392.43816254416964"/>
        <n v="819.27143540585075"/>
        <n v="17639.957935396989"/>
        <n v="26193.055126080068"/>
        <n v="3962.2410763246835"/>
        <n v="9014.075878339605"/>
        <n v="47796.188509874322"/>
        <n v="50465.3884475304"/>
        <n v="139121.06102972195"/>
        <n v="451304.5544554455"/>
        <n v="316761.78217821778"/>
        <n v="383762.17821782175"/>
        <n v="50437.425742574254"/>
        <n v="1052605.2475247525"/>
        <n v="14473.366336633662"/>
        <n v="967.9858657243816"/>
        <n v="8998.0683156654886"/>
        <n v="2572.8621908127211"/>
        <n v="1714.3462897526501"/>
        <n v="59.623085983510009"/>
        <n v="4128.1272084805651"/>
        <n v="1177.3144876325089"/>
        <n v="32423.43934040047"/>
        <n v="3.1095406360424027"/>
        <n v="178.89281507656065"/>
        <n v="18.775029446407537"/>
        <n v="2683.321554770318"/>
        <n v="22538.704358068317"/>
        <n v="4307.0200235571256"/>
        <n v="472.27326266195524"/>
        <n v="28.174322732626621"/>
        <n v="57.243816254416963"/>
        <n v="12333.356890459363"/>
        <n v="304.42873969375739"/>
        <n v="6410.1531213191993"/>
        <n v="1263.698468786808"/>
        <n v="26907.726737338045"/>
        <n v="8199.0341578327461"/>
        <n v="6067.2791519434631"/>
        <n v="7528.1978798586579"/>
        <n v="245.95995288574792"/>
        <n v="42336.819787985864"/>
        <n v="14609.187279151944"/>
        <n v="908.57479387514729"/>
        <n v="327.962308598351"/>
        <n v="576.16018845700819"/>
        <n v="186.10129564193167"/>
        <n v="268.33922261484099"/>
        <n v="10286.054181389871"/>
        <n v="491.9434628975265"/>
        <n v="349.07222462301269"/>
        <n v="37.573616018845698"/>
        <n v="1551.6136631330976"/>
        <n v="67.090694935217911"/>
        <n v="81.978798586572438"/>
        <n v="3070.9069493521788"/>
        <n v="24872.872731047722"/>
        <n v="14.462702758817573"/>
        <n v="44.095818950974532"/>
        <n v="207.2966909185657"/>
        <n v="778.86925795053003"/>
        <n v="10614.016489988222"/>
        <n v="10674.911660777385"/>
        <n v="2802.567726737338"/>
        <n v="150.34157832744404"/>
        <n v="1614.228504122497"/>
        <n v="21719.976442873969"/>
        <n v="163.9811542991755"/>
        <n v="46724.193168433449"/>
        <n v="5515.7126030624268"/>
        <n v="8051.2131919905769"/>
        <n v="2595.1236749116611"/>
        <n v="15150.459363957598"/>
        <n v="175.38280329799767"/>
        <n v="9123.2979976442875"/>
        <n v="2925.551295894194"/>
        <n v="20870.27090694935"/>
        <n v="10554.393404004712"/>
        <n v="7110.7891637220255"/>
        <n v="2593.8751472320378"/>
        <n v="28.621908127208481"/>
        <n v="72058.468786808007"/>
        <n v="12894.840989399294"/>
        <n v="18500"/>
        <n v="45616.442873969376"/>
        <n v="5516.9375736160191"/>
        <n v="257.66784452296821"/>
        <n v="20792.329332491056"/>
        <n v="5434.8444036899682"/>
        <n v="10818.793388429753"/>
        <n v="552829.70706512569"/>
        <n v="66194.628975265019"/>
        <n v="8730.9585394581864"/>
        <n v="247349.82332155475"/>
        <n v="123674.91166077738"/>
        <n v="20612.485276796233"/>
        <n v="37268.339222614843"/>
        <n v="576888.88888888888"/>
        <n v="43500"/>
        <n v="71347.402597402586"/>
        <n v="790356.70028818445"/>
        <n v="252385.32110091741"/>
        <n v="998983"/>
        <n v="233161.52597402598"/>
        <n v="71159.161404674858"/>
        <n v="47010.886053359507"/>
      </sharedItems>
    </cacheField>
    <cacheField name="Shendish Manor and Fairfields (Hm11)2" numFmtId="0">
      <sharedItems containsBlank="1" containsMixedTypes="1" containsNumber="1" minValue="0" maxValue="12500000" count="197">
        <m/>
        <n v="500"/>
        <s v=""/>
        <n v="1515700"/>
        <n v="54364.600642516889"/>
        <n v="101924.91968538827"/>
        <n v="59310"/>
        <n v="1053000"/>
        <n v="2998267.7664974616"/>
        <n v="3233367.4344718033"/>
        <n v="1921601.2708498808"/>
        <n v="752996.20582696353"/>
        <n v="12435.000553893873"/>
        <n v="29412.08466359229"/>
        <n v="11306.698592881636"/>
        <n v="2125855"/>
        <n v="456940"/>
        <n v="43494"/>
        <n v="105440"/>
        <n v="108735"/>
        <n v="92260"/>
        <n v="88965"/>
        <n v="151833.60000000001"/>
        <n v="398563.2"/>
        <n v="556723.19999999995"/>
        <n v="836000"/>
        <n v="0"/>
        <n v="169460"/>
        <n v="176340"/>
        <n v="180690.63977870974"/>
        <n v="834836"/>
        <n v="556227"/>
        <n v="362454.30375540047"/>
        <n v="31725.888324873096"/>
        <n v="9000.7754514235075"/>
        <n v="83140.831607455795"/>
        <n v="120471.91758059156"/>
        <n v="8961.2872391269702"/>
        <n v="30368.806754819183"/>
        <n v="40000"/>
        <n v="38832.244702883545"/>
        <n v="36840.847538633105"/>
        <n v="2886.002886002886"/>
        <n v="10264.46182286474"/>
        <n v="24650.949460326719"/>
        <n v="37062.918750000004"/>
        <n v="2501.0675675675675"/>
        <n v="2110.7010309278353"/>
        <n v="12188.333333333332"/>
        <n v="2584.0989399293285"/>
        <n v="370629.1875"/>
        <n v="19959.399579040655"/>
        <n v="634405.33980582526"/>
        <n v="1005764.5631067961"/>
        <n v="2141.7835051546394"/>
        <n v="1569.9219143576825"/>
        <n v="6877.1299694189602"/>
        <n v="7094.5214067278284"/>
        <n v="10264.461892101473"/>
        <n v="173926.54726256983"/>
        <n v="885.04122497055357"/>
        <n v="249821.76388888891"/>
        <n v="2545.7782011835716"/>
        <n v="223618.70435806832"/>
        <n v="164176.67653764121"/>
        <n v="20677.314487632506"/>
        <n v="12500000"/>
        <n v="318180.21201413427"/>
        <n v="1639.811542991755"/>
        <n v="4695.8068315665487"/>
        <n v="613.68669022379277"/>
        <n v="409.94110718492345"/>
        <n v="14.08716136631331"/>
        <n v="207.63250883392226"/>
        <n v="390.10600706713785"/>
        <n v="3726.8315665488808"/>
        <n v="784.87632508833929"/>
        <n v="60.895170789163721"/>
        <n v="806.71378091872793"/>
        <n v="3818.7985865724381"/>
        <n v="701.90812720848066"/>
        <n v="135.42991755005889"/>
        <n v="87.279151943462907"/>
        <n v="392.43816254416964"/>
        <n v="2457.8143062175523"/>
        <n v="52919.873806190968"/>
        <n v="129424.5076818074"/>
        <n v="18490.458356181858"/>
        <n v="42065.687432251492"/>
        <n v="1517.339317773788"/>
        <n v="1602.0758237311238"/>
        <n v="6276.1380915664049"/>
        <n v="45130.455445544561"/>
        <n v="31676.178217821784"/>
        <n v="38376.217821782178"/>
        <n v="5043.742574257426"/>
        <n v="105260.52475247526"/>
        <n v="1447.3366336633665"/>
        <n v="967.9858657243816"/>
        <n v="8998.0683156654886"/>
        <n v="2572.8621908127211"/>
        <n v="1714.3462897526501"/>
        <n v="59.623085983510009"/>
        <n v="4128.1272084805651"/>
        <n v="1177.3144876325089"/>
        <n v="32423.43934040047"/>
        <n v="3.1095406360424027"/>
        <n v="178.89281507656065"/>
        <n v="18.775029446407537"/>
        <n v="2683.321554770318"/>
        <n v="22538.704358068317"/>
        <n v="4307.0200235571256"/>
        <n v="472.27326266195524"/>
        <n v="28.174322732626621"/>
        <n v="57.243816254416963"/>
        <n v="12333.356890459363"/>
        <n v="406.32915863368112"/>
        <n v="4190.9129484864188"/>
        <n v="8671.3438684482571"/>
        <n v="87.348970098395824"/>
        <n v="304.42873969375739"/>
        <n v="6410.1531213191993"/>
        <n v="1263.698468786808"/>
        <n v="26907.726737338045"/>
        <n v="8199.0341578327461"/>
        <n v="6067.2791519434631"/>
        <n v="7528.1978798586579"/>
        <n v="245.95995288574792"/>
        <n v="42336.819787985864"/>
        <n v="14609.187279151944"/>
        <n v="908.57479387514729"/>
        <n v="327.962308598351"/>
        <n v="576.16018845700819"/>
        <n v="186.10129564193167"/>
        <n v="268.33922261484099"/>
        <n v="10286.054181389871"/>
        <n v="491.9434628975265"/>
        <n v="2443.5055723610885"/>
        <n v="37.573616018845698"/>
        <n v="1551.6136631330976"/>
        <n v="67.090694935217911"/>
        <n v="81.978798586572438"/>
        <n v="3070.9069493521788"/>
        <n v="655.02989784372141"/>
        <n v="2180.0134349052546"/>
        <n v="2022.9435988971584"/>
        <n v="16.659027523228204"/>
        <n v="1396.7396688287886"/>
        <n v="133691.6909293815"/>
        <n v="77.737027328644459"/>
        <n v="237.01502686148811"/>
        <n v="1024.2895315976189"/>
        <n v="778.86925795053003"/>
        <n v="10614.016489988222"/>
        <n v="10674.911660777385"/>
        <n v="2802.567726737338"/>
        <n v="150.34157832744404"/>
        <n v="1614.228504122497"/>
        <n v="21719.976442873969"/>
        <n v="163.9811542991755"/>
        <n v="46724.193168433449"/>
        <n v="5515.7126030624268"/>
        <n v="8051.2131919905769"/>
        <n v="2595.1236749116611"/>
        <n v="15150.459363957598"/>
        <n v="175.38280329799767"/>
        <n v="9123.2979976442875"/>
        <n v="8776.6538876825816"/>
        <n v="20870.27090694935"/>
        <n v="10554.393404004712"/>
        <n v="7110.7891637220255"/>
        <n v="2593.8751472320378"/>
        <n v="28.621908127208481"/>
        <n v="72058.468786808007"/>
        <n v="12894.840989399294"/>
        <n v="18500"/>
        <n v="45616.442873969376"/>
        <n v="5516.9375736160191"/>
        <n v="257.66784452296821"/>
        <n v="103961.64666245526"/>
        <n v="27174.22201844984"/>
        <n v="27046.983471074382"/>
        <n v="930371.94603643089"/>
        <n v="66194.628975265019"/>
        <n v="8730.9585394581864"/>
        <n v="247349.82332155475"/>
        <n v="123674.91166077738"/>
        <n v="20612.485276796233"/>
        <n v="37268.339222614843"/>
        <n v="576888.88888888888"/>
        <n v="71347.402597402586"/>
        <n v="790356.70028818445"/>
        <n v="252385.32110091741"/>
        <n v="998983"/>
        <n v="233161.52597402598"/>
        <n v="71159.161404674858"/>
        <n v="47010.886053359507"/>
      </sharedItems>
    </cacheField>
    <cacheField name="Polehanger Lane (Hm13)2" numFmtId="0">
      <sharedItems containsBlank="1" containsMixedTypes="1" containsNumber="1" minValue="0" maxValue="11813175" count="198">
        <m/>
        <n v="750"/>
        <s v=""/>
        <n v="1515700"/>
        <n v="81546.900963775333"/>
        <n v="152887.37952808241"/>
        <n v="0"/>
        <n v="59310"/>
        <n v="1053000"/>
        <n v="11813175"/>
        <n v="4850051.1517077051"/>
        <n v="2882401.9062748211"/>
        <n v="1129494.3087404454"/>
        <n v="18652.500830840811"/>
        <n v="44118.126995388433"/>
        <n v="16960.047889322454"/>
        <n v="3188782.5"/>
        <n v="685410"/>
        <n v="43494"/>
        <n v="105440"/>
        <n v="217469.99999999997"/>
        <n v="369040"/>
        <n v="133447.5"/>
        <n v="227750.39999999999"/>
        <n v="597844.80000000005"/>
        <n v="835084.80000000016"/>
        <n v="254190"/>
        <n v="264510"/>
        <n v="271035.95966806461"/>
        <n v="1252254"/>
        <n v="834341"/>
        <n v="543681.4556331007"/>
        <n v="13501.16317713526"/>
        <n v="124711.24741118369"/>
        <n v="180707.87637088736"/>
        <n v="13441.930858690457"/>
        <n v="45553.210132228771"/>
        <n v="40000"/>
        <n v="58248.367054325317"/>
        <n v="55261.271307949661"/>
        <n v="4329.0043290043295"/>
        <n v="15396.692734297108"/>
        <n v="9081.9287485414225"/>
        <n v="3890.5495495495493"/>
        <n v="3283.3127147766327"/>
        <n v="3876.1484098939927"/>
        <n v="370629.1875"/>
        <n v="29939.099368560986"/>
        <n v="248786.40776699028"/>
        <n v="394417.47572815535"/>
        <n v="3331.6632302405501"/>
        <n v="4360.8942065491183"/>
        <n v="2463.4495412844039"/>
        <n v="2541.3211009174315"/>
        <n v="18984"/>
        <n v="350580"/>
        <n v="34245"/>
        <n v="1481063"/>
        <n v="15396.692838152212"/>
        <n v="8282.2165363128497"/>
        <n v="1327.5618374558303"/>
        <n v="5091.5564023671432"/>
        <n v="335428.0565371025"/>
        <n v="58809.555774677443"/>
        <n v="31015.971731448761"/>
        <n v="477270.31802120141"/>
        <n v="2459.7173144876324"/>
        <n v="7043.7102473498235"/>
        <n v="920.53003533568915"/>
        <n v="614.91166077738512"/>
        <n v="21.130742049469966"/>
        <n v="311.44876325088336"/>
        <n v="585.15901060070678"/>
        <n v="5590.2473498233212"/>
        <n v="1177.3144876325089"/>
        <n v="91.342756183745578"/>
        <n v="1210.0706713780919"/>
        <n v="5728.1978798586579"/>
        <n v="1052.8621908127209"/>
        <n v="203.14487632508835"/>
        <n v="130.91872791519435"/>
        <n v="588.65724381625444"/>
        <n v="409.63571770292538"/>
        <n v="8819.9789676984947"/>
        <n v="33896.894869044794"/>
        <n v="880.49801696104078"/>
        <n v="2003.1279729643566"/>
        <n v="1517.339317773788"/>
        <n v="1602.0758237311238"/>
        <n v="1046.0230152610675"/>
        <n v="6447.2079207920797"/>
        <n v="4525.1683168316831"/>
        <n v="5482.3168316831679"/>
        <n v="720.53465346534654"/>
        <n v="15037.217821782178"/>
        <n v="206.76237623762376"/>
        <n v="1451.9787985865723"/>
        <n v="13497.102473498233"/>
        <n v="3859.2932862190814"/>
        <n v="2571.5194346289754"/>
        <n v="89.434628975265014"/>
        <n v="6192.190812720848"/>
        <n v="1765.9717314487632"/>
        <n v="48635.159010600706"/>
        <n v="4.6643109540636045"/>
        <n v="268.33922261484099"/>
        <n v="28.162544169611309"/>
        <n v="4024.9823321554768"/>
        <n v="33808.056537102471"/>
        <n v="6460.5300353356888"/>
        <n v="708.40989399293289"/>
        <n v="42.261484098939931"/>
        <n v="85.865724381625441"/>
        <n v="18500.035335689045"/>
        <n v="7720.2540140399415"/>
        <n v="41909.129484864185"/>
        <n v="26014.031605344771"/>
        <n v="262.04691029518744"/>
        <n v="456.64310954063609"/>
        <n v="9615.2296819787989"/>
        <n v="1895.547703180212"/>
        <n v="40361.590106007068"/>
        <n v="12298.551236749117"/>
        <n v="9100.9187279151956"/>
        <n v="11292.296819787985"/>
        <n v="368.93992932862187"/>
        <n v="63505.229681978803"/>
        <n v="21913.780918727913"/>
        <n v="1362.8621908127209"/>
        <n v="491.9434628975265"/>
        <n v="864.24028268551228"/>
        <n v="279.15194346289752"/>
        <n v="402.50883392226149"/>
        <n v="15429.081272084806"/>
        <n v="737.9151943462897"/>
        <n v="5236.0833693451905"/>
        <n v="56.360424028268547"/>
        <n v="2327.4204946996465"/>
        <n v="100.63604240282686"/>
        <n v="122.96819787985865"/>
        <n v="4606.3604240282684"/>
        <n v="1310.0597956874428"/>
        <n v="4360.0268698105092"/>
        <n v="4045.8871977943168"/>
        <n v="33.318055046456408"/>
        <n v="2793.4793376575772"/>
        <n v="68400.400010381243"/>
        <n v="39.772432586748323"/>
        <n v="121.26350211517996"/>
        <n v="268.26630589461445"/>
        <n v="1168.303886925795"/>
        <n v="15921.024734982333"/>
        <n v="16012.367491166076"/>
        <n v="4203.8515901060073"/>
        <n v="225.51236749116606"/>
        <n v="2421.3427561837457"/>
        <n v="32579.964664310952"/>
        <n v="245.97173144876325"/>
        <n v="70086.289752650177"/>
        <n v="8273.5689045936397"/>
        <n v="12076.819787985865"/>
        <n v="3892.6855123674914"/>
        <n v="22725.689045936397"/>
        <n v="263.07420494699647"/>
        <n v="13684.946996466431"/>
        <n v="38032.166846624517"/>
        <n v="137.34060228452753"/>
        <n v="31305.406360424025"/>
        <n v="15831.590106007068"/>
        <n v="10666.183745583039"/>
        <n v="3890.8127208480569"/>
        <n v="42.93286219081272"/>
        <n v="108087.703180212"/>
        <n v="19342.261484098941"/>
        <n v="27750"/>
        <n v="68424.66431095406"/>
        <n v="8275.4063604240291"/>
        <n v="386.50176678445229"/>
        <n v="421044.66898294381"/>
        <n v="161686.62100977654"/>
        <n v="25042.26165254238"/>
        <n v="129825.52066115703"/>
        <n v="323607.63340397598"/>
        <n v="99291.943462897529"/>
        <n v="72618.162614277375"/>
        <n v="13096.437809187279"/>
        <n v="371024.73498233216"/>
        <n v="185512.36749116608"/>
        <n v="30918.727915194348"/>
        <n v="55902.508833922264"/>
        <n v="269991.33949191688"/>
        <n v="127754.48717948719"/>
        <n v="820314.9924471298"/>
        <n v="523318.32455216022"/>
        <n v="41506.211180124221"/>
        <n v="121903.32326283987"/>
        <n v="106738.74210701229"/>
        <n v="70516.329080039257"/>
      </sharedItems>
    </cacheField>
    <cacheField name="Grovehill Local Centre2" numFmtId="0">
      <sharedItems containsBlank="1" containsMixedTypes="1" containsNumber="1" minValue="0" maxValue="1399908.7436332768" count="171">
        <m/>
        <n v="200"/>
        <s v=""/>
        <n v="144260.78680203046"/>
        <n v="21745.840257006756"/>
        <n v="40769.967874155307"/>
        <n v="5644.9873096446699"/>
        <n v="1399908.7436332768"/>
        <n v="1293346.9737887213"/>
        <n v="768640.50833995233"/>
        <n v="301198.48233078542"/>
        <n v="4974.0002215575496"/>
        <n v="11764.833865436916"/>
        <n v="4522.6794371526548"/>
        <n v="182776"/>
        <n v="43494"/>
        <n v="105440.00000000001"/>
        <n v="184520"/>
        <n v="35586"/>
        <n v="60733.44000000001"/>
        <n v="159425.28"/>
        <n v="222689.28"/>
        <n v="334400"/>
        <n v="0"/>
        <n v="67784"/>
        <n v="70536"/>
        <n v="72276.255911483895"/>
        <n v="333934"/>
        <n v="222491"/>
        <n v="144981.72150216019"/>
        <n v="3600.3101805694032"/>
        <n v="33256.332642982321"/>
        <n v="48188.767032236625"/>
        <n v="3584.5148956507883"/>
        <n v="12147.522701927674"/>
        <n v="7784.8549186128803"/>
        <n v="15532.897881153418"/>
        <n v="14736.339015453243"/>
        <n v="1154.4011544011544"/>
        <n v="4105.7847291458957"/>
        <n v="2162.3639877479582"/>
        <n v="1033.6395759717313"/>
        <n v="7983.759831616263"/>
        <n v="74635.922330097092"/>
        <n v="118325.24271844661"/>
        <n v="307.93119266055049"/>
        <n v="317.66513761467894"/>
        <n v="4105.7847568405896"/>
        <n v="2070.5541340782124"/>
        <n v="354.01648998822145"/>
        <n v="90844.277777777766"/>
        <n v="89447.481743227327"/>
        <n v="7351.1944718346804"/>
        <n v="8270.9257950530027"/>
        <n v="127272.08480565371"/>
        <n v="655.924617196702"/>
        <n v="1878.3227326266197"/>
        <n v="245.47467608951709"/>
        <n v="163.97644287396938"/>
        <n v="5.634864546525324"/>
        <n v="83.053003533568898"/>
        <n v="156.04240282685512"/>
        <n v="1490.7326266195523"/>
        <n v="313.9505300353357"/>
        <n v="24.358068315665488"/>
        <n v="322.68551236749119"/>
        <n v="1527.5194346289754"/>
        <n v="280.76325088339223"/>
        <n v="54.171967020023558"/>
        <n v="34.911660777385158"/>
        <n v="156.97526501766785"/>
        <n v="3081.53589718589"/>
        <n v="220.12450424026019"/>
        <n v="500.78199324108914"/>
        <n v="758.66965888689401"/>
        <n v="801.03791186556191"/>
        <n v="387.19434628975262"/>
        <n v="3599.2273262661952"/>
        <n v="1029.1448763250883"/>
        <n v="685.73851590106005"/>
        <n v="23.849234393404004"/>
        <n v="1651.2508833922261"/>
        <n v="470.92579505300353"/>
        <n v="12969.375736160187"/>
        <n v="1.2438162544169611"/>
        <n v="71.557126030624261"/>
        <n v="7.5100117785630154"/>
        <n v="1073.3286219081272"/>
        <n v="9015.4817432273267"/>
        <n v="1722.8080094228503"/>
        <n v="188.9093050647821"/>
        <n v="11.269729093050648"/>
        <n v="22.897526501766784"/>
        <n v="4933.3427561837452"/>
        <n v="406.32915863368112"/>
        <n v="12572.738845459256"/>
        <n v="52028.063210689543"/>
        <n v="524.09382059037489"/>
        <n v="121.77149587750296"/>
        <n v="2564.0612485276797"/>
        <n v="505.47938751472321"/>
        <n v="10763.090694935217"/>
        <n v="3279.6136631330983"/>
        <n v="2426.9116607773854"/>
        <n v="3011.2791519434631"/>
        <n v="98.383981154299178"/>
        <n v="165218"/>
        <n v="53066.999999999993"/>
        <n v="16934.727915194348"/>
        <n v="5843.6749116607771"/>
        <n v="363.42991755005892"/>
        <n v="131.18492343934039"/>
        <n v="230.46407538280329"/>
        <n v="74.440518256772663"/>
        <n v="107.33568904593641"/>
        <n v="4114.4216725559481"/>
        <n v="196.77738515901061"/>
        <n v="349.07222462301269"/>
        <n v="15.029446407538281"/>
        <n v="620.64546525323908"/>
        <n v="26.836277974087164"/>
        <n v="32.791519434628974"/>
        <n v="1228.3627797408717"/>
        <n v="6218.2181827619306"/>
        <n v="3.6156756897043931"/>
        <n v="11.023954737743633"/>
        <n v="24.387845990419496"/>
        <n v="311.54770318021201"/>
        <n v="4245.6065959952884"/>
        <n v="4269.9646643109536"/>
        <n v="1121.0270906949352"/>
        <n v="60.136631330977622"/>
        <n v="645.69140164899886"/>
        <n v="8687.9905771495869"/>
        <n v="65.592461719670197"/>
        <n v="18689.677267373379"/>
        <n v="2206.2850412249704"/>
        <n v="3220.4852767962307"/>
        <n v="1038.0494699646642"/>
        <n v="6060.1837455830391"/>
        <n v="70.153121319199059"/>
        <n v="3649.3191990577152"/>
        <n v="61436.577213778073"/>
        <n v="412.02180685358263"/>
        <n v="8348.1083627797398"/>
        <n v="4221.7573616018844"/>
        <n v="2844.3156654888103"/>
        <n v="1037.5500588928151"/>
        <n v="11.448763250883392"/>
        <n v="28823.387514723203"/>
        <n v="5157.936395759717"/>
        <n v="7400"/>
        <n v="18246.577149587749"/>
        <n v="2206.7750294464076"/>
        <n v="103.06713780918729"/>
        <n v="20792.329332491056"/>
        <n v="20380.666513837379"/>
        <n v="75126.78495762714"/>
        <n v="107869.21113465866"/>
        <n v="26477.851590106009"/>
        <n v="16137.369469839416"/>
        <n v="3492.3834157832744"/>
        <n v="98939.929328621904"/>
        <n v="49469.964664310952"/>
        <n v="8244.9941107184932"/>
        <n v="14907.335689045936"/>
        <n v="32453.798767967146"/>
        <n v="4127.1676300578038"/>
        <n v="139551.55321390938"/>
        <n v="28463.664561869944"/>
        <n v="18804.354421343804"/>
      </sharedItems>
    </cacheField>
    <cacheField name="Plots 2/3 Kier Park, Maylands Avenue (Hm12)2" numFmtId="0">
      <sharedItems containsBlank="1" containsMixedTypes="1" containsNumber="1" minValue="0" maxValue="1637893.2300509338" count="183">
        <m/>
        <n v="234"/>
        <s v=""/>
        <n v="168785.12055837564"/>
        <n v="25442.633100697905"/>
        <n v="47700.862412761715"/>
        <n v="6604.6351522842642"/>
        <n v="1637893.2300509338"/>
        <n v="1513215.959332804"/>
        <n v="899309.39475774427"/>
        <n v="352402.22432701895"/>
        <n v="5819.5802592223326"/>
        <n v="13764.855622561192"/>
        <n v="5291.5349414686061"/>
        <n v="994900.14"/>
        <n v="213847.92"/>
        <n v="43494"/>
        <n v="105440"/>
        <n v="184520"/>
        <n v="41635.620000000003"/>
        <n v="71058.124799999991"/>
        <n v="186527.57760000002"/>
        <n v="260546.45760000002"/>
        <n v="0"/>
        <n v="79307.28"/>
        <n v="82527.12"/>
        <n v="84563.219416436157"/>
        <n v="390703"/>
        <n v="260314"/>
        <n v="169628.61415752742"/>
        <n v="4212.3629112662011"/>
        <n v="38909.909192289313"/>
        <n v="56380.857427716852"/>
        <n v="4193.8824279114224"/>
        <n v="3613.1386861313867"/>
        <n v="14212.601561255377"/>
        <n v="9108.2802547770698"/>
        <n v="18173.490520949497"/>
        <n v="17241.516648080295"/>
        <n v="1350.6493506493507"/>
        <n v="4803.7681331006979"/>
        <n v="9081.9287485414225"/>
        <n v="2223.171171171171"/>
        <n v="1876.1786941580756"/>
        <n v="1209.3583038869258"/>
        <n v="9340.9990029910277"/>
        <n v="248786.40776699028"/>
        <n v="394417.47572815535"/>
        <n v="1903.8075601374569"/>
        <n v="1395.4861460957179"/>
        <n v="4803.7681655034903"/>
        <n v="414.19929328621907"/>
        <n v="45422.138888888883"/>
        <n v="1491.3483283821381"/>
        <n v="104653.55363957598"/>
        <n v="1076.6051400398619"/>
        <n v="9676.9831802120134"/>
        <n v="148908.33922261483"/>
        <n v="767.43180212014136"/>
        <n v="2197.637597173145"/>
        <n v="287.20537102473503"/>
        <n v="191.85243816254416"/>
        <n v="6.5927915194346296"/>
        <n v="97.172014134275614"/>
        <n v="182.5696113074205"/>
        <n v="1744.1571731448762"/>
        <n v="367.32212014134279"/>
        <n v="28.498939929328621"/>
        <n v="377.54204946996464"/>
        <n v="1787.1977385159012"/>
        <n v="328.49300353356892"/>
        <n v="63.381201413427561"/>
        <n v="40.846643109540636"/>
        <n v="183.6610600706714"/>
        <n v="59.992416322625225"/>
        <n v="1291.7131668940588"/>
        <n v="9026.0090352355601"/>
        <n v="96.71374099343241"/>
        <n v="220.02320984505522"/>
        <n v="333.32854578096948"/>
        <n v="351.94343038486937"/>
        <n v="306.38660401239503"/>
        <n v="453.01738515901059"/>
        <n v="4211.0959717314481"/>
        <n v="1204.0995053003535"/>
        <n v="802.31406360424035"/>
        <n v="27.903604240282686"/>
        <n v="1931.9635335689045"/>
        <n v="550.98318021201408"/>
        <n v="15174.169611307419"/>
        <n v="1.4552650176678446"/>
        <n v="83.721837455830382"/>
        <n v="8.7867137809187277"/>
        <n v="1255.7944876325089"/>
        <n v="10548.113639575971"/>
        <n v="2015.6853710247349"/>
        <n v="221.02388692579504"/>
        <n v="13.185583038869259"/>
        <n v="26.790106007067138"/>
        <n v="5772.0110247349821"/>
        <n v="1011.6387290467851"/>
        <n v="9206.5822209312628"/>
        <n v="26668.847046211569"/>
        <n v="268.64305677859028"/>
        <n v="142.47265017667846"/>
        <n v="2999.9516607773853"/>
        <n v="591.4108833922262"/>
        <n v="12592.816113074205"/>
        <n v="3837.1479858657249"/>
        <n v="2839.4866431095406"/>
        <n v="3523.1966077738516"/>
        <n v="115.10925795053004"/>
        <n v="19813.631660777384"/>
        <n v="6837.0996466431088"/>
        <n v="425.21300353356895"/>
        <n v="153.48636042402828"/>
        <n v="269.64296819787984"/>
        <n v="87.095406360424022"/>
        <n v="125.58275618374559"/>
        <n v="4813.873356890459"/>
        <n v="230.2295406360424"/>
        <n v="1124.6995246434824"/>
        <n v="17.584452296819787"/>
        <n v="726.1551943462897"/>
        <n v="31.398445229681982"/>
        <n v="38.366077738515898"/>
        <n v="1437.1844522968197"/>
        <n v="383.72460834780935"/>
        <n v="1277.0788085486158"/>
        <n v="1185.0653577063445"/>
        <n v="9.7590641783670939"/>
        <n v="818.22735748322634"/>
        <n v="18213.545249279796"/>
        <n v="10.590537489294331"/>
        <n v="32.289844540759383"/>
        <n v="71.433507706491881"/>
        <n v="364.51081272084809"/>
        <n v="4967.3597173144881"/>
        <n v="4995.8586572438162"/>
        <n v="1311.6016961130742"/>
        <n v="70.359858657243819"/>
        <n v="755.45893992932861"/>
        <n v="10164.948975265017"/>
        <n v="76.743180212014138"/>
        <n v="21866.922402826855"/>
        <n v="2581.3534982332158"/>
        <n v="3767.9677738515902"/>
        <n v="1214.5178798586574"/>
        <n v="7090.4149823321559"/>
        <n v="82.079151943462904"/>
        <n v="4269.7034628975271"/>
        <n v="51414.723003357918"/>
        <n v="231.31048805815166"/>
        <n v="9767.2867844522971"/>
        <n v="4939.4561130742049"/>
        <n v="3327.8493286219082"/>
        <n v="1213.9335689045938"/>
        <n v="13.395053003533569"/>
        <n v="33723.363392226151"/>
        <n v="6034.7855830388689"/>
        <n v="8658"/>
        <n v="21348.495265017667"/>
        <n v="2581.9267844522969"/>
        <n v="120.58855123674913"/>
        <n v="1522.5504316698255"/>
        <n v="5173.6733911556676"/>
        <n v="42176.440677966108"/>
        <n v="161927.23685202765"/>
        <n v="30979.086360424029"/>
        <n v="14180.205666861182"/>
        <n v="4086.0885964664312"/>
        <n v="115759.71731448763"/>
        <n v="57879.858657243814"/>
        <n v="9646.6431095406369"/>
        <n v="17441.582756183747"/>
        <n v="216516.42444943817"/>
        <n v="52098.095206611571"/>
        <n v="130840.22598870055"/>
        <n v="44905.454885301617"/>
        <n v="100092.19779099405"/>
        <n v="17435.760928433272"/>
        <n v="33302.487537387839"/>
        <n v="22001.094672972249"/>
      </sharedItems>
    </cacheField>
    <cacheField name="Marchmont Farm (Hm14) 2" numFmtId="0">
      <sharedItems containsBlank="1" containsMixedTypes="1" containsNumber="1" minValue="0" maxValue="2449840.3013582341" count="191">
        <m/>
        <n v="350"/>
        <s v=""/>
        <n v="252456.37690355329"/>
        <n v="38055.220449761822"/>
        <n v="71347.443779771798"/>
        <n v="0"/>
        <n v="9878.7277918781729"/>
        <n v="2449840.3013582341"/>
        <n v="2263357.2041302621"/>
        <n v="1345120.8895949165"/>
        <n v="527097.34407887445"/>
        <n v="8704.5003877257113"/>
        <n v="20588.4592645146"/>
        <n v="7914.6890150171457"/>
        <n v="1488098.5"/>
        <n v="319858"/>
        <n v="43494"/>
        <n v="105440"/>
        <n v="184520.00000000003"/>
        <n v="62275.5"/>
        <n v="106283.52000000002"/>
        <n v="278994.24"/>
        <n v="389706.23999999999"/>
        <n v="585200"/>
        <n v="118622"/>
        <n v="123438"/>
        <n v="126483.44784509682"/>
        <n v="584385"/>
        <n v="389359"/>
        <n v="253718.01262878033"/>
        <n v="6300.5428159964549"/>
        <n v="58198.582125219058"/>
        <n v="84330.342306414095"/>
        <n v="6272.9010673888797"/>
        <n v="21258.164728373427"/>
        <n v="13623.49610757254"/>
        <n v="27182.571292018481"/>
        <n v="25788.593277043175"/>
        <n v="2020.2020202020203"/>
        <n v="7185.1232760053172"/>
        <n v="4324.7279754959163"/>
        <n v="37062.918750000004"/>
        <n v="277.89639639639637"/>
        <n v="1808.86925795053"/>
        <n v="370629.1875"/>
        <n v="13971.57970532846"/>
        <n v="149271.84466019418"/>
        <n v="236650.48543689321"/>
        <n v="615.86238532110099"/>
        <n v="635.33027522935788"/>
        <n v="7185.123324471032"/>
        <n v="2070.5541340782124"/>
        <n v="619.52885747938751"/>
        <n v="136266.41666666666"/>
        <n v="2545.7782011835716"/>
        <n v="156533.09305064782"/>
        <n v="14702.388943669361"/>
        <n v="14474.120141342755"/>
        <n v="222726.148409894"/>
        <n v="1147.8680800942286"/>
        <n v="3287.0647820965842"/>
        <n v="429.58068315665491"/>
        <n v="286.95877502944643"/>
        <n v="9.8610129564193176"/>
        <n v="145.34275618374559"/>
        <n v="273.07420494699647"/>
        <n v="2608.7820965842166"/>
        <n v="549.41342756183747"/>
        <n v="42.626619552414603"/>
        <n v="564.69964664310953"/>
        <n v="2673.159010600707"/>
        <n v="491.33568904593642"/>
        <n v="94.800942285041231"/>
        <n v="61.095406360424036"/>
        <n v="274.70671378091873"/>
        <n v="6163.07179437178"/>
        <n v="220.12450424026019"/>
        <n v="500.78199324108914"/>
        <n v="758.66965888689401"/>
        <n v="801.03791186556191"/>
        <n v="6447.2079207920797"/>
        <n v="4525.1683168316831"/>
        <n v="5482.3168316831679"/>
        <n v="720.53465346534654"/>
        <n v="15037.217821782178"/>
        <n v="206.76237623762376"/>
        <n v="677.59010600706711"/>
        <n v="6298.6478209658417"/>
        <n v="1801.0035335689047"/>
        <n v="1200.0424028268551"/>
        <n v="41.736160188457006"/>
        <n v="2889.6890459363958"/>
        <n v="824.12014134275614"/>
        <n v="22696.407538280331"/>
        <n v="2.1766784452296819"/>
        <n v="125.22497055359246"/>
        <n v="13.142520612485276"/>
        <n v="1878.3250883392225"/>
        <n v="15777.093050647822"/>
        <n v="3014.9140164899882"/>
        <n v="330.59128386336869"/>
        <n v="19.722025912838635"/>
        <n v="40.070671378091873"/>
        <n v="8633.3498233215541"/>
        <n v="31431.847113648138"/>
        <n v="95384.782552930832"/>
        <n v="960.83867108235404"/>
        <n v="213.10011778563018"/>
        <n v="4487.1071849234395"/>
        <n v="884.58892815076558"/>
        <n v="18835.408716136633"/>
        <n v="5739.3239104829217"/>
        <n v="4247.095406360424"/>
        <n v="5269.7385159010601"/>
        <n v="172.17196702002354"/>
        <n v="874.34579439252332"/>
        <n v="38087.261682242992"/>
        <n v="61063.813084112153"/>
        <n v="29635.773851590107"/>
        <n v="10226.43109540636"/>
        <n v="636.00235571260305"/>
        <n v="229.57361601884571"/>
        <n v="403.31213191990577"/>
        <n v="130.27090694935217"/>
        <n v="187.83745583038871"/>
        <n v="7200.237926972909"/>
        <n v="344.36042402826854"/>
        <n v="698.14444924602537"/>
        <n v="26.301531213191989"/>
        <n v="1086.1295641931683"/>
        <n v="46.963486454652539"/>
        <n v="57.385159010600702"/>
        <n v="2149.6348645465255"/>
        <n v="655.02989784372141"/>
        <n v="2180.0134349052546"/>
        <n v="2022.9435988971584"/>
        <n v="16.659027523228204"/>
        <n v="1396.7396688287886"/>
        <n v="15545.545456904827"/>
        <n v="9.0391892242609835"/>
        <n v="27.559886844359081"/>
        <n v="536.53261178922889"/>
        <n v="545.20848056537102"/>
        <n v="7429.8115429917552"/>
        <n v="7472.4381625441692"/>
        <n v="1961.7974087161367"/>
        <n v="105.23910482921083"/>
        <n v="1129.959952885748"/>
        <n v="15203.983510011778"/>
        <n v="114.78680800942286"/>
        <n v="32706.935217903418"/>
        <n v="3860.9988221436984"/>
        <n v="5635.849234393404"/>
        <n v="1816.5865724381626"/>
        <n v="10605.321554770318"/>
        <n v="122.76796230859836"/>
        <n v="6386.3085983510018"/>
        <n v="81915.436285037431"/>
        <n v="480.69210799584641"/>
        <n v="14609.189634864546"/>
        <n v="7388.0753828032985"/>
        <n v="4977.5524146054177"/>
        <n v="1815.7126030624265"/>
        <n v="20.035335689045937"/>
        <n v="50440.928150765605"/>
        <n v="9026.388692579505"/>
        <n v="12950"/>
        <n v="31931.510011778562"/>
        <n v="3861.8563015312134"/>
        <n v="180.36749116607774"/>
        <n v="83169.317329964222"/>
        <n v="43478.755229519746"/>
        <n v="87647.915783898308"/>
        <n v="7176.3084112149527"/>
        <n v="107869.21113465866"/>
        <n v="46336.24028268551"/>
        <n v="52446.450776978112"/>
        <n v="6111.6709776207299"/>
        <n v="173144.87632508835"/>
        <n v="86572.438162544175"/>
        <n v="14428.739693757363"/>
        <n v="134473"/>
        <n v="26087.837455830388"/>
        <n v="125995.9584295612"/>
        <n v="56794.147843942505"/>
        <n v="14398.414985590778"/>
        <n v="7222.5433526011566"/>
        <n v="244215.21812434142"/>
        <n v="49811.412983272407"/>
        <n v="32907.620237351657"/>
      </sharedItems>
    </cacheField>
    <cacheField name="Old Town (Hm15) (Hm15)" numFmtId="0">
      <sharedItems containsBlank="1" containsMixedTypes="1" containsNumber="1" minValue="0" maxValue="629958.93463497458" count="171">
        <m/>
        <n v="90"/>
        <s v=""/>
        <n v="64917.354060913705"/>
        <n v="9785.6281156530404"/>
        <n v="18346.48554336989"/>
        <n v="2540.2442893401017"/>
        <n v="629958.93463497458"/>
        <n v="582006.13820492465"/>
        <n v="345888.22875297855"/>
        <n v="135539.31704885344"/>
        <n v="2238.3000997008971"/>
        <n v="5294.1752394466121"/>
        <n v="2035.2057467186944"/>
        <n v="382653.9"/>
        <n v="82249.2"/>
        <n v="43494"/>
        <n v="105440.00000000001"/>
        <n v="16013.7"/>
        <n v="27330.047999999999"/>
        <n v="71741.376000000004"/>
        <n v="100210.17600000001"/>
        <n v="0"/>
        <n v="30502.800000000003"/>
        <n v="31741.200000000001"/>
        <n v="32524.315160167753"/>
        <n v="150271"/>
        <n v="100121"/>
        <n v="65241.774675972083"/>
        <n v="1620.1395812562314"/>
        <n v="14965.349689342043"/>
        <n v="21684.94516450648"/>
        <n v="1613.0317030428548"/>
        <n v="5466.3852158674526"/>
        <n v="3503.1847133757965"/>
        <n v="6989.8040465190379"/>
        <n v="6631.3525569539588"/>
        <n v="519.48051948051955"/>
        <n v="1847.6031281156529"/>
        <n v="1297.4183926487749"/>
        <n v="465.13780918727917"/>
        <n v="3592.6919242273184"/>
        <n v="62196.601941747569"/>
        <n v="98604.368932038837"/>
        <n v="102.64373088685015"/>
        <n v="105.88837920489297"/>
        <n v="1847.6031405782653"/>
        <n v="159.30742049469964"/>
        <n v="22711.069444444442"/>
        <n v="40251.366784452301"/>
        <n v="2450.3981572782272"/>
        <n v="3721.9166077738514"/>
        <n v="57272.438162544167"/>
        <n v="295.16607773851592"/>
        <n v="845.2452296819788"/>
        <n v="110.46360424028269"/>
        <n v="73.789399293286223"/>
        <n v="2.5356890459363957"/>
        <n v="37.373851590106007"/>
        <n v="70.219081272084807"/>
        <n v="670.82968197879859"/>
        <n v="141.27773851590106"/>
        <n v="10.96113074204947"/>
        <n v="145.20848056537102"/>
        <n v="687.38374558303894"/>
        <n v="126.34346289752651"/>
        <n v="24.377385159010601"/>
        <n v="15.710247349823323"/>
        <n v="70.638869257950532"/>
        <n v="3081.53589718589"/>
        <n v="174.23745583038868"/>
        <n v="1619.6522968197878"/>
        <n v="463.11519434628974"/>
        <n v="308.58233215547705"/>
        <n v="10.732155477031801"/>
        <n v="743.06289752650173"/>
        <n v="211.91660777385158"/>
        <n v="5836.2190812720846"/>
        <n v="0.55971731448763251"/>
        <n v="32.200706713780917"/>
        <n v="3.3795053003533568"/>
        <n v="482.99787985865726"/>
        <n v="4056.9667844522969"/>
        <n v="775.26360424028258"/>
        <n v="85.009187279151945"/>
        <n v="5.0713780918727913"/>
        <n v="10.303886925795053"/>
        <n v="2220.0042402826853"/>
        <n v="1218.9874759010436"/>
        <n v="4190.9129484864188"/>
        <n v="43356.719342241289"/>
        <n v="436.74485049197909"/>
        <n v="54.797173144876332"/>
        <n v="1153.827561837456"/>
        <n v="227.46572438162545"/>
        <n v="4843.3908127208479"/>
        <n v="1475.8261484098941"/>
        <n v="1092.1102473498233"/>
        <n v="1355.0756183745584"/>
        <n v="44.272791519434627"/>
        <n v="7620.6275618374557"/>
        <n v="2629.6537102473499"/>
        <n v="163.54346289752652"/>
        <n v="59.033215547703186"/>
        <n v="103.70883392226148"/>
        <n v="33.4982332155477"/>
        <n v="48.301060070671383"/>
        <n v="1851.4897526501766"/>
        <n v="88.549823321554769"/>
        <n v="2443.5055723610885"/>
        <n v="6.7632508833922262"/>
        <n v="279.29045936395761"/>
        <n v="12.076325088339225"/>
        <n v="14.756183745583039"/>
        <n v="552.76325088339217"/>
        <n v="6218.2181827619306"/>
        <n v="3.6156756897043931"/>
        <n v="11.023954737743633"/>
        <n v="24.387845990419496"/>
        <n v="140.19646643109542"/>
        <n v="1910.5229681978799"/>
        <n v="1921.4840989399293"/>
        <n v="504.46219081272085"/>
        <n v="27.061484098939928"/>
        <n v="290.5611307420495"/>
        <n v="3909.5957597173142"/>
        <n v="29.516607773851593"/>
        <n v="8410.3547703180211"/>
        <n v="992.82826855123676"/>
        <n v="1449.2183745583038"/>
        <n v="467.12226148409894"/>
        <n v="2727.0826855123678"/>
        <n v="31.56890459363958"/>
        <n v="1642.1936395759719"/>
        <n v="26329.961663047743"/>
        <n v="3756.6487632508833"/>
        <n v="1899.7908127208482"/>
        <n v="1279.9420494699646"/>
        <n v="466.89752650176683"/>
        <n v="5.1519434628975267"/>
        <n v="12970.524381625441"/>
        <n v="2321.0713780918727"/>
        <n v="3330"/>
        <n v="8210.9597173144884"/>
        <n v="993.04876325088344"/>
        <n v="46.38021201413428"/>
        <n v="5198.0823331227639"/>
        <n v="1358.7111009224921"/>
        <n v="13483.651391832333"/>
        <n v="11915.033215547703"/>
        <n v="8068.6847349197078"/>
        <n v="1571.5725371024735"/>
        <n v="44522.968197879854"/>
        <n v="22261.484098939927"/>
        <n v="3710.2473498233217"/>
        <n v="6708.3010600706712"/>
        <n v="83275.547865168526"/>
        <n v="20037.728925619835"/>
        <n v="32398.960739030023"/>
        <n v="14604.209445585217"/>
        <n v="3702.4495677233426"/>
        <n v="15330.538461538463"/>
        <n v="20361.375"/>
        <n v="36311.516129032258"/>
        <n v="98437.799093655587"/>
        <n v="62798.198946259225"/>
        <n v="1658.9861751152073"/>
        <n v="14628.398791540785"/>
        <n v="2564.3094339622639"/>
        <n v="12808.649052841474"/>
        <n v="8461.9594896047111"/>
      </sharedItems>
    </cacheField>
    <cacheField name="Site to the south of Green Lane (Hm16)2" numFmtId="0">
      <sharedItems containsBlank="1" containsMixedTypes="1" containsNumber="1" minValue="0" maxValue="850342" count="161">
        <m/>
        <n v="80"/>
        <s v=""/>
        <n v="57704.314720812181"/>
        <n v="8698.336102802703"/>
        <n v="16307.987149662124"/>
        <n v="2257.9949238578679"/>
        <n v="559963.49745331076"/>
        <n v="517338.78951548855"/>
        <n v="307456.20333598094"/>
        <n v="120479.39293231416"/>
        <n v="1989.6000886230197"/>
        <n v="4705.933546174766"/>
        <n v="1809.0717748610618"/>
        <n v="340136.8"/>
        <n v="850342"/>
        <n v="73110.399999999994"/>
        <n v="43494"/>
        <n v="105440"/>
        <n v="14234.400000000001"/>
        <n v="24293.375999999997"/>
        <n v="63770.112000000001"/>
        <n v="89075.712"/>
        <n v="0"/>
        <n v="27113.600000000002"/>
        <n v="28214.400000000001"/>
        <n v="28910.502364593558"/>
        <n v="133574"/>
        <n v="88996"/>
        <n v="57992.688600864072"/>
        <n v="1440.1240722277612"/>
        <n v="13302.533057192926"/>
        <n v="19275.506812894651"/>
        <n v="1433.8059582603155"/>
        <n v="4859.0090807710694"/>
        <n v="3113.9419674451524"/>
        <n v="6213.1591524613668"/>
        <n v="5894.5356061812972"/>
        <n v="461.76046176046179"/>
        <n v="1642.3138916583582"/>
        <n v="555.79279279279274"/>
        <n v="469.0446735395189"/>
        <n v="413.45583038869256"/>
        <n v="3193.5039326465048"/>
        <n v="99514.563106796108"/>
        <n v="157766.99029126213"/>
        <n v="475.95189003436423"/>
        <n v="348.87153652392948"/>
        <n v="410.5749235474006"/>
        <n v="423.55351681957188"/>
        <n v="1642.3139027362358"/>
        <n v="141.60659599528859"/>
        <n v="35778.992697290931"/>
        <n v="9801.592629112909"/>
        <n v="3308.3703180212015"/>
        <n v="50908.833922261481"/>
        <n v="262.36984687868079"/>
        <n v="751.32909305064788"/>
        <n v="98.189870435806839"/>
        <n v="65.590577149587745"/>
        <n v="2.2539458186101298"/>
        <n v="33.221201413427565"/>
        <n v="62.416961130742052"/>
        <n v="596.29305064782091"/>
        <n v="125.58021201413428"/>
        <n v="9.7432273262661955"/>
        <n v="129.07420494699647"/>
        <n v="611.00777385159017"/>
        <n v="112.3053003533569"/>
        <n v="21.668786808009422"/>
        <n v="13.964664310954065"/>
        <n v="62.790106007067138"/>
        <n v="1540.767948592945"/>
        <n v="154.87773851590106"/>
        <n v="1439.6909305064783"/>
        <n v="411.65795053003535"/>
        <n v="274.29540636042407"/>
        <n v="9.5396937573616007"/>
        <n v="660.5003533568904"/>
        <n v="188.3703180212014"/>
        <n v="5187.7502944640755"/>
        <n v="0.49752650176678448"/>
        <n v="28.622850412249704"/>
        <n v="3.004004711425206"/>
        <n v="429.33144876325088"/>
        <n v="3606.1926972909305"/>
        <n v="689.1232037691401"/>
        <n v="75.563722025912838"/>
        <n v="4.5078916372202595"/>
        <n v="9.1590106007067149"/>
        <n v="1973.3371024734981"/>
        <n v="406.32915863368112"/>
        <n v="8671.3438684482571"/>
        <n v="87.348970098395824"/>
        <n v="48.708598351001186"/>
        <n v="1025.6244994110718"/>
        <n v="202.19175500588929"/>
        <n v="4305.236277974087"/>
        <n v="1311.8454652532391"/>
        <n v="970.76466431095412"/>
        <n v="1204.5116607773853"/>
        <n v="39.353592461719671"/>
        <n v="6773.8911660777385"/>
        <n v="2337.4699646643107"/>
        <n v="145.37196702002356"/>
        <n v="52.473969375736161"/>
        <n v="92.185630153121309"/>
        <n v="29.776207302709068"/>
        <n v="42.934275618374556"/>
        <n v="1645.7686690223793"/>
        <n v="78.710954063604234"/>
        <n v="6.0117785630153122"/>
        <n v="248.25818610129562"/>
        <n v="10.734511189634866"/>
        <n v="13.116607773851589"/>
        <n v="491.34511189634861"/>
        <n v="3109.1090913809653"/>
        <n v="1.8078378448521966"/>
        <n v="5.5119773688718166"/>
        <n v="12.193922995209748"/>
        <n v="124.61908127208481"/>
        <n v="1698.2426383981156"/>
        <n v="1707.9858657243815"/>
        <n v="448.41083627797411"/>
        <n v="24.054652532391046"/>
        <n v="258.27656065959951"/>
        <n v="3475.1962308598349"/>
        <n v="26.23698468786808"/>
        <n v="7475.8709069493525"/>
        <n v="882.51401648998819"/>
        <n v="1288.1941107184923"/>
        <n v="415.21978798586576"/>
        <n v="2424.0734982332156"/>
        <n v="28.061248527679624"/>
        <n v="1459.727679623086"/>
        <n v="2925.551295894194"/>
        <n v="3339.2433451118959"/>
        <n v="1688.7029446407539"/>
        <n v="1137.7262661955242"/>
        <n v="415.02002355712602"/>
        <n v="4.5795053003533575"/>
        <n v="11529.355005889282"/>
        <n v="2063.1745583038869"/>
        <n v="2960"/>
        <n v="7298.6308598351006"/>
        <n v="882.71001177856306"/>
        <n v="41.226855123674909"/>
        <n v="40450.954175496998"/>
        <n v="10591.140636042403"/>
        <n v="1396.9533663133097"/>
        <n v="39575.971731448764"/>
        <n v="19787.985865724382"/>
        <n v="3297.9976442873972"/>
        <n v="5962.9342756183742"/>
        <n v="74022.709213483147"/>
        <n v="17811.314600550962"/>
        <n v="44731.701192718137"/>
        <n v="15352.292268479185"/>
        <n v="34219.554800339843"/>
        <n v="11385.465824747978"/>
        <n v="7521.7417685375212"/>
      </sharedItems>
    </cacheField>
    <cacheField name="Hemel Hempstead Windfall2" numFmtId="0">
      <sharedItems containsBlank="1" containsMixedTypes="1" containsNumber="1" minValue="0" maxValue="16658914.049235994" count="135">
        <m/>
        <n v="2380"/>
        <s v=""/>
        <n v="1716703.3629441625"/>
        <n v="258775.4990583804"/>
        <n v="485162.61770244822"/>
        <n v="67175.348984771568"/>
        <n v="16658914.049235994"/>
        <n v="15390828.988085784"/>
        <n v="9146822.049245432"/>
        <n v="3584261.9397363462"/>
        <n v="59190.602636534837"/>
        <n v="140001.52299869931"/>
        <n v="53819.885302116585"/>
        <n v="10119069.800000001"/>
        <n v="2175034.4"/>
        <n v="423473.4"/>
        <n v="722727.93599999987"/>
        <n v="1897160.8319999999"/>
        <n v="2650002.432"/>
        <n v="3979360"/>
        <n v="0"/>
        <n v="806629.60000000009"/>
        <n v="839378.4"/>
        <n v="860087.44534665835"/>
        <n v="3973820"/>
        <n v="2647641"/>
        <n v="1725282.4858757062"/>
        <n v="42843.691148775899"/>
        <n v="395750.35845148959"/>
        <n v="573446.32768361585"/>
        <n v="42655.727258244384"/>
        <n v="144555.52015293931"/>
        <n v="92639.77353149328"/>
        <n v="184841.48478572565"/>
        <n v="175362.43428389358"/>
        <n v="13737.373737373739"/>
        <n v="48858.838276836155"/>
        <n v="12300.310954063603"/>
        <n v="95006.741996233526"/>
        <n v="48858.83860640302"/>
        <n v="4212.7962308598353"/>
        <n v="1064425.0327444053"/>
        <n v="98424.016961130736"/>
        <n v="1514537.8091872791"/>
        <n v="7805.5029446407543"/>
        <n v="22352.040518256774"/>
        <n v="2921.1486454652536"/>
        <n v="1951.3196702002356"/>
        <n v="67.054888103651351"/>
        <n v="988.3307420494699"/>
        <n v="1856.904593639576"/>
        <n v="17739.718256772674"/>
        <n v="3736.0113074204951"/>
        <n v="289.8610129564193"/>
        <n v="3839.9575971731447"/>
        <n v="18177.481272084806"/>
        <n v="3341.0826855123678"/>
        <n v="644.6464075382803"/>
        <n v="415.44876325088342"/>
        <n v="1868.0056537102475"/>
        <n v="4607.6127208480566"/>
        <n v="42830.805182567725"/>
        <n v="12246.824028268551"/>
        <n v="8160.2883392226149"/>
        <n v="283.80588928150763"/>
        <n v="19649.885512367491"/>
        <n v="5604.0169611307419"/>
        <n v="154335.57126030623"/>
        <n v="14.801413427561837"/>
        <n v="851.52979976442873"/>
        <n v="89.369140164899875"/>
        <n v="12772.610600706714"/>
        <n v="107284.23274440518"/>
        <n v="20501.415312131918"/>
        <n v="2248.0207302709068"/>
        <n v="134.1097762073027"/>
        <n v="272.48056537102474"/>
        <n v="58706.778798586573"/>
        <n v="1449.0808009422851"/>
        <n v="30512.328857479388"/>
        <n v="6015.2047114252064"/>
        <n v="128080.7792697291"/>
        <n v="39027.40259128387"/>
        <n v="28880.248763250886"/>
        <n v="35834.221908127212"/>
        <n v="1170.7693757361601"/>
        <n v="201523.26219081273"/>
        <n v="69539.731448763254"/>
        <n v="4324.8160188457014"/>
        <n v="1561.1005889281507"/>
        <n v="2742.5224970553591"/>
        <n v="885.84216725559475"/>
        <n v="1277.2946996466433"/>
        <n v="48961.617903415783"/>
        <n v="2341.6508833922262"/>
        <n v="178.85041224970553"/>
        <n v="7385.6810365135452"/>
        <n v="319.35170789163726"/>
        <n v="390.21908127208479"/>
        <n v="14617.517078916371"/>
        <n v="3707.4176678445233"/>
        <n v="50522.718492343934"/>
        <n v="50812.579505300353"/>
        <n v="13340.22237926973"/>
        <n v="715.62591283863367"/>
        <n v="7683.7276796230863"/>
        <n v="103387.08786808008"/>
        <n v="780.55029446407536"/>
        <n v="222407.15948174323"/>
        <n v="26254.791990577149"/>
        <n v="38323.774793875149"/>
        <n v="12352.788692579506"/>
        <n v="72116.186572438164"/>
        <n v="834.82214369846884"/>
        <n v="43426.898468786814"/>
        <n v="99342.48951707891"/>
        <n v="50238.912603062425"/>
        <n v="33847.356419316842"/>
        <n v="12346.8457008245"/>
        <n v="136.24028268551237"/>
        <n v="342998.31142520614"/>
        <n v="61379.44310954064"/>
        <n v="88060"/>
        <n v="217134.26808009422"/>
        <n v="26260.622850412252"/>
        <n v="1226.4989399293286"/>
        <n v="315086.43392226147"/>
        <n v="41559.362647820963"/>
        <n v="1177385.1590106008"/>
        <n v="588692.57950530038"/>
        <n v="98115.429917550064"/>
        <n v="177397.29469964665"/>
        <n v="338717.60828625236"/>
        <n v="223771.81761399124"/>
      </sharedItems>
    </cacheField>
    <cacheField name="South of Berkhamsted2" numFmtId="0">
      <sharedItems containsBlank="1" containsMixedTypes="1" containsNumber="1" minValue="775" maxValue="280070.49165700009"/>
    </cacheField>
    <cacheField name="Haslam Playing Fields2" numFmtId="0">
      <sharedItems containsBlank="1" containsMixedTypes="1" containsNumber="1" minValue="100" maxValue="36138.127955741948"/>
    </cacheField>
    <cacheField name="British Film Institute 2" numFmtId="0">
      <sharedItems containsBlank="1" containsMixedTypes="1" containsNumber="1" minValue="100" maxValue="36138.127955741948"/>
    </cacheField>
    <cacheField name="Berkhamsted Windfall2" numFmtId="0">
      <sharedItems containsBlank="1" containsMixedTypes="1" containsNumber="1" minValue="302" maxValue="109137.14642634068"/>
    </cacheField>
    <cacheField name="Dunsley Farm2" numFmtId="0">
      <sharedItems containsBlank="1" containsMixedTypes="1" containsNumber="1" minValue="250" maxValue="90345.319889354869"/>
    </cacheField>
    <cacheField name="New Mill2" numFmtId="0">
      <sharedItems containsBlank="1" containsMixedTypes="1" containsNumber="1" minValue="400" maxValue="144552.51182296779"/>
    </cacheField>
    <cacheField name="Land East of Tring2" numFmtId="0">
      <sharedItems containsBlank="1" containsMixedTypes="1" containsNumber="1" minValue="1400" maxValue="505933.79138038727"/>
    </cacheField>
    <cacheField name="Tring Windfall2" numFmtId="0">
      <sharedItems containsBlank="1" containsMixedTypes="1" containsNumber="1" minValue="201" maxValue="72637.637191041315"/>
    </cacheField>
    <cacheField name="Grange Farm2" numFmtId="0">
      <sharedItems containsBlank="1" containsMixedTypes="1" containsNumber="1" minValue="217" maxValue="78419.737663960026"/>
    </cacheField>
    <cacheField name="Bovingdon Windfall2" numFmtId="0">
      <sharedItems containsBlank="1" containsMixedTypes="1" containsNumber="1" minValue="31" maxValue="11202.819666280004"/>
    </cacheField>
    <cacheField name="Kings Langley Windfall2" numFmtId="0">
      <sharedItems containsBlank="1" containsMixedTypes="1" containsNumber="1" minValue="67" maxValue="24212.545730347105"/>
    </cacheField>
    <cacheField name="South of London Road2" numFmtId="0">
      <sharedItems containsBlank="1" containsMixedTypes="1" containsNumber="1" minValue="150" maxValue="54207.191933612921"/>
    </cacheField>
    <cacheField name="Markyate Windfall2" numFmtId="0">
      <sharedItems containsBlank="1" containsMixedTypes="1" containsNumber="1" minValue="31" maxValue="11202.819666280004"/>
    </cacheField>
    <cacheField name="Rest of Borough Windfall2" numFmtId="0">
      <sharedItems containsBlank="1" containsMixedTypes="1" containsNumber="1" minValue="336" maxValue="121424.10993129294"/>
    </cacheField>
    <cacheField name="North St Albans2" numFmtId="0">
      <sharedItems containsBlank="1" containsMixedTypes="1" containsNumber="1" minValue="1097" maxValue="184180.99918099918"/>
    </cacheField>
    <cacheField name="North East Harpenden2" numFmtId="0">
      <sharedItems containsBlank="1" containsMixedTypes="1" containsNumber="1" containsInteger="1" minValue="738" maxValue="738"/>
    </cacheField>
    <cacheField name="West Redbourn2" numFmtId="0">
      <sharedItems containsBlank="1" containsMixedTypes="1" containsNumber="1" minValue="545" maxValue="206875.5706447188"/>
    </cacheField>
    <cacheField name="East St Albans2" numFmtId="0">
      <sharedItems containsBlank="1" containsMixedTypes="1" containsNumber="1" containsInteger="1" minValue="472" maxValue="472"/>
    </cacheField>
    <cacheField name="Glinwell, Hatfield Road, St Albans2" numFmtId="0">
      <sharedItems containsBlank="1" containsMixedTypes="1" containsNumber="1" containsInteger="1" minValue="484" maxValue="484"/>
    </cacheField>
    <cacheField name="West of London Colney2" numFmtId="0">
      <sharedItems containsBlank="1" containsMixedTypes="1" containsNumber="1" containsInteger="1" minValue="324" maxValue="324"/>
    </cacheField>
    <cacheField name="North West Harpenden2" numFmtId="0">
      <sharedItems containsBlank="1" containsMixedTypes="1" containsNumber="1" containsInteger="1" minValue="293" maxValue="293"/>
    </cacheField>
    <cacheField name="Harper Lane, north of Radlett2" numFmtId="0">
      <sharedItems containsBlank="1" containsMixedTypes="1" containsNumber="1" containsInteger="1" minValue="274" maxValue="274"/>
    </cacheField>
    <cacheField name="North Hemel Hempstead (H1)2" numFmtId="0">
      <sharedItems containsBlank="1" containsMixedTypes="1" containsNumber="1" minValue="0" maxValue="17719763" count="182">
        <m/>
        <n v="1500"/>
        <n v="1500000"/>
        <s v=""/>
        <n v="163093.80192755067"/>
        <n v="305774.75905616482"/>
        <n v="0"/>
        <n v="1053000"/>
        <n v="20001.571428571428"/>
        <n v="17719763"/>
        <n v="13322649.545454545"/>
        <n v="2258988.6174808908"/>
        <n v="37305.001661681621"/>
        <n v="5846560"/>
        <n v="702954.54545454541"/>
        <n v="1242915"/>
        <n v="202500"/>
        <n v="345600"/>
        <n v="907200"/>
        <n v="1267200"/>
        <n v="2508000"/>
        <n v="508380"/>
        <n v="529020"/>
        <n v="542071.91933612921"/>
        <n v="3071524"/>
        <n v="1676359"/>
        <n v="1087362.9112662014"/>
        <n v="27002.326354270521"/>
        <n v="361415.75274177472"/>
        <n v="23161.145423919148"/>
        <n v="30793.385468594217"/>
        <n v="277.89639639639637"/>
        <n v="234.52233676975945"/>
        <n v="12188.333333333332"/>
        <n v="7752.2968197879854"/>
        <n v="370629.1875"/>
        <n v="59878.198737121973"/>
        <n v="1231492.7184466019"/>
        <n v="1952366.504854369"/>
        <n v="237.97594501718211"/>
        <n v="174.43576826196474"/>
        <n v="56953.384615384617"/>
        <n v="16570.16129032258"/>
        <n v="30793.385676304424"/>
        <n v="4141.1082681564249"/>
        <n v="2655.1236749116606"/>
        <n v="1106929.3548387098"/>
        <n v="181688.55555555553"/>
        <n v="5091.5564023671432"/>
        <n v="670856.113074205"/>
        <n v="62031.943462897521"/>
        <n v="954540.63604240282"/>
        <n v="4919.4346289752648"/>
        <n v="14087.420494699647"/>
        <n v="1841.0600706713783"/>
        <n v="1229.8233215547702"/>
        <n v="42.261484098939931"/>
        <n v="622.89752650176672"/>
        <n v="1170.3180212014136"/>
        <n v="11180.494699646642"/>
        <n v="2354.6289752650177"/>
        <n v="182.68551236749116"/>
        <n v="2420.1413427561838"/>
        <n v="11456.395759717316"/>
        <n v="2105.7243816254418"/>
        <n v="406.28975265017669"/>
        <n v="261.83745583038871"/>
        <n v="1177.3144876325089"/>
        <n v="409.63571770292538"/>
        <n v="8819.9789676984947"/>
        <n v="4622.3038457788352"/>
        <n v="440.24900848052039"/>
        <n v="1001.5639864821783"/>
        <n v="758.66965888689401"/>
        <n v="801.03791186556191"/>
        <n v="1046.0230152610675"/>
        <n v="2903.9575971731447"/>
        <n v="26994.204946996466"/>
        <n v="7718.5865724381629"/>
        <n v="5143.0388692579509"/>
        <n v="178.86925795053003"/>
        <n v="12384.381625441696"/>
        <n v="3531.9434628975264"/>
        <n v="97270.318021201412"/>
        <n v="9.328621908127209"/>
        <n v="536.67844522968198"/>
        <n v="56.325088339222617"/>
        <n v="8049.9646643109536"/>
        <n v="67616.113074204943"/>
        <n v="12921.060070671378"/>
        <n v="1416.8197879858658"/>
        <n v="84.522968197879862"/>
        <n v="171.73144876325088"/>
        <n v="37000.070671378089"/>
        <n v="34944.307642496577"/>
        <n v="111059.19313489008"/>
        <n v="17342.687736896514"/>
        <n v="174.69794019679165"/>
        <n v="913.28621908127218"/>
        <n v="19230.459363957598"/>
        <n v="3791.095406360424"/>
        <n v="80723.180212014136"/>
        <n v="24597.102473498235"/>
        <n v="18201.837455830391"/>
        <n v="22584.593639575971"/>
        <n v="737.87985865724374"/>
        <n v="127010.45936395761"/>
        <n v="43827.561837455825"/>
        <n v="2725.7243816254418"/>
        <n v="983.886925795053"/>
        <n v="1728.4805653710246"/>
        <n v="558.30388692579504"/>
        <n v="805.01766784452298"/>
        <n v="30858.162544169612"/>
        <n v="1475.8303886925794"/>
        <n v="4188.866695476152"/>
        <n v="112.72084805653709"/>
        <n v="4654.840989399293"/>
        <n v="201.27208480565372"/>
        <n v="245.9363957597173"/>
        <n v="9212.7208480565369"/>
        <n v="1310.0597956874428"/>
        <n v="4360.0268698105092"/>
        <n v="4045.8871977943168"/>
        <n v="33.318055046456408"/>
        <n v="2793.4793376575772"/>
        <n v="9327.3272741428955"/>
        <n v="5.4235135345565899"/>
        <n v="16.535932106615448"/>
        <n v="36.581768985629246"/>
        <n v="2336.6077738515901"/>
        <n v="31842.049469964666"/>
        <n v="32024.734982332153"/>
        <n v="8407.7031802120146"/>
        <n v="451.02473498233212"/>
        <n v="4842.6855123674914"/>
        <n v="65159.929328621904"/>
        <n v="491.9434628975265"/>
        <n v="140172.57950530035"/>
        <n v="16547.137809187279"/>
        <n v="24153.639575971731"/>
        <n v="7785.3710247349827"/>
        <n v="45451.378091872793"/>
        <n v="526.14840989399295"/>
        <n v="27369.893992932863"/>
        <n v="61436.577213778073"/>
        <n v="34.335150571131884"/>
        <n v="62610.812720848051"/>
        <n v="31663.180212014136"/>
        <n v="21332.367491166078"/>
        <n v="7781.6254416961137"/>
        <n v="85.865724381625441"/>
        <n v="216175.40636042401"/>
        <n v="38684.522968197882"/>
        <n v="55500"/>
        <n v="79780.384615384624"/>
        <n v="136849.32862190812"/>
        <n v="16550.812720848058"/>
        <n v="773.00353356890457"/>
        <n v="25990.411665613814"/>
        <n v="43478.755229519746"/>
        <n v="6260.565413135595"/>
        <n v="109695"/>
        <n v="148320.16531015566"/>
        <n v="198583.88692579506"/>
        <n v="301025.32258064515"/>
        <n v="419571.6062158249"/>
        <n v="26192.875618374557"/>
        <n v="742049.46996466431"/>
        <n v="371024.73498233216"/>
        <n v="61837.455830388695"/>
        <n v="111805.01766784453"/>
        <n v="68181.818181818177"/>
        <n v="251842.75184275187"/>
        <n v="569382.30452674895"/>
        <n v="1862727.2727272727"/>
        <n v="416169.5"/>
        <n v="243403.49075975359"/>
        <n v="30953.757225433528"/>
        <n v="1046636.6491043204"/>
        <n v="213477.48421402459"/>
        <n v="141032.65816007851"/>
      </sharedItems>
    </cacheField>
    <cacheField name="East Hemel Hempstead (North) (H2)2" numFmtId="0">
      <sharedItems containsBlank="1" containsMixedTypes="1" containsNumber="1" minValue="0" maxValue="17719763" count="185">
        <m/>
        <n v="1600"/>
        <n v="1600000"/>
        <s v=""/>
        <n v="173966.72205605404"/>
        <n v="326159.74299324246"/>
        <n v="0"/>
        <n v="1053000"/>
        <n v="21335.009523809524"/>
        <n v="17719763"/>
        <n v="14210826.181818182"/>
        <n v="2409587.8586462834"/>
        <n v="39792.001772460397"/>
        <n v="749818.18181818177"/>
        <n v="630480"/>
        <n v="1325776"/>
        <n v="216000"/>
        <n v="368640"/>
        <n v="967680"/>
        <n v="1351680"/>
        <n v="2675200"/>
        <n v="542272"/>
        <n v="564288"/>
        <n v="578210.04729187116"/>
        <n v="3276323"/>
        <n v="1788917"/>
        <n v="1159853.7720172815"/>
        <n v="28802.481444555226"/>
        <n v="385510.136257893"/>
        <n v="24705.221785513757"/>
        <n v="9235.209235209235"/>
        <n v="32846.277833167165"/>
        <n v="37062.918750000004"/>
        <n v="833.68918918918928"/>
        <n v="234.52233676975945"/>
        <n v="12188.333333333332"/>
        <n v="8269.1166077738508"/>
        <n v="370629.1875"/>
        <n v="63870.078652930104"/>
        <n v="3818871.3592233011"/>
        <n v="6054308.252427184"/>
        <n v="237.97594501718211"/>
        <n v="523.30730478589419"/>
        <n v="102.64373088685015"/>
        <n v="105.88837920489297"/>
        <n v="175082.12114860618"/>
        <n v="169776.73443722489"/>
        <n v="17674.83870967742"/>
        <n v="32846.278054724717"/>
        <n v="8282.2165363128497"/>
        <n v="2832.1319199057716"/>
        <n v="1180724.6451612904"/>
        <n v="227110.69444444447"/>
        <n v="10183.112804734286"/>
        <n v="715579.85394581861"/>
        <n v="2450.3981572782272"/>
        <n v="66167.406360424022"/>
        <n v="1018176.6784452297"/>
        <n v="5247.396937573616"/>
        <n v="15026.581861012957"/>
        <n v="1963.7974087161367"/>
        <n v="1311.811542991755"/>
        <n v="45.078916372202592"/>
        <n v="664.42402826855118"/>
        <n v="1248.339222614841"/>
        <n v="11925.861012956419"/>
        <n v="2511.6042402826856"/>
        <n v="194.8645465253239"/>
        <n v="2581.4840989399295"/>
        <n v="12220.155477031803"/>
        <n v="2246.1060070671379"/>
        <n v="433.37573616018847"/>
        <n v="279.29328621908127"/>
        <n v="1255.8021201413428"/>
        <n v="20029.983331708288"/>
        <n v="880.49801696104078"/>
        <n v="2003.1279729643566"/>
        <n v="758.66965888689401"/>
        <n v="801.03791186556191"/>
        <n v="1046.0230152610675"/>
        <n v="3097.5547703180209"/>
        <n v="28793.818610129561"/>
        <n v="8233.1590106007061"/>
        <n v="5485.9081272084804"/>
        <n v="190.79387514723203"/>
        <n v="13210.007067137809"/>
        <n v="3767.4063604240282"/>
        <n v="103755.0058892815"/>
        <n v="9.9505300353356887"/>
        <n v="572.45700824499409"/>
        <n v="60.080094228504123"/>
        <n v="8586.6289752650173"/>
        <n v="72123.853945818613"/>
        <n v="13782.464075382803"/>
        <n v="1511.2744405182568"/>
        <n v="90.157832744405184"/>
        <n v="183.18021201413427"/>
        <n v="39466.742049469962"/>
        <n v="34685.375473793029"/>
        <n v="349.3958803935833"/>
        <n v="974.17196702002366"/>
        <n v="20512.489988221438"/>
        <n v="4043.8351001177857"/>
        <n v="86104.72555948174"/>
        <n v="26236.909305064786"/>
        <n v="19415.293286219083"/>
        <n v="24090.233215547705"/>
        <n v="787.07184923439343"/>
        <n v="135477.82332155478"/>
        <n v="46749.399293286217"/>
        <n v="2907.4393404004713"/>
        <n v="1049.4793875147232"/>
        <n v="1843.7126030624263"/>
        <n v="595.5241460541813"/>
        <n v="858.68551236749124"/>
        <n v="32915.373380447585"/>
        <n v="1574.2190812720848"/>
        <n v="15359.177883412556"/>
        <n v="120.23557126030624"/>
        <n v="4965.1637220259126"/>
        <n v="214.69022379269731"/>
        <n v="262.33215547703179"/>
        <n v="9826.9022379269736"/>
        <n v="2620.1195913748857"/>
        <n v="8720.0537396210184"/>
        <n v="8091.7743955886335"/>
        <n v="66.636110092912816"/>
        <n v="5586.9586753151543"/>
        <n v="40418.418187952549"/>
        <n v="23.501891983078554"/>
        <n v="71.655705795333617"/>
        <n v="158.52099893772672"/>
        <n v="2492.3816254416961"/>
        <n v="33964.852767962308"/>
        <n v="34159.717314487629"/>
        <n v="8968.2167255594813"/>
        <n v="481.09305064782097"/>
        <n v="5165.5312131919909"/>
        <n v="69503.924617196695"/>
        <n v="524.73969375736158"/>
        <n v="149517.41813898704"/>
        <n v="17650.280329799763"/>
        <n v="25763.882214369845"/>
        <n v="8304.3957597173139"/>
        <n v="48481.469964664313"/>
        <n v="561.22497055359247"/>
        <n v="29194.553592461722"/>
        <n v="307182.88606889034"/>
        <n v="1545.0817757009349"/>
        <n v="66784.866902237918"/>
        <n v="33774.058892815076"/>
        <n v="22754.525323910482"/>
        <n v="8300.4004711425205"/>
        <n v="91.590106007067135"/>
        <n v="230587.10011778562"/>
        <n v="41263.491166077736"/>
        <n v="59200"/>
        <n v="145972.61719670199"/>
        <n v="17654.200235571261"/>
        <n v="824.53710247349829"/>
        <n v="5198.0823331227639"/>
        <n v="27174.22201844984"/>
        <n v="281725.44359110174"/>
        <n v="256189.37644481432"/>
        <n v="211822.81272084807"/>
        <n v="321093.67741935485"/>
        <n v="217854.48784283211"/>
        <n v="27939.067326266195"/>
        <n v="791519.43462897523"/>
        <n v="395759.71731448761"/>
        <n v="65959.952885747945"/>
        <n v="119258.68551236749"/>
        <n v="300097.61539534235"/>
        <n v="72727.272727272721"/>
        <n v="268632.26863226865"/>
        <n v="607341.12482853222"/>
        <n v="1986909.0909090908"/>
        <n v="7251429.3682889417"/>
        <n v="1480454.1842696627"/>
        <n v="356226.29201101925"/>
        <n v="259630.39014373717"/>
        <n v="33017.34104046243"/>
        <n v="1116412.4257112751"/>
        <n v="227709.31649495955"/>
        <n v="150434.83537075043"/>
      </sharedItems>
    </cacheField>
    <cacheField name="East Hemel Hempstead (South) (H4)2" numFmtId="0">
      <sharedItems containsBlank="1" containsMixedTypes="1" containsNumber="1" minValue="0" maxValue="21316239.272727273" count="189">
        <m/>
        <n v="2400"/>
        <n v="2400000"/>
        <s v=""/>
        <n v="260950.08308408107"/>
        <n v="489239.61448986374"/>
        <n v="0"/>
        <n v="1053000"/>
        <n v="32002.514285714286"/>
        <n v="17719763"/>
        <n v="11813175"/>
        <n v="21316239.272727273"/>
        <n v="3614381.7879694249"/>
        <n v="59688.002658690595"/>
        <n v="1124727.2727272727"/>
        <n v="912040"/>
        <n v="1988664"/>
        <n v="324000"/>
        <n v="552960"/>
        <n v="1451520"/>
        <n v="2027520"/>
        <n v="4012800"/>
        <n v="813408"/>
        <n v="846432"/>
        <n v="867315.07093780674"/>
        <n v="4914551"/>
        <n v="2682176"/>
        <n v="1739780.6580259223"/>
        <n v="43203.722166832835"/>
        <n v="578265.20438683953"/>
        <n v="37057.832678270635"/>
        <n v="49269.416749750744"/>
        <n v="134931.51283547259"/>
        <n v="148251.67500000002"/>
        <n v="833.68918918918928"/>
        <n v="28846.247422680412"/>
        <n v="48753.333333333328"/>
        <n v="12403.674911660777"/>
        <n v="370629.1875"/>
        <n v="95805.117979395145"/>
        <n v="2923240.2912621358"/>
        <n v="4634405.3398058247"/>
        <n v="29271.041237113401"/>
        <n v="21455.599496221661"/>
        <n v="21863.114678899081"/>
        <n v="22554.224770642202"/>
        <n v="7594"/>
        <n v="334759.99999999994"/>
        <n v="506253"/>
        <n v="2369897"/>
        <n v="312611"/>
        <n v="49269.417082087079"/>
        <n v="12423.324804469274"/>
        <n v="4248.197879858657"/>
        <n v="113555.34722222223"/>
        <n v="12728.891005917856"/>
        <n v="1073369.7809187279"/>
        <n v="521934.80750026234"/>
        <n v="99251.10954063604"/>
        <n v="1527265.0176678444"/>
        <n v="2961579.9999999995"/>
        <n v="7871.095406360424"/>
        <n v="22539.872791519436"/>
        <n v="2945.6961130742052"/>
        <n v="1967.7173144876324"/>
        <n v="67.618374558303884"/>
        <n v="996.63604240282689"/>
        <n v="1872.5088339222616"/>
        <n v="17888.791519434628"/>
        <n v="3767.4063604240287"/>
        <n v="292.29681978798584"/>
        <n v="3872.226148409894"/>
        <n v="18330.233215547705"/>
        <n v="3369.159010600707"/>
        <n v="650.06360424028276"/>
        <n v="418.93992932862193"/>
        <n v="1883.7031802120143"/>
        <n v="409.63571770292538"/>
        <n v="8819.9789676984947"/>
        <n v="72416.093583868424"/>
        <n v="1320.7470254415614"/>
        <n v="3004.6919594465353"/>
        <n v="2276.008976660682"/>
        <n v="2403.1137355966857"/>
        <n v="3138.0690457832025"/>
        <n v="4646.3321554770318"/>
        <n v="43190.727915194344"/>
        <n v="12349.738515901061"/>
        <n v="8228.8621908127207"/>
        <n v="286.19081272084804"/>
        <n v="19815.010600706715"/>
        <n v="5651.1095406360419"/>
        <n v="155632.50883392227"/>
        <n v="14.925795053003533"/>
        <n v="858.68551236749113"/>
        <n v="90.120141342756185"/>
        <n v="12879.943462897527"/>
        <n v="108185.78091872792"/>
        <n v="20673.696113074202"/>
        <n v="2266.9116607773854"/>
        <n v="135.23674911660777"/>
        <n v="274.77031802120143"/>
        <n v="59200.113074204943"/>
        <n v="4190.9129484864188"/>
        <n v="485595.25663310243"/>
        <n v="4891.5423255101659"/>
        <n v="1461.2579505300355"/>
        <n v="30768.734982332157"/>
        <n v="6065.7526501766788"/>
        <n v="129157.08833922261"/>
        <n v="39355.363957597176"/>
        <n v="29122.939929328622"/>
        <n v="36135.349823321558"/>
        <n v="1180.6077738515901"/>
        <n v="203216.73498233216"/>
        <n v="70124.098939929332"/>
        <n v="4361.159010600707"/>
        <n v="1574.2190812720848"/>
        <n v="2765.5689045936397"/>
        <n v="893.28621908127207"/>
        <n v="1288.0282685512368"/>
        <n v="49373.060070671374"/>
        <n v="2361.3286219081274"/>
        <n v="180.35335689045937"/>
        <n v="7447.745583038869"/>
        <n v="322.03533568904595"/>
        <n v="393.49823321554771"/>
        <n v="14740.353356890459"/>
        <n v="3275.149489218607"/>
        <n v="10900.067174526272"/>
        <n v="10114.717994485791"/>
        <n v="83.295137616141005"/>
        <n v="6983.6983441439424"/>
        <n v="146128.12729490537"/>
        <n v="84.968378708053237"/>
        <n v="259.06293633697538"/>
        <n v="573.11438077485809"/>
        <n v="3738.5724381625446"/>
        <n v="50947.279151943469"/>
        <n v="51239.575971731443"/>
        <n v="13452.325088339223"/>
        <n v="721.63957597173146"/>
        <n v="7748.2968197879864"/>
        <n v="104255.88692579504"/>
        <n v="787.10954063604242"/>
        <n v="224276.12720848058"/>
        <n v="26475.420494699647"/>
        <n v="38645.823321554766"/>
        <n v="12456.593639575973"/>
        <n v="72722.20494699647"/>
        <n v="841.83745583038876"/>
        <n v="43791.830388692586"/>
        <n v="55585.474621989684"/>
        <n v="480.69210799584641"/>
        <n v="100177.30035335688"/>
        <n v="50661.088339222617"/>
        <n v="34131.787985865725"/>
        <n v="12450.600706713782"/>
        <n v="137.38515901060072"/>
        <n v="345880.65017667843"/>
        <n v="61895.236749116608"/>
        <n v="88800"/>
        <n v="218958.92579505302"/>
        <n v="26481.300353356892"/>
        <n v="1236.8056537102473"/>
        <n v="41584.658664982111"/>
        <n v="9510.9777064574446"/>
        <n v="87647.915783898308"/>
        <n v="2656279.3241909691"/>
        <n v="317734.21908127208"/>
        <n v="4034.3423674598539"/>
        <n v="41908.600989399289"/>
        <n v="1187279.1519434629"/>
        <n v="593639.57597173145"/>
        <n v="126563"/>
        <n v="98939.929328621918"/>
        <n v="178888.02826855125"/>
        <n v="450146.42309301352"/>
        <n v="109090.90909090909"/>
        <n v="402948.40294840297"/>
        <n v="2980363.6363636362"/>
        <n v="6080000"/>
        <n v="10877144.052433413"/>
        <n v="534339.43801652885"/>
        <n v="1341951.0357815442"/>
        <n v="460568.76805437554"/>
        <n v="1026586.6440101954"/>
        <n v="341563.97474243934"/>
        <n v="225652.25305612563"/>
      </sharedItems>
    </cacheField>
    <cacheField name="East Hemel Hempstead (Central) (H3)2" numFmtId="0">
      <sharedItems containsBlank="1" containsMixedTypes="1" containsNumber="1" minValue="0" maxValue="14371426.579277646" count="158">
        <m/>
        <n v="3171"/>
        <s v=""/>
        <n v="1542520"/>
        <n v="48962.661426165076"/>
        <n v="18303.030303030304"/>
        <n v="68330.702012835478"/>
        <n v="37062.918750000004"/>
        <n v="877751.875"/>
        <n v="16117.990990990991"/>
        <n v="13602.295532646049"/>
        <n v="0"/>
        <n v="16388.355477031801"/>
        <n v="7301881.0679611648"/>
        <n v="11576152.912621358"/>
        <n v="13802.604810996565"/>
        <n v="10291.710327455919"/>
        <n v="9853.7981651376158"/>
        <n v="10165.284403669726"/>
        <n v="346990.87885139382"/>
        <n v="336476.26556277508"/>
        <n v="506253.00000000006"/>
        <n v="5612.931448763251"/>
        <n v="158977.48611111112"/>
        <n v="12728.891005917856"/>
        <n v="1418189.8230388693"/>
        <n v="235238.22309870977"/>
        <n v="131135.52848056535"/>
        <n v="2017898.9045936395"/>
        <n v="10399.684805653711"/>
        <n v="29780.806925795056"/>
        <n v="3892.0009893992938"/>
        <n v="2599.8465017667845"/>
        <n v="89.340777385159015"/>
        <n v="1316.805371024735"/>
        <n v="2474.0522968197879"/>
        <n v="23635.565795053004"/>
        <n v="4977.6856537102476"/>
        <n v="386.19717314487633"/>
        <n v="5116.1787985865722"/>
        <n v="24218.820636042405"/>
        <n v="4451.5013427561844"/>
        <n v="858.89653710247353"/>
        <n v="553.52438162544172"/>
        <n v="2488.8428268551238"/>
        <n v="7586.696588868941"/>
        <n v="3204.1516474622476"/>
        <n v="2092.046030522135"/>
        <n v="12894.415841584159"/>
        <n v="9050.3366336633662"/>
        <n v="10964.633663366336"/>
        <n v="1441.0693069306931"/>
        <n v="30074.435643564357"/>
        <n v="413.52475247524751"/>
        <n v="6138.9663604240286"/>
        <n v="57065.749257950527"/>
        <n v="16317.092014134276"/>
        <n v="10872.384169611309"/>
        <n v="378.12961130742048"/>
        <n v="26180.582756183747"/>
        <n v="7466.528480565371"/>
        <n v="205629.45229681977"/>
        <n v="19.72070671378092"/>
        <n v="1134.5382332155477"/>
        <n v="119.07123674911661"/>
        <n v="17017.625300353357"/>
        <n v="142940.46303886926"/>
        <n v="27315.120989399289"/>
        <n v="2995.1570318021199"/>
        <n v="178.68155477031803"/>
        <n v="363.04028268551235"/>
        <n v="78218.149399293281"/>
        <n v="13002.533076277796"/>
        <n v="90104.628392457991"/>
        <n v="17342.687736896514"/>
        <n v="174.69794019679165"/>
        <n v="1930.6870671378094"/>
        <n v="40653.191095406364"/>
        <n v="8014.3756890459363"/>
        <n v="170648.80296819788"/>
        <n v="51998.274628975269"/>
        <n v="38478.68438162544"/>
        <n v="47743.830954063604"/>
        <n v="1559.8780212014133"/>
        <n v="268500.11109540635"/>
        <n v="92651.465724381618"/>
        <n v="5762.1813427561838"/>
        <n v="2079.936961130742"/>
        <n v="3654.007915194346"/>
        <n v="1180.2544169611306"/>
        <n v="1701.8073498233216"/>
        <n v="65234.155618374556"/>
        <n v="3119.905441696113"/>
        <n v="10123.094514067368"/>
        <n v="238.29187279151944"/>
        <n v="9840.333851590105"/>
        <n v="425.48918727915196"/>
        <n v="519.90954063604238"/>
        <n v="19475.691872791518"/>
        <n v="1965.0896935311644"/>
        <n v="6540.0403047157633"/>
        <n v="6068.8307966914754"/>
        <n v="49.977082569684605"/>
        <n v="4190.2190064863653"/>
        <n v="124364.36365523862"/>
        <n v="72.313513794087868"/>
        <n v="220.47909475487265"/>
        <n v="487.75691980838991"/>
        <n v="4939.588833922262"/>
        <n v="67314.092579505304"/>
        <n v="67700.289752650177"/>
        <n v="17773.884522968197"/>
        <n v="953.46628975265014"/>
        <n v="10237.437173144877"/>
        <n v="137748.0906007067"/>
        <n v="1039.968480565371"/>
        <n v="296324.83307420497"/>
        <n v="34980.649328621905"/>
        <n v="51060.79406360424"/>
        <n v="16458.274346289752"/>
        <n v="96084.213286219092"/>
        <n v="1112.2777385159011"/>
        <n v="57859.955901060071"/>
        <n v="157979.76997828647"/>
        <n v="274.68120456905507"/>
        <n v="132359.25809187279"/>
        <n v="66935.962968197884"/>
        <n v="45096.624876325084"/>
        <n v="16450.356183745585"/>
        <n v="181.52014134275618"/>
        <n v="456994.80904593639"/>
        <n v="81779.081554770324"/>
        <n v="117327"/>
        <n v="289299.4807067138"/>
        <n v="34988.418091872794"/>
        <n v="1634.1294699646644"/>
        <n v="88367.399663086981"/>
        <n v="21739.377614759873"/>
        <n v="25042.26165254238"/>
        <n v="329973.19834710745"/>
        <n v="1280946.8822240715"/>
        <n v="419806.33696113073"/>
        <n v="145236.32522855475"/>
        <n v="55371.739057243816"/>
        <n v="1568692.5795053004"/>
        <n v="784346.28975265019"/>
        <n v="130724.3816254417"/>
        <n v="236355.80734982333"/>
        <n v="594755.96151164407"/>
        <n v="532395.57739557745"/>
        <n v="3685000"/>
        <n v="14371426.579277646"/>
        <n v="3750000"/>
        <n v="2934075.1364494381"/>
        <n v="705995.98247933877"/>
        <n v="1773052.8060263651"/>
        <n v="608526.48479184369"/>
        <n v="1356377.6033984707"/>
      </sharedItems>
    </cacheField>
    <cacheField name="DBC TOTAL" numFmtId="0">
      <sharedItems containsString="0" containsBlank="1" containsNumber="1" minValue="0" maxValue="53159289"/>
    </cacheField>
    <cacheField name="SADC TOTAL" numFmtId="0">
      <sharedItems containsString="0" containsBlank="1" containsNumber="1" minValue="0" maxValue="48849715"/>
    </cacheField>
    <cacheField name="Non-HGC DBC Sites" numFmtId="0">
      <sharedItems containsString="0" containsBlank="1" containsNumber="1" minValue="0" maxValue="1575622.3788703489"/>
    </cacheField>
    <cacheField name="Non-HGC SADC Sites" numFmtId="0">
      <sharedItems containsString="0" containsBlank="1" containsNumber="1" minValue="0" maxValue="206875.5706447188"/>
    </cacheField>
    <cacheField name="Cost Notes" numFmtId="0">
      <sharedItems containsBlank="1" longText="1"/>
    </cacheField>
    <cacheField name="Project Notes " numFmtId="0">
      <sharedItems containsBlank="1" longText="1"/>
    </cacheField>
    <cacheField name="Source" numFmtId="0">
      <sharedItems containsBlank="1" longText="1"/>
    </cacheField>
    <cacheField name="Additional Notes (Internal Use only)" numFmtId="0">
      <sharedItems containsBlank="1" longText="1"/>
    </cacheField>
  </cacheFields>
  <extLst>
    <ext xmlns:x14="http://schemas.microsoft.com/office/spreadsheetml/2009/9/main" uri="{725AE2AE-9491-48be-B2B4-4EB974FC3084}">
      <x14:pivotCacheDefinition/>
    </ext>
  </extLst>
</pivotCacheDefinition>
</file>

<file path=xl/pivotCache/pivotCacheRecords1.xml><?xml version="1.0" encoding="utf-8"?>
<pivotCacheRecords xmlns="http://schemas.openxmlformats.org/spreadsheetml/2006/main" xmlns:r="http://schemas.openxmlformats.org/officeDocument/2006/relationships" xmlns:mc="http://schemas.openxmlformats.org/markup-compatibility/2006" xmlns:xr="http://schemas.microsoft.com/office/spreadsheetml/2014/revision" mc:Ignorable="xr" count="894">
  <r>
    <m/>
    <x v="0"/>
    <m/>
    <m/>
    <m/>
    <m/>
    <x v="0"/>
    <x v="0"/>
    <x v="0"/>
    <x v="0"/>
    <x v="0"/>
    <m/>
    <m/>
    <m/>
    <m/>
    <m/>
    <m/>
    <n v="1500"/>
    <n v="200"/>
    <n v="450"/>
    <n v="350"/>
    <n v="300"/>
    <n v="480"/>
    <n v="100"/>
    <n v="390"/>
    <n v="500"/>
    <n v="500"/>
    <n v="750"/>
    <n v="200"/>
    <n v="234"/>
    <n v="350"/>
    <n v="90"/>
    <n v="80"/>
    <n v="2385"/>
    <n v="775"/>
    <n v="100"/>
    <n v="100"/>
    <n v="302"/>
    <n v="250"/>
    <n v="400"/>
    <n v="1400"/>
    <n v="201"/>
    <n v="217"/>
    <n v="31"/>
    <n v="67"/>
    <n v="150"/>
    <n v="31"/>
    <n v="336"/>
    <m/>
    <m/>
    <n v="1500"/>
    <n v="200"/>
    <n v="450"/>
    <n v="350"/>
    <n v="300"/>
    <n v="480"/>
    <n v="100"/>
    <n v="390"/>
    <n v="500"/>
    <n v="500"/>
    <n v="750"/>
    <n v="200"/>
    <n v="234"/>
    <n v="350"/>
    <n v="90"/>
    <n v="80"/>
    <n v="2385"/>
    <n v="775"/>
    <n v="100"/>
    <n v="100"/>
    <n v="302"/>
    <n v="250"/>
    <n v="400"/>
    <n v="1400"/>
    <n v="201"/>
    <n v="217"/>
    <n v="31"/>
    <n v="67"/>
    <n v="150"/>
    <n v="31"/>
    <n v="336"/>
    <m/>
    <m/>
    <m/>
  </r>
  <r>
    <n v="1"/>
    <x v="1"/>
    <s v="Education"/>
    <s v="Primary Education"/>
    <s v="New Primary School Provision at North Hemel Hempstead"/>
    <s v="Construction of 3 x 3FE Primary Schools including Early Years to serve the new community (one of these schools must be within the first phase) _x000a_Land size per 2FE = 2.03ha and size per 3FE = 2.92ha (taken from the HCC DCG 2021). Each school should come forward in line with the need identified by HCC which may result in staggered delivery. "/>
    <x v="1"/>
    <x v="1"/>
    <x v="1"/>
    <x v="1"/>
    <x v="1"/>
    <s v="N/A"/>
    <s v="N/A"/>
    <n v="51660180"/>
    <n v="51660180"/>
    <s v="S106"/>
    <s v="Essential"/>
    <s v="Yes"/>
    <m/>
    <m/>
    <m/>
    <m/>
    <m/>
    <m/>
    <m/>
    <m/>
    <m/>
    <m/>
    <m/>
    <m/>
    <m/>
    <m/>
    <m/>
    <m/>
    <m/>
    <m/>
    <m/>
    <m/>
    <m/>
    <m/>
    <m/>
    <m/>
    <m/>
    <m/>
    <m/>
    <m/>
    <m/>
    <m/>
    <n v="1500"/>
    <n v="34440.120000000003"/>
    <n v="51660180.000000007"/>
    <s v=""/>
    <s v=""/>
    <s v=""/>
    <s v=""/>
    <s v=""/>
    <s v=""/>
    <s v=""/>
    <s v=""/>
    <s v=""/>
    <s v=""/>
    <s v=""/>
    <s v=""/>
    <s v=""/>
    <s v=""/>
    <s v=""/>
    <s v=""/>
    <s v=""/>
    <s v=""/>
    <s v=""/>
    <s v=""/>
    <s v=""/>
    <s v=""/>
    <s v=""/>
    <s v=""/>
    <s v=""/>
    <s v=""/>
    <s v=""/>
    <s v=""/>
    <s v=""/>
    <s v=""/>
    <s v="1 x 3FE new build cost = £17,220,060 _x000a_3 x £17,220,060 = £51,660,180"/>
    <s v="At least one of the primary school sites should be available ahead of time. Cost are based on = 2022 DFE Scorecard Costs - 1Q2023 BCIS and includes 10% sus uplift"/>
    <s v="HCC response - July 2024"/>
  </r>
  <r>
    <n v="2"/>
    <x v="1"/>
    <s v="Education"/>
    <s v="Primary Education"/>
    <s v="New Primary School Provision at North Hemel Hempstead"/>
    <s v="Construction of a 2FE Primary Schools including Early Years to serve the new community _x000a_Land size per 2FE = 2.03ha and size per 3FE = 2.92ha (taken from the HCC DCG 2021)"/>
    <x v="1"/>
    <x v="1"/>
    <x v="1"/>
    <x v="1"/>
    <x v="2"/>
    <s v="N/A"/>
    <s v="N/A"/>
    <n v="11480040"/>
    <n v="11480040"/>
    <s v="S106"/>
    <s v="Essential"/>
    <s v="Yes"/>
    <m/>
    <m/>
    <m/>
    <m/>
    <m/>
    <m/>
    <m/>
    <m/>
    <m/>
    <m/>
    <m/>
    <m/>
    <m/>
    <m/>
    <m/>
    <m/>
    <m/>
    <m/>
    <m/>
    <m/>
    <m/>
    <m/>
    <m/>
    <m/>
    <m/>
    <m/>
    <m/>
    <m/>
    <m/>
    <m/>
    <n v="1500"/>
    <n v="7653.36"/>
    <n v="11480040"/>
    <s v=""/>
    <s v=""/>
    <s v=""/>
    <s v=""/>
    <s v=""/>
    <s v=""/>
    <s v=""/>
    <s v=""/>
    <s v=""/>
    <s v=""/>
    <s v=""/>
    <s v=""/>
    <s v=""/>
    <s v=""/>
    <s v=""/>
    <s v=""/>
    <s v=""/>
    <s v=""/>
    <s v=""/>
    <s v=""/>
    <s v=""/>
    <s v=""/>
    <s v=""/>
    <s v=""/>
    <s v=""/>
    <s v=""/>
    <s v=""/>
    <s v=""/>
    <s v=""/>
    <s v=""/>
    <s v="1 x 2FE new build cost = £11,480,040"/>
    <s v="Cost are based on = 2022 DFE Scorecard Costs - 1Q2023 BCIS and includes 10% sus uplift"/>
    <s v="HCC response - July 2024"/>
  </r>
  <r>
    <n v="3"/>
    <x v="1"/>
    <s v="Education"/>
    <s v="Primary Education"/>
    <s v="New Primary School Provision at Hemel Hempstead Hospital / Market Square "/>
    <s v="Construction of a 3FE Primary Schools including Early Years to serve the new community_x000a_Land size per 3FE = 2.92ha (taken from the HCC DCG 2021)"/>
    <x v="1"/>
    <x v="2"/>
    <x v="1"/>
    <x v="2"/>
    <x v="2"/>
    <s v="N/A"/>
    <s v="N/A"/>
    <n v="11480040"/>
    <n v="11480040"/>
    <s v="S106"/>
    <s v="Essential"/>
    <m/>
    <m/>
    <s v="Yes"/>
    <m/>
    <m/>
    <m/>
    <m/>
    <m/>
    <m/>
    <m/>
    <m/>
    <m/>
    <m/>
    <m/>
    <m/>
    <m/>
    <m/>
    <m/>
    <m/>
    <m/>
    <m/>
    <m/>
    <m/>
    <m/>
    <m/>
    <m/>
    <m/>
    <m/>
    <m/>
    <m/>
    <m/>
    <n v="450"/>
    <n v="25511.200000000001"/>
    <s v=""/>
    <s v=""/>
    <n v="11480040"/>
    <s v=""/>
    <s v=""/>
    <s v=""/>
    <s v=""/>
    <s v=""/>
    <s v=""/>
    <s v=""/>
    <s v=""/>
    <s v=""/>
    <s v=""/>
    <s v=""/>
    <s v=""/>
    <s v=""/>
    <s v=""/>
    <s v=""/>
    <s v=""/>
    <s v=""/>
    <s v=""/>
    <s v=""/>
    <s v=""/>
    <s v=""/>
    <s v=""/>
    <s v=""/>
    <s v=""/>
    <s v=""/>
    <s v=""/>
    <s v=""/>
    <s v=""/>
    <s v="1 x 2FE new build cost = £11,480,040"/>
    <s v="Cost are based on = 2022 DFE Scorecard Costs - 1Q2023 BCIS and includes 10% sus uplift"/>
    <s v="HCC response - July 2024"/>
  </r>
  <r>
    <n v="4"/>
    <x v="1"/>
    <s v="Education"/>
    <s v="Primary Education"/>
    <s v="New Primary School Provision in the Shendish Manor and Fairfields"/>
    <s v="Construction of a 2FE Primary Schools including Early Years to serve the new community _x000a_Land size per 2FE = 2.03ha and size per 3FE = 2.92ha (taken from the HCC DCG 2021)"/>
    <x v="1"/>
    <x v="3"/>
    <x v="1"/>
    <x v="1"/>
    <x v="2"/>
    <s v="N/A"/>
    <s v="N/A"/>
    <n v="11480040"/>
    <n v="11480040"/>
    <s v="S106"/>
    <s v="Essential"/>
    <m/>
    <m/>
    <m/>
    <m/>
    <m/>
    <m/>
    <m/>
    <m/>
    <m/>
    <s v="Yes"/>
    <m/>
    <m/>
    <m/>
    <m/>
    <m/>
    <m/>
    <m/>
    <m/>
    <m/>
    <m/>
    <m/>
    <m/>
    <m/>
    <m/>
    <m/>
    <m/>
    <m/>
    <m/>
    <m/>
    <m/>
    <m/>
    <n v="500"/>
    <n v="22960.080000000002"/>
    <s v=""/>
    <s v=""/>
    <s v=""/>
    <s v=""/>
    <s v=""/>
    <s v=""/>
    <s v=""/>
    <s v=""/>
    <s v=""/>
    <n v="11480040"/>
    <s v=""/>
    <s v=""/>
    <s v=""/>
    <s v=""/>
    <s v=""/>
    <s v=""/>
    <s v=""/>
    <s v=""/>
    <s v=""/>
    <s v=""/>
    <s v=""/>
    <s v=""/>
    <s v=""/>
    <s v=""/>
    <s v=""/>
    <s v=""/>
    <s v=""/>
    <s v=""/>
    <s v=""/>
    <s v=""/>
    <s v=""/>
    <s v="1 x 2FE new build cost = £11,480,040"/>
    <s v="Cost are based on = 2022 DFE Scorecard Costs - 1Q2023 BCIS and includes 10% sus uplift"/>
    <s v="HCC response - July 2024"/>
  </r>
  <r>
    <n v="5"/>
    <x v="1"/>
    <s v="Education"/>
    <s v="Primary Education"/>
    <s v="Expansions of existing Primary Schools"/>
    <s v="Potential expansion of existing Primary Schools, serving all new growth within Hemel Hempstead"/>
    <x v="1"/>
    <x v="4"/>
    <x v="2"/>
    <x v="1"/>
    <x v="2"/>
    <s v="N/A"/>
    <s v="N/A"/>
    <n v="4807688"/>
    <n v="4807688"/>
    <s v="S106"/>
    <s v="Important"/>
    <s v="Yes"/>
    <s v="Yes"/>
    <s v="Yes"/>
    <s v="Yes"/>
    <s v="Yes"/>
    <s v="Yes"/>
    <s v="Yes"/>
    <s v="Yes"/>
    <s v="Yes"/>
    <s v="Yes"/>
    <s v="Yes"/>
    <s v="Yes"/>
    <s v="Yes"/>
    <s v="Yes"/>
    <s v="Yes"/>
    <s v="Yes"/>
    <s v="Yes"/>
    <m/>
    <m/>
    <m/>
    <m/>
    <m/>
    <m/>
    <m/>
    <m/>
    <m/>
    <m/>
    <m/>
    <m/>
    <m/>
    <m/>
    <n v="8859"/>
    <n v="542.68969409639919"/>
    <n v="814034.54114459874"/>
    <n v="108537.93881927984"/>
    <n v="244210.36234337965"/>
    <n v="189941.39293373973"/>
    <n v="162806.90822891975"/>
    <n v="260491.05316627162"/>
    <n v="54268.969409639918"/>
    <n v="211648.98069759569"/>
    <n v="271344.84704819962"/>
    <n v="271344.84704819962"/>
    <n v="407017.27057229937"/>
    <n v="108537.93881927984"/>
    <n v="126989.38841855741"/>
    <n v="189941.39293373973"/>
    <n v="48842.072468675928"/>
    <n v="43415.175527711937"/>
    <n v="1294314.9204199121"/>
    <s v=""/>
    <s v=""/>
    <s v=""/>
    <s v=""/>
    <s v=""/>
    <s v=""/>
    <s v=""/>
    <s v=""/>
    <s v=""/>
    <s v=""/>
    <s v=""/>
    <s v=""/>
    <s v=""/>
    <s v=""/>
    <s v="The cost is based on 1 x 1FE expansion cost. However, this is just an indicative cost. The actual cost will be determined on the amount of expansions needed, as well as the scope and scale of projects"/>
    <s v="Cost are based on = 2022 DFE Scorecard Costs - 1Q2023 BCIS and includes 10% sus uplift"/>
    <s v="HCC response - July 2024"/>
  </r>
  <r>
    <n v="6"/>
    <x v="1"/>
    <s v="Education"/>
    <s v="Primary Education"/>
    <s v="New Primary School Provision in the South of Berkhamsted"/>
    <s v="Construction of a 2 FE Primary School including Early Years to serve new and existing communities. It must include enough space for expansion."/>
    <x v="2"/>
    <x v="5"/>
    <x v="1"/>
    <x v="1"/>
    <x v="2"/>
    <s v="N/A"/>
    <s v="N/A"/>
    <n v="11480040"/>
    <n v="11480040"/>
    <s v="S106"/>
    <s v="Essential"/>
    <m/>
    <m/>
    <m/>
    <m/>
    <m/>
    <m/>
    <m/>
    <m/>
    <m/>
    <m/>
    <m/>
    <m/>
    <m/>
    <m/>
    <m/>
    <m/>
    <m/>
    <s v="Yes"/>
    <m/>
    <m/>
    <m/>
    <m/>
    <m/>
    <m/>
    <m/>
    <m/>
    <m/>
    <m/>
    <m/>
    <m/>
    <m/>
    <n v="775"/>
    <n v="14812.954838709677"/>
    <s v=""/>
    <s v=""/>
    <s v=""/>
    <s v=""/>
    <s v=""/>
    <s v=""/>
    <s v=""/>
    <s v=""/>
    <s v=""/>
    <s v=""/>
    <s v=""/>
    <s v=""/>
    <s v=""/>
    <s v=""/>
    <s v=""/>
    <s v=""/>
    <s v=""/>
    <n v="11480040"/>
    <s v=""/>
    <s v=""/>
    <s v=""/>
    <s v=""/>
    <s v=""/>
    <s v=""/>
    <s v=""/>
    <s v=""/>
    <s v=""/>
    <s v=""/>
    <s v=""/>
    <s v=""/>
    <s v=""/>
    <s v="1 x 2FE new build cost = £11,480,040"/>
    <s v="Cost are based on = 2022 DFE Scorecard Costs - 1Q2023 BCIS and includes 10% sus uplift"/>
    <s v="HCC response - July 2024"/>
  </r>
  <r>
    <n v="7"/>
    <x v="1"/>
    <s v="Education"/>
    <s v="Primary Education"/>
    <s v="New Primary School Provision at Dunsley Farm"/>
    <s v="Construction of a 2 FE Primary School including Early Years to serve new and existing communities"/>
    <x v="3"/>
    <x v="6"/>
    <x v="1"/>
    <x v="1"/>
    <x v="2"/>
    <s v="N/A"/>
    <s v="N/A"/>
    <n v="11480040"/>
    <n v="11480040"/>
    <s v="S106"/>
    <s v="Essential"/>
    <m/>
    <m/>
    <m/>
    <m/>
    <m/>
    <m/>
    <m/>
    <m/>
    <m/>
    <m/>
    <m/>
    <m/>
    <m/>
    <m/>
    <m/>
    <m/>
    <m/>
    <m/>
    <m/>
    <m/>
    <m/>
    <s v="Yes"/>
    <m/>
    <m/>
    <m/>
    <m/>
    <m/>
    <m/>
    <m/>
    <m/>
    <m/>
    <n v="250"/>
    <n v="45920.160000000003"/>
    <s v=""/>
    <s v=""/>
    <s v=""/>
    <s v=""/>
    <s v=""/>
    <s v=""/>
    <s v=""/>
    <s v=""/>
    <s v=""/>
    <s v=""/>
    <s v=""/>
    <s v=""/>
    <s v=""/>
    <s v=""/>
    <s v=""/>
    <s v=""/>
    <s v=""/>
    <s v=""/>
    <s v=""/>
    <s v=""/>
    <s v=""/>
    <n v="11480040"/>
    <s v=""/>
    <s v=""/>
    <s v=""/>
    <s v=""/>
    <s v=""/>
    <s v=""/>
    <s v=""/>
    <s v=""/>
    <s v=""/>
    <s v="1 x 2FE new build cost = £11,480,040"/>
    <s v="2FE on either Dunsley Farm/New Mill or Land East of Tring (DBC to discuss with HCC on best location) - to serve need arising from Dunsley Farm/New Mill. Cost are based on = 2022 DFE Scorecard Costs - 1Q2023 BCIS and includes 10% sus uplift"/>
    <s v="HCC response - July 2024"/>
  </r>
  <r>
    <n v="8"/>
    <x v="1"/>
    <s v="Education"/>
    <s v="Primary Education"/>
    <s v="Expansions of existing Primary Schools"/>
    <s v="Potential expansion of existing Primary Schools, serving all new growth within Bovingdon"/>
    <x v="4"/>
    <x v="4"/>
    <x v="2"/>
    <x v="1"/>
    <x v="2"/>
    <s v="N/A"/>
    <s v="N/A"/>
    <n v="4807688"/>
    <n v="4807688"/>
    <s v="S106"/>
    <s v="Important"/>
    <m/>
    <m/>
    <m/>
    <m/>
    <m/>
    <m/>
    <m/>
    <m/>
    <m/>
    <m/>
    <m/>
    <m/>
    <m/>
    <m/>
    <m/>
    <m/>
    <m/>
    <m/>
    <m/>
    <m/>
    <m/>
    <m/>
    <m/>
    <m/>
    <m/>
    <s v="Yes"/>
    <s v="Yes"/>
    <m/>
    <m/>
    <m/>
    <m/>
    <n v="248"/>
    <n v="19385.83870967742"/>
    <s v=""/>
    <s v=""/>
    <s v=""/>
    <s v=""/>
    <s v=""/>
    <s v=""/>
    <s v=""/>
    <s v=""/>
    <s v=""/>
    <s v=""/>
    <s v=""/>
    <s v=""/>
    <s v=""/>
    <s v=""/>
    <s v=""/>
    <s v=""/>
    <s v=""/>
    <s v=""/>
    <s v=""/>
    <s v=""/>
    <s v=""/>
    <s v=""/>
    <s v=""/>
    <s v=""/>
    <s v=""/>
    <n v="4206727"/>
    <n v="600961"/>
    <s v=""/>
    <s v=""/>
    <s v=""/>
    <s v=""/>
    <s v="The cost is based on 1 x 1FE expansion cost. However, this is just an indicative cost. The actual cost will be determined on the amount of expansions needed, as well as the scope and scale of projects"/>
    <s v="Cost are based on = 2022 DFE Scorecard Costs - 1Q2023 BCIS and includes 10% sus uplift"/>
    <s v="HCC response - July 2024"/>
  </r>
  <r>
    <n v="9"/>
    <x v="1"/>
    <s v="Education"/>
    <s v="Primary Education"/>
    <s v="Expansions of existing Primary Schools"/>
    <s v="Potential expansion of existing Primary Schools, serving all new growth within Markyate"/>
    <x v="5"/>
    <x v="4"/>
    <x v="2"/>
    <x v="1"/>
    <x v="2"/>
    <s v="N/A"/>
    <s v="N/A"/>
    <n v="4807688"/>
    <n v="4807688"/>
    <s v="S106"/>
    <s v="Important"/>
    <m/>
    <m/>
    <m/>
    <m/>
    <m/>
    <m/>
    <m/>
    <m/>
    <m/>
    <m/>
    <m/>
    <m/>
    <m/>
    <m/>
    <m/>
    <m/>
    <m/>
    <m/>
    <m/>
    <m/>
    <m/>
    <m/>
    <m/>
    <m/>
    <m/>
    <m/>
    <m/>
    <m/>
    <s v="Yes"/>
    <s v="Yes"/>
    <m/>
    <n v="181"/>
    <n v="26561.812154696134"/>
    <s v=""/>
    <s v=""/>
    <s v=""/>
    <s v=""/>
    <s v=""/>
    <s v=""/>
    <s v=""/>
    <s v=""/>
    <s v=""/>
    <s v=""/>
    <s v=""/>
    <s v=""/>
    <s v=""/>
    <s v=""/>
    <s v=""/>
    <s v=""/>
    <s v=""/>
    <s v=""/>
    <s v=""/>
    <s v=""/>
    <s v=""/>
    <s v=""/>
    <s v=""/>
    <s v=""/>
    <s v=""/>
    <s v=""/>
    <s v=""/>
    <s v=""/>
    <n v="3984271.82320442"/>
    <n v="823416.17679558019"/>
    <s v=""/>
    <s v="The cost is based on 1 x 1FE expansion cost. However, this is just an indicative cost. The actual cost will be determined on the amount of expansions needed, as well as the scope and scale of projects"/>
    <s v="Cost are based on = 2022 DFE Scorecard Costs - 1Q2023 BCIS and includes 10% sus uplift"/>
    <s v="HCC response - July 2024"/>
  </r>
  <r>
    <n v="10"/>
    <x v="1"/>
    <s v="Education "/>
    <s v="Primary Education"/>
    <s v="Primary Education at Polehanger Lane "/>
    <s v="HCC would require that a site of sufficient size to deliver up to 2FE of primary school provision is provided on site to mitigate need arising from this development."/>
    <x v="1"/>
    <x v="7"/>
    <x v="1"/>
    <x v="2"/>
    <x v="2"/>
    <s v="N/A"/>
    <s v="N/A"/>
    <n v="11480040"/>
    <n v="11480040"/>
    <s v="S106"/>
    <s v="Essential"/>
    <m/>
    <m/>
    <m/>
    <m/>
    <m/>
    <m/>
    <m/>
    <m/>
    <m/>
    <m/>
    <s v="Yes"/>
    <m/>
    <m/>
    <m/>
    <m/>
    <m/>
    <m/>
    <m/>
    <m/>
    <m/>
    <m/>
    <m/>
    <m/>
    <m/>
    <m/>
    <m/>
    <m/>
    <m/>
    <m/>
    <m/>
    <m/>
    <n v="750"/>
    <m/>
    <s v=""/>
    <s v=""/>
    <s v=""/>
    <s v=""/>
    <s v=""/>
    <s v=""/>
    <s v=""/>
    <s v=""/>
    <s v=""/>
    <s v=""/>
    <n v="0"/>
    <s v=""/>
    <s v=""/>
    <s v=""/>
    <s v=""/>
    <s v=""/>
    <s v=""/>
    <s v=""/>
    <s v=""/>
    <s v=""/>
    <s v=""/>
    <s v=""/>
    <s v=""/>
    <s v=""/>
    <s v=""/>
    <s v=""/>
    <s v=""/>
    <s v=""/>
    <s v=""/>
    <s v=""/>
    <s v=""/>
    <m/>
    <m/>
    <s v="HCC response - July 2024"/>
  </r>
  <r>
    <n v="11"/>
    <x v="1"/>
    <s v="Education "/>
    <s v="Primary Education"/>
    <s v="Primary Education at Land East of Tring "/>
    <s v="HCC would require one 3FE and one 2 FE primary schools to be located appropriately within the site which could serve pupils arising from Tr01 – Dunsley Farm and Tr02 – New Mill."/>
    <x v="3"/>
    <x v="8"/>
    <x v="1"/>
    <x v="2"/>
    <x v="3"/>
    <s v="N/A"/>
    <s v="N/A"/>
    <n v="28700100"/>
    <n v="28700100"/>
    <s v="S106"/>
    <s v="Essential"/>
    <m/>
    <m/>
    <m/>
    <m/>
    <m/>
    <m/>
    <m/>
    <m/>
    <m/>
    <m/>
    <m/>
    <m/>
    <m/>
    <m/>
    <m/>
    <m/>
    <m/>
    <m/>
    <m/>
    <m/>
    <m/>
    <m/>
    <m/>
    <s v="Yes"/>
    <m/>
    <m/>
    <m/>
    <m/>
    <m/>
    <m/>
    <m/>
    <n v="1400"/>
    <m/>
    <s v=""/>
    <s v=""/>
    <s v=""/>
    <s v=""/>
    <s v=""/>
    <s v=""/>
    <s v=""/>
    <s v=""/>
    <s v=""/>
    <s v=""/>
    <s v=""/>
    <s v=""/>
    <s v=""/>
    <s v=""/>
    <s v=""/>
    <s v=""/>
    <s v=""/>
    <s v=""/>
    <s v=""/>
    <s v=""/>
    <s v=""/>
    <s v=""/>
    <s v=""/>
    <n v="0"/>
    <s v=""/>
    <s v=""/>
    <s v=""/>
    <s v=""/>
    <s v=""/>
    <s v=""/>
    <s v=""/>
    <m/>
    <m/>
    <s v="HCC response - July 2024"/>
  </r>
  <r>
    <n v="12"/>
    <x v="1"/>
    <s v="Education"/>
    <s v="Secondary Education"/>
    <s v="New Secondary School Provision at North Hemel Hempstead "/>
    <s v="Construction of 1 x 8FE Secondary Schools to serve the new community bordering with SADC  (The exact requirement here is still currently under review and HCC will update in due course following engagement with partners)"/>
    <x v="1"/>
    <x v="1"/>
    <x v="1"/>
    <x v="1"/>
    <x v="2"/>
    <s v="N/A"/>
    <s v="N/A"/>
    <n v="47471002"/>
    <n v="47471002"/>
    <s v="S106"/>
    <s v="Essential"/>
    <s v="Yes"/>
    <m/>
    <m/>
    <m/>
    <m/>
    <m/>
    <m/>
    <m/>
    <m/>
    <m/>
    <m/>
    <m/>
    <m/>
    <m/>
    <m/>
    <m/>
    <m/>
    <m/>
    <m/>
    <m/>
    <m/>
    <m/>
    <m/>
    <m/>
    <m/>
    <m/>
    <m/>
    <m/>
    <m/>
    <m/>
    <m/>
    <n v="1500"/>
    <n v="31647.334666666666"/>
    <n v="47471002"/>
    <s v=""/>
    <s v=""/>
    <s v=""/>
    <s v=""/>
    <s v=""/>
    <s v=""/>
    <s v=""/>
    <s v=""/>
    <s v=""/>
    <s v=""/>
    <s v=""/>
    <s v=""/>
    <s v=""/>
    <s v=""/>
    <s v=""/>
    <s v=""/>
    <s v=""/>
    <s v=""/>
    <s v=""/>
    <s v=""/>
    <s v=""/>
    <s v=""/>
    <s v=""/>
    <s v=""/>
    <s v=""/>
    <s v=""/>
    <s v=""/>
    <s v=""/>
    <s v=""/>
    <s v=""/>
    <s v="8FE new build cost = £47,471,002"/>
    <s v="Cost are based on = 2022 DFE Scorecard Costs - 1Q2023 BCIS and includes 10% sus uplift_x000a_Three Secondary schools are coming forward for Hemel Hempstead (two in SADC)"/>
    <s v="HCC response - July 2024"/>
  </r>
  <r>
    <n v="13"/>
    <x v="1"/>
    <s v="Education"/>
    <s v="Secondary Education"/>
    <s v="Expansions of existing Secondary Schools"/>
    <s v="Potential expansion of existing Secondary Schools, serving all new growth within Hemel Hempstead Secondary Planning Area"/>
    <x v="1"/>
    <x v="4"/>
    <x v="2"/>
    <x v="1"/>
    <x v="2"/>
    <s v="N/A"/>
    <s v="N/A"/>
    <n v="5642630"/>
    <n v="5642630"/>
    <s v="S106"/>
    <s v="Important"/>
    <s v="Yes"/>
    <s v="Yes"/>
    <s v="Yes"/>
    <s v="Yes"/>
    <s v="Yes"/>
    <s v="Yes"/>
    <s v="Yes"/>
    <s v="Yes"/>
    <s v="Yes"/>
    <s v="Yes"/>
    <s v="Yes"/>
    <s v="Yes"/>
    <s v="Yes"/>
    <s v="Yes"/>
    <s v="Yes"/>
    <s v="Yes"/>
    <s v="Yes"/>
    <m/>
    <m/>
    <m/>
    <m/>
    <m/>
    <m/>
    <m/>
    <m/>
    <m/>
    <m/>
    <m/>
    <m/>
    <m/>
    <m/>
    <n v="8859"/>
    <n v="636.93757760469578"/>
    <n v="955406.36640704365"/>
    <n v="127387.51552093915"/>
    <n v="286621.90992211312"/>
    <n v="222928.15216164352"/>
    <n v="191081.27328140874"/>
    <n v="305730.03725025395"/>
    <n v="63693.757760469576"/>
    <n v="248405.65526583136"/>
    <n v="318468.7888023479"/>
    <n v="318468.7888023479"/>
    <n v="477703.18320352182"/>
    <n v="127387.51552093915"/>
    <n v="149043.39315949881"/>
    <n v="222928.15216164352"/>
    <n v="57324.381984422616"/>
    <n v="50955.006208375664"/>
    <n v="1519096.1225871993"/>
    <s v=""/>
    <s v=""/>
    <s v=""/>
    <s v=""/>
    <s v=""/>
    <s v=""/>
    <s v=""/>
    <s v=""/>
    <s v=""/>
    <s v=""/>
    <s v=""/>
    <s v=""/>
    <s v=""/>
    <s v=""/>
    <s v="The cost is based on 1 x 1FE expansion cost. However, this is just an indicative cost. The actual cost will be determined on the amount of expansions needed, as well as the scope and scale of projects"/>
    <s v="Cost are based on = 2022 DFE Scorecard Costs - 1Q2023 BCIS and includes 10% sus uplift"/>
    <s v="HCC response - July 2024"/>
  </r>
  <r>
    <n v="14"/>
    <x v="1"/>
    <s v="Education"/>
    <s v="Secondary Education"/>
    <s v="Expansions of Ashlyns Secondary School"/>
    <s v="2FE expansion of Ashlyns Secondary School. Additional land required to facilitate the expansion."/>
    <x v="2"/>
    <x v="4"/>
    <x v="2"/>
    <x v="1"/>
    <x v="2"/>
    <s v="N/A"/>
    <s v="N/A"/>
    <n v="11285260"/>
    <n v="11285260"/>
    <s v="S106"/>
    <s v="Essential"/>
    <m/>
    <m/>
    <m/>
    <m/>
    <m/>
    <m/>
    <m/>
    <m/>
    <m/>
    <m/>
    <m/>
    <m/>
    <m/>
    <m/>
    <m/>
    <m/>
    <m/>
    <s v="Yes"/>
    <s v="Yes"/>
    <s v="Yes"/>
    <s v="Yes"/>
    <m/>
    <m/>
    <m/>
    <m/>
    <m/>
    <m/>
    <m/>
    <m/>
    <m/>
    <m/>
    <n v="1277"/>
    <n v="8837.3218480814412"/>
    <s v=""/>
    <s v=""/>
    <s v=""/>
    <s v=""/>
    <s v=""/>
    <s v=""/>
    <s v=""/>
    <s v=""/>
    <s v=""/>
    <s v=""/>
    <s v=""/>
    <s v=""/>
    <s v=""/>
    <s v=""/>
    <s v=""/>
    <s v=""/>
    <s v=""/>
    <n v="6848924.4322631173"/>
    <n v="883732.18480814411"/>
    <n v="883732.18480814411"/>
    <n v="2668871.1981205954"/>
    <s v=""/>
    <s v=""/>
    <s v=""/>
    <s v=""/>
    <s v=""/>
    <s v=""/>
    <s v=""/>
    <s v=""/>
    <s v=""/>
    <s v=""/>
    <s v="The cost is based on 2 x 1FE expansion costs as an indicative cost. However, will be dependent on scope and scale of projects"/>
    <s v="Cost are based on = 2022 DFE Scorecard Costs - 1Q2023 BCIS and includes 10% sus uplift"/>
    <s v="HCC response - July 2024"/>
  </r>
  <r>
    <n v="15"/>
    <x v="1"/>
    <s v="Education"/>
    <s v="Secondary Education"/>
    <s v="Expansions of existing Secondary Schools"/>
    <s v="2FE expansion of existing Secondary School, serving all new growth within Tring. Additional land required to facilitate expansion of the secondary school, assumed to be within Dunsley Farm"/>
    <x v="3"/>
    <x v="4"/>
    <x v="2"/>
    <x v="1"/>
    <x v="2"/>
    <s v="N/A"/>
    <s v="N/A"/>
    <n v="11285260"/>
    <n v="11285260"/>
    <s v="S106"/>
    <s v="Essential"/>
    <m/>
    <m/>
    <m/>
    <m/>
    <m/>
    <m/>
    <m/>
    <m/>
    <m/>
    <m/>
    <m/>
    <m/>
    <m/>
    <m/>
    <m/>
    <m/>
    <m/>
    <m/>
    <m/>
    <m/>
    <m/>
    <s v="Yes"/>
    <s v="Yes"/>
    <s v="Yes"/>
    <s v="Yes"/>
    <m/>
    <m/>
    <m/>
    <m/>
    <m/>
    <m/>
    <n v="2251"/>
    <n v="5013.4429142603285"/>
    <s v=""/>
    <s v=""/>
    <s v=""/>
    <s v=""/>
    <s v=""/>
    <s v=""/>
    <s v=""/>
    <s v=""/>
    <s v=""/>
    <s v=""/>
    <s v=""/>
    <s v=""/>
    <s v=""/>
    <s v=""/>
    <s v=""/>
    <s v=""/>
    <s v=""/>
    <s v=""/>
    <s v=""/>
    <s v=""/>
    <s v=""/>
    <n v="1253360.7285650822"/>
    <n v="2005377.1657041314"/>
    <n v="7018820.0799644599"/>
    <n v="1007702.025766326"/>
    <s v=""/>
    <s v=""/>
    <s v=""/>
    <s v=""/>
    <s v=""/>
    <s v=""/>
    <s v="The cost is based on 2 x 1FE expansion costs as an indicative cost. However, will be dependent on scope and scale of projects"/>
    <s v="Cost are based on = 2022 DFE Scorecard Costs - 1Q2023 BCIS and includes 10% sus uplift"/>
    <s v="HCC response - July 2024"/>
  </r>
  <r>
    <n v="16"/>
    <x v="1"/>
    <s v="Education "/>
    <s v="Secondary Education"/>
    <s v="Secondary Education at Land East of Tring "/>
    <s v="HCC would require that land is made available for a secondary solution of up to 6FE to be delivered on this site to ensure that growth in Tring can be appropriately mitigated."/>
    <x v="3"/>
    <x v="8"/>
    <x v="1"/>
    <x v="2"/>
    <x v="3"/>
    <s v="N/A"/>
    <s v="N/A"/>
    <m/>
    <m/>
    <s v="S106"/>
    <s v="Essential"/>
    <m/>
    <m/>
    <m/>
    <m/>
    <m/>
    <m/>
    <m/>
    <m/>
    <m/>
    <m/>
    <m/>
    <m/>
    <m/>
    <m/>
    <m/>
    <m/>
    <m/>
    <m/>
    <m/>
    <m/>
    <m/>
    <m/>
    <m/>
    <s v="Yes"/>
    <m/>
    <m/>
    <m/>
    <m/>
    <m/>
    <m/>
    <m/>
    <n v="1400"/>
    <m/>
    <s v=""/>
    <s v=""/>
    <s v=""/>
    <s v=""/>
    <s v=""/>
    <s v=""/>
    <s v=""/>
    <s v=""/>
    <s v=""/>
    <s v=""/>
    <s v=""/>
    <s v=""/>
    <s v=""/>
    <s v=""/>
    <s v=""/>
    <s v=""/>
    <s v=""/>
    <s v=""/>
    <s v=""/>
    <s v=""/>
    <s v=""/>
    <s v=""/>
    <s v=""/>
    <n v="0"/>
    <s v=""/>
    <s v=""/>
    <s v=""/>
    <s v=""/>
    <s v=""/>
    <s v=""/>
    <s v=""/>
    <m/>
    <m/>
    <s v="HCC response - July 2024"/>
  </r>
  <r>
    <n v="17"/>
    <x v="1"/>
    <s v="Education"/>
    <s v="SEND - Primary"/>
    <s v="Specialist Resource Provision within mainstream Primary School Setting"/>
    <s v="Potential to look at an SRP provision (usually 12 places) in at least at one of the primary schools, subject to future updates of the SEND Strategy in 2025"/>
    <x v="1"/>
    <x v="4"/>
    <x v="2"/>
    <x v="1"/>
    <x v="2"/>
    <s v="N/A"/>
    <s v="N/A"/>
    <n v="840000"/>
    <n v="840000"/>
    <s v="S106"/>
    <s v="Important"/>
    <s v="Yes"/>
    <s v="Yes"/>
    <s v="Yes"/>
    <s v="Yes"/>
    <s v="Yes"/>
    <s v="Yes"/>
    <s v="Yes"/>
    <s v="Yes"/>
    <s v="Yes"/>
    <s v="Yes"/>
    <s v="Yes"/>
    <s v="Yes"/>
    <s v="Yes"/>
    <s v="Yes"/>
    <s v="Yes"/>
    <s v="Yes"/>
    <s v="Yes"/>
    <m/>
    <m/>
    <m/>
    <m/>
    <m/>
    <m/>
    <m/>
    <m/>
    <m/>
    <m/>
    <m/>
    <m/>
    <m/>
    <m/>
    <n v="8859"/>
    <n v="94.818828310193027"/>
    <n v="142228.24246528954"/>
    <n v="18963.765662038604"/>
    <n v="42668.472739586861"/>
    <n v="33186.589908567563"/>
    <n v="28445.648493057906"/>
    <n v="45513.03758889265"/>
    <n v="9481.8828310193021"/>
    <n v="36979.343040975284"/>
    <n v="47409.414155096514"/>
    <n v="47409.414155096514"/>
    <n v="71114.121232644771"/>
    <n v="18963.765662038604"/>
    <n v="22187.605824585167"/>
    <n v="33186.589908567563"/>
    <n v="8533.6945479173719"/>
    <n v="7585.5062648154417"/>
    <n v="226142.90551981036"/>
    <s v=""/>
    <s v=""/>
    <s v=""/>
    <s v=""/>
    <s v=""/>
    <s v=""/>
    <s v=""/>
    <s v=""/>
    <s v=""/>
    <s v=""/>
    <s v=""/>
    <s v=""/>
    <s v=""/>
    <s v=""/>
    <s v="12 places * £70,000 (this is based on the cost per place as at The Laural @ Bushey Meads)"/>
    <m/>
    <s v="HCC response - July 2024"/>
  </r>
  <r>
    <n v="18"/>
    <x v="1"/>
    <s v="Education"/>
    <s v="SEND - Secondary"/>
    <s v="Specialist Resource Provision within mainstream Secondary School setting"/>
    <s v="Potential to look at an SRP provision (usually 20 places) in at least at one of the secondary schools, subject to future updates of the SEND Strategy in 2025"/>
    <x v="1"/>
    <x v="4"/>
    <x v="2"/>
    <x v="1"/>
    <x v="4"/>
    <s v="N/A"/>
    <s v="N/A"/>
    <n v="1400000"/>
    <n v="1400000"/>
    <s v="S106"/>
    <s v="Important"/>
    <s v="Yes"/>
    <s v="Yes"/>
    <s v="Yes"/>
    <s v="Yes"/>
    <s v="Yes"/>
    <s v="Yes"/>
    <s v="Yes"/>
    <s v="Yes"/>
    <s v="Yes"/>
    <s v="Yes"/>
    <s v="Yes"/>
    <s v="Yes"/>
    <s v="Yes"/>
    <s v="Yes"/>
    <s v="Yes"/>
    <s v="Yes"/>
    <s v="Yes"/>
    <m/>
    <m/>
    <m/>
    <m/>
    <m/>
    <m/>
    <m/>
    <m/>
    <m/>
    <m/>
    <m/>
    <m/>
    <m/>
    <m/>
    <n v="8859"/>
    <n v="158.03138051698838"/>
    <n v="237047.07077548257"/>
    <n v="31606.276103397675"/>
    <n v="71114.121232644771"/>
    <n v="55310.983180945936"/>
    <n v="47409.414155096514"/>
    <n v="75855.062648154417"/>
    <n v="15803.138051698837"/>
    <n v="61632.238401625465"/>
    <n v="79015.690258494185"/>
    <n v="79015.690258494185"/>
    <n v="118523.53538774129"/>
    <n v="31606.276103397675"/>
    <n v="36979.343040975284"/>
    <n v="55310.983180945936"/>
    <n v="14222.824246528953"/>
    <n v="12642.510441359071"/>
    <n v="376904.84253301728"/>
    <s v=""/>
    <s v=""/>
    <s v=""/>
    <s v=""/>
    <s v=""/>
    <s v=""/>
    <s v=""/>
    <s v=""/>
    <s v=""/>
    <s v=""/>
    <s v=""/>
    <s v=""/>
    <s v=""/>
    <s v=""/>
    <s v="20 places * £70,000 (this is based on the cost per place as at The Laural @ Bushey Meads)"/>
    <m/>
    <s v="HCC response - July 2024"/>
  </r>
  <r>
    <n v="19"/>
    <x v="1"/>
    <s v="Education"/>
    <s v="SEND - Primary"/>
    <s v="Specialist Resource Provision within mainstream Primary School Setting"/>
    <s v="Potential to look at an SRP provision (usually 12 places) in at least at one of the primary schools, subject to future updates of the SEND Strategy in 2025"/>
    <x v="2"/>
    <x v="4"/>
    <x v="2"/>
    <x v="1"/>
    <x v="2"/>
    <s v="N/A"/>
    <s v="N/A"/>
    <n v="840000"/>
    <n v="840000"/>
    <s v="S106"/>
    <s v="Important"/>
    <m/>
    <m/>
    <m/>
    <m/>
    <m/>
    <m/>
    <m/>
    <m/>
    <m/>
    <m/>
    <m/>
    <m/>
    <m/>
    <m/>
    <m/>
    <m/>
    <m/>
    <s v="Yes"/>
    <s v="Yes"/>
    <s v="Yes"/>
    <s v="Yes"/>
    <m/>
    <m/>
    <m/>
    <m/>
    <m/>
    <m/>
    <m/>
    <m/>
    <m/>
    <m/>
    <n v="1277"/>
    <n v="657.79169929522322"/>
    <s v=""/>
    <s v=""/>
    <s v=""/>
    <s v=""/>
    <s v=""/>
    <s v=""/>
    <s v=""/>
    <s v=""/>
    <s v=""/>
    <s v=""/>
    <s v=""/>
    <s v=""/>
    <s v=""/>
    <s v=""/>
    <s v=""/>
    <s v=""/>
    <s v=""/>
    <n v="509788.566953798"/>
    <n v="65779.169929522322"/>
    <n v="65779.169929522322"/>
    <n v="198653.09318715741"/>
    <s v=""/>
    <s v=""/>
    <s v=""/>
    <s v=""/>
    <s v=""/>
    <s v=""/>
    <s v=""/>
    <s v=""/>
    <s v=""/>
    <s v=""/>
    <s v="12 places * £70,000 (this is based on the cost per place as at The Laural @ Bushey Meads)"/>
    <m/>
    <s v="HCC response - July 2024"/>
  </r>
  <r>
    <n v="20"/>
    <x v="1"/>
    <s v="Education"/>
    <s v="SEND - Primary"/>
    <s v="Specialist Resource Provision within mainstream Primary School Setting"/>
    <s v="Potential to look at an SRP provision (usually 12 places) in at least at one of the primary schools, subject to future updates of the SEND Strategy in 2025"/>
    <x v="3"/>
    <x v="4"/>
    <x v="2"/>
    <x v="1"/>
    <x v="2"/>
    <s v="N/A"/>
    <s v="N/A"/>
    <n v="840000"/>
    <n v="840000"/>
    <s v="S106"/>
    <s v="Important"/>
    <m/>
    <m/>
    <m/>
    <m/>
    <m/>
    <m/>
    <m/>
    <m/>
    <m/>
    <m/>
    <m/>
    <m/>
    <m/>
    <m/>
    <m/>
    <m/>
    <m/>
    <m/>
    <m/>
    <m/>
    <m/>
    <s v="Yes"/>
    <s v="Yes"/>
    <s v="Yes"/>
    <s v="Yes"/>
    <m/>
    <m/>
    <m/>
    <m/>
    <m/>
    <m/>
    <n v="2251"/>
    <n v="373.16748111950244"/>
    <s v=""/>
    <s v=""/>
    <s v=""/>
    <s v=""/>
    <s v=""/>
    <s v=""/>
    <s v=""/>
    <s v=""/>
    <s v=""/>
    <s v=""/>
    <s v=""/>
    <s v=""/>
    <s v=""/>
    <s v=""/>
    <s v=""/>
    <s v=""/>
    <s v=""/>
    <s v=""/>
    <s v=""/>
    <s v=""/>
    <s v=""/>
    <n v="93291.870279875613"/>
    <n v="149266.99244780096"/>
    <n v="522434.47356730344"/>
    <n v="75006.663705019993"/>
    <s v=""/>
    <s v=""/>
    <s v=""/>
    <s v=""/>
    <s v=""/>
    <s v=""/>
    <s v="12 places * £70,000 (this is based on the cost per place as at The Laural @ Bushey Meads)"/>
    <m/>
    <s v="HCC response - July 2024"/>
  </r>
  <r>
    <n v="21"/>
    <x v="1"/>
    <s v="Education"/>
    <s v="Childcare 0-2 year olds (private provision)"/>
    <s v="New Childcare Setting serving Marchmont Farm"/>
    <s v="1 x 50 place setting - The provision will need to be approximately 325sqm (which includes both internal (275sqm) and outdoor (50sqm) space) and built to Ofsted requirements."/>
    <x v="1"/>
    <x v="9"/>
    <x v="1"/>
    <x v="1"/>
    <x v="2"/>
    <s v="N/A"/>
    <s v="N/A"/>
    <n v="1023425"/>
    <n v="1023425"/>
    <s v="S106"/>
    <s v="Essential"/>
    <m/>
    <m/>
    <m/>
    <m/>
    <m/>
    <m/>
    <m/>
    <m/>
    <m/>
    <m/>
    <m/>
    <m/>
    <m/>
    <s v="Yes"/>
    <m/>
    <m/>
    <m/>
    <m/>
    <m/>
    <m/>
    <m/>
    <m/>
    <m/>
    <m/>
    <m/>
    <m/>
    <m/>
    <m/>
    <m/>
    <m/>
    <m/>
    <n v="350"/>
    <n v="2924.0714285714284"/>
    <s v=""/>
    <s v=""/>
    <s v=""/>
    <s v=""/>
    <s v=""/>
    <s v=""/>
    <s v=""/>
    <s v=""/>
    <s v=""/>
    <s v=""/>
    <s v=""/>
    <s v=""/>
    <s v=""/>
    <n v="1023425"/>
    <s v=""/>
    <s v=""/>
    <s v=""/>
    <s v=""/>
    <s v=""/>
    <s v=""/>
    <s v=""/>
    <s v=""/>
    <s v=""/>
    <s v=""/>
    <s v=""/>
    <s v=""/>
    <s v=""/>
    <s v=""/>
    <s v=""/>
    <s v=""/>
    <s v=""/>
    <s v="£3,149 per sqm * 325sqm = £1,023,425"/>
    <s v="DCG costs - index linked to 1Q2023"/>
    <s v="HCC response - July 2024"/>
  </r>
  <r>
    <n v="22"/>
    <x v="1"/>
    <s v="Education"/>
    <s v="Childcare 0-2 year olds (private provision)"/>
    <s v="New Childcare Setting serving Station Gateway/National Grid"/>
    <s v="1 x 50 place setting - The provision will need to be approximately 325sqm (which includes both internal (275sqm) and outdoor (50sqm) space) and built to Ofsted requirements."/>
    <x v="1"/>
    <x v="10"/>
    <x v="1"/>
    <x v="1"/>
    <x v="2"/>
    <s v="N/A"/>
    <s v="N/A"/>
    <n v="1023425"/>
    <n v="1023425"/>
    <s v="S106"/>
    <s v="Essential"/>
    <m/>
    <m/>
    <m/>
    <m/>
    <m/>
    <m/>
    <m/>
    <s v="Yes"/>
    <m/>
    <m/>
    <m/>
    <m/>
    <m/>
    <m/>
    <m/>
    <m/>
    <m/>
    <m/>
    <m/>
    <m/>
    <m/>
    <m/>
    <m/>
    <m/>
    <m/>
    <m/>
    <m/>
    <m/>
    <m/>
    <m/>
    <m/>
    <n v="390"/>
    <n v="2624.1666666666665"/>
    <s v=""/>
    <s v=""/>
    <s v=""/>
    <s v=""/>
    <s v=""/>
    <s v=""/>
    <s v=""/>
    <n v="1023424.9999999999"/>
    <s v=""/>
    <s v=""/>
    <s v=""/>
    <s v=""/>
    <s v=""/>
    <s v=""/>
    <s v=""/>
    <s v=""/>
    <s v=""/>
    <s v=""/>
    <s v=""/>
    <s v=""/>
    <s v=""/>
    <s v=""/>
    <s v=""/>
    <s v=""/>
    <s v=""/>
    <s v=""/>
    <s v=""/>
    <s v=""/>
    <s v=""/>
    <s v=""/>
    <s v=""/>
    <s v="£3,149 per sqm * 325sqm = £1,023,425"/>
    <s v="DCG costs - index linked to 1Q2024"/>
    <s v="HCC response - July 2024"/>
  </r>
  <r>
    <n v="23"/>
    <x v="1"/>
    <s v="Education"/>
    <s v="Childcare 0-2 year olds (private provision)"/>
    <s v="New Childcare Setting serving Shendish Manor and Fairfields"/>
    <s v="1 x 50 place setting - The provision will need to be approximately 325sqm (which includes both internal (275sqm) and outdoor (50sqm) space) and built to Ofsted requirements."/>
    <x v="1"/>
    <x v="3"/>
    <x v="1"/>
    <x v="1"/>
    <x v="2"/>
    <s v="N/A"/>
    <s v="N/A"/>
    <n v="1023425"/>
    <n v="1023425"/>
    <s v="S106"/>
    <s v="Essential"/>
    <m/>
    <m/>
    <m/>
    <m/>
    <m/>
    <m/>
    <m/>
    <m/>
    <m/>
    <s v="Yes"/>
    <m/>
    <m/>
    <m/>
    <m/>
    <m/>
    <m/>
    <m/>
    <m/>
    <m/>
    <m/>
    <m/>
    <m/>
    <m/>
    <m/>
    <m/>
    <m/>
    <m/>
    <m/>
    <m/>
    <m/>
    <m/>
    <n v="500"/>
    <n v="2046.85"/>
    <s v=""/>
    <s v=""/>
    <s v=""/>
    <s v=""/>
    <s v=""/>
    <s v=""/>
    <s v=""/>
    <s v=""/>
    <s v=""/>
    <n v="1023425"/>
    <s v=""/>
    <s v=""/>
    <s v=""/>
    <s v=""/>
    <s v=""/>
    <s v=""/>
    <s v=""/>
    <s v=""/>
    <s v=""/>
    <s v=""/>
    <s v=""/>
    <s v=""/>
    <s v=""/>
    <s v=""/>
    <s v=""/>
    <s v=""/>
    <s v=""/>
    <s v=""/>
    <s v=""/>
    <s v=""/>
    <s v=""/>
    <s v="£3,149 per sqm * 325sqm = £1,023,425"/>
    <s v="DCG costs - index linked to 1Q2025"/>
    <s v="HCC response - July 2024"/>
  </r>
  <r>
    <n v="24"/>
    <x v="1"/>
    <s v="Education"/>
    <s v="Childcare 0-2 year olds (private provision)"/>
    <s v="New Childcare Settings serving North Hemel"/>
    <s v="2 x 50 place setting - The provision will need to be approximately 325sqm (which includes both internal (275sqm) and outdoor (50sqm) space) and built to Ofsted requirements."/>
    <x v="1"/>
    <x v="1"/>
    <x v="1"/>
    <x v="1"/>
    <x v="4"/>
    <s v="N/A"/>
    <s v="N/A"/>
    <n v="2046850"/>
    <n v="2046850"/>
    <s v="S106"/>
    <s v="Essential"/>
    <s v="Yes"/>
    <m/>
    <m/>
    <m/>
    <m/>
    <m/>
    <m/>
    <m/>
    <m/>
    <m/>
    <m/>
    <m/>
    <m/>
    <m/>
    <m/>
    <m/>
    <m/>
    <m/>
    <m/>
    <m/>
    <m/>
    <m/>
    <m/>
    <m/>
    <m/>
    <m/>
    <m/>
    <m/>
    <m/>
    <m/>
    <m/>
    <n v="1500"/>
    <n v="1364.5666666666666"/>
    <n v="2046850"/>
    <s v=""/>
    <s v=""/>
    <s v=""/>
    <s v=""/>
    <s v=""/>
    <s v=""/>
    <s v=""/>
    <s v=""/>
    <s v=""/>
    <s v=""/>
    <s v=""/>
    <s v=""/>
    <s v=""/>
    <s v=""/>
    <s v=""/>
    <s v=""/>
    <s v=""/>
    <s v=""/>
    <s v=""/>
    <s v=""/>
    <s v=""/>
    <s v=""/>
    <s v=""/>
    <s v=""/>
    <s v=""/>
    <s v=""/>
    <s v=""/>
    <s v=""/>
    <s v=""/>
    <s v=""/>
    <s v="£3,149 per sqm * 325sqm = £1,023,425_x000a_2 settings *£1,023,425 = £2,046,850"/>
    <s v="DCG costs - index linked to 1Q2026"/>
    <s v="HCC response - July 2024"/>
  </r>
  <r>
    <n v="25"/>
    <x v="1"/>
    <s v="Education"/>
    <s v="Childcare 0-2 year olds (private provision)"/>
    <s v="New Childcare Setting serving Hemel Hempstead Hospital / Market Square"/>
    <s v="1 x 50 place setting - The provision will need to be approximately 325sqm (which includes both internal (275sqm) and outdoor (50sqm) space) and built to Ofsted requirements."/>
    <x v="1"/>
    <x v="11"/>
    <x v="1"/>
    <x v="1"/>
    <x v="4"/>
    <s v="N/A"/>
    <s v="N/A"/>
    <n v="1023425"/>
    <n v="1023425"/>
    <s v="S106"/>
    <s v="Essential"/>
    <m/>
    <m/>
    <s v="Yes"/>
    <m/>
    <m/>
    <m/>
    <m/>
    <m/>
    <m/>
    <m/>
    <m/>
    <m/>
    <m/>
    <m/>
    <m/>
    <m/>
    <m/>
    <m/>
    <m/>
    <m/>
    <m/>
    <m/>
    <m/>
    <m/>
    <m/>
    <m/>
    <m/>
    <m/>
    <m/>
    <m/>
    <m/>
    <n v="450"/>
    <n v="2274.2777777777778"/>
    <s v=""/>
    <s v=""/>
    <n v="1023425"/>
    <s v=""/>
    <s v=""/>
    <s v=""/>
    <s v=""/>
    <s v=""/>
    <s v=""/>
    <s v=""/>
    <s v=""/>
    <s v=""/>
    <s v=""/>
    <s v=""/>
    <s v=""/>
    <s v=""/>
    <s v=""/>
    <s v=""/>
    <s v=""/>
    <s v=""/>
    <s v=""/>
    <s v=""/>
    <s v=""/>
    <s v=""/>
    <s v=""/>
    <s v=""/>
    <s v=""/>
    <s v=""/>
    <s v=""/>
    <s v=""/>
    <s v=""/>
    <s v="£3,149 per sqm * 325sqm = £1,023,425"/>
    <s v="DCG costs - index linked to 1Q2027"/>
    <s v="HCC response - July 2024"/>
  </r>
  <r>
    <n v="26"/>
    <x v="1"/>
    <s v="Education"/>
    <s v="Childcare 0-2 year old (private provision)"/>
    <s v="Expansions of existing childcare setting"/>
    <s v="Where the proposed quantity of growth does not require provision of addition childcare settings when considering the existing surplus of childcare places. S106 or CIL may need to be made available to fund the wider childcare and nursery requirements for the borough."/>
    <x v="6"/>
    <x v="4"/>
    <x v="2"/>
    <x v="1"/>
    <x v="2"/>
    <s v="N/A"/>
    <s v="N/A"/>
    <n v="103625"/>
    <n v="103625"/>
    <s v="S106"/>
    <s v="Essential"/>
    <m/>
    <m/>
    <m/>
    <m/>
    <m/>
    <m/>
    <m/>
    <m/>
    <m/>
    <m/>
    <m/>
    <m/>
    <m/>
    <m/>
    <m/>
    <m/>
    <m/>
    <s v="Yes"/>
    <m/>
    <m/>
    <m/>
    <m/>
    <m/>
    <m/>
    <m/>
    <m/>
    <m/>
    <m/>
    <m/>
    <m/>
    <m/>
    <n v="775"/>
    <n v="133.70967741935485"/>
    <s v=""/>
    <s v=""/>
    <s v=""/>
    <s v=""/>
    <s v=""/>
    <s v=""/>
    <s v=""/>
    <s v=""/>
    <s v=""/>
    <s v=""/>
    <s v=""/>
    <s v=""/>
    <s v=""/>
    <s v=""/>
    <s v=""/>
    <s v=""/>
    <s v=""/>
    <n v="103625"/>
    <s v=""/>
    <s v=""/>
    <s v=""/>
    <s v=""/>
    <s v=""/>
    <s v=""/>
    <s v=""/>
    <s v=""/>
    <s v=""/>
    <s v=""/>
    <s v=""/>
    <s v=""/>
    <s v=""/>
    <s v="0-1 year olds: £959.49 x 60 = £57,569_x000a_2 year olds: £959.49 x 48 = £46,056_x000a__x000a_This is an indicative cost based on the current uptake for 0-2 year old free-hours. These costs could change when the further phases are rolled out over the coming years"/>
    <s v="Based upon resources project costs from the HCC DCG 2021_x000a_Index linked to BCIS 1Q2022."/>
    <s v="HCC response - July 2024"/>
  </r>
  <r>
    <n v="27"/>
    <x v="1"/>
    <s v="Education"/>
    <s v="Childcare 5-11 year old_x000a_(wraparound care)"/>
    <s v="5-11 Wraparound Care"/>
    <s v="By September 2026, all schools will need to have a ‘wraparound childcare’ provision. As this provision is usually delivered on site, either at the school or in partnership with another school, HCC will seek developer contributions only towards resource costs. Additional facilities will not need to be provided."/>
    <x v="7"/>
    <x v="4"/>
    <x v="2"/>
    <x v="1"/>
    <x v="2"/>
    <s v="N/A"/>
    <s v="N/A"/>
    <n v="125292"/>
    <n v="125292"/>
    <s v="S106"/>
    <s v="Essential"/>
    <s v="Yes"/>
    <m/>
    <m/>
    <m/>
    <m/>
    <m/>
    <m/>
    <m/>
    <m/>
    <m/>
    <m/>
    <m/>
    <m/>
    <m/>
    <m/>
    <m/>
    <m/>
    <m/>
    <m/>
    <m/>
    <m/>
    <m/>
    <m/>
    <m/>
    <m/>
    <m/>
    <m/>
    <m/>
    <m/>
    <m/>
    <m/>
    <n v="1500"/>
    <n v="83.528000000000006"/>
    <n v="125292.00000000001"/>
    <s v=""/>
    <s v=""/>
    <s v=""/>
    <s v=""/>
    <s v=""/>
    <s v=""/>
    <s v=""/>
    <s v=""/>
    <s v=""/>
    <s v=""/>
    <s v=""/>
    <s v=""/>
    <s v=""/>
    <s v=""/>
    <s v=""/>
    <s v=""/>
    <s v=""/>
    <s v=""/>
    <s v=""/>
    <s v=""/>
    <s v=""/>
    <s v=""/>
    <s v=""/>
    <s v=""/>
    <s v=""/>
    <s v=""/>
    <s v=""/>
    <s v=""/>
    <s v=""/>
    <s v=""/>
    <s v="5-11 year olds: £222.94 x 562 = £125,292_x000a__x000a_This is an indicative cost at this point in time. Costs can change as further phases are rolled out over the coming years."/>
    <s v="Based upon resources project costs from the HCC DCG 2021_x000a_Index linked to BCIS 1Q2022."/>
    <s v="HCC response - July 2024"/>
  </r>
  <r>
    <n v="28"/>
    <x v="1"/>
    <s v="Healthcare"/>
    <s v="Primary Healthcare"/>
    <s v="Kings Langley Surgery"/>
    <s v="The HWE ICB has  approved the practice’s Outline Business Case to extend and reconfigure their premises, which will enable the practice to better cope with existing pressures as well as absorb some additional growth._x000a_The HWE ICB would seek financial contribution from the Grange Farm site. "/>
    <x v="8"/>
    <x v="12"/>
    <x v="2"/>
    <x v="3"/>
    <x v="5"/>
    <s v="N/A"/>
    <s v="N/A"/>
    <m/>
    <m/>
    <s v="External Funding/ S106"/>
    <s v="Essential"/>
    <m/>
    <m/>
    <m/>
    <m/>
    <m/>
    <m/>
    <m/>
    <m/>
    <m/>
    <m/>
    <m/>
    <m/>
    <m/>
    <m/>
    <m/>
    <m/>
    <m/>
    <m/>
    <m/>
    <m/>
    <m/>
    <m/>
    <m/>
    <m/>
    <m/>
    <m/>
    <m/>
    <s v="Yes"/>
    <m/>
    <m/>
    <m/>
    <n v="67"/>
    <m/>
    <s v=""/>
    <s v=""/>
    <s v=""/>
    <s v=""/>
    <s v=""/>
    <s v=""/>
    <s v=""/>
    <s v=""/>
    <s v=""/>
    <s v=""/>
    <s v=""/>
    <s v=""/>
    <s v=""/>
    <s v=""/>
    <s v=""/>
    <s v=""/>
    <s v=""/>
    <s v=""/>
    <s v=""/>
    <s v=""/>
    <s v=""/>
    <s v=""/>
    <s v=""/>
    <s v=""/>
    <s v=""/>
    <s v=""/>
    <s v=""/>
    <n v="0"/>
    <s v=""/>
    <s v=""/>
    <s v=""/>
    <m/>
    <s v="Windfall sites may be expected to contribute, please refer to the Helathcare chapter in the IDP. "/>
    <s v="HWE ICB Regulation 18 response "/>
  </r>
  <r>
    <n v="29"/>
    <x v="1"/>
    <s v="Healthcare"/>
    <s v="Primary Healthcare"/>
    <s v="Grovehill Surgery"/>
    <s v="The HWE ICB has approved the practice’s Project _x000a_Initiation Document (PID) for the relocation within the close proximity of their existing site. _x000a_An Outline Business Case is anticipated in 2024. This scheme is expected to cater for the practice’s current patient population as well as some moderate growth._x000a_The HWE ICB would seek financial contribution from the Marchmont Farm. As well as the Grovehill Neighbourhood Development Plan."/>
    <x v="1"/>
    <x v="9"/>
    <x v="2"/>
    <x v="3"/>
    <x v="6"/>
    <s v="N/A"/>
    <s v="N/A"/>
    <m/>
    <m/>
    <s v="External Funding/ S106"/>
    <s v="Essential"/>
    <m/>
    <m/>
    <m/>
    <m/>
    <m/>
    <m/>
    <m/>
    <m/>
    <m/>
    <m/>
    <m/>
    <m/>
    <m/>
    <m/>
    <m/>
    <m/>
    <s v="Yes"/>
    <m/>
    <m/>
    <m/>
    <m/>
    <m/>
    <m/>
    <m/>
    <m/>
    <m/>
    <m/>
    <m/>
    <m/>
    <m/>
    <m/>
    <n v="2385"/>
    <m/>
    <s v=""/>
    <s v=""/>
    <s v=""/>
    <s v=""/>
    <s v=""/>
    <s v=""/>
    <s v=""/>
    <s v=""/>
    <s v=""/>
    <s v=""/>
    <s v=""/>
    <s v=""/>
    <s v=""/>
    <s v=""/>
    <s v=""/>
    <s v=""/>
    <n v="0"/>
    <s v=""/>
    <s v=""/>
    <s v=""/>
    <s v=""/>
    <s v=""/>
    <s v=""/>
    <s v=""/>
    <s v=""/>
    <s v=""/>
    <s v=""/>
    <s v=""/>
    <s v=""/>
    <s v=""/>
    <s v=""/>
    <m/>
    <m/>
    <s v="HWE ICB Regulation 18 response "/>
  </r>
  <r>
    <n v="30"/>
    <x v="1"/>
    <s v="Healthcare"/>
    <s v="Primary Healthcare"/>
    <s v="Rothschild House"/>
    <s v="The HWE ICB has approved practice’s Project Initiation Document (PID) for the relocation of their branch surgery to the proposed new development to the East of Tring (1,400 homes), also known as Marshcroft Farm. Provision of a site not less than 0.2Ha for the purpose of providing a General Practice Doctor's Surgery and a financial contribution towards NHS healthcare would be required. _x000a_The HWE ICB would seek financial contribution from the Dunsley Farm site.  "/>
    <x v="3"/>
    <x v="13"/>
    <x v="1"/>
    <x v="3"/>
    <x v="7"/>
    <s v="N/A"/>
    <s v="N/A"/>
    <n v="1800000"/>
    <n v="1800000"/>
    <s v="External Funding/ S106"/>
    <s v="Essential"/>
    <m/>
    <m/>
    <m/>
    <m/>
    <m/>
    <m/>
    <m/>
    <m/>
    <m/>
    <m/>
    <m/>
    <m/>
    <m/>
    <m/>
    <m/>
    <m/>
    <m/>
    <m/>
    <m/>
    <m/>
    <m/>
    <m/>
    <m/>
    <s v="Yes"/>
    <m/>
    <m/>
    <m/>
    <m/>
    <m/>
    <m/>
    <m/>
    <n v="1400"/>
    <m/>
    <s v=""/>
    <s v=""/>
    <s v=""/>
    <s v=""/>
    <s v=""/>
    <s v=""/>
    <s v=""/>
    <s v=""/>
    <s v=""/>
    <s v=""/>
    <s v=""/>
    <s v=""/>
    <s v=""/>
    <s v=""/>
    <s v=""/>
    <s v=""/>
    <s v=""/>
    <s v=""/>
    <s v=""/>
    <s v=""/>
    <s v=""/>
    <s v=""/>
    <s v=""/>
    <n v="0"/>
    <s v=""/>
    <s v=""/>
    <s v=""/>
    <s v=""/>
    <s v=""/>
    <s v=""/>
    <s v=""/>
    <m/>
    <s v="This project is looking for a delivery of a medical centre and contribution. "/>
    <s v="HWE ICB Regulation 18 response "/>
  </r>
  <r>
    <n v="31"/>
    <x v="1"/>
    <s v="Healthcare"/>
    <s v="Primary Healthcare"/>
    <s v="Healthcare Infrastructure investment to support development at North Hemel"/>
    <s v="The HWE ICB identify the need to reserve an option for one or more on-site facilities in North Hemel. This may take a form of a branch surgery/surgeries or relocation/s."/>
    <x v="1"/>
    <x v="14"/>
    <x v="1"/>
    <x v="3"/>
    <x v="1"/>
    <s v="N/A"/>
    <s v="N/A"/>
    <m/>
    <m/>
    <s v="External Funding/ S106"/>
    <s v="Essential"/>
    <s v="Yes"/>
    <m/>
    <m/>
    <m/>
    <m/>
    <m/>
    <m/>
    <m/>
    <m/>
    <m/>
    <m/>
    <m/>
    <m/>
    <m/>
    <m/>
    <m/>
    <m/>
    <m/>
    <m/>
    <m/>
    <m/>
    <m/>
    <m/>
    <m/>
    <m/>
    <m/>
    <m/>
    <m/>
    <m/>
    <m/>
    <m/>
    <n v="1500"/>
    <n v="0"/>
    <n v="0"/>
    <s v=""/>
    <s v=""/>
    <s v=""/>
    <s v=""/>
    <s v=""/>
    <s v=""/>
    <s v=""/>
    <s v=""/>
    <s v=""/>
    <s v=""/>
    <s v=""/>
    <s v=""/>
    <s v=""/>
    <s v=""/>
    <s v=""/>
    <s v=""/>
    <s v=""/>
    <s v=""/>
    <s v=""/>
    <s v=""/>
    <s v=""/>
    <s v=""/>
    <s v=""/>
    <s v=""/>
    <s v=""/>
    <s v=""/>
    <s v=""/>
    <s v=""/>
    <s v=""/>
    <s v=""/>
    <s v="1,000 dwellings x 2.4 (commonly accepted occupancy factor) = 2,400 new patients _x000a_2,400/ 2,000 = 1.2 GP (based on ratio of 2,000 patients per GP and 199m2 as set out in the NHS England “Premises Principles of Best Practice Part 1 Procurement &amp; Development”)_x000a_1.2 x 199m2 = 238.8 m2 additional space required _x000a_238.8 x £7,000* (build costs including land, fit out and fees) = £1,671,600_x000a_£1,671,600 / 1,000 = £1,671.60~ £1,671 per dwelling "/>
    <s v="Health hub coming forward at East Hemel Hempstead North. North hemel will contribute. "/>
    <s v="HWE ICB Regulation 18 response "/>
  </r>
  <r>
    <n v="32"/>
    <x v="1"/>
    <s v="Healthcare"/>
    <s v="Primary Healthcare"/>
    <s v="Healthcare Infrastructure investment to support development at Shendish Manor and Fairfields. "/>
    <s v="The HWE ICB identify the need to reserve an option for a new health facility at Shendish Manor and Fairfields. "/>
    <x v="1"/>
    <x v="3"/>
    <x v="1"/>
    <x v="3"/>
    <x v="5"/>
    <s v="N/A"/>
    <s v="N/A"/>
    <m/>
    <m/>
    <s v="External Funding/ S106"/>
    <s v="Essential"/>
    <m/>
    <m/>
    <m/>
    <m/>
    <m/>
    <m/>
    <m/>
    <m/>
    <m/>
    <s v="Yes"/>
    <m/>
    <m/>
    <m/>
    <m/>
    <m/>
    <m/>
    <m/>
    <m/>
    <m/>
    <m/>
    <m/>
    <m/>
    <m/>
    <m/>
    <m/>
    <m/>
    <m/>
    <m/>
    <m/>
    <m/>
    <m/>
    <n v="500"/>
    <n v="0"/>
    <s v=""/>
    <s v=""/>
    <s v=""/>
    <s v=""/>
    <s v=""/>
    <s v=""/>
    <s v=""/>
    <s v=""/>
    <s v=""/>
    <n v="0"/>
    <s v=""/>
    <s v=""/>
    <s v=""/>
    <s v=""/>
    <s v=""/>
    <s v=""/>
    <s v=""/>
    <s v=""/>
    <s v=""/>
    <s v=""/>
    <s v=""/>
    <s v=""/>
    <s v=""/>
    <s v=""/>
    <s v=""/>
    <s v=""/>
    <s v=""/>
    <s v=""/>
    <s v=""/>
    <s v=""/>
    <s v=""/>
    <s v="1,000 dwellings x 2.4 (commonly accepted occupancy factor) = 2,400 new patients _x000a_2,400/ 2,000 = 1.2 GP (based on ratio of 2,000 patients per GP and 199m2 as set out in the NHS England “Premises Principles of Best Practice Part 1 Procurement &amp; Development”)_x000a_1.2 x 199m2 = 238.8 m2 additional space required _x000a_238.8 x £7,000* (build costs including land, fit out and fees) = £1,671,600_x000a_£1,671,600 / 1,000 = £1,671.60~ £1,671 per dwelling "/>
    <m/>
    <s v="HWE ICB Regulation 18 response "/>
  </r>
  <r>
    <n v="33"/>
    <x v="1"/>
    <s v="Healthcare"/>
    <s v="Primary Healthcare"/>
    <s v="Healthcare Infrastructure investment to support development at Hemel Hempstead Hospital/Market Square. "/>
    <s v="The HWE ICB identify the need to reserve an option for a new health facility at Hemel Hempstead Hospital Market Square. This may take a form of a branch surgery or a relocation of Fernville practice."/>
    <x v="1"/>
    <x v="15"/>
    <x v="1"/>
    <x v="3"/>
    <x v="8"/>
    <s v="N/A"/>
    <s v="N/A"/>
    <m/>
    <m/>
    <s v="External Funding/ S106"/>
    <s v="Essential"/>
    <m/>
    <m/>
    <m/>
    <m/>
    <m/>
    <m/>
    <m/>
    <s v="Yes"/>
    <m/>
    <m/>
    <m/>
    <m/>
    <m/>
    <m/>
    <m/>
    <m/>
    <m/>
    <m/>
    <m/>
    <m/>
    <m/>
    <m/>
    <m/>
    <m/>
    <m/>
    <m/>
    <m/>
    <m/>
    <m/>
    <m/>
    <m/>
    <n v="390"/>
    <n v="0"/>
    <s v=""/>
    <s v=""/>
    <s v=""/>
    <s v=""/>
    <s v=""/>
    <s v=""/>
    <s v=""/>
    <n v="0"/>
    <s v=""/>
    <s v=""/>
    <s v=""/>
    <s v=""/>
    <s v=""/>
    <s v=""/>
    <s v=""/>
    <s v=""/>
    <s v=""/>
    <s v=""/>
    <s v=""/>
    <s v=""/>
    <s v=""/>
    <s v=""/>
    <s v=""/>
    <s v=""/>
    <s v=""/>
    <s v=""/>
    <s v=""/>
    <s v=""/>
    <s v=""/>
    <s v=""/>
    <s v=""/>
    <s v="1,000 dwellings x 2.4 (commonly accepted occupancy factor) = 2,400 new patients _x000a_2,400/ 2,000 = 1.2 GP (based on ratio of 2,000 patients per GP and 199m2 as set out in the NHS England “Premises Principles of Best Practice Part 1 Procurement &amp; Development”)_x000a_1.2 x 199m2 = 238.8 m2 additional space required _x000a_238.8 x £7,000* (build costs including land, fit out and fees) = £1,671,600_x000a_£1,671,600 / 1,000 = £1,671.60~ £1,671 per dwelling "/>
    <m/>
    <s v="HWE ICB Regulation 18 response "/>
  </r>
  <r>
    <n v="34"/>
    <x v="1"/>
    <s v="Healthcare"/>
    <s v="Primary Healthcare"/>
    <s v="Healthcare Infrastructure investment to support development at South of Berkhamsted "/>
    <s v="The HWE ICB identify the need to reserve an option for a new health facility at South of Berkhamsted, to allow for the relocation to a new, purpose-built premises. The HWE ICB would seek a financial contribution from South of Berkhamsted to improve capacity at Manor Street Surgery. "/>
    <x v="2"/>
    <x v="5"/>
    <x v="1"/>
    <x v="3"/>
    <x v="9"/>
    <s v="N/A"/>
    <s v="N/A"/>
    <m/>
    <m/>
    <s v="External Funding/ S106"/>
    <s v="Essential"/>
    <m/>
    <m/>
    <m/>
    <m/>
    <m/>
    <m/>
    <m/>
    <m/>
    <m/>
    <m/>
    <m/>
    <m/>
    <m/>
    <m/>
    <m/>
    <m/>
    <m/>
    <s v="Yes"/>
    <m/>
    <m/>
    <m/>
    <m/>
    <m/>
    <m/>
    <m/>
    <m/>
    <m/>
    <m/>
    <m/>
    <m/>
    <m/>
    <n v="775"/>
    <n v="0"/>
    <s v=""/>
    <s v=""/>
    <s v=""/>
    <s v=""/>
    <s v=""/>
    <s v=""/>
    <s v=""/>
    <s v=""/>
    <s v=""/>
    <s v=""/>
    <s v=""/>
    <s v=""/>
    <s v=""/>
    <s v=""/>
    <s v=""/>
    <s v=""/>
    <s v=""/>
    <n v="0"/>
    <s v=""/>
    <s v=""/>
    <s v=""/>
    <s v=""/>
    <s v=""/>
    <s v=""/>
    <s v=""/>
    <s v=""/>
    <s v=""/>
    <s v=""/>
    <s v=""/>
    <s v=""/>
    <s v=""/>
    <s v="1,000 dwellings x 2.4 (commonly accepted occupancy factor) = 2,400 new patients _x000a_2,400/ 2,000 = 1.2 GP (based on ratio of 2,000 patients per GP and 199m2 as set out in the NHS England “Premises Principles of Best Practice Part 1 Procurement &amp; Development”)_x000a_1.2 x 199m2 = 238.8 m2 additional space required _x000a_238.8 x £7,000* (build costs including land, fit out and fees) = £1,671,600_x000a_£1,671,600 / 1,000 = £1,671.60~ £1,671 per dwelling "/>
    <m/>
    <s v="HWE ICB Regulation 18 response "/>
  </r>
  <r>
    <n v="35"/>
    <x v="1"/>
    <s v="Healthcare"/>
    <s v="Primary Healthcare"/>
    <s v="Healthcare Infrastructure investment to support development at Marchmont Farm, Hemel Hempstead "/>
    <s v="Associated Healthcare Provision (i.e. GP provision) requirements to support development at West of London Colney."/>
    <x v="1"/>
    <x v="9"/>
    <x v="1"/>
    <x v="3"/>
    <x v="10"/>
    <s v="N/A"/>
    <s v="N/A"/>
    <m/>
    <m/>
    <s v="External Funding/ S106"/>
    <s v="Essential"/>
    <m/>
    <m/>
    <m/>
    <m/>
    <m/>
    <m/>
    <m/>
    <m/>
    <m/>
    <m/>
    <m/>
    <m/>
    <m/>
    <s v="Yes"/>
    <m/>
    <m/>
    <m/>
    <m/>
    <m/>
    <m/>
    <m/>
    <m/>
    <m/>
    <m/>
    <m/>
    <m/>
    <m/>
    <m/>
    <m/>
    <m/>
    <m/>
    <n v="350"/>
    <n v="0"/>
    <s v=""/>
    <s v=""/>
    <s v=""/>
    <s v=""/>
    <s v=""/>
    <s v=""/>
    <s v=""/>
    <s v=""/>
    <s v=""/>
    <s v=""/>
    <s v=""/>
    <s v=""/>
    <s v=""/>
    <n v="0"/>
    <s v=""/>
    <s v=""/>
    <s v=""/>
    <s v=""/>
    <s v=""/>
    <s v=""/>
    <s v=""/>
    <s v=""/>
    <s v=""/>
    <s v=""/>
    <s v=""/>
    <s v=""/>
    <s v=""/>
    <s v=""/>
    <s v=""/>
    <s v=""/>
    <s v=""/>
    <s v="1,000 dwellings x 2.4 (commonly accepted occupancy factor) = 2,400 new patients _x000a_2,400/ 2,000 = 1.2 GP (based on ratio of 2,000 patients per GP and 199m2 as set out in the NHS England “Premises Principles of Best Practice Part 1 Procurement &amp; Development”)_x000a_1.2 x 199m2 = 238.8 m2 additional space required _x000a_238.8 x £7,000* (build costs including land, fit out and fees) = £1,671,600_x000a_£1,671,600 / 1,000 = £1,671.60~ £1,671 per dwelling "/>
    <m/>
    <s v="HWE ICB Regulation 18 response "/>
  </r>
  <r>
    <n v="36"/>
    <x v="1"/>
    <s v="Healthcare"/>
    <s v="Primary / Secondary Healthcare"/>
    <s v="Hemel Hempstead Health Campus"/>
    <s v="Potential new Health Campus"/>
    <x v="1"/>
    <x v="15"/>
    <x v="1"/>
    <x v="3"/>
    <x v="11"/>
    <s v="N/A"/>
    <s v="N/A"/>
    <m/>
    <m/>
    <s v="TBC"/>
    <s v="Essential"/>
    <m/>
    <m/>
    <m/>
    <m/>
    <m/>
    <m/>
    <m/>
    <m/>
    <m/>
    <m/>
    <m/>
    <m/>
    <m/>
    <m/>
    <m/>
    <m/>
    <m/>
    <m/>
    <m/>
    <m/>
    <m/>
    <m/>
    <m/>
    <m/>
    <m/>
    <m/>
    <m/>
    <m/>
    <m/>
    <m/>
    <m/>
    <n v="0"/>
    <m/>
    <s v=""/>
    <s v=""/>
    <s v=""/>
    <s v=""/>
    <s v=""/>
    <s v=""/>
    <s v=""/>
    <s v=""/>
    <s v=""/>
    <s v=""/>
    <s v=""/>
    <s v=""/>
    <s v=""/>
    <s v=""/>
    <s v=""/>
    <s v=""/>
    <s v=""/>
    <s v=""/>
    <s v=""/>
    <s v=""/>
    <s v=""/>
    <s v=""/>
    <s v=""/>
    <s v=""/>
    <s v=""/>
    <s v=""/>
    <s v=""/>
    <s v=""/>
    <s v=""/>
    <s v=""/>
    <s v=""/>
    <m/>
    <m/>
    <m/>
  </r>
  <r>
    <n v="37"/>
    <x v="1"/>
    <s v="Healthcare"/>
    <s v="Adult Care Services "/>
    <s v="Provision for Adult Care Services at Land South Berkhamsted"/>
    <s v="HCC recommends the inclusion of one extra-care setting comprising of 70-80 self-contained units"/>
    <x v="2"/>
    <x v="5"/>
    <x v="1"/>
    <x v="4"/>
    <x v="9"/>
    <s v="N/A"/>
    <s v="N/A"/>
    <m/>
    <m/>
    <s v="S106"/>
    <s v="Essential"/>
    <m/>
    <m/>
    <m/>
    <m/>
    <m/>
    <m/>
    <m/>
    <m/>
    <m/>
    <m/>
    <m/>
    <m/>
    <m/>
    <m/>
    <m/>
    <m/>
    <m/>
    <s v="Yes"/>
    <m/>
    <m/>
    <m/>
    <m/>
    <m/>
    <m/>
    <m/>
    <m/>
    <m/>
    <m/>
    <m/>
    <m/>
    <m/>
    <n v="775"/>
    <m/>
    <s v=""/>
    <s v=""/>
    <s v=""/>
    <s v=""/>
    <s v=""/>
    <s v=""/>
    <s v=""/>
    <s v=""/>
    <s v=""/>
    <s v=""/>
    <s v=""/>
    <s v=""/>
    <s v=""/>
    <s v=""/>
    <s v=""/>
    <s v=""/>
    <s v=""/>
    <n v="0"/>
    <s v=""/>
    <s v=""/>
    <s v=""/>
    <s v=""/>
    <s v=""/>
    <s v=""/>
    <s v=""/>
    <s v=""/>
    <s v=""/>
    <s v=""/>
    <s v=""/>
    <s v=""/>
    <s v=""/>
    <m/>
    <m/>
    <s v="HCC August 2024 Response to Draft IDP"/>
  </r>
  <r>
    <n v="38"/>
    <x v="1"/>
    <s v="Healthcare"/>
    <s v="Adult Care Services "/>
    <s v="Adult Care Facilities at North Hemel "/>
    <s v="HCC recommends an extra care setting of 70-80 self-contained units (preferably social housing); one 70-80 bed nursing home and 6 supported living units for people with learning and/or physical disabilities. On the Crown Estate area HCC recommends one Integrated Retirement Community of a minimum of 160 self-contained units; one 70-80 bed nursing home and 6 supported living units for people with learning and/or physical disabilities. "/>
    <x v="1"/>
    <x v="14"/>
    <x v="1"/>
    <x v="4"/>
    <x v="1"/>
    <s v="N/A"/>
    <s v="N/A"/>
    <m/>
    <m/>
    <s v="S106"/>
    <s v="Essential"/>
    <s v="Yes"/>
    <m/>
    <m/>
    <m/>
    <m/>
    <m/>
    <m/>
    <m/>
    <m/>
    <m/>
    <m/>
    <m/>
    <m/>
    <m/>
    <m/>
    <m/>
    <m/>
    <m/>
    <m/>
    <m/>
    <m/>
    <m/>
    <m/>
    <m/>
    <m/>
    <m/>
    <m/>
    <m/>
    <m/>
    <m/>
    <m/>
    <n v="1500"/>
    <m/>
    <n v="0"/>
    <s v=""/>
    <s v=""/>
    <s v=""/>
    <s v=""/>
    <s v=""/>
    <s v=""/>
    <s v=""/>
    <s v=""/>
    <s v=""/>
    <s v=""/>
    <s v=""/>
    <s v=""/>
    <s v=""/>
    <s v=""/>
    <s v=""/>
    <s v=""/>
    <s v=""/>
    <s v=""/>
    <s v=""/>
    <s v=""/>
    <s v=""/>
    <s v=""/>
    <s v=""/>
    <s v=""/>
    <s v=""/>
    <s v=""/>
    <s v=""/>
    <s v=""/>
    <s v=""/>
    <s v=""/>
    <m/>
    <m/>
    <s v="HCC Revised Regulation  18 response "/>
  </r>
  <r>
    <n v="39"/>
    <x v="1"/>
    <s v="Healthcare"/>
    <s v="Adult Care Services "/>
    <s v="Adult Care Facilities at Hemel Hempstead Hospital / Market Square "/>
    <s v="HCC suggest that a town centre location either at this site or at Paradise would be suitable for a housing with care scheme and would therefore suggest provision at one of these sites. "/>
    <x v="1"/>
    <x v="2"/>
    <x v="1"/>
    <x v="4"/>
    <x v="8"/>
    <s v="N/A"/>
    <s v="N/A"/>
    <m/>
    <m/>
    <s v="S106"/>
    <s v="Essential"/>
    <m/>
    <m/>
    <s v="Yes"/>
    <m/>
    <m/>
    <m/>
    <m/>
    <m/>
    <m/>
    <m/>
    <m/>
    <m/>
    <m/>
    <m/>
    <m/>
    <m/>
    <m/>
    <m/>
    <m/>
    <m/>
    <m/>
    <m/>
    <m/>
    <m/>
    <m/>
    <m/>
    <m/>
    <m/>
    <m/>
    <m/>
    <m/>
    <n v="450"/>
    <m/>
    <s v=""/>
    <s v=""/>
    <n v="0"/>
    <s v=""/>
    <s v=""/>
    <s v=""/>
    <s v=""/>
    <s v=""/>
    <s v=""/>
    <s v=""/>
    <s v=""/>
    <s v=""/>
    <s v=""/>
    <s v=""/>
    <s v=""/>
    <s v=""/>
    <s v=""/>
    <s v=""/>
    <s v=""/>
    <s v=""/>
    <s v=""/>
    <s v=""/>
    <s v=""/>
    <s v=""/>
    <s v=""/>
    <s v=""/>
    <s v=""/>
    <s v=""/>
    <s v=""/>
    <s v=""/>
    <s v=""/>
    <m/>
    <m/>
    <s v="HCC Revised Regulation  18 response "/>
  </r>
  <r>
    <n v="40"/>
    <x v="1"/>
    <s v="Healthcare"/>
    <s v="Adult Care Services "/>
    <s v="Adult Care Facilities at Riverside"/>
    <s v="HCC suggests that the town centre location would make this a suitable location for a housing with care scheme and would therefore suggest provision at this site."/>
    <x v="1"/>
    <x v="16"/>
    <x v="1"/>
    <x v="4"/>
    <x v="12"/>
    <s v="N/A"/>
    <s v="N/A"/>
    <m/>
    <m/>
    <s v="S106"/>
    <s v="Essential"/>
    <m/>
    <m/>
    <m/>
    <m/>
    <s v="Yes"/>
    <m/>
    <m/>
    <m/>
    <m/>
    <m/>
    <m/>
    <m/>
    <m/>
    <m/>
    <m/>
    <m/>
    <m/>
    <m/>
    <m/>
    <m/>
    <m/>
    <m/>
    <m/>
    <m/>
    <m/>
    <m/>
    <m/>
    <m/>
    <m/>
    <m/>
    <m/>
    <n v="300"/>
    <m/>
    <s v=""/>
    <s v=""/>
    <s v=""/>
    <s v=""/>
    <n v="0"/>
    <s v=""/>
    <s v=""/>
    <s v=""/>
    <s v=""/>
    <s v=""/>
    <s v=""/>
    <s v=""/>
    <s v=""/>
    <s v=""/>
    <s v=""/>
    <s v=""/>
    <s v=""/>
    <s v=""/>
    <s v=""/>
    <s v=""/>
    <s v=""/>
    <s v=""/>
    <s v=""/>
    <s v=""/>
    <s v=""/>
    <s v=""/>
    <s v=""/>
    <s v=""/>
    <s v=""/>
    <s v=""/>
    <s v=""/>
    <m/>
    <m/>
    <s v="HCC Revised Regulation  18 response "/>
  </r>
  <r>
    <n v="41"/>
    <x v="1"/>
    <s v="Healthcare"/>
    <s v="Adult Care Services "/>
    <s v="Adult Care Facilities at Apsley Mills Retail Park "/>
    <s v="HCC suggests that this location close to Apsley train station and amenities could make a suitable location for specialist housing to include older people’s housing and 6 supported living units and would therefore suggest provision at this site."/>
    <x v="1"/>
    <x v="17"/>
    <x v="1"/>
    <x v="4"/>
    <x v="13"/>
    <s v="N/A"/>
    <s v="N/A"/>
    <m/>
    <m/>
    <s v="S106"/>
    <s v="Essential"/>
    <m/>
    <m/>
    <m/>
    <m/>
    <m/>
    <m/>
    <m/>
    <m/>
    <s v="Yes"/>
    <m/>
    <m/>
    <m/>
    <m/>
    <m/>
    <m/>
    <m/>
    <m/>
    <m/>
    <m/>
    <m/>
    <m/>
    <m/>
    <m/>
    <m/>
    <m/>
    <m/>
    <m/>
    <m/>
    <m/>
    <m/>
    <m/>
    <n v="500"/>
    <m/>
    <s v=""/>
    <s v=""/>
    <s v=""/>
    <s v=""/>
    <s v=""/>
    <s v=""/>
    <s v=""/>
    <s v=""/>
    <n v="0"/>
    <s v=""/>
    <s v=""/>
    <s v=""/>
    <s v=""/>
    <s v=""/>
    <s v=""/>
    <s v=""/>
    <s v=""/>
    <s v=""/>
    <s v=""/>
    <s v=""/>
    <s v=""/>
    <s v=""/>
    <s v=""/>
    <s v=""/>
    <s v=""/>
    <s v=""/>
    <s v=""/>
    <s v=""/>
    <s v=""/>
    <s v=""/>
    <s v=""/>
    <m/>
    <m/>
    <s v="HCC Revised Regulation  18 response "/>
  </r>
  <r>
    <n v="42"/>
    <x v="1"/>
    <s v="Healthcare"/>
    <s v="Adult Care Services "/>
    <s v="Adult Care Facilities at Shendish Manor and Fairfields "/>
    <s v="HCC suggests that this location, close to Apsley train station and amenities would make a suitable location for specialist housing to include older people’s housing and 6 supported living units and would therefore suggest provision at this site."/>
    <x v="1"/>
    <x v="3"/>
    <x v="1"/>
    <x v="4"/>
    <x v="5"/>
    <s v="N/A"/>
    <s v="N/A"/>
    <m/>
    <m/>
    <s v="S106"/>
    <s v="Essential"/>
    <m/>
    <m/>
    <m/>
    <m/>
    <m/>
    <m/>
    <m/>
    <m/>
    <m/>
    <s v="Yes"/>
    <m/>
    <m/>
    <m/>
    <m/>
    <m/>
    <m/>
    <m/>
    <m/>
    <m/>
    <m/>
    <m/>
    <m/>
    <m/>
    <m/>
    <m/>
    <m/>
    <m/>
    <m/>
    <m/>
    <m/>
    <m/>
    <n v="500"/>
    <m/>
    <s v=""/>
    <s v=""/>
    <s v=""/>
    <s v=""/>
    <s v=""/>
    <s v=""/>
    <s v=""/>
    <s v=""/>
    <s v=""/>
    <n v="0"/>
    <s v=""/>
    <s v=""/>
    <s v=""/>
    <s v=""/>
    <s v=""/>
    <s v=""/>
    <s v=""/>
    <s v=""/>
    <s v=""/>
    <s v=""/>
    <s v=""/>
    <s v=""/>
    <s v=""/>
    <s v=""/>
    <s v=""/>
    <s v=""/>
    <s v=""/>
    <s v=""/>
    <s v=""/>
    <s v=""/>
    <s v=""/>
    <m/>
    <m/>
    <s v="HCC Revised Regulation  18 response "/>
  </r>
  <r>
    <n v="43"/>
    <x v="1"/>
    <s v="Emergency Services"/>
    <s v="Police"/>
    <s v="Extension to existing police accommodation"/>
    <s v="An additional need of 378m2 of police accommodation would be required to support the development of 11,000 homes. Considering options to extend or adapt the existing Hemel Hempstead Police Station. It will be decided through the New Estates Strategy. "/>
    <x v="9"/>
    <x v="4"/>
    <x v="2"/>
    <x v="5"/>
    <x v="11"/>
    <s v="N/A"/>
    <s v="N/A"/>
    <n v="994952"/>
    <n v="994952"/>
    <s v="S106/CIL/External Funding"/>
    <s v="Essential"/>
    <s v="Yes"/>
    <s v="Yes"/>
    <s v="Yes"/>
    <s v="Yes"/>
    <s v="Yes"/>
    <s v="Yes"/>
    <s v="Yes"/>
    <s v="Yes"/>
    <s v="Yes"/>
    <s v="Yes"/>
    <s v="Yes"/>
    <s v="Yes"/>
    <s v="Yes"/>
    <s v="Yes"/>
    <s v="Yes"/>
    <s v="Yes"/>
    <s v="Yes"/>
    <s v="Yes"/>
    <s v="Yes"/>
    <s v="Yes"/>
    <s v="Yes"/>
    <s v="Yes"/>
    <s v="Yes"/>
    <s v="Yes"/>
    <s v="Yes"/>
    <s v="Yes"/>
    <s v="Yes"/>
    <s v="Yes"/>
    <s v="Yes"/>
    <s v="Yes"/>
    <s v="Yes"/>
    <n v="13219"/>
    <n v="75.266812920795829"/>
    <n v="112900.21938119375"/>
    <n v="15053.362584159166"/>
    <n v="33870.065814358124"/>
    <n v="26343.384522278538"/>
    <n v="22580.043876238749"/>
    <n v="36128.070201981995"/>
    <n v="7526.6812920795828"/>
    <n v="29354.057039110372"/>
    <n v="37633.406460397913"/>
    <n v="37633.406460397913"/>
    <n v="56450.109690596873"/>
    <n v="15053.362584159166"/>
    <n v="17612.434223466225"/>
    <n v="26343.384522278538"/>
    <n v="6774.0131628716244"/>
    <n v="6021.3450336636661"/>
    <n v="179511.34881609806"/>
    <n v="58331.780013616764"/>
    <n v="7526.6812920795828"/>
    <n v="7526.6812920795828"/>
    <n v="22730.577502080341"/>
    <n v="18816.703230198957"/>
    <n v="30106.725168318331"/>
    <n v="105373.53808911415"/>
    <n v="15128.629397079962"/>
    <n v="16332.898403812695"/>
    <n v="2333.2712005446706"/>
    <n v="5042.8764656933208"/>
    <n v="11290.021938119375"/>
    <n v="2333.2712005446706"/>
    <n v="25289.649141387399"/>
    <m/>
    <m/>
    <s v="Hertfordshire Constabulary Regulation 18 response"/>
  </r>
  <r>
    <n v="44"/>
    <x v="1"/>
    <s v="Emergency Services"/>
    <s v="Police"/>
    <s v="Additional police vehicles"/>
    <s v="An additional 9.6 police vehicles would be required to support the development of 11,000 homes. "/>
    <x v="9"/>
    <x v="4"/>
    <x v="2"/>
    <x v="5"/>
    <x v="14"/>
    <s v="N/A"/>
    <s v="N/A"/>
    <n v="382483"/>
    <n v="382483"/>
    <s v="TBC"/>
    <s v="Essential"/>
    <s v="Yes"/>
    <s v="Yes"/>
    <s v="Yes"/>
    <s v="Yes"/>
    <s v="Yes"/>
    <s v="Yes"/>
    <s v="Yes"/>
    <s v="Yes"/>
    <s v="Yes"/>
    <s v="Yes"/>
    <s v="Yes"/>
    <s v="Yes"/>
    <s v="Yes"/>
    <s v="Yes"/>
    <s v="Yes"/>
    <s v="Yes"/>
    <s v="Yes"/>
    <s v="Yes"/>
    <s v="Yes"/>
    <s v="Yes"/>
    <s v="Yes"/>
    <s v="Yes"/>
    <s v="Yes"/>
    <s v="Yes"/>
    <s v="Yes"/>
    <s v="Yes"/>
    <s v="Yes"/>
    <s v="Yes"/>
    <s v="Yes"/>
    <s v="Yes"/>
    <s v="Yes"/>
    <n v="13219"/>
    <n v="28.934336939254106"/>
    <n v="43401.505408881159"/>
    <n v="5786.8673878508207"/>
    <n v="13020.451622664348"/>
    <n v="10127.017928738936"/>
    <n v="8680.3010817762315"/>
    <n v="13888.481730841972"/>
    <n v="2893.4336939254104"/>
    <n v="11284.391406309102"/>
    <n v="14467.168469627053"/>
    <n v="14467.168469627053"/>
    <n v="21700.75270444058"/>
    <n v="5786.8673878508207"/>
    <n v="6770.6348437854604"/>
    <n v="10127.017928738936"/>
    <n v="2604.0903245328695"/>
    <n v="2314.7469551403283"/>
    <n v="69008.393600121039"/>
    <n v="22424.111127921933"/>
    <n v="2893.4336939254104"/>
    <n v="2893.4336939254104"/>
    <n v="8738.1697556547406"/>
    <n v="7233.5842348135266"/>
    <n v="11573.734775701641"/>
    <n v="40508.071714955746"/>
    <n v="5815.8017247900752"/>
    <n v="6278.7511158181405"/>
    <n v="896.9644451168773"/>
    <n v="1938.600574930025"/>
    <n v="4340.1505408881158"/>
    <n v="896.9644451168773"/>
    <n v="9721.9372115893802"/>
    <m/>
    <m/>
    <s v="Hertfordshire Constabulary Regulation 18 response"/>
  </r>
  <r>
    <n v="45"/>
    <x v="1"/>
    <s v="Emergency Services"/>
    <s v="Fire "/>
    <s v="Mitigating the impact on the capacity of the fire and rescue service"/>
    <s v="Contribution to additional resources needed, including new appliances and equipment "/>
    <x v="9"/>
    <x v="4"/>
    <x v="2"/>
    <x v="1"/>
    <x v="15"/>
    <s v="N/A"/>
    <s v="N/A"/>
    <n v="322800"/>
    <n v="322800"/>
    <s v="S106/CIL"/>
    <s v="Essential"/>
    <s v="Yes"/>
    <s v="Yes"/>
    <s v="Yes"/>
    <s v="Yes"/>
    <s v="Yes"/>
    <s v="Yes"/>
    <s v="Yes"/>
    <s v="Yes"/>
    <s v="Yes"/>
    <s v="Yes"/>
    <s v="Yes"/>
    <s v="Yes"/>
    <s v="Yes"/>
    <s v="Yes"/>
    <s v="Yes"/>
    <s v="Yes"/>
    <s v="Yes"/>
    <m/>
    <m/>
    <m/>
    <m/>
    <m/>
    <m/>
    <m/>
    <m/>
    <m/>
    <m/>
    <m/>
    <m/>
    <m/>
    <m/>
    <n v="8859"/>
    <n v="36.437521164917037"/>
    <n v="54656.281747375557"/>
    <n v="7287.5042329834077"/>
    <n v="16396.884524212666"/>
    <n v="12753.132407720963"/>
    <n v="10931.25634947511"/>
    <n v="17490.010159160178"/>
    <n v="3643.7521164917039"/>
    <n v="14210.633254317645"/>
    <n v="18218.760582458519"/>
    <n v="18218.760582458519"/>
    <n v="27328.140873687778"/>
    <n v="7287.5042329834077"/>
    <n v="8526.379952590587"/>
    <n v="12753.132407720963"/>
    <n v="3279.3769048425333"/>
    <n v="2915.0016931933628"/>
    <n v="86903.487978327132"/>
    <s v=""/>
    <s v=""/>
    <s v=""/>
    <s v=""/>
    <s v=""/>
    <s v=""/>
    <s v=""/>
    <s v=""/>
    <s v=""/>
    <s v=""/>
    <s v=""/>
    <s v=""/>
    <s v=""/>
    <s v=""/>
    <m/>
    <m/>
    <s v="HCC August 2024 Response to Draft IDP"/>
  </r>
  <r>
    <n v="46"/>
    <x v="1"/>
    <s v="Healthcare"/>
    <s v="Ambulance "/>
    <s v="Mitigating the impact on the capacity of the ambulance service at Hemel Hempstead "/>
    <s v="The mitigation includes a range of ambulance infrastructure/ facilities (estate, vehicle fleet &amp; staff assets) including:_x000a_•Upgrading/ refurbishment of existing premises, or redevelopment/ relocation of existing ambulance stations to a more suitable location to meet the increased local demand arising from housing developments;_x000a_•Provision of additional medical, pharmacy &amp; IT equipment &amp; digital software to manage the increased number of incidents arising from the new population;_x000a_•An increase in the number &amp; type of ambulances;_x000a_•The recruitment, training, equipping &amp; tasking of Community First Responders (CFR) based within the locality of development sites;"/>
    <x v="1"/>
    <x v="4"/>
    <x v="2"/>
    <x v="6"/>
    <x v="11"/>
    <s v="N/A"/>
    <s v="N/A"/>
    <n v="3585640"/>
    <n v="3585640"/>
    <s v="S106/CIL/External Funding"/>
    <s v="Essential"/>
    <s v="Yes"/>
    <s v="Yes"/>
    <s v="Yes"/>
    <s v="Yes"/>
    <s v="Yes"/>
    <s v="Yes"/>
    <s v="Yes"/>
    <s v="Yes"/>
    <s v="Yes"/>
    <s v="Yes"/>
    <s v="Yes"/>
    <s v="Yes"/>
    <s v="Yes"/>
    <s v="Yes"/>
    <s v="Yes"/>
    <s v="Yes"/>
    <s v="Yes"/>
    <m/>
    <m/>
    <m/>
    <m/>
    <m/>
    <m/>
    <m/>
    <m/>
    <m/>
    <m/>
    <m/>
    <m/>
    <m/>
    <m/>
    <n v="8859"/>
    <n v="404.74545659781012"/>
    <n v="607118.18489671522"/>
    <n v="80949.091319562023"/>
    <n v="182135.45546901456"/>
    <n v="141660.90980923353"/>
    <n v="121423.63697934303"/>
    <n v="194277.81916694884"/>
    <n v="40474.545659781012"/>
    <n v="157850.72807314593"/>
    <n v="202372.72829890507"/>
    <n v="202372.72829890507"/>
    <n v="303559.09244835761"/>
    <n v="80949.091319562023"/>
    <n v="94710.436843887568"/>
    <n v="141660.90980923353"/>
    <n v="36427.091093802912"/>
    <n v="32379.636527824809"/>
    <n v="965317.91398577718"/>
    <s v=""/>
    <s v=""/>
    <s v=""/>
    <s v=""/>
    <s v=""/>
    <s v=""/>
    <s v=""/>
    <s v=""/>
    <s v=""/>
    <s v=""/>
    <s v=""/>
    <s v=""/>
    <s v=""/>
    <s v=""/>
    <m/>
    <m/>
    <s v="East of England Ambulance Services NHS Trust Regulation 18 response "/>
  </r>
  <r>
    <n v="47"/>
    <x v="1"/>
    <s v="Healthcare"/>
    <s v="Ambulance "/>
    <s v="Mitigating the impact on the capacity of the ambulance service at Berkhamsted"/>
    <s v="The mitigation includes a range of ambulance infrastructure/ facilities (estate, vehicle fleet &amp; staff assets) including:_x000a_•Upgrading/ refurbishment of existing premises, or redevelopment/ relocation of existing ambulance stations to a more suitable location to meet the increased local demand arising from housing developments;_x000a_•Provision of additional medical, pharmacy &amp; IT equipment &amp; digital software to manage the increased number of incidents arising from the new population;_x000a_•An increase in the number &amp; type of ambulances;_x000a_•The recruitment, training, equipping &amp; tasking of Community First Responders (CFR) based within the locality of development sites;"/>
    <x v="2"/>
    <x v="4"/>
    <x v="2"/>
    <x v="6"/>
    <x v="11"/>
    <s v="N/A"/>
    <s v="N/A"/>
    <n v="289000"/>
    <n v="289000"/>
    <s v="S106/CIL/External Funding"/>
    <s v="Essential"/>
    <m/>
    <m/>
    <m/>
    <m/>
    <m/>
    <m/>
    <m/>
    <m/>
    <m/>
    <m/>
    <m/>
    <m/>
    <m/>
    <m/>
    <m/>
    <m/>
    <m/>
    <s v="Yes"/>
    <s v="Yes"/>
    <s v="Yes"/>
    <s v="Yes"/>
    <m/>
    <m/>
    <m/>
    <m/>
    <m/>
    <m/>
    <m/>
    <m/>
    <m/>
    <m/>
    <n v="1277"/>
    <n v="226.31166797180893"/>
    <s v=""/>
    <s v=""/>
    <s v=""/>
    <s v=""/>
    <s v=""/>
    <s v=""/>
    <s v=""/>
    <s v=""/>
    <s v=""/>
    <s v=""/>
    <s v=""/>
    <s v=""/>
    <s v=""/>
    <s v=""/>
    <s v=""/>
    <s v=""/>
    <s v=""/>
    <n v="175391.54267815192"/>
    <n v="22631.166797180893"/>
    <n v="22631.166797180893"/>
    <n v="68346.123727486294"/>
    <s v=""/>
    <s v=""/>
    <s v=""/>
    <s v=""/>
    <s v=""/>
    <s v=""/>
    <s v=""/>
    <s v=""/>
    <s v=""/>
    <s v=""/>
    <m/>
    <m/>
    <s v="East of England Ambulance Services NHS Trust Regulation 18 response "/>
  </r>
  <r>
    <n v="48"/>
    <x v="1"/>
    <s v="Healthcare"/>
    <s v="Ambulance "/>
    <s v="Mitigating the impact on the capacity of the ambulance service at Tring"/>
    <s v="The mitigation includes a range of ambulance infrastructure/ facilities (estate, vehicle fleet &amp; staff assets) including:_x000a_•Upgrading/ refurbishment of existing premises, or redevelopment/ relocation of existing ambulance stations to a more suitable location to meet the increased local demand arising from housing developments;_x000a_•Provision of additional medical, pharmacy &amp; IT equipment &amp; digital software to manage the increased number of incidents arising from the new population;_x000a_•An increase in the number &amp; type of ambulances;_x000a_•The recruitment, training, equipping &amp; tasking of Community First Responders (CFR) based within the locality of development sites;"/>
    <x v="3"/>
    <x v="4"/>
    <x v="2"/>
    <x v="6"/>
    <x v="11"/>
    <s v="N/A"/>
    <s v="N/A"/>
    <n v="85000"/>
    <n v="85000"/>
    <s v="S106/CIL/External Funding"/>
    <s v="Essential"/>
    <m/>
    <m/>
    <m/>
    <m/>
    <m/>
    <m/>
    <m/>
    <m/>
    <m/>
    <m/>
    <m/>
    <m/>
    <m/>
    <m/>
    <m/>
    <m/>
    <m/>
    <m/>
    <m/>
    <m/>
    <m/>
    <s v="Yes"/>
    <s v="Yes"/>
    <s v="Yes"/>
    <s v="Yes"/>
    <m/>
    <m/>
    <m/>
    <m/>
    <m/>
    <m/>
    <n v="2251"/>
    <n v="37.760995113282988"/>
    <s v=""/>
    <s v=""/>
    <s v=""/>
    <s v=""/>
    <s v=""/>
    <s v=""/>
    <s v=""/>
    <s v=""/>
    <s v=""/>
    <s v=""/>
    <s v=""/>
    <s v=""/>
    <s v=""/>
    <s v=""/>
    <s v=""/>
    <s v=""/>
    <s v=""/>
    <s v=""/>
    <s v=""/>
    <s v=""/>
    <s v=""/>
    <n v="9440.2487783207471"/>
    <n v="15104.398045313195"/>
    <n v="52865.393158596184"/>
    <n v="7589.9600177698803"/>
    <s v=""/>
    <s v=""/>
    <s v=""/>
    <s v=""/>
    <s v=""/>
    <s v=""/>
    <s v="No sites identified in EEAST response"/>
    <m/>
    <s v="East of England Ambulance Services NHS Trust Regulation 18 response "/>
  </r>
  <r>
    <n v="49"/>
    <x v="1"/>
    <s v="Healthcare"/>
    <s v="Ambulance "/>
    <s v="Mitigating the impact on the capacity of the ambulance service at Bovingdon"/>
    <s v="The mitigation includes a range of ambulance infrastructure/ facilities (estate, vehicle fleet &amp; staff assets) including:_x000a_•Upgrading/ refurbishment of existing premises, or redevelopment/ relocation of existing ambulance stations to a more suitable location to meet the increased local demand arising from housing developments;_x000a_•Provision of additional medical, pharmacy &amp; IT equipment &amp; digital software to manage the increased number of incidents arising from the new population;_x000a_•An increase in the number &amp; type of ambulances;_x000a_•The recruitment, training, equipping &amp; tasking of Community First Responders (CFR) based within the locality of development sites;"/>
    <x v="4"/>
    <x v="4"/>
    <x v="2"/>
    <x v="6"/>
    <x v="11"/>
    <s v="N/A"/>
    <s v="N/A"/>
    <n v="63600"/>
    <n v="63600"/>
    <s v="S106/CIL/External Funding"/>
    <s v="Essential"/>
    <m/>
    <m/>
    <m/>
    <m/>
    <m/>
    <m/>
    <m/>
    <m/>
    <m/>
    <m/>
    <m/>
    <m/>
    <m/>
    <m/>
    <m/>
    <m/>
    <m/>
    <m/>
    <m/>
    <m/>
    <m/>
    <m/>
    <m/>
    <m/>
    <m/>
    <s v="Yes"/>
    <s v="Yes"/>
    <m/>
    <m/>
    <m/>
    <m/>
    <n v="248"/>
    <n v="256.45161290322579"/>
    <s v=""/>
    <s v=""/>
    <s v=""/>
    <s v=""/>
    <s v=""/>
    <s v=""/>
    <s v=""/>
    <s v=""/>
    <s v=""/>
    <s v=""/>
    <s v=""/>
    <s v=""/>
    <s v=""/>
    <s v=""/>
    <s v=""/>
    <s v=""/>
    <s v=""/>
    <s v=""/>
    <s v=""/>
    <s v=""/>
    <s v=""/>
    <s v=""/>
    <s v=""/>
    <s v=""/>
    <s v=""/>
    <n v="55650"/>
    <n v="7950"/>
    <s v=""/>
    <s v=""/>
    <s v=""/>
    <s v=""/>
    <s v="Have not listed Bovingdon sites: Grange Farm and Chesham Road &amp; Molyneaux Avenue "/>
    <m/>
    <s v="East of England Ambulance Services NHS Trust Regulation 18 response "/>
  </r>
  <r>
    <n v="50"/>
    <x v="1"/>
    <s v="Healthcare"/>
    <s v="Ambulance "/>
    <s v="Mitigating the impact on the capacity of the ambulance service at Markyate"/>
    <s v="The mitigation includes a range of ambulance infrastructure/ facilities (estate, vehicle fleet &amp; staff assets) including:_x000a_•Upgrading/ refurbishment of existing premises, or redevelopment/ relocation of existing ambulance stations to a more suitable location to meet the increased local demand arising from housing developments;_x000a_•Provision of additional medical, pharmacy &amp; IT equipment &amp; digital software to manage the increased number of incidents arising from the new population;_x000a_•An increase in the number &amp; type of ambulances;_x000a_•The recruitment, training, equipping &amp; tasking of Community First Responders (CFR) based within the locality of development sites;"/>
    <x v="5"/>
    <x v="4"/>
    <x v="2"/>
    <x v="6"/>
    <x v="11"/>
    <s v="N/A"/>
    <s v="N/A"/>
    <n v="6800"/>
    <n v="6800"/>
    <s v="S106/CIL/External Funding"/>
    <s v="Essential"/>
    <m/>
    <m/>
    <m/>
    <m/>
    <m/>
    <m/>
    <m/>
    <m/>
    <m/>
    <m/>
    <m/>
    <m/>
    <m/>
    <m/>
    <m/>
    <m/>
    <m/>
    <m/>
    <m/>
    <m/>
    <m/>
    <m/>
    <m/>
    <m/>
    <m/>
    <m/>
    <m/>
    <m/>
    <s v="Yes"/>
    <s v="Yes"/>
    <m/>
    <n v="181"/>
    <n v="37.569060773480665"/>
    <s v=""/>
    <s v=""/>
    <s v=""/>
    <s v=""/>
    <s v=""/>
    <s v=""/>
    <s v=""/>
    <s v=""/>
    <s v=""/>
    <s v=""/>
    <s v=""/>
    <s v=""/>
    <s v=""/>
    <s v=""/>
    <s v=""/>
    <s v=""/>
    <s v=""/>
    <s v=""/>
    <s v=""/>
    <s v=""/>
    <s v=""/>
    <s v=""/>
    <s v=""/>
    <s v=""/>
    <s v=""/>
    <s v=""/>
    <s v=""/>
    <s v=""/>
    <n v="5635.3591160220994"/>
    <n v="1164.6408839779006"/>
    <s v=""/>
    <m/>
    <m/>
    <s v="East of England Ambulance Services NHS Trust Regulation 18 response "/>
  </r>
  <r>
    <n v="51"/>
    <x v="1"/>
    <s v="Energy and Utilities"/>
    <s v="Electricity"/>
    <s v="Replace the transformers at Hemel North Primary substation "/>
    <s v="To replace the transformers at Hemel North Primary substation as part of the continual condition management of network assets. The existing substation is located off the A4147 (adjacent to Aldi).  There are 2 x 33,000/11,000volt (33/11kV) units. UK Power Networks is evaluating the opportunities to install larger capacity transformers, the full utilisation of which would be dependent on replacement of the existing 11,000volt (11kV) switchgear and additional investment in the 33kV network from Piccotts End Grid substation (located to the North of Hemel Hempstead). "/>
    <x v="1"/>
    <x v="4"/>
    <x v="2"/>
    <x v="7"/>
    <x v="16"/>
    <s v="N/A"/>
    <s v="N/A"/>
    <m/>
    <m/>
    <s v="UKPN Funding/ Developer Funding"/>
    <s v="Critical - Delivery"/>
    <m/>
    <m/>
    <m/>
    <m/>
    <m/>
    <m/>
    <m/>
    <m/>
    <m/>
    <m/>
    <m/>
    <m/>
    <m/>
    <m/>
    <m/>
    <m/>
    <m/>
    <m/>
    <m/>
    <m/>
    <m/>
    <m/>
    <m/>
    <m/>
    <m/>
    <m/>
    <m/>
    <m/>
    <m/>
    <m/>
    <m/>
    <n v="0"/>
    <m/>
    <s v=""/>
    <s v=""/>
    <s v=""/>
    <s v=""/>
    <s v=""/>
    <s v=""/>
    <s v=""/>
    <s v=""/>
    <s v=""/>
    <s v=""/>
    <s v=""/>
    <s v=""/>
    <s v=""/>
    <s v=""/>
    <s v=""/>
    <s v=""/>
    <s v=""/>
    <s v=""/>
    <s v=""/>
    <s v=""/>
    <s v=""/>
    <s v=""/>
    <s v=""/>
    <s v=""/>
    <s v=""/>
    <s v=""/>
    <s v=""/>
    <s v=""/>
    <s v=""/>
    <s v=""/>
    <s v=""/>
    <m/>
    <m/>
    <m/>
  </r>
  <r>
    <n v="52"/>
    <x v="1"/>
    <s v="Energy and Utilities"/>
    <s v="Electricity"/>
    <s v="Reinforcement at Berkhamsted Primary "/>
    <s v="Initially it is expected to upgrade sections of the existing 33kV circuits (approx. 2.75km) to allow the full capacity of the existing transformers to be utilised. Further reinforcement at the site will likely be in the form of the installation of a 3rd 33/11kV transformer, new 11kV switchgear and a 3rd cut from Lye Green Grid would be required (estimated length 5.5km)"/>
    <x v="2"/>
    <x v="4"/>
    <x v="2"/>
    <x v="8"/>
    <x v="17"/>
    <s v="N/A"/>
    <s v="N/A"/>
    <m/>
    <m/>
    <s v="UKPN Funding/ Developer Funding"/>
    <s v="Critical - Delivery"/>
    <m/>
    <m/>
    <m/>
    <m/>
    <m/>
    <m/>
    <m/>
    <m/>
    <m/>
    <m/>
    <m/>
    <m/>
    <m/>
    <m/>
    <m/>
    <m/>
    <m/>
    <m/>
    <m/>
    <m/>
    <m/>
    <m/>
    <m/>
    <m/>
    <m/>
    <m/>
    <m/>
    <m/>
    <m/>
    <m/>
    <m/>
    <n v="0"/>
    <m/>
    <s v=""/>
    <s v=""/>
    <s v=""/>
    <s v=""/>
    <s v=""/>
    <s v=""/>
    <s v=""/>
    <s v=""/>
    <s v=""/>
    <s v=""/>
    <s v=""/>
    <s v=""/>
    <s v=""/>
    <s v=""/>
    <s v=""/>
    <s v=""/>
    <s v=""/>
    <s v=""/>
    <s v=""/>
    <s v=""/>
    <s v=""/>
    <s v=""/>
    <s v=""/>
    <s v=""/>
    <s v=""/>
    <s v=""/>
    <s v=""/>
    <s v=""/>
    <s v=""/>
    <s v=""/>
    <s v=""/>
    <m/>
    <m/>
    <m/>
  </r>
  <r>
    <n v="53"/>
    <x v="1"/>
    <s v="Energy and Utilities"/>
    <s v="Energy (Gas)"/>
    <s v="Intermediate pressure regulator at Hemel Hempstead"/>
    <s v="New intermediate pressure regulator needed for Hemel Garden Communities if residential developments cause a significant demand increase."/>
    <x v="10"/>
    <x v="18"/>
    <x v="1"/>
    <x v="9"/>
    <x v="18"/>
    <n v="1000000"/>
    <n v="2000000"/>
    <n v="1500000"/>
    <n v="1500000"/>
    <s v="To be covered by Cadent Gas"/>
    <s v="Critical - Delivery"/>
    <m/>
    <m/>
    <m/>
    <m/>
    <m/>
    <m/>
    <m/>
    <m/>
    <m/>
    <m/>
    <m/>
    <m/>
    <m/>
    <m/>
    <m/>
    <m/>
    <m/>
    <m/>
    <m/>
    <m/>
    <m/>
    <m/>
    <m/>
    <m/>
    <m/>
    <m/>
    <m/>
    <m/>
    <m/>
    <m/>
    <m/>
    <n v="0"/>
    <m/>
    <s v=""/>
    <s v=""/>
    <s v=""/>
    <s v=""/>
    <s v=""/>
    <s v=""/>
    <s v=""/>
    <s v=""/>
    <s v=""/>
    <s v=""/>
    <s v=""/>
    <s v=""/>
    <s v=""/>
    <s v=""/>
    <s v=""/>
    <s v=""/>
    <s v=""/>
    <s v=""/>
    <s v=""/>
    <s v=""/>
    <s v=""/>
    <s v=""/>
    <s v=""/>
    <s v=""/>
    <s v=""/>
    <s v=""/>
    <s v=""/>
    <s v=""/>
    <s v=""/>
    <s v=""/>
    <s v=""/>
    <m/>
    <m/>
    <m/>
  </r>
  <r>
    <n v="54"/>
    <x v="1"/>
    <s v="Energy and Utilities"/>
    <s v="Energy (Gas)"/>
    <s v="Network reinforcement at Land East of Tring "/>
    <s v="Reinforcement to the network to support development coming forward. An economic test would be carried out to understand the cost and who is responsible. "/>
    <x v="3"/>
    <x v="19"/>
    <x v="1"/>
    <x v="10"/>
    <x v="15"/>
    <s v="TBC"/>
    <s v="TBC"/>
    <m/>
    <m/>
    <s v="Developer contribution/SGN"/>
    <s v="Critical - Delivery"/>
    <m/>
    <m/>
    <m/>
    <m/>
    <m/>
    <m/>
    <m/>
    <m/>
    <m/>
    <m/>
    <m/>
    <m/>
    <m/>
    <m/>
    <m/>
    <m/>
    <m/>
    <m/>
    <m/>
    <m/>
    <m/>
    <m/>
    <m/>
    <m/>
    <m/>
    <m/>
    <m/>
    <m/>
    <m/>
    <m/>
    <m/>
    <n v="0"/>
    <m/>
    <s v=""/>
    <s v=""/>
    <s v=""/>
    <s v=""/>
    <s v=""/>
    <s v=""/>
    <s v=""/>
    <s v=""/>
    <s v=""/>
    <s v=""/>
    <s v=""/>
    <s v=""/>
    <s v=""/>
    <s v=""/>
    <s v=""/>
    <s v=""/>
    <s v=""/>
    <s v=""/>
    <s v=""/>
    <s v=""/>
    <s v=""/>
    <s v=""/>
    <s v=""/>
    <s v=""/>
    <s v=""/>
    <s v=""/>
    <s v=""/>
    <s v=""/>
    <s v=""/>
    <s v=""/>
    <s v=""/>
    <m/>
    <m/>
    <m/>
  </r>
  <r>
    <n v="55"/>
    <x v="1"/>
    <s v="Energy and Utilities"/>
    <s v="Potable Water "/>
    <s v="Reinforcement schemes "/>
    <s v="Reinforcements will be required with the aim to recover the current level of service and the loss of capacity in the network due to the additional load imposed by all projected development. Refer to Local Plan for site-specific constraints. "/>
    <x v="9"/>
    <x v="4"/>
    <x v="2"/>
    <x v="11"/>
    <x v="15"/>
    <s v="N/A"/>
    <s v="N/A"/>
    <m/>
    <m/>
    <s v="Affinity Water"/>
    <s v="Critical - Delivery"/>
    <m/>
    <m/>
    <m/>
    <m/>
    <m/>
    <m/>
    <m/>
    <m/>
    <m/>
    <m/>
    <m/>
    <m/>
    <m/>
    <m/>
    <m/>
    <m/>
    <m/>
    <m/>
    <m/>
    <m/>
    <m/>
    <m/>
    <m/>
    <m/>
    <m/>
    <m/>
    <m/>
    <m/>
    <m/>
    <m/>
    <m/>
    <n v="0"/>
    <m/>
    <s v=""/>
    <s v=""/>
    <s v=""/>
    <s v=""/>
    <s v=""/>
    <s v=""/>
    <s v=""/>
    <s v=""/>
    <s v=""/>
    <s v=""/>
    <s v=""/>
    <s v=""/>
    <s v=""/>
    <s v=""/>
    <s v=""/>
    <s v=""/>
    <s v=""/>
    <s v=""/>
    <s v=""/>
    <s v=""/>
    <s v=""/>
    <s v=""/>
    <s v=""/>
    <s v=""/>
    <s v=""/>
    <s v=""/>
    <s v=""/>
    <s v=""/>
    <s v=""/>
    <s v=""/>
    <s v=""/>
    <m/>
    <m/>
    <m/>
  </r>
  <r>
    <n v="56"/>
    <x v="1"/>
    <s v="Energy and Utilities"/>
    <s v="Waste Water"/>
    <s v="Upgrades to the Waste Water Network"/>
    <s v="Applicable to Dunsley Farm in Tring and North Hemel - the scale of development/s is likely to require upgrades to the wastewater network. "/>
    <x v="9"/>
    <x v="20"/>
    <x v="2"/>
    <x v="12"/>
    <x v="11"/>
    <s v="N/A"/>
    <s v="N/A"/>
    <m/>
    <m/>
    <s v="Thames Water"/>
    <s v="Critical - Delivery"/>
    <m/>
    <m/>
    <m/>
    <m/>
    <m/>
    <m/>
    <m/>
    <m/>
    <m/>
    <m/>
    <m/>
    <m/>
    <m/>
    <m/>
    <m/>
    <m/>
    <m/>
    <m/>
    <m/>
    <m/>
    <m/>
    <m/>
    <m/>
    <m/>
    <m/>
    <m/>
    <m/>
    <m/>
    <m/>
    <m/>
    <m/>
    <n v="0"/>
    <m/>
    <s v=""/>
    <s v=""/>
    <s v=""/>
    <s v=""/>
    <s v=""/>
    <s v=""/>
    <s v=""/>
    <s v=""/>
    <s v=""/>
    <s v=""/>
    <s v=""/>
    <s v=""/>
    <s v=""/>
    <s v=""/>
    <s v=""/>
    <s v=""/>
    <s v=""/>
    <s v=""/>
    <s v=""/>
    <s v=""/>
    <s v=""/>
    <s v=""/>
    <s v=""/>
    <s v=""/>
    <s v=""/>
    <s v=""/>
    <s v=""/>
    <s v=""/>
    <s v=""/>
    <s v=""/>
    <s v=""/>
    <m/>
    <m/>
    <m/>
  </r>
  <r>
    <n v="57"/>
    <x v="1"/>
    <s v="Flood Management"/>
    <s v="Flood Defense"/>
    <s v="Refer to Flood Management section in the IDP"/>
    <s v="Refer to Flood Management section in the IDP"/>
    <x v="9"/>
    <x v="4"/>
    <x v="3"/>
    <x v="13"/>
    <x v="15"/>
    <s v="N/A"/>
    <s v="N/A"/>
    <m/>
    <m/>
    <s v="Environment Agency/ Developer Funding"/>
    <s v="Critical - Delivery"/>
    <m/>
    <m/>
    <m/>
    <m/>
    <m/>
    <m/>
    <m/>
    <m/>
    <m/>
    <m/>
    <m/>
    <m/>
    <m/>
    <m/>
    <m/>
    <m/>
    <m/>
    <m/>
    <m/>
    <m/>
    <m/>
    <m/>
    <m/>
    <m/>
    <m/>
    <m/>
    <m/>
    <m/>
    <m/>
    <m/>
    <m/>
    <n v="0"/>
    <m/>
    <s v=""/>
    <s v=""/>
    <s v=""/>
    <s v=""/>
    <s v=""/>
    <s v=""/>
    <s v=""/>
    <s v=""/>
    <s v=""/>
    <s v=""/>
    <s v=""/>
    <s v=""/>
    <s v=""/>
    <s v=""/>
    <s v=""/>
    <s v=""/>
    <s v=""/>
    <s v=""/>
    <s v=""/>
    <s v=""/>
    <s v=""/>
    <s v=""/>
    <s v=""/>
    <s v=""/>
    <s v=""/>
    <s v=""/>
    <s v=""/>
    <s v=""/>
    <s v=""/>
    <s v=""/>
    <s v=""/>
    <m/>
    <m/>
    <m/>
  </r>
  <r>
    <n v="58"/>
    <x v="2"/>
    <s v="Waste Management"/>
    <s v="Waste &amp; recycling "/>
    <s v="A new Recycling Centre at Hemel Hempstead"/>
    <s v="Delivery of a new Recycling Centre at East Hemel Hempstead or North Hemel Hempstead. Cost index to Quarter 1 2023."/>
    <x v="1"/>
    <x v="4"/>
    <x v="2"/>
    <x v="2"/>
    <x v="6"/>
    <s v="N/A"/>
    <s v="N/A"/>
    <n v="7705572"/>
    <n v="7705572"/>
    <s v="S106/CIL "/>
    <s v="Essential"/>
    <s v="Yes"/>
    <s v="Yes"/>
    <s v="Yes"/>
    <s v="Yes"/>
    <s v="Yes"/>
    <s v="Yes"/>
    <s v="Yes"/>
    <s v="Yes"/>
    <s v="Yes"/>
    <s v="Yes"/>
    <s v="Yes"/>
    <s v="Yes"/>
    <s v="Yes"/>
    <s v="Yes"/>
    <s v="Yes"/>
    <s v="Yes"/>
    <s v="Yes"/>
    <m/>
    <m/>
    <m/>
    <m/>
    <m/>
    <m/>
    <m/>
    <m/>
    <m/>
    <m/>
    <m/>
    <m/>
    <m/>
    <m/>
    <n v="8859"/>
    <n v="869.80155773789363"/>
    <n v="1304702.3366068404"/>
    <n v="173960.31154757872"/>
    <n v="391410.70098205213"/>
    <n v="304430.54520826275"/>
    <n v="260940.46732136808"/>
    <n v="417504.74771418894"/>
    <n v="86980.15577378936"/>
    <n v="339222.60751777852"/>
    <n v="434900.77886894683"/>
    <n v="434900.77886894683"/>
    <n v="652351.16830342019"/>
    <n v="173960.31154757872"/>
    <n v="203533.56451066711"/>
    <n v="304430.54520826275"/>
    <n v="78282.14019641043"/>
    <n v="69584.124619031485"/>
    <n v="2074476.7152048764"/>
    <s v=""/>
    <s v=""/>
    <s v=""/>
    <s v=""/>
    <s v=""/>
    <s v=""/>
    <s v=""/>
    <s v=""/>
    <s v=""/>
    <s v=""/>
    <s v=""/>
    <s v=""/>
    <s v=""/>
    <s v=""/>
    <m/>
    <m/>
    <s v="HCC August 2024 Response to Draft IDP"/>
  </r>
  <r>
    <n v="59"/>
    <x v="1"/>
    <s v="Waste Management"/>
    <s v="Waste &amp; recycling "/>
    <s v="Expansion and new shredding facility at Waterdale Waste Transfer Station"/>
    <s v="Improvements to the infrastructure at Waterdale WTS are needed in order improve resilience, increase capacity and assist with the efficient management of residual local authority collected waste (LACW) from Dacorum so it is capable of meeting the demand from planned growth.  "/>
    <x v="9"/>
    <x v="4"/>
    <x v="2"/>
    <x v="2"/>
    <x v="19"/>
    <s v="N/A"/>
    <s v="N/A"/>
    <n v="18000000"/>
    <n v="18000000"/>
    <s v="External Funding/ S106/CIL"/>
    <s v="Essential"/>
    <m/>
    <m/>
    <m/>
    <m/>
    <m/>
    <m/>
    <m/>
    <m/>
    <m/>
    <m/>
    <m/>
    <m/>
    <m/>
    <m/>
    <m/>
    <m/>
    <m/>
    <m/>
    <m/>
    <m/>
    <m/>
    <m/>
    <m/>
    <m/>
    <m/>
    <m/>
    <m/>
    <m/>
    <m/>
    <m/>
    <m/>
    <n v="0"/>
    <m/>
    <s v=""/>
    <s v=""/>
    <s v=""/>
    <s v=""/>
    <s v=""/>
    <s v=""/>
    <s v=""/>
    <s v=""/>
    <s v=""/>
    <s v=""/>
    <s v=""/>
    <s v=""/>
    <s v=""/>
    <s v=""/>
    <s v=""/>
    <s v=""/>
    <s v=""/>
    <s v=""/>
    <s v=""/>
    <s v=""/>
    <s v=""/>
    <s v=""/>
    <s v=""/>
    <s v=""/>
    <s v=""/>
    <s v=""/>
    <s v=""/>
    <s v=""/>
    <s v=""/>
    <s v=""/>
    <s v=""/>
    <s v="Cost to be apportioned is less than estimated cost as HCC is providing some funding for this project. "/>
    <m/>
    <m/>
  </r>
  <r>
    <n v="60"/>
    <x v="1"/>
    <s v="Waste Management"/>
    <s v="Waste &amp; recycling "/>
    <s v="Depot with electric infrastrucutre to accommodate neighbourhood services inlcuding waste. "/>
    <s v="Expansion or relocation of Cupid Green depot to accommodate growth. Estimated at requiring approximately 21,000sqm for a depot. "/>
    <x v="9"/>
    <x v="4"/>
    <x v="2"/>
    <x v="14"/>
    <x v="11"/>
    <s v="N/A"/>
    <s v="N/A"/>
    <m/>
    <m/>
    <s v="TBC"/>
    <s v="Essential"/>
    <m/>
    <m/>
    <m/>
    <m/>
    <m/>
    <m/>
    <m/>
    <m/>
    <m/>
    <m/>
    <m/>
    <m/>
    <m/>
    <m/>
    <m/>
    <m/>
    <m/>
    <m/>
    <m/>
    <m/>
    <m/>
    <m/>
    <m/>
    <m/>
    <m/>
    <m/>
    <m/>
    <m/>
    <m/>
    <m/>
    <m/>
    <n v="0"/>
    <m/>
    <s v=""/>
    <s v=""/>
    <s v=""/>
    <s v=""/>
    <s v=""/>
    <s v=""/>
    <s v=""/>
    <s v=""/>
    <s v=""/>
    <s v=""/>
    <s v=""/>
    <s v=""/>
    <s v=""/>
    <s v=""/>
    <s v=""/>
    <s v=""/>
    <s v=""/>
    <s v=""/>
    <s v=""/>
    <s v=""/>
    <s v=""/>
    <s v=""/>
    <s v=""/>
    <s v=""/>
    <s v=""/>
    <s v=""/>
    <s v=""/>
    <s v=""/>
    <s v=""/>
    <s v=""/>
    <s v=""/>
    <m/>
    <m/>
    <m/>
  </r>
  <r>
    <n v="61"/>
    <x v="1"/>
    <s v="Waste Management"/>
    <s v="Waste &amp; recycling "/>
    <s v="Increasing capacity by increasing the number of containers, parking spaces and reconfiguring site at Berkhamstead Recycling Centre.  "/>
    <s v="HCC plans to reconfigure and increase the number of containers at Berkhamsted recycling centre to increase capacity and ensure that it is capable of meeting rising demand for services."/>
    <x v="2"/>
    <x v="4"/>
    <x v="2"/>
    <x v="2"/>
    <x v="20"/>
    <s v="N/A"/>
    <s v="N/A"/>
    <n v="445000"/>
    <n v="235573"/>
    <s v="S106/CIL "/>
    <s v="Essential"/>
    <m/>
    <m/>
    <m/>
    <m/>
    <m/>
    <m/>
    <m/>
    <m/>
    <m/>
    <m/>
    <m/>
    <m/>
    <m/>
    <m/>
    <m/>
    <m/>
    <m/>
    <s v="Yes"/>
    <s v="Yes"/>
    <s v="Yes"/>
    <s v="Yes"/>
    <m/>
    <m/>
    <m/>
    <m/>
    <m/>
    <m/>
    <m/>
    <m/>
    <m/>
    <m/>
    <n v="1277"/>
    <n v="184.47376664056381"/>
    <s v=""/>
    <s v=""/>
    <s v=""/>
    <s v=""/>
    <s v=""/>
    <s v=""/>
    <s v=""/>
    <s v=""/>
    <s v=""/>
    <s v=""/>
    <s v=""/>
    <s v=""/>
    <s v=""/>
    <s v=""/>
    <s v=""/>
    <s v=""/>
    <s v=""/>
    <n v="142967.16914643697"/>
    <n v="18447.376664056381"/>
    <n v="18447.376664056381"/>
    <n v="55711.077525450273"/>
    <s v=""/>
    <s v=""/>
    <s v=""/>
    <s v=""/>
    <s v=""/>
    <s v=""/>
    <s v=""/>
    <s v=""/>
    <s v=""/>
    <s v=""/>
    <s v="Cost to be apportioned is less than estimated cost as HCC is providing some funding for this project. "/>
    <m/>
    <s v="HCC August 2024 Response to Draft IDP"/>
  </r>
  <r>
    <n v="62"/>
    <x v="1"/>
    <s v="Community Facilities"/>
    <s v="Community Centres "/>
    <s v="Contribution 1 x Community Centre (total in Tring) refer to the Communtiy Facilities Strategy "/>
    <s v="Contribution 1 x Community Centre (total in Tring) refer to the Community Facilities Strategy "/>
    <x v="3"/>
    <x v="6"/>
    <x v="2"/>
    <x v="15"/>
    <x v="15"/>
    <s v="N/A"/>
    <s v="N/A"/>
    <n v="1515700"/>
    <n v="1515700"/>
    <s v="S106"/>
    <s v="Important"/>
    <m/>
    <m/>
    <m/>
    <m/>
    <m/>
    <m/>
    <m/>
    <m/>
    <m/>
    <m/>
    <m/>
    <m/>
    <m/>
    <m/>
    <m/>
    <m/>
    <m/>
    <m/>
    <m/>
    <m/>
    <m/>
    <s v="Yes"/>
    <m/>
    <m/>
    <m/>
    <m/>
    <m/>
    <m/>
    <m/>
    <m/>
    <m/>
    <n v="250"/>
    <n v="6062.8"/>
    <s v=""/>
    <s v=""/>
    <s v=""/>
    <s v=""/>
    <s v=""/>
    <s v=""/>
    <s v=""/>
    <s v=""/>
    <s v=""/>
    <s v=""/>
    <s v=""/>
    <s v=""/>
    <s v=""/>
    <s v=""/>
    <s v=""/>
    <s v=""/>
    <s v=""/>
    <s v=""/>
    <s v=""/>
    <s v=""/>
    <s v=""/>
    <n v="1515700"/>
    <s v=""/>
    <s v=""/>
    <s v=""/>
    <s v=""/>
    <s v=""/>
    <s v=""/>
    <s v=""/>
    <s v=""/>
    <s v=""/>
    <s v="Site would be expected to pay a proportion of the cost, refer project name and project description. "/>
    <m/>
    <m/>
  </r>
  <r>
    <n v="63"/>
    <x v="1"/>
    <s v="Community Facilities"/>
    <s v="CCTV"/>
    <s v="Contributon to CCTV provision at 1 local centre (total for Tring) refer to the Communtiy Facilities Strategy "/>
    <s v="Contribution to CCTV provision at 1 local centre (total for Tring) refer to the Community Facilities Strategy "/>
    <x v="3"/>
    <x v="6"/>
    <x v="2"/>
    <x v="16"/>
    <x v="15"/>
    <s v="N/A"/>
    <s v="N/A"/>
    <n v="59310"/>
    <n v="59310"/>
    <s v="S106"/>
    <s v="Important"/>
    <m/>
    <m/>
    <m/>
    <m/>
    <m/>
    <m/>
    <m/>
    <m/>
    <m/>
    <m/>
    <m/>
    <m/>
    <m/>
    <m/>
    <m/>
    <m/>
    <m/>
    <m/>
    <m/>
    <m/>
    <m/>
    <s v="Yes"/>
    <m/>
    <m/>
    <m/>
    <m/>
    <m/>
    <m/>
    <m/>
    <m/>
    <m/>
    <n v="250"/>
    <n v="237.24"/>
    <s v=""/>
    <s v=""/>
    <s v=""/>
    <s v=""/>
    <s v=""/>
    <s v=""/>
    <s v=""/>
    <s v=""/>
    <s v=""/>
    <s v=""/>
    <s v=""/>
    <s v=""/>
    <s v=""/>
    <s v=""/>
    <s v=""/>
    <s v=""/>
    <s v=""/>
    <s v=""/>
    <s v=""/>
    <s v=""/>
    <s v=""/>
    <n v="59310"/>
    <s v=""/>
    <s v=""/>
    <s v=""/>
    <s v=""/>
    <s v=""/>
    <s v=""/>
    <s v=""/>
    <s v=""/>
    <s v=""/>
    <s v="Site would be expected to pay a proportion of the cost, refer project name and project description. "/>
    <m/>
    <m/>
  </r>
  <r>
    <n v="64"/>
    <x v="1"/>
    <s v="Community Facilities"/>
    <s v="Community Centres "/>
    <s v="Contribution 1 x Community Centre (total in Tring) refer to the Communtiy Facilities Strategy "/>
    <s v="Contribution 1 x Community Centre (total in Tring) refer to the Community Facilities Strategy "/>
    <x v="3"/>
    <x v="21"/>
    <x v="2"/>
    <x v="15"/>
    <x v="15"/>
    <s v="N/A"/>
    <s v="N/A"/>
    <n v="1515700"/>
    <n v="1515700"/>
    <s v="S106 "/>
    <s v="Important"/>
    <m/>
    <m/>
    <m/>
    <m/>
    <m/>
    <m/>
    <m/>
    <m/>
    <m/>
    <m/>
    <m/>
    <m/>
    <m/>
    <m/>
    <m/>
    <m/>
    <m/>
    <m/>
    <m/>
    <m/>
    <m/>
    <m/>
    <s v="Yes"/>
    <m/>
    <m/>
    <m/>
    <m/>
    <m/>
    <m/>
    <m/>
    <m/>
    <n v="400"/>
    <n v="3789.25"/>
    <s v=""/>
    <s v=""/>
    <s v=""/>
    <s v=""/>
    <s v=""/>
    <s v=""/>
    <s v=""/>
    <s v=""/>
    <s v=""/>
    <s v=""/>
    <s v=""/>
    <s v=""/>
    <s v=""/>
    <s v=""/>
    <s v=""/>
    <s v=""/>
    <s v=""/>
    <s v=""/>
    <s v=""/>
    <s v=""/>
    <s v=""/>
    <s v=""/>
    <n v="1515700"/>
    <s v=""/>
    <s v=""/>
    <s v=""/>
    <s v=""/>
    <s v=""/>
    <s v=""/>
    <s v=""/>
    <s v=""/>
    <s v="Site would be expected to pay a proportion of the cost, refer project name and project description. "/>
    <m/>
    <m/>
  </r>
  <r>
    <n v="65"/>
    <x v="1"/>
    <s v="Community Facilities"/>
    <s v="CCTV"/>
    <s v="Contributon to CCTV provision at 1 local centre (total for Tring) refer to the Communtiy Facilities Strategy "/>
    <s v="Contribution to CCTV provision at 1 local centre (total for Tring) refer to the Community Facilities Strategy "/>
    <x v="3"/>
    <x v="21"/>
    <x v="2"/>
    <x v="16"/>
    <x v="15"/>
    <s v="N/A"/>
    <s v="N/A"/>
    <n v="59310"/>
    <n v="59310"/>
    <s v="S106"/>
    <s v="Important"/>
    <m/>
    <m/>
    <m/>
    <m/>
    <m/>
    <m/>
    <m/>
    <m/>
    <m/>
    <m/>
    <m/>
    <m/>
    <m/>
    <m/>
    <m/>
    <m/>
    <m/>
    <m/>
    <m/>
    <m/>
    <m/>
    <m/>
    <s v="Yes"/>
    <m/>
    <m/>
    <m/>
    <m/>
    <m/>
    <m/>
    <m/>
    <m/>
    <n v="400"/>
    <n v="148.27500000000001"/>
    <s v=""/>
    <s v=""/>
    <s v=""/>
    <s v=""/>
    <s v=""/>
    <s v=""/>
    <s v=""/>
    <s v=""/>
    <s v=""/>
    <s v=""/>
    <s v=""/>
    <s v=""/>
    <s v=""/>
    <s v=""/>
    <s v=""/>
    <s v=""/>
    <s v=""/>
    <s v=""/>
    <s v=""/>
    <s v=""/>
    <s v=""/>
    <s v=""/>
    <n v="59310"/>
    <s v=""/>
    <s v=""/>
    <s v=""/>
    <s v=""/>
    <s v=""/>
    <s v=""/>
    <s v=""/>
    <s v=""/>
    <s v="Site would be expected to pay a proportion of the cost, refer project name and project description. "/>
    <m/>
    <m/>
  </r>
  <r>
    <n v="66"/>
    <x v="1"/>
    <s v="Community Facilities"/>
    <s v="Community Centres "/>
    <s v="1 centre serving Land East of Tring refer to the Communtiy Facilities Strategy "/>
    <s v="1  centre serving Land East of Tring refer to the Community Facilities Strategy "/>
    <x v="3"/>
    <x v="19"/>
    <x v="1"/>
    <x v="15"/>
    <x v="15"/>
    <s v="N/A"/>
    <s v="N/A"/>
    <n v="1515700"/>
    <n v="1515700"/>
    <s v="S106"/>
    <s v="Important"/>
    <m/>
    <m/>
    <m/>
    <m/>
    <m/>
    <m/>
    <m/>
    <m/>
    <m/>
    <m/>
    <m/>
    <m/>
    <m/>
    <m/>
    <m/>
    <m/>
    <m/>
    <m/>
    <m/>
    <m/>
    <m/>
    <m/>
    <m/>
    <s v="Yes"/>
    <m/>
    <m/>
    <m/>
    <m/>
    <m/>
    <m/>
    <m/>
    <n v="1400"/>
    <n v="1082.6428571428571"/>
    <s v=""/>
    <s v=""/>
    <s v=""/>
    <s v=""/>
    <s v=""/>
    <s v=""/>
    <s v=""/>
    <s v=""/>
    <s v=""/>
    <s v=""/>
    <s v=""/>
    <s v=""/>
    <s v=""/>
    <s v=""/>
    <s v=""/>
    <s v=""/>
    <s v=""/>
    <s v=""/>
    <s v=""/>
    <s v=""/>
    <s v=""/>
    <s v=""/>
    <s v=""/>
    <n v="1515700"/>
    <s v=""/>
    <s v=""/>
    <s v=""/>
    <s v=""/>
    <s v=""/>
    <s v=""/>
    <s v=""/>
    <s v="Site would be expected to pay a proportion of the cost, refer project name and project description. "/>
    <m/>
    <m/>
  </r>
  <r>
    <n v="67"/>
    <x v="1"/>
    <s v="Community Facilities"/>
    <s v="CCTV"/>
    <s v="CCTV provision at 1 local centre at Land East of Tring"/>
    <s v="CCTV provision at 1 local centre at Land East of Tring"/>
    <x v="3"/>
    <x v="19"/>
    <x v="1"/>
    <x v="16"/>
    <x v="15"/>
    <s v="N/A"/>
    <s v="N/A"/>
    <n v="59310"/>
    <n v="59310"/>
    <s v="S106"/>
    <s v="Important"/>
    <m/>
    <m/>
    <m/>
    <m/>
    <m/>
    <m/>
    <m/>
    <m/>
    <m/>
    <m/>
    <m/>
    <m/>
    <m/>
    <m/>
    <m/>
    <m/>
    <m/>
    <m/>
    <m/>
    <m/>
    <m/>
    <m/>
    <m/>
    <s v="Yes"/>
    <m/>
    <m/>
    <m/>
    <m/>
    <m/>
    <m/>
    <m/>
    <n v="1400"/>
    <n v="42.364285714285714"/>
    <s v=""/>
    <s v=""/>
    <s v=""/>
    <s v=""/>
    <s v=""/>
    <s v=""/>
    <s v=""/>
    <s v=""/>
    <s v=""/>
    <s v=""/>
    <s v=""/>
    <s v=""/>
    <s v=""/>
    <s v=""/>
    <s v=""/>
    <s v=""/>
    <s v=""/>
    <s v=""/>
    <s v=""/>
    <s v=""/>
    <s v=""/>
    <s v=""/>
    <s v=""/>
    <n v="59310"/>
    <s v=""/>
    <s v=""/>
    <s v=""/>
    <s v=""/>
    <s v=""/>
    <s v=""/>
    <s v=""/>
    <s v="Site would be expected to pay a proportion of the cost, refer project name and project description. "/>
    <m/>
    <m/>
  </r>
  <r>
    <n v="68"/>
    <x v="1"/>
    <s v="Community Facilities"/>
    <s v="Community Centres "/>
    <s v="Contribution 1 x Community Centre (total in Tring)"/>
    <s v="Contribution 1 x Community Centre (total in Tring)"/>
    <x v="3"/>
    <x v="22"/>
    <x v="2"/>
    <x v="15"/>
    <x v="15"/>
    <s v="N/A"/>
    <s v="N/A"/>
    <n v="1515700"/>
    <n v="1515700"/>
    <s v="S106"/>
    <s v="Important"/>
    <m/>
    <m/>
    <m/>
    <m/>
    <m/>
    <m/>
    <m/>
    <m/>
    <m/>
    <m/>
    <m/>
    <m/>
    <m/>
    <m/>
    <m/>
    <m/>
    <m/>
    <m/>
    <m/>
    <m/>
    <m/>
    <m/>
    <m/>
    <m/>
    <s v="Yes"/>
    <m/>
    <m/>
    <m/>
    <m/>
    <m/>
    <m/>
    <n v="201"/>
    <n v="7540.7960199004974"/>
    <s v=""/>
    <s v=""/>
    <s v=""/>
    <s v=""/>
    <s v=""/>
    <s v=""/>
    <s v=""/>
    <s v=""/>
    <s v=""/>
    <s v=""/>
    <s v=""/>
    <s v=""/>
    <s v=""/>
    <s v=""/>
    <s v=""/>
    <s v=""/>
    <s v=""/>
    <s v=""/>
    <s v=""/>
    <s v=""/>
    <s v=""/>
    <s v=""/>
    <s v=""/>
    <s v=""/>
    <n v="1515700"/>
    <s v=""/>
    <s v=""/>
    <s v=""/>
    <s v=""/>
    <s v=""/>
    <s v=""/>
    <s v="Site would be expected to pay a proportion of the cost, refer project name and project description. "/>
    <m/>
    <m/>
  </r>
  <r>
    <n v="69"/>
    <x v="1"/>
    <s v="Community Facilities"/>
    <s v="CCTV"/>
    <s v="Contributon to CCTV provision at 1 local centre (total for Tring)"/>
    <s v="Contribution to CCTV provision at 1 local centre (total for Tring)"/>
    <x v="3"/>
    <x v="22"/>
    <x v="2"/>
    <x v="16"/>
    <x v="15"/>
    <s v="N/A"/>
    <s v="N/A"/>
    <n v="59310"/>
    <n v="59310"/>
    <s v="S106"/>
    <s v="Important"/>
    <m/>
    <m/>
    <m/>
    <m/>
    <m/>
    <m/>
    <m/>
    <m/>
    <m/>
    <m/>
    <m/>
    <m/>
    <m/>
    <m/>
    <m/>
    <m/>
    <m/>
    <m/>
    <m/>
    <m/>
    <m/>
    <m/>
    <m/>
    <m/>
    <s v="Yes"/>
    <m/>
    <m/>
    <m/>
    <m/>
    <m/>
    <m/>
    <n v="201"/>
    <n v="295.07462686567163"/>
    <s v=""/>
    <s v=""/>
    <s v=""/>
    <s v=""/>
    <s v=""/>
    <s v=""/>
    <s v=""/>
    <s v=""/>
    <s v=""/>
    <s v=""/>
    <s v=""/>
    <s v=""/>
    <s v=""/>
    <s v=""/>
    <s v=""/>
    <s v=""/>
    <s v=""/>
    <s v=""/>
    <s v=""/>
    <s v=""/>
    <s v=""/>
    <s v=""/>
    <s v=""/>
    <s v=""/>
    <n v="59310"/>
    <s v=""/>
    <s v=""/>
    <s v=""/>
    <s v=""/>
    <s v=""/>
    <s v=""/>
    <s v="Site would be expected to pay a proportion of the cost, refer project name and project description. "/>
    <m/>
    <m/>
  </r>
  <r>
    <n v="70"/>
    <x v="1"/>
    <s v="Community Facilities"/>
    <s v="Community Centres "/>
    <s v="1 centre serving North Hemel. 1 centre per every 1,666 units refer to the Communtiy Facilities Strategy "/>
    <s v="2 centre serving North Hemel. 1 centre per every 1,666 units refer to the Community Facilities Strategy "/>
    <x v="1"/>
    <x v="14"/>
    <x v="1"/>
    <x v="15"/>
    <x v="1"/>
    <s v="N/A"/>
    <s v="N/A"/>
    <n v="1515700"/>
    <n v="1515700"/>
    <s v="S106"/>
    <s v="Important"/>
    <s v="Yes"/>
    <m/>
    <m/>
    <m/>
    <m/>
    <m/>
    <m/>
    <m/>
    <m/>
    <m/>
    <m/>
    <m/>
    <m/>
    <m/>
    <m/>
    <m/>
    <m/>
    <m/>
    <m/>
    <m/>
    <m/>
    <m/>
    <m/>
    <m/>
    <m/>
    <m/>
    <m/>
    <m/>
    <m/>
    <m/>
    <m/>
    <n v="1500"/>
    <n v="1010.4666666666667"/>
    <n v="1515700"/>
    <s v=""/>
    <s v=""/>
    <s v=""/>
    <s v=""/>
    <s v=""/>
    <s v=""/>
    <s v=""/>
    <s v=""/>
    <s v=""/>
    <s v=""/>
    <s v=""/>
    <s v=""/>
    <s v=""/>
    <s v=""/>
    <s v=""/>
    <s v=""/>
    <s v=""/>
    <s v=""/>
    <s v=""/>
    <s v=""/>
    <s v=""/>
    <s v=""/>
    <s v=""/>
    <s v=""/>
    <s v=""/>
    <s v=""/>
    <s v=""/>
    <s v=""/>
    <s v=""/>
    <s v=""/>
    <m/>
    <m/>
    <m/>
  </r>
  <r>
    <n v="71"/>
    <x v="1"/>
    <s v="Community Facilities"/>
    <s v="CCTV"/>
    <s v="CCTV provision at centre in North Hemel refer to the Communtiy Facilities Strategy "/>
    <s v="CCTV provision at centre in North Hemel refer to the Community Facilities Strategy "/>
    <x v="1"/>
    <x v="14"/>
    <x v="1"/>
    <x v="16"/>
    <x v="1"/>
    <s v="N/A"/>
    <s v="N/A"/>
    <n v="59310"/>
    <n v="59310"/>
    <s v="S106"/>
    <s v="Important"/>
    <s v="Yes"/>
    <m/>
    <m/>
    <m/>
    <m/>
    <m/>
    <m/>
    <m/>
    <m/>
    <m/>
    <m/>
    <m/>
    <m/>
    <m/>
    <m/>
    <m/>
    <m/>
    <m/>
    <m/>
    <m/>
    <m/>
    <m/>
    <m/>
    <m/>
    <m/>
    <m/>
    <m/>
    <m/>
    <m/>
    <m/>
    <m/>
    <n v="1500"/>
    <n v="39.54"/>
    <n v="59310"/>
    <s v=""/>
    <s v=""/>
    <s v=""/>
    <s v=""/>
    <s v=""/>
    <s v=""/>
    <s v=""/>
    <s v=""/>
    <s v=""/>
    <s v=""/>
    <s v=""/>
    <s v=""/>
    <s v=""/>
    <s v=""/>
    <s v=""/>
    <s v=""/>
    <s v=""/>
    <s v=""/>
    <s v=""/>
    <s v=""/>
    <s v=""/>
    <s v=""/>
    <s v=""/>
    <s v=""/>
    <s v=""/>
    <s v=""/>
    <s v=""/>
    <s v=""/>
    <s v=""/>
    <s v=""/>
    <m/>
    <m/>
    <m/>
  </r>
  <r>
    <n v="72"/>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23"/>
    <x v="2"/>
    <x v="15"/>
    <x v="15"/>
    <s v="N/A"/>
    <s v="N/A"/>
    <n v="9094200"/>
    <n v="9094200"/>
    <s v="S106"/>
    <s v="Important"/>
    <m/>
    <m/>
    <s v="Yes"/>
    <m/>
    <m/>
    <m/>
    <m/>
    <m/>
    <m/>
    <m/>
    <m/>
    <m/>
    <m/>
    <m/>
    <m/>
    <m/>
    <m/>
    <m/>
    <m/>
    <m/>
    <m/>
    <m/>
    <m/>
    <m/>
    <m/>
    <m/>
    <m/>
    <m/>
    <m/>
    <m/>
    <m/>
    <n v="450"/>
    <n v="20209.333333333332"/>
    <s v=""/>
    <s v=""/>
    <n v="9094200"/>
    <s v=""/>
    <s v=""/>
    <s v=""/>
    <s v=""/>
    <s v=""/>
    <s v=""/>
    <s v=""/>
    <s v=""/>
    <s v=""/>
    <s v=""/>
    <s v=""/>
    <s v=""/>
    <s v=""/>
    <s v=""/>
    <s v=""/>
    <s v=""/>
    <s v=""/>
    <s v=""/>
    <s v=""/>
    <s v=""/>
    <s v=""/>
    <s v=""/>
    <s v=""/>
    <s v=""/>
    <s v=""/>
    <s v=""/>
    <s v=""/>
    <s v=""/>
    <s v="Site would be expected to pay a proportion of the cost, refer project name and project description. "/>
    <m/>
    <m/>
  </r>
  <r>
    <n v="73"/>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23"/>
    <x v="2"/>
    <x v="16"/>
    <x v="15"/>
    <s v="N/A"/>
    <s v="N/A"/>
    <n v="355860"/>
    <n v="355860"/>
    <s v="S106"/>
    <s v="Important"/>
    <m/>
    <m/>
    <s v="Yes"/>
    <m/>
    <m/>
    <m/>
    <m/>
    <m/>
    <m/>
    <m/>
    <m/>
    <m/>
    <m/>
    <m/>
    <m/>
    <m/>
    <m/>
    <m/>
    <m/>
    <m/>
    <m/>
    <m/>
    <m/>
    <m/>
    <m/>
    <m/>
    <m/>
    <m/>
    <m/>
    <m/>
    <m/>
    <n v="450"/>
    <n v="790.8"/>
    <s v=""/>
    <s v=""/>
    <n v="355860"/>
    <s v=""/>
    <s v=""/>
    <s v=""/>
    <s v=""/>
    <s v=""/>
    <s v=""/>
    <s v=""/>
    <s v=""/>
    <s v=""/>
    <s v=""/>
    <s v=""/>
    <s v=""/>
    <s v=""/>
    <s v=""/>
    <s v=""/>
    <s v=""/>
    <s v=""/>
    <s v=""/>
    <s v=""/>
    <s v=""/>
    <s v=""/>
    <s v=""/>
    <s v=""/>
    <s v=""/>
    <s v=""/>
    <s v=""/>
    <s v=""/>
    <s v=""/>
    <s v="Site would be expected to pay a proportion of the cost, refer project name and project description. "/>
    <m/>
    <m/>
  </r>
  <r>
    <n v="74"/>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24"/>
    <x v="2"/>
    <x v="15"/>
    <x v="15"/>
    <s v="N/A"/>
    <s v="N/A"/>
    <n v="9094200"/>
    <n v="9094200"/>
    <s v="S106"/>
    <s v="Important"/>
    <m/>
    <m/>
    <m/>
    <s v="Yes"/>
    <m/>
    <m/>
    <m/>
    <m/>
    <m/>
    <m/>
    <m/>
    <m/>
    <m/>
    <m/>
    <m/>
    <m/>
    <m/>
    <m/>
    <m/>
    <m/>
    <m/>
    <m/>
    <m/>
    <m/>
    <m/>
    <m/>
    <m/>
    <m/>
    <m/>
    <m/>
    <m/>
    <n v="350"/>
    <n v="25983.428571428572"/>
    <s v=""/>
    <s v=""/>
    <s v=""/>
    <n v="9094200"/>
    <s v=""/>
    <s v=""/>
    <s v=""/>
    <s v=""/>
    <s v=""/>
    <s v=""/>
    <s v=""/>
    <s v=""/>
    <s v=""/>
    <s v=""/>
    <s v=""/>
    <s v=""/>
    <s v=""/>
    <s v=""/>
    <s v=""/>
    <s v=""/>
    <s v=""/>
    <s v=""/>
    <s v=""/>
    <s v=""/>
    <s v=""/>
    <s v=""/>
    <s v=""/>
    <s v=""/>
    <s v=""/>
    <s v=""/>
    <s v=""/>
    <s v="Site would be expected to pay a proportion of the cost, refer project name and project description. "/>
    <m/>
    <m/>
  </r>
  <r>
    <n v="75"/>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24"/>
    <x v="2"/>
    <x v="16"/>
    <x v="15"/>
    <s v="N/A"/>
    <s v="N/A"/>
    <n v="355860"/>
    <n v="355860"/>
    <s v="S106"/>
    <s v="Important"/>
    <m/>
    <m/>
    <m/>
    <s v="Yes"/>
    <m/>
    <m/>
    <m/>
    <m/>
    <m/>
    <m/>
    <m/>
    <m/>
    <m/>
    <m/>
    <m/>
    <m/>
    <m/>
    <m/>
    <m/>
    <m/>
    <m/>
    <m/>
    <m/>
    <m/>
    <m/>
    <m/>
    <m/>
    <m/>
    <m/>
    <m/>
    <m/>
    <n v="350"/>
    <n v="1016.7428571428571"/>
    <s v=""/>
    <s v=""/>
    <s v=""/>
    <n v="355860"/>
    <s v=""/>
    <s v=""/>
    <s v=""/>
    <s v=""/>
    <s v=""/>
    <s v=""/>
    <s v=""/>
    <s v=""/>
    <s v=""/>
    <s v=""/>
    <s v=""/>
    <s v=""/>
    <s v=""/>
    <s v=""/>
    <s v=""/>
    <s v=""/>
    <s v=""/>
    <s v=""/>
    <s v=""/>
    <s v=""/>
    <s v=""/>
    <s v=""/>
    <s v=""/>
    <s v=""/>
    <s v=""/>
    <s v=""/>
    <s v=""/>
    <s v="Site would be expected to pay a proportion of the cost, refer project name and project description. "/>
    <m/>
    <m/>
  </r>
  <r>
    <n v="76"/>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25"/>
    <x v="2"/>
    <x v="15"/>
    <x v="15"/>
    <s v="N/A"/>
    <s v="N/A"/>
    <n v="9094200"/>
    <n v="9094200"/>
    <s v="S106"/>
    <s v="Important"/>
    <m/>
    <s v="Yes"/>
    <m/>
    <m/>
    <m/>
    <m/>
    <m/>
    <m/>
    <m/>
    <m/>
    <m/>
    <m/>
    <m/>
    <m/>
    <m/>
    <m/>
    <m/>
    <m/>
    <m/>
    <m/>
    <m/>
    <m/>
    <m/>
    <m/>
    <m/>
    <m/>
    <m/>
    <m/>
    <m/>
    <m/>
    <m/>
    <n v="200"/>
    <n v="45471"/>
    <s v=""/>
    <n v="9094200"/>
    <s v=""/>
    <s v=""/>
    <s v=""/>
    <s v=""/>
    <s v=""/>
    <s v=""/>
    <s v=""/>
    <s v=""/>
    <s v=""/>
    <s v=""/>
    <s v=""/>
    <s v=""/>
    <s v=""/>
    <s v=""/>
    <s v=""/>
    <s v=""/>
    <s v=""/>
    <s v=""/>
    <s v=""/>
    <s v=""/>
    <s v=""/>
    <s v=""/>
    <s v=""/>
    <s v=""/>
    <s v=""/>
    <s v=""/>
    <s v=""/>
    <s v=""/>
    <s v=""/>
    <s v="Site would be expected to pay a proportion of the cost, refer project name and project description. "/>
    <m/>
    <m/>
  </r>
  <r>
    <n v="77"/>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25"/>
    <x v="2"/>
    <x v="16"/>
    <x v="15"/>
    <s v="N/A"/>
    <s v="N/A"/>
    <n v="355860"/>
    <n v="355860"/>
    <s v="S106"/>
    <s v="Important"/>
    <m/>
    <s v="Yes"/>
    <m/>
    <m/>
    <m/>
    <m/>
    <m/>
    <m/>
    <m/>
    <m/>
    <m/>
    <m/>
    <m/>
    <m/>
    <m/>
    <m/>
    <m/>
    <m/>
    <m/>
    <m/>
    <m/>
    <m/>
    <m/>
    <m/>
    <m/>
    <m/>
    <m/>
    <m/>
    <m/>
    <m/>
    <m/>
    <n v="200"/>
    <n v="1779.3"/>
    <s v=""/>
    <n v="355860"/>
    <s v=""/>
    <s v=""/>
    <s v=""/>
    <s v=""/>
    <s v=""/>
    <s v=""/>
    <s v=""/>
    <s v=""/>
    <s v=""/>
    <s v=""/>
    <s v=""/>
    <s v=""/>
    <s v=""/>
    <s v=""/>
    <s v=""/>
    <s v=""/>
    <s v=""/>
    <s v=""/>
    <s v=""/>
    <s v=""/>
    <s v=""/>
    <s v=""/>
    <s v=""/>
    <s v=""/>
    <s v=""/>
    <s v=""/>
    <s v=""/>
    <s v=""/>
    <s v=""/>
    <s v="Site would be expected to pay a proportion of the cost, refer project name and project description. "/>
    <m/>
    <m/>
  </r>
  <r>
    <n v="78"/>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16"/>
    <x v="2"/>
    <x v="15"/>
    <x v="15"/>
    <s v="N/A"/>
    <s v="N/A"/>
    <n v="9094200"/>
    <n v="9094200"/>
    <s v="S106"/>
    <s v="Important"/>
    <m/>
    <m/>
    <m/>
    <m/>
    <s v="Yes"/>
    <m/>
    <m/>
    <m/>
    <m/>
    <m/>
    <m/>
    <m/>
    <m/>
    <m/>
    <m/>
    <m/>
    <m/>
    <m/>
    <m/>
    <m/>
    <m/>
    <m/>
    <m/>
    <m/>
    <m/>
    <m/>
    <m/>
    <m/>
    <m/>
    <m/>
    <m/>
    <n v="300"/>
    <n v="30314"/>
    <s v=""/>
    <s v=""/>
    <s v=""/>
    <s v=""/>
    <n v="9094200"/>
    <s v=""/>
    <s v=""/>
    <s v=""/>
    <s v=""/>
    <s v=""/>
    <s v=""/>
    <s v=""/>
    <s v=""/>
    <s v=""/>
    <s v=""/>
    <s v=""/>
    <s v=""/>
    <s v=""/>
    <s v=""/>
    <s v=""/>
    <s v=""/>
    <s v=""/>
    <s v=""/>
    <s v=""/>
    <s v=""/>
    <s v=""/>
    <s v=""/>
    <s v=""/>
    <s v=""/>
    <s v=""/>
    <s v=""/>
    <s v="Site would be expected to pay a proportion of the cost, refer project name and project description. "/>
    <m/>
    <m/>
  </r>
  <r>
    <n v="79"/>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16"/>
    <x v="2"/>
    <x v="16"/>
    <x v="15"/>
    <s v="N/A"/>
    <s v="N/A"/>
    <n v="355860"/>
    <n v="355860"/>
    <s v="S106"/>
    <s v="Important"/>
    <m/>
    <m/>
    <m/>
    <m/>
    <s v="Yes"/>
    <m/>
    <m/>
    <m/>
    <m/>
    <m/>
    <m/>
    <m/>
    <m/>
    <m/>
    <m/>
    <m/>
    <m/>
    <m/>
    <m/>
    <m/>
    <m/>
    <m/>
    <m/>
    <m/>
    <m/>
    <m/>
    <m/>
    <m/>
    <m/>
    <m/>
    <m/>
    <n v="300"/>
    <n v="1186.2"/>
    <s v=""/>
    <s v=""/>
    <s v=""/>
    <s v=""/>
    <n v="355860"/>
    <s v=""/>
    <s v=""/>
    <s v=""/>
    <s v=""/>
    <s v=""/>
    <s v=""/>
    <s v=""/>
    <s v=""/>
    <s v=""/>
    <s v=""/>
    <s v=""/>
    <s v=""/>
    <s v=""/>
    <s v=""/>
    <s v=""/>
    <s v=""/>
    <s v=""/>
    <s v=""/>
    <s v=""/>
    <s v=""/>
    <s v=""/>
    <s v=""/>
    <s v=""/>
    <s v=""/>
    <s v=""/>
    <s v=""/>
    <s v="Site would be expected to pay a proportion of the cost, refer project name and project description. "/>
    <m/>
    <m/>
  </r>
  <r>
    <n v="80"/>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26"/>
    <x v="2"/>
    <x v="15"/>
    <x v="15"/>
    <s v="N/A"/>
    <s v="N/A"/>
    <n v="9094200"/>
    <n v="9094200"/>
    <s v="S106"/>
    <s v="Important"/>
    <m/>
    <m/>
    <m/>
    <m/>
    <m/>
    <m/>
    <s v="Yes"/>
    <m/>
    <m/>
    <m/>
    <m/>
    <m/>
    <m/>
    <m/>
    <m/>
    <m/>
    <m/>
    <m/>
    <m/>
    <m/>
    <m/>
    <m/>
    <m/>
    <m/>
    <m/>
    <m/>
    <m/>
    <m/>
    <m/>
    <m/>
    <m/>
    <n v="100"/>
    <n v="90942"/>
    <s v=""/>
    <s v=""/>
    <s v=""/>
    <s v=""/>
    <s v=""/>
    <s v=""/>
    <n v="9094200"/>
    <s v=""/>
    <s v=""/>
    <s v=""/>
    <s v=""/>
    <s v=""/>
    <s v=""/>
    <s v=""/>
    <s v=""/>
    <s v=""/>
    <s v=""/>
    <s v=""/>
    <s v=""/>
    <s v=""/>
    <s v=""/>
    <s v=""/>
    <s v=""/>
    <s v=""/>
    <s v=""/>
    <s v=""/>
    <s v=""/>
    <s v=""/>
    <s v=""/>
    <s v=""/>
    <s v=""/>
    <s v="Site would be expected to pay a proportion of the cost, refer project name and project description. "/>
    <m/>
    <m/>
  </r>
  <r>
    <n v="81"/>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26"/>
    <x v="2"/>
    <x v="16"/>
    <x v="15"/>
    <s v="N/A"/>
    <s v="N/A"/>
    <n v="355860"/>
    <n v="355860"/>
    <s v="S106"/>
    <s v="Important"/>
    <m/>
    <m/>
    <m/>
    <m/>
    <m/>
    <m/>
    <s v="Yes"/>
    <m/>
    <m/>
    <m/>
    <m/>
    <m/>
    <m/>
    <m/>
    <m/>
    <m/>
    <m/>
    <m/>
    <m/>
    <m/>
    <m/>
    <m/>
    <m/>
    <m/>
    <m/>
    <m/>
    <m/>
    <m/>
    <m/>
    <m/>
    <m/>
    <n v="100"/>
    <n v="3558.6"/>
    <s v=""/>
    <s v=""/>
    <s v=""/>
    <s v=""/>
    <s v=""/>
    <s v=""/>
    <n v="355860"/>
    <s v=""/>
    <s v=""/>
    <s v=""/>
    <s v=""/>
    <s v=""/>
    <s v=""/>
    <s v=""/>
    <s v=""/>
    <s v=""/>
    <s v=""/>
    <s v=""/>
    <s v=""/>
    <s v=""/>
    <s v=""/>
    <s v=""/>
    <s v=""/>
    <s v=""/>
    <s v=""/>
    <s v=""/>
    <s v=""/>
    <s v=""/>
    <s v=""/>
    <s v=""/>
    <s v=""/>
    <s v="Site would be expected to pay a proportion of the cost, refer project name and project description. "/>
    <m/>
    <m/>
  </r>
  <r>
    <n v="82"/>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27"/>
    <x v="2"/>
    <x v="15"/>
    <x v="15"/>
    <s v="N/A"/>
    <s v="N/A"/>
    <n v="9094200"/>
    <n v="9094200"/>
    <s v="S106"/>
    <s v="Important"/>
    <m/>
    <m/>
    <m/>
    <m/>
    <m/>
    <m/>
    <m/>
    <s v="Yes"/>
    <m/>
    <m/>
    <m/>
    <m/>
    <m/>
    <m/>
    <m/>
    <m/>
    <m/>
    <m/>
    <m/>
    <m/>
    <m/>
    <m/>
    <m/>
    <m/>
    <m/>
    <m/>
    <m/>
    <m/>
    <m/>
    <m/>
    <m/>
    <n v="390"/>
    <n v="23318.461538461539"/>
    <s v=""/>
    <s v=""/>
    <s v=""/>
    <s v=""/>
    <s v=""/>
    <s v=""/>
    <s v=""/>
    <n v="9094200"/>
    <s v=""/>
    <s v=""/>
    <s v=""/>
    <s v=""/>
    <s v=""/>
    <s v=""/>
    <s v=""/>
    <s v=""/>
    <s v=""/>
    <s v=""/>
    <s v=""/>
    <s v=""/>
    <s v=""/>
    <s v=""/>
    <s v=""/>
    <s v=""/>
    <s v=""/>
    <s v=""/>
    <s v=""/>
    <s v=""/>
    <s v=""/>
    <s v=""/>
    <s v=""/>
    <s v="Site would be expected to pay a proportion of the cost, refer project name and project description. "/>
    <m/>
    <m/>
  </r>
  <r>
    <n v="83"/>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27"/>
    <x v="2"/>
    <x v="16"/>
    <x v="15"/>
    <s v="N/A"/>
    <s v="N/A"/>
    <n v="355860"/>
    <n v="355860"/>
    <s v="S106"/>
    <s v="Important"/>
    <m/>
    <m/>
    <m/>
    <m/>
    <m/>
    <m/>
    <m/>
    <s v="Yes"/>
    <m/>
    <m/>
    <m/>
    <m/>
    <m/>
    <m/>
    <m/>
    <m/>
    <m/>
    <m/>
    <m/>
    <m/>
    <m/>
    <m/>
    <m/>
    <m/>
    <m/>
    <m/>
    <m/>
    <m/>
    <m/>
    <m/>
    <m/>
    <n v="390"/>
    <n v="912.46153846153845"/>
    <s v=""/>
    <s v=""/>
    <s v=""/>
    <s v=""/>
    <s v=""/>
    <s v=""/>
    <s v=""/>
    <n v="355860"/>
    <s v=""/>
    <s v=""/>
    <s v=""/>
    <s v=""/>
    <s v=""/>
    <s v=""/>
    <s v=""/>
    <s v=""/>
    <s v=""/>
    <s v=""/>
    <s v=""/>
    <s v=""/>
    <s v=""/>
    <s v=""/>
    <s v=""/>
    <s v=""/>
    <s v=""/>
    <s v=""/>
    <s v=""/>
    <s v=""/>
    <s v=""/>
    <s v=""/>
    <s v=""/>
    <s v="Site would be expected to pay a proportion of the cost, refer project name and project description. "/>
    <m/>
    <m/>
  </r>
  <r>
    <n v="84"/>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28"/>
    <x v="2"/>
    <x v="15"/>
    <x v="15"/>
    <s v="N/A"/>
    <s v="N/A"/>
    <n v="9094200"/>
    <n v="9094200"/>
    <s v="S106"/>
    <s v="Important"/>
    <m/>
    <m/>
    <m/>
    <m/>
    <m/>
    <s v="Yes"/>
    <m/>
    <m/>
    <m/>
    <m/>
    <m/>
    <m/>
    <m/>
    <m/>
    <m/>
    <m/>
    <m/>
    <m/>
    <m/>
    <m/>
    <m/>
    <m/>
    <m/>
    <m/>
    <m/>
    <m/>
    <m/>
    <m/>
    <m/>
    <m/>
    <m/>
    <n v="480"/>
    <n v="18946.25"/>
    <s v=""/>
    <s v=""/>
    <s v=""/>
    <s v=""/>
    <s v=""/>
    <n v="9094200"/>
    <s v=""/>
    <s v=""/>
    <s v=""/>
    <s v=""/>
    <s v=""/>
    <s v=""/>
    <s v=""/>
    <s v=""/>
    <s v=""/>
    <s v=""/>
    <s v=""/>
    <s v=""/>
    <s v=""/>
    <s v=""/>
    <s v=""/>
    <s v=""/>
    <s v=""/>
    <s v=""/>
    <s v=""/>
    <s v=""/>
    <s v=""/>
    <s v=""/>
    <s v=""/>
    <s v=""/>
    <s v=""/>
    <s v="Site would be expected to pay a proportion of the cost, refer project name and project description. "/>
    <m/>
    <m/>
  </r>
  <r>
    <n v="85"/>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28"/>
    <x v="2"/>
    <x v="16"/>
    <x v="15"/>
    <s v="N/A"/>
    <s v="N/A"/>
    <n v="355860"/>
    <n v="355860"/>
    <s v="S106"/>
    <s v="Important"/>
    <m/>
    <m/>
    <m/>
    <m/>
    <m/>
    <s v="Yes"/>
    <m/>
    <m/>
    <m/>
    <m/>
    <m/>
    <m/>
    <m/>
    <m/>
    <m/>
    <m/>
    <m/>
    <m/>
    <m/>
    <m/>
    <m/>
    <m/>
    <m/>
    <m/>
    <m/>
    <m/>
    <m/>
    <m/>
    <m/>
    <m/>
    <m/>
    <n v="480"/>
    <n v="741.375"/>
    <s v=""/>
    <s v=""/>
    <s v=""/>
    <s v=""/>
    <s v=""/>
    <n v="355860"/>
    <s v=""/>
    <s v=""/>
    <s v=""/>
    <s v=""/>
    <s v=""/>
    <s v=""/>
    <s v=""/>
    <s v=""/>
    <s v=""/>
    <s v=""/>
    <s v=""/>
    <s v=""/>
    <s v=""/>
    <s v=""/>
    <s v=""/>
    <s v=""/>
    <s v=""/>
    <s v=""/>
    <s v=""/>
    <s v=""/>
    <s v=""/>
    <s v=""/>
    <s v=""/>
    <s v=""/>
    <s v=""/>
    <s v="Site would be expected to pay a proportion of the cost, refer project name and project description. "/>
    <m/>
    <m/>
  </r>
  <r>
    <n v="86"/>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17"/>
    <x v="2"/>
    <x v="15"/>
    <x v="15"/>
    <s v="N/A"/>
    <s v="N/A"/>
    <n v="9094200"/>
    <n v="9094200"/>
    <s v="S106"/>
    <s v="Important"/>
    <m/>
    <m/>
    <m/>
    <m/>
    <m/>
    <m/>
    <m/>
    <m/>
    <s v="Yes"/>
    <m/>
    <m/>
    <m/>
    <m/>
    <m/>
    <m/>
    <m/>
    <m/>
    <m/>
    <m/>
    <m/>
    <m/>
    <m/>
    <m/>
    <m/>
    <m/>
    <m/>
    <m/>
    <m/>
    <m/>
    <m/>
    <m/>
    <n v="500"/>
    <n v="18188.400000000001"/>
    <s v=""/>
    <s v=""/>
    <s v=""/>
    <s v=""/>
    <s v=""/>
    <s v=""/>
    <s v=""/>
    <s v=""/>
    <n v="9094200"/>
    <s v=""/>
    <s v=""/>
    <s v=""/>
    <s v=""/>
    <s v=""/>
    <s v=""/>
    <s v=""/>
    <s v=""/>
    <s v=""/>
    <s v=""/>
    <s v=""/>
    <s v=""/>
    <s v=""/>
    <s v=""/>
    <s v=""/>
    <s v=""/>
    <s v=""/>
    <s v=""/>
    <s v=""/>
    <s v=""/>
    <s v=""/>
    <s v=""/>
    <s v="Site would be expected to pay a proportion of the cost, refer project name and project description. "/>
    <m/>
    <m/>
  </r>
  <r>
    <n v="87"/>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17"/>
    <x v="2"/>
    <x v="16"/>
    <x v="15"/>
    <s v="N/A"/>
    <s v="N/A"/>
    <n v="355860"/>
    <n v="355860"/>
    <s v="S106"/>
    <s v="Important"/>
    <m/>
    <m/>
    <m/>
    <m/>
    <m/>
    <m/>
    <m/>
    <m/>
    <s v="Yes"/>
    <m/>
    <m/>
    <m/>
    <m/>
    <m/>
    <m/>
    <m/>
    <m/>
    <m/>
    <m/>
    <m/>
    <m/>
    <m/>
    <m/>
    <m/>
    <m/>
    <m/>
    <m/>
    <m/>
    <m/>
    <m/>
    <m/>
    <n v="500"/>
    <n v="711.72"/>
    <s v=""/>
    <s v=""/>
    <s v=""/>
    <s v=""/>
    <s v=""/>
    <s v=""/>
    <s v=""/>
    <s v=""/>
    <n v="355860"/>
    <s v=""/>
    <s v=""/>
    <s v=""/>
    <s v=""/>
    <s v=""/>
    <s v=""/>
    <s v=""/>
    <s v=""/>
    <s v=""/>
    <s v=""/>
    <s v=""/>
    <s v=""/>
    <s v=""/>
    <s v=""/>
    <s v=""/>
    <s v=""/>
    <s v=""/>
    <s v=""/>
    <s v=""/>
    <s v=""/>
    <s v=""/>
    <s v=""/>
    <s v="Site would be expected to pay a proportion of the cost, refer project name and project description. "/>
    <m/>
    <m/>
  </r>
  <r>
    <n v="88"/>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29"/>
    <x v="2"/>
    <x v="15"/>
    <x v="15"/>
    <s v="N/A"/>
    <s v="N/A"/>
    <n v="9094200"/>
    <n v="9094200"/>
    <s v="S106"/>
    <s v="Important"/>
    <m/>
    <m/>
    <m/>
    <m/>
    <m/>
    <m/>
    <m/>
    <m/>
    <m/>
    <m/>
    <m/>
    <m/>
    <s v="Yes"/>
    <m/>
    <m/>
    <m/>
    <m/>
    <m/>
    <m/>
    <m/>
    <m/>
    <m/>
    <m/>
    <m/>
    <m/>
    <m/>
    <m/>
    <m/>
    <m/>
    <m/>
    <m/>
    <n v="234"/>
    <n v="38864.102564102563"/>
    <s v=""/>
    <s v=""/>
    <s v=""/>
    <s v=""/>
    <s v=""/>
    <s v=""/>
    <s v=""/>
    <s v=""/>
    <s v=""/>
    <s v=""/>
    <s v=""/>
    <s v=""/>
    <n v="9094200"/>
    <s v=""/>
    <s v=""/>
    <s v=""/>
    <s v=""/>
    <s v=""/>
    <s v=""/>
    <s v=""/>
    <s v=""/>
    <s v=""/>
    <s v=""/>
    <s v=""/>
    <s v=""/>
    <s v=""/>
    <s v=""/>
    <s v=""/>
    <s v=""/>
    <s v=""/>
    <s v=""/>
    <s v="Site would be expected to pay a proportion of the cost, refer project name and project description. "/>
    <m/>
    <m/>
  </r>
  <r>
    <n v="89"/>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29"/>
    <x v="2"/>
    <x v="16"/>
    <x v="15"/>
    <s v="N/A"/>
    <s v="N/A"/>
    <n v="355860"/>
    <n v="355860"/>
    <s v="S106"/>
    <s v="Important"/>
    <m/>
    <m/>
    <m/>
    <m/>
    <m/>
    <m/>
    <m/>
    <m/>
    <m/>
    <m/>
    <m/>
    <m/>
    <s v="Yes"/>
    <m/>
    <m/>
    <m/>
    <m/>
    <m/>
    <m/>
    <m/>
    <m/>
    <m/>
    <m/>
    <m/>
    <m/>
    <m/>
    <m/>
    <m/>
    <m/>
    <m/>
    <m/>
    <n v="234"/>
    <n v="1520.7692307692307"/>
    <s v=""/>
    <s v=""/>
    <s v=""/>
    <s v=""/>
    <s v=""/>
    <s v=""/>
    <s v=""/>
    <s v=""/>
    <s v=""/>
    <s v=""/>
    <s v=""/>
    <s v=""/>
    <n v="355860"/>
    <s v=""/>
    <s v=""/>
    <s v=""/>
    <s v=""/>
    <s v=""/>
    <s v=""/>
    <s v=""/>
    <s v=""/>
    <s v=""/>
    <s v=""/>
    <s v=""/>
    <s v=""/>
    <s v=""/>
    <s v=""/>
    <s v=""/>
    <s v=""/>
    <s v=""/>
    <s v=""/>
    <s v="Site would be expected to pay a proportion of the cost, refer project name and project description. "/>
    <m/>
    <m/>
  </r>
  <r>
    <n v="90"/>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3"/>
    <x v="2"/>
    <x v="15"/>
    <x v="15"/>
    <s v="N/A"/>
    <s v="N/A"/>
    <n v="9094200"/>
    <n v="9094200"/>
    <s v="S106"/>
    <s v="Important"/>
    <m/>
    <m/>
    <m/>
    <m/>
    <m/>
    <m/>
    <m/>
    <m/>
    <m/>
    <s v="Yes"/>
    <m/>
    <m/>
    <m/>
    <m/>
    <m/>
    <m/>
    <m/>
    <m/>
    <m/>
    <m/>
    <m/>
    <m/>
    <m/>
    <m/>
    <m/>
    <m/>
    <m/>
    <m/>
    <m/>
    <m/>
    <m/>
    <n v="500"/>
    <n v="18188.400000000001"/>
    <s v=""/>
    <s v=""/>
    <s v=""/>
    <s v=""/>
    <s v=""/>
    <s v=""/>
    <s v=""/>
    <s v=""/>
    <s v=""/>
    <n v="9094200"/>
    <s v=""/>
    <s v=""/>
    <s v=""/>
    <s v=""/>
    <s v=""/>
    <s v=""/>
    <s v=""/>
    <s v=""/>
    <s v=""/>
    <s v=""/>
    <s v=""/>
    <s v=""/>
    <s v=""/>
    <s v=""/>
    <s v=""/>
    <s v=""/>
    <s v=""/>
    <s v=""/>
    <s v=""/>
    <s v=""/>
    <s v=""/>
    <s v="Site would be expected to pay a proportion of the cost, refer project name and project description. "/>
    <m/>
    <m/>
  </r>
  <r>
    <n v="91"/>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3"/>
    <x v="2"/>
    <x v="16"/>
    <x v="15"/>
    <s v="N/A"/>
    <s v="N/A"/>
    <n v="355860"/>
    <n v="355860"/>
    <s v="S106"/>
    <s v="Important"/>
    <m/>
    <m/>
    <m/>
    <m/>
    <m/>
    <m/>
    <m/>
    <m/>
    <m/>
    <s v="Yes"/>
    <m/>
    <m/>
    <m/>
    <m/>
    <m/>
    <m/>
    <m/>
    <m/>
    <m/>
    <m/>
    <m/>
    <m/>
    <m/>
    <m/>
    <m/>
    <m/>
    <m/>
    <m/>
    <m/>
    <m/>
    <m/>
    <n v="500"/>
    <n v="711.72"/>
    <s v=""/>
    <s v=""/>
    <s v=""/>
    <s v=""/>
    <s v=""/>
    <s v=""/>
    <s v=""/>
    <s v=""/>
    <s v=""/>
    <n v="355860"/>
    <s v=""/>
    <s v=""/>
    <s v=""/>
    <s v=""/>
    <s v=""/>
    <s v=""/>
    <s v=""/>
    <s v=""/>
    <s v=""/>
    <s v=""/>
    <s v=""/>
    <s v=""/>
    <s v=""/>
    <s v=""/>
    <s v=""/>
    <s v=""/>
    <s v=""/>
    <s v=""/>
    <s v=""/>
    <s v=""/>
    <s v=""/>
    <s v="Site would be expected to pay a proportion of the cost, refer project name and project description. "/>
    <m/>
    <m/>
  </r>
  <r>
    <n v="92"/>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7"/>
    <x v="2"/>
    <x v="15"/>
    <x v="15"/>
    <s v="N/A"/>
    <s v="N/A"/>
    <n v="9094200"/>
    <n v="9094200"/>
    <s v="S106"/>
    <s v="Important"/>
    <m/>
    <m/>
    <m/>
    <m/>
    <m/>
    <m/>
    <m/>
    <m/>
    <m/>
    <m/>
    <s v="Yes"/>
    <m/>
    <m/>
    <m/>
    <m/>
    <m/>
    <m/>
    <m/>
    <m/>
    <m/>
    <m/>
    <m/>
    <m/>
    <m/>
    <m/>
    <m/>
    <m/>
    <m/>
    <m/>
    <m/>
    <m/>
    <n v="750"/>
    <n v="12125.6"/>
    <s v=""/>
    <s v=""/>
    <s v=""/>
    <s v=""/>
    <s v=""/>
    <s v=""/>
    <s v=""/>
    <s v=""/>
    <s v=""/>
    <s v=""/>
    <n v="9094200"/>
    <s v=""/>
    <s v=""/>
    <s v=""/>
    <s v=""/>
    <s v=""/>
    <s v=""/>
    <s v=""/>
    <s v=""/>
    <s v=""/>
    <s v=""/>
    <s v=""/>
    <s v=""/>
    <s v=""/>
    <s v=""/>
    <s v=""/>
    <s v=""/>
    <s v=""/>
    <s v=""/>
    <s v=""/>
    <s v=""/>
    <s v="Site would be expected to pay a proportion of the cost, refer project name and project description. "/>
    <m/>
    <m/>
  </r>
  <r>
    <n v="93"/>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7"/>
    <x v="2"/>
    <x v="16"/>
    <x v="15"/>
    <s v="N/A"/>
    <s v="N/A"/>
    <n v="355860"/>
    <n v="355860"/>
    <s v="S106"/>
    <s v="Important"/>
    <m/>
    <m/>
    <m/>
    <m/>
    <m/>
    <m/>
    <m/>
    <m/>
    <m/>
    <m/>
    <s v="Yes"/>
    <m/>
    <m/>
    <m/>
    <m/>
    <m/>
    <m/>
    <m/>
    <m/>
    <m/>
    <m/>
    <m/>
    <m/>
    <m/>
    <m/>
    <m/>
    <m/>
    <m/>
    <m/>
    <m/>
    <m/>
    <n v="750"/>
    <n v="474.48"/>
    <s v=""/>
    <s v=""/>
    <s v=""/>
    <s v=""/>
    <s v=""/>
    <s v=""/>
    <s v=""/>
    <s v=""/>
    <s v=""/>
    <s v=""/>
    <n v="355860"/>
    <s v=""/>
    <s v=""/>
    <s v=""/>
    <s v=""/>
    <s v=""/>
    <s v=""/>
    <s v=""/>
    <s v=""/>
    <s v=""/>
    <s v=""/>
    <s v=""/>
    <s v=""/>
    <s v=""/>
    <s v=""/>
    <s v=""/>
    <s v=""/>
    <s v=""/>
    <s v=""/>
    <s v=""/>
    <s v=""/>
    <s v="Site would be expected to pay a proportion of the cost, refer project name and project description. "/>
    <m/>
    <m/>
  </r>
  <r>
    <n v="94"/>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9"/>
    <x v="2"/>
    <x v="15"/>
    <x v="15"/>
    <s v="N/A"/>
    <s v="N/A"/>
    <n v="9094200"/>
    <n v="9094200"/>
    <s v="S106"/>
    <s v="Important"/>
    <m/>
    <m/>
    <m/>
    <m/>
    <m/>
    <m/>
    <m/>
    <m/>
    <m/>
    <m/>
    <m/>
    <m/>
    <m/>
    <s v="Yes"/>
    <m/>
    <m/>
    <m/>
    <m/>
    <m/>
    <m/>
    <m/>
    <m/>
    <m/>
    <m/>
    <m/>
    <m/>
    <m/>
    <m/>
    <m/>
    <m/>
    <m/>
    <n v="350"/>
    <n v="25983.428571428572"/>
    <s v=""/>
    <s v=""/>
    <s v=""/>
    <s v=""/>
    <s v=""/>
    <s v=""/>
    <s v=""/>
    <s v=""/>
    <s v=""/>
    <s v=""/>
    <s v=""/>
    <s v=""/>
    <s v=""/>
    <n v="9094200"/>
    <s v=""/>
    <s v=""/>
    <s v=""/>
    <s v=""/>
    <s v=""/>
    <s v=""/>
    <s v=""/>
    <s v=""/>
    <s v=""/>
    <s v=""/>
    <s v=""/>
    <s v=""/>
    <s v=""/>
    <s v=""/>
    <s v=""/>
    <s v=""/>
    <s v=""/>
    <s v="Site would be expected to pay a proportion of the cost, refer project name and project description. "/>
    <m/>
    <m/>
  </r>
  <r>
    <n v="95"/>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30"/>
    <x v="2"/>
    <x v="16"/>
    <x v="15"/>
    <s v="N/A"/>
    <s v="N/A"/>
    <n v="355860"/>
    <n v="355860"/>
    <s v="S106"/>
    <s v="Important"/>
    <m/>
    <m/>
    <m/>
    <m/>
    <m/>
    <m/>
    <m/>
    <m/>
    <m/>
    <m/>
    <m/>
    <m/>
    <m/>
    <s v="Yes"/>
    <m/>
    <m/>
    <m/>
    <m/>
    <m/>
    <m/>
    <m/>
    <m/>
    <m/>
    <m/>
    <m/>
    <m/>
    <m/>
    <m/>
    <m/>
    <m/>
    <m/>
    <n v="350"/>
    <n v="1016.7428571428571"/>
    <s v=""/>
    <s v=""/>
    <s v=""/>
    <s v=""/>
    <s v=""/>
    <s v=""/>
    <s v=""/>
    <s v=""/>
    <s v=""/>
    <s v=""/>
    <s v=""/>
    <s v=""/>
    <s v=""/>
    <n v="355860"/>
    <s v=""/>
    <s v=""/>
    <s v=""/>
    <s v=""/>
    <s v=""/>
    <s v=""/>
    <s v=""/>
    <s v=""/>
    <s v=""/>
    <s v=""/>
    <s v=""/>
    <s v=""/>
    <s v=""/>
    <s v=""/>
    <s v=""/>
    <s v=""/>
    <s v=""/>
    <s v="Site would be expected to pay a proportion of the cost, refer project name and project description. "/>
    <m/>
    <m/>
  </r>
  <r>
    <n v="96"/>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31"/>
    <x v="2"/>
    <x v="15"/>
    <x v="15"/>
    <s v="N/A"/>
    <s v="N/A"/>
    <n v="9094200"/>
    <n v="9094200"/>
    <s v="S106"/>
    <s v="Important"/>
    <m/>
    <m/>
    <m/>
    <m/>
    <m/>
    <m/>
    <m/>
    <m/>
    <m/>
    <m/>
    <m/>
    <m/>
    <m/>
    <m/>
    <s v="Yes"/>
    <m/>
    <m/>
    <m/>
    <m/>
    <m/>
    <m/>
    <m/>
    <m/>
    <m/>
    <m/>
    <m/>
    <m/>
    <m/>
    <m/>
    <m/>
    <m/>
    <n v="90"/>
    <n v="101046.66666666667"/>
    <s v=""/>
    <s v=""/>
    <s v=""/>
    <s v=""/>
    <s v=""/>
    <s v=""/>
    <s v=""/>
    <s v=""/>
    <s v=""/>
    <s v=""/>
    <s v=""/>
    <s v=""/>
    <s v=""/>
    <s v=""/>
    <n v="9094200"/>
    <s v=""/>
    <s v=""/>
    <s v=""/>
    <s v=""/>
    <s v=""/>
    <s v=""/>
    <s v=""/>
    <s v=""/>
    <s v=""/>
    <s v=""/>
    <s v=""/>
    <s v=""/>
    <s v=""/>
    <s v=""/>
    <s v=""/>
    <s v=""/>
    <s v="Site would be expected to pay a proportion of the cost, refer project name and project description. "/>
    <m/>
    <m/>
  </r>
  <r>
    <n v="97"/>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31"/>
    <x v="2"/>
    <x v="16"/>
    <x v="15"/>
    <s v="N/A"/>
    <s v="N/A"/>
    <n v="355860"/>
    <n v="355860"/>
    <s v="S106"/>
    <s v="Important"/>
    <m/>
    <m/>
    <m/>
    <m/>
    <m/>
    <m/>
    <m/>
    <m/>
    <m/>
    <m/>
    <m/>
    <m/>
    <m/>
    <m/>
    <s v="Yes"/>
    <m/>
    <m/>
    <m/>
    <m/>
    <m/>
    <m/>
    <m/>
    <m/>
    <m/>
    <m/>
    <m/>
    <m/>
    <m/>
    <m/>
    <m/>
    <m/>
    <n v="90"/>
    <n v="3954"/>
    <s v=""/>
    <s v=""/>
    <s v=""/>
    <s v=""/>
    <s v=""/>
    <s v=""/>
    <s v=""/>
    <s v=""/>
    <s v=""/>
    <s v=""/>
    <s v=""/>
    <s v=""/>
    <s v=""/>
    <s v=""/>
    <n v="355860"/>
    <s v=""/>
    <s v=""/>
    <s v=""/>
    <s v=""/>
    <s v=""/>
    <s v=""/>
    <s v=""/>
    <s v=""/>
    <s v=""/>
    <s v=""/>
    <s v=""/>
    <s v=""/>
    <s v=""/>
    <s v=""/>
    <s v=""/>
    <s v=""/>
    <s v="Site would be expected to pay a proportion of the cost, refer project name and project description. "/>
    <m/>
    <m/>
  </r>
  <r>
    <n v="98"/>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32"/>
    <x v="2"/>
    <x v="15"/>
    <x v="15"/>
    <s v="N/A"/>
    <s v="N/A"/>
    <n v="9094200"/>
    <n v="9094200"/>
    <s v="S106"/>
    <s v="Important"/>
    <m/>
    <m/>
    <m/>
    <m/>
    <m/>
    <m/>
    <m/>
    <m/>
    <m/>
    <m/>
    <m/>
    <m/>
    <m/>
    <m/>
    <m/>
    <s v="Yes"/>
    <m/>
    <m/>
    <m/>
    <m/>
    <m/>
    <m/>
    <m/>
    <m/>
    <m/>
    <m/>
    <m/>
    <m/>
    <m/>
    <m/>
    <m/>
    <n v="80"/>
    <n v="113677.5"/>
    <s v=""/>
    <s v=""/>
    <s v=""/>
    <s v=""/>
    <s v=""/>
    <s v=""/>
    <s v=""/>
    <s v=""/>
    <s v=""/>
    <s v=""/>
    <s v=""/>
    <s v=""/>
    <s v=""/>
    <s v=""/>
    <s v=""/>
    <n v="9094200"/>
    <s v=""/>
    <s v=""/>
    <s v=""/>
    <s v=""/>
    <s v=""/>
    <s v=""/>
    <s v=""/>
    <s v=""/>
    <s v=""/>
    <s v=""/>
    <s v=""/>
    <s v=""/>
    <s v=""/>
    <s v=""/>
    <s v=""/>
    <s v="Site would be expected to pay a proportion of the cost, refer project name and project description. "/>
    <m/>
    <m/>
  </r>
  <r>
    <n v="99"/>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32"/>
    <x v="2"/>
    <x v="16"/>
    <x v="15"/>
    <s v="N/A"/>
    <s v="N/A"/>
    <n v="355860"/>
    <n v="355860"/>
    <s v="S106"/>
    <s v="Important"/>
    <m/>
    <m/>
    <m/>
    <m/>
    <m/>
    <m/>
    <m/>
    <m/>
    <m/>
    <m/>
    <m/>
    <m/>
    <m/>
    <m/>
    <m/>
    <s v="Yes"/>
    <m/>
    <m/>
    <m/>
    <m/>
    <m/>
    <m/>
    <m/>
    <m/>
    <m/>
    <m/>
    <m/>
    <m/>
    <m/>
    <m/>
    <m/>
    <n v="80"/>
    <n v="4448.25"/>
    <s v=""/>
    <s v=""/>
    <s v=""/>
    <s v=""/>
    <s v=""/>
    <s v=""/>
    <s v=""/>
    <s v=""/>
    <s v=""/>
    <s v=""/>
    <s v=""/>
    <s v=""/>
    <s v=""/>
    <s v=""/>
    <s v=""/>
    <n v="355860"/>
    <s v=""/>
    <s v=""/>
    <s v=""/>
    <s v=""/>
    <s v=""/>
    <s v=""/>
    <s v=""/>
    <s v=""/>
    <s v=""/>
    <s v=""/>
    <s v=""/>
    <s v=""/>
    <s v=""/>
    <s v=""/>
    <s v=""/>
    <s v="Site would be expected to pay a proportion of the cost, refer project name and project description. "/>
    <m/>
    <m/>
  </r>
  <r>
    <n v="100"/>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33"/>
    <x v="2"/>
    <x v="15"/>
    <x v="15"/>
    <s v="N/A"/>
    <s v="N/A"/>
    <n v="9094200"/>
    <n v="9094200"/>
    <s v="S106"/>
    <s v="Important"/>
    <m/>
    <m/>
    <m/>
    <m/>
    <m/>
    <m/>
    <m/>
    <m/>
    <m/>
    <m/>
    <m/>
    <s v="Yes"/>
    <m/>
    <m/>
    <m/>
    <m/>
    <m/>
    <m/>
    <m/>
    <m/>
    <m/>
    <m/>
    <m/>
    <m/>
    <m/>
    <m/>
    <m/>
    <m/>
    <m/>
    <m/>
    <m/>
    <n v="200"/>
    <n v="45471"/>
    <s v=""/>
    <s v=""/>
    <s v=""/>
    <s v=""/>
    <s v=""/>
    <s v=""/>
    <s v=""/>
    <s v=""/>
    <s v=""/>
    <s v=""/>
    <s v=""/>
    <n v="9094200"/>
    <s v=""/>
    <s v=""/>
    <s v=""/>
    <s v=""/>
    <s v=""/>
    <s v=""/>
    <s v=""/>
    <s v=""/>
    <s v=""/>
    <s v=""/>
    <s v=""/>
    <s v=""/>
    <s v=""/>
    <s v=""/>
    <s v=""/>
    <s v=""/>
    <s v=""/>
    <s v=""/>
    <s v=""/>
    <s v="Site would be expected to pay a proportion of the cost, refer project name and project description. "/>
    <m/>
    <m/>
  </r>
  <r>
    <n v="101"/>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33"/>
    <x v="2"/>
    <x v="16"/>
    <x v="15"/>
    <s v="N/A"/>
    <s v="N/A"/>
    <n v="355860"/>
    <n v="355860"/>
    <s v="S106"/>
    <s v="Important"/>
    <m/>
    <m/>
    <m/>
    <m/>
    <m/>
    <m/>
    <m/>
    <m/>
    <m/>
    <m/>
    <m/>
    <s v="Yes"/>
    <m/>
    <m/>
    <m/>
    <m/>
    <m/>
    <m/>
    <m/>
    <m/>
    <m/>
    <m/>
    <m/>
    <m/>
    <m/>
    <m/>
    <m/>
    <m/>
    <m/>
    <m/>
    <m/>
    <n v="200"/>
    <n v="1779.3"/>
    <s v=""/>
    <s v=""/>
    <s v=""/>
    <s v=""/>
    <s v=""/>
    <s v=""/>
    <s v=""/>
    <s v=""/>
    <s v=""/>
    <s v=""/>
    <s v=""/>
    <n v="355860"/>
    <s v=""/>
    <s v=""/>
    <s v=""/>
    <s v=""/>
    <s v=""/>
    <s v=""/>
    <s v=""/>
    <s v=""/>
    <s v=""/>
    <s v=""/>
    <s v=""/>
    <s v=""/>
    <s v=""/>
    <s v=""/>
    <s v=""/>
    <s v=""/>
    <s v=""/>
    <s v=""/>
    <s v=""/>
    <s v="Site would be expected to pay a proportion of the cost, refer project name and project description. "/>
    <m/>
    <m/>
  </r>
  <r>
    <n v="102"/>
    <x v="1"/>
    <s v="Community Facilities"/>
    <s v="Community Centres "/>
    <s v="Contribution to 6 x Community Centres in Hemel. 1 centre per every 1,666 units refer to the Communtiy Facilities Strategy  "/>
    <s v="Contribution to 6 x Community Centres in Hemel. 1 centre per every 1,666 units refer to the Community Facilities Strategy  "/>
    <x v="1"/>
    <x v="22"/>
    <x v="2"/>
    <x v="15"/>
    <x v="15"/>
    <s v="N/A"/>
    <s v="N/A"/>
    <n v="9094200"/>
    <n v="9094200"/>
    <s v="S106"/>
    <s v="Important"/>
    <m/>
    <m/>
    <m/>
    <m/>
    <m/>
    <m/>
    <m/>
    <m/>
    <m/>
    <m/>
    <m/>
    <m/>
    <m/>
    <m/>
    <m/>
    <m/>
    <s v="Yes"/>
    <m/>
    <m/>
    <m/>
    <m/>
    <m/>
    <m/>
    <m/>
    <m/>
    <m/>
    <m/>
    <m/>
    <m/>
    <m/>
    <m/>
    <n v="2385"/>
    <n v="3813.0817610062895"/>
    <s v=""/>
    <s v=""/>
    <s v=""/>
    <s v=""/>
    <s v=""/>
    <s v=""/>
    <s v=""/>
    <s v=""/>
    <s v=""/>
    <s v=""/>
    <s v=""/>
    <s v=""/>
    <s v=""/>
    <s v=""/>
    <s v=""/>
    <s v=""/>
    <n v="9094200"/>
    <s v=""/>
    <s v=""/>
    <s v=""/>
    <s v=""/>
    <s v=""/>
    <s v=""/>
    <s v=""/>
    <s v=""/>
    <s v=""/>
    <s v=""/>
    <s v=""/>
    <s v=""/>
    <s v=""/>
    <s v=""/>
    <s v="Site would be expected to pay a proportion of the cost, refer project name and project description. "/>
    <m/>
    <m/>
  </r>
  <r>
    <n v="103"/>
    <x v="1"/>
    <s v="Community Facilities"/>
    <s v="CCTV"/>
    <s v="Contribution to CCTV provision at 6 local centres (total for Hemel Hempstead) refer to the Communtiy Facilities Strategy "/>
    <s v="Contribution to CCTV provision at 6 local centres (total for Hemel Hempstead) refer to the Community Facilities Strategy "/>
    <x v="1"/>
    <x v="22"/>
    <x v="2"/>
    <x v="16"/>
    <x v="15"/>
    <s v="N/A"/>
    <s v="N/A"/>
    <n v="355860"/>
    <n v="355860"/>
    <s v="S106"/>
    <s v="Important"/>
    <m/>
    <m/>
    <m/>
    <m/>
    <m/>
    <m/>
    <m/>
    <m/>
    <m/>
    <m/>
    <m/>
    <m/>
    <m/>
    <m/>
    <m/>
    <m/>
    <s v="Yes"/>
    <m/>
    <m/>
    <m/>
    <m/>
    <m/>
    <m/>
    <m/>
    <m/>
    <m/>
    <m/>
    <m/>
    <m/>
    <m/>
    <m/>
    <n v="2385"/>
    <n v="149.20754716981133"/>
    <s v=""/>
    <s v=""/>
    <s v=""/>
    <s v=""/>
    <s v=""/>
    <s v=""/>
    <s v=""/>
    <s v=""/>
    <s v=""/>
    <s v=""/>
    <s v=""/>
    <s v=""/>
    <s v=""/>
    <s v=""/>
    <s v=""/>
    <s v=""/>
    <n v="355860.00000000006"/>
    <s v=""/>
    <s v=""/>
    <s v=""/>
    <s v=""/>
    <s v=""/>
    <s v=""/>
    <s v=""/>
    <s v=""/>
    <s v=""/>
    <s v=""/>
    <s v=""/>
    <s v=""/>
    <s v=""/>
    <s v=""/>
    <s v="Site would be expected to pay a proportion of the cost, refer project name and project description. "/>
    <m/>
    <m/>
  </r>
  <r>
    <n v="104"/>
    <x v="1"/>
    <s v="Sports and Leisure"/>
    <s v="Natural Grass Pitches (NGP)"/>
    <s v="Contributions to new provision and facilities of NGPs in the borough. "/>
    <s v="Contributions towards 1.33sqm of new NGPs to support growth coming forward in the across the borough. "/>
    <x v="11"/>
    <x v="4"/>
    <x v="2"/>
    <x v="17"/>
    <x v="15"/>
    <s v="N/A"/>
    <s v="N/A"/>
    <n v="145164"/>
    <n v="145164"/>
    <s v="S106/CIL"/>
    <s v="Important"/>
    <s v="Yes"/>
    <s v="Yes"/>
    <s v="Yes"/>
    <s v="Yes"/>
    <s v="Yes"/>
    <s v="Yes"/>
    <s v="Yes"/>
    <s v="Yes"/>
    <s v="Yes"/>
    <s v="Yes"/>
    <s v="Yes"/>
    <s v="Yes"/>
    <s v="Yes"/>
    <s v="Yes"/>
    <s v="Yes"/>
    <s v="Yes"/>
    <s v="Yes"/>
    <s v="Yes"/>
    <s v="Yes"/>
    <s v="Yes"/>
    <s v="Yes"/>
    <s v="Yes"/>
    <s v="Yes"/>
    <s v="Yes"/>
    <s v="Yes"/>
    <s v="Yes"/>
    <s v="Yes"/>
    <s v="Yes"/>
    <s v="Yes"/>
    <s v="Yes"/>
    <s v="Yes"/>
    <n v="13219"/>
    <n v="10.981466071563659"/>
    <n v="16472.199107345488"/>
    <n v="2196.2932143127318"/>
    <n v="4941.6597322036469"/>
    <n v="3843.5131250472805"/>
    <n v="3294.4398214690978"/>
    <n v="5271.1037143505564"/>
    <n v="1098.1466071563659"/>
    <n v="4282.7717679098268"/>
    <n v="5490.73303578183"/>
    <n v="5490.73303578183"/>
    <n v="8236.0995536727442"/>
    <n v="2196.2932143127318"/>
    <n v="2569.6630607458965"/>
    <n v="3843.5131250472805"/>
    <n v="988.33194644072933"/>
    <n v="878.51728572509273"/>
    <n v="26190.796580679325"/>
    <n v="8510.6362054618367"/>
    <n v="1098.1466071563659"/>
    <n v="1098.1466071563659"/>
    <n v="3316.4027536122248"/>
    <n v="2745.366517890915"/>
    <n v="4392.5864286254637"/>
    <n v="15374.052500189122"/>
    <n v="2207.2746803842956"/>
    <n v="2382.9781375293142"/>
    <n v="340.42544821847343"/>
    <n v="735.75822679476516"/>
    <n v="1647.2199107345489"/>
    <n v="340.42544821847343"/>
    <n v="3689.7726000453895"/>
    <m/>
    <s v="Refer to the Local Football Facilities Plan and Laeisure Strategy"/>
    <s v="Sports England caluclator"/>
  </r>
  <r>
    <n v="105"/>
    <x v="1"/>
    <s v="Sports and Leisure"/>
    <s v="Natural Grass Pitches (NGP)"/>
    <s v="Provision of new NGPs in the Tring Area"/>
    <s v="(0.99sqm)  1 mini football pitch &amp; 1 youth football pitch. "/>
    <x v="3"/>
    <x v="6"/>
    <x v="1"/>
    <x v="17"/>
    <x v="21"/>
    <s v="N/A"/>
    <s v="N/A"/>
    <n v="108063"/>
    <n v="108063"/>
    <s v="S106/CIL"/>
    <s v="Important"/>
    <m/>
    <m/>
    <m/>
    <m/>
    <m/>
    <m/>
    <m/>
    <m/>
    <m/>
    <m/>
    <m/>
    <m/>
    <m/>
    <m/>
    <m/>
    <m/>
    <m/>
    <m/>
    <m/>
    <m/>
    <m/>
    <s v="Yes"/>
    <m/>
    <m/>
    <m/>
    <m/>
    <m/>
    <m/>
    <m/>
    <m/>
    <m/>
    <n v="250"/>
    <n v="432.25200000000001"/>
    <s v=""/>
    <s v=""/>
    <s v=""/>
    <s v=""/>
    <s v=""/>
    <s v=""/>
    <s v=""/>
    <s v=""/>
    <s v=""/>
    <s v=""/>
    <s v=""/>
    <s v=""/>
    <s v=""/>
    <s v=""/>
    <s v=""/>
    <s v=""/>
    <s v=""/>
    <s v=""/>
    <s v=""/>
    <s v=""/>
    <s v=""/>
    <n v="108063"/>
    <s v=""/>
    <s v=""/>
    <s v=""/>
    <s v=""/>
    <s v=""/>
    <s v=""/>
    <s v=""/>
    <s v=""/>
    <s v=""/>
    <m/>
    <s v="Provision of new facilities in the Tring Area. Refer to Local Football Facilities Plan and Leisure Strategy "/>
    <s v="Sports England caluclator"/>
  </r>
  <r>
    <n v="106"/>
    <x v="1"/>
    <s v="Sports and Leisure"/>
    <s v="Natural Grass Pitches (NGP)"/>
    <s v="Provision of new NGPs in the Tring Area"/>
    <s v="(1.59sqm) 4 mini football pitches, 4 youth football pitches, 3 senior football pitches."/>
    <x v="3"/>
    <x v="21"/>
    <x v="2"/>
    <x v="17"/>
    <x v="22"/>
    <s v="N/A"/>
    <s v="N/A"/>
    <n v="172895"/>
    <n v="172895"/>
    <s v="S106/CIL"/>
    <s v="Important"/>
    <m/>
    <m/>
    <m/>
    <m/>
    <m/>
    <m/>
    <m/>
    <m/>
    <m/>
    <m/>
    <m/>
    <m/>
    <m/>
    <m/>
    <m/>
    <m/>
    <m/>
    <m/>
    <m/>
    <m/>
    <m/>
    <m/>
    <s v="Yes"/>
    <m/>
    <m/>
    <m/>
    <m/>
    <m/>
    <m/>
    <m/>
    <m/>
    <n v="400"/>
    <n v="432.23750000000001"/>
    <s v=""/>
    <s v=""/>
    <s v=""/>
    <s v=""/>
    <s v=""/>
    <s v=""/>
    <s v=""/>
    <s v=""/>
    <s v=""/>
    <s v=""/>
    <s v=""/>
    <s v=""/>
    <s v=""/>
    <s v=""/>
    <s v=""/>
    <s v=""/>
    <s v=""/>
    <s v=""/>
    <s v=""/>
    <s v=""/>
    <s v=""/>
    <s v=""/>
    <n v="172895"/>
    <s v=""/>
    <s v=""/>
    <s v=""/>
    <s v=""/>
    <s v=""/>
    <s v=""/>
    <s v=""/>
    <s v=""/>
    <m/>
    <s v="Contributions to new provision and facilities in the Tring Area. Refer to Local Football Facilities Plan and Leisure Strategy "/>
    <s v="Sports England caluclator"/>
  </r>
  <r>
    <n v="107"/>
    <x v="1"/>
    <s v="Sports and Leisure"/>
    <s v="Natural Grass Pitches (NGP)"/>
    <s v="Provision of new NGPs in the Tring Area"/>
    <s v="(5.55sqm) 3 mini football pitches, 3 youth football pitches &amp; 1 senior football pitch. "/>
    <x v="3"/>
    <x v="34"/>
    <x v="3"/>
    <x v="17"/>
    <x v="7"/>
    <s v="N/A"/>
    <s v="N/A"/>
    <n v="605124"/>
    <n v="605124"/>
    <s v="S106/CIL"/>
    <s v="Important"/>
    <m/>
    <m/>
    <m/>
    <m/>
    <m/>
    <m/>
    <m/>
    <m/>
    <m/>
    <m/>
    <m/>
    <m/>
    <m/>
    <m/>
    <m/>
    <m/>
    <m/>
    <m/>
    <m/>
    <m/>
    <m/>
    <m/>
    <m/>
    <s v="Yes"/>
    <m/>
    <m/>
    <m/>
    <m/>
    <m/>
    <m/>
    <m/>
    <n v="1400"/>
    <n v="432.23142857142858"/>
    <s v=""/>
    <s v=""/>
    <s v=""/>
    <s v=""/>
    <s v=""/>
    <s v=""/>
    <s v=""/>
    <s v=""/>
    <s v=""/>
    <s v=""/>
    <s v=""/>
    <s v=""/>
    <s v=""/>
    <s v=""/>
    <s v=""/>
    <s v=""/>
    <s v=""/>
    <s v=""/>
    <s v=""/>
    <s v=""/>
    <s v=""/>
    <s v=""/>
    <s v=""/>
    <n v="605124"/>
    <s v=""/>
    <s v=""/>
    <s v=""/>
    <s v=""/>
    <s v=""/>
    <s v=""/>
    <s v=""/>
    <m/>
    <s v="Provision of new facilities in the Tring Area. Refer to Local Football Facilities Plan and Leisure Strategy "/>
    <s v="Sports England caluclator"/>
  </r>
  <r>
    <n v="108"/>
    <x v="1"/>
    <s v="Sports and Leisure"/>
    <s v="Natural Grass Pitches (NGP)"/>
    <s v="Provision of new NGPs in the Tring Area"/>
    <s v="(0.80sqm) 4 mini football pitches, 4 youth football pitches &amp; 3 senior football pitch. "/>
    <x v="3"/>
    <x v="35"/>
    <x v="2"/>
    <x v="17"/>
    <x v="15"/>
    <s v="N/A"/>
    <s v="N/A"/>
    <n v="86786"/>
    <n v="86786"/>
    <s v="S106/CIL"/>
    <s v="Important"/>
    <m/>
    <m/>
    <m/>
    <m/>
    <m/>
    <m/>
    <m/>
    <m/>
    <m/>
    <m/>
    <m/>
    <m/>
    <m/>
    <m/>
    <m/>
    <m/>
    <m/>
    <m/>
    <m/>
    <m/>
    <m/>
    <m/>
    <m/>
    <m/>
    <s v="Yes"/>
    <m/>
    <m/>
    <m/>
    <m/>
    <m/>
    <m/>
    <n v="201"/>
    <n v="431.77114427860698"/>
    <s v=""/>
    <s v=""/>
    <s v=""/>
    <s v=""/>
    <s v=""/>
    <s v=""/>
    <s v=""/>
    <s v=""/>
    <s v=""/>
    <s v=""/>
    <s v=""/>
    <s v=""/>
    <s v=""/>
    <s v=""/>
    <s v=""/>
    <s v=""/>
    <s v=""/>
    <s v=""/>
    <s v=""/>
    <s v=""/>
    <s v=""/>
    <s v=""/>
    <s v=""/>
    <s v=""/>
    <n v="86786"/>
    <s v=""/>
    <s v=""/>
    <s v=""/>
    <s v=""/>
    <s v=""/>
    <s v=""/>
    <m/>
    <s v="Provision of new facilities in the Tring Area. Refer to Local Football Facilities Plan and Leisure Strategy "/>
    <s v="Sports England caluclator"/>
  </r>
  <r>
    <n v="109"/>
    <x v="1"/>
    <s v="Sports and Leisure"/>
    <s v="Natural Grass Pitches (NGP)"/>
    <s v="Provision of new NGPs in the Berkhamsted Area"/>
    <s v="(3.07sqm) 1 mini football pitch, 1 youth football pitch &amp; contributions 2 youth football pitches. "/>
    <x v="2"/>
    <x v="36"/>
    <x v="4"/>
    <x v="17"/>
    <x v="9"/>
    <s v="N/A"/>
    <s v="N/A"/>
    <n v="334961"/>
    <n v="334961"/>
    <s v="S106/CIL"/>
    <s v="Important"/>
    <m/>
    <m/>
    <m/>
    <m/>
    <m/>
    <m/>
    <m/>
    <m/>
    <m/>
    <m/>
    <m/>
    <m/>
    <m/>
    <m/>
    <m/>
    <m/>
    <m/>
    <s v="Yes"/>
    <m/>
    <m/>
    <m/>
    <m/>
    <m/>
    <m/>
    <m/>
    <m/>
    <m/>
    <m/>
    <m/>
    <m/>
    <m/>
    <n v="775"/>
    <n v="432.20774193548385"/>
    <s v=""/>
    <s v=""/>
    <s v=""/>
    <s v=""/>
    <s v=""/>
    <s v=""/>
    <s v=""/>
    <s v=""/>
    <s v=""/>
    <s v=""/>
    <s v=""/>
    <s v=""/>
    <s v=""/>
    <s v=""/>
    <s v=""/>
    <s v=""/>
    <s v=""/>
    <n v="334961"/>
    <s v=""/>
    <s v=""/>
    <s v=""/>
    <s v=""/>
    <s v=""/>
    <s v=""/>
    <s v=""/>
    <s v=""/>
    <s v=""/>
    <s v=""/>
    <s v=""/>
    <s v=""/>
    <s v=""/>
    <m/>
    <s v="Provision of new facilities in the Berkhamsted Area. Refer to Local Football Facilities Plan and Leisure Strategy "/>
    <s v="Sports England caluclator"/>
  </r>
  <r>
    <n v="110"/>
    <x v="1"/>
    <s v="Sports and Leisure"/>
    <s v="Natural Grass Pitches (NGP)"/>
    <s v="Contributions to new provision and facilities in the Berkhamstead Area"/>
    <s v="(0.40sqm) 3 mini football pitches, 3 youth football pitches &amp; 1 senior football pitch. "/>
    <x v="2"/>
    <x v="37"/>
    <x v="2"/>
    <x v="17"/>
    <x v="23"/>
    <s v="N/A"/>
    <s v="N/A"/>
    <n v="43229"/>
    <n v="43229"/>
    <s v="S106/CIL"/>
    <s v="Important"/>
    <m/>
    <m/>
    <m/>
    <m/>
    <m/>
    <m/>
    <m/>
    <m/>
    <m/>
    <m/>
    <m/>
    <m/>
    <m/>
    <m/>
    <m/>
    <m/>
    <m/>
    <m/>
    <m/>
    <s v="Yes"/>
    <m/>
    <m/>
    <m/>
    <m/>
    <m/>
    <m/>
    <m/>
    <m/>
    <m/>
    <m/>
    <m/>
    <n v="100"/>
    <n v="432.29"/>
    <s v=""/>
    <s v=""/>
    <s v=""/>
    <s v=""/>
    <s v=""/>
    <s v=""/>
    <s v=""/>
    <s v=""/>
    <s v=""/>
    <s v=""/>
    <s v=""/>
    <s v=""/>
    <s v=""/>
    <s v=""/>
    <s v=""/>
    <s v=""/>
    <s v=""/>
    <s v=""/>
    <s v=""/>
    <n v="43229"/>
    <s v=""/>
    <s v=""/>
    <s v=""/>
    <s v=""/>
    <s v=""/>
    <s v=""/>
    <s v=""/>
    <s v=""/>
    <s v=""/>
    <s v=""/>
    <s v=""/>
    <m/>
    <s v="Provision of new facilities in the Berkhamsted Area. Refer to Local Football Facilities Plan and Leisure Strategy "/>
    <s v="Sports England caluclator"/>
  </r>
  <r>
    <n v="111"/>
    <x v="1"/>
    <s v="Sports and Leisure"/>
    <s v="Natural Grass Pitches (NGP)"/>
    <s v="Provision of new NGPs in the Berkhamsted Area"/>
    <s v="(0.40sqm) 2 mini football pitches, 2 youth football pitches &amp; 1 senior football pitch. "/>
    <x v="2"/>
    <x v="38"/>
    <x v="1"/>
    <x v="17"/>
    <x v="24"/>
    <s v="N/A"/>
    <s v="N/A"/>
    <n v="43229"/>
    <n v="43229"/>
    <s v="S106/CIL"/>
    <s v="Important"/>
    <m/>
    <m/>
    <m/>
    <m/>
    <m/>
    <m/>
    <m/>
    <m/>
    <m/>
    <m/>
    <m/>
    <m/>
    <m/>
    <m/>
    <m/>
    <m/>
    <m/>
    <m/>
    <s v="Yes"/>
    <m/>
    <m/>
    <m/>
    <m/>
    <m/>
    <m/>
    <m/>
    <m/>
    <m/>
    <m/>
    <m/>
    <m/>
    <n v="100"/>
    <n v="432.29"/>
    <s v=""/>
    <s v=""/>
    <s v=""/>
    <s v=""/>
    <s v=""/>
    <s v=""/>
    <s v=""/>
    <s v=""/>
    <s v=""/>
    <s v=""/>
    <s v=""/>
    <s v=""/>
    <s v=""/>
    <s v=""/>
    <s v=""/>
    <s v=""/>
    <s v=""/>
    <s v=""/>
    <n v="43229"/>
    <s v=""/>
    <s v=""/>
    <s v=""/>
    <s v=""/>
    <s v=""/>
    <s v=""/>
    <s v=""/>
    <s v=""/>
    <s v=""/>
    <s v=""/>
    <s v=""/>
    <s v=""/>
    <m/>
    <s v="Provision of new facilities in the Berkhamsted Area. Refer to Local Football Facilities Plan and Leisure Strategy "/>
    <s v="Sports England caluclator"/>
  </r>
  <r>
    <n v="112"/>
    <x v="1"/>
    <s v="Sports and Leisure"/>
    <s v="Natural Grass Pitches (NGP)"/>
    <s v="Provision of new Artifical Grass Pitches (AGP) in the Berkhamsted Area"/>
    <s v="(1.20sqm) 3 mini football pitches, 5 youth football pitches, 1 senior football pitch"/>
    <x v="2"/>
    <x v="35"/>
    <x v="2"/>
    <x v="17"/>
    <x v="15"/>
    <s v="N/A"/>
    <s v="N/A"/>
    <n v="130555.02"/>
    <n v="130555.02"/>
    <s v="S106/CIL"/>
    <s v="Important"/>
    <m/>
    <m/>
    <m/>
    <m/>
    <m/>
    <m/>
    <m/>
    <m/>
    <m/>
    <m/>
    <m/>
    <m/>
    <m/>
    <m/>
    <m/>
    <m/>
    <m/>
    <m/>
    <m/>
    <m/>
    <s v="Yes"/>
    <m/>
    <m/>
    <m/>
    <m/>
    <m/>
    <m/>
    <m/>
    <m/>
    <m/>
    <m/>
    <n v="302"/>
    <n v="432.30139072847686"/>
    <s v=""/>
    <s v=""/>
    <s v=""/>
    <s v=""/>
    <s v=""/>
    <s v=""/>
    <s v=""/>
    <s v=""/>
    <s v=""/>
    <s v=""/>
    <s v=""/>
    <s v=""/>
    <s v=""/>
    <s v=""/>
    <s v=""/>
    <s v=""/>
    <s v=""/>
    <s v=""/>
    <s v=""/>
    <s v=""/>
    <n v="130555.02000000002"/>
    <s v=""/>
    <s v=""/>
    <s v=""/>
    <s v=""/>
    <s v=""/>
    <s v=""/>
    <s v=""/>
    <s v=""/>
    <s v=""/>
    <s v=""/>
    <m/>
    <s v="Provision of new facilities in the Tring Area. Refer to Local Football Facilities Plan and Leisure Strategy "/>
    <s v="Sports England caluclator"/>
  </r>
  <r>
    <n v="113"/>
    <x v="1"/>
    <s v="Sports and Leisure"/>
    <s v="Natural Grass Pitches (NGP)"/>
    <s v="Contributions to new provision and facilities in the Southern Area. Refer to Local Football Facilities Plan and Leisure Strategy "/>
    <s v="Contributions towards (0.12sqm) NGP. Refer to the Local Football Facilities Plan and Leisure Strategy."/>
    <x v="12"/>
    <x v="35"/>
    <x v="2"/>
    <x v="17"/>
    <x v="15"/>
    <s v="N/A"/>
    <s v="N/A"/>
    <n v="13343"/>
    <n v="13343"/>
    <s v="S106/CIL"/>
    <s v="Important"/>
    <m/>
    <m/>
    <m/>
    <m/>
    <m/>
    <m/>
    <m/>
    <m/>
    <m/>
    <m/>
    <m/>
    <m/>
    <m/>
    <m/>
    <m/>
    <m/>
    <m/>
    <m/>
    <m/>
    <m/>
    <m/>
    <m/>
    <m/>
    <m/>
    <m/>
    <m/>
    <s v="Yes"/>
    <m/>
    <m/>
    <m/>
    <m/>
    <n v="31"/>
    <n v="430.41935483870969"/>
    <s v=""/>
    <s v=""/>
    <s v=""/>
    <s v=""/>
    <s v=""/>
    <s v=""/>
    <s v=""/>
    <s v=""/>
    <s v=""/>
    <s v=""/>
    <s v=""/>
    <s v=""/>
    <s v=""/>
    <s v=""/>
    <s v=""/>
    <s v=""/>
    <s v=""/>
    <s v=""/>
    <s v=""/>
    <s v=""/>
    <s v=""/>
    <s v=""/>
    <s v=""/>
    <s v=""/>
    <s v=""/>
    <s v=""/>
    <n v="13343"/>
    <s v=""/>
    <s v=""/>
    <s v=""/>
    <s v=""/>
    <m/>
    <s v="Provision of new facilities in the Tring Area. Refer to Local Football Facilities Plan and Leisure Strategy "/>
    <s v="Sports England caluclator"/>
  </r>
  <r>
    <n v="114"/>
    <x v="1"/>
    <s v="Sports and Leisure"/>
    <s v="Natural Grass Pitches (NGP)"/>
    <s v="Contributions to new provision and facilities in the Southern Area. Refer to Local Football Facilities Plan and Leisure Strategy "/>
    <s v="Contributions towards (0.86sqm) NGP. Refer to the Local Football Facilities Plan and Leisure Strategy."/>
    <x v="12"/>
    <x v="39"/>
    <x v="2"/>
    <x v="17"/>
    <x v="2"/>
    <s v="N/A"/>
    <s v="N/A"/>
    <n v="93836"/>
    <n v="93836"/>
    <s v="S106/CIL"/>
    <s v="Important"/>
    <m/>
    <m/>
    <m/>
    <m/>
    <m/>
    <m/>
    <m/>
    <m/>
    <m/>
    <m/>
    <m/>
    <m/>
    <m/>
    <m/>
    <m/>
    <m/>
    <m/>
    <m/>
    <m/>
    <m/>
    <m/>
    <m/>
    <m/>
    <m/>
    <m/>
    <s v="Yes"/>
    <m/>
    <m/>
    <m/>
    <m/>
    <m/>
    <n v="217"/>
    <n v="432.42396313364054"/>
    <s v=""/>
    <s v=""/>
    <s v=""/>
    <s v=""/>
    <s v=""/>
    <s v=""/>
    <s v=""/>
    <s v=""/>
    <s v=""/>
    <s v=""/>
    <s v=""/>
    <s v=""/>
    <s v=""/>
    <s v=""/>
    <s v=""/>
    <s v=""/>
    <s v=""/>
    <s v=""/>
    <s v=""/>
    <s v=""/>
    <s v=""/>
    <s v=""/>
    <s v=""/>
    <s v=""/>
    <s v=""/>
    <n v="93836"/>
    <s v=""/>
    <s v=""/>
    <s v=""/>
    <s v=""/>
    <s v=""/>
    <m/>
    <s v="Provision of new facilities in the Tring Area. Refer to Local Football Facilities Plan and Leisure Strategy "/>
    <s v="Sports England caluclator"/>
  </r>
  <r>
    <n v="115"/>
    <x v="1"/>
    <s v="Sports and Leisure"/>
    <s v="Natural Grass Pitches (NGP)"/>
    <s v="Contributions to new provision and facilities in the Southern Area. Refer to Local Football Facilities Plan and Leisure Strategy "/>
    <s v="Contributions towards (0.27sqm) NGP. Refer to the Local Football Facilities Plan and Leisure Strategy."/>
    <x v="8"/>
    <x v="35"/>
    <x v="0"/>
    <x v="17"/>
    <x v="15"/>
    <s v="N/A"/>
    <s v="N/A"/>
    <n v="28986"/>
    <n v="28986"/>
    <s v="S106/CIL"/>
    <s v="Important"/>
    <m/>
    <m/>
    <m/>
    <m/>
    <m/>
    <m/>
    <m/>
    <m/>
    <m/>
    <m/>
    <m/>
    <m/>
    <m/>
    <m/>
    <m/>
    <m/>
    <m/>
    <m/>
    <m/>
    <m/>
    <m/>
    <m/>
    <m/>
    <m/>
    <m/>
    <m/>
    <m/>
    <s v="Yes"/>
    <m/>
    <m/>
    <m/>
    <n v="67"/>
    <n v="432.62686567164178"/>
    <s v=""/>
    <s v=""/>
    <s v=""/>
    <s v=""/>
    <s v=""/>
    <s v=""/>
    <s v=""/>
    <s v=""/>
    <s v=""/>
    <s v=""/>
    <s v=""/>
    <s v=""/>
    <s v=""/>
    <s v=""/>
    <s v=""/>
    <s v=""/>
    <s v=""/>
    <s v=""/>
    <s v=""/>
    <s v=""/>
    <s v=""/>
    <s v=""/>
    <s v=""/>
    <s v=""/>
    <s v=""/>
    <s v=""/>
    <s v=""/>
    <n v="28986"/>
    <s v=""/>
    <s v=""/>
    <s v=""/>
    <m/>
    <s v="Provision of new facilities in the Tring Area. Refer to Local Football Facilities Plan and Leisure Strategy "/>
    <s v="Sports England caluclator"/>
  </r>
  <r>
    <n v="116"/>
    <x v="1"/>
    <s v="Sports and Leisure"/>
    <s v="Natural Grass Pitches (NGP)"/>
    <s v="Contributions to new provision and facilities in the Eastern Villages Area. Refer to Local Football Facilities Plan and Leisure Strategy "/>
    <s v="Contributions towards (0.12sqm) NGP. Refer to the Local Football Facilities Plan and Leisure Strategy."/>
    <x v="5"/>
    <x v="35"/>
    <x v="0"/>
    <x v="17"/>
    <x v="15"/>
    <s v="N/A"/>
    <s v="N/A"/>
    <n v="13343"/>
    <n v="13343"/>
    <s v="S106/CIL"/>
    <s v="Important"/>
    <m/>
    <m/>
    <m/>
    <m/>
    <m/>
    <m/>
    <m/>
    <m/>
    <m/>
    <m/>
    <m/>
    <m/>
    <m/>
    <m/>
    <m/>
    <m/>
    <m/>
    <m/>
    <m/>
    <m/>
    <m/>
    <m/>
    <m/>
    <m/>
    <m/>
    <m/>
    <m/>
    <m/>
    <m/>
    <s v="Yes"/>
    <m/>
    <n v="31"/>
    <n v="430.41935483870969"/>
    <s v=""/>
    <s v=""/>
    <s v=""/>
    <s v=""/>
    <s v=""/>
    <s v=""/>
    <s v=""/>
    <s v=""/>
    <s v=""/>
    <s v=""/>
    <s v=""/>
    <s v=""/>
    <s v=""/>
    <s v=""/>
    <s v=""/>
    <s v=""/>
    <s v=""/>
    <s v=""/>
    <s v=""/>
    <s v=""/>
    <s v=""/>
    <s v=""/>
    <s v=""/>
    <s v=""/>
    <s v=""/>
    <s v=""/>
    <s v=""/>
    <s v=""/>
    <s v=""/>
    <n v="13343"/>
    <s v=""/>
    <m/>
    <s v="Provision of new facilities in the Tring Area. Refer to Local Football Facilities Plan and Leisure Strategy "/>
    <s v="Sports England caluclator"/>
  </r>
  <r>
    <n v="117"/>
    <x v="1"/>
    <s v="Sports and Leisure"/>
    <s v="Natural Grass Pitches (NGP)"/>
    <s v="Contributions to new provision and facilities in the Eastern Villages Area. Refer to Local Football Facilities Plan and Leisure Strategy "/>
    <s v="Contributions towards (0.59sqm) NGP. Refer to the Local Football Facilities Plan and Leisure Strategy."/>
    <x v="5"/>
    <x v="40"/>
    <x v="2"/>
    <x v="17"/>
    <x v="8"/>
    <s v="N/A"/>
    <s v="N/A"/>
    <n v="64842"/>
    <n v="64842"/>
    <s v="S106/CIL"/>
    <s v="Important"/>
    <m/>
    <m/>
    <m/>
    <m/>
    <m/>
    <m/>
    <m/>
    <m/>
    <m/>
    <m/>
    <m/>
    <m/>
    <m/>
    <m/>
    <m/>
    <m/>
    <m/>
    <m/>
    <m/>
    <m/>
    <m/>
    <m/>
    <m/>
    <m/>
    <m/>
    <m/>
    <m/>
    <m/>
    <s v="Yes"/>
    <m/>
    <m/>
    <n v="150"/>
    <n v="432.28"/>
    <s v=""/>
    <s v=""/>
    <s v=""/>
    <s v=""/>
    <s v=""/>
    <s v=""/>
    <s v=""/>
    <s v=""/>
    <s v=""/>
    <s v=""/>
    <s v=""/>
    <s v=""/>
    <s v=""/>
    <s v=""/>
    <s v=""/>
    <s v=""/>
    <s v=""/>
    <s v=""/>
    <s v=""/>
    <s v=""/>
    <s v=""/>
    <s v=""/>
    <s v=""/>
    <s v=""/>
    <s v=""/>
    <s v=""/>
    <s v=""/>
    <s v=""/>
    <n v="64841.999999999993"/>
    <s v=""/>
    <s v=""/>
    <m/>
    <s v="Provision of new facilities in the Tring Area. Refer to Local Football Facilities Plan and Leisure Strategy "/>
    <s v="Sports England caluclator"/>
  </r>
  <r>
    <n v="118"/>
    <x v="1"/>
    <s v="Sports and Leisure"/>
    <s v="Natural Grass Pitches (NGP)"/>
    <s v="Contributions to new provision and facilities in the Hemel Area. Refer to Local Football Facilities Plan and Leisure Strategy "/>
    <s v="(9.46sqm) 15 mini football pitches, 12 youth football pitches, 9 senior football pitches, 1 cricket pitch, golf starter, and improvements to existing sports provision"/>
    <x v="1"/>
    <x v="35"/>
    <x v="0"/>
    <x v="17"/>
    <x v="15"/>
    <s v="N/A"/>
    <s v="N/A"/>
    <n v="1030852"/>
    <n v="1030852"/>
    <s v="S106/CIL"/>
    <s v="Important"/>
    <m/>
    <m/>
    <m/>
    <m/>
    <m/>
    <m/>
    <m/>
    <m/>
    <m/>
    <m/>
    <m/>
    <m/>
    <m/>
    <m/>
    <m/>
    <m/>
    <s v="Yes"/>
    <m/>
    <m/>
    <m/>
    <m/>
    <m/>
    <m/>
    <m/>
    <m/>
    <m/>
    <m/>
    <m/>
    <m/>
    <m/>
    <m/>
    <n v="2385"/>
    <n v="432.22306079664571"/>
    <s v=""/>
    <s v=""/>
    <s v=""/>
    <s v=""/>
    <s v=""/>
    <s v=""/>
    <s v=""/>
    <s v=""/>
    <s v=""/>
    <s v=""/>
    <s v=""/>
    <s v=""/>
    <s v=""/>
    <s v=""/>
    <s v=""/>
    <s v=""/>
    <n v="1030852"/>
    <s v=""/>
    <s v=""/>
    <s v=""/>
    <s v=""/>
    <s v=""/>
    <s v=""/>
    <s v=""/>
    <s v=""/>
    <s v=""/>
    <s v=""/>
    <s v=""/>
    <s v=""/>
    <s v=""/>
    <s v=""/>
    <m/>
    <s v="Provision of new facilities in the Tring Area. Refer to Local Football Facilities Plan and Leisure Strategy "/>
    <s v="Sports England caluclator"/>
  </r>
  <r>
    <n v="119"/>
    <x v="1"/>
    <s v="Sports and Leisure"/>
    <s v="Natural Grass Pitches (NGP)"/>
    <s v="Provision of new facilities in the Hemel Area. Refer to Local Football Facilties Plan and Leisure Strategy"/>
    <s v="(5.95sqm) 5 mini football pitches, 6 youth football pitches, "/>
    <x v="1"/>
    <x v="14"/>
    <x v="1"/>
    <x v="17"/>
    <x v="1"/>
    <s v="N/A"/>
    <s v="N/A"/>
    <n v="648343"/>
    <n v="648343"/>
    <s v="S106/CIL"/>
    <s v="Important"/>
    <s v="Yes"/>
    <m/>
    <m/>
    <m/>
    <m/>
    <m/>
    <m/>
    <m/>
    <m/>
    <m/>
    <m/>
    <m/>
    <m/>
    <m/>
    <m/>
    <m/>
    <m/>
    <m/>
    <m/>
    <m/>
    <m/>
    <m/>
    <m/>
    <m/>
    <m/>
    <m/>
    <m/>
    <m/>
    <m/>
    <m/>
    <m/>
    <n v="1500"/>
    <n v="432.22866666666664"/>
    <n v="648343"/>
    <s v=""/>
    <s v=""/>
    <s v=""/>
    <s v=""/>
    <s v=""/>
    <s v=""/>
    <s v=""/>
    <s v=""/>
    <s v=""/>
    <s v=""/>
    <s v=""/>
    <s v=""/>
    <s v=""/>
    <s v=""/>
    <s v=""/>
    <s v=""/>
    <s v=""/>
    <s v=""/>
    <s v=""/>
    <s v=""/>
    <s v=""/>
    <s v=""/>
    <s v=""/>
    <s v=""/>
    <s v=""/>
    <s v=""/>
    <s v=""/>
    <s v=""/>
    <s v=""/>
    <s v=""/>
    <m/>
    <s v="Provision of new facilities in the Tring Area. Refer to Local Football Facilities Plan and Leisure Strategy "/>
    <s v="Sports England caluclator"/>
  </r>
  <r>
    <n v="120"/>
    <x v="1"/>
    <s v="Sports and Leisure"/>
    <s v="Natural Grass Pitches (NGP)"/>
    <s v="Contributions to new provision and facilities in the Hemel Area. Refer to Local Football Facilities Plan and Leisure Strategy "/>
    <s v="(1.78sqm) 15 mini football pitches, 12 youth football pitches, 9 senior football pitches, 1 cricket pitch, golf starter, and improvements to existing sports provision"/>
    <x v="1"/>
    <x v="23"/>
    <x v="2"/>
    <x v="17"/>
    <x v="8"/>
    <s v="N/A"/>
    <s v="N/A"/>
    <n v="194517"/>
    <n v="194517"/>
    <s v="S106/CIL"/>
    <s v="Important"/>
    <m/>
    <m/>
    <s v="Yes"/>
    <m/>
    <m/>
    <m/>
    <m/>
    <m/>
    <m/>
    <m/>
    <m/>
    <m/>
    <m/>
    <m/>
    <m/>
    <m/>
    <m/>
    <m/>
    <m/>
    <m/>
    <m/>
    <m/>
    <m/>
    <m/>
    <m/>
    <m/>
    <m/>
    <m/>
    <m/>
    <m/>
    <m/>
    <n v="450"/>
    <n v="432.26"/>
    <s v=""/>
    <s v=""/>
    <n v="194517"/>
    <s v=""/>
    <s v=""/>
    <s v=""/>
    <s v=""/>
    <s v=""/>
    <s v=""/>
    <s v=""/>
    <s v=""/>
    <s v=""/>
    <s v=""/>
    <s v=""/>
    <s v=""/>
    <s v=""/>
    <s v=""/>
    <s v=""/>
    <s v=""/>
    <s v=""/>
    <s v=""/>
    <s v=""/>
    <s v=""/>
    <s v=""/>
    <s v=""/>
    <s v=""/>
    <s v=""/>
    <s v=""/>
    <s v=""/>
    <s v=""/>
    <s v=""/>
    <m/>
    <s v="Provision of new facilities in the Tring Area. Refer to Local Football Facilities Plan and Leisure Strategy "/>
    <s v="Sports England caluclator"/>
  </r>
  <r>
    <n v="121"/>
    <x v="1"/>
    <s v="Sports and Leisure"/>
    <s v="Natural Grass Pitches (NGP)"/>
    <s v="Contributions to new provision and facilities in the Hemel Area. Refer to Local Football Facilities Plan and Leisure Strategy "/>
    <s v="(1.39sqm) 15 mini football pitches, 12 youth football pitches, 9 senior football pitches, 1 cricket pitch, golf starter, and improvements to existing sports provision"/>
    <x v="1"/>
    <x v="24"/>
    <x v="2"/>
    <x v="17"/>
    <x v="25"/>
    <s v="N/A"/>
    <s v="N/A"/>
    <n v="151297"/>
    <n v="151297"/>
    <s v="S106/CIL"/>
    <s v="Important"/>
    <m/>
    <m/>
    <m/>
    <s v="Yes"/>
    <m/>
    <m/>
    <m/>
    <m/>
    <m/>
    <m/>
    <m/>
    <m/>
    <m/>
    <m/>
    <m/>
    <m/>
    <m/>
    <m/>
    <m/>
    <m/>
    <m/>
    <m/>
    <m/>
    <m/>
    <m/>
    <m/>
    <m/>
    <m/>
    <m/>
    <m/>
    <m/>
    <n v="350"/>
    <n v="432.27714285714285"/>
    <s v=""/>
    <s v=""/>
    <s v=""/>
    <n v="151297"/>
    <s v=""/>
    <s v=""/>
    <s v=""/>
    <s v=""/>
    <s v=""/>
    <s v=""/>
    <s v=""/>
    <s v=""/>
    <s v=""/>
    <s v=""/>
    <s v=""/>
    <s v=""/>
    <s v=""/>
    <s v=""/>
    <s v=""/>
    <s v=""/>
    <s v=""/>
    <s v=""/>
    <s v=""/>
    <s v=""/>
    <s v=""/>
    <s v=""/>
    <s v=""/>
    <s v=""/>
    <s v=""/>
    <s v=""/>
    <s v=""/>
    <m/>
    <s v="Provision of new facilities in the Tring Area. Refer to Local Football Facilities Plan and Leisure Strategy "/>
    <s v="Sports England caluclator"/>
  </r>
  <r>
    <n v="122"/>
    <x v="1"/>
    <s v="Sports and Leisure"/>
    <s v="Natural Grass Pitches (NGP)"/>
    <s v="Contributions to new provision and facilities in the Hemel Area. Refer to Local Football Facilities Plan and Leisure Strategy "/>
    <s v="(0.79sqm) 15 mini football pitches, 12 youth football pitches, 9 senior football pitches, 1 cricket pitch, golf starter, and improvements to existing sports provision"/>
    <x v="1"/>
    <x v="25"/>
    <x v="2"/>
    <x v="17"/>
    <x v="26"/>
    <s v="N/A"/>
    <s v="N/A"/>
    <n v="86444"/>
    <n v="86444"/>
    <s v="S106/CIL"/>
    <s v="Important"/>
    <m/>
    <s v="Yes"/>
    <m/>
    <m/>
    <m/>
    <m/>
    <m/>
    <m/>
    <m/>
    <m/>
    <m/>
    <m/>
    <m/>
    <m/>
    <m/>
    <m/>
    <m/>
    <m/>
    <m/>
    <m/>
    <m/>
    <m/>
    <m/>
    <m/>
    <m/>
    <m/>
    <m/>
    <m/>
    <m/>
    <m/>
    <m/>
    <n v="200"/>
    <n v="432.22"/>
    <s v=""/>
    <n v="86444"/>
    <s v=""/>
    <s v=""/>
    <s v=""/>
    <s v=""/>
    <s v=""/>
    <s v=""/>
    <s v=""/>
    <s v=""/>
    <s v=""/>
    <s v=""/>
    <s v=""/>
    <s v=""/>
    <s v=""/>
    <s v=""/>
    <s v=""/>
    <s v=""/>
    <s v=""/>
    <s v=""/>
    <s v=""/>
    <s v=""/>
    <s v=""/>
    <s v=""/>
    <s v=""/>
    <s v=""/>
    <s v=""/>
    <s v=""/>
    <s v=""/>
    <s v=""/>
    <s v=""/>
    <m/>
    <s v="Provision of new facilities in the Tring Area. Refer to Local Football Facilities Plan and Leisure Strategy "/>
    <s v="Sports England caluclator"/>
  </r>
  <r>
    <n v="123"/>
    <x v="1"/>
    <s v="Sports and Leisure"/>
    <s v="Natural Grass Pitches (NGP)"/>
    <s v="Contributions to new provision and facilities in the Hemel Area. Refer to Local Football Facilities Plan and Leisure Strategy "/>
    <s v="(1.19sqm) 15 mini football pitches, 12 youth football pitches, 9 senior football pitches, 1 cricket pitch, golf starter, and improvements to existing sports provision"/>
    <x v="1"/>
    <x v="16"/>
    <x v="2"/>
    <x v="17"/>
    <x v="12"/>
    <s v="N/A"/>
    <s v="N/A"/>
    <n v="129681"/>
    <n v="129681"/>
    <s v="S106/CIL"/>
    <s v="Important"/>
    <m/>
    <m/>
    <m/>
    <m/>
    <s v="Yes"/>
    <m/>
    <m/>
    <m/>
    <m/>
    <m/>
    <m/>
    <m/>
    <m/>
    <m/>
    <m/>
    <m/>
    <m/>
    <m/>
    <m/>
    <m/>
    <m/>
    <m/>
    <m/>
    <m/>
    <m/>
    <m/>
    <m/>
    <m/>
    <m/>
    <m/>
    <m/>
    <n v="300"/>
    <n v="432.27"/>
    <s v=""/>
    <s v=""/>
    <s v=""/>
    <s v=""/>
    <n v="129681"/>
    <s v=""/>
    <s v=""/>
    <s v=""/>
    <s v=""/>
    <s v=""/>
    <s v=""/>
    <s v=""/>
    <s v=""/>
    <s v=""/>
    <s v=""/>
    <s v=""/>
    <s v=""/>
    <s v=""/>
    <s v=""/>
    <s v=""/>
    <s v=""/>
    <s v=""/>
    <s v=""/>
    <s v=""/>
    <s v=""/>
    <s v=""/>
    <s v=""/>
    <s v=""/>
    <s v=""/>
    <s v=""/>
    <s v=""/>
    <m/>
    <s v="Provision of new facilities in the Tring Area. Refer to Local Football Facilities Plan and Leisure Strategy "/>
    <s v="Sports England caluclator"/>
  </r>
  <r>
    <n v="124"/>
    <x v="1"/>
    <s v="Sports and Leisure"/>
    <s v="Natural Grass Pitches (NGP)"/>
    <s v="Contributions to new provision and facilities in the Hemel Area. Refer to Local Football Facilities Plan and Leisure Strategy "/>
    <s v="(0.40sqm) 15 mini football pitches, 12 youth football pitches, 9 senior football pitches, 1 cricket pitch, golf starter, and improvements to existing sports provision"/>
    <x v="1"/>
    <x v="26"/>
    <x v="2"/>
    <x v="17"/>
    <x v="27"/>
    <s v="N/A"/>
    <s v="N/A"/>
    <n v="43229"/>
    <n v="43229"/>
    <s v="S106/CIL"/>
    <s v="Important"/>
    <m/>
    <m/>
    <m/>
    <m/>
    <m/>
    <m/>
    <s v="Yes"/>
    <m/>
    <m/>
    <m/>
    <m/>
    <m/>
    <m/>
    <m/>
    <m/>
    <m/>
    <m/>
    <m/>
    <m/>
    <m/>
    <m/>
    <m/>
    <m/>
    <m/>
    <m/>
    <m/>
    <m/>
    <m/>
    <m/>
    <m/>
    <m/>
    <n v="100"/>
    <n v="432.29"/>
    <s v=""/>
    <s v=""/>
    <s v=""/>
    <s v=""/>
    <s v=""/>
    <s v=""/>
    <n v="43229"/>
    <s v=""/>
    <s v=""/>
    <s v=""/>
    <s v=""/>
    <s v=""/>
    <s v=""/>
    <s v=""/>
    <s v=""/>
    <s v=""/>
    <s v=""/>
    <s v=""/>
    <s v=""/>
    <s v=""/>
    <s v=""/>
    <s v=""/>
    <s v=""/>
    <s v=""/>
    <s v=""/>
    <s v=""/>
    <s v=""/>
    <s v=""/>
    <s v=""/>
    <s v=""/>
    <s v=""/>
    <m/>
    <s v="Provision of new facilities in the Tring Area. Refer to Local Football Facilities Plan and Leisure Strategy "/>
    <s v="Sports England caluclator"/>
  </r>
  <r>
    <n v="125"/>
    <x v="1"/>
    <s v="Sports and Leisure"/>
    <s v="Natural Grass Pitches (NGP)"/>
    <s v="Contributions to new provision and facilities in the Hemel Area. Refer to Local Football Facilities Plan and Leisure Strategy "/>
    <s v="(1.55sqm) 15 mini football pitches, 12 youth football pitches, 9 senior football pitches, 1 cricket pitch, golf starter, and improvements to existing sports provision"/>
    <x v="1"/>
    <x v="27"/>
    <x v="2"/>
    <x v="17"/>
    <x v="28"/>
    <s v="N/A"/>
    <s v="N/A"/>
    <n v="168563"/>
    <n v="168563"/>
    <s v="S106/CIL"/>
    <s v="Important"/>
    <m/>
    <m/>
    <m/>
    <m/>
    <m/>
    <m/>
    <m/>
    <s v="Yes"/>
    <m/>
    <m/>
    <m/>
    <m/>
    <m/>
    <m/>
    <m/>
    <m/>
    <m/>
    <m/>
    <m/>
    <m/>
    <m/>
    <m/>
    <m/>
    <m/>
    <m/>
    <m/>
    <m/>
    <m/>
    <m/>
    <m/>
    <m/>
    <n v="390"/>
    <n v="432.21282051282049"/>
    <s v=""/>
    <s v=""/>
    <s v=""/>
    <s v=""/>
    <s v=""/>
    <s v=""/>
    <s v=""/>
    <n v="168563"/>
    <s v=""/>
    <s v=""/>
    <s v=""/>
    <s v=""/>
    <s v=""/>
    <s v=""/>
    <s v=""/>
    <s v=""/>
    <s v=""/>
    <s v=""/>
    <s v=""/>
    <s v=""/>
    <s v=""/>
    <s v=""/>
    <s v=""/>
    <s v=""/>
    <s v=""/>
    <s v=""/>
    <s v=""/>
    <s v=""/>
    <s v=""/>
    <s v=""/>
    <s v=""/>
    <m/>
    <s v="Provision of new facilities in the Tring Area. Refer to Local Football Facilities Plan and Leisure Strategy "/>
    <s v="Sports England caluclator"/>
  </r>
  <r>
    <n v="126"/>
    <x v="1"/>
    <s v="Sports and Leisure"/>
    <s v="Natural Grass Pitches (NGP)"/>
    <s v="Contributions to new provision and facilities in the Hemel Area. Refer to Local Football Facilities Plan and Leisure Strategy "/>
    <s v="(1.90sqm) 15 mini football pitches, 12 youth football pitches, 9 senior football pitches, 1 cricket pitch, golf starter, and improvements to existing sports provision"/>
    <x v="1"/>
    <x v="41"/>
    <x v="2"/>
    <x v="17"/>
    <x v="10"/>
    <s v="N/A"/>
    <s v="N/A"/>
    <n v="207472"/>
    <n v="207472"/>
    <s v="S106/CIL"/>
    <s v="Important"/>
    <m/>
    <m/>
    <m/>
    <m/>
    <m/>
    <s v="Yes"/>
    <m/>
    <m/>
    <m/>
    <m/>
    <m/>
    <m/>
    <m/>
    <m/>
    <m/>
    <m/>
    <m/>
    <m/>
    <m/>
    <m/>
    <m/>
    <m/>
    <m/>
    <m/>
    <m/>
    <m/>
    <m/>
    <m/>
    <m/>
    <m/>
    <m/>
    <n v="480"/>
    <n v="432.23333333333335"/>
    <s v=""/>
    <s v=""/>
    <s v=""/>
    <s v=""/>
    <s v=""/>
    <n v="207472"/>
    <s v=""/>
    <s v=""/>
    <s v=""/>
    <s v=""/>
    <s v=""/>
    <s v=""/>
    <s v=""/>
    <s v=""/>
    <s v=""/>
    <s v=""/>
    <s v=""/>
    <s v=""/>
    <s v=""/>
    <s v=""/>
    <s v=""/>
    <s v=""/>
    <s v=""/>
    <s v=""/>
    <s v=""/>
    <s v=""/>
    <s v=""/>
    <s v=""/>
    <s v=""/>
    <s v=""/>
    <s v=""/>
    <m/>
    <s v="Provision of new facilities in the Tring Area. Refer to Local Football Facilities Plan and Leisure Strategy "/>
    <s v="Sports England caluclator"/>
  </r>
  <r>
    <n v="127"/>
    <x v="1"/>
    <s v="Sports and Leisure"/>
    <s v="Natural Grass Pitches (NGP)"/>
    <s v="Contributions to new provision and facilities in the Hemel Area. Refer to Local Football Facilities Plan and Leisure Strategy "/>
    <s v="(1.98sqm) 15 mini football pitches, 12 youth football pitches, 9 senior football pitches, 1 cricket pitch, golf starter, and improvements to existing sports provision"/>
    <x v="1"/>
    <x v="17"/>
    <x v="2"/>
    <x v="17"/>
    <x v="13"/>
    <s v="N/A"/>
    <s v="N/A"/>
    <n v="216143.73045718172"/>
    <n v="216143.73045718172"/>
    <s v="S106/CIL"/>
    <s v="Important"/>
    <m/>
    <m/>
    <m/>
    <m/>
    <m/>
    <m/>
    <m/>
    <m/>
    <s v="Yes"/>
    <m/>
    <m/>
    <m/>
    <m/>
    <m/>
    <m/>
    <m/>
    <m/>
    <m/>
    <m/>
    <m/>
    <m/>
    <m/>
    <m/>
    <m/>
    <m/>
    <m/>
    <m/>
    <m/>
    <m/>
    <m/>
    <m/>
    <n v="500"/>
    <n v="432.28746091436346"/>
    <s v=""/>
    <s v=""/>
    <s v=""/>
    <s v=""/>
    <s v=""/>
    <s v=""/>
    <s v=""/>
    <s v=""/>
    <n v="216143.73045718172"/>
    <s v=""/>
    <s v=""/>
    <s v=""/>
    <s v=""/>
    <s v=""/>
    <s v=""/>
    <s v=""/>
    <s v=""/>
    <s v=""/>
    <s v=""/>
    <s v=""/>
    <s v=""/>
    <s v=""/>
    <s v=""/>
    <s v=""/>
    <s v=""/>
    <s v=""/>
    <s v=""/>
    <s v=""/>
    <s v=""/>
    <s v=""/>
    <s v=""/>
    <m/>
    <m/>
    <m/>
  </r>
  <r>
    <n v="128"/>
    <x v="1"/>
    <s v="Sports and Leisure"/>
    <s v="Natural Grass Pitches (NGP)"/>
    <s v="Contributions to new provision and facilities in the Hemel Area. Refer to Local Football Facilities Plan and Leisure Strategy "/>
    <s v="(0.93sqm) 15 mini football pitches, 12 youth football pitches, 9 senior football pitches, 1 cricket pitch, golf starter, and improvements to existing sports provision"/>
    <x v="1"/>
    <x v="29"/>
    <x v="2"/>
    <x v="17"/>
    <x v="2"/>
    <s v="N/A"/>
    <s v="N/A"/>
    <n v="101199.44859739553"/>
    <n v="101199.44859739553"/>
    <s v="S106/CIL"/>
    <s v="Important"/>
    <m/>
    <m/>
    <m/>
    <m/>
    <m/>
    <m/>
    <m/>
    <m/>
    <m/>
    <m/>
    <m/>
    <m/>
    <s v="Yes"/>
    <m/>
    <m/>
    <m/>
    <m/>
    <m/>
    <m/>
    <m/>
    <m/>
    <m/>
    <m/>
    <m/>
    <m/>
    <m/>
    <m/>
    <m/>
    <m/>
    <m/>
    <m/>
    <n v="234"/>
    <n v="432.47627605724585"/>
    <s v=""/>
    <s v=""/>
    <s v=""/>
    <s v=""/>
    <s v=""/>
    <s v=""/>
    <s v=""/>
    <s v=""/>
    <s v=""/>
    <s v=""/>
    <s v=""/>
    <s v=""/>
    <n v="101199.44859739553"/>
    <s v=""/>
    <s v=""/>
    <s v=""/>
    <s v=""/>
    <s v=""/>
    <s v=""/>
    <s v=""/>
    <s v=""/>
    <s v=""/>
    <s v=""/>
    <s v=""/>
    <s v=""/>
    <s v=""/>
    <s v=""/>
    <s v=""/>
    <s v=""/>
    <s v=""/>
    <s v=""/>
    <m/>
    <m/>
    <m/>
  </r>
  <r>
    <n v="129"/>
    <x v="1"/>
    <s v="Sports and Leisure"/>
    <s v="Natural Grass Pitches (NGP)"/>
    <s v="Contributions to new provision and facilities in the Hemel Area. Refer to Local Football Facilities Plan and Leisure Strategy "/>
    <s v="(1.98sqm) 2 mini football pitches, 1 youth football pitch, and golf starter "/>
    <x v="1"/>
    <x v="3"/>
    <x v="1"/>
    <x v="17"/>
    <x v="5"/>
    <s v="N/A"/>
    <s v="N/A"/>
    <n v="216143.73045718172"/>
    <n v="216143.73045718172"/>
    <s v="S106/CIL"/>
    <s v="Important"/>
    <m/>
    <m/>
    <m/>
    <m/>
    <m/>
    <m/>
    <m/>
    <m/>
    <m/>
    <s v="Yes"/>
    <m/>
    <m/>
    <m/>
    <m/>
    <m/>
    <m/>
    <m/>
    <m/>
    <m/>
    <m/>
    <m/>
    <m/>
    <m/>
    <m/>
    <m/>
    <m/>
    <m/>
    <m/>
    <m/>
    <m/>
    <m/>
    <n v="500"/>
    <n v="432.28746091436346"/>
    <s v=""/>
    <s v=""/>
    <s v=""/>
    <s v=""/>
    <s v=""/>
    <s v=""/>
    <s v=""/>
    <s v=""/>
    <s v=""/>
    <n v="216143.73045718172"/>
    <s v=""/>
    <s v=""/>
    <s v=""/>
    <s v=""/>
    <s v=""/>
    <s v=""/>
    <s v=""/>
    <s v=""/>
    <s v=""/>
    <s v=""/>
    <s v=""/>
    <s v=""/>
    <s v=""/>
    <s v=""/>
    <s v=""/>
    <s v=""/>
    <s v=""/>
    <s v=""/>
    <s v=""/>
    <s v=""/>
    <s v=""/>
    <m/>
    <m/>
    <m/>
  </r>
  <r>
    <n v="130"/>
    <x v="1"/>
    <s v="Sports and Leisure"/>
    <s v="Natural Grass Pitches (NGP)"/>
    <s v="Contributions to new provision and facilities in the Hemel Area. Refer to Local Football Facilities Plan and Leisure Strategy "/>
    <s v="(2.97sqm) 2 mini football pitches, 1 youth football pitch"/>
    <x v="1"/>
    <x v="7"/>
    <x v="1"/>
    <x v="17"/>
    <x v="29"/>
    <s v="N/A"/>
    <s v="N/A"/>
    <n v="324170.75914883986"/>
    <n v="324170.75914883986"/>
    <s v="S106/CIL"/>
    <s v="Important"/>
    <m/>
    <m/>
    <m/>
    <m/>
    <m/>
    <m/>
    <m/>
    <m/>
    <m/>
    <m/>
    <s v="Yes"/>
    <m/>
    <m/>
    <m/>
    <m/>
    <m/>
    <m/>
    <m/>
    <m/>
    <m/>
    <m/>
    <m/>
    <m/>
    <m/>
    <m/>
    <m/>
    <m/>
    <m/>
    <m/>
    <m/>
    <m/>
    <n v="750"/>
    <n v="432.2276788651198"/>
    <s v=""/>
    <s v=""/>
    <s v=""/>
    <s v=""/>
    <s v=""/>
    <s v=""/>
    <s v=""/>
    <s v=""/>
    <s v=""/>
    <s v=""/>
    <n v="324170.75914883986"/>
    <s v=""/>
    <s v=""/>
    <s v=""/>
    <s v=""/>
    <s v=""/>
    <s v=""/>
    <s v=""/>
    <s v=""/>
    <s v=""/>
    <s v=""/>
    <s v=""/>
    <s v=""/>
    <s v=""/>
    <s v=""/>
    <s v=""/>
    <s v=""/>
    <s v=""/>
    <s v=""/>
    <s v=""/>
    <s v=""/>
    <m/>
    <m/>
    <m/>
  </r>
  <r>
    <n v="131"/>
    <x v="1"/>
    <s v="Sports and Leisure"/>
    <s v="Natural Grass Pitches (NGP)"/>
    <s v="Contributions to new provision and facilities in the Hemel Area. Refer to Local Football Facilities Plan and Leisure Strategy "/>
    <s v="(1.39sqm) 15 mini football pitches, 12 youth football pitches, 9 senior football pitches, 1 cricket pitch, golf starter, and improvements to existing sports provision"/>
    <x v="1"/>
    <x v="9"/>
    <x v="2"/>
    <x v="17"/>
    <x v="10"/>
    <s v="N/A"/>
    <s v="N/A"/>
    <n v="151297.24743382912"/>
    <n v="151297.24743382912"/>
    <s v="S106/CIL"/>
    <s v="Important"/>
    <m/>
    <m/>
    <m/>
    <m/>
    <m/>
    <m/>
    <m/>
    <m/>
    <m/>
    <m/>
    <m/>
    <m/>
    <m/>
    <s v="Yes"/>
    <m/>
    <m/>
    <m/>
    <m/>
    <m/>
    <m/>
    <m/>
    <m/>
    <m/>
    <m/>
    <m/>
    <m/>
    <m/>
    <m/>
    <m/>
    <m/>
    <m/>
    <n v="350"/>
    <n v="432.27784981094032"/>
    <s v=""/>
    <s v=""/>
    <s v=""/>
    <s v=""/>
    <s v=""/>
    <s v=""/>
    <s v=""/>
    <s v=""/>
    <s v=""/>
    <s v=""/>
    <s v=""/>
    <s v=""/>
    <s v=""/>
    <n v="151297.24743382912"/>
    <s v=""/>
    <s v=""/>
    <s v=""/>
    <s v=""/>
    <s v=""/>
    <s v=""/>
    <s v=""/>
    <s v=""/>
    <s v=""/>
    <s v=""/>
    <s v=""/>
    <s v=""/>
    <s v=""/>
    <s v=""/>
    <s v=""/>
    <s v=""/>
    <s v=""/>
    <m/>
    <m/>
    <m/>
  </r>
  <r>
    <n v="132"/>
    <x v="1"/>
    <s v="Sports and Leisure"/>
    <s v="Natural Grass Pitches (NGP)"/>
    <s v="Contributions to new provision and facilities in the Hemel Area. Refer to Local Football Facilities Plan and Leisure Strategy "/>
    <s v="(0.36sqm) 15 mini football pitches, 12 youth football pitches, 9 senior football pitches, 1 cricket pitch, golf starter, and improvements to existing sports provision"/>
    <x v="1"/>
    <x v="31"/>
    <x v="2"/>
    <x v="17"/>
    <x v="30"/>
    <s v="N/A"/>
    <s v="N/A"/>
    <n v="38928.607474378281"/>
    <n v="38928.607474378281"/>
    <s v="S106/CIL"/>
    <s v="Important"/>
    <m/>
    <m/>
    <m/>
    <m/>
    <m/>
    <m/>
    <m/>
    <m/>
    <m/>
    <m/>
    <m/>
    <m/>
    <m/>
    <m/>
    <s v="Yes"/>
    <m/>
    <m/>
    <m/>
    <m/>
    <m/>
    <m/>
    <m/>
    <m/>
    <m/>
    <m/>
    <m/>
    <m/>
    <m/>
    <m/>
    <m/>
    <m/>
    <n v="90"/>
    <n v="432.54008304864755"/>
    <s v=""/>
    <s v=""/>
    <s v=""/>
    <s v=""/>
    <s v=""/>
    <s v=""/>
    <s v=""/>
    <s v=""/>
    <s v=""/>
    <s v=""/>
    <s v=""/>
    <s v=""/>
    <s v=""/>
    <s v=""/>
    <n v="38928.607474378281"/>
    <s v=""/>
    <s v=""/>
    <s v=""/>
    <s v=""/>
    <s v=""/>
    <s v=""/>
    <s v=""/>
    <s v=""/>
    <s v=""/>
    <s v=""/>
    <s v=""/>
    <s v=""/>
    <s v=""/>
    <s v=""/>
    <s v=""/>
    <s v=""/>
    <m/>
    <m/>
    <m/>
  </r>
  <r>
    <n v="133"/>
    <x v="1"/>
    <s v="Sports and Leisure"/>
    <s v="Natural Grass Pitches (NGP)"/>
    <s v="Contributions to new provision and facilities in the Hemel Area. Refer to Local Football Facilities Plan and Leisure Strategy "/>
    <s v="(0.32sqm) 15 mini football pitches, 12 youth football pitches, 9 senior football pitches, 1 cricket pitch, golf starter, and improvements to existing sports provision"/>
    <x v="1"/>
    <x v="32"/>
    <x v="2"/>
    <x v="17"/>
    <x v="26"/>
    <s v="N/A"/>
    <s v="N/A"/>
    <n v="34585.40423337571"/>
    <n v="34585.40423337571"/>
    <s v="S106/CIL"/>
    <s v="Important"/>
    <m/>
    <m/>
    <m/>
    <m/>
    <m/>
    <m/>
    <m/>
    <m/>
    <m/>
    <m/>
    <m/>
    <m/>
    <m/>
    <m/>
    <m/>
    <s v="Yes"/>
    <m/>
    <m/>
    <m/>
    <m/>
    <m/>
    <m/>
    <m/>
    <m/>
    <m/>
    <m/>
    <m/>
    <m/>
    <m/>
    <m/>
    <m/>
    <n v="80"/>
    <n v="432.31755291719639"/>
    <s v=""/>
    <s v=""/>
    <s v=""/>
    <s v=""/>
    <s v=""/>
    <s v=""/>
    <s v=""/>
    <s v=""/>
    <s v=""/>
    <s v=""/>
    <s v=""/>
    <s v=""/>
    <s v=""/>
    <s v=""/>
    <s v=""/>
    <n v="34585.40423337571"/>
    <s v=""/>
    <s v=""/>
    <s v=""/>
    <s v=""/>
    <s v=""/>
    <s v=""/>
    <s v=""/>
    <s v=""/>
    <s v=""/>
    <s v=""/>
    <s v=""/>
    <s v=""/>
    <s v=""/>
    <s v=""/>
    <s v=""/>
    <m/>
    <m/>
    <m/>
  </r>
  <r>
    <n v="134"/>
    <x v="1"/>
    <s v="Sports and Leisure"/>
    <s v="Natural Grass Pitches (NGP)"/>
    <s v="Contributions to new provision and facilities in the Hemel Area. Refer to Local Football Facilities Plan and Leisure Strategy "/>
    <s v="(0.79qm) 15 mini football pitches, 12 youth football pitches, 9 senior football pitches, 1 cricket pitch, golf starter, and improvements to existing sports provision"/>
    <x v="1"/>
    <x v="33"/>
    <x v="2"/>
    <x v="17"/>
    <x v="31"/>
    <s v="N/A"/>
    <s v="N/A"/>
    <n v="86444.095912961799"/>
    <n v="86444.095912961799"/>
    <s v="S106/CIL"/>
    <s v="Important"/>
    <m/>
    <m/>
    <m/>
    <m/>
    <m/>
    <m/>
    <m/>
    <m/>
    <m/>
    <m/>
    <m/>
    <s v="Yes"/>
    <m/>
    <m/>
    <m/>
    <m/>
    <m/>
    <m/>
    <m/>
    <m/>
    <m/>
    <m/>
    <m/>
    <m/>
    <m/>
    <m/>
    <m/>
    <m/>
    <m/>
    <m/>
    <m/>
    <n v="200"/>
    <n v="432.22047956480901"/>
    <s v=""/>
    <s v=""/>
    <s v=""/>
    <s v=""/>
    <s v=""/>
    <s v=""/>
    <s v=""/>
    <s v=""/>
    <s v=""/>
    <s v=""/>
    <s v=""/>
    <n v="86444.095912961799"/>
    <s v=""/>
    <s v=""/>
    <s v=""/>
    <s v=""/>
    <s v=""/>
    <s v=""/>
    <s v=""/>
    <s v=""/>
    <s v=""/>
    <s v=""/>
    <s v=""/>
    <s v=""/>
    <s v=""/>
    <s v=""/>
    <s v=""/>
    <s v=""/>
    <s v=""/>
    <s v=""/>
    <s v=""/>
    <m/>
    <m/>
    <m/>
  </r>
  <r>
    <n v="135"/>
    <x v="1"/>
    <s v="Sports and Leisure"/>
    <s v="Changing Rooms for NGPs"/>
    <s v="Provision of new Changing Rooms for NGPs in the borough. "/>
    <s v="Contributions towards 1.40sqm of new changing rooms for NGPs across the borough. "/>
    <x v="11"/>
    <x v="4"/>
    <x v="2"/>
    <x v="17"/>
    <x v="15"/>
    <s v="N/A"/>
    <s v="N/A"/>
    <n v="286634"/>
    <n v="286634"/>
    <s v="S106/CIL"/>
    <s v="Important"/>
    <s v="Yes"/>
    <m/>
    <m/>
    <m/>
    <m/>
    <m/>
    <m/>
    <m/>
    <m/>
    <m/>
    <m/>
    <m/>
    <m/>
    <m/>
    <m/>
    <m/>
    <m/>
    <m/>
    <m/>
    <m/>
    <m/>
    <m/>
    <m/>
    <m/>
    <m/>
    <m/>
    <m/>
    <m/>
    <m/>
    <m/>
    <m/>
    <n v="1500"/>
    <n v="191.08933333333334"/>
    <n v="286634"/>
    <s v=""/>
    <s v=""/>
    <s v=""/>
    <s v=""/>
    <s v=""/>
    <s v=""/>
    <s v=""/>
    <s v=""/>
    <s v=""/>
    <s v=""/>
    <s v=""/>
    <s v=""/>
    <s v=""/>
    <s v=""/>
    <s v=""/>
    <s v=""/>
    <s v=""/>
    <s v=""/>
    <s v=""/>
    <s v=""/>
    <s v=""/>
    <s v=""/>
    <s v=""/>
    <s v=""/>
    <s v=""/>
    <s v=""/>
    <s v=""/>
    <s v=""/>
    <s v=""/>
    <s v=""/>
    <m/>
    <s v="Changing room to be provided at each sport venue. "/>
    <s v="Sports England caluclator"/>
  </r>
  <r>
    <n v="136"/>
    <x v="1"/>
    <s v="Sports and Leisure"/>
    <s v="Changing Rooms for NGPs"/>
    <s v="Provision of new Changing Rooms for NGPs in the Tring Area"/>
    <s v="Contributions towards (1.05sqm) changing room to be provided at each sport venue"/>
    <x v="3"/>
    <x v="6"/>
    <x v="1"/>
    <x v="17"/>
    <x v="21"/>
    <s v="N/A"/>
    <s v="N/A"/>
    <n v="213345"/>
    <n v="213345"/>
    <s v="S106/CIL"/>
    <s v="Important"/>
    <m/>
    <m/>
    <m/>
    <m/>
    <m/>
    <m/>
    <m/>
    <m/>
    <m/>
    <m/>
    <m/>
    <m/>
    <m/>
    <m/>
    <m/>
    <m/>
    <m/>
    <m/>
    <m/>
    <m/>
    <m/>
    <s v="Yes"/>
    <m/>
    <m/>
    <m/>
    <m/>
    <m/>
    <m/>
    <m/>
    <m/>
    <m/>
    <n v="250"/>
    <n v="853.38"/>
    <s v=""/>
    <s v=""/>
    <s v=""/>
    <s v=""/>
    <s v=""/>
    <s v=""/>
    <s v=""/>
    <s v=""/>
    <s v=""/>
    <s v=""/>
    <s v=""/>
    <s v=""/>
    <s v=""/>
    <s v=""/>
    <s v=""/>
    <s v=""/>
    <s v=""/>
    <s v=""/>
    <s v=""/>
    <s v=""/>
    <s v=""/>
    <n v="213345"/>
    <s v=""/>
    <s v=""/>
    <s v=""/>
    <s v=""/>
    <s v=""/>
    <s v=""/>
    <s v=""/>
    <s v=""/>
    <s v=""/>
    <m/>
    <s v="Changing room to be provided at each sport venue. "/>
    <s v="Sports England caluclator"/>
  </r>
  <r>
    <n v="137"/>
    <x v="1"/>
    <s v="Sports and Leisure"/>
    <s v="Changing Rooms for NGPs"/>
    <s v="Provision of new Changing Rooms for NGPs in the Tring Area"/>
    <s v="Contributions towards (1.67sqm) changing room to be provided at each sport venue"/>
    <x v="3"/>
    <x v="21"/>
    <x v="1"/>
    <x v="17"/>
    <x v="4"/>
    <s v="N/A"/>
    <s v="N/A"/>
    <n v="341385"/>
    <n v="341385"/>
    <s v="S106/CIL"/>
    <s v="Important"/>
    <m/>
    <m/>
    <m/>
    <m/>
    <m/>
    <m/>
    <m/>
    <m/>
    <m/>
    <m/>
    <m/>
    <m/>
    <m/>
    <m/>
    <m/>
    <m/>
    <m/>
    <m/>
    <m/>
    <m/>
    <m/>
    <m/>
    <s v="Yes"/>
    <m/>
    <m/>
    <m/>
    <m/>
    <m/>
    <m/>
    <m/>
    <m/>
    <n v="400"/>
    <n v="853.46249999999998"/>
    <s v=""/>
    <s v=""/>
    <s v=""/>
    <s v=""/>
    <s v=""/>
    <s v=""/>
    <s v=""/>
    <s v=""/>
    <s v=""/>
    <s v=""/>
    <s v=""/>
    <s v=""/>
    <s v=""/>
    <s v=""/>
    <s v=""/>
    <s v=""/>
    <s v=""/>
    <s v=""/>
    <s v=""/>
    <s v=""/>
    <s v=""/>
    <s v=""/>
    <n v="341385"/>
    <s v=""/>
    <s v=""/>
    <s v=""/>
    <s v=""/>
    <s v=""/>
    <s v=""/>
    <s v=""/>
    <s v=""/>
    <m/>
    <s v="Changing room to be provided at each sport venue. "/>
    <s v="Sports England caluclator"/>
  </r>
  <r>
    <n v="138"/>
    <x v="1"/>
    <s v="Sports and Leisure"/>
    <s v="Changing Rooms for NGPs"/>
    <s v="Provision of new Changing Rooms for NGPs in the Tring Area"/>
    <s v="Contributions towards (5.85sqm) changing room to be provided at each sport venue"/>
    <x v="3"/>
    <x v="8"/>
    <x v="1"/>
    <x v="17"/>
    <x v="7"/>
    <s v="N/A"/>
    <s v="N/A"/>
    <n v="1194847"/>
    <n v="1194847"/>
    <s v="S106/CIL"/>
    <s v="Important"/>
    <m/>
    <m/>
    <m/>
    <m/>
    <m/>
    <m/>
    <m/>
    <m/>
    <m/>
    <m/>
    <m/>
    <m/>
    <m/>
    <m/>
    <m/>
    <m/>
    <m/>
    <m/>
    <m/>
    <m/>
    <m/>
    <m/>
    <m/>
    <s v="Yes"/>
    <m/>
    <m/>
    <m/>
    <m/>
    <m/>
    <m/>
    <m/>
    <n v="1400"/>
    <n v="853.46214285714291"/>
    <s v=""/>
    <s v=""/>
    <s v=""/>
    <s v=""/>
    <s v=""/>
    <s v=""/>
    <s v=""/>
    <s v=""/>
    <s v=""/>
    <s v=""/>
    <s v=""/>
    <s v=""/>
    <s v=""/>
    <s v=""/>
    <s v=""/>
    <s v=""/>
    <s v=""/>
    <s v=""/>
    <s v=""/>
    <s v=""/>
    <s v=""/>
    <s v=""/>
    <s v=""/>
    <n v="1194847"/>
    <s v=""/>
    <s v=""/>
    <s v=""/>
    <s v=""/>
    <s v=""/>
    <s v=""/>
    <s v=""/>
    <m/>
    <s v="Changing room to be provided at each sport venue. "/>
    <s v="Sports England caluclator"/>
  </r>
  <r>
    <n v="139"/>
    <x v="1"/>
    <s v="Sports and Leisure"/>
    <s v="Changing Rooms for NGPs"/>
    <s v="Provision of new Changing Rooms for NGPs in the Tring Area"/>
    <s v="Contributions towards (0.84sqm) changing room to be provided at each sport venue"/>
    <x v="3"/>
    <x v="22"/>
    <x v="2"/>
    <x v="17"/>
    <x v="15"/>
    <s v="N/A"/>
    <s v="N/A"/>
    <n v="171358"/>
    <n v="171358"/>
    <s v="S106/CIL"/>
    <s v="Important"/>
    <m/>
    <m/>
    <m/>
    <m/>
    <m/>
    <m/>
    <m/>
    <m/>
    <m/>
    <m/>
    <m/>
    <m/>
    <m/>
    <m/>
    <m/>
    <m/>
    <m/>
    <m/>
    <m/>
    <m/>
    <m/>
    <m/>
    <m/>
    <m/>
    <s v="Yes"/>
    <m/>
    <m/>
    <m/>
    <m/>
    <m/>
    <m/>
    <n v="201"/>
    <n v="852.5273631840796"/>
    <s v=""/>
    <s v=""/>
    <s v=""/>
    <s v=""/>
    <s v=""/>
    <s v=""/>
    <s v=""/>
    <s v=""/>
    <s v=""/>
    <s v=""/>
    <s v=""/>
    <s v=""/>
    <s v=""/>
    <s v=""/>
    <s v=""/>
    <s v=""/>
    <s v=""/>
    <s v=""/>
    <s v=""/>
    <s v=""/>
    <s v=""/>
    <s v=""/>
    <s v=""/>
    <s v=""/>
    <n v="171358"/>
    <s v=""/>
    <s v=""/>
    <s v=""/>
    <s v=""/>
    <s v=""/>
    <s v=""/>
    <m/>
    <s v="Changing room to be provided at each sport venue. "/>
    <s v="Sports England caluclator"/>
  </r>
  <r>
    <n v="140"/>
    <x v="1"/>
    <s v="Sports and Leisure"/>
    <s v="Changing Rooms for NGPs"/>
    <s v="Provision of new Changing Rooms for NGPs in the Berkhamsted Area"/>
    <s v="Contributions towards (3.24sqm) changing room to be provided at each sport venue"/>
    <x v="2"/>
    <x v="5"/>
    <x v="4"/>
    <x v="17"/>
    <x v="9"/>
    <s v="N/A"/>
    <s v="N/A"/>
    <n v="661371"/>
    <n v="661371"/>
    <s v="S106/CIL"/>
    <s v="Important"/>
    <m/>
    <m/>
    <m/>
    <m/>
    <m/>
    <m/>
    <m/>
    <m/>
    <m/>
    <m/>
    <m/>
    <m/>
    <m/>
    <m/>
    <m/>
    <m/>
    <m/>
    <s v="Yes"/>
    <m/>
    <m/>
    <m/>
    <m/>
    <m/>
    <m/>
    <m/>
    <m/>
    <m/>
    <m/>
    <m/>
    <m/>
    <m/>
    <n v="775"/>
    <n v="853.38193548387096"/>
    <s v=""/>
    <s v=""/>
    <s v=""/>
    <s v=""/>
    <s v=""/>
    <s v=""/>
    <s v=""/>
    <s v=""/>
    <s v=""/>
    <s v=""/>
    <s v=""/>
    <s v=""/>
    <s v=""/>
    <s v=""/>
    <s v=""/>
    <s v=""/>
    <s v=""/>
    <n v="661371"/>
    <s v=""/>
    <s v=""/>
    <s v=""/>
    <s v=""/>
    <s v=""/>
    <s v=""/>
    <s v=""/>
    <s v=""/>
    <s v=""/>
    <s v=""/>
    <s v=""/>
    <s v=""/>
    <s v=""/>
    <m/>
    <s v="Changing room to be provided at each sport venue. "/>
    <s v="Sports England caluclator"/>
  </r>
  <r>
    <n v="141"/>
    <x v="1"/>
    <s v="Sports and Leisure"/>
    <s v="Changing Rooms for NGPs"/>
    <s v="Provision of new Changing Rooms for NGPs in the Berkhamsted Area"/>
    <s v="Contributions towards (0.42sqm) changing room to be provided at each sport venue"/>
    <x v="2"/>
    <x v="37"/>
    <x v="2"/>
    <x v="17"/>
    <x v="32"/>
    <s v="N/A"/>
    <s v="N/A"/>
    <n v="85372"/>
    <n v="85372"/>
    <s v="S106/CIL"/>
    <s v="Important"/>
    <m/>
    <m/>
    <m/>
    <m/>
    <m/>
    <m/>
    <m/>
    <m/>
    <m/>
    <m/>
    <m/>
    <m/>
    <m/>
    <m/>
    <m/>
    <m/>
    <m/>
    <m/>
    <m/>
    <s v="Yes"/>
    <m/>
    <m/>
    <m/>
    <m/>
    <m/>
    <m/>
    <m/>
    <m/>
    <m/>
    <m/>
    <m/>
    <n v="100"/>
    <n v="853.72"/>
    <s v=""/>
    <s v=""/>
    <s v=""/>
    <s v=""/>
    <s v=""/>
    <s v=""/>
    <s v=""/>
    <s v=""/>
    <s v=""/>
    <s v=""/>
    <s v=""/>
    <s v=""/>
    <s v=""/>
    <s v=""/>
    <s v=""/>
    <s v=""/>
    <s v=""/>
    <s v=""/>
    <s v=""/>
    <n v="85372"/>
    <s v=""/>
    <s v=""/>
    <s v=""/>
    <s v=""/>
    <s v=""/>
    <s v=""/>
    <s v=""/>
    <s v=""/>
    <s v=""/>
    <s v=""/>
    <s v=""/>
    <m/>
    <s v="Changing room to be provided at each sport venue. "/>
    <s v="Sports England caluclator"/>
  </r>
  <r>
    <n v="142"/>
    <x v="1"/>
    <s v="Sports and Leisure"/>
    <s v="Changing Rooms for NGPs"/>
    <s v="Provision of new Changing Rooms for NGPs in the Berkhamsted Area"/>
    <s v="Contributions towards (0.42sqm) changing room to be provided at each sport venue"/>
    <x v="2"/>
    <x v="38"/>
    <x v="1"/>
    <x v="17"/>
    <x v="24"/>
    <s v="N/A"/>
    <s v="N/A"/>
    <n v="85372"/>
    <n v="85372"/>
    <s v="S106/CIL"/>
    <s v="Important"/>
    <m/>
    <m/>
    <m/>
    <m/>
    <m/>
    <m/>
    <m/>
    <m/>
    <m/>
    <m/>
    <m/>
    <m/>
    <m/>
    <m/>
    <m/>
    <m/>
    <m/>
    <m/>
    <s v="Yes"/>
    <m/>
    <m/>
    <m/>
    <m/>
    <m/>
    <m/>
    <m/>
    <m/>
    <m/>
    <m/>
    <m/>
    <m/>
    <n v="100"/>
    <n v="853.72"/>
    <s v=""/>
    <s v=""/>
    <s v=""/>
    <s v=""/>
    <s v=""/>
    <s v=""/>
    <s v=""/>
    <s v=""/>
    <s v=""/>
    <s v=""/>
    <s v=""/>
    <s v=""/>
    <s v=""/>
    <s v=""/>
    <s v=""/>
    <s v=""/>
    <s v=""/>
    <s v=""/>
    <n v="85372"/>
    <s v=""/>
    <s v=""/>
    <s v=""/>
    <s v=""/>
    <s v=""/>
    <s v=""/>
    <s v=""/>
    <s v=""/>
    <s v=""/>
    <s v=""/>
    <s v=""/>
    <s v=""/>
    <m/>
    <s v="Changing room to be provided at each sport venue. "/>
    <s v="Sports England caluclator"/>
  </r>
  <r>
    <n v="143"/>
    <x v="1"/>
    <s v="Sports and Leisure"/>
    <s v="Changing Rooms for NGPs"/>
    <s v="Provision of new Changing Rooms for NGPs in the Berkhamsted Area"/>
    <s v="Contributions towards (1.26sqm) changing room to be provided at each sport venue"/>
    <x v="2"/>
    <x v="22"/>
    <x v="2"/>
    <x v="17"/>
    <x v="15"/>
    <s v="N/A"/>
    <s v="N/A"/>
    <n v="257770.06"/>
    <n v="257770.06"/>
    <s v="S106/CIL"/>
    <s v="Important"/>
    <m/>
    <m/>
    <m/>
    <m/>
    <m/>
    <m/>
    <m/>
    <m/>
    <m/>
    <m/>
    <m/>
    <m/>
    <m/>
    <m/>
    <m/>
    <m/>
    <m/>
    <m/>
    <m/>
    <m/>
    <s v="Yes"/>
    <m/>
    <m/>
    <m/>
    <m/>
    <m/>
    <m/>
    <m/>
    <m/>
    <m/>
    <m/>
    <n v="302"/>
    <n v="853.54324503311261"/>
    <s v=""/>
    <s v=""/>
    <s v=""/>
    <s v=""/>
    <s v=""/>
    <s v=""/>
    <s v=""/>
    <s v=""/>
    <s v=""/>
    <s v=""/>
    <s v=""/>
    <s v=""/>
    <s v=""/>
    <s v=""/>
    <s v=""/>
    <s v=""/>
    <s v=""/>
    <s v=""/>
    <s v=""/>
    <s v=""/>
    <n v="257770.06"/>
    <s v=""/>
    <s v=""/>
    <s v=""/>
    <s v=""/>
    <s v=""/>
    <s v=""/>
    <s v=""/>
    <s v=""/>
    <s v=""/>
    <s v=""/>
    <m/>
    <s v="Changing room to be provided at each sport venue. "/>
    <s v="Sports England caluclator"/>
  </r>
  <r>
    <n v="144"/>
    <x v="1"/>
    <s v="Sports and Leisure"/>
    <s v="Changing Rooms for NGPs"/>
    <s v="Contributions to new provision and facilities in the Southern Area. Refer to Local Football Facilities Plan and Leisure Strategy "/>
    <s v="Contributions towards (0.13sqm) changing room to be provided at each sport venue"/>
    <x v="4"/>
    <x v="22"/>
    <x v="2"/>
    <x v="17"/>
    <x v="15"/>
    <s v="N/A"/>
    <s v="N/A"/>
    <n v="26354"/>
    <n v="26354"/>
    <s v="S106/CIL"/>
    <s v="Important"/>
    <m/>
    <m/>
    <m/>
    <m/>
    <m/>
    <m/>
    <m/>
    <m/>
    <m/>
    <m/>
    <m/>
    <m/>
    <m/>
    <m/>
    <m/>
    <m/>
    <m/>
    <m/>
    <m/>
    <m/>
    <m/>
    <m/>
    <m/>
    <m/>
    <m/>
    <m/>
    <s v="Yes"/>
    <m/>
    <m/>
    <m/>
    <m/>
    <n v="31"/>
    <n v="850.12903225806451"/>
    <s v=""/>
    <s v=""/>
    <s v=""/>
    <s v=""/>
    <s v=""/>
    <s v=""/>
    <s v=""/>
    <s v=""/>
    <s v=""/>
    <s v=""/>
    <s v=""/>
    <s v=""/>
    <s v=""/>
    <s v=""/>
    <s v=""/>
    <s v=""/>
    <s v=""/>
    <s v=""/>
    <s v=""/>
    <s v=""/>
    <s v=""/>
    <s v=""/>
    <s v=""/>
    <s v=""/>
    <s v=""/>
    <s v=""/>
    <n v="26354"/>
    <s v=""/>
    <s v=""/>
    <s v=""/>
    <s v=""/>
    <m/>
    <s v="Changing room to be provided at each sport venue. "/>
    <s v="Sports England caluclator"/>
  </r>
  <r>
    <n v="145"/>
    <x v="1"/>
    <s v="Sports and Leisure"/>
    <s v="Changing Rooms for NGPs"/>
    <s v="Contributions to new provision and facilities in the Southern Area. Refer to Local Football Facilities Plan and Leisure Strategy "/>
    <s v="Contributions towards (0.91sqm) changing room to be provided at each sport venue"/>
    <x v="4"/>
    <x v="39"/>
    <x v="2"/>
    <x v="17"/>
    <x v="2"/>
    <s v="N/A"/>
    <s v="N/A"/>
    <n v="185282"/>
    <n v="185282"/>
    <s v="S106/CIL"/>
    <s v="Important"/>
    <m/>
    <m/>
    <m/>
    <m/>
    <m/>
    <m/>
    <m/>
    <m/>
    <m/>
    <m/>
    <m/>
    <m/>
    <m/>
    <m/>
    <m/>
    <m/>
    <m/>
    <m/>
    <m/>
    <m/>
    <m/>
    <m/>
    <m/>
    <m/>
    <m/>
    <s v="Yes"/>
    <m/>
    <m/>
    <m/>
    <m/>
    <m/>
    <n v="217"/>
    <n v="853.83410138248848"/>
    <s v=""/>
    <s v=""/>
    <s v=""/>
    <s v=""/>
    <s v=""/>
    <s v=""/>
    <s v=""/>
    <s v=""/>
    <s v=""/>
    <s v=""/>
    <s v=""/>
    <s v=""/>
    <s v=""/>
    <s v=""/>
    <s v=""/>
    <s v=""/>
    <s v=""/>
    <s v=""/>
    <s v=""/>
    <s v=""/>
    <s v=""/>
    <s v=""/>
    <s v=""/>
    <s v=""/>
    <s v=""/>
    <n v="185282"/>
    <s v=""/>
    <s v=""/>
    <s v=""/>
    <s v=""/>
    <s v=""/>
    <m/>
    <s v="Changing room to be provided at each sport venue. "/>
    <s v="Sports England caluclator"/>
  </r>
  <r>
    <n v="146"/>
    <x v="1"/>
    <s v="Sports and Leisure"/>
    <s v="Changing Rooms for NGPs"/>
    <s v="Contributions to new provision and facilities in the Southern Area. Refer to Local Football Facilities Plan and Leisure Strategy "/>
    <s v="Contributions towards (0.28sqm) changing room to be provided at each sport venue"/>
    <x v="13"/>
    <x v="22"/>
    <x v="2"/>
    <x v="17"/>
    <x v="15"/>
    <s v="N/A"/>
    <s v="N/A"/>
    <n v="57252"/>
    <n v="57252"/>
    <s v="S106/CIL"/>
    <s v="Important"/>
    <m/>
    <m/>
    <m/>
    <m/>
    <m/>
    <m/>
    <m/>
    <m/>
    <m/>
    <m/>
    <m/>
    <m/>
    <m/>
    <m/>
    <m/>
    <m/>
    <m/>
    <m/>
    <m/>
    <m/>
    <m/>
    <m/>
    <m/>
    <m/>
    <m/>
    <m/>
    <m/>
    <s v="Yes"/>
    <m/>
    <m/>
    <m/>
    <n v="67"/>
    <n v="854.50746268656712"/>
    <s v=""/>
    <s v=""/>
    <s v=""/>
    <s v=""/>
    <s v=""/>
    <s v=""/>
    <s v=""/>
    <s v=""/>
    <s v=""/>
    <s v=""/>
    <s v=""/>
    <s v=""/>
    <s v=""/>
    <s v=""/>
    <s v=""/>
    <s v=""/>
    <s v=""/>
    <s v=""/>
    <s v=""/>
    <s v=""/>
    <s v=""/>
    <s v=""/>
    <s v=""/>
    <s v=""/>
    <s v=""/>
    <s v=""/>
    <s v=""/>
    <n v="57252"/>
    <s v=""/>
    <s v=""/>
    <s v=""/>
    <m/>
    <s v="Changing room to be provided at each sport venue. "/>
    <s v="Sports England caluclator"/>
  </r>
  <r>
    <n v="147"/>
    <x v="1"/>
    <s v="Sports and Leisure"/>
    <s v="Changing Rooms for NGPs"/>
    <s v="Contributions to new provision and facilities in the borough. Refer to Local Football Facilities Plan and Leisure Strategy "/>
    <s v="Contributions towards (0.13sqm) changing room to be provided at each sport venue"/>
    <x v="5"/>
    <x v="35"/>
    <x v="2"/>
    <x v="17"/>
    <x v="15"/>
    <s v="N/A"/>
    <s v="N/A"/>
    <n v="26354"/>
    <n v="26354"/>
    <s v="S106/CIL"/>
    <s v="Important"/>
    <m/>
    <m/>
    <m/>
    <m/>
    <m/>
    <m/>
    <m/>
    <m/>
    <m/>
    <m/>
    <m/>
    <m/>
    <m/>
    <m/>
    <m/>
    <m/>
    <m/>
    <m/>
    <m/>
    <m/>
    <m/>
    <m/>
    <m/>
    <m/>
    <m/>
    <m/>
    <m/>
    <m/>
    <m/>
    <s v="Yes"/>
    <m/>
    <n v="31"/>
    <n v="850.12903225806451"/>
    <s v=""/>
    <s v=""/>
    <s v=""/>
    <s v=""/>
    <s v=""/>
    <s v=""/>
    <s v=""/>
    <s v=""/>
    <s v=""/>
    <s v=""/>
    <s v=""/>
    <s v=""/>
    <s v=""/>
    <s v=""/>
    <s v=""/>
    <s v=""/>
    <s v=""/>
    <s v=""/>
    <s v=""/>
    <s v=""/>
    <s v=""/>
    <s v=""/>
    <s v=""/>
    <s v=""/>
    <s v=""/>
    <s v=""/>
    <s v=""/>
    <s v=""/>
    <s v=""/>
    <n v="26354"/>
    <s v=""/>
    <m/>
    <s v="Changing room to be provided at each sport venue. "/>
    <s v="Sports England caluclator"/>
  </r>
  <r>
    <n v="148"/>
    <x v="1"/>
    <s v="Sports and Leisure"/>
    <s v="Changing Rooms for NGPs"/>
    <s v="Contributions to new provision and facilities in the borough. Refer to Local Football Facilities Plan and Leisure Strategy "/>
    <s v="Contributions towards (0.63sqm) changing room to be provided at each sport venue"/>
    <x v="5"/>
    <x v="40"/>
    <x v="2"/>
    <x v="17"/>
    <x v="4"/>
    <s v="N/A"/>
    <s v="N/A"/>
    <n v="128014"/>
    <n v="128014"/>
    <s v="S106/CIL"/>
    <s v="Important"/>
    <m/>
    <m/>
    <m/>
    <m/>
    <m/>
    <m/>
    <m/>
    <m/>
    <m/>
    <m/>
    <m/>
    <m/>
    <m/>
    <m/>
    <m/>
    <m/>
    <m/>
    <m/>
    <m/>
    <m/>
    <m/>
    <m/>
    <m/>
    <m/>
    <m/>
    <m/>
    <m/>
    <m/>
    <s v="Yes"/>
    <m/>
    <m/>
    <n v="150"/>
    <n v="853.42666666666662"/>
    <s v=""/>
    <s v=""/>
    <s v=""/>
    <s v=""/>
    <s v=""/>
    <s v=""/>
    <s v=""/>
    <s v=""/>
    <s v=""/>
    <s v=""/>
    <s v=""/>
    <s v=""/>
    <s v=""/>
    <s v=""/>
    <s v=""/>
    <s v=""/>
    <s v=""/>
    <s v=""/>
    <s v=""/>
    <s v=""/>
    <s v=""/>
    <s v=""/>
    <s v=""/>
    <s v=""/>
    <s v=""/>
    <s v=""/>
    <s v=""/>
    <s v=""/>
    <n v="128014"/>
    <s v=""/>
    <s v=""/>
    <m/>
    <s v="Changing room to be provided at each sport venue. "/>
    <s v="Sports England caluclator"/>
  </r>
  <r>
    <n v="149"/>
    <x v="1"/>
    <s v="Sports and Leisure"/>
    <s v="Changing Rooms for NGPs"/>
    <s v="Contributions to new provision and facilities in the Hemel Area. Refer to Local Football Facilities Plan and Leisure Strategy "/>
    <s v="Contributions towards (9.97sqm) changing room to be provided at each sport venue"/>
    <x v="1"/>
    <x v="35"/>
    <x v="2"/>
    <x v="17"/>
    <x v="15"/>
    <s v="N/A"/>
    <s v="N/A"/>
    <n v="2035466"/>
    <n v="2035466"/>
    <s v="S106/CIL"/>
    <s v="Important"/>
    <m/>
    <m/>
    <m/>
    <m/>
    <m/>
    <m/>
    <m/>
    <m/>
    <m/>
    <m/>
    <m/>
    <m/>
    <m/>
    <m/>
    <m/>
    <m/>
    <s v="Yes"/>
    <m/>
    <m/>
    <m/>
    <m/>
    <m/>
    <m/>
    <m/>
    <m/>
    <m/>
    <m/>
    <m/>
    <m/>
    <m/>
    <m/>
    <n v="2385"/>
    <n v="853.44486373165614"/>
    <s v=""/>
    <s v=""/>
    <s v=""/>
    <s v=""/>
    <s v=""/>
    <s v=""/>
    <s v=""/>
    <s v=""/>
    <s v=""/>
    <s v=""/>
    <s v=""/>
    <s v=""/>
    <s v=""/>
    <s v=""/>
    <s v=""/>
    <s v=""/>
    <n v="2035466"/>
    <s v=""/>
    <s v=""/>
    <s v=""/>
    <s v=""/>
    <s v=""/>
    <s v=""/>
    <s v=""/>
    <s v=""/>
    <s v=""/>
    <s v=""/>
    <s v=""/>
    <s v=""/>
    <s v=""/>
    <s v=""/>
    <m/>
    <s v="Changing room to be provided at each sport venue. "/>
    <s v="Sports England caluclator"/>
  </r>
  <r>
    <n v="150"/>
    <x v="1"/>
    <s v="Sports and Leisure"/>
    <s v="Changing Rooms for NGPs"/>
    <s v="Contributions to new provision and facilities in the Hemel Area. Refer to Local Football Facilities Plan and Leisure Strategy "/>
    <s v="Contributions towards (6.27sqm) changing room to be provided at each sport venue"/>
    <x v="1"/>
    <x v="14"/>
    <x v="1"/>
    <x v="17"/>
    <x v="1"/>
    <s v="N/A"/>
    <s v="N/A"/>
    <n v="1280209"/>
    <n v="1280209"/>
    <s v="S106/CIL"/>
    <s v="Important"/>
    <s v="Yes"/>
    <m/>
    <m/>
    <m/>
    <m/>
    <m/>
    <m/>
    <m/>
    <m/>
    <m/>
    <m/>
    <m/>
    <m/>
    <m/>
    <m/>
    <m/>
    <m/>
    <m/>
    <m/>
    <m/>
    <m/>
    <m/>
    <m/>
    <m/>
    <m/>
    <m/>
    <m/>
    <m/>
    <m/>
    <m/>
    <m/>
    <n v="1500"/>
    <n v="853.47266666666667"/>
    <n v="1280209"/>
    <s v=""/>
    <s v=""/>
    <s v=""/>
    <s v=""/>
    <s v=""/>
    <s v=""/>
    <s v=""/>
    <s v=""/>
    <s v=""/>
    <s v=""/>
    <s v=""/>
    <s v=""/>
    <s v=""/>
    <s v=""/>
    <s v=""/>
    <s v=""/>
    <s v=""/>
    <s v=""/>
    <s v=""/>
    <s v=""/>
    <s v=""/>
    <s v=""/>
    <s v=""/>
    <s v=""/>
    <s v=""/>
    <s v=""/>
    <s v=""/>
    <s v=""/>
    <s v=""/>
    <s v=""/>
    <m/>
    <s v="Changing room to be provided at each sport venue. "/>
    <s v="Sports England caluclator"/>
  </r>
  <r>
    <n v="151"/>
    <x v="1"/>
    <s v="Sports and Leisure"/>
    <s v="Changing Rooms for NGPs"/>
    <s v="Contributions to new provision and facilities in the Hemel Area. Refer to Local Football Facilities Plan and Leisure Strategy "/>
    <s v="Contributions towards (1.88sqm) changing room to be provided at each sport venue"/>
    <x v="1"/>
    <x v="24"/>
    <x v="2"/>
    <x v="17"/>
    <x v="25"/>
    <s v="N/A"/>
    <s v="N/A"/>
    <n v="384096"/>
    <n v="384096"/>
    <s v="S106/CIL"/>
    <s v="Important"/>
    <m/>
    <m/>
    <s v="Yes"/>
    <m/>
    <m/>
    <m/>
    <m/>
    <m/>
    <m/>
    <m/>
    <m/>
    <m/>
    <m/>
    <m/>
    <m/>
    <m/>
    <m/>
    <m/>
    <m/>
    <m/>
    <m/>
    <m/>
    <m/>
    <m/>
    <m/>
    <m/>
    <m/>
    <m/>
    <m/>
    <m/>
    <m/>
    <n v="450"/>
    <n v="853.54666666666662"/>
    <s v=""/>
    <s v=""/>
    <n v="384096"/>
    <s v=""/>
    <s v=""/>
    <s v=""/>
    <s v=""/>
    <s v=""/>
    <s v=""/>
    <s v=""/>
    <s v=""/>
    <s v=""/>
    <s v=""/>
    <s v=""/>
    <s v=""/>
    <s v=""/>
    <s v=""/>
    <s v=""/>
    <s v=""/>
    <s v=""/>
    <s v=""/>
    <s v=""/>
    <s v=""/>
    <s v=""/>
    <s v=""/>
    <s v=""/>
    <s v=""/>
    <s v=""/>
    <s v=""/>
    <s v=""/>
    <s v=""/>
    <m/>
    <s v="Changing room to be provided at each sport venue. "/>
    <s v="Sports England caluclator"/>
  </r>
  <r>
    <n v="152"/>
    <x v="1"/>
    <s v="Sports and Leisure"/>
    <s v="Changing Rooms for NGPs"/>
    <s v="Contributions to new provision and facilities in the Hemel Area. Refer to Local Football Facilities Plan and Leisure Strategy "/>
    <s v="Contributions towards (1.46sqm) changing room to be provided at each sport venue"/>
    <x v="1"/>
    <x v="23"/>
    <x v="2"/>
    <x v="17"/>
    <x v="8"/>
    <s v="N/A"/>
    <s v="N/A"/>
    <n v="298743"/>
    <n v="298743"/>
    <s v="S106/CIL"/>
    <s v="Important"/>
    <m/>
    <m/>
    <m/>
    <s v="Yes"/>
    <m/>
    <m/>
    <m/>
    <m/>
    <m/>
    <m/>
    <m/>
    <m/>
    <m/>
    <m/>
    <m/>
    <m/>
    <m/>
    <m/>
    <m/>
    <m/>
    <m/>
    <m/>
    <m/>
    <m/>
    <m/>
    <m/>
    <m/>
    <m/>
    <m/>
    <m/>
    <m/>
    <n v="350"/>
    <n v="853.55142857142857"/>
    <s v=""/>
    <s v=""/>
    <s v=""/>
    <n v="298743"/>
    <s v=""/>
    <s v=""/>
    <s v=""/>
    <s v=""/>
    <s v=""/>
    <s v=""/>
    <s v=""/>
    <s v=""/>
    <s v=""/>
    <s v=""/>
    <s v=""/>
    <s v=""/>
    <s v=""/>
    <s v=""/>
    <s v=""/>
    <s v=""/>
    <s v=""/>
    <s v=""/>
    <s v=""/>
    <s v=""/>
    <s v=""/>
    <s v=""/>
    <s v=""/>
    <s v=""/>
    <s v=""/>
    <s v=""/>
    <s v=""/>
    <m/>
    <s v="Changing room to be provided at each sport venue. "/>
    <s v="Sports England caluclator"/>
  </r>
  <r>
    <n v="153"/>
    <x v="1"/>
    <s v="Sports and Leisure"/>
    <s v="Changing Rooms for NGPs"/>
    <s v="Contributions to new provision and facilities in the Hemel Area. Refer to Local Football Facilities Plan and Leisure Strategy "/>
    <s v="Contributions towards (0.84sqm) changing room to be provided at each sport venue"/>
    <x v="1"/>
    <x v="25"/>
    <x v="2"/>
    <x v="17"/>
    <x v="26"/>
    <s v="N/A"/>
    <s v="N/A"/>
    <n v="170699"/>
    <n v="170699"/>
    <s v="S106/CIL"/>
    <s v="Important"/>
    <m/>
    <s v="Yes"/>
    <m/>
    <m/>
    <m/>
    <m/>
    <m/>
    <m/>
    <m/>
    <m/>
    <m/>
    <m/>
    <m/>
    <m/>
    <m/>
    <m/>
    <m/>
    <m/>
    <m/>
    <m/>
    <m/>
    <m/>
    <m/>
    <m/>
    <m/>
    <m/>
    <m/>
    <m/>
    <m/>
    <m/>
    <m/>
    <n v="200"/>
    <n v="853.495"/>
    <s v=""/>
    <n v="170699"/>
    <s v=""/>
    <s v=""/>
    <s v=""/>
    <s v=""/>
    <s v=""/>
    <s v=""/>
    <s v=""/>
    <s v=""/>
    <s v=""/>
    <s v=""/>
    <s v=""/>
    <s v=""/>
    <s v=""/>
    <s v=""/>
    <s v=""/>
    <s v=""/>
    <s v=""/>
    <s v=""/>
    <s v=""/>
    <s v=""/>
    <s v=""/>
    <s v=""/>
    <s v=""/>
    <s v=""/>
    <s v=""/>
    <s v=""/>
    <s v=""/>
    <s v=""/>
    <s v=""/>
    <m/>
    <s v="Changing room to be provided at each sport venue. "/>
    <s v="Sports England caluclator"/>
  </r>
  <r>
    <n v="154"/>
    <x v="1"/>
    <s v="Sports and Leisure"/>
    <s v="Changing Rooms for NGPs"/>
    <s v="Contributions to new provision and facilities in the Hemel Area. Refer to Local Football Facilities Plan and Leisure Strategy "/>
    <s v="Contributions towards (1.25sqm) changing room to be provided at each sport venue"/>
    <x v="1"/>
    <x v="16"/>
    <x v="2"/>
    <x v="17"/>
    <x v="12"/>
    <s v="N/A"/>
    <s v="N/A"/>
    <n v="256055"/>
    <n v="256055"/>
    <s v="S106/CIL"/>
    <s v="Important"/>
    <m/>
    <m/>
    <m/>
    <m/>
    <s v="Yes"/>
    <m/>
    <m/>
    <m/>
    <m/>
    <m/>
    <m/>
    <m/>
    <m/>
    <m/>
    <m/>
    <m/>
    <m/>
    <m/>
    <m/>
    <m/>
    <m/>
    <m/>
    <m/>
    <m/>
    <m/>
    <m/>
    <m/>
    <m/>
    <m/>
    <m/>
    <m/>
    <n v="300"/>
    <n v="853.51666666666665"/>
    <s v=""/>
    <s v=""/>
    <s v=""/>
    <s v=""/>
    <n v="256055"/>
    <s v=""/>
    <s v=""/>
    <s v=""/>
    <s v=""/>
    <s v=""/>
    <s v=""/>
    <s v=""/>
    <s v=""/>
    <s v=""/>
    <s v=""/>
    <s v=""/>
    <s v=""/>
    <s v=""/>
    <s v=""/>
    <s v=""/>
    <s v=""/>
    <s v=""/>
    <s v=""/>
    <s v=""/>
    <s v=""/>
    <s v=""/>
    <s v=""/>
    <s v=""/>
    <s v=""/>
    <s v=""/>
    <s v=""/>
    <m/>
    <s v="Changing room to be provided at each sport venue. "/>
    <s v="Sports England caluclator"/>
  </r>
  <r>
    <n v="155"/>
    <x v="1"/>
    <s v="Sports and Leisure"/>
    <s v="Changing Rooms for NGPs"/>
    <s v="Contributions to new provision and facilities in the Hemel Area. Refer to Local Football Facilities Plan and Leisure Strategy "/>
    <s v="Contributions towards (0.42sqm) changing room to be provided at each sport venue"/>
    <x v="1"/>
    <x v="26"/>
    <x v="2"/>
    <x v="17"/>
    <x v="27"/>
    <s v="N/A"/>
    <s v="N/A"/>
    <n v="85372"/>
    <n v="85372"/>
    <s v="S106/CIL"/>
    <s v="Important"/>
    <m/>
    <m/>
    <m/>
    <m/>
    <m/>
    <m/>
    <s v="Yes"/>
    <m/>
    <m/>
    <m/>
    <m/>
    <m/>
    <m/>
    <m/>
    <m/>
    <m/>
    <m/>
    <m/>
    <m/>
    <m/>
    <m/>
    <m/>
    <m/>
    <m/>
    <m/>
    <m/>
    <m/>
    <m/>
    <m/>
    <m/>
    <m/>
    <n v="100"/>
    <n v="853.72"/>
    <s v=""/>
    <s v=""/>
    <s v=""/>
    <s v=""/>
    <s v=""/>
    <s v=""/>
    <n v="85372"/>
    <s v=""/>
    <s v=""/>
    <s v=""/>
    <s v=""/>
    <s v=""/>
    <s v=""/>
    <s v=""/>
    <s v=""/>
    <s v=""/>
    <s v=""/>
    <s v=""/>
    <s v=""/>
    <s v=""/>
    <s v=""/>
    <s v=""/>
    <s v=""/>
    <s v=""/>
    <s v=""/>
    <s v=""/>
    <s v=""/>
    <s v=""/>
    <s v=""/>
    <s v=""/>
    <s v=""/>
    <m/>
    <s v="Changing room to be provided at each sport venue. "/>
    <s v="Sports England caluclator"/>
  </r>
  <r>
    <n v="156"/>
    <x v="1"/>
    <s v="Sports and Leisure"/>
    <s v="Changing Rooms for NGPs"/>
    <s v="Contributions to new provision and facilities in the Hemel Area. Refer to Local Football Facilities Plan and Leisure Strategy "/>
    <s v="Contributions towards (1.63sqm) changing room to be provided at each sport venue"/>
    <x v="1"/>
    <x v="27"/>
    <x v="2"/>
    <x v="17"/>
    <x v="28"/>
    <s v="N/A"/>
    <s v="N/A"/>
    <n v="332829"/>
    <n v="332829"/>
    <s v="S106/CIL"/>
    <s v="Important"/>
    <m/>
    <m/>
    <m/>
    <m/>
    <m/>
    <m/>
    <m/>
    <s v="Yes"/>
    <m/>
    <m/>
    <m/>
    <m/>
    <m/>
    <m/>
    <m/>
    <m/>
    <m/>
    <m/>
    <m/>
    <m/>
    <m/>
    <m/>
    <m/>
    <m/>
    <m/>
    <m/>
    <m/>
    <m/>
    <m/>
    <m/>
    <m/>
    <n v="390"/>
    <n v="853.40769230769229"/>
    <s v=""/>
    <s v=""/>
    <s v=""/>
    <s v=""/>
    <s v=""/>
    <s v=""/>
    <s v=""/>
    <n v="332829"/>
    <s v=""/>
    <s v=""/>
    <s v=""/>
    <s v=""/>
    <s v=""/>
    <s v=""/>
    <s v=""/>
    <s v=""/>
    <s v=""/>
    <s v=""/>
    <s v=""/>
    <s v=""/>
    <s v=""/>
    <s v=""/>
    <s v=""/>
    <s v=""/>
    <s v=""/>
    <s v=""/>
    <s v=""/>
    <s v=""/>
    <s v=""/>
    <s v=""/>
    <s v=""/>
    <m/>
    <s v="Changing room to be provided at each sport venue. "/>
    <s v="Sports England caluclator"/>
  </r>
  <r>
    <n v="157"/>
    <x v="1"/>
    <s v="Sports and Leisure"/>
    <s v="Changing Rooms for NGPs"/>
    <s v="Contributions to new provision and facilities in the Hemel Area. Refer to Local Football Facilities Plan and Leisure Strategy "/>
    <s v="Contributions towards (2.01sqm) changing room to be provided at each sport venue"/>
    <x v="1"/>
    <x v="41"/>
    <x v="2"/>
    <x v="17"/>
    <x v="10"/>
    <s v="N/A"/>
    <s v="N/A"/>
    <n v="409674"/>
    <n v="409674"/>
    <s v="S106/CIL"/>
    <s v="Important"/>
    <m/>
    <m/>
    <m/>
    <m/>
    <m/>
    <m/>
    <s v="Yes"/>
    <m/>
    <m/>
    <m/>
    <m/>
    <m/>
    <m/>
    <m/>
    <m/>
    <m/>
    <m/>
    <m/>
    <m/>
    <m/>
    <m/>
    <m/>
    <m/>
    <m/>
    <m/>
    <m/>
    <m/>
    <m/>
    <m/>
    <m/>
    <m/>
    <n v="100"/>
    <n v="4096.74"/>
    <s v=""/>
    <s v=""/>
    <s v=""/>
    <s v=""/>
    <s v=""/>
    <s v=""/>
    <n v="409674"/>
    <s v=""/>
    <s v=""/>
    <s v=""/>
    <s v=""/>
    <s v=""/>
    <s v=""/>
    <s v=""/>
    <s v=""/>
    <s v=""/>
    <s v=""/>
    <s v=""/>
    <s v=""/>
    <s v=""/>
    <s v=""/>
    <s v=""/>
    <s v=""/>
    <s v=""/>
    <s v=""/>
    <s v=""/>
    <s v=""/>
    <s v=""/>
    <s v=""/>
    <s v=""/>
    <s v=""/>
    <m/>
    <s v="Changing room to be provided at each sport venue. "/>
    <s v="Sports England caluclator"/>
  </r>
  <r>
    <n v="158"/>
    <x v="1"/>
    <s v="Sports and Leisure"/>
    <s v="Changing Rooms for NGPs"/>
    <s v="Contributions to new provision and facilities in the Hemel Area. Refer to Local Football Facilities Plan and Leisure Strategy "/>
    <s v="Contributions towards (2.09sqm) changing room to be provided at each sport venue"/>
    <x v="1"/>
    <x v="17"/>
    <x v="2"/>
    <x v="17"/>
    <x v="13"/>
    <s v="N/A"/>
    <s v="N/A"/>
    <n v="426826.81814821647"/>
    <n v="426826.81814821647"/>
    <s v="S106/CIL"/>
    <s v="Important"/>
    <m/>
    <m/>
    <m/>
    <m/>
    <m/>
    <m/>
    <m/>
    <m/>
    <s v="Yes"/>
    <m/>
    <m/>
    <m/>
    <m/>
    <m/>
    <m/>
    <m/>
    <m/>
    <m/>
    <m/>
    <m/>
    <m/>
    <m/>
    <m/>
    <m/>
    <m/>
    <m/>
    <m/>
    <m/>
    <m/>
    <m/>
    <m/>
    <n v="500"/>
    <n v="853.65363629643298"/>
    <s v=""/>
    <s v=""/>
    <s v=""/>
    <s v=""/>
    <s v=""/>
    <s v=""/>
    <s v=""/>
    <s v=""/>
    <n v="426826.81814821647"/>
    <s v=""/>
    <s v=""/>
    <s v=""/>
    <s v=""/>
    <s v=""/>
    <s v=""/>
    <s v=""/>
    <s v=""/>
    <s v=""/>
    <s v=""/>
    <s v=""/>
    <s v=""/>
    <s v=""/>
    <s v=""/>
    <s v=""/>
    <s v=""/>
    <s v=""/>
    <s v=""/>
    <s v=""/>
    <s v=""/>
    <s v=""/>
    <s v=""/>
    <m/>
    <m/>
    <m/>
  </r>
  <r>
    <n v="159"/>
    <x v="1"/>
    <s v="Sports and Leisure"/>
    <s v="Changing Rooms for NGPs"/>
    <s v="Contributions to new provision and facilities in the Hemel Area. Refer to Local Football Facilities Plan and Leisure Strategy "/>
    <s v="Contributions towards (0.98sqm) changing room to be provided at each sport venue"/>
    <x v="1"/>
    <x v="29"/>
    <x v="2"/>
    <x v="17"/>
    <x v="2"/>
    <s v="N/A"/>
    <s v="N/A"/>
    <n v="199856.77630181715"/>
    <n v="199856.77630181715"/>
    <s v="S106/CIL"/>
    <s v="Important"/>
    <m/>
    <m/>
    <m/>
    <m/>
    <m/>
    <m/>
    <m/>
    <m/>
    <m/>
    <m/>
    <m/>
    <m/>
    <s v="Yes"/>
    <m/>
    <m/>
    <m/>
    <m/>
    <m/>
    <m/>
    <m/>
    <m/>
    <m/>
    <m/>
    <m/>
    <m/>
    <m/>
    <m/>
    <m/>
    <m/>
    <m/>
    <m/>
    <n v="234"/>
    <n v="854.08878761460323"/>
    <s v=""/>
    <s v=""/>
    <s v=""/>
    <s v=""/>
    <s v=""/>
    <s v=""/>
    <s v=""/>
    <s v=""/>
    <s v=""/>
    <s v=""/>
    <s v=""/>
    <s v=""/>
    <n v="199856.77630181715"/>
    <s v=""/>
    <s v=""/>
    <s v=""/>
    <s v=""/>
    <s v=""/>
    <s v=""/>
    <s v=""/>
    <s v=""/>
    <s v=""/>
    <s v=""/>
    <s v=""/>
    <s v=""/>
    <s v=""/>
    <s v=""/>
    <s v=""/>
    <s v=""/>
    <s v=""/>
    <s v=""/>
    <m/>
    <m/>
    <m/>
  </r>
  <r>
    <n v="160"/>
    <x v="1"/>
    <s v="Sports and Leisure"/>
    <s v="Changing Rooms for NGPs"/>
    <s v="Contributions to new provision and facilities in the Hemel Area. Refer to Local Football Facilities Plan and Leisure Strategy "/>
    <s v="Contributions towards (2.09sqm) changing room to be provided at each sport venue"/>
    <x v="1"/>
    <x v="3"/>
    <x v="1"/>
    <x v="17"/>
    <x v="5"/>
    <s v="N/A"/>
    <s v="N/A"/>
    <n v="426826.81814821647"/>
    <n v="426826.81814821647"/>
    <s v="S106/CIL"/>
    <s v="Important"/>
    <m/>
    <m/>
    <m/>
    <m/>
    <m/>
    <m/>
    <m/>
    <m/>
    <m/>
    <s v="Yes"/>
    <m/>
    <m/>
    <m/>
    <m/>
    <m/>
    <m/>
    <m/>
    <m/>
    <m/>
    <m/>
    <m/>
    <m/>
    <m/>
    <m/>
    <m/>
    <m/>
    <m/>
    <m/>
    <m/>
    <m/>
    <m/>
    <n v="500"/>
    <n v="853.65363629643298"/>
    <s v=""/>
    <s v=""/>
    <s v=""/>
    <s v=""/>
    <s v=""/>
    <s v=""/>
    <s v=""/>
    <s v=""/>
    <s v=""/>
    <n v="426826.81814821647"/>
    <s v=""/>
    <s v=""/>
    <s v=""/>
    <s v=""/>
    <s v=""/>
    <s v=""/>
    <s v=""/>
    <s v=""/>
    <s v=""/>
    <s v=""/>
    <s v=""/>
    <s v=""/>
    <s v=""/>
    <s v=""/>
    <s v=""/>
    <s v=""/>
    <s v=""/>
    <s v=""/>
    <s v=""/>
    <s v=""/>
    <s v=""/>
    <m/>
    <m/>
    <m/>
  </r>
  <r>
    <n v="161"/>
    <x v="1"/>
    <s v="Sports and Leisure"/>
    <s v="Changing Rooms for NGPs"/>
    <s v="Contributions to new provision and facilities in the Hemel Area. Refer to Local Football Facilities Plan and Leisure Strategy "/>
    <s v="Contributions towards (3.14qm) changing room to be provided at each sport venue"/>
    <x v="1"/>
    <x v="7"/>
    <x v="1"/>
    <x v="17"/>
    <x v="29"/>
    <s v="N/A"/>
    <s v="N/A"/>
    <n v="640051.01031426154"/>
    <n v="640051.01031426154"/>
    <s v="S106/CIL"/>
    <s v="Important"/>
    <m/>
    <m/>
    <m/>
    <m/>
    <m/>
    <m/>
    <m/>
    <m/>
    <m/>
    <m/>
    <s v="Yes"/>
    <m/>
    <m/>
    <m/>
    <m/>
    <m/>
    <m/>
    <m/>
    <m/>
    <m/>
    <m/>
    <m/>
    <m/>
    <m/>
    <m/>
    <m/>
    <m/>
    <m/>
    <m/>
    <m/>
    <m/>
    <n v="750"/>
    <n v="853.401347085682"/>
    <s v=""/>
    <s v=""/>
    <s v=""/>
    <s v=""/>
    <s v=""/>
    <s v=""/>
    <s v=""/>
    <s v=""/>
    <s v=""/>
    <s v=""/>
    <n v="640051.01031426154"/>
    <s v=""/>
    <s v=""/>
    <s v=""/>
    <s v=""/>
    <s v=""/>
    <s v=""/>
    <s v=""/>
    <s v=""/>
    <s v=""/>
    <s v=""/>
    <s v=""/>
    <s v=""/>
    <s v=""/>
    <s v=""/>
    <s v=""/>
    <s v=""/>
    <s v=""/>
    <s v=""/>
    <s v=""/>
    <s v=""/>
    <m/>
    <m/>
    <m/>
  </r>
  <r>
    <n v="162"/>
    <x v="1"/>
    <s v="Sports and Leisure"/>
    <s v="Changing Rooms for NGPs"/>
    <s v="Contributions to new provision and facilities in the Hemel Area. Refer to Local Football Facilities Plan and Leisure Strategy "/>
    <s v="Contributions towards (1.46sqm) changing room to be provided at each sport venue"/>
    <x v="1"/>
    <x v="9"/>
    <x v="2"/>
    <x v="17"/>
    <x v="10"/>
    <s v="N/A"/>
    <s v="N/A"/>
    <n v="298742.61216643895"/>
    <n v="298742.61216643895"/>
    <s v="S106/CIL"/>
    <s v="Important"/>
    <m/>
    <m/>
    <m/>
    <m/>
    <m/>
    <m/>
    <m/>
    <m/>
    <m/>
    <m/>
    <m/>
    <m/>
    <m/>
    <s v="Yes"/>
    <m/>
    <m/>
    <m/>
    <m/>
    <m/>
    <m/>
    <m/>
    <m/>
    <m/>
    <m/>
    <m/>
    <m/>
    <m/>
    <m/>
    <m/>
    <m/>
    <m/>
    <n v="350"/>
    <n v="853.55032047553982"/>
    <s v=""/>
    <s v=""/>
    <s v=""/>
    <s v=""/>
    <s v=""/>
    <s v=""/>
    <s v=""/>
    <s v=""/>
    <s v=""/>
    <s v=""/>
    <s v=""/>
    <s v=""/>
    <s v=""/>
    <n v="298742.61216643895"/>
    <s v=""/>
    <s v=""/>
    <s v=""/>
    <s v=""/>
    <s v=""/>
    <s v=""/>
    <s v=""/>
    <s v=""/>
    <s v=""/>
    <s v=""/>
    <s v=""/>
    <s v=""/>
    <s v=""/>
    <s v=""/>
    <s v=""/>
    <s v=""/>
    <s v=""/>
    <m/>
    <m/>
    <m/>
  </r>
  <r>
    <n v="163"/>
    <x v="1"/>
    <s v="Sports and Leisure"/>
    <s v="Changing Rooms for NGPs"/>
    <s v="Contributions to new provision and facilities in the Hemel Area. Refer to Local Football Facilities Plan and Leisure Strategy "/>
    <s v="Contributions towards (0.38sqm) changing room to be provided at each sport venue"/>
    <x v="1"/>
    <x v="31"/>
    <x v="2"/>
    <x v="17"/>
    <x v="30"/>
    <s v="N/A"/>
    <s v="N/A"/>
    <n v="76869.108639504266"/>
    <n v="76869.108639504266"/>
    <s v="S106/CIL"/>
    <s v="Important"/>
    <m/>
    <m/>
    <m/>
    <m/>
    <m/>
    <m/>
    <m/>
    <m/>
    <m/>
    <m/>
    <m/>
    <m/>
    <m/>
    <m/>
    <s v="Yes"/>
    <m/>
    <m/>
    <m/>
    <m/>
    <m/>
    <m/>
    <m/>
    <m/>
    <m/>
    <m/>
    <m/>
    <m/>
    <m/>
    <m/>
    <m/>
    <m/>
    <n v="90"/>
    <n v="854.10120710560295"/>
    <s v=""/>
    <s v=""/>
    <s v=""/>
    <s v=""/>
    <s v=""/>
    <s v=""/>
    <s v=""/>
    <s v=""/>
    <s v=""/>
    <s v=""/>
    <s v=""/>
    <s v=""/>
    <s v=""/>
    <s v=""/>
    <n v="76869.108639504266"/>
    <s v=""/>
    <s v=""/>
    <s v=""/>
    <s v=""/>
    <s v=""/>
    <s v=""/>
    <s v=""/>
    <s v=""/>
    <s v=""/>
    <s v=""/>
    <s v=""/>
    <s v=""/>
    <s v=""/>
    <s v=""/>
    <s v=""/>
    <s v=""/>
    <m/>
    <m/>
    <m/>
  </r>
  <r>
    <n v="164"/>
    <x v="1"/>
    <s v="Sports and Leisure"/>
    <s v="Changing Rooms for NGPs"/>
    <s v="Contributions to new provision and facilities in the Hemel Area. Refer to Local Football Facilities Plan and Leisure Strategy "/>
    <s v="Contributions towards (0.33sqm) changing room to be provided at each sport venue"/>
    <x v="1"/>
    <x v="32"/>
    <x v="2"/>
    <x v="17"/>
    <x v="26"/>
    <s v="N/A"/>
    <s v="N/A"/>
    <n v="68287.96094557266"/>
    <n v="68287.96094557266"/>
    <s v="S106/CIL"/>
    <s v="Important"/>
    <m/>
    <m/>
    <m/>
    <m/>
    <m/>
    <m/>
    <m/>
    <m/>
    <m/>
    <m/>
    <m/>
    <m/>
    <m/>
    <m/>
    <m/>
    <s v="Yes"/>
    <m/>
    <m/>
    <m/>
    <m/>
    <m/>
    <m/>
    <m/>
    <m/>
    <m/>
    <m/>
    <m/>
    <m/>
    <m/>
    <m/>
    <m/>
    <n v="80"/>
    <n v="853.59951181965823"/>
    <s v=""/>
    <s v=""/>
    <s v=""/>
    <s v=""/>
    <s v=""/>
    <s v=""/>
    <s v=""/>
    <s v=""/>
    <s v=""/>
    <s v=""/>
    <s v=""/>
    <s v=""/>
    <s v=""/>
    <s v=""/>
    <s v=""/>
    <n v="68287.96094557266"/>
    <s v=""/>
    <s v=""/>
    <s v=""/>
    <s v=""/>
    <s v=""/>
    <s v=""/>
    <s v=""/>
    <s v=""/>
    <s v=""/>
    <s v=""/>
    <s v=""/>
    <s v=""/>
    <s v=""/>
    <s v=""/>
    <s v=""/>
    <m/>
    <m/>
    <m/>
  </r>
  <r>
    <n v="165"/>
    <x v="1"/>
    <s v="Sports and Leisure"/>
    <s v="Changing Rooms for NGPs"/>
    <s v="Contributions to new provision and facilities in the Hemel Area. Refer to Local Football Facilities Plan and Leisure Strategy "/>
    <s v="Contributions towards (0.84sqm) changing room to be provided at each sport venue"/>
    <x v="1"/>
    <x v="33"/>
    <x v="2"/>
    <x v="17"/>
    <x v="31"/>
    <s v="N/A"/>
    <s v="N/A"/>
    <n v="170699.15265480435"/>
    <n v="170699.15265480435"/>
    <s v="S106/CIL"/>
    <s v="Important"/>
    <m/>
    <m/>
    <m/>
    <m/>
    <m/>
    <m/>
    <m/>
    <m/>
    <m/>
    <m/>
    <m/>
    <s v="Yes"/>
    <m/>
    <m/>
    <m/>
    <m/>
    <m/>
    <m/>
    <m/>
    <m/>
    <m/>
    <m/>
    <m/>
    <m/>
    <m/>
    <m/>
    <m/>
    <m/>
    <m/>
    <m/>
    <m/>
    <n v="200"/>
    <n v="853.49576327402178"/>
    <s v=""/>
    <s v=""/>
    <s v=""/>
    <s v=""/>
    <s v=""/>
    <s v=""/>
    <s v=""/>
    <s v=""/>
    <s v=""/>
    <s v=""/>
    <s v=""/>
    <n v="170699.15265480435"/>
    <s v=""/>
    <s v=""/>
    <s v=""/>
    <s v=""/>
    <s v=""/>
    <s v=""/>
    <s v=""/>
    <s v=""/>
    <s v=""/>
    <s v=""/>
    <s v=""/>
    <s v=""/>
    <s v=""/>
    <s v=""/>
    <s v=""/>
    <s v=""/>
    <s v=""/>
    <s v=""/>
    <s v=""/>
    <m/>
    <m/>
    <m/>
  </r>
  <r>
    <n v="166"/>
    <x v="1"/>
    <s v="Sports and Leisure"/>
    <s v="Artificial Grass Pitches (AGP)"/>
    <s v="Provision of new Artifical Grass Pitches (AGP)"/>
    <s v="Contributions towards 0.07sqm of new AGPs across the borough"/>
    <x v="11"/>
    <x v="4"/>
    <x v="2"/>
    <x v="17"/>
    <x v="15"/>
    <s v="N/A"/>
    <s v="N/A"/>
    <n v="77984"/>
    <n v="77984"/>
    <s v="S106/CIL"/>
    <s v="Important"/>
    <s v="Yes"/>
    <m/>
    <m/>
    <m/>
    <m/>
    <m/>
    <m/>
    <m/>
    <m/>
    <m/>
    <m/>
    <m/>
    <m/>
    <m/>
    <m/>
    <m/>
    <m/>
    <m/>
    <m/>
    <m/>
    <m/>
    <m/>
    <m/>
    <m/>
    <m/>
    <m/>
    <m/>
    <m/>
    <m/>
    <m/>
    <m/>
    <n v="1500"/>
    <n v="51.989333333333335"/>
    <n v="77984"/>
    <s v=""/>
    <s v=""/>
    <s v=""/>
    <s v=""/>
    <s v=""/>
    <s v=""/>
    <s v=""/>
    <s v=""/>
    <s v=""/>
    <s v=""/>
    <s v=""/>
    <s v=""/>
    <s v=""/>
    <s v=""/>
    <s v=""/>
    <s v=""/>
    <s v=""/>
    <s v=""/>
    <s v=""/>
    <s v=""/>
    <s v=""/>
    <s v=""/>
    <s v=""/>
    <s v=""/>
    <s v=""/>
    <s v=""/>
    <s v=""/>
    <s v=""/>
    <s v=""/>
    <s v=""/>
    <m/>
    <s v="Refer to the Local Football Facilities Plan and Laeisure Strategy"/>
    <s v="Sports England caluclator"/>
  </r>
  <r>
    <n v="167"/>
    <x v="1"/>
    <s v="Sports and Leisure"/>
    <s v="Artificial Grass Pitches (AGP)"/>
    <s v="Provision of new Artifical Grass Pitches (AGP) in the Tring Area"/>
    <s v="Contribution of AGP at other site (0.05sqm)"/>
    <x v="3"/>
    <x v="6"/>
    <x v="2"/>
    <x v="17"/>
    <x v="21"/>
    <s v="N/A"/>
    <s v="N/A"/>
    <n v="58062"/>
    <n v="58062"/>
    <s v="S106/CIL"/>
    <s v="Important"/>
    <m/>
    <m/>
    <m/>
    <m/>
    <m/>
    <m/>
    <m/>
    <m/>
    <m/>
    <m/>
    <m/>
    <m/>
    <m/>
    <m/>
    <m/>
    <m/>
    <m/>
    <m/>
    <m/>
    <m/>
    <m/>
    <s v="Yes"/>
    <m/>
    <m/>
    <m/>
    <m/>
    <m/>
    <m/>
    <m/>
    <m/>
    <m/>
    <n v="250"/>
    <n v="232.24799999999999"/>
    <s v=""/>
    <s v=""/>
    <s v=""/>
    <s v=""/>
    <s v=""/>
    <s v=""/>
    <s v=""/>
    <s v=""/>
    <s v=""/>
    <s v=""/>
    <s v=""/>
    <s v=""/>
    <s v=""/>
    <s v=""/>
    <s v=""/>
    <s v=""/>
    <s v=""/>
    <s v=""/>
    <s v=""/>
    <s v=""/>
    <s v=""/>
    <n v="58062"/>
    <s v=""/>
    <s v=""/>
    <s v=""/>
    <s v=""/>
    <s v=""/>
    <s v=""/>
    <s v=""/>
    <s v=""/>
    <s v=""/>
    <m/>
    <s v="Provision of new facilities in the Tring Area. Refer to Local Football Facilities Plan and Leisure Strategy "/>
    <s v="Sports England caluclator"/>
  </r>
  <r>
    <n v="168"/>
    <x v="1"/>
    <s v="Sports and Leisure"/>
    <s v="Artificial Grass Pitches (AGP)"/>
    <s v="Provision of new Artifical Grass Pitches (AGP) in the Tring Area"/>
    <s v="Contributions towards (0.08sqm) 1 AGP"/>
    <x v="3"/>
    <x v="21"/>
    <x v="2"/>
    <x v="17"/>
    <x v="4"/>
    <s v="N/A"/>
    <s v="N/A"/>
    <n v="92882"/>
    <n v="92882"/>
    <s v="S106/CIL"/>
    <s v="Important"/>
    <m/>
    <m/>
    <m/>
    <m/>
    <m/>
    <m/>
    <m/>
    <m/>
    <m/>
    <m/>
    <m/>
    <m/>
    <m/>
    <m/>
    <m/>
    <m/>
    <m/>
    <m/>
    <m/>
    <m/>
    <m/>
    <m/>
    <s v="Yes"/>
    <m/>
    <m/>
    <m/>
    <m/>
    <m/>
    <m/>
    <m/>
    <m/>
    <n v="400"/>
    <n v="232.20500000000001"/>
    <s v=""/>
    <s v=""/>
    <s v=""/>
    <s v=""/>
    <s v=""/>
    <s v=""/>
    <s v=""/>
    <s v=""/>
    <s v=""/>
    <s v=""/>
    <s v=""/>
    <s v=""/>
    <s v=""/>
    <s v=""/>
    <s v=""/>
    <s v=""/>
    <s v=""/>
    <s v=""/>
    <s v=""/>
    <s v=""/>
    <s v=""/>
    <s v=""/>
    <n v="92882"/>
    <s v=""/>
    <s v=""/>
    <s v=""/>
    <s v=""/>
    <s v=""/>
    <s v=""/>
    <s v=""/>
    <s v=""/>
    <m/>
    <s v="Provision of new facilities in the Tring Area. Refer to Local Football Facilities Plan and Leisure Strategy "/>
    <s v="Sports England caluclator"/>
  </r>
  <r>
    <n v="169"/>
    <x v="1"/>
    <s v="Sports and Leisure"/>
    <s v="Artificial Grass Pitches (AGP)"/>
    <s v="Provision of new Artifical Grass Pitches (AGP) in the Tring Area"/>
    <s v="Contributions towards (0.28sqm) 1 AGP"/>
    <x v="3"/>
    <x v="19"/>
    <x v="2"/>
    <x v="17"/>
    <x v="7"/>
    <s v="N/A"/>
    <s v="N/A"/>
    <n v="325102"/>
    <n v="325102"/>
    <s v="S106/CIL"/>
    <s v="Important"/>
    <m/>
    <m/>
    <m/>
    <m/>
    <m/>
    <m/>
    <m/>
    <m/>
    <m/>
    <m/>
    <m/>
    <m/>
    <m/>
    <m/>
    <m/>
    <m/>
    <m/>
    <m/>
    <m/>
    <m/>
    <m/>
    <m/>
    <m/>
    <s v="Yes"/>
    <m/>
    <m/>
    <m/>
    <m/>
    <m/>
    <m/>
    <m/>
    <n v="1400"/>
    <n v="232.21571428571428"/>
    <s v=""/>
    <s v=""/>
    <s v=""/>
    <s v=""/>
    <s v=""/>
    <s v=""/>
    <s v=""/>
    <s v=""/>
    <s v=""/>
    <s v=""/>
    <s v=""/>
    <s v=""/>
    <s v=""/>
    <s v=""/>
    <s v=""/>
    <s v=""/>
    <s v=""/>
    <s v=""/>
    <s v=""/>
    <s v=""/>
    <s v=""/>
    <s v=""/>
    <s v=""/>
    <n v="325102"/>
    <s v=""/>
    <s v=""/>
    <s v=""/>
    <s v=""/>
    <s v=""/>
    <s v=""/>
    <s v=""/>
    <m/>
    <s v="Provision of new facilities in the Tring Area. Refer to Local Football Facilities Plan and Leisure Strategy "/>
    <s v="Sports England caluclator"/>
  </r>
  <r>
    <n v="170"/>
    <x v="1"/>
    <s v="Sports and Leisure"/>
    <s v="Artificial Grass Pitches (AGP)"/>
    <s v="Provision of new Artifical Grass Pitches (AGP) in the Tring Area"/>
    <s v="Contributions towards (0.04sqm) 1 AGP"/>
    <x v="3"/>
    <x v="22"/>
    <x v="2"/>
    <x v="17"/>
    <x v="15"/>
    <s v="N/A"/>
    <s v="N/A"/>
    <n v="46621"/>
    <n v="46621"/>
    <s v="S106/CIL"/>
    <s v="Important"/>
    <m/>
    <m/>
    <m/>
    <m/>
    <m/>
    <m/>
    <m/>
    <m/>
    <m/>
    <m/>
    <m/>
    <m/>
    <m/>
    <m/>
    <m/>
    <m/>
    <m/>
    <m/>
    <m/>
    <m/>
    <m/>
    <m/>
    <m/>
    <m/>
    <s v="Yes"/>
    <m/>
    <m/>
    <m/>
    <m/>
    <m/>
    <m/>
    <n v="201"/>
    <n v="231.94527363184079"/>
    <s v=""/>
    <s v=""/>
    <s v=""/>
    <s v=""/>
    <s v=""/>
    <s v=""/>
    <s v=""/>
    <s v=""/>
    <s v=""/>
    <s v=""/>
    <s v=""/>
    <s v=""/>
    <s v=""/>
    <s v=""/>
    <s v=""/>
    <s v=""/>
    <s v=""/>
    <s v=""/>
    <s v=""/>
    <s v=""/>
    <s v=""/>
    <s v=""/>
    <s v=""/>
    <s v=""/>
    <n v="46621"/>
    <s v=""/>
    <s v=""/>
    <s v=""/>
    <s v=""/>
    <s v=""/>
    <s v=""/>
    <m/>
    <s v="Provision of new facilities in the Tring Area. Refer to Local Football Facilities Plan and Leisure Strategy "/>
    <s v="Sports England caluclator"/>
  </r>
  <r>
    <n v="171"/>
    <x v="1"/>
    <s v="Sports and Leisure"/>
    <s v="Artificial Grass Pitches (AGP)"/>
    <s v="Contributions to new Artifical Grass Pitch (AGP) in the Tring Area"/>
    <s v="(0.16sqm) Contributions to AGP at other site"/>
    <x v="2"/>
    <x v="5"/>
    <x v="2"/>
    <x v="17"/>
    <x v="9"/>
    <s v="N/A"/>
    <s v="N/A"/>
    <n v="179957"/>
    <n v="179957"/>
    <s v="S106/CIL"/>
    <s v="Important"/>
    <m/>
    <m/>
    <m/>
    <m/>
    <m/>
    <m/>
    <m/>
    <m/>
    <m/>
    <m/>
    <m/>
    <m/>
    <m/>
    <m/>
    <m/>
    <m/>
    <m/>
    <s v="Yes"/>
    <m/>
    <m/>
    <m/>
    <m/>
    <m/>
    <m/>
    <m/>
    <m/>
    <m/>
    <m/>
    <m/>
    <m/>
    <m/>
    <n v="775"/>
    <n v="232.20258064516128"/>
    <s v=""/>
    <s v=""/>
    <s v=""/>
    <s v=""/>
    <s v=""/>
    <s v=""/>
    <s v=""/>
    <s v=""/>
    <s v=""/>
    <s v=""/>
    <s v=""/>
    <s v=""/>
    <s v=""/>
    <s v=""/>
    <s v=""/>
    <s v=""/>
    <s v=""/>
    <n v="179957"/>
    <s v=""/>
    <s v=""/>
    <s v=""/>
    <s v=""/>
    <s v=""/>
    <s v=""/>
    <s v=""/>
    <s v=""/>
    <s v=""/>
    <s v=""/>
    <s v=""/>
    <s v=""/>
    <s v=""/>
    <m/>
    <s v="Provision of new facilities in the Tring Area. Refer to Local Football Facilities Plan and Leisure Strategy "/>
    <s v="Sports England caluclator"/>
  </r>
  <r>
    <n v="172"/>
    <x v="1"/>
    <s v="Sports and Leisure"/>
    <s v="Artificial Grass Pitches (AGP)"/>
    <s v="Provision of new Artifical Grass Pitches (AGP) in the Berkhamsted Area"/>
    <s v="Contributions towards (0.02sqm) 1 AGP"/>
    <x v="2"/>
    <x v="37"/>
    <x v="2"/>
    <x v="17"/>
    <x v="32"/>
    <s v="N/A"/>
    <s v="N/A"/>
    <n v="23224"/>
    <n v="23224"/>
    <s v="S106/CIL"/>
    <s v="Important"/>
    <m/>
    <m/>
    <m/>
    <m/>
    <m/>
    <m/>
    <m/>
    <m/>
    <m/>
    <m/>
    <m/>
    <m/>
    <m/>
    <m/>
    <m/>
    <m/>
    <m/>
    <m/>
    <m/>
    <s v="Yes"/>
    <m/>
    <m/>
    <m/>
    <m/>
    <m/>
    <m/>
    <m/>
    <m/>
    <m/>
    <m/>
    <m/>
    <n v="100"/>
    <n v="232.24"/>
    <s v=""/>
    <s v=""/>
    <s v=""/>
    <s v=""/>
    <s v=""/>
    <s v=""/>
    <s v=""/>
    <s v=""/>
    <s v=""/>
    <s v=""/>
    <s v=""/>
    <s v=""/>
    <s v=""/>
    <s v=""/>
    <s v=""/>
    <s v=""/>
    <s v=""/>
    <s v=""/>
    <s v=""/>
    <n v="23224"/>
    <s v=""/>
    <s v=""/>
    <s v=""/>
    <s v=""/>
    <s v=""/>
    <s v=""/>
    <s v=""/>
    <s v=""/>
    <s v=""/>
    <s v=""/>
    <s v=""/>
    <m/>
    <s v="Provision of new facilities in the Tring Area. Refer to Local Football Facilities Plan and Leisure Strategy "/>
    <s v="Sports England caluclator"/>
  </r>
  <r>
    <n v="173"/>
    <x v="1"/>
    <s v="Sports and Leisure"/>
    <s v="Artificial Grass Pitches (AGP)"/>
    <s v="Provision of new Artifical Grass Pitches (AGP) in the Berkhamsted Area"/>
    <s v="Contributions towards (0.02sqm) 1 AGP"/>
    <x v="2"/>
    <x v="38"/>
    <x v="1"/>
    <x v="17"/>
    <x v="24"/>
    <s v="N/A"/>
    <s v="N/A"/>
    <n v="23224"/>
    <n v="23224"/>
    <s v="S106/CIL"/>
    <s v="Important"/>
    <m/>
    <m/>
    <m/>
    <m/>
    <m/>
    <m/>
    <m/>
    <m/>
    <m/>
    <m/>
    <m/>
    <m/>
    <m/>
    <m/>
    <m/>
    <m/>
    <m/>
    <m/>
    <s v="Yes"/>
    <m/>
    <m/>
    <m/>
    <m/>
    <m/>
    <m/>
    <m/>
    <m/>
    <m/>
    <m/>
    <m/>
    <m/>
    <n v="100"/>
    <n v="232.24"/>
    <s v=""/>
    <s v=""/>
    <s v=""/>
    <s v=""/>
    <s v=""/>
    <s v=""/>
    <s v=""/>
    <s v=""/>
    <s v=""/>
    <s v=""/>
    <s v=""/>
    <s v=""/>
    <s v=""/>
    <s v=""/>
    <s v=""/>
    <s v=""/>
    <s v=""/>
    <s v=""/>
    <n v="23224"/>
    <s v=""/>
    <s v=""/>
    <s v=""/>
    <s v=""/>
    <s v=""/>
    <s v=""/>
    <s v=""/>
    <s v=""/>
    <s v=""/>
    <s v=""/>
    <s v=""/>
    <s v=""/>
    <m/>
    <s v="Provision of new facilities in the Tring Area. Refer to Local Football Facilities Plan and Leisure Strategy "/>
    <s v="Sports England caluclator"/>
  </r>
  <r>
    <n v="174"/>
    <x v="1"/>
    <s v="Sports and Leisure"/>
    <s v="Artificial Grass Pitches (AGP)"/>
    <s v="Provision of new Artifical Grass Pitches (AGP) in the Berkhamsted Area"/>
    <s v="Contributions towards (0.06sqm) 1 AGP"/>
    <x v="2"/>
    <x v="22"/>
    <x v="2"/>
    <x v="17"/>
    <x v="15"/>
    <s v="N/A"/>
    <s v="N/A"/>
    <n v="70145.740000000005"/>
    <n v="70145.740000000005"/>
    <s v="S106/CIL"/>
    <s v="Important"/>
    <m/>
    <m/>
    <m/>
    <m/>
    <m/>
    <m/>
    <m/>
    <m/>
    <m/>
    <m/>
    <m/>
    <m/>
    <m/>
    <m/>
    <m/>
    <m/>
    <m/>
    <m/>
    <m/>
    <m/>
    <s v="Yes"/>
    <m/>
    <m/>
    <m/>
    <m/>
    <m/>
    <m/>
    <m/>
    <m/>
    <m/>
    <m/>
    <n v="302"/>
    <n v="232.27066225165564"/>
    <s v=""/>
    <s v=""/>
    <s v=""/>
    <s v=""/>
    <s v=""/>
    <s v=""/>
    <s v=""/>
    <s v=""/>
    <s v=""/>
    <s v=""/>
    <s v=""/>
    <s v=""/>
    <s v=""/>
    <s v=""/>
    <s v=""/>
    <s v=""/>
    <s v=""/>
    <s v=""/>
    <s v=""/>
    <s v=""/>
    <n v="70145.740000000005"/>
    <s v=""/>
    <s v=""/>
    <s v=""/>
    <s v=""/>
    <s v=""/>
    <s v=""/>
    <s v=""/>
    <s v=""/>
    <s v=""/>
    <s v=""/>
    <m/>
    <s v="Provision of new facilities in the Tring Area. Refer to Local Football Facilities Plan and Leisure Strategy "/>
    <s v="Sports England caluclator"/>
  </r>
  <r>
    <n v="175"/>
    <x v="1"/>
    <s v="Sports and Leisure"/>
    <s v="Artificial Grass Pitches (AGP)"/>
    <s v="Contributions to new provision and facilities in the Southern Area. Refer to Local Football Facilities Plan and Leisure Strategy "/>
    <s v="Contributions towards (0.01sqm) AGP. Refer to the Local Football Facilities Plan and Leisure Strategy."/>
    <x v="4"/>
    <x v="22"/>
    <x v="2"/>
    <x v="17"/>
    <x v="15"/>
    <s v="N/A"/>
    <s v="N/A"/>
    <n v="7168"/>
    <n v="7168"/>
    <s v="S106/CIL"/>
    <s v="Important"/>
    <m/>
    <m/>
    <m/>
    <m/>
    <m/>
    <m/>
    <m/>
    <m/>
    <m/>
    <m/>
    <m/>
    <m/>
    <m/>
    <m/>
    <m/>
    <m/>
    <m/>
    <m/>
    <m/>
    <m/>
    <m/>
    <m/>
    <m/>
    <m/>
    <m/>
    <m/>
    <s v="Yes"/>
    <m/>
    <m/>
    <m/>
    <m/>
    <n v="31"/>
    <n v="231.2258064516129"/>
    <s v=""/>
    <s v=""/>
    <s v=""/>
    <s v=""/>
    <s v=""/>
    <s v=""/>
    <s v=""/>
    <s v=""/>
    <s v=""/>
    <s v=""/>
    <s v=""/>
    <s v=""/>
    <s v=""/>
    <s v=""/>
    <s v=""/>
    <s v=""/>
    <s v=""/>
    <s v=""/>
    <s v=""/>
    <s v=""/>
    <s v=""/>
    <s v=""/>
    <s v=""/>
    <s v=""/>
    <s v=""/>
    <s v=""/>
    <n v="7168"/>
    <s v=""/>
    <s v=""/>
    <s v=""/>
    <s v=""/>
    <m/>
    <s v="Provision of new facilities in the Tring Area. Refer to Local Football Facilities Plan and Leisure Strategy "/>
    <s v="Sports England caluclator"/>
  </r>
  <r>
    <n v="176"/>
    <x v="1"/>
    <s v="Sports and Leisure"/>
    <s v="Artificial Grass Pitches (AGP)"/>
    <s v="Contributions to new provision and facilities in the Southern Area. Refer to Local Football Facilities Plan and Leisure Strategy "/>
    <s v="Contributions towards (0.04sqm) AGP. Refer to the Local Football Facilities Plan and Leisure Strategy."/>
    <x v="4"/>
    <x v="12"/>
    <x v="2"/>
    <x v="17"/>
    <x v="2"/>
    <s v="N/A"/>
    <s v="N/A"/>
    <n v="50411"/>
    <n v="50411"/>
    <s v="S106/CIL"/>
    <s v="Important"/>
    <m/>
    <m/>
    <m/>
    <m/>
    <m/>
    <m/>
    <m/>
    <m/>
    <m/>
    <m/>
    <m/>
    <m/>
    <m/>
    <m/>
    <m/>
    <m/>
    <m/>
    <m/>
    <m/>
    <m/>
    <m/>
    <m/>
    <m/>
    <m/>
    <m/>
    <s v="Yes"/>
    <m/>
    <m/>
    <m/>
    <m/>
    <m/>
    <n v="217"/>
    <n v="232.30875576036865"/>
    <s v=""/>
    <s v=""/>
    <s v=""/>
    <s v=""/>
    <s v=""/>
    <s v=""/>
    <s v=""/>
    <s v=""/>
    <s v=""/>
    <s v=""/>
    <s v=""/>
    <s v=""/>
    <s v=""/>
    <s v=""/>
    <s v=""/>
    <s v=""/>
    <s v=""/>
    <s v=""/>
    <s v=""/>
    <s v=""/>
    <s v=""/>
    <s v=""/>
    <s v=""/>
    <s v=""/>
    <s v=""/>
    <n v="50411"/>
    <s v=""/>
    <s v=""/>
    <s v=""/>
    <s v=""/>
    <s v=""/>
    <m/>
    <s v="Provision of new facilities in the Tring Area. Refer to Local Football Facilities Plan and Leisure Strategy "/>
    <s v="Sports England caluclator"/>
  </r>
  <r>
    <n v="177"/>
    <x v="1"/>
    <s v="Sports and Leisure"/>
    <s v="Artificial Grass Pitches (AGP)"/>
    <s v="Contributions to new provision and facilities in the Southern Area. Refer to Local Football Facilities Plan and Leisure Strategy "/>
    <s v="Contributions towards (0.01sqm) AGP. Refer to the Local Football Facilities Plan and Leisure Strategy."/>
    <x v="13"/>
    <x v="22"/>
    <x v="2"/>
    <x v="17"/>
    <x v="15"/>
    <s v="N/A"/>
    <s v="N/A"/>
    <n v="5482"/>
    <n v="5482"/>
    <s v="S106/CIL"/>
    <s v="Important"/>
    <m/>
    <m/>
    <m/>
    <m/>
    <m/>
    <m/>
    <m/>
    <m/>
    <m/>
    <m/>
    <m/>
    <m/>
    <m/>
    <m/>
    <m/>
    <m/>
    <m/>
    <m/>
    <m/>
    <m/>
    <m/>
    <m/>
    <m/>
    <m/>
    <m/>
    <m/>
    <m/>
    <s v="Yes"/>
    <m/>
    <m/>
    <m/>
    <n v="67"/>
    <n v="81.820895522388057"/>
    <s v=""/>
    <s v=""/>
    <s v=""/>
    <s v=""/>
    <s v=""/>
    <s v=""/>
    <s v=""/>
    <s v=""/>
    <s v=""/>
    <s v=""/>
    <s v=""/>
    <s v=""/>
    <s v=""/>
    <s v=""/>
    <s v=""/>
    <s v=""/>
    <s v=""/>
    <s v=""/>
    <s v=""/>
    <s v=""/>
    <s v=""/>
    <s v=""/>
    <s v=""/>
    <s v=""/>
    <s v=""/>
    <s v=""/>
    <s v=""/>
    <n v="5482"/>
    <s v=""/>
    <s v=""/>
    <s v=""/>
    <m/>
    <s v="Provision of new facilities in the Tring Area. Refer to Local Football Facilities Plan and Leisure Strategy "/>
    <s v="Sports England caluclator"/>
  </r>
  <r>
    <n v="178"/>
    <x v="1"/>
    <s v="Sports and Leisure"/>
    <s v="Artificial Grass Pitches (AGP)"/>
    <s v="Contributions to new provision and facilities in the borough. Refer to Local Football Facilities Plan and Leisure Strategy "/>
    <s v="Contributions towards (0.01sqm) AGP. Refer to the Local Football Facilities Plan and Leisure Strategy."/>
    <x v="5"/>
    <x v="35"/>
    <x v="2"/>
    <x v="17"/>
    <x v="15"/>
    <s v="N/A"/>
    <s v="N/A"/>
    <n v="7168"/>
    <n v="7168"/>
    <s v="S106/CIL"/>
    <s v="Important"/>
    <m/>
    <m/>
    <m/>
    <m/>
    <m/>
    <m/>
    <m/>
    <m/>
    <m/>
    <m/>
    <m/>
    <m/>
    <m/>
    <m/>
    <m/>
    <m/>
    <m/>
    <m/>
    <m/>
    <m/>
    <m/>
    <m/>
    <m/>
    <m/>
    <m/>
    <m/>
    <m/>
    <m/>
    <m/>
    <s v="Yes"/>
    <m/>
    <n v="31"/>
    <n v="231.2258064516129"/>
    <s v=""/>
    <s v=""/>
    <s v=""/>
    <s v=""/>
    <s v=""/>
    <s v=""/>
    <s v=""/>
    <s v=""/>
    <s v=""/>
    <s v=""/>
    <s v=""/>
    <s v=""/>
    <s v=""/>
    <s v=""/>
    <s v=""/>
    <s v=""/>
    <s v=""/>
    <s v=""/>
    <s v=""/>
    <s v=""/>
    <s v=""/>
    <s v=""/>
    <s v=""/>
    <s v=""/>
    <s v=""/>
    <s v=""/>
    <s v=""/>
    <s v=""/>
    <s v=""/>
    <n v="7168"/>
    <s v=""/>
    <m/>
    <s v="Provision of new facilities in the Tring Area. Refer to Local Football Facilities Plan and Leisure Strategy "/>
    <s v="Sports England caluclator"/>
  </r>
  <r>
    <n v="179"/>
    <x v="1"/>
    <s v="Sports and Leisure"/>
    <s v="Artificial Grass Pitches (AGP)"/>
    <s v="Contributions to new provision and facilities in the borough. Refer to Local Football Facilities Plan and Leisure Strategy "/>
    <s v="Contributions towards (0.03sqm) AGP. Refer to the Local Football Facilities Plan and Leisure Strategy."/>
    <x v="5"/>
    <x v="40"/>
    <x v="2"/>
    <x v="17"/>
    <x v="4"/>
    <s v="N/A"/>
    <s v="N/A"/>
    <n v="34838"/>
    <n v="34838"/>
    <s v="S106/CIL"/>
    <s v="Important"/>
    <m/>
    <m/>
    <m/>
    <m/>
    <m/>
    <m/>
    <m/>
    <m/>
    <m/>
    <m/>
    <m/>
    <m/>
    <m/>
    <m/>
    <m/>
    <m/>
    <m/>
    <m/>
    <m/>
    <m/>
    <m/>
    <m/>
    <m/>
    <m/>
    <m/>
    <m/>
    <m/>
    <m/>
    <s v="Yes"/>
    <m/>
    <m/>
    <n v="150"/>
    <n v="232.25333333333333"/>
    <s v=""/>
    <s v=""/>
    <s v=""/>
    <s v=""/>
    <s v=""/>
    <s v=""/>
    <s v=""/>
    <s v=""/>
    <s v=""/>
    <s v=""/>
    <s v=""/>
    <s v=""/>
    <s v=""/>
    <s v=""/>
    <s v=""/>
    <s v=""/>
    <s v=""/>
    <s v=""/>
    <s v=""/>
    <s v=""/>
    <s v=""/>
    <s v=""/>
    <s v=""/>
    <s v=""/>
    <s v=""/>
    <s v=""/>
    <s v=""/>
    <s v=""/>
    <n v="34838"/>
    <s v=""/>
    <s v=""/>
    <m/>
    <s v="Provision of new facilities in the Tring Area. Refer to Local Football Facilities Plan and Leisure Strategy "/>
    <s v="Sports England caluclator"/>
  </r>
  <r>
    <n v="180"/>
    <x v="1"/>
    <s v="Sports and Leisure"/>
    <s v="Artificial Grass Pitches (AGP)"/>
    <s v="Contributions to new provision and facilities in the Hemel Area. Refer to Local Football Facilities Plan and Leisure Strategy "/>
    <s v="Contributions towards (0.48sqm) 2 AGPs"/>
    <x v="1"/>
    <x v="35"/>
    <x v="2"/>
    <x v="17"/>
    <x v="15"/>
    <s v="N/A"/>
    <s v="N/A"/>
    <n v="553819"/>
    <n v="553819"/>
    <s v="S106/CIL"/>
    <s v="Important"/>
    <m/>
    <m/>
    <m/>
    <m/>
    <m/>
    <m/>
    <m/>
    <m/>
    <m/>
    <m/>
    <m/>
    <m/>
    <m/>
    <m/>
    <m/>
    <m/>
    <s v="Yes"/>
    <m/>
    <m/>
    <m/>
    <m/>
    <m/>
    <m/>
    <m/>
    <m/>
    <m/>
    <m/>
    <m/>
    <m/>
    <m/>
    <m/>
    <n v="2385"/>
    <n v="232.20922431865827"/>
    <s v=""/>
    <s v=""/>
    <s v=""/>
    <s v=""/>
    <s v=""/>
    <s v=""/>
    <s v=""/>
    <s v=""/>
    <s v=""/>
    <s v=""/>
    <s v=""/>
    <s v=""/>
    <s v=""/>
    <s v=""/>
    <s v=""/>
    <s v=""/>
    <n v="553819"/>
    <s v=""/>
    <s v=""/>
    <s v=""/>
    <s v=""/>
    <s v=""/>
    <s v=""/>
    <s v=""/>
    <s v=""/>
    <s v=""/>
    <s v=""/>
    <s v=""/>
    <s v=""/>
    <s v=""/>
    <s v=""/>
    <m/>
    <s v="Provision of new facilities in the Tring Area. Refer to Local Football Facilities Plan and Leisure Strategy "/>
    <s v="Sports England caluclator"/>
  </r>
  <r>
    <n v="181"/>
    <x v="1"/>
    <s v="Sports and Leisure"/>
    <s v="Artificial Grass Pitches (AGP)"/>
    <s v="Contributions to new provision and facilities in the Hemel Area. Refer to Local Football Facilities Plan and Leisure Strategy "/>
    <s v="Contributions towards (0.30sqm) 1 AGP"/>
    <x v="1"/>
    <x v="14"/>
    <x v="1"/>
    <x v="17"/>
    <x v="1"/>
    <s v="N/A"/>
    <s v="N/A"/>
    <n v="348318"/>
    <n v="348318"/>
    <s v="S106/CIL"/>
    <s v="Important"/>
    <s v="Yes"/>
    <m/>
    <m/>
    <m/>
    <m/>
    <m/>
    <m/>
    <m/>
    <m/>
    <m/>
    <m/>
    <m/>
    <m/>
    <m/>
    <m/>
    <m/>
    <m/>
    <m/>
    <m/>
    <m/>
    <m/>
    <m/>
    <m/>
    <m/>
    <m/>
    <m/>
    <m/>
    <m/>
    <m/>
    <m/>
    <m/>
    <n v="1500"/>
    <n v="232.21199999999999"/>
    <n v="348318"/>
    <s v=""/>
    <s v=""/>
    <s v=""/>
    <s v=""/>
    <s v=""/>
    <s v=""/>
    <s v=""/>
    <s v=""/>
    <s v=""/>
    <s v=""/>
    <s v=""/>
    <s v=""/>
    <s v=""/>
    <s v=""/>
    <s v=""/>
    <s v=""/>
    <s v=""/>
    <s v=""/>
    <s v=""/>
    <s v=""/>
    <s v=""/>
    <s v=""/>
    <s v=""/>
    <s v=""/>
    <s v=""/>
    <s v=""/>
    <s v=""/>
    <s v=""/>
    <s v=""/>
    <s v=""/>
    <m/>
    <s v="Provision of new facilities in the Tring Area. Refer to Local Football Facilities Plan and Leisure Strategy "/>
    <s v="Sports England caluclator"/>
  </r>
  <r>
    <n v="182"/>
    <x v="1"/>
    <s v="Sports and Leisure"/>
    <s v="Artificial Grass Pitches (AGP)"/>
    <s v="Contributions to new provision and facilities in the Hemel Area. Refer to Local Football Facilities Plan and Leisure Strategy "/>
    <s v="Contributions towards (0.09sqm) 2 AGPs"/>
    <x v="1"/>
    <x v="23"/>
    <x v="2"/>
    <x v="17"/>
    <x v="8"/>
    <s v="N/A"/>
    <s v="N/A"/>
    <n v="104499"/>
    <n v="104499"/>
    <s v="S106/CIL"/>
    <s v="Important"/>
    <m/>
    <m/>
    <s v="Yes"/>
    <m/>
    <m/>
    <m/>
    <m/>
    <m/>
    <m/>
    <m/>
    <m/>
    <m/>
    <m/>
    <m/>
    <m/>
    <m/>
    <m/>
    <m/>
    <m/>
    <m/>
    <m/>
    <m/>
    <m/>
    <m/>
    <m/>
    <m/>
    <m/>
    <m/>
    <m/>
    <m/>
    <m/>
    <n v="450"/>
    <n v="232.22"/>
    <s v=""/>
    <s v=""/>
    <n v="104499"/>
    <s v=""/>
    <s v=""/>
    <s v=""/>
    <s v=""/>
    <s v=""/>
    <s v=""/>
    <s v=""/>
    <s v=""/>
    <s v=""/>
    <s v=""/>
    <s v=""/>
    <s v=""/>
    <s v=""/>
    <s v=""/>
    <s v=""/>
    <s v=""/>
    <s v=""/>
    <s v=""/>
    <s v=""/>
    <s v=""/>
    <s v=""/>
    <s v=""/>
    <s v=""/>
    <s v=""/>
    <s v=""/>
    <s v=""/>
    <s v=""/>
    <s v=""/>
    <m/>
    <s v="Provision of new facilities in the Tring Area. Refer to Local Football Facilities Plan and Leisure Strategy "/>
    <s v="Sports England caluclator"/>
  </r>
  <r>
    <n v="183"/>
    <x v="1"/>
    <s v="Sports and Leisure"/>
    <s v="Artificial Grass Pitches (AGP)"/>
    <s v="Contributions to new provision and facilities in the Hemel Area. Refer to Local Football Facilities Plan and Leisure Strategy "/>
    <s v="Contributions towards (0.07sqm) 2 AGPs"/>
    <x v="1"/>
    <x v="24"/>
    <x v="2"/>
    <x v="17"/>
    <x v="25"/>
    <s v="N/A"/>
    <s v="N/A"/>
    <n v="81282"/>
    <n v="81282"/>
    <s v="S106/CIL"/>
    <s v="Important"/>
    <m/>
    <m/>
    <m/>
    <s v="Yes"/>
    <m/>
    <m/>
    <m/>
    <m/>
    <m/>
    <m/>
    <m/>
    <m/>
    <m/>
    <m/>
    <m/>
    <m/>
    <m/>
    <m/>
    <m/>
    <m/>
    <m/>
    <m/>
    <m/>
    <m/>
    <m/>
    <m/>
    <m/>
    <m/>
    <m/>
    <m/>
    <m/>
    <n v="350"/>
    <n v="232.2342857142857"/>
    <s v=""/>
    <s v=""/>
    <s v=""/>
    <n v="81282"/>
    <s v=""/>
    <s v=""/>
    <s v=""/>
    <s v=""/>
    <s v=""/>
    <s v=""/>
    <s v=""/>
    <s v=""/>
    <s v=""/>
    <s v=""/>
    <s v=""/>
    <s v=""/>
    <s v=""/>
    <s v=""/>
    <s v=""/>
    <s v=""/>
    <s v=""/>
    <s v=""/>
    <s v=""/>
    <s v=""/>
    <s v=""/>
    <s v=""/>
    <s v=""/>
    <s v=""/>
    <s v=""/>
    <s v=""/>
    <s v=""/>
    <m/>
    <s v="Provision of new facilities in the Tring Area. Refer to Local Football Facilities Plan and Leisure Strategy "/>
    <s v="Sports England caluclator"/>
  </r>
  <r>
    <n v="184"/>
    <x v="1"/>
    <s v="Sports and Leisure"/>
    <s v="Artificial Grass Pitches (AGP)"/>
    <s v="Contributions to new provision and facilities in the Hemel Area. Refer to Local Football Facilities Plan and Leisure Strategy "/>
    <s v="Contributions towards (0.04sqm) 2 AGPs"/>
    <x v="1"/>
    <x v="42"/>
    <x v="2"/>
    <x v="17"/>
    <x v="26"/>
    <s v="N/A"/>
    <s v="N/A"/>
    <n v="46443"/>
    <n v="46443"/>
    <s v="S106/CIL"/>
    <s v="Important"/>
    <m/>
    <s v="Yes"/>
    <m/>
    <m/>
    <m/>
    <m/>
    <m/>
    <m/>
    <m/>
    <m/>
    <m/>
    <m/>
    <m/>
    <m/>
    <m/>
    <m/>
    <m/>
    <m/>
    <m/>
    <m/>
    <m/>
    <m/>
    <m/>
    <m/>
    <m/>
    <m/>
    <m/>
    <m/>
    <m/>
    <m/>
    <m/>
    <n v="200"/>
    <n v="232.215"/>
    <s v=""/>
    <n v="46443"/>
    <s v=""/>
    <s v=""/>
    <s v=""/>
    <s v=""/>
    <s v=""/>
    <s v=""/>
    <s v=""/>
    <s v=""/>
    <s v=""/>
    <s v=""/>
    <s v=""/>
    <s v=""/>
    <s v=""/>
    <s v=""/>
    <s v=""/>
    <s v=""/>
    <s v=""/>
    <s v=""/>
    <s v=""/>
    <s v=""/>
    <s v=""/>
    <s v=""/>
    <s v=""/>
    <s v=""/>
    <s v=""/>
    <s v=""/>
    <s v=""/>
    <s v=""/>
    <s v=""/>
    <m/>
    <s v="Provision of new facilities in the Tring Area. Refer to Local Football Facilities Plan and Leisure Strategy "/>
    <s v="Sports England caluclator"/>
  </r>
  <r>
    <n v="185"/>
    <x v="1"/>
    <s v="Sports and Leisure"/>
    <s v="Artificial Grass Pitches (AGP)"/>
    <s v="Contributions to new provision and facilities in the Hemel Area. Refer to Local Football Facilities Plan and Leisure Strategy "/>
    <s v="Contributions towards (0.06sqm) 2 AGPs"/>
    <x v="1"/>
    <x v="16"/>
    <x v="2"/>
    <x v="17"/>
    <x v="12"/>
    <s v="N/A"/>
    <s v="N/A"/>
    <n v="69671"/>
    <n v="69671"/>
    <s v="S106/CIL"/>
    <s v="Important"/>
    <m/>
    <m/>
    <m/>
    <m/>
    <s v="Yes"/>
    <m/>
    <m/>
    <m/>
    <m/>
    <m/>
    <m/>
    <m/>
    <m/>
    <m/>
    <m/>
    <m/>
    <m/>
    <m/>
    <m/>
    <m/>
    <m/>
    <m/>
    <m/>
    <m/>
    <m/>
    <m/>
    <m/>
    <m/>
    <m/>
    <m/>
    <m/>
    <n v="300"/>
    <n v="232.23666666666668"/>
    <s v=""/>
    <s v=""/>
    <s v=""/>
    <s v=""/>
    <n v="69671"/>
    <s v=""/>
    <s v=""/>
    <s v=""/>
    <s v=""/>
    <s v=""/>
    <s v=""/>
    <s v=""/>
    <s v=""/>
    <s v=""/>
    <s v=""/>
    <s v=""/>
    <s v=""/>
    <s v=""/>
    <s v=""/>
    <s v=""/>
    <s v=""/>
    <s v=""/>
    <s v=""/>
    <s v=""/>
    <s v=""/>
    <s v=""/>
    <s v=""/>
    <s v=""/>
    <s v=""/>
    <s v=""/>
    <s v=""/>
    <m/>
    <s v="Provision of new facilities in the Tring Area. Refer to Local Football Facilities Plan and Leisure Strategy "/>
    <s v="Sports England caluclator"/>
  </r>
  <r>
    <n v="186"/>
    <x v="1"/>
    <s v="Sports and Leisure"/>
    <s v="Artificial Grass Pitches (AGP)"/>
    <s v="Contributions to new provision and facilities in the Hemel Area. Refer to Local Football Facilities Plan and Leisure Strategy "/>
    <s v="Contributions towards (0.02sqm) 2 AGPs"/>
    <x v="1"/>
    <x v="26"/>
    <x v="2"/>
    <x v="17"/>
    <x v="27"/>
    <s v="N/A"/>
    <s v="N/A"/>
    <n v="23224"/>
    <n v="23224"/>
    <s v="S106/CIL"/>
    <s v="Important"/>
    <m/>
    <m/>
    <m/>
    <m/>
    <m/>
    <m/>
    <s v="Yes"/>
    <m/>
    <m/>
    <m/>
    <m/>
    <m/>
    <m/>
    <m/>
    <m/>
    <m/>
    <m/>
    <m/>
    <m/>
    <m/>
    <m/>
    <m/>
    <m/>
    <m/>
    <m/>
    <m/>
    <m/>
    <m/>
    <m/>
    <m/>
    <m/>
    <n v="100"/>
    <n v="232.24"/>
    <s v=""/>
    <s v=""/>
    <s v=""/>
    <s v=""/>
    <s v=""/>
    <s v=""/>
    <n v="23224"/>
    <s v=""/>
    <s v=""/>
    <s v=""/>
    <s v=""/>
    <s v=""/>
    <s v=""/>
    <s v=""/>
    <s v=""/>
    <s v=""/>
    <s v=""/>
    <s v=""/>
    <s v=""/>
    <s v=""/>
    <s v=""/>
    <s v=""/>
    <s v=""/>
    <s v=""/>
    <s v=""/>
    <s v=""/>
    <s v=""/>
    <s v=""/>
    <s v=""/>
    <s v=""/>
    <s v=""/>
    <m/>
    <s v="Provision of new facilities in the Tring Area. Refer to Local Football Facilities Plan and Leisure Strategy "/>
    <s v="Sports England caluclator"/>
  </r>
  <r>
    <n v="187"/>
    <x v="1"/>
    <s v="Sports and Leisure"/>
    <s v="Artificial Grass Pitches (AGP)"/>
    <s v="Contributions to new provision and facilities in the Hemel Area. Refer to Local Football Facilities Plan and Leisure Strategy "/>
    <s v="Contributions towards (0.08sqm) 2 AGPs"/>
    <x v="1"/>
    <x v="27"/>
    <x v="2"/>
    <x v="17"/>
    <x v="28"/>
    <s v="N/A"/>
    <s v="N/A"/>
    <n v="90562"/>
    <n v="90562"/>
    <s v="S106/CIL"/>
    <s v="Important"/>
    <m/>
    <m/>
    <m/>
    <m/>
    <m/>
    <m/>
    <m/>
    <s v="Yes"/>
    <m/>
    <m/>
    <m/>
    <m/>
    <m/>
    <m/>
    <m/>
    <m/>
    <m/>
    <m/>
    <m/>
    <m/>
    <m/>
    <m/>
    <m/>
    <m/>
    <m/>
    <m/>
    <m/>
    <m/>
    <m/>
    <m/>
    <m/>
    <n v="390"/>
    <n v="232.21025641025642"/>
    <s v=""/>
    <s v=""/>
    <s v=""/>
    <s v=""/>
    <s v=""/>
    <s v=""/>
    <s v=""/>
    <n v="90562"/>
    <s v=""/>
    <s v=""/>
    <s v=""/>
    <s v=""/>
    <s v=""/>
    <s v=""/>
    <s v=""/>
    <s v=""/>
    <s v=""/>
    <s v=""/>
    <s v=""/>
    <s v=""/>
    <s v=""/>
    <s v=""/>
    <s v=""/>
    <s v=""/>
    <s v=""/>
    <s v=""/>
    <s v=""/>
    <s v=""/>
    <s v=""/>
    <s v=""/>
    <s v=""/>
    <m/>
    <s v="Provision of new facilities in the Tring Area. Refer to Local Football Facilities Plan and Leisure Strategy "/>
    <s v="Sports England caluclator"/>
  </r>
  <r>
    <n v="188"/>
    <x v="1"/>
    <s v="Sports and Leisure"/>
    <s v="Artificial Grass Pitches (AGP)"/>
    <s v="Contributions to new provision and facilities in the Hemel Area. Refer to Local Football Facilities Plan and Leisure Strategy "/>
    <s v="Contributions towards (0.10sqm) 2 AGPs"/>
    <x v="1"/>
    <x v="41"/>
    <x v="2"/>
    <x v="17"/>
    <x v="10"/>
    <s v="N/A"/>
    <s v="N/A"/>
    <n v="111459"/>
    <n v="111459"/>
    <s v="S106/CIL"/>
    <s v="Important"/>
    <m/>
    <m/>
    <m/>
    <m/>
    <m/>
    <s v="Yes"/>
    <m/>
    <m/>
    <m/>
    <m/>
    <m/>
    <m/>
    <m/>
    <m/>
    <m/>
    <m/>
    <m/>
    <m/>
    <m/>
    <m/>
    <m/>
    <m/>
    <m/>
    <m/>
    <m/>
    <m/>
    <m/>
    <m/>
    <m/>
    <m/>
    <m/>
    <n v="480"/>
    <n v="232.20625000000001"/>
    <s v=""/>
    <s v=""/>
    <s v=""/>
    <s v=""/>
    <s v=""/>
    <n v="111459"/>
    <s v=""/>
    <s v=""/>
    <s v=""/>
    <s v=""/>
    <s v=""/>
    <s v=""/>
    <s v=""/>
    <s v=""/>
    <s v=""/>
    <s v=""/>
    <s v=""/>
    <s v=""/>
    <s v=""/>
    <s v=""/>
    <s v=""/>
    <s v=""/>
    <s v=""/>
    <s v=""/>
    <s v=""/>
    <s v=""/>
    <s v=""/>
    <s v=""/>
    <s v=""/>
    <s v=""/>
    <s v=""/>
    <m/>
    <s v="Provision of new facilities in the Tring Area. Refer to Local Football Facilities Plan and Leisure Strategy "/>
    <s v="Sports England caluclator"/>
  </r>
  <r>
    <n v="189"/>
    <x v="1"/>
    <s v="Sports and Leisure"/>
    <s v="Artificial Grass Pitches (AGP)"/>
    <s v="Contributions to new provision and facilities in the Hemel Area. Refer to Local Football Facilities Plan and Leisure Strategy "/>
    <s v="Contributions towards (0.10sqm) 2 AGPs"/>
    <x v="1"/>
    <x v="17"/>
    <x v="2"/>
    <x v="17"/>
    <x v="13"/>
    <s v="N/A"/>
    <s v="N/A"/>
    <n v="116115.15377720933"/>
    <n v="116115.15377720933"/>
    <s v="S106/CIL"/>
    <s v="Important"/>
    <m/>
    <m/>
    <m/>
    <m/>
    <m/>
    <m/>
    <m/>
    <m/>
    <s v="Yes"/>
    <m/>
    <m/>
    <m/>
    <m/>
    <m/>
    <m/>
    <m/>
    <m/>
    <m/>
    <m/>
    <m/>
    <m/>
    <m/>
    <m/>
    <m/>
    <m/>
    <m/>
    <m/>
    <m/>
    <m/>
    <m/>
    <m/>
    <n v="500"/>
    <n v="232.23030755441866"/>
    <s v=""/>
    <s v=""/>
    <s v=""/>
    <s v=""/>
    <s v=""/>
    <s v=""/>
    <s v=""/>
    <s v=""/>
    <n v="116115.15377720933"/>
    <s v=""/>
    <s v=""/>
    <s v=""/>
    <s v=""/>
    <s v=""/>
    <s v=""/>
    <s v=""/>
    <s v=""/>
    <s v=""/>
    <s v=""/>
    <s v=""/>
    <s v=""/>
    <s v=""/>
    <s v=""/>
    <s v=""/>
    <s v=""/>
    <s v=""/>
    <s v=""/>
    <s v=""/>
    <s v=""/>
    <s v=""/>
    <s v=""/>
    <m/>
    <m/>
    <m/>
  </r>
  <r>
    <n v="190"/>
    <x v="1"/>
    <s v="Sports and Leisure"/>
    <s v="Artificial Grass Pitches (AGP)"/>
    <s v="Contributions to new provision and facilities in the Hemel Area. Refer to Local Football Facilities Plan and Leisure Strategy "/>
    <s v="Contributions towards (0.05sqm) 2 AGPs"/>
    <x v="1"/>
    <x v="29"/>
    <x v="2"/>
    <x v="17"/>
    <x v="2"/>
    <s v="N/A"/>
    <s v="N/A"/>
    <n v="54359.652135744109"/>
    <n v="54359.652135744109"/>
    <s v="S106/CIL"/>
    <s v="Important"/>
    <m/>
    <m/>
    <m/>
    <m/>
    <m/>
    <m/>
    <m/>
    <m/>
    <m/>
    <m/>
    <m/>
    <m/>
    <s v="Yes"/>
    <m/>
    <m/>
    <m/>
    <m/>
    <m/>
    <m/>
    <m/>
    <m/>
    <m/>
    <m/>
    <m/>
    <m/>
    <m/>
    <m/>
    <m/>
    <m/>
    <m/>
    <m/>
    <n v="234"/>
    <n v="232.30620570830817"/>
    <s v=""/>
    <s v=""/>
    <s v=""/>
    <s v=""/>
    <s v=""/>
    <s v=""/>
    <s v=""/>
    <s v=""/>
    <s v=""/>
    <s v=""/>
    <s v=""/>
    <s v=""/>
    <n v="54359.652135744109"/>
    <s v=""/>
    <s v=""/>
    <s v=""/>
    <s v=""/>
    <s v=""/>
    <s v=""/>
    <s v=""/>
    <s v=""/>
    <s v=""/>
    <s v=""/>
    <s v=""/>
    <s v=""/>
    <s v=""/>
    <s v=""/>
    <s v=""/>
    <s v=""/>
    <s v=""/>
    <s v=""/>
    <m/>
    <m/>
    <m/>
  </r>
  <r>
    <n v="191"/>
    <x v="1"/>
    <s v="Sports and Leisure"/>
    <s v="Artificial Grass Pitches (AGP)"/>
    <s v="Contributions to new provision and facilities in the Hemel Area. Refer to Local Football Facilities Plan and Leisure Strategy "/>
    <s v="(0.10sqm) Contributions to improvements/expansions of existing facilities "/>
    <x v="1"/>
    <x v="3"/>
    <x v="2"/>
    <x v="17"/>
    <x v="5"/>
    <s v="N/A"/>
    <s v="N/A"/>
    <n v="116115.15377720933"/>
    <n v="116115.15377720933"/>
    <s v="S106/CIL"/>
    <s v="Important"/>
    <m/>
    <m/>
    <m/>
    <m/>
    <m/>
    <m/>
    <m/>
    <m/>
    <m/>
    <m/>
    <m/>
    <m/>
    <m/>
    <m/>
    <m/>
    <m/>
    <m/>
    <m/>
    <m/>
    <m/>
    <m/>
    <m/>
    <m/>
    <m/>
    <m/>
    <m/>
    <m/>
    <m/>
    <m/>
    <m/>
    <m/>
    <n v="0"/>
    <m/>
    <s v=""/>
    <s v=""/>
    <s v=""/>
    <s v=""/>
    <s v=""/>
    <s v=""/>
    <s v=""/>
    <s v=""/>
    <s v=""/>
    <s v=""/>
    <s v=""/>
    <s v=""/>
    <s v=""/>
    <s v=""/>
    <s v=""/>
    <s v=""/>
    <s v=""/>
    <s v=""/>
    <s v=""/>
    <s v=""/>
    <s v=""/>
    <s v=""/>
    <s v=""/>
    <s v=""/>
    <s v=""/>
    <s v=""/>
    <s v=""/>
    <s v=""/>
    <s v=""/>
    <s v=""/>
    <s v=""/>
    <m/>
    <m/>
    <m/>
  </r>
  <r>
    <n v="192"/>
    <x v="1"/>
    <s v="Sports and Leisure"/>
    <s v="Artificial Grass Pitches (AGP)"/>
    <s v="Contributions to new provision and facilities in the Hemel Area. Refer to Local Football Facilities Plan and Leisure Strategy "/>
    <s v="(0.15sqm)  Contributions to improvements/expansions of existing facilities "/>
    <x v="1"/>
    <x v="7"/>
    <x v="2"/>
    <x v="17"/>
    <x v="29"/>
    <s v="N/A"/>
    <s v="N/A"/>
    <n v="174162.46250449176"/>
    <n v="174162.46250449176"/>
    <s v="S106/CIL"/>
    <s v="Important"/>
    <m/>
    <m/>
    <m/>
    <m/>
    <m/>
    <m/>
    <m/>
    <m/>
    <m/>
    <m/>
    <m/>
    <m/>
    <m/>
    <m/>
    <m/>
    <m/>
    <m/>
    <m/>
    <m/>
    <m/>
    <m/>
    <m/>
    <m/>
    <m/>
    <m/>
    <m/>
    <m/>
    <m/>
    <m/>
    <m/>
    <m/>
    <n v="0"/>
    <m/>
    <s v=""/>
    <s v=""/>
    <s v=""/>
    <s v=""/>
    <s v=""/>
    <s v=""/>
    <s v=""/>
    <s v=""/>
    <s v=""/>
    <s v=""/>
    <s v=""/>
    <s v=""/>
    <s v=""/>
    <s v=""/>
    <s v=""/>
    <s v=""/>
    <s v=""/>
    <s v=""/>
    <s v=""/>
    <s v=""/>
    <s v=""/>
    <s v=""/>
    <s v=""/>
    <s v=""/>
    <s v=""/>
    <s v=""/>
    <s v=""/>
    <s v=""/>
    <s v=""/>
    <s v=""/>
    <s v=""/>
    <m/>
    <m/>
    <m/>
  </r>
  <r>
    <n v="193"/>
    <x v="1"/>
    <s v="Sports and Leisure"/>
    <s v="Artificial Grass Pitches (AGP)"/>
    <s v="Contributions to new provision and facilities in the Hemel Area. Refer to Local Football Facilities Plan and Leisure Strategy "/>
    <s v="Contributions towards (0.07sqm) 2 AGPs"/>
    <x v="1"/>
    <x v="9"/>
    <x v="2"/>
    <x v="17"/>
    <x v="10"/>
    <s v="N/A"/>
    <s v="N/A"/>
    <n v="81281.574877273233"/>
    <n v="81281.574877273233"/>
    <s v="S106/CIL"/>
    <s v="Important"/>
    <m/>
    <m/>
    <m/>
    <m/>
    <m/>
    <m/>
    <m/>
    <m/>
    <m/>
    <m/>
    <m/>
    <m/>
    <m/>
    <s v="Yes"/>
    <m/>
    <m/>
    <m/>
    <m/>
    <m/>
    <m/>
    <m/>
    <m/>
    <m/>
    <m/>
    <m/>
    <m/>
    <m/>
    <m/>
    <m/>
    <m/>
    <m/>
    <n v="350"/>
    <n v="232.23307107792351"/>
    <s v=""/>
    <s v=""/>
    <s v=""/>
    <s v=""/>
    <s v=""/>
    <s v=""/>
    <s v=""/>
    <s v=""/>
    <s v=""/>
    <s v=""/>
    <s v=""/>
    <s v=""/>
    <s v=""/>
    <n v="81281.574877273233"/>
    <s v=""/>
    <s v=""/>
    <s v=""/>
    <s v=""/>
    <s v=""/>
    <s v=""/>
    <s v=""/>
    <s v=""/>
    <s v=""/>
    <s v=""/>
    <s v=""/>
    <s v=""/>
    <s v=""/>
    <s v=""/>
    <s v=""/>
    <s v=""/>
    <s v=""/>
    <m/>
    <m/>
    <m/>
  </r>
  <r>
    <n v="194"/>
    <x v="1"/>
    <s v="Sports and Leisure"/>
    <s v="Artificial Grass Pitches (AGP)"/>
    <s v="Contributions to new provision and facilities in the Hemel Area. Refer to Local Football Facilities Plan and Leisure Strategy "/>
    <s v="Contributions towards (0.02sqm) 2 AGPs"/>
    <x v="1"/>
    <x v="31"/>
    <x v="2"/>
    <x v="17"/>
    <x v="30"/>
    <s v="N/A"/>
    <s v="N/A"/>
    <n v="20914.071633126616"/>
    <n v="20914.071633126616"/>
    <s v="S106/CIL"/>
    <s v="Important"/>
    <m/>
    <m/>
    <m/>
    <m/>
    <m/>
    <m/>
    <m/>
    <m/>
    <m/>
    <m/>
    <m/>
    <m/>
    <m/>
    <m/>
    <s v="Yes"/>
    <m/>
    <m/>
    <m/>
    <m/>
    <m/>
    <m/>
    <m/>
    <m/>
    <m/>
    <m/>
    <m/>
    <m/>
    <m/>
    <m/>
    <m/>
    <m/>
    <n v="90"/>
    <n v="232.37857370140685"/>
    <s v=""/>
    <s v=""/>
    <s v=""/>
    <s v=""/>
    <s v=""/>
    <s v=""/>
    <s v=""/>
    <s v=""/>
    <s v=""/>
    <s v=""/>
    <s v=""/>
    <s v=""/>
    <s v=""/>
    <s v=""/>
    <n v="20914.071633126616"/>
    <s v=""/>
    <s v=""/>
    <s v=""/>
    <s v=""/>
    <s v=""/>
    <s v=""/>
    <s v=""/>
    <s v=""/>
    <s v=""/>
    <s v=""/>
    <s v=""/>
    <s v=""/>
    <s v=""/>
    <s v=""/>
    <s v=""/>
    <s v=""/>
    <m/>
    <m/>
    <m/>
  </r>
  <r>
    <n v="195"/>
    <x v="1"/>
    <s v="Sports and Leisure"/>
    <s v="Artificial Grass Pitches (AGP)"/>
    <s v="Contributions to new provision and facilities in the Hemel Area. Refer to Local Football Facilities Plan and Leisure Strategy "/>
    <s v="Contributions towards (0.02sqm) 2 AGPs"/>
    <x v="1"/>
    <x v="32"/>
    <x v="2"/>
    <x v="17"/>
    <x v="26"/>
    <s v="N/A"/>
    <s v="N/A"/>
    <n v="18583.894111410096"/>
    <n v="18583.894111410096"/>
    <s v="S106/CIL"/>
    <s v="Important"/>
    <m/>
    <m/>
    <m/>
    <m/>
    <m/>
    <m/>
    <m/>
    <m/>
    <m/>
    <m/>
    <m/>
    <m/>
    <m/>
    <m/>
    <m/>
    <s v="Yes"/>
    <m/>
    <m/>
    <m/>
    <m/>
    <m/>
    <m/>
    <m/>
    <m/>
    <m/>
    <m/>
    <m/>
    <m/>
    <m/>
    <m/>
    <m/>
    <n v="80"/>
    <n v="232.29867639262619"/>
    <s v=""/>
    <s v=""/>
    <s v=""/>
    <s v=""/>
    <s v=""/>
    <s v=""/>
    <s v=""/>
    <s v=""/>
    <s v=""/>
    <s v=""/>
    <s v=""/>
    <s v=""/>
    <s v=""/>
    <s v=""/>
    <s v=""/>
    <n v="18583.894111410096"/>
    <s v=""/>
    <s v=""/>
    <s v=""/>
    <s v=""/>
    <s v=""/>
    <s v=""/>
    <s v=""/>
    <s v=""/>
    <s v=""/>
    <s v=""/>
    <s v=""/>
    <s v=""/>
    <s v=""/>
    <s v=""/>
    <s v=""/>
    <m/>
    <m/>
    <m/>
  </r>
  <r>
    <n v="196"/>
    <x v="1"/>
    <s v="Sports and Leisure"/>
    <s v="Artificial Grass Pitches (AGP)"/>
    <s v="Contributions to new provision and facilities in the Hemel Area. Refer to Local Football Facilities Plan and Leisure Strategy "/>
    <s v="Contributions towards (0.04sqm) 2 AGPs"/>
    <x v="1"/>
    <x v="33"/>
    <x v="2"/>
    <x v="17"/>
    <x v="31"/>
    <s v="N/A"/>
    <s v="N/A"/>
    <n v="46443.178172771302"/>
    <n v="46443.178172771302"/>
    <s v="S106/CIL"/>
    <s v="Important"/>
    <m/>
    <m/>
    <m/>
    <m/>
    <m/>
    <m/>
    <m/>
    <m/>
    <m/>
    <m/>
    <m/>
    <s v="Yes"/>
    <m/>
    <m/>
    <m/>
    <m/>
    <m/>
    <m/>
    <m/>
    <m/>
    <m/>
    <m/>
    <m/>
    <m/>
    <m/>
    <m/>
    <m/>
    <m/>
    <m/>
    <m/>
    <m/>
    <n v="200"/>
    <n v="232.21589086385652"/>
    <s v=""/>
    <s v=""/>
    <s v=""/>
    <s v=""/>
    <s v=""/>
    <s v=""/>
    <s v=""/>
    <s v=""/>
    <s v=""/>
    <s v=""/>
    <s v=""/>
    <n v="46443.178172771302"/>
    <s v=""/>
    <s v=""/>
    <s v=""/>
    <s v=""/>
    <s v=""/>
    <s v=""/>
    <s v=""/>
    <s v=""/>
    <s v=""/>
    <s v=""/>
    <s v=""/>
    <s v=""/>
    <s v=""/>
    <s v=""/>
    <s v=""/>
    <s v=""/>
    <s v=""/>
    <s v=""/>
    <s v=""/>
    <m/>
    <m/>
    <m/>
  </r>
  <r>
    <n v="197"/>
    <x v="1"/>
    <s v="Sports and Leisure"/>
    <s v="Changing rooms for AGPs"/>
    <s v="Provision of new provision of Changing Rooms for AGPs"/>
    <s v="Contributions towards 0.13sqm of new changing rooms for AGPs across the borough"/>
    <x v="11"/>
    <x v="4"/>
    <x v="2"/>
    <x v="17"/>
    <x v="15"/>
    <s v="N/A"/>
    <s v="N/A"/>
    <n v="27454"/>
    <n v="27454"/>
    <s v="S106/CIL"/>
    <s v="Important"/>
    <s v="Yes"/>
    <m/>
    <m/>
    <m/>
    <m/>
    <m/>
    <m/>
    <m/>
    <m/>
    <m/>
    <m/>
    <m/>
    <m/>
    <m/>
    <m/>
    <m/>
    <m/>
    <m/>
    <m/>
    <m/>
    <m/>
    <m/>
    <m/>
    <m/>
    <m/>
    <m/>
    <m/>
    <m/>
    <m/>
    <m/>
    <m/>
    <n v="1500"/>
    <n v="18.302666666666667"/>
    <n v="27454"/>
    <s v=""/>
    <s v=""/>
    <s v=""/>
    <s v=""/>
    <s v=""/>
    <s v=""/>
    <s v=""/>
    <s v=""/>
    <s v=""/>
    <s v=""/>
    <s v=""/>
    <s v=""/>
    <s v=""/>
    <s v=""/>
    <s v=""/>
    <s v=""/>
    <s v=""/>
    <s v=""/>
    <s v=""/>
    <s v=""/>
    <s v=""/>
    <s v=""/>
    <s v=""/>
    <s v=""/>
    <s v=""/>
    <s v=""/>
    <s v=""/>
    <s v=""/>
    <s v=""/>
    <s v=""/>
    <m/>
    <s v="Changing room to be provided at each sport venue"/>
    <s v="Sports England caluclator"/>
  </r>
  <r>
    <n v="198"/>
    <x v="1"/>
    <s v="Sports and Leisure"/>
    <s v="Changing rooms for AGPs"/>
    <s v="Provision of new provision of Changing Rooms for AGPs in the Tring Area"/>
    <s v="Contributions towards (0.05sqm) changing room to be provided at each  sport venue"/>
    <x v="3"/>
    <x v="6"/>
    <x v="2"/>
    <x v="17"/>
    <x v="21"/>
    <s v="N/A"/>
    <s v="N/A"/>
    <n v="20440"/>
    <n v="20440"/>
    <s v="S106/CIL"/>
    <s v="Important"/>
    <m/>
    <m/>
    <m/>
    <m/>
    <m/>
    <m/>
    <m/>
    <m/>
    <m/>
    <m/>
    <m/>
    <m/>
    <m/>
    <m/>
    <m/>
    <m/>
    <m/>
    <m/>
    <m/>
    <m/>
    <m/>
    <s v="Yes"/>
    <m/>
    <m/>
    <m/>
    <m/>
    <m/>
    <m/>
    <m/>
    <m/>
    <m/>
    <n v="250"/>
    <n v="81.760000000000005"/>
    <s v=""/>
    <s v=""/>
    <s v=""/>
    <s v=""/>
    <s v=""/>
    <s v=""/>
    <s v=""/>
    <s v=""/>
    <s v=""/>
    <s v=""/>
    <s v=""/>
    <s v=""/>
    <s v=""/>
    <s v=""/>
    <s v=""/>
    <s v=""/>
    <s v=""/>
    <s v=""/>
    <s v=""/>
    <s v=""/>
    <s v=""/>
    <n v="20440"/>
    <s v=""/>
    <s v=""/>
    <s v=""/>
    <s v=""/>
    <s v=""/>
    <s v=""/>
    <s v=""/>
    <s v=""/>
    <s v=""/>
    <m/>
    <s v="Provision of new facilities in the Tring Area. Refer to Local Football Facilities Plan and Leisure Strategy. Changing room to be provided at each sport venue. "/>
    <s v="Sports England caluclator"/>
  </r>
  <r>
    <n v="199"/>
    <x v="1"/>
    <s v="Sports and Leisure"/>
    <s v="Changing rooms for AGPs"/>
    <s v="Provision of new provision of Changing Rooms for AGPs in the Tring Area"/>
    <s v="Contributions towards (0.16sqm) changing room to be provided at each  sport venue"/>
    <x v="3"/>
    <x v="21"/>
    <x v="2"/>
    <x v="17"/>
    <x v="4"/>
    <s v="N/A"/>
    <s v="N/A"/>
    <n v="32698"/>
    <n v="32698"/>
    <s v="S106/CIL"/>
    <s v="Important"/>
    <m/>
    <m/>
    <m/>
    <m/>
    <m/>
    <m/>
    <m/>
    <m/>
    <m/>
    <m/>
    <m/>
    <m/>
    <m/>
    <m/>
    <m/>
    <m/>
    <m/>
    <m/>
    <m/>
    <m/>
    <m/>
    <m/>
    <s v="Yes"/>
    <m/>
    <m/>
    <m/>
    <m/>
    <m/>
    <m/>
    <m/>
    <m/>
    <n v="400"/>
    <n v="81.745000000000005"/>
    <s v=""/>
    <s v=""/>
    <s v=""/>
    <s v=""/>
    <s v=""/>
    <s v=""/>
    <s v=""/>
    <s v=""/>
    <s v=""/>
    <s v=""/>
    <s v=""/>
    <s v=""/>
    <s v=""/>
    <s v=""/>
    <s v=""/>
    <s v=""/>
    <s v=""/>
    <s v=""/>
    <s v=""/>
    <s v=""/>
    <s v=""/>
    <s v=""/>
    <n v="32698"/>
    <s v=""/>
    <s v=""/>
    <s v=""/>
    <s v=""/>
    <s v=""/>
    <s v=""/>
    <s v=""/>
    <s v=""/>
    <m/>
    <s v="Provision of new facilities in the Tring Area. Refer to Local Football Facilities Plan and Leisure Strategy. Changing room to be provided at each sport venue. "/>
    <s v="Sports England caluclator"/>
  </r>
  <r>
    <n v="200"/>
    <x v="1"/>
    <s v="Sports and Leisure"/>
    <s v="Changing rooms for AGPs"/>
    <s v="Provision of new provision of Changing Rooms for AGPs in the Tring Area"/>
    <s v="Contributions towards (0.56sqm)  changing room to be provided at each  sport venue"/>
    <x v="3"/>
    <x v="8"/>
    <x v="2"/>
    <x v="17"/>
    <x v="7"/>
    <s v="N/A"/>
    <s v="N/A"/>
    <n v="114449"/>
    <n v="114449"/>
    <s v="S106/CIL"/>
    <s v="Important"/>
    <m/>
    <m/>
    <m/>
    <m/>
    <m/>
    <m/>
    <m/>
    <m/>
    <m/>
    <m/>
    <m/>
    <m/>
    <m/>
    <m/>
    <m/>
    <m/>
    <m/>
    <m/>
    <m/>
    <m/>
    <m/>
    <m/>
    <m/>
    <s v="Yes"/>
    <m/>
    <m/>
    <m/>
    <m/>
    <m/>
    <m/>
    <m/>
    <n v="1400"/>
    <n v="81.749285714285719"/>
    <s v=""/>
    <s v=""/>
    <s v=""/>
    <s v=""/>
    <s v=""/>
    <s v=""/>
    <s v=""/>
    <s v=""/>
    <s v=""/>
    <s v=""/>
    <s v=""/>
    <s v=""/>
    <s v=""/>
    <s v=""/>
    <s v=""/>
    <s v=""/>
    <s v=""/>
    <s v=""/>
    <s v=""/>
    <s v=""/>
    <s v=""/>
    <s v=""/>
    <s v=""/>
    <n v="114449"/>
    <s v=""/>
    <s v=""/>
    <s v=""/>
    <s v=""/>
    <s v=""/>
    <s v=""/>
    <s v=""/>
    <m/>
    <s v="Provision of new facilities in the Tring Area. Refer to Local Football Facilities Plan and Leisure Strategy. Changing room to be provided at each sport venue. "/>
    <s v="Sports England caluclator"/>
  </r>
  <r>
    <n v="201"/>
    <x v="1"/>
    <s v="Sports and Leisure"/>
    <s v="Changing rooms for AGPs"/>
    <s v="Provision of new provision of Changing Rooms for AGPs in the Tring Area"/>
    <s v="Contributions towards (0.08sqm)  changing room to be provided at each  sport venue"/>
    <x v="3"/>
    <x v="22"/>
    <x v="2"/>
    <x v="17"/>
    <x v="15"/>
    <s v="N/A"/>
    <s v="N/A"/>
    <n v="16413"/>
    <n v="16413"/>
    <s v="S106/CIL"/>
    <s v="Important"/>
    <m/>
    <m/>
    <m/>
    <m/>
    <m/>
    <m/>
    <m/>
    <m/>
    <m/>
    <m/>
    <m/>
    <m/>
    <m/>
    <m/>
    <m/>
    <m/>
    <m/>
    <m/>
    <m/>
    <m/>
    <m/>
    <m/>
    <m/>
    <m/>
    <s v="Yes"/>
    <m/>
    <m/>
    <m/>
    <m/>
    <m/>
    <m/>
    <n v="201"/>
    <n v="81.656716417910445"/>
    <s v=""/>
    <s v=""/>
    <s v=""/>
    <s v=""/>
    <s v=""/>
    <s v=""/>
    <s v=""/>
    <s v=""/>
    <s v=""/>
    <s v=""/>
    <s v=""/>
    <s v=""/>
    <s v=""/>
    <s v=""/>
    <s v=""/>
    <s v=""/>
    <s v=""/>
    <s v=""/>
    <s v=""/>
    <s v=""/>
    <s v=""/>
    <s v=""/>
    <s v=""/>
    <s v=""/>
    <n v="16413"/>
    <s v=""/>
    <s v=""/>
    <s v=""/>
    <s v=""/>
    <s v=""/>
    <s v=""/>
    <m/>
    <s v="Provision of new facilities in the Tring Area. Refer to Local Football Facilities Plan and Leisure Strategy. Changing room to be provided at each sport venue. "/>
    <s v="Sports England caluclator"/>
  </r>
  <r>
    <n v="202"/>
    <x v="1"/>
    <s v="Sports and Leisure"/>
    <s v="Changing rooms for AGPs"/>
    <s v="Provision of new provision of Changing Rooms for AGPs in the Berkhamsted Area"/>
    <s v="Contributions towards (0.31sqm)  changing room to be provided at each  sport venue"/>
    <x v="2"/>
    <x v="5"/>
    <x v="2"/>
    <x v="17"/>
    <x v="9"/>
    <s v="N/A"/>
    <s v="N/A"/>
    <n v="63352"/>
    <n v="63352"/>
    <s v="S106/CIL"/>
    <s v="Important"/>
    <m/>
    <m/>
    <m/>
    <m/>
    <m/>
    <m/>
    <m/>
    <m/>
    <m/>
    <m/>
    <m/>
    <m/>
    <m/>
    <m/>
    <m/>
    <m/>
    <m/>
    <s v="Yes"/>
    <m/>
    <m/>
    <m/>
    <m/>
    <m/>
    <m/>
    <m/>
    <m/>
    <m/>
    <m/>
    <m/>
    <m/>
    <m/>
    <n v="775"/>
    <n v="81.744516129032263"/>
    <s v=""/>
    <s v=""/>
    <s v=""/>
    <s v=""/>
    <s v=""/>
    <s v=""/>
    <s v=""/>
    <s v=""/>
    <s v=""/>
    <s v=""/>
    <s v=""/>
    <s v=""/>
    <s v=""/>
    <s v=""/>
    <s v=""/>
    <s v=""/>
    <s v=""/>
    <n v="63352.000000000007"/>
    <s v=""/>
    <s v=""/>
    <s v=""/>
    <s v=""/>
    <s v=""/>
    <s v=""/>
    <s v=""/>
    <s v=""/>
    <s v=""/>
    <s v=""/>
    <s v=""/>
    <s v=""/>
    <s v=""/>
    <m/>
    <s v="Provision of new facilities in the Tring Area. Refer to Local Football Facilities Plan and Leisure Strategy. Changing room to be provided at each sport venue. "/>
    <s v="Sports England caluclator"/>
  </r>
  <r>
    <n v="203"/>
    <x v="1"/>
    <s v="Sports and Leisure"/>
    <s v="Changing rooms for AGPs"/>
    <s v="Provision of new provision of Changing Rooms for AGPs in the Berkhamsted Area"/>
    <s v="Contributions towards (0.04sqm)  changing room to be provided at each  sport venue"/>
    <x v="2"/>
    <x v="37"/>
    <x v="2"/>
    <x v="17"/>
    <x v="32"/>
    <s v="N/A"/>
    <s v="N/A"/>
    <n v="8176"/>
    <n v="8176"/>
    <s v="S106/CIL"/>
    <s v="Important"/>
    <m/>
    <m/>
    <m/>
    <m/>
    <m/>
    <m/>
    <m/>
    <m/>
    <m/>
    <m/>
    <m/>
    <m/>
    <m/>
    <m/>
    <m/>
    <m/>
    <m/>
    <m/>
    <m/>
    <s v="Yes"/>
    <m/>
    <m/>
    <m/>
    <m/>
    <m/>
    <m/>
    <m/>
    <m/>
    <m/>
    <m/>
    <m/>
    <n v="100"/>
    <n v="81.760000000000005"/>
    <s v=""/>
    <s v=""/>
    <s v=""/>
    <s v=""/>
    <s v=""/>
    <s v=""/>
    <s v=""/>
    <s v=""/>
    <s v=""/>
    <s v=""/>
    <s v=""/>
    <s v=""/>
    <s v=""/>
    <s v=""/>
    <s v=""/>
    <s v=""/>
    <s v=""/>
    <s v=""/>
    <s v=""/>
    <n v="8176.0000000000009"/>
    <s v=""/>
    <s v=""/>
    <s v=""/>
    <s v=""/>
    <s v=""/>
    <s v=""/>
    <s v=""/>
    <s v=""/>
    <s v=""/>
    <s v=""/>
    <s v=""/>
    <m/>
    <s v="Provision of new facilities in the Tring Area. Refer to Local Football Facilities Plan and Leisure Strategy. Changing room to be provided at each sport venue. "/>
    <s v="Sports England caluclator"/>
  </r>
  <r>
    <n v="204"/>
    <x v="1"/>
    <s v="Sports and Leisure"/>
    <s v="Changing rooms for AGPs"/>
    <s v="Provision of new provision of Changing Rooms for AGPs in the Berkhamsted Area"/>
    <s v="Contributions towards (0.04sqm)  changing room to be provided at each  sport venue"/>
    <x v="2"/>
    <x v="38"/>
    <x v="1"/>
    <x v="17"/>
    <x v="24"/>
    <s v="N/A"/>
    <s v="N/A"/>
    <n v="8176"/>
    <n v="8176"/>
    <s v="S106/CIL"/>
    <s v="Important"/>
    <m/>
    <m/>
    <m/>
    <m/>
    <m/>
    <m/>
    <m/>
    <m/>
    <m/>
    <m/>
    <m/>
    <m/>
    <m/>
    <m/>
    <m/>
    <m/>
    <m/>
    <m/>
    <s v="Yes"/>
    <m/>
    <m/>
    <m/>
    <m/>
    <m/>
    <m/>
    <m/>
    <m/>
    <m/>
    <m/>
    <m/>
    <m/>
    <n v="100"/>
    <n v="81.760000000000005"/>
    <s v=""/>
    <s v=""/>
    <s v=""/>
    <s v=""/>
    <s v=""/>
    <s v=""/>
    <s v=""/>
    <s v=""/>
    <s v=""/>
    <s v=""/>
    <s v=""/>
    <s v=""/>
    <s v=""/>
    <s v=""/>
    <s v=""/>
    <s v=""/>
    <s v=""/>
    <s v=""/>
    <n v="8176.0000000000009"/>
    <s v=""/>
    <s v=""/>
    <s v=""/>
    <s v=""/>
    <s v=""/>
    <s v=""/>
    <s v=""/>
    <s v=""/>
    <s v=""/>
    <s v=""/>
    <s v=""/>
    <s v=""/>
    <m/>
    <s v="Provision of new facilities in the Tring Area. Refer to Local Football Facilities Plan and Leisure Strategy. Changing room to be provided at each sport venue. "/>
    <s v="Sports England caluclator"/>
  </r>
  <r>
    <n v="205"/>
    <x v="1"/>
    <s v="Sports and Leisure"/>
    <s v="Changing rooms for AGPs"/>
    <s v="Provision of new provision of Changing Rooms for AGPs in the Berkhamsted Area"/>
    <s v="Contributions towards (0.12sqm)  changing room to be provided at each  sport venue"/>
    <x v="2"/>
    <x v="22"/>
    <x v="2"/>
    <x v="17"/>
    <x v="15"/>
    <s v="N/A"/>
    <s v="N/A"/>
    <n v="24694"/>
    <n v="24694"/>
    <s v="S106/CIL"/>
    <s v="Important"/>
    <m/>
    <m/>
    <m/>
    <m/>
    <m/>
    <m/>
    <m/>
    <m/>
    <m/>
    <m/>
    <m/>
    <m/>
    <m/>
    <m/>
    <m/>
    <m/>
    <m/>
    <m/>
    <m/>
    <m/>
    <s v="Yes"/>
    <m/>
    <m/>
    <m/>
    <m/>
    <m/>
    <m/>
    <m/>
    <m/>
    <m/>
    <m/>
    <n v="302"/>
    <n v="81.768211920529808"/>
    <s v=""/>
    <s v=""/>
    <s v=""/>
    <s v=""/>
    <s v=""/>
    <s v=""/>
    <s v=""/>
    <s v=""/>
    <s v=""/>
    <s v=""/>
    <s v=""/>
    <s v=""/>
    <s v=""/>
    <s v=""/>
    <s v=""/>
    <s v=""/>
    <s v=""/>
    <s v=""/>
    <s v=""/>
    <s v=""/>
    <n v="24694.000000000004"/>
    <s v=""/>
    <s v=""/>
    <s v=""/>
    <s v=""/>
    <s v=""/>
    <s v=""/>
    <s v=""/>
    <s v=""/>
    <s v=""/>
    <s v=""/>
    <m/>
    <s v="Provision of new facilities in the Tring Area. Refer to Local Football Facilities Plan and Leisure Strategy. Changing room to be provided at each sport venue. "/>
    <s v="Sports England caluclator"/>
  </r>
  <r>
    <n v="206"/>
    <x v="1"/>
    <s v="Sports and Leisure"/>
    <s v="Changing rooms for AGPs"/>
    <s v="Contributions to new provision and facilities in the Southern Area. Refer to Local Football Facilities Plan and Leisure Strategy "/>
    <s v="Contributions towards (0.01sqm)  changing room to be provided at each  sport venue"/>
    <x v="4"/>
    <x v="22"/>
    <x v="2"/>
    <x v="17"/>
    <x v="15"/>
    <s v="N/A"/>
    <s v="N/A"/>
    <n v="2523"/>
    <n v="2523"/>
    <s v="S106/CIL"/>
    <s v="Important"/>
    <m/>
    <m/>
    <m/>
    <m/>
    <m/>
    <m/>
    <m/>
    <m/>
    <m/>
    <m/>
    <m/>
    <m/>
    <m/>
    <m/>
    <m/>
    <m/>
    <m/>
    <m/>
    <m/>
    <m/>
    <m/>
    <m/>
    <m/>
    <m/>
    <m/>
    <m/>
    <s v="Yes"/>
    <m/>
    <m/>
    <m/>
    <m/>
    <n v="31"/>
    <n v="81.387096774193552"/>
    <s v=""/>
    <s v=""/>
    <s v=""/>
    <s v=""/>
    <s v=""/>
    <s v=""/>
    <s v=""/>
    <s v=""/>
    <s v=""/>
    <s v=""/>
    <s v=""/>
    <s v=""/>
    <s v=""/>
    <s v=""/>
    <s v=""/>
    <s v=""/>
    <s v=""/>
    <s v=""/>
    <s v=""/>
    <s v=""/>
    <s v=""/>
    <s v=""/>
    <s v=""/>
    <s v=""/>
    <s v=""/>
    <s v=""/>
    <n v="2523"/>
    <s v=""/>
    <s v=""/>
    <s v=""/>
    <s v=""/>
    <m/>
    <s v="Provision of new facilities in the Tring Area. Refer to Local Football Facilities Plan and Leisure Strategy. Changing room to be provided at each sport venue. "/>
    <s v="Sports England caluclator"/>
  </r>
  <r>
    <n v="207"/>
    <x v="1"/>
    <s v="Sports and Leisure"/>
    <s v="Changing rooms for AGPs"/>
    <s v="Contributions to new provision and facilities in the Southern Area. Refer to Local Football Facilities Plan and Leisure Strategy "/>
    <s v="Contributions towards (0.12sqm)  changing room to be provided at each  sport venue"/>
    <x v="4"/>
    <x v="12"/>
    <x v="2"/>
    <x v="17"/>
    <x v="2"/>
    <s v="N/A"/>
    <s v="N/A"/>
    <n v="17747"/>
    <n v="17747"/>
    <s v="S106/CIL"/>
    <s v="Important"/>
    <m/>
    <m/>
    <m/>
    <m/>
    <m/>
    <m/>
    <m/>
    <m/>
    <m/>
    <m/>
    <m/>
    <m/>
    <m/>
    <m/>
    <m/>
    <m/>
    <m/>
    <m/>
    <m/>
    <m/>
    <m/>
    <m/>
    <m/>
    <m/>
    <m/>
    <s v="Yes"/>
    <m/>
    <m/>
    <m/>
    <m/>
    <m/>
    <n v="217"/>
    <n v="81.783410138248854"/>
    <s v=""/>
    <s v=""/>
    <s v=""/>
    <s v=""/>
    <s v=""/>
    <s v=""/>
    <s v=""/>
    <s v=""/>
    <s v=""/>
    <s v=""/>
    <s v=""/>
    <s v=""/>
    <s v=""/>
    <s v=""/>
    <s v=""/>
    <s v=""/>
    <s v=""/>
    <s v=""/>
    <s v=""/>
    <s v=""/>
    <s v=""/>
    <s v=""/>
    <s v=""/>
    <s v=""/>
    <s v=""/>
    <n v="17747"/>
    <s v=""/>
    <s v=""/>
    <s v=""/>
    <s v=""/>
    <s v=""/>
    <m/>
    <s v="Provision of new facilities in the Tring Area. Refer to Local Football Facilities Plan and Leisure Strategy. Changing room to be provided at each sport venue. "/>
    <s v="Sports England caluclator"/>
  </r>
  <r>
    <n v="208"/>
    <x v="1"/>
    <s v="Sports and Leisure"/>
    <s v="Changing rooms for AGPs"/>
    <s v="Contributions to new provision and facilities in the Southern Area. Refer to Local Football Facilities Plan and Leisure Strategy "/>
    <s v="Contributions towards (0.03sqm)  changing room to be provided at each  sport venue"/>
    <x v="8"/>
    <x v="22"/>
    <x v="2"/>
    <x v="17"/>
    <x v="15"/>
    <s v="N/A"/>
    <s v="N/A"/>
    <n v="5482"/>
    <n v="5482"/>
    <s v="S106/CIL"/>
    <s v="Important"/>
    <m/>
    <m/>
    <m/>
    <m/>
    <m/>
    <m/>
    <m/>
    <m/>
    <m/>
    <m/>
    <m/>
    <m/>
    <m/>
    <m/>
    <m/>
    <m/>
    <m/>
    <m/>
    <m/>
    <m/>
    <m/>
    <m/>
    <m/>
    <m/>
    <m/>
    <m/>
    <m/>
    <s v="Yes"/>
    <m/>
    <m/>
    <m/>
    <n v="67"/>
    <n v="81.820895522388057"/>
    <s v=""/>
    <s v=""/>
    <s v=""/>
    <s v=""/>
    <s v=""/>
    <s v=""/>
    <s v=""/>
    <s v=""/>
    <s v=""/>
    <s v=""/>
    <s v=""/>
    <s v=""/>
    <s v=""/>
    <s v=""/>
    <s v=""/>
    <s v=""/>
    <s v=""/>
    <s v=""/>
    <s v=""/>
    <s v=""/>
    <s v=""/>
    <s v=""/>
    <s v=""/>
    <s v=""/>
    <s v=""/>
    <s v=""/>
    <s v=""/>
    <n v="5482"/>
    <s v=""/>
    <s v=""/>
    <s v=""/>
    <m/>
    <s v="Provision of new facilities in the Tring Area. Refer to Local Football Facilities Plan and Leisure Strategy. Changing room to be provided at each sport venue. "/>
    <s v="Sports England caluclator"/>
  </r>
  <r>
    <n v="209"/>
    <x v="1"/>
    <s v="Sports and Leisure"/>
    <s v="Changing rooms for AGPs"/>
    <s v="Contributions to new provision and facilities in the borough. Refer to Local Football Facilities Plan and Leisure Strategy "/>
    <s v="Contributions towards (0.01sqm)  changing room to be provided at each  sport venue"/>
    <x v="5"/>
    <x v="35"/>
    <x v="2"/>
    <x v="17"/>
    <x v="15"/>
    <s v="N/A"/>
    <s v="N/A"/>
    <n v="2523"/>
    <n v="2523"/>
    <s v="S106/CIL"/>
    <s v="Important"/>
    <m/>
    <m/>
    <m/>
    <m/>
    <m/>
    <m/>
    <m/>
    <m/>
    <m/>
    <m/>
    <m/>
    <m/>
    <m/>
    <m/>
    <m/>
    <m/>
    <m/>
    <m/>
    <m/>
    <m/>
    <m/>
    <m/>
    <m/>
    <m/>
    <m/>
    <m/>
    <m/>
    <m/>
    <m/>
    <s v="Yes"/>
    <m/>
    <n v="31"/>
    <n v="81.387096774193552"/>
    <s v=""/>
    <s v=""/>
    <s v=""/>
    <s v=""/>
    <s v=""/>
    <s v=""/>
    <s v=""/>
    <s v=""/>
    <s v=""/>
    <s v=""/>
    <s v=""/>
    <s v=""/>
    <s v=""/>
    <s v=""/>
    <s v=""/>
    <s v=""/>
    <s v=""/>
    <s v=""/>
    <s v=""/>
    <s v=""/>
    <s v=""/>
    <s v=""/>
    <s v=""/>
    <s v=""/>
    <s v=""/>
    <s v=""/>
    <s v=""/>
    <s v=""/>
    <s v=""/>
    <n v="2523"/>
    <s v=""/>
    <m/>
    <s v="Provision of new facilities in the Tring Area. Refer to Local Football Facilities Plan and Leisure Strategy. Changing room to be provided at each sport venue. "/>
    <s v="Sports England caluclator"/>
  </r>
  <r>
    <n v="210"/>
    <x v="1"/>
    <s v="Sports and Leisure"/>
    <s v="Changing rooms for AGPs"/>
    <s v="Contributions to new provision and facilities in the borough. Refer to Local Football Facilities Plan and Leisure Strategy "/>
    <s v="Contributions towards (0.06sqm)  changing room to be provided at each  sport venue"/>
    <x v="5"/>
    <x v="40"/>
    <x v="2"/>
    <x v="17"/>
    <x v="4"/>
    <s v="N/A"/>
    <s v="N/A"/>
    <n v="12264"/>
    <n v="12264"/>
    <s v="S106/CIL"/>
    <s v="Important"/>
    <m/>
    <m/>
    <m/>
    <m/>
    <m/>
    <m/>
    <m/>
    <m/>
    <m/>
    <m/>
    <m/>
    <m/>
    <m/>
    <m/>
    <m/>
    <m/>
    <m/>
    <m/>
    <m/>
    <m/>
    <m/>
    <m/>
    <m/>
    <m/>
    <m/>
    <m/>
    <m/>
    <m/>
    <s v="Yes"/>
    <m/>
    <m/>
    <n v="150"/>
    <n v="81.760000000000005"/>
    <s v=""/>
    <s v=""/>
    <s v=""/>
    <s v=""/>
    <s v=""/>
    <s v=""/>
    <s v=""/>
    <s v=""/>
    <s v=""/>
    <s v=""/>
    <s v=""/>
    <s v=""/>
    <s v=""/>
    <s v=""/>
    <s v=""/>
    <s v=""/>
    <s v=""/>
    <s v=""/>
    <s v=""/>
    <s v=""/>
    <s v=""/>
    <s v=""/>
    <s v=""/>
    <s v=""/>
    <s v=""/>
    <s v=""/>
    <s v=""/>
    <s v=""/>
    <n v="12264"/>
    <s v=""/>
    <s v=""/>
    <m/>
    <s v="Provision of new facilities in the Tring Area. Refer to Local Football Facilities Plan and Leisure Strategy. Changing room to be provided at each sport venue. "/>
    <s v="Sports England caluclator"/>
  </r>
  <r>
    <n v="211"/>
    <x v="1"/>
    <s v="Sports and Leisure"/>
    <s v="Changing rooms for AGPs"/>
    <s v="Contributions to new provision and facilities in the Hemel Area. Refer to Local Football Facilities Plan and Leisure Strategy "/>
    <s v="Contributions towards (0.96sqm)  changing room to be provided at each  sport venue"/>
    <x v="1"/>
    <x v="35"/>
    <x v="2"/>
    <x v="17"/>
    <x v="15"/>
    <s v="N/A"/>
    <s v="N/A"/>
    <n v="194967"/>
    <n v="194967"/>
    <s v="S106/CIL"/>
    <s v="Important"/>
    <m/>
    <m/>
    <m/>
    <m/>
    <m/>
    <m/>
    <m/>
    <m/>
    <m/>
    <m/>
    <m/>
    <m/>
    <m/>
    <m/>
    <m/>
    <m/>
    <s v="Yes"/>
    <m/>
    <m/>
    <m/>
    <m/>
    <m/>
    <m/>
    <m/>
    <m/>
    <m/>
    <m/>
    <m/>
    <m/>
    <m/>
    <m/>
    <n v="2385"/>
    <n v="81.747169811320759"/>
    <s v=""/>
    <s v=""/>
    <s v=""/>
    <s v=""/>
    <s v=""/>
    <s v=""/>
    <s v=""/>
    <s v=""/>
    <s v=""/>
    <s v=""/>
    <s v=""/>
    <s v=""/>
    <s v=""/>
    <s v=""/>
    <s v=""/>
    <s v=""/>
    <n v="194967"/>
    <s v=""/>
    <s v=""/>
    <s v=""/>
    <s v=""/>
    <s v=""/>
    <s v=""/>
    <s v=""/>
    <s v=""/>
    <s v=""/>
    <s v=""/>
    <s v=""/>
    <s v=""/>
    <s v=""/>
    <s v=""/>
    <m/>
    <s v="Provision of new facilities in the Tring Area. Refer to Local Football Facilities Plan and Leisure Strategy. Changing room to be provided at each sport venue. "/>
    <s v="Sports England caluclator"/>
  </r>
  <r>
    <n v="212"/>
    <x v="1"/>
    <s v="Sports and Leisure"/>
    <s v="Changing rooms for AGPs"/>
    <s v="Contributions to new provision and facilities in the Hemel Area. Refer to Local Football Facilities Plan and Leisure Strategy "/>
    <s v="Contributions towards (0.60sqm)  changing room to be provided at each  sport venue"/>
    <x v="1"/>
    <x v="14"/>
    <x v="1"/>
    <x v="17"/>
    <x v="1"/>
    <s v="N/A"/>
    <s v="N/A"/>
    <n v="122622"/>
    <n v="122622"/>
    <s v="S106/CIL"/>
    <s v="Important"/>
    <s v="Yes"/>
    <m/>
    <m/>
    <m/>
    <m/>
    <m/>
    <m/>
    <m/>
    <m/>
    <m/>
    <m/>
    <m/>
    <m/>
    <m/>
    <m/>
    <m/>
    <m/>
    <m/>
    <m/>
    <m/>
    <m/>
    <m/>
    <m/>
    <m/>
    <m/>
    <m/>
    <m/>
    <m/>
    <m/>
    <m/>
    <m/>
    <n v="1500"/>
    <n v="81.748000000000005"/>
    <n v="122622"/>
    <s v=""/>
    <s v=""/>
    <s v=""/>
    <s v=""/>
    <s v=""/>
    <s v=""/>
    <s v=""/>
    <s v=""/>
    <s v=""/>
    <s v=""/>
    <s v=""/>
    <s v=""/>
    <s v=""/>
    <s v=""/>
    <s v=""/>
    <s v=""/>
    <s v=""/>
    <s v=""/>
    <s v=""/>
    <s v=""/>
    <s v=""/>
    <s v=""/>
    <s v=""/>
    <s v=""/>
    <s v=""/>
    <s v=""/>
    <s v=""/>
    <s v=""/>
    <s v=""/>
    <s v=""/>
    <m/>
    <s v="Provision of new facilities in the Tring Area. Refer to Local Football Facilities Plan and Leisure Strategy. Changing room to be provided at each sport venue. "/>
    <s v="Sports England caluclator"/>
  </r>
  <r>
    <n v="213"/>
    <x v="1"/>
    <s v="Sports and Leisure"/>
    <s v="Changing rooms for AGPs"/>
    <s v="Contributions to new provision and facilities in the Hemel Area. Refer to Local Football Facilities Plan and Leisure Strategy "/>
    <s v="Contributions towards (0.18sqm)  changing room to be provided at each  sport venue"/>
    <x v="1"/>
    <x v="23"/>
    <x v="2"/>
    <x v="17"/>
    <x v="8"/>
    <s v="N/A"/>
    <s v="N/A"/>
    <n v="36788"/>
    <n v="36788"/>
    <s v="S106/CIL"/>
    <s v="Important"/>
    <m/>
    <m/>
    <s v="Yes"/>
    <m/>
    <m/>
    <m/>
    <m/>
    <m/>
    <m/>
    <m/>
    <m/>
    <m/>
    <m/>
    <m/>
    <m/>
    <m/>
    <m/>
    <m/>
    <m/>
    <m/>
    <m/>
    <m/>
    <m/>
    <m/>
    <m/>
    <m/>
    <m/>
    <m/>
    <m/>
    <m/>
    <m/>
    <n v="450"/>
    <n v="81.751111111111115"/>
    <s v=""/>
    <s v=""/>
    <n v="36788"/>
    <s v=""/>
    <s v=""/>
    <s v=""/>
    <s v=""/>
    <s v=""/>
    <s v=""/>
    <s v=""/>
    <s v=""/>
    <s v=""/>
    <s v=""/>
    <s v=""/>
    <s v=""/>
    <s v=""/>
    <s v=""/>
    <s v=""/>
    <s v=""/>
    <s v=""/>
    <s v=""/>
    <s v=""/>
    <s v=""/>
    <s v=""/>
    <s v=""/>
    <s v=""/>
    <s v=""/>
    <s v=""/>
    <s v=""/>
    <s v=""/>
    <s v=""/>
    <m/>
    <s v="Provision of new facilities in the Tring Area. Refer to Local Football Facilities Plan and Leisure Strategy. Changing room to be provided at each sport venue. "/>
    <s v="Sports England caluclator"/>
  </r>
  <r>
    <n v="214"/>
    <x v="1"/>
    <s v="Sports and Leisure"/>
    <s v="Changing rooms for AGPs"/>
    <s v="Contributions to new provision and facilities in the Hemel Area. Refer to Local Football Facilities Plan and Leisure Strategy "/>
    <s v="Contributions towards (0.14sqm)  changing room to be provided at each  sport venue"/>
    <x v="1"/>
    <x v="24"/>
    <x v="2"/>
    <x v="17"/>
    <x v="25"/>
    <s v="N/A"/>
    <s v="N/A"/>
    <n v="28614"/>
    <n v="28614"/>
    <s v="S106/CIL"/>
    <s v="Important"/>
    <m/>
    <m/>
    <m/>
    <s v="Yes"/>
    <m/>
    <m/>
    <m/>
    <m/>
    <m/>
    <m/>
    <m/>
    <m/>
    <m/>
    <m/>
    <m/>
    <m/>
    <m/>
    <m/>
    <m/>
    <m/>
    <m/>
    <m/>
    <m/>
    <m/>
    <m/>
    <m/>
    <m/>
    <m/>
    <m/>
    <m/>
    <m/>
    <n v="350"/>
    <n v="81.754285714285714"/>
    <s v=""/>
    <s v=""/>
    <s v=""/>
    <n v="28614"/>
    <s v=""/>
    <s v=""/>
    <s v=""/>
    <s v=""/>
    <s v=""/>
    <s v=""/>
    <s v=""/>
    <s v=""/>
    <s v=""/>
    <s v=""/>
    <s v=""/>
    <s v=""/>
    <s v=""/>
    <s v=""/>
    <s v=""/>
    <s v=""/>
    <s v=""/>
    <s v=""/>
    <s v=""/>
    <s v=""/>
    <s v=""/>
    <s v=""/>
    <s v=""/>
    <s v=""/>
    <s v=""/>
    <s v=""/>
    <s v=""/>
    <m/>
    <s v="Provision of new facilities in the Tring Area. Refer to Local Football Facilities Plan and Leisure Strategy. Changing room to be provided at each sport venue. "/>
    <s v="Sports England caluclator"/>
  </r>
  <r>
    <n v="215"/>
    <x v="1"/>
    <s v="Sports and Leisure"/>
    <s v="Changing rooms for AGPs"/>
    <s v="Contributions to new provision and facilities in the Hemel Area. Refer to Local Football Facilities Plan and Leisure Strategy "/>
    <s v="Contributions towards (0.08sqm)  changing room to be provided at each  sport venue"/>
    <x v="1"/>
    <x v="25"/>
    <x v="2"/>
    <x v="17"/>
    <x v="26"/>
    <s v="N/A"/>
    <s v="N/A"/>
    <n v="16350"/>
    <n v="16350"/>
    <s v="S106/CIL"/>
    <s v="Important"/>
    <m/>
    <s v="Yes"/>
    <m/>
    <m/>
    <m/>
    <m/>
    <m/>
    <m/>
    <m/>
    <m/>
    <m/>
    <m/>
    <m/>
    <m/>
    <m/>
    <m/>
    <m/>
    <m/>
    <m/>
    <m/>
    <m/>
    <m/>
    <m/>
    <m/>
    <m/>
    <m/>
    <m/>
    <m/>
    <m/>
    <m/>
    <m/>
    <n v="200"/>
    <n v="81.75"/>
    <s v=""/>
    <n v="16350"/>
    <s v=""/>
    <s v=""/>
    <s v=""/>
    <s v=""/>
    <s v=""/>
    <s v=""/>
    <s v=""/>
    <s v=""/>
    <s v=""/>
    <s v=""/>
    <s v=""/>
    <s v=""/>
    <s v=""/>
    <s v=""/>
    <s v=""/>
    <s v=""/>
    <s v=""/>
    <s v=""/>
    <s v=""/>
    <s v=""/>
    <s v=""/>
    <s v=""/>
    <s v=""/>
    <s v=""/>
    <s v=""/>
    <s v=""/>
    <s v=""/>
    <s v=""/>
    <s v=""/>
    <m/>
    <s v="Provision of new facilities in the Tring Area. Refer to Local Football Facilities Plan and Leisure Strategy. Changing room to be provided at each sport venue. "/>
    <s v="Sports England caluclator"/>
  </r>
  <r>
    <n v="216"/>
    <x v="1"/>
    <s v="Sports and Leisure"/>
    <s v="Changing rooms for AGPs"/>
    <s v="Contributions to new provision and facilities in the Hemel Area. Refer to Local Football Facilities Plan and Leisure Strategy "/>
    <s v="Contributions towards (0.12sqm)  changing room to be provided at each  sport venue"/>
    <x v="1"/>
    <x v="16"/>
    <x v="2"/>
    <x v="17"/>
    <x v="12"/>
    <s v="N/A"/>
    <s v="N/A"/>
    <n v="24527"/>
    <n v="24527"/>
    <s v="S106/CIL"/>
    <s v="Important"/>
    <m/>
    <m/>
    <m/>
    <m/>
    <s v="Yes"/>
    <m/>
    <m/>
    <m/>
    <m/>
    <m/>
    <m/>
    <m/>
    <m/>
    <m/>
    <m/>
    <m/>
    <m/>
    <m/>
    <m/>
    <m/>
    <m/>
    <m/>
    <m/>
    <m/>
    <m/>
    <m/>
    <m/>
    <m/>
    <m/>
    <m/>
    <m/>
    <n v="300"/>
    <n v="81.756666666666661"/>
    <s v=""/>
    <s v=""/>
    <s v=""/>
    <s v=""/>
    <n v="24527"/>
    <s v=""/>
    <s v=""/>
    <s v=""/>
    <s v=""/>
    <s v=""/>
    <s v=""/>
    <s v=""/>
    <s v=""/>
    <s v=""/>
    <s v=""/>
    <s v=""/>
    <s v=""/>
    <s v=""/>
    <s v=""/>
    <s v=""/>
    <s v=""/>
    <s v=""/>
    <s v=""/>
    <s v=""/>
    <s v=""/>
    <s v=""/>
    <s v=""/>
    <s v=""/>
    <s v=""/>
    <s v=""/>
    <s v=""/>
    <m/>
    <s v="Provision of new facilities in the Tring Area. Refer to Local Football Facilities Plan and Leisure Strategy. Changing room to be provided at each sport venue. "/>
    <s v="Sports England caluclator"/>
  </r>
  <r>
    <n v="217"/>
    <x v="1"/>
    <s v="Sports and Leisure"/>
    <s v="Changing rooms for AGPs"/>
    <s v="Contributions to new provision and facilities in the Hemel Area. Refer to Local Football Facilities Plan and Leisure Strategy "/>
    <s v="Contributions towards (0.04sqm)  changing room to be provided at each  sport venue"/>
    <x v="1"/>
    <x v="26"/>
    <x v="2"/>
    <x v="17"/>
    <x v="27"/>
    <s v="N/A"/>
    <s v="N/A"/>
    <n v="8176"/>
    <n v="8176"/>
    <s v="S106/CIL"/>
    <s v="Important"/>
    <m/>
    <m/>
    <m/>
    <m/>
    <m/>
    <m/>
    <s v="Yes"/>
    <m/>
    <m/>
    <m/>
    <m/>
    <m/>
    <m/>
    <m/>
    <m/>
    <m/>
    <m/>
    <m/>
    <m/>
    <m/>
    <m/>
    <m/>
    <m/>
    <m/>
    <m/>
    <m/>
    <m/>
    <m/>
    <m/>
    <m/>
    <m/>
    <n v="100"/>
    <n v="81.760000000000005"/>
    <s v=""/>
    <s v=""/>
    <s v=""/>
    <s v=""/>
    <s v=""/>
    <s v=""/>
    <n v="8176.0000000000009"/>
    <s v=""/>
    <s v=""/>
    <s v=""/>
    <s v=""/>
    <s v=""/>
    <s v=""/>
    <s v=""/>
    <s v=""/>
    <s v=""/>
    <s v=""/>
    <s v=""/>
    <s v=""/>
    <s v=""/>
    <s v=""/>
    <s v=""/>
    <s v=""/>
    <s v=""/>
    <s v=""/>
    <s v=""/>
    <s v=""/>
    <s v=""/>
    <s v=""/>
    <s v=""/>
    <s v=""/>
    <m/>
    <s v="Provision of new facilities in the Tring Area. Refer to Local Football Facilities Plan and Leisure Strategy. Changing room to be provided at each sport venue. "/>
    <s v="Sports England caluclator"/>
  </r>
  <r>
    <n v="218"/>
    <x v="1"/>
    <s v="Sports and Leisure"/>
    <s v="Changing rooms for AGPs"/>
    <s v="Contributions to new provision and facilities in the Hemel Area. Refer to Local Football Facilities Plan and Leisure Strategy "/>
    <s v="Contributions towards (0.16sqm)  changing room to be provided at each  sport venue"/>
    <x v="1"/>
    <x v="27"/>
    <x v="2"/>
    <x v="17"/>
    <x v="28"/>
    <s v="N/A"/>
    <s v="N/A"/>
    <n v="31881"/>
    <n v="31881"/>
    <s v="S106/CIL"/>
    <s v="Important"/>
    <m/>
    <m/>
    <m/>
    <m/>
    <m/>
    <m/>
    <m/>
    <s v="Yes"/>
    <m/>
    <m/>
    <m/>
    <m/>
    <m/>
    <m/>
    <m/>
    <m/>
    <m/>
    <m/>
    <m/>
    <m/>
    <m/>
    <m/>
    <m/>
    <m/>
    <m/>
    <m/>
    <m/>
    <m/>
    <m/>
    <m/>
    <m/>
    <n v="390"/>
    <n v="81.746153846153845"/>
    <s v=""/>
    <s v=""/>
    <s v=""/>
    <s v=""/>
    <s v=""/>
    <s v=""/>
    <s v=""/>
    <n v="31881"/>
    <s v=""/>
    <s v=""/>
    <s v=""/>
    <s v=""/>
    <s v=""/>
    <s v=""/>
    <s v=""/>
    <s v=""/>
    <s v=""/>
    <s v=""/>
    <s v=""/>
    <s v=""/>
    <s v=""/>
    <s v=""/>
    <s v=""/>
    <s v=""/>
    <s v=""/>
    <s v=""/>
    <s v=""/>
    <s v=""/>
    <s v=""/>
    <s v=""/>
    <s v=""/>
    <m/>
    <s v="Provision of new facilities in the Tring Area. Refer to Local Football Facilities Plan and Leisure Strategy. Changing room to be provided at each sport venue. "/>
    <s v="Sports England caluclator"/>
  </r>
  <r>
    <n v="219"/>
    <x v="1"/>
    <s v="Sports and Leisure"/>
    <s v="Changing rooms for AGPs"/>
    <s v="Contributions to new provision and facilities in the Hemel Area. Refer to Local Football Facilities Plan and Leisure Strategy "/>
    <s v="Contributions towards (0.19sqm)  changing room to be provided at each  sport venue"/>
    <x v="1"/>
    <x v="41"/>
    <x v="2"/>
    <x v="17"/>
    <x v="10"/>
    <s v="N/A"/>
    <s v="N/A"/>
    <n v="39238"/>
    <n v="39238"/>
    <s v="S106/CIL"/>
    <s v="Important"/>
    <m/>
    <m/>
    <m/>
    <m/>
    <m/>
    <s v="Yes"/>
    <m/>
    <m/>
    <m/>
    <m/>
    <m/>
    <m/>
    <m/>
    <m/>
    <m/>
    <m/>
    <m/>
    <m/>
    <m/>
    <m/>
    <m/>
    <m/>
    <m/>
    <m/>
    <m/>
    <m/>
    <m/>
    <m/>
    <m/>
    <m/>
    <m/>
    <n v="480"/>
    <n v="81.745833333333337"/>
    <s v=""/>
    <s v=""/>
    <s v=""/>
    <s v=""/>
    <s v=""/>
    <n v="39238"/>
    <s v=""/>
    <s v=""/>
    <s v=""/>
    <s v=""/>
    <s v=""/>
    <s v=""/>
    <s v=""/>
    <s v=""/>
    <s v=""/>
    <s v=""/>
    <s v=""/>
    <s v=""/>
    <s v=""/>
    <s v=""/>
    <s v=""/>
    <s v=""/>
    <s v=""/>
    <s v=""/>
    <s v=""/>
    <s v=""/>
    <s v=""/>
    <s v=""/>
    <s v=""/>
    <s v=""/>
    <s v=""/>
    <m/>
    <s v="Provision of new facilities in the Tring Area. Refer to Local Football Facilities Plan and Leisure Strategy. Changing room to be provided at each sport venue. "/>
    <s v="Sports England caluclator"/>
  </r>
  <r>
    <n v="220"/>
    <x v="1"/>
    <s v="Sports and Leisure"/>
    <s v="Changing rooms for AGPs"/>
    <s v="Contributions to new provision and facilities in the Hemel Area. Refer to Local Football Facilities Plan and Leisure Strategy "/>
    <s v="Contributions towards (0.20sqm)  changing room to be provided at each  sport venue"/>
    <x v="1"/>
    <x v="17"/>
    <x v="2"/>
    <x v="17"/>
    <x v="13"/>
    <s v="N/A"/>
    <s v="N/A"/>
    <n v="40877.249544133752"/>
    <n v="40877.249544133752"/>
    <s v="S106/CIL"/>
    <s v="Important"/>
    <m/>
    <m/>
    <m/>
    <m/>
    <m/>
    <m/>
    <m/>
    <m/>
    <s v="Yes"/>
    <m/>
    <m/>
    <m/>
    <m/>
    <m/>
    <m/>
    <m/>
    <m/>
    <m/>
    <m/>
    <m/>
    <m/>
    <m/>
    <m/>
    <m/>
    <m/>
    <m/>
    <m/>
    <m/>
    <m/>
    <m/>
    <m/>
    <n v="500"/>
    <n v="81.754499088267508"/>
    <s v=""/>
    <s v=""/>
    <s v=""/>
    <s v=""/>
    <s v=""/>
    <s v=""/>
    <s v=""/>
    <s v=""/>
    <n v="40877.249544133752"/>
    <s v=""/>
    <s v=""/>
    <s v=""/>
    <s v=""/>
    <s v=""/>
    <s v=""/>
    <s v=""/>
    <s v=""/>
    <s v=""/>
    <s v=""/>
    <s v=""/>
    <s v=""/>
    <s v=""/>
    <s v=""/>
    <s v=""/>
    <s v=""/>
    <s v=""/>
    <s v=""/>
    <s v=""/>
    <s v=""/>
    <s v=""/>
    <s v=""/>
    <m/>
    <m/>
    <m/>
  </r>
  <r>
    <n v="221"/>
    <x v="1"/>
    <s v="Sports and Leisure"/>
    <s v="Changing rooms for AGPs"/>
    <s v="Contributions to new provision and facilities in the Hemel Area. Refer to Local Football Facilities Plan and Leisure Strategy "/>
    <s v="Contributions towards (0.09sqm)  changing room to be provided at each  sport venue"/>
    <x v="1"/>
    <x v="29"/>
    <x v="2"/>
    <x v="17"/>
    <x v="2"/>
    <s v="N/A"/>
    <s v="N/A"/>
    <n v="19136.934537342702"/>
    <n v="19136.934537342702"/>
    <s v="S106/CIL"/>
    <s v="Important"/>
    <m/>
    <m/>
    <m/>
    <m/>
    <m/>
    <m/>
    <m/>
    <m/>
    <m/>
    <m/>
    <m/>
    <m/>
    <s v="Yes"/>
    <m/>
    <m/>
    <m/>
    <m/>
    <m/>
    <m/>
    <m/>
    <m/>
    <m/>
    <m/>
    <m/>
    <m/>
    <m/>
    <m/>
    <m/>
    <m/>
    <m/>
    <m/>
    <n v="234"/>
    <n v="81.781771527105562"/>
    <s v=""/>
    <s v=""/>
    <s v=""/>
    <s v=""/>
    <s v=""/>
    <s v=""/>
    <s v=""/>
    <s v=""/>
    <s v=""/>
    <s v=""/>
    <s v=""/>
    <s v=""/>
    <n v="19136.934537342702"/>
    <s v=""/>
    <s v=""/>
    <s v=""/>
    <s v=""/>
    <s v=""/>
    <s v=""/>
    <s v=""/>
    <s v=""/>
    <s v=""/>
    <s v=""/>
    <s v=""/>
    <s v=""/>
    <s v=""/>
    <s v=""/>
    <s v=""/>
    <s v=""/>
    <s v=""/>
    <s v=""/>
    <m/>
    <m/>
    <m/>
  </r>
  <r>
    <n v="222"/>
    <x v="1"/>
    <s v="Sports and Leisure"/>
    <s v="Changing rooms for AGPs"/>
    <s v="Contributions to new provision and facilities in the Hemel Area. Refer to Local Football Facilities Plan and Leisure Strategy "/>
    <s v="Contributions towards (0.20sqm)  changing room to be provided at each  sport venue"/>
    <x v="1"/>
    <x v="3"/>
    <x v="2"/>
    <x v="17"/>
    <x v="5"/>
    <s v="N/A"/>
    <s v="N/A"/>
    <n v="40877.249544133752"/>
    <n v="40877.249544133752"/>
    <s v="S106/CIL"/>
    <s v="Important"/>
    <m/>
    <m/>
    <m/>
    <m/>
    <m/>
    <m/>
    <m/>
    <m/>
    <m/>
    <s v="Yes"/>
    <m/>
    <m/>
    <m/>
    <m/>
    <m/>
    <m/>
    <m/>
    <m/>
    <m/>
    <m/>
    <m/>
    <m/>
    <m/>
    <m/>
    <m/>
    <m/>
    <m/>
    <m/>
    <m/>
    <m/>
    <m/>
    <n v="500"/>
    <n v="81.754499088267508"/>
    <s v=""/>
    <s v=""/>
    <s v=""/>
    <s v=""/>
    <s v=""/>
    <s v=""/>
    <s v=""/>
    <s v=""/>
    <s v=""/>
    <n v="40877.249544133752"/>
    <s v=""/>
    <s v=""/>
    <s v=""/>
    <s v=""/>
    <s v=""/>
    <s v=""/>
    <s v=""/>
    <s v=""/>
    <s v=""/>
    <s v=""/>
    <s v=""/>
    <s v=""/>
    <s v=""/>
    <s v=""/>
    <s v=""/>
    <s v=""/>
    <s v=""/>
    <s v=""/>
    <s v=""/>
    <s v=""/>
    <s v=""/>
    <m/>
    <m/>
    <m/>
  </r>
  <r>
    <n v="223"/>
    <x v="1"/>
    <s v="Sports and Leisure"/>
    <s v="Changing rooms for AGPs"/>
    <s v="Contributions to new provision and facilities in the Hemel Area. Refer to Local Football Facilities Plan and Leisure Strategy "/>
    <s v="Contributions towards (0.30sqm)  changing room to be provided at each  sport venue"/>
    <x v="1"/>
    <x v="7"/>
    <x v="2"/>
    <x v="17"/>
    <x v="29"/>
    <s v="N/A"/>
    <s v="N/A"/>
    <n v="61312.289808847534"/>
    <n v="61312.289808847534"/>
    <s v="S106/CIL"/>
    <s v="Important"/>
    <m/>
    <m/>
    <m/>
    <m/>
    <m/>
    <m/>
    <m/>
    <m/>
    <m/>
    <m/>
    <s v="Yes"/>
    <m/>
    <m/>
    <m/>
    <m/>
    <m/>
    <m/>
    <m/>
    <m/>
    <m/>
    <m/>
    <m/>
    <m/>
    <m/>
    <m/>
    <m/>
    <m/>
    <m/>
    <m/>
    <m/>
    <m/>
    <n v="750"/>
    <n v="81.749719745130051"/>
    <s v=""/>
    <s v=""/>
    <s v=""/>
    <s v=""/>
    <s v=""/>
    <s v=""/>
    <s v=""/>
    <s v=""/>
    <s v=""/>
    <s v=""/>
    <n v="61312.289808847541"/>
    <s v=""/>
    <s v=""/>
    <s v=""/>
    <s v=""/>
    <s v=""/>
    <s v=""/>
    <s v=""/>
    <s v=""/>
    <s v=""/>
    <s v=""/>
    <s v=""/>
    <s v=""/>
    <s v=""/>
    <s v=""/>
    <s v=""/>
    <s v=""/>
    <s v=""/>
    <s v=""/>
    <s v=""/>
    <s v=""/>
    <m/>
    <m/>
    <m/>
  </r>
  <r>
    <n v="224"/>
    <x v="1"/>
    <s v="Sports and Leisure"/>
    <s v="Changing rooms for AGPs"/>
    <s v="Contributions to new provision and facilities in the Hemel Area. Refer to Local Football Facilities Plan and Leisure Strategy "/>
    <s v="Contributions towards (0.14sqm)  changing room to be provided at each  sport venue"/>
    <x v="1"/>
    <x v="9"/>
    <x v="2"/>
    <x v="17"/>
    <x v="10"/>
    <s v="N/A"/>
    <s v="N/A"/>
    <n v="28614.409958917553"/>
    <n v="28614.409958917553"/>
    <s v="S106/CIL"/>
    <s v="Important"/>
    <m/>
    <m/>
    <m/>
    <m/>
    <m/>
    <m/>
    <m/>
    <m/>
    <m/>
    <m/>
    <m/>
    <m/>
    <m/>
    <s v="Yes"/>
    <m/>
    <m/>
    <m/>
    <m/>
    <m/>
    <m/>
    <m/>
    <m/>
    <m/>
    <m/>
    <m/>
    <m/>
    <m/>
    <m/>
    <m/>
    <m/>
    <m/>
    <n v="350"/>
    <n v="81.755457025478719"/>
    <s v=""/>
    <s v=""/>
    <s v=""/>
    <s v=""/>
    <s v=""/>
    <s v=""/>
    <s v=""/>
    <s v=""/>
    <s v=""/>
    <s v=""/>
    <s v=""/>
    <s v=""/>
    <s v=""/>
    <n v="28614.409958917553"/>
    <s v=""/>
    <s v=""/>
    <s v=""/>
    <s v=""/>
    <s v=""/>
    <s v=""/>
    <s v=""/>
    <s v=""/>
    <s v=""/>
    <s v=""/>
    <s v=""/>
    <s v=""/>
    <s v=""/>
    <s v=""/>
    <s v=""/>
    <s v=""/>
    <s v=""/>
    <m/>
    <m/>
    <m/>
  </r>
  <r>
    <n v="225"/>
    <x v="1"/>
    <s v="Sports and Leisure"/>
    <s v="Changing rooms for AGPs"/>
    <s v="Contributions to new provision and facilities in the Hemel Area. Refer to Local Football Facilities Plan and Leisure Strategy "/>
    <s v="Contributions towards (0.04sqm)  changing room to be provided at each  sport venue"/>
    <x v="1"/>
    <x v="31"/>
    <x v="2"/>
    <x v="17"/>
    <x v="30"/>
    <s v="N/A"/>
    <s v="N/A"/>
    <n v="7362.4970431627389"/>
    <n v="7362.4970431627389"/>
    <s v="S106/CIL"/>
    <s v="Important"/>
    <m/>
    <m/>
    <m/>
    <m/>
    <m/>
    <m/>
    <m/>
    <m/>
    <m/>
    <m/>
    <m/>
    <m/>
    <m/>
    <m/>
    <s v="Yes"/>
    <m/>
    <m/>
    <m/>
    <m/>
    <m/>
    <m/>
    <m/>
    <m/>
    <m/>
    <m/>
    <m/>
    <m/>
    <m/>
    <m/>
    <m/>
    <m/>
    <n v="90"/>
    <n v="81.805522701808215"/>
    <s v=""/>
    <s v=""/>
    <s v=""/>
    <s v=""/>
    <s v=""/>
    <s v=""/>
    <s v=""/>
    <s v=""/>
    <s v=""/>
    <s v=""/>
    <s v=""/>
    <s v=""/>
    <s v=""/>
    <s v=""/>
    <n v="7362.4970431627389"/>
    <s v=""/>
    <s v=""/>
    <s v=""/>
    <s v=""/>
    <s v=""/>
    <s v=""/>
    <s v=""/>
    <s v=""/>
    <s v=""/>
    <s v=""/>
    <s v=""/>
    <s v=""/>
    <s v=""/>
    <s v=""/>
    <s v=""/>
    <s v=""/>
    <m/>
    <m/>
    <m/>
  </r>
  <r>
    <n v="226"/>
    <x v="1"/>
    <s v="Sports and Leisure"/>
    <s v="Changing rooms for AGPs"/>
    <s v="Contributions to new provision and facilities in the Hemel Area. Refer to Local Football Facilities Plan and Leisure Strategy "/>
    <s v="Contributions towards (0.03sqm)  changing room to be provided at each  sport venue"/>
    <x v="1"/>
    <x v="32"/>
    <x v="2"/>
    <x v="17"/>
    <x v="26"/>
    <s v="N/A"/>
    <s v="N/A"/>
    <n v="6542.2167403967242"/>
    <n v="6542.2167403967242"/>
    <s v="S106/CIL"/>
    <s v="Important"/>
    <m/>
    <m/>
    <m/>
    <m/>
    <m/>
    <m/>
    <m/>
    <m/>
    <m/>
    <m/>
    <m/>
    <m/>
    <m/>
    <m/>
    <m/>
    <s v="Yes"/>
    <m/>
    <m/>
    <m/>
    <m/>
    <m/>
    <m/>
    <m/>
    <m/>
    <m/>
    <m/>
    <m/>
    <m/>
    <m/>
    <m/>
    <m/>
    <n v="80"/>
    <n v="81.777709254959049"/>
    <s v=""/>
    <s v=""/>
    <s v=""/>
    <s v=""/>
    <s v=""/>
    <s v=""/>
    <s v=""/>
    <s v=""/>
    <s v=""/>
    <s v=""/>
    <s v=""/>
    <s v=""/>
    <s v=""/>
    <s v=""/>
    <s v=""/>
    <n v="6542.2167403967242"/>
    <s v=""/>
    <s v=""/>
    <s v=""/>
    <s v=""/>
    <s v=""/>
    <s v=""/>
    <s v=""/>
    <s v=""/>
    <s v=""/>
    <s v=""/>
    <s v=""/>
    <s v=""/>
    <s v=""/>
    <s v=""/>
    <s v=""/>
    <m/>
    <m/>
    <m/>
  </r>
  <r>
    <n v="227"/>
    <x v="1"/>
    <s v="Sports and Leisure"/>
    <s v="Changing rooms for AGPs"/>
    <s v="Contributions to new provision and facilities in the Hemel Area. Refer to Local Football Facilities Plan and Leisure Strategy "/>
    <s v="Contributions towards (0.08sqm)  changing room to be provided at each  sport venue"/>
    <x v="1"/>
    <x v="33"/>
    <x v="2"/>
    <x v="17"/>
    <x v="31"/>
    <s v="N/A"/>
    <s v="N/A"/>
    <n v="16349.866620361554"/>
    <n v="16349.866620361554"/>
    <s v="S106/CIL"/>
    <s v="Important"/>
    <m/>
    <m/>
    <m/>
    <m/>
    <m/>
    <m/>
    <m/>
    <m/>
    <m/>
    <m/>
    <m/>
    <s v="Yes"/>
    <m/>
    <m/>
    <m/>
    <m/>
    <m/>
    <m/>
    <m/>
    <m/>
    <m/>
    <m/>
    <m/>
    <m/>
    <m/>
    <m/>
    <m/>
    <m/>
    <m/>
    <m/>
    <m/>
    <n v="200"/>
    <n v="81.749333101807764"/>
    <s v=""/>
    <s v=""/>
    <s v=""/>
    <s v=""/>
    <s v=""/>
    <s v=""/>
    <s v=""/>
    <s v=""/>
    <s v=""/>
    <s v=""/>
    <s v=""/>
    <n v="16349.866620361552"/>
    <s v=""/>
    <s v=""/>
    <s v=""/>
    <s v=""/>
    <s v=""/>
    <s v=""/>
    <s v=""/>
    <s v=""/>
    <s v=""/>
    <s v=""/>
    <s v=""/>
    <s v=""/>
    <s v=""/>
    <s v=""/>
    <s v=""/>
    <s v=""/>
    <s v=""/>
    <s v=""/>
    <s v=""/>
    <m/>
    <m/>
    <m/>
  </r>
  <r>
    <n v="228"/>
    <x v="1"/>
    <s v="Sports and Leisure"/>
    <s v="Leisure swimming pools"/>
    <s v="Number of swimming pools"/>
    <s v="Contributions towards 0.05sqm of new swimming pools across the borough"/>
    <x v="11"/>
    <x v="4"/>
    <x v="2"/>
    <x v="17"/>
    <x v="15"/>
    <s v="N/A"/>
    <s v="N/A"/>
    <n v="216378"/>
    <n v="216378"/>
    <s v="S106/CIL"/>
    <s v="Important"/>
    <s v="Yes"/>
    <m/>
    <m/>
    <m/>
    <m/>
    <m/>
    <m/>
    <m/>
    <m/>
    <m/>
    <m/>
    <m/>
    <m/>
    <m/>
    <m/>
    <m/>
    <m/>
    <m/>
    <m/>
    <m/>
    <m/>
    <m/>
    <m/>
    <m/>
    <m/>
    <m/>
    <m/>
    <m/>
    <m/>
    <m/>
    <m/>
    <n v="1500"/>
    <n v="144.25200000000001"/>
    <n v="216378"/>
    <s v=""/>
    <s v=""/>
    <s v=""/>
    <s v=""/>
    <s v=""/>
    <s v=""/>
    <s v=""/>
    <s v=""/>
    <s v=""/>
    <s v=""/>
    <s v=""/>
    <s v=""/>
    <s v=""/>
    <s v=""/>
    <s v=""/>
    <s v=""/>
    <s v=""/>
    <s v=""/>
    <s v=""/>
    <s v=""/>
    <s v=""/>
    <s v=""/>
    <s v=""/>
    <s v=""/>
    <s v=""/>
    <s v=""/>
    <s v=""/>
    <s v=""/>
    <s v=""/>
    <s v=""/>
    <m/>
    <s v="Refer to the Leisure Strategy "/>
    <s v="Sports England caluclator"/>
  </r>
  <r>
    <n v="229"/>
    <x v="1"/>
    <s v="Sports and Leisure"/>
    <s v="Leisure swimming pools"/>
    <s v="Number of swimming pools"/>
    <s v="Contributions towards 0.03sqm of new swimming pools. Refer to Leisure Strategy."/>
    <x v="3"/>
    <x v="6"/>
    <x v="2"/>
    <x v="17"/>
    <x v="21"/>
    <s v="N/A"/>
    <s v="N/A"/>
    <n v="127131"/>
    <n v="127131"/>
    <s v="S106/CIL"/>
    <s v="Important"/>
    <m/>
    <m/>
    <m/>
    <m/>
    <m/>
    <m/>
    <m/>
    <m/>
    <m/>
    <m/>
    <m/>
    <m/>
    <m/>
    <m/>
    <m/>
    <m/>
    <m/>
    <m/>
    <m/>
    <m/>
    <m/>
    <s v="Yes"/>
    <m/>
    <m/>
    <m/>
    <m/>
    <m/>
    <m/>
    <m/>
    <m/>
    <m/>
    <n v="250"/>
    <n v="508.524"/>
    <s v=""/>
    <s v=""/>
    <s v=""/>
    <s v=""/>
    <s v=""/>
    <s v=""/>
    <s v=""/>
    <s v=""/>
    <s v=""/>
    <s v=""/>
    <s v=""/>
    <s v=""/>
    <s v=""/>
    <s v=""/>
    <s v=""/>
    <s v=""/>
    <s v=""/>
    <s v=""/>
    <s v=""/>
    <s v=""/>
    <s v=""/>
    <n v="127131"/>
    <s v=""/>
    <s v=""/>
    <s v=""/>
    <s v=""/>
    <s v=""/>
    <s v=""/>
    <s v=""/>
    <s v=""/>
    <s v=""/>
    <m/>
    <s v="Refer to the Leisure Strategy "/>
    <s v="Sports England caluclator"/>
  </r>
  <r>
    <n v="230"/>
    <x v="1"/>
    <s v="Sports and Leisure"/>
    <s v="Leisure swimming pools"/>
    <s v="Number of swimming pools"/>
    <s v="Contributions towards 0.05sqm of new swimming pools. Refer to Leisure Strategy."/>
    <x v="3"/>
    <x v="21"/>
    <x v="2"/>
    <x v="17"/>
    <x v="22"/>
    <s v="N/A"/>
    <s v="N/A"/>
    <n v="225542"/>
    <n v="225542"/>
    <s v="S106/CIL"/>
    <s v="Important"/>
    <m/>
    <m/>
    <m/>
    <m/>
    <m/>
    <m/>
    <m/>
    <m/>
    <m/>
    <m/>
    <m/>
    <m/>
    <m/>
    <m/>
    <m/>
    <m/>
    <m/>
    <m/>
    <m/>
    <m/>
    <m/>
    <m/>
    <s v="Yes"/>
    <m/>
    <m/>
    <m/>
    <m/>
    <m/>
    <m/>
    <m/>
    <m/>
    <n v="400"/>
    <n v="563.85500000000002"/>
    <s v=""/>
    <s v=""/>
    <s v=""/>
    <s v=""/>
    <s v=""/>
    <s v=""/>
    <s v=""/>
    <s v=""/>
    <s v=""/>
    <s v=""/>
    <s v=""/>
    <s v=""/>
    <s v=""/>
    <s v=""/>
    <s v=""/>
    <s v=""/>
    <s v=""/>
    <s v=""/>
    <s v=""/>
    <s v=""/>
    <s v=""/>
    <s v=""/>
    <n v="225542"/>
    <s v=""/>
    <s v=""/>
    <s v=""/>
    <s v=""/>
    <s v=""/>
    <s v=""/>
    <s v=""/>
    <s v=""/>
    <m/>
    <s v="Refer to the Leisure Strategy "/>
    <s v="Sports England caluclator"/>
  </r>
  <r>
    <n v="231"/>
    <x v="1"/>
    <s v="Sports and Leisure"/>
    <s v="Leisure swimming pools"/>
    <s v="Number of swimming pools"/>
    <s v="Contributions towards 0.17sqm of new swimming pools. Refer to Leisure Strategy."/>
    <x v="3"/>
    <x v="8"/>
    <x v="2"/>
    <x v="17"/>
    <x v="7"/>
    <s v="N/A"/>
    <s v="N/A"/>
    <n v="789392"/>
    <n v="789392"/>
    <s v="S106/CIL"/>
    <s v="Important"/>
    <m/>
    <m/>
    <m/>
    <m/>
    <m/>
    <m/>
    <m/>
    <m/>
    <m/>
    <m/>
    <m/>
    <m/>
    <m/>
    <m/>
    <m/>
    <m/>
    <m/>
    <m/>
    <m/>
    <m/>
    <m/>
    <m/>
    <m/>
    <s v="Yes"/>
    <m/>
    <m/>
    <m/>
    <m/>
    <m/>
    <m/>
    <m/>
    <n v="1400"/>
    <n v="563.85142857142853"/>
    <s v=""/>
    <s v=""/>
    <s v=""/>
    <s v=""/>
    <s v=""/>
    <s v=""/>
    <s v=""/>
    <s v=""/>
    <s v=""/>
    <s v=""/>
    <s v=""/>
    <s v=""/>
    <s v=""/>
    <s v=""/>
    <s v=""/>
    <s v=""/>
    <s v=""/>
    <s v=""/>
    <s v=""/>
    <s v=""/>
    <s v=""/>
    <s v=""/>
    <s v=""/>
    <n v="789391.99999999988"/>
    <s v=""/>
    <s v=""/>
    <s v=""/>
    <s v=""/>
    <s v=""/>
    <s v=""/>
    <s v=""/>
    <m/>
    <s v="Refer to the Leisure Strategy "/>
    <s v="Sports England caluclator"/>
  </r>
  <r>
    <n v="232"/>
    <x v="1"/>
    <s v="Sports and Leisure"/>
    <s v="Leisure swimming pools"/>
    <s v="Number of swimming pools"/>
    <s v="Contributions towards 0.02sqm of new swimming pools. Refer to Leisure Strategy."/>
    <x v="3"/>
    <x v="22"/>
    <x v="2"/>
    <x v="17"/>
    <x v="15"/>
    <s v="N/A"/>
    <s v="N/A"/>
    <n v="113420"/>
    <n v="113420"/>
    <s v="S106/CIL"/>
    <s v="Important"/>
    <m/>
    <m/>
    <m/>
    <m/>
    <m/>
    <m/>
    <m/>
    <m/>
    <m/>
    <m/>
    <m/>
    <m/>
    <m/>
    <m/>
    <m/>
    <m/>
    <m/>
    <m/>
    <m/>
    <m/>
    <m/>
    <m/>
    <m/>
    <m/>
    <s v="Yes"/>
    <m/>
    <m/>
    <m/>
    <m/>
    <m/>
    <m/>
    <n v="201"/>
    <n v="564.27860696517416"/>
    <s v=""/>
    <s v=""/>
    <s v=""/>
    <s v=""/>
    <s v=""/>
    <s v=""/>
    <s v=""/>
    <s v=""/>
    <s v=""/>
    <s v=""/>
    <s v=""/>
    <s v=""/>
    <s v=""/>
    <s v=""/>
    <s v=""/>
    <s v=""/>
    <s v=""/>
    <s v=""/>
    <s v=""/>
    <s v=""/>
    <s v=""/>
    <s v=""/>
    <s v=""/>
    <s v=""/>
    <n v="113420"/>
    <s v=""/>
    <s v=""/>
    <s v=""/>
    <s v=""/>
    <s v=""/>
    <s v=""/>
    <m/>
    <s v="Refer to the Leisure Strategy "/>
    <s v="Sports England caluclator"/>
  </r>
  <r>
    <n v="233"/>
    <x v="1"/>
    <s v="Sports and Leisure"/>
    <s v="Leisure swimming pools"/>
    <s v="Number of swimming pools"/>
    <s v="Contributions towards 0.1sqm of new swimming pools. Refer to Leisure Strategy."/>
    <x v="2"/>
    <x v="5"/>
    <x v="2"/>
    <x v="17"/>
    <x v="9"/>
    <s v="N/A"/>
    <s v="N/A"/>
    <n v="436985"/>
    <n v="436985"/>
    <s v="S106/CIL"/>
    <s v="Important"/>
    <m/>
    <m/>
    <m/>
    <m/>
    <m/>
    <m/>
    <m/>
    <m/>
    <m/>
    <m/>
    <m/>
    <m/>
    <m/>
    <m/>
    <m/>
    <m/>
    <m/>
    <s v="Yes"/>
    <m/>
    <m/>
    <m/>
    <m/>
    <m/>
    <m/>
    <m/>
    <m/>
    <m/>
    <m/>
    <m/>
    <m/>
    <m/>
    <n v="775"/>
    <n v="563.85161290322583"/>
    <s v=""/>
    <s v=""/>
    <s v=""/>
    <s v=""/>
    <s v=""/>
    <s v=""/>
    <s v=""/>
    <s v=""/>
    <s v=""/>
    <s v=""/>
    <s v=""/>
    <s v=""/>
    <s v=""/>
    <s v=""/>
    <s v=""/>
    <s v=""/>
    <s v=""/>
    <n v="436985"/>
    <s v=""/>
    <s v=""/>
    <s v=""/>
    <s v=""/>
    <s v=""/>
    <s v=""/>
    <s v=""/>
    <s v=""/>
    <s v=""/>
    <s v=""/>
    <s v=""/>
    <s v=""/>
    <s v=""/>
    <m/>
    <s v="Refer to the Leisure Strategy "/>
    <s v="Sports England caluclator"/>
  </r>
  <r>
    <n v="234"/>
    <x v="1"/>
    <s v="Sports and Leisure"/>
    <s v="Leisure swimming pools"/>
    <s v="Number of swimming pools"/>
    <s v="Contributions towards 0.01sqm of new swimming pools. Refer to Leisure Strategy."/>
    <x v="2"/>
    <x v="37"/>
    <x v="2"/>
    <x v="17"/>
    <x v="32"/>
    <s v="N/A"/>
    <s v="N/A"/>
    <n v="56385"/>
    <n v="56385"/>
    <s v="S106/CIL"/>
    <s v="Important"/>
    <m/>
    <m/>
    <m/>
    <m/>
    <m/>
    <m/>
    <m/>
    <m/>
    <m/>
    <m/>
    <m/>
    <m/>
    <m/>
    <m/>
    <m/>
    <m/>
    <m/>
    <m/>
    <m/>
    <s v="Yes"/>
    <m/>
    <m/>
    <m/>
    <m/>
    <m/>
    <m/>
    <m/>
    <m/>
    <m/>
    <m/>
    <m/>
    <n v="100"/>
    <n v="563.85"/>
    <s v=""/>
    <s v=""/>
    <s v=""/>
    <s v=""/>
    <s v=""/>
    <s v=""/>
    <s v=""/>
    <s v=""/>
    <s v=""/>
    <s v=""/>
    <s v=""/>
    <s v=""/>
    <s v=""/>
    <s v=""/>
    <s v=""/>
    <s v=""/>
    <s v=""/>
    <s v=""/>
    <s v=""/>
    <n v="56385"/>
    <s v=""/>
    <s v=""/>
    <s v=""/>
    <s v=""/>
    <s v=""/>
    <s v=""/>
    <s v=""/>
    <s v=""/>
    <s v=""/>
    <s v=""/>
    <s v=""/>
    <m/>
    <s v="Refer to the Leisure Strategy "/>
    <s v="Sports England caluclator"/>
  </r>
  <r>
    <n v="235"/>
    <x v="1"/>
    <s v="Sports and Leisure"/>
    <s v="Leisure swimming pools"/>
    <s v="Number of swimming pools"/>
    <s v="Contributions towards 0.01sqm of new swimming pools. Refer to Leisure Strategy."/>
    <x v="2"/>
    <x v="38"/>
    <x v="2"/>
    <x v="17"/>
    <x v="24"/>
    <s v="N/A"/>
    <s v="N/A"/>
    <n v="56385"/>
    <n v="56385"/>
    <s v="S106/CIL"/>
    <s v="Important"/>
    <m/>
    <m/>
    <m/>
    <m/>
    <m/>
    <m/>
    <m/>
    <m/>
    <m/>
    <m/>
    <m/>
    <m/>
    <m/>
    <m/>
    <m/>
    <m/>
    <m/>
    <m/>
    <s v="Yes"/>
    <m/>
    <m/>
    <m/>
    <m/>
    <m/>
    <m/>
    <m/>
    <m/>
    <m/>
    <m/>
    <m/>
    <m/>
    <n v="100"/>
    <n v="563.85"/>
    <s v=""/>
    <s v=""/>
    <s v=""/>
    <s v=""/>
    <s v=""/>
    <s v=""/>
    <s v=""/>
    <s v=""/>
    <s v=""/>
    <s v=""/>
    <s v=""/>
    <s v=""/>
    <s v=""/>
    <s v=""/>
    <s v=""/>
    <s v=""/>
    <s v=""/>
    <s v=""/>
    <n v="56385"/>
    <s v=""/>
    <s v=""/>
    <s v=""/>
    <s v=""/>
    <s v=""/>
    <s v=""/>
    <s v=""/>
    <s v=""/>
    <s v=""/>
    <s v=""/>
    <s v=""/>
    <s v=""/>
    <m/>
    <s v="Refer to the Leisure Strategy "/>
    <s v="Sports England caluclator"/>
  </r>
  <r>
    <n v="236"/>
    <x v="1"/>
    <s v="Sports and Leisure"/>
    <s v="Leisure swimming pools"/>
    <s v="Number of swimming pools"/>
    <s v="Contributions towards 0.04sqm of new swimming pools. Refer to Leisure Strategy."/>
    <x v="2"/>
    <x v="22"/>
    <x v="2"/>
    <x v="17"/>
    <x v="15"/>
    <s v="N/A"/>
    <s v="N/A"/>
    <n v="170330"/>
    <n v="170330"/>
    <s v="S106/CIL"/>
    <s v="Important"/>
    <m/>
    <m/>
    <m/>
    <m/>
    <m/>
    <m/>
    <m/>
    <m/>
    <m/>
    <m/>
    <m/>
    <m/>
    <m/>
    <m/>
    <m/>
    <m/>
    <m/>
    <m/>
    <m/>
    <m/>
    <s v="Yes"/>
    <m/>
    <m/>
    <m/>
    <m/>
    <m/>
    <m/>
    <m/>
    <m/>
    <m/>
    <m/>
    <n v="302"/>
    <n v="564.00662251655626"/>
    <s v=""/>
    <s v=""/>
    <s v=""/>
    <s v=""/>
    <s v=""/>
    <s v=""/>
    <s v=""/>
    <s v=""/>
    <s v=""/>
    <s v=""/>
    <s v=""/>
    <s v=""/>
    <s v=""/>
    <s v=""/>
    <s v=""/>
    <s v=""/>
    <s v=""/>
    <s v=""/>
    <s v=""/>
    <s v=""/>
    <n v="170330"/>
    <s v=""/>
    <s v=""/>
    <s v=""/>
    <s v=""/>
    <s v=""/>
    <s v=""/>
    <s v=""/>
    <s v=""/>
    <s v=""/>
    <s v=""/>
    <m/>
    <s v="Refer to the Leisure Strategy "/>
    <s v="Sports England caluclator"/>
  </r>
  <r>
    <n v="237"/>
    <x v="1"/>
    <s v="Sports and Leisure"/>
    <s v="Leisure swimming pools"/>
    <s v="Number of swimming pools"/>
    <s v="Contributions towards 0.01sqm of new swimming pools. Refer to Leisure Strategy."/>
    <x v="4"/>
    <x v="22"/>
    <x v="2"/>
    <x v="17"/>
    <x v="15"/>
    <s v="N/A"/>
    <s v="N/A"/>
    <n v="17385"/>
    <n v="17385"/>
    <s v="S106/CIL"/>
    <s v="Important"/>
    <m/>
    <m/>
    <m/>
    <m/>
    <m/>
    <m/>
    <m/>
    <m/>
    <m/>
    <m/>
    <m/>
    <m/>
    <m/>
    <m/>
    <m/>
    <m/>
    <m/>
    <m/>
    <m/>
    <m/>
    <m/>
    <m/>
    <m/>
    <m/>
    <m/>
    <m/>
    <s v="Yes"/>
    <m/>
    <m/>
    <m/>
    <m/>
    <n v="31"/>
    <n v="560.80645161290317"/>
    <s v=""/>
    <s v=""/>
    <s v=""/>
    <s v=""/>
    <s v=""/>
    <s v=""/>
    <s v=""/>
    <s v=""/>
    <s v=""/>
    <s v=""/>
    <s v=""/>
    <s v=""/>
    <s v=""/>
    <s v=""/>
    <s v=""/>
    <s v=""/>
    <s v=""/>
    <s v=""/>
    <s v=""/>
    <s v=""/>
    <s v=""/>
    <s v=""/>
    <s v=""/>
    <s v=""/>
    <s v=""/>
    <s v=""/>
    <n v="17385"/>
    <s v=""/>
    <s v=""/>
    <s v=""/>
    <s v=""/>
    <m/>
    <s v="Refer to the Leisure Strategy "/>
    <s v="Sports England caluclator"/>
  </r>
  <r>
    <n v="238"/>
    <x v="1"/>
    <s v="Sports and Leisure"/>
    <s v="Leisure swimming pools"/>
    <s v="Number of swimming pools"/>
    <s v="Contributions towards 0.03sqm of new swimming pools. Refer to Leisure Strategy."/>
    <x v="4"/>
    <x v="39"/>
    <x v="2"/>
    <x v="17"/>
    <x v="2"/>
    <s v="N/A"/>
    <s v="N/A"/>
    <n v="122403"/>
    <n v="122403"/>
    <s v="S106/CIL"/>
    <s v="Important"/>
    <m/>
    <m/>
    <m/>
    <m/>
    <m/>
    <m/>
    <m/>
    <m/>
    <m/>
    <m/>
    <m/>
    <m/>
    <m/>
    <m/>
    <m/>
    <m/>
    <m/>
    <m/>
    <m/>
    <m/>
    <m/>
    <m/>
    <m/>
    <m/>
    <m/>
    <s v="Yes"/>
    <m/>
    <m/>
    <m/>
    <m/>
    <m/>
    <n v="217"/>
    <n v="564.0691244239631"/>
    <s v=""/>
    <s v=""/>
    <s v=""/>
    <s v=""/>
    <s v=""/>
    <s v=""/>
    <s v=""/>
    <s v=""/>
    <s v=""/>
    <s v=""/>
    <s v=""/>
    <s v=""/>
    <s v=""/>
    <s v=""/>
    <s v=""/>
    <s v=""/>
    <s v=""/>
    <s v=""/>
    <s v=""/>
    <s v=""/>
    <s v=""/>
    <s v=""/>
    <s v=""/>
    <s v=""/>
    <s v=""/>
    <n v="122403"/>
    <s v=""/>
    <s v=""/>
    <s v=""/>
    <s v=""/>
    <s v=""/>
    <m/>
    <s v="Refer to the Leisure Strategy "/>
    <s v="Sports England caluclator"/>
  </r>
  <r>
    <n v="239"/>
    <x v="1"/>
    <s v="Sports and Leisure"/>
    <s v="Leisure swimming pools"/>
    <s v="Number of swimming pools"/>
    <s v="Contributions towards 0.01sqm of new swimming pools. Refer to Leisure Strategy."/>
    <x v="13"/>
    <x v="22"/>
    <x v="2"/>
    <x v="17"/>
    <x v="15"/>
    <s v="N/A"/>
    <s v="N/A"/>
    <n v="37825"/>
    <n v="37825"/>
    <s v="S106/CIL"/>
    <s v="Important"/>
    <m/>
    <m/>
    <m/>
    <m/>
    <m/>
    <m/>
    <m/>
    <m/>
    <m/>
    <m/>
    <m/>
    <m/>
    <m/>
    <m/>
    <m/>
    <m/>
    <m/>
    <m/>
    <m/>
    <m/>
    <m/>
    <m/>
    <m/>
    <m/>
    <m/>
    <m/>
    <m/>
    <s v="Yes"/>
    <m/>
    <m/>
    <m/>
    <n v="67"/>
    <n v="564.55223880597021"/>
    <s v=""/>
    <s v=""/>
    <s v=""/>
    <s v=""/>
    <s v=""/>
    <s v=""/>
    <s v=""/>
    <s v=""/>
    <s v=""/>
    <s v=""/>
    <s v=""/>
    <s v=""/>
    <s v=""/>
    <s v=""/>
    <s v=""/>
    <s v=""/>
    <s v=""/>
    <s v=""/>
    <s v=""/>
    <s v=""/>
    <s v=""/>
    <s v=""/>
    <s v=""/>
    <s v=""/>
    <s v=""/>
    <s v=""/>
    <s v=""/>
    <n v="37825.000000000007"/>
    <s v=""/>
    <s v=""/>
    <s v=""/>
    <m/>
    <s v="Refer to the Leisure Strategy "/>
    <s v="Sports England caluclator"/>
  </r>
  <r>
    <n v="240"/>
    <x v="1"/>
    <s v="Sports and Leisure"/>
    <s v="Leisure swimming pools"/>
    <s v="Number of swimming pools"/>
    <s v="Contributions towards 0.01sqm of new swimming pools. Refer to Leisure Strategy."/>
    <x v="5"/>
    <x v="35"/>
    <x v="2"/>
    <x v="17"/>
    <x v="15"/>
    <s v="N/A"/>
    <s v="N/A"/>
    <n v="17385"/>
    <n v="17385"/>
    <s v="S106/CIL"/>
    <s v="Important"/>
    <m/>
    <m/>
    <m/>
    <m/>
    <m/>
    <m/>
    <m/>
    <m/>
    <m/>
    <m/>
    <m/>
    <m/>
    <m/>
    <m/>
    <m/>
    <m/>
    <m/>
    <m/>
    <m/>
    <m/>
    <m/>
    <m/>
    <m/>
    <m/>
    <m/>
    <m/>
    <m/>
    <m/>
    <m/>
    <s v="Yes"/>
    <m/>
    <n v="31"/>
    <n v="560.80645161290317"/>
    <s v=""/>
    <s v=""/>
    <s v=""/>
    <s v=""/>
    <s v=""/>
    <s v=""/>
    <s v=""/>
    <s v=""/>
    <s v=""/>
    <s v=""/>
    <s v=""/>
    <s v=""/>
    <s v=""/>
    <s v=""/>
    <s v=""/>
    <s v=""/>
    <s v=""/>
    <s v=""/>
    <s v=""/>
    <s v=""/>
    <s v=""/>
    <s v=""/>
    <s v=""/>
    <s v=""/>
    <s v=""/>
    <s v=""/>
    <s v=""/>
    <s v=""/>
    <s v=""/>
    <n v="17385"/>
    <s v=""/>
    <m/>
    <s v="Refer to the Leisure Strategy "/>
    <s v="Sports England caluclator"/>
  </r>
  <r>
    <n v="241"/>
    <x v="1"/>
    <s v="Sports and Leisure"/>
    <s v="Leisure swimming pools"/>
    <s v="Number of swimming pools"/>
    <s v="Contributions towards 0.02sqm of new swimming pools. Refer to Leisure Strategy."/>
    <x v="5"/>
    <x v="40"/>
    <x v="2"/>
    <x v="17"/>
    <x v="33"/>
    <s v="N/A"/>
    <s v="N/A"/>
    <n v="84578"/>
    <n v="84578"/>
    <s v="S106/CIL"/>
    <s v="Important"/>
    <m/>
    <m/>
    <m/>
    <m/>
    <m/>
    <m/>
    <m/>
    <m/>
    <m/>
    <m/>
    <m/>
    <m/>
    <m/>
    <m/>
    <m/>
    <m/>
    <m/>
    <m/>
    <m/>
    <m/>
    <m/>
    <m/>
    <m/>
    <m/>
    <m/>
    <m/>
    <m/>
    <m/>
    <s v="Yes"/>
    <m/>
    <m/>
    <n v="150"/>
    <n v="563.85333333333335"/>
    <s v=""/>
    <s v=""/>
    <s v=""/>
    <s v=""/>
    <s v=""/>
    <s v=""/>
    <s v=""/>
    <s v=""/>
    <s v=""/>
    <s v=""/>
    <s v=""/>
    <s v=""/>
    <s v=""/>
    <s v=""/>
    <s v=""/>
    <s v=""/>
    <s v=""/>
    <s v=""/>
    <s v=""/>
    <s v=""/>
    <s v=""/>
    <s v=""/>
    <s v=""/>
    <s v=""/>
    <s v=""/>
    <s v=""/>
    <s v=""/>
    <s v=""/>
    <n v="84578"/>
    <s v=""/>
    <s v=""/>
    <m/>
    <s v="Refer to the Leisure Strategy "/>
    <s v="Sports England caluclator"/>
  </r>
  <r>
    <n v="242"/>
    <x v="1"/>
    <s v="Sports and Leisure"/>
    <s v="Leisure swimming pools"/>
    <s v="Number of swimming pools"/>
    <s v="Contributions towards 0.3sqm of new swimming pools. Refer to Leisure Strategy."/>
    <x v="1"/>
    <x v="35"/>
    <x v="2"/>
    <x v="17"/>
    <x v="15"/>
    <s v="N/A"/>
    <s v="N/A"/>
    <n v="1344786"/>
    <n v="1344786"/>
    <s v="S106/CIL"/>
    <s v="Important"/>
    <m/>
    <m/>
    <m/>
    <m/>
    <m/>
    <m/>
    <m/>
    <m/>
    <m/>
    <m/>
    <m/>
    <m/>
    <m/>
    <m/>
    <m/>
    <m/>
    <s v="Yes"/>
    <m/>
    <m/>
    <m/>
    <m/>
    <m/>
    <m/>
    <m/>
    <m/>
    <m/>
    <m/>
    <m/>
    <m/>
    <m/>
    <m/>
    <n v="2385"/>
    <n v="563.85157232704398"/>
    <s v=""/>
    <s v=""/>
    <s v=""/>
    <s v=""/>
    <s v=""/>
    <s v=""/>
    <s v=""/>
    <s v=""/>
    <s v=""/>
    <s v=""/>
    <s v=""/>
    <s v=""/>
    <s v=""/>
    <s v=""/>
    <s v=""/>
    <s v=""/>
    <n v="1344786"/>
    <s v=""/>
    <s v=""/>
    <s v=""/>
    <s v=""/>
    <s v=""/>
    <s v=""/>
    <s v=""/>
    <s v=""/>
    <s v=""/>
    <s v=""/>
    <s v=""/>
    <s v=""/>
    <s v=""/>
    <s v=""/>
    <m/>
    <s v="Refer to the Leisure Strategy "/>
    <s v="Sports England caluclator"/>
  </r>
  <r>
    <n v="243"/>
    <x v="1"/>
    <s v="Sports and Leisure"/>
    <s v="Leisure swimming pools"/>
    <s v="Number of swimming pools"/>
    <s v="Contributions towards 0.19sqm of new swimming pools. Refer to Leisure Strategy."/>
    <x v="14"/>
    <x v="14"/>
    <x v="2"/>
    <x v="17"/>
    <x v="1"/>
    <s v="N/A"/>
    <s v="N/A"/>
    <n v="845777"/>
    <n v="845777"/>
    <s v="S106/CIL"/>
    <s v="Important"/>
    <s v="Yes"/>
    <m/>
    <m/>
    <m/>
    <m/>
    <m/>
    <m/>
    <m/>
    <m/>
    <m/>
    <m/>
    <m/>
    <m/>
    <m/>
    <m/>
    <m/>
    <m/>
    <m/>
    <m/>
    <m/>
    <m/>
    <m/>
    <m/>
    <m/>
    <m/>
    <m/>
    <m/>
    <m/>
    <m/>
    <m/>
    <m/>
    <n v="1500"/>
    <n v="563.85133333333329"/>
    <n v="845776.99999999988"/>
    <s v=""/>
    <s v=""/>
    <s v=""/>
    <s v=""/>
    <s v=""/>
    <s v=""/>
    <s v=""/>
    <s v=""/>
    <s v=""/>
    <s v=""/>
    <s v=""/>
    <s v=""/>
    <s v=""/>
    <s v=""/>
    <s v=""/>
    <s v=""/>
    <s v=""/>
    <s v=""/>
    <s v=""/>
    <s v=""/>
    <s v=""/>
    <s v=""/>
    <s v=""/>
    <s v=""/>
    <s v=""/>
    <s v=""/>
    <s v=""/>
    <s v=""/>
    <s v=""/>
    <s v=""/>
    <m/>
    <s v="Refer to the Leisure Strategy "/>
    <s v="Sports England caluclator"/>
  </r>
  <r>
    <n v="244"/>
    <x v="1"/>
    <s v="Sports and Leisure"/>
    <s v="Leisure swimming pools"/>
    <s v="Number of swimming pools"/>
    <s v="Contributions towards 0.06sqm of new swimming pools. Refer to Leisure Strategy."/>
    <x v="14"/>
    <x v="43"/>
    <x v="2"/>
    <x v="17"/>
    <x v="15"/>
    <s v="N/A"/>
    <s v="N/A"/>
    <n v="253733"/>
    <n v="253733"/>
    <s v="S106/CIL"/>
    <s v="Important"/>
    <m/>
    <m/>
    <s v="Yes"/>
    <m/>
    <m/>
    <m/>
    <m/>
    <m/>
    <m/>
    <m/>
    <m/>
    <m/>
    <m/>
    <m/>
    <m/>
    <m/>
    <m/>
    <m/>
    <m/>
    <m/>
    <m/>
    <m/>
    <m/>
    <m/>
    <m/>
    <m/>
    <m/>
    <m/>
    <m/>
    <m/>
    <m/>
    <n v="450"/>
    <n v="563.85111111111109"/>
    <s v=""/>
    <s v=""/>
    <n v="253733"/>
    <s v=""/>
    <s v=""/>
    <s v=""/>
    <s v=""/>
    <s v=""/>
    <s v=""/>
    <s v=""/>
    <s v=""/>
    <s v=""/>
    <s v=""/>
    <s v=""/>
    <s v=""/>
    <s v=""/>
    <s v=""/>
    <s v=""/>
    <s v=""/>
    <s v=""/>
    <s v=""/>
    <s v=""/>
    <s v=""/>
    <s v=""/>
    <s v=""/>
    <s v=""/>
    <s v=""/>
    <s v=""/>
    <s v=""/>
    <s v=""/>
    <s v=""/>
    <m/>
    <s v="Refer to the Leisure Strategy "/>
    <s v="Sports England caluclator"/>
  </r>
  <r>
    <n v="245"/>
    <x v="1"/>
    <s v="Sports and Leisure"/>
    <s v="Leisure swimming pools"/>
    <s v="Number of swimming pools"/>
    <s v="Contributions towards 0.04sqm of new swimming pools. Refer to Leisure Strategy."/>
    <x v="14"/>
    <x v="24"/>
    <x v="2"/>
    <x v="17"/>
    <x v="15"/>
    <s v="N/A"/>
    <s v="N/A"/>
    <n v="197348"/>
    <n v="197348"/>
    <s v="S106/CIL"/>
    <s v="Important"/>
    <m/>
    <m/>
    <m/>
    <s v="Yes"/>
    <m/>
    <m/>
    <m/>
    <m/>
    <m/>
    <m/>
    <m/>
    <m/>
    <m/>
    <m/>
    <m/>
    <m/>
    <m/>
    <m/>
    <m/>
    <m/>
    <m/>
    <m/>
    <m/>
    <m/>
    <m/>
    <m/>
    <m/>
    <m/>
    <m/>
    <m/>
    <m/>
    <n v="350"/>
    <n v="563.85142857142853"/>
    <s v=""/>
    <s v=""/>
    <s v=""/>
    <n v="197347.99999999997"/>
    <s v=""/>
    <s v=""/>
    <s v=""/>
    <s v=""/>
    <s v=""/>
    <s v=""/>
    <s v=""/>
    <s v=""/>
    <s v=""/>
    <s v=""/>
    <s v=""/>
    <s v=""/>
    <s v=""/>
    <s v=""/>
    <s v=""/>
    <s v=""/>
    <s v=""/>
    <s v=""/>
    <s v=""/>
    <s v=""/>
    <s v=""/>
    <s v=""/>
    <s v=""/>
    <s v=""/>
    <s v=""/>
    <s v=""/>
    <s v=""/>
    <m/>
    <s v="Refer to the Leisure Strategy "/>
    <s v="Sports England caluclator"/>
  </r>
  <r>
    <n v="246"/>
    <x v="1"/>
    <s v="Sports and Leisure"/>
    <s v="Leisure swimming pools"/>
    <s v="Number of swimming pools"/>
    <s v="Contributions towards 0.02sqm of new swimming pools. Refer to Leisure Strategy."/>
    <x v="14"/>
    <x v="25"/>
    <x v="2"/>
    <x v="17"/>
    <x v="15"/>
    <s v="N/A"/>
    <s v="N/A"/>
    <n v="112770"/>
    <n v="112770"/>
    <s v="S106/CIL"/>
    <s v="Important"/>
    <m/>
    <s v="Yes"/>
    <m/>
    <m/>
    <m/>
    <m/>
    <m/>
    <m/>
    <m/>
    <m/>
    <m/>
    <m/>
    <m/>
    <m/>
    <m/>
    <m/>
    <m/>
    <m/>
    <m/>
    <m/>
    <m/>
    <m/>
    <m/>
    <m/>
    <m/>
    <m/>
    <m/>
    <m/>
    <m/>
    <m/>
    <m/>
    <n v="200"/>
    <n v="563.85"/>
    <s v=""/>
    <n v="112770"/>
    <s v=""/>
    <s v=""/>
    <s v=""/>
    <s v=""/>
    <s v=""/>
    <s v=""/>
    <s v=""/>
    <s v=""/>
    <s v=""/>
    <s v=""/>
    <s v=""/>
    <s v=""/>
    <s v=""/>
    <s v=""/>
    <s v=""/>
    <s v=""/>
    <s v=""/>
    <s v=""/>
    <s v=""/>
    <s v=""/>
    <s v=""/>
    <s v=""/>
    <s v=""/>
    <s v=""/>
    <s v=""/>
    <s v=""/>
    <s v=""/>
    <s v=""/>
    <s v=""/>
    <m/>
    <s v="Refer to the Leisure Strategy "/>
    <s v="Sports England caluclator"/>
  </r>
  <r>
    <n v="247"/>
    <x v="1"/>
    <s v="Sports and Leisure"/>
    <s v="Leisure swimming pools"/>
    <s v="Number of swimming pools"/>
    <s v="Contributions towards 0.04sqm of new swimming pools. Refer to Leisure Strategy."/>
    <x v="14"/>
    <x v="16"/>
    <x v="2"/>
    <x v="17"/>
    <x v="15"/>
    <s v="N/A"/>
    <s v="N/A"/>
    <n v="169155"/>
    <n v="169155"/>
    <s v="S106/CIL"/>
    <s v="Important"/>
    <m/>
    <m/>
    <m/>
    <m/>
    <s v="Yes"/>
    <m/>
    <m/>
    <m/>
    <m/>
    <m/>
    <m/>
    <m/>
    <m/>
    <m/>
    <m/>
    <m/>
    <m/>
    <m/>
    <m/>
    <m/>
    <m/>
    <m/>
    <m/>
    <m/>
    <m/>
    <m/>
    <m/>
    <m/>
    <m/>
    <m/>
    <m/>
    <n v="300"/>
    <n v="563.85"/>
    <s v=""/>
    <s v=""/>
    <s v=""/>
    <s v=""/>
    <n v="169155"/>
    <s v=""/>
    <s v=""/>
    <s v=""/>
    <s v=""/>
    <s v=""/>
    <s v=""/>
    <s v=""/>
    <s v=""/>
    <s v=""/>
    <s v=""/>
    <s v=""/>
    <s v=""/>
    <s v=""/>
    <s v=""/>
    <s v=""/>
    <s v=""/>
    <s v=""/>
    <s v=""/>
    <s v=""/>
    <s v=""/>
    <s v=""/>
    <s v=""/>
    <s v=""/>
    <s v=""/>
    <s v=""/>
    <s v=""/>
    <m/>
    <s v="Refer to the Leisure Strategy "/>
    <s v="Sports England caluclator"/>
  </r>
  <r>
    <n v="248"/>
    <x v="1"/>
    <s v="Sports and Leisure"/>
    <s v="Leisure swimming pools"/>
    <s v="Number of swimming pools"/>
    <s v="Contributions towards 0.01sqm of new swimming pools. Refer to Leisure Strategy."/>
    <x v="14"/>
    <x v="26"/>
    <x v="2"/>
    <x v="17"/>
    <x v="15"/>
    <s v="N/A"/>
    <s v="N/A"/>
    <n v="56385"/>
    <n v="56385"/>
    <s v="S106/CIL"/>
    <s v="Important"/>
    <m/>
    <m/>
    <m/>
    <m/>
    <m/>
    <m/>
    <s v="Yes"/>
    <m/>
    <m/>
    <m/>
    <m/>
    <m/>
    <m/>
    <m/>
    <m/>
    <m/>
    <m/>
    <m/>
    <m/>
    <m/>
    <m/>
    <m/>
    <m/>
    <m/>
    <m/>
    <m/>
    <m/>
    <m/>
    <m/>
    <m/>
    <m/>
    <n v="100"/>
    <n v="563.85"/>
    <s v=""/>
    <s v=""/>
    <s v=""/>
    <s v=""/>
    <s v=""/>
    <s v=""/>
    <n v="56385"/>
    <s v=""/>
    <s v=""/>
    <s v=""/>
    <s v=""/>
    <s v=""/>
    <s v=""/>
    <s v=""/>
    <s v=""/>
    <s v=""/>
    <s v=""/>
    <s v=""/>
    <s v=""/>
    <s v=""/>
    <s v=""/>
    <s v=""/>
    <s v=""/>
    <s v=""/>
    <s v=""/>
    <s v=""/>
    <s v=""/>
    <s v=""/>
    <s v=""/>
    <s v=""/>
    <s v=""/>
    <m/>
    <s v="Refer to the Leisure Strategy "/>
    <s v="Sports England caluclator"/>
  </r>
  <r>
    <n v="249"/>
    <x v="1"/>
    <s v="Sports and Leisure"/>
    <s v="Leisure swimming pools"/>
    <s v="Number of swimming pools"/>
    <s v="Contributions towards 0.05sqm of new swimming pools. Refer to Leisure Strategy."/>
    <x v="14"/>
    <x v="27"/>
    <x v="2"/>
    <x v="17"/>
    <x v="15"/>
    <s v="N/A"/>
    <s v="N/A"/>
    <n v="219902"/>
    <n v="219902"/>
    <s v="S106/CIL"/>
    <s v="Important"/>
    <m/>
    <m/>
    <m/>
    <m/>
    <m/>
    <m/>
    <m/>
    <s v="Yes"/>
    <m/>
    <m/>
    <m/>
    <m/>
    <m/>
    <m/>
    <m/>
    <m/>
    <m/>
    <m/>
    <m/>
    <m/>
    <m/>
    <m/>
    <m/>
    <m/>
    <m/>
    <m/>
    <m/>
    <m/>
    <m/>
    <m/>
    <m/>
    <n v="390"/>
    <n v="563.85128205128206"/>
    <s v=""/>
    <s v=""/>
    <s v=""/>
    <s v=""/>
    <s v=""/>
    <s v=""/>
    <s v=""/>
    <n v="219902"/>
    <s v=""/>
    <s v=""/>
    <s v=""/>
    <s v=""/>
    <s v=""/>
    <s v=""/>
    <s v=""/>
    <s v=""/>
    <s v=""/>
    <s v=""/>
    <s v=""/>
    <s v=""/>
    <s v=""/>
    <s v=""/>
    <s v=""/>
    <s v=""/>
    <s v=""/>
    <s v=""/>
    <s v=""/>
    <s v=""/>
    <s v=""/>
    <s v=""/>
    <s v=""/>
    <m/>
    <s v="Refer to the Leisure Strategy "/>
    <s v="Sports England caluclator"/>
  </r>
  <r>
    <n v="250"/>
    <x v="1"/>
    <s v="Sports and Leisure"/>
    <s v="Leisure swimming pools"/>
    <s v="Number of swimming pools"/>
    <s v="Contributions towards 0.06sqm of new swimming pools. Refer to Leisure Strategy."/>
    <x v="14"/>
    <x v="41"/>
    <x v="2"/>
    <x v="17"/>
    <x v="15"/>
    <s v="N/A"/>
    <s v="N/A"/>
    <n v="270649"/>
    <n v="270649"/>
    <s v="S106/CIL"/>
    <s v="Important"/>
    <m/>
    <m/>
    <m/>
    <m/>
    <m/>
    <s v="Yes"/>
    <m/>
    <m/>
    <m/>
    <m/>
    <m/>
    <m/>
    <m/>
    <m/>
    <m/>
    <m/>
    <m/>
    <m/>
    <m/>
    <m/>
    <m/>
    <m/>
    <m/>
    <m/>
    <m/>
    <m/>
    <m/>
    <m/>
    <m/>
    <m/>
    <m/>
    <n v="480"/>
    <n v="563.85208333333333"/>
    <s v=""/>
    <s v=""/>
    <s v=""/>
    <s v=""/>
    <s v=""/>
    <n v="270649"/>
    <s v=""/>
    <s v=""/>
    <s v=""/>
    <s v=""/>
    <s v=""/>
    <s v=""/>
    <s v=""/>
    <s v=""/>
    <s v=""/>
    <s v=""/>
    <s v=""/>
    <s v=""/>
    <s v=""/>
    <s v=""/>
    <s v=""/>
    <s v=""/>
    <s v=""/>
    <s v=""/>
    <s v=""/>
    <s v=""/>
    <s v=""/>
    <s v=""/>
    <s v=""/>
    <s v=""/>
    <s v=""/>
    <m/>
    <s v="Refer to the Leisure Strategy "/>
    <s v="Sports England caluclator"/>
  </r>
  <r>
    <n v="251"/>
    <x v="1"/>
    <s v="Sports and Leisure"/>
    <s v="Leisure swimming pools"/>
    <s v="Number of swimming pools"/>
    <s v="Contributions towards 0.06sqm of new swimming pools. Refer to Leisure Strategy."/>
    <x v="1"/>
    <x v="17"/>
    <x v="2"/>
    <x v="17"/>
    <x v="15"/>
    <s v="N/A"/>
    <s v="N/A"/>
    <n v="281926"/>
    <n v="281926"/>
    <s v="S106/CIL"/>
    <s v="Important"/>
    <m/>
    <m/>
    <m/>
    <m/>
    <m/>
    <m/>
    <m/>
    <m/>
    <s v="Yes"/>
    <m/>
    <m/>
    <m/>
    <m/>
    <m/>
    <m/>
    <m/>
    <m/>
    <m/>
    <m/>
    <m/>
    <m/>
    <m/>
    <m/>
    <m/>
    <m/>
    <m/>
    <m/>
    <m/>
    <m/>
    <m/>
    <m/>
    <n v="500"/>
    <n v="563.85199999999998"/>
    <s v=""/>
    <s v=""/>
    <s v=""/>
    <s v=""/>
    <s v=""/>
    <s v=""/>
    <s v=""/>
    <s v=""/>
    <n v="281926"/>
    <s v=""/>
    <s v=""/>
    <s v=""/>
    <s v=""/>
    <s v=""/>
    <s v=""/>
    <s v=""/>
    <s v=""/>
    <s v=""/>
    <s v=""/>
    <s v=""/>
    <s v=""/>
    <s v=""/>
    <s v=""/>
    <s v=""/>
    <s v=""/>
    <s v=""/>
    <s v=""/>
    <s v=""/>
    <s v=""/>
    <s v=""/>
    <s v=""/>
    <m/>
    <m/>
    <m/>
  </r>
  <r>
    <n v="252"/>
    <x v="1"/>
    <s v="Sports and Leisure"/>
    <s v="Leisure swimming pools"/>
    <s v="Number of swimming pools"/>
    <s v="Contributions towards 0.03sqm of new swimming pools. Refer to Leisure Strategy."/>
    <x v="1"/>
    <x v="29"/>
    <x v="2"/>
    <x v="17"/>
    <x v="15"/>
    <s v="N/A"/>
    <s v="N/A"/>
    <n v="132035"/>
    <n v="132035"/>
    <s v="S106/CIL"/>
    <s v="Important"/>
    <m/>
    <m/>
    <m/>
    <m/>
    <m/>
    <m/>
    <m/>
    <m/>
    <m/>
    <m/>
    <m/>
    <m/>
    <s v="Yes"/>
    <m/>
    <m/>
    <m/>
    <m/>
    <m/>
    <m/>
    <m/>
    <m/>
    <m/>
    <m/>
    <m/>
    <m/>
    <m/>
    <m/>
    <m/>
    <m/>
    <m/>
    <m/>
    <n v="234"/>
    <n v="564.25213675213672"/>
    <s v=""/>
    <s v=""/>
    <s v=""/>
    <s v=""/>
    <s v=""/>
    <s v=""/>
    <s v=""/>
    <s v=""/>
    <s v=""/>
    <s v=""/>
    <s v=""/>
    <s v=""/>
    <n v="132035"/>
    <s v=""/>
    <s v=""/>
    <s v=""/>
    <s v=""/>
    <s v=""/>
    <s v=""/>
    <s v=""/>
    <s v=""/>
    <s v=""/>
    <s v=""/>
    <s v=""/>
    <s v=""/>
    <s v=""/>
    <s v=""/>
    <s v=""/>
    <s v=""/>
    <s v=""/>
    <s v=""/>
    <m/>
    <m/>
    <m/>
  </r>
  <r>
    <n v="253"/>
    <x v="1"/>
    <s v="Sports and Leisure"/>
    <s v="Leisure swimming pools"/>
    <s v="Number of swimming pools"/>
    <s v="Contributions towards 0.06sqm of new swimming pools. Refer to Leisure Strategy."/>
    <x v="1"/>
    <x v="3"/>
    <x v="2"/>
    <x v="17"/>
    <x v="15"/>
    <s v="N/A"/>
    <s v="N/A"/>
    <n v="281926"/>
    <n v="281926"/>
    <s v="S106/CIL"/>
    <s v="Important"/>
    <m/>
    <m/>
    <m/>
    <m/>
    <m/>
    <m/>
    <m/>
    <m/>
    <m/>
    <s v="Yes"/>
    <m/>
    <m/>
    <m/>
    <m/>
    <m/>
    <m/>
    <m/>
    <m/>
    <m/>
    <m/>
    <m/>
    <m/>
    <m/>
    <m/>
    <m/>
    <m/>
    <m/>
    <m/>
    <m/>
    <m/>
    <m/>
    <n v="500"/>
    <n v="563.85199999999998"/>
    <s v=""/>
    <s v=""/>
    <s v=""/>
    <s v=""/>
    <s v=""/>
    <s v=""/>
    <s v=""/>
    <s v=""/>
    <s v=""/>
    <n v="281926"/>
    <s v=""/>
    <s v=""/>
    <s v=""/>
    <s v=""/>
    <s v=""/>
    <s v=""/>
    <s v=""/>
    <s v=""/>
    <s v=""/>
    <s v=""/>
    <s v=""/>
    <s v=""/>
    <s v=""/>
    <s v=""/>
    <s v=""/>
    <s v=""/>
    <s v=""/>
    <s v=""/>
    <s v=""/>
    <s v=""/>
    <s v=""/>
    <m/>
    <m/>
    <m/>
  </r>
  <r>
    <n v="254"/>
    <x v="1"/>
    <s v="Sports and Leisure"/>
    <s v="Leisure swimming pools"/>
    <s v="Number of swimming pools"/>
    <s v="Contributions towards 0.09sqm of new swimming pools. Refer to Leisure Strategy."/>
    <x v="1"/>
    <x v="7"/>
    <x v="2"/>
    <x v="17"/>
    <x v="15"/>
    <s v="N/A"/>
    <s v="N/A"/>
    <n v="422889"/>
    <n v="422889"/>
    <s v="S106/CIL"/>
    <s v="Important"/>
    <m/>
    <m/>
    <m/>
    <m/>
    <m/>
    <m/>
    <m/>
    <m/>
    <m/>
    <m/>
    <s v="Yes"/>
    <m/>
    <m/>
    <m/>
    <m/>
    <m/>
    <m/>
    <m/>
    <m/>
    <m/>
    <m/>
    <m/>
    <m/>
    <m/>
    <m/>
    <m/>
    <m/>
    <m/>
    <m/>
    <m/>
    <m/>
    <n v="750"/>
    <n v="563.85199999999998"/>
    <s v=""/>
    <s v=""/>
    <s v=""/>
    <s v=""/>
    <s v=""/>
    <s v=""/>
    <s v=""/>
    <s v=""/>
    <s v=""/>
    <s v=""/>
    <n v="422889"/>
    <s v=""/>
    <s v=""/>
    <s v=""/>
    <s v=""/>
    <s v=""/>
    <s v=""/>
    <s v=""/>
    <s v=""/>
    <s v=""/>
    <s v=""/>
    <s v=""/>
    <s v=""/>
    <s v=""/>
    <s v=""/>
    <s v=""/>
    <s v=""/>
    <s v=""/>
    <s v=""/>
    <s v=""/>
    <s v=""/>
    <m/>
    <m/>
    <m/>
  </r>
  <r>
    <n v="255"/>
    <x v="1"/>
    <s v="Sports and Leisure"/>
    <s v="Leisure swimming pools"/>
    <s v="Number of swimming pools"/>
    <s v="Contributions towards 0.04sqm of new swimming pools. Refer to Leisure Strategy."/>
    <x v="1"/>
    <x v="9"/>
    <x v="2"/>
    <x v="17"/>
    <x v="15"/>
    <s v="N/A"/>
    <s v="N/A"/>
    <n v="197348"/>
    <n v="197348"/>
    <s v="S106/CIL"/>
    <s v="Important"/>
    <m/>
    <m/>
    <m/>
    <m/>
    <m/>
    <m/>
    <m/>
    <m/>
    <m/>
    <m/>
    <m/>
    <m/>
    <m/>
    <s v="Yes"/>
    <m/>
    <m/>
    <m/>
    <m/>
    <m/>
    <m/>
    <m/>
    <m/>
    <m/>
    <m/>
    <m/>
    <m/>
    <m/>
    <m/>
    <m/>
    <m/>
    <m/>
    <n v="350"/>
    <n v="563.85142857142853"/>
    <s v=""/>
    <s v=""/>
    <s v=""/>
    <s v=""/>
    <s v=""/>
    <s v=""/>
    <s v=""/>
    <s v=""/>
    <s v=""/>
    <s v=""/>
    <s v=""/>
    <s v=""/>
    <s v=""/>
    <n v="197347.99999999997"/>
    <s v=""/>
    <s v=""/>
    <s v=""/>
    <s v=""/>
    <s v=""/>
    <s v=""/>
    <s v=""/>
    <s v=""/>
    <s v=""/>
    <s v=""/>
    <s v=""/>
    <s v=""/>
    <s v=""/>
    <s v=""/>
    <s v=""/>
    <s v=""/>
    <s v=""/>
    <m/>
    <m/>
    <m/>
  </r>
  <r>
    <n v="256"/>
    <x v="1"/>
    <s v="Sports and Leisure"/>
    <s v="Leisure swimming pools"/>
    <s v="Number of swimming pools"/>
    <s v="Contributions towards 0.01sqm of new swimming pools. Refer to Leisure Strategy."/>
    <x v="1"/>
    <x v="31"/>
    <x v="2"/>
    <x v="17"/>
    <x v="15"/>
    <s v="N/A"/>
    <s v="N/A"/>
    <n v="50747"/>
    <n v="50747"/>
    <s v="S106/CIL"/>
    <s v="Important"/>
    <m/>
    <m/>
    <m/>
    <m/>
    <m/>
    <m/>
    <m/>
    <m/>
    <m/>
    <m/>
    <m/>
    <m/>
    <m/>
    <m/>
    <s v="Yes"/>
    <m/>
    <m/>
    <m/>
    <m/>
    <m/>
    <m/>
    <m/>
    <m/>
    <m/>
    <m/>
    <m/>
    <m/>
    <m/>
    <m/>
    <m/>
    <m/>
    <n v="90"/>
    <n v="563.85555555555561"/>
    <s v=""/>
    <s v=""/>
    <s v=""/>
    <s v=""/>
    <s v=""/>
    <s v=""/>
    <s v=""/>
    <s v=""/>
    <s v=""/>
    <s v=""/>
    <s v=""/>
    <s v=""/>
    <s v=""/>
    <s v=""/>
    <n v="50747.000000000007"/>
    <s v=""/>
    <s v=""/>
    <s v=""/>
    <s v=""/>
    <s v=""/>
    <s v=""/>
    <s v=""/>
    <s v=""/>
    <s v=""/>
    <s v=""/>
    <s v=""/>
    <s v=""/>
    <s v=""/>
    <s v=""/>
    <s v=""/>
    <s v=""/>
    <m/>
    <m/>
    <m/>
  </r>
  <r>
    <n v="257"/>
    <x v="1"/>
    <s v="Sports and Leisure"/>
    <s v="Leisure swimming pools"/>
    <s v="Number of swimming pools"/>
    <s v="Contributions towards 0.01sqm of new swimming pools. Refer to Leisure Strategy."/>
    <x v="1"/>
    <x v="32"/>
    <x v="2"/>
    <x v="17"/>
    <x v="15"/>
    <s v="N/A"/>
    <s v="N/A"/>
    <n v="45108"/>
    <n v="45108"/>
    <s v="S106/CIL"/>
    <s v="Important"/>
    <m/>
    <m/>
    <m/>
    <m/>
    <m/>
    <m/>
    <m/>
    <m/>
    <m/>
    <m/>
    <m/>
    <m/>
    <m/>
    <m/>
    <m/>
    <s v="Yes"/>
    <m/>
    <m/>
    <m/>
    <m/>
    <m/>
    <m/>
    <m/>
    <m/>
    <m/>
    <m/>
    <m/>
    <m/>
    <m/>
    <m/>
    <m/>
    <n v="80"/>
    <n v="563.85"/>
    <s v=""/>
    <s v=""/>
    <s v=""/>
    <s v=""/>
    <s v=""/>
    <s v=""/>
    <s v=""/>
    <s v=""/>
    <s v=""/>
    <s v=""/>
    <s v=""/>
    <s v=""/>
    <s v=""/>
    <s v=""/>
    <s v=""/>
    <n v="45108"/>
    <s v=""/>
    <s v=""/>
    <s v=""/>
    <s v=""/>
    <s v=""/>
    <s v=""/>
    <s v=""/>
    <s v=""/>
    <s v=""/>
    <s v=""/>
    <s v=""/>
    <s v=""/>
    <s v=""/>
    <s v=""/>
    <s v=""/>
    <m/>
    <m/>
    <m/>
  </r>
  <r>
    <n v="258"/>
    <x v="1"/>
    <s v="Sports and Leisure"/>
    <s v="Leisure swimming pools"/>
    <s v="Number of swimming pools"/>
    <s v="Contributions towards 0.02sqm of new swimming pools. Refer to Leisure Strategy."/>
    <x v="1"/>
    <x v="33"/>
    <x v="2"/>
    <x v="17"/>
    <x v="15"/>
    <s v="N/A"/>
    <s v="N/A"/>
    <n v="112770"/>
    <n v="112770"/>
    <s v="S106/CIL"/>
    <s v="Important"/>
    <m/>
    <m/>
    <m/>
    <m/>
    <m/>
    <m/>
    <m/>
    <m/>
    <m/>
    <m/>
    <m/>
    <s v="Yes"/>
    <m/>
    <m/>
    <m/>
    <m/>
    <m/>
    <m/>
    <m/>
    <m/>
    <m/>
    <m/>
    <m/>
    <m/>
    <m/>
    <m/>
    <m/>
    <m/>
    <m/>
    <m/>
    <m/>
    <n v="200"/>
    <n v="563.85"/>
    <s v=""/>
    <s v=""/>
    <s v=""/>
    <s v=""/>
    <s v=""/>
    <s v=""/>
    <s v=""/>
    <s v=""/>
    <s v=""/>
    <s v=""/>
    <s v=""/>
    <n v="112770"/>
    <s v=""/>
    <s v=""/>
    <s v=""/>
    <s v=""/>
    <s v=""/>
    <s v=""/>
    <s v=""/>
    <s v=""/>
    <s v=""/>
    <s v=""/>
    <s v=""/>
    <s v=""/>
    <s v=""/>
    <s v=""/>
    <s v=""/>
    <s v=""/>
    <s v=""/>
    <s v=""/>
    <s v=""/>
    <m/>
    <m/>
    <m/>
  </r>
  <r>
    <n v="259"/>
    <x v="1"/>
    <s v="Sports and Leisure"/>
    <s v="Sports Halls "/>
    <s v="Number of Sports Halls"/>
    <s v="Contributions towards 0.07sqm of new sports halls. Refer to Leisure Strategy."/>
    <x v="11"/>
    <x v="4"/>
    <x v="2"/>
    <x v="17"/>
    <x v="15"/>
    <s v="N/A"/>
    <s v="N/A"/>
    <n v="195147"/>
    <n v="195147"/>
    <s v="S106/CIL"/>
    <s v="Important"/>
    <s v="Yes"/>
    <m/>
    <m/>
    <m/>
    <m/>
    <m/>
    <m/>
    <m/>
    <m/>
    <m/>
    <m/>
    <m/>
    <m/>
    <m/>
    <m/>
    <m/>
    <m/>
    <m/>
    <m/>
    <m/>
    <m/>
    <m/>
    <m/>
    <m/>
    <m/>
    <m/>
    <m/>
    <m/>
    <m/>
    <m/>
    <m/>
    <n v="1500"/>
    <n v="130.09800000000001"/>
    <n v="195147.00000000003"/>
    <s v=""/>
    <s v=""/>
    <s v=""/>
    <s v=""/>
    <s v=""/>
    <s v=""/>
    <s v=""/>
    <s v=""/>
    <s v=""/>
    <s v=""/>
    <s v=""/>
    <s v=""/>
    <s v=""/>
    <s v=""/>
    <s v=""/>
    <s v=""/>
    <s v=""/>
    <s v=""/>
    <s v=""/>
    <s v=""/>
    <s v=""/>
    <s v=""/>
    <s v=""/>
    <s v=""/>
    <s v=""/>
    <s v=""/>
    <s v=""/>
    <s v=""/>
    <s v=""/>
    <s v=""/>
    <m/>
    <s v="Refer to the Leisure Strategy "/>
    <s v="Sports England caluclator"/>
  </r>
  <r>
    <n v="260"/>
    <x v="1"/>
    <s v="Sports and Leisure"/>
    <s v="Sports Halls "/>
    <s v="Number of Sports Halls"/>
    <s v="Contributions towards 0.04sqm of new sports halls. Refer to Leisure Strategy."/>
    <x v="3"/>
    <x v="6"/>
    <x v="1"/>
    <x v="17"/>
    <x v="21"/>
    <s v="N/A"/>
    <s v="N/A"/>
    <n v="127131"/>
    <n v="127131"/>
    <s v="S106/CIL"/>
    <s v="Important"/>
    <m/>
    <m/>
    <m/>
    <m/>
    <m/>
    <m/>
    <m/>
    <m/>
    <m/>
    <m/>
    <m/>
    <m/>
    <m/>
    <m/>
    <m/>
    <m/>
    <m/>
    <m/>
    <m/>
    <m/>
    <m/>
    <s v="Yes"/>
    <m/>
    <m/>
    <m/>
    <m/>
    <m/>
    <m/>
    <m/>
    <m/>
    <m/>
    <n v="250"/>
    <n v="508.524"/>
    <s v=""/>
    <s v=""/>
    <s v=""/>
    <s v=""/>
    <s v=""/>
    <s v=""/>
    <s v=""/>
    <s v=""/>
    <s v=""/>
    <s v=""/>
    <s v=""/>
    <s v=""/>
    <s v=""/>
    <s v=""/>
    <s v=""/>
    <s v=""/>
    <s v=""/>
    <s v=""/>
    <s v=""/>
    <s v=""/>
    <s v=""/>
    <n v="127131"/>
    <s v=""/>
    <s v=""/>
    <s v=""/>
    <s v=""/>
    <s v=""/>
    <s v=""/>
    <s v=""/>
    <s v=""/>
    <s v=""/>
    <m/>
    <m/>
    <m/>
  </r>
  <r>
    <n v="261"/>
    <x v="1"/>
    <s v="Sports and Leisure"/>
    <s v="Sports Halls "/>
    <s v="Number of Sports Halls"/>
    <s v="Contributions towards 0.07sqm of new sports halls. Refer to Leisure Strategy."/>
    <x v="3"/>
    <x v="21"/>
    <x v="2"/>
    <x v="17"/>
    <x v="15"/>
    <s v="N/A"/>
    <s v="N/A"/>
    <n v="203410"/>
    <n v="203410"/>
    <s v="S106/CIL"/>
    <s v="Important"/>
    <m/>
    <m/>
    <m/>
    <m/>
    <m/>
    <m/>
    <m/>
    <m/>
    <m/>
    <m/>
    <m/>
    <m/>
    <m/>
    <m/>
    <m/>
    <m/>
    <m/>
    <m/>
    <m/>
    <m/>
    <m/>
    <m/>
    <s v="Yes"/>
    <m/>
    <m/>
    <m/>
    <m/>
    <m/>
    <m/>
    <m/>
    <m/>
    <n v="400"/>
    <n v="508.52499999999998"/>
    <s v=""/>
    <s v=""/>
    <s v=""/>
    <s v=""/>
    <s v=""/>
    <s v=""/>
    <s v=""/>
    <s v=""/>
    <s v=""/>
    <s v=""/>
    <s v=""/>
    <s v=""/>
    <s v=""/>
    <s v=""/>
    <s v=""/>
    <s v=""/>
    <s v=""/>
    <s v=""/>
    <s v=""/>
    <s v=""/>
    <s v=""/>
    <s v=""/>
    <n v="203410"/>
    <s v=""/>
    <s v=""/>
    <s v=""/>
    <s v=""/>
    <s v=""/>
    <s v=""/>
    <s v=""/>
    <s v=""/>
    <m/>
    <m/>
    <m/>
  </r>
  <r>
    <n v="262"/>
    <x v="1"/>
    <s v="Sports and Leisure"/>
    <s v="Sports Halls "/>
    <s v="Number of Sports Halls"/>
    <s v="Contributions towards 0.24sqm of new sports halls. Refer to Leisure Strategy."/>
    <x v="3"/>
    <x v="8"/>
    <x v="1"/>
    <x v="17"/>
    <x v="7"/>
    <s v="N/A"/>
    <s v="N/A"/>
    <n v="711936"/>
    <n v="711936"/>
    <s v="S106/CIL"/>
    <s v="Important"/>
    <m/>
    <m/>
    <m/>
    <m/>
    <m/>
    <m/>
    <m/>
    <m/>
    <m/>
    <m/>
    <m/>
    <m/>
    <m/>
    <m/>
    <m/>
    <m/>
    <m/>
    <m/>
    <m/>
    <m/>
    <m/>
    <m/>
    <m/>
    <s v="Yes"/>
    <m/>
    <m/>
    <m/>
    <m/>
    <m/>
    <m/>
    <m/>
    <n v="1400"/>
    <n v="508.52571428571429"/>
    <s v=""/>
    <s v=""/>
    <s v=""/>
    <s v=""/>
    <s v=""/>
    <s v=""/>
    <s v=""/>
    <s v=""/>
    <s v=""/>
    <s v=""/>
    <s v=""/>
    <s v=""/>
    <s v=""/>
    <s v=""/>
    <s v=""/>
    <s v=""/>
    <s v=""/>
    <s v=""/>
    <s v=""/>
    <s v=""/>
    <s v=""/>
    <s v=""/>
    <s v=""/>
    <n v="711936"/>
    <s v=""/>
    <s v=""/>
    <s v=""/>
    <s v=""/>
    <s v=""/>
    <s v=""/>
    <s v=""/>
    <m/>
    <m/>
    <m/>
  </r>
  <r>
    <n v="263"/>
    <x v="1"/>
    <s v="Sports and Leisure"/>
    <s v="Sports Halls "/>
    <s v="Number of Sports Halls"/>
    <s v="Contributions towards 0.03sqm of new sports halls. Refer to Leisure Strategy."/>
    <x v="3"/>
    <x v="22"/>
    <x v="2"/>
    <x v="17"/>
    <x v="15"/>
    <s v="N/A"/>
    <s v="N/A"/>
    <n v="102129"/>
    <n v="102129"/>
    <s v="S106/CIL"/>
    <s v="Important"/>
    <m/>
    <m/>
    <m/>
    <m/>
    <m/>
    <m/>
    <m/>
    <m/>
    <m/>
    <m/>
    <m/>
    <m/>
    <m/>
    <m/>
    <m/>
    <m/>
    <m/>
    <m/>
    <m/>
    <m/>
    <m/>
    <m/>
    <m/>
    <m/>
    <s v="Yes"/>
    <m/>
    <m/>
    <m/>
    <m/>
    <m/>
    <m/>
    <n v="201"/>
    <n v="508.1044776119403"/>
    <s v=""/>
    <s v=""/>
    <s v=""/>
    <s v=""/>
    <s v=""/>
    <s v=""/>
    <s v=""/>
    <s v=""/>
    <s v=""/>
    <s v=""/>
    <s v=""/>
    <s v=""/>
    <s v=""/>
    <s v=""/>
    <s v=""/>
    <s v=""/>
    <s v=""/>
    <s v=""/>
    <s v=""/>
    <s v=""/>
    <s v=""/>
    <s v=""/>
    <s v=""/>
    <s v=""/>
    <n v="102129"/>
    <s v=""/>
    <s v=""/>
    <s v=""/>
    <s v=""/>
    <s v=""/>
    <s v=""/>
    <m/>
    <m/>
    <m/>
  </r>
  <r>
    <n v="264"/>
    <x v="1"/>
    <s v="Sports and Leisure"/>
    <s v="Sports Halls "/>
    <s v="Number of Sports Halls"/>
    <s v="Contributions towards 0.13sqm of new sports halls. Refer to Leisure Strategy."/>
    <x v="2"/>
    <x v="5"/>
    <x v="2"/>
    <x v="17"/>
    <x v="15"/>
    <s v="N/A"/>
    <s v="N/A"/>
    <n v="394107"/>
    <n v="394107"/>
    <s v="S106/CIL"/>
    <s v="Important"/>
    <m/>
    <m/>
    <m/>
    <m/>
    <m/>
    <m/>
    <m/>
    <m/>
    <m/>
    <m/>
    <m/>
    <m/>
    <m/>
    <m/>
    <m/>
    <m/>
    <m/>
    <s v="Yes"/>
    <m/>
    <m/>
    <m/>
    <m/>
    <m/>
    <m/>
    <m/>
    <m/>
    <m/>
    <m/>
    <m/>
    <m/>
    <m/>
    <n v="775"/>
    <n v="508.52516129032256"/>
    <s v=""/>
    <s v=""/>
    <s v=""/>
    <s v=""/>
    <s v=""/>
    <s v=""/>
    <s v=""/>
    <s v=""/>
    <s v=""/>
    <s v=""/>
    <s v=""/>
    <s v=""/>
    <s v=""/>
    <s v=""/>
    <s v=""/>
    <s v=""/>
    <s v=""/>
    <n v="394107"/>
    <s v=""/>
    <s v=""/>
    <s v=""/>
    <s v=""/>
    <s v=""/>
    <s v=""/>
    <s v=""/>
    <s v=""/>
    <s v=""/>
    <s v=""/>
    <s v=""/>
    <s v=""/>
    <s v=""/>
    <m/>
    <m/>
    <m/>
  </r>
  <r>
    <n v="265"/>
    <x v="1"/>
    <s v="Sports and Leisure"/>
    <s v="Sports Halls "/>
    <s v="Number of Sports Halls"/>
    <s v="Contributions towards 0.02sqm of new sports halls. Refer to Leisure Strategy."/>
    <x v="2"/>
    <x v="37"/>
    <x v="2"/>
    <x v="17"/>
    <x v="15"/>
    <s v="N/A"/>
    <s v="N/A"/>
    <n v="50853"/>
    <n v="50853"/>
    <s v="S106/CIL"/>
    <s v="Important"/>
    <m/>
    <m/>
    <m/>
    <m/>
    <m/>
    <m/>
    <m/>
    <m/>
    <m/>
    <m/>
    <m/>
    <m/>
    <m/>
    <m/>
    <m/>
    <m/>
    <m/>
    <m/>
    <m/>
    <s v="Yes"/>
    <m/>
    <m/>
    <m/>
    <m/>
    <m/>
    <m/>
    <m/>
    <m/>
    <m/>
    <m/>
    <m/>
    <n v="100"/>
    <n v="508.53"/>
    <s v=""/>
    <s v=""/>
    <s v=""/>
    <s v=""/>
    <s v=""/>
    <s v=""/>
    <s v=""/>
    <s v=""/>
    <s v=""/>
    <s v=""/>
    <s v=""/>
    <s v=""/>
    <s v=""/>
    <s v=""/>
    <s v=""/>
    <s v=""/>
    <s v=""/>
    <s v=""/>
    <s v=""/>
    <n v="50853"/>
    <s v=""/>
    <s v=""/>
    <s v=""/>
    <s v=""/>
    <s v=""/>
    <s v=""/>
    <s v=""/>
    <s v=""/>
    <s v=""/>
    <s v=""/>
    <s v=""/>
    <m/>
    <m/>
    <m/>
  </r>
  <r>
    <n v="266"/>
    <x v="1"/>
    <s v="Sports and Leisure"/>
    <s v="Sports Halls "/>
    <s v="Number of Sports Halls"/>
    <s v="Contributions towards 0.02sqm of new sports halls. Refer to Leisure Strategy."/>
    <x v="2"/>
    <x v="38"/>
    <x v="2"/>
    <x v="17"/>
    <x v="15"/>
    <s v="N/A"/>
    <s v="N/A"/>
    <n v="50853"/>
    <n v="50853"/>
    <s v="S106/CIL"/>
    <s v="Important"/>
    <m/>
    <m/>
    <m/>
    <m/>
    <m/>
    <m/>
    <m/>
    <m/>
    <m/>
    <m/>
    <m/>
    <m/>
    <m/>
    <m/>
    <m/>
    <m/>
    <m/>
    <m/>
    <s v="Yes"/>
    <m/>
    <m/>
    <m/>
    <m/>
    <m/>
    <m/>
    <m/>
    <m/>
    <m/>
    <m/>
    <m/>
    <m/>
    <n v="100"/>
    <n v="508.53"/>
    <s v=""/>
    <s v=""/>
    <s v=""/>
    <s v=""/>
    <s v=""/>
    <s v=""/>
    <s v=""/>
    <s v=""/>
    <s v=""/>
    <s v=""/>
    <s v=""/>
    <s v=""/>
    <s v=""/>
    <s v=""/>
    <s v=""/>
    <s v=""/>
    <s v=""/>
    <s v=""/>
    <n v="50853"/>
    <s v=""/>
    <s v=""/>
    <s v=""/>
    <s v=""/>
    <s v=""/>
    <s v=""/>
    <s v=""/>
    <s v=""/>
    <s v=""/>
    <s v=""/>
    <s v=""/>
    <s v=""/>
    <m/>
    <m/>
    <m/>
  </r>
  <r>
    <n v="267"/>
    <x v="1"/>
    <s v="Sports and Leisure"/>
    <s v="Sports Halls "/>
    <s v="Number of Sports Halls"/>
    <s v="Contributions towards 0.05sqm of new sports halls. Refer to Leisure Strategy."/>
    <x v="2"/>
    <x v="22"/>
    <x v="2"/>
    <x v="17"/>
    <x v="15"/>
    <s v="N/A"/>
    <s v="N/A"/>
    <n v="153617"/>
    <n v="153617"/>
    <s v="S106/CIL"/>
    <s v="Important"/>
    <m/>
    <m/>
    <m/>
    <m/>
    <m/>
    <m/>
    <m/>
    <m/>
    <m/>
    <m/>
    <m/>
    <m/>
    <m/>
    <m/>
    <m/>
    <m/>
    <m/>
    <m/>
    <m/>
    <m/>
    <s v="Yes"/>
    <m/>
    <m/>
    <m/>
    <m/>
    <m/>
    <m/>
    <m/>
    <m/>
    <m/>
    <m/>
    <n v="302"/>
    <n v="508.66556291390731"/>
    <s v=""/>
    <s v=""/>
    <s v=""/>
    <s v=""/>
    <s v=""/>
    <s v=""/>
    <s v=""/>
    <s v=""/>
    <s v=""/>
    <s v=""/>
    <s v=""/>
    <s v=""/>
    <s v=""/>
    <s v=""/>
    <s v=""/>
    <s v=""/>
    <s v=""/>
    <s v=""/>
    <s v=""/>
    <s v=""/>
    <n v="153617"/>
    <s v=""/>
    <s v=""/>
    <s v=""/>
    <s v=""/>
    <s v=""/>
    <s v=""/>
    <s v=""/>
    <s v=""/>
    <s v=""/>
    <s v=""/>
    <m/>
    <m/>
    <m/>
  </r>
  <r>
    <n v="268"/>
    <x v="1"/>
    <s v="Sports and Leisure"/>
    <s v="Sports Halls "/>
    <s v="Number of Sports Halls"/>
    <s v="Contributions towards 0.04sqm of new sports halls. Refer to Leisure Strategy."/>
    <x v="4"/>
    <x v="22"/>
    <x v="2"/>
    <x v="17"/>
    <x v="15"/>
    <s v="N/A"/>
    <s v="N/A"/>
    <n v="15680"/>
    <n v="15680"/>
    <s v="S106/CIL"/>
    <s v="Important"/>
    <m/>
    <m/>
    <m/>
    <m/>
    <m/>
    <m/>
    <m/>
    <m/>
    <m/>
    <m/>
    <m/>
    <m/>
    <m/>
    <m/>
    <m/>
    <m/>
    <m/>
    <m/>
    <m/>
    <m/>
    <m/>
    <m/>
    <m/>
    <m/>
    <m/>
    <m/>
    <s v="Yes"/>
    <m/>
    <m/>
    <m/>
    <m/>
    <n v="31"/>
    <n v="505.80645161290323"/>
    <s v=""/>
    <s v=""/>
    <s v=""/>
    <s v=""/>
    <s v=""/>
    <s v=""/>
    <s v=""/>
    <s v=""/>
    <s v=""/>
    <s v=""/>
    <s v=""/>
    <s v=""/>
    <s v=""/>
    <s v=""/>
    <s v=""/>
    <s v=""/>
    <s v=""/>
    <s v=""/>
    <s v=""/>
    <s v=""/>
    <s v=""/>
    <s v=""/>
    <s v=""/>
    <s v=""/>
    <s v=""/>
    <s v=""/>
    <n v="15680"/>
    <s v=""/>
    <s v=""/>
    <s v=""/>
    <s v=""/>
    <m/>
    <m/>
    <m/>
  </r>
  <r>
    <n v="269"/>
    <x v="1"/>
    <s v="Sports and Leisure"/>
    <s v="Sports Halls "/>
    <s v="Number of Sports Halls"/>
    <s v="Contributions towards 0.04sqm of new sports halls. Refer to Leisure Strategy."/>
    <x v="4"/>
    <x v="39"/>
    <x v="2"/>
    <x v="17"/>
    <x v="15"/>
    <s v="N/A"/>
    <s v="N/A"/>
    <n v="110392"/>
    <n v="110392"/>
    <s v="S106/CIL"/>
    <s v="Important"/>
    <m/>
    <m/>
    <m/>
    <m/>
    <m/>
    <m/>
    <m/>
    <m/>
    <m/>
    <m/>
    <m/>
    <m/>
    <m/>
    <m/>
    <m/>
    <m/>
    <m/>
    <m/>
    <m/>
    <m/>
    <m/>
    <m/>
    <m/>
    <m/>
    <m/>
    <s v="Yes"/>
    <m/>
    <m/>
    <m/>
    <m/>
    <m/>
    <n v="217"/>
    <n v="508.71889400921657"/>
    <s v=""/>
    <s v=""/>
    <s v=""/>
    <s v=""/>
    <s v=""/>
    <s v=""/>
    <s v=""/>
    <s v=""/>
    <s v=""/>
    <s v=""/>
    <s v=""/>
    <s v=""/>
    <s v=""/>
    <s v=""/>
    <s v=""/>
    <s v=""/>
    <s v=""/>
    <s v=""/>
    <s v=""/>
    <s v=""/>
    <s v=""/>
    <s v=""/>
    <s v=""/>
    <s v=""/>
    <s v=""/>
    <n v="110392"/>
    <s v=""/>
    <s v=""/>
    <s v=""/>
    <s v=""/>
    <s v=""/>
    <m/>
    <m/>
    <m/>
  </r>
  <r>
    <n v="270"/>
    <x v="1"/>
    <s v="Sports and Leisure"/>
    <s v="Sports Halls "/>
    <s v="Number of Sports Halls"/>
    <s v="Contributions towards 0.01sqm of new sports halls. Refer to Leisure Strategy."/>
    <x v="8"/>
    <x v="22"/>
    <x v="2"/>
    <x v="17"/>
    <x v="15"/>
    <s v="N/A"/>
    <s v="N/A"/>
    <n v="34114"/>
    <n v="34114"/>
    <s v="S106/CIL"/>
    <s v="Important"/>
    <m/>
    <m/>
    <m/>
    <m/>
    <m/>
    <m/>
    <m/>
    <m/>
    <m/>
    <m/>
    <m/>
    <m/>
    <m/>
    <m/>
    <m/>
    <m/>
    <m/>
    <m/>
    <m/>
    <m/>
    <m/>
    <m/>
    <m/>
    <m/>
    <m/>
    <m/>
    <m/>
    <s v="Yes"/>
    <m/>
    <m/>
    <m/>
    <n v="67"/>
    <n v="509.16417910447763"/>
    <s v=""/>
    <s v=""/>
    <s v=""/>
    <s v=""/>
    <s v=""/>
    <s v=""/>
    <s v=""/>
    <s v=""/>
    <s v=""/>
    <s v=""/>
    <s v=""/>
    <s v=""/>
    <s v=""/>
    <s v=""/>
    <s v=""/>
    <s v=""/>
    <s v=""/>
    <s v=""/>
    <s v=""/>
    <s v=""/>
    <s v=""/>
    <s v=""/>
    <s v=""/>
    <s v=""/>
    <s v=""/>
    <s v=""/>
    <s v=""/>
    <n v="34114"/>
    <s v=""/>
    <s v=""/>
    <s v=""/>
    <m/>
    <m/>
    <m/>
  </r>
  <r>
    <n v="271"/>
    <x v="1"/>
    <s v="Sports and Leisure"/>
    <s v="Sports Halls "/>
    <s v="Number of Sports Halls"/>
    <s v="Contributions towards 0.01sqm of new sports halls. Refer to Leisure Strategy."/>
    <x v="5"/>
    <x v="35"/>
    <x v="2"/>
    <x v="17"/>
    <x v="15"/>
    <s v="N/A"/>
    <s v="N/A"/>
    <n v="15680"/>
    <n v="15680"/>
    <s v="S106/CIL"/>
    <s v="Important"/>
    <m/>
    <m/>
    <m/>
    <m/>
    <m/>
    <m/>
    <m/>
    <m/>
    <m/>
    <m/>
    <m/>
    <m/>
    <m/>
    <m/>
    <m/>
    <m/>
    <m/>
    <m/>
    <m/>
    <m/>
    <m/>
    <m/>
    <m/>
    <m/>
    <m/>
    <m/>
    <m/>
    <m/>
    <m/>
    <s v="Yes"/>
    <m/>
    <n v="31"/>
    <n v="505.80645161290323"/>
    <s v=""/>
    <s v=""/>
    <s v=""/>
    <s v=""/>
    <s v=""/>
    <s v=""/>
    <s v=""/>
    <s v=""/>
    <s v=""/>
    <s v=""/>
    <s v=""/>
    <s v=""/>
    <s v=""/>
    <s v=""/>
    <s v=""/>
    <s v=""/>
    <s v=""/>
    <s v=""/>
    <s v=""/>
    <s v=""/>
    <s v=""/>
    <s v=""/>
    <s v=""/>
    <s v=""/>
    <s v=""/>
    <s v=""/>
    <s v=""/>
    <s v=""/>
    <s v=""/>
    <n v="15680"/>
    <s v=""/>
    <m/>
    <m/>
    <m/>
  </r>
  <r>
    <n v="272"/>
    <x v="1"/>
    <s v="Sports and Leisure"/>
    <s v="Sports Halls "/>
    <s v="Number of Sports Halls"/>
    <s v="Contributions towards 0.04sqm of new sports halls. Refer to Leisure Strategy."/>
    <x v="5"/>
    <x v="40"/>
    <x v="2"/>
    <x v="17"/>
    <x v="15"/>
    <s v="N/A"/>
    <s v="N/A"/>
    <n v="76279"/>
    <n v="76279"/>
    <s v="S106/CIL"/>
    <s v="Important"/>
    <m/>
    <m/>
    <m/>
    <m/>
    <m/>
    <m/>
    <m/>
    <m/>
    <m/>
    <m/>
    <m/>
    <m/>
    <m/>
    <m/>
    <m/>
    <m/>
    <m/>
    <m/>
    <m/>
    <m/>
    <m/>
    <m/>
    <m/>
    <m/>
    <m/>
    <m/>
    <m/>
    <m/>
    <s v="Yes"/>
    <m/>
    <m/>
    <n v="150"/>
    <n v="508.52666666666664"/>
    <s v=""/>
    <s v=""/>
    <s v=""/>
    <s v=""/>
    <s v=""/>
    <s v=""/>
    <s v=""/>
    <s v=""/>
    <s v=""/>
    <s v=""/>
    <s v=""/>
    <s v=""/>
    <s v=""/>
    <s v=""/>
    <s v=""/>
    <s v=""/>
    <s v=""/>
    <s v=""/>
    <s v=""/>
    <s v=""/>
    <s v=""/>
    <s v=""/>
    <s v=""/>
    <s v=""/>
    <s v=""/>
    <s v=""/>
    <s v=""/>
    <s v=""/>
    <n v="76279"/>
    <s v=""/>
    <s v=""/>
    <m/>
    <m/>
    <m/>
  </r>
  <r>
    <n v="273"/>
    <x v="1"/>
    <s v="Sports and Leisure"/>
    <s v="Sports Halls "/>
    <s v="Number of Sports Halls"/>
    <s v="Contributions towards 0.41sqm of new sports halls. Refer to Leisure Strategy."/>
    <x v="1"/>
    <x v="35"/>
    <x v="2"/>
    <x v="17"/>
    <x v="15"/>
    <s v="N/A"/>
    <s v="N/A"/>
    <n v="1212833"/>
    <n v="1212833"/>
    <s v="S106/CIL"/>
    <s v="Important"/>
    <m/>
    <m/>
    <m/>
    <m/>
    <m/>
    <m/>
    <m/>
    <m/>
    <m/>
    <m/>
    <m/>
    <m/>
    <m/>
    <m/>
    <m/>
    <m/>
    <s v="Yes"/>
    <m/>
    <m/>
    <m/>
    <m/>
    <m/>
    <m/>
    <m/>
    <m/>
    <m/>
    <m/>
    <m/>
    <m/>
    <m/>
    <m/>
    <n v="2385"/>
    <n v="508.52536687631027"/>
    <s v=""/>
    <s v=""/>
    <s v=""/>
    <s v=""/>
    <s v=""/>
    <s v=""/>
    <s v=""/>
    <s v=""/>
    <s v=""/>
    <s v=""/>
    <s v=""/>
    <s v=""/>
    <s v=""/>
    <s v=""/>
    <s v=""/>
    <s v=""/>
    <n v="1212833"/>
    <s v=""/>
    <s v=""/>
    <s v=""/>
    <s v=""/>
    <s v=""/>
    <s v=""/>
    <s v=""/>
    <s v=""/>
    <s v=""/>
    <s v=""/>
    <s v=""/>
    <s v=""/>
    <s v=""/>
    <s v=""/>
    <m/>
    <m/>
    <m/>
  </r>
  <r>
    <n v="274"/>
    <x v="1"/>
    <s v="Sports and Leisure"/>
    <s v="Sports Halls "/>
    <s v="Number of Sports Halls"/>
    <s v="Contributions towards 0.26sqm of new sports halls. Refer to Leisure Strategy."/>
    <x v="1"/>
    <x v="14"/>
    <x v="1"/>
    <x v="17"/>
    <x v="1"/>
    <s v="N/A"/>
    <s v="N/A"/>
    <n v="762788"/>
    <n v="762788"/>
    <s v="S106/CIL"/>
    <s v="Important"/>
    <s v="Yes"/>
    <m/>
    <m/>
    <m/>
    <m/>
    <m/>
    <m/>
    <m/>
    <m/>
    <m/>
    <m/>
    <m/>
    <m/>
    <m/>
    <m/>
    <m/>
    <m/>
    <m/>
    <m/>
    <m/>
    <m/>
    <m/>
    <m/>
    <m/>
    <m/>
    <m/>
    <m/>
    <m/>
    <m/>
    <m/>
    <m/>
    <n v="1500"/>
    <n v="508.52533333333332"/>
    <n v="762788"/>
    <s v=""/>
    <s v=""/>
    <s v=""/>
    <s v=""/>
    <s v=""/>
    <s v=""/>
    <s v=""/>
    <s v=""/>
    <s v=""/>
    <s v=""/>
    <s v=""/>
    <s v=""/>
    <s v=""/>
    <s v=""/>
    <s v=""/>
    <s v=""/>
    <s v=""/>
    <s v=""/>
    <s v=""/>
    <s v=""/>
    <s v=""/>
    <s v=""/>
    <s v=""/>
    <s v=""/>
    <s v=""/>
    <s v=""/>
    <s v=""/>
    <s v=""/>
    <s v=""/>
    <s v=""/>
    <m/>
    <m/>
    <m/>
  </r>
  <r>
    <n v="275"/>
    <x v="1"/>
    <s v="Sports and Leisure"/>
    <s v="Sports Halls "/>
    <s v="Number of Sports Halls"/>
    <s v="Contributions towards 0.08sqm of new sports halls. Refer to Leisure Strategy."/>
    <x v="1"/>
    <x v="23"/>
    <x v="2"/>
    <x v="17"/>
    <x v="8"/>
    <s v="N/A"/>
    <s v="N/A"/>
    <n v="228836"/>
    <n v="228836"/>
    <s v="S106/CIL"/>
    <s v="Important"/>
    <m/>
    <m/>
    <s v="Yes"/>
    <m/>
    <m/>
    <m/>
    <m/>
    <m/>
    <m/>
    <m/>
    <m/>
    <m/>
    <m/>
    <m/>
    <m/>
    <m/>
    <m/>
    <m/>
    <m/>
    <m/>
    <m/>
    <m/>
    <m/>
    <m/>
    <m/>
    <m/>
    <m/>
    <m/>
    <m/>
    <m/>
    <m/>
    <n v="450"/>
    <n v="508.52444444444444"/>
    <s v=""/>
    <s v=""/>
    <n v="228836"/>
    <s v=""/>
    <s v=""/>
    <s v=""/>
    <s v=""/>
    <s v=""/>
    <s v=""/>
    <s v=""/>
    <s v=""/>
    <s v=""/>
    <s v=""/>
    <s v=""/>
    <s v=""/>
    <s v=""/>
    <s v=""/>
    <s v=""/>
    <s v=""/>
    <s v=""/>
    <s v=""/>
    <s v=""/>
    <s v=""/>
    <s v=""/>
    <s v=""/>
    <s v=""/>
    <s v=""/>
    <s v=""/>
    <s v=""/>
    <s v=""/>
    <s v=""/>
    <m/>
    <m/>
    <m/>
  </r>
  <r>
    <n v="276"/>
    <x v="1"/>
    <s v="Sports and Leisure"/>
    <s v="Sports Halls "/>
    <s v="Number of Sports Halls"/>
    <s v="Contributions towards 0.06sqm of new sports halls. Refer to Leisure Strategy."/>
    <x v="1"/>
    <x v="24"/>
    <x v="2"/>
    <x v="17"/>
    <x v="25"/>
    <s v="N/A"/>
    <s v="N/A"/>
    <n v="177984"/>
    <n v="177984"/>
    <s v="S106/CIL"/>
    <s v="Important"/>
    <m/>
    <m/>
    <m/>
    <s v="Yes"/>
    <m/>
    <m/>
    <m/>
    <m/>
    <m/>
    <m/>
    <m/>
    <m/>
    <m/>
    <m/>
    <m/>
    <m/>
    <m/>
    <m/>
    <m/>
    <m/>
    <m/>
    <m/>
    <m/>
    <m/>
    <m/>
    <m/>
    <m/>
    <m/>
    <m/>
    <m/>
    <m/>
    <n v="350"/>
    <n v="508.52571428571429"/>
    <s v=""/>
    <s v=""/>
    <s v=""/>
    <n v="177984"/>
    <s v=""/>
    <s v=""/>
    <s v=""/>
    <s v=""/>
    <s v=""/>
    <s v=""/>
    <s v=""/>
    <s v=""/>
    <s v=""/>
    <s v=""/>
    <s v=""/>
    <s v=""/>
    <s v=""/>
    <s v=""/>
    <s v=""/>
    <s v=""/>
    <s v=""/>
    <s v=""/>
    <s v=""/>
    <s v=""/>
    <s v=""/>
    <s v=""/>
    <s v=""/>
    <s v=""/>
    <s v=""/>
    <s v=""/>
    <s v=""/>
    <m/>
    <m/>
    <m/>
  </r>
  <r>
    <n v="277"/>
    <x v="1"/>
    <s v="Sports and Leisure"/>
    <s v="Sports Halls "/>
    <s v="Number of Sports Halls"/>
    <s v="Contributions towards 0.03sqm of new sports halls. Refer to Leisure Strategy."/>
    <x v="1"/>
    <x v="25"/>
    <x v="2"/>
    <x v="17"/>
    <x v="26"/>
    <s v="N/A"/>
    <s v="N/A"/>
    <n v="101705"/>
    <n v="101705"/>
    <s v="S106/CIL"/>
    <s v="Important"/>
    <m/>
    <s v="Yes"/>
    <m/>
    <m/>
    <m/>
    <m/>
    <m/>
    <m/>
    <m/>
    <m/>
    <m/>
    <m/>
    <m/>
    <m/>
    <m/>
    <m/>
    <m/>
    <m/>
    <m/>
    <m/>
    <m/>
    <m/>
    <m/>
    <m/>
    <m/>
    <m/>
    <m/>
    <m/>
    <m/>
    <m/>
    <m/>
    <n v="200"/>
    <n v="508.52499999999998"/>
    <s v=""/>
    <n v="101705"/>
    <s v=""/>
    <s v=""/>
    <s v=""/>
    <s v=""/>
    <s v=""/>
    <s v=""/>
    <s v=""/>
    <s v=""/>
    <s v=""/>
    <s v=""/>
    <s v=""/>
    <s v=""/>
    <s v=""/>
    <s v=""/>
    <s v=""/>
    <s v=""/>
    <s v=""/>
    <s v=""/>
    <s v=""/>
    <s v=""/>
    <s v=""/>
    <s v=""/>
    <s v=""/>
    <s v=""/>
    <s v=""/>
    <s v=""/>
    <s v=""/>
    <s v=""/>
    <s v=""/>
    <m/>
    <m/>
    <m/>
  </r>
  <r>
    <n v="278"/>
    <x v="1"/>
    <s v="Sports and Leisure"/>
    <s v="Sports Halls "/>
    <s v="Number of Sports Halls"/>
    <s v="Contributions towards 0.05sqm of new sports halls. Refer to Leisure Strategy."/>
    <x v="1"/>
    <x v="16"/>
    <x v="2"/>
    <x v="17"/>
    <x v="12"/>
    <s v="N/A"/>
    <s v="N/A"/>
    <n v="152558"/>
    <n v="152558"/>
    <s v="S106/CIL"/>
    <s v="Important"/>
    <m/>
    <m/>
    <m/>
    <m/>
    <s v="Yes"/>
    <m/>
    <m/>
    <m/>
    <m/>
    <m/>
    <m/>
    <m/>
    <m/>
    <m/>
    <m/>
    <m/>
    <m/>
    <m/>
    <m/>
    <m/>
    <m/>
    <m/>
    <m/>
    <m/>
    <m/>
    <m/>
    <m/>
    <m/>
    <m/>
    <m/>
    <m/>
    <n v="300"/>
    <n v="508.52666666666664"/>
    <s v=""/>
    <s v=""/>
    <s v=""/>
    <s v=""/>
    <n v="152558"/>
    <s v=""/>
    <s v=""/>
    <s v=""/>
    <s v=""/>
    <s v=""/>
    <s v=""/>
    <s v=""/>
    <s v=""/>
    <s v=""/>
    <s v=""/>
    <s v=""/>
    <s v=""/>
    <s v=""/>
    <s v=""/>
    <s v=""/>
    <s v=""/>
    <s v=""/>
    <s v=""/>
    <s v=""/>
    <s v=""/>
    <s v=""/>
    <s v=""/>
    <s v=""/>
    <s v=""/>
    <s v=""/>
    <s v=""/>
    <m/>
    <m/>
    <m/>
  </r>
  <r>
    <n v="279"/>
    <x v="1"/>
    <s v="Sports and Leisure"/>
    <s v="Sports Halls "/>
    <s v="Number of Sports Halls"/>
    <s v="Contributions towards 0.02sqm of new sports halls. Refer to Leisure Strategy."/>
    <x v="1"/>
    <x v="26"/>
    <x v="2"/>
    <x v="17"/>
    <x v="27"/>
    <s v="N/A"/>
    <s v="N/A"/>
    <n v="50853"/>
    <n v="50853"/>
    <s v="S106/CIL"/>
    <s v="Important"/>
    <m/>
    <m/>
    <m/>
    <m/>
    <m/>
    <m/>
    <s v="Yes"/>
    <m/>
    <m/>
    <m/>
    <m/>
    <m/>
    <m/>
    <m/>
    <m/>
    <m/>
    <m/>
    <m/>
    <m/>
    <m/>
    <m/>
    <m/>
    <m/>
    <m/>
    <m/>
    <m/>
    <m/>
    <m/>
    <m/>
    <m/>
    <m/>
    <n v="100"/>
    <n v="508.53"/>
    <s v=""/>
    <s v=""/>
    <s v=""/>
    <s v=""/>
    <s v=""/>
    <s v=""/>
    <n v="50853"/>
    <s v=""/>
    <s v=""/>
    <s v=""/>
    <s v=""/>
    <s v=""/>
    <s v=""/>
    <s v=""/>
    <s v=""/>
    <s v=""/>
    <s v=""/>
    <s v=""/>
    <s v=""/>
    <s v=""/>
    <s v=""/>
    <s v=""/>
    <s v=""/>
    <s v=""/>
    <s v=""/>
    <s v=""/>
    <s v=""/>
    <s v=""/>
    <s v=""/>
    <s v=""/>
    <s v=""/>
    <m/>
    <m/>
    <m/>
  </r>
  <r>
    <n v="280"/>
    <x v="1"/>
    <s v="Sports and Leisure"/>
    <s v="Sports Halls "/>
    <s v="Number of Sports Halls"/>
    <s v="Contributions towards 0.07sqm of new sports halls. Refer to Leisure Strategy."/>
    <x v="1"/>
    <x v="27"/>
    <x v="2"/>
    <x v="17"/>
    <x v="28"/>
    <s v="N/A"/>
    <s v="N/A"/>
    <n v="198325"/>
    <n v="198325"/>
    <s v="S106/CIL"/>
    <s v="Important"/>
    <m/>
    <m/>
    <m/>
    <m/>
    <m/>
    <m/>
    <m/>
    <s v="Yes"/>
    <m/>
    <m/>
    <m/>
    <m/>
    <m/>
    <m/>
    <m/>
    <m/>
    <m/>
    <m/>
    <m/>
    <m/>
    <m/>
    <m/>
    <m/>
    <m/>
    <m/>
    <m/>
    <m/>
    <m/>
    <m/>
    <m/>
    <m/>
    <n v="390"/>
    <n v="508.52564102564105"/>
    <s v=""/>
    <s v=""/>
    <s v=""/>
    <s v=""/>
    <s v=""/>
    <s v=""/>
    <s v=""/>
    <n v="198325"/>
    <s v=""/>
    <s v=""/>
    <s v=""/>
    <s v=""/>
    <s v=""/>
    <s v=""/>
    <s v=""/>
    <s v=""/>
    <s v=""/>
    <s v=""/>
    <s v=""/>
    <s v=""/>
    <s v=""/>
    <s v=""/>
    <s v=""/>
    <s v=""/>
    <s v=""/>
    <s v=""/>
    <s v=""/>
    <s v=""/>
    <s v=""/>
    <s v=""/>
    <s v=""/>
    <m/>
    <m/>
    <m/>
  </r>
  <r>
    <n v="281"/>
    <x v="1"/>
    <s v="Sports and Leisure"/>
    <s v="Sports Halls "/>
    <s v="Number of Sports Halls"/>
    <s v="Contributions towards 0.08sqm of new sports halls. Refer to Leisure Strategy."/>
    <x v="1"/>
    <x v="41"/>
    <x v="2"/>
    <x v="17"/>
    <x v="10"/>
    <s v="N/A"/>
    <s v="N/A"/>
    <n v="244092"/>
    <n v="244092"/>
    <s v="S106/CIL"/>
    <s v="Important"/>
    <m/>
    <m/>
    <m/>
    <m/>
    <m/>
    <s v="Yes"/>
    <m/>
    <m/>
    <m/>
    <m/>
    <m/>
    <m/>
    <m/>
    <m/>
    <m/>
    <m/>
    <m/>
    <m/>
    <m/>
    <m/>
    <m/>
    <m/>
    <m/>
    <m/>
    <m/>
    <m/>
    <m/>
    <m/>
    <m/>
    <m/>
    <m/>
    <n v="480"/>
    <n v="508.52499999999998"/>
    <s v=""/>
    <s v=""/>
    <s v=""/>
    <s v=""/>
    <s v=""/>
    <n v="244092"/>
    <s v=""/>
    <s v=""/>
    <s v=""/>
    <s v=""/>
    <s v=""/>
    <s v=""/>
    <s v=""/>
    <s v=""/>
    <s v=""/>
    <s v=""/>
    <s v=""/>
    <s v=""/>
    <s v=""/>
    <s v=""/>
    <s v=""/>
    <s v=""/>
    <s v=""/>
    <s v=""/>
    <s v=""/>
    <s v=""/>
    <s v=""/>
    <s v=""/>
    <s v=""/>
    <s v=""/>
    <s v=""/>
    <m/>
    <m/>
    <m/>
  </r>
  <r>
    <n v="282"/>
    <x v="1"/>
    <s v="Sports and Leisure"/>
    <s v="Sports Halls "/>
    <s v="Number of Sports Halls"/>
    <s v="Contributions towards 0.09sqm of new sports halls. Refer to Leisure Strategy."/>
    <x v="1"/>
    <x v="17"/>
    <x v="2"/>
    <x v="17"/>
    <x v="13"/>
    <s v="N/A"/>
    <s v="N/A"/>
    <n v="254263"/>
    <n v="254263"/>
    <s v="S106/CIL"/>
    <s v="Important"/>
    <m/>
    <m/>
    <m/>
    <m/>
    <m/>
    <m/>
    <m/>
    <m/>
    <s v="Yes"/>
    <m/>
    <m/>
    <m/>
    <m/>
    <m/>
    <m/>
    <m/>
    <m/>
    <m/>
    <m/>
    <m/>
    <m/>
    <m/>
    <m/>
    <m/>
    <m/>
    <m/>
    <m/>
    <m/>
    <m/>
    <m/>
    <m/>
    <n v="500"/>
    <n v="508.52600000000001"/>
    <s v=""/>
    <s v=""/>
    <s v=""/>
    <s v=""/>
    <s v=""/>
    <s v=""/>
    <s v=""/>
    <s v=""/>
    <n v="254263"/>
    <s v=""/>
    <s v=""/>
    <s v=""/>
    <s v=""/>
    <s v=""/>
    <s v=""/>
    <s v=""/>
    <s v=""/>
    <s v=""/>
    <s v=""/>
    <s v=""/>
    <s v=""/>
    <s v=""/>
    <s v=""/>
    <s v=""/>
    <s v=""/>
    <s v=""/>
    <s v=""/>
    <s v=""/>
    <s v=""/>
    <s v=""/>
    <s v=""/>
    <m/>
    <m/>
    <m/>
  </r>
  <r>
    <n v="283"/>
    <x v="1"/>
    <s v="Sports and Leisure"/>
    <s v="Sports Halls "/>
    <s v="Number of Sports Halls"/>
    <s v="Contributions towards 0.04sqm of new sports halls. Refer to Leisure Strategy."/>
    <x v="1"/>
    <x v="29"/>
    <x v="2"/>
    <x v="17"/>
    <x v="2"/>
    <s v="N/A"/>
    <s v="N/A"/>
    <n v="119080"/>
    <n v="119080"/>
    <s v="S106/CIL"/>
    <s v="Important"/>
    <m/>
    <m/>
    <m/>
    <m/>
    <m/>
    <m/>
    <m/>
    <m/>
    <m/>
    <m/>
    <m/>
    <m/>
    <s v="Yes"/>
    <m/>
    <m/>
    <m/>
    <m/>
    <m/>
    <m/>
    <m/>
    <m/>
    <m/>
    <m/>
    <m/>
    <m/>
    <m/>
    <m/>
    <m/>
    <m/>
    <m/>
    <m/>
    <n v="234"/>
    <n v="508.88888888888891"/>
    <s v=""/>
    <s v=""/>
    <s v=""/>
    <s v=""/>
    <s v=""/>
    <s v=""/>
    <s v=""/>
    <s v=""/>
    <s v=""/>
    <s v=""/>
    <s v=""/>
    <s v=""/>
    <n v="119080"/>
    <s v=""/>
    <s v=""/>
    <s v=""/>
    <s v=""/>
    <s v=""/>
    <s v=""/>
    <s v=""/>
    <s v=""/>
    <s v=""/>
    <s v=""/>
    <s v=""/>
    <s v=""/>
    <s v=""/>
    <s v=""/>
    <s v=""/>
    <s v=""/>
    <s v=""/>
    <s v=""/>
    <m/>
    <m/>
    <m/>
  </r>
  <r>
    <n v="284"/>
    <x v="1"/>
    <s v="Sports and Leisure"/>
    <s v="Sports Halls "/>
    <s v="Number of Sports Halls"/>
    <s v="Contributions towards 0.09sqm of new sports halls. Refer to Leisure Strategy."/>
    <x v="1"/>
    <x v="3"/>
    <x v="1"/>
    <x v="17"/>
    <x v="5"/>
    <s v="N/A"/>
    <s v="N/A"/>
    <n v="254263"/>
    <n v="254263"/>
    <s v="S106/CIL"/>
    <s v="Important"/>
    <m/>
    <m/>
    <m/>
    <m/>
    <m/>
    <m/>
    <m/>
    <m/>
    <m/>
    <s v="Yes"/>
    <m/>
    <m/>
    <m/>
    <m/>
    <m/>
    <m/>
    <m/>
    <m/>
    <m/>
    <m/>
    <m/>
    <m/>
    <m/>
    <m/>
    <m/>
    <m/>
    <m/>
    <m/>
    <m/>
    <m/>
    <m/>
    <n v="500"/>
    <n v="508.52600000000001"/>
    <s v=""/>
    <s v=""/>
    <s v=""/>
    <s v=""/>
    <s v=""/>
    <s v=""/>
    <s v=""/>
    <s v=""/>
    <s v=""/>
    <n v="254263"/>
    <s v=""/>
    <s v=""/>
    <s v=""/>
    <s v=""/>
    <s v=""/>
    <s v=""/>
    <s v=""/>
    <s v=""/>
    <s v=""/>
    <s v=""/>
    <s v=""/>
    <s v=""/>
    <s v=""/>
    <s v=""/>
    <s v=""/>
    <s v=""/>
    <s v=""/>
    <s v=""/>
    <s v=""/>
    <s v=""/>
    <s v=""/>
    <m/>
    <m/>
    <m/>
  </r>
  <r>
    <n v="285"/>
    <x v="1"/>
    <s v="Sports and Leisure"/>
    <s v="Sports Halls "/>
    <s v="Number of Sports Halls"/>
    <s v="Contributions towards 0.13sqm of new sports halls. Refer to Leisure Strategy."/>
    <x v="1"/>
    <x v="7"/>
    <x v="1"/>
    <x v="17"/>
    <x v="29"/>
    <s v="N/A"/>
    <s v="N/A"/>
    <n v="381394"/>
    <n v="381394"/>
    <s v="S106/CIL"/>
    <s v="Important"/>
    <m/>
    <m/>
    <m/>
    <m/>
    <m/>
    <m/>
    <m/>
    <m/>
    <m/>
    <m/>
    <s v="Yes"/>
    <m/>
    <m/>
    <m/>
    <m/>
    <m/>
    <m/>
    <m/>
    <m/>
    <m/>
    <m/>
    <m/>
    <m/>
    <m/>
    <m/>
    <m/>
    <m/>
    <m/>
    <m/>
    <m/>
    <m/>
    <n v="750"/>
    <n v="508.52533333333332"/>
    <s v=""/>
    <s v=""/>
    <s v=""/>
    <s v=""/>
    <s v=""/>
    <s v=""/>
    <s v=""/>
    <s v=""/>
    <s v=""/>
    <s v=""/>
    <n v="381394"/>
    <s v=""/>
    <s v=""/>
    <s v=""/>
    <s v=""/>
    <s v=""/>
    <s v=""/>
    <s v=""/>
    <s v=""/>
    <s v=""/>
    <s v=""/>
    <s v=""/>
    <s v=""/>
    <s v=""/>
    <s v=""/>
    <s v=""/>
    <s v=""/>
    <s v=""/>
    <s v=""/>
    <s v=""/>
    <s v=""/>
    <m/>
    <m/>
    <m/>
  </r>
  <r>
    <n v="286"/>
    <x v="1"/>
    <s v="Sports and Leisure"/>
    <s v="Sports Halls "/>
    <s v="Number of Sports Halls"/>
    <s v="Contributions towards 0.06sqm of new sports halls. Refer to Leisure Strategy."/>
    <x v="1"/>
    <x v="9"/>
    <x v="2"/>
    <x v="17"/>
    <x v="10"/>
    <s v="N/A"/>
    <s v="N/A"/>
    <n v="177984"/>
    <n v="177984"/>
    <s v="S106/CIL"/>
    <s v="Important"/>
    <m/>
    <m/>
    <m/>
    <m/>
    <m/>
    <m/>
    <m/>
    <m/>
    <m/>
    <m/>
    <m/>
    <m/>
    <m/>
    <s v="Yes"/>
    <m/>
    <m/>
    <m/>
    <m/>
    <m/>
    <m/>
    <m/>
    <m/>
    <m/>
    <m/>
    <m/>
    <m/>
    <m/>
    <m/>
    <m/>
    <m/>
    <m/>
    <n v="350"/>
    <n v="508.52571428571429"/>
    <s v=""/>
    <s v=""/>
    <s v=""/>
    <s v=""/>
    <s v=""/>
    <s v=""/>
    <s v=""/>
    <s v=""/>
    <s v=""/>
    <s v=""/>
    <s v=""/>
    <s v=""/>
    <s v=""/>
    <n v="177984"/>
    <s v=""/>
    <s v=""/>
    <s v=""/>
    <s v=""/>
    <s v=""/>
    <s v=""/>
    <s v=""/>
    <s v=""/>
    <s v=""/>
    <s v=""/>
    <s v=""/>
    <s v=""/>
    <s v=""/>
    <s v=""/>
    <s v=""/>
    <s v=""/>
    <s v=""/>
    <m/>
    <m/>
    <m/>
  </r>
  <r>
    <n v="287"/>
    <x v="1"/>
    <s v="Sports and Leisure"/>
    <s v="Sports Halls "/>
    <s v="Number of Sports Halls"/>
    <s v="Contributions towards 0.02sqm of new sports halls. Refer to Leisure Strategy."/>
    <x v="1"/>
    <x v="31"/>
    <x v="2"/>
    <x v="17"/>
    <x v="30"/>
    <s v="N/A"/>
    <s v="N/A"/>
    <n v="45767"/>
    <n v="45767"/>
    <s v="S106/CIL"/>
    <s v="Important"/>
    <m/>
    <m/>
    <m/>
    <m/>
    <m/>
    <m/>
    <m/>
    <m/>
    <m/>
    <m/>
    <m/>
    <m/>
    <m/>
    <m/>
    <s v="Yes"/>
    <m/>
    <m/>
    <m/>
    <m/>
    <m/>
    <m/>
    <m/>
    <m/>
    <m/>
    <m/>
    <m/>
    <m/>
    <m/>
    <m/>
    <m/>
    <m/>
    <n v="90"/>
    <n v="508.52222222222224"/>
    <s v=""/>
    <s v=""/>
    <s v=""/>
    <s v=""/>
    <s v=""/>
    <s v=""/>
    <s v=""/>
    <s v=""/>
    <s v=""/>
    <s v=""/>
    <s v=""/>
    <s v=""/>
    <s v=""/>
    <s v=""/>
    <n v="45767"/>
    <s v=""/>
    <s v=""/>
    <s v=""/>
    <s v=""/>
    <s v=""/>
    <s v=""/>
    <s v=""/>
    <s v=""/>
    <s v=""/>
    <s v=""/>
    <s v=""/>
    <s v=""/>
    <s v=""/>
    <s v=""/>
    <s v=""/>
    <s v=""/>
    <m/>
    <m/>
    <m/>
  </r>
  <r>
    <n v="288"/>
    <x v="1"/>
    <s v="Sports and Leisure"/>
    <s v="Sports Halls "/>
    <s v="Number of Sports Halls"/>
    <s v="Contributions towards 0.01sqm of new sports halls. Refer to Leisure Strategy."/>
    <x v="1"/>
    <x v="32"/>
    <x v="2"/>
    <x v="17"/>
    <x v="26"/>
    <s v="N/A"/>
    <s v="N/A"/>
    <n v="40682"/>
    <n v="40682"/>
    <s v="S106/CIL"/>
    <s v="Important"/>
    <m/>
    <m/>
    <m/>
    <m/>
    <m/>
    <m/>
    <m/>
    <m/>
    <m/>
    <m/>
    <m/>
    <m/>
    <m/>
    <m/>
    <m/>
    <s v="Yes"/>
    <m/>
    <m/>
    <m/>
    <m/>
    <m/>
    <m/>
    <m/>
    <m/>
    <m/>
    <m/>
    <m/>
    <m/>
    <m/>
    <m/>
    <m/>
    <n v="80"/>
    <n v="508.52499999999998"/>
    <s v=""/>
    <s v=""/>
    <s v=""/>
    <s v=""/>
    <s v=""/>
    <s v=""/>
    <s v=""/>
    <s v=""/>
    <s v=""/>
    <s v=""/>
    <s v=""/>
    <s v=""/>
    <s v=""/>
    <s v=""/>
    <s v=""/>
    <n v="40682"/>
    <s v=""/>
    <s v=""/>
    <s v=""/>
    <s v=""/>
    <s v=""/>
    <s v=""/>
    <s v=""/>
    <s v=""/>
    <s v=""/>
    <s v=""/>
    <s v=""/>
    <s v=""/>
    <s v=""/>
    <s v=""/>
    <s v=""/>
    <m/>
    <m/>
    <m/>
  </r>
  <r>
    <n v="289"/>
    <x v="1"/>
    <s v="Sports and Leisure"/>
    <s v="Sports Halls "/>
    <s v="Number of Sports Halls"/>
    <s v="Contributions towards 0.03sqm of new sports halls. Refer to Leisure Strategy."/>
    <x v="1"/>
    <x v="33"/>
    <x v="2"/>
    <x v="17"/>
    <x v="31"/>
    <s v="N/A"/>
    <s v="N/A"/>
    <n v="101705"/>
    <n v="101705"/>
    <s v="S106/CIL"/>
    <s v="Important"/>
    <m/>
    <m/>
    <m/>
    <m/>
    <m/>
    <m/>
    <m/>
    <m/>
    <m/>
    <m/>
    <m/>
    <s v="Yes"/>
    <m/>
    <m/>
    <m/>
    <m/>
    <m/>
    <m/>
    <m/>
    <m/>
    <m/>
    <m/>
    <m/>
    <m/>
    <m/>
    <m/>
    <m/>
    <m/>
    <m/>
    <m/>
    <m/>
    <n v="200"/>
    <n v="508.52499999999998"/>
    <s v=""/>
    <s v=""/>
    <s v=""/>
    <s v=""/>
    <s v=""/>
    <s v=""/>
    <s v=""/>
    <s v=""/>
    <s v=""/>
    <s v=""/>
    <s v=""/>
    <n v="101705"/>
    <s v=""/>
    <s v=""/>
    <s v=""/>
    <s v=""/>
    <s v=""/>
    <s v=""/>
    <s v=""/>
    <s v=""/>
    <s v=""/>
    <s v=""/>
    <s v=""/>
    <s v=""/>
    <s v=""/>
    <s v=""/>
    <s v=""/>
    <s v=""/>
    <s v=""/>
    <s v=""/>
    <s v=""/>
    <m/>
    <m/>
    <m/>
  </r>
  <r>
    <n v="290"/>
    <x v="1"/>
    <s v="Green infrastructure"/>
    <s v="Amentiy Space"/>
    <s v="Hectares of amenity space "/>
    <s v="Hectares of amenity space "/>
    <x v="11"/>
    <x v="22"/>
    <x v="2"/>
    <x v="17"/>
    <x v="15"/>
    <s v="N/A"/>
    <s v="N/A"/>
    <n v="102032.1792"/>
    <n v="102032.1792"/>
    <s v="S106/CIL"/>
    <s v="Important"/>
    <m/>
    <m/>
    <m/>
    <m/>
    <m/>
    <m/>
    <m/>
    <m/>
    <m/>
    <m/>
    <m/>
    <m/>
    <m/>
    <m/>
    <m/>
    <m/>
    <s v="Yes"/>
    <m/>
    <m/>
    <m/>
    <s v="Yes"/>
    <m/>
    <m/>
    <m/>
    <s v="Yes"/>
    <m/>
    <s v="Yes"/>
    <m/>
    <m/>
    <s v="Yes"/>
    <s v="Yes"/>
    <n v="3286"/>
    <n v="31.050571880706027"/>
    <s v=""/>
    <s v=""/>
    <s v=""/>
    <s v=""/>
    <s v=""/>
    <s v=""/>
    <s v=""/>
    <s v=""/>
    <s v=""/>
    <s v=""/>
    <s v=""/>
    <s v=""/>
    <s v=""/>
    <s v=""/>
    <s v=""/>
    <s v=""/>
    <n v="74055.613935483867"/>
    <s v=""/>
    <s v=""/>
    <s v=""/>
    <n v="9377.2727079732194"/>
    <s v=""/>
    <s v=""/>
    <s v=""/>
    <n v="6241.1649480219112"/>
    <s v=""/>
    <n v="962.56772830188686"/>
    <s v=""/>
    <s v=""/>
    <n v="962.56772830188686"/>
    <n v="10432.992151917226"/>
    <m/>
    <m/>
    <m/>
  </r>
  <r>
    <n v="291"/>
    <x v="1"/>
    <s v="Green infrastructure"/>
    <s v="Natural and semi natural greenspace"/>
    <s v="Hecatres of natural and smei natural greenspace"/>
    <s v="Hectares of natural and semi natural greenspace"/>
    <x v="11"/>
    <x v="22"/>
    <x v="2"/>
    <x v="17"/>
    <x v="15"/>
    <s v="N/A"/>
    <s v="N/A"/>
    <n v="267834.47040000005"/>
    <n v="267834.47040000005"/>
    <s v="S106/CIL"/>
    <s v="Important"/>
    <m/>
    <m/>
    <m/>
    <m/>
    <m/>
    <m/>
    <m/>
    <m/>
    <m/>
    <m/>
    <m/>
    <m/>
    <m/>
    <m/>
    <m/>
    <m/>
    <s v="Yes"/>
    <m/>
    <m/>
    <m/>
    <s v="Yes"/>
    <m/>
    <m/>
    <m/>
    <s v="Yes"/>
    <m/>
    <s v="Yes"/>
    <m/>
    <m/>
    <s v="Yes"/>
    <s v="Yes"/>
    <n v="3286"/>
    <n v="81.507751186853326"/>
    <s v=""/>
    <s v=""/>
    <s v=""/>
    <s v=""/>
    <s v=""/>
    <s v=""/>
    <s v=""/>
    <s v=""/>
    <s v=""/>
    <s v=""/>
    <s v=""/>
    <s v=""/>
    <s v=""/>
    <s v=""/>
    <s v=""/>
    <s v=""/>
    <n v="194395.98658064517"/>
    <s v=""/>
    <s v=""/>
    <s v=""/>
    <n v="24615.340858429703"/>
    <s v=""/>
    <s v=""/>
    <s v=""/>
    <n v="16383.057988557519"/>
    <s v=""/>
    <n v="2526.7402867924529"/>
    <s v=""/>
    <s v=""/>
    <n v="2526.7402867924529"/>
    <n v="27386.604398782718"/>
    <m/>
    <m/>
    <m/>
  </r>
  <r>
    <n v="292"/>
    <x v="1"/>
    <s v="Green infrastructure"/>
    <s v="Public parks and gardens "/>
    <s v="Number of public parks and gardens"/>
    <s v="Number of public parks and gardens"/>
    <x v="11"/>
    <x v="22"/>
    <x v="2"/>
    <x v="17"/>
    <x v="15"/>
    <s v="N/A"/>
    <s v="N/A"/>
    <n v="374117.99040000001"/>
    <n v="374117.99040000001"/>
    <s v="S106/CIL"/>
    <s v="Important"/>
    <m/>
    <m/>
    <m/>
    <m/>
    <m/>
    <m/>
    <m/>
    <m/>
    <m/>
    <m/>
    <m/>
    <m/>
    <m/>
    <m/>
    <m/>
    <m/>
    <s v="Yes"/>
    <m/>
    <m/>
    <m/>
    <s v="Yes"/>
    <m/>
    <m/>
    <m/>
    <s v="Yes"/>
    <m/>
    <s v="Yes"/>
    <m/>
    <m/>
    <s v="Yes"/>
    <s v="Yes"/>
    <n v="3286"/>
    <n v="113.8520968959221"/>
    <s v=""/>
    <s v=""/>
    <s v=""/>
    <s v=""/>
    <s v=""/>
    <s v=""/>
    <s v=""/>
    <s v=""/>
    <s v=""/>
    <s v=""/>
    <s v=""/>
    <s v=""/>
    <s v=""/>
    <s v=""/>
    <s v=""/>
    <s v=""/>
    <n v="271537.25109677424"/>
    <s v=""/>
    <s v=""/>
    <s v=""/>
    <n v="34383.333262568478"/>
    <s v=""/>
    <s v=""/>
    <s v=""/>
    <n v="22884.271476080343"/>
    <s v=""/>
    <n v="3529.4150037735853"/>
    <s v=""/>
    <s v=""/>
    <n v="3529.4150037735853"/>
    <n v="38254.304557029827"/>
    <m/>
    <m/>
    <m/>
  </r>
  <r>
    <n v="293"/>
    <x v="1"/>
    <s v="Green infrastructure"/>
    <s v="LAPs"/>
    <s v="Number of LAPs"/>
    <s v="Number of LAPs"/>
    <x v="11"/>
    <x v="22"/>
    <x v="2"/>
    <x v="18"/>
    <x v="15"/>
    <s v="N/A"/>
    <s v="N/A"/>
    <m/>
    <m/>
    <s v="S106/CIL"/>
    <s v="Important"/>
    <m/>
    <m/>
    <m/>
    <m/>
    <m/>
    <m/>
    <m/>
    <m/>
    <m/>
    <m/>
    <m/>
    <m/>
    <m/>
    <m/>
    <m/>
    <m/>
    <s v="Yes"/>
    <m/>
    <m/>
    <m/>
    <s v="Yes"/>
    <m/>
    <m/>
    <m/>
    <s v="Yes"/>
    <m/>
    <s v="Yes"/>
    <m/>
    <m/>
    <s v="Yes"/>
    <s v="Yes"/>
    <n v="3286"/>
    <m/>
    <s v=""/>
    <s v=""/>
    <s v=""/>
    <s v=""/>
    <s v=""/>
    <s v=""/>
    <s v=""/>
    <s v=""/>
    <s v=""/>
    <s v=""/>
    <s v=""/>
    <s v=""/>
    <s v=""/>
    <s v=""/>
    <s v=""/>
    <s v=""/>
    <n v="0"/>
    <s v=""/>
    <s v=""/>
    <s v=""/>
    <n v="0"/>
    <s v=""/>
    <s v=""/>
    <s v=""/>
    <n v="0"/>
    <s v=""/>
    <n v="0"/>
    <s v=""/>
    <s v=""/>
    <n v="0"/>
    <n v="0"/>
    <m/>
    <m/>
    <m/>
  </r>
  <r>
    <n v="294"/>
    <x v="1"/>
    <s v="Green infrastructure"/>
    <s v="LEAPS"/>
    <s v="Number of LEAPs"/>
    <s v="Number of LEAPs"/>
    <x v="11"/>
    <x v="22"/>
    <x v="2"/>
    <x v="18"/>
    <x v="15"/>
    <s v="N/A"/>
    <s v="N/A"/>
    <m/>
    <m/>
    <s v="S106/CIL"/>
    <s v="Important"/>
    <m/>
    <m/>
    <m/>
    <m/>
    <m/>
    <m/>
    <m/>
    <m/>
    <m/>
    <m/>
    <m/>
    <m/>
    <m/>
    <m/>
    <m/>
    <m/>
    <s v="Yes"/>
    <m/>
    <m/>
    <m/>
    <s v="Yes"/>
    <m/>
    <m/>
    <m/>
    <s v="Yes"/>
    <m/>
    <s v="Yes"/>
    <m/>
    <m/>
    <s v="Yes"/>
    <s v="Yes"/>
    <n v="3286"/>
    <m/>
    <s v=""/>
    <s v=""/>
    <s v=""/>
    <s v=""/>
    <s v=""/>
    <s v=""/>
    <s v=""/>
    <s v=""/>
    <s v=""/>
    <s v=""/>
    <s v=""/>
    <s v=""/>
    <s v=""/>
    <s v=""/>
    <s v=""/>
    <s v=""/>
    <n v="0"/>
    <s v=""/>
    <s v=""/>
    <s v=""/>
    <n v="0"/>
    <s v=""/>
    <s v=""/>
    <s v=""/>
    <n v="0"/>
    <s v=""/>
    <n v="0"/>
    <s v=""/>
    <s v=""/>
    <n v="0"/>
    <n v="0"/>
    <m/>
    <m/>
    <m/>
  </r>
  <r>
    <n v="295"/>
    <x v="1"/>
    <s v="Green infrastructure"/>
    <s v="MUGAs"/>
    <s v="Number of MUGAs"/>
    <s v="Number of MUGAs"/>
    <x v="11"/>
    <x v="22"/>
    <x v="2"/>
    <x v="18"/>
    <x v="15"/>
    <s v="N/A"/>
    <s v="N/A"/>
    <m/>
    <m/>
    <s v="S106/CIL"/>
    <s v="Important"/>
    <m/>
    <m/>
    <m/>
    <m/>
    <m/>
    <m/>
    <m/>
    <m/>
    <m/>
    <m/>
    <m/>
    <m/>
    <m/>
    <m/>
    <m/>
    <m/>
    <s v="Yes"/>
    <m/>
    <m/>
    <m/>
    <s v="Yes"/>
    <m/>
    <m/>
    <m/>
    <s v="Yes"/>
    <m/>
    <s v="Yes"/>
    <m/>
    <m/>
    <s v="Yes"/>
    <s v="Yes"/>
    <n v="3286"/>
    <m/>
    <s v=""/>
    <s v=""/>
    <s v=""/>
    <s v=""/>
    <s v=""/>
    <s v=""/>
    <s v=""/>
    <s v=""/>
    <s v=""/>
    <s v=""/>
    <s v=""/>
    <s v=""/>
    <s v=""/>
    <s v=""/>
    <s v=""/>
    <s v=""/>
    <n v="0"/>
    <s v=""/>
    <s v=""/>
    <s v=""/>
    <n v="0"/>
    <s v=""/>
    <s v=""/>
    <s v=""/>
    <n v="0"/>
    <s v=""/>
    <n v="0"/>
    <s v=""/>
    <s v=""/>
    <n v="0"/>
    <n v="0"/>
    <m/>
    <m/>
    <m/>
  </r>
  <r>
    <n v="296"/>
    <x v="1"/>
    <s v="Green infrastructure"/>
    <s v="NEAPs"/>
    <s v="Numebr of NEAPs"/>
    <s v="Number of NEAPs"/>
    <x v="11"/>
    <x v="22"/>
    <x v="2"/>
    <x v="18"/>
    <x v="15"/>
    <s v="N/A"/>
    <s v="N/A"/>
    <m/>
    <m/>
    <s v="S106/CIL"/>
    <s v="Important"/>
    <m/>
    <m/>
    <m/>
    <m/>
    <m/>
    <m/>
    <m/>
    <m/>
    <m/>
    <m/>
    <m/>
    <m/>
    <m/>
    <m/>
    <m/>
    <m/>
    <s v="Yes"/>
    <m/>
    <m/>
    <m/>
    <s v="Yes"/>
    <m/>
    <m/>
    <m/>
    <s v="Yes"/>
    <m/>
    <s v="Yes"/>
    <m/>
    <m/>
    <s v="Yes"/>
    <s v="Yes"/>
    <n v="3286"/>
    <m/>
    <s v=""/>
    <s v=""/>
    <s v=""/>
    <s v=""/>
    <s v=""/>
    <s v=""/>
    <s v=""/>
    <s v=""/>
    <s v=""/>
    <s v=""/>
    <s v=""/>
    <s v=""/>
    <s v=""/>
    <s v=""/>
    <s v=""/>
    <s v=""/>
    <n v="0"/>
    <s v=""/>
    <s v=""/>
    <s v=""/>
    <n v="0"/>
    <s v=""/>
    <s v=""/>
    <s v=""/>
    <n v="0"/>
    <s v=""/>
    <n v="0"/>
    <s v=""/>
    <s v=""/>
    <n v="0"/>
    <n v="0"/>
    <m/>
    <m/>
    <m/>
  </r>
  <r>
    <n v="297"/>
    <x v="1"/>
    <s v="Green infrastructure"/>
    <s v="Allotments "/>
    <s v="Hectares of allotments required"/>
    <s v="Hectares of allotments required"/>
    <x v="11"/>
    <x v="22"/>
    <x v="2"/>
    <x v="17"/>
    <x v="15"/>
    <s v="N/A"/>
    <s v="N/A"/>
    <n v="59784.480000000003"/>
    <n v="59784.480000000003"/>
    <s v="S106/CIL"/>
    <s v="Important"/>
    <m/>
    <m/>
    <m/>
    <m/>
    <m/>
    <m/>
    <m/>
    <m/>
    <m/>
    <m/>
    <m/>
    <m/>
    <m/>
    <m/>
    <m/>
    <m/>
    <s v="Yes"/>
    <m/>
    <m/>
    <m/>
    <s v="Yes"/>
    <m/>
    <m/>
    <m/>
    <s v="Yes"/>
    <m/>
    <s v="Yes"/>
    <m/>
    <m/>
    <s v="Yes"/>
    <s v="Yes"/>
    <n v="3286"/>
    <n v="18.193694461351189"/>
    <s v=""/>
    <s v=""/>
    <s v=""/>
    <s v=""/>
    <s v=""/>
    <s v=""/>
    <s v=""/>
    <s v=""/>
    <s v=""/>
    <s v=""/>
    <s v=""/>
    <s v=""/>
    <s v=""/>
    <s v=""/>
    <s v=""/>
    <s v=""/>
    <n v="43391.961290322586"/>
    <s v=""/>
    <s v=""/>
    <s v=""/>
    <n v="5494.4957273280588"/>
    <s v=""/>
    <s v=""/>
    <s v=""/>
    <n v="3656.9325867315888"/>
    <s v=""/>
    <n v="564.00452830188681"/>
    <s v=""/>
    <s v=""/>
    <n v="564.00452830188681"/>
    <n v="6113.0813390139992"/>
    <m/>
    <m/>
    <m/>
  </r>
  <r>
    <n v="298"/>
    <x v="1"/>
    <s v="Green infrastructure"/>
    <s v="Amentiy Space"/>
    <s v="Hectares of amentity space"/>
    <s v="Hectares of amenity space"/>
    <x v="5"/>
    <x v="40"/>
    <x v="1"/>
    <x v="17"/>
    <x v="33"/>
    <s v="N/A"/>
    <s v="N/A"/>
    <n v="45550.080000000002"/>
    <n v="45550.080000000002"/>
    <s v="S106"/>
    <s v="Important"/>
    <m/>
    <m/>
    <m/>
    <m/>
    <m/>
    <m/>
    <m/>
    <m/>
    <m/>
    <m/>
    <m/>
    <m/>
    <m/>
    <m/>
    <m/>
    <m/>
    <m/>
    <m/>
    <m/>
    <m/>
    <m/>
    <m/>
    <m/>
    <m/>
    <m/>
    <m/>
    <m/>
    <m/>
    <s v="Yes"/>
    <m/>
    <m/>
    <n v="150"/>
    <n v="303.66720000000004"/>
    <s v=""/>
    <s v=""/>
    <s v=""/>
    <s v=""/>
    <s v=""/>
    <s v=""/>
    <s v=""/>
    <s v=""/>
    <s v=""/>
    <s v=""/>
    <s v=""/>
    <s v=""/>
    <s v=""/>
    <s v=""/>
    <s v=""/>
    <s v=""/>
    <s v=""/>
    <s v=""/>
    <s v=""/>
    <s v=""/>
    <s v=""/>
    <s v=""/>
    <s v=""/>
    <s v=""/>
    <s v=""/>
    <s v=""/>
    <s v=""/>
    <s v=""/>
    <n v="45550.080000000009"/>
    <s v=""/>
    <s v=""/>
    <m/>
    <m/>
    <m/>
  </r>
  <r>
    <n v="299"/>
    <x v="1"/>
    <s v="Green infrastructure"/>
    <s v="Natural and semi natural greenspace"/>
    <s v="Hectares of natural and semi natural greenspace"/>
    <s v="Hectares of natural and semi natural greenspace"/>
    <x v="5"/>
    <x v="40"/>
    <x v="1"/>
    <x v="17"/>
    <x v="33"/>
    <s v="N/A"/>
    <s v="N/A"/>
    <n v="119568.96000000001"/>
    <n v="119568.96000000001"/>
    <s v="S106"/>
    <s v="Important"/>
    <m/>
    <m/>
    <m/>
    <m/>
    <m/>
    <m/>
    <m/>
    <m/>
    <m/>
    <m/>
    <m/>
    <m/>
    <m/>
    <m/>
    <m/>
    <m/>
    <m/>
    <m/>
    <m/>
    <m/>
    <m/>
    <m/>
    <m/>
    <m/>
    <m/>
    <m/>
    <m/>
    <m/>
    <s v="Yes"/>
    <m/>
    <m/>
    <n v="150"/>
    <n v="797.12639999999999"/>
    <s v=""/>
    <s v=""/>
    <s v=""/>
    <s v=""/>
    <s v=""/>
    <s v=""/>
    <s v=""/>
    <s v=""/>
    <s v=""/>
    <s v=""/>
    <s v=""/>
    <s v=""/>
    <s v=""/>
    <s v=""/>
    <s v=""/>
    <s v=""/>
    <s v=""/>
    <s v=""/>
    <s v=""/>
    <s v=""/>
    <s v=""/>
    <s v=""/>
    <s v=""/>
    <s v=""/>
    <s v=""/>
    <s v=""/>
    <s v=""/>
    <s v=""/>
    <n v="119568.95999999999"/>
    <s v=""/>
    <s v=""/>
    <m/>
    <m/>
    <m/>
  </r>
  <r>
    <n v="300"/>
    <x v="1"/>
    <s v="Green infrastructure"/>
    <s v="Public parks and gardens "/>
    <s v="Number of public parks and gardens"/>
    <s v="Number of public parks and gardens"/>
    <x v="5"/>
    <x v="40"/>
    <x v="1"/>
    <x v="17"/>
    <x v="33"/>
    <s v="N/A"/>
    <s v="N/A"/>
    <n v="167016.95999999999"/>
    <n v="167016.95999999999"/>
    <s v="S106"/>
    <s v="Important"/>
    <m/>
    <m/>
    <m/>
    <m/>
    <m/>
    <m/>
    <m/>
    <m/>
    <m/>
    <m/>
    <m/>
    <m/>
    <m/>
    <m/>
    <m/>
    <m/>
    <m/>
    <m/>
    <m/>
    <m/>
    <m/>
    <m/>
    <m/>
    <m/>
    <m/>
    <m/>
    <m/>
    <m/>
    <s v="Yes"/>
    <m/>
    <m/>
    <n v="150"/>
    <n v="1113.4464"/>
    <s v=""/>
    <s v=""/>
    <s v=""/>
    <s v=""/>
    <s v=""/>
    <s v=""/>
    <s v=""/>
    <s v=""/>
    <s v=""/>
    <s v=""/>
    <s v=""/>
    <s v=""/>
    <s v=""/>
    <s v=""/>
    <s v=""/>
    <s v=""/>
    <s v=""/>
    <s v=""/>
    <s v=""/>
    <s v=""/>
    <s v=""/>
    <s v=""/>
    <s v=""/>
    <s v=""/>
    <s v=""/>
    <s v=""/>
    <s v=""/>
    <s v=""/>
    <n v="167016.95999999999"/>
    <s v=""/>
    <s v=""/>
    <m/>
    <m/>
    <m/>
  </r>
  <r>
    <n v="301"/>
    <x v="1"/>
    <s v="Green infrastructure"/>
    <s v="LAPs"/>
    <s v="1 LAP, delivered by site developer"/>
    <s v="1 LAP, delivered by site developer"/>
    <x v="5"/>
    <x v="40"/>
    <x v="1"/>
    <x v="18"/>
    <x v="33"/>
    <s v="N/A"/>
    <s v="N/A"/>
    <n v="43494"/>
    <n v="43494"/>
    <s v="S106"/>
    <s v="Important"/>
    <m/>
    <m/>
    <m/>
    <m/>
    <m/>
    <m/>
    <m/>
    <m/>
    <m/>
    <m/>
    <m/>
    <m/>
    <m/>
    <m/>
    <m/>
    <m/>
    <m/>
    <m/>
    <m/>
    <m/>
    <m/>
    <m/>
    <m/>
    <m/>
    <m/>
    <m/>
    <m/>
    <m/>
    <s v="Yes"/>
    <m/>
    <m/>
    <n v="150"/>
    <n v="289.95999999999998"/>
    <s v=""/>
    <s v=""/>
    <s v=""/>
    <s v=""/>
    <s v=""/>
    <s v=""/>
    <s v=""/>
    <s v=""/>
    <s v=""/>
    <s v=""/>
    <s v=""/>
    <s v=""/>
    <s v=""/>
    <s v=""/>
    <s v=""/>
    <s v=""/>
    <s v=""/>
    <s v=""/>
    <s v=""/>
    <s v=""/>
    <s v=""/>
    <s v=""/>
    <s v=""/>
    <s v=""/>
    <s v=""/>
    <s v=""/>
    <s v=""/>
    <s v=""/>
    <n v="43494"/>
    <s v=""/>
    <s v=""/>
    <m/>
    <m/>
    <m/>
  </r>
  <r>
    <n v="302"/>
    <x v="1"/>
    <s v="Green infrastructure"/>
    <s v="LEAPS"/>
    <s v="1 LEAP, delivered by site developer"/>
    <s v="1 LEAP, delivered by site developer"/>
    <x v="5"/>
    <x v="40"/>
    <x v="1"/>
    <x v="18"/>
    <x v="33"/>
    <s v="N/A"/>
    <s v="N/A"/>
    <n v="105440"/>
    <n v="105440"/>
    <s v="S106"/>
    <s v="Important"/>
    <m/>
    <m/>
    <m/>
    <m/>
    <m/>
    <m/>
    <m/>
    <m/>
    <m/>
    <m/>
    <m/>
    <m/>
    <m/>
    <m/>
    <m/>
    <m/>
    <m/>
    <m/>
    <m/>
    <m/>
    <m/>
    <m/>
    <m/>
    <m/>
    <m/>
    <m/>
    <m/>
    <m/>
    <s v="Yes"/>
    <m/>
    <m/>
    <n v="150"/>
    <n v="702.93333333333328"/>
    <s v=""/>
    <s v=""/>
    <s v=""/>
    <s v=""/>
    <s v=""/>
    <s v=""/>
    <s v=""/>
    <s v=""/>
    <s v=""/>
    <s v=""/>
    <s v=""/>
    <s v=""/>
    <s v=""/>
    <s v=""/>
    <s v=""/>
    <s v=""/>
    <s v=""/>
    <s v=""/>
    <s v=""/>
    <s v=""/>
    <s v=""/>
    <s v=""/>
    <s v=""/>
    <s v=""/>
    <s v=""/>
    <s v=""/>
    <s v=""/>
    <s v=""/>
    <n v="105439.99999999999"/>
    <s v=""/>
    <s v=""/>
    <m/>
    <m/>
    <m/>
  </r>
  <r>
    <n v="305"/>
    <x v="1"/>
    <s v="Green infrastructure"/>
    <s v="Allotments "/>
    <s v="Hectares of allotments required"/>
    <s v="Hectares of allotments required"/>
    <x v="5"/>
    <x v="40"/>
    <x v="2"/>
    <x v="17"/>
    <x v="33"/>
    <s v="N/A"/>
    <s v="N/A"/>
    <n v="26689.5"/>
    <n v="26689.5"/>
    <s v="S106"/>
    <s v="Important"/>
    <m/>
    <m/>
    <m/>
    <m/>
    <m/>
    <m/>
    <m/>
    <m/>
    <m/>
    <m/>
    <m/>
    <m/>
    <m/>
    <m/>
    <m/>
    <m/>
    <m/>
    <m/>
    <m/>
    <m/>
    <m/>
    <m/>
    <m/>
    <m/>
    <m/>
    <m/>
    <m/>
    <m/>
    <s v="Yes"/>
    <m/>
    <m/>
    <n v="150"/>
    <n v="177.93"/>
    <s v=""/>
    <s v=""/>
    <s v=""/>
    <s v=""/>
    <s v=""/>
    <s v=""/>
    <s v=""/>
    <s v=""/>
    <s v=""/>
    <s v=""/>
    <s v=""/>
    <s v=""/>
    <s v=""/>
    <s v=""/>
    <s v=""/>
    <s v=""/>
    <s v=""/>
    <s v=""/>
    <s v=""/>
    <s v=""/>
    <s v=""/>
    <s v=""/>
    <s v=""/>
    <s v=""/>
    <s v=""/>
    <s v=""/>
    <s v=""/>
    <s v=""/>
    <n v="26689.5"/>
    <s v=""/>
    <s v=""/>
    <m/>
    <m/>
    <m/>
  </r>
  <r>
    <n v="306"/>
    <x v="1"/>
    <s v="Green infrastructure"/>
    <s v="Amentiy Space"/>
    <s v="Hectares of amentity space"/>
    <s v="Hectares of amenity space"/>
    <x v="5"/>
    <x v="22"/>
    <x v="2"/>
    <x v="17"/>
    <x v="15"/>
    <s v="N/A"/>
    <s v="N/A"/>
    <n v="9413.6831999999977"/>
    <n v="9413.6831999999977"/>
    <s v="S106/CIL"/>
    <s v="Important"/>
    <m/>
    <m/>
    <m/>
    <m/>
    <m/>
    <m/>
    <m/>
    <m/>
    <m/>
    <m/>
    <m/>
    <m/>
    <m/>
    <m/>
    <m/>
    <m/>
    <m/>
    <m/>
    <m/>
    <m/>
    <m/>
    <m/>
    <m/>
    <m/>
    <m/>
    <m/>
    <m/>
    <m/>
    <m/>
    <s v="Yes"/>
    <m/>
    <n v="31"/>
    <n v="303.66719999999992"/>
    <s v=""/>
    <s v=""/>
    <s v=""/>
    <s v=""/>
    <s v=""/>
    <s v=""/>
    <s v=""/>
    <s v=""/>
    <s v=""/>
    <s v=""/>
    <s v=""/>
    <s v=""/>
    <s v=""/>
    <s v=""/>
    <s v=""/>
    <s v=""/>
    <s v=""/>
    <s v=""/>
    <s v=""/>
    <s v=""/>
    <s v=""/>
    <s v=""/>
    <s v=""/>
    <s v=""/>
    <s v=""/>
    <s v=""/>
    <s v=""/>
    <s v=""/>
    <s v=""/>
    <n v="9413.6831999999977"/>
    <s v=""/>
    <m/>
    <m/>
    <m/>
  </r>
  <r>
    <n v="307"/>
    <x v="1"/>
    <s v="Green infrastructure"/>
    <s v="Natural and semi natural greenspace"/>
    <s v="Hectares of natural and semi natural greenspace"/>
    <s v="Hectares of natural and semi natural greenspace"/>
    <x v="5"/>
    <x v="22"/>
    <x v="2"/>
    <x v="17"/>
    <x v="15"/>
    <s v="N/A"/>
    <s v="N/A"/>
    <n v="24710.918399999999"/>
    <n v="24710.918399999999"/>
    <s v="S106/CIL"/>
    <s v="Important"/>
    <m/>
    <m/>
    <m/>
    <m/>
    <m/>
    <m/>
    <m/>
    <m/>
    <m/>
    <m/>
    <m/>
    <m/>
    <m/>
    <m/>
    <m/>
    <m/>
    <m/>
    <m/>
    <m/>
    <m/>
    <m/>
    <m/>
    <m/>
    <m/>
    <m/>
    <m/>
    <m/>
    <m/>
    <m/>
    <s v="Yes"/>
    <m/>
    <n v="31"/>
    <n v="797.12639999999999"/>
    <s v=""/>
    <s v=""/>
    <s v=""/>
    <s v=""/>
    <s v=""/>
    <s v=""/>
    <s v=""/>
    <s v=""/>
    <s v=""/>
    <s v=""/>
    <s v=""/>
    <s v=""/>
    <s v=""/>
    <s v=""/>
    <s v=""/>
    <s v=""/>
    <s v=""/>
    <s v=""/>
    <s v=""/>
    <s v=""/>
    <s v=""/>
    <s v=""/>
    <s v=""/>
    <s v=""/>
    <s v=""/>
    <s v=""/>
    <s v=""/>
    <s v=""/>
    <s v=""/>
    <n v="24710.918399999999"/>
    <s v=""/>
    <m/>
    <m/>
    <m/>
  </r>
  <r>
    <n v="308"/>
    <x v="1"/>
    <s v="Green infrastructure"/>
    <s v="Public parks and gardens "/>
    <s v="Number of public parks and gardens"/>
    <s v="Number of public parks and gardens"/>
    <x v="5"/>
    <x v="22"/>
    <x v="2"/>
    <x v="17"/>
    <x v="15"/>
    <s v="N/A"/>
    <s v="N/A"/>
    <n v="34516.838400000001"/>
    <n v="34516.838400000001"/>
    <s v="S106/CIL"/>
    <s v="Important"/>
    <m/>
    <m/>
    <m/>
    <m/>
    <m/>
    <m/>
    <m/>
    <m/>
    <m/>
    <m/>
    <m/>
    <m/>
    <m/>
    <m/>
    <m/>
    <m/>
    <m/>
    <m/>
    <m/>
    <m/>
    <m/>
    <m/>
    <m/>
    <m/>
    <m/>
    <m/>
    <m/>
    <m/>
    <m/>
    <s v="Yes"/>
    <m/>
    <n v="31"/>
    <n v="1113.4464"/>
    <s v=""/>
    <s v=""/>
    <s v=""/>
    <s v=""/>
    <s v=""/>
    <s v=""/>
    <s v=""/>
    <s v=""/>
    <s v=""/>
    <s v=""/>
    <s v=""/>
    <s v=""/>
    <s v=""/>
    <s v=""/>
    <s v=""/>
    <s v=""/>
    <s v=""/>
    <s v=""/>
    <s v=""/>
    <s v=""/>
    <s v=""/>
    <s v=""/>
    <s v=""/>
    <s v=""/>
    <s v=""/>
    <s v=""/>
    <s v=""/>
    <s v=""/>
    <s v=""/>
    <n v="34516.838400000001"/>
    <s v=""/>
    <m/>
    <m/>
    <m/>
  </r>
  <r>
    <n v="309"/>
    <x v="1"/>
    <s v="Green infrastructure"/>
    <s v="LAPs"/>
    <s v="Number of LAPs"/>
    <s v="Number of LAPs"/>
    <x v="5"/>
    <x v="22"/>
    <x v="2"/>
    <x v="18"/>
    <x v="15"/>
    <s v="N/A"/>
    <s v="N/A"/>
    <n v="0"/>
    <n v="0"/>
    <s v="S106/CIL"/>
    <s v="Important"/>
    <m/>
    <m/>
    <m/>
    <m/>
    <m/>
    <m/>
    <m/>
    <m/>
    <m/>
    <m/>
    <m/>
    <m/>
    <m/>
    <m/>
    <m/>
    <m/>
    <m/>
    <m/>
    <m/>
    <m/>
    <m/>
    <m/>
    <m/>
    <m/>
    <m/>
    <m/>
    <m/>
    <m/>
    <m/>
    <s v="Yes"/>
    <m/>
    <n v="31"/>
    <n v="0"/>
    <s v=""/>
    <s v=""/>
    <s v=""/>
    <s v=""/>
    <s v=""/>
    <s v=""/>
    <s v=""/>
    <s v=""/>
    <s v=""/>
    <s v=""/>
    <s v=""/>
    <s v=""/>
    <s v=""/>
    <s v=""/>
    <s v=""/>
    <s v=""/>
    <s v=""/>
    <s v=""/>
    <s v=""/>
    <s v=""/>
    <s v=""/>
    <s v=""/>
    <s v=""/>
    <s v=""/>
    <s v=""/>
    <s v=""/>
    <s v=""/>
    <s v=""/>
    <s v=""/>
    <n v="0"/>
    <s v=""/>
    <m/>
    <m/>
    <m/>
  </r>
  <r>
    <n v="310"/>
    <x v="1"/>
    <s v="Green infrastructure"/>
    <s v="LEAPs"/>
    <s v="Number of LEAPs"/>
    <s v="Number of LEAPs"/>
    <x v="5"/>
    <x v="22"/>
    <x v="2"/>
    <x v="18"/>
    <x v="15"/>
    <s v="N/A"/>
    <s v="N/A"/>
    <n v="0"/>
    <n v="0"/>
    <s v="S106/CIL"/>
    <s v="Important"/>
    <m/>
    <m/>
    <m/>
    <m/>
    <m/>
    <m/>
    <m/>
    <m/>
    <m/>
    <m/>
    <m/>
    <m/>
    <m/>
    <m/>
    <m/>
    <m/>
    <m/>
    <m/>
    <m/>
    <m/>
    <m/>
    <m/>
    <m/>
    <m/>
    <m/>
    <m/>
    <m/>
    <m/>
    <m/>
    <s v="Yes"/>
    <m/>
    <n v="31"/>
    <m/>
    <s v=""/>
    <s v=""/>
    <s v=""/>
    <s v=""/>
    <s v=""/>
    <s v=""/>
    <s v=""/>
    <s v=""/>
    <s v=""/>
    <s v=""/>
    <s v=""/>
    <s v=""/>
    <s v=""/>
    <s v=""/>
    <s v=""/>
    <s v=""/>
    <s v=""/>
    <s v=""/>
    <s v=""/>
    <s v=""/>
    <s v=""/>
    <s v=""/>
    <s v=""/>
    <s v=""/>
    <s v=""/>
    <s v=""/>
    <s v=""/>
    <s v=""/>
    <s v=""/>
    <n v="0"/>
    <s v=""/>
    <m/>
    <m/>
    <m/>
  </r>
  <r>
    <n v="311"/>
    <x v="1"/>
    <s v="Green infrastructure"/>
    <s v="MUGAs"/>
    <s v="Number of MUGAs"/>
    <s v="Number of MUGAs"/>
    <x v="5"/>
    <x v="22"/>
    <x v="2"/>
    <x v="18"/>
    <x v="15"/>
    <s v="N/A"/>
    <s v="N/A"/>
    <n v="0"/>
    <n v="0"/>
    <s v="S106/CIL"/>
    <s v="Important"/>
    <m/>
    <m/>
    <m/>
    <m/>
    <m/>
    <m/>
    <m/>
    <m/>
    <m/>
    <m/>
    <m/>
    <m/>
    <m/>
    <m/>
    <m/>
    <m/>
    <m/>
    <m/>
    <m/>
    <m/>
    <m/>
    <m/>
    <m/>
    <m/>
    <m/>
    <m/>
    <m/>
    <m/>
    <m/>
    <s v="Yes"/>
    <m/>
    <n v="31"/>
    <m/>
    <s v=""/>
    <s v=""/>
    <s v=""/>
    <s v=""/>
    <s v=""/>
    <s v=""/>
    <s v=""/>
    <s v=""/>
    <s v=""/>
    <s v=""/>
    <s v=""/>
    <s v=""/>
    <s v=""/>
    <s v=""/>
    <s v=""/>
    <s v=""/>
    <s v=""/>
    <s v=""/>
    <s v=""/>
    <s v=""/>
    <s v=""/>
    <s v=""/>
    <s v=""/>
    <s v=""/>
    <s v=""/>
    <s v=""/>
    <s v=""/>
    <s v=""/>
    <s v=""/>
    <n v="0"/>
    <s v=""/>
    <m/>
    <m/>
    <m/>
  </r>
  <r>
    <n v="312"/>
    <x v="1"/>
    <s v="Green infrastructure"/>
    <s v="NEAPs"/>
    <s v="Number of NEAPs"/>
    <s v="Number of NEAPs"/>
    <x v="5"/>
    <x v="22"/>
    <x v="2"/>
    <x v="18"/>
    <x v="15"/>
    <s v="N/A"/>
    <s v="N/A"/>
    <n v="0"/>
    <n v="0"/>
    <s v="S106/CIL"/>
    <s v="Important"/>
    <m/>
    <m/>
    <m/>
    <m/>
    <m/>
    <m/>
    <m/>
    <m/>
    <m/>
    <m/>
    <m/>
    <m/>
    <m/>
    <m/>
    <m/>
    <m/>
    <m/>
    <m/>
    <m/>
    <m/>
    <m/>
    <m/>
    <m/>
    <m/>
    <m/>
    <m/>
    <m/>
    <m/>
    <m/>
    <s v="Yes"/>
    <m/>
    <n v="31"/>
    <m/>
    <s v=""/>
    <s v=""/>
    <s v=""/>
    <s v=""/>
    <s v=""/>
    <s v=""/>
    <s v=""/>
    <s v=""/>
    <s v=""/>
    <s v=""/>
    <s v=""/>
    <s v=""/>
    <s v=""/>
    <s v=""/>
    <s v=""/>
    <s v=""/>
    <s v=""/>
    <s v=""/>
    <s v=""/>
    <s v=""/>
    <s v=""/>
    <s v=""/>
    <s v=""/>
    <s v=""/>
    <s v=""/>
    <s v=""/>
    <s v=""/>
    <s v=""/>
    <s v=""/>
    <n v="0"/>
    <s v=""/>
    <m/>
    <m/>
    <m/>
  </r>
  <r>
    <n v="313"/>
    <x v="1"/>
    <s v="Green infrastructure"/>
    <s v="Allotments "/>
    <s v="Hectares of allotments required"/>
    <s v="Hectares of allotments required"/>
    <x v="5"/>
    <x v="22"/>
    <x v="2"/>
    <x v="17"/>
    <x v="15"/>
    <s v="N/A"/>
    <s v="N/A"/>
    <n v="5515.83"/>
    <n v="5515.83"/>
    <s v="S106/CIL"/>
    <s v="Important"/>
    <m/>
    <m/>
    <m/>
    <m/>
    <m/>
    <m/>
    <m/>
    <m/>
    <m/>
    <m/>
    <m/>
    <m/>
    <m/>
    <m/>
    <m/>
    <m/>
    <m/>
    <m/>
    <m/>
    <m/>
    <m/>
    <m/>
    <m/>
    <m/>
    <m/>
    <m/>
    <m/>
    <m/>
    <m/>
    <s v="Yes"/>
    <m/>
    <n v="31"/>
    <n v="177.93"/>
    <s v=""/>
    <s v=""/>
    <s v=""/>
    <s v=""/>
    <s v=""/>
    <s v=""/>
    <s v=""/>
    <s v=""/>
    <s v=""/>
    <s v=""/>
    <s v=""/>
    <s v=""/>
    <s v=""/>
    <s v=""/>
    <s v=""/>
    <s v=""/>
    <s v=""/>
    <s v=""/>
    <s v=""/>
    <s v=""/>
    <s v=""/>
    <s v=""/>
    <s v=""/>
    <s v=""/>
    <s v=""/>
    <s v=""/>
    <s v=""/>
    <s v=""/>
    <s v=""/>
    <n v="5515.83"/>
    <s v=""/>
    <m/>
    <m/>
    <m/>
  </r>
  <r>
    <n v="314"/>
    <x v="1"/>
    <s v="Green infrastructure"/>
    <s v="Amentiy Space"/>
    <s v="Hectares of amentity space"/>
    <s v="Hectares of amenity space"/>
    <x v="3"/>
    <x v="6"/>
    <x v="1"/>
    <x v="17"/>
    <x v="21"/>
    <s v="N/A"/>
    <s v="N/A"/>
    <n v="75916.800000000003"/>
    <n v="75916.800000000003"/>
    <s v="S106"/>
    <s v="Important"/>
    <m/>
    <m/>
    <m/>
    <m/>
    <m/>
    <m/>
    <m/>
    <m/>
    <m/>
    <m/>
    <m/>
    <m/>
    <m/>
    <m/>
    <m/>
    <m/>
    <m/>
    <m/>
    <m/>
    <m/>
    <m/>
    <s v="Yes"/>
    <m/>
    <m/>
    <m/>
    <m/>
    <m/>
    <m/>
    <m/>
    <m/>
    <m/>
    <n v="250"/>
    <n v="303.66720000000004"/>
    <s v=""/>
    <s v=""/>
    <s v=""/>
    <s v=""/>
    <s v=""/>
    <s v=""/>
    <s v=""/>
    <s v=""/>
    <s v=""/>
    <s v=""/>
    <s v=""/>
    <s v=""/>
    <s v=""/>
    <s v=""/>
    <s v=""/>
    <s v=""/>
    <s v=""/>
    <s v=""/>
    <s v=""/>
    <s v=""/>
    <s v=""/>
    <n v="75916.800000000003"/>
    <s v=""/>
    <s v=""/>
    <s v=""/>
    <s v=""/>
    <s v=""/>
    <s v=""/>
    <s v=""/>
    <s v=""/>
    <s v=""/>
    <m/>
    <m/>
    <m/>
  </r>
  <r>
    <n v="315"/>
    <x v="1"/>
    <s v="Green infrastructure"/>
    <s v="Natural and semi natural greenspace"/>
    <s v="Hectares of natural and semi natural greenspace"/>
    <s v="Hectares of natural and semi natural greenspace"/>
    <x v="3"/>
    <x v="6"/>
    <x v="1"/>
    <x v="17"/>
    <x v="21"/>
    <s v="N/A"/>
    <s v="N/A"/>
    <n v="199281.6"/>
    <n v="199281.6"/>
    <s v="S106"/>
    <s v="Important"/>
    <m/>
    <m/>
    <m/>
    <m/>
    <m/>
    <m/>
    <m/>
    <m/>
    <m/>
    <m/>
    <m/>
    <m/>
    <m/>
    <m/>
    <m/>
    <m/>
    <m/>
    <m/>
    <m/>
    <m/>
    <m/>
    <s v="Yes"/>
    <m/>
    <m/>
    <m/>
    <m/>
    <m/>
    <m/>
    <m/>
    <m/>
    <m/>
    <n v="250"/>
    <n v="797.12639999999999"/>
    <s v=""/>
    <s v=""/>
    <s v=""/>
    <s v=""/>
    <s v=""/>
    <s v=""/>
    <s v=""/>
    <s v=""/>
    <s v=""/>
    <s v=""/>
    <s v=""/>
    <s v=""/>
    <s v=""/>
    <s v=""/>
    <s v=""/>
    <s v=""/>
    <s v=""/>
    <s v=""/>
    <s v=""/>
    <s v=""/>
    <s v=""/>
    <n v="199281.6"/>
    <s v=""/>
    <s v=""/>
    <s v=""/>
    <s v=""/>
    <s v=""/>
    <s v=""/>
    <s v=""/>
    <s v=""/>
    <s v=""/>
    <m/>
    <m/>
    <m/>
  </r>
  <r>
    <n v="316"/>
    <x v="1"/>
    <s v="Green infrastructure"/>
    <s v="Public parks and gardens "/>
    <s v="Number of public parks and gardens"/>
    <s v="Number of public parks and gardens"/>
    <x v="3"/>
    <x v="6"/>
    <x v="1"/>
    <x v="17"/>
    <x v="21"/>
    <s v="N/A"/>
    <s v="N/A"/>
    <n v="278361.59999999998"/>
    <n v="278361.59999999998"/>
    <s v="S106"/>
    <s v="Important"/>
    <m/>
    <m/>
    <m/>
    <m/>
    <m/>
    <m/>
    <m/>
    <m/>
    <m/>
    <m/>
    <m/>
    <m/>
    <m/>
    <m/>
    <m/>
    <m/>
    <m/>
    <m/>
    <m/>
    <m/>
    <m/>
    <s v="Yes"/>
    <m/>
    <m/>
    <m/>
    <m/>
    <m/>
    <m/>
    <m/>
    <m/>
    <m/>
    <n v="250"/>
    <n v="1113.4463999999998"/>
    <s v=""/>
    <s v=""/>
    <s v=""/>
    <s v=""/>
    <s v=""/>
    <s v=""/>
    <s v=""/>
    <s v=""/>
    <s v=""/>
    <s v=""/>
    <s v=""/>
    <s v=""/>
    <s v=""/>
    <s v=""/>
    <s v=""/>
    <s v=""/>
    <s v=""/>
    <s v=""/>
    <s v=""/>
    <s v=""/>
    <s v=""/>
    <n v="278361.59999999998"/>
    <s v=""/>
    <s v=""/>
    <s v=""/>
    <s v=""/>
    <s v=""/>
    <s v=""/>
    <s v=""/>
    <s v=""/>
    <s v=""/>
    <m/>
    <m/>
    <m/>
  </r>
  <r>
    <n v="317"/>
    <x v="1"/>
    <s v="Green infrastructure"/>
    <s v="LAPs"/>
    <s v="1 LAP, delivered by developer"/>
    <s v="1 LAP, delivered by developer"/>
    <x v="3"/>
    <x v="6"/>
    <x v="1"/>
    <x v="18"/>
    <x v="21"/>
    <s v="N/A"/>
    <s v="N/A"/>
    <n v="43494"/>
    <n v="43494"/>
    <s v="S106"/>
    <s v="Important"/>
    <m/>
    <m/>
    <m/>
    <m/>
    <m/>
    <m/>
    <m/>
    <m/>
    <m/>
    <m/>
    <m/>
    <m/>
    <m/>
    <m/>
    <m/>
    <m/>
    <m/>
    <m/>
    <m/>
    <m/>
    <m/>
    <s v="Yes"/>
    <m/>
    <m/>
    <m/>
    <m/>
    <m/>
    <m/>
    <m/>
    <m/>
    <m/>
    <n v="250"/>
    <n v="173.976"/>
    <s v=""/>
    <s v=""/>
    <s v=""/>
    <s v=""/>
    <s v=""/>
    <s v=""/>
    <s v=""/>
    <s v=""/>
    <s v=""/>
    <s v=""/>
    <s v=""/>
    <s v=""/>
    <s v=""/>
    <s v=""/>
    <s v=""/>
    <s v=""/>
    <s v=""/>
    <s v=""/>
    <s v=""/>
    <s v=""/>
    <s v=""/>
    <n v="43494"/>
    <s v=""/>
    <s v=""/>
    <s v=""/>
    <s v=""/>
    <s v=""/>
    <s v=""/>
    <s v=""/>
    <s v=""/>
    <s v=""/>
    <m/>
    <m/>
    <m/>
  </r>
  <r>
    <n v="318"/>
    <x v="1"/>
    <s v="Green infrastructure"/>
    <s v="LEAPs"/>
    <s v="1 LEAP, delivered by developer"/>
    <s v="1 LEAP, delivered by developer"/>
    <x v="3"/>
    <x v="6"/>
    <x v="1"/>
    <x v="18"/>
    <x v="21"/>
    <s v="N/A"/>
    <s v="N/A"/>
    <n v="105440"/>
    <n v="105440"/>
    <s v="S106"/>
    <s v="Important"/>
    <m/>
    <m/>
    <m/>
    <m/>
    <m/>
    <m/>
    <m/>
    <m/>
    <m/>
    <m/>
    <m/>
    <m/>
    <m/>
    <m/>
    <m/>
    <m/>
    <m/>
    <m/>
    <m/>
    <m/>
    <m/>
    <s v="Yes"/>
    <m/>
    <m/>
    <m/>
    <m/>
    <m/>
    <m/>
    <m/>
    <m/>
    <m/>
    <n v="250"/>
    <n v="421.76"/>
    <s v=""/>
    <s v=""/>
    <s v=""/>
    <s v=""/>
    <s v=""/>
    <s v=""/>
    <s v=""/>
    <s v=""/>
    <s v=""/>
    <s v=""/>
    <s v=""/>
    <s v=""/>
    <s v=""/>
    <s v=""/>
    <s v=""/>
    <s v=""/>
    <s v=""/>
    <s v=""/>
    <s v=""/>
    <s v=""/>
    <s v=""/>
    <n v="105440"/>
    <s v=""/>
    <s v=""/>
    <s v=""/>
    <s v=""/>
    <s v=""/>
    <s v=""/>
    <s v=""/>
    <s v=""/>
    <s v=""/>
    <m/>
    <m/>
    <m/>
  </r>
  <r>
    <n v="319"/>
    <x v="1"/>
    <s v="Green infrastructure"/>
    <s v="MUGAs"/>
    <s v="1 MUGA, delivered by developer"/>
    <s v="1 MUGA, delivered by developer"/>
    <x v="3"/>
    <x v="6"/>
    <x v="1"/>
    <x v="18"/>
    <x v="21"/>
    <s v="N/A"/>
    <s v="N/A"/>
    <n v="184520"/>
    <n v="184520"/>
    <s v="S106"/>
    <s v="Important"/>
    <m/>
    <m/>
    <m/>
    <m/>
    <m/>
    <m/>
    <m/>
    <m/>
    <m/>
    <m/>
    <m/>
    <m/>
    <m/>
    <m/>
    <m/>
    <m/>
    <m/>
    <m/>
    <m/>
    <m/>
    <m/>
    <s v="Yes"/>
    <m/>
    <m/>
    <m/>
    <m/>
    <m/>
    <m/>
    <m/>
    <m/>
    <m/>
    <n v="250"/>
    <n v="738.08"/>
    <s v=""/>
    <s v=""/>
    <s v=""/>
    <s v=""/>
    <s v=""/>
    <s v=""/>
    <s v=""/>
    <s v=""/>
    <s v=""/>
    <s v=""/>
    <s v=""/>
    <s v=""/>
    <s v=""/>
    <s v=""/>
    <s v=""/>
    <s v=""/>
    <s v=""/>
    <s v=""/>
    <s v=""/>
    <s v=""/>
    <s v=""/>
    <n v="184520"/>
    <s v=""/>
    <s v=""/>
    <s v=""/>
    <s v=""/>
    <s v=""/>
    <s v=""/>
    <s v=""/>
    <s v=""/>
    <s v=""/>
    <m/>
    <m/>
    <m/>
  </r>
  <r>
    <n v="320"/>
    <x v="1"/>
    <s v="Green infrastructure"/>
    <s v="NEAPs"/>
    <s v="Number of NEAPs"/>
    <s v="Number of NEAPs"/>
    <x v="3"/>
    <x v="6"/>
    <x v="3"/>
    <x v="18"/>
    <x v="21"/>
    <s v="N/A"/>
    <s v="N/A"/>
    <n v="0"/>
    <n v="0"/>
    <s v="S106"/>
    <s v="Important"/>
    <m/>
    <m/>
    <m/>
    <m/>
    <m/>
    <m/>
    <m/>
    <m/>
    <m/>
    <m/>
    <m/>
    <m/>
    <m/>
    <m/>
    <m/>
    <m/>
    <m/>
    <m/>
    <m/>
    <m/>
    <m/>
    <s v="Yes"/>
    <m/>
    <m/>
    <m/>
    <m/>
    <m/>
    <m/>
    <m/>
    <m/>
    <m/>
    <n v="250"/>
    <n v="0"/>
    <s v=""/>
    <s v=""/>
    <s v=""/>
    <s v=""/>
    <s v=""/>
    <s v=""/>
    <s v=""/>
    <s v=""/>
    <s v=""/>
    <s v=""/>
    <s v=""/>
    <s v=""/>
    <s v=""/>
    <s v=""/>
    <s v=""/>
    <s v=""/>
    <s v=""/>
    <s v=""/>
    <s v=""/>
    <s v=""/>
    <s v=""/>
    <n v="0"/>
    <s v=""/>
    <s v=""/>
    <s v=""/>
    <s v=""/>
    <s v=""/>
    <s v=""/>
    <s v=""/>
    <s v=""/>
    <s v=""/>
    <m/>
    <m/>
    <m/>
  </r>
  <r>
    <n v="321"/>
    <x v="1"/>
    <s v="Green infrastructure"/>
    <s v="Allotments "/>
    <s v="Hectares of allotments required"/>
    <s v="Hectares of allotments required"/>
    <x v="3"/>
    <x v="6"/>
    <x v="2"/>
    <x v="17"/>
    <x v="21"/>
    <s v="N/A"/>
    <s v="N/A"/>
    <n v="44482.5"/>
    <n v="44482.5"/>
    <s v="S106"/>
    <s v="Important"/>
    <m/>
    <m/>
    <m/>
    <m/>
    <m/>
    <m/>
    <m/>
    <m/>
    <m/>
    <m/>
    <m/>
    <m/>
    <m/>
    <m/>
    <m/>
    <m/>
    <m/>
    <m/>
    <m/>
    <m/>
    <m/>
    <s v="Yes"/>
    <m/>
    <m/>
    <m/>
    <m/>
    <m/>
    <m/>
    <m/>
    <m/>
    <m/>
    <n v="250"/>
    <n v="177.93"/>
    <s v=""/>
    <s v=""/>
    <s v=""/>
    <s v=""/>
    <s v=""/>
    <s v=""/>
    <s v=""/>
    <s v=""/>
    <s v=""/>
    <s v=""/>
    <s v=""/>
    <s v=""/>
    <s v=""/>
    <s v=""/>
    <s v=""/>
    <s v=""/>
    <s v=""/>
    <s v=""/>
    <s v=""/>
    <s v=""/>
    <s v=""/>
    <n v="44482.5"/>
    <s v=""/>
    <s v=""/>
    <s v=""/>
    <s v=""/>
    <s v=""/>
    <s v=""/>
    <s v=""/>
    <s v=""/>
    <s v=""/>
    <m/>
    <m/>
    <m/>
  </r>
  <r>
    <n v="322"/>
    <x v="1"/>
    <s v="Green infrastructure"/>
    <s v="Amentiy Space"/>
    <s v="Hectares of amentity space"/>
    <s v="Hectares of amenity space"/>
    <x v="3"/>
    <x v="21"/>
    <x v="1"/>
    <x v="17"/>
    <x v="22"/>
    <s v="N/A"/>
    <s v="N/A"/>
    <n v="121466.87999999999"/>
    <n v="121466.87999999999"/>
    <s v="S106"/>
    <s v="Important"/>
    <m/>
    <m/>
    <m/>
    <m/>
    <m/>
    <m/>
    <m/>
    <m/>
    <m/>
    <m/>
    <m/>
    <m/>
    <m/>
    <m/>
    <m/>
    <m/>
    <m/>
    <m/>
    <m/>
    <m/>
    <m/>
    <m/>
    <s v="Yes"/>
    <m/>
    <m/>
    <m/>
    <m/>
    <m/>
    <m/>
    <m/>
    <m/>
    <n v="400"/>
    <n v="303.66719999999998"/>
    <s v=""/>
    <s v=""/>
    <s v=""/>
    <s v=""/>
    <s v=""/>
    <s v=""/>
    <s v=""/>
    <s v=""/>
    <s v=""/>
    <s v=""/>
    <s v=""/>
    <s v=""/>
    <s v=""/>
    <s v=""/>
    <s v=""/>
    <s v=""/>
    <s v=""/>
    <s v=""/>
    <s v=""/>
    <s v=""/>
    <s v=""/>
    <s v=""/>
    <n v="121466.87999999999"/>
    <s v=""/>
    <s v=""/>
    <s v=""/>
    <s v=""/>
    <s v=""/>
    <s v=""/>
    <s v=""/>
    <s v=""/>
    <m/>
    <m/>
    <m/>
  </r>
  <r>
    <n v="323"/>
    <x v="1"/>
    <s v="Green infrastructure"/>
    <s v="Natural and semi natural greenspace"/>
    <s v="Hectares of natural and semi natural greenspace"/>
    <s v="Hectares of natural and semi natural greenspace"/>
    <x v="3"/>
    <x v="21"/>
    <x v="5"/>
    <x v="17"/>
    <x v="22"/>
    <s v="N/A"/>
    <s v="N/A"/>
    <n v="318850.56"/>
    <n v="318850.56"/>
    <s v="S106"/>
    <s v="Important"/>
    <m/>
    <m/>
    <m/>
    <m/>
    <m/>
    <m/>
    <m/>
    <m/>
    <m/>
    <m/>
    <m/>
    <m/>
    <m/>
    <m/>
    <m/>
    <m/>
    <m/>
    <m/>
    <m/>
    <m/>
    <m/>
    <m/>
    <s v="Yes"/>
    <m/>
    <m/>
    <m/>
    <m/>
    <m/>
    <m/>
    <m/>
    <m/>
    <n v="400"/>
    <n v="797.12639999999999"/>
    <s v=""/>
    <s v=""/>
    <s v=""/>
    <s v=""/>
    <s v=""/>
    <s v=""/>
    <s v=""/>
    <s v=""/>
    <s v=""/>
    <s v=""/>
    <s v=""/>
    <s v=""/>
    <s v=""/>
    <s v=""/>
    <s v=""/>
    <s v=""/>
    <s v=""/>
    <s v=""/>
    <s v=""/>
    <s v=""/>
    <s v=""/>
    <s v=""/>
    <n v="318850.56"/>
    <s v=""/>
    <s v=""/>
    <s v=""/>
    <s v=""/>
    <s v=""/>
    <s v=""/>
    <s v=""/>
    <s v=""/>
    <m/>
    <m/>
    <m/>
  </r>
  <r>
    <n v="324"/>
    <x v="1"/>
    <s v="Green infrastructure"/>
    <s v="Public parks and gardens "/>
    <s v="Number of public parks and gardens"/>
    <s v="Number of public parks and gardens"/>
    <x v="3"/>
    <x v="21"/>
    <x v="1"/>
    <x v="17"/>
    <x v="22"/>
    <s v="N/A"/>
    <s v="N/A"/>
    <n v="445378.56"/>
    <n v="445378.56"/>
    <s v="S106"/>
    <s v="Important"/>
    <m/>
    <m/>
    <m/>
    <m/>
    <m/>
    <m/>
    <m/>
    <m/>
    <m/>
    <m/>
    <m/>
    <m/>
    <m/>
    <m/>
    <m/>
    <m/>
    <m/>
    <m/>
    <m/>
    <m/>
    <m/>
    <m/>
    <s v="Yes"/>
    <m/>
    <m/>
    <m/>
    <m/>
    <m/>
    <m/>
    <m/>
    <m/>
    <n v="400"/>
    <n v="1113.4464"/>
    <s v=""/>
    <s v=""/>
    <s v=""/>
    <s v=""/>
    <s v=""/>
    <s v=""/>
    <s v=""/>
    <s v=""/>
    <s v=""/>
    <s v=""/>
    <s v=""/>
    <s v=""/>
    <s v=""/>
    <s v=""/>
    <s v=""/>
    <s v=""/>
    <s v=""/>
    <s v=""/>
    <s v=""/>
    <s v=""/>
    <s v=""/>
    <s v=""/>
    <n v="445378.56"/>
    <s v=""/>
    <s v=""/>
    <s v=""/>
    <s v=""/>
    <s v=""/>
    <s v=""/>
    <s v=""/>
    <s v=""/>
    <m/>
    <m/>
    <m/>
  </r>
  <r>
    <n v="325"/>
    <x v="1"/>
    <s v="Green infrastructure"/>
    <s v="LAPs"/>
    <s v="1 LAP, delivered by developer"/>
    <s v="1 LAP, delivered by developer"/>
    <x v="3"/>
    <x v="21"/>
    <x v="1"/>
    <x v="18"/>
    <x v="22"/>
    <s v="N/A"/>
    <s v="N/A"/>
    <n v="43494"/>
    <n v="43494"/>
    <s v="S106"/>
    <s v="Important"/>
    <m/>
    <m/>
    <m/>
    <m/>
    <m/>
    <m/>
    <m/>
    <m/>
    <m/>
    <m/>
    <m/>
    <m/>
    <m/>
    <m/>
    <m/>
    <m/>
    <m/>
    <m/>
    <m/>
    <m/>
    <m/>
    <m/>
    <s v="Yes"/>
    <m/>
    <m/>
    <m/>
    <m/>
    <m/>
    <m/>
    <m/>
    <m/>
    <n v="400"/>
    <n v="108.735"/>
    <s v=""/>
    <s v=""/>
    <s v=""/>
    <s v=""/>
    <s v=""/>
    <s v=""/>
    <s v=""/>
    <s v=""/>
    <s v=""/>
    <s v=""/>
    <s v=""/>
    <s v=""/>
    <s v=""/>
    <s v=""/>
    <s v=""/>
    <s v=""/>
    <s v=""/>
    <s v=""/>
    <s v=""/>
    <s v=""/>
    <s v=""/>
    <s v=""/>
    <n v="43494"/>
    <s v=""/>
    <s v=""/>
    <s v=""/>
    <s v=""/>
    <s v=""/>
    <s v=""/>
    <s v=""/>
    <s v=""/>
    <m/>
    <m/>
    <m/>
  </r>
  <r>
    <n v="326"/>
    <x v="1"/>
    <s v="Green infrastructure"/>
    <s v="LEAPs"/>
    <s v="1 LEAP, delivered by developer"/>
    <s v="1 LEAP, delivered by developer"/>
    <x v="3"/>
    <x v="21"/>
    <x v="1"/>
    <x v="18"/>
    <x v="22"/>
    <s v="N/A"/>
    <s v="N/A"/>
    <n v="105440"/>
    <n v="105440"/>
    <s v="S106"/>
    <s v="Important"/>
    <m/>
    <m/>
    <m/>
    <m/>
    <m/>
    <m/>
    <m/>
    <m/>
    <m/>
    <m/>
    <m/>
    <m/>
    <m/>
    <m/>
    <m/>
    <m/>
    <m/>
    <m/>
    <m/>
    <m/>
    <m/>
    <m/>
    <s v="Yes"/>
    <m/>
    <m/>
    <m/>
    <m/>
    <m/>
    <m/>
    <m/>
    <m/>
    <n v="400"/>
    <n v="263.60000000000002"/>
    <s v=""/>
    <s v=""/>
    <s v=""/>
    <s v=""/>
    <s v=""/>
    <s v=""/>
    <s v=""/>
    <s v=""/>
    <s v=""/>
    <s v=""/>
    <s v=""/>
    <s v=""/>
    <s v=""/>
    <s v=""/>
    <s v=""/>
    <s v=""/>
    <s v=""/>
    <s v=""/>
    <s v=""/>
    <s v=""/>
    <s v=""/>
    <s v=""/>
    <n v="105440.00000000001"/>
    <s v=""/>
    <s v=""/>
    <s v=""/>
    <s v=""/>
    <s v=""/>
    <s v=""/>
    <s v=""/>
    <s v=""/>
    <m/>
    <m/>
    <m/>
  </r>
  <r>
    <n v="327"/>
    <x v="1"/>
    <s v="Green infrastructure"/>
    <s v="MUGAs"/>
    <s v="1 MUGA, delivered by developer"/>
    <s v="1 MUGA, delivered by developer"/>
    <x v="3"/>
    <x v="21"/>
    <x v="1"/>
    <x v="18"/>
    <x v="22"/>
    <s v="N/A"/>
    <s v="N/A"/>
    <n v="184520"/>
    <n v="184520"/>
    <s v="S106"/>
    <s v="Important"/>
    <m/>
    <m/>
    <m/>
    <m/>
    <m/>
    <m/>
    <m/>
    <m/>
    <m/>
    <m/>
    <m/>
    <m/>
    <m/>
    <m/>
    <m/>
    <m/>
    <m/>
    <m/>
    <m/>
    <m/>
    <m/>
    <m/>
    <s v="Yes"/>
    <m/>
    <m/>
    <m/>
    <m/>
    <m/>
    <m/>
    <m/>
    <m/>
    <n v="400"/>
    <n v="461.3"/>
    <s v=""/>
    <s v=""/>
    <s v=""/>
    <s v=""/>
    <s v=""/>
    <s v=""/>
    <s v=""/>
    <s v=""/>
    <s v=""/>
    <s v=""/>
    <s v=""/>
    <s v=""/>
    <s v=""/>
    <s v=""/>
    <s v=""/>
    <s v=""/>
    <s v=""/>
    <s v=""/>
    <s v=""/>
    <s v=""/>
    <s v=""/>
    <s v=""/>
    <n v="184520"/>
    <s v=""/>
    <s v=""/>
    <s v=""/>
    <s v=""/>
    <s v=""/>
    <s v=""/>
    <s v=""/>
    <s v=""/>
    <m/>
    <m/>
    <m/>
  </r>
  <r>
    <n v="328"/>
    <x v="1"/>
    <s v="Green infrastructure"/>
    <s v="NEAPs"/>
    <s v="Number of NEAPs"/>
    <s v="Number of NEAPs"/>
    <x v="3"/>
    <x v="21"/>
    <x v="3"/>
    <x v="18"/>
    <x v="22"/>
    <s v="N/A"/>
    <s v="N/A"/>
    <n v="0"/>
    <n v="0"/>
    <s v="S106"/>
    <s v="Important"/>
    <m/>
    <m/>
    <m/>
    <m/>
    <m/>
    <m/>
    <m/>
    <m/>
    <m/>
    <m/>
    <m/>
    <m/>
    <m/>
    <m/>
    <m/>
    <m/>
    <m/>
    <m/>
    <m/>
    <m/>
    <m/>
    <m/>
    <s v="Yes"/>
    <m/>
    <m/>
    <m/>
    <m/>
    <m/>
    <m/>
    <m/>
    <m/>
    <n v="400"/>
    <n v="0"/>
    <s v=""/>
    <s v=""/>
    <s v=""/>
    <s v=""/>
    <s v=""/>
    <s v=""/>
    <s v=""/>
    <s v=""/>
    <s v=""/>
    <s v=""/>
    <s v=""/>
    <s v=""/>
    <s v=""/>
    <s v=""/>
    <s v=""/>
    <s v=""/>
    <s v=""/>
    <s v=""/>
    <s v=""/>
    <s v=""/>
    <s v=""/>
    <s v=""/>
    <n v="0"/>
    <s v=""/>
    <s v=""/>
    <s v=""/>
    <s v=""/>
    <s v=""/>
    <s v=""/>
    <s v=""/>
    <s v=""/>
    <m/>
    <m/>
    <m/>
  </r>
  <r>
    <n v="329"/>
    <x v="1"/>
    <s v="Green infrastructure"/>
    <s v="Allotments "/>
    <s v="Hectares of allotments required"/>
    <s v="Hectares of allotments required"/>
    <x v="3"/>
    <x v="21"/>
    <x v="2"/>
    <x v="17"/>
    <x v="22"/>
    <s v="N/A"/>
    <s v="N/A"/>
    <n v="71172"/>
    <n v="71172"/>
    <s v="S106"/>
    <s v="Important"/>
    <m/>
    <m/>
    <m/>
    <m/>
    <m/>
    <m/>
    <m/>
    <m/>
    <m/>
    <m/>
    <m/>
    <m/>
    <m/>
    <m/>
    <m/>
    <m/>
    <m/>
    <m/>
    <m/>
    <m/>
    <m/>
    <m/>
    <s v="Yes"/>
    <m/>
    <m/>
    <m/>
    <m/>
    <m/>
    <m/>
    <m/>
    <m/>
    <n v="400"/>
    <n v="177.93"/>
    <s v=""/>
    <s v=""/>
    <s v=""/>
    <s v=""/>
    <s v=""/>
    <s v=""/>
    <s v=""/>
    <s v=""/>
    <s v=""/>
    <s v=""/>
    <s v=""/>
    <s v=""/>
    <s v=""/>
    <s v=""/>
    <s v=""/>
    <s v=""/>
    <s v=""/>
    <s v=""/>
    <s v=""/>
    <s v=""/>
    <s v=""/>
    <s v=""/>
    <n v="71172"/>
    <s v=""/>
    <s v=""/>
    <s v=""/>
    <s v=""/>
    <s v=""/>
    <s v=""/>
    <s v=""/>
    <s v=""/>
    <m/>
    <m/>
    <m/>
  </r>
  <r>
    <n v="330"/>
    <x v="1"/>
    <s v="Green infrastructure"/>
    <s v="Amentiy Space"/>
    <s v="Hectares of amentity space"/>
    <s v="Hectares of amenity space"/>
    <x v="3"/>
    <x v="8"/>
    <x v="1"/>
    <x v="17"/>
    <x v="7"/>
    <s v="N/A"/>
    <s v="N/A"/>
    <n v="425134.08000000002"/>
    <n v="425134.08000000002"/>
    <s v="S106"/>
    <s v="Important"/>
    <m/>
    <m/>
    <m/>
    <m/>
    <m/>
    <m/>
    <m/>
    <m/>
    <m/>
    <m/>
    <m/>
    <m/>
    <m/>
    <m/>
    <m/>
    <m/>
    <m/>
    <m/>
    <m/>
    <m/>
    <m/>
    <m/>
    <m/>
    <s v="Yes"/>
    <m/>
    <m/>
    <m/>
    <m/>
    <m/>
    <m/>
    <m/>
    <n v="1400"/>
    <n v="303.66720000000004"/>
    <s v=""/>
    <s v=""/>
    <s v=""/>
    <s v=""/>
    <s v=""/>
    <s v=""/>
    <s v=""/>
    <s v=""/>
    <s v=""/>
    <s v=""/>
    <s v=""/>
    <s v=""/>
    <s v=""/>
    <s v=""/>
    <s v=""/>
    <s v=""/>
    <s v=""/>
    <s v=""/>
    <s v=""/>
    <s v=""/>
    <s v=""/>
    <s v=""/>
    <s v=""/>
    <n v="425134.08000000007"/>
    <s v=""/>
    <s v=""/>
    <s v=""/>
    <s v=""/>
    <s v=""/>
    <s v=""/>
    <s v=""/>
    <m/>
    <m/>
    <m/>
  </r>
  <r>
    <n v="331"/>
    <x v="1"/>
    <s v="Green infrastructure"/>
    <s v="Natural and semi natural greenspace"/>
    <s v="Hectares of natural and semi natural greenspace"/>
    <s v="Hectares of natural and semi natural greenspace"/>
    <x v="3"/>
    <x v="8"/>
    <x v="6"/>
    <x v="17"/>
    <x v="7"/>
    <s v="N/A"/>
    <s v="N/A"/>
    <n v="1115976.96"/>
    <n v="1115976.96"/>
    <s v="S106"/>
    <s v="Important"/>
    <m/>
    <m/>
    <m/>
    <m/>
    <m/>
    <m/>
    <m/>
    <m/>
    <m/>
    <m/>
    <m/>
    <m/>
    <m/>
    <m/>
    <m/>
    <m/>
    <m/>
    <m/>
    <m/>
    <m/>
    <m/>
    <m/>
    <m/>
    <s v="Yes"/>
    <m/>
    <m/>
    <m/>
    <m/>
    <m/>
    <m/>
    <m/>
    <n v="1400"/>
    <n v="797.12639999999999"/>
    <s v=""/>
    <s v=""/>
    <s v=""/>
    <s v=""/>
    <s v=""/>
    <s v=""/>
    <s v=""/>
    <s v=""/>
    <s v=""/>
    <s v=""/>
    <s v=""/>
    <s v=""/>
    <s v=""/>
    <s v=""/>
    <s v=""/>
    <s v=""/>
    <s v=""/>
    <s v=""/>
    <s v=""/>
    <s v=""/>
    <s v=""/>
    <s v=""/>
    <s v=""/>
    <n v="1115976.96"/>
    <s v=""/>
    <s v=""/>
    <s v=""/>
    <s v=""/>
    <s v=""/>
    <s v=""/>
    <s v=""/>
    <m/>
    <m/>
    <m/>
  </r>
  <r>
    <n v="332"/>
    <x v="1"/>
    <s v="Green infrastructure"/>
    <s v="Public parks and gardens "/>
    <s v="Number of public parks and gardens"/>
    <s v="Number of public parks and gardens"/>
    <x v="3"/>
    <x v="8"/>
    <x v="7"/>
    <x v="17"/>
    <x v="7"/>
    <s v="N/A"/>
    <s v="N/A"/>
    <n v="1558824.9600000002"/>
    <n v="1558824.9600000002"/>
    <s v="S106"/>
    <s v="Important"/>
    <m/>
    <m/>
    <m/>
    <m/>
    <m/>
    <m/>
    <m/>
    <m/>
    <m/>
    <m/>
    <m/>
    <m/>
    <m/>
    <m/>
    <m/>
    <m/>
    <m/>
    <m/>
    <m/>
    <m/>
    <m/>
    <m/>
    <m/>
    <s v="Yes"/>
    <m/>
    <m/>
    <m/>
    <m/>
    <m/>
    <m/>
    <m/>
    <n v="1400"/>
    <n v="1113.4464"/>
    <s v=""/>
    <s v=""/>
    <s v=""/>
    <s v=""/>
    <s v=""/>
    <s v=""/>
    <s v=""/>
    <s v=""/>
    <s v=""/>
    <s v=""/>
    <s v=""/>
    <s v=""/>
    <s v=""/>
    <s v=""/>
    <s v=""/>
    <s v=""/>
    <s v=""/>
    <s v=""/>
    <s v=""/>
    <s v=""/>
    <s v=""/>
    <s v=""/>
    <s v=""/>
    <n v="1558824.96"/>
    <s v=""/>
    <s v=""/>
    <s v=""/>
    <s v=""/>
    <s v=""/>
    <s v=""/>
    <s v=""/>
    <m/>
    <m/>
    <m/>
  </r>
  <r>
    <n v="333"/>
    <x v="1"/>
    <s v="Green infrastructure"/>
    <s v="LAPs"/>
    <s v="1 LAP, delivered by developer"/>
    <s v="1 LAP, delivered by developer"/>
    <x v="3"/>
    <x v="8"/>
    <x v="1"/>
    <x v="18"/>
    <x v="7"/>
    <s v="N/A"/>
    <s v="N/A"/>
    <n v="43494"/>
    <n v="43494"/>
    <s v="S106"/>
    <s v="Important"/>
    <m/>
    <m/>
    <m/>
    <m/>
    <m/>
    <m/>
    <m/>
    <m/>
    <m/>
    <m/>
    <m/>
    <m/>
    <m/>
    <m/>
    <m/>
    <m/>
    <m/>
    <m/>
    <m/>
    <m/>
    <m/>
    <m/>
    <m/>
    <s v="Yes"/>
    <m/>
    <m/>
    <m/>
    <m/>
    <m/>
    <m/>
    <m/>
    <n v="1400"/>
    <n v="31.067142857142859"/>
    <s v=""/>
    <s v=""/>
    <s v=""/>
    <s v=""/>
    <s v=""/>
    <s v=""/>
    <s v=""/>
    <s v=""/>
    <s v=""/>
    <s v=""/>
    <s v=""/>
    <s v=""/>
    <s v=""/>
    <s v=""/>
    <s v=""/>
    <s v=""/>
    <s v=""/>
    <s v=""/>
    <s v=""/>
    <s v=""/>
    <s v=""/>
    <s v=""/>
    <s v=""/>
    <n v="43494"/>
    <s v=""/>
    <s v=""/>
    <s v=""/>
    <s v=""/>
    <s v=""/>
    <s v=""/>
    <s v=""/>
    <m/>
    <m/>
    <m/>
  </r>
  <r>
    <n v="334"/>
    <x v="1"/>
    <s v="Green infrastructure"/>
    <s v="LEAPs"/>
    <s v="1 LEAP, delivered by developer"/>
    <s v="1 LEAP, delivered by developer"/>
    <x v="3"/>
    <x v="8"/>
    <x v="1"/>
    <x v="18"/>
    <x v="7"/>
    <s v="N/A"/>
    <s v="N/A"/>
    <n v="105440"/>
    <n v="105440"/>
    <s v="S106"/>
    <s v="Important"/>
    <m/>
    <m/>
    <m/>
    <m/>
    <m/>
    <m/>
    <m/>
    <m/>
    <m/>
    <m/>
    <m/>
    <m/>
    <m/>
    <m/>
    <m/>
    <m/>
    <m/>
    <m/>
    <m/>
    <m/>
    <m/>
    <m/>
    <m/>
    <s v="Yes"/>
    <m/>
    <m/>
    <m/>
    <m/>
    <m/>
    <m/>
    <m/>
    <n v="1400"/>
    <n v="75.314285714285717"/>
    <s v=""/>
    <s v=""/>
    <s v=""/>
    <s v=""/>
    <s v=""/>
    <s v=""/>
    <s v=""/>
    <s v=""/>
    <s v=""/>
    <s v=""/>
    <s v=""/>
    <s v=""/>
    <s v=""/>
    <s v=""/>
    <s v=""/>
    <s v=""/>
    <s v=""/>
    <s v=""/>
    <s v=""/>
    <s v=""/>
    <s v=""/>
    <s v=""/>
    <s v=""/>
    <n v="105440"/>
    <s v=""/>
    <s v=""/>
    <s v=""/>
    <s v=""/>
    <s v=""/>
    <s v=""/>
    <s v=""/>
    <m/>
    <m/>
    <m/>
  </r>
  <r>
    <n v="335"/>
    <x v="1"/>
    <s v="Green infrastructure"/>
    <s v="MUGAs"/>
    <s v="2 MUGA's, delivered by developer"/>
    <s v="2 MUGA's, delivered by developer"/>
    <x v="3"/>
    <x v="8"/>
    <x v="1"/>
    <x v="18"/>
    <x v="7"/>
    <s v="N/A"/>
    <s v="N/A"/>
    <n v="369040"/>
    <n v="369040"/>
    <s v="S106"/>
    <s v="Important"/>
    <m/>
    <m/>
    <m/>
    <m/>
    <m/>
    <m/>
    <m/>
    <m/>
    <m/>
    <m/>
    <m/>
    <m/>
    <m/>
    <m/>
    <m/>
    <m/>
    <m/>
    <m/>
    <m/>
    <m/>
    <m/>
    <m/>
    <m/>
    <s v="Yes"/>
    <m/>
    <m/>
    <m/>
    <m/>
    <m/>
    <m/>
    <m/>
    <n v="1400"/>
    <n v="263.60000000000002"/>
    <s v=""/>
    <s v=""/>
    <s v=""/>
    <s v=""/>
    <s v=""/>
    <s v=""/>
    <s v=""/>
    <s v=""/>
    <s v=""/>
    <s v=""/>
    <s v=""/>
    <s v=""/>
    <s v=""/>
    <s v=""/>
    <s v=""/>
    <s v=""/>
    <s v=""/>
    <s v=""/>
    <s v=""/>
    <s v=""/>
    <s v=""/>
    <s v=""/>
    <s v=""/>
    <n v="369040.00000000006"/>
    <s v=""/>
    <s v=""/>
    <s v=""/>
    <s v=""/>
    <s v=""/>
    <s v=""/>
    <s v=""/>
    <m/>
    <m/>
    <m/>
  </r>
  <r>
    <n v="336"/>
    <x v="1"/>
    <s v="Green infrastructure"/>
    <s v="NEAPs"/>
    <s v="2 NEAPs"/>
    <s v="2 NEAPs"/>
    <x v="3"/>
    <x v="8"/>
    <x v="1"/>
    <x v="18"/>
    <x v="7"/>
    <s v="N/A"/>
    <s v="N/A"/>
    <n v="434940"/>
    <n v="434940"/>
    <s v="S106"/>
    <s v="Important"/>
    <m/>
    <m/>
    <m/>
    <m/>
    <m/>
    <m/>
    <m/>
    <m/>
    <m/>
    <m/>
    <m/>
    <m/>
    <m/>
    <m/>
    <m/>
    <m/>
    <m/>
    <m/>
    <m/>
    <m/>
    <m/>
    <m/>
    <m/>
    <s v="Yes"/>
    <m/>
    <m/>
    <m/>
    <m/>
    <m/>
    <m/>
    <m/>
    <n v="1400"/>
    <n v="310.67142857142858"/>
    <s v=""/>
    <s v=""/>
    <s v=""/>
    <s v=""/>
    <s v=""/>
    <s v=""/>
    <s v=""/>
    <s v=""/>
    <s v=""/>
    <s v=""/>
    <s v=""/>
    <s v=""/>
    <s v=""/>
    <s v=""/>
    <s v=""/>
    <s v=""/>
    <s v=""/>
    <s v=""/>
    <s v=""/>
    <s v=""/>
    <s v=""/>
    <s v=""/>
    <s v=""/>
    <n v="434940"/>
    <s v=""/>
    <s v=""/>
    <s v=""/>
    <s v=""/>
    <s v=""/>
    <s v=""/>
    <s v=""/>
    <m/>
    <m/>
    <m/>
  </r>
  <r>
    <n v="337"/>
    <x v="1"/>
    <s v="Green infrastructure"/>
    <s v="Allotments "/>
    <s v="Hectares of allotments required"/>
    <s v="Hectares of allotments required"/>
    <x v="3"/>
    <x v="8"/>
    <x v="1"/>
    <x v="17"/>
    <x v="7"/>
    <s v="N/A"/>
    <s v="N/A"/>
    <n v="249102"/>
    <n v="249102"/>
    <s v="S106"/>
    <s v="Important"/>
    <m/>
    <m/>
    <m/>
    <m/>
    <m/>
    <m/>
    <m/>
    <m/>
    <m/>
    <m/>
    <m/>
    <m/>
    <m/>
    <m/>
    <m/>
    <m/>
    <m/>
    <m/>
    <m/>
    <m/>
    <m/>
    <m/>
    <m/>
    <s v="Yes"/>
    <m/>
    <m/>
    <m/>
    <m/>
    <m/>
    <m/>
    <m/>
    <n v="1400"/>
    <n v="177.93"/>
    <s v=""/>
    <s v=""/>
    <s v=""/>
    <s v=""/>
    <s v=""/>
    <s v=""/>
    <s v=""/>
    <s v=""/>
    <s v=""/>
    <s v=""/>
    <s v=""/>
    <s v=""/>
    <s v=""/>
    <s v=""/>
    <s v=""/>
    <s v=""/>
    <s v=""/>
    <s v=""/>
    <s v=""/>
    <s v=""/>
    <s v=""/>
    <s v=""/>
    <s v=""/>
    <n v="249102"/>
    <s v=""/>
    <s v=""/>
    <s v=""/>
    <s v=""/>
    <s v=""/>
    <s v=""/>
    <s v=""/>
    <m/>
    <m/>
    <m/>
  </r>
  <r>
    <n v="338"/>
    <x v="1"/>
    <s v="Green infrastructure"/>
    <s v="Amentiy Space"/>
    <s v="Hectares of amentity space"/>
    <s v="Hectares of amenity space"/>
    <x v="3"/>
    <x v="22"/>
    <x v="2"/>
    <x v="17"/>
    <x v="15"/>
    <s v="N/A"/>
    <s v="N/A"/>
    <n v="61340.774399999995"/>
    <n v="61340.774399999995"/>
    <s v="S106/CIL"/>
    <s v="Important"/>
    <m/>
    <m/>
    <m/>
    <m/>
    <m/>
    <m/>
    <m/>
    <m/>
    <m/>
    <m/>
    <m/>
    <m/>
    <m/>
    <m/>
    <m/>
    <m/>
    <m/>
    <m/>
    <m/>
    <m/>
    <m/>
    <m/>
    <m/>
    <m/>
    <s v="Yes"/>
    <m/>
    <m/>
    <m/>
    <m/>
    <m/>
    <m/>
    <n v="201"/>
    <n v="305.17798208955219"/>
    <s v=""/>
    <s v=""/>
    <s v=""/>
    <s v=""/>
    <s v=""/>
    <s v=""/>
    <s v=""/>
    <s v=""/>
    <s v=""/>
    <s v=""/>
    <s v=""/>
    <s v=""/>
    <s v=""/>
    <s v=""/>
    <s v=""/>
    <s v=""/>
    <s v=""/>
    <s v=""/>
    <s v=""/>
    <s v=""/>
    <s v=""/>
    <s v=""/>
    <s v=""/>
    <s v=""/>
    <n v="61340.774399999988"/>
    <s v=""/>
    <s v=""/>
    <s v=""/>
    <s v=""/>
    <s v=""/>
    <s v=""/>
    <m/>
    <m/>
    <m/>
  </r>
  <r>
    <n v="339"/>
    <x v="1"/>
    <s v="Green infrastructure"/>
    <s v="Natural and semi natural greenspace"/>
    <s v="Hectares of natural and semi natural greenspace"/>
    <s v="Hectares of natural and semi natural greenspace"/>
    <x v="3"/>
    <x v="22"/>
    <x v="2"/>
    <x v="17"/>
    <x v="15"/>
    <s v="N/A"/>
    <s v="N/A"/>
    <n v="161019.53279999999"/>
    <n v="161019.53279999999"/>
    <s v="S106/CIL"/>
    <s v="Important"/>
    <m/>
    <m/>
    <m/>
    <m/>
    <m/>
    <m/>
    <m/>
    <m/>
    <m/>
    <m/>
    <m/>
    <m/>
    <m/>
    <m/>
    <m/>
    <m/>
    <m/>
    <m/>
    <m/>
    <m/>
    <m/>
    <m/>
    <m/>
    <m/>
    <s v="Yes"/>
    <m/>
    <m/>
    <m/>
    <m/>
    <m/>
    <m/>
    <n v="201"/>
    <n v="801.09220298507455"/>
    <s v=""/>
    <s v=""/>
    <s v=""/>
    <s v=""/>
    <s v=""/>
    <s v=""/>
    <s v=""/>
    <s v=""/>
    <s v=""/>
    <s v=""/>
    <s v=""/>
    <s v=""/>
    <s v=""/>
    <s v=""/>
    <s v=""/>
    <s v=""/>
    <s v=""/>
    <s v=""/>
    <s v=""/>
    <s v=""/>
    <s v=""/>
    <s v=""/>
    <s v=""/>
    <s v=""/>
    <n v="161019.53279999999"/>
    <s v=""/>
    <s v=""/>
    <s v=""/>
    <s v=""/>
    <s v=""/>
    <s v=""/>
    <m/>
    <m/>
    <m/>
  </r>
  <r>
    <n v="340"/>
    <x v="1"/>
    <s v="Green infrastructure"/>
    <s v="Public parks and gardens "/>
    <s v="Number of public parks and gardens"/>
    <s v="Number of public parks and gardens"/>
    <x v="3"/>
    <x v="22"/>
    <x v="2"/>
    <x v="17"/>
    <x v="15"/>
    <s v="N/A"/>
    <s v="N/A"/>
    <n v="224916.17279999997"/>
    <n v="224916.17279999997"/>
    <s v="S106/CIL"/>
    <s v="Important"/>
    <m/>
    <m/>
    <m/>
    <m/>
    <m/>
    <m/>
    <m/>
    <m/>
    <m/>
    <m/>
    <m/>
    <m/>
    <m/>
    <m/>
    <m/>
    <m/>
    <m/>
    <m/>
    <m/>
    <m/>
    <m/>
    <m/>
    <m/>
    <m/>
    <s v="Yes"/>
    <m/>
    <m/>
    <m/>
    <m/>
    <m/>
    <m/>
    <n v="201"/>
    <n v="1118.9859343283581"/>
    <s v=""/>
    <s v=""/>
    <s v=""/>
    <s v=""/>
    <s v=""/>
    <s v=""/>
    <s v=""/>
    <s v=""/>
    <s v=""/>
    <s v=""/>
    <s v=""/>
    <s v=""/>
    <s v=""/>
    <s v=""/>
    <s v=""/>
    <s v=""/>
    <s v=""/>
    <s v=""/>
    <s v=""/>
    <s v=""/>
    <s v=""/>
    <s v=""/>
    <s v=""/>
    <s v=""/>
    <n v="224916.17279999997"/>
    <s v=""/>
    <s v=""/>
    <s v=""/>
    <s v=""/>
    <s v=""/>
    <s v=""/>
    <m/>
    <m/>
    <m/>
  </r>
  <r>
    <n v="341"/>
    <x v="1"/>
    <s v="Green infrastructure"/>
    <s v="LAPs"/>
    <s v="Number of LAPs"/>
    <s v="Number of LAPs"/>
    <x v="3"/>
    <x v="22"/>
    <x v="2"/>
    <x v="18"/>
    <x v="15"/>
    <s v="N/A"/>
    <s v="N/A"/>
    <n v="0"/>
    <n v="0"/>
    <s v="S106/CIL"/>
    <s v="Important"/>
    <m/>
    <m/>
    <m/>
    <m/>
    <m/>
    <m/>
    <m/>
    <m/>
    <m/>
    <m/>
    <m/>
    <m/>
    <m/>
    <m/>
    <m/>
    <m/>
    <m/>
    <m/>
    <m/>
    <m/>
    <m/>
    <m/>
    <m/>
    <m/>
    <s v="Yes"/>
    <m/>
    <m/>
    <m/>
    <m/>
    <m/>
    <m/>
    <n v="201"/>
    <n v="0"/>
    <s v=""/>
    <s v=""/>
    <s v=""/>
    <s v=""/>
    <s v=""/>
    <s v=""/>
    <s v=""/>
    <s v=""/>
    <s v=""/>
    <s v=""/>
    <s v=""/>
    <s v=""/>
    <s v=""/>
    <s v=""/>
    <s v=""/>
    <s v=""/>
    <s v=""/>
    <s v=""/>
    <s v=""/>
    <s v=""/>
    <s v=""/>
    <s v=""/>
    <s v=""/>
    <s v=""/>
    <n v="0"/>
    <s v=""/>
    <s v=""/>
    <s v=""/>
    <s v=""/>
    <s v=""/>
    <s v=""/>
    <m/>
    <m/>
    <m/>
  </r>
  <r>
    <n v="342"/>
    <x v="1"/>
    <s v="Green infrastructure"/>
    <s v="LEAPs"/>
    <s v="Number of LEAPs"/>
    <s v="Number of LEAPs"/>
    <x v="3"/>
    <x v="22"/>
    <x v="2"/>
    <x v="18"/>
    <x v="15"/>
    <s v="N/A"/>
    <s v="N/A"/>
    <n v="0"/>
    <n v="0"/>
    <s v="S106/CIL"/>
    <s v="Important"/>
    <m/>
    <m/>
    <m/>
    <m/>
    <m/>
    <m/>
    <m/>
    <m/>
    <m/>
    <m/>
    <m/>
    <m/>
    <m/>
    <m/>
    <m/>
    <m/>
    <m/>
    <m/>
    <m/>
    <m/>
    <m/>
    <m/>
    <m/>
    <m/>
    <s v="Yes"/>
    <m/>
    <m/>
    <m/>
    <m/>
    <m/>
    <m/>
    <n v="201"/>
    <m/>
    <s v=""/>
    <s v=""/>
    <s v=""/>
    <s v=""/>
    <s v=""/>
    <s v=""/>
    <s v=""/>
    <s v=""/>
    <s v=""/>
    <s v=""/>
    <s v=""/>
    <s v=""/>
    <s v=""/>
    <s v=""/>
    <s v=""/>
    <s v=""/>
    <s v=""/>
    <s v=""/>
    <s v=""/>
    <s v=""/>
    <s v=""/>
    <s v=""/>
    <s v=""/>
    <s v=""/>
    <n v="0"/>
    <s v=""/>
    <s v=""/>
    <s v=""/>
    <s v=""/>
    <s v=""/>
    <s v=""/>
    <m/>
    <m/>
    <m/>
  </r>
  <r>
    <n v="343"/>
    <x v="1"/>
    <s v="Green infrastructure"/>
    <s v="MUGAs"/>
    <s v="Number of MUGAs"/>
    <s v="Number of MUGAs"/>
    <x v="3"/>
    <x v="22"/>
    <x v="2"/>
    <x v="18"/>
    <x v="15"/>
    <s v="N/A"/>
    <s v="N/A"/>
    <n v="0"/>
    <n v="0"/>
    <s v="S106/CIL"/>
    <s v="Important"/>
    <m/>
    <m/>
    <m/>
    <m/>
    <m/>
    <m/>
    <m/>
    <m/>
    <m/>
    <m/>
    <m/>
    <m/>
    <m/>
    <m/>
    <m/>
    <m/>
    <m/>
    <m/>
    <m/>
    <m/>
    <m/>
    <m/>
    <m/>
    <m/>
    <s v="Yes"/>
    <m/>
    <m/>
    <m/>
    <m/>
    <m/>
    <m/>
    <n v="201"/>
    <m/>
    <s v=""/>
    <s v=""/>
    <s v=""/>
    <s v=""/>
    <s v=""/>
    <s v=""/>
    <s v=""/>
    <s v=""/>
    <s v=""/>
    <s v=""/>
    <s v=""/>
    <s v=""/>
    <s v=""/>
    <s v=""/>
    <s v=""/>
    <s v=""/>
    <s v=""/>
    <s v=""/>
    <s v=""/>
    <s v=""/>
    <s v=""/>
    <s v=""/>
    <s v=""/>
    <s v=""/>
    <n v="0"/>
    <s v=""/>
    <s v=""/>
    <s v=""/>
    <s v=""/>
    <s v=""/>
    <s v=""/>
    <m/>
    <m/>
    <m/>
  </r>
  <r>
    <n v="344"/>
    <x v="1"/>
    <s v="Green infrastructure"/>
    <s v="NEAPs"/>
    <s v="Number of NEAPs"/>
    <s v="Number of NEAPs"/>
    <x v="3"/>
    <x v="22"/>
    <x v="2"/>
    <x v="18"/>
    <x v="15"/>
    <s v="N/A"/>
    <s v="N/A"/>
    <n v="0"/>
    <n v="0"/>
    <s v="S106/CIL"/>
    <s v="Important"/>
    <m/>
    <m/>
    <m/>
    <m/>
    <m/>
    <m/>
    <m/>
    <m/>
    <m/>
    <m/>
    <m/>
    <m/>
    <m/>
    <m/>
    <m/>
    <m/>
    <m/>
    <m/>
    <m/>
    <m/>
    <m/>
    <m/>
    <m/>
    <m/>
    <s v="Yes"/>
    <m/>
    <m/>
    <m/>
    <m/>
    <m/>
    <m/>
    <n v="201"/>
    <m/>
    <s v=""/>
    <s v=""/>
    <s v=""/>
    <s v=""/>
    <s v=""/>
    <s v=""/>
    <s v=""/>
    <s v=""/>
    <s v=""/>
    <s v=""/>
    <s v=""/>
    <s v=""/>
    <s v=""/>
    <s v=""/>
    <s v=""/>
    <s v=""/>
    <s v=""/>
    <s v=""/>
    <s v=""/>
    <s v=""/>
    <s v=""/>
    <s v=""/>
    <s v=""/>
    <s v=""/>
    <n v="0"/>
    <s v=""/>
    <s v=""/>
    <s v=""/>
    <s v=""/>
    <s v=""/>
    <s v=""/>
    <m/>
    <m/>
    <m/>
  </r>
  <r>
    <n v="345"/>
    <x v="1"/>
    <s v="Green infrastructure"/>
    <s v="Allotments "/>
    <s v="Hectares of allotments required"/>
    <s v="Hectares of allotments required"/>
    <x v="3"/>
    <x v="22"/>
    <x v="2"/>
    <x v="17"/>
    <x v="15"/>
    <s v="N/A"/>
    <s v="N/A"/>
    <n v="35941.859999999993"/>
    <n v="35941.859999999993"/>
    <s v="S106/CIL"/>
    <s v="Important"/>
    <m/>
    <m/>
    <m/>
    <m/>
    <m/>
    <m/>
    <m/>
    <m/>
    <m/>
    <m/>
    <m/>
    <m/>
    <m/>
    <m/>
    <m/>
    <m/>
    <m/>
    <m/>
    <m/>
    <m/>
    <m/>
    <m/>
    <m/>
    <m/>
    <s v="Yes"/>
    <m/>
    <m/>
    <m/>
    <m/>
    <m/>
    <m/>
    <n v="201"/>
    <n v="178.81522388059699"/>
    <s v=""/>
    <s v=""/>
    <s v=""/>
    <s v=""/>
    <s v=""/>
    <s v=""/>
    <s v=""/>
    <s v=""/>
    <s v=""/>
    <s v=""/>
    <s v=""/>
    <s v=""/>
    <s v=""/>
    <s v=""/>
    <s v=""/>
    <s v=""/>
    <s v=""/>
    <s v=""/>
    <s v=""/>
    <s v=""/>
    <s v=""/>
    <s v=""/>
    <s v=""/>
    <s v=""/>
    <n v="35941.859999999993"/>
    <s v=""/>
    <s v=""/>
    <s v=""/>
    <s v=""/>
    <s v=""/>
    <s v=""/>
    <m/>
    <m/>
    <m/>
  </r>
  <r>
    <n v="346"/>
    <x v="1"/>
    <s v="Green infrastructure"/>
    <s v="Amenity Space"/>
    <s v="Hectares of amenity space"/>
    <s v="Hectares of amenity space"/>
    <x v="2"/>
    <x v="5"/>
    <x v="1"/>
    <x v="17"/>
    <x v="9"/>
    <s v="N/A"/>
    <s v="N/A"/>
    <n v="235342.08000000002"/>
    <n v="235342.08000000002"/>
    <s v="S106"/>
    <s v="Important"/>
    <m/>
    <m/>
    <m/>
    <m/>
    <m/>
    <m/>
    <m/>
    <m/>
    <m/>
    <m/>
    <m/>
    <m/>
    <m/>
    <m/>
    <m/>
    <m/>
    <m/>
    <s v="Yes"/>
    <m/>
    <m/>
    <m/>
    <m/>
    <m/>
    <m/>
    <m/>
    <m/>
    <m/>
    <m/>
    <m/>
    <m/>
    <m/>
    <n v="775"/>
    <n v="303.66720000000004"/>
    <s v=""/>
    <s v=""/>
    <s v=""/>
    <s v=""/>
    <s v=""/>
    <s v=""/>
    <s v=""/>
    <s v=""/>
    <s v=""/>
    <s v=""/>
    <s v=""/>
    <s v=""/>
    <s v=""/>
    <s v=""/>
    <s v=""/>
    <s v=""/>
    <s v=""/>
    <n v="235342.08000000002"/>
    <s v=""/>
    <s v=""/>
    <s v=""/>
    <s v=""/>
    <s v=""/>
    <s v=""/>
    <s v=""/>
    <s v=""/>
    <s v=""/>
    <s v=""/>
    <s v=""/>
    <s v=""/>
    <s v=""/>
    <m/>
    <m/>
    <m/>
  </r>
  <r>
    <n v="347"/>
    <x v="1"/>
    <s v="Green infrastructure"/>
    <s v="Natural and semi natural greenspace"/>
    <s v="Hectares of natural and semi natural greenspace"/>
    <s v="Hectares of natural and semi natural greenspace"/>
    <x v="2"/>
    <x v="5"/>
    <x v="1"/>
    <x v="17"/>
    <x v="9"/>
    <s v="N/A"/>
    <s v="N/A"/>
    <n v="617772.96000000008"/>
    <n v="617772.96000000008"/>
    <s v="S106"/>
    <s v="Important"/>
    <m/>
    <m/>
    <m/>
    <m/>
    <m/>
    <m/>
    <m/>
    <m/>
    <m/>
    <m/>
    <m/>
    <m/>
    <m/>
    <m/>
    <m/>
    <m/>
    <m/>
    <s v="Yes"/>
    <m/>
    <m/>
    <m/>
    <m/>
    <m/>
    <m/>
    <m/>
    <m/>
    <m/>
    <m/>
    <m/>
    <m/>
    <m/>
    <n v="775"/>
    <n v="797.1264000000001"/>
    <s v=""/>
    <s v=""/>
    <s v=""/>
    <s v=""/>
    <s v=""/>
    <s v=""/>
    <s v=""/>
    <s v=""/>
    <s v=""/>
    <s v=""/>
    <s v=""/>
    <s v=""/>
    <s v=""/>
    <s v=""/>
    <s v=""/>
    <s v=""/>
    <s v=""/>
    <n v="617772.96000000008"/>
    <s v=""/>
    <s v=""/>
    <s v=""/>
    <s v=""/>
    <s v=""/>
    <s v=""/>
    <s v=""/>
    <s v=""/>
    <s v=""/>
    <s v=""/>
    <s v=""/>
    <s v=""/>
    <s v=""/>
    <m/>
    <m/>
    <m/>
  </r>
  <r>
    <n v="348"/>
    <x v="1"/>
    <s v="Green infrastructure"/>
    <s v="Public parks and gardens "/>
    <s v="Number of public parks and gardens"/>
    <s v="Number of public parks and gardens"/>
    <x v="2"/>
    <x v="5"/>
    <x v="1"/>
    <x v="17"/>
    <x v="9"/>
    <s v="N/A"/>
    <s v="N/A"/>
    <n v="862920.96000000008"/>
    <n v="862920.96000000008"/>
    <s v="S106"/>
    <s v="Important"/>
    <m/>
    <m/>
    <m/>
    <m/>
    <m/>
    <m/>
    <m/>
    <m/>
    <m/>
    <m/>
    <m/>
    <m/>
    <m/>
    <m/>
    <m/>
    <m/>
    <m/>
    <s v="Yes"/>
    <m/>
    <m/>
    <m/>
    <m/>
    <m/>
    <m/>
    <m/>
    <m/>
    <m/>
    <m/>
    <m/>
    <m/>
    <m/>
    <n v="775"/>
    <n v="1113.4464"/>
    <s v=""/>
    <s v=""/>
    <s v=""/>
    <s v=""/>
    <s v=""/>
    <s v=""/>
    <s v=""/>
    <s v=""/>
    <s v=""/>
    <s v=""/>
    <s v=""/>
    <s v=""/>
    <s v=""/>
    <s v=""/>
    <s v=""/>
    <s v=""/>
    <s v=""/>
    <n v="862920.96000000008"/>
    <s v=""/>
    <s v=""/>
    <s v=""/>
    <s v=""/>
    <s v=""/>
    <s v=""/>
    <s v=""/>
    <s v=""/>
    <s v=""/>
    <s v=""/>
    <s v=""/>
    <s v=""/>
    <s v=""/>
    <m/>
    <m/>
    <m/>
  </r>
  <r>
    <n v="349"/>
    <x v="1"/>
    <s v="Green infrastructure"/>
    <s v="LAPs"/>
    <s v="1 LAP, delivered by developer"/>
    <s v="1 LAP, delivered by developer"/>
    <x v="2"/>
    <x v="5"/>
    <x v="1"/>
    <x v="18"/>
    <x v="9"/>
    <s v="N/A"/>
    <s v="N/A"/>
    <n v="43494"/>
    <n v="43494"/>
    <s v="S106"/>
    <s v="Important"/>
    <m/>
    <m/>
    <m/>
    <m/>
    <m/>
    <m/>
    <m/>
    <m/>
    <m/>
    <m/>
    <m/>
    <m/>
    <m/>
    <m/>
    <m/>
    <m/>
    <m/>
    <s v="Yes"/>
    <m/>
    <m/>
    <m/>
    <m/>
    <m/>
    <m/>
    <m/>
    <m/>
    <m/>
    <m/>
    <m/>
    <m/>
    <m/>
    <n v="775"/>
    <n v="56.121290322580649"/>
    <s v=""/>
    <s v=""/>
    <s v=""/>
    <s v=""/>
    <s v=""/>
    <s v=""/>
    <s v=""/>
    <s v=""/>
    <s v=""/>
    <s v=""/>
    <s v=""/>
    <s v=""/>
    <s v=""/>
    <s v=""/>
    <s v=""/>
    <s v=""/>
    <s v=""/>
    <n v="43494"/>
    <s v=""/>
    <s v=""/>
    <s v=""/>
    <s v=""/>
    <s v=""/>
    <s v=""/>
    <s v=""/>
    <s v=""/>
    <s v=""/>
    <s v=""/>
    <s v=""/>
    <s v=""/>
    <s v=""/>
    <m/>
    <m/>
    <m/>
  </r>
  <r>
    <n v="350"/>
    <x v="1"/>
    <s v="Green infrastructure"/>
    <s v="LEAPs"/>
    <s v="1 LEAP, delivered by developer"/>
    <s v="1 LEAP, delivered by developer"/>
    <x v="2"/>
    <x v="5"/>
    <x v="1"/>
    <x v="18"/>
    <x v="9"/>
    <s v="N/A"/>
    <s v="N/A"/>
    <n v="105440"/>
    <n v="105440"/>
    <s v="S106"/>
    <s v="Important"/>
    <m/>
    <m/>
    <m/>
    <m/>
    <m/>
    <m/>
    <m/>
    <m/>
    <m/>
    <m/>
    <m/>
    <m/>
    <m/>
    <m/>
    <m/>
    <m/>
    <m/>
    <s v="Yes"/>
    <m/>
    <m/>
    <m/>
    <m/>
    <m/>
    <m/>
    <m/>
    <m/>
    <m/>
    <m/>
    <m/>
    <m/>
    <m/>
    <n v="775"/>
    <n v="136.05161290322582"/>
    <s v=""/>
    <s v=""/>
    <s v=""/>
    <s v=""/>
    <s v=""/>
    <s v=""/>
    <s v=""/>
    <s v=""/>
    <s v=""/>
    <s v=""/>
    <s v=""/>
    <s v=""/>
    <s v=""/>
    <s v=""/>
    <s v=""/>
    <s v=""/>
    <s v=""/>
    <n v="105440.00000000001"/>
    <s v=""/>
    <s v=""/>
    <s v=""/>
    <s v=""/>
    <s v=""/>
    <s v=""/>
    <s v=""/>
    <s v=""/>
    <s v=""/>
    <s v=""/>
    <s v=""/>
    <s v=""/>
    <s v=""/>
    <m/>
    <m/>
    <m/>
  </r>
  <r>
    <n v="351"/>
    <x v="1"/>
    <s v="Green infrastructure"/>
    <s v="MUGAs"/>
    <s v="2 MUGA's, delivered by developer"/>
    <s v="2 MUGA's, delivered by developer"/>
    <x v="2"/>
    <x v="5"/>
    <x v="1"/>
    <x v="18"/>
    <x v="9"/>
    <s v="N/A"/>
    <s v="N/A"/>
    <n v="369040"/>
    <n v="369040"/>
    <s v="S106"/>
    <s v="Important"/>
    <m/>
    <m/>
    <m/>
    <m/>
    <m/>
    <m/>
    <m/>
    <m/>
    <m/>
    <m/>
    <m/>
    <m/>
    <m/>
    <m/>
    <m/>
    <m/>
    <m/>
    <s v="Yes"/>
    <m/>
    <m/>
    <m/>
    <m/>
    <m/>
    <m/>
    <m/>
    <m/>
    <m/>
    <m/>
    <m/>
    <m/>
    <m/>
    <n v="775"/>
    <n v="476.18064516129033"/>
    <s v=""/>
    <s v=""/>
    <s v=""/>
    <s v=""/>
    <s v=""/>
    <s v=""/>
    <s v=""/>
    <s v=""/>
    <s v=""/>
    <s v=""/>
    <s v=""/>
    <s v=""/>
    <s v=""/>
    <s v=""/>
    <s v=""/>
    <s v=""/>
    <s v=""/>
    <n v="369040"/>
    <s v=""/>
    <s v=""/>
    <s v=""/>
    <s v=""/>
    <s v=""/>
    <s v=""/>
    <s v=""/>
    <s v=""/>
    <s v=""/>
    <s v=""/>
    <s v=""/>
    <s v=""/>
    <s v=""/>
    <m/>
    <m/>
    <m/>
  </r>
  <r>
    <n v="352"/>
    <x v="1"/>
    <s v="Green infrastructure"/>
    <s v="NEAPs"/>
    <s v="1 NEAP, delivered by developer"/>
    <s v="1 NEAP, delivered by developer"/>
    <x v="2"/>
    <x v="5"/>
    <x v="1"/>
    <x v="18"/>
    <x v="9"/>
    <s v="N/A"/>
    <s v="N/A"/>
    <n v="217470"/>
    <n v="217470"/>
    <s v="S106"/>
    <s v="Important"/>
    <m/>
    <m/>
    <m/>
    <m/>
    <m/>
    <m/>
    <m/>
    <m/>
    <m/>
    <m/>
    <m/>
    <m/>
    <m/>
    <m/>
    <m/>
    <m/>
    <m/>
    <s v="Yes"/>
    <m/>
    <m/>
    <m/>
    <m/>
    <m/>
    <m/>
    <m/>
    <m/>
    <m/>
    <m/>
    <m/>
    <m/>
    <m/>
    <n v="775"/>
    <n v="280.60645161290324"/>
    <s v=""/>
    <s v=""/>
    <s v=""/>
    <s v=""/>
    <s v=""/>
    <s v=""/>
    <s v=""/>
    <s v=""/>
    <s v=""/>
    <s v=""/>
    <s v=""/>
    <s v=""/>
    <s v=""/>
    <s v=""/>
    <s v=""/>
    <s v=""/>
    <s v=""/>
    <n v="217470"/>
    <s v=""/>
    <s v=""/>
    <s v=""/>
    <s v=""/>
    <s v=""/>
    <s v=""/>
    <s v=""/>
    <s v=""/>
    <s v=""/>
    <s v=""/>
    <s v=""/>
    <s v=""/>
    <s v=""/>
    <m/>
    <m/>
    <m/>
  </r>
  <r>
    <n v="353"/>
    <x v="1"/>
    <s v="Green infrastructure"/>
    <s v="Allotments "/>
    <s v="Hectares of allotments required"/>
    <s v="Hectares of allotments required"/>
    <x v="2"/>
    <x v="5"/>
    <x v="1"/>
    <x v="17"/>
    <x v="9"/>
    <s v="N/A"/>
    <s v="N/A"/>
    <n v="137895.75"/>
    <n v="137895.75"/>
    <s v="S106"/>
    <s v="Important"/>
    <m/>
    <m/>
    <m/>
    <m/>
    <m/>
    <m/>
    <m/>
    <m/>
    <m/>
    <m/>
    <m/>
    <m/>
    <m/>
    <m/>
    <m/>
    <m/>
    <m/>
    <s v="Yes"/>
    <m/>
    <m/>
    <m/>
    <m/>
    <m/>
    <m/>
    <m/>
    <m/>
    <m/>
    <m/>
    <m/>
    <m/>
    <m/>
    <n v="775"/>
    <n v="177.93"/>
    <s v=""/>
    <s v=""/>
    <s v=""/>
    <s v=""/>
    <s v=""/>
    <s v=""/>
    <s v=""/>
    <s v=""/>
    <s v=""/>
    <s v=""/>
    <s v=""/>
    <s v=""/>
    <s v=""/>
    <s v=""/>
    <s v=""/>
    <s v=""/>
    <s v=""/>
    <n v="137895.75"/>
    <s v=""/>
    <s v=""/>
    <s v=""/>
    <s v=""/>
    <s v=""/>
    <s v=""/>
    <s v=""/>
    <s v=""/>
    <s v=""/>
    <s v=""/>
    <s v=""/>
    <s v=""/>
    <s v=""/>
    <m/>
    <m/>
    <m/>
  </r>
  <r>
    <n v="354"/>
    <x v="1"/>
    <s v="Green infrastructure"/>
    <s v="Amenity Space"/>
    <s v="Hectares of amenity space"/>
    <s v="Hectares of amenity space"/>
    <x v="2"/>
    <x v="37"/>
    <x v="1"/>
    <x v="17"/>
    <x v="32"/>
    <s v="N/A"/>
    <s v="N/A"/>
    <n v="30366.719999999998"/>
    <n v="30366.719999999998"/>
    <s v="S106"/>
    <s v="Important"/>
    <m/>
    <m/>
    <m/>
    <m/>
    <m/>
    <m/>
    <m/>
    <m/>
    <m/>
    <m/>
    <m/>
    <m/>
    <m/>
    <m/>
    <m/>
    <m/>
    <m/>
    <m/>
    <m/>
    <s v="Yes"/>
    <m/>
    <m/>
    <m/>
    <m/>
    <m/>
    <m/>
    <m/>
    <m/>
    <m/>
    <m/>
    <m/>
    <n v="100"/>
    <n v="303.66719999999998"/>
    <s v=""/>
    <s v=""/>
    <s v=""/>
    <s v=""/>
    <s v=""/>
    <s v=""/>
    <s v=""/>
    <s v=""/>
    <s v=""/>
    <s v=""/>
    <s v=""/>
    <s v=""/>
    <s v=""/>
    <s v=""/>
    <s v=""/>
    <s v=""/>
    <s v=""/>
    <s v=""/>
    <s v=""/>
    <n v="30366.719999999998"/>
    <s v=""/>
    <s v=""/>
    <s v=""/>
    <s v=""/>
    <s v=""/>
    <s v=""/>
    <s v=""/>
    <s v=""/>
    <s v=""/>
    <s v=""/>
    <s v=""/>
    <m/>
    <m/>
    <m/>
  </r>
  <r>
    <n v="355"/>
    <x v="1"/>
    <s v="Green infrastructure"/>
    <s v="Natural and semi natural greenspace"/>
    <s v="Hectares of natural and semi natural greenspace"/>
    <s v="Hectares of natural and semi natural greenspace"/>
    <x v="2"/>
    <x v="37"/>
    <x v="1"/>
    <x v="17"/>
    <x v="32"/>
    <s v="N/A"/>
    <s v="N/A"/>
    <n v="79712.639999999999"/>
    <n v="79712.639999999999"/>
    <s v="S106"/>
    <s v="Important"/>
    <m/>
    <m/>
    <m/>
    <m/>
    <m/>
    <m/>
    <m/>
    <m/>
    <m/>
    <m/>
    <m/>
    <m/>
    <m/>
    <m/>
    <m/>
    <m/>
    <m/>
    <m/>
    <m/>
    <s v="Yes"/>
    <m/>
    <m/>
    <m/>
    <m/>
    <m/>
    <m/>
    <m/>
    <m/>
    <m/>
    <m/>
    <m/>
    <n v="100"/>
    <n v="797.12639999999999"/>
    <s v=""/>
    <s v=""/>
    <s v=""/>
    <s v=""/>
    <s v=""/>
    <s v=""/>
    <s v=""/>
    <s v=""/>
    <s v=""/>
    <s v=""/>
    <s v=""/>
    <s v=""/>
    <s v=""/>
    <s v=""/>
    <s v=""/>
    <s v=""/>
    <s v=""/>
    <s v=""/>
    <s v=""/>
    <n v="79712.639999999999"/>
    <s v=""/>
    <s v=""/>
    <s v=""/>
    <s v=""/>
    <s v=""/>
    <s v=""/>
    <s v=""/>
    <s v=""/>
    <s v=""/>
    <s v=""/>
    <s v=""/>
    <m/>
    <m/>
    <m/>
  </r>
  <r>
    <n v="356"/>
    <x v="1"/>
    <s v="Green infrastructure"/>
    <s v="Public parks and gardens "/>
    <s v="Number of public parks and gardens"/>
    <s v="Number of public parks and gardens"/>
    <x v="2"/>
    <x v="37"/>
    <x v="1"/>
    <x v="17"/>
    <x v="32"/>
    <s v="N/A"/>
    <s v="N/A"/>
    <n v="111344.64"/>
    <n v="111344.64"/>
    <s v="S106"/>
    <s v="Important"/>
    <m/>
    <m/>
    <m/>
    <m/>
    <m/>
    <m/>
    <m/>
    <m/>
    <m/>
    <m/>
    <m/>
    <m/>
    <m/>
    <m/>
    <m/>
    <m/>
    <m/>
    <m/>
    <m/>
    <s v="Yes"/>
    <m/>
    <m/>
    <m/>
    <m/>
    <m/>
    <m/>
    <m/>
    <m/>
    <m/>
    <m/>
    <m/>
    <n v="100"/>
    <n v="1113.4464"/>
    <s v=""/>
    <s v=""/>
    <s v=""/>
    <s v=""/>
    <s v=""/>
    <s v=""/>
    <s v=""/>
    <s v=""/>
    <s v=""/>
    <s v=""/>
    <s v=""/>
    <s v=""/>
    <s v=""/>
    <s v=""/>
    <s v=""/>
    <s v=""/>
    <s v=""/>
    <s v=""/>
    <s v=""/>
    <n v="111344.64"/>
    <s v=""/>
    <s v=""/>
    <s v=""/>
    <s v=""/>
    <s v=""/>
    <s v=""/>
    <s v=""/>
    <s v=""/>
    <s v=""/>
    <s v=""/>
    <s v=""/>
    <m/>
    <m/>
    <m/>
  </r>
  <r>
    <n v="357"/>
    <x v="1"/>
    <s v="Green infrastructure"/>
    <s v="LAPs"/>
    <s v="1 LAP, delivered by site developer"/>
    <s v="1 LAP, delivered by site developer"/>
    <x v="2"/>
    <x v="37"/>
    <x v="1"/>
    <x v="18"/>
    <x v="32"/>
    <s v="N/A"/>
    <s v="N/A"/>
    <n v="43494"/>
    <n v="43494"/>
    <s v="S106"/>
    <s v="Important"/>
    <m/>
    <m/>
    <m/>
    <m/>
    <m/>
    <m/>
    <m/>
    <m/>
    <m/>
    <m/>
    <m/>
    <m/>
    <m/>
    <m/>
    <m/>
    <m/>
    <m/>
    <m/>
    <m/>
    <s v="Yes"/>
    <m/>
    <m/>
    <m/>
    <m/>
    <m/>
    <m/>
    <m/>
    <m/>
    <m/>
    <m/>
    <m/>
    <n v="100"/>
    <n v="434.94"/>
    <s v=""/>
    <s v=""/>
    <s v=""/>
    <s v=""/>
    <s v=""/>
    <s v=""/>
    <s v=""/>
    <s v=""/>
    <s v=""/>
    <s v=""/>
    <s v=""/>
    <s v=""/>
    <s v=""/>
    <s v=""/>
    <s v=""/>
    <s v=""/>
    <s v=""/>
    <s v=""/>
    <s v=""/>
    <n v="43494"/>
    <s v=""/>
    <s v=""/>
    <s v=""/>
    <s v=""/>
    <s v=""/>
    <s v=""/>
    <s v=""/>
    <s v=""/>
    <s v=""/>
    <s v=""/>
    <s v=""/>
    <m/>
    <m/>
    <m/>
  </r>
  <r>
    <n v="358"/>
    <x v="1"/>
    <s v="Green infrastructure"/>
    <s v="LEAPs"/>
    <s v="1 LEAP, delivered by site developer"/>
    <s v="1 LEAP, delivered by site developer"/>
    <x v="2"/>
    <x v="37"/>
    <x v="1"/>
    <x v="18"/>
    <x v="32"/>
    <s v="N/A"/>
    <s v="N/A"/>
    <n v="105440"/>
    <n v="105440"/>
    <s v="S106"/>
    <s v="Important"/>
    <m/>
    <m/>
    <m/>
    <m/>
    <m/>
    <m/>
    <m/>
    <m/>
    <m/>
    <m/>
    <m/>
    <m/>
    <m/>
    <m/>
    <m/>
    <m/>
    <m/>
    <m/>
    <m/>
    <s v="Yes"/>
    <m/>
    <m/>
    <m/>
    <m/>
    <m/>
    <m/>
    <m/>
    <m/>
    <m/>
    <m/>
    <m/>
    <n v="100"/>
    <n v="1054.4000000000001"/>
    <s v=""/>
    <s v=""/>
    <s v=""/>
    <s v=""/>
    <s v=""/>
    <s v=""/>
    <s v=""/>
    <s v=""/>
    <s v=""/>
    <s v=""/>
    <s v=""/>
    <s v=""/>
    <s v=""/>
    <s v=""/>
    <s v=""/>
    <s v=""/>
    <s v=""/>
    <s v=""/>
    <s v=""/>
    <n v="105440.00000000001"/>
    <s v=""/>
    <s v=""/>
    <s v=""/>
    <s v=""/>
    <s v=""/>
    <s v=""/>
    <s v=""/>
    <s v=""/>
    <s v=""/>
    <s v=""/>
    <s v=""/>
    <m/>
    <m/>
    <m/>
  </r>
  <r>
    <n v="359"/>
    <x v="1"/>
    <s v="Green infrastructure"/>
    <s v="MUGAs"/>
    <s v="Number of MUGAs"/>
    <s v="Number of MUGAs"/>
    <x v="2"/>
    <x v="37"/>
    <x v="3"/>
    <x v="18"/>
    <x v="32"/>
    <s v="N/A"/>
    <s v="N/A"/>
    <n v="0"/>
    <n v="0"/>
    <s v="S106"/>
    <s v="Important"/>
    <m/>
    <m/>
    <m/>
    <m/>
    <m/>
    <m/>
    <m/>
    <m/>
    <m/>
    <m/>
    <m/>
    <m/>
    <m/>
    <m/>
    <m/>
    <m/>
    <m/>
    <m/>
    <m/>
    <s v="Yes"/>
    <m/>
    <m/>
    <m/>
    <m/>
    <m/>
    <m/>
    <m/>
    <m/>
    <m/>
    <m/>
    <m/>
    <n v="100"/>
    <n v="0"/>
    <s v=""/>
    <s v=""/>
    <s v=""/>
    <s v=""/>
    <s v=""/>
    <s v=""/>
    <s v=""/>
    <s v=""/>
    <s v=""/>
    <s v=""/>
    <s v=""/>
    <s v=""/>
    <s v=""/>
    <s v=""/>
    <s v=""/>
    <s v=""/>
    <s v=""/>
    <s v=""/>
    <s v=""/>
    <n v="0"/>
    <s v=""/>
    <s v=""/>
    <s v=""/>
    <s v=""/>
    <s v=""/>
    <s v=""/>
    <s v=""/>
    <s v=""/>
    <s v=""/>
    <s v=""/>
    <s v=""/>
    <m/>
    <m/>
    <m/>
  </r>
  <r>
    <n v="360"/>
    <x v="1"/>
    <s v="Green infrastructure"/>
    <s v="NEAPs"/>
    <s v="Number of NEAPs"/>
    <s v="Number of NEAPs"/>
    <x v="2"/>
    <x v="37"/>
    <x v="3"/>
    <x v="18"/>
    <x v="32"/>
    <s v="N/A"/>
    <s v="N/A"/>
    <n v="0"/>
    <n v="0"/>
    <s v="S106"/>
    <s v="Important"/>
    <m/>
    <m/>
    <m/>
    <m/>
    <m/>
    <m/>
    <m/>
    <m/>
    <m/>
    <m/>
    <m/>
    <m/>
    <m/>
    <m/>
    <m/>
    <m/>
    <m/>
    <m/>
    <m/>
    <s v="Yes"/>
    <m/>
    <m/>
    <m/>
    <m/>
    <m/>
    <m/>
    <m/>
    <m/>
    <m/>
    <m/>
    <m/>
    <n v="100"/>
    <m/>
    <s v=""/>
    <s v=""/>
    <s v=""/>
    <s v=""/>
    <s v=""/>
    <s v=""/>
    <s v=""/>
    <s v=""/>
    <s v=""/>
    <s v=""/>
    <s v=""/>
    <s v=""/>
    <s v=""/>
    <s v=""/>
    <s v=""/>
    <s v=""/>
    <s v=""/>
    <s v=""/>
    <s v=""/>
    <n v="0"/>
    <s v=""/>
    <s v=""/>
    <s v=""/>
    <s v=""/>
    <s v=""/>
    <s v=""/>
    <s v=""/>
    <s v=""/>
    <s v=""/>
    <s v=""/>
    <s v=""/>
    <m/>
    <m/>
    <m/>
  </r>
  <r>
    <n v="361"/>
    <x v="1"/>
    <s v="Green infrastructure"/>
    <s v="Allotments "/>
    <s v="Hectares of allotments required"/>
    <s v="Hectares of allotments required"/>
    <x v="2"/>
    <x v="37"/>
    <x v="2"/>
    <x v="17"/>
    <x v="32"/>
    <s v="N/A"/>
    <s v="N/A"/>
    <n v="17793"/>
    <n v="17793"/>
    <s v="S106"/>
    <s v="Important"/>
    <m/>
    <m/>
    <m/>
    <m/>
    <m/>
    <m/>
    <m/>
    <m/>
    <m/>
    <m/>
    <m/>
    <m/>
    <m/>
    <m/>
    <m/>
    <m/>
    <m/>
    <m/>
    <m/>
    <s v="Yes"/>
    <m/>
    <m/>
    <m/>
    <m/>
    <m/>
    <m/>
    <m/>
    <m/>
    <m/>
    <m/>
    <m/>
    <n v="100"/>
    <n v="177.93"/>
    <s v=""/>
    <s v=""/>
    <s v=""/>
    <s v=""/>
    <s v=""/>
    <s v=""/>
    <s v=""/>
    <s v=""/>
    <s v=""/>
    <s v=""/>
    <s v=""/>
    <s v=""/>
    <s v=""/>
    <s v=""/>
    <s v=""/>
    <s v=""/>
    <s v=""/>
    <s v=""/>
    <s v=""/>
    <n v="17793"/>
    <s v=""/>
    <s v=""/>
    <s v=""/>
    <s v=""/>
    <s v=""/>
    <s v=""/>
    <s v=""/>
    <s v=""/>
    <s v=""/>
    <s v=""/>
    <s v=""/>
    <m/>
    <m/>
    <m/>
  </r>
  <r>
    <n v="362"/>
    <x v="1"/>
    <s v="Green infrastructure"/>
    <s v="Amenity Space"/>
    <s v="Hectares of amenity space"/>
    <s v="Hectares of amenity space"/>
    <x v="2"/>
    <x v="38"/>
    <x v="2"/>
    <x v="17"/>
    <x v="24"/>
    <s v="N/A"/>
    <s v="N/A"/>
    <n v="30366.719999999998"/>
    <n v="30366.719999999998"/>
    <s v="S106"/>
    <s v="Important"/>
    <m/>
    <m/>
    <m/>
    <m/>
    <m/>
    <m/>
    <m/>
    <m/>
    <m/>
    <m/>
    <m/>
    <m/>
    <m/>
    <m/>
    <m/>
    <m/>
    <m/>
    <m/>
    <s v="Yes"/>
    <m/>
    <m/>
    <m/>
    <m/>
    <m/>
    <m/>
    <m/>
    <m/>
    <m/>
    <m/>
    <m/>
    <m/>
    <n v="100"/>
    <n v="303.66719999999998"/>
    <s v=""/>
    <s v=""/>
    <s v=""/>
    <s v=""/>
    <s v=""/>
    <s v=""/>
    <s v=""/>
    <s v=""/>
    <s v=""/>
    <s v=""/>
    <s v=""/>
    <s v=""/>
    <s v=""/>
    <s v=""/>
    <s v=""/>
    <s v=""/>
    <s v=""/>
    <s v=""/>
    <n v="30366.719999999998"/>
    <s v=""/>
    <s v=""/>
    <s v=""/>
    <s v=""/>
    <s v=""/>
    <s v=""/>
    <s v=""/>
    <s v=""/>
    <s v=""/>
    <s v=""/>
    <s v=""/>
    <s v=""/>
    <m/>
    <m/>
    <m/>
  </r>
  <r>
    <n v="363"/>
    <x v="1"/>
    <s v="Green infrastructure"/>
    <s v="Natural and semi natural greenspace"/>
    <s v="Hectares of natural and semi natural greenspace"/>
    <s v="Hectares of natural and semi natural greenspace"/>
    <x v="2"/>
    <x v="38"/>
    <x v="2"/>
    <x v="17"/>
    <x v="24"/>
    <s v="N/A"/>
    <s v="N/A"/>
    <n v="79712.639999999999"/>
    <n v="79712.639999999999"/>
    <s v="S106"/>
    <s v="Important"/>
    <m/>
    <m/>
    <m/>
    <m/>
    <m/>
    <m/>
    <m/>
    <m/>
    <m/>
    <m/>
    <m/>
    <m/>
    <m/>
    <m/>
    <m/>
    <m/>
    <m/>
    <m/>
    <s v="Yes"/>
    <m/>
    <m/>
    <m/>
    <m/>
    <m/>
    <m/>
    <m/>
    <m/>
    <m/>
    <m/>
    <m/>
    <m/>
    <n v="100"/>
    <n v="797.12639999999999"/>
    <s v=""/>
    <s v=""/>
    <s v=""/>
    <s v=""/>
    <s v=""/>
    <s v=""/>
    <s v=""/>
    <s v=""/>
    <s v=""/>
    <s v=""/>
    <s v=""/>
    <s v=""/>
    <s v=""/>
    <s v=""/>
    <s v=""/>
    <s v=""/>
    <s v=""/>
    <s v=""/>
    <n v="79712.639999999999"/>
    <s v=""/>
    <s v=""/>
    <s v=""/>
    <s v=""/>
    <s v=""/>
    <s v=""/>
    <s v=""/>
    <s v=""/>
    <s v=""/>
    <s v=""/>
    <s v=""/>
    <s v=""/>
    <m/>
    <m/>
    <m/>
  </r>
  <r>
    <n v="364"/>
    <x v="1"/>
    <s v="Green infrastructure"/>
    <s v="Public parks and gardens "/>
    <s v="Number of public parks and gardens"/>
    <s v="Number of public parks and gardens"/>
    <x v="2"/>
    <x v="38"/>
    <x v="2"/>
    <x v="17"/>
    <x v="24"/>
    <s v="N/A"/>
    <s v="N/A"/>
    <n v="111344.64"/>
    <n v="111344.64"/>
    <s v="S106"/>
    <s v="Important"/>
    <m/>
    <m/>
    <m/>
    <m/>
    <m/>
    <m/>
    <m/>
    <m/>
    <m/>
    <m/>
    <m/>
    <m/>
    <m/>
    <m/>
    <m/>
    <m/>
    <m/>
    <m/>
    <s v="Yes"/>
    <m/>
    <m/>
    <m/>
    <m/>
    <m/>
    <m/>
    <m/>
    <m/>
    <m/>
    <m/>
    <m/>
    <m/>
    <n v="100"/>
    <n v="1113.4464"/>
    <s v=""/>
    <s v=""/>
    <s v=""/>
    <s v=""/>
    <s v=""/>
    <s v=""/>
    <s v=""/>
    <s v=""/>
    <s v=""/>
    <s v=""/>
    <s v=""/>
    <s v=""/>
    <s v=""/>
    <s v=""/>
    <s v=""/>
    <s v=""/>
    <s v=""/>
    <s v=""/>
    <n v="111344.64"/>
    <s v=""/>
    <s v=""/>
    <s v=""/>
    <s v=""/>
    <s v=""/>
    <s v=""/>
    <s v=""/>
    <s v=""/>
    <s v=""/>
    <s v=""/>
    <s v=""/>
    <s v=""/>
    <m/>
    <m/>
    <m/>
  </r>
  <r>
    <n v="365"/>
    <x v="1"/>
    <s v="Green infrastructure"/>
    <s v="LAPs"/>
    <s v="1 LAP, delivered by site developer"/>
    <s v="1 LAP, delivered by site developer"/>
    <x v="2"/>
    <x v="38"/>
    <x v="1"/>
    <x v="18"/>
    <x v="24"/>
    <s v="N/A"/>
    <s v="N/A"/>
    <n v="43494"/>
    <n v="43494"/>
    <s v="S106"/>
    <s v="Important"/>
    <m/>
    <m/>
    <m/>
    <m/>
    <m/>
    <m/>
    <m/>
    <m/>
    <m/>
    <m/>
    <m/>
    <m/>
    <m/>
    <m/>
    <m/>
    <m/>
    <m/>
    <m/>
    <s v="Yes"/>
    <m/>
    <m/>
    <m/>
    <m/>
    <m/>
    <m/>
    <m/>
    <m/>
    <m/>
    <m/>
    <m/>
    <m/>
    <n v="100"/>
    <n v="434.94"/>
    <s v=""/>
    <s v=""/>
    <s v=""/>
    <s v=""/>
    <s v=""/>
    <s v=""/>
    <s v=""/>
    <s v=""/>
    <s v=""/>
    <s v=""/>
    <s v=""/>
    <s v=""/>
    <s v=""/>
    <s v=""/>
    <s v=""/>
    <s v=""/>
    <s v=""/>
    <s v=""/>
    <n v="43494"/>
    <s v=""/>
    <s v=""/>
    <s v=""/>
    <s v=""/>
    <s v=""/>
    <s v=""/>
    <s v=""/>
    <s v=""/>
    <s v=""/>
    <s v=""/>
    <s v=""/>
    <s v=""/>
    <m/>
    <m/>
    <m/>
  </r>
  <r>
    <n v="366"/>
    <x v="1"/>
    <s v="Green infrastructure"/>
    <s v="LEAPs"/>
    <s v="1 LEAP, delivered by site developer"/>
    <s v="1 LEAP, delivered by site developer"/>
    <x v="2"/>
    <x v="38"/>
    <x v="1"/>
    <x v="18"/>
    <x v="24"/>
    <s v="N/A"/>
    <s v="N/A"/>
    <n v="105440"/>
    <n v="105440"/>
    <s v="S106"/>
    <s v="Important"/>
    <m/>
    <m/>
    <m/>
    <m/>
    <m/>
    <m/>
    <m/>
    <m/>
    <m/>
    <m/>
    <m/>
    <m/>
    <m/>
    <m/>
    <m/>
    <m/>
    <m/>
    <m/>
    <s v="Yes"/>
    <m/>
    <m/>
    <m/>
    <m/>
    <m/>
    <m/>
    <m/>
    <m/>
    <m/>
    <m/>
    <m/>
    <m/>
    <n v="100"/>
    <n v="1054.4000000000001"/>
    <s v=""/>
    <s v=""/>
    <s v=""/>
    <s v=""/>
    <s v=""/>
    <s v=""/>
    <s v=""/>
    <s v=""/>
    <s v=""/>
    <s v=""/>
    <s v=""/>
    <s v=""/>
    <s v=""/>
    <s v=""/>
    <s v=""/>
    <s v=""/>
    <s v=""/>
    <s v=""/>
    <n v="105440.00000000001"/>
    <s v=""/>
    <s v=""/>
    <s v=""/>
    <s v=""/>
    <s v=""/>
    <s v=""/>
    <s v=""/>
    <s v=""/>
    <s v=""/>
    <s v=""/>
    <s v=""/>
    <s v=""/>
    <m/>
    <m/>
    <m/>
  </r>
  <r>
    <n v="367"/>
    <x v="1"/>
    <s v="Green infrastructure"/>
    <s v="MUGAs"/>
    <s v="Number of MUGAs"/>
    <s v="Number of MUGAs"/>
    <x v="2"/>
    <x v="38"/>
    <x v="3"/>
    <x v="18"/>
    <x v="24"/>
    <s v="N/A"/>
    <s v="N/A"/>
    <n v="0"/>
    <n v="0"/>
    <s v="S106"/>
    <s v="Important"/>
    <m/>
    <m/>
    <m/>
    <m/>
    <m/>
    <m/>
    <m/>
    <m/>
    <m/>
    <m/>
    <m/>
    <m/>
    <m/>
    <m/>
    <m/>
    <m/>
    <m/>
    <m/>
    <s v="Yes"/>
    <m/>
    <m/>
    <m/>
    <m/>
    <m/>
    <m/>
    <m/>
    <m/>
    <m/>
    <m/>
    <m/>
    <m/>
    <n v="100"/>
    <n v="0"/>
    <s v=""/>
    <s v=""/>
    <s v=""/>
    <s v=""/>
    <s v=""/>
    <s v=""/>
    <s v=""/>
    <s v=""/>
    <s v=""/>
    <s v=""/>
    <s v=""/>
    <s v=""/>
    <s v=""/>
    <s v=""/>
    <s v=""/>
    <s v=""/>
    <s v=""/>
    <s v=""/>
    <n v="0"/>
    <s v=""/>
    <s v=""/>
    <s v=""/>
    <s v=""/>
    <s v=""/>
    <s v=""/>
    <s v=""/>
    <s v=""/>
    <s v=""/>
    <s v=""/>
    <s v=""/>
    <s v=""/>
    <m/>
    <m/>
    <m/>
  </r>
  <r>
    <n v="368"/>
    <x v="1"/>
    <s v="Green infrastructure"/>
    <s v="NEAPs"/>
    <s v="Number of NEAPs"/>
    <s v="Number of NEAPs"/>
    <x v="2"/>
    <x v="38"/>
    <x v="3"/>
    <x v="18"/>
    <x v="24"/>
    <s v="N/A"/>
    <s v="N/A"/>
    <n v="0"/>
    <n v="0"/>
    <s v="S106"/>
    <s v="Important"/>
    <m/>
    <m/>
    <m/>
    <m/>
    <m/>
    <m/>
    <m/>
    <m/>
    <m/>
    <m/>
    <m/>
    <m/>
    <m/>
    <m/>
    <m/>
    <m/>
    <m/>
    <m/>
    <s v="Yes"/>
    <m/>
    <m/>
    <m/>
    <m/>
    <m/>
    <m/>
    <m/>
    <m/>
    <m/>
    <m/>
    <m/>
    <m/>
    <n v="100"/>
    <m/>
    <s v=""/>
    <s v=""/>
    <s v=""/>
    <s v=""/>
    <s v=""/>
    <s v=""/>
    <s v=""/>
    <s v=""/>
    <s v=""/>
    <s v=""/>
    <s v=""/>
    <s v=""/>
    <s v=""/>
    <s v=""/>
    <s v=""/>
    <s v=""/>
    <s v=""/>
    <s v=""/>
    <n v="0"/>
    <s v=""/>
    <s v=""/>
    <s v=""/>
    <s v=""/>
    <s v=""/>
    <s v=""/>
    <s v=""/>
    <s v=""/>
    <s v=""/>
    <s v=""/>
    <s v=""/>
    <s v=""/>
    <m/>
    <m/>
    <m/>
  </r>
  <r>
    <n v="369"/>
    <x v="1"/>
    <s v="Green infrastructure"/>
    <s v="Allotments "/>
    <s v="Hectares of allotments required"/>
    <s v="Hectares of allotments required"/>
    <x v="2"/>
    <x v="38"/>
    <x v="1"/>
    <x v="17"/>
    <x v="24"/>
    <s v="N/A"/>
    <s v="N/A"/>
    <n v="17793"/>
    <n v="17793"/>
    <s v="S106"/>
    <s v="Important"/>
    <m/>
    <m/>
    <m/>
    <m/>
    <m/>
    <m/>
    <m/>
    <m/>
    <m/>
    <m/>
    <m/>
    <m/>
    <m/>
    <m/>
    <m/>
    <m/>
    <m/>
    <m/>
    <s v="Yes"/>
    <m/>
    <m/>
    <m/>
    <m/>
    <m/>
    <m/>
    <m/>
    <m/>
    <m/>
    <m/>
    <m/>
    <m/>
    <n v="100"/>
    <n v="177.93"/>
    <s v=""/>
    <s v=""/>
    <s v=""/>
    <s v=""/>
    <s v=""/>
    <s v=""/>
    <s v=""/>
    <s v=""/>
    <s v=""/>
    <s v=""/>
    <s v=""/>
    <s v=""/>
    <s v=""/>
    <s v=""/>
    <s v=""/>
    <s v=""/>
    <s v=""/>
    <s v=""/>
    <n v="17793"/>
    <s v=""/>
    <s v=""/>
    <s v=""/>
    <s v=""/>
    <s v=""/>
    <s v=""/>
    <s v=""/>
    <s v=""/>
    <s v=""/>
    <s v=""/>
    <s v=""/>
    <s v=""/>
    <m/>
    <m/>
    <m/>
  </r>
  <r>
    <n v="370"/>
    <x v="1"/>
    <s v="Green infrastructure"/>
    <s v="Amenity Space"/>
    <s v="Hectares of amenity space"/>
    <s v="Hectares of amenity space"/>
    <x v="2"/>
    <x v="22"/>
    <x v="2"/>
    <x v="17"/>
    <x v="15"/>
    <s v="N/A"/>
    <s v="N/A"/>
    <n v="91707.494399999996"/>
    <n v="91707.494399999996"/>
    <s v="S106/CIL"/>
    <s v="Important"/>
    <m/>
    <m/>
    <m/>
    <m/>
    <m/>
    <m/>
    <m/>
    <m/>
    <m/>
    <m/>
    <m/>
    <m/>
    <m/>
    <m/>
    <m/>
    <m/>
    <m/>
    <m/>
    <m/>
    <m/>
    <s v="Yes"/>
    <m/>
    <m/>
    <m/>
    <m/>
    <m/>
    <m/>
    <m/>
    <m/>
    <m/>
    <m/>
    <n v="302"/>
    <n v="303.66719999999998"/>
    <s v=""/>
    <s v=""/>
    <s v=""/>
    <s v=""/>
    <s v=""/>
    <s v=""/>
    <s v=""/>
    <s v=""/>
    <s v=""/>
    <s v=""/>
    <s v=""/>
    <s v=""/>
    <s v=""/>
    <s v=""/>
    <s v=""/>
    <s v=""/>
    <s v=""/>
    <s v=""/>
    <s v=""/>
    <s v=""/>
    <n v="91707.494399999996"/>
    <s v=""/>
    <s v=""/>
    <s v=""/>
    <s v=""/>
    <s v=""/>
    <s v=""/>
    <s v=""/>
    <s v=""/>
    <s v=""/>
    <s v=""/>
    <m/>
    <m/>
    <m/>
  </r>
  <r>
    <n v="371"/>
    <x v="1"/>
    <s v="Green infrastructure"/>
    <s v="Natural and semi natural greenspace"/>
    <s v="Hectares of natural and semi natural greenspace"/>
    <s v="Hectares of natural and semi natural greenspace"/>
    <x v="2"/>
    <x v="22"/>
    <x v="2"/>
    <x v="17"/>
    <x v="15"/>
    <s v="N/A"/>
    <s v="N/A"/>
    <n v="240732.1728"/>
    <n v="240732.1728"/>
    <s v="S106/CIL"/>
    <s v="Important"/>
    <m/>
    <m/>
    <m/>
    <m/>
    <m/>
    <m/>
    <m/>
    <m/>
    <m/>
    <m/>
    <m/>
    <m/>
    <m/>
    <m/>
    <m/>
    <m/>
    <m/>
    <m/>
    <m/>
    <m/>
    <s v="Yes"/>
    <m/>
    <m/>
    <m/>
    <m/>
    <m/>
    <m/>
    <m/>
    <m/>
    <m/>
    <m/>
    <n v="302"/>
    <n v="797.12639999999999"/>
    <s v=""/>
    <s v=""/>
    <s v=""/>
    <s v=""/>
    <s v=""/>
    <s v=""/>
    <s v=""/>
    <s v=""/>
    <s v=""/>
    <s v=""/>
    <s v=""/>
    <s v=""/>
    <s v=""/>
    <s v=""/>
    <s v=""/>
    <s v=""/>
    <s v=""/>
    <s v=""/>
    <s v=""/>
    <s v=""/>
    <n v="240732.1728"/>
    <s v=""/>
    <s v=""/>
    <s v=""/>
    <s v=""/>
    <s v=""/>
    <s v=""/>
    <s v=""/>
    <s v=""/>
    <s v=""/>
    <s v=""/>
    <m/>
    <m/>
    <m/>
  </r>
  <r>
    <n v="372"/>
    <x v="1"/>
    <s v="Green infrastructure"/>
    <s v="Public parks and gardens "/>
    <s v="Number of public parks and gardens"/>
    <s v="Number of public parks and gardens"/>
    <x v="2"/>
    <x v="22"/>
    <x v="2"/>
    <x v="17"/>
    <x v="15"/>
    <s v="N/A"/>
    <s v="N/A"/>
    <n v="336260.81280000001"/>
    <n v="336260.81280000001"/>
    <s v="S106/CIL"/>
    <s v="Important"/>
    <m/>
    <m/>
    <m/>
    <m/>
    <m/>
    <m/>
    <m/>
    <m/>
    <m/>
    <m/>
    <m/>
    <m/>
    <m/>
    <m/>
    <m/>
    <m/>
    <m/>
    <m/>
    <m/>
    <m/>
    <s v="Yes"/>
    <m/>
    <m/>
    <m/>
    <m/>
    <m/>
    <m/>
    <m/>
    <m/>
    <m/>
    <m/>
    <n v="302"/>
    <n v="1113.4464"/>
    <s v=""/>
    <s v=""/>
    <s v=""/>
    <s v=""/>
    <s v=""/>
    <s v=""/>
    <s v=""/>
    <s v=""/>
    <s v=""/>
    <s v=""/>
    <s v=""/>
    <s v=""/>
    <s v=""/>
    <s v=""/>
    <s v=""/>
    <s v=""/>
    <s v=""/>
    <s v=""/>
    <s v=""/>
    <s v=""/>
    <n v="336260.81280000001"/>
    <s v=""/>
    <s v=""/>
    <s v=""/>
    <s v=""/>
    <s v=""/>
    <s v=""/>
    <s v=""/>
    <s v=""/>
    <s v=""/>
    <s v=""/>
    <m/>
    <m/>
    <m/>
  </r>
  <r>
    <n v="373"/>
    <x v="1"/>
    <s v="Green infrastructure"/>
    <s v="LAPs"/>
    <s v="Number of LAPs"/>
    <s v="Number of LAPs"/>
    <x v="2"/>
    <x v="22"/>
    <x v="2"/>
    <x v="18"/>
    <x v="15"/>
    <s v="N/A"/>
    <s v="N/A"/>
    <n v="0"/>
    <n v="0"/>
    <s v="S106/CIL"/>
    <s v="Important"/>
    <m/>
    <m/>
    <m/>
    <m/>
    <m/>
    <m/>
    <m/>
    <m/>
    <m/>
    <m/>
    <m/>
    <m/>
    <m/>
    <m/>
    <m/>
    <m/>
    <m/>
    <m/>
    <m/>
    <m/>
    <s v="Yes"/>
    <m/>
    <m/>
    <m/>
    <m/>
    <m/>
    <m/>
    <m/>
    <m/>
    <m/>
    <m/>
    <n v="302"/>
    <m/>
    <s v=""/>
    <s v=""/>
    <s v=""/>
    <s v=""/>
    <s v=""/>
    <s v=""/>
    <s v=""/>
    <s v=""/>
    <s v=""/>
    <s v=""/>
    <s v=""/>
    <s v=""/>
    <s v=""/>
    <s v=""/>
    <s v=""/>
    <s v=""/>
    <s v=""/>
    <s v=""/>
    <s v=""/>
    <s v=""/>
    <n v="0"/>
    <s v=""/>
    <s v=""/>
    <s v=""/>
    <s v=""/>
    <s v=""/>
    <s v=""/>
    <s v=""/>
    <s v=""/>
    <s v=""/>
    <s v=""/>
    <m/>
    <m/>
    <m/>
  </r>
  <r>
    <n v="374"/>
    <x v="1"/>
    <s v="Green infrastructure"/>
    <s v="LEAPs"/>
    <s v="Number of LEAPs"/>
    <s v="Number of LEAPs"/>
    <x v="2"/>
    <x v="22"/>
    <x v="2"/>
    <x v="18"/>
    <x v="15"/>
    <s v="N/A"/>
    <s v="N/A"/>
    <n v="0"/>
    <n v="0"/>
    <s v="S106/CIL"/>
    <s v="Important"/>
    <m/>
    <m/>
    <m/>
    <m/>
    <m/>
    <m/>
    <m/>
    <m/>
    <m/>
    <m/>
    <m/>
    <m/>
    <m/>
    <m/>
    <m/>
    <m/>
    <m/>
    <m/>
    <m/>
    <m/>
    <s v="Yes"/>
    <m/>
    <m/>
    <m/>
    <m/>
    <m/>
    <m/>
    <m/>
    <m/>
    <m/>
    <m/>
    <n v="302"/>
    <m/>
    <s v=""/>
    <s v=""/>
    <s v=""/>
    <s v=""/>
    <s v=""/>
    <s v=""/>
    <s v=""/>
    <s v=""/>
    <s v=""/>
    <s v=""/>
    <s v=""/>
    <s v=""/>
    <s v=""/>
    <s v=""/>
    <s v=""/>
    <s v=""/>
    <s v=""/>
    <s v=""/>
    <s v=""/>
    <s v=""/>
    <n v="0"/>
    <s v=""/>
    <s v=""/>
    <s v=""/>
    <s v=""/>
    <s v=""/>
    <s v=""/>
    <s v=""/>
    <s v=""/>
    <s v=""/>
    <s v=""/>
    <m/>
    <m/>
    <m/>
  </r>
  <r>
    <n v="375"/>
    <x v="1"/>
    <s v="Green infrastructure"/>
    <s v="MUGAs"/>
    <s v="Number of MUGAs"/>
    <s v="Number of MUGAs"/>
    <x v="2"/>
    <x v="22"/>
    <x v="2"/>
    <x v="18"/>
    <x v="15"/>
    <s v="N/A"/>
    <s v="N/A"/>
    <n v="0"/>
    <n v="0"/>
    <s v="S106/CIL"/>
    <s v="Important"/>
    <m/>
    <m/>
    <m/>
    <m/>
    <m/>
    <m/>
    <m/>
    <m/>
    <m/>
    <m/>
    <m/>
    <m/>
    <m/>
    <m/>
    <m/>
    <m/>
    <m/>
    <m/>
    <m/>
    <m/>
    <s v="Yes"/>
    <m/>
    <m/>
    <m/>
    <m/>
    <m/>
    <m/>
    <m/>
    <m/>
    <m/>
    <m/>
    <n v="302"/>
    <m/>
    <s v=""/>
    <s v=""/>
    <s v=""/>
    <s v=""/>
    <s v=""/>
    <s v=""/>
    <s v=""/>
    <s v=""/>
    <s v=""/>
    <s v=""/>
    <s v=""/>
    <s v=""/>
    <s v=""/>
    <s v=""/>
    <s v=""/>
    <s v=""/>
    <s v=""/>
    <s v=""/>
    <s v=""/>
    <s v=""/>
    <n v="0"/>
    <s v=""/>
    <s v=""/>
    <s v=""/>
    <s v=""/>
    <s v=""/>
    <s v=""/>
    <s v=""/>
    <s v=""/>
    <s v=""/>
    <s v=""/>
    <m/>
    <m/>
    <m/>
  </r>
  <r>
    <n v="376"/>
    <x v="1"/>
    <s v="Green infrastructure"/>
    <s v="NEAPs"/>
    <s v="Number of NEAPs"/>
    <s v="Number of NEAPs"/>
    <x v="2"/>
    <x v="22"/>
    <x v="2"/>
    <x v="18"/>
    <x v="15"/>
    <s v="N/A"/>
    <s v="N/A"/>
    <n v="0"/>
    <n v="0"/>
    <s v="S106/CIL"/>
    <s v="Important"/>
    <m/>
    <m/>
    <m/>
    <m/>
    <m/>
    <m/>
    <m/>
    <m/>
    <m/>
    <m/>
    <m/>
    <m/>
    <m/>
    <m/>
    <m/>
    <m/>
    <m/>
    <m/>
    <m/>
    <m/>
    <s v="Yes"/>
    <m/>
    <m/>
    <m/>
    <m/>
    <m/>
    <m/>
    <m/>
    <m/>
    <m/>
    <m/>
    <n v="302"/>
    <m/>
    <s v=""/>
    <s v=""/>
    <s v=""/>
    <s v=""/>
    <s v=""/>
    <s v=""/>
    <s v=""/>
    <s v=""/>
    <s v=""/>
    <s v=""/>
    <s v=""/>
    <s v=""/>
    <s v=""/>
    <s v=""/>
    <s v=""/>
    <s v=""/>
    <s v=""/>
    <s v=""/>
    <s v=""/>
    <s v=""/>
    <n v="0"/>
    <s v=""/>
    <s v=""/>
    <s v=""/>
    <s v=""/>
    <s v=""/>
    <s v=""/>
    <s v=""/>
    <s v=""/>
    <s v=""/>
    <s v=""/>
    <m/>
    <m/>
    <m/>
  </r>
  <r>
    <n v="377"/>
    <x v="1"/>
    <s v="Green infrastructure"/>
    <s v="Allotments "/>
    <s v="Hectares of allotments required"/>
    <s v="Hectares of allotments required"/>
    <x v="2"/>
    <x v="22"/>
    <x v="2"/>
    <x v="17"/>
    <x v="15"/>
    <s v="N/A"/>
    <s v="N/A"/>
    <n v="53734.86"/>
    <n v="53734.86"/>
    <s v="S106/CIL"/>
    <s v="Important"/>
    <m/>
    <m/>
    <m/>
    <m/>
    <m/>
    <m/>
    <m/>
    <m/>
    <m/>
    <m/>
    <m/>
    <m/>
    <m/>
    <m/>
    <m/>
    <m/>
    <m/>
    <m/>
    <m/>
    <m/>
    <s v="Yes"/>
    <m/>
    <m/>
    <m/>
    <m/>
    <m/>
    <m/>
    <m/>
    <m/>
    <m/>
    <m/>
    <n v="302"/>
    <n v="177.93"/>
    <s v=""/>
    <s v=""/>
    <s v=""/>
    <s v=""/>
    <s v=""/>
    <s v=""/>
    <s v=""/>
    <s v=""/>
    <s v=""/>
    <s v=""/>
    <s v=""/>
    <s v=""/>
    <s v=""/>
    <s v=""/>
    <s v=""/>
    <s v=""/>
    <s v=""/>
    <s v=""/>
    <s v=""/>
    <s v=""/>
    <n v="53734.86"/>
    <s v=""/>
    <s v=""/>
    <s v=""/>
    <s v=""/>
    <s v=""/>
    <s v=""/>
    <s v=""/>
    <s v=""/>
    <s v=""/>
    <s v=""/>
    <m/>
    <m/>
    <m/>
  </r>
  <r>
    <n v="378"/>
    <x v="1"/>
    <s v="Green infrastructure"/>
    <s v="Amenity Space"/>
    <s v="Hectares of amentity space"/>
    <s v="Hectares of amenity space"/>
    <x v="4"/>
    <x v="39"/>
    <x v="1"/>
    <x v="17"/>
    <x v="2"/>
    <s v="N/A"/>
    <s v="N/A"/>
    <n v="65895.782399999982"/>
    <n v="65895.782399999982"/>
    <s v="S106"/>
    <s v="Important"/>
    <m/>
    <m/>
    <m/>
    <m/>
    <m/>
    <m/>
    <m/>
    <m/>
    <m/>
    <m/>
    <m/>
    <m/>
    <m/>
    <m/>
    <m/>
    <m/>
    <m/>
    <m/>
    <m/>
    <m/>
    <m/>
    <m/>
    <m/>
    <m/>
    <m/>
    <s v="Yes"/>
    <m/>
    <m/>
    <m/>
    <m/>
    <m/>
    <n v="217"/>
    <n v="303.66719999999992"/>
    <s v=""/>
    <s v=""/>
    <s v=""/>
    <s v=""/>
    <s v=""/>
    <s v=""/>
    <s v=""/>
    <s v=""/>
    <s v=""/>
    <s v=""/>
    <s v=""/>
    <s v=""/>
    <s v=""/>
    <s v=""/>
    <s v=""/>
    <s v=""/>
    <s v=""/>
    <s v=""/>
    <s v=""/>
    <s v=""/>
    <s v=""/>
    <s v=""/>
    <s v=""/>
    <s v=""/>
    <s v=""/>
    <n v="65895.782399999982"/>
    <s v=""/>
    <s v=""/>
    <s v=""/>
    <s v=""/>
    <s v=""/>
    <m/>
    <m/>
    <m/>
  </r>
  <r>
    <n v="379"/>
    <x v="1"/>
    <s v="Green infrastructure"/>
    <s v="Natural and semi natural greenspace"/>
    <s v="Hectares of natural and semi natural greenspace"/>
    <s v="Hectares of natural and semi natural greenspace"/>
    <x v="4"/>
    <x v="39"/>
    <x v="1"/>
    <x v="17"/>
    <x v="2"/>
    <s v="N/A"/>
    <s v="N/A"/>
    <n v="172976.42879999999"/>
    <n v="172976.42879999999"/>
    <s v="S106"/>
    <s v="Important"/>
    <m/>
    <m/>
    <m/>
    <m/>
    <m/>
    <m/>
    <m/>
    <m/>
    <m/>
    <m/>
    <m/>
    <m/>
    <m/>
    <m/>
    <m/>
    <m/>
    <m/>
    <m/>
    <m/>
    <m/>
    <m/>
    <m/>
    <m/>
    <m/>
    <m/>
    <s v="Yes"/>
    <m/>
    <m/>
    <m/>
    <m/>
    <m/>
    <n v="217"/>
    <n v="797.12639999999999"/>
    <s v=""/>
    <s v=""/>
    <s v=""/>
    <s v=""/>
    <s v=""/>
    <s v=""/>
    <s v=""/>
    <s v=""/>
    <s v=""/>
    <s v=""/>
    <s v=""/>
    <s v=""/>
    <s v=""/>
    <s v=""/>
    <s v=""/>
    <s v=""/>
    <s v=""/>
    <s v=""/>
    <s v=""/>
    <s v=""/>
    <s v=""/>
    <s v=""/>
    <s v=""/>
    <s v=""/>
    <s v=""/>
    <n v="172976.42879999999"/>
    <s v=""/>
    <s v=""/>
    <s v=""/>
    <s v=""/>
    <s v=""/>
    <m/>
    <m/>
    <m/>
  </r>
  <r>
    <n v="380"/>
    <x v="1"/>
    <s v="Green infrastructure"/>
    <s v="Public parks and gardens "/>
    <s v="Number of public parks and gardens"/>
    <s v="Number of public parks and gardens"/>
    <x v="4"/>
    <x v="39"/>
    <x v="1"/>
    <x v="17"/>
    <x v="2"/>
    <s v="N/A"/>
    <s v="N/A"/>
    <n v="241617.86879999997"/>
    <n v="241617.86879999997"/>
    <s v="S106"/>
    <s v="Important"/>
    <m/>
    <m/>
    <m/>
    <m/>
    <m/>
    <m/>
    <m/>
    <m/>
    <m/>
    <m/>
    <m/>
    <m/>
    <m/>
    <m/>
    <m/>
    <m/>
    <m/>
    <m/>
    <m/>
    <m/>
    <m/>
    <m/>
    <m/>
    <m/>
    <m/>
    <s v="Yes"/>
    <m/>
    <m/>
    <m/>
    <m/>
    <m/>
    <n v="217"/>
    <n v="1113.4463999999998"/>
    <s v=""/>
    <s v=""/>
    <s v=""/>
    <s v=""/>
    <s v=""/>
    <s v=""/>
    <s v=""/>
    <s v=""/>
    <s v=""/>
    <s v=""/>
    <s v=""/>
    <s v=""/>
    <s v=""/>
    <s v=""/>
    <s v=""/>
    <s v=""/>
    <s v=""/>
    <s v=""/>
    <s v=""/>
    <s v=""/>
    <s v=""/>
    <s v=""/>
    <s v=""/>
    <s v=""/>
    <s v=""/>
    <n v="241617.86879999997"/>
    <s v=""/>
    <s v=""/>
    <s v=""/>
    <s v=""/>
    <s v=""/>
    <m/>
    <m/>
    <m/>
  </r>
  <r>
    <n v="381"/>
    <x v="1"/>
    <s v="Green infrastructure"/>
    <s v="LAPs"/>
    <s v="1 LAP, delivered by site developers"/>
    <s v="1 LAP, delivered by site developers"/>
    <x v="4"/>
    <x v="39"/>
    <x v="1"/>
    <x v="18"/>
    <x v="2"/>
    <s v="N/A"/>
    <s v="N/A"/>
    <n v="43494"/>
    <n v="43494"/>
    <s v="S106"/>
    <s v="Important"/>
    <m/>
    <m/>
    <m/>
    <m/>
    <m/>
    <m/>
    <m/>
    <m/>
    <m/>
    <m/>
    <m/>
    <m/>
    <m/>
    <m/>
    <m/>
    <m/>
    <m/>
    <m/>
    <m/>
    <m/>
    <m/>
    <m/>
    <m/>
    <m/>
    <m/>
    <s v="Yes"/>
    <m/>
    <m/>
    <m/>
    <m/>
    <m/>
    <n v="217"/>
    <n v="200.43317972350229"/>
    <s v=""/>
    <s v=""/>
    <s v=""/>
    <s v=""/>
    <s v=""/>
    <s v=""/>
    <s v=""/>
    <s v=""/>
    <s v=""/>
    <s v=""/>
    <s v=""/>
    <s v=""/>
    <s v=""/>
    <s v=""/>
    <s v=""/>
    <s v=""/>
    <s v=""/>
    <s v=""/>
    <s v=""/>
    <s v=""/>
    <s v=""/>
    <s v=""/>
    <s v=""/>
    <s v=""/>
    <s v=""/>
    <n v="43494"/>
    <s v=""/>
    <s v=""/>
    <s v=""/>
    <s v=""/>
    <s v=""/>
    <m/>
    <m/>
    <m/>
  </r>
  <r>
    <n v="382"/>
    <x v="1"/>
    <s v="Green infrastructure"/>
    <s v="LEAPs"/>
    <s v="1 LEAP, delivered by site developers"/>
    <s v="1 LEAP, delivered by site developers"/>
    <x v="4"/>
    <x v="39"/>
    <x v="1"/>
    <x v="18"/>
    <x v="2"/>
    <s v="N/A"/>
    <s v="N/A"/>
    <n v="105440"/>
    <n v="105440"/>
    <s v="S106"/>
    <s v="Important"/>
    <m/>
    <m/>
    <m/>
    <m/>
    <m/>
    <m/>
    <m/>
    <m/>
    <m/>
    <m/>
    <m/>
    <m/>
    <m/>
    <m/>
    <m/>
    <m/>
    <m/>
    <m/>
    <m/>
    <m/>
    <m/>
    <m/>
    <m/>
    <m/>
    <m/>
    <s v="Yes"/>
    <m/>
    <m/>
    <m/>
    <m/>
    <m/>
    <n v="217"/>
    <n v="485.89861751152074"/>
    <s v=""/>
    <s v=""/>
    <s v=""/>
    <s v=""/>
    <s v=""/>
    <s v=""/>
    <s v=""/>
    <s v=""/>
    <s v=""/>
    <s v=""/>
    <s v=""/>
    <s v=""/>
    <s v=""/>
    <s v=""/>
    <s v=""/>
    <s v=""/>
    <s v=""/>
    <s v=""/>
    <s v=""/>
    <s v=""/>
    <s v=""/>
    <s v=""/>
    <s v=""/>
    <s v=""/>
    <s v=""/>
    <n v="105440"/>
    <s v=""/>
    <s v=""/>
    <s v=""/>
    <s v=""/>
    <s v=""/>
    <m/>
    <m/>
    <m/>
  </r>
  <r>
    <n v="383"/>
    <x v="1"/>
    <s v="Green infrastructure"/>
    <s v="MUGAs"/>
    <s v="Number of MUGAs"/>
    <s v="Number of MUGAs"/>
    <x v="4"/>
    <x v="39"/>
    <x v="3"/>
    <x v="18"/>
    <x v="2"/>
    <s v="N/A"/>
    <s v="N/A"/>
    <n v="0"/>
    <n v="0"/>
    <s v="S106"/>
    <s v="Important"/>
    <m/>
    <m/>
    <m/>
    <m/>
    <m/>
    <m/>
    <m/>
    <m/>
    <m/>
    <m/>
    <m/>
    <m/>
    <m/>
    <m/>
    <m/>
    <m/>
    <m/>
    <m/>
    <m/>
    <m/>
    <m/>
    <m/>
    <m/>
    <m/>
    <m/>
    <s v="Yes"/>
    <m/>
    <m/>
    <m/>
    <m/>
    <m/>
    <n v="217"/>
    <m/>
    <s v=""/>
    <s v=""/>
    <s v=""/>
    <s v=""/>
    <s v=""/>
    <s v=""/>
    <s v=""/>
    <s v=""/>
    <s v=""/>
    <s v=""/>
    <s v=""/>
    <s v=""/>
    <s v=""/>
    <s v=""/>
    <s v=""/>
    <s v=""/>
    <s v=""/>
    <s v=""/>
    <s v=""/>
    <s v=""/>
    <s v=""/>
    <s v=""/>
    <s v=""/>
    <s v=""/>
    <s v=""/>
    <n v="0"/>
    <s v=""/>
    <s v=""/>
    <s v=""/>
    <s v=""/>
    <s v=""/>
    <m/>
    <m/>
    <m/>
  </r>
  <r>
    <n v="384"/>
    <x v="1"/>
    <s v="Green infrastructure"/>
    <s v="NEAPs"/>
    <s v="Number of NEAPs"/>
    <s v="Number of NEAPs"/>
    <x v="4"/>
    <x v="39"/>
    <x v="3"/>
    <x v="18"/>
    <x v="2"/>
    <s v="N/A"/>
    <s v="N/A"/>
    <n v="0"/>
    <n v="0"/>
    <s v="S106"/>
    <s v="Important"/>
    <m/>
    <m/>
    <m/>
    <m/>
    <m/>
    <m/>
    <m/>
    <m/>
    <m/>
    <m/>
    <m/>
    <m/>
    <m/>
    <m/>
    <m/>
    <m/>
    <m/>
    <m/>
    <m/>
    <m/>
    <m/>
    <m/>
    <m/>
    <m/>
    <m/>
    <s v="Yes"/>
    <m/>
    <m/>
    <m/>
    <m/>
    <m/>
    <n v="217"/>
    <m/>
    <s v=""/>
    <s v=""/>
    <s v=""/>
    <s v=""/>
    <s v=""/>
    <s v=""/>
    <s v=""/>
    <s v=""/>
    <s v=""/>
    <s v=""/>
    <s v=""/>
    <s v=""/>
    <s v=""/>
    <s v=""/>
    <s v=""/>
    <s v=""/>
    <s v=""/>
    <s v=""/>
    <s v=""/>
    <s v=""/>
    <s v=""/>
    <s v=""/>
    <s v=""/>
    <s v=""/>
    <s v=""/>
    <n v="0"/>
    <s v=""/>
    <s v=""/>
    <s v=""/>
    <s v=""/>
    <s v=""/>
    <m/>
    <m/>
    <m/>
  </r>
  <r>
    <n v="385"/>
    <x v="1"/>
    <s v="Green infrastructure"/>
    <s v="Allotments "/>
    <s v="Hectares of allotments required"/>
    <s v="Hectares of allotments required"/>
    <x v="4"/>
    <x v="39"/>
    <x v="2"/>
    <x v="17"/>
    <x v="2"/>
    <s v="N/A"/>
    <s v="N/A"/>
    <n v="38610.81"/>
    <n v="38610.81"/>
    <s v="S106"/>
    <s v="Important"/>
    <m/>
    <m/>
    <m/>
    <m/>
    <m/>
    <m/>
    <m/>
    <m/>
    <m/>
    <m/>
    <m/>
    <m/>
    <m/>
    <m/>
    <m/>
    <m/>
    <m/>
    <m/>
    <m/>
    <m/>
    <m/>
    <m/>
    <m/>
    <m/>
    <m/>
    <s v="Yes"/>
    <m/>
    <m/>
    <m/>
    <m/>
    <m/>
    <n v="217"/>
    <n v="177.92999999999998"/>
    <s v=""/>
    <s v=""/>
    <s v=""/>
    <s v=""/>
    <s v=""/>
    <s v=""/>
    <s v=""/>
    <s v=""/>
    <s v=""/>
    <s v=""/>
    <s v=""/>
    <s v=""/>
    <s v=""/>
    <s v=""/>
    <s v=""/>
    <s v=""/>
    <s v=""/>
    <s v=""/>
    <s v=""/>
    <s v=""/>
    <s v=""/>
    <s v=""/>
    <s v=""/>
    <s v=""/>
    <s v=""/>
    <n v="38610.81"/>
    <s v=""/>
    <s v=""/>
    <s v=""/>
    <s v=""/>
    <s v=""/>
    <m/>
    <m/>
    <m/>
  </r>
  <r>
    <n v="386"/>
    <x v="1"/>
    <s v="Green infrastructure"/>
    <s v="Amenity Space"/>
    <s v="Hectares of amentity space"/>
    <s v="Hectares of amenity space"/>
    <x v="4"/>
    <x v="22"/>
    <x v="2"/>
    <x v="17"/>
    <x v="15"/>
    <s v="N/A"/>
    <s v="N/A"/>
    <n v="9413.6831999999977"/>
    <n v="9413.6831999999977"/>
    <s v="S106/CIL"/>
    <s v="Important"/>
    <m/>
    <m/>
    <m/>
    <m/>
    <m/>
    <m/>
    <m/>
    <m/>
    <m/>
    <m/>
    <m/>
    <m/>
    <m/>
    <m/>
    <m/>
    <m/>
    <m/>
    <m/>
    <m/>
    <m/>
    <m/>
    <m/>
    <m/>
    <m/>
    <m/>
    <m/>
    <s v="Yes"/>
    <m/>
    <m/>
    <m/>
    <m/>
    <n v="31"/>
    <n v="303.66719999999992"/>
    <s v=""/>
    <s v=""/>
    <s v=""/>
    <s v=""/>
    <s v=""/>
    <s v=""/>
    <s v=""/>
    <s v=""/>
    <s v=""/>
    <s v=""/>
    <s v=""/>
    <s v=""/>
    <s v=""/>
    <s v=""/>
    <s v=""/>
    <s v=""/>
    <s v=""/>
    <s v=""/>
    <s v=""/>
    <s v=""/>
    <s v=""/>
    <s v=""/>
    <s v=""/>
    <s v=""/>
    <s v=""/>
    <s v=""/>
    <n v="9413.6831999999977"/>
    <s v=""/>
    <s v=""/>
    <s v=""/>
    <s v=""/>
    <m/>
    <m/>
    <m/>
  </r>
  <r>
    <n v="387"/>
    <x v="1"/>
    <s v="Green infrastructure"/>
    <s v="Natural and semi natural greenspace"/>
    <s v="Hectares of natural and semi natural greenspace"/>
    <s v="Hectares of natural and semi natural greenspace"/>
    <x v="4"/>
    <x v="22"/>
    <x v="2"/>
    <x v="17"/>
    <x v="15"/>
    <s v="N/A"/>
    <s v="N/A"/>
    <n v="24710.918399999999"/>
    <n v="24710.918399999999"/>
    <s v="S106/CIL"/>
    <s v="Important"/>
    <m/>
    <m/>
    <m/>
    <m/>
    <m/>
    <m/>
    <m/>
    <m/>
    <m/>
    <m/>
    <m/>
    <m/>
    <m/>
    <m/>
    <m/>
    <m/>
    <m/>
    <m/>
    <m/>
    <m/>
    <m/>
    <m/>
    <m/>
    <m/>
    <m/>
    <m/>
    <s v="Yes"/>
    <m/>
    <m/>
    <m/>
    <m/>
    <n v="31"/>
    <n v="797.12639999999999"/>
    <s v=""/>
    <s v=""/>
    <s v=""/>
    <s v=""/>
    <s v=""/>
    <s v=""/>
    <s v=""/>
    <s v=""/>
    <s v=""/>
    <s v=""/>
    <s v=""/>
    <s v=""/>
    <s v=""/>
    <s v=""/>
    <s v=""/>
    <s v=""/>
    <s v=""/>
    <s v=""/>
    <s v=""/>
    <s v=""/>
    <s v=""/>
    <s v=""/>
    <s v=""/>
    <s v=""/>
    <s v=""/>
    <s v=""/>
    <n v="24710.918399999999"/>
    <s v=""/>
    <s v=""/>
    <s v=""/>
    <s v=""/>
    <m/>
    <m/>
    <m/>
  </r>
  <r>
    <n v="388"/>
    <x v="1"/>
    <s v="Green infrastructure"/>
    <s v="Public parks and gardens "/>
    <s v="Number of public parks and gardens"/>
    <s v="Number of public parks and gardens"/>
    <x v="4"/>
    <x v="22"/>
    <x v="2"/>
    <x v="17"/>
    <x v="15"/>
    <s v="N/A"/>
    <s v="N/A"/>
    <n v="34516.838400000001"/>
    <n v="34516.838400000001"/>
    <s v="S106/CIL"/>
    <s v="Important"/>
    <m/>
    <m/>
    <m/>
    <m/>
    <m/>
    <m/>
    <m/>
    <m/>
    <m/>
    <m/>
    <m/>
    <m/>
    <m/>
    <m/>
    <m/>
    <m/>
    <m/>
    <m/>
    <m/>
    <m/>
    <m/>
    <m/>
    <m/>
    <m/>
    <m/>
    <m/>
    <s v="Yes"/>
    <m/>
    <m/>
    <m/>
    <m/>
    <n v="31"/>
    <n v="1113.4464"/>
    <s v=""/>
    <s v=""/>
    <s v=""/>
    <s v=""/>
    <s v=""/>
    <s v=""/>
    <s v=""/>
    <s v=""/>
    <s v=""/>
    <s v=""/>
    <s v=""/>
    <s v=""/>
    <s v=""/>
    <s v=""/>
    <s v=""/>
    <s v=""/>
    <s v=""/>
    <s v=""/>
    <s v=""/>
    <s v=""/>
    <s v=""/>
    <s v=""/>
    <s v=""/>
    <s v=""/>
    <s v=""/>
    <s v=""/>
    <n v="34516.838400000001"/>
    <s v=""/>
    <s v=""/>
    <s v=""/>
    <s v=""/>
    <m/>
    <m/>
    <m/>
  </r>
  <r>
    <n v="389"/>
    <x v="1"/>
    <s v="Green infrastructure"/>
    <s v="LAPs"/>
    <s v="Number of LAPs"/>
    <s v="Number of LAPs"/>
    <x v="4"/>
    <x v="22"/>
    <x v="2"/>
    <x v="18"/>
    <x v="15"/>
    <s v="N/A"/>
    <s v="N/A"/>
    <n v="0"/>
    <n v="0"/>
    <s v="S106/CIL"/>
    <s v="Important"/>
    <m/>
    <m/>
    <m/>
    <m/>
    <m/>
    <m/>
    <m/>
    <m/>
    <m/>
    <m/>
    <m/>
    <m/>
    <m/>
    <m/>
    <m/>
    <m/>
    <m/>
    <m/>
    <m/>
    <m/>
    <m/>
    <m/>
    <m/>
    <m/>
    <m/>
    <m/>
    <s v="Yes"/>
    <m/>
    <m/>
    <m/>
    <m/>
    <n v="31"/>
    <m/>
    <s v=""/>
    <s v=""/>
    <s v=""/>
    <s v=""/>
    <s v=""/>
    <s v=""/>
    <s v=""/>
    <s v=""/>
    <s v=""/>
    <s v=""/>
    <s v=""/>
    <s v=""/>
    <s v=""/>
    <s v=""/>
    <s v=""/>
    <s v=""/>
    <s v=""/>
    <s v=""/>
    <s v=""/>
    <s v=""/>
    <s v=""/>
    <s v=""/>
    <s v=""/>
    <s v=""/>
    <s v=""/>
    <s v=""/>
    <n v="0"/>
    <s v=""/>
    <s v=""/>
    <s v=""/>
    <s v=""/>
    <m/>
    <m/>
    <m/>
  </r>
  <r>
    <n v="390"/>
    <x v="1"/>
    <s v="Green infrastructure"/>
    <s v="LEAPs"/>
    <s v="Number of LEAPs"/>
    <s v="Number of LEAPs"/>
    <x v="4"/>
    <x v="22"/>
    <x v="2"/>
    <x v="18"/>
    <x v="15"/>
    <s v="N/A"/>
    <s v="N/A"/>
    <n v="0"/>
    <n v="0"/>
    <s v="S106/CIL"/>
    <s v="Important"/>
    <m/>
    <m/>
    <m/>
    <m/>
    <m/>
    <m/>
    <m/>
    <m/>
    <m/>
    <m/>
    <m/>
    <m/>
    <m/>
    <m/>
    <m/>
    <m/>
    <m/>
    <m/>
    <m/>
    <m/>
    <m/>
    <m/>
    <m/>
    <m/>
    <m/>
    <m/>
    <s v="Yes"/>
    <m/>
    <m/>
    <m/>
    <m/>
    <n v="31"/>
    <m/>
    <s v=""/>
    <s v=""/>
    <s v=""/>
    <s v=""/>
    <s v=""/>
    <s v=""/>
    <s v=""/>
    <s v=""/>
    <s v=""/>
    <s v=""/>
    <s v=""/>
    <s v=""/>
    <s v=""/>
    <s v=""/>
    <s v=""/>
    <s v=""/>
    <s v=""/>
    <s v=""/>
    <s v=""/>
    <s v=""/>
    <s v=""/>
    <s v=""/>
    <s v=""/>
    <s v=""/>
    <s v=""/>
    <s v=""/>
    <n v="0"/>
    <s v=""/>
    <s v=""/>
    <s v=""/>
    <s v=""/>
    <m/>
    <m/>
    <m/>
  </r>
  <r>
    <n v="391"/>
    <x v="1"/>
    <s v="Green infrastructure"/>
    <s v="MUGAs"/>
    <s v="Number of MUGAs"/>
    <s v="Number of MUGAs"/>
    <x v="4"/>
    <x v="22"/>
    <x v="2"/>
    <x v="18"/>
    <x v="15"/>
    <s v="N/A"/>
    <s v="N/A"/>
    <n v="0"/>
    <n v="0"/>
    <s v="S106/CIL"/>
    <s v="Important"/>
    <m/>
    <m/>
    <m/>
    <m/>
    <m/>
    <m/>
    <m/>
    <m/>
    <m/>
    <m/>
    <m/>
    <m/>
    <m/>
    <m/>
    <m/>
    <m/>
    <m/>
    <m/>
    <m/>
    <m/>
    <m/>
    <m/>
    <m/>
    <m/>
    <m/>
    <m/>
    <s v="Yes"/>
    <m/>
    <m/>
    <m/>
    <m/>
    <n v="31"/>
    <m/>
    <s v=""/>
    <s v=""/>
    <s v=""/>
    <s v=""/>
    <s v=""/>
    <s v=""/>
    <s v=""/>
    <s v=""/>
    <s v=""/>
    <s v=""/>
    <s v=""/>
    <s v=""/>
    <s v=""/>
    <s v=""/>
    <s v=""/>
    <s v=""/>
    <s v=""/>
    <s v=""/>
    <s v=""/>
    <s v=""/>
    <s v=""/>
    <s v=""/>
    <s v=""/>
    <s v=""/>
    <s v=""/>
    <s v=""/>
    <n v="0"/>
    <s v=""/>
    <s v=""/>
    <s v=""/>
    <s v=""/>
    <m/>
    <m/>
    <m/>
  </r>
  <r>
    <n v="392"/>
    <x v="1"/>
    <s v="Green infrastructure"/>
    <s v="NEAPs"/>
    <s v="Number of NEAPs"/>
    <s v="Number of NEAPs"/>
    <x v="4"/>
    <x v="22"/>
    <x v="2"/>
    <x v="18"/>
    <x v="15"/>
    <s v="N/A"/>
    <s v="N/A"/>
    <n v="0"/>
    <n v="0"/>
    <s v="S106/CIL"/>
    <s v="Important"/>
    <m/>
    <m/>
    <m/>
    <m/>
    <m/>
    <m/>
    <m/>
    <m/>
    <m/>
    <m/>
    <m/>
    <m/>
    <m/>
    <m/>
    <m/>
    <m/>
    <m/>
    <m/>
    <m/>
    <m/>
    <m/>
    <m/>
    <m/>
    <m/>
    <m/>
    <m/>
    <s v="Yes"/>
    <m/>
    <m/>
    <m/>
    <m/>
    <n v="31"/>
    <m/>
    <s v=""/>
    <s v=""/>
    <s v=""/>
    <s v=""/>
    <s v=""/>
    <s v=""/>
    <s v=""/>
    <s v=""/>
    <s v=""/>
    <s v=""/>
    <s v=""/>
    <s v=""/>
    <s v=""/>
    <s v=""/>
    <s v=""/>
    <s v=""/>
    <s v=""/>
    <s v=""/>
    <s v=""/>
    <s v=""/>
    <s v=""/>
    <s v=""/>
    <s v=""/>
    <s v=""/>
    <s v=""/>
    <s v=""/>
    <n v="0"/>
    <s v=""/>
    <s v=""/>
    <s v=""/>
    <s v=""/>
    <m/>
    <m/>
    <m/>
  </r>
  <r>
    <n v="393"/>
    <x v="1"/>
    <s v="Green infrastructure"/>
    <s v="Allotments "/>
    <s v="Hectares of allotments required"/>
    <s v="Hectares of allotments required"/>
    <x v="4"/>
    <x v="22"/>
    <x v="2"/>
    <x v="17"/>
    <x v="15"/>
    <s v="N/A"/>
    <s v="N/A"/>
    <n v="5515.83"/>
    <n v="5515.83"/>
    <s v="S106/CIL"/>
    <s v="Important"/>
    <m/>
    <m/>
    <m/>
    <m/>
    <m/>
    <m/>
    <m/>
    <m/>
    <m/>
    <m/>
    <m/>
    <m/>
    <m/>
    <m/>
    <m/>
    <m/>
    <m/>
    <m/>
    <m/>
    <m/>
    <m/>
    <m/>
    <m/>
    <m/>
    <m/>
    <m/>
    <s v="Yes"/>
    <m/>
    <m/>
    <m/>
    <m/>
    <n v="31"/>
    <n v="177.93"/>
    <s v=""/>
    <s v=""/>
    <s v=""/>
    <s v=""/>
    <s v=""/>
    <s v=""/>
    <s v=""/>
    <s v=""/>
    <s v=""/>
    <s v=""/>
    <s v=""/>
    <s v=""/>
    <s v=""/>
    <s v=""/>
    <s v=""/>
    <s v=""/>
    <s v=""/>
    <s v=""/>
    <s v=""/>
    <s v=""/>
    <s v=""/>
    <s v=""/>
    <s v=""/>
    <s v=""/>
    <s v=""/>
    <s v=""/>
    <n v="5515.83"/>
    <s v=""/>
    <s v=""/>
    <s v=""/>
    <s v=""/>
    <m/>
    <m/>
    <m/>
  </r>
  <r>
    <n v="394"/>
    <x v="1"/>
    <s v="Green infrastructure"/>
    <s v="Amenity Space"/>
    <s v="Hectares of amentity space"/>
    <s v="Hectares of amenity space"/>
    <x v="13"/>
    <x v="22"/>
    <x v="2"/>
    <x v="17"/>
    <x v="15"/>
    <s v="N/A"/>
    <s v="N/A"/>
    <n v="20345.702399999995"/>
    <n v="20345.702399999995"/>
    <s v="S106/CIL"/>
    <s v="Important"/>
    <m/>
    <m/>
    <m/>
    <m/>
    <m/>
    <m/>
    <m/>
    <m/>
    <m/>
    <m/>
    <m/>
    <m/>
    <m/>
    <m/>
    <m/>
    <m/>
    <m/>
    <m/>
    <m/>
    <m/>
    <m/>
    <m/>
    <m/>
    <m/>
    <m/>
    <m/>
    <m/>
    <s v="Yes"/>
    <m/>
    <m/>
    <m/>
    <n v="67"/>
    <n v="303.66719999999992"/>
    <s v=""/>
    <s v=""/>
    <s v=""/>
    <s v=""/>
    <s v=""/>
    <s v=""/>
    <s v=""/>
    <s v=""/>
    <s v=""/>
    <s v=""/>
    <s v=""/>
    <s v=""/>
    <s v=""/>
    <s v=""/>
    <s v=""/>
    <s v=""/>
    <s v=""/>
    <s v=""/>
    <s v=""/>
    <s v=""/>
    <s v=""/>
    <s v=""/>
    <s v=""/>
    <s v=""/>
    <s v=""/>
    <s v=""/>
    <s v=""/>
    <n v="20345.702399999995"/>
    <s v=""/>
    <s v=""/>
    <s v=""/>
    <m/>
    <m/>
    <m/>
  </r>
  <r>
    <n v="395"/>
    <x v="1"/>
    <s v="Green infrastructure"/>
    <s v="Natural and semi natural greenspace"/>
    <s v="Hectares of natural and semi natural greenspace"/>
    <s v="Hectares of natural and semi natural greenspace"/>
    <x v="13"/>
    <x v="22"/>
    <x v="2"/>
    <x v="17"/>
    <x v="15"/>
    <s v="N/A"/>
    <s v="N/A"/>
    <n v="53407.468799999995"/>
    <n v="53407.468799999995"/>
    <s v="S106/CIL"/>
    <s v="Important"/>
    <m/>
    <m/>
    <m/>
    <m/>
    <m/>
    <m/>
    <m/>
    <m/>
    <m/>
    <m/>
    <m/>
    <m/>
    <m/>
    <m/>
    <m/>
    <m/>
    <m/>
    <m/>
    <m/>
    <m/>
    <m/>
    <m/>
    <m/>
    <m/>
    <m/>
    <m/>
    <m/>
    <s v="Yes"/>
    <m/>
    <m/>
    <m/>
    <n v="67"/>
    <n v="797.12639999999988"/>
    <s v=""/>
    <s v=""/>
    <s v=""/>
    <s v=""/>
    <s v=""/>
    <s v=""/>
    <s v=""/>
    <s v=""/>
    <s v=""/>
    <s v=""/>
    <s v=""/>
    <s v=""/>
    <s v=""/>
    <s v=""/>
    <s v=""/>
    <s v=""/>
    <s v=""/>
    <s v=""/>
    <s v=""/>
    <s v=""/>
    <s v=""/>
    <s v=""/>
    <s v=""/>
    <s v=""/>
    <s v=""/>
    <s v=""/>
    <s v=""/>
    <n v="53407.468799999995"/>
    <s v=""/>
    <s v=""/>
    <s v=""/>
    <m/>
    <m/>
    <m/>
  </r>
  <r>
    <n v="396"/>
    <x v="1"/>
    <s v="Green infrastructure"/>
    <s v="Public parks and gardens "/>
    <s v="Number of public parks and gardens"/>
    <s v="Number of public parks and gardens"/>
    <x v="13"/>
    <x v="22"/>
    <x v="2"/>
    <x v="17"/>
    <x v="15"/>
    <s v="N/A"/>
    <s v="N/A"/>
    <n v="74600.90879999999"/>
    <n v="74600.90879999999"/>
    <s v="S106/CIL"/>
    <s v="Important"/>
    <m/>
    <m/>
    <m/>
    <m/>
    <m/>
    <m/>
    <m/>
    <m/>
    <m/>
    <m/>
    <m/>
    <m/>
    <m/>
    <m/>
    <m/>
    <m/>
    <m/>
    <m/>
    <m/>
    <m/>
    <m/>
    <m/>
    <m/>
    <m/>
    <m/>
    <m/>
    <m/>
    <s v="Yes"/>
    <m/>
    <m/>
    <m/>
    <n v="67"/>
    <n v="1113.4463999999998"/>
    <s v=""/>
    <s v=""/>
    <s v=""/>
    <s v=""/>
    <s v=""/>
    <s v=""/>
    <s v=""/>
    <s v=""/>
    <s v=""/>
    <s v=""/>
    <s v=""/>
    <s v=""/>
    <s v=""/>
    <s v=""/>
    <s v=""/>
    <s v=""/>
    <s v=""/>
    <s v=""/>
    <s v=""/>
    <s v=""/>
    <s v=""/>
    <s v=""/>
    <s v=""/>
    <s v=""/>
    <s v=""/>
    <s v=""/>
    <s v=""/>
    <n v="74600.90879999999"/>
    <s v=""/>
    <s v=""/>
    <s v=""/>
    <m/>
    <m/>
    <m/>
  </r>
  <r>
    <n v="397"/>
    <x v="1"/>
    <s v="Green infrastructure"/>
    <s v="LAPs"/>
    <s v="Number of LAPs"/>
    <s v="Number of LAPs"/>
    <x v="13"/>
    <x v="22"/>
    <x v="2"/>
    <x v="18"/>
    <x v="15"/>
    <s v="N/A"/>
    <s v="N/A"/>
    <n v="0"/>
    <n v="0"/>
    <s v="S106/CIL"/>
    <s v="Important"/>
    <m/>
    <m/>
    <m/>
    <m/>
    <m/>
    <m/>
    <m/>
    <m/>
    <m/>
    <m/>
    <m/>
    <m/>
    <m/>
    <m/>
    <m/>
    <m/>
    <m/>
    <m/>
    <m/>
    <m/>
    <m/>
    <m/>
    <m/>
    <m/>
    <m/>
    <m/>
    <m/>
    <s v="Yes"/>
    <m/>
    <m/>
    <m/>
    <n v="67"/>
    <m/>
    <s v=""/>
    <s v=""/>
    <s v=""/>
    <s v=""/>
    <s v=""/>
    <s v=""/>
    <s v=""/>
    <s v=""/>
    <s v=""/>
    <s v=""/>
    <s v=""/>
    <s v=""/>
    <s v=""/>
    <s v=""/>
    <s v=""/>
    <s v=""/>
    <s v=""/>
    <s v=""/>
    <s v=""/>
    <s v=""/>
    <s v=""/>
    <s v=""/>
    <s v=""/>
    <s v=""/>
    <s v=""/>
    <s v=""/>
    <s v=""/>
    <n v="0"/>
    <s v=""/>
    <s v=""/>
    <s v=""/>
    <m/>
    <m/>
    <m/>
  </r>
  <r>
    <n v="398"/>
    <x v="1"/>
    <s v="Green infrastructure"/>
    <s v="LEAPs"/>
    <s v="Number of LEAPs"/>
    <s v="Number of LEAPs"/>
    <x v="13"/>
    <x v="22"/>
    <x v="2"/>
    <x v="18"/>
    <x v="15"/>
    <s v="N/A"/>
    <s v="N/A"/>
    <n v="0"/>
    <n v="0"/>
    <s v="S106/CIL"/>
    <s v="Important"/>
    <m/>
    <m/>
    <m/>
    <m/>
    <m/>
    <m/>
    <m/>
    <m/>
    <m/>
    <m/>
    <m/>
    <m/>
    <m/>
    <m/>
    <m/>
    <m/>
    <m/>
    <m/>
    <m/>
    <m/>
    <m/>
    <m/>
    <m/>
    <m/>
    <m/>
    <m/>
    <m/>
    <s v="Yes"/>
    <m/>
    <m/>
    <m/>
    <n v="67"/>
    <m/>
    <s v=""/>
    <s v=""/>
    <s v=""/>
    <s v=""/>
    <s v=""/>
    <s v=""/>
    <s v=""/>
    <s v=""/>
    <s v=""/>
    <s v=""/>
    <s v=""/>
    <s v=""/>
    <s v=""/>
    <s v=""/>
    <s v=""/>
    <s v=""/>
    <s v=""/>
    <s v=""/>
    <s v=""/>
    <s v=""/>
    <s v=""/>
    <s v=""/>
    <s v=""/>
    <s v=""/>
    <s v=""/>
    <s v=""/>
    <s v=""/>
    <n v="0"/>
    <s v=""/>
    <s v=""/>
    <s v=""/>
    <m/>
    <m/>
    <m/>
  </r>
  <r>
    <n v="399"/>
    <x v="1"/>
    <s v="Green infrastructure"/>
    <s v="MUGAs"/>
    <s v="Number of MUGAs"/>
    <s v="Number of MUGAs"/>
    <x v="13"/>
    <x v="22"/>
    <x v="2"/>
    <x v="18"/>
    <x v="15"/>
    <s v="N/A"/>
    <s v="N/A"/>
    <n v="0"/>
    <n v="0"/>
    <s v="S106/CIL"/>
    <s v="Important"/>
    <m/>
    <m/>
    <m/>
    <m/>
    <m/>
    <m/>
    <m/>
    <m/>
    <m/>
    <m/>
    <m/>
    <m/>
    <m/>
    <m/>
    <m/>
    <m/>
    <m/>
    <m/>
    <m/>
    <m/>
    <m/>
    <m/>
    <m/>
    <m/>
    <m/>
    <m/>
    <m/>
    <s v="Yes"/>
    <m/>
    <m/>
    <m/>
    <n v="67"/>
    <m/>
    <s v=""/>
    <s v=""/>
    <s v=""/>
    <s v=""/>
    <s v=""/>
    <s v=""/>
    <s v=""/>
    <s v=""/>
    <s v=""/>
    <s v=""/>
    <s v=""/>
    <s v=""/>
    <s v=""/>
    <s v=""/>
    <s v=""/>
    <s v=""/>
    <s v=""/>
    <s v=""/>
    <s v=""/>
    <s v=""/>
    <s v=""/>
    <s v=""/>
    <s v=""/>
    <s v=""/>
    <s v=""/>
    <s v=""/>
    <s v=""/>
    <n v="0"/>
    <s v=""/>
    <s v=""/>
    <s v=""/>
    <m/>
    <m/>
    <m/>
  </r>
  <r>
    <n v="400"/>
    <x v="1"/>
    <s v="Green infrastructure"/>
    <s v="NEAPs"/>
    <s v="Number of NEAPs"/>
    <s v="Number of NEAPs"/>
    <x v="13"/>
    <x v="22"/>
    <x v="2"/>
    <x v="18"/>
    <x v="15"/>
    <s v="N/A"/>
    <s v="N/A"/>
    <n v="0"/>
    <n v="0"/>
    <s v="S106/CIL"/>
    <s v="Important"/>
    <m/>
    <m/>
    <m/>
    <m/>
    <m/>
    <m/>
    <m/>
    <m/>
    <m/>
    <m/>
    <m/>
    <m/>
    <m/>
    <m/>
    <m/>
    <m/>
    <m/>
    <m/>
    <m/>
    <m/>
    <m/>
    <m/>
    <m/>
    <m/>
    <m/>
    <m/>
    <m/>
    <s v="Yes"/>
    <m/>
    <m/>
    <m/>
    <n v="67"/>
    <m/>
    <s v=""/>
    <s v=""/>
    <s v=""/>
    <s v=""/>
    <s v=""/>
    <s v=""/>
    <s v=""/>
    <s v=""/>
    <s v=""/>
    <s v=""/>
    <s v=""/>
    <s v=""/>
    <s v=""/>
    <s v=""/>
    <s v=""/>
    <s v=""/>
    <s v=""/>
    <s v=""/>
    <s v=""/>
    <s v=""/>
    <s v=""/>
    <s v=""/>
    <s v=""/>
    <s v=""/>
    <s v=""/>
    <s v=""/>
    <s v=""/>
    <n v="0"/>
    <s v=""/>
    <s v=""/>
    <s v=""/>
    <m/>
    <m/>
    <m/>
  </r>
  <r>
    <n v="401"/>
    <x v="1"/>
    <s v="Green infrastructure"/>
    <s v="Allotments "/>
    <s v="Hectares of allotments required"/>
    <s v="Hectares of allotments required"/>
    <x v="13"/>
    <x v="22"/>
    <x v="2"/>
    <x v="17"/>
    <x v="15"/>
    <s v="N/A"/>
    <s v="N/A"/>
    <n v="11921.309999999998"/>
    <n v="11921.309999999998"/>
    <s v="S106/CIL"/>
    <s v="Important"/>
    <m/>
    <m/>
    <m/>
    <m/>
    <m/>
    <m/>
    <m/>
    <m/>
    <m/>
    <m/>
    <m/>
    <m/>
    <m/>
    <m/>
    <m/>
    <m/>
    <m/>
    <m/>
    <m/>
    <m/>
    <m/>
    <m/>
    <m/>
    <m/>
    <m/>
    <m/>
    <m/>
    <s v="Yes"/>
    <m/>
    <m/>
    <m/>
    <n v="67"/>
    <n v="177.92999999999998"/>
    <s v=""/>
    <s v=""/>
    <s v=""/>
    <s v=""/>
    <s v=""/>
    <s v=""/>
    <s v=""/>
    <s v=""/>
    <s v=""/>
    <s v=""/>
    <s v=""/>
    <s v=""/>
    <s v=""/>
    <s v=""/>
    <s v=""/>
    <s v=""/>
    <s v=""/>
    <s v=""/>
    <s v=""/>
    <s v=""/>
    <s v=""/>
    <s v=""/>
    <s v=""/>
    <s v=""/>
    <s v=""/>
    <s v=""/>
    <s v=""/>
    <n v="11921.309999999998"/>
    <s v=""/>
    <s v=""/>
    <s v=""/>
    <m/>
    <m/>
    <m/>
  </r>
  <r>
    <n v="402"/>
    <x v="1"/>
    <s v="Green infrastructure"/>
    <s v="Amenity Space"/>
    <s v="Hectares of amenity space"/>
    <s v="Hectares of amenity space"/>
    <x v="1"/>
    <x v="44"/>
    <x v="1"/>
    <x v="17"/>
    <x v="1"/>
    <s v="N/A"/>
    <s v="N/A"/>
    <n v="455500.80000000005"/>
    <n v="455500.80000000005"/>
    <s v="S106"/>
    <s v="Important"/>
    <s v="Yes"/>
    <m/>
    <m/>
    <m/>
    <m/>
    <m/>
    <m/>
    <m/>
    <m/>
    <m/>
    <m/>
    <m/>
    <m/>
    <m/>
    <m/>
    <m/>
    <m/>
    <m/>
    <m/>
    <m/>
    <m/>
    <m/>
    <m/>
    <m/>
    <m/>
    <m/>
    <m/>
    <m/>
    <m/>
    <m/>
    <m/>
    <n v="1500"/>
    <n v="303.66720000000004"/>
    <n v="455500.80000000005"/>
    <s v=""/>
    <s v=""/>
    <s v=""/>
    <s v=""/>
    <s v=""/>
    <s v=""/>
    <s v=""/>
    <s v=""/>
    <s v=""/>
    <s v=""/>
    <s v=""/>
    <s v=""/>
    <s v=""/>
    <s v=""/>
    <s v=""/>
    <s v=""/>
    <s v=""/>
    <s v=""/>
    <s v=""/>
    <s v=""/>
    <s v=""/>
    <s v=""/>
    <s v=""/>
    <s v=""/>
    <s v=""/>
    <s v=""/>
    <s v=""/>
    <s v=""/>
    <s v=""/>
    <s v=""/>
    <m/>
    <m/>
    <m/>
  </r>
  <r>
    <n v="403"/>
    <x v="1"/>
    <s v="Green infrastructure"/>
    <s v="Natural and semi natural greenspace"/>
    <s v="Hectares of natural and semi natural greenspace"/>
    <s v="Hectares of natural and semi natural greenspace"/>
    <x v="1"/>
    <x v="44"/>
    <x v="1"/>
    <x v="17"/>
    <x v="1"/>
    <s v="N/A"/>
    <s v="N/A"/>
    <n v="1195689.6000000001"/>
    <n v="1195689.6000000001"/>
    <s v="S106"/>
    <s v="Important"/>
    <s v="Yes"/>
    <m/>
    <m/>
    <m/>
    <m/>
    <m/>
    <m/>
    <m/>
    <m/>
    <m/>
    <m/>
    <m/>
    <m/>
    <m/>
    <m/>
    <m/>
    <m/>
    <m/>
    <m/>
    <m/>
    <m/>
    <m/>
    <m/>
    <m/>
    <m/>
    <m/>
    <m/>
    <m/>
    <m/>
    <m/>
    <m/>
    <n v="1500"/>
    <n v="797.1264000000001"/>
    <n v="1195689.6000000001"/>
    <s v=""/>
    <s v=""/>
    <s v=""/>
    <s v=""/>
    <s v=""/>
    <s v=""/>
    <s v=""/>
    <s v=""/>
    <s v=""/>
    <s v=""/>
    <s v=""/>
    <s v=""/>
    <s v=""/>
    <s v=""/>
    <s v=""/>
    <s v=""/>
    <s v=""/>
    <s v=""/>
    <s v=""/>
    <s v=""/>
    <s v=""/>
    <s v=""/>
    <s v=""/>
    <s v=""/>
    <s v=""/>
    <s v=""/>
    <s v=""/>
    <s v=""/>
    <s v=""/>
    <s v=""/>
    <m/>
    <m/>
    <m/>
  </r>
  <r>
    <n v="404"/>
    <x v="1"/>
    <s v="Green infrastructure"/>
    <s v="Public parks and gardens "/>
    <s v="Number of public parks and gardens"/>
    <s v="Number of public parks and gardens"/>
    <x v="1"/>
    <x v="44"/>
    <x v="1"/>
    <x v="17"/>
    <x v="1"/>
    <s v="N/A"/>
    <s v="N/A"/>
    <n v="1670169.6000000001"/>
    <n v="1670169.6000000001"/>
    <s v="S106"/>
    <s v="Important"/>
    <s v="Yes"/>
    <m/>
    <m/>
    <m/>
    <m/>
    <m/>
    <m/>
    <m/>
    <m/>
    <m/>
    <m/>
    <m/>
    <m/>
    <m/>
    <m/>
    <m/>
    <m/>
    <m/>
    <m/>
    <m/>
    <m/>
    <m/>
    <m/>
    <m/>
    <m/>
    <m/>
    <m/>
    <m/>
    <m/>
    <m/>
    <m/>
    <n v="1500"/>
    <n v="1113.4464"/>
    <n v="1670169.6000000001"/>
    <s v=""/>
    <s v=""/>
    <s v=""/>
    <s v=""/>
    <s v=""/>
    <s v=""/>
    <s v=""/>
    <s v=""/>
    <s v=""/>
    <s v=""/>
    <s v=""/>
    <s v=""/>
    <s v=""/>
    <s v=""/>
    <s v=""/>
    <s v=""/>
    <s v=""/>
    <s v=""/>
    <s v=""/>
    <s v=""/>
    <s v=""/>
    <s v=""/>
    <s v=""/>
    <s v=""/>
    <s v=""/>
    <s v=""/>
    <s v=""/>
    <s v=""/>
    <s v=""/>
    <s v=""/>
    <m/>
    <m/>
    <m/>
  </r>
  <r>
    <n v="405"/>
    <x v="1"/>
    <s v="Green infrastructure"/>
    <s v="LAPs"/>
    <s v="1 LAP, delivered by developers"/>
    <s v="1 LAP, delivered by developers"/>
    <x v="1"/>
    <x v="44"/>
    <x v="1"/>
    <x v="18"/>
    <x v="1"/>
    <s v="N/A"/>
    <s v="N/A"/>
    <n v="43494"/>
    <n v="43494"/>
    <s v="S106"/>
    <s v="Important"/>
    <s v="Yes"/>
    <m/>
    <m/>
    <m/>
    <m/>
    <m/>
    <m/>
    <m/>
    <m/>
    <m/>
    <m/>
    <m/>
    <m/>
    <m/>
    <m/>
    <m/>
    <m/>
    <m/>
    <m/>
    <m/>
    <m/>
    <m/>
    <m/>
    <m/>
    <m/>
    <m/>
    <m/>
    <m/>
    <m/>
    <m/>
    <m/>
    <n v="1500"/>
    <n v="28.995999999999999"/>
    <n v="43494"/>
    <s v=""/>
    <s v=""/>
    <s v=""/>
    <s v=""/>
    <s v=""/>
    <s v=""/>
    <s v=""/>
    <s v=""/>
    <s v=""/>
    <s v=""/>
    <s v=""/>
    <s v=""/>
    <s v=""/>
    <s v=""/>
    <s v=""/>
    <s v=""/>
    <s v=""/>
    <s v=""/>
    <s v=""/>
    <s v=""/>
    <s v=""/>
    <s v=""/>
    <s v=""/>
    <s v=""/>
    <s v=""/>
    <s v=""/>
    <s v=""/>
    <s v=""/>
    <s v=""/>
    <s v=""/>
    <m/>
    <m/>
    <m/>
  </r>
  <r>
    <n v="406"/>
    <x v="1"/>
    <s v="Green infrastructure"/>
    <s v="LEAPs"/>
    <s v="1 LAP, delivered by developers"/>
    <s v="1 LAP, delivered by developers"/>
    <x v="1"/>
    <x v="44"/>
    <x v="1"/>
    <x v="18"/>
    <x v="1"/>
    <s v="N/A"/>
    <s v="N/A"/>
    <n v="105440"/>
    <n v="105440"/>
    <s v="S106"/>
    <s v="Important"/>
    <s v="Yes"/>
    <m/>
    <m/>
    <m/>
    <m/>
    <m/>
    <m/>
    <m/>
    <m/>
    <m/>
    <m/>
    <m/>
    <m/>
    <m/>
    <m/>
    <m/>
    <m/>
    <m/>
    <m/>
    <m/>
    <m/>
    <m/>
    <m/>
    <m/>
    <m/>
    <m/>
    <m/>
    <m/>
    <m/>
    <m/>
    <m/>
    <n v="1500"/>
    <n v="70.293333333333337"/>
    <n v="105440"/>
    <s v=""/>
    <s v=""/>
    <s v=""/>
    <s v=""/>
    <s v=""/>
    <s v=""/>
    <s v=""/>
    <s v=""/>
    <s v=""/>
    <s v=""/>
    <s v=""/>
    <s v=""/>
    <s v=""/>
    <s v=""/>
    <s v=""/>
    <s v=""/>
    <s v=""/>
    <s v=""/>
    <s v=""/>
    <s v=""/>
    <s v=""/>
    <s v=""/>
    <s v=""/>
    <s v=""/>
    <s v=""/>
    <s v=""/>
    <s v=""/>
    <s v=""/>
    <s v=""/>
    <s v=""/>
    <m/>
    <m/>
    <m/>
  </r>
  <r>
    <n v="407"/>
    <x v="1"/>
    <s v="Green infrastructure"/>
    <s v="MUGAs"/>
    <s v="3 MUGA's, delivered by developers"/>
    <s v="3 MUGA's, delivered by developers"/>
    <x v="1"/>
    <x v="44"/>
    <x v="1"/>
    <x v="18"/>
    <x v="1"/>
    <s v="N/A"/>
    <s v="N/A"/>
    <n v="553560"/>
    <n v="553560"/>
    <s v="S106"/>
    <s v="Important"/>
    <s v="Yes"/>
    <m/>
    <m/>
    <m/>
    <m/>
    <m/>
    <m/>
    <m/>
    <m/>
    <m/>
    <m/>
    <m/>
    <m/>
    <m/>
    <m/>
    <m/>
    <m/>
    <m/>
    <m/>
    <m/>
    <m/>
    <m/>
    <m/>
    <m/>
    <m/>
    <m/>
    <m/>
    <m/>
    <m/>
    <m/>
    <m/>
    <n v="1500"/>
    <n v="369.04"/>
    <n v="553560"/>
    <s v=""/>
    <s v=""/>
    <s v=""/>
    <s v=""/>
    <s v=""/>
    <s v=""/>
    <s v=""/>
    <s v=""/>
    <s v=""/>
    <s v=""/>
    <s v=""/>
    <s v=""/>
    <s v=""/>
    <s v=""/>
    <s v=""/>
    <s v=""/>
    <s v=""/>
    <s v=""/>
    <s v=""/>
    <s v=""/>
    <s v=""/>
    <s v=""/>
    <s v=""/>
    <s v=""/>
    <s v=""/>
    <s v=""/>
    <s v=""/>
    <s v=""/>
    <s v=""/>
    <s v=""/>
    <m/>
    <m/>
    <m/>
  </r>
  <r>
    <n v="408"/>
    <x v="1"/>
    <s v="Green infrastructure"/>
    <s v="NEAPs"/>
    <s v="2 NEAP's, delivered by developers"/>
    <s v="2 NEAP's, delivered by developers"/>
    <x v="1"/>
    <x v="44"/>
    <x v="1"/>
    <x v="18"/>
    <x v="1"/>
    <s v="N/A"/>
    <s v="N/A"/>
    <n v="434940"/>
    <n v="434940"/>
    <s v="S106"/>
    <s v="Important"/>
    <s v="Yes"/>
    <m/>
    <m/>
    <m/>
    <m/>
    <m/>
    <m/>
    <m/>
    <m/>
    <m/>
    <m/>
    <m/>
    <m/>
    <m/>
    <m/>
    <m/>
    <m/>
    <m/>
    <m/>
    <m/>
    <m/>
    <m/>
    <m/>
    <m/>
    <m/>
    <m/>
    <m/>
    <m/>
    <m/>
    <m/>
    <m/>
    <n v="1500"/>
    <n v="289.95999999999998"/>
    <n v="434939.99999999994"/>
    <s v=""/>
    <s v=""/>
    <s v=""/>
    <s v=""/>
    <s v=""/>
    <s v=""/>
    <s v=""/>
    <s v=""/>
    <s v=""/>
    <s v=""/>
    <s v=""/>
    <s v=""/>
    <s v=""/>
    <s v=""/>
    <s v=""/>
    <s v=""/>
    <s v=""/>
    <s v=""/>
    <s v=""/>
    <s v=""/>
    <s v=""/>
    <s v=""/>
    <s v=""/>
    <s v=""/>
    <s v=""/>
    <s v=""/>
    <s v=""/>
    <s v=""/>
    <s v=""/>
    <s v=""/>
    <m/>
    <m/>
    <m/>
  </r>
  <r>
    <n v="409"/>
    <x v="1"/>
    <s v="Green infrastructure"/>
    <s v="Allotments "/>
    <s v="Hectares of allotments required"/>
    <s v="Hectares of allotments required"/>
    <x v="1"/>
    <x v="44"/>
    <x v="1"/>
    <x v="17"/>
    <x v="1"/>
    <s v="N/A"/>
    <s v="N/A"/>
    <n v="266895"/>
    <n v="266895"/>
    <s v="S106"/>
    <s v="Important"/>
    <s v="Yes"/>
    <m/>
    <m/>
    <m/>
    <m/>
    <m/>
    <m/>
    <m/>
    <m/>
    <m/>
    <m/>
    <m/>
    <m/>
    <m/>
    <m/>
    <m/>
    <m/>
    <m/>
    <m/>
    <m/>
    <m/>
    <m/>
    <m/>
    <m/>
    <m/>
    <m/>
    <m/>
    <m/>
    <m/>
    <m/>
    <m/>
    <n v="1500"/>
    <n v="177.93"/>
    <n v="266895"/>
    <s v=""/>
    <s v=""/>
    <s v=""/>
    <s v=""/>
    <s v=""/>
    <s v=""/>
    <s v=""/>
    <s v=""/>
    <s v=""/>
    <s v=""/>
    <s v=""/>
    <s v=""/>
    <s v=""/>
    <s v=""/>
    <s v=""/>
    <s v=""/>
    <s v=""/>
    <s v=""/>
    <s v=""/>
    <s v=""/>
    <s v=""/>
    <s v=""/>
    <s v=""/>
    <s v=""/>
    <s v=""/>
    <s v=""/>
    <s v=""/>
    <s v=""/>
    <s v=""/>
    <s v=""/>
    <m/>
    <m/>
    <m/>
  </r>
  <r>
    <n v="410"/>
    <x v="1"/>
    <s v="Green infrastructure"/>
    <s v="Amenity Space"/>
    <s v="Hectares of amenity space"/>
    <s v="Hectares of amenity space"/>
    <x v="1"/>
    <x v="23"/>
    <x v="1"/>
    <x v="17"/>
    <x v="8"/>
    <s v="N/A"/>
    <s v="N/A"/>
    <n v="136650.23999999999"/>
    <n v="136650.23999999999"/>
    <s v="S106"/>
    <s v="Important"/>
    <m/>
    <m/>
    <s v="Yes"/>
    <m/>
    <m/>
    <m/>
    <m/>
    <m/>
    <m/>
    <m/>
    <m/>
    <m/>
    <m/>
    <m/>
    <m/>
    <m/>
    <m/>
    <m/>
    <m/>
    <m/>
    <m/>
    <m/>
    <m/>
    <m/>
    <m/>
    <m/>
    <m/>
    <m/>
    <m/>
    <m/>
    <m/>
    <n v="450"/>
    <n v="303.66719999999998"/>
    <s v=""/>
    <s v=""/>
    <n v="136650.23999999999"/>
    <s v=""/>
    <s v=""/>
    <s v=""/>
    <s v=""/>
    <s v=""/>
    <s v=""/>
    <s v=""/>
    <s v=""/>
    <s v=""/>
    <s v=""/>
    <s v=""/>
    <s v=""/>
    <s v=""/>
    <s v=""/>
    <s v=""/>
    <s v=""/>
    <s v=""/>
    <s v=""/>
    <s v=""/>
    <s v=""/>
    <s v=""/>
    <s v=""/>
    <s v=""/>
    <s v=""/>
    <s v=""/>
    <s v=""/>
    <s v=""/>
    <s v=""/>
    <m/>
    <m/>
    <m/>
  </r>
  <r>
    <n v="411"/>
    <x v="1"/>
    <s v="Green infrastructure"/>
    <s v="Natural and semi natural greenspace"/>
    <s v="Hectares of natural and semi natural greenspace"/>
    <s v="Hectares of natural and semi natural greenspace"/>
    <x v="1"/>
    <x v="23"/>
    <x v="3"/>
    <x v="17"/>
    <x v="8"/>
    <s v="N/A"/>
    <s v="N/A"/>
    <n v="358706.88"/>
    <n v="358706.88"/>
    <s v="S106"/>
    <s v="Important"/>
    <m/>
    <m/>
    <s v="Yes"/>
    <m/>
    <m/>
    <m/>
    <m/>
    <m/>
    <m/>
    <m/>
    <m/>
    <m/>
    <m/>
    <m/>
    <m/>
    <m/>
    <m/>
    <m/>
    <m/>
    <m/>
    <m/>
    <m/>
    <m/>
    <m/>
    <m/>
    <m/>
    <m/>
    <m/>
    <m/>
    <m/>
    <m/>
    <n v="450"/>
    <n v="797.12639999999999"/>
    <s v=""/>
    <s v=""/>
    <n v="358706.88"/>
    <s v=""/>
    <s v=""/>
    <s v=""/>
    <s v=""/>
    <s v=""/>
    <s v=""/>
    <s v=""/>
    <s v=""/>
    <s v=""/>
    <s v=""/>
    <s v=""/>
    <s v=""/>
    <s v=""/>
    <s v=""/>
    <s v=""/>
    <s v=""/>
    <s v=""/>
    <s v=""/>
    <s v=""/>
    <s v=""/>
    <s v=""/>
    <s v=""/>
    <s v=""/>
    <s v=""/>
    <s v=""/>
    <s v=""/>
    <s v=""/>
    <s v=""/>
    <m/>
    <m/>
    <m/>
  </r>
  <r>
    <n v="412"/>
    <x v="1"/>
    <s v="Green infrastructure"/>
    <s v="Public parks and gardens "/>
    <s v="Number of public parks and gardens"/>
    <s v="Number of public parks and gardens"/>
    <x v="1"/>
    <x v="23"/>
    <x v="3"/>
    <x v="17"/>
    <x v="8"/>
    <s v="N/A"/>
    <s v="N/A"/>
    <n v="501050.88000000006"/>
    <n v="501050.88000000006"/>
    <s v="S106"/>
    <s v="Important"/>
    <m/>
    <m/>
    <s v="Yes"/>
    <m/>
    <m/>
    <m/>
    <m/>
    <m/>
    <m/>
    <m/>
    <m/>
    <m/>
    <m/>
    <m/>
    <m/>
    <m/>
    <m/>
    <m/>
    <m/>
    <m/>
    <m/>
    <m/>
    <m/>
    <m/>
    <m/>
    <m/>
    <m/>
    <m/>
    <m/>
    <m/>
    <m/>
    <n v="450"/>
    <n v="1113.4464"/>
    <s v=""/>
    <s v=""/>
    <n v="501050.88"/>
    <s v=""/>
    <s v=""/>
    <s v=""/>
    <s v=""/>
    <s v=""/>
    <s v=""/>
    <s v=""/>
    <s v=""/>
    <s v=""/>
    <s v=""/>
    <s v=""/>
    <s v=""/>
    <s v=""/>
    <s v=""/>
    <s v=""/>
    <s v=""/>
    <s v=""/>
    <s v=""/>
    <s v=""/>
    <s v=""/>
    <s v=""/>
    <s v=""/>
    <s v=""/>
    <s v=""/>
    <s v=""/>
    <s v=""/>
    <s v=""/>
    <s v=""/>
    <m/>
    <m/>
    <m/>
  </r>
  <r>
    <n v="413"/>
    <x v="1"/>
    <s v="Green infrastructure"/>
    <s v="LAPs"/>
    <s v="1 LAP, delivered by developer"/>
    <s v="1 LAP, delivered by developer"/>
    <x v="1"/>
    <x v="23"/>
    <x v="1"/>
    <x v="18"/>
    <x v="8"/>
    <s v="N/A"/>
    <s v="N/A"/>
    <n v="43494"/>
    <n v="43494"/>
    <s v="S106"/>
    <s v="Important"/>
    <m/>
    <m/>
    <s v="Yes"/>
    <m/>
    <m/>
    <m/>
    <m/>
    <m/>
    <m/>
    <m/>
    <m/>
    <m/>
    <m/>
    <m/>
    <m/>
    <m/>
    <m/>
    <m/>
    <m/>
    <m/>
    <m/>
    <m/>
    <m/>
    <m/>
    <m/>
    <m/>
    <m/>
    <m/>
    <m/>
    <m/>
    <m/>
    <n v="450"/>
    <n v="96.653333333333336"/>
    <s v=""/>
    <s v=""/>
    <n v="43494"/>
    <s v=""/>
    <s v=""/>
    <s v=""/>
    <s v=""/>
    <s v=""/>
    <s v=""/>
    <s v=""/>
    <s v=""/>
    <s v=""/>
    <s v=""/>
    <s v=""/>
    <s v=""/>
    <s v=""/>
    <s v=""/>
    <s v=""/>
    <s v=""/>
    <s v=""/>
    <s v=""/>
    <s v=""/>
    <s v=""/>
    <s v=""/>
    <s v=""/>
    <s v=""/>
    <s v=""/>
    <s v=""/>
    <s v=""/>
    <s v=""/>
    <s v=""/>
    <m/>
    <m/>
    <m/>
  </r>
  <r>
    <n v="414"/>
    <x v="1"/>
    <s v="Green infrastructure"/>
    <s v="LEAPs"/>
    <s v="1 LEAP, delivered by developer"/>
    <s v="1 LEAP, delivered by developer"/>
    <x v="1"/>
    <x v="23"/>
    <x v="1"/>
    <x v="18"/>
    <x v="8"/>
    <s v="N/A"/>
    <s v="N/A"/>
    <n v="105440"/>
    <n v="105440"/>
    <s v="S106"/>
    <s v="Important"/>
    <m/>
    <m/>
    <s v="Yes"/>
    <m/>
    <m/>
    <m/>
    <m/>
    <m/>
    <m/>
    <m/>
    <m/>
    <m/>
    <m/>
    <m/>
    <m/>
    <m/>
    <m/>
    <m/>
    <m/>
    <m/>
    <m/>
    <m/>
    <m/>
    <m/>
    <m/>
    <m/>
    <m/>
    <m/>
    <m/>
    <m/>
    <m/>
    <n v="450"/>
    <n v="234.3111111111111"/>
    <s v=""/>
    <s v=""/>
    <n v="105440"/>
    <s v=""/>
    <s v=""/>
    <s v=""/>
    <s v=""/>
    <s v=""/>
    <s v=""/>
    <s v=""/>
    <s v=""/>
    <s v=""/>
    <s v=""/>
    <s v=""/>
    <s v=""/>
    <s v=""/>
    <s v=""/>
    <s v=""/>
    <s v=""/>
    <s v=""/>
    <s v=""/>
    <s v=""/>
    <s v=""/>
    <s v=""/>
    <s v=""/>
    <s v=""/>
    <s v=""/>
    <s v=""/>
    <s v=""/>
    <s v=""/>
    <s v=""/>
    <m/>
    <m/>
    <m/>
  </r>
  <r>
    <n v="415"/>
    <x v="1"/>
    <s v="Green infrastructure"/>
    <s v="MUGAs"/>
    <s v="1 MUGA. Delivered by site developers"/>
    <s v="1 MUGA. Delivered by site developers"/>
    <x v="1"/>
    <x v="23"/>
    <x v="1"/>
    <x v="18"/>
    <x v="8"/>
    <s v="N/A"/>
    <s v="N/A"/>
    <n v="63872.307692307688"/>
    <n v="63872.307692307688"/>
    <s v="S106"/>
    <s v="Important"/>
    <m/>
    <m/>
    <s v="Yes"/>
    <m/>
    <m/>
    <m/>
    <m/>
    <m/>
    <m/>
    <m/>
    <m/>
    <m/>
    <m/>
    <m/>
    <m/>
    <m/>
    <m/>
    <m/>
    <m/>
    <m/>
    <m/>
    <m/>
    <m/>
    <m/>
    <m/>
    <m/>
    <m/>
    <m/>
    <m/>
    <m/>
    <m/>
    <n v="450"/>
    <n v="141.93846153846152"/>
    <s v=""/>
    <s v=""/>
    <n v="63872.307692307688"/>
    <s v=""/>
    <s v=""/>
    <s v=""/>
    <s v=""/>
    <s v=""/>
    <s v=""/>
    <s v=""/>
    <s v=""/>
    <s v=""/>
    <s v=""/>
    <s v=""/>
    <s v=""/>
    <s v=""/>
    <s v=""/>
    <s v=""/>
    <s v=""/>
    <s v=""/>
    <s v=""/>
    <s v=""/>
    <s v=""/>
    <s v=""/>
    <s v=""/>
    <s v=""/>
    <s v=""/>
    <s v=""/>
    <s v=""/>
    <s v=""/>
    <s v=""/>
    <m/>
    <m/>
    <m/>
  </r>
  <r>
    <n v="416"/>
    <x v="1"/>
    <s v="Green infrastructure"/>
    <s v="NEAPs"/>
    <s v="Number of NEAPs"/>
    <s v="Number of NEAPs"/>
    <x v="1"/>
    <x v="23"/>
    <x v="3"/>
    <x v="18"/>
    <x v="8"/>
    <s v="N/A"/>
    <s v="N/A"/>
    <n v="0"/>
    <n v="0"/>
    <s v="S106"/>
    <s v="Important"/>
    <m/>
    <m/>
    <s v="Yes"/>
    <m/>
    <m/>
    <m/>
    <m/>
    <m/>
    <m/>
    <m/>
    <m/>
    <m/>
    <m/>
    <m/>
    <m/>
    <m/>
    <m/>
    <m/>
    <m/>
    <m/>
    <m/>
    <m/>
    <m/>
    <m/>
    <m/>
    <m/>
    <m/>
    <m/>
    <m/>
    <m/>
    <m/>
    <n v="450"/>
    <m/>
    <s v=""/>
    <s v=""/>
    <n v="0"/>
    <s v=""/>
    <s v=""/>
    <s v=""/>
    <s v=""/>
    <s v=""/>
    <s v=""/>
    <s v=""/>
    <s v=""/>
    <s v=""/>
    <s v=""/>
    <s v=""/>
    <s v=""/>
    <s v=""/>
    <s v=""/>
    <s v=""/>
    <s v=""/>
    <s v=""/>
    <s v=""/>
    <s v=""/>
    <s v=""/>
    <s v=""/>
    <s v=""/>
    <s v=""/>
    <s v=""/>
    <s v=""/>
    <s v=""/>
    <s v=""/>
    <s v=""/>
    <m/>
    <m/>
    <m/>
  </r>
  <r>
    <n v="417"/>
    <x v="1"/>
    <s v="Green infrastructure"/>
    <s v="Allotments "/>
    <s v="Hectares of allotments required"/>
    <s v="Hectares of allotments required"/>
    <x v="1"/>
    <x v="23"/>
    <x v="2"/>
    <x v="17"/>
    <x v="8"/>
    <s v="N/A"/>
    <s v="N/A"/>
    <n v="80068.5"/>
    <n v="80068.5"/>
    <s v="S106"/>
    <s v="Important"/>
    <m/>
    <m/>
    <s v="Yes"/>
    <m/>
    <m/>
    <m/>
    <m/>
    <m/>
    <m/>
    <m/>
    <m/>
    <m/>
    <m/>
    <m/>
    <m/>
    <m/>
    <m/>
    <m/>
    <m/>
    <m/>
    <m/>
    <m/>
    <m/>
    <m/>
    <m/>
    <m/>
    <m/>
    <m/>
    <m/>
    <m/>
    <m/>
    <n v="450"/>
    <n v="177.93"/>
    <s v=""/>
    <s v=""/>
    <n v="80068.5"/>
    <s v=""/>
    <s v=""/>
    <s v=""/>
    <s v=""/>
    <s v=""/>
    <s v=""/>
    <s v=""/>
    <s v=""/>
    <s v=""/>
    <s v=""/>
    <s v=""/>
    <s v=""/>
    <s v=""/>
    <s v=""/>
    <s v=""/>
    <s v=""/>
    <s v=""/>
    <s v=""/>
    <s v=""/>
    <s v=""/>
    <s v=""/>
    <s v=""/>
    <s v=""/>
    <s v=""/>
    <s v=""/>
    <s v=""/>
    <s v=""/>
    <s v=""/>
    <m/>
    <m/>
    <m/>
  </r>
  <r>
    <n v="418"/>
    <x v="1"/>
    <s v="Green infrastructure"/>
    <s v="Amenity Space"/>
    <s v="Hectares of amenity space"/>
    <s v="Hectares of amenity space"/>
    <x v="1"/>
    <x v="24"/>
    <x v="1"/>
    <x v="17"/>
    <x v="34"/>
    <s v="N/A"/>
    <s v="N/A"/>
    <n v="106283.52"/>
    <n v="106283.52"/>
    <s v="S106"/>
    <s v="Important"/>
    <m/>
    <m/>
    <m/>
    <s v="Yes"/>
    <m/>
    <m/>
    <m/>
    <m/>
    <m/>
    <m/>
    <m/>
    <m/>
    <m/>
    <m/>
    <m/>
    <m/>
    <m/>
    <m/>
    <m/>
    <m/>
    <m/>
    <m/>
    <m/>
    <m/>
    <m/>
    <m/>
    <m/>
    <m/>
    <m/>
    <m/>
    <m/>
    <n v="350"/>
    <n v="303.66720000000004"/>
    <s v=""/>
    <s v=""/>
    <s v=""/>
    <n v="106283.52000000002"/>
    <s v=""/>
    <s v=""/>
    <s v=""/>
    <s v=""/>
    <s v=""/>
    <s v=""/>
    <s v=""/>
    <s v=""/>
    <s v=""/>
    <s v=""/>
    <s v=""/>
    <s v=""/>
    <s v=""/>
    <s v=""/>
    <s v=""/>
    <s v=""/>
    <s v=""/>
    <s v=""/>
    <s v=""/>
    <s v=""/>
    <s v=""/>
    <s v=""/>
    <s v=""/>
    <s v=""/>
    <s v=""/>
    <s v=""/>
    <s v=""/>
    <m/>
    <m/>
    <m/>
  </r>
  <r>
    <n v="419"/>
    <x v="1"/>
    <s v="Green infrastructure"/>
    <s v="Natural and semi natural greenspace"/>
    <s v="Hectares of natural and semi natural greenspace"/>
    <s v="Hectares of natural and semi natural greenspace"/>
    <x v="1"/>
    <x v="24"/>
    <x v="3"/>
    <x v="17"/>
    <x v="34"/>
    <s v="N/A"/>
    <s v="N/A"/>
    <n v="278994.24"/>
    <n v="278994.24"/>
    <s v="S106"/>
    <s v="Important"/>
    <m/>
    <m/>
    <m/>
    <s v="Yes"/>
    <m/>
    <m/>
    <m/>
    <m/>
    <m/>
    <m/>
    <m/>
    <m/>
    <m/>
    <m/>
    <m/>
    <m/>
    <m/>
    <m/>
    <m/>
    <m/>
    <m/>
    <m/>
    <m/>
    <m/>
    <m/>
    <m/>
    <m/>
    <m/>
    <m/>
    <m/>
    <m/>
    <n v="350"/>
    <n v="797.12639999999999"/>
    <s v=""/>
    <s v=""/>
    <s v=""/>
    <n v="278994.24"/>
    <s v=""/>
    <s v=""/>
    <s v=""/>
    <s v=""/>
    <s v=""/>
    <s v=""/>
    <s v=""/>
    <s v=""/>
    <s v=""/>
    <s v=""/>
    <s v=""/>
    <s v=""/>
    <s v=""/>
    <s v=""/>
    <s v=""/>
    <s v=""/>
    <s v=""/>
    <s v=""/>
    <s v=""/>
    <s v=""/>
    <s v=""/>
    <s v=""/>
    <s v=""/>
    <s v=""/>
    <s v=""/>
    <s v=""/>
    <s v=""/>
    <m/>
    <m/>
    <m/>
  </r>
  <r>
    <n v="420"/>
    <x v="1"/>
    <s v="Green infrastructure"/>
    <s v="Public parks and gardens "/>
    <s v="Number of public parks and gardens"/>
    <s v="Number of public parks and gardens"/>
    <x v="1"/>
    <x v="24"/>
    <x v="3"/>
    <x v="17"/>
    <x v="34"/>
    <s v="N/A"/>
    <s v="N/A"/>
    <n v="389706.24000000005"/>
    <n v="389706.24000000005"/>
    <s v="S106"/>
    <s v="Important"/>
    <m/>
    <m/>
    <m/>
    <s v="Yes"/>
    <m/>
    <m/>
    <m/>
    <m/>
    <m/>
    <m/>
    <m/>
    <m/>
    <m/>
    <m/>
    <m/>
    <m/>
    <m/>
    <m/>
    <m/>
    <m/>
    <m/>
    <m/>
    <m/>
    <m/>
    <m/>
    <m/>
    <m/>
    <m/>
    <m/>
    <m/>
    <m/>
    <n v="350"/>
    <n v="1113.4464"/>
    <s v=""/>
    <s v=""/>
    <s v=""/>
    <n v="389706.23999999999"/>
    <s v=""/>
    <s v=""/>
    <s v=""/>
    <s v=""/>
    <s v=""/>
    <s v=""/>
    <s v=""/>
    <s v=""/>
    <s v=""/>
    <s v=""/>
    <s v=""/>
    <s v=""/>
    <s v=""/>
    <s v=""/>
    <s v=""/>
    <s v=""/>
    <s v=""/>
    <s v=""/>
    <s v=""/>
    <s v=""/>
    <s v=""/>
    <s v=""/>
    <s v=""/>
    <s v=""/>
    <s v=""/>
    <s v=""/>
    <s v=""/>
    <m/>
    <m/>
    <m/>
  </r>
  <r>
    <n v="421"/>
    <x v="1"/>
    <s v="Green infrastructure"/>
    <s v="LAPs"/>
    <s v="1 LAP, delivered by developer"/>
    <s v="1 LAP, delivered by developer"/>
    <x v="1"/>
    <x v="24"/>
    <x v="1"/>
    <x v="18"/>
    <x v="34"/>
    <s v="N/A"/>
    <s v="N/A"/>
    <n v="43494"/>
    <n v="43494"/>
    <s v="S106"/>
    <s v="Important"/>
    <m/>
    <m/>
    <m/>
    <s v="Yes"/>
    <m/>
    <m/>
    <m/>
    <m/>
    <m/>
    <m/>
    <m/>
    <m/>
    <m/>
    <m/>
    <m/>
    <m/>
    <m/>
    <m/>
    <m/>
    <m/>
    <m/>
    <m/>
    <m/>
    <m/>
    <m/>
    <m/>
    <m/>
    <m/>
    <m/>
    <m/>
    <m/>
    <n v="350"/>
    <n v="124.26857142857143"/>
    <s v=""/>
    <s v=""/>
    <s v=""/>
    <n v="43494"/>
    <s v=""/>
    <s v=""/>
    <s v=""/>
    <s v=""/>
    <s v=""/>
    <s v=""/>
    <s v=""/>
    <s v=""/>
    <s v=""/>
    <s v=""/>
    <s v=""/>
    <s v=""/>
    <s v=""/>
    <s v=""/>
    <s v=""/>
    <s v=""/>
    <s v=""/>
    <s v=""/>
    <s v=""/>
    <s v=""/>
    <s v=""/>
    <s v=""/>
    <s v=""/>
    <s v=""/>
    <s v=""/>
    <s v=""/>
    <s v=""/>
    <m/>
    <m/>
    <m/>
  </r>
  <r>
    <n v="422"/>
    <x v="1"/>
    <s v="Green infrastructure"/>
    <s v="LEAPs"/>
    <s v="1 LEAP, delivered by developer"/>
    <s v="1 LEAP, delivered by developer"/>
    <x v="1"/>
    <x v="24"/>
    <x v="1"/>
    <x v="18"/>
    <x v="34"/>
    <s v="N/A"/>
    <s v="N/A"/>
    <n v="105440"/>
    <n v="105440"/>
    <s v="S106"/>
    <s v="Important"/>
    <m/>
    <m/>
    <m/>
    <s v="Yes"/>
    <m/>
    <m/>
    <m/>
    <m/>
    <m/>
    <m/>
    <m/>
    <m/>
    <m/>
    <m/>
    <m/>
    <m/>
    <m/>
    <m/>
    <m/>
    <m/>
    <m/>
    <m/>
    <m/>
    <m/>
    <m/>
    <m/>
    <m/>
    <m/>
    <m/>
    <m/>
    <m/>
    <n v="350"/>
    <n v="301.25714285714287"/>
    <s v=""/>
    <s v=""/>
    <s v=""/>
    <n v="105440"/>
    <s v=""/>
    <s v=""/>
    <s v=""/>
    <s v=""/>
    <s v=""/>
    <s v=""/>
    <s v=""/>
    <s v=""/>
    <s v=""/>
    <s v=""/>
    <s v=""/>
    <s v=""/>
    <s v=""/>
    <s v=""/>
    <s v=""/>
    <s v=""/>
    <s v=""/>
    <s v=""/>
    <s v=""/>
    <s v=""/>
    <s v=""/>
    <s v=""/>
    <s v=""/>
    <s v=""/>
    <s v=""/>
    <s v=""/>
    <s v=""/>
    <m/>
    <m/>
    <m/>
  </r>
  <r>
    <n v="423"/>
    <x v="1"/>
    <s v="Green infrastructure"/>
    <s v="MUGAs"/>
    <s v="Contrbution towards off-site MUGA "/>
    <s v="Contribution towards off-site MUGA "/>
    <x v="1"/>
    <x v="24"/>
    <x v="1"/>
    <x v="18"/>
    <x v="34"/>
    <s v="N/A"/>
    <s v="N/A"/>
    <n v="49678.461538461539"/>
    <n v="49678.461538461539"/>
    <s v="S106"/>
    <s v="Important"/>
    <m/>
    <m/>
    <m/>
    <s v="Yes"/>
    <m/>
    <m/>
    <m/>
    <m/>
    <m/>
    <m/>
    <m/>
    <m/>
    <m/>
    <m/>
    <m/>
    <m/>
    <m/>
    <m/>
    <m/>
    <m/>
    <m/>
    <m/>
    <m/>
    <m/>
    <m/>
    <m/>
    <m/>
    <m/>
    <m/>
    <m/>
    <m/>
    <n v="350"/>
    <n v="141.93846153846155"/>
    <s v=""/>
    <s v=""/>
    <s v=""/>
    <n v="49678.461538461546"/>
    <s v=""/>
    <s v=""/>
    <s v=""/>
    <s v=""/>
    <s v=""/>
    <s v=""/>
    <s v=""/>
    <s v=""/>
    <s v=""/>
    <s v=""/>
    <s v=""/>
    <s v=""/>
    <s v=""/>
    <s v=""/>
    <s v=""/>
    <s v=""/>
    <s v=""/>
    <s v=""/>
    <s v=""/>
    <s v=""/>
    <s v=""/>
    <s v=""/>
    <s v=""/>
    <s v=""/>
    <s v=""/>
    <s v=""/>
    <s v=""/>
    <m/>
    <m/>
    <m/>
  </r>
  <r>
    <n v="424"/>
    <x v="1"/>
    <s v="Green infrastructure"/>
    <s v="NEAPs"/>
    <s v="Number of NEAPs"/>
    <s v="Number of NEAPs"/>
    <x v="1"/>
    <x v="24"/>
    <x v="3"/>
    <x v="18"/>
    <x v="34"/>
    <s v="N/A"/>
    <s v="N/A"/>
    <n v="0"/>
    <n v="0"/>
    <s v="S106"/>
    <s v="Important"/>
    <m/>
    <m/>
    <m/>
    <s v="Yes"/>
    <m/>
    <m/>
    <m/>
    <m/>
    <m/>
    <m/>
    <m/>
    <m/>
    <m/>
    <m/>
    <m/>
    <m/>
    <m/>
    <m/>
    <m/>
    <m/>
    <m/>
    <m/>
    <m/>
    <m/>
    <m/>
    <m/>
    <m/>
    <m/>
    <m/>
    <m/>
    <m/>
    <n v="350"/>
    <m/>
    <s v=""/>
    <s v=""/>
    <s v=""/>
    <n v="0"/>
    <s v=""/>
    <s v=""/>
    <s v=""/>
    <s v=""/>
    <s v=""/>
    <s v=""/>
    <s v=""/>
    <s v=""/>
    <s v=""/>
    <s v=""/>
    <s v=""/>
    <s v=""/>
    <s v=""/>
    <s v=""/>
    <s v=""/>
    <s v=""/>
    <s v=""/>
    <s v=""/>
    <s v=""/>
    <s v=""/>
    <s v=""/>
    <s v=""/>
    <s v=""/>
    <s v=""/>
    <s v=""/>
    <s v=""/>
    <s v=""/>
    <m/>
    <m/>
    <m/>
  </r>
  <r>
    <n v="425"/>
    <x v="1"/>
    <s v="Green infrastructure"/>
    <s v="Allotments "/>
    <s v="Hectares of allotments required"/>
    <s v="Hectares of allotments required"/>
    <x v="1"/>
    <x v="24"/>
    <x v="2"/>
    <x v="17"/>
    <x v="34"/>
    <s v="N/A"/>
    <s v="N/A"/>
    <n v="62275.5"/>
    <n v="62275.5"/>
    <s v="S106"/>
    <s v="Important"/>
    <m/>
    <m/>
    <m/>
    <s v="Yes"/>
    <m/>
    <m/>
    <m/>
    <m/>
    <m/>
    <m/>
    <m/>
    <m/>
    <m/>
    <m/>
    <m/>
    <m/>
    <m/>
    <m/>
    <m/>
    <m/>
    <m/>
    <m/>
    <m/>
    <m/>
    <m/>
    <m/>
    <m/>
    <m/>
    <m/>
    <m/>
    <m/>
    <n v="350"/>
    <n v="177.93"/>
    <s v=""/>
    <s v=""/>
    <s v=""/>
    <n v="62275.5"/>
    <s v=""/>
    <s v=""/>
    <s v=""/>
    <s v=""/>
    <s v=""/>
    <s v=""/>
    <s v=""/>
    <s v=""/>
    <s v=""/>
    <s v=""/>
    <s v=""/>
    <s v=""/>
    <s v=""/>
    <s v=""/>
    <s v=""/>
    <s v=""/>
    <s v=""/>
    <s v=""/>
    <s v=""/>
    <s v=""/>
    <s v=""/>
    <s v=""/>
    <s v=""/>
    <s v=""/>
    <s v=""/>
    <s v=""/>
    <s v=""/>
    <m/>
    <m/>
    <m/>
  </r>
  <r>
    <n v="426"/>
    <x v="1"/>
    <s v="Green infrastructure"/>
    <s v="Amenity Space"/>
    <s v="Hectares of amenity space"/>
    <s v="Hectares of amenity space"/>
    <x v="1"/>
    <x v="25"/>
    <x v="1"/>
    <x v="17"/>
    <x v="26"/>
    <s v="N/A"/>
    <s v="N/A"/>
    <n v="60733.439999999995"/>
    <n v="60733.439999999995"/>
    <s v="S106"/>
    <s v="Important"/>
    <m/>
    <s v="Yes"/>
    <m/>
    <m/>
    <m/>
    <m/>
    <m/>
    <m/>
    <m/>
    <m/>
    <m/>
    <m/>
    <m/>
    <m/>
    <m/>
    <m/>
    <m/>
    <m/>
    <m/>
    <m/>
    <m/>
    <m/>
    <m/>
    <m/>
    <m/>
    <m/>
    <m/>
    <m/>
    <m/>
    <m/>
    <m/>
    <n v="200"/>
    <n v="303.66719999999998"/>
    <s v=""/>
    <n v="60733.439999999995"/>
    <s v=""/>
    <s v=""/>
    <s v=""/>
    <s v=""/>
    <s v=""/>
    <s v=""/>
    <s v=""/>
    <s v=""/>
    <s v=""/>
    <s v=""/>
    <s v=""/>
    <s v=""/>
    <s v=""/>
    <s v=""/>
    <s v=""/>
    <s v=""/>
    <s v=""/>
    <s v=""/>
    <s v=""/>
    <s v=""/>
    <s v=""/>
    <s v=""/>
    <s v=""/>
    <s v=""/>
    <s v=""/>
    <s v=""/>
    <s v=""/>
    <s v=""/>
    <s v=""/>
    <m/>
    <m/>
    <m/>
  </r>
  <r>
    <n v="427"/>
    <x v="1"/>
    <s v="Green infrastructure"/>
    <s v="Natural and semi natural greenspace"/>
    <s v="Hectares of natural and semi natural greenspace"/>
    <s v="Hectares of natural and semi natural greenspace"/>
    <x v="1"/>
    <x v="25"/>
    <x v="3"/>
    <x v="17"/>
    <x v="26"/>
    <s v="N/A"/>
    <s v="N/A"/>
    <n v="159425.28"/>
    <n v="159425.28"/>
    <s v="S106"/>
    <s v="Important"/>
    <m/>
    <s v="Yes"/>
    <m/>
    <m/>
    <m/>
    <m/>
    <m/>
    <m/>
    <m/>
    <m/>
    <m/>
    <m/>
    <m/>
    <m/>
    <m/>
    <m/>
    <m/>
    <m/>
    <m/>
    <m/>
    <m/>
    <m/>
    <m/>
    <m/>
    <m/>
    <m/>
    <m/>
    <m/>
    <m/>
    <m/>
    <m/>
    <n v="200"/>
    <n v="797.12639999999999"/>
    <s v=""/>
    <n v="159425.28"/>
    <s v=""/>
    <s v=""/>
    <s v=""/>
    <s v=""/>
    <s v=""/>
    <s v=""/>
    <s v=""/>
    <s v=""/>
    <s v=""/>
    <s v=""/>
    <s v=""/>
    <s v=""/>
    <s v=""/>
    <s v=""/>
    <s v=""/>
    <s v=""/>
    <s v=""/>
    <s v=""/>
    <s v=""/>
    <s v=""/>
    <s v=""/>
    <s v=""/>
    <s v=""/>
    <s v=""/>
    <s v=""/>
    <s v=""/>
    <s v=""/>
    <s v=""/>
    <s v=""/>
    <m/>
    <m/>
    <m/>
  </r>
  <r>
    <n v="428"/>
    <x v="1"/>
    <s v="Green infrastructure"/>
    <s v="Public parks and gardens "/>
    <s v="Number of public parks and gardens"/>
    <s v="Number of public parks and gardens"/>
    <x v="1"/>
    <x v="25"/>
    <x v="3"/>
    <x v="17"/>
    <x v="26"/>
    <s v="N/A"/>
    <s v="N/A"/>
    <n v="222689.28"/>
    <n v="222689.28"/>
    <s v="S106"/>
    <s v="Important"/>
    <m/>
    <s v="Yes"/>
    <m/>
    <m/>
    <m/>
    <m/>
    <m/>
    <m/>
    <m/>
    <m/>
    <m/>
    <m/>
    <m/>
    <m/>
    <m/>
    <m/>
    <m/>
    <m/>
    <m/>
    <m/>
    <m/>
    <m/>
    <m/>
    <m/>
    <m/>
    <m/>
    <m/>
    <m/>
    <m/>
    <m/>
    <m/>
    <n v="200"/>
    <n v="1113.4464"/>
    <s v=""/>
    <n v="222689.28"/>
    <s v=""/>
    <s v=""/>
    <s v=""/>
    <s v=""/>
    <s v=""/>
    <s v=""/>
    <s v=""/>
    <s v=""/>
    <s v=""/>
    <s v=""/>
    <s v=""/>
    <s v=""/>
    <s v=""/>
    <s v=""/>
    <s v=""/>
    <s v=""/>
    <s v=""/>
    <s v=""/>
    <s v=""/>
    <s v=""/>
    <s v=""/>
    <s v=""/>
    <s v=""/>
    <s v=""/>
    <s v=""/>
    <s v=""/>
    <s v=""/>
    <s v=""/>
    <s v=""/>
    <m/>
    <m/>
    <m/>
  </r>
  <r>
    <n v="429"/>
    <x v="1"/>
    <s v="Green infrastructure"/>
    <s v="LAPs"/>
    <s v="1 LAP, delivered by developer"/>
    <s v="2 LAP, delivered by developer"/>
    <x v="1"/>
    <x v="25"/>
    <x v="1"/>
    <x v="18"/>
    <x v="26"/>
    <s v="N/A"/>
    <s v="N/A"/>
    <n v="43494"/>
    <n v="43494"/>
    <s v="S106"/>
    <s v="Important"/>
    <m/>
    <s v="Yes"/>
    <m/>
    <m/>
    <m/>
    <m/>
    <m/>
    <m/>
    <m/>
    <m/>
    <m/>
    <m/>
    <m/>
    <m/>
    <m/>
    <m/>
    <m/>
    <m/>
    <m/>
    <m/>
    <m/>
    <m/>
    <m/>
    <m/>
    <m/>
    <m/>
    <m/>
    <m/>
    <m/>
    <m/>
    <m/>
    <n v="200"/>
    <n v="217.47"/>
    <s v=""/>
    <n v="43494"/>
    <s v=""/>
    <s v=""/>
    <s v=""/>
    <s v=""/>
    <s v=""/>
    <s v=""/>
    <s v=""/>
    <s v=""/>
    <s v=""/>
    <s v=""/>
    <s v=""/>
    <s v=""/>
    <s v=""/>
    <s v=""/>
    <s v=""/>
    <s v=""/>
    <s v=""/>
    <s v=""/>
    <s v=""/>
    <s v=""/>
    <s v=""/>
    <s v=""/>
    <s v=""/>
    <s v=""/>
    <s v=""/>
    <s v=""/>
    <s v=""/>
    <s v=""/>
    <s v=""/>
    <m/>
    <m/>
    <m/>
  </r>
  <r>
    <n v="430"/>
    <x v="1"/>
    <s v="Green infrastructure"/>
    <s v="LEAPs"/>
    <s v="1 LEAP, delivered by developer"/>
    <s v="2 LEAP, delivered by developer"/>
    <x v="1"/>
    <x v="25"/>
    <x v="1"/>
    <x v="18"/>
    <x v="26"/>
    <s v="N/A"/>
    <s v="N/A"/>
    <n v="105440"/>
    <n v="105440"/>
    <s v="S106"/>
    <s v="Important"/>
    <m/>
    <s v="Yes"/>
    <m/>
    <m/>
    <m/>
    <m/>
    <m/>
    <m/>
    <m/>
    <m/>
    <m/>
    <m/>
    <m/>
    <m/>
    <m/>
    <m/>
    <m/>
    <m/>
    <m/>
    <m/>
    <m/>
    <m/>
    <m/>
    <m/>
    <m/>
    <m/>
    <m/>
    <m/>
    <m/>
    <m/>
    <m/>
    <n v="200"/>
    <n v="527.20000000000005"/>
    <s v=""/>
    <n v="105440.00000000001"/>
    <s v=""/>
    <s v=""/>
    <s v=""/>
    <s v=""/>
    <s v=""/>
    <s v=""/>
    <s v=""/>
    <s v=""/>
    <s v=""/>
    <s v=""/>
    <s v=""/>
    <s v=""/>
    <s v=""/>
    <s v=""/>
    <s v=""/>
    <s v=""/>
    <s v=""/>
    <s v=""/>
    <s v=""/>
    <s v=""/>
    <s v=""/>
    <s v=""/>
    <s v=""/>
    <s v=""/>
    <s v=""/>
    <s v=""/>
    <s v=""/>
    <s v=""/>
    <s v=""/>
    <m/>
    <m/>
    <m/>
  </r>
  <r>
    <n v="431"/>
    <x v="1"/>
    <s v="Green infrastructure"/>
    <s v="MUGAs"/>
    <s v="Contrbution towards off-site MUGA "/>
    <s v="Contribution towards off-site MUGA "/>
    <x v="1"/>
    <x v="25"/>
    <x v="2"/>
    <x v="18"/>
    <x v="26"/>
    <s v="N/A"/>
    <s v="N/A"/>
    <n v="28387.692307692309"/>
    <n v="28387.692307692309"/>
    <s v="S106"/>
    <s v="Important"/>
    <m/>
    <s v="Yes"/>
    <m/>
    <m/>
    <m/>
    <m/>
    <m/>
    <m/>
    <m/>
    <m/>
    <m/>
    <m/>
    <m/>
    <m/>
    <m/>
    <m/>
    <m/>
    <m/>
    <m/>
    <m/>
    <m/>
    <m/>
    <m/>
    <m/>
    <m/>
    <m/>
    <m/>
    <m/>
    <m/>
    <m/>
    <m/>
    <n v="200"/>
    <n v="141.93846153846155"/>
    <s v=""/>
    <n v="28387.692307692312"/>
    <s v=""/>
    <s v=""/>
    <s v=""/>
    <s v=""/>
    <s v=""/>
    <s v=""/>
    <s v=""/>
    <s v=""/>
    <s v=""/>
    <s v=""/>
    <s v=""/>
    <s v=""/>
    <s v=""/>
    <s v=""/>
    <s v=""/>
    <s v=""/>
    <s v=""/>
    <s v=""/>
    <s v=""/>
    <s v=""/>
    <s v=""/>
    <s v=""/>
    <s v=""/>
    <s v=""/>
    <s v=""/>
    <s v=""/>
    <s v=""/>
    <s v=""/>
    <s v=""/>
    <m/>
    <m/>
    <m/>
  </r>
  <r>
    <n v="432"/>
    <x v="1"/>
    <s v="Green infrastructure"/>
    <s v="NEAPs"/>
    <s v="Number of NEAPs"/>
    <s v="Number of NEAPs"/>
    <x v="1"/>
    <x v="25"/>
    <x v="3"/>
    <x v="18"/>
    <x v="26"/>
    <s v="N/A"/>
    <s v="N/A"/>
    <n v="0"/>
    <n v="0"/>
    <s v="S106"/>
    <s v="Important"/>
    <m/>
    <s v="Yes"/>
    <m/>
    <m/>
    <m/>
    <m/>
    <m/>
    <m/>
    <m/>
    <m/>
    <m/>
    <m/>
    <m/>
    <m/>
    <m/>
    <m/>
    <m/>
    <m/>
    <m/>
    <m/>
    <m/>
    <m/>
    <m/>
    <m/>
    <m/>
    <m/>
    <m/>
    <m/>
    <m/>
    <m/>
    <m/>
    <n v="200"/>
    <m/>
    <s v=""/>
    <n v="0"/>
    <s v=""/>
    <s v=""/>
    <s v=""/>
    <s v=""/>
    <s v=""/>
    <s v=""/>
    <s v=""/>
    <s v=""/>
    <s v=""/>
    <s v=""/>
    <s v=""/>
    <s v=""/>
    <s v=""/>
    <s v=""/>
    <s v=""/>
    <s v=""/>
    <s v=""/>
    <s v=""/>
    <s v=""/>
    <s v=""/>
    <s v=""/>
    <s v=""/>
    <s v=""/>
    <s v=""/>
    <s v=""/>
    <s v=""/>
    <s v=""/>
    <s v=""/>
    <s v=""/>
    <m/>
    <m/>
    <m/>
  </r>
  <r>
    <n v="433"/>
    <x v="1"/>
    <s v="Green infrastructure"/>
    <s v="Allotments "/>
    <s v="Hectares of allotments required"/>
    <s v="Hectares of allotments required"/>
    <x v="1"/>
    <x v="25"/>
    <x v="2"/>
    <x v="17"/>
    <x v="26"/>
    <s v="N/A"/>
    <s v="N/A"/>
    <n v="35586"/>
    <n v="35586"/>
    <s v="S106"/>
    <s v="Important"/>
    <m/>
    <s v="Yes"/>
    <m/>
    <m/>
    <m/>
    <m/>
    <m/>
    <m/>
    <m/>
    <m/>
    <m/>
    <m/>
    <m/>
    <m/>
    <m/>
    <m/>
    <m/>
    <m/>
    <m/>
    <m/>
    <m/>
    <m/>
    <m/>
    <m/>
    <m/>
    <m/>
    <m/>
    <m/>
    <m/>
    <m/>
    <m/>
    <n v="200"/>
    <n v="177.93"/>
    <s v=""/>
    <n v="35586"/>
    <s v=""/>
    <s v=""/>
    <s v=""/>
    <s v=""/>
    <s v=""/>
    <s v=""/>
    <s v=""/>
    <s v=""/>
    <s v=""/>
    <s v=""/>
    <s v=""/>
    <s v=""/>
    <s v=""/>
    <s v=""/>
    <s v=""/>
    <s v=""/>
    <s v=""/>
    <s v=""/>
    <s v=""/>
    <s v=""/>
    <s v=""/>
    <s v=""/>
    <s v=""/>
    <s v=""/>
    <s v=""/>
    <s v=""/>
    <s v=""/>
    <s v=""/>
    <s v=""/>
    <m/>
    <m/>
    <m/>
  </r>
  <r>
    <n v="434"/>
    <x v="1"/>
    <s v="Green infrastructure"/>
    <s v="Amenity Space"/>
    <s v="Hectares of amenity space"/>
    <s v="Hectares of amenity space"/>
    <x v="1"/>
    <x v="16"/>
    <x v="3"/>
    <x v="17"/>
    <x v="2"/>
    <s v="N/A"/>
    <s v="N/A"/>
    <n v="91100.160000000003"/>
    <n v="91100.160000000003"/>
    <s v="S106"/>
    <s v="Important"/>
    <m/>
    <m/>
    <m/>
    <m/>
    <s v="Yes"/>
    <m/>
    <m/>
    <m/>
    <m/>
    <m/>
    <m/>
    <m/>
    <m/>
    <m/>
    <m/>
    <m/>
    <m/>
    <m/>
    <m/>
    <m/>
    <m/>
    <m/>
    <m/>
    <m/>
    <m/>
    <m/>
    <m/>
    <m/>
    <m/>
    <m/>
    <m/>
    <n v="300"/>
    <n v="303.66720000000004"/>
    <s v=""/>
    <s v=""/>
    <s v=""/>
    <s v=""/>
    <n v="91100.160000000018"/>
    <s v=""/>
    <s v=""/>
    <s v=""/>
    <s v=""/>
    <s v=""/>
    <s v=""/>
    <s v=""/>
    <s v=""/>
    <s v=""/>
    <s v=""/>
    <s v=""/>
    <s v=""/>
    <s v=""/>
    <s v=""/>
    <s v=""/>
    <s v=""/>
    <s v=""/>
    <s v=""/>
    <s v=""/>
    <s v=""/>
    <s v=""/>
    <s v=""/>
    <s v=""/>
    <s v=""/>
    <s v=""/>
    <s v=""/>
    <m/>
    <m/>
    <m/>
  </r>
  <r>
    <n v="435"/>
    <x v="1"/>
    <s v="Green infrastructure"/>
    <s v="Natural and semi natural greenspace"/>
    <s v="Hectares of natural and semi natural greenspace"/>
    <s v="Hectares of natural and semi natural greenspace"/>
    <x v="1"/>
    <x v="16"/>
    <x v="2"/>
    <x v="17"/>
    <x v="2"/>
    <s v="N/A"/>
    <s v="N/A"/>
    <n v="239137.92000000001"/>
    <n v="239137.92000000001"/>
    <s v="S106"/>
    <s v="Important"/>
    <m/>
    <m/>
    <m/>
    <m/>
    <s v="Yes"/>
    <m/>
    <m/>
    <m/>
    <m/>
    <m/>
    <m/>
    <m/>
    <m/>
    <m/>
    <m/>
    <m/>
    <m/>
    <m/>
    <m/>
    <m/>
    <m/>
    <m/>
    <m/>
    <m/>
    <m/>
    <m/>
    <m/>
    <m/>
    <m/>
    <m/>
    <m/>
    <n v="300"/>
    <n v="797.12639999999999"/>
    <s v=""/>
    <s v=""/>
    <s v=""/>
    <s v=""/>
    <n v="239137.91999999998"/>
    <s v=""/>
    <s v=""/>
    <s v=""/>
    <s v=""/>
    <s v=""/>
    <s v=""/>
    <s v=""/>
    <s v=""/>
    <s v=""/>
    <s v=""/>
    <s v=""/>
    <s v=""/>
    <s v=""/>
    <s v=""/>
    <s v=""/>
    <s v=""/>
    <s v=""/>
    <s v=""/>
    <s v=""/>
    <s v=""/>
    <s v=""/>
    <s v=""/>
    <s v=""/>
    <s v=""/>
    <s v=""/>
    <s v=""/>
    <m/>
    <m/>
    <m/>
  </r>
  <r>
    <n v="436"/>
    <x v="1"/>
    <s v="Green infrastructure"/>
    <s v="Public parks and gardens "/>
    <s v="Number of public parks and gardens"/>
    <s v="Number of public parks and gardens"/>
    <x v="1"/>
    <x v="16"/>
    <x v="2"/>
    <x v="17"/>
    <x v="2"/>
    <s v="N/A"/>
    <s v="N/A"/>
    <n v="334033.91999999998"/>
    <n v="334033.91999999998"/>
    <s v="S106"/>
    <s v="Important"/>
    <m/>
    <m/>
    <m/>
    <m/>
    <s v="Yes"/>
    <m/>
    <m/>
    <m/>
    <m/>
    <m/>
    <m/>
    <m/>
    <m/>
    <m/>
    <m/>
    <m/>
    <m/>
    <m/>
    <m/>
    <m/>
    <m/>
    <m/>
    <m/>
    <m/>
    <m/>
    <m/>
    <m/>
    <m/>
    <m/>
    <m/>
    <m/>
    <n v="300"/>
    <n v="1113.4464"/>
    <s v=""/>
    <s v=""/>
    <s v=""/>
    <s v=""/>
    <n v="334033.91999999998"/>
    <s v=""/>
    <s v=""/>
    <s v=""/>
    <s v=""/>
    <s v=""/>
    <s v=""/>
    <s v=""/>
    <s v=""/>
    <s v=""/>
    <s v=""/>
    <s v=""/>
    <s v=""/>
    <s v=""/>
    <s v=""/>
    <s v=""/>
    <s v=""/>
    <s v=""/>
    <s v=""/>
    <s v=""/>
    <s v=""/>
    <s v=""/>
    <s v=""/>
    <s v=""/>
    <s v=""/>
    <s v=""/>
    <s v=""/>
    <m/>
    <m/>
    <m/>
  </r>
  <r>
    <n v="437"/>
    <x v="1"/>
    <s v="Green infrastructure"/>
    <s v="LAPs"/>
    <s v="1 LAP, delivered by developer"/>
    <s v="1 LAP, delivered by developer"/>
    <x v="1"/>
    <x v="16"/>
    <x v="1"/>
    <x v="18"/>
    <x v="2"/>
    <s v="N/A"/>
    <s v="N/A"/>
    <n v="43494"/>
    <n v="43494"/>
    <s v="S106"/>
    <s v="Important"/>
    <m/>
    <m/>
    <m/>
    <m/>
    <s v="Yes"/>
    <m/>
    <m/>
    <m/>
    <m/>
    <m/>
    <m/>
    <m/>
    <m/>
    <m/>
    <m/>
    <m/>
    <m/>
    <m/>
    <m/>
    <m/>
    <m/>
    <m/>
    <m/>
    <m/>
    <m/>
    <m/>
    <m/>
    <m/>
    <m/>
    <m/>
    <m/>
    <n v="300"/>
    <n v="144.97999999999999"/>
    <s v=""/>
    <s v=""/>
    <s v=""/>
    <s v=""/>
    <n v="43494"/>
    <s v=""/>
    <s v=""/>
    <s v=""/>
    <s v=""/>
    <s v=""/>
    <s v=""/>
    <s v=""/>
    <s v=""/>
    <s v=""/>
    <s v=""/>
    <s v=""/>
    <s v=""/>
    <s v=""/>
    <s v=""/>
    <s v=""/>
    <s v=""/>
    <s v=""/>
    <s v=""/>
    <s v=""/>
    <s v=""/>
    <s v=""/>
    <s v=""/>
    <s v=""/>
    <s v=""/>
    <s v=""/>
    <s v=""/>
    <m/>
    <m/>
    <m/>
  </r>
  <r>
    <n v="438"/>
    <x v="1"/>
    <s v="Green infrastructure"/>
    <s v="LEAPs"/>
    <s v="1 LEAP, delivered by developer"/>
    <s v="1 LEAP, delivered by developer"/>
    <x v="1"/>
    <x v="16"/>
    <x v="1"/>
    <x v="18"/>
    <x v="2"/>
    <s v="N/A"/>
    <s v="N/A"/>
    <n v="105440"/>
    <n v="105440"/>
    <s v="S106"/>
    <s v="Important"/>
    <m/>
    <m/>
    <m/>
    <m/>
    <s v="Yes"/>
    <m/>
    <m/>
    <m/>
    <m/>
    <m/>
    <m/>
    <m/>
    <m/>
    <m/>
    <m/>
    <m/>
    <m/>
    <m/>
    <m/>
    <m/>
    <m/>
    <m/>
    <m/>
    <m/>
    <m/>
    <m/>
    <m/>
    <m/>
    <m/>
    <m/>
    <m/>
    <n v="300"/>
    <n v="351.46666666666664"/>
    <s v=""/>
    <s v=""/>
    <s v=""/>
    <s v=""/>
    <n v="105439.99999999999"/>
    <s v=""/>
    <s v=""/>
    <s v=""/>
    <s v=""/>
    <s v=""/>
    <s v=""/>
    <s v=""/>
    <s v=""/>
    <s v=""/>
    <s v=""/>
    <s v=""/>
    <s v=""/>
    <s v=""/>
    <s v=""/>
    <s v=""/>
    <s v=""/>
    <s v=""/>
    <s v=""/>
    <s v=""/>
    <s v=""/>
    <s v=""/>
    <s v=""/>
    <s v=""/>
    <s v=""/>
    <s v=""/>
    <s v=""/>
    <m/>
    <m/>
    <m/>
  </r>
  <r>
    <n v="439"/>
    <x v="1"/>
    <s v="Green infrastructure"/>
    <s v="MUGAs"/>
    <s v="Contrbution towards off-site MUGA "/>
    <s v="Contribution towards off-site MUGA "/>
    <x v="1"/>
    <x v="16"/>
    <x v="2"/>
    <x v="18"/>
    <x v="2"/>
    <s v="N/A"/>
    <s v="N/A"/>
    <n v="42581.538461538461"/>
    <n v="42581.538461538461"/>
    <s v="S106"/>
    <s v="Important"/>
    <m/>
    <m/>
    <m/>
    <m/>
    <s v="Yes"/>
    <m/>
    <m/>
    <m/>
    <m/>
    <m/>
    <m/>
    <m/>
    <m/>
    <m/>
    <m/>
    <m/>
    <m/>
    <m/>
    <m/>
    <m/>
    <m/>
    <m/>
    <m/>
    <m/>
    <m/>
    <m/>
    <m/>
    <m/>
    <m/>
    <m/>
    <m/>
    <n v="300"/>
    <n v="141.93846153846152"/>
    <s v=""/>
    <s v=""/>
    <s v=""/>
    <s v=""/>
    <n v="42581.538461538454"/>
    <s v=""/>
    <s v=""/>
    <s v=""/>
    <s v=""/>
    <s v=""/>
    <s v=""/>
    <s v=""/>
    <s v=""/>
    <s v=""/>
    <s v=""/>
    <s v=""/>
    <s v=""/>
    <s v=""/>
    <s v=""/>
    <s v=""/>
    <s v=""/>
    <s v=""/>
    <s v=""/>
    <s v=""/>
    <s v=""/>
    <s v=""/>
    <s v=""/>
    <s v=""/>
    <s v=""/>
    <s v=""/>
    <s v=""/>
    <m/>
    <m/>
    <m/>
  </r>
  <r>
    <n v="440"/>
    <x v="1"/>
    <s v="Green infrastructure"/>
    <s v="NEAPs"/>
    <s v="Number of NEAPs"/>
    <s v="Number of NEAPs"/>
    <x v="1"/>
    <x v="16"/>
    <x v="3"/>
    <x v="18"/>
    <x v="2"/>
    <s v="N/A"/>
    <s v="N/A"/>
    <n v="0"/>
    <n v="0"/>
    <s v="S106"/>
    <s v="Important"/>
    <m/>
    <m/>
    <m/>
    <m/>
    <s v="Yes"/>
    <m/>
    <m/>
    <m/>
    <m/>
    <m/>
    <m/>
    <m/>
    <m/>
    <m/>
    <m/>
    <m/>
    <m/>
    <m/>
    <m/>
    <m/>
    <m/>
    <m/>
    <m/>
    <m/>
    <m/>
    <m/>
    <m/>
    <m/>
    <m/>
    <m/>
    <m/>
    <n v="300"/>
    <m/>
    <s v=""/>
    <s v=""/>
    <s v=""/>
    <s v=""/>
    <n v="0"/>
    <s v=""/>
    <s v=""/>
    <s v=""/>
    <s v=""/>
    <s v=""/>
    <s v=""/>
    <s v=""/>
    <s v=""/>
    <s v=""/>
    <s v=""/>
    <s v=""/>
    <s v=""/>
    <s v=""/>
    <s v=""/>
    <s v=""/>
    <s v=""/>
    <s v=""/>
    <s v=""/>
    <s v=""/>
    <s v=""/>
    <s v=""/>
    <s v=""/>
    <s v=""/>
    <s v=""/>
    <s v=""/>
    <s v=""/>
    <m/>
    <m/>
    <m/>
  </r>
  <r>
    <n v="441"/>
    <x v="1"/>
    <s v="Green infrastructure"/>
    <s v="Allotments "/>
    <s v="Hectares of allotments required"/>
    <s v="Hectares of allotments required"/>
    <x v="1"/>
    <x v="16"/>
    <x v="2"/>
    <x v="17"/>
    <x v="2"/>
    <s v="N/A"/>
    <s v="N/A"/>
    <n v="53379"/>
    <n v="53379"/>
    <s v="S106"/>
    <s v="Important"/>
    <m/>
    <m/>
    <m/>
    <m/>
    <s v="Yes"/>
    <m/>
    <m/>
    <m/>
    <m/>
    <m/>
    <m/>
    <m/>
    <m/>
    <m/>
    <m/>
    <m/>
    <m/>
    <m/>
    <m/>
    <m/>
    <m/>
    <m/>
    <m/>
    <m/>
    <m/>
    <m/>
    <m/>
    <m/>
    <m/>
    <m/>
    <m/>
    <n v="300"/>
    <n v="177.93"/>
    <s v=""/>
    <s v=""/>
    <s v=""/>
    <s v=""/>
    <n v="53379"/>
    <s v=""/>
    <s v=""/>
    <s v=""/>
    <s v=""/>
    <s v=""/>
    <s v=""/>
    <s v=""/>
    <s v=""/>
    <s v=""/>
    <s v=""/>
    <s v=""/>
    <s v=""/>
    <s v=""/>
    <s v=""/>
    <s v=""/>
    <s v=""/>
    <s v=""/>
    <s v=""/>
    <s v=""/>
    <s v=""/>
    <s v=""/>
    <s v=""/>
    <s v=""/>
    <s v=""/>
    <s v=""/>
    <s v=""/>
    <m/>
    <m/>
    <m/>
  </r>
  <r>
    <n v="442"/>
    <x v="1"/>
    <s v="Green infrastructure"/>
    <s v="Amenity Space"/>
    <s v="Hectares of amenity space"/>
    <s v="Hectares of amenity space"/>
    <x v="1"/>
    <x v="26"/>
    <x v="1"/>
    <x v="17"/>
    <x v="27"/>
    <s v="N/A"/>
    <s v="N/A"/>
    <n v="30366.719999999998"/>
    <n v="30366.719999999998"/>
    <s v="S106"/>
    <s v="Important"/>
    <m/>
    <m/>
    <m/>
    <m/>
    <m/>
    <m/>
    <s v="Yes"/>
    <m/>
    <m/>
    <m/>
    <m/>
    <m/>
    <m/>
    <m/>
    <m/>
    <m/>
    <m/>
    <m/>
    <m/>
    <m/>
    <m/>
    <m/>
    <m/>
    <m/>
    <m/>
    <m/>
    <m/>
    <m/>
    <m/>
    <m/>
    <m/>
    <n v="100"/>
    <n v="303.66719999999998"/>
    <s v=""/>
    <s v=""/>
    <s v=""/>
    <s v=""/>
    <s v=""/>
    <s v=""/>
    <n v="30366.719999999998"/>
    <s v=""/>
    <s v=""/>
    <s v=""/>
    <s v=""/>
    <s v=""/>
    <s v=""/>
    <s v=""/>
    <s v=""/>
    <s v=""/>
    <s v=""/>
    <s v=""/>
    <s v=""/>
    <s v=""/>
    <s v=""/>
    <s v=""/>
    <s v=""/>
    <s v=""/>
    <s v=""/>
    <s v=""/>
    <s v=""/>
    <s v=""/>
    <s v=""/>
    <s v=""/>
    <s v=""/>
    <m/>
    <m/>
    <m/>
  </r>
  <r>
    <n v="443"/>
    <x v="1"/>
    <s v="Green infrastructure"/>
    <s v="Natural and semi natural greenspace"/>
    <s v="Hectares of natural and semi natural greenspace"/>
    <s v="Hectares of natural and semi natural greenspace"/>
    <x v="1"/>
    <x v="26"/>
    <x v="2"/>
    <x v="17"/>
    <x v="27"/>
    <s v="N/A"/>
    <s v="N/A"/>
    <n v="79712.639999999999"/>
    <n v="79712.639999999999"/>
    <s v="S106"/>
    <s v="Important"/>
    <m/>
    <m/>
    <m/>
    <m/>
    <m/>
    <m/>
    <s v="Yes"/>
    <m/>
    <m/>
    <m/>
    <m/>
    <m/>
    <m/>
    <m/>
    <m/>
    <m/>
    <m/>
    <m/>
    <m/>
    <m/>
    <m/>
    <m/>
    <m/>
    <m/>
    <m/>
    <m/>
    <m/>
    <m/>
    <m/>
    <m/>
    <m/>
    <n v="100"/>
    <n v="797.12639999999999"/>
    <s v=""/>
    <s v=""/>
    <s v=""/>
    <s v=""/>
    <s v=""/>
    <s v=""/>
    <n v="79712.639999999999"/>
    <s v=""/>
    <s v=""/>
    <s v=""/>
    <s v=""/>
    <s v=""/>
    <s v=""/>
    <s v=""/>
    <s v=""/>
    <s v=""/>
    <s v=""/>
    <s v=""/>
    <s v=""/>
    <s v=""/>
    <s v=""/>
    <s v=""/>
    <s v=""/>
    <s v=""/>
    <s v=""/>
    <s v=""/>
    <s v=""/>
    <s v=""/>
    <s v=""/>
    <s v=""/>
    <s v=""/>
    <m/>
    <m/>
    <m/>
  </r>
  <r>
    <n v="444"/>
    <x v="1"/>
    <s v="Green infrastructure"/>
    <s v="Public parks and gardens "/>
    <s v="Number of public parks and gardens"/>
    <s v="Number of public parks and gardens"/>
    <x v="1"/>
    <x v="26"/>
    <x v="2"/>
    <x v="17"/>
    <x v="27"/>
    <s v="N/A"/>
    <s v="N/A"/>
    <n v="111344.64"/>
    <n v="111344.64"/>
    <s v="S106"/>
    <s v="Important"/>
    <m/>
    <m/>
    <m/>
    <m/>
    <m/>
    <m/>
    <s v="Yes"/>
    <m/>
    <m/>
    <m/>
    <m/>
    <m/>
    <m/>
    <m/>
    <m/>
    <m/>
    <m/>
    <m/>
    <m/>
    <m/>
    <m/>
    <m/>
    <m/>
    <m/>
    <m/>
    <m/>
    <m/>
    <m/>
    <m/>
    <m/>
    <m/>
    <n v="100"/>
    <n v="1113.4464"/>
    <s v=""/>
    <s v=""/>
    <s v=""/>
    <s v=""/>
    <s v=""/>
    <s v=""/>
    <n v="111344.64"/>
    <s v=""/>
    <s v=""/>
    <s v=""/>
    <s v=""/>
    <s v=""/>
    <s v=""/>
    <s v=""/>
    <s v=""/>
    <s v=""/>
    <s v=""/>
    <s v=""/>
    <s v=""/>
    <s v=""/>
    <s v=""/>
    <s v=""/>
    <s v=""/>
    <s v=""/>
    <s v=""/>
    <s v=""/>
    <s v=""/>
    <s v=""/>
    <s v=""/>
    <s v=""/>
    <s v=""/>
    <m/>
    <m/>
    <m/>
  </r>
  <r>
    <n v="445"/>
    <x v="1"/>
    <s v="Green infrastructure"/>
    <s v="LAPs"/>
    <s v="1 LAP, delivered by developer"/>
    <s v="1 LAP, delivered by developer"/>
    <x v="1"/>
    <x v="26"/>
    <x v="1"/>
    <x v="18"/>
    <x v="27"/>
    <s v="N/A"/>
    <s v="N/A"/>
    <n v="43494"/>
    <n v="43494"/>
    <s v="S106"/>
    <s v="Important"/>
    <m/>
    <m/>
    <m/>
    <m/>
    <m/>
    <m/>
    <s v="Yes"/>
    <m/>
    <m/>
    <m/>
    <m/>
    <m/>
    <m/>
    <m/>
    <m/>
    <m/>
    <m/>
    <m/>
    <m/>
    <m/>
    <m/>
    <m/>
    <m/>
    <m/>
    <m/>
    <m/>
    <m/>
    <m/>
    <m/>
    <m/>
    <m/>
    <n v="100"/>
    <n v="434.94"/>
    <s v=""/>
    <s v=""/>
    <s v=""/>
    <s v=""/>
    <s v=""/>
    <s v=""/>
    <n v="43494"/>
    <s v=""/>
    <s v=""/>
    <s v=""/>
    <s v=""/>
    <s v=""/>
    <s v=""/>
    <s v=""/>
    <s v=""/>
    <s v=""/>
    <s v=""/>
    <s v=""/>
    <s v=""/>
    <s v=""/>
    <s v=""/>
    <s v=""/>
    <s v=""/>
    <s v=""/>
    <s v=""/>
    <s v=""/>
    <s v=""/>
    <s v=""/>
    <s v=""/>
    <s v=""/>
    <s v=""/>
    <m/>
    <m/>
    <m/>
  </r>
  <r>
    <n v="446"/>
    <x v="1"/>
    <s v="Green infrastructure"/>
    <s v="LEAPs"/>
    <s v="1 LEAP, delivered by developer"/>
    <s v="1 LEAP, delivered by developer"/>
    <x v="1"/>
    <x v="26"/>
    <x v="1"/>
    <x v="18"/>
    <x v="27"/>
    <s v="N/A"/>
    <s v="N/A"/>
    <n v="105440"/>
    <n v="105440"/>
    <s v="S106"/>
    <s v="Important"/>
    <m/>
    <m/>
    <m/>
    <m/>
    <m/>
    <m/>
    <s v="Yes"/>
    <m/>
    <m/>
    <m/>
    <m/>
    <m/>
    <m/>
    <m/>
    <m/>
    <m/>
    <m/>
    <m/>
    <m/>
    <m/>
    <m/>
    <m/>
    <m/>
    <m/>
    <m/>
    <m/>
    <m/>
    <m/>
    <m/>
    <m/>
    <m/>
    <n v="100"/>
    <n v="1054.4000000000001"/>
    <s v=""/>
    <s v=""/>
    <s v=""/>
    <s v=""/>
    <s v=""/>
    <s v=""/>
    <n v="105440.00000000001"/>
    <s v=""/>
    <s v=""/>
    <s v=""/>
    <s v=""/>
    <s v=""/>
    <s v=""/>
    <s v=""/>
    <s v=""/>
    <s v=""/>
    <s v=""/>
    <s v=""/>
    <s v=""/>
    <s v=""/>
    <s v=""/>
    <s v=""/>
    <s v=""/>
    <s v=""/>
    <s v=""/>
    <s v=""/>
    <s v=""/>
    <s v=""/>
    <s v=""/>
    <s v=""/>
    <s v=""/>
    <m/>
    <m/>
    <m/>
  </r>
  <r>
    <n v="447"/>
    <x v="1"/>
    <s v="Green infrastructure"/>
    <s v="MUGAs"/>
    <s v="Number of MUGAs"/>
    <s v="Number of MUGAs"/>
    <x v="1"/>
    <x v="26"/>
    <x v="3"/>
    <x v="18"/>
    <x v="27"/>
    <s v="N/A"/>
    <s v="N/A"/>
    <n v="0"/>
    <n v="0"/>
    <s v="S106"/>
    <s v="Important"/>
    <m/>
    <m/>
    <m/>
    <m/>
    <m/>
    <m/>
    <s v="Yes"/>
    <m/>
    <m/>
    <m/>
    <m/>
    <m/>
    <m/>
    <m/>
    <m/>
    <m/>
    <m/>
    <m/>
    <m/>
    <m/>
    <m/>
    <m/>
    <m/>
    <m/>
    <m/>
    <m/>
    <m/>
    <m/>
    <m/>
    <m/>
    <m/>
    <n v="100"/>
    <m/>
    <s v=""/>
    <s v=""/>
    <s v=""/>
    <s v=""/>
    <s v=""/>
    <s v=""/>
    <n v="0"/>
    <s v=""/>
    <s v=""/>
    <s v=""/>
    <s v=""/>
    <s v=""/>
    <s v=""/>
    <s v=""/>
    <s v=""/>
    <s v=""/>
    <s v=""/>
    <s v=""/>
    <s v=""/>
    <s v=""/>
    <s v=""/>
    <s v=""/>
    <s v=""/>
    <s v=""/>
    <s v=""/>
    <s v=""/>
    <s v=""/>
    <s v=""/>
    <s v=""/>
    <s v=""/>
    <s v=""/>
    <m/>
    <m/>
    <m/>
  </r>
  <r>
    <n v="448"/>
    <x v="1"/>
    <s v="Green infrastructure"/>
    <s v="NEAPs"/>
    <s v="Number of NEAPs"/>
    <s v="Number of NEAPs"/>
    <x v="1"/>
    <x v="26"/>
    <x v="3"/>
    <x v="18"/>
    <x v="27"/>
    <s v="N/A"/>
    <s v="N/A"/>
    <n v="0"/>
    <n v="0"/>
    <s v="S106"/>
    <s v="Important"/>
    <m/>
    <m/>
    <m/>
    <m/>
    <m/>
    <m/>
    <s v="Yes"/>
    <m/>
    <m/>
    <m/>
    <m/>
    <m/>
    <m/>
    <m/>
    <m/>
    <m/>
    <m/>
    <m/>
    <m/>
    <m/>
    <m/>
    <m/>
    <m/>
    <m/>
    <m/>
    <m/>
    <m/>
    <m/>
    <m/>
    <m/>
    <m/>
    <n v="100"/>
    <m/>
    <s v=""/>
    <s v=""/>
    <s v=""/>
    <s v=""/>
    <s v=""/>
    <s v=""/>
    <n v="0"/>
    <s v=""/>
    <s v=""/>
    <s v=""/>
    <s v=""/>
    <s v=""/>
    <s v=""/>
    <s v=""/>
    <s v=""/>
    <s v=""/>
    <s v=""/>
    <s v=""/>
    <s v=""/>
    <s v=""/>
    <s v=""/>
    <s v=""/>
    <s v=""/>
    <s v=""/>
    <s v=""/>
    <s v=""/>
    <s v=""/>
    <s v=""/>
    <s v=""/>
    <s v=""/>
    <s v=""/>
    <m/>
    <m/>
    <m/>
  </r>
  <r>
    <n v="449"/>
    <x v="1"/>
    <s v="Green infrastructure"/>
    <s v="Allotments "/>
    <s v="Hectares of allotments required"/>
    <s v="Hectares of allotments required"/>
    <x v="1"/>
    <x v="26"/>
    <x v="2"/>
    <x v="17"/>
    <x v="27"/>
    <s v="N/A"/>
    <s v="N/A"/>
    <n v="17793"/>
    <n v="17793"/>
    <s v="S106"/>
    <s v="Important"/>
    <m/>
    <m/>
    <m/>
    <m/>
    <m/>
    <m/>
    <s v="Yes"/>
    <m/>
    <m/>
    <m/>
    <m/>
    <m/>
    <m/>
    <m/>
    <m/>
    <m/>
    <m/>
    <m/>
    <m/>
    <m/>
    <m/>
    <m/>
    <m/>
    <m/>
    <m/>
    <m/>
    <m/>
    <m/>
    <m/>
    <m/>
    <m/>
    <n v="100"/>
    <n v="177.93"/>
    <s v=""/>
    <s v=""/>
    <s v=""/>
    <s v=""/>
    <s v=""/>
    <s v=""/>
    <n v="17793"/>
    <s v=""/>
    <s v=""/>
    <s v=""/>
    <s v=""/>
    <s v=""/>
    <s v=""/>
    <s v=""/>
    <s v=""/>
    <s v=""/>
    <s v=""/>
    <s v=""/>
    <s v=""/>
    <s v=""/>
    <s v=""/>
    <s v=""/>
    <s v=""/>
    <s v=""/>
    <s v=""/>
    <s v=""/>
    <s v=""/>
    <s v=""/>
    <s v=""/>
    <s v=""/>
    <s v=""/>
    <m/>
    <m/>
    <m/>
  </r>
  <r>
    <n v="450"/>
    <x v="1"/>
    <s v="Green infrastructure"/>
    <s v="Amenity Space"/>
    <s v="Hectares of amenity space"/>
    <s v="Hectares of amenity space"/>
    <x v="1"/>
    <x v="27"/>
    <x v="1"/>
    <x v="17"/>
    <x v="28"/>
    <s v="N/A"/>
    <s v="N/A"/>
    <n v="118430.208"/>
    <n v="118430.208"/>
    <s v="S106"/>
    <s v="Important"/>
    <m/>
    <m/>
    <m/>
    <m/>
    <m/>
    <m/>
    <m/>
    <s v="Yes"/>
    <m/>
    <m/>
    <m/>
    <m/>
    <m/>
    <m/>
    <m/>
    <m/>
    <m/>
    <m/>
    <m/>
    <m/>
    <m/>
    <m/>
    <m/>
    <m/>
    <m/>
    <m/>
    <m/>
    <m/>
    <m/>
    <m/>
    <m/>
    <n v="390"/>
    <n v="303.66719999999998"/>
    <s v=""/>
    <s v=""/>
    <s v=""/>
    <s v=""/>
    <s v=""/>
    <s v=""/>
    <s v=""/>
    <n v="118430.208"/>
    <s v=""/>
    <s v=""/>
    <s v=""/>
    <s v=""/>
    <s v=""/>
    <s v=""/>
    <s v=""/>
    <s v=""/>
    <s v=""/>
    <s v=""/>
    <s v=""/>
    <s v=""/>
    <s v=""/>
    <s v=""/>
    <s v=""/>
    <s v=""/>
    <s v=""/>
    <s v=""/>
    <s v=""/>
    <s v=""/>
    <s v=""/>
    <s v=""/>
    <s v=""/>
    <m/>
    <m/>
    <m/>
  </r>
  <r>
    <n v="451"/>
    <x v="1"/>
    <s v="Green infrastructure"/>
    <s v="Natural and semi natural greenspace"/>
    <s v="Hectares of natural and semi natural greenspace"/>
    <s v="Hectares of natural and semi natural greenspace"/>
    <x v="1"/>
    <x v="27"/>
    <x v="3"/>
    <x v="17"/>
    <x v="28"/>
    <s v="N/A"/>
    <s v="N/A"/>
    <n v="310879.29600000003"/>
    <n v="310879.29600000003"/>
    <s v="S106"/>
    <s v="Important"/>
    <m/>
    <m/>
    <m/>
    <m/>
    <m/>
    <m/>
    <m/>
    <s v="Yes"/>
    <m/>
    <m/>
    <m/>
    <m/>
    <m/>
    <m/>
    <m/>
    <m/>
    <m/>
    <m/>
    <m/>
    <m/>
    <m/>
    <m/>
    <m/>
    <m/>
    <m/>
    <m/>
    <m/>
    <m/>
    <m/>
    <m/>
    <m/>
    <n v="390"/>
    <n v="797.1264000000001"/>
    <s v=""/>
    <s v=""/>
    <s v=""/>
    <s v=""/>
    <s v=""/>
    <s v=""/>
    <s v=""/>
    <n v="310879.29600000003"/>
    <s v=""/>
    <s v=""/>
    <s v=""/>
    <s v=""/>
    <s v=""/>
    <s v=""/>
    <s v=""/>
    <s v=""/>
    <s v=""/>
    <s v=""/>
    <s v=""/>
    <s v=""/>
    <s v=""/>
    <s v=""/>
    <s v=""/>
    <s v=""/>
    <s v=""/>
    <s v=""/>
    <s v=""/>
    <s v=""/>
    <s v=""/>
    <s v=""/>
    <s v=""/>
    <m/>
    <m/>
    <m/>
  </r>
  <r>
    <n v="452"/>
    <x v="1"/>
    <s v="Green infrastructure"/>
    <s v="Public parks and gardens "/>
    <s v="Number of public parks and gardens"/>
    <s v="Number of public parks and gardens"/>
    <x v="1"/>
    <x v="27"/>
    <x v="3"/>
    <x v="17"/>
    <x v="28"/>
    <s v="N/A"/>
    <s v="N/A"/>
    <n v="434244.09600000008"/>
    <n v="434244.09600000008"/>
    <s v="S106"/>
    <s v="Important"/>
    <m/>
    <m/>
    <m/>
    <m/>
    <m/>
    <m/>
    <m/>
    <s v="Yes"/>
    <m/>
    <m/>
    <m/>
    <m/>
    <m/>
    <m/>
    <m/>
    <m/>
    <m/>
    <m/>
    <m/>
    <m/>
    <m/>
    <m/>
    <m/>
    <m/>
    <m/>
    <m/>
    <m/>
    <m/>
    <m/>
    <m/>
    <m/>
    <n v="390"/>
    <n v="1113.4464000000003"/>
    <s v=""/>
    <s v=""/>
    <s v=""/>
    <s v=""/>
    <s v=""/>
    <s v=""/>
    <s v=""/>
    <n v="434244.09600000008"/>
    <s v=""/>
    <s v=""/>
    <s v=""/>
    <s v=""/>
    <s v=""/>
    <s v=""/>
    <s v=""/>
    <s v=""/>
    <s v=""/>
    <s v=""/>
    <s v=""/>
    <s v=""/>
    <s v=""/>
    <s v=""/>
    <s v=""/>
    <s v=""/>
    <s v=""/>
    <s v=""/>
    <s v=""/>
    <s v=""/>
    <s v=""/>
    <s v=""/>
    <s v=""/>
    <m/>
    <m/>
    <m/>
  </r>
  <r>
    <n v="453"/>
    <x v="1"/>
    <s v="Green infrastructure"/>
    <s v="LAPs"/>
    <s v="1 LAP, delivered by site developers"/>
    <s v="1 LAP, delivered by site developers"/>
    <x v="1"/>
    <x v="27"/>
    <x v="1"/>
    <x v="18"/>
    <x v="28"/>
    <s v="N/A"/>
    <s v="N/A"/>
    <n v="43494"/>
    <n v="43494"/>
    <s v="S106"/>
    <s v="Important"/>
    <m/>
    <m/>
    <m/>
    <m/>
    <m/>
    <m/>
    <m/>
    <s v="Yes"/>
    <m/>
    <m/>
    <m/>
    <m/>
    <m/>
    <m/>
    <m/>
    <m/>
    <m/>
    <m/>
    <m/>
    <m/>
    <m/>
    <m/>
    <m/>
    <m/>
    <m/>
    <m/>
    <m/>
    <m/>
    <m/>
    <m/>
    <m/>
    <n v="390"/>
    <n v="111.52307692307693"/>
    <s v=""/>
    <s v=""/>
    <s v=""/>
    <s v=""/>
    <s v=""/>
    <s v=""/>
    <s v=""/>
    <n v="43494"/>
    <s v=""/>
    <s v=""/>
    <s v=""/>
    <s v=""/>
    <s v=""/>
    <s v=""/>
    <s v=""/>
    <s v=""/>
    <s v=""/>
    <s v=""/>
    <s v=""/>
    <s v=""/>
    <s v=""/>
    <s v=""/>
    <s v=""/>
    <s v=""/>
    <s v=""/>
    <s v=""/>
    <s v=""/>
    <s v=""/>
    <s v=""/>
    <s v=""/>
    <s v=""/>
    <m/>
    <m/>
    <m/>
  </r>
  <r>
    <n v="454"/>
    <x v="1"/>
    <s v="Green infrastructure"/>
    <s v="LEAPs"/>
    <s v="Contrbution towards off-site LEAP "/>
    <s v="Contribution towards off-site LEAP "/>
    <x v="1"/>
    <x v="27"/>
    <x v="2"/>
    <x v="18"/>
    <x v="28"/>
    <s v="N/A"/>
    <s v="N/A"/>
    <n v="47266.206896551725"/>
    <n v="47266.206896551725"/>
    <s v="S106"/>
    <s v="Important"/>
    <m/>
    <m/>
    <m/>
    <m/>
    <m/>
    <m/>
    <m/>
    <s v="Yes"/>
    <m/>
    <m/>
    <m/>
    <m/>
    <m/>
    <m/>
    <m/>
    <m/>
    <m/>
    <m/>
    <m/>
    <m/>
    <m/>
    <m/>
    <m/>
    <m/>
    <m/>
    <m/>
    <m/>
    <m/>
    <m/>
    <m/>
    <m/>
    <n v="390"/>
    <n v="121.19540229885058"/>
    <s v=""/>
    <s v=""/>
    <s v=""/>
    <s v=""/>
    <s v=""/>
    <s v=""/>
    <s v=""/>
    <n v="47266.206896551725"/>
    <s v=""/>
    <s v=""/>
    <s v=""/>
    <s v=""/>
    <s v=""/>
    <s v=""/>
    <s v=""/>
    <s v=""/>
    <s v=""/>
    <s v=""/>
    <s v=""/>
    <s v=""/>
    <s v=""/>
    <s v=""/>
    <s v=""/>
    <s v=""/>
    <s v=""/>
    <s v=""/>
    <s v=""/>
    <s v=""/>
    <s v=""/>
    <s v=""/>
    <s v=""/>
    <m/>
    <m/>
    <m/>
  </r>
  <r>
    <n v="455"/>
    <x v="1"/>
    <s v="Green infrastructure"/>
    <s v="MUGAs"/>
    <s v="1 MUGA. Delivered by site developers"/>
    <s v="1 MUGA. Delivered by site developers"/>
    <x v="1"/>
    <x v="27"/>
    <x v="1"/>
    <x v="18"/>
    <x v="28"/>
    <s v="N/A"/>
    <s v="N/A"/>
    <n v="82715.862068965522"/>
    <n v="82715.862068965522"/>
    <s v="S106"/>
    <s v="Important"/>
    <m/>
    <m/>
    <m/>
    <m/>
    <m/>
    <m/>
    <m/>
    <s v="Yes"/>
    <m/>
    <m/>
    <m/>
    <m/>
    <m/>
    <m/>
    <m/>
    <m/>
    <m/>
    <m/>
    <m/>
    <m/>
    <m/>
    <m/>
    <m/>
    <m/>
    <m/>
    <m/>
    <m/>
    <m/>
    <m/>
    <m/>
    <m/>
    <n v="390"/>
    <n v="212.09195402298852"/>
    <s v=""/>
    <s v=""/>
    <s v=""/>
    <s v=""/>
    <s v=""/>
    <s v=""/>
    <s v=""/>
    <n v="82715.862068965522"/>
    <s v=""/>
    <s v=""/>
    <s v=""/>
    <s v=""/>
    <s v=""/>
    <s v=""/>
    <s v=""/>
    <s v=""/>
    <s v=""/>
    <s v=""/>
    <s v=""/>
    <s v=""/>
    <s v=""/>
    <s v=""/>
    <s v=""/>
    <s v=""/>
    <s v=""/>
    <s v=""/>
    <s v=""/>
    <s v=""/>
    <s v=""/>
    <s v=""/>
    <s v=""/>
    <m/>
    <m/>
    <m/>
  </r>
  <r>
    <n v="456"/>
    <x v="1"/>
    <s v="Green infrastructure"/>
    <s v="NEAPs"/>
    <s v="Number of NEAPs"/>
    <s v="Number of NEAPs"/>
    <x v="1"/>
    <x v="27"/>
    <x v="3"/>
    <x v="18"/>
    <x v="28"/>
    <s v="N/A"/>
    <s v="N/A"/>
    <n v="0"/>
    <n v="0"/>
    <s v="S106"/>
    <s v="Important"/>
    <m/>
    <m/>
    <m/>
    <m/>
    <m/>
    <m/>
    <m/>
    <s v="Yes"/>
    <m/>
    <m/>
    <m/>
    <m/>
    <m/>
    <m/>
    <m/>
    <m/>
    <m/>
    <m/>
    <m/>
    <m/>
    <m/>
    <m/>
    <m/>
    <m/>
    <m/>
    <m/>
    <m/>
    <m/>
    <m/>
    <m/>
    <m/>
    <n v="390"/>
    <m/>
    <s v=""/>
    <s v=""/>
    <s v=""/>
    <s v=""/>
    <s v=""/>
    <s v=""/>
    <s v=""/>
    <n v="0"/>
    <s v=""/>
    <s v=""/>
    <s v=""/>
    <s v=""/>
    <s v=""/>
    <s v=""/>
    <s v=""/>
    <s v=""/>
    <s v=""/>
    <s v=""/>
    <s v=""/>
    <s v=""/>
    <s v=""/>
    <s v=""/>
    <s v=""/>
    <s v=""/>
    <s v=""/>
    <s v=""/>
    <s v=""/>
    <s v=""/>
    <s v=""/>
    <s v=""/>
    <s v=""/>
    <m/>
    <m/>
    <m/>
  </r>
  <r>
    <n v="457"/>
    <x v="1"/>
    <s v="Green infrastructure"/>
    <s v="Allotments "/>
    <s v="Hectares of allotments required"/>
    <s v="Hectares of allotments required"/>
    <x v="1"/>
    <x v="27"/>
    <x v="2"/>
    <x v="17"/>
    <x v="28"/>
    <s v="N/A"/>
    <s v="N/A"/>
    <n v="69392.7"/>
    <n v="69392.7"/>
    <s v="S106"/>
    <s v="Important"/>
    <m/>
    <m/>
    <m/>
    <m/>
    <m/>
    <m/>
    <m/>
    <s v="Yes"/>
    <m/>
    <m/>
    <m/>
    <m/>
    <m/>
    <m/>
    <m/>
    <m/>
    <m/>
    <m/>
    <m/>
    <m/>
    <m/>
    <m/>
    <m/>
    <m/>
    <m/>
    <m/>
    <m/>
    <m/>
    <m/>
    <m/>
    <m/>
    <n v="390"/>
    <n v="177.92999999999998"/>
    <s v=""/>
    <s v=""/>
    <s v=""/>
    <s v=""/>
    <s v=""/>
    <s v=""/>
    <s v=""/>
    <n v="69392.7"/>
    <s v=""/>
    <s v=""/>
    <s v=""/>
    <s v=""/>
    <s v=""/>
    <s v=""/>
    <s v=""/>
    <s v=""/>
    <s v=""/>
    <s v=""/>
    <s v=""/>
    <s v=""/>
    <s v=""/>
    <s v=""/>
    <s v=""/>
    <s v=""/>
    <s v=""/>
    <s v=""/>
    <s v=""/>
    <s v=""/>
    <s v=""/>
    <s v=""/>
    <s v=""/>
    <m/>
    <m/>
    <m/>
  </r>
  <r>
    <n v="458"/>
    <x v="1"/>
    <s v="Green infrastructure"/>
    <s v="Amenity Space"/>
    <s v="Hectares of amenity space"/>
    <s v="Hectares of amenity space"/>
    <x v="1"/>
    <x v="28"/>
    <x v="1"/>
    <x v="17"/>
    <x v="10"/>
    <s v="N/A"/>
    <s v="N/A"/>
    <n v="145760.25599999999"/>
    <n v="145760.25599999999"/>
    <s v="S106"/>
    <s v="Important"/>
    <m/>
    <m/>
    <m/>
    <m/>
    <m/>
    <s v="Yes"/>
    <m/>
    <m/>
    <m/>
    <m/>
    <m/>
    <m/>
    <m/>
    <m/>
    <m/>
    <m/>
    <m/>
    <m/>
    <m/>
    <m/>
    <m/>
    <m/>
    <m/>
    <m/>
    <m/>
    <m/>
    <m/>
    <m/>
    <m/>
    <m/>
    <m/>
    <n v="480"/>
    <n v="303.66719999999998"/>
    <s v=""/>
    <s v=""/>
    <s v=""/>
    <s v=""/>
    <s v=""/>
    <n v="145760.25599999999"/>
    <s v=""/>
    <s v=""/>
    <s v=""/>
    <s v=""/>
    <s v=""/>
    <s v=""/>
    <s v=""/>
    <s v=""/>
    <s v=""/>
    <s v=""/>
    <s v=""/>
    <s v=""/>
    <s v=""/>
    <s v=""/>
    <s v=""/>
    <s v=""/>
    <s v=""/>
    <s v=""/>
    <s v=""/>
    <s v=""/>
    <s v=""/>
    <s v=""/>
    <s v=""/>
    <s v=""/>
    <s v=""/>
    <m/>
    <m/>
    <m/>
  </r>
  <r>
    <n v="459"/>
    <x v="1"/>
    <s v="Green infrastructure"/>
    <s v="Natural and semi natural greenspace"/>
    <s v="Hectares of natural and semi natural greenspace"/>
    <s v="Hectares of natural and semi natural greenspace"/>
    <x v="1"/>
    <x v="28"/>
    <x v="3"/>
    <x v="17"/>
    <x v="10"/>
    <s v="N/A"/>
    <s v="N/A"/>
    <n v="382620.67199999996"/>
    <n v="382620.67199999996"/>
    <s v="S106"/>
    <s v="Important"/>
    <m/>
    <m/>
    <m/>
    <m/>
    <m/>
    <s v="Yes"/>
    <m/>
    <m/>
    <m/>
    <m/>
    <m/>
    <m/>
    <m/>
    <m/>
    <m/>
    <m/>
    <m/>
    <m/>
    <m/>
    <m/>
    <m/>
    <m/>
    <m/>
    <m/>
    <m/>
    <m/>
    <m/>
    <m/>
    <m/>
    <m/>
    <m/>
    <n v="480"/>
    <n v="797.12639999999988"/>
    <s v=""/>
    <s v=""/>
    <s v=""/>
    <s v=""/>
    <s v=""/>
    <n v="382620.67199999996"/>
    <s v=""/>
    <s v=""/>
    <s v=""/>
    <s v=""/>
    <s v=""/>
    <s v=""/>
    <s v=""/>
    <s v=""/>
    <s v=""/>
    <s v=""/>
    <s v=""/>
    <s v=""/>
    <s v=""/>
    <s v=""/>
    <s v=""/>
    <s v=""/>
    <s v=""/>
    <s v=""/>
    <s v=""/>
    <s v=""/>
    <s v=""/>
    <s v=""/>
    <s v=""/>
    <s v=""/>
    <s v=""/>
    <m/>
    <m/>
    <m/>
  </r>
  <r>
    <n v="460"/>
    <x v="1"/>
    <s v="Green infrastructure"/>
    <s v="Public parks and gardens "/>
    <s v="Number of public parks and gardens"/>
    <s v="Number of public parks and gardens"/>
    <x v="1"/>
    <x v="28"/>
    <x v="2"/>
    <x v="17"/>
    <x v="10"/>
    <s v="N/A"/>
    <s v="N/A"/>
    <n v="534454.272"/>
    <n v="534454.272"/>
    <s v="S106"/>
    <s v="Important"/>
    <m/>
    <m/>
    <m/>
    <m/>
    <m/>
    <s v="Yes"/>
    <m/>
    <m/>
    <m/>
    <m/>
    <m/>
    <m/>
    <m/>
    <m/>
    <m/>
    <m/>
    <m/>
    <m/>
    <m/>
    <m/>
    <m/>
    <m/>
    <m/>
    <m/>
    <m/>
    <m/>
    <m/>
    <m/>
    <m/>
    <m/>
    <m/>
    <n v="480"/>
    <n v="1113.4464"/>
    <s v=""/>
    <s v=""/>
    <s v=""/>
    <s v=""/>
    <s v=""/>
    <n v="534454.272"/>
    <s v=""/>
    <s v=""/>
    <s v=""/>
    <s v=""/>
    <s v=""/>
    <s v=""/>
    <s v=""/>
    <s v=""/>
    <s v=""/>
    <s v=""/>
    <s v=""/>
    <s v=""/>
    <s v=""/>
    <s v=""/>
    <s v=""/>
    <s v=""/>
    <s v=""/>
    <s v=""/>
    <s v=""/>
    <s v=""/>
    <s v=""/>
    <s v=""/>
    <s v=""/>
    <s v=""/>
    <s v=""/>
    <m/>
    <m/>
    <m/>
  </r>
  <r>
    <n v="461"/>
    <x v="1"/>
    <s v="Green infrastructure"/>
    <s v="LAPs"/>
    <s v="1 LAP, delivered by site developers"/>
    <s v="1 LAP delivered by site developers"/>
    <x v="1"/>
    <x v="28"/>
    <x v="1"/>
    <x v="18"/>
    <x v="10"/>
    <s v="N/A"/>
    <s v="N/A"/>
    <n v="43494"/>
    <n v="43494"/>
    <s v="S106"/>
    <s v="Important"/>
    <m/>
    <m/>
    <m/>
    <m/>
    <m/>
    <s v="Yes"/>
    <m/>
    <m/>
    <m/>
    <m/>
    <m/>
    <m/>
    <m/>
    <m/>
    <m/>
    <m/>
    <m/>
    <m/>
    <m/>
    <m/>
    <m/>
    <m/>
    <m/>
    <m/>
    <m/>
    <m/>
    <m/>
    <m/>
    <m/>
    <m/>
    <m/>
    <n v="480"/>
    <n v="90.612499999999997"/>
    <s v=""/>
    <s v=""/>
    <s v=""/>
    <s v=""/>
    <s v=""/>
    <n v="43494"/>
    <s v=""/>
    <s v=""/>
    <s v=""/>
    <s v=""/>
    <s v=""/>
    <s v=""/>
    <s v=""/>
    <s v=""/>
    <s v=""/>
    <s v=""/>
    <s v=""/>
    <s v=""/>
    <s v=""/>
    <s v=""/>
    <s v=""/>
    <s v=""/>
    <s v=""/>
    <s v=""/>
    <s v=""/>
    <s v=""/>
    <s v=""/>
    <s v=""/>
    <s v=""/>
    <s v=""/>
    <s v=""/>
    <m/>
    <m/>
    <m/>
  </r>
  <r>
    <n v="462"/>
    <x v="1"/>
    <s v="Green infrastructure"/>
    <s v="LEAPs"/>
    <s v="Contrbution towards LEAP"/>
    <s v="1 LEAP, delivered by site developers"/>
    <x v="1"/>
    <x v="28"/>
    <x v="1"/>
    <x v="18"/>
    <x v="10"/>
    <s v="N/A"/>
    <s v="N/A"/>
    <n v="58173.793103448275"/>
    <n v="58173.793103448275"/>
    <s v="S106"/>
    <s v="Important"/>
    <m/>
    <m/>
    <m/>
    <m/>
    <m/>
    <s v="Yes"/>
    <m/>
    <m/>
    <m/>
    <m/>
    <m/>
    <m/>
    <m/>
    <m/>
    <m/>
    <m/>
    <m/>
    <m/>
    <m/>
    <m/>
    <m/>
    <m/>
    <m/>
    <m/>
    <m/>
    <m/>
    <m/>
    <m/>
    <m/>
    <m/>
    <m/>
    <n v="480"/>
    <n v="121.19540229885057"/>
    <s v=""/>
    <s v=""/>
    <s v=""/>
    <s v=""/>
    <s v=""/>
    <n v="58173.793103448275"/>
    <s v=""/>
    <s v=""/>
    <s v=""/>
    <s v=""/>
    <s v=""/>
    <s v=""/>
    <s v=""/>
    <s v=""/>
    <s v=""/>
    <s v=""/>
    <s v=""/>
    <s v=""/>
    <s v=""/>
    <s v=""/>
    <s v=""/>
    <s v=""/>
    <s v=""/>
    <s v=""/>
    <s v=""/>
    <s v=""/>
    <s v=""/>
    <s v=""/>
    <s v=""/>
    <s v=""/>
    <s v=""/>
    <m/>
    <m/>
    <m/>
  </r>
  <r>
    <n v="463"/>
    <x v="1"/>
    <s v="Green infrastructure"/>
    <s v="MUGAs"/>
    <s v="Contribution towards off site MUGA "/>
    <s v="Contribution towards off site MUGA "/>
    <x v="1"/>
    <x v="28"/>
    <x v="2"/>
    <x v="18"/>
    <x v="10"/>
    <s v="N/A"/>
    <s v="N/A"/>
    <n v="101804.13793103448"/>
    <n v="101804.13793103448"/>
    <s v="S106"/>
    <s v="Important"/>
    <m/>
    <m/>
    <m/>
    <m/>
    <m/>
    <s v="Yes"/>
    <m/>
    <m/>
    <m/>
    <m/>
    <m/>
    <m/>
    <m/>
    <m/>
    <m/>
    <m/>
    <m/>
    <m/>
    <m/>
    <m/>
    <m/>
    <m/>
    <m/>
    <m/>
    <m/>
    <m/>
    <m/>
    <m/>
    <m/>
    <m/>
    <m/>
    <n v="480"/>
    <n v="212.09195402298849"/>
    <s v=""/>
    <s v=""/>
    <s v=""/>
    <s v=""/>
    <s v=""/>
    <n v="101804.13793103448"/>
    <s v=""/>
    <s v=""/>
    <s v=""/>
    <s v=""/>
    <s v=""/>
    <s v=""/>
    <s v=""/>
    <s v=""/>
    <s v=""/>
    <s v=""/>
    <s v=""/>
    <s v=""/>
    <s v=""/>
    <s v=""/>
    <s v=""/>
    <s v=""/>
    <s v=""/>
    <s v=""/>
    <s v=""/>
    <s v=""/>
    <s v=""/>
    <s v=""/>
    <s v=""/>
    <s v=""/>
    <s v=""/>
    <m/>
    <m/>
    <m/>
  </r>
  <r>
    <n v="464"/>
    <x v="1"/>
    <s v="Green infrastructure"/>
    <s v="NEAPs"/>
    <s v="Number of NEAPs"/>
    <s v="Number of NEAPs"/>
    <x v="1"/>
    <x v="28"/>
    <x v="3"/>
    <x v="18"/>
    <x v="10"/>
    <s v="N/A"/>
    <s v="N/A"/>
    <n v="0"/>
    <n v="0"/>
    <s v="S106"/>
    <s v="Important"/>
    <m/>
    <m/>
    <m/>
    <m/>
    <m/>
    <s v="Yes"/>
    <m/>
    <m/>
    <m/>
    <m/>
    <m/>
    <m/>
    <m/>
    <m/>
    <m/>
    <m/>
    <m/>
    <m/>
    <m/>
    <m/>
    <m/>
    <m/>
    <m/>
    <m/>
    <m/>
    <m/>
    <m/>
    <m/>
    <m/>
    <m/>
    <m/>
    <n v="480"/>
    <m/>
    <s v=""/>
    <s v=""/>
    <s v=""/>
    <s v=""/>
    <s v=""/>
    <n v="0"/>
    <s v=""/>
    <s v=""/>
    <s v=""/>
    <s v=""/>
    <s v=""/>
    <s v=""/>
    <s v=""/>
    <s v=""/>
    <s v=""/>
    <s v=""/>
    <s v=""/>
    <s v=""/>
    <s v=""/>
    <s v=""/>
    <s v=""/>
    <s v=""/>
    <s v=""/>
    <s v=""/>
    <s v=""/>
    <s v=""/>
    <s v=""/>
    <s v=""/>
    <s v=""/>
    <s v=""/>
    <s v=""/>
    <m/>
    <m/>
    <m/>
  </r>
  <r>
    <n v="465"/>
    <x v="1"/>
    <s v="Green infrastructure"/>
    <s v="Allotments "/>
    <s v="Hectares of allotments required"/>
    <s v="Hectares of allotments required"/>
    <x v="1"/>
    <x v="28"/>
    <x v="2"/>
    <x v="17"/>
    <x v="10"/>
    <s v="N/A"/>
    <s v="N/A"/>
    <n v="85406.399999999994"/>
    <n v="85406.399999999994"/>
    <s v="S106"/>
    <s v="Important"/>
    <m/>
    <m/>
    <m/>
    <m/>
    <m/>
    <s v="Yes"/>
    <m/>
    <m/>
    <m/>
    <m/>
    <m/>
    <m/>
    <m/>
    <m/>
    <m/>
    <m/>
    <m/>
    <m/>
    <m/>
    <m/>
    <m/>
    <m/>
    <m/>
    <m/>
    <m/>
    <m/>
    <m/>
    <m/>
    <m/>
    <m/>
    <m/>
    <n v="480"/>
    <n v="177.92999999999998"/>
    <s v=""/>
    <s v=""/>
    <s v=""/>
    <s v=""/>
    <s v=""/>
    <n v="85406.399999999994"/>
    <s v=""/>
    <s v=""/>
    <s v=""/>
    <s v=""/>
    <s v=""/>
    <s v=""/>
    <s v=""/>
    <s v=""/>
    <s v=""/>
    <s v=""/>
    <s v=""/>
    <s v=""/>
    <s v=""/>
    <s v=""/>
    <s v=""/>
    <s v=""/>
    <s v=""/>
    <s v=""/>
    <s v=""/>
    <s v=""/>
    <s v=""/>
    <s v=""/>
    <s v=""/>
    <s v=""/>
    <s v=""/>
    <m/>
    <m/>
    <m/>
  </r>
  <r>
    <n v="466"/>
    <x v="1"/>
    <s v="Green infrastructure"/>
    <s v="Amenity Space"/>
    <s v="Hectares of amenity space"/>
    <s v="Hectares of amenity space"/>
    <x v="1"/>
    <x v="17"/>
    <x v="1"/>
    <x v="17"/>
    <x v="13"/>
    <s v="N/A"/>
    <s v="N/A"/>
    <n v="151833.60000000001"/>
    <n v="151833.60000000001"/>
    <s v="S106"/>
    <s v="Important"/>
    <m/>
    <m/>
    <m/>
    <m/>
    <m/>
    <m/>
    <m/>
    <m/>
    <s v="Yes"/>
    <m/>
    <m/>
    <m/>
    <m/>
    <m/>
    <m/>
    <m/>
    <m/>
    <m/>
    <m/>
    <m/>
    <m/>
    <m/>
    <m/>
    <m/>
    <m/>
    <m/>
    <m/>
    <m/>
    <m/>
    <m/>
    <m/>
    <n v="500"/>
    <n v="303.66720000000004"/>
    <s v=""/>
    <s v=""/>
    <s v=""/>
    <s v=""/>
    <s v=""/>
    <s v=""/>
    <s v=""/>
    <s v=""/>
    <n v="151833.60000000001"/>
    <s v=""/>
    <s v=""/>
    <s v=""/>
    <s v=""/>
    <s v=""/>
    <s v=""/>
    <s v=""/>
    <s v=""/>
    <s v=""/>
    <s v=""/>
    <s v=""/>
    <s v=""/>
    <s v=""/>
    <s v=""/>
    <s v=""/>
    <s v=""/>
    <s v=""/>
    <s v=""/>
    <s v=""/>
    <s v=""/>
    <s v=""/>
    <s v=""/>
    <m/>
    <m/>
    <m/>
  </r>
  <r>
    <n v="467"/>
    <x v="1"/>
    <s v="Green infrastructure"/>
    <s v="Natural and semi natural greenspace"/>
    <s v="Hectares of natural and semi natural greenspace"/>
    <s v="Hectares of natural and semi natural greenspace"/>
    <x v="1"/>
    <x v="17"/>
    <x v="1"/>
    <x v="17"/>
    <x v="13"/>
    <s v="N/A"/>
    <s v="N/A"/>
    <n v="398563.2"/>
    <n v="398563.2"/>
    <s v="S106"/>
    <s v="Important"/>
    <m/>
    <m/>
    <m/>
    <m/>
    <m/>
    <m/>
    <m/>
    <m/>
    <s v="Yes"/>
    <m/>
    <m/>
    <m/>
    <m/>
    <m/>
    <m/>
    <m/>
    <m/>
    <m/>
    <m/>
    <m/>
    <m/>
    <m/>
    <m/>
    <m/>
    <m/>
    <m/>
    <m/>
    <m/>
    <m/>
    <m/>
    <m/>
    <n v="500"/>
    <n v="797.12639999999999"/>
    <s v=""/>
    <s v=""/>
    <s v=""/>
    <s v=""/>
    <s v=""/>
    <s v=""/>
    <s v=""/>
    <s v=""/>
    <n v="398563.2"/>
    <s v=""/>
    <s v=""/>
    <s v=""/>
    <s v=""/>
    <s v=""/>
    <s v=""/>
    <s v=""/>
    <s v=""/>
    <s v=""/>
    <s v=""/>
    <s v=""/>
    <s v=""/>
    <s v=""/>
    <s v=""/>
    <s v=""/>
    <s v=""/>
    <s v=""/>
    <s v=""/>
    <s v=""/>
    <s v=""/>
    <s v=""/>
    <s v=""/>
    <m/>
    <m/>
    <m/>
  </r>
  <r>
    <n v="468"/>
    <x v="1"/>
    <s v="Green infrastructure"/>
    <s v="Public parks and gardens "/>
    <s v="Number of public parks and gardens"/>
    <s v="Number of public parks and gardens"/>
    <x v="1"/>
    <x v="17"/>
    <x v="1"/>
    <x v="17"/>
    <x v="13"/>
    <s v="N/A"/>
    <s v="N/A"/>
    <n v="556723.19999999995"/>
    <n v="556723.19999999995"/>
    <s v="S106"/>
    <s v="Important"/>
    <m/>
    <m/>
    <m/>
    <m/>
    <m/>
    <m/>
    <m/>
    <m/>
    <s v="Yes"/>
    <m/>
    <m/>
    <m/>
    <m/>
    <m/>
    <m/>
    <m/>
    <m/>
    <m/>
    <m/>
    <m/>
    <m/>
    <m/>
    <m/>
    <m/>
    <m/>
    <m/>
    <m/>
    <m/>
    <m/>
    <m/>
    <m/>
    <n v="500"/>
    <n v="1113.4463999999998"/>
    <s v=""/>
    <s v=""/>
    <s v=""/>
    <s v=""/>
    <s v=""/>
    <s v=""/>
    <s v=""/>
    <s v=""/>
    <n v="556723.19999999995"/>
    <s v=""/>
    <s v=""/>
    <s v=""/>
    <s v=""/>
    <s v=""/>
    <s v=""/>
    <s v=""/>
    <s v=""/>
    <s v=""/>
    <s v=""/>
    <s v=""/>
    <s v=""/>
    <s v=""/>
    <s v=""/>
    <s v=""/>
    <s v=""/>
    <s v=""/>
    <s v=""/>
    <s v=""/>
    <s v=""/>
    <s v=""/>
    <s v=""/>
    <m/>
    <m/>
    <m/>
  </r>
  <r>
    <n v="469"/>
    <x v="1"/>
    <s v="Green infrastructure"/>
    <s v="LAPs"/>
    <s v="1 LAP, delivered by developer"/>
    <s v="1 LAP, delivered by developer"/>
    <x v="1"/>
    <x v="17"/>
    <x v="1"/>
    <x v="18"/>
    <x v="13"/>
    <s v="N/A"/>
    <s v="N/A"/>
    <n v="43494"/>
    <n v="43494"/>
    <s v="S106"/>
    <s v="Important"/>
    <m/>
    <m/>
    <m/>
    <m/>
    <m/>
    <m/>
    <m/>
    <m/>
    <s v="Yes"/>
    <m/>
    <m/>
    <m/>
    <m/>
    <m/>
    <m/>
    <m/>
    <m/>
    <m/>
    <m/>
    <m/>
    <m/>
    <m/>
    <m/>
    <m/>
    <m/>
    <m/>
    <m/>
    <m/>
    <m/>
    <m/>
    <m/>
    <n v="500"/>
    <n v="86.988"/>
    <s v=""/>
    <s v=""/>
    <s v=""/>
    <s v=""/>
    <s v=""/>
    <s v=""/>
    <s v=""/>
    <s v=""/>
    <n v="43494"/>
    <s v=""/>
    <s v=""/>
    <s v=""/>
    <s v=""/>
    <s v=""/>
    <s v=""/>
    <s v=""/>
    <s v=""/>
    <s v=""/>
    <s v=""/>
    <s v=""/>
    <s v=""/>
    <s v=""/>
    <s v=""/>
    <s v=""/>
    <s v=""/>
    <s v=""/>
    <s v=""/>
    <s v=""/>
    <s v=""/>
    <s v=""/>
    <s v=""/>
    <m/>
    <m/>
    <m/>
  </r>
  <r>
    <n v="470"/>
    <x v="1"/>
    <s v="Green infrastructure"/>
    <s v="LEAPs"/>
    <s v="1 LEAP, delivered by developer"/>
    <s v="1 LEAP, delivered by developer"/>
    <x v="1"/>
    <x v="17"/>
    <x v="1"/>
    <x v="18"/>
    <x v="13"/>
    <s v="N/A"/>
    <s v="N/A"/>
    <n v="105440"/>
    <n v="105440"/>
    <s v="S106"/>
    <s v="Important"/>
    <m/>
    <m/>
    <m/>
    <m/>
    <m/>
    <m/>
    <m/>
    <m/>
    <s v="Yes"/>
    <m/>
    <m/>
    <m/>
    <m/>
    <m/>
    <m/>
    <m/>
    <m/>
    <m/>
    <m/>
    <m/>
    <m/>
    <m/>
    <m/>
    <m/>
    <m/>
    <m/>
    <m/>
    <m/>
    <m/>
    <m/>
    <m/>
    <n v="500"/>
    <n v="210.88"/>
    <s v=""/>
    <s v=""/>
    <s v=""/>
    <s v=""/>
    <s v=""/>
    <s v=""/>
    <s v=""/>
    <s v=""/>
    <n v="105440"/>
    <s v=""/>
    <s v=""/>
    <s v=""/>
    <s v=""/>
    <s v=""/>
    <s v=""/>
    <s v=""/>
    <s v=""/>
    <s v=""/>
    <s v=""/>
    <s v=""/>
    <s v=""/>
    <s v=""/>
    <s v=""/>
    <s v=""/>
    <s v=""/>
    <s v=""/>
    <s v=""/>
    <s v=""/>
    <s v=""/>
    <s v=""/>
    <s v=""/>
    <m/>
    <m/>
    <m/>
  </r>
  <r>
    <n v="471"/>
    <x v="1"/>
    <s v="Green infrastructure"/>
    <s v="MUGAs"/>
    <s v="Contribution towards off site MUGA "/>
    <s v="Contribution towards off site MUGA "/>
    <x v="1"/>
    <x v="17"/>
    <x v="2"/>
    <x v="18"/>
    <x v="13"/>
    <s v="N/A"/>
    <s v="N/A"/>
    <n v="92260"/>
    <n v="92260"/>
    <s v="S106"/>
    <s v="Important"/>
    <m/>
    <m/>
    <m/>
    <m/>
    <m/>
    <m/>
    <m/>
    <m/>
    <s v="Yes"/>
    <m/>
    <m/>
    <m/>
    <m/>
    <m/>
    <m/>
    <m/>
    <m/>
    <m/>
    <m/>
    <m/>
    <m/>
    <m/>
    <m/>
    <m/>
    <m/>
    <m/>
    <m/>
    <m/>
    <m/>
    <m/>
    <m/>
    <n v="500"/>
    <n v="184.52"/>
    <s v=""/>
    <s v=""/>
    <s v=""/>
    <s v=""/>
    <s v=""/>
    <s v=""/>
    <s v=""/>
    <s v=""/>
    <n v="92260"/>
    <s v=""/>
    <s v=""/>
    <s v=""/>
    <s v=""/>
    <s v=""/>
    <s v=""/>
    <s v=""/>
    <s v=""/>
    <s v=""/>
    <s v=""/>
    <s v=""/>
    <s v=""/>
    <s v=""/>
    <s v=""/>
    <s v=""/>
    <s v=""/>
    <s v=""/>
    <s v=""/>
    <s v=""/>
    <s v=""/>
    <s v=""/>
    <s v=""/>
    <m/>
    <m/>
    <m/>
  </r>
  <r>
    <n v="472"/>
    <x v="1"/>
    <s v="Green infrastructure"/>
    <s v="NEAPs"/>
    <s v="Contribution towards off site NEAP "/>
    <s v="Contribution towards off site NEAP "/>
    <x v="1"/>
    <x v="17"/>
    <x v="2"/>
    <x v="18"/>
    <x v="13"/>
    <s v="N/A"/>
    <s v="N/A"/>
    <n v="108735"/>
    <n v="108735"/>
    <s v="S106"/>
    <s v="Important"/>
    <m/>
    <m/>
    <m/>
    <m/>
    <m/>
    <m/>
    <m/>
    <m/>
    <s v="Yes"/>
    <m/>
    <m/>
    <m/>
    <m/>
    <m/>
    <m/>
    <m/>
    <m/>
    <m/>
    <m/>
    <m/>
    <m/>
    <m/>
    <m/>
    <m/>
    <m/>
    <m/>
    <m/>
    <m/>
    <m/>
    <m/>
    <m/>
    <n v="500"/>
    <n v="217.47"/>
    <s v=""/>
    <s v=""/>
    <s v=""/>
    <s v=""/>
    <s v=""/>
    <s v=""/>
    <s v=""/>
    <s v=""/>
    <n v="108735"/>
    <s v=""/>
    <s v=""/>
    <s v=""/>
    <s v=""/>
    <s v=""/>
    <s v=""/>
    <s v=""/>
    <s v=""/>
    <s v=""/>
    <s v=""/>
    <s v=""/>
    <s v=""/>
    <s v=""/>
    <s v=""/>
    <s v=""/>
    <s v=""/>
    <s v=""/>
    <s v=""/>
    <s v=""/>
    <s v=""/>
    <s v=""/>
    <s v=""/>
    <m/>
    <m/>
    <m/>
  </r>
  <r>
    <n v="473"/>
    <x v="1"/>
    <s v="Green infrastructure"/>
    <s v="Allotments "/>
    <s v="Hectares of allotments required"/>
    <s v="Hectares of allotments required"/>
    <x v="1"/>
    <x v="17"/>
    <x v="2"/>
    <x v="17"/>
    <x v="13"/>
    <s v="N/A"/>
    <s v="N/A"/>
    <n v="88965"/>
    <n v="88965"/>
    <s v="S106"/>
    <s v="Important"/>
    <m/>
    <m/>
    <m/>
    <m/>
    <m/>
    <m/>
    <m/>
    <m/>
    <s v="Yes"/>
    <m/>
    <m/>
    <m/>
    <m/>
    <m/>
    <m/>
    <m/>
    <m/>
    <m/>
    <m/>
    <m/>
    <m/>
    <m/>
    <m/>
    <m/>
    <m/>
    <m/>
    <m/>
    <m/>
    <m/>
    <m/>
    <m/>
    <n v="500"/>
    <n v="177.93"/>
    <s v=""/>
    <s v=""/>
    <s v=""/>
    <s v=""/>
    <s v=""/>
    <s v=""/>
    <s v=""/>
    <s v=""/>
    <n v="88965"/>
    <s v=""/>
    <s v=""/>
    <s v=""/>
    <s v=""/>
    <s v=""/>
    <s v=""/>
    <s v=""/>
    <s v=""/>
    <s v=""/>
    <s v=""/>
    <s v=""/>
    <s v=""/>
    <s v=""/>
    <s v=""/>
    <s v=""/>
    <s v=""/>
    <s v=""/>
    <s v=""/>
    <s v=""/>
    <s v=""/>
    <s v=""/>
    <s v=""/>
    <m/>
    <m/>
    <m/>
  </r>
  <r>
    <n v="474"/>
    <x v="1"/>
    <s v="Green infrastructure"/>
    <s v="Amenity Space"/>
    <s v="Hectares of amenity space"/>
    <s v="Hectares of amenity space"/>
    <x v="1"/>
    <x v="29"/>
    <x v="1"/>
    <x v="17"/>
    <x v="35"/>
    <s v="N/A"/>
    <s v="N/A"/>
    <n v="71058.124799999991"/>
    <n v="71058.124799999991"/>
    <s v="S106"/>
    <s v="Important"/>
    <m/>
    <m/>
    <m/>
    <m/>
    <m/>
    <m/>
    <m/>
    <m/>
    <m/>
    <m/>
    <m/>
    <m/>
    <s v="Yes"/>
    <m/>
    <m/>
    <m/>
    <m/>
    <m/>
    <m/>
    <m/>
    <m/>
    <m/>
    <m/>
    <m/>
    <m/>
    <m/>
    <m/>
    <m/>
    <m/>
    <m/>
    <m/>
    <n v="234"/>
    <n v="303.66719999999998"/>
    <s v=""/>
    <s v=""/>
    <s v=""/>
    <s v=""/>
    <s v=""/>
    <s v=""/>
    <s v=""/>
    <s v=""/>
    <s v=""/>
    <s v=""/>
    <s v=""/>
    <s v=""/>
    <n v="71058.124799999991"/>
    <s v=""/>
    <s v=""/>
    <s v=""/>
    <s v=""/>
    <s v=""/>
    <s v=""/>
    <s v=""/>
    <s v=""/>
    <s v=""/>
    <s v=""/>
    <s v=""/>
    <s v=""/>
    <s v=""/>
    <s v=""/>
    <s v=""/>
    <s v=""/>
    <s v=""/>
    <s v=""/>
    <m/>
    <m/>
    <m/>
  </r>
  <r>
    <n v="475"/>
    <x v="1"/>
    <s v="Green infrastructure"/>
    <s v="Natural and semi natural greenspace"/>
    <s v="Hectares of natural and semi natural greenspace"/>
    <s v="Hectares of natural and semi natural greenspace"/>
    <x v="1"/>
    <x v="29"/>
    <x v="3"/>
    <x v="17"/>
    <x v="35"/>
    <s v="N/A"/>
    <s v="N/A"/>
    <n v="186527.57759999999"/>
    <n v="186527.57759999999"/>
    <s v="S106"/>
    <s v="Important"/>
    <m/>
    <m/>
    <m/>
    <m/>
    <m/>
    <m/>
    <m/>
    <m/>
    <m/>
    <m/>
    <m/>
    <m/>
    <s v="Yes"/>
    <m/>
    <m/>
    <m/>
    <m/>
    <m/>
    <m/>
    <m/>
    <m/>
    <m/>
    <m/>
    <m/>
    <m/>
    <m/>
    <m/>
    <m/>
    <m/>
    <m/>
    <m/>
    <n v="234"/>
    <n v="797.12639999999999"/>
    <s v=""/>
    <s v=""/>
    <s v=""/>
    <s v=""/>
    <s v=""/>
    <s v=""/>
    <s v=""/>
    <s v=""/>
    <s v=""/>
    <s v=""/>
    <s v=""/>
    <s v=""/>
    <n v="186527.57759999999"/>
    <s v=""/>
    <s v=""/>
    <s v=""/>
    <s v=""/>
    <s v=""/>
    <s v=""/>
    <s v=""/>
    <s v=""/>
    <s v=""/>
    <s v=""/>
    <s v=""/>
    <s v=""/>
    <s v=""/>
    <s v=""/>
    <s v=""/>
    <s v=""/>
    <s v=""/>
    <s v=""/>
    <m/>
    <m/>
    <m/>
  </r>
  <r>
    <n v="476"/>
    <x v="1"/>
    <s v="Green infrastructure"/>
    <s v="Public parks and gardens "/>
    <s v="Number of public parks and gardens"/>
    <s v="Number of public parks and gardens"/>
    <x v="1"/>
    <x v="29"/>
    <x v="3"/>
    <x v="17"/>
    <x v="35"/>
    <s v="N/A"/>
    <s v="N/A"/>
    <n v="260546.45759999999"/>
    <n v="260546.45759999999"/>
    <s v="S106"/>
    <s v="Important"/>
    <m/>
    <m/>
    <m/>
    <m/>
    <m/>
    <m/>
    <m/>
    <m/>
    <m/>
    <m/>
    <m/>
    <m/>
    <s v="Yes"/>
    <m/>
    <m/>
    <m/>
    <m/>
    <m/>
    <m/>
    <m/>
    <m/>
    <m/>
    <m/>
    <m/>
    <m/>
    <m/>
    <m/>
    <m/>
    <m/>
    <m/>
    <m/>
    <n v="234"/>
    <n v="1113.4464"/>
    <s v=""/>
    <s v=""/>
    <s v=""/>
    <s v=""/>
    <s v=""/>
    <s v=""/>
    <s v=""/>
    <s v=""/>
    <s v=""/>
    <s v=""/>
    <s v=""/>
    <s v=""/>
    <n v="260546.45760000002"/>
    <s v=""/>
    <s v=""/>
    <s v=""/>
    <s v=""/>
    <s v=""/>
    <s v=""/>
    <s v=""/>
    <s v=""/>
    <s v=""/>
    <s v=""/>
    <s v=""/>
    <s v=""/>
    <s v=""/>
    <s v=""/>
    <s v=""/>
    <s v=""/>
    <s v=""/>
    <s v=""/>
    <m/>
    <m/>
    <m/>
  </r>
  <r>
    <n v="477"/>
    <x v="1"/>
    <s v="Green infrastructure"/>
    <s v="LAPs"/>
    <s v="1 LAP, delivered by developer"/>
    <s v="1 LAP, delivered by developer"/>
    <x v="1"/>
    <x v="29"/>
    <x v="1"/>
    <x v="18"/>
    <x v="35"/>
    <s v="N/A"/>
    <s v="N/A"/>
    <n v="43494"/>
    <n v="43494"/>
    <s v="S106"/>
    <s v="Important"/>
    <m/>
    <m/>
    <m/>
    <m/>
    <m/>
    <m/>
    <m/>
    <m/>
    <m/>
    <m/>
    <m/>
    <m/>
    <s v="Yes"/>
    <m/>
    <m/>
    <m/>
    <m/>
    <m/>
    <m/>
    <m/>
    <m/>
    <m/>
    <m/>
    <m/>
    <m/>
    <m/>
    <m/>
    <m/>
    <m/>
    <m/>
    <m/>
    <n v="234"/>
    <n v="185.87179487179486"/>
    <s v=""/>
    <s v=""/>
    <s v=""/>
    <s v=""/>
    <s v=""/>
    <s v=""/>
    <s v=""/>
    <s v=""/>
    <s v=""/>
    <s v=""/>
    <s v=""/>
    <s v=""/>
    <n v="43494"/>
    <s v=""/>
    <s v=""/>
    <s v=""/>
    <s v=""/>
    <s v=""/>
    <s v=""/>
    <s v=""/>
    <s v=""/>
    <s v=""/>
    <s v=""/>
    <s v=""/>
    <s v=""/>
    <s v=""/>
    <s v=""/>
    <s v=""/>
    <s v=""/>
    <s v=""/>
    <s v=""/>
    <m/>
    <m/>
    <m/>
  </r>
  <r>
    <n v="478"/>
    <x v="1"/>
    <s v="Green infrastructure"/>
    <s v="LEAPs"/>
    <s v="1 LEAP, delivered by developer"/>
    <s v="1 LEAP, delivered by developer"/>
    <x v="1"/>
    <x v="29"/>
    <x v="1"/>
    <x v="18"/>
    <x v="35"/>
    <s v="N/A"/>
    <s v="N/A"/>
    <n v="105440"/>
    <n v="105440"/>
    <s v="S106"/>
    <s v="Important"/>
    <m/>
    <m/>
    <m/>
    <m/>
    <m/>
    <m/>
    <m/>
    <m/>
    <m/>
    <m/>
    <m/>
    <m/>
    <s v="Yes"/>
    <m/>
    <m/>
    <m/>
    <m/>
    <m/>
    <m/>
    <m/>
    <m/>
    <m/>
    <m/>
    <m/>
    <m/>
    <m/>
    <m/>
    <m/>
    <m/>
    <m/>
    <m/>
    <n v="234"/>
    <n v="450.59829059829059"/>
    <s v=""/>
    <s v=""/>
    <s v=""/>
    <s v=""/>
    <s v=""/>
    <s v=""/>
    <s v=""/>
    <s v=""/>
    <s v=""/>
    <s v=""/>
    <s v=""/>
    <s v=""/>
    <n v="105440"/>
    <s v=""/>
    <s v=""/>
    <s v=""/>
    <s v=""/>
    <s v=""/>
    <s v=""/>
    <s v=""/>
    <s v=""/>
    <s v=""/>
    <s v=""/>
    <s v=""/>
    <s v=""/>
    <s v=""/>
    <s v=""/>
    <s v=""/>
    <s v=""/>
    <s v=""/>
    <s v=""/>
    <m/>
    <m/>
    <m/>
  </r>
  <r>
    <n v="479"/>
    <x v="1"/>
    <s v="Green infrastructure"/>
    <s v="MUGAs"/>
    <s v="1 MUGA, delivered by developer"/>
    <s v="1 MUGA, delivered by developer"/>
    <x v="1"/>
    <x v="29"/>
    <x v="1"/>
    <x v="18"/>
    <x v="35"/>
    <s v="N/A"/>
    <s v="N/A"/>
    <n v="184520"/>
    <n v="184520"/>
    <s v="S106"/>
    <s v="Important"/>
    <m/>
    <m/>
    <m/>
    <m/>
    <m/>
    <m/>
    <m/>
    <m/>
    <m/>
    <m/>
    <m/>
    <m/>
    <s v="Yes"/>
    <m/>
    <m/>
    <m/>
    <m/>
    <m/>
    <m/>
    <m/>
    <m/>
    <m/>
    <m/>
    <m/>
    <m/>
    <m/>
    <m/>
    <m/>
    <m/>
    <m/>
    <m/>
    <n v="234"/>
    <n v="788.54700854700855"/>
    <s v=""/>
    <s v=""/>
    <s v=""/>
    <s v=""/>
    <s v=""/>
    <s v=""/>
    <s v=""/>
    <s v=""/>
    <s v=""/>
    <s v=""/>
    <s v=""/>
    <s v=""/>
    <n v="184520"/>
    <s v=""/>
    <s v=""/>
    <s v=""/>
    <s v=""/>
    <s v=""/>
    <s v=""/>
    <s v=""/>
    <s v=""/>
    <s v=""/>
    <s v=""/>
    <s v=""/>
    <s v=""/>
    <s v=""/>
    <s v=""/>
    <s v=""/>
    <s v=""/>
    <s v=""/>
    <s v=""/>
    <m/>
    <m/>
    <m/>
  </r>
  <r>
    <n v="480"/>
    <x v="1"/>
    <s v="Green infrastructure"/>
    <s v="NEAPs"/>
    <s v="Number of NEAPs"/>
    <s v="Number of NEAPs"/>
    <x v="1"/>
    <x v="29"/>
    <x v="3"/>
    <x v="18"/>
    <x v="35"/>
    <s v="N/A"/>
    <s v="N/A"/>
    <n v="0"/>
    <n v="0"/>
    <s v="S106"/>
    <s v="Important"/>
    <m/>
    <m/>
    <m/>
    <m/>
    <m/>
    <m/>
    <m/>
    <m/>
    <m/>
    <m/>
    <m/>
    <m/>
    <s v="Yes"/>
    <m/>
    <m/>
    <m/>
    <m/>
    <m/>
    <m/>
    <m/>
    <m/>
    <m/>
    <m/>
    <m/>
    <m/>
    <m/>
    <m/>
    <m/>
    <m/>
    <m/>
    <m/>
    <n v="234"/>
    <m/>
    <s v=""/>
    <s v=""/>
    <s v=""/>
    <s v=""/>
    <s v=""/>
    <s v=""/>
    <s v=""/>
    <s v=""/>
    <s v=""/>
    <s v=""/>
    <s v=""/>
    <s v=""/>
    <n v="0"/>
    <s v=""/>
    <s v=""/>
    <s v=""/>
    <s v=""/>
    <s v=""/>
    <s v=""/>
    <s v=""/>
    <s v=""/>
    <s v=""/>
    <s v=""/>
    <s v=""/>
    <s v=""/>
    <s v=""/>
    <s v=""/>
    <s v=""/>
    <s v=""/>
    <s v=""/>
    <s v=""/>
    <m/>
    <m/>
    <m/>
  </r>
  <r>
    <n v="481"/>
    <x v="1"/>
    <s v="Green infrastructure"/>
    <s v="Allotments "/>
    <s v="Hectares of allotments required"/>
    <s v="Hectares of allotments required"/>
    <x v="1"/>
    <x v="29"/>
    <x v="2"/>
    <x v="17"/>
    <x v="35"/>
    <s v="N/A"/>
    <s v="N/A"/>
    <n v="41635.620000000003"/>
    <n v="41635.620000000003"/>
    <s v="S106"/>
    <s v="Important"/>
    <m/>
    <m/>
    <m/>
    <m/>
    <m/>
    <m/>
    <m/>
    <m/>
    <m/>
    <m/>
    <m/>
    <m/>
    <s v="Yes"/>
    <m/>
    <m/>
    <m/>
    <m/>
    <m/>
    <m/>
    <m/>
    <m/>
    <m/>
    <m/>
    <m/>
    <m/>
    <m/>
    <m/>
    <m/>
    <m/>
    <m/>
    <m/>
    <n v="234"/>
    <n v="177.93"/>
    <s v=""/>
    <s v=""/>
    <s v=""/>
    <s v=""/>
    <s v=""/>
    <s v=""/>
    <s v=""/>
    <s v=""/>
    <s v=""/>
    <s v=""/>
    <s v=""/>
    <s v=""/>
    <n v="41635.620000000003"/>
    <s v=""/>
    <s v=""/>
    <s v=""/>
    <s v=""/>
    <s v=""/>
    <s v=""/>
    <s v=""/>
    <s v=""/>
    <s v=""/>
    <s v=""/>
    <s v=""/>
    <s v=""/>
    <s v=""/>
    <s v=""/>
    <s v=""/>
    <s v=""/>
    <s v=""/>
    <s v=""/>
    <m/>
    <m/>
    <m/>
  </r>
  <r>
    <n v="482"/>
    <x v="1"/>
    <s v="Green infrastructure"/>
    <s v="Amenity Space"/>
    <s v="Hectares of amenity space"/>
    <s v="Hectares of amenity space"/>
    <x v="1"/>
    <x v="3"/>
    <x v="1"/>
    <x v="17"/>
    <x v="28"/>
    <s v="N/A"/>
    <s v="N/A"/>
    <n v="151833.60000000001"/>
    <n v="151833.60000000001"/>
    <s v="S106"/>
    <s v="Important"/>
    <m/>
    <m/>
    <m/>
    <m/>
    <m/>
    <m/>
    <m/>
    <m/>
    <m/>
    <s v="Yes"/>
    <m/>
    <m/>
    <m/>
    <m/>
    <m/>
    <m/>
    <m/>
    <m/>
    <m/>
    <m/>
    <m/>
    <m/>
    <m/>
    <m/>
    <m/>
    <m/>
    <m/>
    <m/>
    <m/>
    <m/>
    <m/>
    <n v="500"/>
    <n v="303.66720000000004"/>
    <s v=""/>
    <s v=""/>
    <s v=""/>
    <s v=""/>
    <s v=""/>
    <s v=""/>
    <s v=""/>
    <s v=""/>
    <s v=""/>
    <n v="151833.60000000001"/>
    <s v=""/>
    <s v=""/>
    <s v=""/>
    <s v=""/>
    <s v=""/>
    <s v=""/>
    <s v=""/>
    <s v=""/>
    <s v=""/>
    <s v=""/>
    <s v=""/>
    <s v=""/>
    <s v=""/>
    <s v=""/>
    <s v=""/>
    <s v=""/>
    <s v=""/>
    <s v=""/>
    <s v=""/>
    <s v=""/>
    <s v=""/>
    <m/>
    <m/>
    <m/>
  </r>
  <r>
    <n v="483"/>
    <x v="1"/>
    <s v="Green infrastructure"/>
    <s v="Natural and semi natural greenspace"/>
    <s v="Hectares of natural and semi natural greenspace"/>
    <s v="Hectares of natural and semi natural greenspace"/>
    <x v="1"/>
    <x v="3"/>
    <x v="1"/>
    <x v="17"/>
    <x v="28"/>
    <s v="N/A"/>
    <s v="N/A"/>
    <n v="398563.2"/>
    <n v="398563.2"/>
    <s v="S106"/>
    <s v="Important"/>
    <m/>
    <m/>
    <m/>
    <m/>
    <m/>
    <m/>
    <m/>
    <m/>
    <m/>
    <s v="Yes"/>
    <m/>
    <m/>
    <m/>
    <m/>
    <m/>
    <m/>
    <m/>
    <m/>
    <m/>
    <m/>
    <m/>
    <m/>
    <m/>
    <m/>
    <m/>
    <m/>
    <m/>
    <m/>
    <m/>
    <m/>
    <m/>
    <n v="500"/>
    <n v="797.12639999999999"/>
    <s v=""/>
    <s v=""/>
    <s v=""/>
    <s v=""/>
    <s v=""/>
    <s v=""/>
    <s v=""/>
    <s v=""/>
    <s v=""/>
    <n v="398563.2"/>
    <s v=""/>
    <s v=""/>
    <s v=""/>
    <s v=""/>
    <s v=""/>
    <s v=""/>
    <s v=""/>
    <s v=""/>
    <s v=""/>
    <s v=""/>
    <s v=""/>
    <s v=""/>
    <s v=""/>
    <s v=""/>
    <s v=""/>
    <s v=""/>
    <s v=""/>
    <s v=""/>
    <s v=""/>
    <s v=""/>
    <s v=""/>
    <m/>
    <m/>
    <m/>
  </r>
  <r>
    <n v="484"/>
    <x v="1"/>
    <s v="Green infrastructure"/>
    <s v="Public parks and gardens "/>
    <s v="Number of public parks and gardens"/>
    <s v="Number of public parks and gardens"/>
    <x v="1"/>
    <x v="3"/>
    <x v="1"/>
    <x v="17"/>
    <x v="28"/>
    <s v="N/A"/>
    <s v="N/A"/>
    <n v="556723.19999999995"/>
    <n v="556723.19999999995"/>
    <s v="S106"/>
    <s v="Important"/>
    <m/>
    <m/>
    <m/>
    <m/>
    <m/>
    <m/>
    <m/>
    <m/>
    <m/>
    <s v="Yes"/>
    <m/>
    <m/>
    <m/>
    <m/>
    <m/>
    <m/>
    <m/>
    <m/>
    <m/>
    <m/>
    <m/>
    <m/>
    <m/>
    <m/>
    <m/>
    <m/>
    <m/>
    <m/>
    <m/>
    <m/>
    <m/>
    <n v="500"/>
    <n v="1113.4463999999998"/>
    <s v=""/>
    <s v=""/>
    <s v=""/>
    <s v=""/>
    <s v=""/>
    <s v=""/>
    <s v=""/>
    <s v=""/>
    <s v=""/>
    <n v="556723.19999999995"/>
    <s v=""/>
    <s v=""/>
    <s v=""/>
    <s v=""/>
    <s v=""/>
    <s v=""/>
    <s v=""/>
    <s v=""/>
    <s v=""/>
    <s v=""/>
    <s v=""/>
    <s v=""/>
    <s v=""/>
    <s v=""/>
    <s v=""/>
    <s v=""/>
    <s v=""/>
    <s v=""/>
    <s v=""/>
    <s v=""/>
    <s v=""/>
    <m/>
    <m/>
    <m/>
  </r>
  <r>
    <n v="485"/>
    <x v="1"/>
    <s v="Green infrastructure"/>
    <s v="LAPs"/>
    <s v="1 LAP, delivered by site developer"/>
    <s v="1 LAP, delivered by site developer"/>
    <x v="1"/>
    <x v="3"/>
    <x v="1"/>
    <x v="18"/>
    <x v="28"/>
    <s v="N/A"/>
    <s v="N/A"/>
    <n v="43494"/>
    <n v="43494"/>
    <s v="S106"/>
    <s v="Important"/>
    <m/>
    <m/>
    <m/>
    <m/>
    <m/>
    <m/>
    <m/>
    <m/>
    <m/>
    <s v="Yes"/>
    <m/>
    <m/>
    <m/>
    <m/>
    <m/>
    <m/>
    <m/>
    <m/>
    <m/>
    <m/>
    <m/>
    <m/>
    <m/>
    <m/>
    <m/>
    <m/>
    <m/>
    <m/>
    <m/>
    <m/>
    <m/>
    <n v="500"/>
    <n v="86.988"/>
    <s v=""/>
    <s v=""/>
    <s v=""/>
    <s v=""/>
    <s v=""/>
    <s v=""/>
    <s v=""/>
    <s v=""/>
    <s v=""/>
    <n v="43494"/>
    <s v=""/>
    <s v=""/>
    <s v=""/>
    <s v=""/>
    <s v=""/>
    <s v=""/>
    <s v=""/>
    <s v=""/>
    <s v=""/>
    <s v=""/>
    <s v=""/>
    <s v=""/>
    <s v=""/>
    <s v=""/>
    <s v=""/>
    <s v=""/>
    <s v=""/>
    <s v=""/>
    <s v=""/>
    <s v=""/>
    <s v=""/>
    <m/>
    <m/>
    <m/>
  </r>
  <r>
    <n v="486"/>
    <x v="1"/>
    <s v="Green infrastructure"/>
    <s v="LEAPs"/>
    <s v="1 LEAP, delivered by site developer"/>
    <s v="1 LEAP, delivered by site developer"/>
    <x v="1"/>
    <x v="3"/>
    <x v="1"/>
    <x v="18"/>
    <x v="28"/>
    <s v="N/A"/>
    <s v="N/A"/>
    <n v="105440"/>
    <n v="105440"/>
    <s v="S106"/>
    <s v="Important"/>
    <m/>
    <m/>
    <m/>
    <m/>
    <m/>
    <m/>
    <m/>
    <m/>
    <m/>
    <s v="Yes"/>
    <m/>
    <m/>
    <m/>
    <m/>
    <m/>
    <m/>
    <m/>
    <m/>
    <m/>
    <m/>
    <m/>
    <m/>
    <m/>
    <m/>
    <m/>
    <m/>
    <m/>
    <m/>
    <m/>
    <m/>
    <m/>
    <n v="500"/>
    <n v="210.88"/>
    <s v=""/>
    <s v=""/>
    <s v=""/>
    <s v=""/>
    <s v=""/>
    <s v=""/>
    <s v=""/>
    <s v=""/>
    <s v=""/>
    <n v="105440"/>
    <s v=""/>
    <s v=""/>
    <s v=""/>
    <s v=""/>
    <s v=""/>
    <s v=""/>
    <s v=""/>
    <s v=""/>
    <s v=""/>
    <s v=""/>
    <s v=""/>
    <s v=""/>
    <s v=""/>
    <s v=""/>
    <s v=""/>
    <s v=""/>
    <s v=""/>
    <s v=""/>
    <s v=""/>
    <s v=""/>
    <s v=""/>
    <m/>
    <m/>
    <m/>
  </r>
  <r>
    <n v="487"/>
    <x v="1"/>
    <s v="Green infrastructure"/>
    <s v="MUGAs"/>
    <s v="1 MUGA, delivered by site developer including contribution "/>
    <s v="1 MUGA, delivered by site developer including contribution"/>
    <x v="1"/>
    <x v="3"/>
    <x v="1"/>
    <x v="18"/>
    <x v="28"/>
    <s v="N/A"/>
    <s v="N/A"/>
    <n v="92260"/>
    <n v="92260"/>
    <s v="S106"/>
    <s v="Important"/>
    <m/>
    <m/>
    <m/>
    <m/>
    <m/>
    <m/>
    <m/>
    <m/>
    <m/>
    <s v="Yes"/>
    <m/>
    <m/>
    <m/>
    <m/>
    <m/>
    <m/>
    <m/>
    <m/>
    <m/>
    <m/>
    <m/>
    <m/>
    <m/>
    <m/>
    <m/>
    <m/>
    <m/>
    <m/>
    <m/>
    <m/>
    <m/>
    <n v="500"/>
    <n v="184.52"/>
    <s v=""/>
    <s v=""/>
    <s v=""/>
    <s v=""/>
    <s v=""/>
    <s v=""/>
    <s v=""/>
    <s v=""/>
    <s v=""/>
    <n v="92260"/>
    <s v=""/>
    <s v=""/>
    <s v=""/>
    <s v=""/>
    <s v=""/>
    <s v=""/>
    <s v=""/>
    <s v=""/>
    <s v=""/>
    <s v=""/>
    <s v=""/>
    <s v=""/>
    <s v=""/>
    <s v=""/>
    <s v=""/>
    <s v=""/>
    <s v=""/>
    <s v=""/>
    <s v=""/>
    <s v=""/>
    <s v=""/>
    <m/>
    <m/>
    <m/>
  </r>
  <r>
    <n v="488"/>
    <x v="1"/>
    <s v="Green infrastructure"/>
    <s v="NEAPs"/>
    <s v="1 NEAP, delivered by site developer including contribution "/>
    <s v="1 NEAP, delivered by site developer including contribution "/>
    <x v="1"/>
    <x v="3"/>
    <x v="1"/>
    <x v="18"/>
    <x v="28"/>
    <s v="N/A"/>
    <s v="N/A"/>
    <n v="108735"/>
    <n v="108735"/>
    <s v="S106"/>
    <s v="Important"/>
    <m/>
    <m/>
    <m/>
    <m/>
    <m/>
    <m/>
    <m/>
    <m/>
    <m/>
    <s v="Yes"/>
    <m/>
    <m/>
    <m/>
    <m/>
    <m/>
    <m/>
    <m/>
    <m/>
    <m/>
    <m/>
    <m/>
    <m/>
    <m/>
    <m/>
    <m/>
    <m/>
    <m/>
    <m/>
    <m/>
    <m/>
    <m/>
    <n v="500"/>
    <n v="217.47"/>
    <s v=""/>
    <s v=""/>
    <s v=""/>
    <s v=""/>
    <s v=""/>
    <s v=""/>
    <s v=""/>
    <s v=""/>
    <s v=""/>
    <n v="108735"/>
    <s v=""/>
    <s v=""/>
    <s v=""/>
    <s v=""/>
    <s v=""/>
    <s v=""/>
    <s v=""/>
    <s v=""/>
    <s v=""/>
    <s v=""/>
    <s v=""/>
    <s v=""/>
    <s v=""/>
    <s v=""/>
    <s v=""/>
    <s v=""/>
    <s v=""/>
    <s v=""/>
    <s v=""/>
    <s v=""/>
    <s v=""/>
    <m/>
    <m/>
    <m/>
  </r>
  <r>
    <n v="489"/>
    <x v="1"/>
    <s v="Green infrastructure"/>
    <s v="Allotments "/>
    <s v="Hectares of allotments required"/>
    <s v="Hectares of allotments required"/>
    <x v="1"/>
    <x v="3"/>
    <x v="2"/>
    <x v="17"/>
    <x v="28"/>
    <s v="N/A"/>
    <s v="N/A"/>
    <n v="88965"/>
    <n v="88965"/>
    <s v="S106"/>
    <s v="Important"/>
    <m/>
    <m/>
    <m/>
    <m/>
    <m/>
    <m/>
    <m/>
    <m/>
    <m/>
    <s v="Yes"/>
    <m/>
    <m/>
    <m/>
    <m/>
    <m/>
    <m/>
    <m/>
    <m/>
    <m/>
    <m/>
    <m/>
    <m/>
    <m/>
    <m/>
    <m/>
    <m/>
    <m/>
    <m/>
    <m/>
    <m/>
    <m/>
    <n v="500"/>
    <n v="177.93"/>
    <s v=""/>
    <s v=""/>
    <s v=""/>
    <s v=""/>
    <s v=""/>
    <s v=""/>
    <s v=""/>
    <s v=""/>
    <s v=""/>
    <n v="88965"/>
    <s v=""/>
    <s v=""/>
    <s v=""/>
    <s v=""/>
    <s v=""/>
    <s v=""/>
    <s v=""/>
    <s v=""/>
    <s v=""/>
    <s v=""/>
    <s v=""/>
    <s v=""/>
    <s v=""/>
    <s v=""/>
    <s v=""/>
    <s v=""/>
    <s v=""/>
    <s v=""/>
    <s v=""/>
    <s v=""/>
    <s v=""/>
    <m/>
    <m/>
    <m/>
  </r>
  <r>
    <n v="490"/>
    <x v="1"/>
    <s v="Green infrastructure"/>
    <s v="Amenity Space"/>
    <s v="Hectares of amenity space"/>
    <s v="Hectares of amenity space"/>
    <x v="1"/>
    <x v="45"/>
    <x v="1"/>
    <x v="17"/>
    <x v="29"/>
    <s v="N/A"/>
    <s v="N/A"/>
    <n v="71058.124799999991"/>
    <n v="71058.124799999991"/>
    <s v="S106"/>
    <s v="Important"/>
    <m/>
    <m/>
    <m/>
    <m/>
    <m/>
    <m/>
    <m/>
    <m/>
    <m/>
    <m/>
    <s v="Yes"/>
    <m/>
    <m/>
    <m/>
    <m/>
    <m/>
    <m/>
    <m/>
    <m/>
    <m/>
    <m/>
    <m/>
    <m/>
    <m/>
    <m/>
    <m/>
    <m/>
    <m/>
    <m/>
    <m/>
    <m/>
    <n v="750"/>
    <n v="94.744166399999983"/>
    <s v=""/>
    <s v=""/>
    <s v=""/>
    <s v=""/>
    <s v=""/>
    <s v=""/>
    <s v=""/>
    <s v=""/>
    <s v=""/>
    <s v=""/>
    <n v="71058.124799999991"/>
    <s v=""/>
    <s v=""/>
    <s v=""/>
    <s v=""/>
    <s v=""/>
    <s v=""/>
    <s v=""/>
    <s v=""/>
    <s v=""/>
    <s v=""/>
    <s v=""/>
    <s v=""/>
    <s v=""/>
    <s v=""/>
    <s v=""/>
    <s v=""/>
    <s v=""/>
    <s v=""/>
    <s v=""/>
    <s v=""/>
    <m/>
    <m/>
    <m/>
  </r>
  <r>
    <n v="491"/>
    <x v="1"/>
    <s v="Green infrastructure"/>
    <s v="Natural and semi natural greenspace"/>
    <s v="Hectares of natural and semi natural greenspace"/>
    <s v="Hectares of natural and semi natural greenspace"/>
    <x v="1"/>
    <x v="45"/>
    <x v="1"/>
    <x v="17"/>
    <x v="29"/>
    <s v="N/A"/>
    <s v="N/A"/>
    <n v="186527.57759999999"/>
    <n v="186527.57759999999"/>
    <s v="S106"/>
    <s v="Important"/>
    <m/>
    <m/>
    <m/>
    <m/>
    <m/>
    <m/>
    <m/>
    <m/>
    <m/>
    <m/>
    <s v="Yes"/>
    <m/>
    <m/>
    <m/>
    <m/>
    <m/>
    <m/>
    <m/>
    <m/>
    <m/>
    <m/>
    <m/>
    <m/>
    <m/>
    <m/>
    <m/>
    <m/>
    <m/>
    <m/>
    <m/>
    <m/>
    <n v="750"/>
    <n v="248.70343679999999"/>
    <s v=""/>
    <s v=""/>
    <s v=""/>
    <s v=""/>
    <s v=""/>
    <s v=""/>
    <s v=""/>
    <s v=""/>
    <s v=""/>
    <s v=""/>
    <n v="186527.57759999999"/>
    <s v=""/>
    <s v=""/>
    <s v=""/>
    <s v=""/>
    <s v=""/>
    <s v=""/>
    <s v=""/>
    <s v=""/>
    <s v=""/>
    <s v=""/>
    <s v=""/>
    <s v=""/>
    <s v=""/>
    <s v=""/>
    <s v=""/>
    <s v=""/>
    <s v=""/>
    <s v=""/>
    <s v=""/>
    <s v=""/>
    <m/>
    <m/>
    <m/>
  </r>
  <r>
    <n v="492"/>
    <x v="1"/>
    <s v="Green infrastructure"/>
    <s v="Public parks and gardens "/>
    <s v="Number of public parks and gardens"/>
    <s v="Number of public parks and gardens"/>
    <x v="1"/>
    <x v="45"/>
    <x v="1"/>
    <x v="17"/>
    <x v="29"/>
    <s v="N/A"/>
    <s v="N/A"/>
    <n v="260546.45759999999"/>
    <n v="260546.45759999999"/>
    <s v="S106"/>
    <s v="Important"/>
    <m/>
    <m/>
    <m/>
    <m/>
    <m/>
    <m/>
    <m/>
    <m/>
    <m/>
    <m/>
    <s v="Yes"/>
    <m/>
    <m/>
    <m/>
    <m/>
    <m/>
    <m/>
    <m/>
    <m/>
    <m/>
    <m/>
    <m/>
    <m/>
    <m/>
    <m/>
    <m/>
    <m/>
    <m/>
    <m/>
    <m/>
    <m/>
    <n v="750"/>
    <n v="347.39527679999998"/>
    <s v=""/>
    <s v=""/>
    <s v=""/>
    <s v=""/>
    <s v=""/>
    <s v=""/>
    <s v=""/>
    <s v=""/>
    <s v=""/>
    <s v=""/>
    <n v="260546.45759999999"/>
    <s v=""/>
    <s v=""/>
    <s v=""/>
    <s v=""/>
    <s v=""/>
    <s v=""/>
    <s v=""/>
    <s v=""/>
    <s v=""/>
    <s v=""/>
    <s v=""/>
    <s v=""/>
    <s v=""/>
    <s v=""/>
    <s v=""/>
    <s v=""/>
    <s v=""/>
    <s v=""/>
    <s v=""/>
    <s v=""/>
    <m/>
    <m/>
    <m/>
  </r>
  <r>
    <n v="493"/>
    <x v="1"/>
    <s v="Green infrastructure"/>
    <s v="LAPs"/>
    <s v="1 LAP, delivered by site developer"/>
    <s v="1 LAP, delivered by site developer"/>
    <x v="1"/>
    <x v="45"/>
    <x v="1"/>
    <x v="18"/>
    <x v="29"/>
    <s v="N/A"/>
    <s v="N/A"/>
    <n v="43494"/>
    <n v="43494"/>
    <s v="S106"/>
    <s v="Important"/>
    <m/>
    <m/>
    <m/>
    <m/>
    <m/>
    <m/>
    <m/>
    <m/>
    <m/>
    <m/>
    <s v="Yes"/>
    <m/>
    <m/>
    <m/>
    <m/>
    <m/>
    <m/>
    <m/>
    <m/>
    <m/>
    <m/>
    <m/>
    <m/>
    <m/>
    <m/>
    <m/>
    <m/>
    <m/>
    <m/>
    <m/>
    <m/>
    <n v="750"/>
    <n v="57.991999999999997"/>
    <s v=""/>
    <s v=""/>
    <s v=""/>
    <s v=""/>
    <s v=""/>
    <s v=""/>
    <s v=""/>
    <s v=""/>
    <s v=""/>
    <s v=""/>
    <n v="43494"/>
    <s v=""/>
    <s v=""/>
    <s v=""/>
    <s v=""/>
    <s v=""/>
    <s v=""/>
    <s v=""/>
    <s v=""/>
    <s v=""/>
    <s v=""/>
    <s v=""/>
    <s v=""/>
    <s v=""/>
    <s v=""/>
    <s v=""/>
    <s v=""/>
    <s v=""/>
    <s v=""/>
    <s v=""/>
    <s v=""/>
    <m/>
    <m/>
    <m/>
  </r>
  <r>
    <n v="494"/>
    <x v="1"/>
    <s v="Green infrastructure"/>
    <s v="LEAPs"/>
    <s v="1 LEAP, delivered by site developer"/>
    <s v="1 LEAP, delivered by site developer"/>
    <x v="1"/>
    <x v="45"/>
    <x v="1"/>
    <x v="18"/>
    <x v="29"/>
    <s v="N/A"/>
    <s v="N/A"/>
    <n v="105440"/>
    <n v="105440"/>
    <s v="S106"/>
    <s v="Important"/>
    <m/>
    <m/>
    <m/>
    <m/>
    <m/>
    <m/>
    <m/>
    <m/>
    <m/>
    <m/>
    <s v="Yes"/>
    <m/>
    <m/>
    <m/>
    <m/>
    <m/>
    <m/>
    <m/>
    <m/>
    <m/>
    <m/>
    <m/>
    <m/>
    <m/>
    <m/>
    <m/>
    <m/>
    <m/>
    <m/>
    <m/>
    <m/>
    <n v="750"/>
    <n v="140.58666666666667"/>
    <s v=""/>
    <s v=""/>
    <s v=""/>
    <s v=""/>
    <s v=""/>
    <s v=""/>
    <s v=""/>
    <s v=""/>
    <s v=""/>
    <s v=""/>
    <n v="105440"/>
    <s v=""/>
    <s v=""/>
    <s v=""/>
    <s v=""/>
    <s v=""/>
    <s v=""/>
    <s v=""/>
    <s v=""/>
    <s v=""/>
    <s v=""/>
    <s v=""/>
    <s v=""/>
    <s v=""/>
    <s v=""/>
    <s v=""/>
    <s v=""/>
    <s v=""/>
    <s v=""/>
    <s v=""/>
    <s v=""/>
    <m/>
    <m/>
    <m/>
  </r>
  <r>
    <n v="495"/>
    <x v="1"/>
    <s v="Green infrastructure"/>
    <s v="MUGAs"/>
    <s v="2 MUGA's, delivered by site developer"/>
    <s v="2 MUGA's, delivered by site developer"/>
    <x v="1"/>
    <x v="45"/>
    <x v="1"/>
    <x v="18"/>
    <x v="29"/>
    <s v="N/A"/>
    <s v="N/A"/>
    <n v="369040"/>
    <n v="369040"/>
    <s v="S106"/>
    <s v="Important"/>
    <m/>
    <m/>
    <m/>
    <m/>
    <m/>
    <m/>
    <m/>
    <m/>
    <m/>
    <m/>
    <s v="Yes"/>
    <m/>
    <m/>
    <m/>
    <m/>
    <m/>
    <m/>
    <m/>
    <m/>
    <m/>
    <m/>
    <m/>
    <m/>
    <m/>
    <m/>
    <m/>
    <m/>
    <m/>
    <m/>
    <m/>
    <m/>
    <n v="750"/>
    <n v="492.05333333333334"/>
    <s v=""/>
    <s v=""/>
    <s v=""/>
    <s v=""/>
    <s v=""/>
    <s v=""/>
    <s v=""/>
    <s v=""/>
    <s v=""/>
    <s v=""/>
    <n v="369040"/>
    <s v=""/>
    <s v=""/>
    <s v=""/>
    <s v=""/>
    <s v=""/>
    <s v=""/>
    <s v=""/>
    <s v=""/>
    <s v=""/>
    <s v=""/>
    <s v=""/>
    <s v=""/>
    <s v=""/>
    <s v=""/>
    <s v=""/>
    <s v=""/>
    <s v=""/>
    <s v=""/>
    <s v=""/>
    <s v=""/>
    <m/>
    <m/>
    <m/>
  </r>
  <r>
    <n v="496"/>
    <x v="1"/>
    <s v="Green infrastructure"/>
    <s v="NEAPs"/>
    <s v="1 NEAP, delivered by site developer"/>
    <s v="1 NEAP, delivered by site developer"/>
    <x v="1"/>
    <x v="45"/>
    <x v="1"/>
    <x v="18"/>
    <x v="29"/>
    <s v="N/A"/>
    <s v="N/A"/>
    <n v="217470"/>
    <n v="217470"/>
    <s v="S106"/>
    <s v="Important"/>
    <m/>
    <m/>
    <m/>
    <m/>
    <m/>
    <m/>
    <m/>
    <m/>
    <m/>
    <m/>
    <s v="Yes"/>
    <m/>
    <m/>
    <m/>
    <m/>
    <m/>
    <m/>
    <m/>
    <m/>
    <m/>
    <m/>
    <m/>
    <m/>
    <m/>
    <m/>
    <m/>
    <m/>
    <m/>
    <m/>
    <m/>
    <m/>
    <n v="750"/>
    <n v="289.95999999999998"/>
    <s v=""/>
    <s v=""/>
    <s v=""/>
    <s v=""/>
    <s v=""/>
    <s v=""/>
    <s v=""/>
    <s v=""/>
    <s v=""/>
    <s v=""/>
    <n v="217469.99999999997"/>
    <s v=""/>
    <s v=""/>
    <s v=""/>
    <s v=""/>
    <s v=""/>
    <s v=""/>
    <s v=""/>
    <s v=""/>
    <s v=""/>
    <s v=""/>
    <s v=""/>
    <s v=""/>
    <s v=""/>
    <s v=""/>
    <s v=""/>
    <s v=""/>
    <s v=""/>
    <s v=""/>
    <s v=""/>
    <s v=""/>
    <m/>
    <m/>
    <m/>
  </r>
  <r>
    <n v="497"/>
    <x v="1"/>
    <s v="Green infrastructure"/>
    <s v="Allotments "/>
    <s v="Hectares of allotments required"/>
    <s v="Hectares of allotments required"/>
    <x v="1"/>
    <x v="45"/>
    <x v="1"/>
    <x v="17"/>
    <x v="29"/>
    <s v="N/A"/>
    <s v="N/A"/>
    <n v="41635.620000000003"/>
    <n v="41635.620000000003"/>
    <s v="S106"/>
    <s v="Important"/>
    <m/>
    <m/>
    <m/>
    <m/>
    <m/>
    <m/>
    <m/>
    <m/>
    <m/>
    <m/>
    <s v="Yes"/>
    <m/>
    <m/>
    <m/>
    <m/>
    <m/>
    <m/>
    <m/>
    <m/>
    <m/>
    <m/>
    <m/>
    <m/>
    <m/>
    <m/>
    <m/>
    <m/>
    <m/>
    <m/>
    <m/>
    <m/>
    <n v="750"/>
    <n v="55.514160000000004"/>
    <s v=""/>
    <s v=""/>
    <s v=""/>
    <s v=""/>
    <s v=""/>
    <s v=""/>
    <s v=""/>
    <s v=""/>
    <s v=""/>
    <s v=""/>
    <n v="41635.620000000003"/>
    <s v=""/>
    <s v=""/>
    <s v=""/>
    <s v=""/>
    <s v=""/>
    <s v=""/>
    <s v=""/>
    <s v=""/>
    <s v=""/>
    <s v=""/>
    <s v=""/>
    <s v=""/>
    <s v=""/>
    <s v=""/>
    <s v=""/>
    <s v=""/>
    <s v=""/>
    <s v=""/>
    <s v=""/>
    <s v=""/>
    <m/>
    <m/>
    <m/>
  </r>
  <r>
    <n v="498"/>
    <x v="1"/>
    <s v="Green infrastructure"/>
    <s v="Amenity Space"/>
    <s v="Hectares of amenity space"/>
    <s v="Hectares of amenity space"/>
    <x v="1"/>
    <x v="9"/>
    <x v="1"/>
    <x v="17"/>
    <x v="10"/>
    <s v="N/A"/>
    <s v="N/A"/>
    <n v="106283.52"/>
    <n v="106283.52"/>
    <s v="S106"/>
    <s v="Important"/>
    <m/>
    <m/>
    <m/>
    <m/>
    <m/>
    <m/>
    <m/>
    <m/>
    <m/>
    <m/>
    <m/>
    <m/>
    <m/>
    <s v="Yes"/>
    <m/>
    <m/>
    <m/>
    <m/>
    <m/>
    <m/>
    <m/>
    <m/>
    <m/>
    <m/>
    <m/>
    <m/>
    <m/>
    <m/>
    <m/>
    <m/>
    <m/>
    <n v="350"/>
    <n v="303.66720000000004"/>
    <s v=""/>
    <s v=""/>
    <s v=""/>
    <s v=""/>
    <s v=""/>
    <s v=""/>
    <s v=""/>
    <s v=""/>
    <s v=""/>
    <s v=""/>
    <s v=""/>
    <s v=""/>
    <s v=""/>
    <n v="106283.52000000002"/>
    <s v=""/>
    <s v=""/>
    <s v=""/>
    <s v=""/>
    <s v=""/>
    <s v=""/>
    <s v=""/>
    <s v=""/>
    <s v=""/>
    <s v=""/>
    <s v=""/>
    <s v=""/>
    <s v=""/>
    <s v=""/>
    <s v=""/>
    <s v=""/>
    <s v=""/>
    <m/>
    <m/>
    <m/>
  </r>
  <r>
    <n v="499"/>
    <x v="1"/>
    <s v="Green infrastructure"/>
    <s v="Natural and semi natural greenspace"/>
    <s v="Hectares of natural and semi natural greenspace"/>
    <s v="Hectares of natural and semi natural greenspace"/>
    <x v="1"/>
    <x v="9"/>
    <x v="1"/>
    <x v="17"/>
    <x v="10"/>
    <s v="N/A"/>
    <s v="N/A"/>
    <n v="278994.24"/>
    <n v="278994.24"/>
    <s v="S106"/>
    <s v="Important"/>
    <m/>
    <m/>
    <m/>
    <m/>
    <m/>
    <m/>
    <m/>
    <m/>
    <m/>
    <m/>
    <m/>
    <m/>
    <m/>
    <s v="Yes"/>
    <m/>
    <m/>
    <m/>
    <m/>
    <m/>
    <m/>
    <m/>
    <m/>
    <m/>
    <m/>
    <m/>
    <m/>
    <m/>
    <m/>
    <m/>
    <m/>
    <m/>
    <n v="350"/>
    <n v="797.12639999999999"/>
    <s v=""/>
    <s v=""/>
    <s v=""/>
    <s v=""/>
    <s v=""/>
    <s v=""/>
    <s v=""/>
    <s v=""/>
    <s v=""/>
    <s v=""/>
    <s v=""/>
    <s v=""/>
    <s v=""/>
    <n v="278994.24"/>
    <s v=""/>
    <s v=""/>
    <s v=""/>
    <s v=""/>
    <s v=""/>
    <s v=""/>
    <s v=""/>
    <s v=""/>
    <s v=""/>
    <s v=""/>
    <s v=""/>
    <s v=""/>
    <s v=""/>
    <s v=""/>
    <s v=""/>
    <s v=""/>
    <s v=""/>
    <m/>
    <m/>
    <m/>
  </r>
  <r>
    <n v="500"/>
    <x v="1"/>
    <s v="Green infrastructure"/>
    <s v="Public parks and gardens "/>
    <s v="Number of public parks and gardens"/>
    <s v="Number of public parks and gardens"/>
    <x v="1"/>
    <x v="9"/>
    <x v="1"/>
    <x v="17"/>
    <x v="10"/>
    <s v="N/A"/>
    <s v="N/A"/>
    <n v="389706.24000000005"/>
    <n v="389706.24000000005"/>
    <s v="S106"/>
    <s v="Important"/>
    <m/>
    <m/>
    <m/>
    <m/>
    <m/>
    <m/>
    <m/>
    <m/>
    <m/>
    <m/>
    <m/>
    <m/>
    <m/>
    <s v="Yes"/>
    <m/>
    <m/>
    <m/>
    <m/>
    <m/>
    <m/>
    <m/>
    <m/>
    <m/>
    <m/>
    <m/>
    <m/>
    <m/>
    <m/>
    <m/>
    <m/>
    <m/>
    <n v="350"/>
    <n v="1113.4464"/>
    <s v=""/>
    <s v=""/>
    <s v=""/>
    <s v=""/>
    <s v=""/>
    <s v=""/>
    <s v=""/>
    <s v=""/>
    <s v=""/>
    <s v=""/>
    <s v=""/>
    <s v=""/>
    <s v=""/>
    <n v="389706.23999999999"/>
    <s v=""/>
    <s v=""/>
    <s v=""/>
    <s v=""/>
    <s v=""/>
    <s v=""/>
    <s v=""/>
    <s v=""/>
    <s v=""/>
    <s v=""/>
    <s v=""/>
    <s v=""/>
    <s v=""/>
    <s v=""/>
    <s v=""/>
    <s v=""/>
    <s v=""/>
    <m/>
    <m/>
    <m/>
  </r>
  <r>
    <n v="501"/>
    <x v="1"/>
    <s v="Green infrastructure"/>
    <s v="LAPs"/>
    <s v="1 LAP, delivered by site developer"/>
    <s v="1 LAP, delivered by site developer"/>
    <x v="1"/>
    <x v="9"/>
    <x v="1"/>
    <x v="18"/>
    <x v="10"/>
    <s v="N/A"/>
    <s v="N/A"/>
    <n v="43494"/>
    <n v="43494"/>
    <s v="S106"/>
    <s v="Important"/>
    <m/>
    <m/>
    <m/>
    <m/>
    <m/>
    <m/>
    <m/>
    <m/>
    <m/>
    <m/>
    <m/>
    <m/>
    <m/>
    <s v="Yes"/>
    <m/>
    <m/>
    <m/>
    <m/>
    <m/>
    <m/>
    <m/>
    <m/>
    <m/>
    <m/>
    <m/>
    <m/>
    <m/>
    <m/>
    <m/>
    <m/>
    <m/>
    <n v="350"/>
    <n v="124.26857142857143"/>
    <s v=""/>
    <s v=""/>
    <s v=""/>
    <s v=""/>
    <s v=""/>
    <s v=""/>
    <s v=""/>
    <s v=""/>
    <s v=""/>
    <s v=""/>
    <s v=""/>
    <s v=""/>
    <s v=""/>
    <n v="43494"/>
    <s v=""/>
    <s v=""/>
    <s v=""/>
    <s v=""/>
    <s v=""/>
    <s v=""/>
    <s v=""/>
    <s v=""/>
    <s v=""/>
    <s v=""/>
    <s v=""/>
    <s v=""/>
    <s v=""/>
    <s v=""/>
    <s v=""/>
    <s v=""/>
    <s v=""/>
    <m/>
    <m/>
    <m/>
  </r>
  <r>
    <n v="502"/>
    <x v="1"/>
    <s v="Green infrastructure"/>
    <s v="LEAPs"/>
    <s v="1 LEAP, delivered by site developer"/>
    <s v="1 LEAP, delivered by site developer"/>
    <x v="1"/>
    <x v="9"/>
    <x v="1"/>
    <x v="18"/>
    <x v="10"/>
    <s v="N/A"/>
    <s v="N/A"/>
    <n v="105440"/>
    <n v="105440"/>
    <s v="S106"/>
    <s v="Important"/>
    <m/>
    <m/>
    <m/>
    <m/>
    <m/>
    <m/>
    <m/>
    <m/>
    <m/>
    <m/>
    <m/>
    <m/>
    <m/>
    <s v="Yes"/>
    <m/>
    <m/>
    <m/>
    <m/>
    <m/>
    <m/>
    <m/>
    <m/>
    <m/>
    <m/>
    <m/>
    <m/>
    <m/>
    <m/>
    <m/>
    <m/>
    <m/>
    <n v="350"/>
    <n v="301.25714285714287"/>
    <s v=""/>
    <s v=""/>
    <s v=""/>
    <s v=""/>
    <s v=""/>
    <s v=""/>
    <s v=""/>
    <s v=""/>
    <s v=""/>
    <s v=""/>
    <s v=""/>
    <s v=""/>
    <s v=""/>
    <n v="105440"/>
    <s v=""/>
    <s v=""/>
    <s v=""/>
    <s v=""/>
    <s v=""/>
    <s v=""/>
    <s v=""/>
    <s v=""/>
    <s v=""/>
    <s v=""/>
    <s v=""/>
    <s v=""/>
    <s v=""/>
    <s v=""/>
    <s v=""/>
    <s v=""/>
    <s v=""/>
    <m/>
    <m/>
    <m/>
  </r>
  <r>
    <n v="503"/>
    <x v="1"/>
    <s v="Green infrastructure"/>
    <s v="MUGAs"/>
    <s v="1 MUGA, delivered by site developer"/>
    <s v="1 MUGA, delivered by site developer"/>
    <x v="1"/>
    <x v="9"/>
    <x v="1"/>
    <x v="18"/>
    <x v="10"/>
    <s v="N/A"/>
    <s v="N/A"/>
    <n v="184520"/>
    <n v="184520"/>
    <s v="S106"/>
    <s v="Important"/>
    <m/>
    <m/>
    <m/>
    <m/>
    <m/>
    <m/>
    <m/>
    <m/>
    <m/>
    <m/>
    <m/>
    <m/>
    <m/>
    <s v="Yes"/>
    <m/>
    <m/>
    <m/>
    <m/>
    <m/>
    <m/>
    <m/>
    <m/>
    <m/>
    <m/>
    <m/>
    <m/>
    <m/>
    <m/>
    <m/>
    <m/>
    <m/>
    <n v="350"/>
    <n v="527.20000000000005"/>
    <s v=""/>
    <s v=""/>
    <s v=""/>
    <s v=""/>
    <s v=""/>
    <s v=""/>
    <s v=""/>
    <s v=""/>
    <s v=""/>
    <s v=""/>
    <s v=""/>
    <s v=""/>
    <s v=""/>
    <n v="184520.00000000003"/>
    <s v=""/>
    <s v=""/>
    <s v=""/>
    <s v=""/>
    <s v=""/>
    <s v=""/>
    <s v=""/>
    <s v=""/>
    <s v=""/>
    <s v=""/>
    <s v=""/>
    <s v=""/>
    <s v=""/>
    <s v=""/>
    <s v=""/>
    <s v=""/>
    <s v=""/>
    <m/>
    <m/>
    <m/>
  </r>
  <r>
    <n v="504"/>
    <x v="1"/>
    <s v="Green infrastructure"/>
    <s v="NEAPs"/>
    <s v="Number of NEAPs"/>
    <s v="Number of NEAPs"/>
    <x v="1"/>
    <x v="9"/>
    <x v="3"/>
    <x v="18"/>
    <x v="10"/>
    <s v="N/A"/>
    <s v="N/A"/>
    <n v="0"/>
    <n v="0"/>
    <s v="S106"/>
    <s v="Important"/>
    <m/>
    <m/>
    <m/>
    <m/>
    <m/>
    <m/>
    <m/>
    <m/>
    <m/>
    <m/>
    <m/>
    <m/>
    <m/>
    <s v="Yes"/>
    <m/>
    <m/>
    <m/>
    <m/>
    <m/>
    <m/>
    <m/>
    <m/>
    <m/>
    <m/>
    <m/>
    <m/>
    <m/>
    <m/>
    <m/>
    <m/>
    <m/>
    <n v="350"/>
    <m/>
    <s v=""/>
    <s v=""/>
    <s v=""/>
    <s v=""/>
    <s v=""/>
    <s v=""/>
    <s v=""/>
    <s v=""/>
    <s v=""/>
    <s v=""/>
    <s v=""/>
    <s v=""/>
    <s v=""/>
    <n v="0"/>
    <s v=""/>
    <s v=""/>
    <s v=""/>
    <s v=""/>
    <s v=""/>
    <s v=""/>
    <s v=""/>
    <s v=""/>
    <s v=""/>
    <s v=""/>
    <s v=""/>
    <s v=""/>
    <s v=""/>
    <s v=""/>
    <s v=""/>
    <s v=""/>
    <s v=""/>
    <m/>
    <m/>
    <m/>
  </r>
  <r>
    <n v="505"/>
    <x v="1"/>
    <s v="Green infrastructure"/>
    <s v="Allotments "/>
    <s v="Hectares of allotments required"/>
    <s v="Hectares of allotments required"/>
    <x v="1"/>
    <x v="9"/>
    <x v="2"/>
    <x v="17"/>
    <x v="10"/>
    <s v="N/A"/>
    <s v="N/A"/>
    <n v="62275.5"/>
    <n v="62275.5"/>
    <s v="S106"/>
    <s v="Important"/>
    <m/>
    <m/>
    <m/>
    <m/>
    <m/>
    <m/>
    <m/>
    <m/>
    <m/>
    <m/>
    <m/>
    <m/>
    <m/>
    <s v="Yes"/>
    <m/>
    <m/>
    <m/>
    <m/>
    <m/>
    <m/>
    <m/>
    <m/>
    <m/>
    <m/>
    <m/>
    <m/>
    <m/>
    <m/>
    <m/>
    <m/>
    <m/>
    <n v="350"/>
    <n v="177.93"/>
    <s v=""/>
    <s v=""/>
    <s v=""/>
    <s v=""/>
    <s v=""/>
    <s v=""/>
    <s v=""/>
    <s v=""/>
    <s v=""/>
    <s v=""/>
    <s v=""/>
    <s v=""/>
    <s v=""/>
    <n v="62275.5"/>
    <s v=""/>
    <s v=""/>
    <s v=""/>
    <s v=""/>
    <s v=""/>
    <s v=""/>
    <s v=""/>
    <s v=""/>
    <s v=""/>
    <s v=""/>
    <s v=""/>
    <s v=""/>
    <s v=""/>
    <s v=""/>
    <s v=""/>
    <s v=""/>
    <s v=""/>
    <m/>
    <m/>
    <m/>
  </r>
  <r>
    <n v="506"/>
    <x v="1"/>
    <s v="Green infrastructure"/>
    <s v="Amenity Space"/>
    <s v="Hectares of amenity space"/>
    <s v="Hectares of amenity space"/>
    <x v="1"/>
    <x v="46"/>
    <x v="1"/>
    <x v="17"/>
    <x v="30"/>
    <s v="N/A"/>
    <s v="N/A"/>
    <n v="27330.047999999999"/>
    <n v="27330.047999999999"/>
    <s v="S106"/>
    <s v="Important"/>
    <m/>
    <m/>
    <m/>
    <m/>
    <m/>
    <m/>
    <m/>
    <m/>
    <m/>
    <m/>
    <m/>
    <m/>
    <m/>
    <m/>
    <s v="Yes"/>
    <m/>
    <m/>
    <m/>
    <m/>
    <m/>
    <m/>
    <m/>
    <m/>
    <m/>
    <m/>
    <m/>
    <m/>
    <m/>
    <m/>
    <m/>
    <m/>
    <n v="90"/>
    <n v="303.66719999999998"/>
    <s v=""/>
    <s v=""/>
    <s v=""/>
    <s v=""/>
    <s v=""/>
    <s v=""/>
    <s v=""/>
    <s v=""/>
    <s v=""/>
    <s v=""/>
    <s v=""/>
    <s v=""/>
    <s v=""/>
    <s v=""/>
    <n v="27330.047999999999"/>
    <s v=""/>
    <s v=""/>
    <s v=""/>
    <s v=""/>
    <s v=""/>
    <s v=""/>
    <s v=""/>
    <s v=""/>
    <s v=""/>
    <s v=""/>
    <s v=""/>
    <s v=""/>
    <s v=""/>
    <s v=""/>
    <s v=""/>
    <s v=""/>
    <m/>
    <m/>
    <m/>
  </r>
  <r>
    <n v="507"/>
    <x v="1"/>
    <s v="Green infrastructure"/>
    <s v="Natural and semi natural greenspace"/>
    <s v="Hectares of natural and semi natural greenspace"/>
    <s v="Hectares of natural and semi natural greenspace"/>
    <x v="1"/>
    <x v="46"/>
    <x v="3"/>
    <x v="17"/>
    <x v="30"/>
    <s v="N/A"/>
    <s v="N/A"/>
    <n v="71741.375999999989"/>
    <n v="71741.375999999989"/>
    <s v="S106"/>
    <s v="Important"/>
    <m/>
    <m/>
    <m/>
    <m/>
    <m/>
    <m/>
    <m/>
    <m/>
    <m/>
    <m/>
    <m/>
    <m/>
    <m/>
    <m/>
    <s v="Yes"/>
    <m/>
    <m/>
    <m/>
    <m/>
    <m/>
    <m/>
    <m/>
    <m/>
    <m/>
    <m/>
    <m/>
    <m/>
    <m/>
    <m/>
    <m/>
    <m/>
    <n v="90"/>
    <n v="797.12639999999988"/>
    <s v=""/>
    <s v=""/>
    <s v=""/>
    <s v=""/>
    <s v=""/>
    <s v=""/>
    <s v=""/>
    <s v=""/>
    <s v=""/>
    <s v=""/>
    <s v=""/>
    <s v=""/>
    <s v=""/>
    <s v=""/>
    <n v="71741.375999999989"/>
    <s v=""/>
    <s v=""/>
    <s v=""/>
    <s v=""/>
    <s v=""/>
    <s v=""/>
    <s v=""/>
    <s v=""/>
    <s v=""/>
    <s v=""/>
    <s v=""/>
    <s v=""/>
    <s v=""/>
    <s v=""/>
    <s v=""/>
    <s v=""/>
    <m/>
    <m/>
    <m/>
  </r>
  <r>
    <n v="508"/>
    <x v="1"/>
    <s v="Green infrastructure"/>
    <s v="Public parks and gardens "/>
    <s v="Number of public parks and gardens"/>
    <s v="Number of public parks and gardens"/>
    <x v="1"/>
    <x v="46"/>
    <x v="3"/>
    <x v="17"/>
    <x v="30"/>
    <s v="N/A"/>
    <s v="N/A"/>
    <n v="100210.17600000001"/>
    <n v="100210.17600000001"/>
    <s v="S106"/>
    <s v="Important"/>
    <m/>
    <m/>
    <m/>
    <m/>
    <m/>
    <m/>
    <m/>
    <m/>
    <m/>
    <m/>
    <m/>
    <m/>
    <m/>
    <m/>
    <s v="Yes"/>
    <m/>
    <m/>
    <m/>
    <m/>
    <m/>
    <m/>
    <m/>
    <m/>
    <m/>
    <m/>
    <m/>
    <m/>
    <m/>
    <m/>
    <m/>
    <m/>
    <n v="90"/>
    <n v="1113.4464"/>
    <s v=""/>
    <s v=""/>
    <s v=""/>
    <s v=""/>
    <s v=""/>
    <s v=""/>
    <s v=""/>
    <s v=""/>
    <s v=""/>
    <s v=""/>
    <s v=""/>
    <s v=""/>
    <s v=""/>
    <s v=""/>
    <n v="100210.17600000001"/>
    <s v=""/>
    <s v=""/>
    <s v=""/>
    <s v=""/>
    <s v=""/>
    <s v=""/>
    <s v=""/>
    <s v=""/>
    <s v=""/>
    <s v=""/>
    <s v=""/>
    <s v=""/>
    <s v=""/>
    <s v=""/>
    <s v=""/>
    <s v=""/>
    <m/>
    <m/>
    <m/>
  </r>
  <r>
    <n v="509"/>
    <x v="1"/>
    <s v="Green infrastructure"/>
    <s v="LAPs"/>
    <s v="1 LAP, delivered by site developer"/>
    <s v="1 LAP, delivered by site developer"/>
    <x v="1"/>
    <x v="46"/>
    <x v="1"/>
    <x v="18"/>
    <x v="30"/>
    <s v="N/A"/>
    <s v="N/A"/>
    <n v="43494"/>
    <n v="43494"/>
    <s v="S106"/>
    <s v="Important"/>
    <m/>
    <m/>
    <m/>
    <m/>
    <m/>
    <m/>
    <m/>
    <m/>
    <m/>
    <m/>
    <m/>
    <m/>
    <m/>
    <m/>
    <s v="Yes"/>
    <m/>
    <m/>
    <m/>
    <m/>
    <m/>
    <m/>
    <m/>
    <m/>
    <m/>
    <m/>
    <m/>
    <m/>
    <m/>
    <m/>
    <m/>
    <m/>
    <n v="90"/>
    <n v="483.26666666666665"/>
    <s v=""/>
    <s v=""/>
    <s v=""/>
    <s v=""/>
    <s v=""/>
    <s v=""/>
    <s v=""/>
    <s v=""/>
    <s v=""/>
    <s v=""/>
    <s v=""/>
    <s v=""/>
    <s v=""/>
    <s v=""/>
    <n v="43494"/>
    <s v=""/>
    <s v=""/>
    <s v=""/>
    <s v=""/>
    <s v=""/>
    <s v=""/>
    <s v=""/>
    <s v=""/>
    <s v=""/>
    <s v=""/>
    <s v=""/>
    <s v=""/>
    <s v=""/>
    <s v=""/>
    <s v=""/>
    <s v=""/>
    <m/>
    <m/>
    <m/>
  </r>
  <r>
    <n v="510"/>
    <x v="1"/>
    <s v="Green infrastructure"/>
    <s v="LEAPs"/>
    <s v="1 LEAP, delivered by site developer"/>
    <s v="1 LEAP, delivered by site developer"/>
    <x v="1"/>
    <x v="46"/>
    <x v="1"/>
    <x v="18"/>
    <x v="30"/>
    <s v="N/A"/>
    <s v="N/A"/>
    <n v="105440"/>
    <n v="105440"/>
    <s v="S106"/>
    <s v="Important"/>
    <m/>
    <m/>
    <m/>
    <m/>
    <m/>
    <m/>
    <m/>
    <m/>
    <m/>
    <m/>
    <m/>
    <m/>
    <m/>
    <m/>
    <s v="Yes"/>
    <m/>
    <m/>
    <m/>
    <m/>
    <m/>
    <m/>
    <m/>
    <m/>
    <m/>
    <m/>
    <m/>
    <m/>
    <m/>
    <m/>
    <m/>
    <m/>
    <n v="90"/>
    <n v="1171.5555555555557"/>
    <s v=""/>
    <s v=""/>
    <s v=""/>
    <s v=""/>
    <s v=""/>
    <s v=""/>
    <s v=""/>
    <s v=""/>
    <s v=""/>
    <s v=""/>
    <s v=""/>
    <s v=""/>
    <s v=""/>
    <s v=""/>
    <n v="105440.00000000001"/>
    <s v=""/>
    <s v=""/>
    <s v=""/>
    <s v=""/>
    <s v=""/>
    <s v=""/>
    <s v=""/>
    <s v=""/>
    <s v=""/>
    <s v=""/>
    <s v=""/>
    <s v=""/>
    <s v=""/>
    <s v=""/>
    <s v=""/>
    <s v=""/>
    <m/>
    <m/>
    <m/>
  </r>
  <r>
    <n v="511"/>
    <x v="1"/>
    <s v="Green infrastructure"/>
    <s v="MUGAs"/>
    <s v="Number of MUGAs"/>
    <s v="Number of MUGAs"/>
    <x v="1"/>
    <x v="46"/>
    <x v="3"/>
    <x v="18"/>
    <x v="30"/>
    <s v="N/A"/>
    <s v="N/A"/>
    <n v="0"/>
    <n v="0"/>
    <s v="S106"/>
    <s v="Important"/>
    <m/>
    <m/>
    <m/>
    <m/>
    <m/>
    <m/>
    <m/>
    <m/>
    <m/>
    <m/>
    <m/>
    <m/>
    <m/>
    <m/>
    <s v="Yes"/>
    <m/>
    <m/>
    <m/>
    <m/>
    <m/>
    <m/>
    <m/>
    <m/>
    <m/>
    <m/>
    <m/>
    <m/>
    <m/>
    <m/>
    <m/>
    <m/>
    <n v="90"/>
    <m/>
    <s v=""/>
    <s v=""/>
    <s v=""/>
    <s v=""/>
    <s v=""/>
    <s v=""/>
    <s v=""/>
    <s v=""/>
    <s v=""/>
    <s v=""/>
    <s v=""/>
    <s v=""/>
    <s v=""/>
    <s v=""/>
    <n v="0"/>
    <s v=""/>
    <s v=""/>
    <s v=""/>
    <s v=""/>
    <s v=""/>
    <s v=""/>
    <s v=""/>
    <s v=""/>
    <s v=""/>
    <s v=""/>
    <s v=""/>
    <s v=""/>
    <s v=""/>
    <s v=""/>
    <s v=""/>
    <s v=""/>
    <m/>
    <m/>
    <m/>
  </r>
  <r>
    <n v="512"/>
    <x v="1"/>
    <s v="Green infrastructure"/>
    <s v="NEAPs"/>
    <s v="Number of NEAPs"/>
    <s v="Number of NEAPs"/>
    <x v="1"/>
    <x v="46"/>
    <x v="3"/>
    <x v="18"/>
    <x v="30"/>
    <s v="N/A"/>
    <s v="N/A"/>
    <n v="0"/>
    <n v="0"/>
    <s v="S106"/>
    <s v="Important"/>
    <m/>
    <m/>
    <m/>
    <m/>
    <m/>
    <m/>
    <m/>
    <m/>
    <m/>
    <m/>
    <m/>
    <m/>
    <m/>
    <m/>
    <s v="Yes"/>
    <m/>
    <m/>
    <m/>
    <m/>
    <m/>
    <m/>
    <m/>
    <m/>
    <m/>
    <m/>
    <m/>
    <m/>
    <m/>
    <m/>
    <m/>
    <m/>
    <n v="90"/>
    <m/>
    <s v=""/>
    <s v=""/>
    <s v=""/>
    <s v=""/>
    <s v=""/>
    <s v=""/>
    <s v=""/>
    <s v=""/>
    <s v=""/>
    <s v=""/>
    <s v=""/>
    <s v=""/>
    <s v=""/>
    <s v=""/>
    <n v="0"/>
    <s v=""/>
    <s v=""/>
    <s v=""/>
    <s v=""/>
    <s v=""/>
    <s v=""/>
    <s v=""/>
    <s v=""/>
    <s v=""/>
    <s v=""/>
    <s v=""/>
    <s v=""/>
    <s v=""/>
    <s v=""/>
    <s v=""/>
    <s v=""/>
    <m/>
    <m/>
    <m/>
  </r>
  <r>
    <n v="513"/>
    <x v="1"/>
    <s v="Green infrastructure"/>
    <s v="Allotments "/>
    <s v="Hectares of allotments required"/>
    <s v="Hectares of allotments required"/>
    <x v="1"/>
    <x v="46"/>
    <x v="2"/>
    <x v="17"/>
    <x v="30"/>
    <s v="N/A"/>
    <s v="N/A"/>
    <n v="16013.7"/>
    <n v="16013.7"/>
    <s v="S106"/>
    <s v="Important"/>
    <m/>
    <m/>
    <m/>
    <m/>
    <m/>
    <m/>
    <m/>
    <m/>
    <m/>
    <m/>
    <m/>
    <m/>
    <m/>
    <m/>
    <s v="Yes"/>
    <m/>
    <m/>
    <m/>
    <m/>
    <m/>
    <m/>
    <m/>
    <m/>
    <m/>
    <m/>
    <m/>
    <m/>
    <m/>
    <m/>
    <m/>
    <m/>
    <n v="90"/>
    <n v="177.93"/>
    <s v=""/>
    <s v=""/>
    <s v=""/>
    <s v=""/>
    <s v=""/>
    <s v=""/>
    <s v=""/>
    <s v=""/>
    <s v=""/>
    <s v=""/>
    <s v=""/>
    <s v=""/>
    <s v=""/>
    <s v=""/>
    <n v="16013.7"/>
    <s v=""/>
    <s v=""/>
    <s v=""/>
    <s v=""/>
    <s v=""/>
    <s v=""/>
    <s v=""/>
    <s v=""/>
    <s v=""/>
    <s v=""/>
    <s v=""/>
    <s v=""/>
    <s v=""/>
    <s v=""/>
    <s v=""/>
    <s v=""/>
    <m/>
    <m/>
    <m/>
  </r>
  <r>
    <n v="514"/>
    <x v="1"/>
    <s v="Green infrastructure"/>
    <s v="Amenity Space"/>
    <s v="Hectares of amenity space"/>
    <s v="Hectares of amenity space"/>
    <x v="1"/>
    <x v="32"/>
    <x v="1"/>
    <x v="17"/>
    <x v="26"/>
    <s v="N/A"/>
    <s v="N/A"/>
    <n v="24293.376"/>
    <n v="24293.376"/>
    <s v="S106"/>
    <s v="Important"/>
    <m/>
    <m/>
    <m/>
    <m/>
    <m/>
    <m/>
    <m/>
    <m/>
    <m/>
    <m/>
    <m/>
    <m/>
    <m/>
    <m/>
    <m/>
    <s v="Yes"/>
    <m/>
    <m/>
    <m/>
    <m/>
    <m/>
    <m/>
    <m/>
    <m/>
    <m/>
    <m/>
    <m/>
    <m/>
    <m/>
    <m/>
    <m/>
    <n v="80"/>
    <n v="303.66719999999998"/>
    <s v=""/>
    <s v=""/>
    <s v=""/>
    <s v=""/>
    <s v=""/>
    <s v=""/>
    <s v=""/>
    <s v=""/>
    <s v=""/>
    <s v=""/>
    <s v=""/>
    <s v=""/>
    <s v=""/>
    <s v=""/>
    <s v=""/>
    <n v="24293.375999999997"/>
    <s v=""/>
    <s v=""/>
    <s v=""/>
    <s v=""/>
    <s v=""/>
    <s v=""/>
    <s v=""/>
    <s v=""/>
    <s v=""/>
    <s v=""/>
    <s v=""/>
    <s v=""/>
    <s v=""/>
    <s v=""/>
    <s v=""/>
    <m/>
    <m/>
    <m/>
  </r>
  <r>
    <n v="515"/>
    <x v="1"/>
    <s v="Green infrastructure"/>
    <s v="Natural and semi natural greenspace"/>
    <s v="Hectares of natural and semi natural greenspace"/>
    <s v="Hectares of natural and semi natural greenspace"/>
    <x v="1"/>
    <x v="32"/>
    <x v="3"/>
    <x v="17"/>
    <x v="26"/>
    <s v="N/A"/>
    <s v="N/A"/>
    <n v="63770.112000000001"/>
    <n v="63770.112000000001"/>
    <s v="S106"/>
    <s v="Important"/>
    <m/>
    <m/>
    <m/>
    <m/>
    <m/>
    <m/>
    <m/>
    <m/>
    <m/>
    <m/>
    <m/>
    <m/>
    <m/>
    <m/>
    <m/>
    <s v="Yes"/>
    <m/>
    <m/>
    <m/>
    <m/>
    <m/>
    <m/>
    <m/>
    <m/>
    <m/>
    <m/>
    <m/>
    <m/>
    <m/>
    <m/>
    <m/>
    <n v="80"/>
    <n v="797.12639999999999"/>
    <s v=""/>
    <s v=""/>
    <s v=""/>
    <s v=""/>
    <s v=""/>
    <s v=""/>
    <s v=""/>
    <s v=""/>
    <s v=""/>
    <s v=""/>
    <s v=""/>
    <s v=""/>
    <s v=""/>
    <s v=""/>
    <s v=""/>
    <n v="63770.112000000001"/>
    <s v=""/>
    <s v=""/>
    <s v=""/>
    <s v=""/>
    <s v=""/>
    <s v=""/>
    <s v=""/>
    <s v=""/>
    <s v=""/>
    <s v=""/>
    <s v=""/>
    <s v=""/>
    <s v=""/>
    <s v=""/>
    <s v=""/>
    <m/>
    <m/>
    <m/>
  </r>
  <r>
    <n v="516"/>
    <x v="1"/>
    <s v="Green infrastructure"/>
    <s v="Public parks and gardens "/>
    <s v="Number of public parks and gardens"/>
    <s v="Number of public parks and gardens"/>
    <x v="1"/>
    <x v="32"/>
    <x v="3"/>
    <x v="17"/>
    <x v="26"/>
    <s v="N/A"/>
    <s v="N/A"/>
    <n v="89075.712000000014"/>
    <n v="89075.712000000014"/>
    <s v="S106"/>
    <s v="Important"/>
    <m/>
    <m/>
    <m/>
    <m/>
    <m/>
    <m/>
    <m/>
    <m/>
    <m/>
    <m/>
    <m/>
    <m/>
    <m/>
    <m/>
    <m/>
    <s v="Yes"/>
    <m/>
    <m/>
    <m/>
    <m/>
    <m/>
    <m/>
    <m/>
    <m/>
    <m/>
    <m/>
    <m/>
    <m/>
    <m/>
    <m/>
    <m/>
    <n v="80"/>
    <n v="1113.4464000000003"/>
    <s v=""/>
    <s v=""/>
    <s v=""/>
    <s v=""/>
    <s v=""/>
    <s v=""/>
    <s v=""/>
    <s v=""/>
    <s v=""/>
    <s v=""/>
    <s v=""/>
    <s v=""/>
    <s v=""/>
    <s v=""/>
    <s v=""/>
    <n v="89075.712000000029"/>
    <s v=""/>
    <s v=""/>
    <s v=""/>
    <s v=""/>
    <s v=""/>
    <s v=""/>
    <s v=""/>
    <s v=""/>
    <s v=""/>
    <s v=""/>
    <s v=""/>
    <s v=""/>
    <s v=""/>
    <s v=""/>
    <s v=""/>
    <m/>
    <m/>
    <m/>
  </r>
  <r>
    <n v="517"/>
    <x v="1"/>
    <s v="Green infrastructure"/>
    <s v="LAPs"/>
    <s v="1 LAP, delivered by site developer"/>
    <s v="1 LAP, delivered by site developer"/>
    <x v="1"/>
    <x v="32"/>
    <x v="1"/>
    <x v="18"/>
    <x v="26"/>
    <s v="N/A"/>
    <s v="N/A"/>
    <n v="43494"/>
    <n v="43494"/>
    <s v="S106"/>
    <s v="Important"/>
    <m/>
    <m/>
    <m/>
    <m/>
    <m/>
    <m/>
    <m/>
    <m/>
    <m/>
    <m/>
    <m/>
    <m/>
    <m/>
    <m/>
    <m/>
    <s v="Yes"/>
    <m/>
    <m/>
    <m/>
    <m/>
    <m/>
    <m/>
    <m/>
    <m/>
    <m/>
    <m/>
    <m/>
    <m/>
    <m/>
    <m/>
    <m/>
    <n v="80"/>
    <n v="543.67499999999995"/>
    <s v=""/>
    <s v=""/>
    <s v=""/>
    <s v=""/>
    <s v=""/>
    <s v=""/>
    <s v=""/>
    <s v=""/>
    <s v=""/>
    <s v=""/>
    <s v=""/>
    <s v=""/>
    <s v=""/>
    <s v=""/>
    <s v=""/>
    <n v="43494"/>
    <s v=""/>
    <s v=""/>
    <s v=""/>
    <s v=""/>
    <s v=""/>
    <s v=""/>
    <s v=""/>
    <s v=""/>
    <s v=""/>
    <s v=""/>
    <s v=""/>
    <s v=""/>
    <s v=""/>
    <s v=""/>
    <s v=""/>
    <m/>
    <m/>
    <m/>
  </r>
  <r>
    <n v="518"/>
    <x v="1"/>
    <s v="Green infrastructure"/>
    <s v="LEAPs"/>
    <s v="1 LEAP, delivered by site developer"/>
    <s v="1 LEAP, delivered by site developer"/>
    <x v="1"/>
    <x v="32"/>
    <x v="1"/>
    <x v="18"/>
    <x v="26"/>
    <s v="N/A"/>
    <s v="N/A"/>
    <n v="105440"/>
    <n v="105440"/>
    <s v="S106"/>
    <s v="Important"/>
    <m/>
    <m/>
    <m/>
    <m/>
    <m/>
    <m/>
    <m/>
    <m/>
    <m/>
    <m/>
    <m/>
    <m/>
    <m/>
    <m/>
    <m/>
    <s v="Yes"/>
    <m/>
    <m/>
    <m/>
    <m/>
    <m/>
    <m/>
    <m/>
    <m/>
    <m/>
    <m/>
    <m/>
    <m/>
    <m/>
    <m/>
    <m/>
    <n v="80"/>
    <n v="1318"/>
    <s v=""/>
    <s v=""/>
    <s v=""/>
    <s v=""/>
    <s v=""/>
    <s v=""/>
    <s v=""/>
    <s v=""/>
    <s v=""/>
    <s v=""/>
    <s v=""/>
    <s v=""/>
    <s v=""/>
    <s v=""/>
    <s v=""/>
    <n v="105440"/>
    <s v=""/>
    <s v=""/>
    <s v=""/>
    <s v=""/>
    <s v=""/>
    <s v=""/>
    <s v=""/>
    <s v=""/>
    <s v=""/>
    <s v=""/>
    <s v=""/>
    <s v=""/>
    <s v=""/>
    <s v=""/>
    <s v=""/>
    <m/>
    <m/>
    <m/>
  </r>
  <r>
    <n v="519"/>
    <x v="1"/>
    <s v="Green infrastructure"/>
    <s v="MUGAs"/>
    <s v="Number of MUGAs"/>
    <s v="Number of MUGAs"/>
    <x v="1"/>
    <x v="32"/>
    <x v="3"/>
    <x v="18"/>
    <x v="26"/>
    <s v="N/A"/>
    <s v="N/A"/>
    <n v="0"/>
    <n v="0"/>
    <s v="S106"/>
    <s v="Important"/>
    <m/>
    <m/>
    <m/>
    <m/>
    <m/>
    <m/>
    <m/>
    <m/>
    <m/>
    <m/>
    <m/>
    <m/>
    <m/>
    <m/>
    <m/>
    <s v="Yes"/>
    <m/>
    <m/>
    <m/>
    <m/>
    <m/>
    <m/>
    <m/>
    <m/>
    <m/>
    <m/>
    <m/>
    <m/>
    <m/>
    <m/>
    <m/>
    <n v="80"/>
    <m/>
    <s v=""/>
    <s v=""/>
    <s v=""/>
    <s v=""/>
    <s v=""/>
    <s v=""/>
    <s v=""/>
    <s v=""/>
    <s v=""/>
    <s v=""/>
    <s v=""/>
    <s v=""/>
    <s v=""/>
    <s v=""/>
    <s v=""/>
    <n v="0"/>
    <s v=""/>
    <s v=""/>
    <s v=""/>
    <s v=""/>
    <s v=""/>
    <s v=""/>
    <s v=""/>
    <s v=""/>
    <s v=""/>
    <s v=""/>
    <s v=""/>
    <s v=""/>
    <s v=""/>
    <s v=""/>
    <s v=""/>
    <m/>
    <m/>
    <m/>
  </r>
  <r>
    <n v="520"/>
    <x v="1"/>
    <s v="Green infrastructure"/>
    <s v="NEAPs"/>
    <s v="Number of NEAPs"/>
    <s v="Number of NEAPs"/>
    <x v="1"/>
    <x v="32"/>
    <x v="3"/>
    <x v="18"/>
    <x v="26"/>
    <s v="N/A"/>
    <s v="N/A"/>
    <n v="0"/>
    <n v="0"/>
    <s v="S106"/>
    <s v="Important"/>
    <m/>
    <m/>
    <m/>
    <m/>
    <m/>
    <m/>
    <m/>
    <m/>
    <m/>
    <m/>
    <m/>
    <m/>
    <m/>
    <m/>
    <m/>
    <s v="Yes"/>
    <m/>
    <m/>
    <m/>
    <m/>
    <m/>
    <m/>
    <m/>
    <m/>
    <m/>
    <m/>
    <m/>
    <m/>
    <m/>
    <m/>
    <m/>
    <n v="80"/>
    <m/>
    <s v=""/>
    <s v=""/>
    <s v=""/>
    <s v=""/>
    <s v=""/>
    <s v=""/>
    <s v=""/>
    <s v=""/>
    <s v=""/>
    <s v=""/>
    <s v=""/>
    <s v=""/>
    <s v=""/>
    <s v=""/>
    <s v=""/>
    <n v="0"/>
    <s v=""/>
    <s v=""/>
    <s v=""/>
    <s v=""/>
    <s v=""/>
    <s v=""/>
    <s v=""/>
    <s v=""/>
    <s v=""/>
    <s v=""/>
    <s v=""/>
    <s v=""/>
    <s v=""/>
    <s v=""/>
    <s v=""/>
    <m/>
    <m/>
    <m/>
  </r>
  <r>
    <n v="521"/>
    <x v="1"/>
    <s v="Green infrastructure"/>
    <s v="Allotments "/>
    <s v="Hectares of allotments required"/>
    <s v="Hectares of allotments required"/>
    <x v="1"/>
    <x v="32"/>
    <x v="2"/>
    <x v="17"/>
    <x v="26"/>
    <s v="N/A"/>
    <s v="N/A"/>
    <n v="14234.4"/>
    <n v="14234.4"/>
    <s v="S106"/>
    <s v="Important"/>
    <m/>
    <m/>
    <m/>
    <m/>
    <m/>
    <m/>
    <m/>
    <m/>
    <m/>
    <m/>
    <m/>
    <m/>
    <m/>
    <m/>
    <m/>
    <s v="Yes"/>
    <m/>
    <m/>
    <m/>
    <m/>
    <m/>
    <m/>
    <m/>
    <m/>
    <m/>
    <m/>
    <m/>
    <m/>
    <m/>
    <m/>
    <m/>
    <n v="80"/>
    <n v="177.93"/>
    <s v=""/>
    <s v=""/>
    <s v=""/>
    <s v=""/>
    <s v=""/>
    <s v=""/>
    <s v=""/>
    <s v=""/>
    <s v=""/>
    <s v=""/>
    <s v=""/>
    <s v=""/>
    <s v=""/>
    <s v=""/>
    <s v=""/>
    <n v="14234.400000000001"/>
    <s v=""/>
    <s v=""/>
    <s v=""/>
    <s v=""/>
    <s v=""/>
    <s v=""/>
    <s v=""/>
    <s v=""/>
    <s v=""/>
    <s v=""/>
    <s v=""/>
    <s v=""/>
    <s v=""/>
    <s v=""/>
    <s v=""/>
    <m/>
    <m/>
    <m/>
  </r>
  <r>
    <n v="522"/>
    <x v="1"/>
    <s v="Green infrastructure"/>
    <s v="Amenity Space"/>
    <s v="Hectares of amenity space"/>
    <s v="Hectares of amenity space"/>
    <x v="1"/>
    <x v="33"/>
    <x v="1"/>
    <x v="17"/>
    <x v="31"/>
    <s v="N/A"/>
    <s v="N/A"/>
    <n v="60733.439999999995"/>
    <n v="60733.439999999995"/>
    <s v="S106"/>
    <s v="Important"/>
    <m/>
    <m/>
    <m/>
    <m/>
    <m/>
    <m/>
    <m/>
    <m/>
    <m/>
    <m/>
    <m/>
    <s v="Yes"/>
    <m/>
    <m/>
    <m/>
    <m/>
    <m/>
    <m/>
    <m/>
    <m/>
    <m/>
    <m/>
    <m/>
    <m/>
    <m/>
    <m/>
    <m/>
    <m/>
    <m/>
    <m/>
    <m/>
    <n v="200"/>
    <n v="303.66719999999998"/>
    <s v=""/>
    <s v=""/>
    <s v=""/>
    <s v=""/>
    <s v=""/>
    <s v=""/>
    <s v=""/>
    <s v=""/>
    <s v=""/>
    <s v=""/>
    <s v=""/>
    <n v="60733.439999999995"/>
    <s v=""/>
    <s v=""/>
    <s v=""/>
    <s v=""/>
    <s v=""/>
    <s v=""/>
    <s v=""/>
    <s v=""/>
    <s v=""/>
    <s v=""/>
    <s v=""/>
    <s v=""/>
    <s v=""/>
    <s v=""/>
    <s v=""/>
    <s v=""/>
    <s v=""/>
    <s v=""/>
    <s v=""/>
    <m/>
    <m/>
    <m/>
  </r>
  <r>
    <n v="523"/>
    <x v="1"/>
    <s v="Green infrastructure"/>
    <s v="Natural and semi natural greenspace"/>
    <s v="Hectares of natural and semi natural greenspace"/>
    <s v="Hectares of natural and semi natural greenspace"/>
    <x v="1"/>
    <x v="33"/>
    <x v="3"/>
    <x v="17"/>
    <x v="31"/>
    <s v="N/A"/>
    <s v="N/A"/>
    <n v="159425.28"/>
    <n v="159425.28"/>
    <s v="S106"/>
    <s v="Important"/>
    <m/>
    <m/>
    <m/>
    <m/>
    <m/>
    <m/>
    <m/>
    <m/>
    <m/>
    <m/>
    <m/>
    <s v="Yes"/>
    <m/>
    <m/>
    <m/>
    <m/>
    <m/>
    <m/>
    <m/>
    <m/>
    <m/>
    <m/>
    <m/>
    <m/>
    <m/>
    <m/>
    <m/>
    <m/>
    <m/>
    <m/>
    <m/>
    <n v="200"/>
    <n v="797.12639999999999"/>
    <s v=""/>
    <s v=""/>
    <s v=""/>
    <s v=""/>
    <s v=""/>
    <s v=""/>
    <s v=""/>
    <s v=""/>
    <s v=""/>
    <s v=""/>
    <s v=""/>
    <n v="159425.28"/>
    <s v=""/>
    <s v=""/>
    <s v=""/>
    <s v=""/>
    <s v=""/>
    <s v=""/>
    <s v=""/>
    <s v=""/>
    <s v=""/>
    <s v=""/>
    <s v=""/>
    <s v=""/>
    <s v=""/>
    <s v=""/>
    <s v=""/>
    <s v=""/>
    <s v=""/>
    <s v=""/>
    <s v=""/>
    <m/>
    <m/>
    <m/>
  </r>
  <r>
    <n v="524"/>
    <x v="1"/>
    <s v="Green infrastructure"/>
    <s v="Public parks and gardens "/>
    <s v="Number of public parks and gardens"/>
    <s v="Number of public parks and gardens"/>
    <x v="1"/>
    <x v="33"/>
    <x v="3"/>
    <x v="17"/>
    <x v="31"/>
    <s v="N/A"/>
    <s v="N/A"/>
    <n v="222689.28"/>
    <n v="222689.28"/>
    <s v="S106"/>
    <s v="Important"/>
    <m/>
    <m/>
    <m/>
    <m/>
    <m/>
    <m/>
    <m/>
    <m/>
    <m/>
    <m/>
    <m/>
    <s v="Yes"/>
    <m/>
    <m/>
    <m/>
    <m/>
    <m/>
    <m/>
    <m/>
    <m/>
    <m/>
    <m/>
    <m/>
    <m/>
    <m/>
    <m/>
    <m/>
    <m/>
    <m/>
    <m/>
    <m/>
    <n v="200"/>
    <n v="1113.4464"/>
    <s v=""/>
    <s v=""/>
    <s v=""/>
    <s v=""/>
    <s v=""/>
    <s v=""/>
    <s v=""/>
    <s v=""/>
    <s v=""/>
    <s v=""/>
    <s v=""/>
    <n v="222689.28"/>
    <s v=""/>
    <s v=""/>
    <s v=""/>
    <s v=""/>
    <s v=""/>
    <s v=""/>
    <s v=""/>
    <s v=""/>
    <s v=""/>
    <s v=""/>
    <s v=""/>
    <s v=""/>
    <s v=""/>
    <s v=""/>
    <s v=""/>
    <s v=""/>
    <s v=""/>
    <s v=""/>
    <s v=""/>
    <m/>
    <m/>
    <m/>
  </r>
  <r>
    <n v="525"/>
    <x v="1"/>
    <s v="Green infrastructure"/>
    <s v="LAPs"/>
    <s v="1 LAP, delivered by site developer"/>
    <s v="1 LAP, delivered by site developer"/>
    <x v="1"/>
    <x v="33"/>
    <x v="1"/>
    <x v="18"/>
    <x v="31"/>
    <s v="N/A"/>
    <s v="N/A"/>
    <n v="43494"/>
    <n v="43494"/>
    <s v="S106"/>
    <s v="Important"/>
    <m/>
    <m/>
    <m/>
    <m/>
    <m/>
    <m/>
    <m/>
    <m/>
    <m/>
    <m/>
    <m/>
    <s v="Yes"/>
    <m/>
    <m/>
    <m/>
    <m/>
    <m/>
    <m/>
    <m/>
    <m/>
    <m/>
    <m/>
    <m/>
    <m/>
    <m/>
    <m/>
    <m/>
    <m/>
    <m/>
    <m/>
    <m/>
    <n v="200"/>
    <n v="217.47"/>
    <s v=""/>
    <s v=""/>
    <s v=""/>
    <s v=""/>
    <s v=""/>
    <s v=""/>
    <s v=""/>
    <s v=""/>
    <s v=""/>
    <s v=""/>
    <s v=""/>
    <n v="43494"/>
    <s v=""/>
    <s v=""/>
    <s v=""/>
    <s v=""/>
    <s v=""/>
    <s v=""/>
    <s v=""/>
    <s v=""/>
    <s v=""/>
    <s v=""/>
    <s v=""/>
    <s v=""/>
    <s v=""/>
    <s v=""/>
    <s v=""/>
    <s v=""/>
    <s v=""/>
    <s v=""/>
    <s v=""/>
    <m/>
    <m/>
    <m/>
  </r>
  <r>
    <n v="526"/>
    <x v="1"/>
    <s v="Green infrastructure"/>
    <s v="LEAPs"/>
    <s v="1 LEAP, delivered by site developer"/>
    <s v="1 LEAP, delivered by site developer"/>
    <x v="1"/>
    <x v="33"/>
    <x v="1"/>
    <x v="18"/>
    <x v="31"/>
    <s v="N/A"/>
    <s v="N/A"/>
    <n v="105440"/>
    <n v="105440"/>
    <s v="S106"/>
    <s v="Important"/>
    <m/>
    <m/>
    <m/>
    <m/>
    <m/>
    <m/>
    <m/>
    <m/>
    <m/>
    <m/>
    <m/>
    <s v="Yes"/>
    <m/>
    <m/>
    <m/>
    <m/>
    <m/>
    <m/>
    <m/>
    <m/>
    <m/>
    <m/>
    <m/>
    <m/>
    <m/>
    <m/>
    <m/>
    <m/>
    <m/>
    <m/>
    <m/>
    <n v="200"/>
    <n v="527.20000000000005"/>
    <s v=""/>
    <s v=""/>
    <s v=""/>
    <s v=""/>
    <s v=""/>
    <s v=""/>
    <s v=""/>
    <s v=""/>
    <s v=""/>
    <s v=""/>
    <s v=""/>
    <n v="105440.00000000001"/>
    <s v=""/>
    <s v=""/>
    <s v=""/>
    <s v=""/>
    <s v=""/>
    <s v=""/>
    <s v=""/>
    <s v=""/>
    <s v=""/>
    <s v=""/>
    <s v=""/>
    <s v=""/>
    <s v=""/>
    <s v=""/>
    <s v=""/>
    <s v=""/>
    <s v=""/>
    <s v=""/>
    <s v=""/>
    <m/>
    <m/>
    <m/>
  </r>
  <r>
    <n v="527"/>
    <x v="1"/>
    <s v="Green infrastructure"/>
    <s v="MUGAs"/>
    <s v="Number of MUGAs"/>
    <s v="Number of MUGAs"/>
    <x v="1"/>
    <x v="33"/>
    <x v="1"/>
    <x v="18"/>
    <x v="31"/>
    <s v="N/A"/>
    <s v="N/A"/>
    <n v="184520"/>
    <n v="184520"/>
    <s v="S106"/>
    <s v="Important"/>
    <m/>
    <m/>
    <m/>
    <m/>
    <m/>
    <m/>
    <m/>
    <m/>
    <m/>
    <m/>
    <m/>
    <s v="Yes"/>
    <m/>
    <m/>
    <m/>
    <m/>
    <m/>
    <m/>
    <m/>
    <m/>
    <m/>
    <m/>
    <m/>
    <m/>
    <m/>
    <m/>
    <m/>
    <m/>
    <m/>
    <m/>
    <m/>
    <n v="200"/>
    <n v="922.6"/>
    <s v=""/>
    <s v=""/>
    <s v=""/>
    <s v=""/>
    <s v=""/>
    <s v=""/>
    <s v=""/>
    <s v=""/>
    <s v=""/>
    <s v=""/>
    <s v=""/>
    <n v="184520"/>
    <s v=""/>
    <s v=""/>
    <s v=""/>
    <s v=""/>
    <s v=""/>
    <s v=""/>
    <s v=""/>
    <s v=""/>
    <s v=""/>
    <s v=""/>
    <s v=""/>
    <s v=""/>
    <s v=""/>
    <s v=""/>
    <s v=""/>
    <s v=""/>
    <s v=""/>
    <s v=""/>
    <s v=""/>
    <m/>
    <m/>
    <m/>
  </r>
  <r>
    <n v="528"/>
    <x v="1"/>
    <s v="Green infrastructure"/>
    <s v="NEAPs"/>
    <s v="Number of NEAPs"/>
    <s v="Number of NEAPs"/>
    <x v="1"/>
    <x v="33"/>
    <x v="3"/>
    <x v="18"/>
    <x v="31"/>
    <s v="N/A"/>
    <s v="N/A"/>
    <n v="0"/>
    <n v="0"/>
    <s v="S106"/>
    <s v="Important"/>
    <m/>
    <m/>
    <m/>
    <m/>
    <m/>
    <m/>
    <m/>
    <m/>
    <m/>
    <m/>
    <m/>
    <s v="Yes"/>
    <m/>
    <m/>
    <m/>
    <m/>
    <m/>
    <m/>
    <m/>
    <m/>
    <m/>
    <m/>
    <m/>
    <m/>
    <m/>
    <m/>
    <m/>
    <m/>
    <m/>
    <m/>
    <m/>
    <n v="200"/>
    <m/>
    <s v=""/>
    <s v=""/>
    <s v=""/>
    <s v=""/>
    <s v=""/>
    <s v=""/>
    <s v=""/>
    <s v=""/>
    <s v=""/>
    <s v=""/>
    <s v=""/>
    <n v="0"/>
    <s v=""/>
    <s v=""/>
    <s v=""/>
    <s v=""/>
    <s v=""/>
    <s v=""/>
    <s v=""/>
    <s v=""/>
    <s v=""/>
    <s v=""/>
    <s v=""/>
    <s v=""/>
    <s v=""/>
    <s v=""/>
    <s v=""/>
    <s v=""/>
    <s v=""/>
    <s v=""/>
    <s v=""/>
    <m/>
    <m/>
    <m/>
  </r>
  <r>
    <n v="529"/>
    <x v="1"/>
    <s v="Green infrastructure"/>
    <s v="Allotments "/>
    <s v="Hectares of allotments required"/>
    <s v="Hectares of allotments required"/>
    <x v="1"/>
    <x v="33"/>
    <x v="2"/>
    <x v="17"/>
    <x v="31"/>
    <s v="N/A"/>
    <s v="N/A"/>
    <n v="35586"/>
    <n v="35586"/>
    <s v="S106"/>
    <s v="Important"/>
    <m/>
    <m/>
    <m/>
    <m/>
    <m/>
    <m/>
    <m/>
    <m/>
    <m/>
    <m/>
    <m/>
    <s v="Yes"/>
    <m/>
    <m/>
    <m/>
    <m/>
    <m/>
    <m/>
    <m/>
    <m/>
    <m/>
    <m/>
    <m/>
    <m/>
    <m/>
    <m/>
    <m/>
    <m/>
    <m/>
    <m/>
    <m/>
    <n v="200"/>
    <n v="177.93"/>
    <s v=""/>
    <s v=""/>
    <s v=""/>
    <s v=""/>
    <s v=""/>
    <s v=""/>
    <s v=""/>
    <s v=""/>
    <s v=""/>
    <s v=""/>
    <s v=""/>
    <n v="35586"/>
    <s v=""/>
    <s v=""/>
    <s v=""/>
    <s v=""/>
    <s v=""/>
    <s v=""/>
    <s v=""/>
    <s v=""/>
    <s v=""/>
    <s v=""/>
    <s v=""/>
    <s v=""/>
    <s v=""/>
    <s v=""/>
    <s v=""/>
    <s v=""/>
    <s v=""/>
    <s v=""/>
    <s v=""/>
    <m/>
    <m/>
    <m/>
  </r>
  <r>
    <n v="530"/>
    <x v="1"/>
    <s v="Green infrastructure"/>
    <s v="Amenity Space"/>
    <s v="Hectares of amenity space"/>
    <s v="Hectares of amenity space"/>
    <x v="1"/>
    <x v="22"/>
    <x v="2"/>
    <x v="17"/>
    <x v="15"/>
    <s v="N/A"/>
    <s v="N/A"/>
    <n v="724246.272"/>
    <n v="724246.272"/>
    <s v="S106/CIL"/>
    <s v="Important"/>
    <m/>
    <m/>
    <m/>
    <m/>
    <m/>
    <m/>
    <m/>
    <m/>
    <m/>
    <m/>
    <m/>
    <m/>
    <m/>
    <m/>
    <m/>
    <m/>
    <s v="Yes"/>
    <m/>
    <m/>
    <m/>
    <m/>
    <m/>
    <m/>
    <m/>
    <m/>
    <m/>
    <m/>
    <m/>
    <m/>
    <m/>
    <m/>
    <n v="2385"/>
    <n v="303.66719999999998"/>
    <s v=""/>
    <s v=""/>
    <s v=""/>
    <s v=""/>
    <s v=""/>
    <s v=""/>
    <s v=""/>
    <s v=""/>
    <s v=""/>
    <s v=""/>
    <s v=""/>
    <s v=""/>
    <s v=""/>
    <s v=""/>
    <s v=""/>
    <s v=""/>
    <n v="724246.272"/>
    <s v=""/>
    <s v=""/>
    <s v=""/>
    <s v=""/>
    <s v=""/>
    <s v=""/>
    <s v=""/>
    <s v=""/>
    <s v=""/>
    <s v=""/>
    <s v=""/>
    <s v=""/>
    <s v=""/>
    <s v=""/>
    <m/>
    <m/>
    <m/>
  </r>
  <r>
    <n v="531"/>
    <x v="1"/>
    <s v="Green infrastructure"/>
    <s v="Natural and semi natural greenspace"/>
    <s v="Hectares of natural and semi natural greenspace"/>
    <s v="Hectares of natural and semi natural greenspace"/>
    <x v="1"/>
    <x v="22"/>
    <x v="2"/>
    <x v="17"/>
    <x v="15"/>
    <s v="N/A"/>
    <s v="N/A"/>
    <n v="1901146.4640000002"/>
    <n v="1901146.4640000002"/>
    <s v="S106/CIL"/>
    <s v="Important"/>
    <m/>
    <m/>
    <m/>
    <m/>
    <m/>
    <m/>
    <m/>
    <m/>
    <m/>
    <m/>
    <m/>
    <m/>
    <m/>
    <m/>
    <m/>
    <m/>
    <s v="Yes"/>
    <m/>
    <m/>
    <m/>
    <m/>
    <m/>
    <m/>
    <m/>
    <m/>
    <m/>
    <m/>
    <m/>
    <m/>
    <m/>
    <m/>
    <n v="2385"/>
    <n v="797.1264000000001"/>
    <s v=""/>
    <s v=""/>
    <s v=""/>
    <s v=""/>
    <s v=""/>
    <s v=""/>
    <s v=""/>
    <s v=""/>
    <s v=""/>
    <s v=""/>
    <s v=""/>
    <s v=""/>
    <s v=""/>
    <s v=""/>
    <s v=""/>
    <s v=""/>
    <n v="1901146.4640000002"/>
    <s v=""/>
    <s v=""/>
    <s v=""/>
    <s v=""/>
    <s v=""/>
    <s v=""/>
    <s v=""/>
    <s v=""/>
    <s v=""/>
    <s v=""/>
    <s v=""/>
    <s v=""/>
    <s v=""/>
    <s v=""/>
    <m/>
    <m/>
    <m/>
  </r>
  <r>
    <n v="532"/>
    <x v="1"/>
    <s v="Green infrastructure"/>
    <s v="Public parks and gardens "/>
    <s v="Number of public parks and gardens"/>
    <s v="Number of public parks and gardens"/>
    <x v="1"/>
    <x v="22"/>
    <x v="2"/>
    <x v="17"/>
    <x v="15"/>
    <s v="N/A"/>
    <s v="N/A"/>
    <n v="2655569.6639999999"/>
    <n v="2655569.6639999999"/>
    <s v="S106/CIL"/>
    <s v="Important"/>
    <m/>
    <m/>
    <m/>
    <m/>
    <m/>
    <m/>
    <m/>
    <m/>
    <m/>
    <m/>
    <m/>
    <m/>
    <m/>
    <m/>
    <m/>
    <m/>
    <s v="Yes"/>
    <m/>
    <m/>
    <m/>
    <m/>
    <m/>
    <m/>
    <m/>
    <m/>
    <m/>
    <m/>
    <m/>
    <m/>
    <m/>
    <m/>
    <n v="2385"/>
    <n v="1113.4464"/>
    <s v=""/>
    <s v=""/>
    <s v=""/>
    <s v=""/>
    <s v=""/>
    <s v=""/>
    <s v=""/>
    <s v=""/>
    <s v=""/>
    <s v=""/>
    <s v=""/>
    <s v=""/>
    <s v=""/>
    <s v=""/>
    <s v=""/>
    <s v=""/>
    <n v="2655569.6639999999"/>
    <s v=""/>
    <s v=""/>
    <s v=""/>
    <s v=""/>
    <s v=""/>
    <s v=""/>
    <s v=""/>
    <s v=""/>
    <s v=""/>
    <s v=""/>
    <s v=""/>
    <s v=""/>
    <s v=""/>
    <s v=""/>
    <m/>
    <m/>
    <m/>
  </r>
  <r>
    <n v="533"/>
    <x v="1"/>
    <s v="Green infrastructure"/>
    <s v="LAPs"/>
    <s v="Number of LAPs "/>
    <s v="Number of LAPs "/>
    <x v="1"/>
    <x v="22"/>
    <x v="3"/>
    <x v="18"/>
    <x v="15"/>
    <s v="N/A"/>
    <s v="N/A"/>
    <n v="0"/>
    <n v="0"/>
    <s v="S106/CIL"/>
    <s v="Important"/>
    <m/>
    <m/>
    <m/>
    <m/>
    <m/>
    <m/>
    <m/>
    <m/>
    <m/>
    <m/>
    <m/>
    <m/>
    <m/>
    <m/>
    <m/>
    <m/>
    <s v="Yes"/>
    <m/>
    <m/>
    <m/>
    <m/>
    <m/>
    <m/>
    <m/>
    <m/>
    <m/>
    <m/>
    <m/>
    <m/>
    <m/>
    <m/>
    <n v="2385"/>
    <m/>
    <s v=""/>
    <s v=""/>
    <s v=""/>
    <s v=""/>
    <s v=""/>
    <s v=""/>
    <s v=""/>
    <s v=""/>
    <s v=""/>
    <s v=""/>
    <s v=""/>
    <s v=""/>
    <s v=""/>
    <s v=""/>
    <s v=""/>
    <s v=""/>
    <n v="0"/>
    <s v=""/>
    <s v=""/>
    <s v=""/>
    <s v=""/>
    <s v=""/>
    <s v=""/>
    <s v=""/>
    <s v=""/>
    <s v=""/>
    <s v=""/>
    <s v=""/>
    <s v=""/>
    <s v=""/>
    <s v=""/>
    <m/>
    <m/>
    <m/>
  </r>
  <r>
    <n v="534"/>
    <x v="1"/>
    <s v="Green infrastructure"/>
    <s v="LEAPs"/>
    <s v="Number of LEAPs"/>
    <s v="Number of LEAPs"/>
    <x v="1"/>
    <x v="22"/>
    <x v="3"/>
    <x v="18"/>
    <x v="15"/>
    <s v="N/A"/>
    <s v="N/A"/>
    <n v="0"/>
    <n v="0"/>
    <s v="S106/CIL"/>
    <s v="Important"/>
    <m/>
    <m/>
    <m/>
    <m/>
    <m/>
    <m/>
    <m/>
    <m/>
    <m/>
    <m/>
    <m/>
    <m/>
    <m/>
    <m/>
    <m/>
    <m/>
    <s v="Yes"/>
    <m/>
    <m/>
    <m/>
    <m/>
    <m/>
    <m/>
    <m/>
    <m/>
    <m/>
    <m/>
    <m/>
    <m/>
    <m/>
    <m/>
    <n v="2385"/>
    <m/>
    <s v=""/>
    <s v=""/>
    <s v=""/>
    <s v=""/>
    <s v=""/>
    <s v=""/>
    <s v=""/>
    <s v=""/>
    <s v=""/>
    <s v=""/>
    <s v=""/>
    <s v=""/>
    <s v=""/>
    <s v=""/>
    <s v=""/>
    <s v=""/>
    <n v="0"/>
    <s v=""/>
    <s v=""/>
    <s v=""/>
    <s v=""/>
    <s v=""/>
    <s v=""/>
    <s v=""/>
    <s v=""/>
    <s v=""/>
    <s v=""/>
    <s v=""/>
    <s v=""/>
    <s v=""/>
    <s v=""/>
    <m/>
    <m/>
    <m/>
  </r>
  <r>
    <n v="535"/>
    <x v="1"/>
    <s v="Green infrastructure"/>
    <s v="MUGAs"/>
    <s v="Number of MUGAs"/>
    <s v="Number of MUGAs"/>
    <x v="1"/>
    <x v="22"/>
    <x v="3"/>
    <x v="18"/>
    <x v="15"/>
    <s v="N/A"/>
    <s v="N/A"/>
    <n v="0"/>
    <n v="0"/>
    <s v="S106/CIL"/>
    <s v="Important"/>
    <m/>
    <m/>
    <m/>
    <m/>
    <m/>
    <m/>
    <m/>
    <m/>
    <m/>
    <m/>
    <m/>
    <m/>
    <m/>
    <m/>
    <m/>
    <m/>
    <s v="Yes"/>
    <m/>
    <m/>
    <m/>
    <m/>
    <m/>
    <m/>
    <m/>
    <m/>
    <m/>
    <m/>
    <m/>
    <m/>
    <m/>
    <m/>
    <n v="2385"/>
    <m/>
    <s v=""/>
    <s v=""/>
    <s v=""/>
    <s v=""/>
    <s v=""/>
    <s v=""/>
    <s v=""/>
    <s v=""/>
    <s v=""/>
    <s v=""/>
    <s v=""/>
    <s v=""/>
    <s v=""/>
    <s v=""/>
    <s v=""/>
    <s v=""/>
    <n v="0"/>
    <s v=""/>
    <s v=""/>
    <s v=""/>
    <s v=""/>
    <s v=""/>
    <s v=""/>
    <s v=""/>
    <s v=""/>
    <s v=""/>
    <s v=""/>
    <s v=""/>
    <s v=""/>
    <s v=""/>
    <s v=""/>
    <m/>
    <m/>
    <m/>
  </r>
  <r>
    <n v="536"/>
    <x v="1"/>
    <s v="Green infrastructure"/>
    <s v="NEAPs"/>
    <s v="Number of NEAPs"/>
    <s v="Number of NEAPs"/>
    <x v="1"/>
    <x v="22"/>
    <x v="3"/>
    <x v="18"/>
    <x v="15"/>
    <s v="N/A"/>
    <s v="N/A"/>
    <n v="0"/>
    <n v="0"/>
    <s v="S106/CIL"/>
    <s v="Important"/>
    <m/>
    <m/>
    <m/>
    <m/>
    <m/>
    <m/>
    <m/>
    <m/>
    <m/>
    <m/>
    <m/>
    <m/>
    <m/>
    <m/>
    <m/>
    <m/>
    <s v="Yes"/>
    <m/>
    <m/>
    <m/>
    <m/>
    <m/>
    <m/>
    <m/>
    <m/>
    <m/>
    <m/>
    <m/>
    <m/>
    <m/>
    <m/>
    <n v="2385"/>
    <m/>
    <s v=""/>
    <s v=""/>
    <s v=""/>
    <s v=""/>
    <s v=""/>
    <s v=""/>
    <s v=""/>
    <s v=""/>
    <s v=""/>
    <s v=""/>
    <s v=""/>
    <s v=""/>
    <s v=""/>
    <s v=""/>
    <s v=""/>
    <s v=""/>
    <n v="0"/>
    <s v=""/>
    <s v=""/>
    <s v=""/>
    <s v=""/>
    <s v=""/>
    <s v=""/>
    <s v=""/>
    <s v=""/>
    <s v=""/>
    <s v=""/>
    <s v=""/>
    <s v=""/>
    <s v=""/>
    <s v=""/>
    <m/>
    <m/>
    <m/>
  </r>
  <r>
    <n v="537"/>
    <x v="1"/>
    <s v="Green infrastructure"/>
    <s v="Allotments "/>
    <s v="Hectares of allotments required"/>
    <s v="Hectares of allotments required"/>
    <x v="1"/>
    <x v="22"/>
    <x v="2"/>
    <x v="17"/>
    <x v="15"/>
    <s v="N/A"/>
    <s v="N/A"/>
    <n v="424363.05"/>
    <n v="424363.05"/>
    <s v="S106/CIL"/>
    <s v="Important"/>
    <m/>
    <m/>
    <m/>
    <m/>
    <m/>
    <m/>
    <m/>
    <m/>
    <m/>
    <m/>
    <m/>
    <m/>
    <m/>
    <m/>
    <m/>
    <m/>
    <s v="Yes"/>
    <m/>
    <m/>
    <m/>
    <m/>
    <m/>
    <m/>
    <m/>
    <m/>
    <m/>
    <m/>
    <m/>
    <m/>
    <m/>
    <m/>
    <n v="2385"/>
    <n v="177.93"/>
    <s v=""/>
    <s v=""/>
    <s v=""/>
    <s v=""/>
    <s v=""/>
    <s v=""/>
    <s v=""/>
    <s v=""/>
    <s v=""/>
    <s v=""/>
    <s v=""/>
    <s v=""/>
    <s v=""/>
    <s v=""/>
    <s v=""/>
    <s v=""/>
    <n v="424363.05"/>
    <s v=""/>
    <s v=""/>
    <s v=""/>
    <s v=""/>
    <s v=""/>
    <s v=""/>
    <s v=""/>
    <s v=""/>
    <s v=""/>
    <s v=""/>
    <s v=""/>
    <s v=""/>
    <s v=""/>
    <s v=""/>
    <m/>
    <m/>
    <m/>
  </r>
  <r>
    <n v="538"/>
    <x v="1"/>
    <s v="Green infrastructure"/>
    <s v="SANGs"/>
    <s v="Provision of strategic SANG in accordance with DBC allocations protocol or Thirs Party SANG"/>
    <s v="Provision of 6.45sqm of SANGS  across the borough"/>
    <x v="11"/>
    <x v="4"/>
    <x v="2"/>
    <x v="19"/>
    <x v="36"/>
    <s v="N/A"/>
    <s v="N/A"/>
    <m/>
    <m/>
    <s v="S106/UU"/>
    <s v="Essential"/>
    <s v="Yes"/>
    <s v="Yes"/>
    <s v="Yes"/>
    <s v="Yes"/>
    <s v="Yes"/>
    <s v="Yes"/>
    <s v="Yes"/>
    <s v="Yes"/>
    <s v="Yes"/>
    <s v="Yes"/>
    <s v="Yes"/>
    <s v="Yes"/>
    <s v="Yes"/>
    <s v="Yes"/>
    <s v="Yes"/>
    <s v="Yes"/>
    <s v="Yes"/>
    <s v="Yes"/>
    <s v="Yes"/>
    <s v="Yes"/>
    <s v="Yes"/>
    <s v="Yes"/>
    <s v="Yes"/>
    <s v="Yes"/>
    <s v="Yes"/>
    <s v="Yes"/>
    <s v="Yes"/>
    <s v="Yes"/>
    <s v="Yes"/>
    <s v="Yes"/>
    <s v="Yes"/>
    <n v="13219"/>
    <m/>
    <n v="0"/>
    <n v="0"/>
    <n v="0"/>
    <n v="0"/>
    <n v="0"/>
    <n v="0"/>
    <n v="0"/>
    <n v="0"/>
    <n v="0"/>
    <n v="0"/>
    <n v="0"/>
    <n v="0"/>
    <n v="0"/>
    <n v="0"/>
    <n v="0"/>
    <n v="0"/>
    <n v="0"/>
    <n v="0"/>
    <n v="0"/>
    <n v="0"/>
    <n v="0"/>
    <n v="0"/>
    <n v="0"/>
    <n v="0"/>
    <n v="0"/>
    <n v="0"/>
    <n v="0"/>
    <n v="0"/>
    <n v="0"/>
    <n v="0"/>
    <n v="0"/>
    <m/>
    <s v="Refer to the Local Plan SANG Strategy within HRA"/>
    <m/>
  </r>
  <r>
    <n v="539"/>
    <x v="1"/>
    <s v="Green infrastructure"/>
    <s v="SANGs"/>
    <s v="Off site Strategic SANG"/>
    <s v="(4.80ha) James Farm Strategic SANG"/>
    <x v="3"/>
    <x v="6"/>
    <x v="2"/>
    <x v="18"/>
    <x v="36"/>
    <s v="N/A"/>
    <s v="N/A"/>
    <m/>
    <m/>
    <s v="S106/UU"/>
    <s v="Essential"/>
    <m/>
    <m/>
    <m/>
    <m/>
    <m/>
    <m/>
    <m/>
    <m/>
    <m/>
    <m/>
    <m/>
    <m/>
    <m/>
    <m/>
    <m/>
    <m/>
    <m/>
    <m/>
    <m/>
    <m/>
    <m/>
    <s v="Yes"/>
    <m/>
    <m/>
    <m/>
    <m/>
    <m/>
    <m/>
    <m/>
    <m/>
    <m/>
    <n v="250"/>
    <m/>
    <s v=""/>
    <s v=""/>
    <s v=""/>
    <s v=""/>
    <s v=""/>
    <s v=""/>
    <s v=""/>
    <s v=""/>
    <s v=""/>
    <s v=""/>
    <s v=""/>
    <s v=""/>
    <s v=""/>
    <s v=""/>
    <s v=""/>
    <s v=""/>
    <s v=""/>
    <s v=""/>
    <s v=""/>
    <s v=""/>
    <s v=""/>
    <n v="0"/>
    <s v=""/>
    <s v=""/>
    <s v=""/>
    <s v=""/>
    <s v=""/>
    <s v=""/>
    <s v=""/>
    <s v=""/>
    <s v=""/>
    <m/>
    <s v="Refer to the Local Plan SANG Strategy within HRA"/>
    <m/>
  </r>
  <r>
    <n v="540"/>
    <x v="1"/>
    <s v="Green infrastructure"/>
    <s v="SANGs"/>
    <s v="Off site Strategic SANG"/>
    <s v="(7.68ha) James Farm Strategic SANG"/>
    <x v="3"/>
    <x v="21"/>
    <x v="2"/>
    <x v="18"/>
    <x v="36"/>
    <s v="N/A"/>
    <s v="N/A"/>
    <m/>
    <m/>
    <s v="S106/UU"/>
    <s v="Essential"/>
    <m/>
    <m/>
    <m/>
    <m/>
    <m/>
    <m/>
    <m/>
    <m/>
    <m/>
    <m/>
    <m/>
    <m/>
    <m/>
    <m/>
    <m/>
    <m/>
    <m/>
    <m/>
    <m/>
    <m/>
    <m/>
    <m/>
    <s v="Yes"/>
    <m/>
    <m/>
    <m/>
    <m/>
    <m/>
    <m/>
    <m/>
    <m/>
    <n v="400"/>
    <m/>
    <s v=""/>
    <s v=""/>
    <s v=""/>
    <s v=""/>
    <s v=""/>
    <s v=""/>
    <s v=""/>
    <s v=""/>
    <s v=""/>
    <s v=""/>
    <s v=""/>
    <s v=""/>
    <s v=""/>
    <s v=""/>
    <s v=""/>
    <s v=""/>
    <s v=""/>
    <s v=""/>
    <s v=""/>
    <s v=""/>
    <s v=""/>
    <s v=""/>
    <n v="0"/>
    <s v=""/>
    <s v=""/>
    <s v=""/>
    <s v=""/>
    <s v=""/>
    <s v=""/>
    <s v=""/>
    <s v=""/>
    <m/>
    <s v="Refer to the Local Plan SANG Strategy within HRA"/>
    <m/>
  </r>
  <r>
    <n v="541"/>
    <x v="1"/>
    <s v="Green infrastructure"/>
    <s v="SANGs"/>
    <s v="On site Bespoke SANG"/>
    <s v="(26.88ha) Land East of Tring Bespoke SANG on Eastern section of development. Sites providing on site SANG solutions are not required to provide natural/semi-natural greenspace. "/>
    <x v="3"/>
    <x v="8"/>
    <x v="1"/>
    <x v="18"/>
    <x v="36"/>
    <s v="N/A"/>
    <s v="N/A"/>
    <m/>
    <m/>
    <s v="S106/UU"/>
    <s v="Essential"/>
    <m/>
    <m/>
    <m/>
    <m/>
    <m/>
    <m/>
    <m/>
    <m/>
    <m/>
    <m/>
    <m/>
    <m/>
    <m/>
    <m/>
    <m/>
    <m/>
    <m/>
    <m/>
    <m/>
    <m/>
    <m/>
    <m/>
    <m/>
    <s v="Yes"/>
    <m/>
    <m/>
    <m/>
    <m/>
    <m/>
    <m/>
    <m/>
    <n v="1400"/>
    <m/>
    <s v=""/>
    <s v=""/>
    <s v=""/>
    <s v=""/>
    <s v=""/>
    <s v=""/>
    <s v=""/>
    <s v=""/>
    <s v=""/>
    <s v=""/>
    <s v=""/>
    <s v=""/>
    <s v=""/>
    <s v=""/>
    <s v=""/>
    <s v=""/>
    <s v=""/>
    <s v=""/>
    <s v=""/>
    <s v=""/>
    <s v=""/>
    <s v=""/>
    <s v=""/>
    <n v="0"/>
    <s v=""/>
    <s v=""/>
    <s v=""/>
    <s v=""/>
    <s v=""/>
    <s v=""/>
    <s v=""/>
    <m/>
    <s v="Refer to the Local Plan SANG Strategy within HRA"/>
    <m/>
  </r>
  <r>
    <n v="542"/>
    <x v="1"/>
    <s v="Green infrastructure"/>
    <s v="SANGs"/>
    <s v="Strategic SANG in accordance with DBC allocations protocol or Third Party SANG"/>
    <s v="3.86ha"/>
    <x v="3"/>
    <x v="22"/>
    <x v="2"/>
    <x v="18"/>
    <x v="36"/>
    <s v="N/A"/>
    <s v="N/A"/>
    <m/>
    <m/>
    <s v="S106/UU"/>
    <s v="Essential"/>
    <m/>
    <m/>
    <m/>
    <m/>
    <m/>
    <m/>
    <m/>
    <m/>
    <m/>
    <m/>
    <m/>
    <m/>
    <m/>
    <m/>
    <m/>
    <m/>
    <m/>
    <m/>
    <m/>
    <m/>
    <m/>
    <m/>
    <m/>
    <m/>
    <s v="Yes"/>
    <m/>
    <m/>
    <m/>
    <m/>
    <m/>
    <m/>
    <n v="201"/>
    <m/>
    <s v=""/>
    <s v=""/>
    <s v=""/>
    <s v=""/>
    <s v=""/>
    <s v=""/>
    <s v=""/>
    <s v=""/>
    <s v=""/>
    <s v=""/>
    <s v=""/>
    <s v=""/>
    <s v=""/>
    <s v=""/>
    <s v=""/>
    <s v=""/>
    <s v=""/>
    <s v=""/>
    <s v=""/>
    <s v=""/>
    <s v=""/>
    <s v=""/>
    <s v=""/>
    <s v=""/>
    <n v="0"/>
    <s v=""/>
    <s v=""/>
    <s v=""/>
    <s v=""/>
    <s v=""/>
    <s v=""/>
    <m/>
    <s v="Refer to the Local Plan SANG Strategy within HRA"/>
    <m/>
  </r>
  <r>
    <n v="543"/>
    <x v="1"/>
    <s v="Green infrastructure"/>
    <s v="SANGs"/>
    <s v="Off site Bespoke SANG"/>
    <s v="14.88ha  Haresfoot Farm Bespoke SANG. Sites providing on site SANG solutions are not required to provide natural/semi-natural greenspace. "/>
    <x v="2"/>
    <x v="5"/>
    <x v="1"/>
    <x v="18"/>
    <x v="36"/>
    <s v="N/A"/>
    <s v="N/A"/>
    <m/>
    <m/>
    <s v="S106/UU"/>
    <s v="Essential"/>
    <m/>
    <m/>
    <m/>
    <m/>
    <m/>
    <m/>
    <m/>
    <m/>
    <m/>
    <m/>
    <m/>
    <m/>
    <m/>
    <m/>
    <m/>
    <m/>
    <m/>
    <s v="Yes"/>
    <m/>
    <m/>
    <m/>
    <m/>
    <m/>
    <m/>
    <m/>
    <m/>
    <m/>
    <m/>
    <m/>
    <m/>
    <m/>
    <n v="775"/>
    <m/>
    <s v=""/>
    <s v=""/>
    <s v=""/>
    <s v=""/>
    <s v=""/>
    <s v=""/>
    <s v=""/>
    <s v=""/>
    <s v=""/>
    <s v=""/>
    <s v=""/>
    <s v=""/>
    <s v=""/>
    <s v=""/>
    <s v=""/>
    <s v=""/>
    <s v=""/>
    <n v="0"/>
    <s v=""/>
    <s v=""/>
    <s v=""/>
    <s v=""/>
    <s v=""/>
    <s v=""/>
    <s v=""/>
    <s v=""/>
    <s v=""/>
    <s v=""/>
    <s v=""/>
    <s v=""/>
    <s v=""/>
    <m/>
    <s v="Refer to the Local Plan SANG Strategy within HRA"/>
    <m/>
  </r>
  <r>
    <n v="544"/>
    <x v="1"/>
    <s v="Green infrastructure"/>
    <s v="SANGs"/>
    <s v="Off site Gateway/Third Party SANG"/>
    <s v="1.92ha Hill Farm Gateway or Westbrook Hay Third Party SANG"/>
    <x v="2"/>
    <x v="37"/>
    <x v="2"/>
    <x v="18"/>
    <x v="36"/>
    <s v="N/A"/>
    <s v="N/A"/>
    <m/>
    <m/>
    <s v="S106/UU"/>
    <s v="Essential"/>
    <m/>
    <m/>
    <m/>
    <m/>
    <m/>
    <m/>
    <m/>
    <m/>
    <m/>
    <m/>
    <m/>
    <m/>
    <m/>
    <m/>
    <m/>
    <m/>
    <m/>
    <m/>
    <m/>
    <s v="Yes"/>
    <m/>
    <m/>
    <m/>
    <m/>
    <m/>
    <m/>
    <m/>
    <m/>
    <m/>
    <m/>
    <m/>
    <n v="100"/>
    <m/>
    <s v=""/>
    <s v=""/>
    <s v=""/>
    <s v=""/>
    <s v=""/>
    <s v=""/>
    <s v=""/>
    <s v=""/>
    <s v=""/>
    <s v=""/>
    <s v=""/>
    <s v=""/>
    <s v=""/>
    <s v=""/>
    <s v=""/>
    <s v=""/>
    <s v=""/>
    <s v=""/>
    <s v=""/>
    <n v="0"/>
    <s v=""/>
    <s v=""/>
    <s v=""/>
    <s v=""/>
    <s v=""/>
    <s v=""/>
    <s v=""/>
    <s v=""/>
    <s v=""/>
    <s v=""/>
    <s v=""/>
    <m/>
    <s v="Refer to the Local Plan SANG Strategy within HRA"/>
    <m/>
  </r>
  <r>
    <n v="545"/>
    <x v="1"/>
    <s v="Green infrastructure"/>
    <s v="SANGs"/>
    <s v="Off site Gateway/Third Party SANG"/>
    <s v="1.92ha Hill Farm Gateway or Westbrook Hay Third Party SANG"/>
    <x v="2"/>
    <x v="38"/>
    <x v="2"/>
    <x v="18"/>
    <x v="36"/>
    <s v="N/A"/>
    <s v="N/A"/>
    <m/>
    <m/>
    <s v="S106/UU"/>
    <s v="Essential"/>
    <m/>
    <m/>
    <m/>
    <m/>
    <m/>
    <m/>
    <m/>
    <m/>
    <m/>
    <m/>
    <m/>
    <m/>
    <m/>
    <m/>
    <m/>
    <m/>
    <m/>
    <m/>
    <s v="Yes"/>
    <m/>
    <m/>
    <m/>
    <m/>
    <m/>
    <m/>
    <m/>
    <m/>
    <m/>
    <m/>
    <m/>
    <m/>
    <n v="100"/>
    <m/>
    <s v=""/>
    <s v=""/>
    <s v=""/>
    <s v=""/>
    <s v=""/>
    <s v=""/>
    <s v=""/>
    <s v=""/>
    <s v=""/>
    <s v=""/>
    <s v=""/>
    <s v=""/>
    <s v=""/>
    <s v=""/>
    <s v=""/>
    <s v=""/>
    <s v=""/>
    <s v=""/>
    <n v="0"/>
    <s v=""/>
    <s v=""/>
    <s v=""/>
    <s v=""/>
    <s v=""/>
    <s v=""/>
    <s v=""/>
    <s v=""/>
    <s v=""/>
    <s v=""/>
    <s v=""/>
    <s v=""/>
    <m/>
    <s v="Refer to the Local Plan SANG Strategy within HRA"/>
    <m/>
  </r>
  <r>
    <n v="546"/>
    <x v="1"/>
    <s v="Green infrastructure"/>
    <s v="SANGs"/>
    <s v="Strategic SANG in accordance with DBC allocations protocol or Third Party SANG"/>
    <s v="5.80ha"/>
    <x v="2"/>
    <x v="22"/>
    <x v="2"/>
    <x v="18"/>
    <x v="36"/>
    <s v="N/A"/>
    <s v="N/A"/>
    <m/>
    <m/>
    <s v="S106/UU"/>
    <s v="Essential"/>
    <m/>
    <m/>
    <m/>
    <m/>
    <m/>
    <m/>
    <m/>
    <m/>
    <m/>
    <m/>
    <m/>
    <m/>
    <m/>
    <m/>
    <m/>
    <m/>
    <m/>
    <m/>
    <m/>
    <m/>
    <s v="Yes"/>
    <m/>
    <m/>
    <m/>
    <m/>
    <m/>
    <m/>
    <m/>
    <m/>
    <m/>
    <m/>
    <n v="302"/>
    <m/>
    <s v=""/>
    <s v=""/>
    <s v=""/>
    <s v=""/>
    <s v=""/>
    <s v=""/>
    <s v=""/>
    <s v=""/>
    <s v=""/>
    <s v=""/>
    <s v=""/>
    <s v=""/>
    <s v=""/>
    <s v=""/>
    <s v=""/>
    <s v=""/>
    <s v=""/>
    <s v=""/>
    <s v=""/>
    <s v=""/>
    <n v="0"/>
    <s v=""/>
    <s v=""/>
    <s v=""/>
    <s v=""/>
    <s v=""/>
    <s v=""/>
    <s v=""/>
    <s v=""/>
    <s v=""/>
    <s v=""/>
    <m/>
    <s v="Refer to the Local Plan SANG Strategy within HRA"/>
    <m/>
  </r>
  <r>
    <n v="547"/>
    <x v="1"/>
    <s v="Green infrastructure"/>
    <s v="SANGs"/>
    <s v="Strategic SANG in accordance with DBC allocations protocol or Third Party SANG"/>
    <s v="0.60ha"/>
    <x v="4"/>
    <x v="22"/>
    <x v="2"/>
    <x v="18"/>
    <x v="36"/>
    <s v="N/A"/>
    <s v="N/A"/>
    <m/>
    <m/>
    <s v="S106/UU"/>
    <s v="Essential"/>
    <m/>
    <m/>
    <m/>
    <m/>
    <m/>
    <m/>
    <m/>
    <m/>
    <m/>
    <m/>
    <m/>
    <m/>
    <m/>
    <m/>
    <m/>
    <m/>
    <m/>
    <m/>
    <m/>
    <m/>
    <m/>
    <m/>
    <m/>
    <m/>
    <m/>
    <m/>
    <s v="Yes"/>
    <m/>
    <m/>
    <m/>
    <m/>
    <n v="31"/>
    <m/>
    <s v=""/>
    <s v=""/>
    <s v=""/>
    <s v=""/>
    <s v=""/>
    <s v=""/>
    <s v=""/>
    <s v=""/>
    <s v=""/>
    <s v=""/>
    <s v=""/>
    <s v=""/>
    <s v=""/>
    <s v=""/>
    <s v=""/>
    <s v=""/>
    <s v=""/>
    <s v=""/>
    <s v=""/>
    <s v=""/>
    <s v=""/>
    <s v=""/>
    <s v=""/>
    <s v=""/>
    <s v=""/>
    <s v=""/>
    <n v="0"/>
    <s v=""/>
    <s v=""/>
    <s v=""/>
    <s v=""/>
    <m/>
    <s v="Refer to the Local Plan SANG Strategy within HRA"/>
    <m/>
  </r>
  <r>
    <n v="548"/>
    <x v="1"/>
    <s v="Green infrastructure"/>
    <s v="SANGs"/>
    <s v="Strategic SANG in accordance with DBC allocations protocol or Third Party SANG"/>
    <s v="4.1664ha Haresfoot Farm Bespoke SANG"/>
    <x v="4"/>
    <x v="39"/>
    <x v="2"/>
    <x v="18"/>
    <x v="36"/>
    <s v="N/A"/>
    <s v="N/A"/>
    <m/>
    <m/>
    <s v="S106/UU"/>
    <s v="Essential"/>
    <m/>
    <m/>
    <m/>
    <m/>
    <m/>
    <m/>
    <m/>
    <m/>
    <m/>
    <m/>
    <m/>
    <m/>
    <m/>
    <m/>
    <m/>
    <m/>
    <m/>
    <m/>
    <m/>
    <m/>
    <m/>
    <m/>
    <m/>
    <m/>
    <m/>
    <s v="Yes"/>
    <m/>
    <m/>
    <m/>
    <m/>
    <m/>
    <n v="217"/>
    <m/>
    <s v=""/>
    <s v=""/>
    <s v=""/>
    <s v=""/>
    <s v=""/>
    <s v=""/>
    <s v=""/>
    <s v=""/>
    <s v=""/>
    <s v=""/>
    <s v=""/>
    <s v=""/>
    <s v=""/>
    <s v=""/>
    <s v=""/>
    <s v=""/>
    <s v=""/>
    <s v=""/>
    <s v=""/>
    <s v=""/>
    <s v=""/>
    <s v=""/>
    <s v=""/>
    <s v=""/>
    <s v=""/>
    <n v="0"/>
    <s v=""/>
    <s v=""/>
    <s v=""/>
    <s v=""/>
    <s v=""/>
    <m/>
    <s v="Refer to the Local Plan SANG Strategy within HRA"/>
    <m/>
  </r>
  <r>
    <n v="549"/>
    <x v="1"/>
    <s v="Green infrastructure"/>
    <s v="SANGs"/>
    <s v="Strategic SANG in accordance with DBC allocations protocol or Third Party SANG"/>
    <s v="0.60ha"/>
    <x v="8"/>
    <x v="22"/>
    <x v="2"/>
    <x v="18"/>
    <x v="36"/>
    <s v="N/A"/>
    <s v="N/A"/>
    <m/>
    <m/>
    <s v="S106/UU"/>
    <s v="Essential"/>
    <m/>
    <m/>
    <m/>
    <m/>
    <m/>
    <m/>
    <m/>
    <m/>
    <m/>
    <m/>
    <m/>
    <m/>
    <m/>
    <m/>
    <m/>
    <m/>
    <m/>
    <m/>
    <m/>
    <m/>
    <m/>
    <m/>
    <m/>
    <m/>
    <m/>
    <m/>
    <m/>
    <s v="Yes"/>
    <m/>
    <m/>
    <m/>
    <n v="67"/>
    <m/>
    <s v=""/>
    <s v=""/>
    <s v=""/>
    <s v=""/>
    <s v=""/>
    <s v=""/>
    <s v=""/>
    <s v=""/>
    <s v=""/>
    <s v=""/>
    <s v=""/>
    <s v=""/>
    <s v=""/>
    <s v=""/>
    <s v=""/>
    <s v=""/>
    <s v=""/>
    <s v=""/>
    <s v=""/>
    <s v=""/>
    <s v=""/>
    <s v=""/>
    <s v=""/>
    <s v=""/>
    <s v=""/>
    <s v=""/>
    <s v=""/>
    <n v="0"/>
    <s v=""/>
    <s v=""/>
    <s v=""/>
    <m/>
    <s v="Refer to the Local Plan SANG Strategy within HRA"/>
    <m/>
  </r>
  <r>
    <n v="550"/>
    <x v="1"/>
    <s v="Green infrastructure"/>
    <s v="SANGs"/>
    <s v="Strategic SANG in accordance with DBC allocations protocol or Third Party SANG"/>
    <s v="0.60ha Cross Boundary Bespoke SANG with Central Bedfordshire at Studham Common"/>
    <x v="5"/>
    <x v="35"/>
    <x v="2"/>
    <x v="18"/>
    <x v="36"/>
    <s v="N/A"/>
    <s v="N/A"/>
    <m/>
    <m/>
    <s v="S106/UU"/>
    <s v="Essential"/>
    <m/>
    <m/>
    <m/>
    <m/>
    <m/>
    <m/>
    <m/>
    <m/>
    <m/>
    <m/>
    <m/>
    <m/>
    <m/>
    <m/>
    <m/>
    <m/>
    <m/>
    <m/>
    <m/>
    <m/>
    <m/>
    <m/>
    <m/>
    <m/>
    <m/>
    <m/>
    <m/>
    <m/>
    <m/>
    <s v="Yes"/>
    <m/>
    <n v="31"/>
    <m/>
    <s v=""/>
    <s v=""/>
    <s v=""/>
    <s v=""/>
    <s v=""/>
    <s v=""/>
    <s v=""/>
    <s v=""/>
    <s v=""/>
    <s v=""/>
    <s v=""/>
    <s v=""/>
    <s v=""/>
    <s v=""/>
    <s v=""/>
    <s v=""/>
    <s v=""/>
    <s v=""/>
    <s v=""/>
    <s v=""/>
    <s v=""/>
    <s v=""/>
    <s v=""/>
    <s v=""/>
    <s v=""/>
    <s v=""/>
    <s v=""/>
    <s v=""/>
    <s v=""/>
    <n v="0"/>
    <s v=""/>
    <m/>
    <s v="Refer to the Local Plan SANG Strategy within HRA"/>
    <m/>
  </r>
  <r>
    <n v="551"/>
    <x v="1"/>
    <s v="Green infrastructure"/>
    <s v="SANGs"/>
    <s v="Cross Boundary Bespoke SANG with Central Bedfordshire"/>
    <s v="2.88ha Bespoke SANG at Studham Common"/>
    <x v="5"/>
    <x v="40"/>
    <x v="2"/>
    <x v="18"/>
    <x v="36"/>
    <s v="N/A"/>
    <s v="N/A"/>
    <m/>
    <m/>
    <s v="S106/UU"/>
    <s v="Essential"/>
    <m/>
    <m/>
    <m/>
    <m/>
    <m/>
    <m/>
    <m/>
    <m/>
    <m/>
    <m/>
    <m/>
    <m/>
    <m/>
    <m/>
    <m/>
    <m/>
    <m/>
    <m/>
    <m/>
    <m/>
    <m/>
    <m/>
    <m/>
    <m/>
    <m/>
    <m/>
    <m/>
    <m/>
    <s v="Yes"/>
    <m/>
    <m/>
    <n v="150"/>
    <m/>
    <s v=""/>
    <s v=""/>
    <s v=""/>
    <s v=""/>
    <s v=""/>
    <s v=""/>
    <s v=""/>
    <s v=""/>
    <s v=""/>
    <s v=""/>
    <s v=""/>
    <s v=""/>
    <s v=""/>
    <s v=""/>
    <s v=""/>
    <s v=""/>
    <s v=""/>
    <s v=""/>
    <s v=""/>
    <s v=""/>
    <s v=""/>
    <s v=""/>
    <s v=""/>
    <s v=""/>
    <s v=""/>
    <s v=""/>
    <s v=""/>
    <s v=""/>
    <n v="0"/>
    <s v=""/>
    <s v=""/>
    <m/>
    <s v="Refer to the Local Plan SANG Strategy within HRA"/>
    <m/>
  </r>
  <r>
    <n v="552"/>
    <x v="1"/>
    <s v="Green infrastructure"/>
    <s v="SANGs"/>
    <s v="Strategic SANG in accordance with DBC allocations protocol or Third Party SANG"/>
    <s v="45.79ha"/>
    <x v="1"/>
    <x v="35"/>
    <x v="2"/>
    <x v="18"/>
    <x v="36"/>
    <s v="N/A"/>
    <s v="N/A"/>
    <m/>
    <m/>
    <s v="S106/UU"/>
    <s v="Essential"/>
    <m/>
    <m/>
    <m/>
    <m/>
    <m/>
    <m/>
    <m/>
    <m/>
    <m/>
    <m/>
    <m/>
    <m/>
    <m/>
    <m/>
    <m/>
    <m/>
    <m/>
    <m/>
    <m/>
    <m/>
    <m/>
    <m/>
    <m/>
    <m/>
    <m/>
    <m/>
    <m/>
    <m/>
    <m/>
    <m/>
    <m/>
    <n v="0"/>
    <m/>
    <s v=""/>
    <s v=""/>
    <s v=""/>
    <s v=""/>
    <s v=""/>
    <s v=""/>
    <s v=""/>
    <s v=""/>
    <s v=""/>
    <s v=""/>
    <s v=""/>
    <s v=""/>
    <s v=""/>
    <s v=""/>
    <s v=""/>
    <s v=""/>
    <s v=""/>
    <s v=""/>
    <s v=""/>
    <s v=""/>
    <s v=""/>
    <s v=""/>
    <s v=""/>
    <s v=""/>
    <s v=""/>
    <s v=""/>
    <s v=""/>
    <s v=""/>
    <s v=""/>
    <s v=""/>
    <s v=""/>
    <m/>
    <s v="Refer to the Local Plan SANG Strategy within HRA"/>
    <m/>
  </r>
  <r>
    <n v="553"/>
    <x v="1"/>
    <s v="Green infrastructure"/>
    <s v="SANGs"/>
    <s v="On site Bespoke SANG"/>
    <s v="28.80ha North Hemel Bespoke SANG. Sites providing on site SANG solutions are not required to provide natural/semi-natural greenspace. "/>
    <x v="1"/>
    <x v="14"/>
    <x v="1"/>
    <x v="18"/>
    <x v="36"/>
    <s v="N/A"/>
    <s v="N/A"/>
    <m/>
    <m/>
    <s v="S106/UU"/>
    <s v="Essential"/>
    <s v="Yes"/>
    <m/>
    <m/>
    <m/>
    <m/>
    <m/>
    <m/>
    <m/>
    <m/>
    <m/>
    <m/>
    <m/>
    <m/>
    <m/>
    <m/>
    <m/>
    <m/>
    <m/>
    <m/>
    <m/>
    <m/>
    <m/>
    <m/>
    <m/>
    <m/>
    <m/>
    <m/>
    <m/>
    <m/>
    <m/>
    <m/>
    <n v="1500"/>
    <m/>
    <n v="0"/>
    <s v=""/>
    <s v=""/>
    <s v=""/>
    <s v=""/>
    <s v=""/>
    <s v=""/>
    <s v=""/>
    <s v=""/>
    <s v=""/>
    <s v=""/>
    <s v=""/>
    <s v=""/>
    <s v=""/>
    <s v=""/>
    <s v=""/>
    <s v=""/>
    <s v=""/>
    <s v=""/>
    <s v=""/>
    <s v=""/>
    <s v=""/>
    <s v=""/>
    <s v=""/>
    <s v=""/>
    <s v=""/>
    <s v=""/>
    <s v=""/>
    <s v=""/>
    <s v=""/>
    <s v=""/>
    <m/>
    <s v="Refer to the Local Plan SANG Strategy within HRA"/>
    <m/>
  </r>
  <r>
    <n v="554"/>
    <x v="1"/>
    <s v="Green infrastructure"/>
    <s v="SANGs"/>
    <s v="Off site Strategic SANG"/>
    <s v="8.64ha Gadebridge Park strategic SANG"/>
    <x v="1"/>
    <x v="23"/>
    <x v="2"/>
    <x v="18"/>
    <x v="36"/>
    <s v="N/A"/>
    <s v="N/A"/>
    <m/>
    <m/>
    <s v="S106/UU"/>
    <s v="Essential"/>
    <m/>
    <m/>
    <s v="Yes"/>
    <m/>
    <m/>
    <m/>
    <m/>
    <m/>
    <m/>
    <m/>
    <m/>
    <m/>
    <m/>
    <m/>
    <m/>
    <m/>
    <m/>
    <m/>
    <m/>
    <m/>
    <m/>
    <m/>
    <m/>
    <m/>
    <m/>
    <m/>
    <m/>
    <m/>
    <m/>
    <m/>
    <m/>
    <n v="450"/>
    <m/>
    <s v=""/>
    <s v=""/>
    <n v="0"/>
    <s v=""/>
    <s v=""/>
    <s v=""/>
    <s v=""/>
    <s v=""/>
    <s v=""/>
    <s v=""/>
    <s v=""/>
    <s v=""/>
    <s v=""/>
    <s v=""/>
    <s v=""/>
    <s v=""/>
    <s v=""/>
    <s v=""/>
    <s v=""/>
    <s v=""/>
    <s v=""/>
    <s v=""/>
    <s v=""/>
    <s v=""/>
    <s v=""/>
    <s v=""/>
    <s v=""/>
    <s v=""/>
    <s v=""/>
    <s v=""/>
    <s v=""/>
    <m/>
    <s v="Refer to the Local Plan SANG Strategy within HRA"/>
    <m/>
  </r>
  <r>
    <n v="555"/>
    <x v="1"/>
    <s v="Green infrastructure"/>
    <s v="SANGs"/>
    <s v="Off site Strategic SANG"/>
    <s v="6.72ha Gadebridge Park strategic SANG"/>
    <x v="1"/>
    <x v="24"/>
    <x v="2"/>
    <x v="18"/>
    <x v="36"/>
    <s v="N/A"/>
    <s v="N/A"/>
    <m/>
    <m/>
    <s v="S106/UU"/>
    <s v="Essential"/>
    <m/>
    <m/>
    <m/>
    <s v="Yes"/>
    <m/>
    <m/>
    <m/>
    <m/>
    <m/>
    <m/>
    <m/>
    <m/>
    <m/>
    <m/>
    <m/>
    <m/>
    <m/>
    <m/>
    <m/>
    <m/>
    <m/>
    <m/>
    <m/>
    <m/>
    <m/>
    <m/>
    <m/>
    <m/>
    <m/>
    <m/>
    <m/>
    <n v="350"/>
    <m/>
    <s v=""/>
    <s v=""/>
    <s v=""/>
    <n v="0"/>
    <s v=""/>
    <s v=""/>
    <s v=""/>
    <s v=""/>
    <s v=""/>
    <s v=""/>
    <s v=""/>
    <s v=""/>
    <s v=""/>
    <s v=""/>
    <s v=""/>
    <s v=""/>
    <s v=""/>
    <s v=""/>
    <s v=""/>
    <s v=""/>
    <s v=""/>
    <s v=""/>
    <s v=""/>
    <s v=""/>
    <s v=""/>
    <s v=""/>
    <s v=""/>
    <s v=""/>
    <s v=""/>
    <s v=""/>
    <s v=""/>
    <m/>
    <s v="Refer to the Local Plan SANG Strategy within HRA"/>
    <m/>
  </r>
  <r>
    <n v="556"/>
    <x v="1"/>
    <s v="Green infrastructure"/>
    <s v="SANGs"/>
    <s v="Off site Strategic SANG"/>
    <s v="3,84ha Gadebridge Park strategic SANG"/>
    <x v="1"/>
    <x v="25"/>
    <x v="2"/>
    <x v="18"/>
    <x v="36"/>
    <s v="N/A"/>
    <s v="N/A"/>
    <m/>
    <m/>
    <s v="S106/UU"/>
    <s v="Essential"/>
    <m/>
    <s v="Yes"/>
    <m/>
    <m/>
    <m/>
    <m/>
    <m/>
    <m/>
    <m/>
    <m/>
    <m/>
    <m/>
    <m/>
    <m/>
    <m/>
    <m/>
    <m/>
    <m/>
    <m/>
    <m/>
    <m/>
    <m/>
    <m/>
    <m/>
    <m/>
    <m/>
    <m/>
    <m/>
    <m/>
    <m/>
    <m/>
    <n v="200"/>
    <m/>
    <s v=""/>
    <n v="0"/>
    <s v=""/>
    <s v=""/>
    <s v=""/>
    <s v=""/>
    <s v=""/>
    <s v=""/>
    <s v=""/>
    <s v=""/>
    <s v=""/>
    <s v=""/>
    <s v=""/>
    <s v=""/>
    <s v=""/>
    <s v=""/>
    <s v=""/>
    <s v=""/>
    <s v=""/>
    <s v=""/>
    <s v=""/>
    <s v=""/>
    <s v=""/>
    <s v=""/>
    <s v=""/>
    <s v=""/>
    <s v=""/>
    <s v=""/>
    <s v=""/>
    <s v=""/>
    <s v=""/>
    <m/>
    <s v="Refer to the Local Plan SANG Strategy within HRA"/>
    <m/>
  </r>
  <r>
    <n v="557"/>
    <x v="1"/>
    <s v="Green infrastructure"/>
    <s v="SANGs"/>
    <s v="Off site Third Party SANG"/>
    <s v="5.76ha Westbrook Hay Third Party SANG"/>
    <x v="1"/>
    <x v="16"/>
    <x v="2"/>
    <x v="18"/>
    <x v="36"/>
    <s v="N/A"/>
    <s v="N/A"/>
    <m/>
    <m/>
    <s v="S106/UU"/>
    <s v="Essential"/>
    <m/>
    <m/>
    <m/>
    <m/>
    <s v="Yes"/>
    <m/>
    <m/>
    <m/>
    <m/>
    <m/>
    <m/>
    <m/>
    <m/>
    <m/>
    <m/>
    <m/>
    <m/>
    <m/>
    <m/>
    <m/>
    <m/>
    <m/>
    <m/>
    <m/>
    <m/>
    <m/>
    <m/>
    <m/>
    <m/>
    <m/>
    <m/>
    <n v="300"/>
    <m/>
    <s v=""/>
    <s v=""/>
    <s v=""/>
    <s v=""/>
    <n v="0"/>
    <s v=""/>
    <s v=""/>
    <s v=""/>
    <s v=""/>
    <s v=""/>
    <s v=""/>
    <s v=""/>
    <s v=""/>
    <s v=""/>
    <s v=""/>
    <s v=""/>
    <s v=""/>
    <s v=""/>
    <s v=""/>
    <s v=""/>
    <s v=""/>
    <s v=""/>
    <s v=""/>
    <s v=""/>
    <s v=""/>
    <s v=""/>
    <s v=""/>
    <s v=""/>
    <s v=""/>
    <s v=""/>
    <s v=""/>
    <m/>
    <s v="Refer to the Local Plan SANG Strategy within HRA"/>
    <m/>
  </r>
  <r>
    <n v="558"/>
    <x v="1"/>
    <s v="Green infrastructure"/>
    <s v="SANGs"/>
    <s v="Off site Third Party SANG"/>
    <s v="1.92ha Westbrook Hay Third Party SANG"/>
    <x v="1"/>
    <x v="26"/>
    <x v="2"/>
    <x v="18"/>
    <x v="36"/>
    <s v="N/A"/>
    <s v="N/A"/>
    <m/>
    <m/>
    <s v="S106/UU"/>
    <s v="Essential"/>
    <m/>
    <m/>
    <m/>
    <m/>
    <m/>
    <m/>
    <s v="Yes"/>
    <m/>
    <m/>
    <m/>
    <m/>
    <m/>
    <m/>
    <m/>
    <m/>
    <m/>
    <m/>
    <m/>
    <m/>
    <m/>
    <m/>
    <m/>
    <m/>
    <m/>
    <m/>
    <m/>
    <m/>
    <m/>
    <m/>
    <m/>
    <m/>
    <n v="100"/>
    <m/>
    <s v=""/>
    <s v=""/>
    <s v=""/>
    <s v=""/>
    <s v=""/>
    <s v=""/>
    <n v="0"/>
    <s v=""/>
    <s v=""/>
    <s v=""/>
    <s v=""/>
    <s v=""/>
    <s v=""/>
    <s v=""/>
    <s v=""/>
    <s v=""/>
    <s v=""/>
    <s v=""/>
    <s v=""/>
    <s v=""/>
    <s v=""/>
    <s v=""/>
    <s v=""/>
    <s v=""/>
    <s v=""/>
    <s v=""/>
    <s v=""/>
    <s v=""/>
    <s v=""/>
    <s v=""/>
    <s v=""/>
    <m/>
    <s v="Refer to the Local Plan SANG Strategy within HRA"/>
    <m/>
  </r>
  <r>
    <n v="559"/>
    <x v="1"/>
    <s v="Green infrastructure"/>
    <s v="SANGs"/>
    <s v="Off site Third Party SANG"/>
    <s v="7.49ha Westbrook Hay Third Party SANG"/>
    <x v="1"/>
    <x v="27"/>
    <x v="2"/>
    <x v="18"/>
    <x v="36"/>
    <s v="N/A"/>
    <s v="N/A"/>
    <m/>
    <m/>
    <s v="S106/UU"/>
    <s v="Essential"/>
    <m/>
    <m/>
    <m/>
    <m/>
    <m/>
    <m/>
    <m/>
    <s v="Yes"/>
    <m/>
    <m/>
    <m/>
    <m/>
    <m/>
    <m/>
    <m/>
    <m/>
    <m/>
    <m/>
    <m/>
    <m/>
    <m/>
    <m/>
    <m/>
    <m/>
    <m/>
    <m/>
    <m/>
    <m/>
    <m/>
    <m/>
    <m/>
    <n v="390"/>
    <m/>
    <s v=""/>
    <s v=""/>
    <s v=""/>
    <s v=""/>
    <s v=""/>
    <s v=""/>
    <s v=""/>
    <n v="0"/>
    <s v=""/>
    <s v=""/>
    <s v=""/>
    <s v=""/>
    <s v=""/>
    <s v=""/>
    <s v=""/>
    <s v=""/>
    <s v=""/>
    <s v=""/>
    <s v=""/>
    <s v=""/>
    <s v=""/>
    <s v=""/>
    <s v=""/>
    <s v=""/>
    <s v=""/>
    <s v=""/>
    <s v=""/>
    <s v=""/>
    <s v=""/>
    <s v=""/>
    <s v=""/>
    <m/>
    <s v="Refer to the Local Plan SANG Strategy within HRA"/>
    <m/>
  </r>
  <r>
    <n v="560"/>
    <x v="1"/>
    <s v="Green infrastructure"/>
    <s v="SANGs"/>
    <s v="Off site Third Party SANG"/>
    <s v="9.22ha Westbrook Hay Third Party SANG"/>
    <x v="1"/>
    <x v="41"/>
    <x v="2"/>
    <x v="18"/>
    <x v="36"/>
    <s v="N/A"/>
    <s v="N/A"/>
    <m/>
    <m/>
    <s v="S106/UU"/>
    <s v="Essential"/>
    <m/>
    <m/>
    <m/>
    <m/>
    <m/>
    <s v="Yes"/>
    <m/>
    <m/>
    <m/>
    <m/>
    <m/>
    <m/>
    <m/>
    <m/>
    <m/>
    <m/>
    <m/>
    <m/>
    <m/>
    <m/>
    <m/>
    <m/>
    <m/>
    <m/>
    <m/>
    <m/>
    <m/>
    <m/>
    <m/>
    <m/>
    <m/>
    <n v="480"/>
    <m/>
    <s v=""/>
    <s v=""/>
    <s v=""/>
    <s v=""/>
    <s v=""/>
    <n v="0"/>
    <s v=""/>
    <s v=""/>
    <s v=""/>
    <s v=""/>
    <s v=""/>
    <s v=""/>
    <s v=""/>
    <s v=""/>
    <s v=""/>
    <s v=""/>
    <s v=""/>
    <s v=""/>
    <s v=""/>
    <s v=""/>
    <s v=""/>
    <s v=""/>
    <s v=""/>
    <s v=""/>
    <s v=""/>
    <s v=""/>
    <s v=""/>
    <s v=""/>
    <s v=""/>
    <s v=""/>
    <s v=""/>
    <m/>
    <s v="Refer to the Local Plan SANG Strategy within HRA"/>
    <m/>
  </r>
  <r>
    <n v="561"/>
    <x v="1"/>
    <s v="Sports and Leisure"/>
    <s v="SANGs"/>
    <s v="Off site Third Party SANG"/>
    <s v="Contributions towards 9.60ha Westbrook Hay Third Party SANG"/>
    <x v="1"/>
    <x v="17"/>
    <x v="2"/>
    <x v="17"/>
    <x v="36"/>
    <s v="N/A"/>
    <s v="N/A"/>
    <m/>
    <m/>
    <s v="S106/CIL"/>
    <s v="Important"/>
    <m/>
    <m/>
    <m/>
    <m/>
    <m/>
    <m/>
    <m/>
    <m/>
    <s v="Yes"/>
    <m/>
    <m/>
    <m/>
    <m/>
    <m/>
    <m/>
    <m/>
    <m/>
    <m/>
    <m/>
    <m/>
    <m/>
    <m/>
    <m/>
    <m/>
    <m/>
    <m/>
    <m/>
    <m/>
    <m/>
    <m/>
    <m/>
    <n v="500"/>
    <m/>
    <s v=""/>
    <s v=""/>
    <s v=""/>
    <s v=""/>
    <s v=""/>
    <s v=""/>
    <s v=""/>
    <s v=""/>
    <n v="0"/>
    <s v=""/>
    <s v=""/>
    <s v=""/>
    <s v=""/>
    <s v=""/>
    <s v=""/>
    <s v=""/>
    <s v=""/>
    <s v=""/>
    <s v=""/>
    <s v=""/>
    <s v=""/>
    <s v=""/>
    <s v=""/>
    <s v=""/>
    <s v=""/>
    <s v=""/>
    <s v=""/>
    <s v=""/>
    <s v=""/>
    <s v=""/>
    <s v=""/>
    <m/>
    <m/>
    <m/>
  </r>
  <r>
    <n v="562"/>
    <x v="1"/>
    <s v="Sports and Leisure"/>
    <s v="SANGs"/>
    <s v="Off site Third Party SANG"/>
    <s v="Contributions towards 4.49ha Westbrook Hay Third Party SANG"/>
    <x v="1"/>
    <x v="29"/>
    <x v="2"/>
    <x v="17"/>
    <x v="36"/>
    <s v="N/A"/>
    <s v="N/A"/>
    <m/>
    <m/>
    <s v="S106/CIL"/>
    <s v="Important"/>
    <m/>
    <m/>
    <m/>
    <m/>
    <m/>
    <m/>
    <m/>
    <m/>
    <m/>
    <m/>
    <m/>
    <m/>
    <s v="Yes"/>
    <m/>
    <m/>
    <m/>
    <m/>
    <m/>
    <m/>
    <m/>
    <m/>
    <m/>
    <m/>
    <m/>
    <m/>
    <m/>
    <m/>
    <m/>
    <m/>
    <m/>
    <m/>
    <n v="234"/>
    <m/>
    <s v=""/>
    <s v=""/>
    <s v=""/>
    <s v=""/>
    <s v=""/>
    <s v=""/>
    <s v=""/>
    <s v=""/>
    <s v=""/>
    <s v=""/>
    <s v=""/>
    <s v=""/>
    <n v="0"/>
    <s v=""/>
    <s v=""/>
    <s v=""/>
    <s v=""/>
    <s v=""/>
    <s v=""/>
    <s v=""/>
    <s v=""/>
    <s v=""/>
    <s v=""/>
    <s v=""/>
    <s v=""/>
    <s v=""/>
    <s v=""/>
    <s v=""/>
    <s v=""/>
    <s v=""/>
    <s v=""/>
    <m/>
    <m/>
    <m/>
  </r>
  <r>
    <n v="563"/>
    <x v="1"/>
    <s v="Sports and Leisure"/>
    <s v="SANGs"/>
    <s v="Off site Third Party SANG"/>
    <s v="Contributions towards 9.60ha Shendish Bespoke SANG to the West of main development. Sites providing on site SANG solutions are not required to provide natural/semi-natural greenspace. "/>
    <x v="1"/>
    <x v="3"/>
    <x v="1"/>
    <x v="17"/>
    <x v="36"/>
    <s v="N/A"/>
    <s v="N/A"/>
    <m/>
    <m/>
    <s v="S106/CIL"/>
    <s v="Important"/>
    <m/>
    <m/>
    <m/>
    <m/>
    <m/>
    <m/>
    <m/>
    <m/>
    <m/>
    <s v="Yes"/>
    <m/>
    <m/>
    <m/>
    <m/>
    <m/>
    <m/>
    <m/>
    <m/>
    <m/>
    <m/>
    <m/>
    <m/>
    <m/>
    <m/>
    <m/>
    <m/>
    <m/>
    <m/>
    <m/>
    <m/>
    <m/>
    <n v="500"/>
    <m/>
    <s v=""/>
    <s v=""/>
    <s v=""/>
    <s v=""/>
    <s v=""/>
    <s v=""/>
    <s v=""/>
    <s v=""/>
    <s v=""/>
    <n v="0"/>
    <s v=""/>
    <s v=""/>
    <s v=""/>
    <s v=""/>
    <s v=""/>
    <s v=""/>
    <s v=""/>
    <s v=""/>
    <s v=""/>
    <s v=""/>
    <s v=""/>
    <s v=""/>
    <s v=""/>
    <s v=""/>
    <s v=""/>
    <s v=""/>
    <s v=""/>
    <s v=""/>
    <s v=""/>
    <s v=""/>
    <s v=""/>
    <m/>
    <m/>
    <m/>
  </r>
  <r>
    <n v="564"/>
    <x v="1"/>
    <s v="Sports and Leisure"/>
    <s v="SANGs"/>
    <s v="On-site Bespoke SANG"/>
    <s v="Contributions towards 14.40ha Polehanger Lane Bespoke SANG on northern part of proposed allocation "/>
    <x v="1"/>
    <x v="7"/>
    <x v="2"/>
    <x v="17"/>
    <x v="36"/>
    <s v="N/A"/>
    <s v="N/A"/>
    <m/>
    <m/>
    <s v="S106/CIL"/>
    <s v="Important"/>
    <m/>
    <m/>
    <m/>
    <m/>
    <m/>
    <m/>
    <m/>
    <m/>
    <m/>
    <m/>
    <s v="Yes"/>
    <m/>
    <m/>
    <m/>
    <m/>
    <m/>
    <m/>
    <m/>
    <m/>
    <m/>
    <m/>
    <m/>
    <m/>
    <m/>
    <m/>
    <m/>
    <m/>
    <m/>
    <m/>
    <m/>
    <m/>
    <n v="750"/>
    <m/>
    <s v=""/>
    <s v=""/>
    <s v=""/>
    <s v=""/>
    <s v=""/>
    <s v=""/>
    <s v=""/>
    <s v=""/>
    <s v=""/>
    <s v=""/>
    <n v="0"/>
    <s v=""/>
    <s v=""/>
    <s v=""/>
    <s v=""/>
    <s v=""/>
    <s v=""/>
    <s v=""/>
    <s v=""/>
    <s v=""/>
    <s v=""/>
    <s v=""/>
    <s v=""/>
    <s v=""/>
    <s v=""/>
    <s v=""/>
    <s v=""/>
    <s v=""/>
    <s v=""/>
    <s v=""/>
    <s v=""/>
    <m/>
    <m/>
    <m/>
  </r>
  <r>
    <n v="565"/>
    <x v="1"/>
    <s v="Sports and Leisure"/>
    <s v="SANGs"/>
    <s v="Off site Third Party SANG"/>
    <s v="Contributions towards 6.72ha Gadebridge Network (Margaret Lloyd Park &amp; Howe Grove) Strategic SANG"/>
    <x v="1"/>
    <x v="9"/>
    <x v="2"/>
    <x v="17"/>
    <x v="36"/>
    <s v="N/A"/>
    <s v="N/A"/>
    <m/>
    <m/>
    <s v="S106/CIL"/>
    <s v="Important"/>
    <m/>
    <m/>
    <m/>
    <m/>
    <m/>
    <m/>
    <m/>
    <m/>
    <m/>
    <m/>
    <m/>
    <m/>
    <m/>
    <s v="Yes"/>
    <m/>
    <m/>
    <m/>
    <m/>
    <m/>
    <m/>
    <m/>
    <m/>
    <m/>
    <m/>
    <m/>
    <m/>
    <m/>
    <m/>
    <m/>
    <m/>
    <m/>
    <n v="350"/>
    <m/>
    <s v=""/>
    <s v=""/>
    <s v=""/>
    <s v=""/>
    <s v=""/>
    <s v=""/>
    <s v=""/>
    <s v=""/>
    <s v=""/>
    <s v=""/>
    <s v=""/>
    <s v=""/>
    <s v=""/>
    <n v="0"/>
    <s v=""/>
    <s v=""/>
    <s v=""/>
    <s v=""/>
    <s v=""/>
    <s v=""/>
    <s v=""/>
    <s v=""/>
    <s v=""/>
    <s v=""/>
    <s v=""/>
    <s v=""/>
    <s v=""/>
    <s v=""/>
    <s v=""/>
    <s v=""/>
    <s v=""/>
    <m/>
    <m/>
    <m/>
  </r>
  <r>
    <n v="566"/>
    <x v="1"/>
    <s v="Sports and Leisure"/>
    <s v="SANGs"/>
    <s v="Off site Third Party SANG"/>
    <s v="Contributions towards 1.73ha Gadebridge Network (Margaret Lloyd Park &amp; Howe Grove) Strategic SANG"/>
    <x v="1"/>
    <x v="31"/>
    <x v="2"/>
    <x v="17"/>
    <x v="36"/>
    <s v="N/A"/>
    <s v="N/A"/>
    <m/>
    <m/>
    <s v="S106/CIL"/>
    <s v="Important"/>
    <m/>
    <m/>
    <m/>
    <m/>
    <m/>
    <m/>
    <m/>
    <m/>
    <m/>
    <m/>
    <m/>
    <m/>
    <m/>
    <m/>
    <s v="Yes"/>
    <m/>
    <m/>
    <m/>
    <m/>
    <m/>
    <m/>
    <m/>
    <m/>
    <m/>
    <m/>
    <m/>
    <m/>
    <m/>
    <m/>
    <m/>
    <m/>
    <n v="90"/>
    <m/>
    <s v=""/>
    <s v=""/>
    <s v=""/>
    <s v=""/>
    <s v=""/>
    <s v=""/>
    <s v=""/>
    <s v=""/>
    <s v=""/>
    <s v=""/>
    <s v=""/>
    <s v=""/>
    <s v=""/>
    <s v=""/>
    <n v="0"/>
    <s v=""/>
    <s v=""/>
    <s v=""/>
    <s v=""/>
    <s v=""/>
    <s v=""/>
    <s v=""/>
    <s v=""/>
    <s v=""/>
    <s v=""/>
    <s v=""/>
    <s v=""/>
    <s v=""/>
    <s v=""/>
    <s v=""/>
    <s v=""/>
    <m/>
    <m/>
    <m/>
  </r>
  <r>
    <n v="567"/>
    <x v="1"/>
    <s v="Sports and Leisure"/>
    <s v="SANGs"/>
    <s v="Off site Third Party SANG"/>
    <s v="Contributions towards 1.54ha Gadebridge Park Strategic SANG"/>
    <x v="1"/>
    <x v="32"/>
    <x v="2"/>
    <x v="17"/>
    <x v="36"/>
    <s v="N/A"/>
    <s v="N/A"/>
    <m/>
    <m/>
    <s v="S106/CIL"/>
    <s v="Important"/>
    <m/>
    <m/>
    <m/>
    <m/>
    <m/>
    <m/>
    <m/>
    <m/>
    <m/>
    <m/>
    <m/>
    <m/>
    <m/>
    <m/>
    <m/>
    <s v="Yes"/>
    <m/>
    <m/>
    <m/>
    <m/>
    <m/>
    <m/>
    <m/>
    <m/>
    <m/>
    <m/>
    <m/>
    <m/>
    <m/>
    <m/>
    <m/>
    <n v="80"/>
    <m/>
    <s v=""/>
    <s v=""/>
    <s v=""/>
    <s v=""/>
    <s v=""/>
    <s v=""/>
    <s v=""/>
    <s v=""/>
    <s v=""/>
    <s v=""/>
    <s v=""/>
    <s v=""/>
    <s v=""/>
    <s v=""/>
    <s v=""/>
    <n v="0"/>
    <s v=""/>
    <s v=""/>
    <s v=""/>
    <s v=""/>
    <s v=""/>
    <s v=""/>
    <s v=""/>
    <s v=""/>
    <s v=""/>
    <s v=""/>
    <s v=""/>
    <s v=""/>
    <s v=""/>
    <s v=""/>
    <s v=""/>
    <m/>
    <m/>
    <m/>
  </r>
  <r>
    <n v="568"/>
    <x v="1"/>
    <s v="Sports and Leisure"/>
    <s v="SANGs"/>
    <s v="Off site Third Party SANG"/>
    <s v="Contributions towards 3.84ha Gadebridge Park Strategic SANG"/>
    <x v="1"/>
    <x v="33"/>
    <x v="2"/>
    <x v="17"/>
    <x v="36"/>
    <s v="N/A"/>
    <s v="N/A"/>
    <m/>
    <m/>
    <s v="S106/CIL"/>
    <s v="Important"/>
    <m/>
    <m/>
    <m/>
    <m/>
    <m/>
    <m/>
    <m/>
    <m/>
    <m/>
    <m/>
    <m/>
    <m/>
    <m/>
    <m/>
    <m/>
    <s v="Yes"/>
    <m/>
    <m/>
    <m/>
    <m/>
    <m/>
    <m/>
    <m/>
    <m/>
    <m/>
    <m/>
    <m/>
    <m/>
    <m/>
    <m/>
    <m/>
    <n v="80"/>
    <m/>
    <s v=""/>
    <s v=""/>
    <s v=""/>
    <s v=""/>
    <s v=""/>
    <s v=""/>
    <s v=""/>
    <s v=""/>
    <s v=""/>
    <s v=""/>
    <s v=""/>
    <s v=""/>
    <s v=""/>
    <s v=""/>
    <s v=""/>
    <n v="0"/>
    <s v=""/>
    <s v=""/>
    <s v=""/>
    <s v=""/>
    <s v=""/>
    <s v=""/>
    <s v=""/>
    <s v=""/>
    <s v=""/>
    <s v=""/>
    <s v=""/>
    <s v=""/>
    <s v=""/>
    <s v=""/>
    <s v=""/>
    <m/>
    <m/>
    <m/>
  </r>
  <r>
    <n v="569"/>
    <x v="1"/>
    <s v="Green infrastructure"/>
    <s v="SAMMS"/>
    <s v="Provision of SAMMS "/>
    <s v="(384sqm) Refer to Chilterns Beechwoods Special Area of Conservation Mitigation Strategy"/>
    <x v="11"/>
    <x v="4"/>
    <x v="2"/>
    <x v="20"/>
    <x v="15"/>
    <s v="N/A"/>
    <s v="N/A"/>
    <n v="307063.67999999999"/>
    <n v="307063.67999999999"/>
    <s v="S106/UU"/>
    <s v="Essential"/>
    <s v="Yes"/>
    <m/>
    <m/>
    <m/>
    <m/>
    <m/>
    <m/>
    <m/>
    <m/>
    <m/>
    <m/>
    <m/>
    <m/>
    <m/>
    <m/>
    <m/>
    <m/>
    <m/>
    <m/>
    <m/>
    <m/>
    <m/>
    <m/>
    <m/>
    <m/>
    <m/>
    <m/>
    <m/>
    <m/>
    <m/>
    <m/>
    <n v="1500"/>
    <n v="204.70911999999998"/>
    <n v="307063.67999999999"/>
    <s v=""/>
    <s v=""/>
    <s v=""/>
    <s v=""/>
    <s v=""/>
    <s v=""/>
    <s v=""/>
    <s v=""/>
    <s v=""/>
    <s v=""/>
    <s v=""/>
    <s v=""/>
    <s v=""/>
    <s v=""/>
    <s v=""/>
    <s v=""/>
    <s v=""/>
    <s v=""/>
    <s v=""/>
    <s v=""/>
    <s v=""/>
    <s v=""/>
    <s v=""/>
    <s v=""/>
    <s v=""/>
    <s v=""/>
    <s v=""/>
    <s v=""/>
    <s v=""/>
    <s v=""/>
    <m/>
    <s v="Refer to Chilterns Beechwoods Special Area of Conservation Mitigation Strategy"/>
    <m/>
  </r>
  <r>
    <n v="570"/>
    <x v="1"/>
    <s v="Green infrastructure"/>
    <s v="SAMMS"/>
    <s v="Provision of SAMMS "/>
    <s v="(250sqm) Refer to Chilterns Beechwoods Special Area of Conservation Mitigation Strategy"/>
    <x v="15"/>
    <x v="6"/>
    <x v="2"/>
    <x v="20"/>
    <x v="21"/>
    <s v="N/A"/>
    <s v="N/A"/>
    <n v="228470"/>
    <n v="228470"/>
    <s v="S106/UU"/>
    <s v="Essential"/>
    <m/>
    <m/>
    <m/>
    <m/>
    <m/>
    <m/>
    <m/>
    <m/>
    <m/>
    <m/>
    <m/>
    <m/>
    <m/>
    <m/>
    <m/>
    <m/>
    <m/>
    <m/>
    <m/>
    <m/>
    <m/>
    <s v="Yes"/>
    <m/>
    <m/>
    <m/>
    <m/>
    <m/>
    <m/>
    <m/>
    <m/>
    <m/>
    <n v="250"/>
    <n v="913.88"/>
    <s v=""/>
    <s v=""/>
    <s v=""/>
    <s v=""/>
    <s v=""/>
    <s v=""/>
    <s v=""/>
    <s v=""/>
    <s v=""/>
    <s v=""/>
    <s v=""/>
    <s v=""/>
    <s v=""/>
    <s v=""/>
    <s v=""/>
    <s v=""/>
    <s v=""/>
    <s v=""/>
    <s v=""/>
    <s v=""/>
    <s v=""/>
    <n v="228470"/>
    <s v=""/>
    <s v=""/>
    <s v=""/>
    <s v=""/>
    <s v=""/>
    <s v=""/>
    <s v=""/>
    <s v=""/>
    <s v=""/>
    <m/>
    <m/>
    <m/>
  </r>
  <r>
    <n v="571"/>
    <x v="1"/>
    <s v="Green infrastructure"/>
    <s v="SAMMS"/>
    <s v="Provision of SAMMS "/>
    <s v="(400sqm) Refer to Chilterns Beechwoods Special Area of Conservation Mitigation Strategy"/>
    <x v="15"/>
    <x v="21"/>
    <x v="2"/>
    <x v="20"/>
    <x v="22"/>
    <s v="N/A"/>
    <s v="N/A"/>
    <n v="365552"/>
    <n v="365552"/>
    <s v="S106/UU"/>
    <s v="Essential"/>
    <m/>
    <m/>
    <m/>
    <m/>
    <m/>
    <m/>
    <m/>
    <m/>
    <m/>
    <m/>
    <m/>
    <m/>
    <m/>
    <m/>
    <m/>
    <m/>
    <m/>
    <m/>
    <m/>
    <m/>
    <m/>
    <m/>
    <s v="Yes"/>
    <m/>
    <m/>
    <m/>
    <m/>
    <m/>
    <m/>
    <m/>
    <m/>
    <n v="400"/>
    <n v="913.88"/>
    <s v=""/>
    <s v=""/>
    <s v=""/>
    <s v=""/>
    <s v=""/>
    <s v=""/>
    <s v=""/>
    <s v=""/>
    <s v=""/>
    <s v=""/>
    <s v=""/>
    <s v=""/>
    <s v=""/>
    <s v=""/>
    <s v=""/>
    <s v=""/>
    <s v=""/>
    <s v=""/>
    <s v=""/>
    <s v=""/>
    <s v=""/>
    <s v=""/>
    <n v="365552"/>
    <s v=""/>
    <s v=""/>
    <s v=""/>
    <s v=""/>
    <s v=""/>
    <s v=""/>
    <s v=""/>
    <s v=""/>
    <m/>
    <m/>
    <m/>
  </r>
  <r>
    <n v="572"/>
    <x v="1"/>
    <s v="Green infrastructure"/>
    <s v="SAMMS"/>
    <s v="Provision of SAMMS "/>
    <s v="(250sqm) Refer to Chilterns Beechwoods Special Area of Conservation Mitigation Strategy"/>
    <x v="15"/>
    <x v="19"/>
    <x v="2"/>
    <x v="20"/>
    <x v="7"/>
    <s v="N/A"/>
    <s v="N/A"/>
    <n v="1279432"/>
    <n v="1279432"/>
    <s v="S106/UU"/>
    <s v="Essential"/>
    <m/>
    <m/>
    <m/>
    <m/>
    <m/>
    <m/>
    <m/>
    <m/>
    <m/>
    <m/>
    <m/>
    <m/>
    <m/>
    <m/>
    <m/>
    <m/>
    <m/>
    <m/>
    <m/>
    <m/>
    <m/>
    <m/>
    <m/>
    <s v="Yes"/>
    <m/>
    <m/>
    <m/>
    <m/>
    <m/>
    <m/>
    <m/>
    <n v="1400"/>
    <n v="913.88"/>
    <s v=""/>
    <s v=""/>
    <s v=""/>
    <s v=""/>
    <s v=""/>
    <s v=""/>
    <s v=""/>
    <s v=""/>
    <s v=""/>
    <s v=""/>
    <s v=""/>
    <s v=""/>
    <s v=""/>
    <s v=""/>
    <s v=""/>
    <s v=""/>
    <s v=""/>
    <s v=""/>
    <s v=""/>
    <s v=""/>
    <s v=""/>
    <s v=""/>
    <s v=""/>
    <n v="1279432"/>
    <s v=""/>
    <s v=""/>
    <s v=""/>
    <s v=""/>
    <s v=""/>
    <s v=""/>
    <s v=""/>
    <m/>
    <m/>
    <m/>
  </r>
  <r>
    <n v="573"/>
    <x v="1"/>
    <s v="Green infrastructure"/>
    <s v="SAMMS"/>
    <s v="Provision of SAMMS "/>
    <s v="(201sqm) Refer to Chilterns Beechwoods Special Area of Conservation Mitigation Strategy"/>
    <x v="15"/>
    <x v="22"/>
    <x v="2"/>
    <x v="20"/>
    <x v="15"/>
    <s v="N/A"/>
    <s v="N/A"/>
    <n v="183690"/>
    <n v="183690"/>
    <s v="S106/UU"/>
    <s v="Essential"/>
    <m/>
    <m/>
    <m/>
    <m/>
    <m/>
    <m/>
    <m/>
    <m/>
    <m/>
    <m/>
    <m/>
    <m/>
    <m/>
    <m/>
    <m/>
    <m/>
    <m/>
    <m/>
    <m/>
    <m/>
    <m/>
    <m/>
    <m/>
    <m/>
    <s v="Yes"/>
    <m/>
    <m/>
    <m/>
    <m/>
    <m/>
    <m/>
    <n v="201"/>
    <n v="913.88059701492534"/>
    <s v=""/>
    <s v=""/>
    <s v=""/>
    <s v=""/>
    <s v=""/>
    <s v=""/>
    <s v=""/>
    <s v=""/>
    <s v=""/>
    <s v=""/>
    <s v=""/>
    <s v=""/>
    <s v=""/>
    <s v=""/>
    <s v=""/>
    <s v=""/>
    <s v=""/>
    <s v=""/>
    <s v=""/>
    <s v=""/>
    <s v=""/>
    <s v=""/>
    <s v=""/>
    <s v=""/>
    <n v="183690"/>
    <s v=""/>
    <s v=""/>
    <s v=""/>
    <s v=""/>
    <s v=""/>
    <s v=""/>
    <m/>
    <m/>
    <m/>
  </r>
  <r>
    <n v="574"/>
    <x v="1"/>
    <s v="Green infrastructure"/>
    <s v="SAMMS"/>
    <s v="Provision of SAMMS "/>
    <s v="(775sqm) Refer to Chilterns Beechwoods Special Area of Conservation Mitigation Strategy"/>
    <x v="2"/>
    <x v="5"/>
    <x v="2"/>
    <x v="20"/>
    <x v="9"/>
    <s v="N/A"/>
    <s v="N/A"/>
    <n v="707831"/>
    <n v="707831"/>
    <s v="S106/UU"/>
    <s v="Essential"/>
    <m/>
    <m/>
    <m/>
    <m/>
    <m/>
    <m/>
    <m/>
    <m/>
    <m/>
    <m/>
    <m/>
    <m/>
    <m/>
    <m/>
    <m/>
    <m/>
    <m/>
    <s v="Yes"/>
    <m/>
    <m/>
    <m/>
    <m/>
    <m/>
    <m/>
    <m/>
    <m/>
    <m/>
    <m/>
    <m/>
    <m/>
    <m/>
    <n v="775"/>
    <n v="913.3303225806452"/>
    <s v=""/>
    <s v=""/>
    <s v=""/>
    <s v=""/>
    <s v=""/>
    <s v=""/>
    <s v=""/>
    <s v=""/>
    <s v=""/>
    <s v=""/>
    <s v=""/>
    <s v=""/>
    <s v=""/>
    <s v=""/>
    <s v=""/>
    <s v=""/>
    <s v=""/>
    <n v="707831"/>
    <s v=""/>
    <s v=""/>
    <s v=""/>
    <s v=""/>
    <s v=""/>
    <s v=""/>
    <s v=""/>
    <s v=""/>
    <s v=""/>
    <s v=""/>
    <s v=""/>
    <s v=""/>
    <s v=""/>
    <m/>
    <m/>
    <m/>
  </r>
  <r>
    <n v="575"/>
    <x v="1"/>
    <s v="Green infrastructure"/>
    <s v="SAMMS"/>
    <s v="Provision of SAMMS "/>
    <s v="(100sqm) Refer to Chilterns Beechwoods Special Area of Conservation Mitigation Strategy"/>
    <x v="2"/>
    <x v="37"/>
    <x v="2"/>
    <x v="20"/>
    <x v="32"/>
    <s v="N/A"/>
    <s v="N/A"/>
    <n v="91333"/>
    <n v="91333"/>
    <s v="S106/UU"/>
    <s v="Essential"/>
    <m/>
    <m/>
    <m/>
    <m/>
    <m/>
    <m/>
    <m/>
    <m/>
    <m/>
    <m/>
    <m/>
    <m/>
    <m/>
    <m/>
    <m/>
    <m/>
    <m/>
    <m/>
    <m/>
    <s v="Yes"/>
    <m/>
    <m/>
    <m/>
    <m/>
    <m/>
    <m/>
    <m/>
    <m/>
    <m/>
    <m/>
    <m/>
    <n v="100"/>
    <n v="913.33"/>
    <s v=""/>
    <s v=""/>
    <s v=""/>
    <s v=""/>
    <s v=""/>
    <s v=""/>
    <s v=""/>
    <s v=""/>
    <s v=""/>
    <s v=""/>
    <s v=""/>
    <s v=""/>
    <s v=""/>
    <s v=""/>
    <s v=""/>
    <s v=""/>
    <s v=""/>
    <s v=""/>
    <s v=""/>
    <n v="91333"/>
    <s v=""/>
    <s v=""/>
    <s v=""/>
    <s v=""/>
    <s v=""/>
    <s v=""/>
    <s v=""/>
    <s v=""/>
    <s v=""/>
    <s v=""/>
    <s v=""/>
    <m/>
    <m/>
    <m/>
  </r>
  <r>
    <n v="576"/>
    <x v="1"/>
    <s v="Green infrastructure"/>
    <s v="SAMMS"/>
    <s v="Provision of SAMMS "/>
    <s v="(100sqm)  Refer to Chilterns Beechwoods Special Area of Conservation Mitigation Strategy"/>
    <x v="2"/>
    <x v="38"/>
    <x v="2"/>
    <x v="20"/>
    <x v="24"/>
    <s v="N/A"/>
    <s v="N/A"/>
    <n v="91333"/>
    <n v="91333"/>
    <s v="S106/UU"/>
    <s v="Essential"/>
    <m/>
    <m/>
    <m/>
    <m/>
    <m/>
    <m/>
    <m/>
    <m/>
    <m/>
    <m/>
    <m/>
    <m/>
    <m/>
    <m/>
    <m/>
    <m/>
    <m/>
    <m/>
    <s v="Yes"/>
    <m/>
    <m/>
    <m/>
    <m/>
    <m/>
    <m/>
    <m/>
    <m/>
    <m/>
    <m/>
    <m/>
    <m/>
    <n v="100"/>
    <n v="913.33"/>
    <s v=""/>
    <s v=""/>
    <s v=""/>
    <s v=""/>
    <s v=""/>
    <s v=""/>
    <s v=""/>
    <s v=""/>
    <s v=""/>
    <s v=""/>
    <s v=""/>
    <s v=""/>
    <s v=""/>
    <s v=""/>
    <s v=""/>
    <s v=""/>
    <s v=""/>
    <s v=""/>
    <n v="91333"/>
    <s v=""/>
    <s v=""/>
    <s v=""/>
    <s v=""/>
    <s v=""/>
    <s v=""/>
    <s v=""/>
    <s v=""/>
    <s v=""/>
    <s v=""/>
    <s v=""/>
    <s v=""/>
    <m/>
    <m/>
    <m/>
  </r>
  <r>
    <n v="577"/>
    <x v="1"/>
    <s v="Green infrastructure"/>
    <s v="SAMMS"/>
    <s v="Provision of SAMMS "/>
    <s v="(302sqm) Refer to Chilterns Beechwoods Special Area of Conservation Mitigation Strategy"/>
    <x v="2"/>
    <x v="22"/>
    <x v="2"/>
    <x v="20"/>
    <x v="15"/>
    <s v="N/A"/>
    <s v="N/A"/>
    <n v="275825.65999999997"/>
    <n v="275825.65999999997"/>
    <s v="S106/UU"/>
    <s v="Essential"/>
    <m/>
    <m/>
    <m/>
    <m/>
    <m/>
    <m/>
    <m/>
    <m/>
    <m/>
    <m/>
    <m/>
    <m/>
    <m/>
    <m/>
    <m/>
    <m/>
    <m/>
    <m/>
    <m/>
    <m/>
    <s v="Yes"/>
    <m/>
    <m/>
    <m/>
    <m/>
    <m/>
    <m/>
    <m/>
    <m/>
    <m/>
    <m/>
    <n v="302"/>
    <n v="913.32999999999993"/>
    <s v=""/>
    <s v=""/>
    <s v=""/>
    <s v=""/>
    <s v=""/>
    <s v=""/>
    <s v=""/>
    <s v=""/>
    <s v=""/>
    <s v=""/>
    <s v=""/>
    <s v=""/>
    <s v=""/>
    <s v=""/>
    <s v=""/>
    <s v=""/>
    <s v=""/>
    <s v=""/>
    <s v=""/>
    <s v=""/>
    <n v="275825.65999999997"/>
    <s v=""/>
    <s v=""/>
    <s v=""/>
    <s v=""/>
    <s v=""/>
    <s v=""/>
    <s v=""/>
    <s v=""/>
    <s v=""/>
    <s v=""/>
    <m/>
    <m/>
    <m/>
  </r>
  <r>
    <n v="578"/>
    <x v="1"/>
    <s v="Green infrastructure"/>
    <s v="SAMMS"/>
    <s v="Provision of SAMMS "/>
    <s v="(31sqm) Refer to Chilterns Beechwoods Special Area of Conservation Mitigation Strategy"/>
    <x v="4"/>
    <x v="22"/>
    <x v="2"/>
    <x v="20"/>
    <x v="15"/>
    <s v="N/A"/>
    <s v="N/A"/>
    <n v="28330"/>
    <n v="28330"/>
    <s v="S106/UU"/>
    <s v="Essential"/>
    <m/>
    <m/>
    <m/>
    <m/>
    <m/>
    <m/>
    <m/>
    <m/>
    <m/>
    <m/>
    <m/>
    <m/>
    <m/>
    <m/>
    <m/>
    <m/>
    <m/>
    <m/>
    <m/>
    <m/>
    <m/>
    <m/>
    <m/>
    <m/>
    <m/>
    <m/>
    <s v="Yes"/>
    <m/>
    <m/>
    <m/>
    <m/>
    <n v="31"/>
    <n v="913.87096774193549"/>
    <s v=""/>
    <s v=""/>
    <s v=""/>
    <s v=""/>
    <s v=""/>
    <s v=""/>
    <s v=""/>
    <s v=""/>
    <s v=""/>
    <s v=""/>
    <s v=""/>
    <s v=""/>
    <s v=""/>
    <s v=""/>
    <s v=""/>
    <s v=""/>
    <s v=""/>
    <s v=""/>
    <s v=""/>
    <s v=""/>
    <s v=""/>
    <s v=""/>
    <s v=""/>
    <s v=""/>
    <s v=""/>
    <s v=""/>
    <n v="28330"/>
    <s v=""/>
    <s v=""/>
    <s v=""/>
    <s v=""/>
    <m/>
    <m/>
    <m/>
  </r>
  <r>
    <n v="579"/>
    <x v="1"/>
    <s v="Green infrastructure"/>
    <s v="SAMMS"/>
    <s v="Provision of SAMMS "/>
    <s v="(217sqm) Refer to Chilterns Beechwoods Special Area of Conservation Mitigation Strategy"/>
    <x v="4"/>
    <x v="39"/>
    <x v="2"/>
    <x v="20"/>
    <x v="2"/>
    <s v="N/A"/>
    <s v="N/A"/>
    <n v="198312"/>
    <n v="198312"/>
    <s v="S106/UU"/>
    <s v="Essential"/>
    <m/>
    <m/>
    <m/>
    <m/>
    <m/>
    <m/>
    <m/>
    <m/>
    <m/>
    <m/>
    <m/>
    <m/>
    <m/>
    <m/>
    <m/>
    <m/>
    <m/>
    <m/>
    <m/>
    <m/>
    <m/>
    <m/>
    <m/>
    <m/>
    <m/>
    <s v="Yes"/>
    <m/>
    <m/>
    <m/>
    <m/>
    <m/>
    <n v="217"/>
    <n v="913.88018433179718"/>
    <s v=""/>
    <s v=""/>
    <s v=""/>
    <s v=""/>
    <s v=""/>
    <s v=""/>
    <s v=""/>
    <s v=""/>
    <s v=""/>
    <s v=""/>
    <s v=""/>
    <s v=""/>
    <s v=""/>
    <s v=""/>
    <s v=""/>
    <s v=""/>
    <s v=""/>
    <s v=""/>
    <s v=""/>
    <s v=""/>
    <s v=""/>
    <s v=""/>
    <s v=""/>
    <s v=""/>
    <s v=""/>
    <n v="198312"/>
    <s v=""/>
    <s v=""/>
    <s v=""/>
    <s v=""/>
    <s v=""/>
    <m/>
    <m/>
    <m/>
  </r>
  <r>
    <n v="580"/>
    <x v="1"/>
    <s v="Green infrastructure"/>
    <s v="SAMMS"/>
    <s v="Provision of SAMMS "/>
    <s v="(67sqm) Refer to Chilterns Beechwoods Special Area of Conservation Mitigation Strategy"/>
    <x v="8"/>
    <x v="22"/>
    <x v="2"/>
    <x v="20"/>
    <x v="15"/>
    <s v="N/A"/>
    <s v="N/A"/>
    <n v="61230"/>
    <n v="61230"/>
    <s v="S106/UU"/>
    <s v="Essential"/>
    <m/>
    <m/>
    <m/>
    <m/>
    <m/>
    <m/>
    <m/>
    <m/>
    <m/>
    <m/>
    <m/>
    <m/>
    <m/>
    <m/>
    <m/>
    <m/>
    <m/>
    <m/>
    <m/>
    <m/>
    <m/>
    <m/>
    <m/>
    <m/>
    <m/>
    <m/>
    <m/>
    <s v="Yes"/>
    <m/>
    <m/>
    <m/>
    <n v="67"/>
    <n v="913.88059701492534"/>
    <s v=""/>
    <s v=""/>
    <s v=""/>
    <s v=""/>
    <s v=""/>
    <s v=""/>
    <s v=""/>
    <s v=""/>
    <s v=""/>
    <s v=""/>
    <s v=""/>
    <s v=""/>
    <s v=""/>
    <s v=""/>
    <s v=""/>
    <s v=""/>
    <s v=""/>
    <s v=""/>
    <s v=""/>
    <s v=""/>
    <s v=""/>
    <s v=""/>
    <s v=""/>
    <s v=""/>
    <s v=""/>
    <s v=""/>
    <s v=""/>
    <n v="61230"/>
    <s v=""/>
    <s v=""/>
    <s v=""/>
    <m/>
    <m/>
    <m/>
  </r>
  <r>
    <n v="581"/>
    <x v="1"/>
    <s v="Green infrastructure"/>
    <s v="SAMMS"/>
    <s v="Provision of SAMMS "/>
    <s v="(31sqm) Refer to Chilterns Beechwoods Special Area of Conservation Mitigation Strategy"/>
    <x v="5"/>
    <x v="35"/>
    <x v="2"/>
    <x v="20"/>
    <x v="15"/>
    <s v="N/A"/>
    <s v="N/A"/>
    <n v="28330"/>
    <n v="28330"/>
    <s v="S106/UU"/>
    <s v="Essential"/>
    <m/>
    <m/>
    <m/>
    <m/>
    <m/>
    <m/>
    <m/>
    <m/>
    <m/>
    <m/>
    <m/>
    <m/>
    <m/>
    <m/>
    <m/>
    <m/>
    <m/>
    <m/>
    <m/>
    <m/>
    <m/>
    <m/>
    <m/>
    <m/>
    <m/>
    <m/>
    <m/>
    <m/>
    <m/>
    <s v="Yes"/>
    <m/>
    <n v="31"/>
    <n v="913.87096774193549"/>
    <s v=""/>
    <s v=""/>
    <s v=""/>
    <s v=""/>
    <s v=""/>
    <s v=""/>
    <s v=""/>
    <s v=""/>
    <s v=""/>
    <s v=""/>
    <s v=""/>
    <s v=""/>
    <s v=""/>
    <s v=""/>
    <s v=""/>
    <s v=""/>
    <s v=""/>
    <s v=""/>
    <s v=""/>
    <s v=""/>
    <s v=""/>
    <s v=""/>
    <s v=""/>
    <s v=""/>
    <s v=""/>
    <s v=""/>
    <s v=""/>
    <s v=""/>
    <s v=""/>
    <n v="28330"/>
    <s v=""/>
    <m/>
    <m/>
    <m/>
  </r>
  <r>
    <n v="582"/>
    <x v="1"/>
    <s v="Green infrastructure"/>
    <s v="SAMMS"/>
    <s v="Provision of SAMMS "/>
    <s v="(150sqm) Refer to Chilterns Beechwoods Special Area of Conservation Mitigation Strategy"/>
    <x v="5"/>
    <x v="40"/>
    <x v="2"/>
    <x v="20"/>
    <x v="33"/>
    <s v="N/A"/>
    <s v="N/A"/>
    <n v="137082"/>
    <n v="137082"/>
    <s v="S106/UU"/>
    <s v="Essential"/>
    <m/>
    <m/>
    <m/>
    <m/>
    <m/>
    <m/>
    <m/>
    <m/>
    <m/>
    <m/>
    <m/>
    <m/>
    <m/>
    <m/>
    <m/>
    <m/>
    <m/>
    <m/>
    <m/>
    <m/>
    <m/>
    <m/>
    <m/>
    <m/>
    <m/>
    <m/>
    <m/>
    <m/>
    <s v="Yes"/>
    <m/>
    <m/>
    <n v="150"/>
    <n v="913.88"/>
    <s v=""/>
    <s v=""/>
    <s v=""/>
    <s v=""/>
    <s v=""/>
    <s v=""/>
    <s v=""/>
    <s v=""/>
    <s v=""/>
    <s v=""/>
    <s v=""/>
    <s v=""/>
    <s v=""/>
    <s v=""/>
    <s v=""/>
    <s v=""/>
    <s v=""/>
    <s v=""/>
    <s v=""/>
    <s v=""/>
    <s v=""/>
    <s v=""/>
    <s v=""/>
    <s v=""/>
    <s v=""/>
    <s v=""/>
    <s v=""/>
    <s v=""/>
    <n v="137082"/>
    <s v=""/>
    <s v=""/>
    <m/>
    <m/>
    <m/>
  </r>
  <r>
    <n v="583"/>
    <x v="1"/>
    <s v="Green infrastructure"/>
    <s v="SAMMS"/>
    <s v="Provision of SAMMS "/>
    <s v="(2,385sqm) Refer to Chilterns Beechwoods Special Area of Conservation Mitigation Strategy"/>
    <x v="1"/>
    <x v="35"/>
    <x v="2"/>
    <x v="20"/>
    <x v="15"/>
    <s v="N/A"/>
    <s v="N/A"/>
    <n v="2179604"/>
    <n v="2179604"/>
    <s v="S106/UU"/>
    <s v="Essential"/>
    <m/>
    <m/>
    <m/>
    <m/>
    <m/>
    <m/>
    <m/>
    <m/>
    <m/>
    <m/>
    <m/>
    <m/>
    <m/>
    <m/>
    <m/>
    <m/>
    <s v="Yes"/>
    <m/>
    <m/>
    <m/>
    <m/>
    <m/>
    <m/>
    <m/>
    <m/>
    <m/>
    <m/>
    <m/>
    <m/>
    <m/>
    <m/>
    <n v="2385"/>
    <n v="913.8800838574424"/>
    <s v=""/>
    <s v=""/>
    <s v=""/>
    <s v=""/>
    <s v=""/>
    <s v=""/>
    <s v=""/>
    <s v=""/>
    <s v=""/>
    <s v=""/>
    <s v=""/>
    <s v=""/>
    <s v=""/>
    <s v=""/>
    <s v=""/>
    <s v=""/>
    <n v="2179604"/>
    <s v=""/>
    <s v=""/>
    <s v=""/>
    <s v=""/>
    <s v=""/>
    <s v=""/>
    <s v=""/>
    <s v=""/>
    <s v=""/>
    <s v=""/>
    <s v=""/>
    <s v=""/>
    <s v=""/>
    <s v=""/>
    <m/>
    <m/>
    <m/>
  </r>
  <r>
    <n v="584"/>
    <x v="1"/>
    <s v="Green infrastructure"/>
    <s v="SAMMS"/>
    <s v="Provision of SAMMS "/>
    <s v="(1,500sqm) Refer to Chilterns Beechwoods Special Area of Conservation Mitigation Strategy"/>
    <x v="1"/>
    <x v="14"/>
    <x v="2"/>
    <x v="20"/>
    <x v="1"/>
    <s v="N/A"/>
    <s v="N/A"/>
    <n v="1370820"/>
    <n v="1370820"/>
    <s v="S106/UU"/>
    <s v="Essential"/>
    <s v="Yes"/>
    <m/>
    <m/>
    <m/>
    <m/>
    <m/>
    <m/>
    <m/>
    <m/>
    <m/>
    <m/>
    <m/>
    <m/>
    <m/>
    <m/>
    <m/>
    <m/>
    <m/>
    <m/>
    <m/>
    <m/>
    <m/>
    <m/>
    <m/>
    <m/>
    <m/>
    <m/>
    <m/>
    <m/>
    <m/>
    <m/>
    <n v="1500"/>
    <n v="913.88"/>
    <n v="1370820"/>
    <s v=""/>
    <s v=""/>
    <s v=""/>
    <s v=""/>
    <s v=""/>
    <s v=""/>
    <s v=""/>
    <s v=""/>
    <s v=""/>
    <s v=""/>
    <s v=""/>
    <s v=""/>
    <s v=""/>
    <s v=""/>
    <s v=""/>
    <s v=""/>
    <s v=""/>
    <s v=""/>
    <s v=""/>
    <s v=""/>
    <s v=""/>
    <s v=""/>
    <s v=""/>
    <s v=""/>
    <s v=""/>
    <s v=""/>
    <s v=""/>
    <s v=""/>
    <s v=""/>
    <s v=""/>
    <m/>
    <m/>
    <m/>
  </r>
  <r>
    <n v="585"/>
    <x v="1"/>
    <s v="Green infrastructure"/>
    <s v="SAMMS"/>
    <s v="Provision of SAMMS "/>
    <s v="(450sqm) Refer to Chilterns Beechwoods Special Area of Conservation Mitigation Strategy"/>
    <x v="1"/>
    <x v="23"/>
    <x v="2"/>
    <x v="20"/>
    <x v="8"/>
    <s v="N/A"/>
    <s v="N/A"/>
    <n v="411246"/>
    <n v="411246"/>
    <s v="S106/UU"/>
    <s v="Essential"/>
    <m/>
    <m/>
    <s v="Yes"/>
    <m/>
    <m/>
    <m/>
    <m/>
    <m/>
    <m/>
    <m/>
    <m/>
    <m/>
    <m/>
    <m/>
    <m/>
    <m/>
    <m/>
    <m/>
    <m/>
    <m/>
    <m/>
    <m/>
    <m/>
    <m/>
    <m/>
    <m/>
    <m/>
    <m/>
    <m/>
    <m/>
    <m/>
    <n v="450"/>
    <n v="913.88"/>
    <s v=""/>
    <s v=""/>
    <n v="411246"/>
    <s v=""/>
    <s v=""/>
    <s v=""/>
    <s v=""/>
    <s v=""/>
    <s v=""/>
    <s v=""/>
    <s v=""/>
    <s v=""/>
    <s v=""/>
    <s v=""/>
    <s v=""/>
    <s v=""/>
    <s v=""/>
    <s v=""/>
    <s v=""/>
    <s v=""/>
    <s v=""/>
    <s v=""/>
    <s v=""/>
    <s v=""/>
    <s v=""/>
    <s v=""/>
    <s v=""/>
    <s v=""/>
    <s v=""/>
    <s v=""/>
    <s v=""/>
    <m/>
    <m/>
    <m/>
  </r>
  <r>
    <n v="586"/>
    <x v="1"/>
    <s v="Green infrastructure"/>
    <s v="SAMMS"/>
    <s v="Provision of SAMMS "/>
    <s v="(350sqm) Refer to Chilterns Beechwoods Special Area of Conservation Mitigation Strategy"/>
    <x v="1"/>
    <x v="24"/>
    <x v="2"/>
    <x v="20"/>
    <x v="34"/>
    <s v="N/A"/>
    <s v="N/A"/>
    <n v="319858"/>
    <n v="319858"/>
    <s v="S106/UU"/>
    <s v="Essential"/>
    <m/>
    <m/>
    <m/>
    <s v="Yes"/>
    <m/>
    <m/>
    <m/>
    <m/>
    <m/>
    <m/>
    <m/>
    <m/>
    <m/>
    <m/>
    <m/>
    <m/>
    <m/>
    <m/>
    <m/>
    <m/>
    <m/>
    <m/>
    <m/>
    <m/>
    <m/>
    <m/>
    <m/>
    <m/>
    <m/>
    <m/>
    <m/>
    <n v="350"/>
    <n v="913.88"/>
    <s v=""/>
    <s v=""/>
    <s v=""/>
    <n v="319858"/>
    <s v=""/>
    <s v=""/>
    <s v=""/>
    <s v=""/>
    <s v=""/>
    <s v=""/>
    <s v=""/>
    <s v=""/>
    <s v=""/>
    <s v=""/>
    <s v=""/>
    <s v=""/>
    <s v=""/>
    <s v=""/>
    <s v=""/>
    <s v=""/>
    <s v=""/>
    <s v=""/>
    <s v=""/>
    <s v=""/>
    <s v=""/>
    <s v=""/>
    <s v=""/>
    <s v=""/>
    <s v=""/>
    <s v=""/>
    <s v=""/>
    <m/>
    <m/>
    <m/>
  </r>
  <r>
    <n v="587"/>
    <x v="1"/>
    <s v="Green infrastructure"/>
    <s v="SAMMS"/>
    <s v="Provision of SAMMS "/>
    <s v="(200sqm) Refer to Chilterns Beechwoods Special Area of Conservation Mitigation Strategy"/>
    <x v="1"/>
    <x v="25"/>
    <x v="2"/>
    <x v="20"/>
    <x v="26"/>
    <s v="N/A"/>
    <s v="N/A"/>
    <n v="182776"/>
    <n v="182776"/>
    <s v="S106/UU"/>
    <s v="Essential"/>
    <m/>
    <s v="Yes"/>
    <m/>
    <m/>
    <m/>
    <m/>
    <m/>
    <m/>
    <m/>
    <m/>
    <m/>
    <m/>
    <m/>
    <m/>
    <m/>
    <m/>
    <m/>
    <m/>
    <m/>
    <m/>
    <m/>
    <m/>
    <m/>
    <m/>
    <m/>
    <m/>
    <m/>
    <m/>
    <m/>
    <m/>
    <m/>
    <n v="200"/>
    <n v="913.88"/>
    <s v=""/>
    <n v="182776"/>
    <s v=""/>
    <s v=""/>
    <s v=""/>
    <s v=""/>
    <s v=""/>
    <s v=""/>
    <s v=""/>
    <s v=""/>
    <s v=""/>
    <s v=""/>
    <s v=""/>
    <s v=""/>
    <s v=""/>
    <s v=""/>
    <s v=""/>
    <s v=""/>
    <s v=""/>
    <s v=""/>
    <s v=""/>
    <s v=""/>
    <s v=""/>
    <s v=""/>
    <s v=""/>
    <s v=""/>
    <s v=""/>
    <s v=""/>
    <s v=""/>
    <s v=""/>
    <s v=""/>
    <m/>
    <m/>
    <m/>
  </r>
  <r>
    <n v="588"/>
    <x v="1"/>
    <s v="Green infrastructure"/>
    <s v="SAMMS"/>
    <s v="Provision of SAMMS "/>
    <s v="(300sqm) Refer to Chilterns Beechwoods Special Area of Conservation Mitigation Strategy"/>
    <x v="1"/>
    <x v="16"/>
    <x v="2"/>
    <x v="20"/>
    <x v="2"/>
    <s v="N/A"/>
    <s v="N/A"/>
    <n v="274164"/>
    <n v="274164"/>
    <s v="S106/UU"/>
    <s v="Essential"/>
    <m/>
    <m/>
    <m/>
    <m/>
    <s v="Yes"/>
    <m/>
    <m/>
    <m/>
    <m/>
    <m/>
    <m/>
    <m/>
    <m/>
    <m/>
    <m/>
    <m/>
    <m/>
    <m/>
    <m/>
    <m/>
    <m/>
    <m/>
    <m/>
    <m/>
    <m/>
    <m/>
    <m/>
    <m/>
    <m/>
    <m/>
    <m/>
    <n v="300"/>
    <n v="913.88"/>
    <s v=""/>
    <s v=""/>
    <s v=""/>
    <s v=""/>
    <n v="274164"/>
    <s v=""/>
    <s v=""/>
    <s v=""/>
    <s v=""/>
    <s v=""/>
    <s v=""/>
    <s v=""/>
    <s v=""/>
    <s v=""/>
    <s v=""/>
    <s v=""/>
    <s v=""/>
    <s v=""/>
    <s v=""/>
    <s v=""/>
    <s v=""/>
    <s v=""/>
    <s v=""/>
    <s v=""/>
    <s v=""/>
    <s v=""/>
    <s v=""/>
    <s v=""/>
    <s v=""/>
    <s v=""/>
    <s v=""/>
    <m/>
    <m/>
    <m/>
  </r>
  <r>
    <n v="589"/>
    <x v="1"/>
    <s v="Green infrastructure"/>
    <s v="SAMMS"/>
    <s v="Provision of SAMMS "/>
    <s v="(100sqm) Refer to Chilterns Beechwoods Special Area of Conservation Mitigation Strategy"/>
    <x v="1"/>
    <x v="26"/>
    <x v="2"/>
    <x v="20"/>
    <x v="27"/>
    <s v="N/A"/>
    <s v="N/A"/>
    <n v="91388"/>
    <n v="91388"/>
    <s v="S106/UU"/>
    <s v="Essential"/>
    <m/>
    <m/>
    <m/>
    <m/>
    <m/>
    <m/>
    <s v="Yes"/>
    <m/>
    <m/>
    <m/>
    <m/>
    <m/>
    <m/>
    <m/>
    <m/>
    <m/>
    <m/>
    <m/>
    <m/>
    <m/>
    <m/>
    <m/>
    <m/>
    <m/>
    <m/>
    <m/>
    <m/>
    <m/>
    <m/>
    <m/>
    <m/>
    <n v="100"/>
    <n v="913.88"/>
    <s v=""/>
    <s v=""/>
    <s v=""/>
    <s v=""/>
    <s v=""/>
    <s v=""/>
    <n v="91388"/>
    <s v=""/>
    <s v=""/>
    <s v=""/>
    <s v=""/>
    <s v=""/>
    <s v=""/>
    <s v=""/>
    <s v=""/>
    <s v=""/>
    <s v=""/>
    <s v=""/>
    <s v=""/>
    <s v=""/>
    <s v=""/>
    <s v=""/>
    <s v=""/>
    <s v=""/>
    <s v=""/>
    <s v=""/>
    <s v=""/>
    <s v=""/>
    <s v=""/>
    <s v=""/>
    <s v=""/>
    <m/>
    <m/>
    <m/>
  </r>
  <r>
    <n v="590"/>
    <x v="1"/>
    <s v="Green infrastructure"/>
    <s v="SAMMS"/>
    <s v="Provision of SAMMS "/>
    <s v="(390sqm) Refer to Chilterns Beechwoods Special Area of Conservation Mitigation Strategy"/>
    <x v="1"/>
    <x v="27"/>
    <x v="2"/>
    <x v="20"/>
    <x v="28"/>
    <s v="N/A"/>
    <s v="N/A"/>
    <n v="356413"/>
    <n v="356413"/>
    <s v="S106/UU"/>
    <s v="Essential"/>
    <m/>
    <m/>
    <m/>
    <m/>
    <m/>
    <m/>
    <m/>
    <s v="Yes"/>
    <m/>
    <m/>
    <m/>
    <m/>
    <m/>
    <m/>
    <m/>
    <m/>
    <m/>
    <m/>
    <m/>
    <m/>
    <m/>
    <m/>
    <m/>
    <m/>
    <m/>
    <m/>
    <m/>
    <m/>
    <m/>
    <m/>
    <m/>
    <n v="390"/>
    <n v="913.87948717948723"/>
    <s v=""/>
    <s v=""/>
    <s v=""/>
    <s v=""/>
    <s v=""/>
    <s v=""/>
    <s v=""/>
    <n v="356413"/>
    <s v=""/>
    <s v=""/>
    <s v=""/>
    <s v=""/>
    <s v=""/>
    <s v=""/>
    <s v=""/>
    <s v=""/>
    <s v=""/>
    <s v=""/>
    <s v=""/>
    <s v=""/>
    <s v=""/>
    <s v=""/>
    <s v=""/>
    <s v=""/>
    <s v=""/>
    <s v=""/>
    <s v=""/>
    <s v=""/>
    <s v=""/>
    <s v=""/>
    <s v=""/>
    <m/>
    <m/>
    <m/>
  </r>
  <r>
    <n v="591"/>
    <x v="1"/>
    <s v="Green infrastructure"/>
    <s v="SAMMS"/>
    <s v="Provision of SAMMS "/>
    <s v="(480sqm) Refer to Chilterns Beechwoods Special Area of Conservation Mitigation Strategy"/>
    <x v="1"/>
    <x v="41"/>
    <x v="2"/>
    <x v="20"/>
    <x v="10"/>
    <s v="N/A"/>
    <s v="N/A"/>
    <n v="438662"/>
    <n v="438662"/>
    <s v="S106/UU"/>
    <s v="Essential"/>
    <m/>
    <m/>
    <m/>
    <m/>
    <m/>
    <s v="Yes"/>
    <m/>
    <m/>
    <m/>
    <m/>
    <m/>
    <m/>
    <m/>
    <m/>
    <m/>
    <m/>
    <m/>
    <m/>
    <m/>
    <m/>
    <m/>
    <m/>
    <m/>
    <m/>
    <m/>
    <m/>
    <m/>
    <m/>
    <m/>
    <m/>
    <m/>
    <n v="480"/>
    <n v="913.87916666666672"/>
    <s v=""/>
    <s v=""/>
    <s v=""/>
    <s v=""/>
    <s v=""/>
    <n v="438662"/>
    <s v=""/>
    <s v=""/>
    <s v=""/>
    <s v=""/>
    <s v=""/>
    <s v=""/>
    <s v=""/>
    <s v=""/>
    <s v=""/>
    <s v=""/>
    <s v=""/>
    <s v=""/>
    <s v=""/>
    <s v=""/>
    <s v=""/>
    <s v=""/>
    <s v=""/>
    <s v=""/>
    <s v=""/>
    <s v=""/>
    <s v=""/>
    <s v=""/>
    <s v=""/>
    <s v=""/>
    <s v=""/>
    <m/>
    <m/>
    <m/>
  </r>
  <r>
    <n v="592"/>
    <x v="1"/>
    <s v="Sports and Leisure"/>
    <s v="SAMMS"/>
    <s v="Provision of SAMMS "/>
    <s v="SAMMS contributions (500sqm). Refer to Chilterns Beechwoods Special Area of Conservation Mitigation Strategy"/>
    <x v="1"/>
    <x v="17"/>
    <x v="2"/>
    <x v="17"/>
    <x v="15"/>
    <s v="N/A"/>
    <s v="N/A"/>
    <n v="456940"/>
    <n v="456940"/>
    <s v="S106/CIL"/>
    <s v="Important"/>
    <m/>
    <m/>
    <m/>
    <m/>
    <m/>
    <m/>
    <m/>
    <m/>
    <s v="Yes"/>
    <m/>
    <m/>
    <m/>
    <m/>
    <m/>
    <m/>
    <m/>
    <m/>
    <m/>
    <m/>
    <m/>
    <m/>
    <m/>
    <m/>
    <m/>
    <m/>
    <m/>
    <m/>
    <m/>
    <m/>
    <m/>
    <m/>
    <n v="500"/>
    <n v="913.88"/>
    <s v=""/>
    <s v=""/>
    <s v=""/>
    <s v=""/>
    <s v=""/>
    <s v=""/>
    <s v=""/>
    <s v=""/>
    <n v="456940"/>
    <s v=""/>
    <s v=""/>
    <s v=""/>
    <s v=""/>
    <s v=""/>
    <s v=""/>
    <s v=""/>
    <s v=""/>
    <s v=""/>
    <s v=""/>
    <s v=""/>
    <s v=""/>
    <s v=""/>
    <s v=""/>
    <s v=""/>
    <s v=""/>
    <s v=""/>
    <s v=""/>
    <s v=""/>
    <s v=""/>
    <s v=""/>
    <s v=""/>
    <m/>
    <m/>
    <m/>
  </r>
  <r>
    <n v="593"/>
    <x v="1"/>
    <s v="Sports and Leisure"/>
    <s v="SAMMS"/>
    <s v="Provision of SAMMS "/>
    <s v="SAMMS contributions (234sqm).Refer to Chilterns Beechwoods Special Area of Conservation Mitigation Strategy"/>
    <x v="1"/>
    <x v="29"/>
    <x v="2"/>
    <x v="17"/>
    <x v="15"/>
    <s v="N/A"/>
    <s v="N/A"/>
    <n v="213848"/>
    <n v="213848"/>
    <s v="S106/CIL"/>
    <s v="Important"/>
    <m/>
    <m/>
    <m/>
    <m/>
    <m/>
    <m/>
    <m/>
    <m/>
    <m/>
    <m/>
    <m/>
    <m/>
    <s v="Yes"/>
    <m/>
    <m/>
    <m/>
    <m/>
    <m/>
    <m/>
    <m/>
    <m/>
    <m/>
    <m/>
    <m/>
    <m/>
    <m/>
    <m/>
    <m/>
    <m/>
    <m/>
    <m/>
    <n v="234"/>
    <n v="913.88034188034192"/>
    <s v=""/>
    <s v=""/>
    <s v=""/>
    <s v=""/>
    <s v=""/>
    <s v=""/>
    <s v=""/>
    <s v=""/>
    <s v=""/>
    <s v=""/>
    <s v=""/>
    <s v=""/>
    <n v="213848"/>
    <s v=""/>
    <s v=""/>
    <s v=""/>
    <s v=""/>
    <s v=""/>
    <s v=""/>
    <s v=""/>
    <s v=""/>
    <s v=""/>
    <s v=""/>
    <s v=""/>
    <s v=""/>
    <s v=""/>
    <s v=""/>
    <s v=""/>
    <s v=""/>
    <s v=""/>
    <s v=""/>
    <m/>
    <m/>
    <m/>
  </r>
  <r>
    <n v="594"/>
    <x v="1"/>
    <s v="Sports and Leisure"/>
    <s v="SAMMS"/>
    <s v="Provision of SAMMS "/>
    <s v="SAMMS contributions (500sqm). Refer to Chilterns Beechwoods Special Area of Conservation Mitigation Strategy"/>
    <x v="1"/>
    <x v="3"/>
    <x v="1"/>
    <x v="17"/>
    <x v="15"/>
    <s v="N/A"/>
    <s v="N/A"/>
    <n v="45940"/>
    <n v="45940"/>
    <s v="S106/CIL"/>
    <s v="Important"/>
    <m/>
    <m/>
    <m/>
    <m/>
    <m/>
    <m/>
    <m/>
    <m/>
    <m/>
    <s v="Yes"/>
    <m/>
    <m/>
    <m/>
    <m/>
    <m/>
    <m/>
    <m/>
    <m/>
    <m/>
    <m/>
    <m/>
    <m/>
    <m/>
    <m/>
    <m/>
    <m/>
    <m/>
    <m/>
    <m/>
    <m/>
    <m/>
    <n v="500"/>
    <n v="91.88"/>
    <s v=""/>
    <s v=""/>
    <s v=""/>
    <s v=""/>
    <s v=""/>
    <s v=""/>
    <s v=""/>
    <s v=""/>
    <s v=""/>
    <n v="45940"/>
    <s v=""/>
    <s v=""/>
    <s v=""/>
    <s v=""/>
    <s v=""/>
    <s v=""/>
    <s v=""/>
    <s v=""/>
    <s v=""/>
    <s v=""/>
    <s v=""/>
    <s v=""/>
    <s v=""/>
    <s v=""/>
    <s v=""/>
    <s v=""/>
    <s v=""/>
    <s v=""/>
    <s v=""/>
    <s v=""/>
    <s v=""/>
    <m/>
    <m/>
    <m/>
  </r>
  <r>
    <n v="595"/>
    <x v="1"/>
    <s v="Sports and Leisure"/>
    <s v="SAMMS"/>
    <s v="Provision of SAMMS "/>
    <s v="SAMMS contributions (750sqm). Refer to Chilterns Beechwoods Special Area of Conservation Mitigation Strategy"/>
    <x v="1"/>
    <x v="7"/>
    <x v="2"/>
    <x v="17"/>
    <x v="15"/>
    <s v="N/A"/>
    <s v="N/A"/>
    <n v="685410"/>
    <n v="685410"/>
    <s v="S106/CIL"/>
    <s v="Important"/>
    <m/>
    <m/>
    <m/>
    <m/>
    <m/>
    <m/>
    <m/>
    <m/>
    <m/>
    <m/>
    <s v="Yes"/>
    <m/>
    <m/>
    <m/>
    <m/>
    <m/>
    <m/>
    <m/>
    <m/>
    <m/>
    <m/>
    <m/>
    <m/>
    <m/>
    <m/>
    <m/>
    <m/>
    <m/>
    <m/>
    <m/>
    <m/>
    <n v="750"/>
    <n v="913.88"/>
    <s v=""/>
    <s v=""/>
    <s v=""/>
    <s v=""/>
    <s v=""/>
    <s v=""/>
    <s v=""/>
    <s v=""/>
    <s v=""/>
    <s v=""/>
    <n v="685410"/>
    <s v=""/>
    <s v=""/>
    <s v=""/>
    <s v=""/>
    <s v=""/>
    <s v=""/>
    <s v=""/>
    <s v=""/>
    <s v=""/>
    <s v=""/>
    <s v=""/>
    <s v=""/>
    <s v=""/>
    <s v=""/>
    <s v=""/>
    <s v=""/>
    <s v=""/>
    <s v=""/>
    <s v=""/>
    <s v=""/>
    <m/>
    <m/>
    <m/>
  </r>
  <r>
    <n v="596"/>
    <x v="1"/>
    <s v="Sports and Leisure"/>
    <s v="SAMMS"/>
    <s v="Provision of SAMMS "/>
    <s v="SAMMS contributions (350sqm). Refer to Chilterns Beechwoods Special Area of Conservation Mitigation Strategy"/>
    <x v="1"/>
    <x v="9"/>
    <x v="2"/>
    <x v="17"/>
    <x v="15"/>
    <s v="N/A"/>
    <s v="N/A"/>
    <n v="319858"/>
    <n v="319858"/>
    <s v="S106/CIL"/>
    <s v="Important"/>
    <m/>
    <m/>
    <m/>
    <m/>
    <m/>
    <m/>
    <m/>
    <m/>
    <m/>
    <m/>
    <m/>
    <m/>
    <m/>
    <s v="Yes"/>
    <m/>
    <m/>
    <m/>
    <m/>
    <m/>
    <m/>
    <m/>
    <m/>
    <m/>
    <m/>
    <m/>
    <m/>
    <m/>
    <m/>
    <m/>
    <m/>
    <m/>
    <n v="350"/>
    <n v="913.88"/>
    <s v=""/>
    <s v=""/>
    <s v=""/>
    <s v=""/>
    <s v=""/>
    <s v=""/>
    <s v=""/>
    <s v=""/>
    <s v=""/>
    <s v=""/>
    <s v=""/>
    <s v=""/>
    <s v=""/>
    <n v="319858"/>
    <s v=""/>
    <s v=""/>
    <s v=""/>
    <s v=""/>
    <s v=""/>
    <s v=""/>
    <s v=""/>
    <s v=""/>
    <s v=""/>
    <s v=""/>
    <s v=""/>
    <s v=""/>
    <s v=""/>
    <s v=""/>
    <s v=""/>
    <s v=""/>
    <s v=""/>
    <m/>
    <m/>
    <m/>
  </r>
  <r>
    <n v="597"/>
    <x v="1"/>
    <s v="Sports and Leisure"/>
    <s v="SAMMS"/>
    <s v="Provision of SAMMS "/>
    <s v="SAMMS contributions (90sqm). Refer to Chilterns Beechwoods Special Area of Conservation Mitigation Strategy"/>
    <x v="1"/>
    <x v="31"/>
    <x v="2"/>
    <x v="17"/>
    <x v="15"/>
    <s v="N/A"/>
    <s v="N/A"/>
    <n v="82249"/>
    <n v="82249"/>
    <s v="S106/CIL"/>
    <s v="Important"/>
    <m/>
    <m/>
    <m/>
    <m/>
    <m/>
    <m/>
    <m/>
    <m/>
    <m/>
    <m/>
    <m/>
    <m/>
    <m/>
    <m/>
    <s v="Yes"/>
    <m/>
    <m/>
    <m/>
    <m/>
    <m/>
    <m/>
    <m/>
    <m/>
    <m/>
    <m/>
    <m/>
    <m/>
    <m/>
    <m/>
    <m/>
    <m/>
    <n v="90"/>
    <n v="913.87777777777774"/>
    <s v=""/>
    <s v=""/>
    <s v=""/>
    <s v=""/>
    <s v=""/>
    <s v=""/>
    <s v=""/>
    <s v=""/>
    <s v=""/>
    <s v=""/>
    <s v=""/>
    <s v=""/>
    <s v=""/>
    <s v=""/>
    <n v="82249"/>
    <s v=""/>
    <s v=""/>
    <s v=""/>
    <s v=""/>
    <s v=""/>
    <s v=""/>
    <s v=""/>
    <s v=""/>
    <s v=""/>
    <s v=""/>
    <s v=""/>
    <s v=""/>
    <s v=""/>
    <s v=""/>
    <s v=""/>
    <s v=""/>
    <m/>
    <m/>
    <m/>
  </r>
  <r>
    <n v="598"/>
    <x v="1"/>
    <s v="Sports and Leisure"/>
    <s v="SAMMS"/>
    <s v="Provision of SAMMS "/>
    <s v="SAMMS contributions (80sqm). Refer to Chilterns Beechwoods Special Area of Conservation Mitigation Strategy"/>
    <x v="1"/>
    <x v="32"/>
    <x v="2"/>
    <x v="17"/>
    <x v="15"/>
    <s v="N/A"/>
    <s v="N/A"/>
    <n v="73110"/>
    <n v="73110"/>
    <s v="S106/CIL"/>
    <s v="Important"/>
    <m/>
    <m/>
    <m/>
    <m/>
    <m/>
    <m/>
    <m/>
    <m/>
    <m/>
    <m/>
    <m/>
    <m/>
    <m/>
    <m/>
    <m/>
    <s v="Yes"/>
    <m/>
    <m/>
    <m/>
    <m/>
    <m/>
    <m/>
    <m/>
    <m/>
    <m/>
    <m/>
    <m/>
    <m/>
    <m/>
    <m/>
    <m/>
    <n v="80"/>
    <n v="913.875"/>
    <s v=""/>
    <s v=""/>
    <s v=""/>
    <s v=""/>
    <s v=""/>
    <s v=""/>
    <s v=""/>
    <s v=""/>
    <s v=""/>
    <s v=""/>
    <s v=""/>
    <s v=""/>
    <s v=""/>
    <s v=""/>
    <s v=""/>
    <n v="73110"/>
    <s v=""/>
    <s v=""/>
    <s v=""/>
    <s v=""/>
    <s v=""/>
    <s v=""/>
    <s v=""/>
    <s v=""/>
    <s v=""/>
    <s v=""/>
    <s v=""/>
    <s v=""/>
    <s v=""/>
    <s v=""/>
    <s v=""/>
    <m/>
    <m/>
    <m/>
  </r>
  <r>
    <n v="599"/>
    <x v="1"/>
    <s v="Sports and Leisure"/>
    <s v="SAMMS"/>
    <s v="Provision of SAMMS "/>
    <s v="SAMMS contributions (200sqm). Refer to Chilterns Beechwoods Special Area of Conservation Mitigation Strategy"/>
    <x v="1"/>
    <x v="33"/>
    <x v="2"/>
    <x v="17"/>
    <x v="15"/>
    <s v="N/A"/>
    <s v="N/A"/>
    <n v="182776"/>
    <n v="182776"/>
    <s v="S106/CIL"/>
    <s v="Important"/>
    <m/>
    <m/>
    <m/>
    <m/>
    <m/>
    <m/>
    <m/>
    <m/>
    <m/>
    <m/>
    <m/>
    <m/>
    <m/>
    <m/>
    <m/>
    <s v="Yes"/>
    <m/>
    <m/>
    <m/>
    <m/>
    <m/>
    <m/>
    <m/>
    <m/>
    <m/>
    <m/>
    <m/>
    <m/>
    <m/>
    <m/>
    <m/>
    <n v="80"/>
    <n v="2284.6999999999998"/>
    <s v=""/>
    <s v=""/>
    <s v=""/>
    <s v=""/>
    <s v=""/>
    <s v=""/>
    <s v=""/>
    <s v=""/>
    <s v=""/>
    <s v=""/>
    <s v=""/>
    <s v=""/>
    <s v=""/>
    <s v=""/>
    <s v=""/>
    <n v="182776"/>
    <s v=""/>
    <s v=""/>
    <s v=""/>
    <s v=""/>
    <s v=""/>
    <s v=""/>
    <s v=""/>
    <s v=""/>
    <s v=""/>
    <s v=""/>
    <s v=""/>
    <s v=""/>
    <s v=""/>
    <s v=""/>
    <s v=""/>
    <m/>
    <m/>
    <m/>
  </r>
  <r>
    <n v="600"/>
    <x v="1"/>
    <s v="Transport"/>
    <s v="Highways and transportation"/>
    <s v="Minor junction enhancement at the junction of Durrants Lane and Shootersway"/>
    <s v=" Add a 2m wide footway on the southern side of Shootersway along the extents of the new development.  Include an informal crossing point east of the junction in order to connect the new southern footway with the existing footway on the eastern side of Durrants Lane. Another informal crossing west of the junction could be added in order to connect the new southern footway with the existing northern path along Shootersway (which would also have to be built into a proper footway). Dropped kerbs and tactile paving to be provided at crossing points. Crossings to be 2.4m wide."/>
    <x v="2"/>
    <x v="4"/>
    <x v="2"/>
    <x v="2"/>
    <x v="15"/>
    <s v="N/A"/>
    <s v="N/A"/>
    <n v="92540"/>
    <n v="92540"/>
    <s v="S278 / S106 / CIL / External Funding"/>
    <s v="Essential"/>
    <m/>
    <m/>
    <m/>
    <m/>
    <m/>
    <m/>
    <m/>
    <m/>
    <m/>
    <m/>
    <m/>
    <m/>
    <m/>
    <m/>
    <m/>
    <m/>
    <m/>
    <s v="Yes"/>
    <s v="Yes"/>
    <s v="Yes"/>
    <s v="Yes"/>
    <m/>
    <m/>
    <m/>
    <m/>
    <m/>
    <m/>
    <m/>
    <m/>
    <m/>
    <m/>
    <n v="1277"/>
    <n v="72.466718872357092"/>
    <s v=""/>
    <s v=""/>
    <s v=""/>
    <s v=""/>
    <s v=""/>
    <s v=""/>
    <s v=""/>
    <s v=""/>
    <s v=""/>
    <s v=""/>
    <s v=""/>
    <s v=""/>
    <s v=""/>
    <s v=""/>
    <s v=""/>
    <s v=""/>
    <s v=""/>
    <n v="56161.707126076748"/>
    <n v="7246.6718872357087"/>
    <n v="7246.6718872357087"/>
    <n v="21884.949099451842"/>
    <s v=""/>
    <s v=""/>
    <s v=""/>
    <s v=""/>
    <s v=""/>
    <s v=""/>
    <s v=""/>
    <s v=""/>
    <s v=""/>
    <s v=""/>
    <s v="Total Cost at December 2023"/>
    <m/>
    <s v="Aecom (2024) Berkhamsted and Tring Sustainable Transport Study "/>
  </r>
  <r>
    <n v="601"/>
    <x v="1"/>
    <s v="Transport"/>
    <s v="Highways and transportation"/>
    <s v="Shootersway Corridor Intervention"/>
    <s v="Existing footway to be widened and turned into a shared use facility from the junction with Cross Oak Road until the junction with Oxfield Close. From the junction with the A416 until the roundabout with Chesham Road, widen existing footway on the northern side of Shootersway and provide a shared use facility. Provide a new uncontrolled crossing at Tower Close. Provide a new 2m wide footway on the southern side of Shootersway from the junction with Cross Oak Road and just west of Tower Close junction.  Provide a 3.2m wide Puffin crossing on Shootersway west of the junction with Tower Close. Provide tactile paving, dropped kerbs, roads signs and signals apparatus. Provide an informal crossing just east of the roundabout with Cross Oak Road (dropped kerbs and tactile paving required). provide a new footway along the northern side of Shootersway between Bell Lane and Durrants Lane. "/>
    <x v="2"/>
    <x v="4"/>
    <x v="2"/>
    <x v="2"/>
    <x v="15"/>
    <s v="N/A"/>
    <s v="N/A"/>
    <n v="157995"/>
    <n v="157995"/>
    <s v="S278 / S106 / CIL / External Funding"/>
    <s v="Essential"/>
    <m/>
    <m/>
    <m/>
    <m/>
    <m/>
    <m/>
    <m/>
    <m/>
    <m/>
    <m/>
    <m/>
    <m/>
    <m/>
    <m/>
    <m/>
    <m/>
    <m/>
    <s v="Yes"/>
    <s v="Yes"/>
    <s v="Yes"/>
    <s v="Yes"/>
    <m/>
    <m/>
    <m/>
    <m/>
    <m/>
    <m/>
    <m/>
    <m/>
    <m/>
    <m/>
    <n v="1277"/>
    <n v="123.72357086922474"/>
    <s v=""/>
    <s v=""/>
    <s v=""/>
    <s v=""/>
    <s v=""/>
    <s v=""/>
    <s v=""/>
    <s v=""/>
    <s v=""/>
    <s v=""/>
    <s v=""/>
    <s v=""/>
    <s v=""/>
    <s v=""/>
    <s v=""/>
    <s v=""/>
    <s v=""/>
    <n v="95885.767423649173"/>
    <n v="12372.357086922475"/>
    <n v="12372.357086922475"/>
    <n v="37364.51840250587"/>
    <s v=""/>
    <s v=""/>
    <s v=""/>
    <s v=""/>
    <s v=""/>
    <s v=""/>
    <s v=""/>
    <s v=""/>
    <s v=""/>
    <s v=""/>
    <s v="Total Cost at December 2023"/>
    <m/>
    <s v="Aecom (2024) Berkhamsted and Tring Sustainable Transport Study "/>
  </r>
  <r>
    <n v="602"/>
    <x v="1"/>
    <s v="Transport"/>
    <s v="Highways and transportation"/>
    <s v="Durrants Lane Corridor Intervention"/>
    <s v="Widen the existing footpath on the eastern side of Durrants Lane. There are currently some maintenance issues - grass to be cut back to maximise footway width. Provide dropped kerbs and tactile paving at the entrance of Egerton-Rothesay School to create an informal crossing. To be 2.4m wide.  Add give way markings and refresh existing ones."/>
    <x v="2"/>
    <x v="4"/>
    <x v="2"/>
    <x v="2"/>
    <x v="15"/>
    <s v="N/A"/>
    <s v="N/A"/>
    <n v="100315"/>
    <n v="100315"/>
    <s v="S278 / S106 / CIL / External Funding"/>
    <s v="Essential"/>
    <m/>
    <m/>
    <m/>
    <m/>
    <m/>
    <m/>
    <m/>
    <m/>
    <m/>
    <m/>
    <m/>
    <m/>
    <m/>
    <m/>
    <m/>
    <m/>
    <m/>
    <s v="Yes"/>
    <s v="Yes"/>
    <s v="Yes"/>
    <s v="Yes"/>
    <m/>
    <m/>
    <m/>
    <m/>
    <m/>
    <m/>
    <m/>
    <m/>
    <m/>
    <m/>
    <n v="1277"/>
    <n v="78.555207517619422"/>
    <s v=""/>
    <s v=""/>
    <s v=""/>
    <s v=""/>
    <s v=""/>
    <s v=""/>
    <s v=""/>
    <s v=""/>
    <s v=""/>
    <s v=""/>
    <s v=""/>
    <s v=""/>
    <s v=""/>
    <s v=""/>
    <s v=""/>
    <s v=""/>
    <s v=""/>
    <n v="60880.28582615505"/>
    <n v="7855.5207517619419"/>
    <n v="7855.5207517619419"/>
    <n v="23723.672670321066"/>
    <s v=""/>
    <s v=""/>
    <s v=""/>
    <s v=""/>
    <s v=""/>
    <s v=""/>
    <s v=""/>
    <s v=""/>
    <s v=""/>
    <s v=""/>
    <s v="Total Cost at December 2023"/>
    <m/>
    <s v="Aecom (2024) Berkhamsted and Tring Sustainable Transport Study "/>
  </r>
  <r>
    <n v="603"/>
    <x v="1"/>
    <s v="Transport"/>
    <s v="Highways and transportation"/>
    <s v="Major junction enhancement at the Durrants Lane, Durrants Road and Westfield Road roundabout"/>
    <s v="Remove the roundabout and provide a signalised junction. Provide 3.2m wide formal crossings on all arms (dropped kerbs and tactile paving). Kerb line to be moved to create more footway space and reduce junction area. "/>
    <x v="2"/>
    <x v="4"/>
    <x v="2"/>
    <x v="2"/>
    <x v="15"/>
    <s v="N/A"/>
    <s v="N/A"/>
    <n v="1416942"/>
    <n v="1416942"/>
    <s v="S278 / S106 / CIL / External Funding"/>
    <s v="Essential"/>
    <m/>
    <m/>
    <m/>
    <m/>
    <m/>
    <m/>
    <m/>
    <m/>
    <m/>
    <m/>
    <m/>
    <m/>
    <m/>
    <m/>
    <m/>
    <m/>
    <m/>
    <s v="Yes"/>
    <s v="Yes"/>
    <s v="Yes"/>
    <s v="Yes"/>
    <m/>
    <m/>
    <m/>
    <m/>
    <m/>
    <m/>
    <m/>
    <m/>
    <m/>
    <m/>
    <n v="1277"/>
    <n v="1109.5865309318715"/>
    <s v=""/>
    <s v=""/>
    <s v=""/>
    <s v=""/>
    <s v=""/>
    <s v=""/>
    <s v=""/>
    <s v=""/>
    <s v=""/>
    <s v=""/>
    <s v=""/>
    <s v=""/>
    <s v=""/>
    <s v=""/>
    <s v=""/>
    <s v=""/>
    <s v=""/>
    <n v="859929.56147220044"/>
    <n v="110958.65309318715"/>
    <n v="110958.65309318715"/>
    <n v="335095.13234142517"/>
    <s v=""/>
    <s v=""/>
    <s v=""/>
    <s v=""/>
    <s v=""/>
    <s v=""/>
    <s v=""/>
    <s v=""/>
    <s v=""/>
    <s v=""/>
    <s v="Total Cost at December 2023"/>
    <m/>
    <s v="Aecom (2024) Berkhamsted and Tring Sustainable Transport Study "/>
  </r>
  <r>
    <n v="604"/>
    <x v="1"/>
    <s v="Transport"/>
    <s v="Highways and transportation"/>
    <s v="Minor junction enhancement at the junction of Queen's Road and Shrublands Road"/>
    <s v="Add tactile paving at the crossing along Queens Road. To be 1.2m wide as absolute minimum. Add give way markings at Queen's Road. Surface public footpath between Shrublands Road and Greenway, improve lighting and drainage - create a safer environment for pedestrians and change the look and feel of it. Add small kerbed footway buildouts on Shrublands Road (just at the junction so as to retain parking) and provide informal crossing across Shrublands Road. Tactile paving and dropped kerbs required. New crossing to be 2.4m wide."/>
    <x v="2"/>
    <x v="4"/>
    <x v="2"/>
    <x v="2"/>
    <x v="15"/>
    <s v="N/A"/>
    <s v="N/A"/>
    <n v="290661"/>
    <n v="290661"/>
    <s v="S278 / S106 / CIL / External Funding"/>
    <s v="Essential"/>
    <m/>
    <m/>
    <m/>
    <m/>
    <m/>
    <m/>
    <m/>
    <m/>
    <m/>
    <m/>
    <m/>
    <m/>
    <m/>
    <m/>
    <m/>
    <m/>
    <m/>
    <s v="Yes"/>
    <s v="Yes"/>
    <s v="Yes"/>
    <s v="Yes"/>
    <m/>
    <m/>
    <m/>
    <m/>
    <m/>
    <m/>
    <m/>
    <m/>
    <m/>
    <m/>
    <n v="1277"/>
    <n v="227.61237274862961"/>
    <s v=""/>
    <s v=""/>
    <s v=""/>
    <s v=""/>
    <s v=""/>
    <s v=""/>
    <s v=""/>
    <s v=""/>
    <s v=""/>
    <s v=""/>
    <s v=""/>
    <s v=""/>
    <s v=""/>
    <s v=""/>
    <s v=""/>
    <s v=""/>
    <s v=""/>
    <n v="176399.58888018795"/>
    <n v="22761.23727486296"/>
    <n v="22761.23727486296"/>
    <n v="68738.936570086138"/>
    <s v=""/>
    <s v=""/>
    <s v=""/>
    <s v=""/>
    <s v=""/>
    <s v=""/>
    <s v=""/>
    <s v=""/>
    <s v=""/>
    <s v=""/>
    <s v="Total Cost at December 2023"/>
    <m/>
    <s v="Aecom (2024) Berkhamsted and Tring Sustainable Transport Study "/>
  </r>
  <r>
    <n v="605"/>
    <x v="1"/>
    <s v="Transport"/>
    <s v="Highways and transportation"/>
    <s v="Minor junction enhancement at the junction of Shrublands Avenue and Shrublands Road"/>
    <s v="Provide a 5.75m carriageway at Shrublands Avenue and build-out the rest with an uncontrolled crossing (tactile paving and dropped kerbs required). Crossing to be 2.4m wide. Repave existing footway."/>
    <x v="2"/>
    <x v="4"/>
    <x v="2"/>
    <x v="2"/>
    <x v="15"/>
    <s v="N/A"/>
    <s v="N/A"/>
    <n v="163011"/>
    <n v="163011"/>
    <s v="S278 / S106 / CIL / External Funding"/>
    <s v="Essential"/>
    <m/>
    <m/>
    <m/>
    <m/>
    <m/>
    <m/>
    <m/>
    <m/>
    <m/>
    <m/>
    <m/>
    <m/>
    <m/>
    <m/>
    <m/>
    <m/>
    <m/>
    <s v="Yes"/>
    <s v="Yes"/>
    <s v="Yes"/>
    <s v="Yes"/>
    <m/>
    <m/>
    <m/>
    <m/>
    <m/>
    <m/>
    <m/>
    <m/>
    <m/>
    <m/>
    <n v="1277"/>
    <n v="127.65152701644479"/>
    <s v=""/>
    <s v=""/>
    <s v=""/>
    <s v=""/>
    <s v=""/>
    <s v=""/>
    <s v=""/>
    <s v=""/>
    <s v=""/>
    <s v=""/>
    <s v=""/>
    <s v=""/>
    <s v=""/>
    <s v=""/>
    <s v=""/>
    <s v=""/>
    <s v=""/>
    <n v="98929.933437744708"/>
    <n v="12765.152701644478"/>
    <n v="12765.152701644478"/>
    <n v="38550.761158966328"/>
    <s v=""/>
    <s v=""/>
    <s v=""/>
    <s v=""/>
    <s v=""/>
    <s v=""/>
    <s v=""/>
    <s v=""/>
    <s v=""/>
    <s v=""/>
    <s v="Total Cost at December 2023"/>
    <m/>
    <s v="Aecom (2024) Berkhamsted and Tring Sustainable Transport Study "/>
  </r>
  <r>
    <n v="606"/>
    <x v="1"/>
    <s v="Transport"/>
    <s v="Highways and transportation"/>
    <s v="Minor junction enhancement at junction of Cross Oak Road and Shrublands Road"/>
    <s v="add informal crossing points at Shrublands Road (west of the junction), Cross Oak Road (south of the junction) and at Charles St (east of the junction). Provision of dropped kerbs and tactile paving at these locations is required."/>
    <x v="2"/>
    <x v="4"/>
    <x v="2"/>
    <x v="2"/>
    <x v="15"/>
    <s v="N/A"/>
    <s v="N/A"/>
    <n v="112854"/>
    <n v="112854"/>
    <s v="S278 / S106 / CIL / External Funding"/>
    <s v="Essential"/>
    <m/>
    <m/>
    <m/>
    <m/>
    <m/>
    <m/>
    <m/>
    <m/>
    <m/>
    <m/>
    <m/>
    <m/>
    <m/>
    <m/>
    <m/>
    <m/>
    <m/>
    <s v="Yes"/>
    <s v="Yes"/>
    <s v="Yes"/>
    <s v="Yes"/>
    <m/>
    <m/>
    <m/>
    <m/>
    <m/>
    <m/>
    <m/>
    <m/>
    <m/>
    <m/>
    <n v="1277"/>
    <n v="88.374314800313229"/>
    <s v=""/>
    <s v=""/>
    <s v=""/>
    <s v=""/>
    <s v=""/>
    <s v=""/>
    <s v=""/>
    <s v=""/>
    <s v=""/>
    <s v=""/>
    <s v=""/>
    <s v=""/>
    <s v=""/>
    <s v=""/>
    <s v=""/>
    <s v=""/>
    <s v=""/>
    <n v="68490.093970242757"/>
    <n v="8837.4314800313223"/>
    <n v="8837.4314800313223"/>
    <n v="26689.043069694595"/>
    <s v=""/>
    <s v=""/>
    <s v=""/>
    <s v=""/>
    <s v=""/>
    <s v=""/>
    <s v=""/>
    <s v=""/>
    <s v=""/>
    <s v=""/>
    <s v="Total Cost at December 2023"/>
    <m/>
    <s v="Aecom (2024) Berkhamsted and Tring Sustainable Transport Study "/>
  </r>
  <r>
    <n v="607"/>
    <x v="1"/>
    <s v="Transport"/>
    <s v="Highways and transportation"/>
    <s v="Minor junction enhancement at junction of Kitsbury Road and Charles Street"/>
    <s v="Provide informal crossing points at Kitsbury Road (both sides of the junction). Dropped kerbs and tactile paving to be provided. Crossings to be 2.4m wide. (1.2m as absolute minimum). Refresh road markings."/>
    <x v="2"/>
    <x v="4"/>
    <x v="2"/>
    <x v="2"/>
    <x v="15"/>
    <s v="N/A"/>
    <s v="N/A"/>
    <n v="56427"/>
    <n v="56427"/>
    <s v="S278 / S106 / CIL / External Funding"/>
    <s v="Essential"/>
    <m/>
    <m/>
    <m/>
    <m/>
    <m/>
    <m/>
    <m/>
    <m/>
    <m/>
    <m/>
    <m/>
    <m/>
    <m/>
    <m/>
    <m/>
    <m/>
    <m/>
    <s v="Yes"/>
    <s v="Yes"/>
    <s v="Yes"/>
    <s v="Yes"/>
    <m/>
    <m/>
    <m/>
    <m/>
    <m/>
    <m/>
    <m/>
    <m/>
    <m/>
    <m/>
    <n v="1277"/>
    <n v="44.187157400156615"/>
    <s v=""/>
    <s v=""/>
    <s v=""/>
    <s v=""/>
    <s v=""/>
    <s v=""/>
    <s v=""/>
    <s v=""/>
    <s v=""/>
    <s v=""/>
    <s v=""/>
    <s v=""/>
    <s v=""/>
    <s v=""/>
    <s v=""/>
    <s v=""/>
    <s v=""/>
    <n v="34245.046985121378"/>
    <n v="4418.7157400156611"/>
    <n v="4418.7157400156611"/>
    <n v="13344.521534847298"/>
    <s v=""/>
    <s v=""/>
    <s v=""/>
    <s v=""/>
    <s v=""/>
    <s v=""/>
    <s v=""/>
    <s v=""/>
    <s v=""/>
    <s v=""/>
    <s v="Total Cost at December 2023"/>
    <m/>
    <s v="Aecom (2024) Berkhamsted and Tring Sustainable Transport Study "/>
  </r>
  <r>
    <n v="608"/>
    <x v="1"/>
    <s v="Transport"/>
    <s v="Highways and transportation"/>
    <s v="Minor junction enhancement at junction of Boxwell Road and Charles Street"/>
    <s v="Add kerbed footway buildout on western side of junction as radius is very large and this will narrow crossing distances for pedestrians. Add an uncontrolled crossing across Boxwell Road with tactile paving and dropped kerbs. Crossings to be 2.4m wide. (1.2m as absolute minimum).  Add double yellow lines at junction (tight road if vehicles are parked on both sides)"/>
    <x v="2"/>
    <x v="4"/>
    <x v="2"/>
    <x v="2"/>
    <x v="15"/>
    <s v="N/A"/>
    <s v="N/A"/>
    <n v="75236"/>
    <n v="75236"/>
    <s v="S278 / S106 / CIL / External Funding"/>
    <s v="Essential"/>
    <m/>
    <m/>
    <m/>
    <m/>
    <m/>
    <m/>
    <m/>
    <m/>
    <m/>
    <m/>
    <m/>
    <m/>
    <m/>
    <m/>
    <m/>
    <m/>
    <m/>
    <s v="Yes"/>
    <s v="Yes"/>
    <s v="Yes"/>
    <s v="Yes"/>
    <m/>
    <m/>
    <m/>
    <m/>
    <m/>
    <m/>
    <m/>
    <m/>
    <m/>
    <m/>
    <n v="1277"/>
    <n v="58.916209866875491"/>
    <s v=""/>
    <s v=""/>
    <s v=""/>
    <s v=""/>
    <s v=""/>
    <s v=""/>
    <s v=""/>
    <s v=""/>
    <s v=""/>
    <s v=""/>
    <s v=""/>
    <s v=""/>
    <s v=""/>
    <s v=""/>
    <s v=""/>
    <s v=""/>
    <s v=""/>
    <n v="45660.062646828505"/>
    <n v="5891.6209866875488"/>
    <n v="5891.6209866875488"/>
    <n v="17792.695379796398"/>
    <s v=""/>
    <s v=""/>
    <s v=""/>
    <s v=""/>
    <s v=""/>
    <s v=""/>
    <s v=""/>
    <s v=""/>
    <s v=""/>
    <s v=""/>
    <s v="Total Cost at December 2023"/>
    <m/>
    <s v="Aecom (2024) Berkhamsted and Tring Sustainable Transport Study "/>
  </r>
  <r>
    <n v="609"/>
    <x v="1"/>
    <s v="Transport"/>
    <s v="Highways and transportation"/>
    <s v="Minor junction enhancement at junction of Park View Road and Charles Street"/>
    <s v=" Provide tactile paving on existing crossing point at Park View Road. Crossings to be 2.4m wide. (1.2m as absolute minimum). Provide double yellow lines at junction.  Extend single yellow line from junction to the west on Charles St (vehicles parking on top of existing footway leave no space for pedestrians)."/>
    <x v="2"/>
    <x v="4"/>
    <x v="2"/>
    <x v="2"/>
    <x v="15"/>
    <s v="N/A"/>
    <s v="N/A"/>
    <n v="43888"/>
    <n v="43888"/>
    <s v="S278 / S106 / CIL / External Funding"/>
    <s v="Essential"/>
    <m/>
    <m/>
    <m/>
    <m/>
    <m/>
    <m/>
    <m/>
    <m/>
    <m/>
    <m/>
    <m/>
    <m/>
    <m/>
    <m/>
    <m/>
    <m/>
    <m/>
    <s v="Yes"/>
    <s v="Yes"/>
    <s v="Yes"/>
    <s v="Yes"/>
    <m/>
    <m/>
    <m/>
    <m/>
    <m/>
    <m/>
    <m/>
    <m/>
    <m/>
    <m/>
    <n v="1277"/>
    <n v="34.368050117462801"/>
    <s v=""/>
    <s v=""/>
    <s v=""/>
    <s v=""/>
    <s v=""/>
    <s v=""/>
    <s v=""/>
    <s v=""/>
    <s v=""/>
    <s v=""/>
    <s v=""/>
    <s v=""/>
    <s v=""/>
    <s v=""/>
    <s v=""/>
    <s v=""/>
    <s v=""/>
    <n v="26635.238841033672"/>
    <n v="3436.8050117462799"/>
    <n v="3436.8050117462799"/>
    <n v="10379.151135473765"/>
    <s v=""/>
    <s v=""/>
    <s v=""/>
    <s v=""/>
    <s v=""/>
    <s v=""/>
    <s v=""/>
    <s v=""/>
    <s v=""/>
    <s v=""/>
    <s v="Total Cost at December 2023"/>
    <m/>
    <s v="Aecom (2024) Berkhamsted and Tring Sustainable Transport Study "/>
  </r>
  <r>
    <n v="610"/>
    <x v="1"/>
    <s v="Transport"/>
    <s v="Highways and transportation"/>
    <s v="Minor junction enhancement at the junction of Charles Street and A416"/>
    <s v="Provide an entry treatment at Charles St. with build-outs (increase footway width at junction) including tactile paving and a central refuge.  Remove guard-railing to maximise footway width. Provide a footway build-out on the eastern side of the A416, along the existing hatching area (extra space for pedestrians entering / exiting the park and pushchairs/wheelchairs and provide some cycle stands). Maintain guardrail close to the park's entrance for safety."/>
    <x v="2"/>
    <x v="4"/>
    <x v="2"/>
    <x v="2"/>
    <x v="15"/>
    <s v="N/A"/>
    <s v="N/A"/>
    <n v="131663"/>
    <n v="131663"/>
    <s v="S278 / S106 / CIL / External Funding"/>
    <s v="Essential"/>
    <m/>
    <m/>
    <m/>
    <m/>
    <m/>
    <m/>
    <m/>
    <m/>
    <m/>
    <m/>
    <m/>
    <m/>
    <m/>
    <m/>
    <m/>
    <m/>
    <m/>
    <s v="Yes"/>
    <s v="Yes"/>
    <s v="Yes"/>
    <s v="Yes"/>
    <m/>
    <m/>
    <m/>
    <m/>
    <m/>
    <m/>
    <m/>
    <m/>
    <m/>
    <m/>
    <n v="1277"/>
    <n v="103.10336726703211"/>
    <s v=""/>
    <s v=""/>
    <s v=""/>
    <s v=""/>
    <s v=""/>
    <s v=""/>
    <s v=""/>
    <s v=""/>
    <s v=""/>
    <s v=""/>
    <s v=""/>
    <s v=""/>
    <s v=""/>
    <s v=""/>
    <s v=""/>
    <s v=""/>
    <s v=""/>
    <n v="79905.10963194989"/>
    <n v="10310.336726703212"/>
    <n v="10310.336726703212"/>
    <n v="31137.216914643697"/>
    <s v=""/>
    <s v=""/>
    <s v=""/>
    <s v=""/>
    <s v=""/>
    <s v=""/>
    <s v=""/>
    <s v=""/>
    <s v=""/>
    <s v=""/>
    <s v="Total Cost at December 2023"/>
    <m/>
    <s v="Aecom (2024) Berkhamsted and Tring Sustainable Transport Study "/>
  </r>
  <r>
    <n v="611"/>
    <x v="1"/>
    <s v="Transport"/>
    <s v="Highways and transportation"/>
    <s v="Provide Pedestrian Crossing facilities on Greenway, Berkhamsted"/>
    <s v=" UTP scheme no.43"/>
    <x v="2"/>
    <x v="4"/>
    <x v="2"/>
    <x v="2"/>
    <x v="15"/>
    <s v="N/A"/>
    <s v="N/A"/>
    <m/>
    <m/>
    <s v="S278 / S106 / CIL / External Funding"/>
    <s v="Essential"/>
    <m/>
    <m/>
    <m/>
    <m/>
    <m/>
    <m/>
    <m/>
    <m/>
    <m/>
    <m/>
    <m/>
    <m/>
    <m/>
    <m/>
    <m/>
    <m/>
    <m/>
    <s v="Yes"/>
    <s v="Yes"/>
    <s v="Yes"/>
    <s v="Yes"/>
    <m/>
    <m/>
    <m/>
    <m/>
    <m/>
    <m/>
    <m/>
    <m/>
    <m/>
    <m/>
    <n v="1277"/>
    <m/>
    <s v=""/>
    <s v=""/>
    <s v=""/>
    <s v=""/>
    <s v=""/>
    <s v=""/>
    <s v=""/>
    <s v=""/>
    <s v=""/>
    <s v=""/>
    <s v=""/>
    <s v=""/>
    <s v=""/>
    <s v=""/>
    <s v=""/>
    <s v=""/>
    <s v=""/>
    <n v="0"/>
    <n v="0"/>
    <n v="0"/>
    <n v="0"/>
    <s v=""/>
    <s v=""/>
    <s v=""/>
    <s v=""/>
    <s v=""/>
    <s v=""/>
    <s v=""/>
    <s v=""/>
    <s v=""/>
    <s v=""/>
    <s v="Total Cost at December 2023"/>
    <m/>
    <s v="Aecom (2024) Berkhamsted and Tring Sustainable Transport Study "/>
  </r>
  <r>
    <n v="612"/>
    <x v="1"/>
    <s v="Transport"/>
    <s v="Highways and transportation"/>
    <s v="Standalone road crossing on the A4521 between Queens Road and Stag Lane"/>
    <s v="Reduce guard-railing to maximise footway width. Existing crossings on the A4251 and on Stag Lane to be changed to a Toucan crossing. This would require widening existing crossings to a minimum of 4m. Kerbed buildout at junction with Stag Lane to increase footway width (existing radius are too large). Resurface carriageway and remove metallic studs."/>
    <x v="2"/>
    <x v="4"/>
    <x v="2"/>
    <x v="2"/>
    <x v="15"/>
    <s v="N/A"/>
    <s v="N/A"/>
    <n v="401258"/>
    <n v="401258"/>
    <s v="S278 / S106 / CIL / External Funding"/>
    <s v="Essential"/>
    <m/>
    <m/>
    <m/>
    <m/>
    <m/>
    <m/>
    <m/>
    <m/>
    <m/>
    <m/>
    <m/>
    <m/>
    <m/>
    <m/>
    <m/>
    <m/>
    <m/>
    <s v="Yes"/>
    <s v="Yes"/>
    <s v="Yes"/>
    <s v="Yes"/>
    <m/>
    <m/>
    <m/>
    <m/>
    <m/>
    <m/>
    <m/>
    <m/>
    <m/>
    <m/>
    <n v="1277"/>
    <n v="314.21926389976505"/>
    <s v=""/>
    <s v=""/>
    <s v=""/>
    <s v=""/>
    <s v=""/>
    <s v=""/>
    <s v=""/>
    <s v=""/>
    <s v=""/>
    <s v=""/>
    <s v=""/>
    <s v=""/>
    <s v=""/>
    <s v=""/>
    <s v=""/>
    <s v=""/>
    <s v=""/>
    <n v="243519.92952231792"/>
    <n v="31421.926389976506"/>
    <n v="31421.926389976506"/>
    <n v="94894.217697729051"/>
    <s v=""/>
    <s v=""/>
    <s v=""/>
    <s v=""/>
    <s v=""/>
    <s v=""/>
    <s v=""/>
    <s v=""/>
    <s v=""/>
    <s v=""/>
    <s v="Total Cost at December 2023"/>
    <m/>
    <s v="Aecom (2024) Berkhamsted and Tring Sustainable Transport Study "/>
  </r>
  <r>
    <n v="613"/>
    <x v="1"/>
    <s v="Transport"/>
    <s v="Highways and transportation"/>
    <s v="Minor junction enhancement at junction of Cross Oak Road and A4251"/>
    <s v=" Side road entry treatment using block paving. Add tactile paving at the uncontrolled crossing at Cross Oak Road. Wide radius at entry/exit points from Cross Oak Road - could add footway build-outs to increase footway width. "/>
    <x v="2"/>
    <x v="4"/>
    <x v="2"/>
    <x v="2"/>
    <x v="15"/>
    <s v="N/A"/>
    <s v="N/A"/>
    <n v="75236"/>
    <n v="75236"/>
    <s v="S278 / S106 / CIL / External Funding"/>
    <s v="Essential"/>
    <m/>
    <m/>
    <m/>
    <m/>
    <m/>
    <m/>
    <m/>
    <m/>
    <m/>
    <m/>
    <m/>
    <m/>
    <m/>
    <m/>
    <m/>
    <m/>
    <m/>
    <s v="Yes"/>
    <s v="Yes"/>
    <s v="Yes"/>
    <s v="Yes"/>
    <m/>
    <m/>
    <m/>
    <m/>
    <m/>
    <m/>
    <m/>
    <m/>
    <m/>
    <m/>
    <n v="1277"/>
    <n v="58.916209866875491"/>
    <s v=""/>
    <s v=""/>
    <s v=""/>
    <s v=""/>
    <s v=""/>
    <s v=""/>
    <s v=""/>
    <s v=""/>
    <s v=""/>
    <s v=""/>
    <s v=""/>
    <s v=""/>
    <s v=""/>
    <s v=""/>
    <s v=""/>
    <s v=""/>
    <s v=""/>
    <n v="45660.062646828505"/>
    <n v="5891.6209866875488"/>
    <n v="5891.6209866875488"/>
    <n v="17792.695379796398"/>
    <s v=""/>
    <s v=""/>
    <s v=""/>
    <s v=""/>
    <s v=""/>
    <s v=""/>
    <s v=""/>
    <s v=""/>
    <s v=""/>
    <s v=""/>
    <s v="Total Cost at December 2023"/>
    <m/>
    <s v="Aecom (2024) Berkhamsted and Tring Sustainable Transport Study "/>
  </r>
  <r>
    <n v="614"/>
    <x v="1"/>
    <s v="Transport"/>
    <s v="Highways and transportation"/>
    <s v="Minor junction enhancement at junction of Kitsbury Road and A4251"/>
    <s v="Entry treatment. Add tactile paving at existing crossing."/>
    <x v="2"/>
    <x v="4"/>
    <x v="2"/>
    <x v="2"/>
    <x v="15"/>
    <s v="N/A"/>
    <s v="N/A"/>
    <n v="25079"/>
    <n v="25079"/>
    <s v="S278 / S106 / CIL / External Funding"/>
    <s v="Essential"/>
    <m/>
    <m/>
    <m/>
    <m/>
    <m/>
    <m/>
    <m/>
    <m/>
    <m/>
    <m/>
    <m/>
    <m/>
    <m/>
    <m/>
    <m/>
    <m/>
    <m/>
    <s v="Yes"/>
    <s v="Yes"/>
    <s v="Yes"/>
    <s v="Yes"/>
    <m/>
    <m/>
    <m/>
    <m/>
    <m/>
    <m/>
    <m/>
    <m/>
    <m/>
    <m/>
    <n v="1277"/>
    <n v="19.638997650743931"/>
    <s v=""/>
    <s v=""/>
    <s v=""/>
    <s v=""/>
    <s v=""/>
    <s v=""/>
    <s v=""/>
    <s v=""/>
    <s v=""/>
    <s v=""/>
    <s v=""/>
    <s v=""/>
    <s v=""/>
    <s v=""/>
    <s v=""/>
    <s v=""/>
    <s v=""/>
    <n v="15220.223179326547"/>
    <n v="1963.8997650743931"/>
    <n v="1963.8997650743931"/>
    <n v="5930.9772905246673"/>
    <s v=""/>
    <s v=""/>
    <s v=""/>
    <s v=""/>
    <s v=""/>
    <s v=""/>
    <s v=""/>
    <s v=""/>
    <s v=""/>
    <s v=""/>
    <s v="Total Cost at December 2023"/>
    <m/>
    <s v="Aecom (2024) Berkhamsted and Tring Sustainable Transport Study "/>
  </r>
  <r>
    <n v="615"/>
    <x v="1"/>
    <s v="Transport"/>
    <s v="Highways and transportation"/>
    <s v="Minor junction enhancement at junction of St John's Well Lane and A4251"/>
    <s v="Provide tactile paving at the existing crossing at St. John's Well Lane (including at the central refuge island). Crossings to be 2.4m wide. provide tactile paving and dropped kerb for a new informal crossing on the A4251, just west of the roundabout. Crossings to be 2.4m wide.  Add another crossing point east of the roundabout on the A4251, including a central refuge, bollards, tactile paving and dropped kerbs. Crossings to be 2.4m wide.  Refresh road markings."/>
    <x v="2"/>
    <x v="4"/>
    <x v="2"/>
    <x v="2"/>
    <x v="15"/>
    <s v="N/A"/>
    <s v="N/A"/>
    <n v="125393"/>
    <n v="125393"/>
    <s v="S278 / S106 / CIL / External Funding"/>
    <s v="Essential"/>
    <m/>
    <m/>
    <m/>
    <m/>
    <m/>
    <m/>
    <m/>
    <m/>
    <m/>
    <m/>
    <m/>
    <m/>
    <m/>
    <m/>
    <m/>
    <m/>
    <m/>
    <s v="Yes"/>
    <s v="Yes"/>
    <s v="Yes"/>
    <s v="Yes"/>
    <m/>
    <m/>
    <m/>
    <m/>
    <m/>
    <m/>
    <m/>
    <m/>
    <m/>
    <m/>
    <n v="1277"/>
    <n v="98.19342208300705"/>
    <s v=""/>
    <s v=""/>
    <s v=""/>
    <s v=""/>
    <s v=""/>
    <s v=""/>
    <s v=""/>
    <s v=""/>
    <s v=""/>
    <s v=""/>
    <s v=""/>
    <s v=""/>
    <s v=""/>
    <s v=""/>
    <s v=""/>
    <s v=""/>
    <s v=""/>
    <n v="76099.902114330471"/>
    <n v="9819.3422083007044"/>
    <n v="9819.3422083007044"/>
    <n v="29654.413469068128"/>
    <s v=""/>
    <s v=""/>
    <s v=""/>
    <s v=""/>
    <s v=""/>
    <s v=""/>
    <s v=""/>
    <s v=""/>
    <s v=""/>
    <s v=""/>
    <s v="Total Cost at December 2023"/>
    <m/>
    <s v="Aecom (2024) Berkhamsted and Tring Sustainable Transport Study "/>
  </r>
  <r>
    <n v="616"/>
    <x v="1"/>
    <s v="Transport"/>
    <s v="Highways and transportation"/>
    <s v="Minor junction enhancement at junction of Boxwell Road and A4251"/>
    <s v="Provide tactile paving at the existing crossing point on Boxwell Road. Refresh road markings."/>
    <x v="2"/>
    <x v="4"/>
    <x v="2"/>
    <x v="2"/>
    <x v="15"/>
    <s v="N/A"/>
    <s v="N/A"/>
    <n v="31348"/>
    <n v="31348"/>
    <s v="S278 / S106 / CIL / External Funding"/>
    <s v="Essential"/>
    <m/>
    <m/>
    <m/>
    <m/>
    <m/>
    <m/>
    <m/>
    <m/>
    <m/>
    <m/>
    <m/>
    <m/>
    <m/>
    <m/>
    <m/>
    <m/>
    <m/>
    <s v="Yes"/>
    <s v="Yes"/>
    <s v="Yes"/>
    <s v="Yes"/>
    <m/>
    <m/>
    <m/>
    <m/>
    <m/>
    <m/>
    <m/>
    <m/>
    <m/>
    <m/>
    <n v="1277"/>
    <n v="24.548159749412687"/>
    <s v=""/>
    <s v=""/>
    <s v=""/>
    <s v=""/>
    <s v=""/>
    <s v=""/>
    <s v=""/>
    <s v=""/>
    <s v=""/>
    <s v=""/>
    <s v=""/>
    <s v=""/>
    <s v=""/>
    <s v=""/>
    <s v=""/>
    <s v=""/>
    <s v=""/>
    <n v="19024.823805794833"/>
    <n v="2454.8159749412685"/>
    <n v="2454.8159749412685"/>
    <n v="7413.5442443226311"/>
    <s v=""/>
    <s v=""/>
    <s v=""/>
    <s v=""/>
    <s v=""/>
    <s v=""/>
    <s v=""/>
    <s v=""/>
    <s v=""/>
    <s v=""/>
    <s v="Total Cost at December 2023"/>
    <m/>
    <s v="Aecom (2024) Berkhamsted and Tring Sustainable Transport Study "/>
  </r>
  <r>
    <n v="617"/>
    <x v="1"/>
    <s v="Transport"/>
    <s v="Highways and transportation"/>
    <s v="Minor junction enhancement at junction of Park View Road and A4251"/>
    <s v="Entry treatment using block paving. Provide tactile paving at the existing crossing point on Park View Road.  "/>
    <x v="2"/>
    <x v="4"/>
    <x v="2"/>
    <x v="2"/>
    <x v="15"/>
    <s v="N/A"/>
    <s v="N/A"/>
    <n v="31348"/>
    <n v="31348"/>
    <s v="S278 / S106 / CIL / External Funding"/>
    <s v="Essential"/>
    <m/>
    <m/>
    <m/>
    <m/>
    <m/>
    <m/>
    <m/>
    <m/>
    <m/>
    <m/>
    <m/>
    <m/>
    <m/>
    <m/>
    <m/>
    <m/>
    <m/>
    <s v="Yes"/>
    <s v="Yes"/>
    <s v="Yes"/>
    <s v="Yes"/>
    <m/>
    <m/>
    <m/>
    <m/>
    <m/>
    <m/>
    <m/>
    <m/>
    <m/>
    <m/>
    <n v="1277"/>
    <n v="24.548159749412687"/>
    <s v=""/>
    <s v=""/>
    <s v=""/>
    <s v=""/>
    <s v=""/>
    <s v=""/>
    <s v=""/>
    <s v=""/>
    <s v=""/>
    <s v=""/>
    <s v=""/>
    <s v=""/>
    <s v=""/>
    <s v=""/>
    <s v=""/>
    <s v=""/>
    <s v=""/>
    <n v="19024.823805794833"/>
    <n v="2454.8159749412685"/>
    <n v="2454.8159749412685"/>
    <n v="7413.5442443226311"/>
    <s v=""/>
    <s v=""/>
    <s v=""/>
    <s v=""/>
    <s v=""/>
    <s v=""/>
    <s v=""/>
    <s v=""/>
    <s v=""/>
    <s v=""/>
    <s v="Total Cost at December 2023"/>
    <m/>
    <s v="Aecom (2024) Berkhamsted and Tring Sustainable Transport Study "/>
  </r>
  <r>
    <n v="618"/>
    <x v="1"/>
    <s v="Transport"/>
    <s v="Highways and transportation"/>
    <s v="Minor junction enhancement at junction of A4251 and Three Close Lane"/>
    <s v="Entry treatment by providing block paving at the crossing on Three Close Lane."/>
    <x v="2"/>
    <x v="4"/>
    <x v="2"/>
    <x v="2"/>
    <x v="15"/>
    <s v="N/A"/>
    <s v="N/A"/>
    <n v="25079"/>
    <n v="25079"/>
    <s v="S278 / S106 / CIL / External Funding"/>
    <s v="Essential"/>
    <m/>
    <m/>
    <m/>
    <m/>
    <m/>
    <m/>
    <m/>
    <m/>
    <m/>
    <m/>
    <m/>
    <m/>
    <m/>
    <m/>
    <m/>
    <m/>
    <m/>
    <s v="Yes"/>
    <s v="Yes"/>
    <s v="Yes"/>
    <s v="Yes"/>
    <m/>
    <m/>
    <m/>
    <m/>
    <m/>
    <m/>
    <m/>
    <m/>
    <m/>
    <m/>
    <n v="1277"/>
    <n v="19.638997650743931"/>
    <s v=""/>
    <s v=""/>
    <s v=""/>
    <s v=""/>
    <s v=""/>
    <s v=""/>
    <s v=""/>
    <s v=""/>
    <s v=""/>
    <s v=""/>
    <s v=""/>
    <s v=""/>
    <s v=""/>
    <s v=""/>
    <s v=""/>
    <s v=""/>
    <s v=""/>
    <n v="15220.223179326547"/>
    <n v="1963.8997650743931"/>
    <n v="1963.8997650743931"/>
    <n v="5930.9772905246673"/>
    <s v=""/>
    <s v=""/>
    <s v=""/>
    <s v=""/>
    <s v=""/>
    <s v=""/>
    <s v=""/>
    <s v=""/>
    <s v=""/>
    <s v=""/>
    <s v="Total Cost at December 2023"/>
    <m/>
    <s v="Aecom (2024) Berkhamsted and Tring Sustainable Transport Study "/>
  </r>
  <r>
    <n v="619"/>
    <x v="1"/>
    <s v="Transport"/>
    <s v="Highways and transportation"/>
    <s v="Minor junction enhancement at A4251 and Victoria Street roundabout"/>
    <s v="Entry treatment by providing block paving at the crossing on Victoria Street."/>
    <x v="2"/>
    <x v="4"/>
    <x v="2"/>
    <x v="2"/>
    <x v="15"/>
    <s v="N/A"/>
    <s v="N/A"/>
    <n v="25079"/>
    <n v="25079"/>
    <s v="S278 / S106 / CIL / External Funding"/>
    <s v="Essential"/>
    <m/>
    <m/>
    <m/>
    <m/>
    <m/>
    <m/>
    <m/>
    <m/>
    <m/>
    <m/>
    <m/>
    <m/>
    <m/>
    <m/>
    <m/>
    <m/>
    <m/>
    <s v="Yes"/>
    <s v="Yes"/>
    <s v="Yes"/>
    <s v="Yes"/>
    <m/>
    <m/>
    <m/>
    <m/>
    <m/>
    <m/>
    <m/>
    <m/>
    <m/>
    <m/>
    <n v="1277"/>
    <n v="19.638997650743931"/>
    <s v=""/>
    <s v=""/>
    <s v=""/>
    <s v=""/>
    <s v=""/>
    <s v=""/>
    <s v=""/>
    <s v=""/>
    <s v=""/>
    <s v=""/>
    <s v=""/>
    <s v=""/>
    <s v=""/>
    <s v=""/>
    <s v=""/>
    <s v=""/>
    <s v=""/>
    <n v="15220.223179326547"/>
    <n v="1963.8997650743931"/>
    <n v="1963.8997650743931"/>
    <n v="5930.9772905246673"/>
    <s v=""/>
    <s v=""/>
    <s v=""/>
    <s v=""/>
    <s v=""/>
    <s v=""/>
    <s v=""/>
    <s v=""/>
    <s v=""/>
    <s v=""/>
    <s v="Total Cost at December 2023"/>
    <m/>
    <s v="Aecom (2024) Berkhamsted and Tring Sustainable Transport Study "/>
  </r>
  <r>
    <n v="620"/>
    <x v="1"/>
    <s v="Transport"/>
    <s v="Highways and transportation"/>
    <s v="Major junction enhancement at the junction of A4241, A416 and Lower Kings Road – ‘B-Hive’ improvements"/>
    <s v="Widen footways or islands (widen footway on the northern side of the A4152, east of the junction). Improve crossing provisions (entry treatments on all arms). Condense the junction by moving signal stoplines and crossings towards the centre of junction - subject to vehicle tracking."/>
    <x v="2"/>
    <x v="4"/>
    <x v="2"/>
    <x v="2"/>
    <x v="15"/>
    <s v="N/A"/>
    <s v="N/A"/>
    <n v="238247"/>
    <n v="238247"/>
    <s v="S278 / S106 / CIL / External Funding"/>
    <s v="Essential"/>
    <m/>
    <m/>
    <m/>
    <m/>
    <m/>
    <m/>
    <m/>
    <m/>
    <m/>
    <m/>
    <m/>
    <m/>
    <m/>
    <m/>
    <m/>
    <m/>
    <m/>
    <s v="Yes"/>
    <s v="Yes"/>
    <s v="Yes"/>
    <s v="Yes"/>
    <m/>
    <m/>
    <m/>
    <m/>
    <m/>
    <m/>
    <m/>
    <m/>
    <m/>
    <m/>
    <n v="1277"/>
    <n v="186.56773688332029"/>
    <s v=""/>
    <s v=""/>
    <s v=""/>
    <s v=""/>
    <s v=""/>
    <s v=""/>
    <s v=""/>
    <s v=""/>
    <s v=""/>
    <s v=""/>
    <s v=""/>
    <s v=""/>
    <s v=""/>
    <s v=""/>
    <s v=""/>
    <s v=""/>
    <s v=""/>
    <n v="144589.99608457321"/>
    <n v="18656.773688332029"/>
    <n v="18656.773688332029"/>
    <n v="56343.45653876273"/>
    <s v=""/>
    <s v=""/>
    <s v=""/>
    <s v=""/>
    <s v=""/>
    <s v=""/>
    <s v=""/>
    <s v=""/>
    <s v=""/>
    <s v=""/>
    <s v="Total Cost at December 2023"/>
    <m/>
    <s v="Aecom (2024) Berkhamsted and Tring Sustainable Transport Study "/>
  </r>
  <r>
    <n v="621"/>
    <x v="1"/>
    <s v="Transport"/>
    <s v="Highways and transportation"/>
    <s v="Major junction enhancement at the junction of A4241, A416 and Lower Kings Road - alternative ‘lighter touch’ version of Bi27 including removal of some road space to widen footways on junction corners"/>
    <s v="Entry treatment at Lower Kings Road and the A416 (block paving construction)."/>
    <x v="2"/>
    <x v="4"/>
    <x v="2"/>
    <x v="2"/>
    <x v="15"/>
    <s v="N/A"/>
    <s v="N/A"/>
    <n v="238247"/>
    <n v="238247"/>
    <s v="S278 / S106 / CIL / External Funding"/>
    <s v="Essential"/>
    <m/>
    <m/>
    <m/>
    <m/>
    <m/>
    <m/>
    <m/>
    <m/>
    <m/>
    <m/>
    <m/>
    <m/>
    <m/>
    <m/>
    <m/>
    <m/>
    <m/>
    <s v="Yes"/>
    <s v="Yes"/>
    <s v="Yes"/>
    <s v="Yes"/>
    <m/>
    <m/>
    <m/>
    <m/>
    <m/>
    <m/>
    <m/>
    <m/>
    <m/>
    <m/>
    <n v="1277"/>
    <n v="186.56773688332029"/>
    <s v=""/>
    <s v=""/>
    <s v=""/>
    <s v=""/>
    <s v=""/>
    <s v=""/>
    <s v=""/>
    <s v=""/>
    <s v=""/>
    <s v=""/>
    <s v=""/>
    <s v=""/>
    <s v=""/>
    <s v=""/>
    <s v=""/>
    <s v=""/>
    <s v=""/>
    <n v="144589.99608457321"/>
    <n v="18656.773688332029"/>
    <n v="18656.773688332029"/>
    <n v="56343.45653876273"/>
    <s v=""/>
    <s v=""/>
    <s v=""/>
    <s v=""/>
    <s v=""/>
    <s v=""/>
    <s v=""/>
    <s v=""/>
    <s v=""/>
    <s v=""/>
    <s v="Total Cost at December 2023"/>
    <m/>
    <s v="Aecom (2024) Berkhamsted and Tring Sustainable Transport Study "/>
  </r>
  <r>
    <n v="622"/>
    <x v="1"/>
    <s v="Transport"/>
    <s v="Highways and transportation"/>
    <s v="Major junction enhancement at junction of Lower Kings Road and Brownlow Road (nr Berkhamsted Station)"/>
    <s v="Provide 2 new uncontrolled crossings to create a more direct and safe route to the train station for pedestrians. Remove existing tactiles. Crossings to be 2.4m wide. (1.2m as an absolute minimum). Provide dropped kerbs and tactile paving at existing crossing points at the station’s forecourt. Crossings to be 2.4m wide. (1.2m as absolute minimum).                                                                 "/>
    <x v="2"/>
    <x v="4"/>
    <x v="2"/>
    <x v="2"/>
    <x v="15"/>
    <s v="N/A"/>
    <s v="N/A"/>
    <n v="125393"/>
    <n v="125393"/>
    <s v="S278 / S106 / CIL / External Funding"/>
    <s v="Essential"/>
    <m/>
    <m/>
    <m/>
    <m/>
    <m/>
    <m/>
    <m/>
    <m/>
    <m/>
    <m/>
    <m/>
    <m/>
    <m/>
    <m/>
    <m/>
    <m/>
    <m/>
    <s v="Yes"/>
    <s v="Yes"/>
    <s v="Yes"/>
    <s v="Yes"/>
    <m/>
    <m/>
    <m/>
    <m/>
    <m/>
    <m/>
    <m/>
    <m/>
    <m/>
    <m/>
    <n v="1277"/>
    <n v="98.19342208300705"/>
    <s v=""/>
    <s v=""/>
    <s v=""/>
    <s v=""/>
    <s v=""/>
    <s v=""/>
    <s v=""/>
    <s v=""/>
    <s v=""/>
    <s v=""/>
    <s v=""/>
    <s v=""/>
    <s v=""/>
    <s v=""/>
    <s v=""/>
    <s v=""/>
    <s v=""/>
    <n v="76099.902114330471"/>
    <n v="9819.3422083007044"/>
    <n v="9819.3422083007044"/>
    <n v="29654.413469068128"/>
    <s v=""/>
    <s v=""/>
    <s v=""/>
    <s v=""/>
    <s v=""/>
    <s v=""/>
    <s v=""/>
    <s v=""/>
    <s v=""/>
    <s v=""/>
    <s v="Total Cost at December 2023"/>
    <m/>
    <s v="Aecom (2024) Berkhamsted and Tring Sustainable Transport Study "/>
  </r>
  <r>
    <n v="623"/>
    <x v="1"/>
    <s v="Transport"/>
    <s v="Highways and transportation"/>
    <s v="Crossing enhancements at Brownlow Road and Bridgewater Road Roundabout"/>
    <s v="Widen existing crossings at the junction to provide clearer and safer routes to/from train station. Crossings to be 1.2m wide minimum."/>
    <x v="2"/>
    <x v="4"/>
    <x v="2"/>
    <x v="2"/>
    <x v="15"/>
    <s v="N/A"/>
    <s v="N/A"/>
    <n v="75236"/>
    <n v="75236"/>
    <s v="S278 / S106 / CIL / External Funding"/>
    <s v="Essential"/>
    <m/>
    <m/>
    <m/>
    <m/>
    <m/>
    <m/>
    <m/>
    <m/>
    <m/>
    <m/>
    <m/>
    <m/>
    <m/>
    <m/>
    <m/>
    <m/>
    <m/>
    <s v="Yes"/>
    <s v="Yes"/>
    <s v="Yes"/>
    <s v="Yes"/>
    <m/>
    <m/>
    <m/>
    <m/>
    <m/>
    <m/>
    <m/>
    <m/>
    <m/>
    <m/>
    <n v="1277"/>
    <n v="58.916209866875491"/>
    <s v=""/>
    <s v=""/>
    <s v=""/>
    <s v=""/>
    <s v=""/>
    <s v=""/>
    <s v=""/>
    <s v=""/>
    <s v=""/>
    <s v=""/>
    <s v=""/>
    <s v=""/>
    <s v=""/>
    <s v=""/>
    <s v=""/>
    <s v=""/>
    <s v=""/>
    <n v="45660.062646828505"/>
    <n v="5891.6209866875488"/>
    <n v="5891.6209866875488"/>
    <n v="17792.695379796398"/>
    <s v=""/>
    <s v=""/>
    <s v=""/>
    <s v=""/>
    <s v=""/>
    <s v=""/>
    <s v=""/>
    <s v=""/>
    <s v=""/>
    <s v=""/>
    <s v="Total Cost at December 2023"/>
    <m/>
    <s v="Aecom (2024) Berkhamsted and Tring Sustainable Transport Study "/>
  </r>
  <r>
    <n v="624"/>
    <x v="1"/>
    <s v="Transport"/>
    <s v="Highways and transportation"/>
    <s v="Cycle Parking at Berkhamsted Station"/>
    <s v="Buildout the footway on the south-eastern corner of the White Hill junction with Brownlow Road; narrow the Brownlow Road carriageway towards the northern side of the tunnel and investigate providing an uncontrolled crossing to aid crossing movements between White Hill (Berkhamsted Castle) and the railway station.  Remove some of the parking spaces on the southern side of White Hill (opposite Berkhamsted Castle). Investigate split level cycle parking."/>
    <x v="2"/>
    <x v="4"/>
    <x v="2"/>
    <x v="2"/>
    <x v="15"/>
    <s v="N/A"/>
    <s v="N/A"/>
    <n v="224454"/>
    <n v="224454"/>
    <s v="S278 / S106 / CIL / External Funding"/>
    <s v="Essential"/>
    <m/>
    <m/>
    <m/>
    <m/>
    <m/>
    <m/>
    <m/>
    <m/>
    <m/>
    <m/>
    <m/>
    <m/>
    <m/>
    <m/>
    <m/>
    <m/>
    <m/>
    <s v="Yes"/>
    <s v="Yes"/>
    <s v="Yes"/>
    <s v="Yes"/>
    <m/>
    <m/>
    <m/>
    <m/>
    <m/>
    <m/>
    <m/>
    <m/>
    <m/>
    <m/>
    <n v="1277"/>
    <n v="175.76664056382145"/>
    <s v=""/>
    <s v=""/>
    <s v=""/>
    <s v=""/>
    <s v=""/>
    <s v=""/>
    <s v=""/>
    <s v=""/>
    <s v=""/>
    <s v=""/>
    <s v=""/>
    <s v=""/>
    <s v=""/>
    <s v=""/>
    <s v=""/>
    <s v=""/>
    <s v=""/>
    <n v="136219.14643696163"/>
    <n v="17576.664056382146"/>
    <n v="17576.664056382146"/>
    <n v="53081.525450274079"/>
    <s v=""/>
    <s v=""/>
    <s v=""/>
    <s v=""/>
    <s v=""/>
    <s v=""/>
    <s v=""/>
    <s v=""/>
    <s v=""/>
    <s v=""/>
    <s v="Total Cost at December 2023"/>
    <m/>
    <s v="Aecom (2024) Berkhamsted and Tring Sustainable Transport Study "/>
  </r>
  <r>
    <n v="625"/>
    <x v="1"/>
    <s v="Transport"/>
    <s v="Highways and transportation"/>
    <s v="Minor junction enhancement at junction of Castle Street and Chapel Street"/>
    <s v="Add tactile paving at the existing crossings (dropped kerbs) on Chapel St. Crossing to be 2.4m wide. (1.2m as absolute minimum). Provide a 2.4m raised zebra crossing south of the junction for better access to Berkhamsted Boys School, including dropped kerbs, belisha beacon, tactile paving and corresponding road markings."/>
    <x v="2"/>
    <x v="4"/>
    <x v="2"/>
    <x v="2"/>
    <x v="15"/>
    <s v="N/A"/>
    <s v="N/A"/>
    <n v="175550"/>
    <n v="175550"/>
    <s v="S278 / S106 / CIL / External Funding"/>
    <s v="Essential"/>
    <m/>
    <m/>
    <m/>
    <m/>
    <m/>
    <m/>
    <m/>
    <m/>
    <m/>
    <m/>
    <m/>
    <m/>
    <m/>
    <m/>
    <m/>
    <m/>
    <m/>
    <s v="Yes"/>
    <s v="Yes"/>
    <s v="Yes"/>
    <s v="Yes"/>
    <m/>
    <m/>
    <m/>
    <m/>
    <m/>
    <m/>
    <m/>
    <m/>
    <m/>
    <m/>
    <n v="1277"/>
    <n v="137.4706342991386"/>
    <s v=""/>
    <s v=""/>
    <s v=""/>
    <s v=""/>
    <s v=""/>
    <s v=""/>
    <s v=""/>
    <s v=""/>
    <s v=""/>
    <s v=""/>
    <s v=""/>
    <s v=""/>
    <s v=""/>
    <s v=""/>
    <s v=""/>
    <s v=""/>
    <s v=""/>
    <n v="106539.74158183241"/>
    <n v="13747.06342991386"/>
    <n v="13747.06342991386"/>
    <n v="41516.131558339854"/>
    <s v=""/>
    <s v=""/>
    <s v=""/>
    <s v=""/>
    <s v=""/>
    <s v=""/>
    <s v=""/>
    <s v=""/>
    <s v=""/>
    <s v=""/>
    <s v="Total Cost at December 2023"/>
    <m/>
    <s v="Aecom (2024) Berkhamsted and Tring Sustainable Transport Study "/>
  </r>
  <r>
    <n v="626"/>
    <x v="1"/>
    <s v="Transport"/>
    <s v="Highways and transportation"/>
    <s v="Minor junction enhancement at junction of Chapel Street and Ravens Lane"/>
    <s v="Provide dropped kerbs and tactile paving at Ravens Lane for an informal crossing (just north of the junction). Provide another informal crossing on Chapel St. (just west of the junction). Crossings to be 2.4m wide. (1.2m as absolute minimum)."/>
    <x v="2"/>
    <x v="4"/>
    <x v="2"/>
    <x v="2"/>
    <x v="15"/>
    <s v="N/A"/>
    <s v="N/A"/>
    <n v="75236"/>
    <n v="75236"/>
    <s v="S278 / S106 / CIL / External Funding"/>
    <s v="Essential"/>
    <m/>
    <m/>
    <m/>
    <m/>
    <m/>
    <m/>
    <m/>
    <m/>
    <m/>
    <m/>
    <m/>
    <m/>
    <m/>
    <m/>
    <m/>
    <m/>
    <m/>
    <s v="Yes"/>
    <s v="Yes"/>
    <s v="Yes"/>
    <s v="Yes"/>
    <m/>
    <m/>
    <m/>
    <m/>
    <m/>
    <m/>
    <m/>
    <m/>
    <m/>
    <m/>
    <n v="1277"/>
    <n v="58.916209866875491"/>
    <s v=""/>
    <s v=""/>
    <s v=""/>
    <s v=""/>
    <s v=""/>
    <s v=""/>
    <s v=""/>
    <s v=""/>
    <s v=""/>
    <s v=""/>
    <s v=""/>
    <s v=""/>
    <s v=""/>
    <s v=""/>
    <s v=""/>
    <s v=""/>
    <s v=""/>
    <n v="45660.062646828505"/>
    <n v="5891.6209866875488"/>
    <n v="5891.6209866875488"/>
    <n v="17792.695379796398"/>
    <s v=""/>
    <s v=""/>
    <s v=""/>
    <s v=""/>
    <s v=""/>
    <s v=""/>
    <s v=""/>
    <s v=""/>
    <s v=""/>
    <s v=""/>
    <s v="Total Cost at December 2023"/>
    <m/>
    <s v="Aecom (2024) Berkhamsted and Tring Sustainable Transport Study "/>
  </r>
  <r>
    <n v="627"/>
    <x v="1"/>
    <s v="Transport"/>
    <s v="Highways and transportation"/>
    <s v="20mph zone bounded by A4251 N, Mill Street Castle Street, Station Road, Ellesmere Road, Bank Mill Lane"/>
    <s v="Being implemented "/>
    <x v="2"/>
    <x v="4"/>
    <x v="2"/>
    <x v="2"/>
    <x v="15"/>
    <s v="N/A"/>
    <s v="N/A"/>
    <m/>
    <m/>
    <s v="N/A"/>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28"/>
    <x v="1"/>
    <s v="Transport"/>
    <s v="Highways and transportation"/>
    <s v="20mph zone along a short section of A4251 and Lower Kings Road"/>
    <s v="HCC Project. "/>
    <x v="2"/>
    <x v="4"/>
    <x v="2"/>
    <x v="2"/>
    <x v="15"/>
    <s v="N/A"/>
    <s v="N/A"/>
    <n v="175550"/>
    <n v="175550"/>
    <s v="External Funding"/>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29"/>
    <x v="1"/>
    <s v="Transport"/>
    <s v="Highways and transportation"/>
    <s v="Minor junction enhancement at Shootersway and Cross Oak Road roundabout"/>
    <s v="Add a crossing point at Cross Oak Road with a central refuge, dropped kerbs and tactile paving. Refresh road markings. "/>
    <x v="2"/>
    <x v="47"/>
    <x v="1"/>
    <x v="2"/>
    <x v="37"/>
    <s v="N/A"/>
    <s v="N/A"/>
    <n v="37618"/>
    <n v="37618"/>
    <s v="S278 / S106"/>
    <s v="Essential"/>
    <m/>
    <m/>
    <m/>
    <m/>
    <m/>
    <m/>
    <m/>
    <m/>
    <m/>
    <m/>
    <m/>
    <m/>
    <m/>
    <m/>
    <m/>
    <m/>
    <m/>
    <s v="Yes"/>
    <s v="Yes"/>
    <s v="Yes"/>
    <m/>
    <m/>
    <m/>
    <m/>
    <m/>
    <m/>
    <m/>
    <m/>
    <m/>
    <m/>
    <m/>
    <n v="975"/>
    <n v="38.582564102564099"/>
    <s v=""/>
    <s v=""/>
    <s v=""/>
    <s v=""/>
    <s v=""/>
    <s v=""/>
    <s v=""/>
    <s v=""/>
    <s v=""/>
    <s v=""/>
    <s v=""/>
    <s v=""/>
    <s v=""/>
    <s v=""/>
    <s v=""/>
    <s v=""/>
    <s v=""/>
    <n v="29901.487179487176"/>
    <n v="3858.2564102564097"/>
    <n v="3858.2564102564097"/>
    <s v=""/>
    <s v=""/>
    <s v=""/>
    <s v=""/>
    <s v=""/>
    <s v=""/>
    <s v=""/>
    <s v=""/>
    <s v=""/>
    <s v=""/>
    <s v=""/>
    <s v="Total Cost at December 2023"/>
    <m/>
    <s v="Aecom (2024) Berkhamsted and Tring Sustainable Transport Study "/>
  </r>
  <r>
    <n v="630"/>
    <x v="1"/>
    <s v="Transport"/>
    <s v="Highways and transportation"/>
    <s v="Minor junction enhancement at Chesham Road"/>
    <s v="Widen existing uncontrolled crossing on Chesham Road and provide tactile paving, just north of the roundabout. Improve signage to warn drivers of cyclists crossing. Refresh road markings."/>
    <x v="2"/>
    <x v="47"/>
    <x v="1"/>
    <x v="2"/>
    <x v="37"/>
    <s v="N/A"/>
    <s v="N/A"/>
    <n v="56427"/>
    <n v="56427"/>
    <s v="S278 / S106"/>
    <s v="Essential"/>
    <m/>
    <m/>
    <m/>
    <m/>
    <m/>
    <m/>
    <m/>
    <m/>
    <m/>
    <m/>
    <m/>
    <m/>
    <m/>
    <m/>
    <m/>
    <m/>
    <m/>
    <s v="Yes"/>
    <s v="Yes"/>
    <s v="Yes"/>
    <m/>
    <m/>
    <m/>
    <m/>
    <m/>
    <m/>
    <m/>
    <m/>
    <m/>
    <m/>
    <m/>
    <n v="975"/>
    <n v="57.873846153846152"/>
    <s v=""/>
    <s v=""/>
    <s v=""/>
    <s v=""/>
    <s v=""/>
    <s v=""/>
    <s v=""/>
    <s v=""/>
    <s v=""/>
    <s v=""/>
    <s v=""/>
    <s v=""/>
    <s v=""/>
    <s v=""/>
    <s v=""/>
    <s v=""/>
    <s v=""/>
    <n v="44852.230769230766"/>
    <n v="5787.3846153846152"/>
    <n v="5787.3846153846152"/>
    <s v=""/>
    <s v=""/>
    <s v=""/>
    <s v=""/>
    <s v=""/>
    <s v=""/>
    <s v=""/>
    <s v=""/>
    <s v=""/>
    <s v=""/>
    <s v=""/>
    <s v="Total Cost at December 2023"/>
    <m/>
    <s v="Aecom (2024) Berkhamsted and Tring Sustainable Transport Study "/>
  </r>
  <r>
    <n v="631"/>
    <x v="1"/>
    <s v="Transport"/>
    <s v="Highways and transportation"/>
    <s v="Footway/Cycleway route improvement between Shootersway/Cross Oak Road and Chesham Road/Ashlyns Grove"/>
    <s v="Existing footway to be widened and turned into a shared use facility between the junction with Cross Oak Road and the junction with Oxfield Close. Between the junction with the A416 and the roundabout with Chesham Road, widen existing footway on northern side of Shootersway and provide a shared use facility.  Provide a new uncontrolled crossing at Tower Close junction (1.2m wide minimum).  Provide a new 2m wide footway on the southern side of Shootersway from the junction with Cross Oak Road and just west of Tower Close junction. Footway build-out to tighten the existing kerb line at Tower Close."/>
    <x v="2"/>
    <x v="47"/>
    <x v="1"/>
    <x v="2"/>
    <x v="37"/>
    <s v="N/A"/>
    <s v="N/A"/>
    <n v="639505"/>
    <n v="639505"/>
    <s v="S278 / S106"/>
    <s v="Essential"/>
    <m/>
    <m/>
    <m/>
    <m/>
    <m/>
    <m/>
    <m/>
    <m/>
    <m/>
    <m/>
    <m/>
    <m/>
    <m/>
    <m/>
    <m/>
    <m/>
    <m/>
    <s v="Yes"/>
    <s v="Yes"/>
    <s v="Yes"/>
    <m/>
    <m/>
    <m/>
    <m/>
    <m/>
    <m/>
    <m/>
    <m/>
    <m/>
    <m/>
    <m/>
    <n v="975"/>
    <n v="655.90256410256416"/>
    <s v=""/>
    <s v=""/>
    <s v=""/>
    <s v=""/>
    <s v=""/>
    <s v=""/>
    <s v=""/>
    <s v=""/>
    <s v=""/>
    <s v=""/>
    <s v=""/>
    <s v=""/>
    <s v=""/>
    <s v=""/>
    <s v=""/>
    <s v=""/>
    <s v=""/>
    <n v="508324.48717948725"/>
    <n v="65590.256410256421"/>
    <n v="65590.256410256421"/>
    <s v=""/>
    <s v=""/>
    <s v=""/>
    <s v=""/>
    <s v=""/>
    <s v=""/>
    <s v=""/>
    <s v=""/>
    <s v=""/>
    <s v=""/>
    <s v=""/>
    <s v="Total Cost at December 2023"/>
    <m/>
    <s v="Aecom (2024) Berkhamsted and Tring Sustainable Transport Study "/>
  </r>
  <r>
    <n v="632"/>
    <x v="1"/>
    <s v="Transport"/>
    <s v="Highways and transportation"/>
    <s v="Standalone crossings on Shootersway near South of Berkhamsted (2-4) development"/>
    <s v="Provide a 3.2m wide Puffin crossing on Shootersway west of the junction with Tower Close. Provide tactile paving, dropped kerbs, roads signs and signals apparatus. This crossing will connect the existing footway with the proposed 2m wide footway on the southern side of Shootersway."/>
    <x v="2"/>
    <x v="47"/>
    <x v="1"/>
    <x v="2"/>
    <x v="37"/>
    <s v="N/A"/>
    <s v="N/A"/>
    <n v="150472"/>
    <n v="150472"/>
    <s v="S278 / S106"/>
    <s v="Essential"/>
    <m/>
    <m/>
    <m/>
    <m/>
    <m/>
    <m/>
    <m/>
    <m/>
    <m/>
    <m/>
    <m/>
    <m/>
    <m/>
    <m/>
    <m/>
    <m/>
    <m/>
    <s v="Yes"/>
    <s v="Yes"/>
    <s v="Yes"/>
    <m/>
    <m/>
    <m/>
    <m/>
    <m/>
    <m/>
    <m/>
    <m/>
    <m/>
    <m/>
    <m/>
    <n v="975"/>
    <n v="154.3302564102564"/>
    <s v=""/>
    <s v=""/>
    <s v=""/>
    <s v=""/>
    <s v=""/>
    <s v=""/>
    <s v=""/>
    <s v=""/>
    <s v=""/>
    <s v=""/>
    <s v=""/>
    <s v=""/>
    <s v=""/>
    <s v=""/>
    <s v=""/>
    <s v=""/>
    <s v=""/>
    <n v="119605.9487179487"/>
    <n v="15433.025641025639"/>
    <n v="15433.025641025639"/>
    <s v=""/>
    <s v=""/>
    <s v=""/>
    <s v=""/>
    <s v=""/>
    <s v=""/>
    <s v=""/>
    <s v=""/>
    <s v=""/>
    <s v=""/>
    <s v=""/>
    <s v="Total Cost at December 2023"/>
    <m/>
    <s v="Aecom (2024) Berkhamsted and Tring Sustainable Transport Study "/>
  </r>
  <r>
    <n v="633"/>
    <x v="1"/>
    <s v="Transport"/>
    <s v="Highways and transportation"/>
    <s v="Minor junction enhancement at junction of Swing Gate Lane and Upper Hall Park"/>
    <s v="Entry treatment on Upper Hall Park and maintain existing uncontrolled crossing. Provide block paving. Refresh road markings."/>
    <x v="2"/>
    <x v="48"/>
    <x v="1"/>
    <x v="2"/>
    <x v="37"/>
    <s v="N/A"/>
    <s v="N/A"/>
    <n v="31348"/>
    <n v="31348"/>
    <s v="S278 / S106"/>
    <s v="Essential"/>
    <m/>
    <m/>
    <m/>
    <m/>
    <m/>
    <m/>
    <m/>
    <m/>
    <m/>
    <m/>
    <m/>
    <m/>
    <m/>
    <m/>
    <m/>
    <m/>
    <m/>
    <s v="Yes"/>
    <m/>
    <m/>
    <m/>
    <m/>
    <m/>
    <m/>
    <m/>
    <m/>
    <m/>
    <m/>
    <m/>
    <m/>
    <m/>
    <n v="775"/>
    <n v="40.449032258064513"/>
    <s v=""/>
    <s v=""/>
    <s v=""/>
    <s v=""/>
    <s v=""/>
    <s v=""/>
    <s v=""/>
    <s v=""/>
    <s v=""/>
    <s v=""/>
    <s v=""/>
    <s v=""/>
    <s v=""/>
    <s v=""/>
    <s v=""/>
    <s v=""/>
    <s v=""/>
    <n v="31347.999999999996"/>
    <s v=""/>
    <s v=""/>
    <s v=""/>
    <s v=""/>
    <s v=""/>
    <s v=""/>
    <s v=""/>
    <s v=""/>
    <s v=""/>
    <s v=""/>
    <s v=""/>
    <s v=""/>
    <s v=""/>
    <s v="Total Cost at December 2023"/>
    <m/>
    <s v="Aecom (2024) Berkhamsted and Tring Sustainable Transport Study "/>
  </r>
  <r>
    <n v="634"/>
    <x v="1"/>
    <s v="Transport"/>
    <s v="Highways and transportation"/>
    <s v="Minor junction enhancement at junction of Swing Gate Lane and Hillside Gardens"/>
    <s v="Raised table across whole junction. Swing Gate Lane is very steep at this point, so a raised table will encourage drivers to reduce their speed, increasing safety for pedestrians in the area. Provide an informal crossing point at Hillside Gardens, including tactile paving. Crossing to be 2.4m wide. (1.2m as absolute minimum). Provide footway build-outs at junction to aid the speed reduction."/>
    <x v="2"/>
    <x v="48"/>
    <x v="1"/>
    <x v="2"/>
    <x v="37"/>
    <s v="N/A"/>
    <s v="N/A"/>
    <n v="238247"/>
    <n v="238247"/>
    <s v="S278 / S106"/>
    <s v="Essential"/>
    <m/>
    <m/>
    <m/>
    <m/>
    <m/>
    <m/>
    <m/>
    <m/>
    <m/>
    <m/>
    <m/>
    <m/>
    <m/>
    <m/>
    <m/>
    <m/>
    <m/>
    <s v="Yes"/>
    <m/>
    <m/>
    <m/>
    <m/>
    <m/>
    <m/>
    <m/>
    <m/>
    <m/>
    <m/>
    <m/>
    <m/>
    <m/>
    <n v="775"/>
    <n v="307.41548387096776"/>
    <s v=""/>
    <s v=""/>
    <s v=""/>
    <s v=""/>
    <s v=""/>
    <s v=""/>
    <s v=""/>
    <s v=""/>
    <s v=""/>
    <s v=""/>
    <s v=""/>
    <s v=""/>
    <s v=""/>
    <s v=""/>
    <s v=""/>
    <s v=""/>
    <s v=""/>
    <n v="238247.00000000003"/>
    <s v=""/>
    <s v=""/>
    <s v=""/>
    <s v=""/>
    <s v=""/>
    <s v=""/>
    <s v=""/>
    <s v=""/>
    <s v=""/>
    <s v=""/>
    <s v=""/>
    <s v=""/>
    <s v=""/>
    <s v="Total Cost at December 2023"/>
    <m/>
    <s v="Aecom (2024) Berkhamsted and Tring Sustainable Transport Study "/>
  </r>
  <r>
    <n v="635"/>
    <x v="1"/>
    <s v="Transport"/>
    <s v="Highways and transportation"/>
    <s v="Minor junction enhancement at junction of Swing Gate Lane and Woodlands Avenue"/>
    <s v=" Raised table across whole junction. Swing Gate Lane is very steep at this point, so a raised table will encourage drivers to reduce their speed, increasing safety for pedestrians in the area.  Provide an informal crossing point at Woodlands Avenue, including tactile paving. Crossing to be 2.4m wide. (1.2m as absolute minimum). Provide footway build-outs at junction to aid the speed reduction. Vehicle tracking required."/>
    <x v="2"/>
    <x v="48"/>
    <x v="1"/>
    <x v="2"/>
    <x v="37"/>
    <s v="N/A"/>
    <s v="N/A"/>
    <n v="222573"/>
    <n v="222573"/>
    <s v="S278 / S106"/>
    <s v="Essential"/>
    <m/>
    <m/>
    <m/>
    <m/>
    <m/>
    <m/>
    <m/>
    <m/>
    <m/>
    <m/>
    <m/>
    <m/>
    <m/>
    <m/>
    <m/>
    <m/>
    <m/>
    <s v="Yes"/>
    <m/>
    <m/>
    <m/>
    <m/>
    <m/>
    <m/>
    <m/>
    <m/>
    <m/>
    <m/>
    <m/>
    <m/>
    <m/>
    <n v="775"/>
    <n v="287.19096774193548"/>
    <s v=""/>
    <s v=""/>
    <s v=""/>
    <s v=""/>
    <s v=""/>
    <s v=""/>
    <s v=""/>
    <s v=""/>
    <s v=""/>
    <s v=""/>
    <s v=""/>
    <s v=""/>
    <s v=""/>
    <s v=""/>
    <s v=""/>
    <s v=""/>
    <s v=""/>
    <n v="222573"/>
    <s v=""/>
    <s v=""/>
    <s v=""/>
    <s v=""/>
    <s v=""/>
    <s v=""/>
    <s v=""/>
    <s v=""/>
    <s v=""/>
    <s v=""/>
    <s v=""/>
    <s v=""/>
    <s v=""/>
    <s v="Total Cost at December 2023"/>
    <m/>
    <s v="Aecom (2024) Berkhamsted and Tring Sustainable Transport Study "/>
  </r>
  <r>
    <n v="636"/>
    <x v="1"/>
    <s v="Transport"/>
    <s v="Highways and transportation"/>
    <s v="Standalone road crossing on A4251 outside Swing Gate School"/>
    <s v=" Provide a 3.2m wide puffin crossing on the A4251, east of the roundabout and west of the bus stop, to allow better and safer access to Swing Gate School. Provide dropped kerbs, tactile paving and pedestrian crossing signs. Kerbed build-out to fill in bus layby, widen pavement. Provision of bus cage on main carriageway and shift the location of the new bus stop slightly eastwards to keep separation from the new crossing"/>
    <x v="2"/>
    <x v="48"/>
    <x v="1"/>
    <x v="2"/>
    <x v="37"/>
    <s v="N/A"/>
    <s v="N/A"/>
    <n v="150472"/>
    <n v="150472"/>
    <s v="S278 / S106"/>
    <s v="Essential"/>
    <m/>
    <m/>
    <m/>
    <m/>
    <m/>
    <m/>
    <m/>
    <m/>
    <m/>
    <m/>
    <m/>
    <m/>
    <m/>
    <m/>
    <m/>
    <m/>
    <m/>
    <s v="Yes"/>
    <m/>
    <m/>
    <m/>
    <m/>
    <m/>
    <m/>
    <m/>
    <m/>
    <m/>
    <m/>
    <m/>
    <m/>
    <m/>
    <n v="775"/>
    <n v="194.15741935483871"/>
    <s v=""/>
    <s v=""/>
    <s v=""/>
    <s v=""/>
    <s v=""/>
    <s v=""/>
    <s v=""/>
    <s v=""/>
    <s v=""/>
    <s v=""/>
    <s v=""/>
    <s v=""/>
    <s v=""/>
    <s v=""/>
    <s v=""/>
    <s v=""/>
    <s v=""/>
    <n v="150472"/>
    <s v=""/>
    <s v=""/>
    <s v=""/>
    <s v=""/>
    <s v=""/>
    <s v=""/>
    <s v=""/>
    <s v=""/>
    <s v=""/>
    <s v=""/>
    <s v=""/>
    <s v=""/>
    <s v=""/>
    <s v="Total Cost at December 2023"/>
    <m/>
    <s v="Aecom (2024) Berkhamsted and Tring Sustainable Transport Study "/>
  </r>
  <r>
    <n v="637"/>
    <x v="1"/>
    <s v="Transport"/>
    <s v="Highways and transportation"/>
    <s v="New 20mph speed limit area covering southern Berkhamsted residential area"/>
    <s v=" New 20mph speed limit area covering Hall Park Gate, Hall Park Hill, Hall Park, Upper Hall Park, Fieldway, Cedar Road, Hillside Gardens, Swing Gate Lane, Lombardy Drive, Woodlands Avenue, Briar Way, Hazel Road, Cheshunt Drive, Coram Close, Holly Drive, Curtis Way, Greene Walk, Victoria Road, Highfield Road, Beech Drive, Three Close Lane"/>
    <x v="2"/>
    <x v="4"/>
    <x v="2"/>
    <x v="2"/>
    <x v="15"/>
    <s v="N/A"/>
    <s v="N/A"/>
    <n v="62697"/>
    <n v="62697"/>
    <s v="S278 / S106 / CIL / External Funding"/>
    <s v="Essential"/>
    <m/>
    <m/>
    <m/>
    <m/>
    <m/>
    <m/>
    <m/>
    <m/>
    <m/>
    <m/>
    <m/>
    <m/>
    <m/>
    <m/>
    <m/>
    <m/>
    <m/>
    <s v="Yes"/>
    <s v="Yes"/>
    <s v="Yes"/>
    <s v="Yes"/>
    <m/>
    <m/>
    <m/>
    <m/>
    <m/>
    <m/>
    <m/>
    <m/>
    <m/>
    <m/>
    <n v="1277"/>
    <n v="49.097102584181677"/>
    <s v=""/>
    <s v=""/>
    <s v=""/>
    <s v=""/>
    <s v=""/>
    <s v=""/>
    <s v=""/>
    <s v=""/>
    <s v=""/>
    <s v=""/>
    <s v=""/>
    <s v=""/>
    <s v=""/>
    <s v=""/>
    <s v=""/>
    <s v=""/>
    <s v=""/>
    <n v="38050.254502740798"/>
    <n v="4909.7102584181675"/>
    <n v="4909.7102584181675"/>
    <n v="14827.324980422867"/>
    <s v=""/>
    <s v=""/>
    <s v=""/>
    <s v=""/>
    <s v=""/>
    <s v=""/>
    <s v=""/>
    <s v=""/>
    <s v=""/>
    <s v=""/>
    <s v="Total Cost at December 2023"/>
    <m/>
    <s v="Aecom (2024) Berkhamsted and Tring Sustainable Transport Study "/>
  </r>
  <r>
    <n v="638"/>
    <x v="1"/>
    <s v="Transport"/>
    <s v="Highways and transportation"/>
    <s v="30mph speed limit along London Road between Broadway Farm and Esso Fuel Garage (reduced from 40mph)"/>
    <s v="Convert area to 30mph Widening the non-controlled crossing across London Road at Hall Park to 2.4m on both directions and relocate the lighting column. Extend the ped refuge island. zone, north-west of Bullbeggars Lane with new gateway marked by signs and road markings. Section of 40mph to remain to the south west as a buffer.  Remove existing 40/30mph road sign gateway outside Asda filling station (consideration could be given to 30mph repeater signs if permitted. Widening the footway into the grassed verge to accommodate a 3m min shared path from Asda filling station to Bourne End."/>
    <x v="2"/>
    <x v="48"/>
    <x v="1"/>
    <x v="2"/>
    <x v="37"/>
    <s v="N/A"/>
    <s v="N/A"/>
    <n v="966240"/>
    <n v="966240"/>
    <s v="S278 / S106"/>
    <s v="Essential"/>
    <m/>
    <m/>
    <m/>
    <m/>
    <m/>
    <m/>
    <m/>
    <m/>
    <m/>
    <m/>
    <m/>
    <m/>
    <m/>
    <m/>
    <m/>
    <m/>
    <m/>
    <s v="Yes"/>
    <m/>
    <m/>
    <m/>
    <m/>
    <m/>
    <m/>
    <m/>
    <m/>
    <m/>
    <m/>
    <m/>
    <m/>
    <m/>
    <n v="775"/>
    <n v="1246.7612903225806"/>
    <s v=""/>
    <s v=""/>
    <s v=""/>
    <s v=""/>
    <s v=""/>
    <s v=""/>
    <s v=""/>
    <s v=""/>
    <s v=""/>
    <s v=""/>
    <s v=""/>
    <s v=""/>
    <s v=""/>
    <s v=""/>
    <s v=""/>
    <s v=""/>
    <s v=""/>
    <n v="966240"/>
    <s v=""/>
    <s v=""/>
    <s v=""/>
    <s v=""/>
    <s v=""/>
    <s v=""/>
    <s v=""/>
    <s v=""/>
    <s v=""/>
    <s v=""/>
    <s v=""/>
    <s v=""/>
    <s v=""/>
    <s v="Total Cost at December 2023"/>
    <m/>
    <s v="Aecom (2024) Berkhamsted and Tring Sustainable Transport Study "/>
  </r>
  <r>
    <n v="639"/>
    <x v="1"/>
    <s v="Transport"/>
    <s v="Highways and transportation"/>
    <s v="Minor junction enhancement at the junction of Billet Lane and Billet Lane industrial estate"/>
    <s v="Large radius at the crossing creates a large crossing distance for pedestrians.  The northern footway at the junction could be extended a bit further into Billet Lane Industrial Estate to reduce crossing distance (increase safety) - Highway boundary to be checked as private land might be required for this. Consideration will need to be given to swept paths for large goods vehicles."/>
    <x v="2"/>
    <x v="4"/>
    <x v="2"/>
    <x v="2"/>
    <x v="15"/>
    <s v="N/A"/>
    <s v="N/A"/>
    <n v="51160"/>
    <n v="51160"/>
    <s v="S278 / S106 / CIL / External Funding"/>
    <s v="Essential"/>
    <m/>
    <m/>
    <m/>
    <m/>
    <m/>
    <m/>
    <m/>
    <m/>
    <m/>
    <m/>
    <m/>
    <m/>
    <m/>
    <m/>
    <m/>
    <m/>
    <m/>
    <s v="Yes"/>
    <s v="Yes"/>
    <s v="Yes"/>
    <s v="Yes"/>
    <m/>
    <m/>
    <m/>
    <m/>
    <m/>
    <m/>
    <m/>
    <m/>
    <m/>
    <m/>
    <n v="1277"/>
    <n v="40.062646828504306"/>
    <s v=""/>
    <s v=""/>
    <s v=""/>
    <s v=""/>
    <s v=""/>
    <s v=""/>
    <s v=""/>
    <s v=""/>
    <s v=""/>
    <s v=""/>
    <s v=""/>
    <s v=""/>
    <s v=""/>
    <s v=""/>
    <s v=""/>
    <s v=""/>
    <s v=""/>
    <n v="31048.551292090837"/>
    <n v="4006.2646828504307"/>
    <n v="4006.2646828504307"/>
    <n v="12098.919342208301"/>
    <s v=""/>
    <s v=""/>
    <s v=""/>
    <s v=""/>
    <s v=""/>
    <s v=""/>
    <s v=""/>
    <s v=""/>
    <s v=""/>
    <s v=""/>
    <s v="Total Cost at December 2023"/>
    <m/>
    <s v="Aecom (2024) Berkhamsted and Tring Sustainable Transport Study "/>
  </r>
  <r>
    <n v="640"/>
    <x v="1"/>
    <s v="Transport"/>
    <s v="Highways and transportation"/>
    <s v="Improve operation of Billet Lane corridor between Gossoms End and Bridgewater Road"/>
    <s v=" UTP scheme no.19. Refer to HCC Tring North Church and Berkhamsted Urban Transport Plan. "/>
    <x v="2"/>
    <x v="4"/>
    <x v="2"/>
    <x v="2"/>
    <x v="15"/>
    <s v="N/A"/>
    <s v="N/A"/>
    <m/>
    <m/>
    <s v="S278 / S106 / CIL / External Funding"/>
    <s v="Essential"/>
    <m/>
    <m/>
    <m/>
    <m/>
    <m/>
    <m/>
    <m/>
    <m/>
    <m/>
    <m/>
    <m/>
    <m/>
    <m/>
    <m/>
    <m/>
    <m/>
    <m/>
    <s v="Yes"/>
    <s v="Yes"/>
    <s v="Yes"/>
    <s v="Yes"/>
    <m/>
    <m/>
    <m/>
    <m/>
    <m/>
    <m/>
    <m/>
    <m/>
    <m/>
    <m/>
    <n v="1277"/>
    <m/>
    <s v=""/>
    <s v=""/>
    <s v=""/>
    <s v=""/>
    <s v=""/>
    <s v=""/>
    <s v=""/>
    <s v=""/>
    <s v=""/>
    <s v=""/>
    <s v=""/>
    <s v=""/>
    <s v=""/>
    <s v=""/>
    <s v=""/>
    <s v=""/>
    <s v=""/>
    <n v="0"/>
    <n v="0"/>
    <n v="0"/>
    <n v="0"/>
    <s v=""/>
    <s v=""/>
    <s v=""/>
    <s v=""/>
    <s v=""/>
    <s v=""/>
    <s v=""/>
    <s v=""/>
    <s v=""/>
    <s v=""/>
    <s v="Total Cost at December 2023"/>
    <m/>
    <s v="Aecom (2024) Berkhamsted and Tring Sustainable Transport Study "/>
  </r>
  <r>
    <n v="641"/>
    <x v="1"/>
    <s v="Transport"/>
    <s v="Highways and transportation"/>
    <s v="Footway and bus improvements to New Road near entrance to proposed Lock Field development"/>
    <s v="Bi91.aImproved footway (length and width to be determined)._x000a_Bi91.bMove back the give-way line to accommodate informal crossing in front, approximately 1-2m._x000a_Bi91.cUncontrolled pedestrian crossing on raised speed table (suitable for buses) approximately 2m wide incorporating tactile pavings._x000a_Bi91.dInformal crossing with dropped kerb incorporating tactile pavings on southern side (opposite entrance to the canal towpath)._x000a_Bi91.ePotential extra bus stops. Location and feasibility dependent upon new footway being constructed on the northern side of New Road and further discussion with HCC._x000a_Bi91.fNew widened footway on both sides, removing central hatched area and removing some parking spaces to accommodate a new uncontrolled 2m wide crossing incorporating tactile pavings on raised table (suitable for buses)._x000a_Bi91.gNew widened footway on both sides, removing central hatched area and removing some parking spaces to accommodate a new informal crossing on raised table (suitable for buses)."/>
    <x v="2"/>
    <x v="4"/>
    <x v="2"/>
    <x v="2"/>
    <x v="15"/>
    <s v="N/A"/>
    <s v="N/A"/>
    <n v="130113"/>
    <n v="130113"/>
    <s v="S278 / S106 / CIL / External Funding"/>
    <s v="Essential"/>
    <m/>
    <m/>
    <m/>
    <m/>
    <m/>
    <m/>
    <m/>
    <m/>
    <m/>
    <m/>
    <m/>
    <m/>
    <m/>
    <m/>
    <m/>
    <m/>
    <m/>
    <s v="Yes"/>
    <s v="Yes"/>
    <s v="Yes"/>
    <s v="Yes"/>
    <m/>
    <m/>
    <m/>
    <m/>
    <m/>
    <m/>
    <m/>
    <m/>
    <m/>
    <m/>
    <n v="1277"/>
    <n v="101.88958496476116"/>
    <s v=""/>
    <s v=""/>
    <s v=""/>
    <s v=""/>
    <s v=""/>
    <s v=""/>
    <s v=""/>
    <s v=""/>
    <s v=""/>
    <s v=""/>
    <s v=""/>
    <s v=""/>
    <s v=""/>
    <s v=""/>
    <s v=""/>
    <s v=""/>
    <s v=""/>
    <n v="78964.4283476899"/>
    <n v="10188.958496476116"/>
    <n v="10188.958496476116"/>
    <n v="30770.654659357868"/>
    <s v=""/>
    <s v=""/>
    <s v=""/>
    <s v=""/>
    <s v=""/>
    <s v=""/>
    <s v=""/>
    <s v=""/>
    <s v=""/>
    <s v=""/>
    <s v="Total Cost at December 2023"/>
    <m/>
    <s v="Aecom (2024) Berkhamsted and Tring Sustainable Transport Study "/>
  </r>
  <r>
    <n v="642"/>
    <x v="1"/>
    <s v="Transport"/>
    <s v="Highways and transportation"/>
    <s v="Footway/cycleway route improvement along Icknield Way between the A41 roundabout and Icknield Way Industrial Estate"/>
    <s v="Ti1.aWiden the existing sections of cycle lane between The Holloway and Icknield Way and Aylesbury Road to 3m and provide a shared use facility. This is to provide continuity for users._x000a_Ti1.bProvide an informal crossing for pedestrians/cyclists where the two existing cycle tracks end, just north-east of the A41 roundabout. Add tactile paving and dropped kerbs. Crossings to be 2.4m wide._x000a_Ti1.c Provide a new 2m wide footway along Icknield Way on the south-western side (where the existing path is) up to the junction with Icknield Way Industrial Estate._x000a_Ti1.dProvide an informal crossing just north of the junction with Icknield Way Industrial Estate to connect with the existing footway on the eastern side of Icknield Way. Crossings to be 2.4m wide."/>
    <x v="3"/>
    <x v="4"/>
    <x v="2"/>
    <x v="2"/>
    <x v="15"/>
    <s v="N/A"/>
    <s v="N/A"/>
    <n v="412543"/>
    <n v="412543"/>
    <s v="S278 / S106 / CIL / External Funding"/>
    <s v="Essential"/>
    <m/>
    <m/>
    <m/>
    <m/>
    <m/>
    <m/>
    <m/>
    <m/>
    <m/>
    <m/>
    <m/>
    <m/>
    <m/>
    <m/>
    <m/>
    <m/>
    <m/>
    <m/>
    <m/>
    <m/>
    <m/>
    <s v="Yes"/>
    <s v="Yes"/>
    <s v="Yes"/>
    <s v="Yes"/>
    <m/>
    <m/>
    <m/>
    <m/>
    <m/>
    <m/>
    <n v="2251"/>
    <n v="183.27099067081298"/>
    <s v=""/>
    <s v=""/>
    <s v=""/>
    <s v=""/>
    <s v=""/>
    <s v=""/>
    <s v=""/>
    <s v=""/>
    <s v=""/>
    <s v=""/>
    <s v=""/>
    <s v=""/>
    <s v=""/>
    <s v=""/>
    <s v=""/>
    <s v=""/>
    <s v=""/>
    <s v=""/>
    <s v=""/>
    <s v=""/>
    <s v=""/>
    <n v="45817.747667703246"/>
    <n v="73308.396268325188"/>
    <n v="256579.38693913817"/>
    <n v="36837.469124833406"/>
    <s v=""/>
    <s v=""/>
    <s v=""/>
    <s v=""/>
    <s v=""/>
    <s v=""/>
    <s v="Total Cost at December 2023"/>
    <m/>
    <s v="Aecom (2024) Berkhamsted and Tring Sustainable Transport Study "/>
  </r>
  <r>
    <n v="643"/>
    <x v="1"/>
    <s v="Transport"/>
    <s v="Highways and transportation"/>
    <s v="Footway/cycleway route improvement along Aylesbury Road between the A41 roundabout and Donkey Lane"/>
    <s v="Ti2.aRefresh road markings for the shared use facility close to the A41 roundabout._x000a_Ti2.bWiden existing footway to 2m on the northern side of Aylesbury road (maintenance issue)._x000a_Ti2.cProvide a new 2.4m wide uncontrolled crossing where the Drayton Manor Lodge bus stop is (northbound direction). A new section of 2m wide footway is required on the southern side to accommodate the new crossing and provide access to the westbound bus stop._x000a_Ti2.dWiden existing footway to 2m on the southern side of Aylesbury road between the Drayton Manor Lodge bus stop and the existing uncontrolled crossing just south of the junction with Donkey Lane._x000a_Ti2.e Provide new tactiles for the uncontrolled crossing just south of the junction of Aylesbury road and Donkey Lane. Crossings to be 2.4m wide.  "/>
    <x v="3"/>
    <x v="4"/>
    <x v="2"/>
    <x v="2"/>
    <x v="15"/>
    <s v="N/A"/>
    <s v="N/A"/>
    <n v="435114"/>
    <n v="435114"/>
    <s v="S278 / S106 / CIL / External Funding"/>
    <s v="Essential"/>
    <m/>
    <m/>
    <m/>
    <m/>
    <m/>
    <m/>
    <m/>
    <m/>
    <m/>
    <m/>
    <m/>
    <m/>
    <m/>
    <m/>
    <m/>
    <m/>
    <m/>
    <m/>
    <m/>
    <m/>
    <m/>
    <s v="Yes"/>
    <s v="Yes"/>
    <s v="Yes"/>
    <s v="Yes"/>
    <m/>
    <m/>
    <m/>
    <m/>
    <m/>
    <m/>
    <n v="2251"/>
    <n v="193.29808973789426"/>
    <s v=""/>
    <s v=""/>
    <s v=""/>
    <s v=""/>
    <s v=""/>
    <s v=""/>
    <s v=""/>
    <s v=""/>
    <s v=""/>
    <s v=""/>
    <s v=""/>
    <s v=""/>
    <s v=""/>
    <s v=""/>
    <s v=""/>
    <s v=""/>
    <s v=""/>
    <s v=""/>
    <s v=""/>
    <s v=""/>
    <s v=""/>
    <n v="48324.522434473562"/>
    <n v="77319.235895157704"/>
    <n v="270617.32563305198"/>
    <n v="38852.916037316747"/>
    <s v=""/>
    <s v=""/>
    <s v=""/>
    <s v=""/>
    <s v=""/>
    <s v=""/>
    <s v="Total Cost at December 2023"/>
    <m/>
    <s v="Aecom (2024) Berkhamsted and Tring Sustainable Transport Study "/>
  </r>
  <r>
    <n v="644"/>
    <x v="1"/>
    <s v="Transport"/>
    <s v="Highways and transportation"/>
    <s v="Improvements to existing footway alongside Icknield Way between Miswell Lane and Icknield Way industrial estate"/>
    <s v="Ti58.aWiden to 2m (or 1.5m if 2m is not possible) and repave existing footway along the southern side of Icknield Way, between the northern and southern accesses to Icknield Way Industrial State._x000a_Ti58.bWiden existing uncontrolled crossing to 2.4m on the northeastern entrance to Icknield Way Industrial State._x000a_Ti58.cWiden to 2m and repave existing footway between the northern access to Icknield Way Industrial State and Miswell Lane. There are maintenance issues – grass growing on the footway. Cut back vegetation to maximise footway width.               "/>
    <x v="3"/>
    <x v="49"/>
    <x v="1"/>
    <x v="2"/>
    <x v="38"/>
    <s v="N/A"/>
    <s v="N/A"/>
    <n v="198924"/>
    <n v="198924"/>
    <s v="S278 / S106"/>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45"/>
    <x v="1"/>
    <s v="Transport"/>
    <s v="Highways and transportation"/>
    <s v="West Tring Development Corridor Intervention - Icknield Way"/>
    <s v="A new off-road route to link with the footway/cycleway in Tring Hill, Bucks_x000a_Ti60.aProvide a 1.5m wide off-road cycle track along the southern side of Icknield Way between the A41 roundabout and Icknield Way Industrial Estate._x000a_Ti60.bNew uncontrolled crossing across the southern access to Icknield Way Industrial State (dropped kerbs required for cyclists). Crossing to be 2.4m wide."/>
    <x v="3"/>
    <x v="4"/>
    <x v="2"/>
    <x v="2"/>
    <x v="15"/>
    <s v="N/A"/>
    <s v="N/A"/>
    <n v="248278"/>
    <n v="248278"/>
    <s v="S278 / S106 / CIL / External Funding"/>
    <s v="Essential"/>
    <m/>
    <m/>
    <m/>
    <m/>
    <m/>
    <m/>
    <m/>
    <m/>
    <m/>
    <m/>
    <m/>
    <m/>
    <m/>
    <m/>
    <m/>
    <m/>
    <m/>
    <m/>
    <m/>
    <m/>
    <m/>
    <s v="Yes"/>
    <s v="Yes"/>
    <s v="Yes"/>
    <s v="Yes"/>
    <m/>
    <m/>
    <m/>
    <m/>
    <m/>
    <m/>
    <n v="2251"/>
    <n v="110.29675699689027"/>
    <s v=""/>
    <s v=""/>
    <s v=""/>
    <s v=""/>
    <s v=""/>
    <s v=""/>
    <s v=""/>
    <s v=""/>
    <s v=""/>
    <s v=""/>
    <s v=""/>
    <s v=""/>
    <s v=""/>
    <s v=""/>
    <s v=""/>
    <s v=""/>
    <s v=""/>
    <s v=""/>
    <s v=""/>
    <s v=""/>
    <s v=""/>
    <n v="27574.189249222567"/>
    <n v="44118.702798756109"/>
    <n v="154415.45979564637"/>
    <n v="22169.648156374944"/>
    <s v=""/>
    <s v=""/>
    <s v=""/>
    <s v=""/>
    <s v=""/>
    <s v=""/>
    <s v="Total Cost at December 2023"/>
    <m/>
    <s v="Aecom (2024) Berkhamsted and Tring Sustainable Transport Study "/>
  </r>
  <r>
    <n v="646"/>
    <x v="1"/>
    <s v="Transport"/>
    <s v="Highways and transportation"/>
    <s v="Standalone crossing on Western Road (B4635) near Park Road junction"/>
    <s v="Ti6.a Provide a 2.4m wide raised zebra crossing on Western Road, outside house number 129, just west of the bus stop. Provide tactile paving, dropped kerbs, road markings and belisha beacons."/>
    <x v="3"/>
    <x v="4"/>
    <x v="2"/>
    <x v="2"/>
    <x v="15"/>
    <s v="N/A"/>
    <s v="N/A"/>
    <n v="37618"/>
    <n v="37618"/>
    <s v="S278 / S106 / CIL / External Funding"/>
    <s v="Essential"/>
    <m/>
    <m/>
    <m/>
    <m/>
    <m/>
    <m/>
    <m/>
    <m/>
    <m/>
    <m/>
    <m/>
    <m/>
    <m/>
    <m/>
    <m/>
    <m/>
    <m/>
    <m/>
    <m/>
    <m/>
    <m/>
    <s v="Yes"/>
    <s v="Yes"/>
    <s v="Yes"/>
    <s v="Yes"/>
    <m/>
    <m/>
    <m/>
    <m/>
    <m/>
    <m/>
    <n v="2251"/>
    <n v="16.711683696135051"/>
    <s v=""/>
    <s v=""/>
    <s v=""/>
    <s v=""/>
    <s v=""/>
    <s v=""/>
    <s v=""/>
    <s v=""/>
    <s v=""/>
    <s v=""/>
    <s v=""/>
    <s v=""/>
    <s v=""/>
    <s v=""/>
    <s v=""/>
    <s v=""/>
    <s v=""/>
    <s v=""/>
    <s v=""/>
    <s v=""/>
    <s v=""/>
    <n v="4177.9209240337623"/>
    <n v="6684.6734784540204"/>
    <n v="23396.357174589069"/>
    <n v="3359.0484229231452"/>
    <s v=""/>
    <s v=""/>
    <s v=""/>
    <s v=""/>
    <s v=""/>
    <s v=""/>
    <s v="Total Cost at December 2023"/>
    <m/>
    <s v="Aecom (2024) Berkhamsted and Tring Sustainable Transport Study "/>
  </r>
  <r>
    <n v="647"/>
    <x v="1"/>
    <s v="Transport"/>
    <s v="Highways and transportation"/>
    <s v="Standalone crossing on Western Road (B4635) near Miswell Lane junction"/>
    <s v="Ti7.a Remove existing informal crossing on B4635, just north of the junction with Miswell Lane and provide a zebra crossing (tactile paving, dropped kerbs and belisha beacons to be provided)."/>
    <x v="3"/>
    <x v="4"/>
    <x v="2"/>
    <x v="2"/>
    <x v="15"/>
    <s v="N/A"/>
    <s v="N/A"/>
    <n v="37618"/>
    <n v="37618"/>
    <s v="S278 / S106 / CIL / External Funding"/>
    <s v="Essential"/>
    <m/>
    <m/>
    <m/>
    <m/>
    <m/>
    <m/>
    <m/>
    <m/>
    <m/>
    <m/>
    <m/>
    <m/>
    <m/>
    <m/>
    <m/>
    <m/>
    <m/>
    <m/>
    <m/>
    <m/>
    <m/>
    <s v="Yes"/>
    <s v="Yes"/>
    <s v="Yes"/>
    <s v="Yes"/>
    <m/>
    <m/>
    <m/>
    <m/>
    <m/>
    <m/>
    <n v="2251"/>
    <n v="16.711683696135051"/>
    <s v=""/>
    <s v=""/>
    <s v=""/>
    <s v=""/>
    <s v=""/>
    <s v=""/>
    <s v=""/>
    <s v=""/>
    <s v=""/>
    <s v=""/>
    <s v=""/>
    <s v=""/>
    <s v=""/>
    <s v=""/>
    <s v=""/>
    <s v=""/>
    <s v=""/>
    <s v=""/>
    <s v=""/>
    <s v=""/>
    <s v=""/>
    <n v="4177.9209240337623"/>
    <n v="6684.6734784540204"/>
    <n v="23396.357174589069"/>
    <n v="3359.0484229231452"/>
    <s v=""/>
    <s v=""/>
    <s v=""/>
    <s v=""/>
    <s v=""/>
    <s v=""/>
    <s v="Total Cost at December 2023"/>
    <m/>
    <s v="Aecom (2024) Berkhamsted and Tring Sustainable Transport Study "/>
  </r>
  <r>
    <n v="648"/>
    <x v="1"/>
    <s v="Transport"/>
    <s v="Highways and transportation"/>
    <s v="Minor junction enhancement at the junction of Miswell Lane and Goldfield Road"/>
    <s v="Ti8.a Entry treatment at Goldfield Road. Provide an informal crossing at Goldfield Road with dropped kerbs and tactile paving. "/>
    <x v="3"/>
    <x v="4"/>
    <x v="2"/>
    <x v="2"/>
    <x v="15"/>
    <s v="N/A"/>
    <s v="N/A"/>
    <n v="62697"/>
    <n v="62697"/>
    <s v="S278 / S106 / CIL / External Funding"/>
    <s v="Essential"/>
    <m/>
    <m/>
    <m/>
    <m/>
    <m/>
    <m/>
    <m/>
    <m/>
    <m/>
    <m/>
    <m/>
    <m/>
    <m/>
    <m/>
    <m/>
    <m/>
    <m/>
    <m/>
    <m/>
    <m/>
    <m/>
    <s v="Yes"/>
    <s v="Yes"/>
    <s v="Yes"/>
    <s v="Yes"/>
    <m/>
    <m/>
    <m/>
    <m/>
    <m/>
    <m/>
    <n v="2251"/>
    <n v="27.852954242558862"/>
    <s v=""/>
    <s v=""/>
    <s v=""/>
    <s v=""/>
    <s v=""/>
    <s v=""/>
    <s v=""/>
    <s v=""/>
    <s v=""/>
    <s v=""/>
    <s v=""/>
    <s v=""/>
    <s v=""/>
    <s v=""/>
    <s v=""/>
    <s v=""/>
    <s v=""/>
    <s v=""/>
    <s v=""/>
    <s v=""/>
    <s v=""/>
    <n v="6963.2385606397156"/>
    <n v="11141.181697023545"/>
    <n v="38994.135939582404"/>
    <n v="5598.443802754331"/>
    <s v=""/>
    <s v=""/>
    <s v=""/>
    <s v=""/>
    <s v=""/>
    <s v=""/>
    <s v="Total Cost at December 2023"/>
    <m/>
    <s v="Aecom (2024) Berkhamsted and Tring Sustainable Transport Study "/>
  </r>
  <r>
    <n v="649"/>
    <x v="1"/>
    <s v="Transport"/>
    <s v="Highways and transportation"/>
    <s v="Major junction enhancement at the Western Road, Christchurch Road, High Street and Langdon Street roundabout"/>
    <s v="Ti14.aSignalise existing junction. Existing uncontrolled crossings to be replaced by formal crossings (tactile paving and dropped kerbs required)._x000a_Ti14.bRemove existing island on High St. and provide a 1m footway build-out on the northern side._x000a_Recommendation: Pavement condition survey on all arms."/>
    <x v="3"/>
    <x v="4"/>
    <x v="2"/>
    <x v="2"/>
    <x v="15"/>
    <s v="N/A"/>
    <s v="N/A"/>
    <n v="75236"/>
    <n v="75236"/>
    <s v="S278 / S106 / CIL / External Funding"/>
    <s v="Essential"/>
    <m/>
    <m/>
    <m/>
    <m/>
    <m/>
    <m/>
    <m/>
    <m/>
    <m/>
    <m/>
    <m/>
    <m/>
    <m/>
    <m/>
    <m/>
    <m/>
    <m/>
    <m/>
    <m/>
    <m/>
    <m/>
    <s v="Yes"/>
    <s v="Yes"/>
    <s v="Yes"/>
    <s v="Yes"/>
    <m/>
    <m/>
    <m/>
    <m/>
    <m/>
    <m/>
    <n v="2251"/>
    <n v="33.423367392270102"/>
    <s v=""/>
    <s v=""/>
    <s v=""/>
    <s v=""/>
    <s v=""/>
    <s v=""/>
    <s v=""/>
    <s v=""/>
    <s v=""/>
    <s v=""/>
    <s v=""/>
    <s v=""/>
    <s v=""/>
    <s v=""/>
    <s v=""/>
    <s v=""/>
    <s v=""/>
    <s v=""/>
    <s v=""/>
    <s v=""/>
    <s v=""/>
    <n v="8355.8418480675246"/>
    <n v="13369.346956908041"/>
    <n v="46792.714349178139"/>
    <n v="6718.0968458462903"/>
    <s v=""/>
    <s v=""/>
    <s v=""/>
    <s v=""/>
    <s v=""/>
    <s v=""/>
    <s v="Total Cost at December 2023"/>
    <m/>
    <s v="Aecom (2024) Berkhamsted and Tring Sustainable Transport Study "/>
  </r>
  <r>
    <n v="650"/>
    <x v="1"/>
    <s v="Transport"/>
    <s v="Highways and transportation"/>
    <s v="Standalone crossing between Station Road/London Road T junction and the Brook Street/High Street/London Road mini roundabout"/>
    <s v="Ti75.a Replace the existing uncontrolled crossing which is situated between the Station Road T-junction and the Brook Street roundabout with a Puffin crossing. Tactile paving and dropped kerbs required (minimum width 3.2m)."/>
    <x v="3"/>
    <x v="50"/>
    <x v="1"/>
    <x v="2"/>
    <x v="37"/>
    <s v="N/A"/>
    <s v="N/A"/>
    <n v="150472"/>
    <n v="150472"/>
    <s v="S278 / S106"/>
    <s v="Essential"/>
    <m/>
    <m/>
    <m/>
    <m/>
    <m/>
    <m/>
    <m/>
    <m/>
    <m/>
    <m/>
    <m/>
    <m/>
    <m/>
    <m/>
    <m/>
    <m/>
    <m/>
    <m/>
    <m/>
    <m/>
    <m/>
    <s v="Yes"/>
    <m/>
    <s v="Yes"/>
    <m/>
    <m/>
    <m/>
    <m/>
    <m/>
    <m/>
    <m/>
    <n v="1650"/>
    <n v="91.195151515151508"/>
    <s v=""/>
    <s v=""/>
    <s v=""/>
    <s v=""/>
    <s v=""/>
    <s v=""/>
    <s v=""/>
    <s v=""/>
    <s v=""/>
    <s v=""/>
    <s v=""/>
    <s v=""/>
    <s v=""/>
    <s v=""/>
    <s v=""/>
    <s v=""/>
    <s v=""/>
    <s v=""/>
    <s v=""/>
    <s v=""/>
    <s v=""/>
    <n v="22798.787878787876"/>
    <s v=""/>
    <n v="127673.21212121211"/>
    <s v=""/>
    <s v=""/>
    <s v=""/>
    <s v=""/>
    <s v=""/>
    <s v=""/>
    <s v=""/>
    <s v="Total Cost at December 2023"/>
    <m/>
    <s v="Aecom (2024) Berkhamsted and Tring Sustainable Transport Study "/>
  </r>
  <r>
    <n v="651"/>
    <x v="1"/>
    <s v="Transport"/>
    <s v="Highways and transportation"/>
    <s v="Minor junction enhancement at the junction of Christchurch Road and Goldfield Road"/>
    <s v="Ti15.a Provide entry treatment and maintain the uncontrolled crossing."/>
    <x v="3"/>
    <x v="4"/>
    <x v="2"/>
    <x v="2"/>
    <x v="15"/>
    <s v="N/A"/>
    <s v="N/A"/>
    <n v="25079"/>
    <n v="25079"/>
    <s v="S278 / S106 / CIL / External Funding"/>
    <s v="Essential"/>
    <m/>
    <m/>
    <m/>
    <m/>
    <m/>
    <m/>
    <m/>
    <m/>
    <m/>
    <m/>
    <m/>
    <m/>
    <m/>
    <m/>
    <m/>
    <m/>
    <m/>
    <m/>
    <m/>
    <m/>
    <m/>
    <s v="Yes"/>
    <s v="Yes"/>
    <s v="Yes"/>
    <s v="Yes"/>
    <m/>
    <m/>
    <m/>
    <m/>
    <m/>
    <m/>
    <n v="2251"/>
    <n v="11.141270546423812"/>
    <s v=""/>
    <s v=""/>
    <s v=""/>
    <s v=""/>
    <s v=""/>
    <s v=""/>
    <s v=""/>
    <s v=""/>
    <s v=""/>
    <s v=""/>
    <s v=""/>
    <s v=""/>
    <s v=""/>
    <s v=""/>
    <s v=""/>
    <s v=""/>
    <s v=""/>
    <s v=""/>
    <s v=""/>
    <s v=""/>
    <s v=""/>
    <n v="2785.3176366059529"/>
    <n v="4456.5082185695246"/>
    <n v="15597.778764993336"/>
    <n v="2239.3953798311859"/>
    <s v=""/>
    <s v=""/>
    <s v=""/>
    <s v=""/>
    <s v=""/>
    <s v=""/>
    <s v="Total Cost at December 2023"/>
    <m/>
    <s v="Aecom (2024) Berkhamsted and Tring Sustainable Transport Study "/>
  </r>
  <r>
    <n v="652"/>
    <x v="1"/>
    <s v="Transport"/>
    <s v="Highways and transportation"/>
    <s v="Minor junction enhancement at the junction of Christchurch Road and Friars Walk"/>
    <s v="Ti16.aEntry treatment at Friars Walk (block paving). Replace damaged tactile pavings with new ones._x000a_Ti16.bRefresh road markings_x000a_Ti16.cProvide small kerb footway build-outs to tighten the radii for traffic. "/>
    <x v="3"/>
    <x v="4"/>
    <x v="2"/>
    <x v="2"/>
    <x v="15"/>
    <s v="N/A"/>
    <s v="N/A"/>
    <n v="56427"/>
    <n v="56427"/>
    <s v="S278 / S106 / CIL / External Funding"/>
    <s v="Essential"/>
    <m/>
    <m/>
    <m/>
    <m/>
    <m/>
    <m/>
    <m/>
    <m/>
    <m/>
    <m/>
    <m/>
    <m/>
    <m/>
    <m/>
    <m/>
    <m/>
    <m/>
    <m/>
    <m/>
    <m/>
    <m/>
    <s v="Yes"/>
    <s v="Yes"/>
    <s v="Yes"/>
    <s v="Yes"/>
    <m/>
    <m/>
    <m/>
    <m/>
    <m/>
    <m/>
    <n v="2251"/>
    <n v="25.067525544202578"/>
    <s v=""/>
    <s v=""/>
    <s v=""/>
    <s v=""/>
    <s v=""/>
    <s v=""/>
    <s v=""/>
    <s v=""/>
    <s v=""/>
    <s v=""/>
    <s v=""/>
    <s v=""/>
    <s v=""/>
    <s v=""/>
    <s v=""/>
    <s v=""/>
    <s v=""/>
    <s v=""/>
    <s v=""/>
    <s v=""/>
    <s v=""/>
    <n v="6266.8813860506443"/>
    <n v="10027.010217681031"/>
    <n v="35094.535761883606"/>
    <n v="5038.5726343847182"/>
    <s v=""/>
    <s v=""/>
    <s v=""/>
    <s v=""/>
    <s v=""/>
    <s v=""/>
    <s v="Total Cost at December 2023"/>
    <m/>
    <s v="Aecom (2024) Berkhamsted and Tring Sustainable Transport Study "/>
  </r>
  <r>
    <n v="653"/>
    <x v="1"/>
    <s v="Transport"/>
    <s v="Highways and transportation"/>
    <s v="Minor junction enhancement at the Frogmore Street/Dundale Road and Friars Walk"/>
    <s v="Ti17.aSide road entry treatment and new uncontrolled crossing at Friars Walk (tactile paving required). Crossing to be 1.2m wide minimum._x000a_Ti17.bProvide another crossing point across Frogmore St north of the junction to connect the existing pub. Crossing to be 2.4m wide._x000a_Ti17.cRefresh road markings on Friars Walk._x000a_"/>
    <x v="3"/>
    <x v="4"/>
    <x v="2"/>
    <x v="2"/>
    <x v="15"/>
    <s v="N/A"/>
    <s v="N/A"/>
    <n v="106584"/>
    <n v="106584"/>
    <s v="S278 / S106 / CIL / External Funding"/>
    <s v="Essential"/>
    <m/>
    <m/>
    <m/>
    <m/>
    <m/>
    <m/>
    <m/>
    <m/>
    <m/>
    <m/>
    <m/>
    <m/>
    <m/>
    <m/>
    <m/>
    <m/>
    <m/>
    <m/>
    <m/>
    <m/>
    <m/>
    <s v="Yes"/>
    <s v="Yes"/>
    <s v="Yes"/>
    <s v="Yes"/>
    <m/>
    <m/>
    <m/>
    <m/>
    <m/>
    <m/>
    <n v="2251"/>
    <n v="47.349622390048864"/>
    <s v=""/>
    <s v=""/>
    <s v=""/>
    <s v=""/>
    <s v=""/>
    <s v=""/>
    <s v=""/>
    <s v=""/>
    <s v=""/>
    <s v=""/>
    <s v=""/>
    <s v=""/>
    <s v=""/>
    <s v=""/>
    <s v=""/>
    <s v=""/>
    <s v=""/>
    <s v=""/>
    <s v=""/>
    <s v=""/>
    <s v=""/>
    <n v="11837.405597512216"/>
    <n v="18939.848956019545"/>
    <n v="66289.471346068414"/>
    <n v="9517.2741003998217"/>
    <s v=""/>
    <s v=""/>
    <s v=""/>
    <s v=""/>
    <s v=""/>
    <s v=""/>
    <s v="Total Cost at December 2023"/>
    <m/>
    <s v="Aecom (2024) Berkhamsted and Tring Sustainable Transport Study "/>
  </r>
  <r>
    <n v="654"/>
    <x v="1"/>
    <s v="Transport"/>
    <s v="Highways and transportation"/>
    <s v="Provide improved Pedestrian Crossing facilities on Frogmore Street Tring"/>
    <s v="UTP scheme no.45"/>
    <x v="3"/>
    <x v="4"/>
    <x v="2"/>
    <x v="2"/>
    <x v="15"/>
    <s v="N/A"/>
    <s v="N/A"/>
    <m/>
    <m/>
    <s v="S278 / S106 / CIL / External Funding"/>
    <s v="Essential"/>
    <m/>
    <m/>
    <m/>
    <m/>
    <m/>
    <m/>
    <m/>
    <m/>
    <m/>
    <m/>
    <m/>
    <m/>
    <m/>
    <m/>
    <m/>
    <m/>
    <m/>
    <m/>
    <m/>
    <m/>
    <m/>
    <s v="Yes"/>
    <s v="Yes"/>
    <s v="Yes"/>
    <s v="Yes"/>
    <m/>
    <m/>
    <m/>
    <m/>
    <m/>
    <m/>
    <n v="2251"/>
    <m/>
    <s v=""/>
    <s v=""/>
    <s v=""/>
    <s v=""/>
    <s v=""/>
    <s v=""/>
    <s v=""/>
    <s v=""/>
    <s v=""/>
    <s v=""/>
    <s v=""/>
    <s v=""/>
    <s v=""/>
    <s v=""/>
    <s v=""/>
    <s v=""/>
    <s v=""/>
    <s v=""/>
    <s v=""/>
    <s v=""/>
    <s v=""/>
    <n v="0"/>
    <n v="0"/>
    <n v="0"/>
    <n v="0"/>
    <s v=""/>
    <s v=""/>
    <s v=""/>
    <s v=""/>
    <s v=""/>
    <s v=""/>
    <s v="Total Cost at December 2023"/>
    <m/>
    <s v="Aecom (2024) Berkhamsted and Tring Sustainable Transport Study "/>
  </r>
  <r>
    <n v="655"/>
    <x v="1"/>
    <s v="Transport"/>
    <s v="Highways and transportation"/>
    <s v="New cycle route between Dundale Road and Little Tring Road"/>
    <s v="Ti18.a Provide a 1.5m wide one-way segregated cycle lane (southbound direction) between the junction of Little Tring Road with B488 and the entrance to the fields (approximately 265m north from the B488 junction) - along the existing neglected footpath. Appropriate signs and markings required."/>
    <x v="3"/>
    <x v="4"/>
    <x v="2"/>
    <x v="2"/>
    <x v="15"/>
    <s v="N/A"/>
    <s v="N/A"/>
    <n v="99688"/>
    <n v="99688"/>
    <s v="S278 / S106 / CIL / External Funding"/>
    <s v="Essential"/>
    <m/>
    <m/>
    <m/>
    <m/>
    <m/>
    <m/>
    <m/>
    <m/>
    <m/>
    <m/>
    <m/>
    <m/>
    <m/>
    <m/>
    <m/>
    <m/>
    <m/>
    <m/>
    <m/>
    <m/>
    <m/>
    <s v="Yes"/>
    <s v="Yes"/>
    <s v="Yes"/>
    <s v="Yes"/>
    <m/>
    <m/>
    <m/>
    <m/>
    <m/>
    <m/>
    <n v="2251"/>
    <n v="44.286095068858288"/>
    <s v=""/>
    <s v=""/>
    <s v=""/>
    <s v=""/>
    <s v=""/>
    <s v=""/>
    <s v=""/>
    <s v=""/>
    <s v=""/>
    <s v=""/>
    <s v=""/>
    <s v=""/>
    <s v=""/>
    <s v=""/>
    <s v=""/>
    <s v=""/>
    <s v=""/>
    <s v=""/>
    <s v=""/>
    <s v=""/>
    <s v=""/>
    <n v="11071.523767214572"/>
    <n v="17714.438027543314"/>
    <n v="62000.533096401603"/>
    <n v="8901.5051088405162"/>
    <s v=""/>
    <s v=""/>
    <s v=""/>
    <s v=""/>
    <s v=""/>
    <s v=""/>
    <s v="Total Cost at December 2023"/>
    <m/>
    <s v="Aecom (2024) Berkhamsted and Tring Sustainable Transport Study "/>
  </r>
  <r>
    <n v="656"/>
    <x v="1"/>
    <s v="Transport"/>
    <s v="Highways and transportation"/>
    <s v="Minor junction enhancement at the junction between Icknield Way and Dundale Road/Little Tring Road - informal crossing including dropped kerbs (some existing provision)"/>
    <s v="Ti19.a Provide an uncontrolled crossing for cyclists across Icknield Way to connect with Little Tring Road (include dropped kerbs). Crossing to be 2.4m wide."/>
    <x v="3"/>
    <x v="4"/>
    <x v="2"/>
    <x v="2"/>
    <x v="15"/>
    <s v="N/A"/>
    <s v="N/A"/>
    <n v="25079"/>
    <n v="25079"/>
    <s v="S278 / S106 / CIL / External Funding"/>
    <s v="Essential"/>
    <m/>
    <m/>
    <m/>
    <m/>
    <m/>
    <m/>
    <m/>
    <m/>
    <m/>
    <m/>
    <m/>
    <m/>
    <m/>
    <m/>
    <m/>
    <m/>
    <m/>
    <m/>
    <m/>
    <m/>
    <m/>
    <s v="Yes"/>
    <s v="Yes"/>
    <s v="Yes"/>
    <s v="Yes"/>
    <m/>
    <m/>
    <m/>
    <m/>
    <m/>
    <m/>
    <n v="2251"/>
    <n v="11.141270546423812"/>
    <s v=""/>
    <s v=""/>
    <s v=""/>
    <s v=""/>
    <s v=""/>
    <s v=""/>
    <s v=""/>
    <s v=""/>
    <s v=""/>
    <s v=""/>
    <s v=""/>
    <s v=""/>
    <s v=""/>
    <s v=""/>
    <s v=""/>
    <s v=""/>
    <s v=""/>
    <s v=""/>
    <s v=""/>
    <s v=""/>
    <s v=""/>
    <n v="2785.3176366059529"/>
    <n v="4456.5082185695246"/>
    <n v="15597.778764993336"/>
    <n v="2239.3953798311859"/>
    <s v=""/>
    <s v=""/>
    <s v=""/>
    <s v=""/>
    <s v=""/>
    <s v=""/>
    <s v="Total Cost at December 2023"/>
    <m/>
    <s v="Aecom (2024) Berkhamsted and Tring Sustainable Transport Study "/>
  </r>
  <r>
    <n v="657"/>
    <x v="1"/>
    <s v="Transport"/>
    <s v="Highways and transportation"/>
    <s v="Standalone crossing outside Tesco Superstore in Tring"/>
    <s v=" Remove existing uncontrolled crossing on B4635 and provide a new 3.2m wide puffin crossing (no central reserve). This would require dropped kerbs, tactile paving and widening the footways. Footway on the northern side of B4635 to be widened to 2m to accommodate the new formal crossing."/>
    <x v="3"/>
    <x v="50"/>
    <x v="1"/>
    <x v="2"/>
    <x v="37"/>
    <s v="N/A"/>
    <s v="N/A"/>
    <n v="75236"/>
    <n v="75236"/>
    <s v="S278 / S106"/>
    <s v="Essential"/>
    <m/>
    <m/>
    <m/>
    <m/>
    <m/>
    <m/>
    <m/>
    <m/>
    <m/>
    <m/>
    <m/>
    <m/>
    <m/>
    <m/>
    <m/>
    <m/>
    <m/>
    <m/>
    <m/>
    <m/>
    <m/>
    <s v="Yes"/>
    <m/>
    <s v="Yes"/>
    <m/>
    <m/>
    <m/>
    <m/>
    <m/>
    <m/>
    <m/>
    <n v="1650"/>
    <n v="45.597575757575754"/>
    <s v=""/>
    <s v=""/>
    <s v=""/>
    <s v=""/>
    <s v=""/>
    <s v=""/>
    <s v=""/>
    <s v=""/>
    <s v=""/>
    <s v=""/>
    <s v=""/>
    <s v=""/>
    <s v=""/>
    <s v=""/>
    <s v=""/>
    <s v=""/>
    <s v=""/>
    <s v=""/>
    <s v=""/>
    <s v=""/>
    <s v=""/>
    <n v="11399.393939393938"/>
    <s v=""/>
    <n v="63836.606060606056"/>
    <s v=""/>
    <s v=""/>
    <s v=""/>
    <s v=""/>
    <s v=""/>
    <s v=""/>
    <s v=""/>
    <s v="Total Cost at December 2023"/>
    <m/>
    <s v="Aecom (2024) Berkhamsted and Tring Sustainable Transport Study "/>
  </r>
  <r>
    <n v="658"/>
    <x v="1"/>
    <s v="Transport"/>
    <s v="Highways and transportation"/>
    <s v="Footway/cycleway route improvement along the A4251 between Tesco Superstore and London Road/Cow Lane junction"/>
    <s v="Ti34.aProvide a segregated shared facility on the northern side of the A4251 from the junction with Cow Lane and along the existing path - widen to 2.5-3m. Provide appropriate shared use signs and road markings (surface colour treatment for cycle lane)._x000a_Ti34.bProvide a 4m wide toucan crossing across B4635 just east of the eastbound bus stop &quot;Tesco&quot;. Dropped kerbs, tactile paving and road markings required._x000a_Ti34.cTurn the existing footway on the southern side of the B4635 up to Tesco Superstores into a shared use facility.                       "/>
    <x v="3"/>
    <x v="4"/>
    <x v="2"/>
    <x v="2"/>
    <x v="15"/>
    <s v="N/A"/>
    <s v="N/A"/>
    <n v="952988"/>
    <n v="952988"/>
    <s v="S278 / S106 / CIL / External Funding"/>
    <s v="Essential"/>
    <m/>
    <m/>
    <m/>
    <m/>
    <m/>
    <m/>
    <m/>
    <m/>
    <m/>
    <m/>
    <m/>
    <m/>
    <m/>
    <m/>
    <m/>
    <m/>
    <m/>
    <m/>
    <m/>
    <m/>
    <m/>
    <s v="Yes"/>
    <s v="Yes"/>
    <s v="Yes"/>
    <s v="Yes"/>
    <m/>
    <m/>
    <m/>
    <m/>
    <m/>
    <m/>
    <n v="2251"/>
    <n v="423.36206130608616"/>
    <s v=""/>
    <s v=""/>
    <s v=""/>
    <s v=""/>
    <s v=""/>
    <s v=""/>
    <s v=""/>
    <s v=""/>
    <s v=""/>
    <s v=""/>
    <s v=""/>
    <s v=""/>
    <s v=""/>
    <s v=""/>
    <s v=""/>
    <s v=""/>
    <s v=""/>
    <s v=""/>
    <s v=""/>
    <s v=""/>
    <s v=""/>
    <n v="105840.51532652153"/>
    <n v="169344.82452243447"/>
    <n v="592706.88582852064"/>
    <n v="85095.774322523313"/>
    <s v=""/>
    <s v=""/>
    <s v=""/>
    <s v=""/>
    <s v=""/>
    <s v=""/>
    <s v="Total Cost at December 2023"/>
    <m/>
    <s v="Aecom (2024) Berkhamsted and Tring Sustainable Transport Study "/>
  </r>
  <r>
    <n v="659"/>
    <x v="1"/>
    <s v="Transport"/>
    <s v="Highways and transportation"/>
    <s v="New cycle route along the A4251 between London Road/Cow Lane junction to Newground Road/Beggars Lane"/>
    <s v="Ti35.aProvide a shared use facility along the northern side of the A4251. Existing road signs might be a constraint. Provide appropriate shared use signs and road markings._x000a_Ti35.b Provide dropped kerbs and tactile paving at the junction with Newground Road for both a new uncontrolled crossing. Include a 2m wide refuge island. Crossing to be 1.2m wide as absolute minimum.     "/>
    <x v="3"/>
    <x v="4"/>
    <x v="2"/>
    <x v="2"/>
    <x v="15"/>
    <s v="N/A"/>
    <s v="N/A"/>
    <n v="50157"/>
    <n v="50157"/>
    <s v="S278 / S106 / CIL / External Funding"/>
    <s v="Essential"/>
    <m/>
    <m/>
    <m/>
    <m/>
    <m/>
    <m/>
    <m/>
    <m/>
    <m/>
    <m/>
    <m/>
    <m/>
    <m/>
    <m/>
    <m/>
    <m/>
    <m/>
    <m/>
    <m/>
    <m/>
    <m/>
    <s v="Yes"/>
    <s v="Yes"/>
    <s v="Yes"/>
    <s v="Yes"/>
    <m/>
    <m/>
    <m/>
    <m/>
    <m/>
    <m/>
    <n v="2251"/>
    <n v="22.28209684584629"/>
    <s v=""/>
    <s v=""/>
    <s v=""/>
    <s v=""/>
    <s v=""/>
    <s v=""/>
    <s v=""/>
    <s v=""/>
    <s v=""/>
    <s v=""/>
    <s v=""/>
    <s v=""/>
    <s v=""/>
    <s v=""/>
    <s v=""/>
    <s v=""/>
    <s v=""/>
    <s v=""/>
    <s v=""/>
    <s v=""/>
    <s v=""/>
    <n v="5570.5242114615721"/>
    <n v="8912.8387383385161"/>
    <n v="31194.935584184805"/>
    <n v="4478.7014660151044"/>
    <s v=""/>
    <s v=""/>
    <s v=""/>
    <s v=""/>
    <s v=""/>
    <s v=""/>
    <s v="Total Cost at December 2023"/>
    <m/>
    <s v="Aecom (2024) Berkhamsted and Tring Sustainable Transport Study "/>
  </r>
  <r>
    <n v="660"/>
    <x v="1"/>
    <s v="Transport"/>
    <s v="Highways and transportation"/>
    <s v="Minor junction enhancements at Cow Lane/London Road junction"/>
    <s v="Ti57.a Dropped kerbs for both footways either side of Cow Lane and tactile paving (new uncontrolled crossing point). Crossing to be 2.4m wide."/>
    <x v="3"/>
    <x v="6"/>
    <x v="1"/>
    <x v="2"/>
    <x v="37"/>
    <s v="N/A"/>
    <s v="N/A"/>
    <n v="25079"/>
    <n v="25079"/>
    <s v="S278 / S106"/>
    <s v="Essential"/>
    <m/>
    <m/>
    <m/>
    <m/>
    <m/>
    <m/>
    <m/>
    <m/>
    <m/>
    <m/>
    <m/>
    <m/>
    <m/>
    <m/>
    <m/>
    <m/>
    <m/>
    <m/>
    <m/>
    <m/>
    <m/>
    <s v="Yes"/>
    <m/>
    <m/>
    <m/>
    <m/>
    <m/>
    <m/>
    <m/>
    <m/>
    <m/>
    <n v="250"/>
    <n v="100.316"/>
    <s v=""/>
    <s v=""/>
    <s v=""/>
    <s v=""/>
    <s v=""/>
    <s v=""/>
    <s v=""/>
    <s v=""/>
    <s v=""/>
    <s v=""/>
    <s v=""/>
    <s v=""/>
    <s v=""/>
    <s v=""/>
    <s v=""/>
    <s v=""/>
    <s v=""/>
    <s v=""/>
    <s v=""/>
    <s v=""/>
    <s v=""/>
    <n v="25079"/>
    <s v=""/>
    <s v=""/>
    <s v=""/>
    <s v=""/>
    <s v=""/>
    <s v=""/>
    <s v=""/>
    <s v=""/>
    <s v=""/>
    <s v="Total Cost at December 2023"/>
    <m/>
    <s v="Aecom (2024) Berkhamsted and Tring Sustainable Transport Study "/>
  </r>
  <r>
    <n v="661"/>
    <x v="1"/>
    <s v="Transport"/>
    <s v="Highways and transportation"/>
    <s v="New cycle route between Mortimer Hill and Station Road"/>
    <s v="Ti24.a Widen existing footway to 2.5-3m along the path to provide a shared use space. Signs and markings required.                "/>
    <x v="3"/>
    <x v="50"/>
    <x v="1"/>
    <x v="2"/>
    <x v="37"/>
    <s v="N/A"/>
    <s v="N/A"/>
    <n v="144453"/>
    <n v="144453"/>
    <s v="S278 / S106"/>
    <s v="Essential"/>
    <m/>
    <m/>
    <m/>
    <m/>
    <m/>
    <m/>
    <m/>
    <m/>
    <m/>
    <m/>
    <m/>
    <m/>
    <m/>
    <m/>
    <m/>
    <m/>
    <m/>
    <m/>
    <m/>
    <m/>
    <m/>
    <s v="Yes"/>
    <m/>
    <s v="Yes"/>
    <m/>
    <m/>
    <m/>
    <m/>
    <m/>
    <m/>
    <m/>
    <n v="1650"/>
    <n v="87.547272727272727"/>
    <s v=""/>
    <s v=""/>
    <s v=""/>
    <s v=""/>
    <s v=""/>
    <s v=""/>
    <s v=""/>
    <s v=""/>
    <s v=""/>
    <s v=""/>
    <s v=""/>
    <s v=""/>
    <s v=""/>
    <s v=""/>
    <s v=""/>
    <s v=""/>
    <s v=""/>
    <s v=""/>
    <s v=""/>
    <s v=""/>
    <s v=""/>
    <n v="21886.81818181818"/>
    <s v=""/>
    <n v="122566.18181818182"/>
    <s v=""/>
    <s v=""/>
    <s v=""/>
    <s v=""/>
    <s v=""/>
    <s v=""/>
    <s v=""/>
    <s v="Total Cost at December 2023"/>
    <m/>
    <s v="Aecom (2024) Berkhamsted and Tring Sustainable Transport Study "/>
  </r>
  <r>
    <n v="662"/>
    <x v="1"/>
    <s v="Transport"/>
    <s v="Highways and transportation"/>
    <s v="Minor junction enhancement at the junction of Station Road and Bridge Way"/>
    <s v="Ti36.a Provide an uncontrolled crossing point across Station Road for better access to Bridge Way from the southern footway. Crossing to be 2.4m wide._x000a_Ti36.bRepave existing footway at the entrance of Bridge Way (Current paving is very damaged)."/>
    <x v="3"/>
    <x v="51"/>
    <x v="1"/>
    <x v="2"/>
    <x v="37"/>
    <s v="N/A"/>
    <s v="N/A"/>
    <n v="50157"/>
    <n v="50157"/>
    <s v="S278 / S106"/>
    <s v="Essential"/>
    <m/>
    <m/>
    <m/>
    <m/>
    <m/>
    <m/>
    <m/>
    <m/>
    <m/>
    <m/>
    <m/>
    <m/>
    <m/>
    <m/>
    <m/>
    <m/>
    <m/>
    <m/>
    <m/>
    <m/>
    <m/>
    <s v="Yes"/>
    <s v="Yes"/>
    <s v="Yes"/>
    <m/>
    <m/>
    <m/>
    <m/>
    <m/>
    <m/>
    <m/>
    <n v="2050"/>
    <n v="24.466829268292685"/>
    <s v=""/>
    <s v=""/>
    <s v=""/>
    <s v=""/>
    <s v=""/>
    <s v=""/>
    <s v=""/>
    <s v=""/>
    <s v=""/>
    <s v=""/>
    <s v=""/>
    <s v=""/>
    <s v=""/>
    <s v=""/>
    <s v=""/>
    <s v=""/>
    <s v=""/>
    <s v=""/>
    <s v=""/>
    <s v=""/>
    <s v=""/>
    <n v="6116.707317073171"/>
    <n v="9786.7317073170743"/>
    <n v="34253.560975609762"/>
    <s v=""/>
    <s v=""/>
    <s v=""/>
    <s v=""/>
    <s v=""/>
    <s v=""/>
    <s v=""/>
    <s v="Total Cost at December 2023"/>
    <m/>
    <s v="Aecom (2024) Berkhamsted and Tring Sustainable Transport Study "/>
  </r>
  <r>
    <n v="663"/>
    <x v="1"/>
    <s v="Transport"/>
    <s v="Highways and transportation"/>
    <s v="New cycle route alongside Station Road (within East of Tring 2 development) between Grove Road junction and the Grand Union Canal"/>
    <s v="Enhance existing shared use facility on the northern side of Station Road - repave existing facility, provide colour surface treatment for cycle lane, provide road markings to differentiate pedestrian side and cycle lane (incl. cycle logos)."/>
    <x v="3"/>
    <x v="52"/>
    <x v="1"/>
    <x v="2"/>
    <x v="37"/>
    <s v="N/A"/>
    <s v="N/A"/>
    <n v="12539"/>
    <n v="12539"/>
    <s v="S278 / S106"/>
    <s v="Essential"/>
    <m/>
    <m/>
    <m/>
    <m/>
    <m/>
    <m/>
    <m/>
    <m/>
    <m/>
    <m/>
    <m/>
    <m/>
    <m/>
    <m/>
    <m/>
    <m/>
    <m/>
    <m/>
    <m/>
    <m/>
    <m/>
    <s v="Yes"/>
    <s v="Yes"/>
    <s v="Yes"/>
    <m/>
    <m/>
    <m/>
    <m/>
    <m/>
    <m/>
    <m/>
    <n v="2050"/>
    <n v="6.1165853658536582"/>
    <s v=""/>
    <s v=""/>
    <s v=""/>
    <s v=""/>
    <s v=""/>
    <s v=""/>
    <s v=""/>
    <s v=""/>
    <s v=""/>
    <s v=""/>
    <s v=""/>
    <s v=""/>
    <s v=""/>
    <s v=""/>
    <s v=""/>
    <s v=""/>
    <s v=""/>
    <s v=""/>
    <s v=""/>
    <s v=""/>
    <s v=""/>
    <n v="1529.1463414634145"/>
    <n v="2446.6341463414633"/>
    <n v="8563.2195121951208"/>
    <s v=""/>
    <s v=""/>
    <s v=""/>
    <s v=""/>
    <s v=""/>
    <s v=""/>
    <s v=""/>
    <s v="Total Cost at December 2023"/>
    <m/>
    <s v="Aecom (2024) Berkhamsted and Tring Sustainable Transport Study "/>
  </r>
  <r>
    <n v="664"/>
    <x v="1"/>
    <s v="Transport"/>
    <s v="Highways and transportation"/>
    <s v="Crossing and footway enhancements adjacent to Tring station forecourt"/>
    <s v="Ti56.aExtended speed table approximately 20m in length (designed to allow buses to pass over easily) incorporating two 4m wide uncontrolled crossing points at either end, marked with contrasting surface._x000a_Ti56.bSlight relocation of the bus cage further east, approximately 3-5m._x000a_Ti56.cSmall kerbed build-out on the corner of the station forecourt exit, providing additional protection for pedestrians entering and exiting the forecourt area, and incorporating a dropped kerb. The exit width will be reduced slightly, however there should remain sufficient width for buses and other vehicles to safely exit._x000a_Ti56.dInvestigate localised widening of the footway if there is space within the highway boundary."/>
    <x v="3"/>
    <x v="51"/>
    <x v="1"/>
    <x v="2"/>
    <x v="37"/>
    <s v="N/A"/>
    <s v="N/A"/>
    <n v="75236"/>
    <n v="75236"/>
    <s v="S278 / S106"/>
    <s v="Essential"/>
    <m/>
    <m/>
    <m/>
    <m/>
    <m/>
    <m/>
    <m/>
    <m/>
    <m/>
    <m/>
    <m/>
    <m/>
    <m/>
    <m/>
    <m/>
    <m/>
    <m/>
    <m/>
    <m/>
    <m/>
    <m/>
    <s v="Yes"/>
    <s v="Yes"/>
    <s v="Yes"/>
    <m/>
    <m/>
    <m/>
    <m/>
    <m/>
    <m/>
    <m/>
    <n v="2050"/>
    <n v="36.700487804878051"/>
    <s v=""/>
    <s v=""/>
    <s v=""/>
    <s v=""/>
    <s v=""/>
    <s v=""/>
    <s v=""/>
    <s v=""/>
    <s v=""/>
    <s v=""/>
    <s v=""/>
    <s v=""/>
    <s v=""/>
    <s v=""/>
    <s v=""/>
    <s v=""/>
    <s v=""/>
    <s v=""/>
    <s v=""/>
    <s v=""/>
    <s v=""/>
    <n v="9175.121951219513"/>
    <n v="14680.195121951221"/>
    <n v="51380.682926829271"/>
    <s v=""/>
    <s v=""/>
    <s v=""/>
    <s v=""/>
    <s v=""/>
    <s v=""/>
    <s v=""/>
    <s v="Total Cost at December 2023"/>
    <m/>
    <s v="Aecom (2024) Berkhamsted and Tring Sustainable Transport Study "/>
  </r>
  <r>
    <n v="665"/>
    <x v="1"/>
    <s v="Transport"/>
    <s v="Highways and transportation"/>
    <s v="Enhancements to Tring Railway Station"/>
    <s v="Further enhancements to the station and surrounding routes as put forward in London Northwestern Railway’s Prospectus for Tring station. "/>
    <x v="3"/>
    <x v="4"/>
    <x v="2"/>
    <x v="2"/>
    <x v="15"/>
    <s v="N/A"/>
    <s v="N/A"/>
    <m/>
    <m/>
    <s v="S278 / S106 / CIL / External Funding"/>
    <s v="Essential"/>
    <m/>
    <m/>
    <m/>
    <m/>
    <m/>
    <m/>
    <m/>
    <m/>
    <m/>
    <m/>
    <m/>
    <m/>
    <m/>
    <m/>
    <m/>
    <m/>
    <m/>
    <m/>
    <m/>
    <m/>
    <m/>
    <s v="Yes"/>
    <s v="Yes"/>
    <s v="Yes"/>
    <s v="Yes"/>
    <m/>
    <m/>
    <m/>
    <m/>
    <m/>
    <m/>
    <n v="2251"/>
    <m/>
    <s v=""/>
    <s v=""/>
    <s v=""/>
    <s v=""/>
    <s v=""/>
    <s v=""/>
    <s v=""/>
    <s v=""/>
    <s v=""/>
    <s v=""/>
    <s v=""/>
    <s v=""/>
    <s v=""/>
    <s v=""/>
    <s v=""/>
    <s v=""/>
    <s v=""/>
    <s v=""/>
    <s v=""/>
    <s v=""/>
    <s v=""/>
    <n v="0"/>
    <n v="0"/>
    <n v="0"/>
    <n v="0"/>
    <s v=""/>
    <s v=""/>
    <s v=""/>
    <s v=""/>
    <s v=""/>
    <s v=""/>
    <s v="Total Cost at December 2023"/>
    <s v="Combination of various measures could cost in excess of £1m but delivered over the course of the Local Plan period "/>
    <s v="Aecom (2024) Berkhamsted and Tring Sustainable Transport Study "/>
  </r>
  <r>
    <n v="666"/>
    <x v="1"/>
    <s v="Transport"/>
    <s v="Highways and transportation"/>
    <s v="Minor junction enhancement at the junction of Miswell Lane and Beaconsfield Road"/>
    <s v="Side road entry treatment."/>
    <x v="3"/>
    <x v="49"/>
    <x v="1"/>
    <x v="2"/>
    <x v="39"/>
    <s v="N/A"/>
    <s v="N/A"/>
    <n v="25079"/>
    <n v="25079"/>
    <s v="S278 / S106"/>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67"/>
    <x v="1"/>
    <s v="Transport"/>
    <s v="Highways and transportation"/>
    <s v="Minor junction enhancement at the junction of Miswell Lane and Highfield Road"/>
    <s v=" Provide a side roads entry treatment with block paving. Add tactile pavings for a new uncontrolled crossing."/>
    <x v="3"/>
    <x v="49"/>
    <x v="1"/>
    <x v="2"/>
    <x v="40"/>
    <s v="N/A"/>
    <s v="N/A"/>
    <n v="25079"/>
    <n v="25079"/>
    <s v="S278 / S106"/>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68"/>
    <x v="1"/>
    <s v="Transport"/>
    <s v="Highways and transportation"/>
    <s v="Minor junction enhancement at the junction of Miswell Lane and B4635"/>
    <s v=" Entry treatment using block paving. Tactile paving to provide an uncontrolled crossing."/>
    <x v="3"/>
    <x v="49"/>
    <x v="1"/>
    <x v="2"/>
    <x v="40"/>
    <s v="N/A"/>
    <s v="N/A"/>
    <n v="25079"/>
    <n v="25079"/>
    <s v="S278 / S106"/>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69"/>
    <x v="1"/>
    <s v="Transport"/>
    <s v="Highways and transportation"/>
    <s v="Minor junction enhancement at the junction of Grove Road and Marshcroft Lane"/>
    <s v="Ti31.aEntry treatment at Marshcroft Lane and informal crossing with tactile paving. Crossing to be 1.2m wide minimum._x000a_Ti31.bRefresh road markings."/>
    <x v="3"/>
    <x v="53"/>
    <x v="1"/>
    <x v="2"/>
    <x v="15"/>
    <s v="N/A"/>
    <s v="N/A"/>
    <n v="31348"/>
    <n v="31348"/>
    <s v="S278 / S106"/>
    <s v="Essential"/>
    <m/>
    <m/>
    <m/>
    <m/>
    <m/>
    <m/>
    <m/>
    <m/>
    <m/>
    <m/>
    <m/>
    <m/>
    <m/>
    <m/>
    <m/>
    <m/>
    <m/>
    <m/>
    <m/>
    <m/>
    <m/>
    <s v="Yes"/>
    <s v="Yes"/>
    <s v="Yes"/>
    <m/>
    <m/>
    <m/>
    <m/>
    <m/>
    <m/>
    <m/>
    <n v="2050"/>
    <n v="15.29170731707317"/>
    <s v=""/>
    <s v=""/>
    <s v=""/>
    <s v=""/>
    <s v=""/>
    <s v=""/>
    <s v=""/>
    <s v=""/>
    <s v=""/>
    <s v=""/>
    <s v=""/>
    <s v=""/>
    <s v=""/>
    <s v=""/>
    <s v=""/>
    <s v=""/>
    <s v=""/>
    <s v=""/>
    <s v=""/>
    <s v=""/>
    <s v=""/>
    <n v="3822.9268292682927"/>
    <n v="6116.6829268292677"/>
    <n v="21408.390243902439"/>
    <s v=""/>
    <s v=""/>
    <s v=""/>
    <s v=""/>
    <s v=""/>
    <s v=""/>
    <s v=""/>
    <s v="Total Cost at December 2023"/>
    <m/>
    <s v="Aecom (2024) Berkhamsted and Tring Sustainable Transport Study "/>
  </r>
  <r>
    <n v="670"/>
    <x v="1"/>
    <s v="Transport"/>
    <s v="Highways and transportation"/>
    <s v="Minor junction enhancement at the crossroads of Station Road, Grove Road and Cow Lane"/>
    <s v="Ti32.aProvide tactile paving at central refuge and crossing points on Grove Road._x000a_Ti32.bRefresh road markings._x000a_Ti32.cAdd 20mph and 30mph signs at Station Road, just west of the junction with Grove Road._x000a_Ti32.dProvide an informal crossing point across Station Road west of the junction with Grove Road. Crossing to be 2.4m wide."/>
    <x v="3"/>
    <x v="51"/>
    <x v="1"/>
    <x v="2"/>
    <x v="15"/>
    <s v="N/A"/>
    <s v="N/A"/>
    <n v="75236"/>
    <n v="75236"/>
    <s v="S278 / S106"/>
    <s v="Essential"/>
    <m/>
    <m/>
    <m/>
    <m/>
    <m/>
    <m/>
    <m/>
    <m/>
    <m/>
    <m/>
    <m/>
    <m/>
    <m/>
    <m/>
    <m/>
    <m/>
    <m/>
    <m/>
    <m/>
    <m/>
    <m/>
    <s v="Yes"/>
    <s v="Yes"/>
    <s v="Yes"/>
    <m/>
    <m/>
    <m/>
    <m/>
    <m/>
    <m/>
    <m/>
    <n v="2050"/>
    <n v="36.700487804878051"/>
    <s v=""/>
    <s v=""/>
    <s v=""/>
    <s v=""/>
    <s v=""/>
    <s v=""/>
    <s v=""/>
    <s v=""/>
    <s v=""/>
    <s v=""/>
    <s v=""/>
    <s v=""/>
    <s v=""/>
    <s v=""/>
    <s v=""/>
    <s v=""/>
    <s v=""/>
    <s v=""/>
    <s v=""/>
    <s v=""/>
    <s v=""/>
    <n v="9175.121951219513"/>
    <n v="14680.195121951221"/>
    <n v="51380.682926829271"/>
    <s v=""/>
    <s v=""/>
    <s v=""/>
    <s v=""/>
    <s v=""/>
    <s v=""/>
    <s v=""/>
    <s v="Total Cost at December 2023"/>
    <m/>
    <s v="Aecom (2024) Berkhamsted and Tring Sustainable Transport Study "/>
  </r>
  <r>
    <n v="671"/>
    <x v="1"/>
    <s v="Transport"/>
    <s v="Highways and transportation"/>
    <s v="Grove Road Corridor Intervention"/>
    <s v="Ti68.aProvide an uncontrolled crossing across Grove Road between Grove Gardens and Bunyan Close to create a safer access onto the footway on the northern side of Grove Road. Dropped kerbs and tactile paving required. Crossing to be 2.4m wide._x000a_Ti68.bWiden existing footway to 2m on the northern side of Grove Road (maintenance issue - cut back vegetation to maximise footway width) between Grove Gardens and house number 30."/>
    <x v="3"/>
    <x v="21"/>
    <x v="1"/>
    <x v="2"/>
    <x v="41"/>
    <s v="N/A"/>
    <s v="N/A"/>
    <n v="108841"/>
    <n v="108841"/>
    <s v="S278 / S106"/>
    <s v="Essential"/>
    <m/>
    <m/>
    <m/>
    <m/>
    <m/>
    <m/>
    <m/>
    <m/>
    <m/>
    <m/>
    <m/>
    <m/>
    <m/>
    <m/>
    <m/>
    <m/>
    <m/>
    <m/>
    <m/>
    <m/>
    <m/>
    <m/>
    <s v="Yes"/>
    <m/>
    <m/>
    <m/>
    <m/>
    <m/>
    <m/>
    <m/>
    <m/>
    <n v="400"/>
    <n v="272.10250000000002"/>
    <s v=""/>
    <s v=""/>
    <s v=""/>
    <s v=""/>
    <s v=""/>
    <s v=""/>
    <s v=""/>
    <s v=""/>
    <s v=""/>
    <s v=""/>
    <s v=""/>
    <s v=""/>
    <s v=""/>
    <s v=""/>
    <s v=""/>
    <s v=""/>
    <s v=""/>
    <s v=""/>
    <s v=""/>
    <s v=""/>
    <s v=""/>
    <s v=""/>
    <n v="108841.00000000001"/>
    <s v=""/>
    <s v=""/>
    <s v=""/>
    <s v=""/>
    <s v=""/>
    <s v=""/>
    <s v=""/>
    <s v=""/>
    <s v="Total Cost at December 2023"/>
    <m/>
    <s v="Aecom (2024) Berkhamsted and Tring Sustainable Transport Study "/>
  </r>
  <r>
    <n v="672"/>
    <x v="1"/>
    <s v="Transport"/>
    <s v="Highways and transportation"/>
    <s v="Standalone crossing on Brook Street near Hunters Close"/>
    <s v="Provide a 2.4m zebra crossing next to the entrance/exit to Hunters Close. Tactile paving, dropped kerbs, belisha beacons and appropriate road markings and signs to be provided."/>
    <x v="3"/>
    <x v="21"/>
    <x v="1"/>
    <x v="2"/>
    <x v="41"/>
    <s v="N/A"/>
    <s v="N/A"/>
    <n v="37618"/>
    <n v="37618"/>
    <s v="S278 / S106"/>
    <s v="Essential"/>
    <m/>
    <m/>
    <m/>
    <m/>
    <m/>
    <m/>
    <m/>
    <m/>
    <m/>
    <m/>
    <m/>
    <m/>
    <m/>
    <m/>
    <m/>
    <m/>
    <m/>
    <m/>
    <m/>
    <m/>
    <m/>
    <m/>
    <s v="Yes"/>
    <m/>
    <m/>
    <m/>
    <m/>
    <m/>
    <m/>
    <m/>
    <m/>
    <n v="400"/>
    <n v="94.045000000000002"/>
    <s v=""/>
    <s v=""/>
    <s v=""/>
    <s v=""/>
    <s v=""/>
    <s v=""/>
    <s v=""/>
    <s v=""/>
    <s v=""/>
    <s v=""/>
    <s v=""/>
    <s v=""/>
    <s v=""/>
    <s v=""/>
    <s v=""/>
    <s v=""/>
    <s v=""/>
    <s v=""/>
    <s v=""/>
    <s v=""/>
    <s v=""/>
    <s v=""/>
    <n v="37618"/>
    <s v=""/>
    <s v=""/>
    <s v=""/>
    <s v=""/>
    <s v=""/>
    <s v=""/>
    <s v=""/>
    <s v=""/>
    <s v="Total Cost at December 2023"/>
    <m/>
    <s v="Aecom (2024) Berkhamsted and Tring Sustainable Transport Study "/>
  </r>
  <r>
    <n v="673"/>
    <x v="1"/>
    <s v="Transport"/>
    <s v="Highways and transportation"/>
    <s v="20mph speed limit in north Tring, along New Road and on Morefields/Fields End"/>
    <s v="HCC Project. "/>
    <x v="3"/>
    <x v="4"/>
    <x v="2"/>
    <x v="2"/>
    <x v="15"/>
    <s v="N/A"/>
    <s v="N/A"/>
    <n v="125393"/>
    <n v="125393"/>
    <s v="External Funding"/>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74"/>
    <x v="1"/>
    <s v="Transport"/>
    <s v="Highways and transportation"/>
    <s v="20mph speed limit area in central and western Tring"/>
    <s v="Being implemented "/>
    <x v="3"/>
    <x v="4"/>
    <x v="2"/>
    <x v="2"/>
    <x v="15"/>
    <s v="N/A"/>
    <s v="N/A"/>
    <m/>
    <m/>
    <s v="External Funding"/>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75"/>
    <x v="1"/>
    <s v="Transport"/>
    <s v="Highways and transportation"/>
    <s v="20mph speed limit in north-east Tring, east of Dundale Road to Brook Street in the west, bounded just inside Icknield Way in the north and High Street in the south."/>
    <s v="HCC Project. "/>
    <x v="3"/>
    <x v="4"/>
    <x v="2"/>
    <x v="2"/>
    <x v="15"/>
    <s v="N/A"/>
    <s v="N/A"/>
    <n v="18809"/>
    <n v="18809"/>
    <s v="External Funding"/>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76"/>
    <x v="1"/>
    <s v="Transport"/>
    <s v="Highways and transportation"/>
    <s v="Active Mode connection to Wilstone"/>
    <s v="Active Mode connection to Wilstone"/>
    <x v="9"/>
    <x v="4"/>
    <x v="2"/>
    <x v="2"/>
    <x v="42"/>
    <s v="N/A"/>
    <s v="N/A"/>
    <n v="100816"/>
    <n v="100816"/>
    <s v="S278 / S106 / CIL / External Funding"/>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77"/>
    <x v="1"/>
    <s v="Transport"/>
    <s v="Highways and transportation"/>
    <s v="Segregated cycle/footway along A4251 from Tring to Northchurch along existing neglected footway"/>
    <s v="Segregated cycle/footway along A4251 from Tring to Northchurch along existing neglected footway"/>
    <x v="9"/>
    <x v="4"/>
    <x v="2"/>
    <x v="2"/>
    <x v="43"/>
    <s v="N/A"/>
    <s v="N/A"/>
    <n v="1095936"/>
    <n v="1095936"/>
    <s v="S278 / S106 / CIL / External Funding"/>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78"/>
    <x v="1"/>
    <s v="Transport"/>
    <s v="Highways and transportation"/>
    <s v="Cycle route from Tring Station to Pitstone"/>
    <s v="Cycle route from Tring Station to Pitstone"/>
    <x v="9"/>
    <x v="4"/>
    <x v="2"/>
    <x v="2"/>
    <x v="44"/>
    <s v="N/A"/>
    <s v="N/A"/>
    <m/>
    <m/>
    <s v="S278 / S106 / CIL / External Funding"/>
    <s v="Essential"/>
    <m/>
    <m/>
    <m/>
    <m/>
    <m/>
    <m/>
    <m/>
    <m/>
    <m/>
    <m/>
    <m/>
    <m/>
    <m/>
    <m/>
    <m/>
    <m/>
    <m/>
    <m/>
    <m/>
    <m/>
    <m/>
    <m/>
    <m/>
    <m/>
    <m/>
    <m/>
    <m/>
    <m/>
    <m/>
    <m/>
    <m/>
    <n v="0"/>
    <m/>
    <s v=""/>
    <s v=""/>
    <s v=""/>
    <s v=""/>
    <s v=""/>
    <s v=""/>
    <s v=""/>
    <s v=""/>
    <s v=""/>
    <s v=""/>
    <s v=""/>
    <s v=""/>
    <s v=""/>
    <s v=""/>
    <s v=""/>
    <s v=""/>
    <s v=""/>
    <s v=""/>
    <s v=""/>
    <s v=""/>
    <s v=""/>
    <s v=""/>
    <s v=""/>
    <s v=""/>
    <s v=""/>
    <s v=""/>
    <s v=""/>
    <s v=""/>
    <s v=""/>
    <s v=""/>
    <s v=""/>
    <s v="Total Cost at December 2023"/>
    <m/>
    <s v="Aecom (2024) Berkhamsted and Tring Sustainable Transport Study "/>
  </r>
  <r>
    <n v="679"/>
    <x v="1"/>
    <s v="Transport"/>
    <s v="Multi-Modal"/>
    <s v="Cambrian Way Local Mobility Hub"/>
    <s v="Local Mobility Hub located near to the junction with Wensleydale, close to Nickey Line, and served by Bus Route 2"/>
    <x v="1"/>
    <x v="54"/>
    <x v="2"/>
    <x v="2"/>
    <x v="45"/>
    <s v="N/A"/>
    <s v="N/A"/>
    <n v="370629.1875"/>
    <n v="370629.1875"/>
    <s v="S278 / S106 / CIL / External Funding"/>
    <s v="Essential"/>
    <m/>
    <m/>
    <m/>
    <m/>
    <m/>
    <m/>
    <m/>
    <m/>
    <m/>
    <m/>
    <m/>
    <m/>
    <m/>
    <m/>
    <m/>
    <m/>
    <m/>
    <m/>
    <m/>
    <m/>
    <m/>
    <m/>
    <m/>
    <m/>
    <m/>
    <m/>
    <m/>
    <m/>
    <m/>
    <m/>
    <m/>
    <n v="0"/>
    <m/>
    <s v=""/>
    <s v=""/>
    <s v=""/>
    <s v=""/>
    <s v=""/>
    <s v=""/>
    <s v=""/>
    <s v=""/>
    <s v=""/>
    <s v=""/>
    <s v=""/>
    <s v=""/>
    <s v=""/>
    <s v=""/>
    <s v=""/>
    <s v=""/>
    <s v=""/>
    <s v=""/>
    <s v=""/>
    <s v=""/>
    <s v=""/>
    <s v=""/>
    <s v=""/>
    <s v=""/>
    <s v=""/>
    <s v=""/>
    <s v=""/>
    <s v=""/>
    <s v=""/>
    <s v=""/>
    <s v=""/>
    <m/>
    <m/>
    <m/>
  </r>
  <r>
    <n v="680"/>
    <x v="1"/>
    <s v="Transport"/>
    <s v="Multi-Modal"/>
    <s v="Keens Field Mobility Hub"/>
    <s v="Local Mobility Hub located at Queensway-St Paul's Rd (close to Nickey Line) OR Cattsdell-Thumpers junction area. Served by Bus Routes 2, 3 and 4"/>
    <x v="1"/>
    <x v="54"/>
    <x v="2"/>
    <x v="2"/>
    <x v="45"/>
    <s v="N/A"/>
    <s v="N/A"/>
    <n v="370629.1875"/>
    <n v="370629.1875"/>
    <s v="S278 / S106 / CIL / External Funding"/>
    <s v="Essential"/>
    <m/>
    <m/>
    <m/>
    <m/>
    <m/>
    <m/>
    <m/>
    <m/>
    <m/>
    <m/>
    <m/>
    <m/>
    <m/>
    <m/>
    <m/>
    <m/>
    <m/>
    <m/>
    <m/>
    <m/>
    <m/>
    <m/>
    <m/>
    <m/>
    <m/>
    <m/>
    <m/>
    <m/>
    <m/>
    <m/>
    <m/>
    <n v="0"/>
    <m/>
    <s v=""/>
    <s v=""/>
    <s v=""/>
    <s v=""/>
    <s v=""/>
    <s v=""/>
    <s v=""/>
    <s v=""/>
    <s v=""/>
    <s v=""/>
    <s v=""/>
    <s v=""/>
    <s v=""/>
    <s v=""/>
    <s v=""/>
    <s v=""/>
    <s v=""/>
    <s v=""/>
    <s v=""/>
    <s v=""/>
    <s v=""/>
    <s v=""/>
    <s v=""/>
    <s v=""/>
    <s v=""/>
    <s v=""/>
    <s v=""/>
    <s v=""/>
    <s v=""/>
    <s v=""/>
    <s v=""/>
    <m/>
    <m/>
    <m/>
  </r>
  <r>
    <n v="681"/>
    <x v="1"/>
    <s v="Transport"/>
    <s v="Multi-Modal"/>
    <s v="Grovehill Local Mobility Hub"/>
    <s v="Local Mobility Hub located at Aycliffe Drive (Grovehill) opp. Henry Wls Sq. Served by Bus Route 2"/>
    <x v="1"/>
    <x v="1"/>
    <x v="2"/>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682"/>
    <x v="1"/>
    <s v="Transport"/>
    <s v="Multi-Modal"/>
    <s v="Woodhall Farm Local Mobility Hub"/>
    <s v="Local Mobility Hub located on Shenley Road, Woodhall Fm near Sainsbury's. Served by Bus Route 2"/>
    <x v="1"/>
    <x v="1"/>
    <x v="2"/>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683"/>
    <x v="1"/>
    <s v="Transport"/>
    <s v="Multi-Modal"/>
    <s v="Adeyfield Local Mobility Hub"/>
    <s v="Local Mobility Hub located at The Queen's Square, Adeyfield local centre. Served by Bus Routes 1 and 302"/>
    <x v="1"/>
    <x v="54"/>
    <x v="2"/>
    <x v="2"/>
    <x v="45"/>
    <s v="N/A"/>
    <s v="N/A"/>
    <n v="370629.1875"/>
    <n v="370629.1875"/>
    <s v="S278 / S106 / CIL / External Funding"/>
    <s v="Essential"/>
    <m/>
    <m/>
    <m/>
    <m/>
    <m/>
    <m/>
    <m/>
    <m/>
    <m/>
    <m/>
    <m/>
    <m/>
    <m/>
    <m/>
    <m/>
    <m/>
    <m/>
    <m/>
    <m/>
    <m/>
    <m/>
    <m/>
    <m/>
    <m/>
    <m/>
    <m/>
    <m/>
    <m/>
    <m/>
    <m/>
    <m/>
    <n v="0"/>
    <m/>
    <s v=""/>
    <s v=""/>
    <s v=""/>
    <s v=""/>
    <s v=""/>
    <s v=""/>
    <s v=""/>
    <s v=""/>
    <s v=""/>
    <s v=""/>
    <s v=""/>
    <s v=""/>
    <s v=""/>
    <s v=""/>
    <s v=""/>
    <s v=""/>
    <s v=""/>
    <s v=""/>
    <s v=""/>
    <s v=""/>
    <s v=""/>
    <s v=""/>
    <s v=""/>
    <s v=""/>
    <s v=""/>
    <s v=""/>
    <s v=""/>
    <s v=""/>
    <s v=""/>
    <s v=""/>
    <s v=""/>
    <m/>
    <m/>
    <m/>
  </r>
  <r>
    <n v="684"/>
    <x v="1"/>
    <s v="Transport"/>
    <s v="Multi-Modal"/>
    <s v="Maylands South Local Mobility Hub"/>
    <s v="At or near future HERT interchange at junction of A414 Breakspear Way/Maylands Avenue"/>
    <x v="1"/>
    <x v="55"/>
    <x v="2"/>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685"/>
    <x v="1"/>
    <s v="Transport"/>
    <s v="Multi-Modal"/>
    <s v="Jarman Park Local Mobility Hub"/>
    <s v="Local Mobility Hub located at Jarman Park near to vehicle access or adjacent to marked bus stop. Not currently served by any local bus service but could be served by the HERT in the future"/>
    <x v="1"/>
    <x v="54"/>
    <x v="2"/>
    <x v="2"/>
    <x v="45"/>
    <s v="N/A"/>
    <s v="N/A"/>
    <n v="370629.1875"/>
    <n v="370629.1875"/>
    <s v="S278 / S106 / CIL / External Funding"/>
    <s v="Essential"/>
    <m/>
    <m/>
    <m/>
    <m/>
    <m/>
    <m/>
    <m/>
    <m/>
    <m/>
    <m/>
    <m/>
    <m/>
    <m/>
    <m/>
    <m/>
    <m/>
    <m/>
    <m/>
    <m/>
    <m/>
    <m/>
    <m/>
    <m/>
    <m/>
    <m/>
    <m/>
    <m/>
    <m/>
    <m/>
    <m/>
    <m/>
    <n v="0"/>
    <m/>
    <s v=""/>
    <s v=""/>
    <s v=""/>
    <s v=""/>
    <s v=""/>
    <s v=""/>
    <s v=""/>
    <s v=""/>
    <s v=""/>
    <s v=""/>
    <s v=""/>
    <s v=""/>
    <s v=""/>
    <s v=""/>
    <s v=""/>
    <s v=""/>
    <s v=""/>
    <s v=""/>
    <s v=""/>
    <s v=""/>
    <s v=""/>
    <s v=""/>
    <s v=""/>
    <s v=""/>
    <s v=""/>
    <s v=""/>
    <s v=""/>
    <s v=""/>
    <s v=""/>
    <s v=""/>
    <s v=""/>
    <m/>
    <m/>
    <m/>
  </r>
  <r>
    <n v="686"/>
    <x v="1"/>
    <s v="Transport"/>
    <s v="Multi-Modal"/>
    <s v="Bennetts End Local Mobility Hub"/>
    <s v="Local Mobility Hub located at Peascroft Road/Bennetts End Road, close to the local shopping parade. Served by Bus Routes 1 and 2"/>
    <x v="1"/>
    <x v="54"/>
    <x v="2"/>
    <x v="2"/>
    <x v="45"/>
    <s v="N/A"/>
    <s v="N/A"/>
    <n v="370629.1875"/>
    <n v="370629.1875"/>
    <s v="S278 / S106 / CIL / External Funding"/>
    <s v="Essential"/>
    <m/>
    <m/>
    <m/>
    <m/>
    <m/>
    <m/>
    <m/>
    <m/>
    <m/>
    <m/>
    <m/>
    <m/>
    <m/>
    <m/>
    <m/>
    <m/>
    <m/>
    <m/>
    <m/>
    <m/>
    <m/>
    <m/>
    <m/>
    <m/>
    <m/>
    <m/>
    <m/>
    <m/>
    <m/>
    <m/>
    <m/>
    <n v="0"/>
    <m/>
    <s v=""/>
    <s v=""/>
    <s v=""/>
    <s v=""/>
    <s v=""/>
    <s v=""/>
    <s v=""/>
    <s v=""/>
    <s v=""/>
    <s v=""/>
    <s v=""/>
    <s v=""/>
    <s v=""/>
    <s v=""/>
    <s v=""/>
    <s v=""/>
    <s v=""/>
    <s v=""/>
    <s v=""/>
    <s v=""/>
    <s v=""/>
    <s v=""/>
    <s v=""/>
    <s v=""/>
    <s v=""/>
    <s v=""/>
    <s v=""/>
    <s v=""/>
    <s v=""/>
    <s v=""/>
    <s v=""/>
    <m/>
    <m/>
    <m/>
  </r>
  <r>
    <n v="687"/>
    <x v="1"/>
    <s v="Transport"/>
    <s v="Multi-Modal"/>
    <s v="Leverstock Green Local Mobility Hub"/>
    <s v="Local Mobility Hub located on Leverstock Green Way, close to the local shopping parade. Served by Bus Routes 20, 302 and 721"/>
    <x v="1"/>
    <x v="55"/>
    <x v="2"/>
    <x v="2"/>
    <x v="45"/>
    <s v="N/A"/>
    <s v="N/A"/>
    <n v="370629.1875"/>
    <n v="370629.1875"/>
    <s v="S278 / S106 "/>
    <s v="Critical - Local Plan"/>
    <m/>
    <m/>
    <m/>
    <m/>
    <m/>
    <m/>
    <m/>
    <m/>
    <m/>
    <m/>
    <m/>
    <m/>
    <m/>
    <m/>
    <m/>
    <m/>
    <m/>
    <m/>
    <m/>
    <m/>
    <m/>
    <m/>
    <m/>
    <m/>
    <m/>
    <m/>
    <m/>
    <m/>
    <m/>
    <m/>
    <m/>
    <n v="0"/>
    <m/>
    <s v=""/>
    <s v=""/>
    <s v=""/>
    <s v=""/>
    <s v=""/>
    <s v=""/>
    <s v=""/>
    <s v=""/>
    <s v=""/>
    <s v=""/>
    <s v=""/>
    <s v=""/>
    <s v=""/>
    <s v=""/>
    <s v=""/>
    <s v=""/>
    <s v=""/>
    <s v=""/>
    <s v=""/>
    <s v=""/>
    <s v=""/>
    <s v=""/>
    <s v=""/>
    <s v=""/>
    <s v=""/>
    <s v=""/>
    <s v=""/>
    <s v=""/>
    <s v=""/>
    <s v=""/>
    <s v=""/>
    <m/>
    <m/>
    <m/>
  </r>
  <r>
    <n v="688"/>
    <x v="1"/>
    <s v="Transport"/>
    <s v="Multi-Modal"/>
    <s v="Warners End Local Mobility Hub"/>
    <s v="Local Mobility Hub at Warners End Road/Long Chaulden, close to the local shopping parade. Served by Bus Routes 3, 4 and ML1.  "/>
    <x v="1"/>
    <x v="7"/>
    <x v="2"/>
    <x v="2"/>
    <x v="45"/>
    <s v="N/A"/>
    <s v="N/A"/>
    <n v="370629.1875"/>
    <n v="370629.1875"/>
    <s v="S278 / S106 "/>
    <s v="Critical - Local Plan"/>
    <m/>
    <m/>
    <m/>
    <m/>
    <m/>
    <m/>
    <m/>
    <m/>
    <m/>
    <m/>
    <m/>
    <m/>
    <m/>
    <m/>
    <m/>
    <m/>
    <m/>
    <m/>
    <m/>
    <m/>
    <m/>
    <m/>
    <m/>
    <m/>
    <m/>
    <m/>
    <m/>
    <m/>
    <m/>
    <m/>
    <m/>
    <n v="0"/>
    <m/>
    <s v=""/>
    <s v=""/>
    <s v=""/>
    <s v=""/>
    <s v=""/>
    <s v=""/>
    <s v=""/>
    <s v=""/>
    <s v=""/>
    <s v=""/>
    <s v=""/>
    <s v=""/>
    <s v=""/>
    <s v=""/>
    <s v=""/>
    <s v=""/>
    <s v=""/>
    <s v=""/>
    <s v=""/>
    <s v=""/>
    <s v=""/>
    <s v=""/>
    <s v=""/>
    <s v=""/>
    <s v=""/>
    <s v=""/>
    <s v=""/>
    <s v=""/>
    <s v=""/>
    <s v=""/>
    <s v=""/>
    <m/>
    <m/>
    <m/>
  </r>
  <r>
    <n v="689"/>
    <x v="1"/>
    <s v="Transport"/>
    <s v="Multi-Modal"/>
    <s v="Galley Hill Local Mobility Hub"/>
    <s v="Local Mobility Hub located in Galley Hill opposite the Baptist Church. Served by Bus Routes 3 and 4. "/>
    <x v="1"/>
    <x v="56"/>
    <x v="2"/>
    <x v="2"/>
    <x v="45"/>
    <s v="N/A"/>
    <s v="N/A"/>
    <n v="370629.1875"/>
    <n v="370629.1875"/>
    <s v="S278 / S106 "/>
    <s v="Critical - Local Plan"/>
    <m/>
    <m/>
    <m/>
    <m/>
    <m/>
    <m/>
    <m/>
    <m/>
    <m/>
    <m/>
    <m/>
    <m/>
    <m/>
    <m/>
    <m/>
    <m/>
    <m/>
    <m/>
    <m/>
    <m/>
    <m/>
    <m/>
    <m/>
    <m/>
    <m/>
    <m/>
    <m/>
    <m/>
    <m/>
    <m/>
    <m/>
    <n v="0"/>
    <m/>
    <s v=""/>
    <s v=""/>
    <s v=""/>
    <s v=""/>
    <s v=""/>
    <s v=""/>
    <s v=""/>
    <s v=""/>
    <s v=""/>
    <s v=""/>
    <s v=""/>
    <s v=""/>
    <s v=""/>
    <s v=""/>
    <s v=""/>
    <s v=""/>
    <s v=""/>
    <s v=""/>
    <s v=""/>
    <s v=""/>
    <s v=""/>
    <s v=""/>
    <s v=""/>
    <s v=""/>
    <s v=""/>
    <s v=""/>
    <s v=""/>
    <s v=""/>
    <s v=""/>
    <s v=""/>
    <s v=""/>
    <m/>
    <m/>
    <m/>
  </r>
  <r>
    <n v="690"/>
    <x v="1"/>
    <s v="Transport"/>
    <s v="Multi-Modal"/>
    <s v="Chaulden Local Mobility Hub"/>
    <s v="Local Mobility Hub located close to the Honeycross Rd junction. Served by Bus Routes 3 and ML1 "/>
    <x v="1"/>
    <x v="57"/>
    <x v="2"/>
    <x v="2"/>
    <x v="45"/>
    <s v="N/A"/>
    <s v="N/A"/>
    <n v="370629.1875"/>
    <n v="370629.1875"/>
    <s v="S278 / S106 "/>
    <s v="Critical - Local Plan"/>
    <m/>
    <m/>
    <m/>
    <m/>
    <m/>
    <m/>
    <m/>
    <m/>
    <m/>
    <m/>
    <m/>
    <m/>
    <m/>
    <m/>
    <m/>
    <m/>
    <m/>
    <m/>
    <m/>
    <m/>
    <m/>
    <m/>
    <m/>
    <m/>
    <m/>
    <m/>
    <m/>
    <m/>
    <m/>
    <m/>
    <m/>
    <n v="0"/>
    <m/>
    <s v=""/>
    <s v=""/>
    <s v=""/>
    <s v=""/>
    <s v=""/>
    <s v=""/>
    <s v=""/>
    <s v=""/>
    <s v=""/>
    <s v=""/>
    <s v=""/>
    <s v=""/>
    <s v=""/>
    <s v=""/>
    <s v=""/>
    <s v=""/>
    <s v=""/>
    <s v=""/>
    <s v=""/>
    <s v=""/>
    <s v=""/>
    <s v=""/>
    <s v=""/>
    <s v=""/>
    <s v=""/>
    <s v=""/>
    <s v=""/>
    <s v=""/>
    <s v=""/>
    <s v=""/>
    <s v=""/>
    <m/>
    <m/>
    <m/>
  </r>
  <r>
    <n v="691"/>
    <x v="1"/>
    <s v="Transport"/>
    <s v="Multi-Modal"/>
    <s v="Maylands Central Local Mobility Hub"/>
    <s v="Local Mobilith Hub located at Wood Lane End car park (requites removal of parking spaces). Served by Bus Routes 302, 320 and ML1."/>
    <x v="1"/>
    <x v="54"/>
    <x v="2"/>
    <x v="2"/>
    <x v="45"/>
    <s v="N/A"/>
    <s v="N/A"/>
    <n v="370629.1875"/>
    <n v="370629.1875"/>
    <s v="S278 / S106 / CIL / External Funding"/>
    <s v="Essential"/>
    <m/>
    <m/>
    <m/>
    <m/>
    <m/>
    <m/>
    <m/>
    <m/>
    <m/>
    <m/>
    <m/>
    <m/>
    <m/>
    <m/>
    <m/>
    <m/>
    <m/>
    <m/>
    <m/>
    <m/>
    <m/>
    <m/>
    <m/>
    <m/>
    <m/>
    <m/>
    <m/>
    <m/>
    <m/>
    <m/>
    <m/>
    <n v="0"/>
    <m/>
    <s v=""/>
    <s v=""/>
    <s v=""/>
    <s v=""/>
    <s v=""/>
    <s v=""/>
    <s v=""/>
    <s v=""/>
    <s v=""/>
    <s v=""/>
    <s v=""/>
    <s v=""/>
    <s v=""/>
    <s v=""/>
    <s v=""/>
    <s v=""/>
    <s v=""/>
    <s v=""/>
    <s v=""/>
    <s v=""/>
    <s v=""/>
    <s v=""/>
    <s v=""/>
    <s v=""/>
    <s v=""/>
    <s v=""/>
    <s v=""/>
    <s v=""/>
    <s v=""/>
    <s v=""/>
    <s v=""/>
    <m/>
    <m/>
    <m/>
  </r>
  <r>
    <n v="692"/>
    <x v="3"/>
    <s v="Transport"/>
    <s v="Multi-Modal"/>
    <s v="Maylands Multi Modal Interchange (Metro Mobility Hub)"/>
    <s v="Integrated metro mobility hub with facilities to encourage and facilitate modes of transport other than the private car; this will connect the site to key destinations including Hemel Hempstead Train Station and the Maylands Business Park. Mobility hub to provide a bus and coach interchange near Maylands with access to the A414/M1. Served by existing or new express coach services along the M1 (e.g. Greenline and National Express) and local express buses to neighbouring towns including a potential cross-county express bus service (HERT). Opportunity for associated cycle and pedestrian improvements. This forms part of Phase 2 of the package of transport measures for M1 J8 enhancements - Prioritisation of active and sustainable modes of travel."/>
    <x v="1"/>
    <x v="58"/>
    <x v="1"/>
    <x v="2"/>
    <x v="46"/>
    <s v="N/A"/>
    <s v="N/A"/>
    <n v="877751.875"/>
    <n v="877751.875"/>
    <s v="S278 / S106 "/>
    <s v="Essential"/>
    <m/>
    <m/>
    <m/>
    <m/>
    <m/>
    <m/>
    <m/>
    <m/>
    <m/>
    <m/>
    <m/>
    <m/>
    <m/>
    <m/>
    <m/>
    <m/>
    <m/>
    <m/>
    <m/>
    <m/>
    <m/>
    <m/>
    <m/>
    <m/>
    <m/>
    <m/>
    <m/>
    <m/>
    <m/>
    <m/>
    <m/>
    <n v="0"/>
    <m/>
    <s v=""/>
    <s v=""/>
    <s v=""/>
    <s v=""/>
    <s v=""/>
    <s v=""/>
    <s v=""/>
    <s v=""/>
    <s v=""/>
    <s v=""/>
    <s v=""/>
    <s v=""/>
    <s v=""/>
    <s v=""/>
    <s v=""/>
    <s v=""/>
    <s v=""/>
    <s v=""/>
    <s v=""/>
    <s v=""/>
    <s v=""/>
    <s v=""/>
    <s v=""/>
    <s v=""/>
    <s v=""/>
    <s v=""/>
    <s v=""/>
    <s v=""/>
    <s v=""/>
    <s v=""/>
    <s v=""/>
    <m/>
    <m/>
    <m/>
  </r>
  <r>
    <n v="693"/>
    <x v="4"/>
    <s v="Transport"/>
    <s v="Bus/Coach/MRT"/>
    <s v="Plough Roundabout Link Break - bus priority"/>
    <s v="Investigate the potential for introducing bus priority at the Plough Roundabout, particularly in the vicinity of the bus interchange which could also be served by the HERT in the future. "/>
    <x v="1"/>
    <x v="54"/>
    <x v="2"/>
    <x v="2"/>
    <x v="46"/>
    <s v="N/A"/>
    <s v="N/A"/>
    <n v="40080.247349999998"/>
    <n v="40080.247349999998"/>
    <s v="S278 / S106 / CIL / External Funding"/>
    <s v="Essential"/>
    <m/>
    <m/>
    <m/>
    <m/>
    <m/>
    <m/>
    <m/>
    <m/>
    <m/>
    <m/>
    <m/>
    <m/>
    <m/>
    <m/>
    <m/>
    <m/>
    <m/>
    <m/>
    <m/>
    <m/>
    <m/>
    <m/>
    <m/>
    <m/>
    <m/>
    <m/>
    <m/>
    <m/>
    <m/>
    <m/>
    <m/>
    <n v="0"/>
    <m/>
    <s v=""/>
    <s v=""/>
    <s v=""/>
    <s v=""/>
    <s v=""/>
    <s v=""/>
    <s v=""/>
    <s v=""/>
    <s v=""/>
    <s v=""/>
    <s v=""/>
    <s v=""/>
    <s v=""/>
    <s v=""/>
    <s v=""/>
    <s v=""/>
    <s v=""/>
    <s v=""/>
    <s v=""/>
    <s v=""/>
    <s v=""/>
    <s v=""/>
    <s v=""/>
    <s v=""/>
    <s v=""/>
    <s v=""/>
    <s v=""/>
    <s v=""/>
    <s v=""/>
    <s v=""/>
    <s v=""/>
    <m/>
    <m/>
    <m/>
  </r>
  <r>
    <n v="694"/>
    <x v="1"/>
    <s v="Transport"/>
    <s v="Bus/Coach/MRT"/>
    <s v="A414 St Albans Road (town centre approach) bus priority "/>
    <s v="Bus priority lane on the A414 westbound approaching the Plough Roundabout  including bus gate signals to enable buses to move from the nearside to the offside lane. To accommodate the bus lane, there is likely to be a need to reduce general traffic space by a lane in either the eastbound or westbound direction. "/>
    <x v="1"/>
    <x v="54"/>
    <x v="2"/>
    <x v="2"/>
    <x v="46"/>
    <s v="N/A"/>
    <s v="N/A"/>
    <n v="44337.52895"/>
    <n v="44337.52895"/>
    <s v="S278 / S106 / CIL / External Funding"/>
    <s v="Essential"/>
    <m/>
    <m/>
    <m/>
    <m/>
    <m/>
    <m/>
    <m/>
    <m/>
    <m/>
    <m/>
    <m/>
    <m/>
    <m/>
    <m/>
    <m/>
    <m/>
    <m/>
    <m/>
    <m/>
    <m/>
    <m/>
    <m/>
    <m/>
    <m/>
    <m/>
    <m/>
    <m/>
    <m/>
    <m/>
    <m/>
    <m/>
    <n v="0"/>
    <m/>
    <s v=""/>
    <s v=""/>
    <s v=""/>
    <s v=""/>
    <s v=""/>
    <s v=""/>
    <s v=""/>
    <s v=""/>
    <s v=""/>
    <s v=""/>
    <s v=""/>
    <s v=""/>
    <s v=""/>
    <s v=""/>
    <s v=""/>
    <s v=""/>
    <s v=""/>
    <s v=""/>
    <s v=""/>
    <s v=""/>
    <s v=""/>
    <s v=""/>
    <s v=""/>
    <s v=""/>
    <s v=""/>
    <s v=""/>
    <s v=""/>
    <s v=""/>
    <s v=""/>
    <s v=""/>
    <s v=""/>
    <m/>
    <m/>
    <m/>
  </r>
  <r>
    <n v="695"/>
    <x v="1"/>
    <s v="Transport"/>
    <s v="Bus/Coach/MRT"/>
    <s v="Bus Only Traffic Filter - Station Road"/>
    <s v="A Bus Only traffic filter (in both directions) on A4146 Station Road, east of St John's Road, to prevent through traffic. Could be in operation throughout the day, or at peak times only. It would benefit Bus Routes 1, 2, 4, 20, 302, 352, 501, ML1 and X5. Additional locations for bus only traffic filters across Hemel Hempstead are not confirmed at this time and would be subject to feasibility and assessment of the traffic re-routeing effects.  "/>
    <x v="1"/>
    <x v="54"/>
    <x v="2"/>
    <x v="2"/>
    <x v="45"/>
    <s v="N/A"/>
    <s v="N/A"/>
    <n v="71266.216450000007"/>
    <n v="71266.216450000007"/>
    <s v="S278 / S106 / CIL / External Funding"/>
    <s v="Essential"/>
    <m/>
    <m/>
    <m/>
    <m/>
    <m/>
    <m/>
    <m/>
    <m/>
    <m/>
    <m/>
    <m/>
    <m/>
    <m/>
    <m/>
    <m/>
    <m/>
    <m/>
    <m/>
    <m/>
    <m/>
    <m/>
    <m/>
    <m/>
    <m/>
    <m/>
    <m/>
    <m/>
    <m/>
    <m/>
    <m/>
    <m/>
    <n v="0"/>
    <m/>
    <s v=""/>
    <s v=""/>
    <s v=""/>
    <s v=""/>
    <s v=""/>
    <s v=""/>
    <s v=""/>
    <s v=""/>
    <s v=""/>
    <s v=""/>
    <s v=""/>
    <s v=""/>
    <s v=""/>
    <s v=""/>
    <s v=""/>
    <s v=""/>
    <s v=""/>
    <s v=""/>
    <s v=""/>
    <s v=""/>
    <s v=""/>
    <s v=""/>
    <s v=""/>
    <s v=""/>
    <s v=""/>
    <s v=""/>
    <s v=""/>
    <s v=""/>
    <s v=""/>
    <s v=""/>
    <s v=""/>
    <m/>
    <m/>
    <m/>
  </r>
  <r>
    <n v="696"/>
    <x v="1"/>
    <s v="Transport"/>
    <s v="Bus/Coach/MRT"/>
    <s v="Bus Only Traffic Filters - wider Hemel Hempstead"/>
    <s v="Additional locations for bus only traffic filters could be considered across Hemel Hempstead. Provision is currently made for up to 4 additional locations, subject to feasibility and public consultation. These locations will be determined based on more detailed investigations including consideration of the potential impacts on traffic re-routing. They should be considered in locations which are already well served by bus services."/>
    <x v="1"/>
    <x v="54"/>
    <x v="2"/>
    <x v="2"/>
    <x v="47"/>
    <s v="N/A"/>
    <s v="N/A"/>
    <n v="285064.86580000003"/>
    <n v="285064.86580000003"/>
    <s v="S278 / S106 / CIL / External Funding"/>
    <s v="Essential"/>
    <m/>
    <m/>
    <m/>
    <m/>
    <m/>
    <m/>
    <m/>
    <m/>
    <m/>
    <m/>
    <m/>
    <m/>
    <m/>
    <m/>
    <m/>
    <m/>
    <m/>
    <m/>
    <m/>
    <m/>
    <m/>
    <m/>
    <m/>
    <m/>
    <m/>
    <m/>
    <m/>
    <m/>
    <m/>
    <m/>
    <m/>
    <n v="0"/>
    <m/>
    <s v=""/>
    <s v=""/>
    <s v=""/>
    <s v=""/>
    <s v=""/>
    <s v=""/>
    <s v=""/>
    <s v=""/>
    <s v=""/>
    <s v=""/>
    <s v=""/>
    <s v=""/>
    <s v=""/>
    <s v=""/>
    <s v=""/>
    <s v=""/>
    <s v=""/>
    <s v=""/>
    <s v=""/>
    <s v=""/>
    <s v=""/>
    <s v=""/>
    <s v=""/>
    <s v=""/>
    <s v=""/>
    <s v=""/>
    <s v=""/>
    <s v=""/>
    <s v=""/>
    <s v=""/>
    <s v=""/>
    <m/>
    <m/>
    <m/>
  </r>
  <r>
    <n v="697"/>
    <x v="1"/>
    <s v="Transport"/>
    <s v="Multi-Modal"/>
    <s v="North Hemel Hempstead Local Mobility Hub - west"/>
    <s v="Local Mobility Hub located within the proposed North Hemel Hempstead development site around the proposed mixed use area MU1 - to be provided by the developer at a location which is accessible within the site and aligned to the Local Mobility Hub standards applied across Hemel Garden Communities"/>
    <x v="1"/>
    <x v="1"/>
    <x v="1"/>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698"/>
    <x v="1"/>
    <s v="Transport"/>
    <s v="Multi-Modal"/>
    <s v="North Hemel Hempstead Local Mobility Hub - central"/>
    <s v="Local Mobility Hub located within the proposed North Hemel Hempstead development site around the proposed mixed use area MU2 - to be provided by the developer at a location which is accessible within the site and aligned to the Local Mobility Hub standards applied across Hemel Garden Communities"/>
    <x v="1"/>
    <x v="1"/>
    <x v="1"/>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699"/>
    <x v="1"/>
    <s v="Transport"/>
    <s v="Multi-Modal"/>
    <s v="North Hemel Hempstead Local Mobility Hub east"/>
    <s v="Local Mobility Hub located within the proposed North Hemel Hempstead development site on the eastern side near to the A4146 Redbourn Road and around the proposed mixed use area MU3 - to be provided by the developer at a location which is accessible within the site and aligned to the Local Mobility Hub standards applied across Hemel Garden Communities"/>
    <x v="1"/>
    <x v="1"/>
    <x v="1"/>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700"/>
    <x v="1"/>
    <s v="Transport"/>
    <s v="Multi-Modal"/>
    <s v="East Hemel Hempstead Local Mobility Hub"/>
    <s v="Metro Mobility Hub located within the proposed East Hemel Hempstead development site in the northern part of the development, south of the A4146 Redbourn Road and around the proposed mixed use area MU4 - to be provided by the developer at a location which is accessible within the site and aligned to the Local Mobility Hub standards applied across Hemel Garden Communities"/>
    <x v="1"/>
    <x v="55"/>
    <x v="1"/>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701"/>
    <x v="1"/>
    <s v="Transport"/>
    <s v="Multi-Modal"/>
    <s v="East Hemel Hempstead Local Mobility Hub"/>
    <s v="Metro Mobility Hub located within the proposed East Hemel Hempstead development site in the southern part of the development, north of the A4147 Hemel Hempstead Road and around the proposed mixed use area MU6 - to be provided by the developer at a location which is accessible within the site and aligned to the Local Mobility Hub standards applied across Hemel Garden Communities"/>
    <x v="1"/>
    <x v="55"/>
    <x v="1"/>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702"/>
    <x v="4"/>
    <s v="Transport"/>
    <s v="Multi-Modal"/>
    <s v="Marchmont Farm Local Mobility Hub"/>
    <s v="Local Mobility Hub located within the proposed Marchmont Farm development site - to be provided by the developer at a location which is accessible within the site and aligned to the Local Mobility Hub standards applied across Hemel Garden Communities"/>
    <x v="1"/>
    <x v="9"/>
    <x v="1"/>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703"/>
    <x v="4"/>
    <s v="Transport"/>
    <s v="Multi-Modal"/>
    <s v="Polehanger Lane Local Mobility Hub"/>
    <s v="Local Mobility Hub located within the proposed Polehanger Lane development site - to be provided by the developer at a location which is accessible within the site and aligned to the Local Mobility Hub standards applied across Hemel Garden Communities"/>
    <x v="1"/>
    <x v="7"/>
    <x v="1"/>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704"/>
    <x v="4"/>
    <s v="Transport"/>
    <s v="Multi-Modal"/>
    <s v="Shendish Manor and Fairfields Local Mobility Hub"/>
    <s v="Local Mobility Hub located within the proposed Shendish Manor and Fairfields development site - to be provided by the developer at a location which is accessible within the site and aligned to the Local Mobility Hub standards applied across Hemel Garden Communities"/>
    <x v="1"/>
    <x v="3"/>
    <x v="1"/>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705"/>
    <x v="1"/>
    <s v="Transport"/>
    <s v="Multi-Modal"/>
    <s v="Hemel Hempstead Station Forecourt Enhancements (Metro Mobility Hub)"/>
    <s v="Revised layout to the station forecourt to provide a more attractive and accessible environment for walking, wheeling and cycling, improved taxi rank, improved bus interchange facilities in line with the Metro Mobility Hub standards. This will be the terminating/turn-around point for the proposed HERT MRT system. "/>
    <x v="1"/>
    <x v="54"/>
    <x v="2"/>
    <x v="2"/>
    <x v="45"/>
    <s v="N/A"/>
    <s v="N/A"/>
    <n v="877751.875"/>
    <n v="877751.875"/>
    <s v="S278 / S106 / CIL / External Funding"/>
    <s v="Essential"/>
    <m/>
    <m/>
    <m/>
    <m/>
    <m/>
    <m/>
    <m/>
    <m/>
    <m/>
    <m/>
    <m/>
    <m/>
    <m/>
    <m/>
    <m/>
    <m/>
    <m/>
    <m/>
    <m/>
    <m/>
    <m/>
    <m/>
    <m/>
    <m/>
    <m/>
    <m/>
    <m/>
    <m/>
    <m/>
    <m/>
    <m/>
    <n v="0"/>
    <m/>
    <s v=""/>
    <s v=""/>
    <s v=""/>
    <s v=""/>
    <s v=""/>
    <s v=""/>
    <s v=""/>
    <s v=""/>
    <s v=""/>
    <s v=""/>
    <s v=""/>
    <s v=""/>
    <s v=""/>
    <s v=""/>
    <s v=""/>
    <s v=""/>
    <s v=""/>
    <s v=""/>
    <s v=""/>
    <s v=""/>
    <s v=""/>
    <s v=""/>
    <s v=""/>
    <s v=""/>
    <s v=""/>
    <s v=""/>
    <s v=""/>
    <s v=""/>
    <s v=""/>
    <s v=""/>
    <s v=""/>
    <m/>
    <m/>
    <m/>
  </r>
  <r>
    <n v="706"/>
    <x v="1"/>
    <s v="Transport"/>
    <s v="Rail"/>
    <s v="Hemel Hempstead Station Upgrade"/>
    <s v="Refresh of the station infrastructure including refurbished ticket office, subway and stairwells to platforms"/>
    <x v="1"/>
    <x v="54"/>
    <x v="2"/>
    <x v="2"/>
    <x v="46"/>
    <s v="N/A"/>
    <s v="N/A"/>
    <n v="7410000"/>
    <n v="7410000"/>
    <s v="S278 / S106 / CIL / External Funding"/>
    <s v="Essential"/>
    <m/>
    <m/>
    <m/>
    <m/>
    <m/>
    <m/>
    <m/>
    <m/>
    <m/>
    <m/>
    <m/>
    <m/>
    <m/>
    <m/>
    <m/>
    <m/>
    <m/>
    <m/>
    <m/>
    <m/>
    <m/>
    <m/>
    <m/>
    <m/>
    <m/>
    <m/>
    <m/>
    <m/>
    <m/>
    <m/>
    <m/>
    <n v="0"/>
    <m/>
    <s v=""/>
    <s v=""/>
    <s v=""/>
    <s v=""/>
    <s v=""/>
    <s v=""/>
    <s v=""/>
    <s v=""/>
    <s v=""/>
    <s v=""/>
    <s v=""/>
    <s v=""/>
    <s v=""/>
    <s v=""/>
    <s v=""/>
    <s v=""/>
    <s v=""/>
    <s v=""/>
    <s v=""/>
    <s v=""/>
    <s v=""/>
    <s v=""/>
    <s v=""/>
    <s v=""/>
    <s v=""/>
    <s v=""/>
    <s v=""/>
    <s v=""/>
    <s v=""/>
    <s v=""/>
    <s v=""/>
    <m/>
    <m/>
    <m/>
  </r>
  <r>
    <n v="707"/>
    <x v="1"/>
    <s v="Transport"/>
    <s v="Highways"/>
    <s v="M1 Junction 8 enhancement - Phase 3 - M1 Junction 8 - current proposals"/>
    <s v="Phase 3 of  package of transport measures to enhance M1 Junction 8 and surrounding area. To provide additional capacity and connectivity to Maylands and Herts IQ, and relieve congestion on the A414. Land to the east of Junction 8 is safeguarded, in case it is required to come forward for junction improvements (Phase 3 J8 enhancements)._x000a__x000a_Reconfiguration of M1 Junction 8 on the eastern side, including a new roundabout adjoining the southbound on/off-slips and a new connector road over the M1 and connecting into Green Lane north of the A414"/>
    <x v="1"/>
    <x v="59"/>
    <x v="2"/>
    <x v="2"/>
    <x v="48"/>
    <s v="N/A"/>
    <s v="N/A"/>
    <n v="106900000"/>
    <n v="106900000"/>
    <s v="S278 / S106 "/>
    <s v="Essential"/>
    <m/>
    <m/>
    <m/>
    <m/>
    <m/>
    <m/>
    <m/>
    <m/>
    <m/>
    <m/>
    <m/>
    <m/>
    <m/>
    <m/>
    <m/>
    <m/>
    <m/>
    <m/>
    <m/>
    <m/>
    <m/>
    <m/>
    <m/>
    <m/>
    <m/>
    <m/>
    <m/>
    <m/>
    <m/>
    <m/>
    <m/>
    <n v="0"/>
    <m/>
    <s v=""/>
    <s v=""/>
    <s v=""/>
    <s v=""/>
    <s v=""/>
    <s v=""/>
    <s v=""/>
    <s v=""/>
    <s v=""/>
    <s v=""/>
    <s v=""/>
    <s v=""/>
    <s v=""/>
    <s v=""/>
    <s v=""/>
    <s v=""/>
    <s v=""/>
    <s v=""/>
    <s v=""/>
    <s v=""/>
    <s v=""/>
    <s v=""/>
    <s v=""/>
    <s v=""/>
    <s v=""/>
    <s v=""/>
    <s v=""/>
    <s v=""/>
    <s v=""/>
    <s v=""/>
    <s v=""/>
    <m/>
    <m/>
    <m/>
  </r>
  <r>
    <n v="708"/>
    <x v="1"/>
    <s v="Transport"/>
    <s v="Highways"/>
    <s v="M1 Junction 8 enhancement - Phase 1 Phoenix Gateway Roundabout re-configuration and signalisation"/>
    <s v="Phase 1 of package of transport measures to enhance M1 Junction 8 and surrounding area - Replacement of the existing Phoenix Gateway/Green Lane roundabout on the A414 with a signal-controlled crossroads which should help to manage traffic flows through the junction"/>
    <x v="1"/>
    <x v="55"/>
    <x v="2"/>
    <x v="2"/>
    <x v="37"/>
    <s v="N/A"/>
    <s v="N/A"/>
    <n v="1056500"/>
    <n v="1056500"/>
    <s v="S278 / S106 "/>
    <s v="Critical - Local Plan"/>
    <m/>
    <m/>
    <m/>
    <m/>
    <m/>
    <m/>
    <m/>
    <m/>
    <m/>
    <m/>
    <m/>
    <m/>
    <m/>
    <m/>
    <m/>
    <m/>
    <m/>
    <m/>
    <m/>
    <m/>
    <m/>
    <m/>
    <m/>
    <m/>
    <m/>
    <m/>
    <m/>
    <m/>
    <m/>
    <m/>
    <m/>
    <n v="0"/>
    <m/>
    <s v=""/>
    <s v=""/>
    <s v=""/>
    <s v=""/>
    <s v=""/>
    <s v=""/>
    <s v=""/>
    <s v=""/>
    <s v=""/>
    <s v=""/>
    <s v=""/>
    <s v=""/>
    <s v=""/>
    <s v=""/>
    <s v=""/>
    <s v=""/>
    <s v=""/>
    <s v=""/>
    <s v=""/>
    <s v=""/>
    <s v=""/>
    <s v=""/>
    <s v=""/>
    <s v=""/>
    <s v=""/>
    <s v=""/>
    <s v=""/>
    <s v=""/>
    <s v=""/>
    <s v=""/>
    <s v=""/>
    <m/>
    <m/>
    <m/>
  </r>
  <r>
    <n v="709"/>
    <x v="1"/>
    <s v="Transport"/>
    <s v="Highways"/>
    <s v="A414 Breakspear Way walking and cycling  bridge for active modes"/>
    <s v="A high quality, attractive bridge for walking, wheeling and cycling connecting the East Hemel Hempstead site north and south of the A414 between Green Lane and the M1.  This forms part of Phase 2 of the package of transport measures for M1 J8 enhancements - Prioritisation of active and sustainable modes of travel."/>
    <x v="1"/>
    <x v="55"/>
    <x v="8"/>
    <x v="2"/>
    <x v="45"/>
    <s v="N/A"/>
    <s v="N/A"/>
    <n v="22000000"/>
    <n v="22000000"/>
    <s v="S278 / S106 "/>
    <s v="Critical - Local Plan"/>
    <m/>
    <m/>
    <m/>
    <m/>
    <m/>
    <m/>
    <m/>
    <m/>
    <m/>
    <m/>
    <m/>
    <m/>
    <m/>
    <m/>
    <m/>
    <m/>
    <m/>
    <m/>
    <m/>
    <m/>
    <m/>
    <m/>
    <m/>
    <m/>
    <m/>
    <m/>
    <m/>
    <m/>
    <m/>
    <m/>
    <m/>
    <n v="0"/>
    <m/>
    <s v=""/>
    <s v=""/>
    <s v=""/>
    <s v=""/>
    <s v=""/>
    <s v=""/>
    <s v=""/>
    <s v=""/>
    <s v=""/>
    <s v=""/>
    <s v=""/>
    <s v=""/>
    <s v=""/>
    <s v=""/>
    <s v=""/>
    <s v=""/>
    <s v=""/>
    <s v=""/>
    <s v=""/>
    <s v=""/>
    <s v=""/>
    <s v=""/>
    <s v=""/>
    <s v=""/>
    <s v=""/>
    <s v=""/>
    <s v=""/>
    <s v=""/>
    <s v=""/>
    <s v=""/>
    <s v=""/>
    <m/>
    <m/>
    <m/>
  </r>
  <r>
    <n v="710"/>
    <x v="4"/>
    <s v="Transport"/>
    <s v="Highways"/>
    <s v="A414 Dual Carriageway gap closure - Lamsey Street"/>
    <s v="Closure of the central reservation gap to right turning traffic - traffic will be diverted to the next roundabout or an alternative route"/>
    <x v="1"/>
    <x v="54"/>
    <x v="2"/>
    <x v="2"/>
    <x v="45"/>
    <s v="N/A"/>
    <s v="N/A"/>
    <n v="44990.539343750002"/>
    <n v="44990.539343750002"/>
    <s v="S278 / S106 / CIL / External Funding"/>
    <s v="Essential"/>
    <m/>
    <m/>
    <m/>
    <m/>
    <m/>
    <m/>
    <m/>
    <m/>
    <m/>
    <m/>
    <m/>
    <m/>
    <m/>
    <m/>
    <m/>
    <m/>
    <m/>
    <m/>
    <m/>
    <m/>
    <m/>
    <m/>
    <m/>
    <m/>
    <m/>
    <m/>
    <m/>
    <m/>
    <m/>
    <m/>
    <m/>
    <n v="0"/>
    <m/>
    <s v=""/>
    <s v=""/>
    <s v=""/>
    <s v=""/>
    <s v=""/>
    <s v=""/>
    <s v=""/>
    <s v=""/>
    <s v=""/>
    <s v=""/>
    <s v=""/>
    <s v=""/>
    <s v=""/>
    <s v=""/>
    <s v=""/>
    <s v=""/>
    <s v=""/>
    <s v=""/>
    <s v=""/>
    <s v=""/>
    <s v=""/>
    <s v=""/>
    <s v=""/>
    <s v=""/>
    <s v=""/>
    <s v=""/>
    <s v=""/>
    <s v=""/>
    <s v=""/>
    <s v=""/>
    <s v=""/>
    <m/>
    <m/>
    <m/>
  </r>
  <r>
    <n v="711"/>
    <x v="5"/>
    <s v="Transport"/>
    <s v="Highways"/>
    <s v="A414 Dual Carriageway gap closure - Wood Crescent"/>
    <s v="Closure of the central reservation gap to right turning traffic - traffic will be diverted to the next roundabout or an alternative route"/>
    <x v="1"/>
    <x v="54"/>
    <x v="2"/>
    <x v="2"/>
    <x v="45"/>
    <s v="N/A"/>
    <s v="N/A"/>
    <n v="44990.539343750002"/>
    <n v="44990.539343750002"/>
    <s v="S278 / S106 / CIL / External Funding"/>
    <s v="Essential"/>
    <m/>
    <m/>
    <m/>
    <m/>
    <m/>
    <m/>
    <m/>
    <m/>
    <m/>
    <m/>
    <m/>
    <m/>
    <m/>
    <m/>
    <m/>
    <m/>
    <m/>
    <m/>
    <m/>
    <m/>
    <m/>
    <m/>
    <m/>
    <m/>
    <m/>
    <m/>
    <m/>
    <m/>
    <m/>
    <m/>
    <m/>
    <n v="0"/>
    <m/>
    <s v=""/>
    <s v=""/>
    <s v=""/>
    <s v=""/>
    <s v=""/>
    <s v=""/>
    <s v=""/>
    <s v=""/>
    <s v=""/>
    <s v=""/>
    <s v=""/>
    <s v=""/>
    <s v=""/>
    <s v=""/>
    <s v=""/>
    <s v=""/>
    <s v=""/>
    <s v=""/>
    <s v=""/>
    <s v=""/>
    <s v=""/>
    <s v=""/>
    <s v=""/>
    <s v=""/>
    <s v=""/>
    <s v=""/>
    <s v=""/>
    <s v=""/>
    <s v=""/>
    <s v=""/>
    <s v=""/>
    <m/>
    <m/>
    <m/>
  </r>
  <r>
    <n v="712"/>
    <x v="4"/>
    <s v="Transport"/>
    <s v="Highways"/>
    <s v="A414 Dual Carriageway gap closure - St Albans Rd leading into Mariner Way &amp; Sandmere Close"/>
    <s v="Closure of the central reservation gap to right turning traffic - traffic will be diverted to the next roundabout or an alternative route"/>
    <x v="1"/>
    <x v="54"/>
    <x v="2"/>
    <x v="2"/>
    <x v="45"/>
    <s v="N/A"/>
    <s v="N/A"/>
    <n v="43612.20166875"/>
    <n v="43612.20166875"/>
    <s v="S278 / S106 / CIL / External Funding"/>
    <s v="Essential"/>
    <m/>
    <m/>
    <m/>
    <m/>
    <m/>
    <m/>
    <m/>
    <m/>
    <m/>
    <m/>
    <m/>
    <m/>
    <m/>
    <m/>
    <m/>
    <m/>
    <m/>
    <m/>
    <m/>
    <m/>
    <m/>
    <m/>
    <m/>
    <m/>
    <m/>
    <m/>
    <m/>
    <m/>
    <m/>
    <m/>
    <m/>
    <n v="0"/>
    <m/>
    <s v=""/>
    <s v=""/>
    <s v=""/>
    <s v=""/>
    <s v=""/>
    <s v=""/>
    <s v=""/>
    <s v=""/>
    <s v=""/>
    <s v=""/>
    <s v=""/>
    <s v=""/>
    <s v=""/>
    <s v=""/>
    <s v=""/>
    <s v=""/>
    <s v=""/>
    <s v=""/>
    <s v=""/>
    <s v=""/>
    <s v=""/>
    <s v=""/>
    <s v=""/>
    <s v=""/>
    <s v=""/>
    <s v=""/>
    <s v=""/>
    <s v=""/>
    <s v=""/>
    <s v=""/>
    <s v=""/>
    <m/>
    <m/>
    <m/>
  </r>
  <r>
    <n v="713"/>
    <x v="1"/>
    <s v="Transport"/>
    <s v="Highways"/>
    <s v="A414 Dual Carriageway gap closure - Rant Meadow"/>
    <s v="Closure of the central reservation gap to right turning traffic - traffic will be diverted to the next roundabout or an alternative route"/>
    <x v="1"/>
    <x v="54"/>
    <x v="2"/>
    <x v="2"/>
    <x v="45"/>
    <s v="N/A"/>
    <s v="N/A"/>
    <n v="44990.539343750002"/>
    <n v="44990.539343750002"/>
    <s v="S278 / S106 / CIL / External Funding"/>
    <s v="Essential"/>
    <m/>
    <m/>
    <m/>
    <m/>
    <m/>
    <m/>
    <m/>
    <m/>
    <m/>
    <m/>
    <m/>
    <m/>
    <m/>
    <m/>
    <m/>
    <m/>
    <m/>
    <m/>
    <m/>
    <m/>
    <m/>
    <m/>
    <m/>
    <m/>
    <m/>
    <m/>
    <m/>
    <m/>
    <m/>
    <m/>
    <m/>
    <n v="0"/>
    <m/>
    <s v=""/>
    <s v=""/>
    <s v=""/>
    <s v=""/>
    <s v=""/>
    <s v=""/>
    <s v=""/>
    <s v=""/>
    <s v=""/>
    <s v=""/>
    <s v=""/>
    <s v=""/>
    <s v=""/>
    <s v=""/>
    <s v=""/>
    <s v=""/>
    <s v=""/>
    <s v=""/>
    <s v=""/>
    <s v=""/>
    <s v=""/>
    <s v=""/>
    <s v=""/>
    <s v=""/>
    <s v=""/>
    <s v=""/>
    <s v=""/>
    <s v=""/>
    <s v=""/>
    <s v=""/>
    <s v=""/>
    <m/>
    <m/>
    <m/>
  </r>
  <r>
    <n v="714"/>
    <x v="1"/>
    <s v="Transport"/>
    <s v="Highways"/>
    <s v="Cherry Tree Lane Quietway"/>
    <s v="Quietway, indicated by signs and some physical measures at entry points, on Cherry Tree Lane between Three Cherry Trees Lane to Redbourn Road. Closure to through traffic."/>
    <x v="1"/>
    <x v="55"/>
    <x v="2"/>
    <x v="2"/>
    <x v="45"/>
    <s v="N/A"/>
    <s v="N/A"/>
    <n v="339178.125"/>
    <n v="339178.125"/>
    <s v="S278 / S106 "/>
    <s v="Critical - Local Plan"/>
    <m/>
    <m/>
    <m/>
    <m/>
    <m/>
    <m/>
    <m/>
    <m/>
    <m/>
    <m/>
    <m/>
    <m/>
    <m/>
    <m/>
    <m/>
    <m/>
    <m/>
    <m/>
    <m/>
    <m/>
    <m/>
    <m/>
    <m/>
    <m/>
    <m/>
    <m/>
    <m/>
    <m/>
    <m/>
    <m/>
    <m/>
    <n v="0"/>
    <m/>
    <s v=""/>
    <s v=""/>
    <s v=""/>
    <s v=""/>
    <s v=""/>
    <s v=""/>
    <s v=""/>
    <s v=""/>
    <s v=""/>
    <s v=""/>
    <s v=""/>
    <s v=""/>
    <s v=""/>
    <s v=""/>
    <s v=""/>
    <s v=""/>
    <s v=""/>
    <s v=""/>
    <s v=""/>
    <s v=""/>
    <s v=""/>
    <s v=""/>
    <s v=""/>
    <s v=""/>
    <s v=""/>
    <s v=""/>
    <s v=""/>
    <s v=""/>
    <s v=""/>
    <s v=""/>
    <s v=""/>
    <m/>
    <m/>
    <m/>
  </r>
  <r>
    <n v="715"/>
    <x v="1"/>
    <s v="Transport"/>
    <s v="Highways"/>
    <s v="Punchbowl Lane Quietway"/>
    <s v="Quietway, indicated by signs and some physical measures at entry points, on Punchbowl Lane. The section of the lane west of the M1 will be subsumed within East Hemel Hempstead development and may therefore be subject to alteration. Closure to through traffic."/>
    <x v="1"/>
    <x v="55"/>
    <x v="2"/>
    <x v="2"/>
    <x v="45"/>
    <s v="N/A"/>
    <s v="N/A"/>
    <n v="328900"/>
    <n v="328900"/>
    <s v="S278 / S106 "/>
    <s v="Critical - Local Plan"/>
    <m/>
    <m/>
    <m/>
    <m/>
    <m/>
    <m/>
    <m/>
    <m/>
    <m/>
    <m/>
    <m/>
    <m/>
    <m/>
    <m/>
    <m/>
    <m/>
    <m/>
    <m/>
    <m/>
    <m/>
    <m/>
    <m/>
    <m/>
    <m/>
    <m/>
    <m/>
    <m/>
    <m/>
    <m/>
    <m/>
    <m/>
    <n v="0"/>
    <m/>
    <s v=""/>
    <s v=""/>
    <s v=""/>
    <s v=""/>
    <s v=""/>
    <s v=""/>
    <s v=""/>
    <s v=""/>
    <s v=""/>
    <s v=""/>
    <s v=""/>
    <s v=""/>
    <s v=""/>
    <s v=""/>
    <s v=""/>
    <s v=""/>
    <s v=""/>
    <s v=""/>
    <s v=""/>
    <s v=""/>
    <s v=""/>
    <s v=""/>
    <s v=""/>
    <s v=""/>
    <s v=""/>
    <s v=""/>
    <s v=""/>
    <s v=""/>
    <s v=""/>
    <s v=""/>
    <s v=""/>
    <m/>
    <m/>
    <m/>
  </r>
  <r>
    <n v="716"/>
    <x v="1"/>
    <s v="Transport"/>
    <s v="Highways"/>
    <s v="Hogg End Lane Quietway"/>
    <s v="Quietway, indicated by signs and some physical measures at entry points, on Hog End Lane. The section of the lane west of the M1 will be subsumed within East Hemel Hempstead development and may therefore be subject to alteration. Closure to through traffic."/>
    <x v="1"/>
    <x v="55"/>
    <x v="2"/>
    <x v="2"/>
    <x v="45"/>
    <s v="N/A"/>
    <s v="N/A"/>
    <n v="328900"/>
    <n v="328900"/>
    <s v="S278 / S106 "/>
    <s v="Critical - Local Plan"/>
    <m/>
    <m/>
    <m/>
    <m/>
    <m/>
    <m/>
    <m/>
    <m/>
    <m/>
    <m/>
    <m/>
    <m/>
    <m/>
    <m/>
    <m/>
    <m/>
    <m/>
    <m/>
    <m/>
    <m/>
    <m/>
    <m/>
    <m/>
    <m/>
    <m/>
    <m/>
    <m/>
    <m/>
    <m/>
    <m/>
    <m/>
    <n v="0"/>
    <m/>
    <s v=""/>
    <s v=""/>
    <s v=""/>
    <s v=""/>
    <s v=""/>
    <s v=""/>
    <s v=""/>
    <s v=""/>
    <s v=""/>
    <s v=""/>
    <s v=""/>
    <s v=""/>
    <s v=""/>
    <s v=""/>
    <s v=""/>
    <s v=""/>
    <s v=""/>
    <s v=""/>
    <s v=""/>
    <s v=""/>
    <s v=""/>
    <s v=""/>
    <s v=""/>
    <s v=""/>
    <s v=""/>
    <s v=""/>
    <s v=""/>
    <s v=""/>
    <s v=""/>
    <s v=""/>
    <s v=""/>
    <m/>
    <m/>
    <m/>
  </r>
  <r>
    <n v="717"/>
    <x v="1"/>
    <s v="Transport"/>
    <s v="Highways"/>
    <s v="Green Lane Quietway "/>
    <s v="Quietway, indicated by signs and some physical measures at entry points, on Green Lane between Breakspear Park office complex access and junction with Westwick Row. The section of Green Lane adjacent to Breakspear Park may be subject to alteration resulting from the East Hemel Hempstead development and changes to the A414 Phoenix Gateway Roundabout. Closure to through traffic."/>
    <x v="1"/>
    <x v="55"/>
    <x v="2"/>
    <x v="2"/>
    <x v="45"/>
    <s v="N/A"/>
    <s v="N/A"/>
    <n v="4933.5"/>
    <n v="4933.5"/>
    <s v="S278 / S106 "/>
    <s v="Critical - Local Plan"/>
    <m/>
    <m/>
    <m/>
    <m/>
    <m/>
    <m/>
    <m/>
    <m/>
    <m/>
    <m/>
    <m/>
    <m/>
    <m/>
    <m/>
    <m/>
    <m/>
    <m/>
    <m/>
    <m/>
    <m/>
    <m/>
    <m/>
    <m/>
    <m/>
    <m/>
    <m/>
    <m/>
    <m/>
    <m/>
    <m/>
    <m/>
    <n v="0"/>
    <m/>
    <s v=""/>
    <s v=""/>
    <s v=""/>
    <s v=""/>
    <s v=""/>
    <s v=""/>
    <s v=""/>
    <s v=""/>
    <s v=""/>
    <s v=""/>
    <s v=""/>
    <s v=""/>
    <s v=""/>
    <s v=""/>
    <s v=""/>
    <s v=""/>
    <s v=""/>
    <s v=""/>
    <s v=""/>
    <s v=""/>
    <s v=""/>
    <s v=""/>
    <s v=""/>
    <s v=""/>
    <s v=""/>
    <s v=""/>
    <s v=""/>
    <s v=""/>
    <s v=""/>
    <s v=""/>
    <s v=""/>
    <m/>
    <m/>
    <m/>
  </r>
  <r>
    <n v="718"/>
    <x v="1"/>
    <s v="Transport"/>
    <s v="Highways"/>
    <s v="Bunkers Lane Quietway "/>
    <s v="Quietway, indicated by signs and some physical measures at entry points, on Bunkers Lane between Longdean Park and Bedmond Road. Closure to through traffic."/>
    <x v="1"/>
    <x v="54"/>
    <x v="2"/>
    <x v="2"/>
    <x v="45"/>
    <s v="N/A"/>
    <s v="N/A"/>
    <n v="217485.125"/>
    <n v="217485.125"/>
    <s v="S278 / S106 / CIL / External Funding"/>
    <s v="Essential"/>
    <m/>
    <m/>
    <m/>
    <m/>
    <m/>
    <m/>
    <m/>
    <m/>
    <m/>
    <m/>
    <m/>
    <m/>
    <m/>
    <m/>
    <m/>
    <m/>
    <m/>
    <m/>
    <m/>
    <m/>
    <m/>
    <m/>
    <m/>
    <m/>
    <m/>
    <m/>
    <m/>
    <m/>
    <m/>
    <m/>
    <m/>
    <n v="0"/>
    <m/>
    <s v=""/>
    <s v=""/>
    <s v=""/>
    <s v=""/>
    <s v=""/>
    <s v=""/>
    <s v=""/>
    <s v=""/>
    <s v=""/>
    <s v=""/>
    <s v=""/>
    <s v=""/>
    <s v=""/>
    <s v=""/>
    <s v=""/>
    <s v=""/>
    <s v=""/>
    <s v=""/>
    <s v=""/>
    <s v=""/>
    <s v=""/>
    <s v=""/>
    <s v=""/>
    <s v=""/>
    <s v=""/>
    <s v=""/>
    <s v=""/>
    <s v=""/>
    <s v=""/>
    <s v=""/>
    <s v=""/>
    <m/>
    <m/>
    <m/>
  </r>
  <r>
    <n v="719"/>
    <x v="1"/>
    <s v="Transport"/>
    <s v="Highways"/>
    <s v="Blackwater Lane Quietway"/>
    <s v="Quietway, indicated by signs and some physical measures at entry points, on Blackwater Lane. This lane will be subsumed within East Hemel Hempstead development (reserve school development site) and may therefore be subject to change. Closure to through traffic."/>
    <x v="1"/>
    <x v="55"/>
    <x v="2"/>
    <x v="2"/>
    <x v="45"/>
    <s v="N/A"/>
    <s v="N/A"/>
    <n v="328900"/>
    <n v="328900"/>
    <s v="S278 / S106 "/>
    <s v="Essential"/>
    <m/>
    <m/>
    <m/>
    <m/>
    <m/>
    <m/>
    <m/>
    <m/>
    <m/>
    <m/>
    <m/>
    <m/>
    <m/>
    <m/>
    <m/>
    <m/>
    <m/>
    <m/>
    <m/>
    <m/>
    <m/>
    <m/>
    <m/>
    <m/>
    <m/>
    <m/>
    <m/>
    <m/>
    <m/>
    <m/>
    <m/>
    <n v="0"/>
    <m/>
    <s v=""/>
    <s v=""/>
    <s v=""/>
    <s v=""/>
    <s v=""/>
    <s v=""/>
    <s v=""/>
    <s v=""/>
    <s v=""/>
    <s v=""/>
    <s v=""/>
    <s v=""/>
    <s v=""/>
    <s v=""/>
    <s v=""/>
    <s v=""/>
    <s v=""/>
    <s v=""/>
    <s v=""/>
    <s v=""/>
    <s v=""/>
    <s v=""/>
    <s v=""/>
    <s v=""/>
    <s v=""/>
    <s v=""/>
    <s v=""/>
    <s v=""/>
    <s v=""/>
    <s v=""/>
    <s v=""/>
    <m/>
    <m/>
    <m/>
  </r>
  <r>
    <n v="720"/>
    <x v="4"/>
    <s v="Transport"/>
    <s v="Highways"/>
    <s v="Berkhamsted Road Gateway Corridor"/>
    <s v="Alterations to Berkhamsted Road adjacent to the proposed Poleshanger Lane development which will include a vehicular access onto this road. Comprising a reduction in the speed limit from National Speed limit to 30 or 40mph between the access to Boxted Farm and the existing settlement boundary. "/>
    <x v="1"/>
    <x v="7"/>
    <x v="2"/>
    <x v="2"/>
    <x v="45"/>
    <s v="N/A"/>
    <s v="N/A"/>
    <n v="12333.75"/>
    <n v="12333.75"/>
    <s v="S278 / S106 "/>
    <s v="Critical - Local Plan"/>
    <m/>
    <m/>
    <m/>
    <m/>
    <m/>
    <m/>
    <m/>
    <m/>
    <m/>
    <m/>
    <m/>
    <m/>
    <m/>
    <m/>
    <m/>
    <m/>
    <m/>
    <m/>
    <m/>
    <m/>
    <m/>
    <m/>
    <m/>
    <m/>
    <m/>
    <m/>
    <m/>
    <m/>
    <m/>
    <m/>
    <m/>
    <n v="0"/>
    <m/>
    <s v=""/>
    <s v=""/>
    <s v=""/>
    <s v=""/>
    <s v=""/>
    <s v=""/>
    <s v=""/>
    <s v=""/>
    <s v=""/>
    <s v=""/>
    <s v=""/>
    <s v=""/>
    <s v=""/>
    <s v=""/>
    <s v=""/>
    <s v=""/>
    <s v=""/>
    <s v=""/>
    <s v=""/>
    <s v=""/>
    <s v=""/>
    <s v=""/>
    <s v=""/>
    <s v=""/>
    <s v=""/>
    <s v=""/>
    <s v=""/>
    <s v=""/>
    <s v=""/>
    <s v=""/>
    <s v=""/>
    <m/>
    <m/>
    <m/>
  </r>
  <r>
    <n v="721"/>
    <x v="4"/>
    <s v="Transport"/>
    <s v="Highways"/>
    <s v="Fields End Lane/Pouchen End Lane Quietway"/>
    <s v="Quietway, indicated by signs and some physical measures at entry points, on Fields End Lane, joining another proposed Quietway at its western end at Pouchen End Lane, and Boxted Road at its eastern end. Closure to through traffic."/>
    <x v="1"/>
    <x v="7"/>
    <x v="2"/>
    <x v="2"/>
    <x v="45"/>
    <s v="N/A"/>
    <s v="N/A"/>
    <n v="227763.25"/>
    <n v="227763.25"/>
    <s v="S278 / S106 "/>
    <s v="Essential"/>
    <m/>
    <m/>
    <m/>
    <m/>
    <m/>
    <m/>
    <m/>
    <m/>
    <m/>
    <m/>
    <m/>
    <m/>
    <m/>
    <m/>
    <m/>
    <m/>
    <m/>
    <m/>
    <m/>
    <m/>
    <m/>
    <m/>
    <m/>
    <m/>
    <m/>
    <m/>
    <m/>
    <m/>
    <m/>
    <m/>
    <m/>
    <n v="0"/>
    <m/>
    <s v=""/>
    <s v=""/>
    <s v=""/>
    <s v=""/>
    <s v=""/>
    <s v=""/>
    <s v=""/>
    <s v=""/>
    <s v=""/>
    <s v=""/>
    <s v=""/>
    <s v=""/>
    <s v=""/>
    <s v=""/>
    <s v=""/>
    <s v=""/>
    <s v=""/>
    <s v=""/>
    <s v=""/>
    <s v=""/>
    <s v=""/>
    <s v=""/>
    <s v=""/>
    <s v=""/>
    <s v=""/>
    <s v=""/>
    <s v=""/>
    <s v=""/>
    <s v=""/>
    <s v=""/>
    <s v=""/>
    <m/>
    <m/>
    <m/>
  </r>
  <r>
    <n v="722"/>
    <x v="4"/>
    <s v="Transport"/>
    <s v="Active Travel"/>
    <s v="Boxted Road Green Loop Crossing Point"/>
    <s v="Pedestrian and cycle crossing on Boxted Road adjacent to the junction with Fields End Lane (proposed Quietway) and Berkhamsted Road (which is not open to traffic at its western end, and is also proposed as a Quietway)"/>
    <x v="1"/>
    <x v="7"/>
    <x v="2"/>
    <x v="2"/>
    <x v="45"/>
    <s v="N/A"/>
    <s v="N/A"/>
    <n v="22248.029374999998"/>
    <n v="22248.029374999998"/>
    <s v="S278 / S106 "/>
    <s v="Critical - Local Plan"/>
    <m/>
    <m/>
    <m/>
    <m/>
    <m/>
    <m/>
    <m/>
    <m/>
    <m/>
    <m/>
    <m/>
    <m/>
    <m/>
    <m/>
    <m/>
    <m/>
    <m/>
    <m/>
    <m/>
    <m/>
    <m/>
    <m/>
    <m/>
    <m/>
    <m/>
    <m/>
    <m/>
    <m/>
    <m/>
    <m/>
    <m/>
    <n v="0"/>
    <m/>
    <s v=""/>
    <s v=""/>
    <s v=""/>
    <s v=""/>
    <s v=""/>
    <s v=""/>
    <s v=""/>
    <s v=""/>
    <s v=""/>
    <s v=""/>
    <s v=""/>
    <s v=""/>
    <s v=""/>
    <s v=""/>
    <s v=""/>
    <s v=""/>
    <s v=""/>
    <s v=""/>
    <s v=""/>
    <s v=""/>
    <s v=""/>
    <s v=""/>
    <s v=""/>
    <s v=""/>
    <s v=""/>
    <s v=""/>
    <s v=""/>
    <s v=""/>
    <s v=""/>
    <s v=""/>
    <s v=""/>
    <m/>
    <m/>
    <m/>
  </r>
  <r>
    <n v="723"/>
    <x v="4"/>
    <s v="Transport"/>
    <s v="Active Travel"/>
    <s v="Polehanger Lane-Leighton Buzzard Road Green Loop"/>
    <s v="Upgrade to existing PRoW (Footpath) Hemel Hempstead (013) linking Polehanger Lane and Leighton Buzzard Road to form part of the proposed Green Loop. "/>
    <x v="1"/>
    <x v="7"/>
    <x v="2"/>
    <x v="2"/>
    <x v="45"/>
    <s v="N/A"/>
    <s v="N/A"/>
    <n v="962209.94720296876"/>
    <n v="962209.94720296876"/>
    <s v="S278 / S106 "/>
    <s v="Critical - Local Plan"/>
    <m/>
    <m/>
    <m/>
    <m/>
    <m/>
    <m/>
    <m/>
    <m/>
    <m/>
    <m/>
    <m/>
    <m/>
    <m/>
    <m/>
    <m/>
    <m/>
    <m/>
    <m/>
    <m/>
    <m/>
    <m/>
    <m/>
    <m/>
    <m/>
    <m/>
    <m/>
    <m/>
    <m/>
    <m/>
    <m/>
    <m/>
    <n v="0"/>
    <m/>
    <s v=""/>
    <s v=""/>
    <s v=""/>
    <s v=""/>
    <s v=""/>
    <s v=""/>
    <s v=""/>
    <s v=""/>
    <s v=""/>
    <s v=""/>
    <s v=""/>
    <s v=""/>
    <s v=""/>
    <s v=""/>
    <s v=""/>
    <s v=""/>
    <s v=""/>
    <s v=""/>
    <s v=""/>
    <s v=""/>
    <s v=""/>
    <s v=""/>
    <s v=""/>
    <s v=""/>
    <s v=""/>
    <s v=""/>
    <s v=""/>
    <s v=""/>
    <s v=""/>
    <s v=""/>
    <s v=""/>
    <m/>
    <m/>
    <m/>
  </r>
  <r>
    <n v="724"/>
    <x v="6"/>
    <s v="Transport"/>
    <s v="Highways"/>
    <s v="Holtsmere End Lane Quietway"/>
    <s v="Quietway, indicated by signs and some physical measures at entry points, on Holtsmere End Lane between a location in the vicinity of PRoW (Footpath) Great Gaddesden 048 and Redbourn 011. This lane will run through or along the perimeter of the proposed East Hemel Hempstead development and therefore may be subject to alteration as part of the development. Where Holtsmere End Lane currently links onto Gaddesdon Lane on the north-eastern side of the proposed Nort/East Hemel Hempstead developments, this should also be considered for Quietway treatment to discourage traffic ratrunning through the development or conversely traffic routeing out of the development onto Gaddesdon Lane. "/>
    <x v="1"/>
    <x v="55"/>
    <x v="2"/>
    <x v="2"/>
    <x v="45"/>
    <s v="N/A"/>
    <s v="N/A"/>
    <n v="320677.5"/>
    <n v="320677.5"/>
    <s v="S278 / S106 "/>
    <s v="Critical - Local Plan"/>
    <m/>
    <m/>
    <m/>
    <m/>
    <m/>
    <m/>
    <m/>
    <m/>
    <m/>
    <m/>
    <m/>
    <m/>
    <m/>
    <m/>
    <m/>
    <m/>
    <m/>
    <m/>
    <m/>
    <m/>
    <m/>
    <m/>
    <m/>
    <m/>
    <m/>
    <m/>
    <m/>
    <m/>
    <m/>
    <m/>
    <m/>
    <n v="0"/>
    <m/>
    <s v=""/>
    <s v=""/>
    <s v=""/>
    <s v=""/>
    <s v=""/>
    <s v=""/>
    <s v=""/>
    <s v=""/>
    <s v=""/>
    <s v=""/>
    <s v=""/>
    <s v=""/>
    <s v=""/>
    <s v=""/>
    <s v=""/>
    <s v=""/>
    <s v=""/>
    <s v=""/>
    <s v=""/>
    <s v=""/>
    <s v=""/>
    <s v=""/>
    <s v=""/>
    <s v=""/>
    <s v=""/>
    <s v=""/>
    <s v=""/>
    <s v=""/>
    <s v=""/>
    <s v=""/>
    <s v=""/>
    <m/>
    <m/>
    <m/>
  </r>
  <r>
    <n v="725"/>
    <x v="4"/>
    <s v="Transport"/>
    <s v="Active Travel"/>
    <s v="Redbourn Road Green Loop Crossing Point"/>
    <s v="Pedestrian and cycle crossing on B487 Redbourn Road adjacent to the junction between Cherry Tree Lane and Holtsmere End Lane to connect sections of the proposed Green Loop running through the East Hemel Hempstead development on either side."/>
    <x v="1"/>
    <x v="55"/>
    <x v="2"/>
    <x v="2"/>
    <x v="45"/>
    <s v="N/A"/>
    <s v="N/A"/>
    <n v="22248.029374999998"/>
    <n v="22248.029374999998"/>
    <s v="S278 / S106 "/>
    <s v="Critical - Local Plan"/>
    <m/>
    <m/>
    <m/>
    <m/>
    <m/>
    <m/>
    <m/>
    <m/>
    <m/>
    <m/>
    <m/>
    <m/>
    <m/>
    <m/>
    <m/>
    <m/>
    <m/>
    <m/>
    <m/>
    <m/>
    <m/>
    <m/>
    <m/>
    <m/>
    <m/>
    <m/>
    <m/>
    <m/>
    <m/>
    <m/>
    <m/>
    <n v="0"/>
    <m/>
    <s v=""/>
    <s v=""/>
    <s v=""/>
    <s v=""/>
    <s v=""/>
    <s v=""/>
    <s v=""/>
    <s v=""/>
    <s v=""/>
    <s v=""/>
    <s v=""/>
    <s v=""/>
    <s v=""/>
    <s v=""/>
    <s v=""/>
    <s v=""/>
    <s v=""/>
    <s v=""/>
    <s v=""/>
    <s v=""/>
    <s v=""/>
    <s v=""/>
    <s v=""/>
    <s v=""/>
    <s v=""/>
    <s v=""/>
    <s v=""/>
    <s v=""/>
    <s v=""/>
    <s v=""/>
    <s v=""/>
    <m/>
    <m/>
    <m/>
  </r>
  <r>
    <n v="726"/>
    <x v="1"/>
    <s v="Transport"/>
    <s v="Active Travel"/>
    <s v="A4147 Hemel Hempstead Road Gateway Corridor"/>
    <s v="Alterations to the A4147 Hemel Hempstead Road between the existing settlement boundary and the junction with Beechtree Lane and Appspond Lane (between M1 and A414), comprising: 1) speed limit changes 30mph along most of the length, with a buffer 40mph section at the eastern most end up to Beechtree Lane and Appsond Lane; 2) provision of upgraded shared use pedestrian and cycle route along the full length (northern side of the road); 3 crossings including 1 signal-controlled pedestrian/cycle crossing (for access to proposed secondary school on southern side) and a crossing to link with the Blackwater Lane Green Loop; raised M1 bridge parapet (northern side) to facilitate cycling. Upgrades may be influenced by where proposed vehicle accesses will be created into the East Hemel Hempstead development site and school entrance.     "/>
    <x v="1"/>
    <x v="55"/>
    <x v="2"/>
    <x v="2"/>
    <x v="45"/>
    <s v="N/A"/>
    <s v="N/A"/>
    <n v="1539663.125"/>
    <n v="1539663.125"/>
    <s v="S278 / S106 "/>
    <s v="Critical - Local Plan"/>
    <m/>
    <m/>
    <m/>
    <m/>
    <m/>
    <m/>
    <m/>
    <m/>
    <m/>
    <m/>
    <m/>
    <m/>
    <m/>
    <m/>
    <m/>
    <m/>
    <m/>
    <m/>
    <m/>
    <m/>
    <m/>
    <m/>
    <m/>
    <m/>
    <m/>
    <m/>
    <m/>
    <m/>
    <m/>
    <m/>
    <m/>
    <n v="0"/>
    <m/>
    <s v=""/>
    <s v=""/>
    <s v=""/>
    <s v=""/>
    <s v=""/>
    <s v=""/>
    <s v=""/>
    <s v=""/>
    <s v=""/>
    <s v=""/>
    <s v=""/>
    <s v=""/>
    <s v=""/>
    <s v=""/>
    <s v=""/>
    <s v=""/>
    <s v=""/>
    <s v=""/>
    <s v=""/>
    <s v=""/>
    <s v=""/>
    <s v=""/>
    <s v=""/>
    <s v=""/>
    <s v=""/>
    <s v=""/>
    <s v=""/>
    <s v=""/>
    <s v=""/>
    <s v=""/>
    <s v=""/>
    <m/>
    <m/>
    <m/>
  </r>
  <r>
    <n v="727"/>
    <x v="1"/>
    <s v="Transport"/>
    <s v="Active Travel"/>
    <s v="Bunkers Lane-Blackwater Lane Quietway Crossing Point"/>
    <s v="Pedestrian and cycle crossing on Bedmond Road adjacent to the junction with Bunkers Lane (proposed Quietway) and Blackwater Lane (proposed Quietway)"/>
    <x v="1"/>
    <x v="55"/>
    <x v="2"/>
    <x v="2"/>
    <x v="45"/>
    <s v="N/A"/>
    <s v="N/A"/>
    <n v="203095.75"/>
    <n v="203095.75"/>
    <s v="S278 / S106 "/>
    <s v="Essential"/>
    <m/>
    <m/>
    <m/>
    <m/>
    <m/>
    <m/>
    <m/>
    <m/>
    <m/>
    <m/>
    <m/>
    <m/>
    <m/>
    <m/>
    <m/>
    <m/>
    <m/>
    <m/>
    <m/>
    <m/>
    <m/>
    <m/>
    <m/>
    <m/>
    <m/>
    <m/>
    <m/>
    <m/>
    <m/>
    <m/>
    <m/>
    <n v="0"/>
    <m/>
    <s v=""/>
    <s v=""/>
    <s v=""/>
    <s v=""/>
    <s v=""/>
    <s v=""/>
    <s v=""/>
    <s v=""/>
    <s v=""/>
    <s v=""/>
    <s v=""/>
    <s v=""/>
    <s v=""/>
    <s v=""/>
    <s v=""/>
    <s v=""/>
    <s v=""/>
    <s v=""/>
    <s v=""/>
    <s v=""/>
    <s v=""/>
    <s v=""/>
    <s v=""/>
    <s v=""/>
    <s v=""/>
    <s v=""/>
    <s v=""/>
    <s v=""/>
    <s v=""/>
    <s v=""/>
    <s v=""/>
    <m/>
    <m/>
    <m/>
  </r>
  <r>
    <n v="728"/>
    <x v="1"/>
    <s v="Transport"/>
    <s v="Multi-Modal"/>
    <s v="The Denes Centre Local Mobility Hub"/>
    <s v="Local Mobility Hub located adjacent to the Denes local shopping parade. Served nearby by Bus Route 2"/>
    <x v="1"/>
    <x v="54"/>
    <x v="2"/>
    <x v="2"/>
    <x v="45"/>
    <s v="N/A"/>
    <s v="N/A"/>
    <n v="370629.1875"/>
    <n v="370629.1875"/>
    <s v="S278 / S106 / CIL / External Funding"/>
    <s v="Essential"/>
    <m/>
    <m/>
    <m/>
    <m/>
    <m/>
    <m/>
    <m/>
    <m/>
    <m/>
    <m/>
    <m/>
    <m/>
    <m/>
    <m/>
    <m/>
    <m/>
    <m/>
    <m/>
    <m/>
    <m/>
    <m/>
    <m/>
    <m/>
    <m/>
    <m/>
    <m/>
    <m/>
    <m/>
    <m/>
    <m/>
    <m/>
    <n v="0"/>
    <m/>
    <s v=""/>
    <s v=""/>
    <s v=""/>
    <s v=""/>
    <s v=""/>
    <s v=""/>
    <s v=""/>
    <s v=""/>
    <s v=""/>
    <s v=""/>
    <s v=""/>
    <s v=""/>
    <s v=""/>
    <s v=""/>
    <s v=""/>
    <s v=""/>
    <s v=""/>
    <s v=""/>
    <s v=""/>
    <s v=""/>
    <s v=""/>
    <s v=""/>
    <s v=""/>
    <s v=""/>
    <s v=""/>
    <s v=""/>
    <s v=""/>
    <s v=""/>
    <s v=""/>
    <s v=""/>
    <s v=""/>
    <m/>
    <m/>
    <m/>
  </r>
  <r>
    <n v="729"/>
    <x v="1"/>
    <s v="Transport"/>
    <s v="Multi-Modal"/>
    <s v="Two Waters (London Road) Local Mobility Hub"/>
    <s v="Local Mobility Hub located on London Road in Two Waters Opportunity Area, opposite McDonalds drive-thru and close to the A414 junction. Served nearby by Bus Route 322"/>
    <x v="1"/>
    <x v="60"/>
    <x v="2"/>
    <x v="2"/>
    <x v="45"/>
    <s v="N/A"/>
    <s v="N/A"/>
    <n v="370629.1875"/>
    <n v="370629.1875"/>
    <s v="S278 / S106 "/>
    <s v="Essential"/>
    <m/>
    <m/>
    <m/>
    <m/>
    <m/>
    <m/>
    <m/>
    <m/>
    <m/>
    <m/>
    <m/>
    <m/>
    <m/>
    <m/>
    <m/>
    <m/>
    <m/>
    <m/>
    <m/>
    <m/>
    <m/>
    <m/>
    <m/>
    <m/>
    <m/>
    <m/>
    <m/>
    <m/>
    <m/>
    <m/>
    <m/>
    <n v="0"/>
    <m/>
    <s v=""/>
    <s v=""/>
    <s v=""/>
    <s v=""/>
    <s v=""/>
    <s v=""/>
    <s v=""/>
    <s v=""/>
    <s v=""/>
    <s v=""/>
    <s v=""/>
    <s v=""/>
    <s v=""/>
    <s v=""/>
    <s v=""/>
    <s v=""/>
    <s v=""/>
    <s v=""/>
    <s v=""/>
    <s v=""/>
    <s v=""/>
    <s v=""/>
    <s v=""/>
    <s v=""/>
    <s v=""/>
    <s v=""/>
    <s v=""/>
    <s v=""/>
    <s v=""/>
    <s v=""/>
    <s v=""/>
    <m/>
    <m/>
    <m/>
  </r>
  <r>
    <n v="730"/>
    <x v="5"/>
    <s v="Transport"/>
    <s v="Active Travel"/>
    <s v="E-Bike Hire Scheme with E-Bike docking hubs (where not co-located at Mobility Hubs) - Hemel Hempstead Inner "/>
    <s v="Information sourced from Transport Initiatives LLP's June 2024 report. Could comprise 26-34 docking hubs; Hemel Hempstead Outer - 13-17 docking hubs ((Two Waters OA - 9 hubs; Kings Langley 8 hubs; Maylands Business Park 7 docking hubs; North HH 10 hubs; East HH 15 docking hubs). Assume simple docking equipment and/or a marked area on the highway."/>
    <x v="1"/>
    <x v="54"/>
    <x v="2"/>
    <x v="2"/>
    <x v="37"/>
    <s v="N/A"/>
    <s v="N/A"/>
    <n v="2000000"/>
    <n v="2000000"/>
    <s v="S278 / S106 / CIL / External Funding"/>
    <s v="Essential"/>
    <m/>
    <m/>
    <m/>
    <m/>
    <m/>
    <m/>
    <m/>
    <m/>
    <m/>
    <m/>
    <m/>
    <m/>
    <m/>
    <m/>
    <m/>
    <m/>
    <m/>
    <m/>
    <m/>
    <m/>
    <m/>
    <m/>
    <m/>
    <m/>
    <m/>
    <m/>
    <m/>
    <m/>
    <m/>
    <m/>
    <m/>
    <n v="0"/>
    <m/>
    <s v=""/>
    <s v=""/>
    <s v=""/>
    <s v=""/>
    <s v=""/>
    <s v=""/>
    <s v=""/>
    <s v=""/>
    <s v=""/>
    <s v=""/>
    <s v=""/>
    <s v=""/>
    <s v=""/>
    <s v=""/>
    <s v=""/>
    <s v=""/>
    <s v=""/>
    <s v=""/>
    <s v=""/>
    <s v=""/>
    <s v=""/>
    <s v=""/>
    <s v=""/>
    <s v=""/>
    <s v=""/>
    <s v=""/>
    <s v=""/>
    <s v=""/>
    <s v=""/>
    <s v=""/>
    <s v=""/>
    <m/>
    <m/>
    <m/>
  </r>
  <r>
    <n v="731"/>
    <x v="4"/>
    <s v="Transport"/>
    <s v="Active Travel"/>
    <s v="Apsley Station Forecourt &amp; Cycle Provision"/>
    <s v="Enlarge pedestrian footway in front of station ticket hall, double the number of cycle stands (currently 12), removal of some parking spaces to provide space for enlarged footway and additional cycle stands, planting and landscaping.  "/>
    <x v="1"/>
    <x v="61"/>
    <x v="2"/>
    <x v="2"/>
    <x v="45"/>
    <s v="N/A"/>
    <s v="N/A"/>
    <n v="17526.258750000001"/>
    <n v="17526.258750000001"/>
    <s v="S278 / S106 "/>
    <s v="Essential"/>
    <m/>
    <m/>
    <m/>
    <m/>
    <m/>
    <m/>
    <m/>
    <m/>
    <m/>
    <m/>
    <m/>
    <m/>
    <m/>
    <m/>
    <m/>
    <m/>
    <m/>
    <m/>
    <m/>
    <m/>
    <m/>
    <m/>
    <m/>
    <m/>
    <m/>
    <m/>
    <m/>
    <m/>
    <m/>
    <m/>
    <m/>
    <n v="0"/>
    <m/>
    <s v=""/>
    <s v=""/>
    <s v=""/>
    <s v=""/>
    <s v=""/>
    <s v=""/>
    <s v=""/>
    <s v=""/>
    <s v=""/>
    <s v=""/>
    <s v=""/>
    <s v=""/>
    <s v=""/>
    <s v=""/>
    <s v=""/>
    <s v=""/>
    <s v=""/>
    <s v=""/>
    <s v=""/>
    <s v=""/>
    <s v=""/>
    <s v=""/>
    <s v=""/>
    <s v=""/>
    <s v=""/>
    <s v=""/>
    <s v=""/>
    <s v=""/>
    <s v=""/>
    <s v=""/>
    <s v=""/>
    <m/>
    <m/>
    <m/>
  </r>
  <r>
    <n v="732"/>
    <x v="4"/>
    <s v="Transport"/>
    <s v="Active Travel"/>
    <s v="B487 Hemel Hempstead Road Gateway Corridor "/>
    <s v="Alterations to the B487 Hemel Hempstead Road between the existing settlement boundary and the M1 bridge, comprising: 1) speed limit changes 30mph along the frontage of the proposed East Hemel Hempstead development, with a buffer 40mph section at the eastern; 2) provision of new cycle and pedestrian route on at least one side of the road to link with existing footway provision west of Cherry Tree Lane; 3) at least 1 controlled pedestrian/cycle crossing (to connect sections of the East Hemel Hempstead development on either side; 4) alteration to the B487-Cherry Tree Lane-Holtsmere Lane junction in line with the Quietway treatments proposed to the two lanes (including signage and kerbed build outs to discourage through traffic); 5) upgraded bus stops.  It is anticipated there will be one junction serving access to the proposed East Hemel Hempstead development on either side of the road.     "/>
    <x v="1"/>
    <x v="55"/>
    <x v="2"/>
    <x v="2"/>
    <x v="45"/>
    <s v="N/A"/>
    <s v="N/A"/>
    <n v="1486231.77828125"/>
    <n v="1486231.77828125"/>
    <s v="S278 / S106 "/>
    <s v="Critical - Local Plan"/>
    <m/>
    <m/>
    <m/>
    <m/>
    <m/>
    <m/>
    <m/>
    <m/>
    <m/>
    <m/>
    <m/>
    <m/>
    <m/>
    <m/>
    <m/>
    <m/>
    <m/>
    <m/>
    <m/>
    <m/>
    <m/>
    <m/>
    <m/>
    <m/>
    <m/>
    <m/>
    <m/>
    <m/>
    <m/>
    <m/>
    <m/>
    <n v="0"/>
    <m/>
    <s v=""/>
    <s v=""/>
    <s v=""/>
    <s v=""/>
    <s v=""/>
    <s v=""/>
    <s v=""/>
    <s v=""/>
    <s v=""/>
    <s v=""/>
    <s v=""/>
    <s v=""/>
    <s v=""/>
    <s v=""/>
    <s v=""/>
    <s v=""/>
    <s v=""/>
    <s v=""/>
    <s v=""/>
    <s v=""/>
    <s v=""/>
    <s v=""/>
    <s v=""/>
    <s v=""/>
    <s v=""/>
    <s v=""/>
    <s v=""/>
    <s v=""/>
    <s v=""/>
    <s v=""/>
    <s v=""/>
    <m/>
    <m/>
    <m/>
  </r>
  <r>
    <n v="733"/>
    <x v="4"/>
    <s v="Transport"/>
    <s v="Bus/Coach/MRT"/>
    <s v="St Albans-Hemel Hempstead Bus Connectivity"/>
    <s v="Review bus service connections between St Albans and Hemel Hempstead from the perspective of identifying opportunities for increasing service frequencies and/or reducing journey times e.g. introducing new services with limited stops or re-routeing services along the A414 to simulate what could eventually form the future HERT corridor. Existing services in the corridor include Bus Route 721. "/>
    <x v="1"/>
    <x v="54"/>
    <x v="2"/>
    <x v="2"/>
    <x v="37"/>
    <s v="N/A"/>
    <s v="N/A"/>
    <m/>
    <m/>
    <s v="S278 / S106 / CIL / External Funding"/>
    <s v="Essential"/>
    <m/>
    <m/>
    <m/>
    <m/>
    <m/>
    <m/>
    <m/>
    <m/>
    <m/>
    <m/>
    <m/>
    <m/>
    <m/>
    <m/>
    <m/>
    <m/>
    <m/>
    <m/>
    <m/>
    <m/>
    <m/>
    <m/>
    <m/>
    <m/>
    <m/>
    <m/>
    <m/>
    <m/>
    <m/>
    <m/>
    <m/>
    <n v="0"/>
    <m/>
    <s v=""/>
    <s v=""/>
    <s v=""/>
    <s v=""/>
    <s v=""/>
    <s v=""/>
    <s v=""/>
    <s v=""/>
    <s v=""/>
    <s v=""/>
    <s v=""/>
    <s v=""/>
    <s v=""/>
    <s v=""/>
    <s v=""/>
    <s v=""/>
    <s v=""/>
    <s v=""/>
    <s v=""/>
    <s v=""/>
    <s v=""/>
    <s v=""/>
    <s v=""/>
    <s v=""/>
    <s v=""/>
    <s v=""/>
    <s v=""/>
    <s v=""/>
    <s v=""/>
    <s v=""/>
    <s v=""/>
    <m/>
    <m/>
    <m/>
  </r>
  <r>
    <n v="734"/>
    <x v="1"/>
    <s v="Transport"/>
    <s v="Bus/Coach/MRT"/>
    <s v="Northern Hemel Hempstead-Watford Town Centre, Croxley and Rickmansworth Connectivity"/>
    <s v="Review bus service connections between North Hemel Hempstead, Watford, Croxley and Rickmansworth from the perspective of identifying opportunities for increasing service frequencies and/or reducing journey times e.g. introducing new services with limited stops or re-routeing services along the A41, A4251, Bedmond Road and/or the M1. Existing services in the corridor include Bus Routes 20 and 322. "/>
    <x v="1"/>
    <x v="54"/>
    <x v="2"/>
    <x v="2"/>
    <x v="37"/>
    <s v="N/A"/>
    <s v="N/A"/>
    <m/>
    <m/>
    <s v="S278 / S106 / CIL / External Funding"/>
    <s v="Essential"/>
    <m/>
    <m/>
    <m/>
    <m/>
    <m/>
    <m/>
    <m/>
    <m/>
    <m/>
    <m/>
    <m/>
    <m/>
    <m/>
    <m/>
    <m/>
    <m/>
    <m/>
    <m/>
    <m/>
    <m/>
    <m/>
    <m/>
    <m/>
    <m/>
    <m/>
    <m/>
    <m/>
    <m/>
    <m/>
    <m/>
    <m/>
    <n v="0"/>
    <m/>
    <s v=""/>
    <s v=""/>
    <s v=""/>
    <s v=""/>
    <s v=""/>
    <s v=""/>
    <s v=""/>
    <s v=""/>
    <s v=""/>
    <s v=""/>
    <s v=""/>
    <s v=""/>
    <s v=""/>
    <s v=""/>
    <s v=""/>
    <s v=""/>
    <s v=""/>
    <s v=""/>
    <s v=""/>
    <s v=""/>
    <s v=""/>
    <s v=""/>
    <s v=""/>
    <s v=""/>
    <s v=""/>
    <s v=""/>
    <s v=""/>
    <s v=""/>
    <s v=""/>
    <s v=""/>
    <s v=""/>
    <m/>
    <m/>
    <m/>
  </r>
  <r>
    <n v="735"/>
    <x v="1"/>
    <s v="Transport"/>
    <s v="Active Travel"/>
    <s v="B440 Leighton Buzzard Road Gateway Corridor (Piccotts End to Link Road/Galley Hill"/>
    <s v="Alterations to the B440 Leighton Buzzard Road in conjunction with the North Hemel Hempstead proposed development (which could potentially provide a vehicle access onto this road). Measures include reducing the current 50mph section to 40mph (matching the 40mph section to the north); reducing the current 60mph section leading out of Hemel Hempstead to 40mph; installing a signal-controlled Toucan crossing adjacent to Public Footpath 'Hemel Hempstead 013'); provision LTN standard cycle and footway (replacing the existing narrow footway) on the western side of the road (approx. 680m): provision of signal-controlled crossing on Galley Hill at southern end of corridor, east of the B440-A4147 roundabout. "/>
    <x v="1"/>
    <x v="1"/>
    <x v="2"/>
    <x v="2"/>
    <x v="45"/>
    <s v="N/A"/>
    <s v="N/A"/>
    <n v="1062347"/>
    <n v="1062347"/>
    <s v="S278 / S106 "/>
    <s v="Critical - Local Plan"/>
    <m/>
    <m/>
    <m/>
    <m/>
    <m/>
    <m/>
    <m/>
    <m/>
    <m/>
    <m/>
    <m/>
    <m/>
    <m/>
    <m/>
    <m/>
    <m/>
    <m/>
    <m/>
    <m/>
    <m/>
    <m/>
    <m/>
    <m/>
    <m/>
    <m/>
    <m/>
    <m/>
    <m/>
    <m/>
    <m/>
    <m/>
    <n v="0"/>
    <m/>
    <s v=""/>
    <s v=""/>
    <s v=""/>
    <s v=""/>
    <s v=""/>
    <s v=""/>
    <s v=""/>
    <s v=""/>
    <s v=""/>
    <s v=""/>
    <s v=""/>
    <s v=""/>
    <s v=""/>
    <s v=""/>
    <s v=""/>
    <s v=""/>
    <s v=""/>
    <s v=""/>
    <s v=""/>
    <s v=""/>
    <s v=""/>
    <s v=""/>
    <s v=""/>
    <s v=""/>
    <s v=""/>
    <s v=""/>
    <s v=""/>
    <s v=""/>
    <s v=""/>
    <s v=""/>
    <s v=""/>
    <m/>
    <m/>
    <m/>
  </r>
  <r>
    <n v="736"/>
    <x v="1"/>
    <s v="Transport"/>
    <s v="Bus/Coach/MRT"/>
    <s v="Luton-Hemel Hempstead Bus Connectivity"/>
    <s v="Review bus and coach service connections between Luton and Hemel Hempstead from the perspective of identifying opportunities for increasing service frequencies and/or reducing journey times e.g. introducing new services with limited stops or re-routeing services to improve connectivity. Existing services between the two towns are Bus Routes 46 and 721."/>
    <x v="1"/>
    <x v="54"/>
    <x v="2"/>
    <x v="2"/>
    <x v="37"/>
    <s v="N/A"/>
    <s v="N/A"/>
    <m/>
    <m/>
    <s v="S278 / S106 / CIL / External Funding"/>
    <s v="Essential"/>
    <m/>
    <m/>
    <m/>
    <m/>
    <m/>
    <m/>
    <m/>
    <m/>
    <m/>
    <m/>
    <m/>
    <m/>
    <m/>
    <m/>
    <m/>
    <m/>
    <m/>
    <m/>
    <m/>
    <m/>
    <m/>
    <m/>
    <m/>
    <m/>
    <m/>
    <m/>
    <m/>
    <m/>
    <m/>
    <m/>
    <m/>
    <n v="0"/>
    <m/>
    <s v=""/>
    <s v=""/>
    <s v=""/>
    <s v=""/>
    <s v=""/>
    <s v=""/>
    <s v=""/>
    <s v=""/>
    <s v=""/>
    <s v=""/>
    <s v=""/>
    <s v=""/>
    <s v=""/>
    <s v=""/>
    <s v=""/>
    <s v=""/>
    <s v=""/>
    <s v=""/>
    <s v=""/>
    <s v=""/>
    <s v=""/>
    <s v=""/>
    <s v=""/>
    <s v=""/>
    <s v=""/>
    <s v=""/>
    <s v=""/>
    <s v=""/>
    <s v=""/>
    <s v=""/>
    <s v=""/>
    <m/>
    <m/>
    <m/>
  </r>
  <r>
    <n v="737"/>
    <x v="1"/>
    <s v="Transport"/>
    <s v="Highways"/>
    <s v="Revision to Parking Standard Zones - expanding the scope for car-free new developments"/>
    <s v="Revision to Parking Standard Zones as currently specified in the Parking Standards Supplementary Planning Document (2020) - expansion of Zone 1 including merging with Zone 2 to the east of the town centre and into Two Waters/Apsley, area east of the A414. Increase the scope for car-free developments across a wider proportion of the more accessible, better connected parts of the town."/>
    <x v="1"/>
    <x v="54"/>
    <x v="2"/>
    <x v="2"/>
    <x v="37"/>
    <s v="N/A"/>
    <s v="N/A"/>
    <m/>
    <m/>
    <s v="S278 / S106 / CIL / External Funding"/>
    <s v="Essential"/>
    <m/>
    <m/>
    <m/>
    <m/>
    <m/>
    <m/>
    <m/>
    <m/>
    <m/>
    <m/>
    <m/>
    <m/>
    <m/>
    <m/>
    <m/>
    <m/>
    <m/>
    <m/>
    <m/>
    <m/>
    <m/>
    <m/>
    <m/>
    <m/>
    <m/>
    <m/>
    <m/>
    <m/>
    <m/>
    <m/>
    <m/>
    <n v="0"/>
    <m/>
    <s v=""/>
    <s v=""/>
    <s v=""/>
    <s v=""/>
    <s v=""/>
    <s v=""/>
    <s v=""/>
    <s v=""/>
    <s v=""/>
    <s v=""/>
    <s v=""/>
    <s v=""/>
    <s v=""/>
    <s v=""/>
    <s v=""/>
    <s v=""/>
    <s v=""/>
    <s v=""/>
    <s v=""/>
    <s v=""/>
    <s v=""/>
    <s v=""/>
    <s v=""/>
    <s v=""/>
    <s v=""/>
    <s v=""/>
    <s v=""/>
    <s v=""/>
    <s v=""/>
    <s v=""/>
    <s v=""/>
    <m/>
    <m/>
    <m/>
  </r>
  <r>
    <n v="738"/>
    <x v="1"/>
    <s v="Transport"/>
    <s v="Highways"/>
    <s v="Increased parking enforcement"/>
    <s v="Increase in parking enforcement by Civil Enforcement Officers, including specifically additional officer patrols for on-street parking. "/>
    <x v="1"/>
    <x v="54"/>
    <x v="2"/>
    <x v="2"/>
    <x v="37"/>
    <s v="N/A"/>
    <s v="N/A"/>
    <m/>
    <m/>
    <s v="S278 / S106 / CIL / External Funding"/>
    <s v="Essential"/>
    <m/>
    <m/>
    <m/>
    <m/>
    <m/>
    <m/>
    <m/>
    <m/>
    <m/>
    <m/>
    <m/>
    <m/>
    <m/>
    <m/>
    <m/>
    <m/>
    <m/>
    <m/>
    <m/>
    <m/>
    <m/>
    <m/>
    <m/>
    <m/>
    <m/>
    <m/>
    <m/>
    <m/>
    <m/>
    <m/>
    <m/>
    <n v="0"/>
    <m/>
    <s v=""/>
    <s v=""/>
    <s v=""/>
    <s v=""/>
    <s v=""/>
    <s v=""/>
    <s v=""/>
    <s v=""/>
    <s v=""/>
    <s v=""/>
    <s v=""/>
    <s v=""/>
    <s v=""/>
    <s v=""/>
    <s v=""/>
    <s v=""/>
    <s v=""/>
    <s v=""/>
    <s v=""/>
    <s v=""/>
    <s v=""/>
    <s v=""/>
    <s v=""/>
    <s v=""/>
    <s v=""/>
    <s v=""/>
    <s v=""/>
    <s v=""/>
    <s v=""/>
    <s v=""/>
    <s v=""/>
    <m/>
    <m/>
    <m/>
  </r>
  <r>
    <n v="739"/>
    <x v="4"/>
    <s v="Transport"/>
    <s v="Multi-Modal"/>
    <s v="Marlowes - West Herts College Local Mobility Hub"/>
    <s v="Local Mobility Hub outside the college, and served by Bus Routes 2, 4 and 46. "/>
    <x v="1"/>
    <x v="62"/>
    <x v="2"/>
    <x v="2"/>
    <x v="45"/>
    <s v="N/A"/>
    <s v="N/A"/>
    <n v="370629.1875"/>
    <n v="370629.1875"/>
    <s v="S278 / S106 "/>
    <s v="Critical - Local Plan"/>
    <m/>
    <m/>
    <m/>
    <m/>
    <m/>
    <m/>
    <m/>
    <m/>
    <m/>
    <m/>
    <m/>
    <m/>
    <m/>
    <m/>
    <m/>
    <m/>
    <m/>
    <m/>
    <m/>
    <m/>
    <m/>
    <m/>
    <m/>
    <m/>
    <m/>
    <m/>
    <m/>
    <m/>
    <m/>
    <m/>
    <m/>
    <n v="0"/>
    <m/>
    <s v=""/>
    <s v=""/>
    <s v=""/>
    <s v=""/>
    <s v=""/>
    <s v=""/>
    <s v=""/>
    <s v=""/>
    <s v=""/>
    <s v=""/>
    <s v=""/>
    <s v=""/>
    <s v=""/>
    <s v=""/>
    <s v=""/>
    <s v=""/>
    <s v=""/>
    <s v=""/>
    <s v=""/>
    <s v=""/>
    <s v=""/>
    <s v=""/>
    <s v=""/>
    <s v=""/>
    <s v=""/>
    <s v=""/>
    <s v=""/>
    <s v=""/>
    <s v=""/>
    <s v=""/>
    <s v=""/>
    <m/>
    <m/>
    <m/>
  </r>
  <r>
    <n v="740"/>
    <x v="5"/>
    <s v="Transport"/>
    <s v="Multi-Modal"/>
    <s v="West of Hemel Local Mobility Hub"/>
    <s v="Local Mobility Hub within the proposed development or on the adjacent Long Chaulden, currently served by Bus Routes 3, 4 and ML1"/>
    <x v="1"/>
    <x v="57"/>
    <x v="2"/>
    <x v="2"/>
    <x v="45"/>
    <s v="N/A"/>
    <s v="N/A"/>
    <n v="370629.1875"/>
    <n v="370629.1875"/>
    <s v="S278 / S106 "/>
    <s v="Critical - Local Plan"/>
    <m/>
    <m/>
    <m/>
    <m/>
    <m/>
    <m/>
    <m/>
    <m/>
    <m/>
    <m/>
    <m/>
    <m/>
    <m/>
    <m/>
    <m/>
    <m/>
    <m/>
    <m/>
    <m/>
    <m/>
    <m/>
    <m/>
    <m/>
    <m/>
    <m/>
    <m/>
    <m/>
    <m/>
    <m/>
    <m/>
    <m/>
    <n v="0"/>
    <m/>
    <s v=""/>
    <s v=""/>
    <s v=""/>
    <s v=""/>
    <s v=""/>
    <s v=""/>
    <s v=""/>
    <s v=""/>
    <s v=""/>
    <s v=""/>
    <s v=""/>
    <s v=""/>
    <s v=""/>
    <s v=""/>
    <s v=""/>
    <s v=""/>
    <s v=""/>
    <s v=""/>
    <s v=""/>
    <s v=""/>
    <s v=""/>
    <s v=""/>
    <s v=""/>
    <s v=""/>
    <s v=""/>
    <s v=""/>
    <s v=""/>
    <s v=""/>
    <s v=""/>
    <s v=""/>
    <s v=""/>
    <m/>
    <m/>
    <m/>
  </r>
  <r>
    <n v="741"/>
    <x v="5"/>
    <s v="Transport"/>
    <s v="Bus/Coach/MRT"/>
    <s v="A414 Maylands Avenue - Green Lane bus priority lanes"/>
    <s v="Maylands Avenue to Green Lane - eastbound and westbound bus lanes (approx.335m in length) with signal-controlled bus gate at the terminating end. Would necessitate removal of a general traffic lane in at least one direction as there is insufficient space for bus lanes within the verge area on both sides of the road. "/>
    <x v="1"/>
    <x v="55"/>
    <x v="2"/>
    <x v="2"/>
    <x v="48"/>
    <s v="N/A"/>
    <s v="N/A"/>
    <n v="1235967.1431250002"/>
    <n v="1235967.1431250002"/>
    <s v="S278 / S106 "/>
    <s v="Essential"/>
    <m/>
    <m/>
    <m/>
    <m/>
    <m/>
    <m/>
    <m/>
    <m/>
    <m/>
    <m/>
    <m/>
    <m/>
    <m/>
    <m/>
    <m/>
    <m/>
    <m/>
    <m/>
    <m/>
    <m/>
    <m/>
    <m/>
    <m/>
    <m/>
    <m/>
    <m/>
    <m/>
    <m/>
    <m/>
    <m/>
    <m/>
    <n v="0"/>
    <m/>
    <s v=""/>
    <s v=""/>
    <s v=""/>
    <s v=""/>
    <s v=""/>
    <s v=""/>
    <s v=""/>
    <s v=""/>
    <s v=""/>
    <s v=""/>
    <s v=""/>
    <s v=""/>
    <s v=""/>
    <s v=""/>
    <s v=""/>
    <s v=""/>
    <s v=""/>
    <s v=""/>
    <s v=""/>
    <s v=""/>
    <s v=""/>
    <s v=""/>
    <s v=""/>
    <s v=""/>
    <s v=""/>
    <s v=""/>
    <s v=""/>
    <s v=""/>
    <s v=""/>
    <s v=""/>
    <s v=""/>
    <m/>
    <m/>
    <m/>
  </r>
  <r>
    <n v="742"/>
    <x v="1"/>
    <s v="Transport"/>
    <s v="Bus/Coach/MRT"/>
    <s v="A414 Maylands Avenue Roundabout Signalisation"/>
    <s v="Partial signalisation of Maylands Avenue roundabout - northern and eastern arms and opposing circulatories. Removal of left-turn bypass lane from north to east. Provide two lane exit onto A414 eastbound with widened central reserve to create more stacking space on southbound circulatory. Introduce a new at-grade crossing facility to the east of the roundabout, to replace or complement the existing footbridge. "/>
    <x v="1"/>
    <x v="54"/>
    <x v="2"/>
    <x v="2"/>
    <x v="45"/>
    <s v="N/A"/>
    <s v="N/A"/>
    <n v="814028"/>
    <n v="814028"/>
    <s v="S278 / S106 / CIL / External Funding"/>
    <s v="Essential"/>
    <m/>
    <m/>
    <m/>
    <m/>
    <m/>
    <m/>
    <m/>
    <m/>
    <m/>
    <m/>
    <m/>
    <m/>
    <m/>
    <m/>
    <m/>
    <m/>
    <m/>
    <m/>
    <m/>
    <m/>
    <m/>
    <m/>
    <m/>
    <m/>
    <m/>
    <m/>
    <m/>
    <m/>
    <m/>
    <m/>
    <m/>
    <n v="0"/>
    <m/>
    <s v=""/>
    <s v=""/>
    <s v=""/>
    <s v=""/>
    <s v=""/>
    <s v=""/>
    <s v=""/>
    <s v=""/>
    <s v=""/>
    <s v=""/>
    <s v=""/>
    <s v=""/>
    <s v=""/>
    <s v=""/>
    <s v=""/>
    <s v=""/>
    <s v=""/>
    <s v=""/>
    <s v=""/>
    <s v=""/>
    <s v=""/>
    <s v=""/>
    <s v=""/>
    <s v=""/>
    <s v=""/>
    <s v=""/>
    <s v=""/>
    <s v=""/>
    <s v=""/>
    <s v=""/>
    <s v=""/>
    <m/>
    <m/>
    <m/>
  </r>
  <r>
    <n v="743"/>
    <x v="5"/>
    <s v="Transport"/>
    <s v="Bus/Coach/MRT"/>
    <s v="A414 Rant Meadow to Bennetts End Road bus priority lane"/>
    <s v="Westbound only bus lane between Rant Meadow and  Bennetts End Road roundabout with signal controlled bus gate. May require some reallocation of road space."/>
    <x v="1"/>
    <x v="54"/>
    <x v="2"/>
    <x v="2"/>
    <x v="45"/>
    <s v="N/A"/>
    <s v="N/A"/>
    <n v="1041842.140625"/>
    <n v="1041842.140625"/>
    <s v="S278 / S106 / CIL / External Funding"/>
    <s v="Essential"/>
    <m/>
    <m/>
    <m/>
    <m/>
    <m/>
    <m/>
    <m/>
    <m/>
    <m/>
    <m/>
    <m/>
    <m/>
    <m/>
    <m/>
    <m/>
    <m/>
    <m/>
    <m/>
    <m/>
    <m/>
    <m/>
    <m/>
    <m/>
    <m/>
    <m/>
    <m/>
    <m/>
    <m/>
    <m/>
    <m/>
    <m/>
    <n v="0"/>
    <m/>
    <s v=""/>
    <s v=""/>
    <s v=""/>
    <s v=""/>
    <s v=""/>
    <s v=""/>
    <s v=""/>
    <s v=""/>
    <s v=""/>
    <s v=""/>
    <s v=""/>
    <s v=""/>
    <s v=""/>
    <s v=""/>
    <s v=""/>
    <s v=""/>
    <s v=""/>
    <s v=""/>
    <s v=""/>
    <s v=""/>
    <s v=""/>
    <s v=""/>
    <s v=""/>
    <s v=""/>
    <s v=""/>
    <s v=""/>
    <s v=""/>
    <s v=""/>
    <s v=""/>
    <s v=""/>
    <s v=""/>
    <m/>
    <m/>
    <m/>
  </r>
  <r>
    <n v="744"/>
    <x v="1"/>
    <s v="Transport"/>
    <s v="Bus/Coach/MRT"/>
    <s v="Upgraded Town Centre Riverside Bus Interchange"/>
    <s v="Upgrade to the Riverside Bus Interchange to align with Metro Mobility Hub standards including better facilities for waiting passengers. Assume the overall capacity of the interchange will not be influenced by the adjacent Riverside development"/>
    <x v="1"/>
    <x v="54"/>
    <x v="2"/>
    <x v="2"/>
    <x v="46"/>
    <s v="N/A"/>
    <s v="N/A"/>
    <n v="877752"/>
    <n v="877752"/>
    <s v="S278 / S106 / CIL / External Funding"/>
    <s v="Essential"/>
    <m/>
    <m/>
    <m/>
    <m/>
    <m/>
    <m/>
    <m/>
    <m/>
    <m/>
    <m/>
    <m/>
    <m/>
    <m/>
    <m/>
    <m/>
    <m/>
    <m/>
    <m/>
    <m/>
    <m/>
    <m/>
    <m/>
    <m/>
    <m/>
    <m/>
    <m/>
    <m/>
    <m/>
    <m/>
    <m/>
    <m/>
    <n v="0"/>
    <m/>
    <s v=""/>
    <s v=""/>
    <s v=""/>
    <s v=""/>
    <s v=""/>
    <s v=""/>
    <s v=""/>
    <s v=""/>
    <s v=""/>
    <s v=""/>
    <s v=""/>
    <s v=""/>
    <s v=""/>
    <s v=""/>
    <s v=""/>
    <s v=""/>
    <s v=""/>
    <s v=""/>
    <s v=""/>
    <s v=""/>
    <s v=""/>
    <s v=""/>
    <s v=""/>
    <s v=""/>
    <s v=""/>
    <s v=""/>
    <s v=""/>
    <s v=""/>
    <s v=""/>
    <s v=""/>
    <s v=""/>
    <m/>
    <m/>
    <m/>
  </r>
  <r>
    <n v="745"/>
    <x v="1"/>
    <s v="Transport"/>
    <s v="Rail"/>
    <s v="Western Access Plaza to Aspley Station"/>
    <s v="A new plaza and western access to Aspley Station. Assumed to comprise a small ticket office at ground level, cycle parking facilities, vehicle drop-off however no car parking will be provided. Alongside this, provision should be made for additional accessibility features including step-free access to all platforms which would necessitate a new footbridge and three lifts. "/>
    <x v="1"/>
    <x v="54"/>
    <x v="2"/>
    <x v="2"/>
    <x v="46"/>
    <s v="N/A"/>
    <s v="N/A"/>
    <n v="10308959.375"/>
    <n v="10308959.375"/>
    <s v="S278 / S106 / CIL / External Funding"/>
    <s v="Essential"/>
    <m/>
    <m/>
    <m/>
    <m/>
    <m/>
    <m/>
    <m/>
    <m/>
    <m/>
    <m/>
    <m/>
    <m/>
    <m/>
    <m/>
    <m/>
    <m/>
    <m/>
    <m/>
    <m/>
    <m/>
    <m/>
    <m/>
    <m/>
    <m/>
    <m/>
    <m/>
    <m/>
    <m/>
    <m/>
    <m/>
    <m/>
    <n v="0"/>
    <m/>
    <s v=""/>
    <s v=""/>
    <s v=""/>
    <s v=""/>
    <s v=""/>
    <s v=""/>
    <s v=""/>
    <s v=""/>
    <s v=""/>
    <s v=""/>
    <s v=""/>
    <s v=""/>
    <s v=""/>
    <s v=""/>
    <s v=""/>
    <s v=""/>
    <s v=""/>
    <s v=""/>
    <s v=""/>
    <s v=""/>
    <s v=""/>
    <s v=""/>
    <s v=""/>
    <s v=""/>
    <s v=""/>
    <s v=""/>
    <s v=""/>
    <s v=""/>
    <s v=""/>
    <s v=""/>
    <s v=""/>
    <m/>
    <m/>
    <m/>
  </r>
  <r>
    <n v="746"/>
    <x v="1"/>
    <s v="Transport"/>
    <s v="Active Travel"/>
    <s v="Footbridge overhaul or additional/replacement bridge near Apsley Marina"/>
    <s v="(LS-75) Overhaul of the existing, modern footbridge to reduce maintenance or provision of a replacement or additional bridge over the canal which can also accommodate cyclists. "/>
    <x v="1"/>
    <x v="54"/>
    <x v="2"/>
    <x v="2"/>
    <x v="46"/>
    <s v="N/A"/>
    <s v="N/A"/>
    <n v="5344625"/>
    <n v="5344625"/>
    <s v="S278 / S106 / CIL / External Funding"/>
    <s v="Essential"/>
    <m/>
    <m/>
    <m/>
    <m/>
    <m/>
    <m/>
    <m/>
    <m/>
    <m/>
    <m/>
    <m/>
    <m/>
    <m/>
    <m/>
    <m/>
    <m/>
    <m/>
    <m/>
    <m/>
    <m/>
    <m/>
    <m/>
    <m/>
    <m/>
    <m/>
    <m/>
    <m/>
    <m/>
    <m/>
    <m/>
    <m/>
    <n v="0"/>
    <m/>
    <s v=""/>
    <s v=""/>
    <s v=""/>
    <s v=""/>
    <s v=""/>
    <s v=""/>
    <s v=""/>
    <s v=""/>
    <s v=""/>
    <s v=""/>
    <s v=""/>
    <s v=""/>
    <s v=""/>
    <s v=""/>
    <s v=""/>
    <s v=""/>
    <s v=""/>
    <s v=""/>
    <s v=""/>
    <s v=""/>
    <s v=""/>
    <s v=""/>
    <s v=""/>
    <s v=""/>
    <s v=""/>
    <s v=""/>
    <s v=""/>
    <s v=""/>
    <s v=""/>
    <s v=""/>
    <s v=""/>
    <m/>
    <m/>
    <m/>
  </r>
  <r>
    <n v="747"/>
    <x v="1"/>
    <s v="Transport"/>
    <s v="Active Travel"/>
    <s v="A4147 Hemel Hempstead-St Albans cycle route"/>
    <s v="An off-road shared use footway and cycleway between Appspond Lane/Beechtree Lane and King Harry Lane, expected to run along the northern side of the road. "/>
    <x v="1"/>
    <x v="54"/>
    <x v="2"/>
    <x v="2"/>
    <x v="46"/>
    <s v="N/A"/>
    <s v="N/A"/>
    <n v="2600365.625"/>
    <n v="2600365.625"/>
    <s v="S278 / S106 / CIL / External Funding"/>
    <s v="Essential"/>
    <m/>
    <m/>
    <m/>
    <m/>
    <m/>
    <m/>
    <m/>
    <m/>
    <m/>
    <m/>
    <m/>
    <m/>
    <m/>
    <m/>
    <m/>
    <m/>
    <m/>
    <m/>
    <m/>
    <m/>
    <m/>
    <m/>
    <m/>
    <m/>
    <m/>
    <m/>
    <m/>
    <m/>
    <m/>
    <m/>
    <m/>
    <n v="0"/>
    <m/>
    <s v=""/>
    <s v=""/>
    <s v=""/>
    <s v=""/>
    <s v=""/>
    <s v=""/>
    <s v=""/>
    <s v=""/>
    <s v=""/>
    <s v=""/>
    <s v=""/>
    <s v=""/>
    <s v=""/>
    <s v=""/>
    <s v=""/>
    <s v=""/>
    <s v=""/>
    <s v=""/>
    <s v=""/>
    <s v=""/>
    <s v=""/>
    <s v=""/>
    <s v=""/>
    <s v=""/>
    <s v=""/>
    <s v=""/>
    <s v=""/>
    <s v=""/>
    <s v=""/>
    <s v=""/>
    <s v=""/>
    <m/>
    <m/>
    <m/>
  </r>
  <r>
    <n v="748"/>
    <x v="1"/>
    <s v="Transport"/>
    <s v="Active Travel"/>
    <s v="Kingsland Road-Horsecroft Road crossing"/>
    <s v="(SG2-1) Add uncontrolled or marked priority cycling and pedestrian crossing where the PRoW crosses Kingsland Road and Horsecroft Road. Likely to require reduction in marked parking bays. Consider kerbed build out with dropped kerb and tactile paving. "/>
    <x v="1"/>
    <x v="54"/>
    <x v="2"/>
    <x v="2"/>
    <x v="37"/>
    <s v="N/A"/>
    <s v="N/A"/>
    <n v="45223.75"/>
    <n v="45223.75"/>
    <s v="S278 / S106 / CIL / External Funding"/>
    <s v="Essential"/>
    <m/>
    <m/>
    <m/>
    <m/>
    <m/>
    <m/>
    <m/>
    <m/>
    <m/>
    <m/>
    <m/>
    <m/>
    <m/>
    <m/>
    <m/>
    <m/>
    <m/>
    <m/>
    <m/>
    <m/>
    <m/>
    <m/>
    <m/>
    <m/>
    <m/>
    <m/>
    <m/>
    <m/>
    <m/>
    <m/>
    <m/>
    <n v="0"/>
    <m/>
    <s v=""/>
    <s v=""/>
    <s v=""/>
    <s v=""/>
    <s v=""/>
    <s v=""/>
    <s v=""/>
    <s v=""/>
    <s v=""/>
    <s v=""/>
    <s v=""/>
    <s v=""/>
    <s v=""/>
    <s v=""/>
    <s v=""/>
    <s v=""/>
    <s v=""/>
    <s v=""/>
    <s v=""/>
    <s v=""/>
    <s v=""/>
    <s v=""/>
    <s v=""/>
    <s v=""/>
    <s v=""/>
    <s v=""/>
    <s v=""/>
    <s v=""/>
    <s v=""/>
    <s v=""/>
    <s v=""/>
    <m/>
    <m/>
    <m/>
  </r>
  <r>
    <n v="749"/>
    <x v="1"/>
    <s v="Transport"/>
    <s v="Highways"/>
    <s v="20mph speed limit zone including Fishery Road"/>
    <s v="(SG2-2) Investigate the introduction of a 20 mph speed limit zone in this area, including Fishery Road, Kingsland Road and Horsecroft Road. Note: this area falls within a wider area identified by HCC as being a potential 20mph zone, subject to further investigation. "/>
    <x v="1"/>
    <x v="57"/>
    <x v="2"/>
    <x v="2"/>
    <x v="37"/>
    <s v="N/A"/>
    <s v="N/A"/>
    <n v="37001.25"/>
    <n v="37001.25"/>
    <s v="S278 / S106 "/>
    <s v="Essential"/>
    <m/>
    <m/>
    <m/>
    <m/>
    <m/>
    <m/>
    <m/>
    <m/>
    <m/>
    <m/>
    <m/>
    <m/>
    <m/>
    <m/>
    <m/>
    <m/>
    <m/>
    <m/>
    <m/>
    <m/>
    <m/>
    <m/>
    <m/>
    <m/>
    <m/>
    <m/>
    <m/>
    <m/>
    <m/>
    <m/>
    <m/>
    <n v="0"/>
    <m/>
    <s v=""/>
    <s v=""/>
    <s v=""/>
    <s v=""/>
    <s v=""/>
    <s v=""/>
    <s v=""/>
    <s v=""/>
    <s v=""/>
    <s v=""/>
    <s v=""/>
    <s v=""/>
    <s v=""/>
    <s v=""/>
    <s v=""/>
    <s v=""/>
    <s v=""/>
    <s v=""/>
    <s v=""/>
    <s v=""/>
    <s v=""/>
    <s v=""/>
    <s v=""/>
    <s v=""/>
    <s v=""/>
    <s v=""/>
    <s v=""/>
    <s v=""/>
    <s v=""/>
    <s v=""/>
    <s v=""/>
    <m/>
    <m/>
    <m/>
  </r>
  <r>
    <n v="750"/>
    <x v="1"/>
    <s v="Transport"/>
    <s v="Highways"/>
    <s v="Traffic calming on Kingsland Road and Horsecroft Road"/>
    <s v="(SG2-3) Provide traffic calming features near crossings e.g. Add speed cushions on approaches to both crossings (these may be required as part of a 20mph speed limit zone). Note: this area falls within a wider area identified by HCC as being a potential 20mph zone, subject to further investigation. "/>
    <x v="1"/>
    <x v="54"/>
    <x v="2"/>
    <x v="2"/>
    <x v="37"/>
    <s v="N/A"/>
    <s v="N/A"/>
    <n v="129504.375"/>
    <n v="129504.375"/>
    <s v="S278 / S106 / CIL / External Funding"/>
    <s v="Essential"/>
    <m/>
    <m/>
    <m/>
    <m/>
    <m/>
    <m/>
    <m/>
    <m/>
    <m/>
    <m/>
    <m/>
    <m/>
    <m/>
    <m/>
    <m/>
    <m/>
    <m/>
    <m/>
    <m/>
    <m/>
    <m/>
    <m/>
    <m/>
    <m/>
    <m/>
    <m/>
    <m/>
    <m/>
    <m/>
    <m/>
    <m/>
    <n v="0"/>
    <m/>
    <s v=""/>
    <s v=""/>
    <s v=""/>
    <s v=""/>
    <s v=""/>
    <s v=""/>
    <s v=""/>
    <s v=""/>
    <s v=""/>
    <s v=""/>
    <s v=""/>
    <s v=""/>
    <s v=""/>
    <s v=""/>
    <s v=""/>
    <s v=""/>
    <s v=""/>
    <s v=""/>
    <s v=""/>
    <s v=""/>
    <s v=""/>
    <s v=""/>
    <s v=""/>
    <s v=""/>
    <s v=""/>
    <s v=""/>
    <s v=""/>
    <s v=""/>
    <s v=""/>
    <s v=""/>
    <s v=""/>
    <m/>
    <m/>
    <m/>
  </r>
  <r>
    <n v="751"/>
    <x v="1"/>
    <s v="Transport"/>
    <s v="Active Travel"/>
    <s v="Pedestrian route enhancements on Fishery Passage"/>
    <s v="(SG2-4) Increase pedestrian capacity (widen footways and/or reallocate carriageway) on Fishery Passage close to the junction with Horsecroft Road. Consider parking control measures to prevent parking on pavement including bollards if not an obstruction to pedestrians. Add tactile paving at northern end of short footway running into Fishery Passage"/>
    <x v="1"/>
    <x v="54"/>
    <x v="2"/>
    <x v="2"/>
    <x v="37"/>
    <s v="N/A"/>
    <s v="N/A"/>
    <n v="16924.569090000005"/>
    <n v="16924.569090000005"/>
    <s v="S278 / S106 / CIL / External Funding"/>
    <s v="Essential"/>
    <m/>
    <m/>
    <m/>
    <m/>
    <m/>
    <m/>
    <m/>
    <m/>
    <m/>
    <m/>
    <m/>
    <m/>
    <m/>
    <m/>
    <m/>
    <m/>
    <m/>
    <m/>
    <m/>
    <m/>
    <m/>
    <m/>
    <m/>
    <m/>
    <m/>
    <m/>
    <m/>
    <m/>
    <m/>
    <m/>
    <m/>
    <n v="0"/>
    <m/>
    <s v=""/>
    <s v=""/>
    <s v=""/>
    <s v=""/>
    <s v=""/>
    <s v=""/>
    <s v=""/>
    <s v=""/>
    <s v=""/>
    <s v=""/>
    <s v=""/>
    <s v=""/>
    <s v=""/>
    <s v=""/>
    <s v=""/>
    <s v=""/>
    <s v=""/>
    <s v=""/>
    <s v=""/>
    <s v=""/>
    <s v=""/>
    <s v=""/>
    <s v=""/>
    <s v=""/>
    <s v=""/>
    <s v=""/>
    <s v=""/>
    <s v=""/>
    <s v=""/>
    <s v=""/>
    <s v=""/>
    <m/>
    <m/>
    <m/>
  </r>
  <r>
    <n v="752"/>
    <x v="1"/>
    <s v="Transport"/>
    <s v="Active Travel"/>
    <s v="Wayfinding signage on Horsecroft Road and Kingsland Road"/>
    <s v="(SG2-5) Introduce wayfinding signs at key junction points (Horsecroft Road, Kingsland Road, River Park) indicating distance and travel time on foot to the station."/>
    <x v="1"/>
    <x v="54"/>
    <x v="2"/>
    <x v="2"/>
    <x v="37"/>
    <s v="N/A"/>
    <s v="N/A"/>
    <n v="11305.9375"/>
    <n v="11305.9375"/>
    <s v="S278 / S106 / CIL / External Funding"/>
    <s v="Essential"/>
    <m/>
    <m/>
    <m/>
    <m/>
    <m/>
    <m/>
    <m/>
    <m/>
    <m/>
    <m/>
    <m/>
    <m/>
    <m/>
    <m/>
    <m/>
    <m/>
    <m/>
    <m/>
    <m/>
    <m/>
    <m/>
    <m/>
    <m/>
    <m/>
    <m/>
    <m/>
    <m/>
    <m/>
    <m/>
    <m/>
    <m/>
    <n v="0"/>
    <m/>
    <s v=""/>
    <s v=""/>
    <s v=""/>
    <s v=""/>
    <s v=""/>
    <s v=""/>
    <s v=""/>
    <s v=""/>
    <s v=""/>
    <s v=""/>
    <s v=""/>
    <s v=""/>
    <s v=""/>
    <s v=""/>
    <s v=""/>
    <s v=""/>
    <s v=""/>
    <s v=""/>
    <s v=""/>
    <s v=""/>
    <s v=""/>
    <s v=""/>
    <s v=""/>
    <s v=""/>
    <s v=""/>
    <s v=""/>
    <s v=""/>
    <s v=""/>
    <s v=""/>
    <s v=""/>
    <s v=""/>
    <m/>
    <m/>
    <m/>
  </r>
  <r>
    <n v="753"/>
    <x v="1"/>
    <s v="Transport"/>
    <s v="Active Travel"/>
    <s v="Cycle parking stands at bus stop on Fishery Road"/>
    <s v="(SG2-6) Add cycle parking stands adjacent to bus stop on Fishery Road (southbound)"/>
    <x v="1"/>
    <x v="54"/>
    <x v="2"/>
    <x v="2"/>
    <x v="37"/>
    <s v="N/A"/>
    <s v="N/A"/>
    <n v="388.513125"/>
    <n v="388.513125"/>
    <s v="S278 / S106 / CIL / External Funding"/>
    <s v="Essential"/>
    <m/>
    <m/>
    <m/>
    <m/>
    <m/>
    <m/>
    <m/>
    <m/>
    <m/>
    <m/>
    <m/>
    <m/>
    <m/>
    <m/>
    <m/>
    <m/>
    <m/>
    <m/>
    <m/>
    <m/>
    <m/>
    <m/>
    <m/>
    <m/>
    <m/>
    <m/>
    <m/>
    <m/>
    <m/>
    <m/>
    <m/>
    <n v="0"/>
    <m/>
    <s v=""/>
    <s v=""/>
    <s v=""/>
    <s v=""/>
    <s v=""/>
    <s v=""/>
    <s v=""/>
    <s v=""/>
    <s v=""/>
    <s v=""/>
    <s v=""/>
    <s v=""/>
    <s v=""/>
    <s v=""/>
    <s v=""/>
    <s v=""/>
    <s v=""/>
    <s v=""/>
    <s v=""/>
    <s v=""/>
    <s v=""/>
    <s v=""/>
    <s v=""/>
    <s v=""/>
    <s v=""/>
    <s v=""/>
    <s v=""/>
    <s v=""/>
    <s v=""/>
    <s v=""/>
    <s v=""/>
    <m/>
    <m/>
    <m/>
  </r>
  <r>
    <n v="754"/>
    <x v="1"/>
    <s v="Transport"/>
    <s v="Active Travel"/>
    <s v="Crossing improvements around Cowper Road "/>
    <s v="(SG3-1) Add tactile paving and dropped kerbs at Cowper Road/St John's Road, Crouchfield, Grosvenor Terrace, The Poplars, Cowper Road/Gravel Hill Terrace"/>
    <x v="1"/>
    <x v="54"/>
    <x v="2"/>
    <x v="2"/>
    <x v="37"/>
    <s v="N/A"/>
    <s v="N/A"/>
    <n v="5726.41212"/>
    <n v="5726.41212"/>
    <s v="S278 / S106 / CIL / External Funding"/>
    <s v="Essential"/>
    <m/>
    <m/>
    <m/>
    <m/>
    <m/>
    <m/>
    <m/>
    <m/>
    <m/>
    <m/>
    <m/>
    <m/>
    <m/>
    <m/>
    <m/>
    <m/>
    <m/>
    <m/>
    <m/>
    <m/>
    <m/>
    <m/>
    <m/>
    <m/>
    <m/>
    <m/>
    <m/>
    <m/>
    <m/>
    <m/>
    <m/>
    <n v="0"/>
    <m/>
    <s v=""/>
    <s v=""/>
    <s v=""/>
    <s v=""/>
    <s v=""/>
    <s v=""/>
    <s v=""/>
    <s v=""/>
    <s v=""/>
    <s v=""/>
    <s v=""/>
    <s v=""/>
    <s v=""/>
    <s v=""/>
    <s v=""/>
    <s v=""/>
    <s v=""/>
    <s v=""/>
    <s v=""/>
    <s v=""/>
    <s v=""/>
    <s v=""/>
    <s v=""/>
    <s v=""/>
    <s v=""/>
    <s v=""/>
    <s v=""/>
    <s v=""/>
    <s v=""/>
    <s v=""/>
    <s v=""/>
    <m/>
    <m/>
    <m/>
  </r>
  <r>
    <n v="755"/>
    <x v="1"/>
    <s v="Transport"/>
    <s v="Active Travel"/>
    <s v="Crossing improvements around along Gravel Hill Terrace"/>
    <s v="(SG3-2) Tighten kerb radii at junction of Gravel Hill Terrace and Woodland Close. Introduce informal crossings with dropped kerbs with tactile paving at Woodland Close and Cardy Road junctions onto Gravel Hill Terrace"/>
    <x v="1"/>
    <x v="54"/>
    <x v="2"/>
    <x v="2"/>
    <x v="37"/>
    <s v="N/A"/>
    <s v="N/A"/>
    <n v="10758.582119999999"/>
    <n v="10758.582119999999"/>
    <s v="S278 / S106 / CIL / External Funding"/>
    <s v="Essential"/>
    <m/>
    <m/>
    <m/>
    <m/>
    <m/>
    <m/>
    <m/>
    <m/>
    <m/>
    <m/>
    <m/>
    <m/>
    <m/>
    <m/>
    <m/>
    <m/>
    <m/>
    <m/>
    <m/>
    <m/>
    <m/>
    <m/>
    <m/>
    <m/>
    <m/>
    <m/>
    <m/>
    <m/>
    <m/>
    <m/>
    <m/>
    <n v="0"/>
    <m/>
    <s v=""/>
    <s v=""/>
    <s v=""/>
    <s v=""/>
    <s v=""/>
    <s v=""/>
    <s v=""/>
    <s v=""/>
    <s v=""/>
    <s v=""/>
    <s v=""/>
    <s v=""/>
    <s v=""/>
    <s v=""/>
    <s v=""/>
    <s v=""/>
    <s v=""/>
    <s v=""/>
    <s v=""/>
    <s v=""/>
    <s v=""/>
    <s v=""/>
    <s v=""/>
    <s v=""/>
    <s v=""/>
    <s v=""/>
    <s v=""/>
    <s v=""/>
    <s v=""/>
    <s v=""/>
    <s v=""/>
    <m/>
    <m/>
    <m/>
  </r>
  <r>
    <n v="756"/>
    <x v="1"/>
    <s v="Transport"/>
    <s v="Highways"/>
    <s v="20mph speed limit including on Cowper Road"/>
    <s v="(SG3-3) Investigate introducing 20mph limits/zones covering Cowper Road. Retained intervention, but added the following note: Note: this area falls within a wider area identified by HCC as being a potential 20mph zone, subject to further investigation. "/>
    <x v="1"/>
    <x v="54"/>
    <x v="2"/>
    <x v="2"/>
    <x v="37"/>
    <s v="N/A"/>
    <s v="N/A"/>
    <n v="24667.5"/>
    <n v="24667.5"/>
    <s v="S278 / S106 / CIL / External Funding"/>
    <s v="Essential"/>
    <m/>
    <m/>
    <m/>
    <m/>
    <m/>
    <m/>
    <m/>
    <m/>
    <m/>
    <m/>
    <m/>
    <m/>
    <m/>
    <m/>
    <m/>
    <m/>
    <m/>
    <m/>
    <m/>
    <m/>
    <m/>
    <m/>
    <m/>
    <m/>
    <m/>
    <m/>
    <m/>
    <m/>
    <m/>
    <m/>
    <m/>
    <n v="0"/>
    <m/>
    <s v=""/>
    <s v=""/>
    <s v=""/>
    <s v=""/>
    <s v=""/>
    <s v=""/>
    <s v=""/>
    <s v=""/>
    <s v=""/>
    <s v=""/>
    <s v=""/>
    <s v=""/>
    <s v=""/>
    <s v=""/>
    <s v=""/>
    <s v=""/>
    <s v=""/>
    <s v=""/>
    <s v=""/>
    <s v=""/>
    <s v=""/>
    <s v=""/>
    <s v=""/>
    <s v=""/>
    <s v=""/>
    <s v=""/>
    <s v=""/>
    <s v=""/>
    <s v=""/>
    <s v=""/>
    <s v=""/>
    <m/>
    <m/>
    <m/>
  </r>
  <r>
    <n v="757"/>
    <x v="1"/>
    <s v="Transport"/>
    <s v="Highways"/>
    <s v="Marked parking bays on Cowper Road"/>
    <s v="(SG3-4) Reduce the occurrence of pavement parking where feasible, such as introduction of marked parking bays on one side of the road"/>
    <x v="1"/>
    <x v="54"/>
    <x v="2"/>
    <x v="2"/>
    <x v="37"/>
    <s v="N/A"/>
    <s v="N/A"/>
    <n v="102781.25"/>
    <n v="102781.25"/>
    <s v="S278 / S106 / CIL / External Funding"/>
    <s v="Essential"/>
    <m/>
    <m/>
    <m/>
    <m/>
    <m/>
    <m/>
    <m/>
    <m/>
    <m/>
    <m/>
    <m/>
    <m/>
    <m/>
    <m/>
    <m/>
    <m/>
    <m/>
    <m/>
    <m/>
    <m/>
    <m/>
    <m/>
    <m/>
    <m/>
    <m/>
    <m/>
    <m/>
    <m/>
    <m/>
    <m/>
    <m/>
    <n v="0"/>
    <m/>
    <s v=""/>
    <s v=""/>
    <s v=""/>
    <s v=""/>
    <s v=""/>
    <s v=""/>
    <s v=""/>
    <s v=""/>
    <s v=""/>
    <s v=""/>
    <s v=""/>
    <s v=""/>
    <s v=""/>
    <s v=""/>
    <s v=""/>
    <s v=""/>
    <s v=""/>
    <s v=""/>
    <s v=""/>
    <s v=""/>
    <s v=""/>
    <s v=""/>
    <s v=""/>
    <s v=""/>
    <s v=""/>
    <s v=""/>
    <s v=""/>
    <s v=""/>
    <s v=""/>
    <s v=""/>
    <s v=""/>
    <m/>
    <m/>
    <m/>
  </r>
  <r>
    <n v="758"/>
    <x v="1"/>
    <s v="Transport"/>
    <s v="Active Travel"/>
    <s v="Cycle hanger storage on Cowper Road"/>
    <s v="(SG3-5) Provide cycle storage facility - hanger (x2) for residents on Cowper Rd. To be located within the highway, removing some car parking space. "/>
    <x v="1"/>
    <x v="54"/>
    <x v="2"/>
    <x v="2"/>
    <x v="37"/>
    <s v="N/A"/>
    <s v="N/A"/>
    <n v="21645.731250000001"/>
    <n v="21645.731250000001"/>
    <s v="S278 / S106 / CIL / External Funding"/>
    <s v="Essential"/>
    <m/>
    <m/>
    <m/>
    <m/>
    <m/>
    <m/>
    <m/>
    <m/>
    <m/>
    <m/>
    <m/>
    <m/>
    <m/>
    <m/>
    <m/>
    <m/>
    <m/>
    <m/>
    <m/>
    <m/>
    <m/>
    <m/>
    <m/>
    <m/>
    <m/>
    <m/>
    <m/>
    <m/>
    <m/>
    <m/>
    <m/>
    <n v="0"/>
    <m/>
    <s v=""/>
    <s v=""/>
    <s v=""/>
    <s v=""/>
    <s v=""/>
    <s v=""/>
    <s v=""/>
    <s v=""/>
    <s v=""/>
    <s v=""/>
    <s v=""/>
    <s v=""/>
    <s v=""/>
    <s v=""/>
    <s v=""/>
    <s v=""/>
    <s v=""/>
    <s v=""/>
    <s v=""/>
    <s v=""/>
    <s v=""/>
    <s v=""/>
    <s v=""/>
    <s v=""/>
    <s v=""/>
    <s v=""/>
    <s v=""/>
    <s v=""/>
    <s v=""/>
    <s v=""/>
    <s v=""/>
    <m/>
    <m/>
    <m/>
  </r>
  <r>
    <n v="759"/>
    <x v="1"/>
    <s v="Transport"/>
    <s v="Active Travel"/>
    <s v="Junction crossing improvements on Cowper Road"/>
    <s v="(SG4-1) Add tactile paving; add dropped kerbs; improve signage and wayfinding"/>
    <x v="1"/>
    <x v="54"/>
    <x v="2"/>
    <x v="2"/>
    <x v="37"/>
    <s v="N/A"/>
    <s v="N/A"/>
    <n v="1679.16606"/>
    <n v="1679.16606"/>
    <s v="S278 / S106 / CIL / External Funding"/>
    <s v="Essential"/>
    <m/>
    <m/>
    <m/>
    <m/>
    <m/>
    <m/>
    <m/>
    <m/>
    <m/>
    <m/>
    <m/>
    <m/>
    <m/>
    <m/>
    <m/>
    <m/>
    <m/>
    <m/>
    <m/>
    <m/>
    <m/>
    <m/>
    <m/>
    <m/>
    <m/>
    <m/>
    <m/>
    <m/>
    <m/>
    <m/>
    <m/>
    <n v="0"/>
    <m/>
    <s v=""/>
    <s v=""/>
    <s v=""/>
    <s v=""/>
    <s v=""/>
    <s v=""/>
    <s v=""/>
    <s v=""/>
    <s v=""/>
    <s v=""/>
    <s v=""/>
    <s v=""/>
    <s v=""/>
    <s v=""/>
    <s v=""/>
    <s v=""/>
    <s v=""/>
    <s v=""/>
    <s v=""/>
    <s v=""/>
    <s v=""/>
    <s v=""/>
    <s v=""/>
    <s v=""/>
    <s v=""/>
    <s v=""/>
    <s v=""/>
    <s v=""/>
    <s v=""/>
    <s v=""/>
    <s v=""/>
    <m/>
    <m/>
    <m/>
  </r>
  <r>
    <n v="760"/>
    <x v="1"/>
    <s v="Transport"/>
    <s v="Active Travel"/>
    <s v="Beechfield Road-Cornfields alleyway crossing"/>
    <s v="(SG4-2) Add new uncontrolled cycling and pedestrian crossing at Beechfield Road and alleyway through to The Cornfields"/>
    <x v="1"/>
    <x v="54"/>
    <x v="2"/>
    <x v="2"/>
    <x v="37"/>
    <s v="N/A"/>
    <s v="N/A"/>
    <n v="22248.029374999998"/>
    <n v="22248.029374999998"/>
    <s v="S278 / S106 / CIL / External Funding"/>
    <s v="Essential"/>
    <m/>
    <m/>
    <m/>
    <m/>
    <m/>
    <m/>
    <m/>
    <m/>
    <m/>
    <m/>
    <m/>
    <m/>
    <m/>
    <m/>
    <m/>
    <m/>
    <m/>
    <m/>
    <m/>
    <m/>
    <m/>
    <m/>
    <m/>
    <m/>
    <m/>
    <m/>
    <m/>
    <m/>
    <m/>
    <m/>
    <m/>
    <n v="0"/>
    <m/>
    <s v=""/>
    <s v=""/>
    <s v=""/>
    <s v=""/>
    <s v=""/>
    <s v=""/>
    <s v=""/>
    <s v=""/>
    <s v=""/>
    <s v=""/>
    <s v=""/>
    <s v=""/>
    <s v=""/>
    <s v=""/>
    <s v=""/>
    <s v=""/>
    <s v=""/>
    <s v=""/>
    <s v=""/>
    <s v=""/>
    <s v=""/>
    <s v=""/>
    <s v=""/>
    <s v=""/>
    <s v=""/>
    <s v=""/>
    <s v=""/>
    <s v=""/>
    <s v=""/>
    <s v=""/>
    <s v=""/>
    <m/>
    <m/>
    <m/>
  </r>
  <r>
    <n v="761"/>
    <x v="1"/>
    <s v="Transport"/>
    <s v="Active Travel"/>
    <s v="Junction crossing improvements on Crouchfield"/>
    <s v="(SG4-3) Tighten kerb radii and reduce crossing widths at the junctions of Crouchfield/Beechfield Road, and Crouchfield/Nestlecoft. Also introduce raised speed table uncontrolled pedestrian crossings at each junction."/>
    <x v="1"/>
    <x v="54"/>
    <x v="2"/>
    <x v="2"/>
    <x v="37"/>
    <s v="N/A"/>
    <s v="N/A"/>
    <n v="105317.33212000001"/>
    <n v="105317.33212000001"/>
    <s v="S278 / S106 / CIL / External Funding"/>
    <s v="Essential"/>
    <m/>
    <m/>
    <m/>
    <m/>
    <m/>
    <m/>
    <m/>
    <m/>
    <m/>
    <m/>
    <m/>
    <m/>
    <m/>
    <m/>
    <m/>
    <m/>
    <m/>
    <m/>
    <m/>
    <m/>
    <m/>
    <m/>
    <m/>
    <m/>
    <m/>
    <m/>
    <m/>
    <m/>
    <m/>
    <m/>
    <m/>
    <n v="0"/>
    <m/>
    <s v=""/>
    <s v=""/>
    <s v=""/>
    <s v=""/>
    <s v=""/>
    <s v=""/>
    <s v=""/>
    <s v=""/>
    <s v=""/>
    <s v=""/>
    <s v=""/>
    <s v=""/>
    <s v=""/>
    <s v=""/>
    <s v=""/>
    <s v=""/>
    <s v=""/>
    <s v=""/>
    <s v=""/>
    <s v=""/>
    <s v=""/>
    <s v=""/>
    <s v=""/>
    <s v=""/>
    <s v=""/>
    <s v=""/>
    <s v=""/>
    <s v=""/>
    <s v=""/>
    <s v=""/>
    <s v=""/>
    <m/>
    <m/>
    <m/>
  </r>
  <r>
    <n v="762"/>
    <x v="1"/>
    <s v="Transport"/>
    <s v="Active Travel"/>
    <s v="Footway widening approaching The Cornfields"/>
    <s v="(SG4-4) Widen the footway on the approach to The Cornfields (eastern side). Introduce a need handrail around the edge. Introduce dropped kerbs and tactile paving on either side of the road (avoiding manhole covers)"/>
    <x v="1"/>
    <x v="54"/>
    <x v="2"/>
    <x v="2"/>
    <x v="37"/>
    <s v="N/A"/>
    <s v="N/A"/>
    <n v="19357.54106"/>
    <n v="19357.54106"/>
    <s v="S278 / S106 / CIL / External Funding"/>
    <s v="Essential"/>
    <m/>
    <m/>
    <m/>
    <m/>
    <m/>
    <m/>
    <m/>
    <m/>
    <m/>
    <m/>
    <m/>
    <m/>
    <m/>
    <m/>
    <m/>
    <m/>
    <m/>
    <m/>
    <m/>
    <m/>
    <m/>
    <m/>
    <m/>
    <m/>
    <m/>
    <m/>
    <m/>
    <m/>
    <m/>
    <m/>
    <m/>
    <n v="0"/>
    <m/>
    <s v=""/>
    <s v=""/>
    <s v=""/>
    <s v=""/>
    <s v=""/>
    <s v=""/>
    <s v=""/>
    <s v=""/>
    <s v=""/>
    <s v=""/>
    <s v=""/>
    <s v=""/>
    <s v=""/>
    <s v=""/>
    <s v=""/>
    <s v=""/>
    <s v=""/>
    <s v=""/>
    <s v=""/>
    <s v=""/>
    <s v=""/>
    <s v=""/>
    <s v=""/>
    <s v=""/>
    <s v=""/>
    <s v=""/>
    <s v=""/>
    <s v=""/>
    <s v=""/>
    <s v=""/>
    <s v=""/>
    <m/>
    <m/>
    <m/>
  </r>
  <r>
    <n v="763"/>
    <x v="1"/>
    <s v="Transport"/>
    <s v="Active Travel"/>
    <s v="Footpath width vegetation cut-back"/>
    <s v="(SG4-5) Manage vegetation along footpaths to maximise width and increase visibility"/>
    <x v="1"/>
    <x v="54"/>
    <x v="2"/>
    <x v="2"/>
    <x v="37"/>
    <s v="N/A"/>
    <s v="N/A"/>
    <n v="3734.6595000000002"/>
    <n v="3734.6595000000002"/>
    <s v="S278 / S106 / CIL / External Funding"/>
    <s v="Essential"/>
    <m/>
    <m/>
    <m/>
    <m/>
    <m/>
    <m/>
    <m/>
    <m/>
    <m/>
    <m/>
    <m/>
    <m/>
    <m/>
    <m/>
    <m/>
    <m/>
    <m/>
    <m/>
    <m/>
    <m/>
    <m/>
    <m/>
    <m/>
    <m/>
    <m/>
    <m/>
    <m/>
    <m/>
    <m/>
    <m/>
    <m/>
    <n v="0"/>
    <m/>
    <s v=""/>
    <s v=""/>
    <s v=""/>
    <s v=""/>
    <s v=""/>
    <s v=""/>
    <s v=""/>
    <s v=""/>
    <s v=""/>
    <s v=""/>
    <s v=""/>
    <s v=""/>
    <s v=""/>
    <s v=""/>
    <s v=""/>
    <s v=""/>
    <s v=""/>
    <s v=""/>
    <s v=""/>
    <s v=""/>
    <s v=""/>
    <s v=""/>
    <s v=""/>
    <s v=""/>
    <s v=""/>
    <s v=""/>
    <s v=""/>
    <s v=""/>
    <s v=""/>
    <s v=""/>
    <s v=""/>
    <m/>
    <m/>
    <m/>
  </r>
  <r>
    <n v="764"/>
    <x v="1"/>
    <s v="Transport"/>
    <s v="Active Travel"/>
    <s v="Pedestrian route street lighting enhancements"/>
    <s v="(SG4-6) Investigate introducing additional street lighting along pedestrian routes"/>
    <x v="1"/>
    <x v="54"/>
    <x v="2"/>
    <x v="2"/>
    <x v="37"/>
    <s v="N/A"/>
    <s v="N/A"/>
    <n v="2406.8079749999997"/>
    <n v="2406.8079749999997"/>
    <s v="S278 / S106 / CIL / External Funding"/>
    <s v="Essential"/>
    <m/>
    <m/>
    <m/>
    <m/>
    <m/>
    <m/>
    <m/>
    <m/>
    <m/>
    <m/>
    <m/>
    <m/>
    <m/>
    <m/>
    <m/>
    <m/>
    <m/>
    <m/>
    <m/>
    <m/>
    <m/>
    <m/>
    <m/>
    <m/>
    <m/>
    <m/>
    <m/>
    <m/>
    <m/>
    <m/>
    <m/>
    <n v="0"/>
    <m/>
    <s v=""/>
    <s v=""/>
    <s v=""/>
    <s v=""/>
    <s v=""/>
    <s v=""/>
    <s v=""/>
    <s v=""/>
    <s v=""/>
    <s v=""/>
    <s v=""/>
    <s v=""/>
    <s v=""/>
    <s v=""/>
    <s v=""/>
    <s v=""/>
    <s v=""/>
    <s v=""/>
    <s v=""/>
    <s v=""/>
    <s v=""/>
    <s v=""/>
    <s v=""/>
    <s v=""/>
    <s v=""/>
    <s v=""/>
    <s v=""/>
    <s v=""/>
    <s v=""/>
    <s v=""/>
    <s v=""/>
    <m/>
    <m/>
    <m/>
  </r>
  <r>
    <n v="765"/>
    <x v="1"/>
    <s v="Transport"/>
    <s v="Active Travel"/>
    <s v="Glenview Gardens cycle hanger storage"/>
    <s v="(SG4-7) Add cycle  storage facilities for residents along Glenview Gardens"/>
    <x v="1"/>
    <x v="54"/>
    <x v="2"/>
    <x v="2"/>
    <x v="37"/>
    <s v="N/A"/>
    <s v="N/A"/>
    <n v="10822.865625"/>
    <n v="10822.865625"/>
    <s v="S278 / S106 / CIL / External Funding"/>
    <s v="Essential"/>
    <m/>
    <m/>
    <m/>
    <m/>
    <m/>
    <m/>
    <m/>
    <m/>
    <m/>
    <m/>
    <m/>
    <m/>
    <m/>
    <m/>
    <m/>
    <m/>
    <m/>
    <m/>
    <m/>
    <m/>
    <m/>
    <m/>
    <m/>
    <m/>
    <m/>
    <m/>
    <m/>
    <m/>
    <m/>
    <m/>
    <m/>
    <n v="0"/>
    <m/>
    <s v=""/>
    <s v=""/>
    <s v=""/>
    <s v=""/>
    <s v=""/>
    <s v=""/>
    <s v=""/>
    <s v=""/>
    <s v=""/>
    <s v=""/>
    <s v=""/>
    <s v=""/>
    <s v=""/>
    <s v=""/>
    <s v=""/>
    <s v=""/>
    <s v=""/>
    <s v=""/>
    <s v=""/>
    <s v=""/>
    <s v=""/>
    <s v=""/>
    <s v=""/>
    <s v=""/>
    <s v=""/>
    <s v=""/>
    <s v=""/>
    <s v=""/>
    <s v=""/>
    <s v=""/>
    <s v=""/>
    <m/>
    <m/>
    <m/>
  </r>
  <r>
    <n v="766"/>
    <x v="1"/>
    <s v="Transport"/>
    <s v="Active Travel"/>
    <s v="A4251 London Road cycle route"/>
    <s v="(SG5-1) New on-road advisory cycle lanes (both directions) between the A4146 and A414 junctions where there is sufficient carriageway width. Provision of a section of off-road route at the eastern end (northern side of the road) on the approach to the A4251-A414 signalised junction. "/>
    <x v="1"/>
    <x v="63"/>
    <x v="2"/>
    <x v="2"/>
    <x v="37"/>
    <s v="N/A"/>
    <s v="N/A"/>
    <n v="34370.050000000003"/>
    <n v="34370.050000000003"/>
    <s v="S278 / S106 "/>
    <s v="Essential"/>
    <m/>
    <m/>
    <m/>
    <m/>
    <m/>
    <m/>
    <m/>
    <m/>
    <m/>
    <m/>
    <m/>
    <m/>
    <m/>
    <m/>
    <m/>
    <m/>
    <m/>
    <m/>
    <m/>
    <m/>
    <m/>
    <m/>
    <m/>
    <m/>
    <m/>
    <m/>
    <m/>
    <m/>
    <m/>
    <m/>
    <m/>
    <n v="0"/>
    <m/>
    <s v=""/>
    <s v=""/>
    <s v=""/>
    <s v=""/>
    <s v=""/>
    <s v=""/>
    <s v=""/>
    <s v=""/>
    <s v=""/>
    <s v=""/>
    <s v=""/>
    <s v=""/>
    <s v=""/>
    <s v=""/>
    <s v=""/>
    <s v=""/>
    <s v=""/>
    <s v=""/>
    <s v=""/>
    <s v=""/>
    <s v=""/>
    <s v=""/>
    <s v=""/>
    <s v=""/>
    <s v=""/>
    <s v=""/>
    <s v=""/>
    <s v=""/>
    <s v=""/>
    <s v=""/>
    <s v=""/>
    <m/>
    <m/>
    <m/>
  </r>
  <r>
    <n v="767"/>
    <x v="1"/>
    <s v="Transport"/>
    <s v="Active Travel"/>
    <s v="A4251 London Road footway widths"/>
    <s v="(SG5-2) Increase pedestrian footway width by cutting back encroaching vegetation and improving maintenance of footway including renewed surfacing"/>
    <x v="1"/>
    <x v="63"/>
    <x v="2"/>
    <x v="2"/>
    <x v="37"/>
    <s v="N/A"/>
    <s v="N/A"/>
    <n v="740025"/>
    <n v="740025"/>
    <s v="S278 / S106 "/>
    <s v="Essential"/>
    <m/>
    <m/>
    <m/>
    <m/>
    <m/>
    <m/>
    <m/>
    <m/>
    <m/>
    <m/>
    <m/>
    <m/>
    <m/>
    <m/>
    <m/>
    <m/>
    <m/>
    <m/>
    <m/>
    <m/>
    <m/>
    <m/>
    <m/>
    <m/>
    <m/>
    <m/>
    <m/>
    <m/>
    <m/>
    <m/>
    <m/>
    <n v="0"/>
    <m/>
    <s v=""/>
    <s v=""/>
    <s v=""/>
    <s v=""/>
    <s v=""/>
    <s v=""/>
    <s v=""/>
    <s v=""/>
    <s v=""/>
    <s v=""/>
    <s v=""/>
    <s v=""/>
    <s v=""/>
    <s v=""/>
    <s v=""/>
    <s v=""/>
    <s v=""/>
    <s v=""/>
    <s v=""/>
    <s v=""/>
    <s v=""/>
    <s v=""/>
    <s v=""/>
    <s v=""/>
    <s v=""/>
    <s v=""/>
    <s v=""/>
    <s v=""/>
    <s v=""/>
    <s v=""/>
    <s v=""/>
    <m/>
    <m/>
    <m/>
  </r>
  <r>
    <n v="768"/>
    <x v="1"/>
    <s v="Transport"/>
    <s v="Highways"/>
    <s v="A4251 London Road Speed VMS"/>
    <s v="(SG5-3) Add VMS speed feedback sign"/>
    <x v="1"/>
    <x v="63"/>
    <x v="2"/>
    <x v="2"/>
    <x v="37"/>
    <s v="N/A"/>
    <s v="N/A"/>
    <n v="24667.5"/>
    <n v="24667.5"/>
    <s v="S278 / S106 "/>
    <s v="Essential"/>
    <m/>
    <m/>
    <m/>
    <m/>
    <m/>
    <m/>
    <m/>
    <m/>
    <m/>
    <m/>
    <m/>
    <m/>
    <m/>
    <m/>
    <m/>
    <m/>
    <m/>
    <m/>
    <m/>
    <m/>
    <m/>
    <m/>
    <m/>
    <m/>
    <m/>
    <m/>
    <m/>
    <m/>
    <m/>
    <m/>
    <m/>
    <n v="0"/>
    <m/>
    <s v=""/>
    <s v=""/>
    <s v=""/>
    <s v=""/>
    <s v=""/>
    <s v=""/>
    <s v=""/>
    <s v=""/>
    <s v=""/>
    <s v=""/>
    <s v=""/>
    <s v=""/>
    <s v=""/>
    <s v=""/>
    <s v=""/>
    <s v=""/>
    <s v=""/>
    <s v=""/>
    <s v=""/>
    <s v=""/>
    <s v=""/>
    <s v=""/>
    <s v=""/>
    <s v=""/>
    <s v=""/>
    <s v=""/>
    <s v=""/>
    <s v=""/>
    <s v=""/>
    <s v=""/>
    <s v=""/>
    <m/>
    <m/>
    <m/>
  </r>
  <r>
    <n v="769"/>
    <x v="1"/>
    <s v="Transport"/>
    <s v="Highways"/>
    <s v="A4251 London Road-A4146 Station Road Junction Reconfiguration including provision for cyclists and buses"/>
    <s v="(SG5-4) Major junction improvement - convert to signal controlled crossroads with cycle priority at A4251/A4146 including advance stop lines or bicycle boxes. Include hurry call detection for buses travelling between London Road (west) and Station Road."/>
    <x v="1"/>
    <x v="54"/>
    <x v="2"/>
    <x v="2"/>
    <x v="45"/>
    <s v="N/A"/>
    <s v="N/A"/>
    <n v="493350"/>
    <n v="493350"/>
    <s v="S278 / S106 / CIL / External Funding"/>
    <s v="Essential"/>
    <m/>
    <m/>
    <m/>
    <m/>
    <m/>
    <m/>
    <m/>
    <m/>
    <m/>
    <m/>
    <m/>
    <m/>
    <m/>
    <m/>
    <m/>
    <m/>
    <m/>
    <m/>
    <m/>
    <m/>
    <m/>
    <m/>
    <m/>
    <m/>
    <m/>
    <m/>
    <m/>
    <m/>
    <m/>
    <m/>
    <m/>
    <n v="0"/>
    <m/>
    <s v=""/>
    <s v=""/>
    <s v=""/>
    <s v=""/>
    <s v=""/>
    <s v=""/>
    <s v=""/>
    <s v=""/>
    <s v=""/>
    <s v=""/>
    <s v=""/>
    <s v=""/>
    <s v=""/>
    <s v=""/>
    <s v=""/>
    <s v=""/>
    <s v=""/>
    <s v=""/>
    <s v=""/>
    <s v=""/>
    <s v=""/>
    <s v=""/>
    <s v=""/>
    <s v=""/>
    <s v=""/>
    <s v=""/>
    <s v=""/>
    <s v=""/>
    <s v=""/>
    <s v=""/>
    <s v=""/>
    <m/>
    <m/>
    <m/>
  </r>
  <r>
    <n v="770"/>
    <x v="1"/>
    <s v="Transport"/>
    <s v="Active Travel"/>
    <s v="Two Waters Road-London Road pedestrian-cycle link"/>
    <s v="(SG6-1) Widen Public footpath cutting the corner of Two Waters Road and London Road to accommodate cyclists and pedestrians (leading to the proposed Mobility Hub at the southern end). At the northern end, provide kerbed build-out with dropped kerbs to designate end of the cycle path and advise cyclists to join the carriageway). Removing of c.2-3 car lengths of kerbside parking."/>
    <x v="1"/>
    <x v="64"/>
    <x v="2"/>
    <x v="2"/>
    <x v="37"/>
    <s v="N/A"/>
    <s v="N/A"/>
    <n v="25661.254905000002"/>
    <n v="25661.254905000002"/>
    <s v="S278 / S106 "/>
    <s v="Essential"/>
    <m/>
    <m/>
    <m/>
    <m/>
    <m/>
    <m/>
    <m/>
    <m/>
    <m/>
    <m/>
    <m/>
    <m/>
    <m/>
    <m/>
    <m/>
    <m/>
    <m/>
    <m/>
    <m/>
    <m/>
    <m/>
    <m/>
    <m/>
    <m/>
    <m/>
    <m/>
    <m/>
    <m/>
    <m/>
    <m/>
    <m/>
    <n v="0"/>
    <m/>
    <s v=""/>
    <s v=""/>
    <s v=""/>
    <s v=""/>
    <s v=""/>
    <s v=""/>
    <s v=""/>
    <s v=""/>
    <s v=""/>
    <s v=""/>
    <s v=""/>
    <s v=""/>
    <s v=""/>
    <s v=""/>
    <s v=""/>
    <s v=""/>
    <s v=""/>
    <s v=""/>
    <s v=""/>
    <s v=""/>
    <s v=""/>
    <s v=""/>
    <s v=""/>
    <s v=""/>
    <s v=""/>
    <s v=""/>
    <s v=""/>
    <s v=""/>
    <s v=""/>
    <s v=""/>
    <s v=""/>
    <m/>
    <m/>
    <m/>
  </r>
  <r>
    <n v="771"/>
    <x v="1"/>
    <s v="Transport"/>
    <s v="Active Travel"/>
    <s v="Two Waters Road-London Road junction improvement"/>
    <s v="(SG6-2) Tighten kerb radii/ reduce crossing width at Two Waters Road junction and introduce a speed table at or close to mouth of the junction. "/>
    <x v="1"/>
    <x v="64"/>
    <x v="2"/>
    <x v="2"/>
    <x v="37"/>
    <s v="N/A"/>
    <s v="N/A"/>
    <n v="58379.75"/>
    <n v="58379.75"/>
    <s v="S278 / S106 "/>
    <s v="Essential"/>
    <m/>
    <m/>
    <m/>
    <m/>
    <m/>
    <m/>
    <m/>
    <m/>
    <m/>
    <m/>
    <m/>
    <m/>
    <m/>
    <m/>
    <m/>
    <m/>
    <m/>
    <m/>
    <m/>
    <m/>
    <m/>
    <m/>
    <m/>
    <m/>
    <m/>
    <m/>
    <m/>
    <m/>
    <m/>
    <m/>
    <m/>
    <n v="0"/>
    <m/>
    <s v=""/>
    <s v=""/>
    <s v=""/>
    <s v=""/>
    <s v=""/>
    <s v=""/>
    <s v=""/>
    <s v=""/>
    <s v=""/>
    <s v=""/>
    <s v=""/>
    <s v=""/>
    <s v=""/>
    <s v=""/>
    <s v=""/>
    <s v=""/>
    <s v=""/>
    <s v=""/>
    <s v=""/>
    <s v=""/>
    <s v=""/>
    <s v=""/>
    <s v=""/>
    <s v=""/>
    <s v=""/>
    <s v=""/>
    <s v=""/>
    <s v=""/>
    <s v=""/>
    <s v=""/>
    <s v=""/>
    <m/>
    <m/>
    <m/>
  </r>
  <r>
    <n v="772"/>
    <x v="1"/>
    <s v="Transport"/>
    <s v="Active Travel"/>
    <s v="Durrants Hill Road-London Road junction improvement"/>
    <s v="(SG6-3) Tighten kerb radii/ reduce crossing width at Durrants Hill Rd and introduce a speed table at or close to mouth of the junction. "/>
    <x v="1"/>
    <x v="64"/>
    <x v="2"/>
    <x v="2"/>
    <x v="37"/>
    <s v="N/A"/>
    <s v="N/A"/>
    <n v="55913"/>
    <n v="55913"/>
    <s v="S278 / S106 "/>
    <s v="Essential"/>
    <m/>
    <m/>
    <m/>
    <m/>
    <m/>
    <m/>
    <m/>
    <m/>
    <m/>
    <m/>
    <m/>
    <m/>
    <m/>
    <m/>
    <m/>
    <m/>
    <m/>
    <m/>
    <m/>
    <m/>
    <m/>
    <m/>
    <m/>
    <m/>
    <m/>
    <m/>
    <m/>
    <m/>
    <m/>
    <m/>
    <m/>
    <n v="0"/>
    <m/>
    <s v=""/>
    <s v=""/>
    <s v=""/>
    <s v=""/>
    <s v=""/>
    <s v=""/>
    <s v=""/>
    <s v=""/>
    <s v=""/>
    <s v=""/>
    <s v=""/>
    <s v=""/>
    <s v=""/>
    <s v=""/>
    <s v=""/>
    <s v=""/>
    <s v=""/>
    <s v=""/>
    <s v=""/>
    <s v=""/>
    <s v=""/>
    <s v=""/>
    <s v=""/>
    <s v=""/>
    <s v=""/>
    <s v=""/>
    <s v=""/>
    <s v=""/>
    <s v=""/>
    <s v=""/>
    <s v=""/>
    <m/>
    <m/>
    <m/>
  </r>
  <r>
    <n v="773"/>
    <x v="1"/>
    <s v="Transport"/>
    <s v="Active Travel"/>
    <s v="Kents Avenue-London Road junction improvement"/>
    <s v="(SG6-4) Tighten kerb radii/ reduce crossing width at Kents Avenue junction and introduce a speed table at or close to mouth of the junction."/>
    <x v="1"/>
    <x v="64"/>
    <x v="2"/>
    <x v="2"/>
    <x v="37"/>
    <s v="N/A"/>
    <s v="N/A"/>
    <n v="55913"/>
    <n v="55913"/>
    <s v="S278 / S106 "/>
    <s v="Essential"/>
    <m/>
    <m/>
    <m/>
    <m/>
    <m/>
    <m/>
    <m/>
    <m/>
    <m/>
    <m/>
    <m/>
    <m/>
    <m/>
    <m/>
    <m/>
    <m/>
    <m/>
    <m/>
    <m/>
    <m/>
    <m/>
    <m/>
    <m/>
    <m/>
    <m/>
    <m/>
    <m/>
    <m/>
    <m/>
    <m/>
    <m/>
    <n v="0"/>
    <m/>
    <s v=""/>
    <s v=""/>
    <s v=""/>
    <s v=""/>
    <s v=""/>
    <s v=""/>
    <s v=""/>
    <s v=""/>
    <s v=""/>
    <s v=""/>
    <s v=""/>
    <s v=""/>
    <s v=""/>
    <s v=""/>
    <s v=""/>
    <s v=""/>
    <s v=""/>
    <s v=""/>
    <s v=""/>
    <s v=""/>
    <s v=""/>
    <s v=""/>
    <s v=""/>
    <s v=""/>
    <s v=""/>
    <s v=""/>
    <s v=""/>
    <s v=""/>
    <s v=""/>
    <s v=""/>
    <s v=""/>
    <m/>
    <m/>
    <m/>
  </r>
  <r>
    <n v="774"/>
    <x v="1"/>
    <s v="Transport"/>
    <s v="Active Travel"/>
    <s v="Retail Park access pedestrian crossing improvement"/>
    <s v="(SG6-5) Add marked pedestrian crossing at the retail park access roundabout arm leading to Sainsbury's "/>
    <x v="1"/>
    <x v="64"/>
    <x v="2"/>
    <x v="2"/>
    <x v="37"/>
    <s v="N/A"/>
    <s v="N/A"/>
    <n v="106892.5"/>
    <n v="106892.5"/>
    <s v="S278 / S106 "/>
    <s v="Essential"/>
    <m/>
    <m/>
    <m/>
    <m/>
    <m/>
    <m/>
    <m/>
    <m/>
    <m/>
    <m/>
    <m/>
    <m/>
    <m/>
    <m/>
    <m/>
    <m/>
    <m/>
    <m/>
    <m/>
    <m/>
    <m/>
    <m/>
    <m/>
    <m/>
    <m/>
    <m/>
    <m/>
    <m/>
    <m/>
    <m/>
    <m/>
    <n v="0"/>
    <m/>
    <s v=""/>
    <s v=""/>
    <s v=""/>
    <s v=""/>
    <s v=""/>
    <s v=""/>
    <s v=""/>
    <s v=""/>
    <s v=""/>
    <s v=""/>
    <s v=""/>
    <s v=""/>
    <s v=""/>
    <s v=""/>
    <s v=""/>
    <s v=""/>
    <s v=""/>
    <s v=""/>
    <s v=""/>
    <s v=""/>
    <s v=""/>
    <s v=""/>
    <s v=""/>
    <s v=""/>
    <s v=""/>
    <s v=""/>
    <s v=""/>
    <s v=""/>
    <s v=""/>
    <s v=""/>
    <s v=""/>
    <m/>
    <m/>
    <m/>
  </r>
  <r>
    <n v="775"/>
    <x v="1"/>
    <s v="Transport"/>
    <s v="Highways"/>
    <s v="20mph speed limit on London Road"/>
    <s v="(SG6-6) Investigate introducing 20mph speed limit between Featherbed Lane and Weymouth Street. Note: this area falls within a wider area identified by HCC as being a potential 20mph zone, subject to further investigation. "/>
    <x v="1"/>
    <x v="64"/>
    <x v="2"/>
    <x v="2"/>
    <x v="37"/>
    <s v="N/A"/>
    <s v="N/A"/>
    <n v="24667.5"/>
    <n v="24667.5"/>
    <s v="S278 / S106 "/>
    <s v="Essential"/>
    <m/>
    <m/>
    <m/>
    <m/>
    <m/>
    <m/>
    <m/>
    <m/>
    <m/>
    <m/>
    <m/>
    <m/>
    <m/>
    <m/>
    <m/>
    <m/>
    <m/>
    <m/>
    <m/>
    <m/>
    <m/>
    <m/>
    <m/>
    <m/>
    <m/>
    <m/>
    <m/>
    <m/>
    <m/>
    <m/>
    <m/>
    <n v="0"/>
    <m/>
    <s v=""/>
    <s v=""/>
    <s v=""/>
    <s v=""/>
    <s v=""/>
    <s v=""/>
    <s v=""/>
    <s v=""/>
    <s v=""/>
    <s v=""/>
    <s v=""/>
    <s v=""/>
    <s v=""/>
    <s v=""/>
    <s v=""/>
    <s v=""/>
    <s v=""/>
    <s v=""/>
    <s v=""/>
    <s v=""/>
    <s v=""/>
    <s v=""/>
    <s v=""/>
    <s v=""/>
    <s v=""/>
    <s v=""/>
    <s v=""/>
    <s v=""/>
    <s v=""/>
    <s v=""/>
    <s v=""/>
    <m/>
    <m/>
    <m/>
  </r>
  <r>
    <n v="776"/>
    <x v="1"/>
    <s v="Transport"/>
    <s v="Highways"/>
    <s v="London Road Dootlittle Meadows crossings and compact roundabout treatment"/>
    <s v="(SG7-2) Add new cycling crossing and improve pedestrian crossing facilities at A4251/Doolittle Meadows roundabout (create a compact roundabout by reducing the kerb radii on the approaches (mark as single lane)"/>
    <x v="1"/>
    <x v="65"/>
    <x v="2"/>
    <x v="2"/>
    <x v="45"/>
    <s v="N/A"/>
    <s v="N/A"/>
    <n v="423047.625"/>
    <n v="423047.625"/>
    <s v="S278 / S106 "/>
    <s v="Essential"/>
    <m/>
    <m/>
    <m/>
    <m/>
    <m/>
    <m/>
    <m/>
    <m/>
    <m/>
    <m/>
    <m/>
    <m/>
    <m/>
    <m/>
    <m/>
    <m/>
    <m/>
    <m/>
    <m/>
    <m/>
    <m/>
    <m/>
    <m/>
    <m/>
    <m/>
    <m/>
    <m/>
    <m/>
    <m/>
    <m/>
    <m/>
    <n v="0"/>
    <m/>
    <s v=""/>
    <s v=""/>
    <s v=""/>
    <s v=""/>
    <s v=""/>
    <s v=""/>
    <s v=""/>
    <s v=""/>
    <s v=""/>
    <s v=""/>
    <s v=""/>
    <s v=""/>
    <s v=""/>
    <s v=""/>
    <s v=""/>
    <s v=""/>
    <s v=""/>
    <s v=""/>
    <s v=""/>
    <s v=""/>
    <s v=""/>
    <s v=""/>
    <s v=""/>
    <s v=""/>
    <s v=""/>
    <s v=""/>
    <s v=""/>
    <s v=""/>
    <s v=""/>
    <s v=""/>
    <s v=""/>
    <m/>
    <m/>
    <m/>
  </r>
  <r>
    <n v="777"/>
    <x v="1"/>
    <s v="Transport"/>
    <s v="Active Travel"/>
    <s v="London Road access to Apsley Station controlled pedestrian crossing"/>
    <s v="(SG7-3) Introduce signal-controlled crossing at the location of the existing uncontrolled crossing with refuge island close to the station access road. Removal of central hatched area, increase width of footway on the southern end between the crossing and station access (approx. 20m). Crossing on bus-compliant  raised speed table. Removal of c.4 c4-6 car lengths of kerbside parking bays)"/>
    <x v="1"/>
    <x v="65"/>
    <x v="2"/>
    <x v="2"/>
    <x v="45"/>
    <s v="N/A"/>
    <s v="N/A"/>
    <n v="296928.864375"/>
    <n v="296928.864375"/>
    <s v="S278 / S106 "/>
    <s v="Essential"/>
    <m/>
    <m/>
    <m/>
    <m/>
    <m/>
    <m/>
    <m/>
    <m/>
    <m/>
    <m/>
    <m/>
    <m/>
    <m/>
    <m/>
    <m/>
    <m/>
    <m/>
    <m/>
    <m/>
    <m/>
    <m/>
    <m/>
    <m/>
    <m/>
    <m/>
    <m/>
    <m/>
    <m/>
    <m/>
    <m/>
    <m/>
    <n v="0"/>
    <m/>
    <s v=""/>
    <s v=""/>
    <s v=""/>
    <s v=""/>
    <s v=""/>
    <s v=""/>
    <s v=""/>
    <s v=""/>
    <s v=""/>
    <s v=""/>
    <s v=""/>
    <s v=""/>
    <s v=""/>
    <s v=""/>
    <s v=""/>
    <s v=""/>
    <s v=""/>
    <s v=""/>
    <s v=""/>
    <s v=""/>
    <s v=""/>
    <s v=""/>
    <s v=""/>
    <s v=""/>
    <s v=""/>
    <s v=""/>
    <s v=""/>
    <s v=""/>
    <s v=""/>
    <s v=""/>
    <s v=""/>
    <m/>
    <m/>
    <m/>
  </r>
  <r>
    <n v="778"/>
    <x v="1"/>
    <s v="Transport"/>
    <s v="Active Travel"/>
    <s v="London Road access to Doolittle Meadows controlled pedestrian crossing"/>
    <s v="(SG7-4) Introduce signal-controlled crossing at the location of the existing uncontrolled crossing west of the A4251/Doolittle Meadows Roundabout, on bus-compliant raised speed table"/>
    <x v="1"/>
    <x v="65"/>
    <x v="2"/>
    <x v="2"/>
    <x v="45"/>
    <s v="N/A"/>
    <s v="N/A"/>
    <n v="359734.375"/>
    <n v="359734.375"/>
    <s v="S278 / S106 "/>
    <s v="Essential"/>
    <m/>
    <m/>
    <m/>
    <m/>
    <m/>
    <m/>
    <m/>
    <m/>
    <m/>
    <m/>
    <m/>
    <m/>
    <m/>
    <m/>
    <m/>
    <m/>
    <m/>
    <m/>
    <m/>
    <m/>
    <m/>
    <m/>
    <m/>
    <m/>
    <m/>
    <m/>
    <m/>
    <m/>
    <m/>
    <m/>
    <m/>
    <n v="0"/>
    <m/>
    <s v=""/>
    <s v=""/>
    <s v=""/>
    <s v=""/>
    <s v=""/>
    <s v=""/>
    <s v=""/>
    <s v=""/>
    <s v=""/>
    <s v=""/>
    <s v=""/>
    <s v=""/>
    <s v=""/>
    <s v=""/>
    <s v=""/>
    <s v=""/>
    <s v=""/>
    <s v=""/>
    <s v=""/>
    <s v=""/>
    <s v=""/>
    <s v=""/>
    <s v=""/>
    <s v=""/>
    <s v=""/>
    <s v=""/>
    <s v=""/>
    <s v=""/>
    <s v=""/>
    <s v=""/>
    <s v=""/>
    <m/>
    <m/>
    <m/>
  </r>
  <r>
    <n v="779"/>
    <x v="1"/>
    <s v="Transport"/>
    <s v="Active Travel"/>
    <s v="Traffic calming approach Doolittle Meadows"/>
    <s v="(SG7-5) Add speed cushions on the approaches to A4251/Doolittle Meadows roundabout"/>
    <x v="1"/>
    <x v="65"/>
    <x v="2"/>
    <x v="2"/>
    <x v="45"/>
    <s v="N/A"/>
    <s v="N/A"/>
    <n v="47279.375"/>
    <n v="47279.375"/>
    <s v="S278 / S106 "/>
    <s v="Essential"/>
    <m/>
    <m/>
    <m/>
    <m/>
    <m/>
    <m/>
    <m/>
    <m/>
    <m/>
    <m/>
    <m/>
    <m/>
    <m/>
    <m/>
    <m/>
    <m/>
    <m/>
    <m/>
    <m/>
    <m/>
    <m/>
    <m/>
    <m/>
    <m/>
    <m/>
    <m/>
    <m/>
    <m/>
    <m/>
    <m/>
    <m/>
    <n v="0"/>
    <m/>
    <s v=""/>
    <s v=""/>
    <s v=""/>
    <s v=""/>
    <s v=""/>
    <s v=""/>
    <s v=""/>
    <s v=""/>
    <s v=""/>
    <s v=""/>
    <s v=""/>
    <s v=""/>
    <s v=""/>
    <s v=""/>
    <s v=""/>
    <s v=""/>
    <s v=""/>
    <s v=""/>
    <s v=""/>
    <s v=""/>
    <s v=""/>
    <s v=""/>
    <s v=""/>
    <s v=""/>
    <s v=""/>
    <s v=""/>
    <s v=""/>
    <s v=""/>
    <s v=""/>
    <s v=""/>
    <s v=""/>
    <m/>
    <m/>
    <m/>
  </r>
  <r>
    <n v="780"/>
    <x v="1"/>
    <s v="Transport"/>
    <s v="Active Travel"/>
    <s v="London Road Apsley pedestrian capacity enhancement"/>
    <s v="(SG7-6) Increase pedestrian capacity (Widen footways and/or reallocate carriageway space)"/>
    <x v="1"/>
    <x v="65"/>
    <x v="2"/>
    <x v="2"/>
    <x v="45"/>
    <s v="N/A"/>
    <s v="N/A"/>
    <n v="986700"/>
    <n v="986700"/>
    <s v="S278 / S106 "/>
    <s v="Essential"/>
    <m/>
    <m/>
    <m/>
    <m/>
    <m/>
    <m/>
    <m/>
    <m/>
    <m/>
    <m/>
    <m/>
    <m/>
    <m/>
    <m/>
    <m/>
    <m/>
    <m/>
    <m/>
    <m/>
    <m/>
    <m/>
    <m/>
    <m/>
    <m/>
    <m/>
    <m/>
    <m/>
    <m/>
    <m/>
    <m/>
    <m/>
    <n v="0"/>
    <m/>
    <s v=""/>
    <s v=""/>
    <s v=""/>
    <s v=""/>
    <s v=""/>
    <s v=""/>
    <s v=""/>
    <s v=""/>
    <s v=""/>
    <s v=""/>
    <s v=""/>
    <s v=""/>
    <s v=""/>
    <s v=""/>
    <s v=""/>
    <s v=""/>
    <s v=""/>
    <s v=""/>
    <s v=""/>
    <s v=""/>
    <s v=""/>
    <s v=""/>
    <s v=""/>
    <s v=""/>
    <s v=""/>
    <s v=""/>
    <s v=""/>
    <s v=""/>
    <s v=""/>
    <s v=""/>
    <s v=""/>
    <m/>
    <m/>
    <m/>
  </r>
  <r>
    <n v="781"/>
    <x v="1"/>
    <s v="Transport"/>
    <s v="Active Travel"/>
    <s v="London Road Apsley Wayfinding signage"/>
    <s v="(SG7-7) Introduce way-finding signage indicating pedestrian routes between London Road and canal "/>
    <x v="1"/>
    <x v="65"/>
    <x v="2"/>
    <x v="2"/>
    <x v="45"/>
    <s v="N/A"/>
    <s v="N/A"/>
    <n v="13567.125"/>
    <n v="13567.125"/>
    <s v="S278 / S106 "/>
    <s v="Essential"/>
    <m/>
    <m/>
    <m/>
    <m/>
    <m/>
    <m/>
    <m/>
    <m/>
    <m/>
    <m/>
    <m/>
    <m/>
    <m/>
    <m/>
    <m/>
    <m/>
    <m/>
    <m/>
    <m/>
    <m/>
    <m/>
    <m/>
    <m/>
    <m/>
    <m/>
    <m/>
    <m/>
    <m/>
    <m/>
    <m/>
    <m/>
    <n v="0"/>
    <m/>
    <s v=""/>
    <s v=""/>
    <s v=""/>
    <s v=""/>
    <s v=""/>
    <s v=""/>
    <s v=""/>
    <s v=""/>
    <s v=""/>
    <s v=""/>
    <s v=""/>
    <s v=""/>
    <s v=""/>
    <s v=""/>
    <s v=""/>
    <s v=""/>
    <s v=""/>
    <s v=""/>
    <s v=""/>
    <s v=""/>
    <s v=""/>
    <s v=""/>
    <s v=""/>
    <s v=""/>
    <s v=""/>
    <s v=""/>
    <s v=""/>
    <s v=""/>
    <s v=""/>
    <s v=""/>
    <s v=""/>
    <m/>
    <m/>
    <m/>
  </r>
  <r>
    <n v="782"/>
    <x v="1"/>
    <s v="Transport"/>
    <s v="Active Travel"/>
    <s v="Great Elms Road side arm crossing improvements"/>
    <s v="(SG8-1) Add tactile paving; add dropped kerbs; improve signage and wayfinding at junctions between Great Elms Road with (a) Belswains Lane, (b) Ash Grove, (c) Oakdene Road. "/>
    <x v="1"/>
    <x v="54"/>
    <x v="2"/>
    <x v="2"/>
    <x v="37"/>
    <s v="N/A"/>
    <s v="N/A"/>
    <n v="26695.563180000005"/>
    <n v="26695.563180000005"/>
    <s v="S278 / S106 / CIL / External Funding"/>
    <s v="Essential"/>
    <m/>
    <m/>
    <m/>
    <m/>
    <m/>
    <m/>
    <m/>
    <m/>
    <m/>
    <m/>
    <m/>
    <m/>
    <m/>
    <m/>
    <m/>
    <m/>
    <m/>
    <m/>
    <m/>
    <m/>
    <m/>
    <m/>
    <m/>
    <m/>
    <m/>
    <m/>
    <m/>
    <m/>
    <m/>
    <m/>
    <m/>
    <n v="0"/>
    <m/>
    <s v=""/>
    <s v=""/>
    <s v=""/>
    <s v=""/>
    <s v=""/>
    <s v=""/>
    <s v=""/>
    <s v=""/>
    <s v=""/>
    <s v=""/>
    <s v=""/>
    <s v=""/>
    <s v=""/>
    <s v=""/>
    <s v=""/>
    <s v=""/>
    <s v=""/>
    <s v=""/>
    <s v=""/>
    <s v=""/>
    <s v=""/>
    <s v=""/>
    <s v=""/>
    <s v=""/>
    <s v=""/>
    <s v=""/>
    <s v=""/>
    <s v=""/>
    <s v=""/>
    <s v=""/>
    <s v=""/>
    <m/>
    <m/>
    <m/>
  </r>
  <r>
    <n v="783"/>
    <x v="1"/>
    <s v="Transport"/>
    <s v="Active Travel"/>
    <s v="Great Elms Road to Mulready Walk controlled crossing"/>
    <s v="(SG8-2) Provide signal-controlled pedestrian crossing facility on Belswains Lane between Great Elms Rd and Mulready Walk. Consider kerb-build out on northern side, removing narrow central hatched area within carriageway"/>
    <x v="1"/>
    <x v="54"/>
    <x v="2"/>
    <x v="2"/>
    <x v="37"/>
    <s v="N/A"/>
    <s v="N/A"/>
    <n v="248155.05"/>
    <n v="248155.05"/>
    <s v="S278 / S106 / CIL / External Funding"/>
    <s v="Essential"/>
    <m/>
    <m/>
    <m/>
    <m/>
    <m/>
    <m/>
    <m/>
    <m/>
    <m/>
    <m/>
    <m/>
    <m/>
    <m/>
    <m/>
    <m/>
    <m/>
    <m/>
    <m/>
    <m/>
    <m/>
    <m/>
    <m/>
    <m/>
    <m/>
    <m/>
    <m/>
    <m/>
    <m/>
    <m/>
    <m/>
    <m/>
    <n v="0"/>
    <m/>
    <s v=""/>
    <s v=""/>
    <s v=""/>
    <s v=""/>
    <s v=""/>
    <s v=""/>
    <s v=""/>
    <s v=""/>
    <s v=""/>
    <s v=""/>
    <s v=""/>
    <s v=""/>
    <s v=""/>
    <s v=""/>
    <s v=""/>
    <s v=""/>
    <s v=""/>
    <s v=""/>
    <s v=""/>
    <s v=""/>
    <s v=""/>
    <s v=""/>
    <s v=""/>
    <s v=""/>
    <s v=""/>
    <s v=""/>
    <s v=""/>
    <s v=""/>
    <s v=""/>
    <s v=""/>
    <s v=""/>
    <m/>
    <m/>
    <m/>
  </r>
  <r>
    <n v="784"/>
    <x v="1"/>
    <s v="Transport"/>
    <s v="Active Travel"/>
    <s v="Great Elms Road side arm crossing and kerb radii treatments"/>
    <s v="(SG8-3) Tighten kerb radii and reduce crossing widths junctions between Great Elms Rd and (a) Kings Ave, (b) Oak St, (c) Barnfield, (d) Sanders Rd, (e) Deansway, (f) Horselers, (g) Candlefield Rd. Introduce tactile paving and provide contrasting surface treatment to denote crossings. "/>
    <x v="1"/>
    <x v="54"/>
    <x v="2"/>
    <x v="2"/>
    <x v="37"/>
    <s v="N/A"/>
    <s v="N/A"/>
    <n v="70956.162420000008"/>
    <n v="70956.162420000008"/>
    <s v="S278 / S106 / CIL / External Funding"/>
    <s v="Essential"/>
    <m/>
    <m/>
    <m/>
    <m/>
    <m/>
    <m/>
    <m/>
    <m/>
    <m/>
    <m/>
    <m/>
    <m/>
    <m/>
    <m/>
    <m/>
    <m/>
    <m/>
    <m/>
    <m/>
    <m/>
    <m/>
    <m/>
    <m/>
    <m/>
    <m/>
    <m/>
    <m/>
    <m/>
    <m/>
    <m/>
    <m/>
    <n v="0"/>
    <m/>
    <s v=""/>
    <s v=""/>
    <s v=""/>
    <s v=""/>
    <s v=""/>
    <s v=""/>
    <s v=""/>
    <s v=""/>
    <s v=""/>
    <s v=""/>
    <s v=""/>
    <s v=""/>
    <s v=""/>
    <s v=""/>
    <s v=""/>
    <s v=""/>
    <s v=""/>
    <s v=""/>
    <s v=""/>
    <s v=""/>
    <s v=""/>
    <s v=""/>
    <s v=""/>
    <s v=""/>
    <s v=""/>
    <s v=""/>
    <s v=""/>
    <s v=""/>
    <s v=""/>
    <s v=""/>
    <s v=""/>
    <m/>
    <m/>
    <m/>
  </r>
  <r>
    <n v="785"/>
    <x v="1"/>
    <s v="Transport"/>
    <s v="Active Travel"/>
    <s v="Great Elms Road &amp; Candlefield Road traffic calming"/>
    <s v="(SG8-4) Provide traffic calming features along Great Elms Rd and Candlefield Rd - speed cushions"/>
    <x v="1"/>
    <x v="54"/>
    <x v="2"/>
    <x v="2"/>
    <x v="37"/>
    <s v="N/A"/>
    <s v="N/A"/>
    <n v="47279.375"/>
    <n v="47279.375"/>
    <s v="S278 / S106 / CIL / External Funding"/>
    <s v="Essential"/>
    <m/>
    <m/>
    <m/>
    <m/>
    <m/>
    <m/>
    <m/>
    <m/>
    <m/>
    <m/>
    <m/>
    <m/>
    <m/>
    <m/>
    <m/>
    <m/>
    <m/>
    <m/>
    <m/>
    <m/>
    <m/>
    <m/>
    <m/>
    <m/>
    <m/>
    <m/>
    <m/>
    <m/>
    <m/>
    <m/>
    <m/>
    <n v="0"/>
    <m/>
    <s v=""/>
    <s v=""/>
    <s v=""/>
    <s v=""/>
    <s v=""/>
    <s v=""/>
    <s v=""/>
    <s v=""/>
    <s v=""/>
    <s v=""/>
    <s v=""/>
    <s v=""/>
    <s v=""/>
    <s v=""/>
    <s v=""/>
    <s v=""/>
    <s v=""/>
    <s v=""/>
    <s v=""/>
    <s v=""/>
    <s v=""/>
    <s v=""/>
    <s v=""/>
    <s v=""/>
    <s v=""/>
    <s v=""/>
    <s v=""/>
    <s v=""/>
    <s v=""/>
    <s v=""/>
    <s v=""/>
    <m/>
    <m/>
    <m/>
  </r>
  <r>
    <n v="786"/>
    <x v="1"/>
    <s v="Transport"/>
    <s v="Active Travel"/>
    <s v="Great Elms Road pavement parking prevention"/>
    <s v="(SG8-5) Introduce bollards to discourage or prevent pavement parking"/>
    <x v="1"/>
    <x v="54"/>
    <x v="2"/>
    <x v="2"/>
    <x v="37"/>
    <s v="N/A"/>
    <s v="N/A"/>
    <n v="1644.5"/>
    <n v="1644.5"/>
    <s v="S278 / S106 / CIL / External Funding"/>
    <s v="Essential"/>
    <m/>
    <m/>
    <m/>
    <m/>
    <m/>
    <m/>
    <m/>
    <m/>
    <m/>
    <m/>
    <m/>
    <m/>
    <m/>
    <m/>
    <m/>
    <m/>
    <m/>
    <m/>
    <m/>
    <m/>
    <m/>
    <m/>
    <m/>
    <m/>
    <m/>
    <m/>
    <m/>
    <m/>
    <m/>
    <m/>
    <m/>
    <n v="0"/>
    <m/>
    <s v=""/>
    <s v=""/>
    <s v=""/>
    <s v=""/>
    <s v=""/>
    <s v=""/>
    <s v=""/>
    <s v=""/>
    <s v=""/>
    <s v=""/>
    <s v=""/>
    <s v=""/>
    <s v=""/>
    <s v=""/>
    <s v=""/>
    <s v=""/>
    <s v=""/>
    <s v=""/>
    <s v=""/>
    <s v=""/>
    <s v=""/>
    <s v=""/>
    <s v=""/>
    <s v=""/>
    <s v=""/>
    <s v=""/>
    <s v=""/>
    <s v=""/>
    <s v=""/>
    <s v=""/>
    <s v=""/>
    <m/>
    <m/>
    <m/>
  </r>
  <r>
    <n v="787"/>
    <x v="1"/>
    <s v="Transport"/>
    <s v="Active Travel"/>
    <s v="Great Elms Road - Coronation Fields crossing"/>
    <s v="(SG8-6) Introduce un-controlled crossing with tactile paving on raised speed table adjacent to Coronation Fields, linking the footpaths leading away from Great Elms Road on either side"/>
    <x v="1"/>
    <x v="54"/>
    <x v="2"/>
    <x v="2"/>
    <x v="37"/>
    <s v="N/A"/>
    <s v="N/A"/>
    <n v="113848.735"/>
    <n v="113848.735"/>
    <s v="S278 / S106 / CIL / External Funding"/>
    <s v="Essential"/>
    <m/>
    <m/>
    <m/>
    <m/>
    <m/>
    <m/>
    <m/>
    <m/>
    <m/>
    <m/>
    <m/>
    <m/>
    <m/>
    <m/>
    <m/>
    <m/>
    <m/>
    <m/>
    <m/>
    <m/>
    <m/>
    <m/>
    <m/>
    <m/>
    <m/>
    <m/>
    <m/>
    <m/>
    <m/>
    <m/>
    <m/>
    <n v="0"/>
    <m/>
    <s v=""/>
    <s v=""/>
    <s v=""/>
    <s v=""/>
    <s v=""/>
    <s v=""/>
    <s v=""/>
    <s v=""/>
    <s v=""/>
    <s v=""/>
    <s v=""/>
    <s v=""/>
    <s v=""/>
    <s v=""/>
    <s v=""/>
    <s v=""/>
    <s v=""/>
    <s v=""/>
    <s v=""/>
    <s v=""/>
    <s v=""/>
    <s v=""/>
    <s v=""/>
    <s v=""/>
    <s v=""/>
    <s v=""/>
    <s v=""/>
    <s v=""/>
    <s v=""/>
    <s v=""/>
    <s v=""/>
    <m/>
    <m/>
    <m/>
  </r>
  <r>
    <n v="788"/>
    <x v="1"/>
    <s v="Transport"/>
    <s v="Active Travel"/>
    <s v="Great Elms Road and Candlefield Road Cycle Hangers"/>
    <s v="(SG8-7) Add cycle hanger storage facilities (x3) for residents"/>
    <x v="1"/>
    <x v="54"/>
    <x v="2"/>
    <x v="2"/>
    <x v="37"/>
    <s v="N/A"/>
    <s v="N/A"/>
    <n v="32468.596874999999"/>
    <n v="32468.596874999999"/>
    <s v="S278 / S106 / CIL / External Funding"/>
    <s v="Essential"/>
    <m/>
    <m/>
    <m/>
    <m/>
    <m/>
    <m/>
    <m/>
    <m/>
    <m/>
    <m/>
    <m/>
    <m/>
    <m/>
    <m/>
    <m/>
    <m/>
    <m/>
    <m/>
    <m/>
    <m/>
    <m/>
    <m/>
    <m/>
    <m/>
    <m/>
    <m/>
    <m/>
    <m/>
    <m/>
    <m/>
    <m/>
    <n v="0"/>
    <m/>
    <s v=""/>
    <s v=""/>
    <s v=""/>
    <s v=""/>
    <s v=""/>
    <s v=""/>
    <s v=""/>
    <s v=""/>
    <s v=""/>
    <s v=""/>
    <s v=""/>
    <s v=""/>
    <s v=""/>
    <s v=""/>
    <s v=""/>
    <s v=""/>
    <s v=""/>
    <s v=""/>
    <s v=""/>
    <s v=""/>
    <s v=""/>
    <s v=""/>
    <s v=""/>
    <s v=""/>
    <s v=""/>
    <s v=""/>
    <s v=""/>
    <s v=""/>
    <s v=""/>
    <s v=""/>
    <s v=""/>
    <m/>
    <m/>
    <m/>
  </r>
  <r>
    <n v="789"/>
    <x v="1"/>
    <s v="Transport"/>
    <s v="Active Travel"/>
    <s v="Peascroft Road cycle route and side-arm junction copenhagen crossings"/>
    <s v="(SG9-1) New off-carriageway shared footway cycleway between Bennetts End Road and existing cycle route which links Northend and Malmes Court, incorporating Copenhagen Crossings (3x) on Kiln Ground, St Michaels Avenue and Kilncroft"/>
    <x v="1"/>
    <x v="54"/>
    <x v="2"/>
    <x v="2"/>
    <x v="37"/>
    <s v="N/A"/>
    <s v="N/A"/>
    <n v="894196.875"/>
    <n v="894196.875"/>
    <s v="S278 / S106 / CIL / External Funding"/>
    <s v="Essential"/>
    <m/>
    <m/>
    <m/>
    <m/>
    <m/>
    <m/>
    <m/>
    <m/>
    <m/>
    <m/>
    <m/>
    <m/>
    <m/>
    <m/>
    <m/>
    <m/>
    <m/>
    <m/>
    <m/>
    <m/>
    <m/>
    <m/>
    <m/>
    <m/>
    <m/>
    <m/>
    <m/>
    <m/>
    <m/>
    <m/>
    <m/>
    <n v="0"/>
    <m/>
    <s v=""/>
    <s v=""/>
    <s v=""/>
    <s v=""/>
    <s v=""/>
    <s v=""/>
    <s v=""/>
    <s v=""/>
    <s v=""/>
    <s v=""/>
    <s v=""/>
    <s v=""/>
    <s v=""/>
    <s v=""/>
    <s v=""/>
    <s v=""/>
    <s v=""/>
    <s v=""/>
    <s v=""/>
    <s v=""/>
    <s v=""/>
    <s v=""/>
    <s v=""/>
    <s v=""/>
    <s v=""/>
    <s v=""/>
    <s v=""/>
    <s v=""/>
    <s v=""/>
    <s v=""/>
    <s v=""/>
    <m/>
    <m/>
    <m/>
  </r>
  <r>
    <n v="790"/>
    <x v="1"/>
    <s v="Transport"/>
    <s v="Active Travel"/>
    <s v="Peascroft Road-Bennetts End Road Junction cycle crossing improvements"/>
    <s v="(SG9-2) Improve cycling crossing facilities using road markings at Bennetts End Rd/ Peascroft Rd mini-roundabout"/>
    <x v="1"/>
    <x v="54"/>
    <x v="2"/>
    <x v="2"/>
    <x v="37"/>
    <s v="N/A"/>
    <s v="N/A"/>
    <n v="85.822343750000002"/>
    <n v="85.822343750000002"/>
    <s v="S278 / S106 / CIL / External Funding"/>
    <s v="Essential"/>
    <m/>
    <m/>
    <m/>
    <m/>
    <m/>
    <m/>
    <m/>
    <m/>
    <m/>
    <m/>
    <m/>
    <m/>
    <m/>
    <m/>
    <m/>
    <m/>
    <m/>
    <m/>
    <m/>
    <m/>
    <m/>
    <m/>
    <m/>
    <m/>
    <m/>
    <m/>
    <m/>
    <m/>
    <m/>
    <m/>
    <m/>
    <n v="0"/>
    <m/>
    <s v=""/>
    <s v=""/>
    <s v=""/>
    <s v=""/>
    <s v=""/>
    <s v=""/>
    <s v=""/>
    <s v=""/>
    <s v=""/>
    <s v=""/>
    <s v=""/>
    <s v=""/>
    <s v=""/>
    <s v=""/>
    <s v=""/>
    <s v=""/>
    <s v=""/>
    <s v=""/>
    <s v=""/>
    <s v=""/>
    <s v=""/>
    <s v=""/>
    <s v=""/>
    <s v=""/>
    <s v=""/>
    <s v=""/>
    <s v=""/>
    <s v=""/>
    <s v=""/>
    <s v=""/>
    <s v=""/>
    <m/>
    <m/>
    <m/>
  </r>
  <r>
    <n v="791"/>
    <x v="1"/>
    <s v="Transport"/>
    <s v="Active Travel"/>
    <s v="Peascroft Road mini roundabout traffic calming"/>
    <s v="(SG9-3) Provide speed cushions on two approaches to Bennetts End Rd/ Peascroft Rd mini-roundabout. Note: this area falls within a wider area identified by HCC as being a potential 20mph zone, subject to further investigation. "/>
    <x v="1"/>
    <x v="54"/>
    <x v="2"/>
    <x v="2"/>
    <x v="37"/>
    <s v="N/A"/>
    <s v="N/A"/>
    <n v="47279.375"/>
    <n v="47279.375"/>
    <s v="S278 / S106 / CIL / External Funding"/>
    <s v="Essential"/>
    <m/>
    <m/>
    <m/>
    <m/>
    <m/>
    <m/>
    <m/>
    <m/>
    <m/>
    <m/>
    <m/>
    <m/>
    <m/>
    <m/>
    <m/>
    <m/>
    <m/>
    <m/>
    <m/>
    <m/>
    <m/>
    <m/>
    <m/>
    <m/>
    <m/>
    <m/>
    <m/>
    <m/>
    <m/>
    <m/>
    <m/>
    <n v="0"/>
    <m/>
    <s v=""/>
    <s v=""/>
    <s v=""/>
    <s v=""/>
    <s v=""/>
    <s v=""/>
    <s v=""/>
    <s v=""/>
    <s v=""/>
    <s v=""/>
    <s v=""/>
    <s v=""/>
    <s v=""/>
    <s v=""/>
    <s v=""/>
    <s v=""/>
    <s v=""/>
    <s v=""/>
    <s v=""/>
    <s v=""/>
    <s v=""/>
    <s v=""/>
    <s v=""/>
    <s v=""/>
    <s v=""/>
    <s v=""/>
    <s v=""/>
    <s v=""/>
    <s v=""/>
    <s v=""/>
    <s v=""/>
    <m/>
    <m/>
    <m/>
  </r>
  <r>
    <n v="792"/>
    <x v="1"/>
    <s v="Transport"/>
    <s v="Active Travel"/>
    <s v="Pescroft Road area 20mph speed limit"/>
    <s v="(SG9-4) Investigate introducing 20mph limits/zones at Peascroft Rd (residential area with schools) and Malmes Croft. Note: this area falls within a wider area identified by HCC as being a potential 20mph zone, subject to further investigation. "/>
    <x v="1"/>
    <x v="54"/>
    <x v="2"/>
    <x v="2"/>
    <x v="37"/>
    <s v="N/A"/>
    <s v="N/A"/>
    <n v="37001.25"/>
    <n v="37001.25"/>
    <s v="S278 / S106 / CIL / External Funding"/>
    <s v="Essential"/>
    <m/>
    <m/>
    <m/>
    <m/>
    <m/>
    <m/>
    <m/>
    <m/>
    <m/>
    <m/>
    <m/>
    <m/>
    <m/>
    <m/>
    <m/>
    <m/>
    <m/>
    <m/>
    <m/>
    <m/>
    <m/>
    <m/>
    <m/>
    <m/>
    <m/>
    <m/>
    <m/>
    <m/>
    <m/>
    <m/>
    <m/>
    <n v="0"/>
    <m/>
    <s v=""/>
    <s v=""/>
    <s v=""/>
    <s v=""/>
    <s v=""/>
    <s v=""/>
    <s v=""/>
    <s v=""/>
    <s v=""/>
    <s v=""/>
    <s v=""/>
    <s v=""/>
    <s v=""/>
    <s v=""/>
    <s v=""/>
    <s v=""/>
    <s v=""/>
    <s v=""/>
    <s v=""/>
    <s v=""/>
    <s v=""/>
    <s v=""/>
    <s v=""/>
    <s v=""/>
    <s v=""/>
    <s v=""/>
    <s v=""/>
    <s v=""/>
    <s v=""/>
    <s v=""/>
    <s v=""/>
    <m/>
    <m/>
    <m/>
  </r>
  <r>
    <n v="793"/>
    <x v="1"/>
    <s v="Transport"/>
    <s v="Active Travel"/>
    <s v="Pescroft Road pavement parking restrictions"/>
    <s v="(SG9-5) Physical parking control measures such as bollards, double yellow lines to prevent cars parking on footway"/>
    <x v="1"/>
    <x v="54"/>
    <x v="2"/>
    <x v="2"/>
    <x v="37"/>
    <s v="N/A"/>
    <s v="N/A"/>
    <n v="4933.5"/>
    <n v="4933.5"/>
    <s v="S278 / S106 / CIL / External Funding"/>
    <s v="Essential"/>
    <m/>
    <m/>
    <m/>
    <m/>
    <m/>
    <m/>
    <m/>
    <m/>
    <m/>
    <m/>
    <m/>
    <m/>
    <m/>
    <m/>
    <m/>
    <m/>
    <m/>
    <m/>
    <m/>
    <m/>
    <m/>
    <m/>
    <m/>
    <m/>
    <m/>
    <m/>
    <m/>
    <m/>
    <m/>
    <m/>
    <m/>
    <n v="0"/>
    <m/>
    <s v=""/>
    <s v=""/>
    <s v=""/>
    <s v=""/>
    <s v=""/>
    <s v=""/>
    <s v=""/>
    <s v=""/>
    <s v=""/>
    <s v=""/>
    <s v=""/>
    <s v=""/>
    <s v=""/>
    <s v=""/>
    <s v=""/>
    <s v=""/>
    <s v=""/>
    <s v=""/>
    <s v=""/>
    <s v=""/>
    <s v=""/>
    <s v=""/>
    <s v=""/>
    <s v=""/>
    <s v=""/>
    <s v=""/>
    <s v=""/>
    <s v=""/>
    <s v=""/>
    <s v=""/>
    <s v=""/>
    <m/>
    <m/>
    <m/>
  </r>
  <r>
    <n v="794"/>
    <x v="1"/>
    <s v="Transport"/>
    <s v="Active Travel"/>
    <s v="Peascroft Road/Northend cycle stands"/>
    <s v="(SG9-6) Add cycle stands (x4) along the route, opposite the green space near Kilncroft and Longfield"/>
    <x v="1"/>
    <x v="54"/>
    <x v="2"/>
    <x v="2"/>
    <x v="37"/>
    <s v="N/A"/>
    <s v="N/A"/>
    <n v="518.01749999999993"/>
    <n v="518.01749999999993"/>
    <s v="S278 / S106 / CIL / External Funding"/>
    <s v="Essential"/>
    <m/>
    <m/>
    <m/>
    <m/>
    <m/>
    <m/>
    <m/>
    <m/>
    <m/>
    <m/>
    <m/>
    <m/>
    <m/>
    <m/>
    <m/>
    <m/>
    <m/>
    <m/>
    <m/>
    <m/>
    <m/>
    <m/>
    <m/>
    <m/>
    <m/>
    <m/>
    <m/>
    <m/>
    <m/>
    <m/>
    <m/>
    <n v="0"/>
    <m/>
    <s v=""/>
    <s v=""/>
    <s v=""/>
    <s v=""/>
    <s v=""/>
    <s v=""/>
    <s v=""/>
    <s v=""/>
    <s v=""/>
    <s v=""/>
    <s v=""/>
    <s v=""/>
    <s v=""/>
    <s v=""/>
    <s v=""/>
    <s v=""/>
    <s v=""/>
    <s v=""/>
    <s v=""/>
    <s v=""/>
    <s v=""/>
    <s v=""/>
    <s v=""/>
    <s v=""/>
    <s v=""/>
    <s v=""/>
    <s v=""/>
    <s v=""/>
    <s v=""/>
    <s v=""/>
    <s v=""/>
    <m/>
    <m/>
    <m/>
  </r>
  <r>
    <n v="795"/>
    <x v="1"/>
    <s v="Transport"/>
    <s v="Active Travel"/>
    <s v="Malmes Croft off-carriageway cycle route"/>
    <s v="(SG9-7) New off-carriageway shared footway cycleway at eastern end of Malmes Croft, between Windermere Close and Leverstock Green Way"/>
    <x v="1"/>
    <x v="54"/>
    <x v="2"/>
    <x v="2"/>
    <x v="37"/>
    <s v="N/A"/>
    <s v="N/A"/>
    <n v="74002.5"/>
    <n v="74002.5"/>
    <s v="S278 / S106 / CIL / External Funding"/>
    <s v="Essential"/>
    <m/>
    <m/>
    <m/>
    <m/>
    <m/>
    <m/>
    <m/>
    <m/>
    <m/>
    <m/>
    <m/>
    <m/>
    <m/>
    <m/>
    <m/>
    <m/>
    <m/>
    <m/>
    <m/>
    <m/>
    <m/>
    <m/>
    <m/>
    <m/>
    <m/>
    <m/>
    <m/>
    <m/>
    <m/>
    <m/>
    <m/>
    <n v="0"/>
    <m/>
    <s v=""/>
    <s v=""/>
    <s v=""/>
    <s v=""/>
    <s v=""/>
    <s v=""/>
    <s v=""/>
    <s v=""/>
    <s v=""/>
    <s v=""/>
    <s v=""/>
    <s v=""/>
    <s v=""/>
    <s v=""/>
    <s v=""/>
    <s v=""/>
    <s v=""/>
    <s v=""/>
    <s v=""/>
    <s v=""/>
    <s v=""/>
    <s v=""/>
    <s v=""/>
    <s v=""/>
    <s v=""/>
    <s v=""/>
    <s v=""/>
    <s v=""/>
    <s v=""/>
    <s v=""/>
    <s v=""/>
    <m/>
    <m/>
    <m/>
  </r>
  <r>
    <n v="796"/>
    <x v="1"/>
    <s v="Transport"/>
    <s v="Active Travel"/>
    <s v="Leverstock Green Way Village Centre to A414 Cycle Route"/>
    <s v="(SG10-1) New off-carriageway shared use cycle and footway on the southern/western side of the road between Malmes Croft and A414 signal-controlled crossing (west of Maylands Avenue junction). Include reduced kerb radii at Green Dell Way to reduce crossing width with tactile paving and contrasting surface treatment to indicate uncontrolled crossing location. Also include short section south of Malmes Croft to the signal-controlled crossing and upgrade crossing to a Toucan crossing"/>
    <x v="1"/>
    <x v="66"/>
    <x v="2"/>
    <x v="2"/>
    <x v="37"/>
    <s v="N/A"/>
    <s v="N/A"/>
    <n v="621588.11"/>
    <n v="621588.11"/>
    <s v="S278 / S106 "/>
    <s v="Essential"/>
    <m/>
    <m/>
    <m/>
    <m/>
    <m/>
    <m/>
    <m/>
    <m/>
    <m/>
    <m/>
    <m/>
    <m/>
    <m/>
    <m/>
    <m/>
    <m/>
    <m/>
    <m/>
    <m/>
    <m/>
    <m/>
    <m/>
    <m/>
    <m/>
    <m/>
    <m/>
    <m/>
    <m/>
    <m/>
    <m/>
    <m/>
    <n v="0"/>
    <m/>
    <s v=""/>
    <s v=""/>
    <s v=""/>
    <s v=""/>
    <s v=""/>
    <s v=""/>
    <s v=""/>
    <s v=""/>
    <s v=""/>
    <s v=""/>
    <s v=""/>
    <s v=""/>
    <s v=""/>
    <s v=""/>
    <s v=""/>
    <s v=""/>
    <s v=""/>
    <s v=""/>
    <s v=""/>
    <s v=""/>
    <s v=""/>
    <s v=""/>
    <s v=""/>
    <s v=""/>
    <s v=""/>
    <s v=""/>
    <s v=""/>
    <s v=""/>
    <s v=""/>
    <s v=""/>
    <s v=""/>
    <m/>
    <m/>
    <m/>
  </r>
  <r>
    <n v="797"/>
    <x v="1"/>
    <s v="Transport"/>
    <s v="Active Travel"/>
    <s v="New controlled crossing between St Davids Close and Greenachres"/>
    <s v="(SG10-2) Provide a new controlled crossing between St Davids Close and Greenachres to serve access to the inbound bus stop from housing on the eastern side of road.  In conjunction, widen footways on both sides of the road, either side of the crossing, and incorporate tactile paving and dropped kerbs and include short footway extension on southern side of St Davids Close arm"/>
    <x v="1"/>
    <x v="55"/>
    <x v="2"/>
    <x v="2"/>
    <x v="45"/>
    <s v="N/A"/>
    <s v="N/A"/>
    <n v="118782.235"/>
    <n v="118782.235"/>
    <s v="S278 / S106 "/>
    <s v="Essential"/>
    <m/>
    <m/>
    <m/>
    <m/>
    <m/>
    <m/>
    <m/>
    <m/>
    <m/>
    <m/>
    <m/>
    <m/>
    <m/>
    <m/>
    <m/>
    <m/>
    <m/>
    <m/>
    <m/>
    <m/>
    <m/>
    <m/>
    <m/>
    <m/>
    <m/>
    <m/>
    <m/>
    <m/>
    <m/>
    <m/>
    <m/>
    <n v="0"/>
    <m/>
    <s v=""/>
    <s v=""/>
    <s v=""/>
    <s v=""/>
    <s v=""/>
    <s v=""/>
    <s v=""/>
    <s v=""/>
    <s v=""/>
    <s v=""/>
    <s v=""/>
    <s v=""/>
    <s v=""/>
    <s v=""/>
    <s v=""/>
    <s v=""/>
    <s v=""/>
    <s v=""/>
    <s v=""/>
    <s v=""/>
    <s v=""/>
    <s v=""/>
    <s v=""/>
    <s v=""/>
    <s v=""/>
    <s v=""/>
    <s v=""/>
    <s v=""/>
    <s v=""/>
    <s v=""/>
    <s v=""/>
    <m/>
    <m/>
    <m/>
  </r>
  <r>
    <n v="798"/>
    <x v="1"/>
    <s v="Transport"/>
    <s v="Active Travel"/>
    <s v="Leverstock Green Way side arm junction treatments "/>
    <s v="(SG10-3) Tighten kerb radii where feasible to reduce crossing width and install tactile paving with dropped kerbs at side arms with a) Curtis Road, b) Church Road, c) Pancake Lane and d) Bartel Close "/>
    <x v="1"/>
    <x v="55"/>
    <x v="2"/>
    <x v="2"/>
    <x v="45"/>
    <s v="N/A"/>
    <s v="N/A"/>
    <n v="13024.44"/>
    <n v="13024.44"/>
    <s v="S278 / S106 "/>
    <s v="Essential"/>
    <m/>
    <m/>
    <m/>
    <m/>
    <m/>
    <m/>
    <m/>
    <m/>
    <m/>
    <m/>
    <m/>
    <m/>
    <m/>
    <m/>
    <m/>
    <m/>
    <m/>
    <m/>
    <m/>
    <m/>
    <m/>
    <m/>
    <m/>
    <m/>
    <m/>
    <m/>
    <m/>
    <m/>
    <m/>
    <m/>
    <m/>
    <n v="0"/>
    <m/>
    <s v=""/>
    <s v=""/>
    <s v=""/>
    <s v=""/>
    <s v=""/>
    <s v=""/>
    <s v=""/>
    <s v=""/>
    <s v=""/>
    <s v=""/>
    <s v=""/>
    <s v=""/>
    <s v=""/>
    <s v=""/>
    <s v=""/>
    <s v=""/>
    <s v=""/>
    <s v=""/>
    <s v=""/>
    <s v=""/>
    <s v=""/>
    <s v=""/>
    <s v=""/>
    <s v=""/>
    <s v=""/>
    <s v=""/>
    <s v=""/>
    <s v=""/>
    <s v=""/>
    <s v=""/>
    <s v=""/>
    <m/>
    <m/>
    <m/>
  </r>
  <r>
    <n v="799"/>
    <x v="1"/>
    <s v="Transport"/>
    <s v="Active Travel"/>
    <s v="Additional cycle parking at Leverstock Green Village Centre"/>
    <s v="(SG10-4) Add cycle parking (c. 6x cycle stands) adajcent to the controlled crossing outside the Leverstock Green Village Centre shopping parade"/>
    <x v="1"/>
    <x v="67"/>
    <x v="2"/>
    <x v="2"/>
    <x v="37"/>
    <s v="N/A"/>
    <s v="N/A"/>
    <n v="777.02625"/>
    <n v="777.02625"/>
    <s v="S278 / S106 "/>
    <s v="Essential"/>
    <m/>
    <m/>
    <m/>
    <m/>
    <m/>
    <m/>
    <m/>
    <m/>
    <m/>
    <m/>
    <m/>
    <m/>
    <m/>
    <m/>
    <m/>
    <m/>
    <m/>
    <m/>
    <m/>
    <m/>
    <m/>
    <m/>
    <m/>
    <m/>
    <m/>
    <m/>
    <m/>
    <m/>
    <m/>
    <m/>
    <m/>
    <n v="0"/>
    <m/>
    <s v=""/>
    <s v=""/>
    <s v=""/>
    <s v=""/>
    <s v=""/>
    <s v=""/>
    <s v=""/>
    <s v=""/>
    <s v=""/>
    <s v=""/>
    <s v=""/>
    <s v=""/>
    <s v=""/>
    <s v=""/>
    <s v=""/>
    <s v=""/>
    <s v=""/>
    <s v=""/>
    <s v=""/>
    <s v=""/>
    <s v=""/>
    <s v=""/>
    <s v=""/>
    <s v=""/>
    <s v=""/>
    <s v=""/>
    <s v=""/>
    <s v=""/>
    <s v=""/>
    <s v=""/>
    <s v=""/>
    <m/>
    <m/>
    <m/>
  </r>
  <r>
    <n v="800"/>
    <x v="1"/>
    <s v="Transport"/>
    <s v="Active Travel"/>
    <s v="Mickleford Road junction crossing improvements"/>
    <s v="(SH11-1) Add tactile paving at Micklefield Road (junctions with Green Lane and Poynders Hill)"/>
    <x v="1"/>
    <x v="68"/>
    <x v="2"/>
    <x v="2"/>
    <x v="37"/>
    <s v="N/A"/>
    <s v="N/A"/>
    <n v="1578.72"/>
    <n v="1578.72"/>
    <s v="S278 / S106 "/>
    <s v="Essential"/>
    <m/>
    <m/>
    <m/>
    <m/>
    <m/>
    <m/>
    <m/>
    <m/>
    <m/>
    <m/>
    <m/>
    <m/>
    <m/>
    <m/>
    <m/>
    <m/>
    <m/>
    <m/>
    <m/>
    <m/>
    <m/>
    <m/>
    <m/>
    <m/>
    <m/>
    <m/>
    <m/>
    <m/>
    <m/>
    <m/>
    <m/>
    <n v="0"/>
    <m/>
    <s v=""/>
    <s v=""/>
    <s v=""/>
    <s v=""/>
    <s v=""/>
    <s v=""/>
    <s v=""/>
    <s v=""/>
    <s v=""/>
    <s v=""/>
    <s v=""/>
    <s v=""/>
    <s v=""/>
    <s v=""/>
    <s v=""/>
    <s v=""/>
    <s v=""/>
    <s v=""/>
    <s v=""/>
    <s v=""/>
    <s v=""/>
    <s v=""/>
    <s v=""/>
    <s v=""/>
    <s v=""/>
    <s v=""/>
    <s v=""/>
    <s v=""/>
    <s v=""/>
    <s v=""/>
    <s v=""/>
    <m/>
    <m/>
    <m/>
  </r>
  <r>
    <n v="801"/>
    <x v="1"/>
    <s v="Transport"/>
    <s v="Active Travel"/>
    <s v="A4147 Toucan Crossing and cycle link into Woolmer Drive"/>
    <s v="(SG11-2) Provide signal-controlled Toucan crossing on A4147, in addition to a shared use cycle and footway on the eastern side of the Toucan crossing, leading round into Woolmer Drive as far as the bus stop (c.70m) where provision should be made for cyclists to safely enter/exit the carriageway. "/>
    <x v="1"/>
    <x v="68"/>
    <x v="2"/>
    <x v="2"/>
    <x v="37"/>
    <s v="N/A"/>
    <s v="N/A"/>
    <n v="340138.10187499999"/>
    <n v="340138.10187499999"/>
    <s v="S278 / S106 "/>
    <s v="Essential"/>
    <m/>
    <m/>
    <m/>
    <m/>
    <m/>
    <m/>
    <m/>
    <m/>
    <m/>
    <m/>
    <m/>
    <m/>
    <m/>
    <m/>
    <m/>
    <m/>
    <m/>
    <m/>
    <m/>
    <m/>
    <m/>
    <m/>
    <m/>
    <m/>
    <m/>
    <m/>
    <m/>
    <m/>
    <m/>
    <m/>
    <m/>
    <n v="0"/>
    <m/>
    <s v=""/>
    <s v=""/>
    <s v=""/>
    <s v=""/>
    <s v=""/>
    <s v=""/>
    <s v=""/>
    <s v=""/>
    <s v=""/>
    <s v=""/>
    <s v=""/>
    <s v=""/>
    <s v=""/>
    <s v=""/>
    <s v=""/>
    <s v=""/>
    <s v=""/>
    <s v=""/>
    <s v=""/>
    <s v=""/>
    <s v=""/>
    <s v=""/>
    <s v=""/>
    <s v=""/>
    <s v=""/>
    <s v=""/>
    <s v=""/>
    <s v=""/>
    <s v=""/>
    <s v=""/>
    <s v=""/>
    <m/>
    <m/>
    <m/>
  </r>
  <r>
    <n v="802"/>
    <x v="1"/>
    <s v="Transport"/>
    <s v="Active Travel"/>
    <s v="20mph zone covering roads including Woolmer Drive, Green Lane, Mickleford Road and Datchworth Turn"/>
    <s v="(SG11-3) 20mph zone covering all roads leading off the A4147 and as far south as Green Lane up to and including junction with Kingcup Avenue (3 external entry points). Assume provision of additional traffic calming features to help ensure compliance with speed limit, c. x20 pairs of speed cushions. Note: this area falls within a wider area identified by HCC as being a potential 20mph zone, subject to further investigation. "/>
    <x v="1"/>
    <x v="68"/>
    <x v="2"/>
    <x v="2"/>
    <x v="37"/>
    <s v="N/A"/>
    <s v="N/A"/>
    <n v="1013423.125"/>
    <n v="1013423.125"/>
    <s v="S278 / S106 "/>
    <s v="Essential"/>
    <m/>
    <m/>
    <m/>
    <m/>
    <m/>
    <m/>
    <m/>
    <m/>
    <m/>
    <m/>
    <m/>
    <m/>
    <m/>
    <m/>
    <m/>
    <m/>
    <m/>
    <m/>
    <m/>
    <m/>
    <m/>
    <m/>
    <m/>
    <m/>
    <m/>
    <m/>
    <m/>
    <m/>
    <m/>
    <m/>
    <m/>
    <n v="0"/>
    <m/>
    <s v=""/>
    <s v=""/>
    <s v=""/>
    <s v=""/>
    <s v=""/>
    <s v=""/>
    <s v=""/>
    <s v=""/>
    <s v=""/>
    <s v=""/>
    <s v=""/>
    <s v=""/>
    <s v=""/>
    <s v=""/>
    <s v=""/>
    <s v=""/>
    <s v=""/>
    <s v=""/>
    <s v=""/>
    <s v=""/>
    <s v=""/>
    <s v=""/>
    <s v=""/>
    <s v=""/>
    <s v=""/>
    <s v=""/>
    <s v=""/>
    <s v=""/>
    <s v=""/>
    <s v=""/>
    <s v=""/>
    <m/>
    <m/>
    <m/>
  </r>
  <r>
    <n v="803"/>
    <x v="1"/>
    <s v="Transport"/>
    <s v="Active Travel"/>
    <s v="Cycle Hanger storage on Mickleford Road and Datchworth Turn"/>
    <s v="(SG11-4) Add cycle hanger storage facilities for residents, including on Datchworth Turn and Micklefield Road (x2 hangers)"/>
    <x v="1"/>
    <x v="68"/>
    <x v="2"/>
    <x v="2"/>
    <x v="37"/>
    <s v="N/A"/>
    <s v="N/A"/>
    <n v="21645.731250000001"/>
    <n v="21645.731250000001"/>
    <s v="S278 / S106 "/>
    <s v="Essential"/>
    <m/>
    <m/>
    <m/>
    <m/>
    <m/>
    <m/>
    <m/>
    <m/>
    <m/>
    <m/>
    <m/>
    <m/>
    <m/>
    <m/>
    <m/>
    <m/>
    <m/>
    <m/>
    <m/>
    <m/>
    <m/>
    <m/>
    <m/>
    <m/>
    <m/>
    <m/>
    <m/>
    <m/>
    <m/>
    <m/>
    <m/>
    <n v="0"/>
    <m/>
    <s v=""/>
    <s v=""/>
    <s v=""/>
    <s v=""/>
    <s v=""/>
    <s v=""/>
    <s v=""/>
    <s v=""/>
    <s v=""/>
    <s v=""/>
    <s v=""/>
    <s v=""/>
    <s v=""/>
    <s v=""/>
    <s v=""/>
    <s v=""/>
    <s v=""/>
    <s v=""/>
    <s v=""/>
    <s v=""/>
    <s v=""/>
    <s v=""/>
    <s v=""/>
    <s v=""/>
    <s v=""/>
    <s v=""/>
    <s v=""/>
    <s v=""/>
    <s v=""/>
    <s v=""/>
    <s v=""/>
    <m/>
    <m/>
    <m/>
  </r>
  <r>
    <n v="804"/>
    <x v="1"/>
    <s v="Transport"/>
    <s v="Active Travel"/>
    <s v="Redbourn Road side junction crossing improvements"/>
    <s v="(SG14-1) Improve pedestrian crossing facilities at a) The Melings and b) Half Moon Meadow junctions with Redbourn Road, reducing the kerb radii on the eastern side of both junctions (removing the short slip road sections) adding tactile paving on both sides of Redbourn Rd aligned with current uncontrolled crossings. "/>
    <x v="1"/>
    <x v="69"/>
    <x v="2"/>
    <x v="2"/>
    <x v="37"/>
    <s v="N/A"/>
    <s v="N/A"/>
    <n v="41046.720000000001"/>
    <n v="41046.720000000001"/>
    <s v="S278 / S106 "/>
    <s v="Essential"/>
    <m/>
    <m/>
    <m/>
    <m/>
    <m/>
    <m/>
    <m/>
    <m/>
    <m/>
    <m/>
    <m/>
    <m/>
    <m/>
    <m/>
    <m/>
    <m/>
    <m/>
    <m/>
    <m/>
    <m/>
    <m/>
    <m/>
    <m/>
    <m/>
    <m/>
    <m/>
    <m/>
    <m/>
    <m/>
    <m/>
    <m/>
    <n v="0"/>
    <m/>
    <s v=""/>
    <s v=""/>
    <s v=""/>
    <s v=""/>
    <s v=""/>
    <s v=""/>
    <s v=""/>
    <s v=""/>
    <s v=""/>
    <s v=""/>
    <s v=""/>
    <s v=""/>
    <s v=""/>
    <s v=""/>
    <s v=""/>
    <s v=""/>
    <s v=""/>
    <s v=""/>
    <s v=""/>
    <s v=""/>
    <s v=""/>
    <s v=""/>
    <s v=""/>
    <s v=""/>
    <s v=""/>
    <s v=""/>
    <s v=""/>
    <s v=""/>
    <s v=""/>
    <s v=""/>
    <s v=""/>
    <m/>
    <m/>
    <m/>
  </r>
  <r>
    <n v="805"/>
    <x v="1"/>
    <s v="Transport"/>
    <s v="Highways"/>
    <s v="Redbourn Road-Three Cherry Trees Junction Enhancement"/>
    <s v="(SG14-2) Redbourn Road-Three Cherry Trees Lane-Shelby Road Junction Enhancement - signalisation scheme incorporating controlled crossings for pedestrians on all sides"/>
    <x v="1"/>
    <x v="69"/>
    <x v="2"/>
    <x v="2"/>
    <x v="45"/>
    <s v="N/A"/>
    <s v="N/A"/>
    <n v="493350"/>
    <n v="493350"/>
    <s v="S278 / S106 "/>
    <s v="Essential"/>
    <m/>
    <m/>
    <m/>
    <m/>
    <m/>
    <m/>
    <m/>
    <m/>
    <m/>
    <m/>
    <m/>
    <m/>
    <m/>
    <m/>
    <m/>
    <m/>
    <m/>
    <m/>
    <m/>
    <m/>
    <m/>
    <m/>
    <m/>
    <m/>
    <m/>
    <m/>
    <m/>
    <m/>
    <m/>
    <m/>
    <m/>
    <n v="0"/>
    <m/>
    <s v=""/>
    <s v=""/>
    <s v=""/>
    <s v=""/>
    <s v=""/>
    <s v=""/>
    <s v=""/>
    <s v=""/>
    <s v=""/>
    <s v=""/>
    <s v=""/>
    <s v=""/>
    <s v=""/>
    <s v=""/>
    <s v=""/>
    <s v=""/>
    <s v=""/>
    <s v=""/>
    <s v=""/>
    <s v=""/>
    <s v=""/>
    <s v=""/>
    <s v=""/>
    <s v=""/>
    <s v=""/>
    <s v=""/>
    <s v=""/>
    <s v=""/>
    <s v=""/>
    <s v=""/>
    <s v=""/>
    <m/>
    <m/>
    <m/>
  </r>
  <r>
    <n v="806"/>
    <x v="1"/>
    <s v="Transport"/>
    <s v="Active Travel"/>
    <s v="Maylands Avenue Shared Use Cycle Corridor"/>
    <s v="(SG15-1) Provision of a high quality, off-road cycle route along the full length between the A414 Breakspear Way and A4147 Swallowdale Lane (eastern side of the road). Expected to comprise widening of the existing shared-use path to meet standards including replacing areas of grass verge and localised reduction in carriageway space (e.g. removal of additional lanes at some junctions (access to Aldi/Nuffield Health/McDonalds; junction with Wood Lane End). Assume cyclist priority on some side arms (Eaton Road; Maxted Road; x3 accesses to Hosking Court). Also provision of a Toucan crossing at location of existing uncontrolled crossing with refuge islands just north of the Travelodge vehicle access). Include upgrade to the existing shared use route between the A414 at-grade signal crossing to the proposed Toucan crossing on Maylands Avenue. Also provide additional signal-controlled crossing points on Maylands Avenue in the vicinity of Dixons Turn and Eaton Road"/>
    <x v="1"/>
    <x v="54"/>
    <x v="2"/>
    <x v="2"/>
    <x v="45"/>
    <s v="N/A"/>
    <s v="N/A"/>
    <n v="1346845.5"/>
    <n v="1346845.5"/>
    <s v="S278 / S106 / CIL / External Funding"/>
    <s v="Essential"/>
    <m/>
    <m/>
    <m/>
    <m/>
    <m/>
    <m/>
    <m/>
    <m/>
    <m/>
    <m/>
    <m/>
    <m/>
    <m/>
    <m/>
    <m/>
    <m/>
    <m/>
    <m/>
    <m/>
    <m/>
    <m/>
    <m/>
    <m/>
    <m/>
    <m/>
    <m/>
    <m/>
    <m/>
    <m/>
    <m/>
    <m/>
    <n v="0"/>
    <m/>
    <s v=""/>
    <s v=""/>
    <s v=""/>
    <s v=""/>
    <s v=""/>
    <s v=""/>
    <s v=""/>
    <s v=""/>
    <s v=""/>
    <s v=""/>
    <s v=""/>
    <s v=""/>
    <s v=""/>
    <s v=""/>
    <s v=""/>
    <s v=""/>
    <s v=""/>
    <s v=""/>
    <s v=""/>
    <s v=""/>
    <s v=""/>
    <s v=""/>
    <s v=""/>
    <s v=""/>
    <s v=""/>
    <s v=""/>
    <s v=""/>
    <s v=""/>
    <s v=""/>
    <s v=""/>
    <s v=""/>
    <m/>
    <m/>
    <m/>
  </r>
  <r>
    <n v="807"/>
    <x v="1"/>
    <s v="Transport"/>
    <s v="Active Travel"/>
    <s v="Maylands Avenue Wayfinding Signage"/>
    <s v="(SG15-2) Additional wayfinding signage  showing directions and distances to key destinations including mobility hubs "/>
    <x v="1"/>
    <x v="54"/>
    <x v="2"/>
    <x v="2"/>
    <x v="45"/>
    <s v="N/A"/>
    <s v="N/A"/>
    <n v="13567.125"/>
    <n v="13567.125"/>
    <s v="S278 / S106 / CIL / External Funding"/>
    <s v="Essential"/>
    <m/>
    <m/>
    <m/>
    <m/>
    <m/>
    <m/>
    <m/>
    <m/>
    <m/>
    <m/>
    <m/>
    <m/>
    <m/>
    <m/>
    <m/>
    <m/>
    <m/>
    <m/>
    <m/>
    <m/>
    <m/>
    <m/>
    <m/>
    <m/>
    <m/>
    <m/>
    <m/>
    <m/>
    <m/>
    <m/>
    <m/>
    <n v="0"/>
    <m/>
    <s v=""/>
    <s v=""/>
    <s v=""/>
    <s v=""/>
    <s v=""/>
    <s v=""/>
    <s v=""/>
    <s v=""/>
    <s v=""/>
    <s v=""/>
    <s v=""/>
    <s v=""/>
    <s v=""/>
    <s v=""/>
    <s v=""/>
    <s v=""/>
    <s v=""/>
    <s v=""/>
    <s v=""/>
    <s v=""/>
    <s v=""/>
    <s v=""/>
    <s v=""/>
    <s v=""/>
    <s v=""/>
    <s v=""/>
    <s v=""/>
    <s v=""/>
    <s v=""/>
    <s v=""/>
    <s v=""/>
    <m/>
    <m/>
    <m/>
  </r>
  <r>
    <n v="808"/>
    <x v="1"/>
    <s v="Transport"/>
    <s v="Active Travel"/>
    <s v="Longlands side arm pedestrian crossing improvements"/>
    <s v="(SG16-1) Implement dropped kerbs and tactile paving at side-arm junctions with Ellen Close; Hobletts Road; Springfield Road; Little Road; and Ellingham Road "/>
    <x v="1"/>
    <x v="54"/>
    <x v="2"/>
    <x v="2"/>
    <x v="37"/>
    <s v="N/A"/>
    <s v="N/A"/>
    <n v="8395.8302999999996"/>
    <n v="8395.8302999999996"/>
    <s v="S278 / S106 / CIL / External Funding"/>
    <s v="Essential"/>
    <m/>
    <m/>
    <m/>
    <m/>
    <m/>
    <m/>
    <m/>
    <m/>
    <m/>
    <m/>
    <m/>
    <m/>
    <m/>
    <m/>
    <m/>
    <m/>
    <m/>
    <m/>
    <m/>
    <m/>
    <m/>
    <m/>
    <m/>
    <m/>
    <m/>
    <m/>
    <m/>
    <m/>
    <m/>
    <m/>
    <m/>
    <n v="0"/>
    <m/>
    <s v=""/>
    <s v=""/>
    <s v=""/>
    <s v=""/>
    <s v=""/>
    <s v=""/>
    <s v=""/>
    <s v=""/>
    <s v=""/>
    <s v=""/>
    <s v=""/>
    <s v=""/>
    <s v=""/>
    <s v=""/>
    <s v=""/>
    <s v=""/>
    <s v=""/>
    <s v=""/>
    <s v=""/>
    <s v=""/>
    <s v=""/>
    <s v=""/>
    <s v=""/>
    <s v=""/>
    <s v=""/>
    <s v=""/>
    <s v=""/>
    <s v=""/>
    <s v=""/>
    <s v=""/>
    <s v=""/>
    <m/>
    <m/>
    <m/>
  </r>
  <r>
    <n v="809"/>
    <x v="1"/>
    <s v="Transport"/>
    <s v="Active Travel"/>
    <s v="Longlands Additional Zebra Crossings"/>
    <s v="(SG16-2) Two additional Zebra crossings on extended speed table, between Broadfield Road and Sawyer's Way, and between Vauxhall Road and Field Road (replacing existing uncontrolled crossing)"/>
    <x v="1"/>
    <x v="54"/>
    <x v="2"/>
    <x v="2"/>
    <x v="37"/>
    <s v="N/A"/>
    <s v="N/A"/>
    <n v="176783.75"/>
    <n v="176783.75"/>
    <s v="S278 / S106 / CIL / External Funding"/>
    <s v="Essential"/>
    <m/>
    <m/>
    <m/>
    <m/>
    <m/>
    <m/>
    <m/>
    <m/>
    <m/>
    <m/>
    <m/>
    <m/>
    <m/>
    <m/>
    <m/>
    <m/>
    <m/>
    <m/>
    <m/>
    <m/>
    <m/>
    <m/>
    <m/>
    <m/>
    <m/>
    <m/>
    <m/>
    <m/>
    <m/>
    <m/>
    <m/>
    <n v="0"/>
    <m/>
    <s v=""/>
    <s v=""/>
    <s v=""/>
    <s v=""/>
    <s v=""/>
    <s v=""/>
    <s v=""/>
    <s v=""/>
    <s v=""/>
    <s v=""/>
    <s v=""/>
    <s v=""/>
    <s v=""/>
    <s v=""/>
    <s v=""/>
    <s v=""/>
    <s v=""/>
    <s v=""/>
    <s v=""/>
    <s v=""/>
    <s v=""/>
    <s v=""/>
    <s v=""/>
    <s v=""/>
    <s v=""/>
    <s v=""/>
    <s v=""/>
    <s v=""/>
    <s v=""/>
    <s v=""/>
    <s v=""/>
    <m/>
    <m/>
    <m/>
  </r>
  <r>
    <n v="810"/>
    <x v="1"/>
    <s v="Transport"/>
    <s v="Highways"/>
    <s v="Longlands Pavement Parking Prevention"/>
    <s v="(SG16-3) Physical measures e.g. bollards or landscaping features such as rain gardens, to prevent pavement parking on sections of footway along Longlands where it is not already permitted, especially in the vicinity of junctions (Broadfield Road, Sawyer's Way; The Queen's Square, Windmill Road and Vauxhall Road) and focus on sections adjacent to playing fields either side of The Adeyfield School"/>
    <x v="1"/>
    <x v="54"/>
    <x v="2"/>
    <x v="2"/>
    <x v="37"/>
    <s v="N/A"/>
    <s v="N/A"/>
    <n v="34850.860687500004"/>
    <n v="34850.860687500004"/>
    <s v="S278 / S106 / CIL / External Funding"/>
    <s v="Essential"/>
    <m/>
    <m/>
    <m/>
    <m/>
    <m/>
    <m/>
    <m/>
    <m/>
    <m/>
    <m/>
    <m/>
    <m/>
    <m/>
    <m/>
    <m/>
    <m/>
    <m/>
    <m/>
    <m/>
    <m/>
    <m/>
    <m/>
    <m/>
    <m/>
    <m/>
    <m/>
    <m/>
    <m/>
    <m/>
    <m/>
    <m/>
    <n v="0"/>
    <m/>
    <s v=""/>
    <s v=""/>
    <s v=""/>
    <s v=""/>
    <s v=""/>
    <s v=""/>
    <s v=""/>
    <s v=""/>
    <s v=""/>
    <s v=""/>
    <s v=""/>
    <s v=""/>
    <s v=""/>
    <s v=""/>
    <s v=""/>
    <s v=""/>
    <s v=""/>
    <s v=""/>
    <s v=""/>
    <s v=""/>
    <s v=""/>
    <s v=""/>
    <s v=""/>
    <s v=""/>
    <s v=""/>
    <s v=""/>
    <s v=""/>
    <s v=""/>
    <s v=""/>
    <s v=""/>
    <s v=""/>
    <m/>
    <m/>
    <m/>
  </r>
  <r>
    <n v="811"/>
    <x v="1"/>
    <s v="Transport"/>
    <s v="Active Travel"/>
    <s v="Longlands Shared Use Cycle Path"/>
    <s v="(SG16-4) Create an off-road shared use path on the eastern side of the road, between The Queen's Square (including a 50m section on this side road to provide access to the Local Mobility Hub - separate proposal) and the A414 St Albans Road. "/>
    <x v="1"/>
    <x v="54"/>
    <x v="2"/>
    <x v="2"/>
    <x v="37"/>
    <s v="N/A"/>
    <s v="N/A"/>
    <n v="742080.625"/>
    <n v="742080.625"/>
    <s v="S278 / S106 / CIL / External Funding"/>
    <s v="Essential"/>
    <m/>
    <m/>
    <m/>
    <m/>
    <m/>
    <m/>
    <m/>
    <m/>
    <m/>
    <m/>
    <m/>
    <m/>
    <m/>
    <m/>
    <m/>
    <m/>
    <m/>
    <m/>
    <m/>
    <m/>
    <m/>
    <m/>
    <m/>
    <m/>
    <m/>
    <m/>
    <m/>
    <m/>
    <m/>
    <m/>
    <m/>
    <n v="0"/>
    <m/>
    <s v=""/>
    <s v=""/>
    <s v=""/>
    <s v=""/>
    <s v=""/>
    <s v=""/>
    <s v=""/>
    <s v=""/>
    <s v=""/>
    <s v=""/>
    <s v=""/>
    <s v=""/>
    <s v=""/>
    <s v=""/>
    <s v=""/>
    <s v=""/>
    <s v=""/>
    <s v=""/>
    <s v=""/>
    <s v=""/>
    <s v=""/>
    <s v=""/>
    <s v=""/>
    <s v=""/>
    <s v=""/>
    <s v=""/>
    <s v=""/>
    <s v=""/>
    <s v=""/>
    <s v=""/>
    <s v=""/>
    <m/>
    <m/>
    <m/>
  </r>
  <r>
    <n v="812"/>
    <x v="1"/>
    <s v="Transport"/>
    <s v="Active Travel"/>
    <s v="Continuous Pavement crossings at Fields Road and Vauxhall Road"/>
    <s v="(SG16-5) Install Copenhagen crossings at theside arm  junctions of Field Road, Vauxhall Road"/>
    <x v="1"/>
    <x v="54"/>
    <x v="2"/>
    <x v="2"/>
    <x v="37"/>
    <s v="N/A"/>
    <s v="N/A"/>
    <n v="226118.75"/>
    <n v="226118.75"/>
    <s v="S278 / S106 / CIL / External Funding"/>
    <s v="Essential"/>
    <m/>
    <m/>
    <m/>
    <m/>
    <m/>
    <m/>
    <m/>
    <m/>
    <m/>
    <m/>
    <m/>
    <m/>
    <m/>
    <m/>
    <m/>
    <m/>
    <m/>
    <m/>
    <m/>
    <m/>
    <m/>
    <m/>
    <m/>
    <m/>
    <m/>
    <m/>
    <m/>
    <m/>
    <m/>
    <m/>
    <m/>
    <n v="0"/>
    <m/>
    <s v=""/>
    <s v=""/>
    <s v=""/>
    <s v=""/>
    <s v=""/>
    <s v=""/>
    <s v=""/>
    <s v=""/>
    <s v=""/>
    <s v=""/>
    <s v=""/>
    <s v=""/>
    <s v=""/>
    <s v=""/>
    <s v=""/>
    <s v=""/>
    <s v=""/>
    <s v=""/>
    <s v=""/>
    <s v=""/>
    <s v=""/>
    <s v=""/>
    <s v=""/>
    <s v=""/>
    <s v=""/>
    <s v=""/>
    <s v=""/>
    <s v=""/>
    <s v=""/>
    <s v=""/>
    <s v=""/>
    <m/>
    <m/>
    <m/>
  </r>
  <r>
    <n v="813"/>
    <x v="1"/>
    <s v="Transport"/>
    <s v="Active Travel"/>
    <s v="Longlands Wayfinding Signage"/>
    <s v="(SG16-6) Implement wayfinding at start/end of segment and close to The Queen's Square"/>
    <x v="1"/>
    <x v="54"/>
    <x v="2"/>
    <x v="2"/>
    <x v="37"/>
    <s v="N/A"/>
    <s v="N/A"/>
    <n v="11305.9375"/>
    <n v="11305.9375"/>
    <s v="S278 / S106 / CIL / External Funding"/>
    <s v="Essential"/>
    <m/>
    <m/>
    <m/>
    <m/>
    <m/>
    <m/>
    <m/>
    <m/>
    <m/>
    <m/>
    <m/>
    <m/>
    <m/>
    <m/>
    <m/>
    <m/>
    <m/>
    <m/>
    <m/>
    <m/>
    <m/>
    <m/>
    <m/>
    <m/>
    <m/>
    <m/>
    <m/>
    <m/>
    <m/>
    <m/>
    <m/>
    <n v="0"/>
    <m/>
    <s v=""/>
    <s v=""/>
    <s v=""/>
    <s v=""/>
    <s v=""/>
    <s v=""/>
    <s v=""/>
    <s v=""/>
    <s v=""/>
    <s v=""/>
    <s v=""/>
    <s v=""/>
    <s v=""/>
    <s v=""/>
    <s v=""/>
    <s v=""/>
    <s v=""/>
    <s v=""/>
    <s v=""/>
    <s v=""/>
    <s v=""/>
    <s v=""/>
    <s v=""/>
    <s v=""/>
    <s v=""/>
    <s v=""/>
    <s v=""/>
    <s v=""/>
    <s v=""/>
    <s v=""/>
    <s v=""/>
    <m/>
    <m/>
    <m/>
  </r>
  <r>
    <n v="814"/>
    <x v="1"/>
    <s v="Transport"/>
    <s v="Active Travel"/>
    <s v="Great Road cycle route"/>
    <s v="(SG17-1) Provide an off-road shared use cycle path between the junction with Queensway and south of the junction with Hobletts Road. "/>
    <x v="1"/>
    <x v="54"/>
    <x v="2"/>
    <x v="2"/>
    <x v="37"/>
    <s v="N/A"/>
    <s v="N/A"/>
    <n v="167327.875"/>
    <n v="167327.875"/>
    <s v="S278 / S106 / CIL / External Funding"/>
    <s v="Essential"/>
    <m/>
    <m/>
    <m/>
    <m/>
    <m/>
    <m/>
    <m/>
    <m/>
    <m/>
    <m/>
    <m/>
    <m/>
    <m/>
    <m/>
    <m/>
    <m/>
    <m/>
    <m/>
    <m/>
    <m/>
    <m/>
    <m/>
    <m/>
    <m/>
    <m/>
    <m/>
    <m/>
    <m/>
    <m/>
    <m/>
    <m/>
    <n v="0"/>
    <m/>
    <s v=""/>
    <s v=""/>
    <s v=""/>
    <s v=""/>
    <s v=""/>
    <s v=""/>
    <s v=""/>
    <s v=""/>
    <s v=""/>
    <s v=""/>
    <s v=""/>
    <s v=""/>
    <s v=""/>
    <s v=""/>
    <s v=""/>
    <s v=""/>
    <s v=""/>
    <s v=""/>
    <s v=""/>
    <s v=""/>
    <s v=""/>
    <s v=""/>
    <s v=""/>
    <s v=""/>
    <s v=""/>
    <s v=""/>
    <s v=""/>
    <s v=""/>
    <s v=""/>
    <s v=""/>
    <s v=""/>
    <m/>
    <m/>
    <m/>
  </r>
  <r>
    <n v="815"/>
    <x v="1"/>
    <s v="Transport"/>
    <s v="Active Travel"/>
    <s v="Great Road additional zebra crossing"/>
    <s v="(SG17-2) Install a new Zebra crossing on extended raised speed table between Hobletts Road and Springfield Road"/>
    <x v="1"/>
    <x v="54"/>
    <x v="2"/>
    <x v="2"/>
    <x v="37"/>
    <s v="N/A"/>
    <s v="N/A"/>
    <n v="129504.375"/>
    <n v="129504.375"/>
    <s v="S278 / S106 / CIL / External Funding"/>
    <s v="Essential"/>
    <m/>
    <m/>
    <m/>
    <m/>
    <m/>
    <m/>
    <m/>
    <m/>
    <m/>
    <m/>
    <m/>
    <m/>
    <m/>
    <m/>
    <m/>
    <m/>
    <m/>
    <m/>
    <m/>
    <m/>
    <m/>
    <m/>
    <m/>
    <m/>
    <m/>
    <m/>
    <m/>
    <m/>
    <m/>
    <m/>
    <m/>
    <n v="0"/>
    <m/>
    <s v=""/>
    <s v=""/>
    <s v=""/>
    <s v=""/>
    <s v=""/>
    <s v=""/>
    <s v=""/>
    <s v=""/>
    <s v=""/>
    <s v=""/>
    <s v=""/>
    <s v=""/>
    <s v=""/>
    <s v=""/>
    <s v=""/>
    <s v=""/>
    <s v=""/>
    <s v=""/>
    <s v=""/>
    <s v=""/>
    <s v=""/>
    <s v=""/>
    <s v=""/>
    <s v=""/>
    <s v=""/>
    <s v=""/>
    <s v=""/>
    <s v=""/>
    <s v=""/>
    <s v=""/>
    <s v=""/>
    <m/>
    <m/>
    <m/>
  </r>
  <r>
    <n v="816"/>
    <x v="1"/>
    <s v="Transport"/>
    <s v="Highways"/>
    <s v="Great Road traffic calming features"/>
    <s v="(SG17-3) Install traffic calming features at the northern end where the road is on a steep incline"/>
    <x v="1"/>
    <x v="54"/>
    <x v="2"/>
    <x v="2"/>
    <x v="37"/>
    <s v="N/A"/>
    <s v="N/A"/>
    <n v="207618.125"/>
    <n v="207618.125"/>
    <s v="S278 / S106 / CIL / External Funding"/>
    <s v="Essential"/>
    <m/>
    <m/>
    <m/>
    <m/>
    <m/>
    <m/>
    <m/>
    <m/>
    <m/>
    <m/>
    <m/>
    <m/>
    <m/>
    <m/>
    <m/>
    <m/>
    <m/>
    <m/>
    <m/>
    <m/>
    <m/>
    <m/>
    <m/>
    <m/>
    <m/>
    <m/>
    <m/>
    <m/>
    <m/>
    <m/>
    <m/>
    <n v="0"/>
    <m/>
    <s v=""/>
    <s v=""/>
    <s v=""/>
    <s v=""/>
    <s v=""/>
    <s v=""/>
    <s v=""/>
    <s v=""/>
    <s v=""/>
    <s v=""/>
    <s v=""/>
    <s v=""/>
    <s v=""/>
    <s v=""/>
    <s v=""/>
    <s v=""/>
    <s v=""/>
    <s v=""/>
    <s v=""/>
    <s v=""/>
    <s v=""/>
    <s v=""/>
    <s v=""/>
    <s v=""/>
    <s v=""/>
    <s v=""/>
    <s v=""/>
    <s v=""/>
    <s v=""/>
    <s v=""/>
    <s v=""/>
    <m/>
    <m/>
    <m/>
  </r>
  <r>
    <n v="817"/>
    <x v="1"/>
    <s v="Transport"/>
    <s v="Active Travel"/>
    <s v="Great Road Wayfinding Signage"/>
    <s v="(SG17-4) Add wayfinding/ signage indicating direction and distance/time towards The Queens Square and Nickey Line"/>
    <x v="1"/>
    <x v="54"/>
    <x v="2"/>
    <x v="2"/>
    <x v="37"/>
    <s v="N/A"/>
    <s v="N/A"/>
    <n v="6783.5625"/>
    <n v="6783.5625"/>
    <s v="S278 / S106 / CIL / External Funding"/>
    <s v="Essential"/>
    <m/>
    <m/>
    <m/>
    <m/>
    <m/>
    <m/>
    <m/>
    <m/>
    <m/>
    <m/>
    <m/>
    <m/>
    <m/>
    <m/>
    <m/>
    <m/>
    <m/>
    <m/>
    <m/>
    <m/>
    <m/>
    <m/>
    <m/>
    <m/>
    <m/>
    <m/>
    <m/>
    <m/>
    <m/>
    <m/>
    <m/>
    <n v="0"/>
    <m/>
    <s v=""/>
    <s v=""/>
    <s v=""/>
    <s v=""/>
    <s v=""/>
    <s v=""/>
    <s v=""/>
    <s v=""/>
    <s v=""/>
    <s v=""/>
    <s v=""/>
    <s v=""/>
    <s v=""/>
    <s v=""/>
    <s v=""/>
    <s v=""/>
    <s v=""/>
    <s v=""/>
    <s v=""/>
    <s v=""/>
    <s v=""/>
    <s v=""/>
    <s v=""/>
    <s v=""/>
    <s v=""/>
    <s v=""/>
    <s v=""/>
    <s v=""/>
    <s v=""/>
    <s v=""/>
    <s v=""/>
    <m/>
    <m/>
    <m/>
  </r>
  <r>
    <n v="818"/>
    <x v="1"/>
    <s v="Transport"/>
    <s v="Active Travel"/>
    <s v="Washington Avenue side-arm junction pedestrian crossing improvements"/>
    <s v="(SG18-1) Implement tactile paving on Washington Avenue at Dunlin Avenue; Ninian Road; Claymore; Argyll Road; Robin Hood Meadow; Turnpike Green; Stevenage Rise, St Agnells Lane; Craigavon Road; Basildon Square; Waveney."/>
    <x v="1"/>
    <x v="1"/>
    <x v="2"/>
    <x v="2"/>
    <x v="37"/>
    <s v="N/A"/>
    <s v="N/A"/>
    <n v="8682.9599999999991"/>
    <n v="8682.9599999999991"/>
    <s v="S278 / S106 "/>
    <s v="Essential"/>
    <m/>
    <m/>
    <m/>
    <m/>
    <m/>
    <m/>
    <m/>
    <m/>
    <m/>
    <m/>
    <m/>
    <m/>
    <m/>
    <m/>
    <m/>
    <m/>
    <m/>
    <m/>
    <m/>
    <m/>
    <m/>
    <m/>
    <m/>
    <m/>
    <m/>
    <m/>
    <m/>
    <m/>
    <m/>
    <m/>
    <m/>
    <n v="0"/>
    <m/>
    <s v=""/>
    <s v=""/>
    <s v=""/>
    <s v=""/>
    <s v=""/>
    <s v=""/>
    <s v=""/>
    <s v=""/>
    <s v=""/>
    <s v=""/>
    <s v=""/>
    <s v=""/>
    <s v=""/>
    <s v=""/>
    <s v=""/>
    <s v=""/>
    <s v=""/>
    <s v=""/>
    <s v=""/>
    <s v=""/>
    <s v=""/>
    <s v=""/>
    <s v=""/>
    <s v=""/>
    <s v=""/>
    <s v=""/>
    <s v=""/>
    <s v=""/>
    <s v=""/>
    <s v=""/>
    <s v=""/>
    <m/>
    <m/>
    <m/>
  </r>
  <r>
    <n v="819"/>
    <x v="1"/>
    <s v="Transport"/>
    <s v="Active Travel"/>
    <s v="Washington Avenue/Aycliffe Road roundabout crossings"/>
    <s v="(SG18-2) Implement zebra crossings on Washington Ave/Aycliffe Dr roundabout arms. Place the entire junction on a raised speed table"/>
    <x v="1"/>
    <x v="1"/>
    <x v="2"/>
    <x v="2"/>
    <x v="37"/>
    <s v="N/A"/>
    <s v="N/A"/>
    <n v="378235"/>
    <n v="378235"/>
    <s v="S278 / S106 "/>
    <s v="Essential"/>
    <m/>
    <m/>
    <m/>
    <m/>
    <m/>
    <m/>
    <m/>
    <m/>
    <m/>
    <m/>
    <m/>
    <m/>
    <m/>
    <m/>
    <m/>
    <m/>
    <m/>
    <m/>
    <m/>
    <m/>
    <m/>
    <m/>
    <m/>
    <m/>
    <m/>
    <m/>
    <m/>
    <m/>
    <m/>
    <m/>
    <m/>
    <n v="0"/>
    <m/>
    <s v=""/>
    <s v=""/>
    <s v=""/>
    <s v=""/>
    <s v=""/>
    <s v=""/>
    <s v=""/>
    <s v=""/>
    <s v=""/>
    <s v=""/>
    <s v=""/>
    <s v=""/>
    <s v=""/>
    <s v=""/>
    <s v=""/>
    <s v=""/>
    <s v=""/>
    <s v=""/>
    <s v=""/>
    <s v=""/>
    <s v=""/>
    <s v=""/>
    <s v=""/>
    <s v=""/>
    <s v=""/>
    <s v=""/>
    <s v=""/>
    <s v=""/>
    <s v=""/>
    <s v=""/>
    <s v=""/>
    <m/>
    <m/>
    <m/>
  </r>
  <r>
    <n v="820"/>
    <x v="1"/>
    <s v="Transport"/>
    <s v="Active Travel"/>
    <s v="Aycliffe Drive zebra crossing"/>
    <s v="(SG18-3) Implement zebra crossing into/ out of Margaret Lloyd Playground (in location of existing splitter island)"/>
    <x v="1"/>
    <x v="1"/>
    <x v="2"/>
    <x v="2"/>
    <x v="37"/>
    <s v="N/A"/>
    <s v="N/A"/>
    <n v="107338.29106"/>
    <n v="107338.29106"/>
    <s v="S278 / S106 "/>
    <s v="Essential"/>
    <m/>
    <m/>
    <m/>
    <m/>
    <m/>
    <m/>
    <m/>
    <m/>
    <m/>
    <m/>
    <m/>
    <m/>
    <m/>
    <m/>
    <m/>
    <m/>
    <m/>
    <m/>
    <m/>
    <m/>
    <m/>
    <m/>
    <m/>
    <m/>
    <m/>
    <m/>
    <m/>
    <m/>
    <m/>
    <m/>
    <m/>
    <n v="0"/>
    <m/>
    <s v=""/>
    <s v=""/>
    <s v=""/>
    <s v=""/>
    <s v=""/>
    <s v=""/>
    <s v=""/>
    <s v=""/>
    <s v=""/>
    <s v=""/>
    <s v=""/>
    <s v=""/>
    <s v=""/>
    <s v=""/>
    <s v=""/>
    <s v=""/>
    <s v=""/>
    <s v=""/>
    <s v=""/>
    <s v=""/>
    <s v=""/>
    <s v=""/>
    <s v=""/>
    <s v=""/>
    <s v=""/>
    <s v=""/>
    <s v=""/>
    <s v=""/>
    <s v=""/>
    <s v=""/>
    <s v=""/>
    <m/>
    <m/>
    <m/>
  </r>
  <r>
    <n v="821"/>
    <x v="1"/>
    <s v="Transport"/>
    <s v="Active Travel"/>
    <s v="Washington Avenue four additional zebra crossings"/>
    <s v="(SG18-4) Install four zebra crossings on raised speed tables on Washington Avenue. Retain existing subway or consider fencing off."/>
    <x v="1"/>
    <x v="1"/>
    <x v="2"/>
    <x v="2"/>
    <x v="37"/>
    <s v="N/A"/>
    <s v="N/A"/>
    <n v="606409.375"/>
    <n v="606409.375"/>
    <s v="S278 / S106 "/>
    <s v="Essential"/>
    <m/>
    <m/>
    <m/>
    <m/>
    <m/>
    <m/>
    <m/>
    <m/>
    <m/>
    <m/>
    <m/>
    <m/>
    <m/>
    <m/>
    <m/>
    <m/>
    <m/>
    <m/>
    <m/>
    <m/>
    <m/>
    <m/>
    <m/>
    <m/>
    <m/>
    <m/>
    <m/>
    <m/>
    <m/>
    <m/>
    <m/>
    <n v="0"/>
    <m/>
    <s v=""/>
    <s v=""/>
    <s v=""/>
    <s v=""/>
    <s v=""/>
    <s v=""/>
    <s v=""/>
    <s v=""/>
    <s v=""/>
    <s v=""/>
    <s v=""/>
    <s v=""/>
    <s v=""/>
    <s v=""/>
    <s v=""/>
    <s v=""/>
    <s v=""/>
    <s v=""/>
    <s v=""/>
    <s v=""/>
    <s v=""/>
    <s v=""/>
    <s v=""/>
    <s v=""/>
    <s v=""/>
    <s v=""/>
    <s v=""/>
    <s v=""/>
    <s v=""/>
    <s v=""/>
    <s v=""/>
    <m/>
    <m/>
    <m/>
  </r>
  <r>
    <n v="822"/>
    <x v="1"/>
    <s v="Transport"/>
    <s v="Active Travel"/>
    <s v="Aycliffe Drive cycle lane upgrade and splitter island removal"/>
    <s v="(SG18-5) Upgrade advisory cycle lane to segregated cycle lane to improve safety. Remove splitter island features along the current route and widen marked lanes where feasible."/>
    <x v="1"/>
    <x v="1"/>
    <x v="2"/>
    <x v="2"/>
    <x v="37"/>
    <s v="N/A"/>
    <s v="N/A"/>
    <n v="34476.120250000007"/>
    <n v="34476.120250000007"/>
    <s v="S278 / S106 "/>
    <s v="Essential"/>
    <m/>
    <m/>
    <m/>
    <m/>
    <m/>
    <m/>
    <m/>
    <m/>
    <m/>
    <m/>
    <m/>
    <m/>
    <m/>
    <m/>
    <m/>
    <m/>
    <m/>
    <m/>
    <m/>
    <m/>
    <m/>
    <m/>
    <m/>
    <m/>
    <m/>
    <m/>
    <m/>
    <m/>
    <m/>
    <m/>
    <m/>
    <n v="0"/>
    <m/>
    <s v=""/>
    <s v=""/>
    <s v=""/>
    <s v=""/>
    <s v=""/>
    <s v=""/>
    <s v=""/>
    <s v=""/>
    <s v=""/>
    <s v=""/>
    <s v=""/>
    <s v=""/>
    <s v=""/>
    <s v=""/>
    <s v=""/>
    <s v=""/>
    <s v=""/>
    <s v=""/>
    <s v=""/>
    <s v=""/>
    <s v=""/>
    <s v=""/>
    <s v=""/>
    <s v=""/>
    <s v=""/>
    <s v=""/>
    <s v=""/>
    <s v=""/>
    <s v=""/>
    <s v=""/>
    <s v=""/>
    <m/>
    <m/>
    <m/>
  </r>
  <r>
    <n v="823"/>
    <x v="1"/>
    <s v="Transport"/>
    <s v="Active Travel"/>
    <s v="Cambrian Way cycle route"/>
    <s v="(SG19-1) Segregated cycle route or shared use path along Cambrian Way between Link Road and Malvern Way. Widen the footways leading up to the western side of the Link Road roundabout to facilitate shared use, and widen the uncontrolled crossing points across Link Road. Enlarge the size of the roundabout western arm splitter island by reducing the Link Road approach to a single lane (reducing crossing distance)"/>
    <x v="1"/>
    <x v="54"/>
    <x v="2"/>
    <x v="2"/>
    <x v="37"/>
    <s v="N/A"/>
    <s v="N/A"/>
    <n v="1167595"/>
    <n v="1167595"/>
    <s v="S278 / S106 / CIL / External Funding"/>
    <s v="Essential"/>
    <m/>
    <m/>
    <m/>
    <m/>
    <m/>
    <m/>
    <m/>
    <m/>
    <m/>
    <m/>
    <m/>
    <m/>
    <m/>
    <m/>
    <m/>
    <m/>
    <m/>
    <m/>
    <m/>
    <m/>
    <m/>
    <m/>
    <m/>
    <m/>
    <m/>
    <m/>
    <m/>
    <m/>
    <m/>
    <m/>
    <m/>
    <n v="0"/>
    <m/>
    <s v=""/>
    <s v=""/>
    <s v=""/>
    <s v=""/>
    <s v=""/>
    <s v=""/>
    <s v=""/>
    <s v=""/>
    <s v=""/>
    <s v=""/>
    <s v=""/>
    <s v=""/>
    <s v=""/>
    <s v=""/>
    <s v=""/>
    <s v=""/>
    <s v=""/>
    <s v=""/>
    <s v=""/>
    <s v=""/>
    <s v=""/>
    <s v=""/>
    <s v=""/>
    <s v=""/>
    <s v=""/>
    <s v=""/>
    <s v=""/>
    <s v=""/>
    <s v=""/>
    <s v=""/>
    <s v=""/>
    <m/>
    <m/>
    <m/>
  </r>
  <r>
    <n v="824"/>
    <x v="1"/>
    <s v="Transport"/>
    <s v="Active Travel"/>
    <s v="Malvern Way residential cycle street (link to Nickey Line)"/>
    <s v="(SG19-2) Designate Malvern Way and southern section of Chilterns as a Residential Cycle Street with on-street advisory lanes "/>
    <x v="1"/>
    <x v="54"/>
    <x v="2"/>
    <x v="2"/>
    <x v="37"/>
    <s v="N/A"/>
    <s v="N/A"/>
    <n v="402902.5"/>
    <n v="402902.5"/>
    <s v="S278 / S106 / CIL / External Funding"/>
    <s v="Essential"/>
    <m/>
    <m/>
    <m/>
    <m/>
    <m/>
    <m/>
    <m/>
    <m/>
    <m/>
    <m/>
    <m/>
    <m/>
    <m/>
    <m/>
    <m/>
    <m/>
    <m/>
    <m/>
    <m/>
    <m/>
    <m/>
    <m/>
    <m/>
    <m/>
    <m/>
    <m/>
    <m/>
    <m/>
    <m/>
    <m/>
    <m/>
    <n v="0"/>
    <m/>
    <s v=""/>
    <s v=""/>
    <s v=""/>
    <s v=""/>
    <s v=""/>
    <s v=""/>
    <s v=""/>
    <s v=""/>
    <s v=""/>
    <s v=""/>
    <s v=""/>
    <s v=""/>
    <s v=""/>
    <s v=""/>
    <s v=""/>
    <s v=""/>
    <s v=""/>
    <s v=""/>
    <s v=""/>
    <s v=""/>
    <s v=""/>
    <s v=""/>
    <s v=""/>
    <s v=""/>
    <s v=""/>
    <s v=""/>
    <s v=""/>
    <s v=""/>
    <s v=""/>
    <s v=""/>
    <s v=""/>
    <m/>
    <m/>
    <m/>
  </r>
  <r>
    <n v="825"/>
    <x v="1"/>
    <s v="Transport"/>
    <s v="Active Travel"/>
    <s v="Fletcher Way bridge and Nickey Line access"/>
    <s v="(SG19-3) Improved ramp access to Nickey Line at Fletcher Way - resurfacing and trim back vegetation. Widen the footway on the northern side of Fletcher Way (removing hatched area in the centre, to accommodate a widening footway/cycleway. Raise height of bridge parapet so that it is suitable for cyclists"/>
    <x v="1"/>
    <x v="54"/>
    <x v="2"/>
    <x v="2"/>
    <x v="37"/>
    <s v="N/A"/>
    <s v="N/A"/>
    <n v="25057.575400000002"/>
    <n v="25057.575400000002"/>
    <s v="S278 / S106 / CIL / External Funding"/>
    <s v="Essential"/>
    <m/>
    <m/>
    <m/>
    <m/>
    <m/>
    <m/>
    <m/>
    <m/>
    <m/>
    <m/>
    <m/>
    <m/>
    <m/>
    <m/>
    <m/>
    <m/>
    <m/>
    <m/>
    <m/>
    <m/>
    <m/>
    <m/>
    <m/>
    <m/>
    <m/>
    <m/>
    <m/>
    <m/>
    <m/>
    <m/>
    <m/>
    <n v="0"/>
    <m/>
    <s v=""/>
    <s v=""/>
    <s v=""/>
    <s v=""/>
    <s v=""/>
    <s v=""/>
    <s v=""/>
    <s v=""/>
    <s v=""/>
    <s v=""/>
    <s v=""/>
    <s v=""/>
    <s v=""/>
    <s v=""/>
    <s v=""/>
    <s v=""/>
    <s v=""/>
    <s v=""/>
    <s v=""/>
    <s v=""/>
    <s v=""/>
    <s v=""/>
    <s v=""/>
    <s v=""/>
    <s v=""/>
    <s v=""/>
    <s v=""/>
    <s v=""/>
    <s v=""/>
    <s v=""/>
    <s v=""/>
    <m/>
    <m/>
    <m/>
  </r>
  <r>
    <n v="826"/>
    <x v="1"/>
    <s v="Transport"/>
    <s v="Active Travel"/>
    <s v="Cambrian Way to Nickey Line Wayfinding Signage"/>
    <s v="(SG19-4) Add wayfinding signage to guide cyclists and pedestrians between Cambrian Way and the Nickey Line"/>
    <x v="1"/>
    <x v="54"/>
    <x v="2"/>
    <x v="2"/>
    <x v="37"/>
    <s v="N/A"/>
    <s v="N/A"/>
    <n v="9044.75"/>
    <n v="9044.75"/>
    <s v="S278 / S106 / CIL / External Funding"/>
    <s v="Essential"/>
    <m/>
    <m/>
    <m/>
    <m/>
    <m/>
    <m/>
    <m/>
    <m/>
    <m/>
    <m/>
    <m/>
    <m/>
    <m/>
    <m/>
    <m/>
    <m/>
    <m/>
    <m/>
    <m/>
    <m/>
    <m/>
    <m/>
    <m/>
    <m/>
    <m/>
    <m/>
    <m/>
    <m/>
    <m/>
    <m/>
    <m/>
    <n v="0"/>
    <m/>
    <s v=""/>
    <s v=""/>
    <s v=""/>
    <s v=""/>
    <s v=""/>
    <s v=""/>
    <s v=""/>
    <s v=""/>
    <s v=""/>
    <s v=""/>
    <s v=""/>
    <s v=""/>
    <s v=""/>
    <s v=""/>
    <s v=""/>
    <s v=""/>
    <s v=""/>
    <s v=""/>
    <s v=""/>
    <s v=""/>
    <s v=""/>
    <s v=""/>
    <s v=""/>
    <s v=""/>
    <s v=""/>
    <s v=""/>
    <s v=""/>
    <s v=""/>
    <s v=""/>
    <s v=""/>
    <s v=""/>
    <m/>
    <m/>
    <m/>
  </r>
  <r>
    <n v="827"/>
    <x v="1"/>
    <s v="Transport"/>
    <s v="Active Travel"/>
    <s v="Allandale-George Street-Figtree Hill side arm pedestrian crossing improvements"/>
    <s v="(SG20-1) Implement dropped kerbs and tactile paving along entire segment - Allandale junctions with Slippers Hill; Garland Close, George Street, St Mary's Road; Grover Close, Chapel Street, Honey Pot Close, Randalls Ride; Taverners. - George Street junctions with Heathrer Way and Figtree Hill. - Figtree junction with B487 Queensway"/>
    <x v="1"/>
    <x v="54"/>
    <x v="2"/>
    <x v="2"/>
    <x v="37"/>
    <s v="N/A"/>
    <s v="N/A"/>
    <n v="15889.459121250002"/>
    <n v="15889.459121250002"/>
    <s v="S278 / S106 / CIL / External Funding"/>
    <s v="Essential"/>
    <m/>
    <m/>
    <m/>
    <m/>
    <m/>
    <m/>
    <m/>
    <m/>
    <m/>
    <m/>
    <m/>
    <m/>
    <m/>
    <m/>
    <m/>
    <m/>
    <m/>
    <m/>
    <m/>
    <m/>
    <m/>
    <m/>
    <m/>
    <m/>
    <m/>
    <m/>
    <m/>
    <m/>
    <m/>
    <m/>
    <m/>
    <n v="0"/>
    <m/>
    <s v=""/>
    <s v=""/>
    <s v=""/>
    <s v=""/>
    <s v=""/>
    <s v=""/>
    <s v=""/>
    <s v=""/>
    <s v=""/>
    <s v=""/>
    <s v=""/>
    <s v=""/>
    <s v=""/>
    <s v=""/>
    <s v=""/>
    <s v=""/>
    <s v=""/>
    <s v=""/>
    <s v=""/>
    <s v=""/>
    <s v=""/>
    <s v=""/>
    <s v=""/>
    <s v=""/>
    <s v=""/>
    <s v=""/>
    <s v=""/>
    <s v=""/>
    <s v=""/>
    <s v=""/>
    <s v=""/>
    <m/>
    <m/>
    <m/>
  </r>
  <r>
    <n v="828"/>
    <x v="1"/>
    <s v="Transport"/>
    <s v="Active Travel"/>
    <s v="Allandale new uncontrolled crossing south of Smithfield"/>
    <s v="(SG20-2) Implement uncontrolled crossing with dropped kerbs and tactile paving approximately 20m south of the Allandale-Smithfield mini roundabout"/>
    <x v="1"/>
    <x v="54"/>
    <x v="2"/>
    <x v="2"/>
    <x v="37"/>
    <s v="N/A"/>
    <s v="N/A"/>
    <n v="5132.6160600000003"/>
    <n v="5132.6160600000003"/>
    <s v="S278 / S106 / CIL / External Funding"/>
    <s v="Essential"/>
    <m/>
    <m/>
    <m/>
    <m/>
    <m/>
    <m/>
    <m/>
    <m/>
    <m/>
    <m/>
    <m/>
    <m/>
    <m/>
    <m/>
    <m/>
    <m/>
    <m/>
    <m/>
    <m/>
    <m/>
    <m/>
    <m/>
    <m/>
    <m/>
    <m/>
    <m/>
    <m/>
    <m/>
    <m/>
    <m/>
    <m/>
    <n v="0"/>
    <m/>
    <s v=""/>
    <s v=""/>
    <s v=""/>
    <s v=""/>
    <s v=""/>
    <s v=""/>
    <s v=""/>
    <s v=""/>
    <s v=""/>
    <s v=""/>
    <s v=""/>
    <s v=""/>
    <s v=""/>
    <s v=""/>
    <s v=""/>
    <s v=""/>
    <s v=""/>
    <s v=""/>
    <s v=""/>
    <s v=""/>
    <s v=""/>
    <s v=""/>
    <s v=""/>
    <s v=""/>
    <s v=""/>
    <s v=""/>
    <s v=""/>
    <s v=""/>
    <s v=""/>
    <s v=""/>
    <s v=""/>
    <m/>
    <m/>
    <m/>
  </r>
  <r>
    <n v="829"/>
    <x v="1"/>
    <s v="Transport"/>
    <s v="Active Travel"/>
    <s v="Allandale localised footway widening"/>
    <s v="(SG20-3) Footway widening - removal of grass verge between St Mary's Road and George Street"/>
    <x v="1"/>
    <x v="54"/>
    <x v="2"/>
    <x v="2"/>
    <x v="37"/>
    <s v="N/A"/>
    <s v="N/A"/>
    <n v="7400.25"/>
    <n v="7400.25"/>
    <s v="S278 / S106 / CIL / External Funding"/>
    <s v="Essential"/>
    <m/>
    <m/>
    <m/>
    <m/>
    <m/>
    <m/>
    <m/>
    <m/>
    <m/>
    <m/>
    <m/>
    <m/>
    <m/>
    <m/>
    <m/>
    <m/>
    <m/>
    <m/>
    <m/>
    <m/>
    <m/>
    <m/>
    <m/>
    <m/>
    <m/>
    <m/>
    <m/>
    <m/>
    <m/>
    <m/>
    <m/>
    <n v="0"/>
    <m/>
    <s v=""/>
    <s v=""/>
    <s v=""/>
    <s v=""/>
    <s v=""/>
    <s v=""/>
    <s v=""/>
    <s v=""/>
    <s v=""/>
    <s v=""/>
    <s v=""/>
    <s v=""/>
    <s v=""/>
    <s v=""/>
    <s v=""/>
    <s v=""/>
    <s v=""/>
    <s v=""/>
    <s v=""/>
    <s v=""/>
    <s v=""/>
    <s v=""/>
    <s v=""/>
    <s v=""/>
    <s v=""/>
    <s v=""/>
    <s v=""/>
    <s v=""/>
    <s v=""/>
    <s v=""/>
    <s v=""/>
    <m/>
    <m/>
    <m/>
  </r>
  <r>
    <n v="830"/>
    <x v="1"/>
    <s v="Transport"/>
    <s v="Bus/Coach/MRT"/>
    <s v="Allandale bus stop upgrades"/>
    <s v="(SG20-4) Upgrade bus stops adjacent to George Street junction to incorporate raised kassel kerbs"/>
    <x v="1"/>
    <x v="54"/>
    <x v="2"/>
    <x v="2"/>
    <x v="37"/>
    <s v="N/A"/>
    <s v="N/A"/>
    <n v="3668.6739374999997"/>
    <n v="3668.6739374999997"/>
    <s v="S278 / S106 / CIL / External Funding"/>
    <s v="Essential"/>
    <m/>
    <m/>
    <m/>
    <m/>
    <m/>
    <m/>
    <m/>
    <m/>
    <m/>
    <m/>
    <m/>
    <m/>
    <m/>
    <m/>
    <m/>
    <m/>
    <m/>
    <m/>
    <m/>
    <m/>
    <m/>
    <m/>
    <m/>
    <m/>
    <m/>
    <m/>
    <m/>
    <m/>
    <m/>
    <m/>
    <m/>
    <n v="0"/>
    <m/>
    <s v=""/>
    <s v=""/>
    <s v=""/>
    <s v=""/>
    <s v=""/>
    <s v=""/>
    <s v=""/>
    <s v=""/>
    <s v=""/>
    <s v=""/>
    <s v=""/>
    <s v=""/>
    <s v=""/>
    <s v=""/>
    <s v=""/>
    <s v=""/>
    <s v=""/>
    <s v=""/>
    <s v=""/>
    <s v=""/>
    <s v=""/>
    <s v=""/>
    <s v=""/>
    <s v=""/>
    <s v=""/>
    <s v=""/>
    <s v=""/>
    <s v=""/>
    <s v=""/>
    <s v=""/>
    <s v=""/>
    <m/>
    <m/>
    <m/>
  </r>
  <r>
    <n v="831"/>
    <x v="1"/>
    <s v="Transport"/>
    <s v="Active Travel"/>
    <s v="Allandale Traffic Calming"/>
    <s v="(SG20-5) Implement traffic calming (speed tables or cushions) on four sections of Allandale - a) between Smithfield and Taverners; b) between Taverners and Randalls Ride; c) between Chapel Close and Grover Close; and d) between Garland Close and Slippers Hill "/>
    <x v="1"/>
    <x v="54"/>
    <x v="2"/>
    <x v="2"/>
    <x v="37"/>
    <s v="N/A"/>
    <s v="N/A"/>
    <n v="283676.25"/>
    <n v="283676.25"/>
    <s v="S278 / S106 / CIL / External Funding"/>
    <s v="Essential"/>
    <m/>
    <m/>
    <m/>
    <m/>
    <m/>
    <m/>
    <m/>
    <m/>
    <m/>
    <m/>
    <m/>
    <m/>
    <m/>
    <m/>
    <m/>
    <m/>
    <m/>
    <m/>
    <m/>
    <m/>
    <m/>
    <m/>
    <m/>
    <m/>
    <m/>
    <m/>
    <m/>
    <m/>
    <m/>
    <m/>
    <m/>
    <n v="0"/>
    <m/>
    <s v=""/>
    <s v=""/>
    <s v=""/>
    <s v=""/>
    <s v=""/>
    <s v=""/>
    <s v=""/>
    <s v=""/>
    <s v=""/>
    <s v=""/>
    <s v=""/>
    <s v=""/>
    <s v=""/>
    <s v=""/>
    <s v=""/>
    <s v=""/>
    <s v=""/>
    <s v=""/>
    <s v=""/>
    <s v=""/>
    <s v=""/>
    <s v=""/>
    <s v=""/>
    <s v=""/>
    <s v=""/>
    <s v=""/>
    <s v=""/>
    <s v=""/>
    <s v=""/>
    <s v=""/>
    <s v=""/>
    <m/>
    <m/>
    <m/>
  </r>
  <r>
    <n v="832"/>
    <x v="1"/>
    <s v="Transport"/>
    <s v="Active Travel"/>
    <s v="Allandale Wayfinding Signage"/>
    <s v="(SG20-6) Improve wayfinding along segment"/>
    <x v="1"/>
    <x v="54"/>
    <x v="2"/>
    <x v="2"/>
    <x v="37"/>
    <s v="N/A"/>
    <s v="N/A"/>
    <n v="13567.125"/>
    <n v="13567.125"/>
    <s v="S278 / S106 / CIL / External Funding"/>
    <s v="Essential"/>
    <m/>
    <m/>
    <m/>
    <m/>
    <m/>
    <m/>
    <m/>
    <m/>
    <m/>
    <m/>
    <m/>
    <m/>
    <m/>
    <m/>
    <m/>
    <m/>
    <m/>
    <m/>
    <m/>
    <m/>
    <m/>
    <m/>
    <m/>
    <m/>
    <m/>
    <m/>
    <m/>
    <m/>
    <m/>
    <m/>
    <m/>
    <n v="0"/>
    <m/>
    <s v=""/>
    <s v=""/>
    <s v=""/>
    <s v=""/>
    <s v=""/>
    <s v=""/>
    <s v=""/>
    <s v=""/>
    <s v=""/>
    <s v=""/>
    <s v=""/>
    <s v=""/>
    <s v=""/>
    <s v=""/>
    <s v=""/>
    <s v=""/>
    <s v=""/>
    <s v=""/>
    <s v=""/>
    <s v=""/>
    <s v=""/>
    <s v=""/>
    <s v=""/>
    <s v=""/>
    <s v=""/>
    <s v=""/>
    <s v=""/>
    <s v=""/>
    <s v=""/>
    <s v=""/>
    <s v=""/>
    <m/>
    <m/>
    <m/>
  </r>
  <r>
    <n v="833"/>
    <x v="1"/>
    <s v="Transport"/>
    <s v="Active Travel"/>
    <s v="Queensway-Marlowes Roundabout speed reduction measures"/>
    <s v="(SG21-1) Reduce the kerb radii all approaches, notably on the Marlowes and Queensway approach arms to provide a single lane. This will increase deflection and reduce speeds through the junction. Provide give-way markings on the cycleway approach to increase the prominence of the cycleway approach"/>
    <x v="1"/>
    <x v="70"/>
    <x v="2"/>
    <x v="2"/>
    <x v="37"/>
    <s v="N/A"/>
    <s v="N/A"/>
    <n v="45633.542954999997"/>
    <n v="45633.542954999997"/>
    <s v="S278 / S106 "/>
    <s v="Essential"/>
    <m/>
    <m/>
    <m/>
    <m/>
    <m/>
    <m/>
    <m/>
    <m/>
    <m/>
    <m/>
    <m/>
    <m/>
    <m/>
    <m/>
    <m/>
    <m/>
    <m/>
    <m/>
    <m/>
    <m/>
    <m/>
    <m/>
    <m/>
    <m/>
    <m/>
    <m/>
    <m/>
    <m/>
    <m/>
    <m/>
    <m/>
    <n v="0"/>
    <m/>
    <s v=""/>
    <s v=""/>
    <s v=""/>
    <s v=""/>
    <s v=""/>
    <s v=""/>
    <s v=""/>
    <s v=""/>
    <s v=""/>
    <s v=""/>
    <s v=""/>
    <s v=""/>
    <s v=""/>
    <s v=""/>
    <s v=""/>
    <s v=""/>
    <s v=""/>
    <s v=""/>
    <s v=""/>
    <s v=""/>
    <s v=""/>
    <s v=""/>
    <s v=""/>
    <s v=""/>
    <s v=""/>
    <s v=""/>
    <s v=""/>
    <s v=""/>
    <s v=""/>
    <s v=""/>
    <s v=""/>
    <m/>
    <m/>
    <m/>
  </r>
  <r>
    <n v="834"/>
    <x v="1"/>
    <s v="Transport"/>
    <s v="Active Travel"/>
    <s v="Gadebridge Park cycle stands"/>
    <s v="(SG22-1) Implement cycle stands adjacent to the car park"/>
    <x v="1"/>
    <x v="54"/>
    <x v="2"/>
    <x v="2"/>
    <x v="37"/>
    <s v="N/A"/>
    <s v="N/A"/>
    <n v="1036.0349999999999"/>
    <n v="1036.0349999999999"/>
    <s v="S278 / S106 / CIL / External Funding"/>
    <s v="Essential"/>
    <m/>
    <m/>
    <m/>
    <m/>
    <m/>
    <m/>
    <m/>
    <m/>
    <m/>
    <m/>
    <m/>
    <m/>
    <m/>
    <m/>
    <m/>
    <m/>
    <m/>
    <m/>
    <m/>
    <m/>
    <m/>
    <m/>
    <m/>
    <m/>
    <m/>
    <m/>
    <m/>
    <m/>
    <m/>
    <m/>
    <m/>
    <n v="0"/>
    <m/>
    <s v=""/>
    <s v=""/>
    <s v=""/>
    <s v=""/>
    <s v=""/>
    <s v=""/>
    <s v=""/>
    <s v=""/>
    <s v=""/>
    <s v=""/>
    <s v=""/>
    <s v=""/>
    <s v=""/>
    <s v=""/>
    <s v=""/>
    <s v=""/>
    <s v=""/>
    <s v=""/>
    <s v=""/>
    <s v=""/>
    <s v=""/>
    <s v=""/>
    <s v=""/>
    <s v=""/>
    <s v=""/>
    <s v=""/>
    <s v=""/>
    <s v=""/>
    <s v=""/>
    <s v=""/>
    <s v=""/>
    <m/>
    <m/>
    <m/>
  </r>
  <r>
    <n v="835"/>
    <x v="1"/>
    <s v="Transport"/>
    <s v="Active Travel"/>
    <s v="Piccotts End Road uncontrolled crossing"/>
    <s v="(SG23-1) Provide an uncontrolled crossing at the northern end of the western footway, where it terminates (south of Gadebridge Lane)"/>
    <x v="1"/>
    <x v="71"/>
    <x v="2"/>
    <x v="2"/>
    <x v="37"/>
    <s v="N/A"/>
    <s v="N/A"/>
    <n v="42791.666060000003"/>
    <n v="42791.666060000003"/>
    <s v="S278 / S106 "/>
    <s v="Essential"/>
    <m/>
    <m/>
    <m/>
    <m/>
    <m/>
    <m/>
    <m/>
    <m/>
    <m/>
    <m/>
    <m/>
    <m/>
    <m/>
    <m/>
    <m/>
    <m/>
    <m/>
    <m/>
    <m/>
    <m/>
    <m/>
    <m/>
    <m/>
    <m/>
    <m/>
    <m/>
    <m/>
    <m/>
    <m/>
    <m/>
    <m/>
    <n v="0"/>
    <m/>
    <s v=""/>
    <s v=""/>
    <s v=""/>
    <s v=""/>
    <s v=""/>
    <s v=""/>
    <s v=""/>
    <s v=""/>
    <s v=""/>
    <s v=""/>
    <s v=""/>
    <s v=""/>
    <s v=""/>
    <s v=""/>
    <s v=""/>
    <s v=""/>
    <s v=""/>
    <s v=""/>
    <s v=""/>
    <s v=""/>
    <s v=""/>
    <s v=""/>
    <s v=""/>
    <s v=""/>
    <s v=""/>
    <s v=""/>
    <s v=""/>
    <s v=""/>
    <s v=""/>
    <s v=""/>
    <s v=""/>
    <m/>
    <m/>
    <m/>
  </r>
  <r>
    <n v="836"/>
    <x v="1"/>
    <s v="Transport"/>
    <s v="Active Travel"/>
    <s v="Piccotts End Road Gadebridge Park active mode access improvement"/>
    <s v="(SG23-2) Provide a kerbed build out adjacent to the gated entrance into Gadebridge Park (incorporating vehicle crossover for maintenance access). "/>
    <x v="1"/>
    <x v="71"/>
    <x v="2"/>
    <x v="2"/>
    <x v="37"/>
    <s v="N/A"/>
    <s v="N/A"/>
    <n v="1850.0625"/>
    <n v="1850.0625"/>
    <s v="S278 / S106 "/>
    <s v="Essential"/>
    <m/>
    <m/>
    <m/>
    <m/>
    <m/>
    <m/>
    <m/>
    <m/>
    <m/>
    <m/>
    <m/>
    <m/>
    <m/>
    <m/>
    <m/>
    <m/>
    <m/>
    <m/>
    <m/>
    <m/>
    <m/>
    <m/>
    <m/>
    <m/>
    <m/>
    <m/>
    <m/>
    <m/>
    <m/>
    <m/>
    <m/>
    <n v="0"/>
    <m/>
    <s v=""/>
    <s v=""/>
    <s v=""/>
    <s v=""/>
    <s v=""/>
    <s v=""/>
    <s v=""/>
    <s v=""/>
    <s v=""/>
    <s v=""/>
    <s v=""/>
    <s v=""/>
    <s v=""/>
    <s v=""/>
    <s v=""/>
    <s v=""/>
    <s v=""/>
    <s v=""/>
    <s v=""/>
    <s v=""/>
    <s v=""/>
    <s v=""/>
    <s v=""/>
    <s v=""/>
    <s v=""/>
    <s v=""/>
    <s v=""/>
    <s v=""/>
    <s v=""/>
    <s v=""/>
    <s v=""/>
    <m/>
    <m/>
    <m/>
  </r>
  <r>
    <n v="837"/>
    <x v="1"/>
    <s v="Transport"/>
    <s v="Active Travel"/>
    <s v="Piccotts End Road Wayfinding Signage"/>
    <s v="(SG23-3) Implement wayfinding signage at access to Gadebridge Park"/>
    <x v="1"/>
    <x v="71"/>
    <x v="2"/>
    <x v="2"/>
    <x v="37"/>
    <s v="N/A"/>
    <s v="N/A"/>
    <n v="2261.1875"/>
    <n v="2261.1875"/>
    <s v="S278 / S106 "/>
    <s v="Essential"/>
    <m/>
    <m/>
    <m/>
    <m/>
    <m/>
    <m/>
    <m/>
    <m/>
    <m/>
    <m/>
    <m/>
    <m/>
    <m/>
    <m/>
    <m/>
    <m/>
    <m/>
    <m/>
    <m/>
    <m/>
    <m/>
    <m/>
    <m/>
    <m/>
    <m/>
    <m/>
    <m/>
    <m/>
    <m/>
    <m/>
    <m/>
    <n v="0"/>
    <m/>
    <s v=""/>
    <s v=""/>
    <s v=""/>
    <s v=""/>
    <s v=""/>
    <s v=""/>
    <s v=""/>
    <s v=""/>
    <s v=""/>
    <s v=""/>
    <s v=""/>
    <s v=""/>
    <s v=""/>
    <s v=""/>
    <s v=""/>
    <s v=""/>
    <s v=""/>
    <s v=""/>
    <s v=""/>
    <s v=""/>
    <s v=""/>
    <s v=""/>
    <s v=""/>
    <s v=""/>
    <s v=""/>
    <s v=""/>
    <s v=""/>
    <s v=""/>
    <s v=""/>
    <s v=""/>
    <s v=""/>
    <m/>
    <m/>
    <m/>
  </r>
  <r>
    <n v="838"/>
    <x v="1"/>
    <s v="Transport"/>
    <s v="Highways"/>
    <s v="Piccotts End Road Traffic Calming"/>
    <s v="(SG24-1) Implement additional traffic calming features to manage risk of excessive speeds on the southern section. Two raised speed tables - a) approximately 30m north of the A4147 roundabout and b) 10m north of the Piccotts End Lane junction (also incorporating kerbed build out on eastern side to prevent kerbside parking on the northern side of the junction. "/>
    <x v="1"/>
    <x v="71"/>
    <x v="2"/>
    <x v="2"/>
    <x v="37"/>
    <s v="N/A"/>
    <s v="N/A"/>
    <n v="84691.75"/>
    <n v="84691.75"/>
    <s v="S278 / S106 "/>
    <s v="Essential"/>
    <m/>
    <m/>
    <m/>
    <m/>
    <m/>
    <m/>
    <m/>
    <m/>
    <m/>
    <m/>
    <m/>
    <m/>
    <m/>
    <m/>
    <m/>
    <m/>
    <m/>
    <m/>
    <m/>
    <m/>
    <m/>
    <m/>
    <m/>
    <m/>
    <m/>
    <m/>
    <m/>
    <m/>
    <m/>
    <m/>
    <m/>
    <n v="0"/>
    <m/>
    <s v=""/>
    <s v=""/>
    <s v=""/>
    <s v=""/>
    <s v=""/>
    <s v=""/>
    <s v=""/>
    <s v=""/>
    <s v=""/>
    <s v=""/>
    <s v=""/>
    <s v=""/>
    <s v=""/>
    <s v=""/>
    <s v=""/>
    <s v=""/>
    <s v=""/>
    <s v=""/>
    <s v=""/>
    <s v=""/>
    <s v=""/>
    <s v=""/>
    <s v=""/>
    <s v=""/>
    <s v=""/>
    <s v=""/>
    <s v=""/>
    <s v=""/>
    <s v=""/>
    <s v=""/>
    <s v=""/>
    <m/>
    <m/>
    <m/>
  </r>
  <r>
    <n v="839"/>
    <x v="1"/>
    <s v="Transport"/>
    <s v="Highways"/>
    <s v="Marlowes 20mph zone"/>
    <s v="(SG25-1) Consider 20mph on entire length of the segment"/>
    <x v="1"/>
    <x v="72"/>
    <x v="2"/>
    <x v="2"/>
    <x v="37"/>
    <s v="N/A"/>
    <s v="N/A"/>
    <n v="86336.25"/>
    <n v="86336.25"/>
    <s v="S278 / S106 "/>
    <s v="Essential"/>
    <m/>
    <m/>
    <m/>
    <m/>
    <m/>
    <m/>
    <m/>
    <m/>
    <m/>
    <m/>
    <m/>
    <m/>
    <m/>
    <m/>
    <m/>
    <m/>
    <m/>
    <m/>
    <m/>
    <m/>
    <m/>
    <m/>
    <m/>
    <m/>
    <m/>
    <m/>
    <m/>
    <m/>
    <m/>
    <m/>
    <m/>
    <n v="0"/>
    <m/>
    <s v=""/>
    <s v=""/>
    <s v=""/>
    <s v=""/>
    <s v=""/>
    <s v=""/>
    <s v=""/>
    <s v=""/>
    <s v=""/>
    <s v=""/>
    <s v=""/>
    <s v=""/>
    <s v=""/>
    <s v=""/>
    <s v=""/>
    <s v=""/>
    <s v=""/>
    <s v=""/>
    <s v=""/>
    <s v=""/>
    <s v=""/>
    <s v=""/>
    <s v=""/>
    <s v=""/>
    <s v=""/>
    <s v=""/>
    <s v=""/>
    <s v=""/>
    <s v=""/>
    <s v=""/>
    <s v=""/>
    <m/>
    <m/>
    <m/>
  </r>
  <r>
    <n v="840"/>
    <x v="1"/>
    <s v="Transport"/>
    <s v="Highways"/>
    <s v="Hillfield Road-Marlowes junctions reconfiguration"/>
    <s v="(SG25-2) Convert King Harry Street-Hillfield Road junction to a conventional T-junction. Reduce the Hillfield Road approach to Marlowes to a Single lane, widen the footway adjacent to the crossing. "/>
    <x v="1"/>
    <x v="54"/>
    <x v="2"/>
    <x v="2"/>
    <x v="45"/>
    <s v="N/A"/>
    <s v="N/A"/>
    <n v="61103.864249999999"/>
    <n v="61103.864249999999"/>
    <s v="S278 / S106 / CIL / External Funding"/>
    <s v="Essential"/>
    <m/>
    <m/>
    <m/>
    <m/>
    <m/>
    <m/>
    <m/>
    <m/>
    <m/>
    <m/>
    <m/>
    <m/>
    <m/>
    <m/>
    <m/>
    <m/>
    <m/>
    <m/>
    <m/>
    <m/>
    <m/>
    <m/>
    <m/>
    <m/>
    <m/>
    <m/>
    <m/>
    <m/>
    <m/>
    <m/>
    <m/>
    <n v="0"/>
    <m/>
    <s v=""/>
    <s v=""/>
    <s v=""/>
    <s v=""/>
    <s v=""/>
    <s v=""/>
    <s v=""/>
    <s v=""/>
    <s v=""/>
    <s v=""/>
    <s v=""/>
    <s v=""/>
    <s v=""/>
    <s v=""/>
    <s v=""/>
    <s v=""/>
    <s v=""/>
    <s v=""/>
    <s v=""/>
    <s v=""/>
    <s v=""/>
    <s v=""/>
    <s v=""/>
    <s v=""/>
    <s v=""/>
    <s v=""/>
    <s v=""/>
    <s v=""/>
    <s v=""/>
    <s v=""/>
    <s v=""/>
    <m/>
    <m/>
    <m/>
  </r>
  <r>
    <n v="841"/>
    <x v="1"/>
    <s v="Transport"/>
    <s v="Active Travel"/>
    <s v="Marlows carriageway reconfiguration - Hillfield Road-Combe Street"/>
    <s v="(SG25-3) a) Remove the landscaped central reservation on Marlowes between Hillfield Road and Combe Street. b) Reduce the northbound carriageway to a single lane and widen the footway on western side. c) Install an additional controlled crossing adjacent to the Wetherspoon public house, on a raised speed table."/>
    <x v="1"/>
    <x v="54"/>
    <x v="2"/>
    <x v="2"/>
    <x v="45"/>
    <s v="N/A"/>
    <s v="N/A"/>
    <n v="203360.35004999998"/>
    <n v="203360.35004999998"/>
    <s v="S278 / S106 / CIL / External Funding"/>
    <s v="Essential"/>
    <m/>
    <m/>
    <m/>
    <m/>
    <m/>
    <m/>
    <m/>
    <m/>
    <m/>
    <m/>
    <m/>
    <m/>
    <m/>
    <m/>
    <m/>
    <m/>
    <m/>
    <m/>
    <m/>
    <m/>
    <m/>
    <m/>
    <m/>
    <m/>
    <m/>
    <m/>
    <m/>
    <m/>
    <m/>
    <m/>
    <m/>
    <n v="0"/>
    <m/>
    <s v=""/>
    <s v=""/>
    <s v=""/>
    <s v=""/>
    <s v=""/>
    <s v=""/>
    <s v=""/>
    <s v=""/>
    <s v=""/>
    <s v=""/>
    <s v=""/>
    <s v=""/>
    <s v=""/>
    <s v=""/>
    <s v=""/>
    <s v=""/>
    <s v=""/>
    <s v=""/>
    <s v=""/>
    <s v=""/>
    <s v=""/>
    <s v=""/>
    <s v=""/>
    <s v=""/>
    <s v=""/>
    <s v=""/>
    <s v=""/>
    <s v=""/>
    <s v=""/>
    <s v=""/>
    <s v=""/>
    <m/>
    <m/>
    <m/>
  </r>
  <r>
    <n v="842"/>
    <x v="1"/>
    <s v="Transport"/>
    <s v="Active Travel"/>
    <s v="Marlows carriageway reconfiguration - Combe Street-Midland Road"/>
    <s v="(SG25-4) a) Remove landscaped central reservation on Marlowes between Combe Street and Midland Road and widen the footway on eastern side. Reduce the southbound carriageway to a single lane. b) Install an additional controlled crossing adjacent to the library, on a raised speed table.   "/>
    <x v="1"/>
    <x v="54"/>
    <x v="2"/>
    <x v="2"/>
    <x v="45"/>
    <s v="N/A"/>
    <s v="N/A"/>
    <n v="188708.84175000002"/>
    <n v="188708.84175000002"/>
    <s v="S278 / S106 / CIL / External Funding"/>
    <s v="Essential"/>
    <m/>
    <m/>
    <m/>
    <m/>
    <m/>
    <m/>
    <m/>
    <m/>
    <m/>
    <m/>
    <m/>
    <m/>
    <m/>
    <m/>
    <m/>
    <m/>
    <m/>
    <m/>
    <m/>
    <m/>
    <m/>
    <m/>
    <m/>
    <m/>
    <m/>
    <m/>
    <m/>
    <m/>
    <m/>
    <m/>
    <m/>
    <n v="0"/>
    <m/>
    <s v=""/>
    <s v=""/>
    <s v=""/>
    <s v=""/>
    <s v=""/>
    <s v=""/>
    <s v=""/>
    <s v=""/>
    <s v=""/>
    <s v=""/>
    <s v=""/>
    <s v=""/>
    <s v=""/>
    <s v=""/>
    <s v=""/>
    <s v=""/>
    <s v=""/>
    <s v=""/>
    <s v=""/>
    <s v=""/>
    <s v=""/>
    <s v=""/>
    <s v=""/>
    <s v=""/>
    <s v=""/>
    <s v=""/>
    <s v=""/>
    <s v=""/>
    <s v=""/>
    <s v=""/>
    <s v=""/>
    <m/>
    <m/>
    <m/>
  </r>
  <r>
    <n v="843"/>
    <x v="1"/>
    <s v="Transport"/>
    <s v="Active Travel"/>
    <s v="Marlowes cycle stands"/>
    <s v="(SG25-5) Add cycle stands outside shopping parades (note - separate proposal for a Mobility Hub outside the college)"/>
    <x v="1"/>
    <x v="54"/>
    <x v="2"/>
    <x v="2"/>
    <x v="45"/>
    <s v="N/A"/>
    <s v="N/A"/>
    <n v="1554.0525"/>
    <n v="1554.0525"/>
    <s v="S278 / S106 / CIL / External Funding"/>
    <s v="Essential"/>
    <m/>
    <m/>
    <m/>
    <m/>
    <m/>
    <m/>
    <m/>
    <m/>
    <m/>
    <m/>
    <m/>
    <m/>
    <m/>
    <m/>
    <m/>
    <m/>
    <m/>
    <m/>
    <m/>
    <m/>
    <m/>
    <m/>
    <m/>
    <m/>
    <m/>
    <m/>
    <m/>
    <m/>
    <m/>
    <m/>
    <m/>
    <n v="0"/>
    <m/>
    <s v=""/>
    <s v=""/>
    <s v=""/>
    <s v=""/>
    <s v=""/>
    <s v=""/>
    <s v=""/>
    <s v=""/>
    <s v=""/>
    <s v=""/>
    <s v=""/>
    <s v=""/>
    <s v=""/>
    <s v=""/>
    <s v=""/>
    <s v=""/>
    <s v=""/>
    <s v=""/>
    <s v=""/>
    <s v=""/>
    <s v=""/>
    <s v=""/>
    <s v=""/>
    <s v=""/>
    <s v=""/>
    <s v=""/>
    <s v=""/>
    <s v=""/>
    <s v=""/>
    <s v=""/>
    <s v=""/>
    <m/>
    <m/>
    <m/>
  </r>
  <r>
    <n v="844"/>
    <x v="1"/>
    <s v="Transport"/>
    <s v="Active Travel"/>
    <s v="Midland Road pedestrian crossing"/>
    <s v="(SG25-6) Install controlled zebra crossing on a raised speed table on Midlands Road on the eastern side of the Marlowes roundabout "/>
    <x v="1"/>
    <x v="54"/>
    <x v="2"/>
    <x v="2"/>
    <x v="45"/>
    <s v="N/A"/>
    <s v="N/A"/>
    <n v="130293.73499999999"/>
    <n v="130293.73499999999"/>
    <s v="S278 / S106 / CIL / External Funding"/>
    <s v="Essential"/>
    <m/>
    <m/>
    <m/>
    <m/>
    <m/>
    <m/>
    <m/>
    <m/>
    <m/>
    <m/>
    <m/>
    <m/>
    <m/>
    <m/>
    <m/>
    <m/>
    <m/>
    <m/>
    <m/>
    <m/>
    <m/>
    <m/>
    <m/>
    <m/>
    <m/>
    <m/>
    <m/>
    <m/>
    <m/>
    <m/>
    <m/>
    <n v="0"/>
    <m/>
    <s v=""/>
    <s v=""/>
    <s v=""/>
    <s v=""/>
    <s v=""/>
    <s v=""/>
    <s v=""/>
    <s v=""/>
    <s v=""/>
    <s v=""/>
    <s v=""/>
    <s v=""/>
    <s v=""/>
    <s v=""/>
    <s v=""/>
    <s v=""/>
    <s v=""/>
    <s v=""/>
    <s v=""/>
    <s v=""/>
    <s v=""/>
    <s v=""/>
    <s v=""/>
    <s v=""/>
    <s v=""/>
    <s v=""/>
    <s v=""/>
    <s v=""/>
    <s v=""/>
    <s v=""/>
    <s v=""/>
    <m/>
    <m/>
    <m/>
  </r>
  <r>
    <n v="845"/>
    <x v="1"/>
    <s v="Transport"/>
    <s v="Active Travel"/>
    <s v="Two Waters Way Cycle Link"/>
    <s v="(SG26-1) Provide segregated cycle lane along Two Waters Way by removing hatching in the middle of road (removal of right turn filters, single lane in both direction). To be located on the western side between the Plough Roundabout and River Bulbourne and on the eastern side to London Road. The northern section, north of Corner Hall, would need to be provided as a shared use facility off-road as there is insufficient space within the carriageway. In the vicinity of the River Bulbourne provide a Toucan crossing. At the northern end, provide a widened bridge over the River Gade and shared use route across to Station Road. "/>
    <x v="1"/>
    <x v="73"/>
    <x v="2"/>
    <x v="2"/>
    <x v="37"/>
    <s v="N/A"/>
    <s v="N/A"/>
    <n v="890493.87212499988"/>
    <n v="890493.87212499988"/>
    <s v="S278 / S106 "/>
    <s v="Essential"/>
    <m/>
    <m/>
    <m/>
    <m/>
    <m/>
    <m/>
    <m/>
    <m/>
    <m/>
    <m/>
    <m/>
    <m/>
    <m/>
    <m/>
    <m/>
    <m/>
    <m/>
    <m/>
    <m/>
    <m/>
    <m/>
    <m/>
    <m/>
    <m/>
    <m/>
    <m/>
    <m/>
    <m/>
    <m/>
    <m/>
    <m/>
    <n v="0"/>
    <m/>
    <s v=""/>
    <s v=""/>
    <s v=""/>
    <s v=""/>
    <s v=""/>
    <s v=""/>
    <s v=""/>
    <s v=""/>
    <s v=""/>
    <s v=""/>
    <s v=""/>
    <s v=""/>
    <s v=""/>
    <s v=""/>
    <s v=""/>
    <s v=""/>
    <s v=""/>
    <s v=""/>
    <s v=""/>
    <s v=""/>
    <s v=""/>
    <s v=""/>
    <s v=""/>
    <s v=""/>
    <s v=""/>
    <s v=""/>
    <s v=""/>
    <s v=""/>
    <s v=""/>
    <s v=""/>
    <s v=""/>
    <m/>
    <m/>
    <m/>
  </r>
  <r>
    <n v="846"/>
    <x v="1"/>
    <s v="Transport"/>
    <s v="Active Travel"/>
    <s v="A414 Hemel Gateway 30mph signage"/>
    <s v="(SG26-2) More prominent 30mph signage on the A414 approaching the signalised junction with London Road"/>
    <x v="1"/>
    <x v="73"/>
    <x v="2"/>
    <x v="2"/>
    <x v="37"/>
    <s v="N/A"/>
    <s v="N/A"/>
    <n v="12333.75"/>
    <n v="12333.75"/>
    <s v="S278 / S106 "/>
    <s v="Essential"/>
    <m/>
    <m/>
    <m/>
    <m/>
    <m/>
    <m/>
    <m/>
    <m/>
    <m/>
    <m/>
    <m/>
    <m/>
    <m/>
    <m/>
    <m/>
    <m/>
    <m/>
    <m/>
    <m/>
    <m/>
    <m/>
    <m/>
    <m/>
    <m/>
    <m/>
    <m/>
    <m/>
    <m/>
    <m/>
    <m/>
    <m/>
    <n v="0"/>
    <m/>
    <s v=""/>
    <s v=""/>
    <s v=""/>
    <s v=""/>
    <s v=""/>
    <s v=""/>
    <s v=""/>
    <s v=""/>
    <s v=""/>
    <s v=""/>
    <s v=""/>
    <s v=""/>
    <s v=""/>
    <s v=""/>
    <s v=""/>
    <s v=""/>
    <s v=""/>
    <s v=""/>
    <s v=""/>
    <s v=""/>
    <s v=""/>
    <s v=""/>
    <s v=""/>
    <s v=""/>
    <s v=""/>
    <s v=""/>
    <s v=""/>
    <s v=""/>
    <s v=""/>
    <s v=""/>
    <s v=""/>
    <m/>
    <m/>
    <m/>
  </r>
  <r>
    <n v="847"/>
    <x v="1"/>
    <s v="Transport"/>
    <s v="Active Travel"/>
    <s v="Corner Hall cycle parking"/>
    <s v="(SG26-3) Add cycle parking stands on Corner Hall (west of the river)"/>
    <x v="1"/>
    <x v="73"/>
    <x v="2"/>
    <x v="2"/>
    <x v="37"/>
    <s v="N/A"/>
    <s v="N/A"/>
    <n v="518.01749999999993"/>
    <n v="518.01749999999993"/>
    <s v="S278 / S106 "/>
    <s v="Essential"/>
    <m/>
    <m/>
    <m/>
    <m/>
    <m/>
    <m/>
    <m/>
    <m/>
    <m/>
    <m/>
    <m/>
    <m/>
    <m/>
    <m/>
    <m/>
    <m/>
    <m/>
    <m/>
    <m/>
    <m/>
    <m/>
    <m/>
    <m/>
    <m/>
    <m/>
    <m/>
    <m/>
    <m/>
    <m/>
    <m/>
    <m/>
    <n v="0"/>
    <m/>
    <s v=""/>
    <s v=""/>
    <s v=""/>
    <s v=""/>
    <s v=""/>
    <s v=""/>
    <s v=""/>
    <s v=""/>
    <s v=""/>
    <s v=""/>
    <s v=""/>
    <s v=""/>
    <s v=""/>
    <s v=""/>
    <s v=""/>
    <s v=""/>
    <s v=""/>
    <s v=""/>
    <s v=""/>
    <s v=""/>
    <s v=""/>
    <s v=""/>
    <s v=""/>
    <s v=""/>
    <s v=""/>
    <s v=""/>
    <s v=""/>
    <s v=""/>
    <s v=""/>
    <s v=""/>
    <s v=""/>
    <m/>
    <m/>
    <m/>
  </r>
  <r>
    <n v="848"/>
    <x v="1"/>
    <s v="Transport"/>
    <s v="Active Travel"/>
    <s v="Corner Hall pedestrian crossing improvements"/>
    <s v="(SG26-4) Add tactile paving at Corner Hall"/>
    <x v="1"/>
    <x v="73"/>
    <x v="2"/>
    <x v="2"/>
    <x v="37"/>
    <s v="N/A"/>
    <s v="N/A"/>
    <n v="1578.72"/>
    <n v="1578.72"/>
    <s v="S278 / S106 "/>
    <s v="Essential"/>
    <m/>
    <m/>
    <m/>
    <m/>
    <m/>
    <m/>
    <m/>
    <m/>
    <m/>
    <m/>
    <m/>
    <m/>
    <m/>
    <m/>
    <m/>
    <m/>
    <m/>
    <m/>
    <m/>
    <m/>
    <m/>
    <m/>
    <m/>
    <m/>
    <m/>
    <m/>
    <m/>
    <m/>
    <m/>
    <m/>
    <m/>
    <n v="0"/>
    <m/>
    <s v=""/>
    <s v=""/>
    <s v=""/>
    <s v=""/>
    <s v=""/>
    <s v=""/>
    <s v=""/>
    <s v=""/>
    <s v=""/>
    <s v=""/>
    <s v=""/>
    <s v=""/>
    <s v=""/>
    <s v=""/>
    <s v=""/>
    <s v=""/>
    <s v=""/>
    <s v=""/>
    <s v=""/>
    <s v=""/>
    <s v=""/>
    <s v=""/>
    <s v=""/>
    <s v=""/>
    <s v=""/>
    <s v=""/>
    <s v=""/>
    <s v=""/>
    <s v=""/>
    <s v=""/>
    <s v=""/>
    <m/>
    <m/>
    <m/>
  </r>
  <r>
    <n v="849"/>
    <x v="1"/>
    <s v="Transport"/>
    <s v="Active Travel"/>
    <s v="Two Waters Way Wayfinding Signage"/>
    <s v="(SG26-5) Improve signage and wayfinding"/>
    <x v="1"/>
    <x v="73"/>
    <x v="2"/>
    <x v="2"/>
    <x v="37"/>
    <s v="N/A"/>
    <s v="N/A"/>
    <n v="4522.375"/>
    <n v="4522.375"/>
    <s v="S278 / S106 "/>
    <s v="Essential"/>
    <m/>
    <m/>
    <m/>
    <m/>
    <m/>
    <m/>
    <m/>
    <m/>
    <m/>
    <m/>
    <m/>
    <m/>
    <m/>
    <m/>
    <m/>
    <m/>
    <m/>
    <m/>
    <m/>
    <m/>
    <m/>
    <m/>
    <m/>
    <m/>
    <m/>
    <m/>
    <m/>
    <m/>
    <m/>
    <m/>
    <m/>
    <n v="0"/>
    <m/>
    <s v=""/>
    <s v=""/>
    <s v=""/>
    <s v=""/>
    <s v=""/>
    <s v=""/>
    <s v=""/>
    <s v=""/>
    <s v=""/>
    <s v=""/>
    <s v=""/>
    <s v=""/>
    <s v=""/>
    <s v=""/>
    <s v=""/>
    <s v=""/>
    <s v=""/>
    <s v=""/>
    <s v=""/>
    <s v=""/>
    <s v=""/>
    <s v=""/>
    <s v=""/>
    <s v=""/>
    <s v=""/>
    <s v=""/>
    <s v=""/>
    <s v=""/>
    <s v=""/>
    <s v=""/>
    <s v=""/>
    <m/>
    <m/>
    <m/>
  </r>
  <r>
    <n v="850"/>
    <x v="1"/>
    <s v="Transport"/>
    <s v="Active Travel"/>
    <s v="Lawn Lane-Crabtree Lane pedestrian crossing improvement"/>
    <s v="(SG27-1) Junction between Lawn Lane and Crabtree Lane. Remove guardrail, increase refuge island width and reduce side arm approach to a single lane. Build out width of footway on southern side and incorporate dropped kerbs with tactile paving"/>
    <x v="1"/>
    <x v="54"/>
    <x v="2"/>
    <x v="2"/>
    <x v="37"/>
    <s v="N/A"/>
    <s v="N/A"/>
    <n v="21480.014985000002"/>
    <n v="21480.014985000002"/>
    <s v="S278 / S106 / CIL / External Funding"/>
    <s v="Essential"/>
    <m/>
    <m/>
    <m/>
    <m/>
    <m/>
    <m/>
    <m/>
    <m/>
    <m/>
    <m/>
    <m/>
    <m/>
    <m/>
    <m/>
    <m/>
    <m/>
    <m/>
    <m/>
    <m/>
    <m/>
    <m/>
    <m/>
    <m/>
    <m/>
    <m/>
    <m/>
    <m/>
    <m/>
    <m/>
    <m/>
    <m/>
    <n v="0"/>
    <m/>
    <s v=""/>
    <s v=""/>
    <s v=""/>
    <s v=""/>
    <s v=""/>
    <s v=""/>
    <s v=""/>
    <s v=""/>
    <s v=""/>
    <s v=""/>
    <s v=""/>
    <s v=""/>
    <s v=""/>
    <s v=""/>
    <s v=""/>
    <s v=""/>
    <s v=""/>
    <s v=""/>
    <s v=""/>
    <s v=""/>
    <s v=""/>
    <s v=""/>
    <s v=""/>
    <s v=""/>
    <s v=""/>
    <s v=""/>
    <s v=""/>
    <s v=""/>
    <s v=""/>
    <s v=""/>
    <s v=""/>
    <m/>
    <m/>
    <m/>
  </r>
  <r>
    <n v="851"/>
    <x v="1"/>
    <s v="Transport"/>
    <s v="Active Travel"/>
    <s v="Lawn Lane new signalised crossing near Crabtree Lane"/>
    <s v="(SG27-2) Additional signal-controlled pedestrian crossing north of the junction with Crabtree Lane on a raised speed table"/>
    <x v="1"/>
    <x v="54"/>
    <x v="2"/>
    <x v="2"/>
    <x v="37"/>
    <s v="N/A"/>
    <s v="N/A"/>
    <n v="292721"/>
    <n v="292721"/>
    <s v="S278 / S106 / CIL / External Funding"/>
    <s v="Essential"/>
    <m/>
    <m/>
    <m/>
    <m/>
    <m/>
    <m/>
    <m/>
    <m/>
    <m/>
    <m/>
    <m/>
    <m/>
    <m/>
    <m/>
    <m/>
    <m/>
    <m/>
    <m/>
    <m/>
    <m/>
    <m/>
    <m/>
    <m/>
    <m/>
    <m/>
    <m/>
    <m/>
    <m/>
    <m/>
    <m/>
    <m/>
    <n v="0"/>
    <m/>
    <s v=""/>
    <s v=""/>
    <s v=""/>
    <s v=""/>
    <s v=""/>
    <s v=""/>
    <s v=""/>
    <s v=""/>
    <s v=""/>
    <s v=""/>
    <s v=""/>
    <s v=""/>
    <s v=""/>
    <s v=""/>
    <s v=""/>
    <s v=""/>
    <s v=""/>
    <s v=""/>
    <s v=""/>
    <s v=""/>
    <s v=""/>
    <s v=""/>
    <s v=""/>
    <s v=""/>
    <s v=""/>
    <s v=""/>
    <s v=""/>
    <s v=""/>
    <s v=""/>
    <s v=""/>
    <s v=""/>
    <m/>
    <m/>
    <m/>
  </r>
  <r>
    <n v="852"/>
    <x v="1"/>
    <s v="Transport"/>
    <s v="Active Travel"/>
    <s v="Lawn Lane new signalised crossing near Corner Hall"/>
    <s v="(SG27-3) Additional signal controlled pedestrian crossing north of junction with Corner Hall   on a raised speed table"/>
    <x v="1"/>
    <x v="54"/>
    <x v="2"/>
    <x v="2"/>
    <x v="37"/>
    <s v="N/A"/>
    <s v="N/A"/>
    <n v="294400.16606000002"/>
    <n v="294400.16606000002"/>
    <s v="S278 / S106 / CIL / External Funding"/>
    <s v="Essential"/>
    <m/>
    <m/>
    <m/>
    <m/>
    <m/>
    <m/>
    <m/>
    <m/>
    <m/>
    <m/>
    <m/>
    <m/>
    <m/>
    <m/>
    <m/>
    <m/>
    <m/>
    <m/>
    <m/>
    <m/>
    <m/>
    <m/>
    <m/>
    <m/>
    <m/>
    <m/>
    <m/>
    <m/>
    <m/>
    <m/>
    <m/>
    <n v="0"/>
    <m/>
    <s v=""/>
    <s v=""/>
    <s v=""/>
    <s v=""/>
    <s v=""/>
    <s v=""/>
    <s v=""/>
    <s v=""/>
    <s v=""/>
    <s v=""/>
    <s v=""/>
    <s v=""/>
    <s v=""/>
    <s v=""/>
    <s v=""/>
    <s v=""/>
    <s v=""/>
    <s v=""/>
    <s v=""/>
    <s v=""/>
    <s v=""/>
    <s v=""/>
    <s v=""/>
    <s v=""/>
    <s v=""/>
    <s v=""/>
    <s v=""/>
    <s v=""/>
    <s v=""/>
    <s v=""/>
    <s v=""/>
    <m/>
    <m/>
    <m/>
  </r>
  <r>
    <n v="853"/>
    <x v="1"/>
    <s v="Transport"/>
    <s v="Active Travel"/>
    <s v="Corner Hall Stopping Up and widened footway"/>
    <s v="(SG27-4) Closure of the Corner Hall one-way section at the junction with Lawn Lane - provision of a continuous footway. Remove hatching and right turn filter to accommodate widened footway on western side"/>
    <x v="1"/>
    <x v="54"/>
    <x v="2"/>
    <x v="2"/>
    <x v="37"/>
    <s v="N/A"/>
    <s v="N/A"/>
    <n v="77291.5"/>
    <n v="77291.5"/>
    <s v="S278 / S106 / CIL / External Funding"/>
    <s v="Essential"/>
    <m/>
    <m/>
    <m/>
    <m/>
    <m/>
    <m/>
    <m/>
    <m/>
    <m/>
    <m/>
    <m/>
    <m/>
    <m/>
    <m/>
    <m/>
    <m/>
    <m/>
    <m/>
    <m/>
    <m/>
    <m/>
    <m/>
    <m/>
    <m/>
    <m/>
    <m/>
    <m/>
    <m/>
    <m/>
    <m/>
    <m/>
    <n v="0"/>
    <m/>
    <s v=""/>
    <s v=""/>
    <s v=""/>
    <s v=""/>
    <s v=""/>
    <s v=""/>
    <s v=""/>
    <s v=""/>
    <s v=""/>
    <s v=""/>
    <s v=""/>
    <s v=""/>
    <s v=""/>
    <s v=""/>
    <s v=""/>
    <s v=""/>
    <s v=""/>
    <s v=""/>
    <s v=""/>
    <s v=""/>
    <s v=""/>
    <s v=""/>
    <s v=""/>
    <s v=""/>
    <s v=""/>
    <s v=""/>
    <s v=""/>
    <s v=""/>
    <s v=""/>
    <s v=""/>
    <s v=""/>
    <m/>
    <m/>
    <m/>
  </r>
  <r>
    <n v="854"/>
    <x v="1"/>
    <s v="Transport"/>
    <s v="Active Travel"/>
    <s v="Durrants Hill Road-Ebberns Road pedestrian crossing improvements"/>
    <s v="(SG28-1) Improve pedestrian crossing facilities at the side arm junction with Ebberns Road including dropped kerbs and tactile paving"/>
    <x v="1"/>
    <x v="54"/>
    <x v="2"/>
    <x v="2"/>
    <x v="37"/>
    <s v="N/A"/>
    <s v="N/A"/>
    <n v="4145.9160600000005"/>
    <n v="4145.9160600000005"/>
    <s v="S278 / S106 / CIL / External Funding"/>
    <s v="Essential"/>
    <m/>
    <m/>
    <m/>
    <m/>
    <m/>
    <m/>
    <m/>
    <m/>
    <m/>
    <m/>
    <m/>
    <m/>
    <m/>
    <m/>
    <m/>
    <m/>
    <m/>
    <m/>
    <m/>
    <m/>
    <m/>
    <m/>
    <m/>
    <m/>
    <m/>
    <m/>
    <m/>
    <m/>
    <m/>
    <m/>
    <m/>
    <n v="0"/>
    <m/>
    <s v=""/>
    <s v=""/>
    <s v=""/>
    <s v=""/>
    <s v=""/>
    <s v=""/>
    <s v=""/>
    <s v=""/>
    <s v=""/>
    <s v=""/>
    <s v=""/>
    <s v=""/>
    <s v=""/>
    <s v=""/>
    <s v=""/>
    <s v=""/>
    <s v=""/>
    <s v=""/>
    <s v=""/>
    <s v=""/>
    <s v=""/>
    <s v=""/>
    <s v=""/>
    <s v=""/>
    <s v=""/>
    <s v=""/>
    <s v=""/>
    <s v=""/>
    <s v=""/>
    <s v=""/>
    <s v=""/>
    <m/>
    <m/>
    <m/>
  </r>
  <r>
    <n v="855"/>
    <x v="1"/>
    <s v="Transport"/>
    <s v="Active Travel"/>
    <s v="Durrents Hill additional pedestrian crossing "/>
    <s v="(SG28-2) Provide an uncontrolled crossing adjacent to the entrance into the park, north of the junction with Ebberns Road. Provide localised widening of the footway on the eastern side of the road, removing space for kerb-side parking"/>
    <x v="1"/>
    <x v="54"/>
    <x v="2"/>
    <x v="2"/>
    <x v="37"/>
    <s v="N/A"/>
    <s v="N/A"/>
    <n v="44518.391060000002"/>
    <n v="44518.391060000002"/>
    <s v="S278 / S106 / CIL / External Funding"/>
    <s v="Essential"/>
    <m/>
    <m/>
    <m/>
    <m/>
    <m/>
    <m/>
    <m/>
    <m/>
    <m/>
    <m/>
    <m/>
    <m/>
    <m/>
    <m/>
    <m/>
    <m/>
    <m/>
    <m/>
    <m/>
    <m/>
    <m/>
    <m/>
    <m/>
    <m/>
    <m/>
    <m/>
    <m/>
    <m/>
    <m/>
    <m/>
    <m/>
    <n v="0"/>
    <m/>
    <s v=""/>
    <s v=""/>
    <s v=""/>
    <s v=""/>
    <s v=""/>
    <s v=""/>
    <s v=""/>
    <s v=""/>
    <s v=""/>
    <s v=""/>
    <s v=""/>
    <s v=""/>
    <s v=""/>
    <s v=""/>
    <s v=""/>
    <s v=""/>
    <s v=""/>
    <s v=""/>
    <s v=""/>
    <s v=""/>
    <s v=""/>
    <s v=""/>
    <s v=""/>
    <s v=""/>
    <s v=""/>
    <s v=""/>
    <s v=""/>
    <s v=""/>
    <s v=""/>
    <s v=""/>
    <s v=""/>
    <m/>
    <m/>
    <m/>
  </r>
  <r>
    <n v="856"/>
    <x v="1"/>
    <s v="Transport"/>
    <s v="Active Travel"/>
    <s v="Durrants Hill Road Wayfinding Signage"/>
    <s v="(SG28-3) Provide wayfinding signage"/>
    <x v="1"/>
    <x v="54"/>
    <x v="2"/>
    <x v="2"/>
    <x v="37"/>
    <s v="N/A"/>
    <s v="N/A"/>
    <n v="6783.5625"/>
    <n v="6783.5625"/>
    <s v="S278 / S106 / CIL / External Funding"/>
    <s v="Essential"/>
    <m/>
    <m/>
    <m/>
    <m/>
    <m/>
    <m/>
    <m/>
    <m/>
    <m/>
    <m/>
    <m/>
    <m/>
    <m/>
    <m/>
    <m/>
    <m/>
    <m/>
    <m/>
    <m/>
    <m/>
    <m/>
    <m/>
    <m/>
    <m/>
    <m/>
    <m/>
    <m/>
    <m/>
    <m/>
    <m/>
    <m/>
    <n v="0"/>
    <m/>
    <s v=""/>
    <s v=""/>
    <s v=""/>
    <s v=""/>
    <s v=""/>
    <s v=""/>
    <s v=""/>
    <s v=""/>
    <s v=""/>
    <s v=""/>
    <s v=""/>
    <s v=""/>
    <s v=""/>
    <s v=""/>
    <s v=""/>
    <s v=""/>
    <s v=""/>
    <s v=""/>
    <s v=""/>
    <s v=""/>
    <s v=""/>
    <s v=""/>
    <s v=""/>
    <s v=""/>
    <s v=""/>
    <s v=""/>
    <s v=""/>
    <s v=""/>
    <s v=""/>
    <s v=""/>
    <s v=""/>
    <m/>
    <m/>
    <m/>
  </r>
  <r>
    <n v="857"/>
    <x v="1"/>
    <s v="Transport"/>
    <s v="Active Travel"/>
    <s v="Durrants Hill Road cycle parking"/>
    <s v="(SG28-4) Install cycle parking adjacent to the public toilets"/>
    <x v="1"/>
    <x v="54"/>
    <x v="2"/>
    <x v="2"/>
    <x v="37"/>
    <s v="N/A"/>
    <s v="N/A"/>
    <n v="518.01749999999993"/>
    <n v="518.01749999999993"/>
    <s v="S278 / S106 / CIL / External Funding"/>
    <s v="Essential"/>
    <m/>
    <m/>
    <m/>
    <m/>
    <m/>
    <m/>
    <m/>
    <m/>
    <m/>
    <m/>
    <m/>
    <m/>
    <m/>
    <m/>
    <m/>
    <m/>
    <m/>
    <m/>
    <m/>
    <m/>
    <m/>
    <m/>
    <m/>
    <m/>
    <m/>
    <m/>
    <m/>
    <m/>
    <m/>
    <m/>
    <m/>
    <n v="0"/>
    <m/>
    <s v=""/>
    <s v=""/>
    <s v=""/>
    <s v=""/>
    <s v=""/>
    <s v=""/>
    <s v=""/>
    <s v=""/>
    <s v=""/>
    <s v=""/>
    <s v=""/>
    <s v=""/>
    <s v=""/>
    <s v=""/>
    <s v=""/>
    <s v=""/>
    <s v=""/>
    <s v=""/>
    <s v=""/>
    <s v=""/>
    <s v=""/>
    <s v=""/>
    <s v=""/>
    <s v=""/>
    <s v=""/>
    <s v=""/>
    <s v=""/>
    <s v=""/>
    <s v=""/>
    <s v=""/>
    <s v=""/>
    <m/>
    <m/>
    <m/>
  </r>
  <r>
    <n v="858"/>
    <x v="1"/>
    <s v="Transport"/>
    <s v="Active Travel"/>
    <s v="A414 new crossing near to Wood Crescent/Wood Lane junctions"/>
    <s v="(SG29-1) New parallel signal-controlled pedestrian/cycle crossing near to the Wood Crescent and Wood Lane junctions on the A414"/>
    <x v="1"/>
    <x v="54"/>
    <x v="2"/>
    <x v="2"/>
    <x v="37"/>
    <s v="N/A"/>
    <s v="N/A"/>
    <n v="599009.125"/>
    <n v="599009.125"/>
    <s v="S278 / S106 / CIL / External Funding"/>
    <s v="Essential"/>
    <m/>
    <m/>
    <m/>
    <m/>
    <m/>
    <m/>
    <m/>
    <m/>
    <m/>
    <m/>
    <m/>
    <m/>
    <m/>
    <m/>
    <m/>
    <m/>
    <m/>
    <m/>
    <m/>
    <m/>
    <m/>
    <m/>
    <m/>
    <m/>
    <m/>
    <m/>
    <m/>
    <m/>
    <m/>
    <m/>
    <m/>
    <n v="0"/>
    <m/>
    <s v=""/>
    <s v=""/>
    <s v=""/>
    <s v=""/>
    <s v=""/>
    <s v=""/>
    <s v=""/>
    <s v=""/>
    <s v=""/>
    <s v=""/>
    <s v=""/>
    <s v=""/>
    <s v=""/>
    <s v=""/>
    <s v=""/>
    <s v=""/>
    <s v=""/>
    <s v=""/>
    <s v=""/>
    <s v=""/>
    <s v=""/>
    <s v=""/>
    <s v=""/>
    <s v=""/>
    <s v=""/>
    <s v=""/>
    <s v=""/>
    <s v=""/>
    <s v=""/>
    <s v=""/>
    <s v=""/>
    <m/>
    <m/>
    <m/>
  </r>
  <r>
    <n v="859"/>
    <x v="1"/>
    <s v="Transport"/>
    <s v="Active Travel"/>
    <s v="Wood Crescent-Runham Road-Deaconsfield Road Wayfinding Signage"/>
    <s v="(SG29-2) Introduce wayfinding at key junction decision points"/>
    <x v="1"/>
    <x v="54"/>
    <x v="2"/>
    <x v="2"/>
    <x v="37"/>
    <s v="N/A"/>
    <s v="N/A"/>
    <n v="4522.375"/>
    <n v="4522.375"/>
    <s v="S278 / S106 / CIL / External Funding"/>
    <s v="Essential"/>
    <m/>
    <m/>
    <m/>
    <m/>
    <m/>
    <m/>
    <m/>
    <m/>
    <m/>
    <m/>
    <m/>
    <m/>
    <m/>
    <m/>
    <m/>
    <m/>
    <m/>
    <m/>
    <m/>
    <m/>
    <m/>
    <m/>
    <m/>
    <m/>
    <m/>
    <m/>
    <m/>
    <m/>
    <m/>
    <m/>
    <m/>
    <n v="0"/>
    <m/>
    <s v=""/>
    <s v=""/>
    <s v=""/>
    <s v=""/>
    <s v=""/>
    <s v=""/>
    <s v=""/>
    <s v=""/>
    <s v=""/>
    <s v=""/>
    <s v=""/>
    <s v=""/>
    <s v=""/>
    <s v=""/>
    <s v=""/>
    <s v=""/>
    <s v=""/>
    <s v=""/>
    <s v=""/>
    <s v=""/>
    <s v=""/>
    <s v=""/>
    <s v=""/>
    <s v=""/>
    <s v=""/>
    <s v=""/>
    <s v=""/>
    <s v=""/>
    <s v=""/>
    <s v=""/>
    <s v=""/>
    <m/>
    <m/>
    <m/>
  </r>
  <r>
    <n v="860"/>
    <x v="1"/>
    <s v="Transport"/>
    <s v="Active Travel"/>
    <s v="Leys Road cycle route"/>
    <s v="(SG30-1) Introduce offroad shared use cycle and footway utilising existing wide footway on the western/northern side of the road between the junction with St Albans Hill and Bennetts Gate shopping parade. Removal of some grass verge to create sufficient width and use of bollards or markings to discourage pavement parking. Include Copenhagen crossings on Lime Walk, Long John, Howe Road and Kimps Way  "/>
    <x v="1"/>
    <x v="54"/>
    <x v="2"/>
    <x v="2"/>
    <x v="37"/>
    <s v="N/A"/>
    <s v="N/A"/>
    <n v="1288592.9931874999"/>
    <n v="1288592.9931874999"/>
    <s v="S278 / S106 / CIL / External Funding"/>
    <s v="Essential"/>
    <m/>
    <m/>
    <m/>
    <m/>
    <m/>
    <m/>
    <m/>
    <m/>
    <m/>
    <m/>
    <m/>
    <m/>
    <m/>
    <m/>
    <m/>
    <m/>
    <m/>
    <m/>
    <m/>
    <m/>
    <m/>
    <m/>
    <m/>
    <m/>
    <m/>
    <m/>
    <m/>
    <m/>
    <m/>
    <m/>
    <m/>
    <n v="0"/>
    <m/>
    <s v=""/>
    <s v=""/>
    <s v=""/>
    <s v=""/>
    <s v=""/>
    <s v=""/>
    <s v=""/>
    <s v=""/>
    <s v=""/>
    <s v=""/>
    <s v=""/>
    <s v=""/>
    <s v=""/>
    <s v=""/>
    <s v=""/>
    <s v=""/>
    <s v=""/>
    <s v=""/>
    <s v=""/>
    <s v=""/>
    <s v=""/>
    <s v=""/>
    <s v=""/>
    <s v=""/>
    <s v=""/>
    <s v=""/>
    <s v=""/>
    <s v=""/>
    <s v=""/>
    <s v=""/>
    <s v=""/>
    <m/>
    <m/>
    <m/>
  </r>
  <r>
    <n v="861"/>
    <x v="1"/>
    <s v="Transport"/>
    <s v="Active Travel"/>
    <s v="Leys Road-Pescroft junction reconfiguration and parallel crossing"/>
    <s v="(SG30-2) Provide a parallel pedestrian cycle zebra crossing on the Peascroft arm of the Leys Road mini roundabout. Convert Mini roundabout priority T-junction layout. "/>
    <x v="1"/>
    <x v="54"/>
    <x v="2"/>
    <x v="2"/>
    <x v="37"/>
    <s v="N/A"/>
    <s v="N/A"/>
    <n v="152116.25"/>
    <n v="152116.25"/>
    <s v="S278 / S106 / CIL / External Funding"/>
    <s v="Essential"/>
    <m/>
    <m/>
    <m/>
    <m/>
    <m/>
    <m/>
    <m/>
    <m/>
    <m/>
    <m/>
    <m/>
    <m/>
    <m/>
    <m/>
    <m/>
    <m/>
    <m/>
    <m/>
    <m/>
    <m/>
    <m/>
    <m/>
    <m/>
    <m/>
    <m/>
    <m/>
    <m/>
    <m/>
    <m/>
    <m/>
    <m/>
    <n v="0"/>
    <m/>
    <s v=""/>
    <s v=""/>
    <s v=""/>
    <s v=""/>
    <s v=""/>
    <s v=""/>
    <s v=""/>
    <s v=""/>
    <s v=""/>
    <s v=""/>
    <s v=""/>
    <s v=""/>
    <s v=""/>
    <s v=""/>
    <s v=""/>
    <s v=""/>
    <s v=""/>
    <s v=""/>
    <s v=""/>
    <s v=""/>
    <s v=""/>
    <s v=""/>
    <s v=""/>
    <s v=""/>
    <s v=""/>
    <s v=""/>
    <s v=""/>
    <s v=""/>
    <s v=""/>
    <s v=""/>
    <s v=""/>
    <m/>
    <m/>
    <m/>
  </r>
  <r>
    <n v="862"/>
    <x v="1"/>
    <s v="Transport"/>
    <s v="Active Travel"/>
    <s v="Lime Walk park desire line shared use path"/>
    <s v="(SG30-3) Formalise the desire lane path crossing Lime Walk park between Leys Road and St Albans Hill to provide a shared use path. Install widened uncontrolled crossing with tactile paving onto St Albans Hill. Provide steps, handrail and wheeling channel at the western end of the path leading down onto St Albans Hill, and signs indicating for cyclists to dismount on approach to the steps. Provide a short shared-use path linking St Albans Hill and Wheelers Road to link into the improved crossing"/>
    <x v="1"/>
    <x v="54"/>
    <x v="2"/>
    <x v="2"/>
    <x v="37"/>
    <s v="N/A"/>
    <s v="N/A"/>
    <n v="222042.16606000002"/>
    <n v="222042.16606000002"/>
    <s v="S278 / S106 / CIL / External Funding"/>
    <s v="Essential"/>
    <m/>
    <m/>
    <m/>
    <m/>
    <m/>
    <m/>
    <m/>
    <m/>
    <m/>
    <m/>
    <m/>
    <m/>
    <m/>
    <m/>
    <m/>
    <m/>
    <m/>
    <m/>
    <m/>
    <m/>
    <m/>
    <m/>
    <m/>
    <m/>
    <m/>
    <m/>
    <m/>
    <m/>
    <m/>
    <m/>
    <m/>
    <n v="0"/>
    <m/>
    <s v=""/>
    <s v=""/>
    <s v=""/>
    <s v=""/>
    <s v=""/>
    <s v=""/>
    <s v=""/>
    <s v=""/>
    <s v=""/>
    <s v=""/>
    <s v=""/>
    <s v=""/>
    <s v=""/>
    <s v=""/>
    <s v=""/>
    <s v=""/>
    <s v=""/>
    <s v=""/>
    <s v=""/>
    <s v=""/>
    <s v=""/>
    <s v=""/>
    <s v=""/>
    <s v=""/>
    <s v=""/>
    <s v=""/>
    <s v=""/>
    <s v=""/>
    <s v=""/>
    <s v=""/>
    <s v=""/>
    <m/>
    <m/>
    <m/>
  </r>
  <r>
    <n v="863"/>
    <x v="1"/>
    <s v="Transport"/>
    <s v="Active Travel"/>
    <s v="Lime Walk park Wayfinding Signage"/>
    <s v="(SG30-4) Introduce Wayfinding signage at both ends of Lime Walk park path"/>
    <x v="1"/>
    <x v="54"/>
    <x v="2"/>
    <x v="2"/>
    <x v="37"/>
    <s v="N/A"/>
    <s v="N/A"/>
    <n v="4522.375"/>
    <n v="4522.375"/>
    <s v="S278 / S106 / CIL / External Funding"/>
    <s v="Essential"/>
    <m/>
    <m/>
    <m/>
    <m/>
    <m/>
    <m/>
    <m/>
    <m/>
    <m/>
    <m/>
    <m/>
    <m/>
    <m/>
    <m/>
    <m/>
    <m/>
    <m/>
    <m/>
    <m/>
    <m/>
    <m/>
    <m/>
    <m/>
    <m/>
    <m/>
    <m/>
    <m/>
    <m/>
    <m/>
    <m/>
    <m/>
    <n v="0"/>
    <m/>
    <s v=""/>
    <s v=""/>
    <s v=""/>
    <s v=""/>
    <s v=""/>
    <s v=""/>
    <s v=""/>
    <s v=""/>
    <s v=""/>
    <s v=""/>
    <s v=""/>
    <s v=""/>
    <s v=""/>
    <s v=""/>
    <s v=""/>
    <s v=""/>
    <s v=""/>
    <s v=""/>
    <s v=""/>
    <s v=""/>
    <s v=""/>
    <s v=""/>
    <s v=""/>
    <s v=""/>
    <s v=""/>
    <s v=""/>
    <s v=""/>
    <s v=""/>
    <s v=""/>
    <s v=""/>
    <s v=""/>
    <m/>
    <m/>
    <m/>
  </r>
  <r>
    <n v="864"/>
    <x v="1"/>
    <s v="Transport"/>
    <s v="Active Travel"/>
    <s v="Lime Walk park cycle parking"/>
    <s v="(SG30-5) Introduce cycle parking at the south-eastern corner of Lime Walk park "/>
    <x v="1"/>
    <x v="54"/>
    <x v="2"/>
    <x v="2"/>
    <x v="37"/>
    <s v="N/A"/>
    <s v="N/A"/>
    <n v="388.513125"/>
    <n v="388.513125"/>
    <s v="S278 / S106 / CIL / External Funding"/>
    <s v="Essential"/>
    <m/>
    <m/>
    <m/>
    <m/>
    <m/>
    <m/>
    <m/>
    <m/>
    <m/>
    <m/>
    <m/>
    <m/>
    <m/>
    <m/>
    <m/>
    <m/>
    <m/>
    <m/>
    <m/>
    <m/>
    <m/>
    <m/>
    <m/>
    <m/>
    <m/>
    <m/>
    <m/>
    <m/>
    <m/>
    <m/>
    <m/>
    <n v="0"/>
    <m/>
    <s v=""/>
    <s v=""/>
    <s v=""/>
    <s v=""/>
    <s v=""/>
    <s v=""/>
    <s v=""/>
    <s v=""/>
    <s v=""/>
    <s v=""/>
    <s v=""/>
    <s v=""/>
    <s v=""/>
    <s v=""/>
    <s v=""/>
    <s v=""/>
    <s v=""/>
    <s v=""/>
    <s v=""/>
    <s v=""/>
    <s v=""/>
    <s v=""/>
    <s v=""/>
    <s v=""/>
    <s v=""/>
    <s v=""/>
    <s v=""/>
    <s v=""/>
    <s v=""/>
    <s v=""/>
    <s v=""/>
    <m/>
    <m/>
    <m/>
  </r>
  <r>
    <n v="865"/>
    <x v="1"/>
    <s v="Transport"/>
    <s v="Active Travel"/>
    <s v="St Albans Hill Zebra Crossing by Dacorum Athletics Track"/>
    <s v="(SG31-1) New zebra crossing on St Albans Hill adjacent Dacorum Athletics Track. Placed on raised speed table leading to playground to follow the desire line."/>
    <x v="1"/>
    <x v="54"/>
    <x v="2"/>
    <x v="2"/>
    <x v="37"/>
    <s v="N/A"/>
    <s v="N/A"/>
    <n v="129504.375"/>
    <n v="129504.375"/>
    <s v="S278 / S106 / CIL / External Funding"/>
    <s v="Essential"/>
    <m/>
    <m/>
    <m/>
    <m/>
    <m/>
    <m/>
    <m/>
    <m/>
    <m/>
    <m/>
    <m/>
    <m/>
    <m/>
    <m/>
    <m/>
    <m/>
    <m/>
    <m/>
    <m/>
    <m/>
    <m/>
    <m/>
    <m/>
    <m/>
    <m/>
    <m/>
    <m/>
    <m/>
    <m/>
    <m/>
    <m/>
    <n v="0"/>
    <m/>
    <s v=""/>
    <s v=""/>
    <s v=""/>
    <s v=""/>
    <s v=""/>
    <s v=""/>
    <s v=""/>
    <s v=""/>
    <s v=""/>
    <s v=""/>
    <s v=""/>
    <s v=""/>
    <s v=""/>
    <s v=""/>
    <s v=""/>
    <s v=""/>
    <s v=""/>
    <s v=""/>
    <s v=""/>
    <s v=""/>
    <s v=""/>
    <s v=""/>
    <s v=""/>
    <s v=""/>
    <s v=""/>
    <s v=""/>
    <s v=""/>
    <s v=""/>
    <s v=""/>
    <s v=""/>
    <s v=""/>
    <m/>
    <m/>
    <m/>
  </r>
  <r>
    <n v="866"/>
    <x v="1"/>
    <s v="Transport"/>
    <s v="Active Travel"/>
    <s v="St Albans Hill - Bennetts End Road pedestrian crossing improvement"/>
    <s v="(SG31-2) Tighten kerb radii/ reduce crossing width and improve pedestrian and cycling crossing with widened refuge islands"/>
    <x v="1"/>
    <x v="54"/>
    <x v="2"/>
    <x v="2"/>
    <x v="37"/>
    <s v="N/A"/>
    <s v="N/A"/>
    <n v="71570.416060000003"/>
    <n v="71570.416060000003"/>
    <s v="S278 / S106 / CIL / External Funding"/>
    <s v="Essential"/>
    <m/>
    <m/>
    <m/>
    <m/>
    <m/>
    <m/>
    <m/>
    <m/>
    <m/>
    <m/>
    <m/>
    <m/>
    <m/>
    <m/>
    <m/>
    <m/>
    <m/>
    <m/>
    <m/>
    <m/>
    <m/>
    <m/>
    <m/>
    <m/>
    <m/>
    <m/>
    <m/>
    <m/>
    <m/>
    <m/>
    <m/>
    <n v="0"/>
    <m/>
    <s v=""/>
    <s v=""/>
    <s v=""/>
    <s v=""/>
    <s v=""/>
    <s v=""/>
    <s v=""/>
    <s v=""/>
    <s v=""/>
    <s v=""/>
    <s v=""/>
    <s v=""/>
    <s v=""/>
    <s v=""/>
    <s v=""/>
    <s v=""/>
    <s v=""/>
    <s v=""/>
    <s v=""/>
    <s v=""/>
    <s v=""/>
    <s v=""/>
    <s v=""/>
    <s v=""/>
    <s v=""/>
    <s v=""/>
    <s v=""/>
    <s v=""/>
    <s v=""/>
    <s v=""/>
    <s v=""/>
    <m/>
    <m/>
    <m/>
  </r>
  <r>
    <n v="867"/>
    <x v="1"/>
    <s v="Transport"/>
    <s v="Active Travel"/>
    <s v="Bennetts End Road cycle route"/>
    <s v="(SG31-3) New off-road shared use cycle and footway along the eastern side of Bennetts End Road between the A414 and Peascroft Road. Incorporating Copenhagen crossings on side arm junctions with Gammon Close, Belsize Road, Acorn Road, Rant Meadow and Goldcoft. Also convert the existing zebra crossing adjacent to the Bennetts Gate shopping parade to a parallel zebra crossing. "/>
    <x v="1"/>
    <x v="54"/>
    <x v="2"/>
    <x v="2"/>
    <x v="37"/>
    <s v="N/A"/>
    <s v="N/A"/>
    <n v="417830.03762499994"/>
    <n v="417830.03762499994"/>
    <s v="S278 / S106 / CIL / External Funding"/>
    <s v="Essential"/>
    <m/>
    <m/>
    <m/>
    <m/>
    <m/>
    <m/>
    <m/>
    <m/>
    <m/>
    <m/>
    <m/>
    <m/>
    <m/>
    <m/>
    <m/>
    <m/>
    <m/>
    <m/>
    <m/>
    <m/>
    <m/>
    <m/>
    <m/>
    <m/>
    <m/>
    <m/>
    <m/>
    <m/>
    <m/>
    <m/>
    <m/>
    <n v="0"/>
    <m/>
    <s v=""/>
    <s v=""/>
    <s v=""/>
    <s v=""/>
    <s v=""/>
    <s v=""/>
    <s v=""/>
    <s v=""/>
    <s v=""/>
    <s v=""/>
    <s v=""/>
    <s v=""/>
    <s v=""/>
    <s v=""/>
    <s v=""/>
    <s v=""/>
    <s v=""/>
    <s v=""/>
    <s v=""/>
    <s v=""/>
    <s v=""/>
    <s v=""/>
    <s v=""/>
    <s v=""/>
    <s v=""/>
    <s v=""/>
    <s v=""/>
    <s v=""/>
    <s v=""/>
    <s v=""/>
    <s v=""/>
    <m/>
    <m/>
    <m/>
  </r>
  <r>
    <n v="868"/>
    <x v="1"/>
    <s v="Transport"/>
    <s v="Active Travel"/>
    <s v="Bennetts End Road Wayfinding signage"/>
    <s v="(SG31-4) Introduce wayfinding and signage"/>
    <x v="1"/>
    <x v="54"/>
    <x v="2"/>
    <x v="2"/>
    <x v="37"/>
    <s v="N/A"/>
    <s v="N/A"/>
    <n v="2261.1875"/>
    <n v="2261.1875"/>
    <s v="S278 / S106 / CIL / External Funding"/>
    <s v="Essential"/>
    <m/>
    <m/>
    <m/>
    <m/>
    <m/>
    <m/>
    <m/>
    <m/>
    <m/>
    <m/>
    <m/>
    <m/>
    <m/>
    <m/>
    <m/>
    <m/>
    <m/>
    <m/>
    <m/>
    <m/>
    <m/>
    <m/>
    <m/>
    <m/>
    <m/>
    <m/>
    <m/>
    <m/>
    <m/>
    <m/>
    <m/>
    <n v="0"/>
    <m/>
    <s v=""/>
    <s v=""/>
    <s v=""/>
    <s v=""/>
    <s v=""/>
    <s v=""/>
    <s v=""/>
    <s v=""/>
    <s v=""/>
    <s v=""/>
    <s v=""/>
    <s v=""/>
    <s v=""/>
    <s v=""/>
    <s v=""/>
    <s v=""/>
    <s v=""/>
    <s v=""/>
    <s v=""/>
    <s v=""/>
    <s v=""/>
    <s v=""/>
    <s v=""/>
    <s v=""/>
    <s v=""/>
    <s v=""/>
    <s v=""/>
    <s v=""/>
    <s v=""/>
    <s v=""/>
    <s v=""/>
    <m/>
    <m/>
    <m/>
  </r>
  <r>
    <n v="869"/>
    <x v="1"/>
    <s v="Transport"/>
    <s v="Active Travel"/>
    <s v="Cycle parking at Snow Centre"/>
    <s v="(SG31-5) Introduce cycle parking at the Snow Centre along St Albans Hill"/>
    <x v="1"/>
    <x v="54"/>
    <x v="2"/>
    <x v="2"/>
    <x v="37"/>
    <s v="N/A"/>
    <s v="N/A"/>
    <n v="518.01749999999993"/>
    <n v="518.01749999999993"/>
    <s v="S278 / S106 / CIL / External Funding"/>
    <s v="Essential"/>
    <m/>
    <m/>
    <m/>
    <m/>
    <m/>
    <m/>
    <m/>
    <m/>
    <m/>
    <m/>
    <m/>
    <m/>
    <m/>
    <m/>
    <m/>
    <m/>
    <m/>
    <m/>
    <m/>
    <m/>
    <m/>
    <m/>
    <m/>
    <m/>
    <m/>
    <m/>
    <m/>
    <m/>
    <m/>
    <m/>
    <m/>
    <n v="0"/>
    <m/>
    <s v=""/>
    <s v=""/>
    <s v=""/>
    <s v=""/>
    <s v=""/>
    <s v=""/>
    <s v=""/>
    <s v=""/>
    <s v=""/>
    <s v=""/>
    <s v=""/>
    <s v=""/>
    <s v=""/>
    <s v=""/>
    <s v=""/>
    <s v=""/>
    <s v=""/>
    <s v=""/>
    <s v=""/>
    <s v=""/>
    <s v=""/>
    <s v=""/>
    <s v=""/>
    <s v=""/>
    <s v=""/>
    <s v=""/>
    <s v=""/>
    <s v=""/>
    <s v=""/>
    <s v=""/>
    <s v=""/>
    <m/>
    <m/>
    <m/>
  </r>
  <r>
    <n v="870"/>
    <x v="1"/>
    <s v="Transport"/>
    <s v="Active Travel"/>
    <s v="Pedestrian crossing improvements on side arms along White Hart Road and Windmill Road"/>
    <s v="(SG32-1) Tactile paving at side arm junctions - Eastwick Row, White Hart Drive, Windmill Road, Abel Close and Homefield Road"/>
    <x v="1"/>
    <x v="54"/>
    <x v="2"/>
    <x v="2"/>
    <x v="37"/>
    <s v="N/A"/>
    <s v="N/A"/>
    <n v="4836.6060599999992"/>
    <n v="4836.6060599999992"/>
    <s v="S278 / S106 / CIL / External Funding"/>
    <s v="Essential"/>
    <m/>
    <m/>
    <m/>
    <m/>
    <m/>
    <m/>
    <m/>
    <m/>
    <m/>
    <m/>
    <m/>
    <m/>
    <m/>
    <m/>
    <m/>
    <m/>
    <m/>
    <m/>
    <m/>
    <m/>
    <m/>
    <m/>
    <m/>
    <m/>
    <m/>
    <m/>
    <m/>
    <m/>
    <m/>
    <m/>
    <m/>
    <n v="0"/>
    <m/>
    <s v=""/>
    <s v=""/>
    <s v=""/>
    <s v=""/>
    <s v=""/>
    <s v=""/>
    <s v=""/>
    <s v=""/>
    <s v=""/>
    <s v=""/>
    <s v=""/>
    <s v=""/>
    <s v=""/>
    <s v=""/>
    <s v=""/>
    <s v=""/>
    <s v=""/>
    <s v=""/>
    <s v=""/>
    <s v=""/>
    <s v=""/>
    <s v=""/>
    <s v=""/>
    <s v=""/>
    <s v=""/>
    <s v=""/>
    <s v=""/>
    <s v=""/>
    <s v=""/>
    <s v=""/>
    <s v=""/>
    <m/>
    <m/>
    <m/>
  </r>
  <r>
    <n v="871"/>
    <x v="1"/>
    <s v="Transport"/>
    <s v="Active Travel"/>
    <s v="White Hart Road signal-controlled crossing north of A414"/>
    <s v="(SG32-3) Signal controlled crossing on White Hart Road north of the A414 roundabout. Include localised widening of the footway on the western side "/>
    <x v="1"/>
    <x v="54"/>
    <x v="2"/>
    <x v="2"/>
    <x v="37"/>
    <s v="N/A"/>
    <s v="N/A"/>
    <n v="251608.5"/>
    <n v="251608.5"/>
    <s v="S278 / S106 / CIL / External Funding"/>
    <s v="Essential"/>
    <m/>
    <m/>
    <m/>
    <m/>
    <m/>
    <m/>
    <m/>
    <m/>
    <m/>
    <m/>
    <m/>
    <m/>
    <m/>
    <m/>
    <m/>
    <m/>
    <m/>
    <m/>
    <m/>
    <m/>
    <m/>
    <m/>
    <m/>
    <m/>
    <m/>
    <m/>
    <m/>
    <m/>
    <m/>
    <m/>
    <m/>
    <n v="0"/>
    <m/>
    <s v=""/>
    <s v=""/>
    <s v=""/>
    <s v=""/>
    <s v=""/>
    <s v=""/>
    <s v=""/>
    <s v=""/>
    <s v=""/>
    <s v=""/>
    <s v=""/>
    <s v=""/>
    <s v=""/>
    <s v=""/>
    <s v=""/>
    <s v=""/>
    <s v=""/>
    <s v=""/>
    <s v=""/>
    <s v=""/>
    <s v=""/>
    <s v=""/>
    <s v=""/>
    <s v=""/>
    <s v=""/>
    <s v=""/>
    <s v=""/>
    <s v=""/>
    <s v=""/>
    <s v=""/>
    <s v=""/>
    <m/>
    <m/>
    <m/>
  </r>
  <r>
    <n v="872"/>
    <x v="1"/>
    <s v="Transport"/>
    <s v="Active Travel"/>
    <s v="White Hart Road-Windmill Road Wayfinding signage"/>
    <s v="(SG32-3) Improve signage and wayfinding"/>
    <x v="1"/>
    <x v="54"/>
    <x v="2"/>
    <x v="2"/>
    <x v="37"/>
    <s v="N/A"/>
    <s v="N/A"/>
    <n v="6783.5625"/>
    <n v="6783.5625"/>
    <s v="S278 / S106 / CIL / External Funding"/>
    <s v="Essential"/>
    <m/>
    <m/>
    <m/>
    <m/>
    <m/>
    <m/>
    <m/>
    <m/>
    <m/>
    <m/>
    <m/>
    <m/>
    <m/>
    <m/>
    <m/>
    <m/>
    <m/>
    <m/>
    <m/>
    <m/>
    <m/>
    <m/>
    <m/>
    <m/>
    <m/>
    <m/>
    <m/>
    <m/>
    <m/>
    <m/>
    <m/>
    <n v="0"/>
    <m/>
    <s v=""/>
    <s v=""/>
    <s v=""/>
    <s v=""/>
    <s v=""/>
    <s v=""/>
    <s v=""/>
    <s v=""/>
    <s v=""/>
    <s v=""/>
    <s v=""/>
    <s v=""/>
    <s v=""/>
    <s v=""/>
    <s v=""/>
    <s v=""/>
    <s v=""/>
    <s v=""/>
    <s v=""/>
    <s v=""/>
    <s v=""/>
    <s v=""/>
    <s v=""/>
    <s v=""/>
    <s v=""/>
    <s v=""/>
    <s v=""/>
    <s v=""/>
    <s v=""/>
    <s v=""/>
    <s v=""/>
    <m/>
    <m/>
    <m/>
  </r>
  <r>
    <n v="873"/>
    <x v="1"/>
    <s v="Transport"/>
    <s v="Active Travel"/>
    <s v="Redbourn Road-Swallowdale Lane Roundabout reconfiguration including improved crossings"/>
    <s v="(SG33-1) Reconfiguration of the Redbourn Road-Swallowdale Lane-High Street Green-Queensway roundabout - removing the left turn filters and building out the verges to reducing crossing distances. Installing Toucan crossings on the eastern and southern arms of the junction."/>
    <x v="1"/>
    <x v="54"/>
    <x v="2"/>
    <x v="2"/>
    <x v="45"/>
    <s v="N/A"/>
    <s v="N/A"/>
    <n v="1099672.0109375"/>
    <n v="1099672.0109375"/>
    <s v="S278 / S106 / CIL / External Funding"/>
    <s v="Essential"/>
    <m/>
    <m/>
    <m/>
    <m/>
    <m/>
    <m/>
    <m/>
    <m/>
    <m/>
    <m/>
    <m/>
    <m/>
    <m/>
    <m/>
    <m/>
    <m/>
    <m/>
    <m/>
    <m/>
    <m/>
    <m/>
    <m/>
    <m/>
    <m/>
    <m/>
    <m/>
    <m/>
    <m/>
    <m/>
    <m/>
    <m/>
    <n v="0"/>
    <m/>
    <s v=""/>
    <s v=""/>
    <s v=""/>
    <s v=""/>
    <s v=""/>
    <s v=""/>
    <s v=""/>
    <s v=""/>
    <s v=""/>
    <s v=""/>
    <s v=""/>
    <s v=""/>
    <s v=""/>
    <s v=""/>
    <s v=""/>
    <s v=""/>
    <s v=""/>
    <s v=""/>
    <s v=""/>
    <s v=""/>
    <s v=""/>
    <s v=""/>
    <s v=""/>
    <s v=""/>
    <s v=""/>
    <s v=""/>
    <s v=""/>
    <s v=""/>
    <s v=""/>
    <s v=""/>
    <s v=""/>
    <m/>
    <m/>
    <m/>
  </r>
  <r>
    <n v="874"/>
    <x v="1"/>
    <s v="Transport"/>
    <s v="Active Travel"/>
    <s v="Additional Wayfinding Signage on Redbourn Road"/>
    <s v="(SG33-2) Implement wayfinding at start/end of segment"/>
    <x v="1"/>
    <x v="54"/>
    <x v="2"/>
    <x v="2"/>
    <x v="37"/>
    <s v="N/A"/>
    <s v="N/A"/>
    <n v="4522.375"/>
    <n v="4522.375"/>
    <s v="S278 / S106 / CIL / External Funding"/>
    <s v="Essential"/>
    <m/>
    <m/>
    <m/>
    <m/>
    <m/>
    <m/>
    <m/>
    <m/>
    <m/>
    <m/>
    <m/>
    <m/>
    <m/>
    <m/>
    <m/>
    <m/>
    <m/>
    <m/>
    <m/>
    <m/>
    <m/>
    <m/>
    <m/>
    <m/>
    <m/>
    <m/>
    <m/>
    <m/>
    <m/>
    <m/>
    <m/>
    <n v="0"/>
    <m/>
    <s v=""/>
    <s v=""/>
    <s v=""/>
    <s v=""/>
    <s v=""/>
    <s v=""/>
    <s v=""/>
    <s v=""/>
    <s v=""/>
    <s v=""/>
    <s v=""/>
    <s v=""/>
    <s v=""/>
    <s v=""/>
    <s v=""/>
    <s v=""/>
    <s v=""/>
    <s v=""/>
    <s v=""/>
    <s v=""/>
    <s v=""/>
    <s v=""/>
    <s v=""/>
    <s v=""/>
    <s v=""/>
    <s v=""/>
    <s v=""/>
    <s v=""/>
    <s v=""/>
    <s v=""/>
    <s v=""/>
    <m/>
    <m/>
    <m/>
  </r>
  <r>
    <n v="875"/>
    <x v="1"/>
    <s v="Transport"/>
    <s v="Active Travel"/>
    <s v="Toucan Crossings on Swallowdale Lane"/>
    <s v="(SG34-1) Install Toucan crossings on Swallowdale Road between a) Eastman Way and Maxted Road, and b) between Maxted Road and Three Cherry Trees Lane"/>
    <x v="1"/>
    <x v="55"/>
    <x v="2"/>
    <x v="2"/>
    <x v="37"/>
    <s v="N/A"/>
    <s v="N/A"/>
    <n v="575575"/>
    <n v="575575"/>
    <s v="S278 / S106 "/>
    <s v="Essential"/>
    <m/>
    <m/>
    <m/>
    <m/>
    <m/>
    <m/>
    <m/>
    <m/>
    <m/>
    <m/>
    <m/>
    <m/>
    <m/>
    <m/>
    <m/>
    <m/>
    <m/>
    <m/>
    <m/>
    <m/>
    <m/>
    <m/>
    <m/>
    <m/>
    <m/>
    <m/>
    <m/>
    <m/>
    <m/>
    <m/>
    <m/>
    <n v="0"/>
    <m/>
    <s v=""/>
    <s v=""/>
    <s v=""/>
    <s v=""/>
    <s v=""/>
    <s v=""/>
    <s v=""/>
    <s v=""/>
    <s v=""/>
    <s v=""/>
    <s v=""/>
    <s v=""/>
    <s v=""/>
    <s v=""/>
    <s v=""/>
    <s v=""/>
    <s v=""/>
    <s v=""/>
    <s v=""/>
    <s v=""/>
    <s v=""/>
    <s v=""/>
    <s v=""/>
    <s v=""/>
    <s v=""/>
    <s v=""/>
    <s v=""/>
    <s v=""/>
    <s v=""/>
    <s v=""/>
    <s v=""/>
    <m/>
    <m/>
    <m/>
  </r>
  <r>
    <n v="876"/>
    <x v="1"/>
    <s v="Transport"/>
    <s v="Active Travel"/>
    <s v="Signalised crossing on Three Cherry Trees Lane"/>
    <s v="(SG34-2) Install a pelican crossing on Three Cherry Trees Lane south of the Caravan Park entrance. Also provide localised widening to the footway along the eastern side of Three Cherry Trees Lane between the proposed crossing to just south of Admiral Avenue"/>
    <x v="1"/>
    <x v="55"/>
    <x v="2"/>
    <x v="2"/>
    <x v="37"/>
    <s v="N/A"/>
    <s v="N/A"/>
    <n v="291076.5"/>
    <n v="291076.5"/>
    <s v="S278 / S106 "/>
    <s v="Essential"/>
    <m/>
    <m/>
    <m/>
    <m/>
    <m/>
    <m/>
    <m/>
    <m/>
    <m/>
    <m/>
    <m/>
    <m/>
    <m/>
    <m/>
    <m/>
    <m/>
    <m/>
    <m/>
    <m/>
    <m/>
    <m/>
    <m/>
    <m/>
    <m/>
    <m/>
    <m/>
    <m/>
    <m/>
    <m/>
    <m/>
    <m/>
    <n v="0"/>
    <m/>
    <s v=""/>
    <s v=""/>
    <s v=""/>
    <s v=""/>
    <s v=""/>
    <s v=""/>
    <s v=""/>
    <s v=""/>
    <s v=""/>
    <s v=""/>
    <s v=""/>
    <s v=""/>
    <s v=""/>
    <s v=""/>
    <s v=""/>
    <s v=""/>
    <s v=""/>
    <s v=""/>
    <s v=""/>
    <s v=""/>
    <s v=""/>
    <s v=""/>
    <s v=""/>
    <s v=""/>
    <s v=""/>
    <s v=""/>
    <s v=""/>
    <s v=""/>
    <s v=""/>
    <s v=""/>
    <s v=""/>
    <m/>
    <m/>
    <m/>
  </r>
  <r>
    <n v="877"/>
    <x v="1"/>
    <s v="Transport"/>
    <s v="Active Travel"/>
    <s v="Shared use Cycleway on Swallowdale Lane"/>
    <s v="(SG34-3) Implement a shared use cycleway and footway on the northern side of Swallowdale Lane between Eastman Way and just west of Three Cherry Trees Lane."/>
    <x v="1"/>
    <x v="55"/>
    <x v="2"/>
    <x v="2"/>
    <x v="37"/>
    <s v="N/A"/>
    <s v="N/A"/>
    <n v="196106.625"/>
    <n v="196106.625"/>
    <s v="S278 / S106 "/>
    <s v="Essential"/>
    <m/>
    <m/>
    <m/>
    <m/>
    <m/>
    <m/>
    <m/>
    <m/>
    <m/>
    <m/>
    <m/>
    <m/>
    <m/>
    <m/>
    <m/>
    <m/>
    <m/>
    <m/>
    <m/>
    <m/>
    <m/>
    <m/>
    <m/>
    <m/>
    <m/>
    <m/>
    <m/>
    <m/>
    <m/>
    <m/>
    <m/>
    <n v="0"/>
    <m/>
    <s v=""/>
    <s v=""/>
    <s v=""/>
    <s v=""/>
    <s v=""/>
    <s v=""/>
    <s v=""/>
    <s v=""/>
    <s v=""/>
    <s v=""/>
    <s v=""/>
    <s v=""/>
    <s v=""/>
    <s v=""/>
    <s v=""/>
    <s v=""/>
    <s v=""/>
    <s v=""/>
    <s v=""/>
    <s v=""/>
    <s v=""/>
    <s v=""/>
    <s v=""/>
    <s v=""/>
    <s v=""/>
    <s v=""/>
    <s v=""/>
    <s v=""/>
    <s v=""/>
    <s v=""/>
    <s v=""/>
    <m/>
    <m/>
    <m/>
  </r>
  <r>
    <n v="878"/>
    <x v="1"/>
    <s v="Transport"/>
    <s v="Active Travel"/>
    <s v="Cycleway on Three Cherry Trees Lane - Swallowdale Lane to Boundary Way"/>
    <s v="(SG34-4) Widen the existing footway on the southern side of Three Cherry Trees Lane to enable shared use between Boundary Way and Swallowdale Lane"/>
    <x v="1"/>
    <x v="55"/>
    <x v="2"/>
    <x v="2"/>
    <x v="37"/>
    <s v="N/A"/>
    <s v="N/A"/>
    <n v="71535.75"/>
    <n v="71535.75"/>
    <s v="S278 / S106 "/>
    <s v="Essential"/>
    <m/>
    <m/>
    <m/>
    <m/>
    <m/>
    <m/>
    <m/>
    <m/>
    <m/>
    <m/>
    <m/>
    <m/>
    <m/>
    <m/>
    <m/>
    <m/>
    <m/>
    <m/>
    <m/>
    <m/>
    <m/>
    <m/>
    <m/>
    <m/>
    <m/>
    <m/>
    <m/>
    <m/>
    <m/>
    <m/>
    <m/>
    <n v="0"/>
    <m/>
    <s v=""/>
    <s v=""/>
    <s v=""/>
    <s v=""/>
    <s v=""/>
    <s v=""/>
    <s v=""/>
    <s v=""/>
    <s v=""/>
    <s v=""/>
    <s v=""/>
    <s v=""/>
    <s v=""/>
    <s v=""/>
    <s v=""/>
    <s v=""/>
    <s v=""/>
    <s v=""/>
    <s v=""/>
    <s v=""/>
    <s v=""/>
    <s v=""/>
    <s v=""/>
    <s v=""/>
    <s v=""/>
    <s v=""/>
    <s v=""/>
    <s v=""/>
    <s v=""/>
    <s v=""/>
    <s v=""/>
    <m/>
    <m/>
    <m/>
  </r>
  <r>
    <n v="879"/>
    <x v="1"/>
    <s v="Transport"/>
    <s v="Active Travel"/>
    <s v="Maxted Road pedestrian crossing improvements"/>
    <s v="(SG35-5) Provide tactile paving at the junction with Maxted Road"/>
    <x v="1"/>
    <x v="55"/>
    <x v="2"/>
    <x v="2"/>
    <x v="37"/>
    <s v="N/A"/>
    <s v="N/A"/>
    <n v="789.36"/>
    <n v="789.36"/>
    <s v="S278 / S106 "/>
    <s v="Essential"/>
    <m/>
    <m/>
    <m/>
    <m/>
    <m/>
    <m/>
    <m/>
    <m/>
    <m/>
    <m/>
    <m/>
    <m/>
    <m/>
    <m/>
    <m/>
    <m/>
    <m/>
    <m/>
    <m/>
    <m/>
    <m/>
    <m/>
    <m/>
    <m/>
    <m/>
    <m/>
    <m/>
    <m/>
    <m/>
    <m/>
    <m/>
    <n v="0"/>
    <m/>
    <s v=""/>
    <s v=""/>
    <s v=""/>
    <s v=""/>
    <s v=""/>
    <s v=""/>
    <s v=""/>
    <s v=""/>
    <s v=""/>
    <s v=""/>
    <s v=""/>
    <s v=""/>
    <s v=""/>
    <s v=""/>
    <s v=""/>
    <s v=""/>
    <s v=""/>
    <s v=""/>
    <s v=""/>
    <s v=""/>
    <s v=""/>
    <s v=""/>
    <s v=""/>
    <s v=""/>
    <s v=""/>
    <s v=""/>
    <s v=""/>
    <s v=""/>
    <s v=""/>
    <s v=""/>
    <s v=""/>
    <m/>
    <m/>
    <m/>
  </r>
  <r>
    <n v="880"/>
    <x v="1"/>
    <s v="Transport"/>
    <s v="Active Travel"/>
    <s v="Swallowdale Lane and Three Cherry Trees Lane Wayfinding signage"/>
    <s v="(SG34-6) Install wayfinding  at start and end of segment and at junction of Swallowdale Lane and Three Cherry Trees Lane."/>
    <x v="1"/>
    <x v="55"/>
    <x v="2"/>
    <x v="2"/>
    <x v="37"/>
    <s v="N/A"/>
    <s v="N/A"/>
    <n v="6783.5625"/>
    <n v="6783.5625"/>
    <s v="S278 / S106 "/>
    <s v="Essential"/>
    <m/>
    <m/>
    <m/>
    <m/>
    <m/>
    <m/>
    <m/>
    <m/>
    <m/>
    <m/>
    <m/>
    <m/>
    <m/>
    <m/>
    <m/>
    <m/>
    <m/>
    <m/>
    <m/>
    <m/>
    <m/>
    <m/>
    <m/>
    <m/>
    <m/>
    <m/>
    <m/>
    <m/>
    <m/>
    <m/>
    <m/>
    <n v="0"/>
    <m/>
    <s v=""/>
    <s v=""/>
    <s v=""/>
    <s v=""/>
    <s v=""/>
    <s v=""/>
    <s v=""/>
    <s v=""/>
    <s v=""/>
    <s v=""/>
    <s v=""/>
    <s v=""/>
    <s v=""/>
    <s v=""/>
    <s v=""/>
    <s v=""/>
    <s v=""/>
    <s v=""/>
    <s v=""/>
    <s v=""/>
    <s v=""/>
    <s v=""/>
    <s v=""/>
    <s v=""/>
    <s v=""/>
    <s v=""/>
    <s v=""/>
    <s v=""/>
    <s v=""/>
    <s v=""/>
    <s v=""/>
    <m/>
    <m/>
    <m/>
  </r>
  <r>
    <n v="881"/>
    <x v="1"/>
    <s v="Transport"/>
    <s v="Active Travel"/>
    <s v="Cycleway along St Agnells Lane"/>
    <s v="(SG35-1) Implement a offroad shared use cycleway along the full length of St Agnells Lane, located on the western side from Washington Avenue and remaining on the same side of the road for the full length, terminating on the eastern side at the junction with Redbourn Road. Include 4x Copenhagen crossings at St Agenlls Court, Cupid Green Lane, Essex Mead and Old Maple "/>
    <x v="1"/>
    <x v="1"/>
    <x v="2"/>
    <x v="2"/>
    <x v="37"/>
    <s v="N/A"/>
    <s v="N/A"/>
    <n v="1987279.3744375"/>
    <n v="1987279.3744375"/>
    <s v="S278 / S106 "/>
    <s v="Essential"/>
    <m/>
    <m/>
    <m/>
    <m/>
    <m/>
    <m/>
    <m/>
    <m/>
    <m/>
    <m/>
    <m/>
    <m/>
    <m/>
    <m/>
    <m/>
    <m/>
    <m/>
    <m/>
    <m/>
    <m/>
    <m/>
    <m/>
    <m/>
    <m/>
    <m/>
    <m/>
    <m/>
    <m/>
    <m/>
    <m/>
    <m/>
    <n v="0"/>
    <m/>
    <s v=""/>
    <s v=""/>
    <s v=""/>
    <s v=""/>
    <s v=""/>
    <s v=""/>
    <s v=""/>
    <s v=""/>
    <s v=""/>
    <s v=""/>
    <s v=""/>
    <s v=""/>
    <s v=""/>
    <s v=""/>
    <s v=""/>
    <s v=""/>
    <s v=""/>
    <s v=""/>
    <s v=""/>
    <s v=""/>
    <s v=""/>
    <s v=""/>
    <s v=""/>
    <s v=""/>
    <s v=""/>
    <s v=""/>
    <s v=""/>
    <s v=""/>
    <s v=""/>
    <s v=""/>
    <s v=""/>
    <m/>
    <m/>
    <m/>
  </r>
  <r>
    <n v="882"/>
    <x v="1"/>
    <s v="Transport"/>
    <s v="Active Travel"/>
    <s v="Zebra crossing adjacent to Cupid Green Lane junction"/>
    <s v="(SG35-2) Install zebra crossing on raised speed table adjacent to Cupid Green Lane"/>
    <x v="1"/>
    <x v="1"/>
    <x v="2"/>
    <x v="2"/>
    <x v="37"/>
    <s v="N/A"/>
    <s v="N/A"/>
    <n v="129504.375"/>
    <n v="129504.375"/>
    <s v="S278 / S106 "/>
    <s v="Essential"/>
    <m/>
    <m/>
    <m/>
    <m/>
    <m/>
    <m/>
    <m/>
    <m/>
    <m/>
    <m/>
    <m/>
    <m/>
    <m/>
    <m/>
    <m/>
    <m/>
    <m/>
    <m/>
    <m/>
    <m/>
    <m/>
    <m/>
    <m/>
    <m/>
    <m/>
    <m/>
    <m/>
    <m/>
    <m/>
    <m/>
    <m/>
    <n v="0"/>
    <m/>
    <s v=""/>
    <s v=""/>
    <s v=""/>
    <s v=""/>
    <s v=""/>
    <s v=""/>
    <s v=""/>
    <s v=""/>
    <s v=""/>
    <s v=""/>
    <s v=""/>
    <s v=""/>
    <s v=""/>
    <s v=""/>
    <s v=""/>
    <s v=""/>
    <s v=""/>
    <s v=""/>
    <s v=""/>
    <s v=""/>
    <s v=""/>
    <s v=""/>
    <s v=""/>
    <s v=""/>
    <s v=""/>
    <s v=""/>
    <s v=""/>
    <s v=""/>
    <s v=""/>
    <s v=""/>
    <s v=""/>
    <m/>
    <m/>
    <m/>
  </r>
  <r>
    <n v="883"/>
    <x v="1"/>
    <s v="Transport"/>
    <s v="Active Travel"/>
    <s v="Cupid Green Lane Quietway"/>
    <s v="(SG35-3) Convert Cupid Green Lane to a Quiteway to discourage through traffic. To provide an attractive route for walking and cycling from North Hemel Hempstead through Grovehill. Permit vehicle access to the allotments but closed to through traffic north of this point. Where Cupid Green Lane currently links onto Gaddesdon Lane on the northern side of the proposed North Hemel Hempstead development, this should also be considered for Quietway treatment to discourage traffic ratrunning through the development or conversely traffic routeing out of the development onto Gaddesdon Lane. "/>
    <x v="1"/>
    <x v="1"/>
    <x v="2"/>
    <x v="2"/>
    <x v="37"/>
    <s v="N/A"/>
    <s v="N/A"/>
    <n v="781137.5"/>
    <n v="781137.5"/>
    <s v="S278 / S106 "/>
    <s v="Essential"/>
    <m/>
    <m/>
    <m/>
    <m/>
    <m/>
    <m/>
    <m/>
    <m/>
    <m/>
    <m/>
    <m/>
    <m/>
    <m/>
    <m/>
    <m/>
    <m/>
    <m/>
    <m/>
    <m/>
    <m/>
    <m/>
    <m/>
    <m/>
    <m/>
    <m/>
    <m/>
    <m/>
    <m/>
    <m/>
    <m/>
    <m/>
    <n v="0"/>
    <m/>
    <s v=""/>
    <s v=""/>
    <s v=""/>
    <s v=""/>
    <s v=""/>
    <s v=""/>
    <s v=""/>
    <s v=""/>
    <s v=""/>
    <s v=""/>
    <s v=""/>
    <s v=""/>
    <s v=""/>
    <s v=""/>
    <s v=""/>
    <s v=""/>
    <s v=""/>
    <s v=""/>
    <s v=""/>
    <s v=""/>
    <s v=""/>
    <s v=""/>
    <s v=""/>
    <s v=""/>
    <s v=""/>
    <s v=""/>
    <s v=""/>
    <s v=""/>
    <s v=""/>
    <s v=""/>
    <s v=""/>
    <m/>
    <m/>
    <m/>
  </r>
  <r>
    <n v="884"/>
    <x v="1"/>
    <s v="Transport"/>
    <s v="Active Travel"/>
    <s v="Grovehill Playing Fields - connection to North Hemel Hempstead development"/>
    <s v="Provision of a new shared footway and cyclepath link through Grovehill Playing Fields, linking into the existing path where it currently ends, and connecting into the planned North Hemel Hempstead development. "/>
    <x v="1"/>
    <x v="1"/>
    <x v="2"/>
    <x v="2"/>
    <x v="37"/>
    <s v="N/A"/>
    <s v="N/A"/>
    <n v="279873.34375"/>
    <n v="279873.34375"/>
    <s v="S278 / S106 "/>
    <s v="Essential"/>
    <m/>
    <m/>
    <m/>
    <m/>
    <m/>
    <m/>
    <m/>
    <m/>
    <m/>
    <m/>
    <m/>
    <m/>
    <m/>
    <m/>
    <m/>
    <m/>
    <m/>
    <m/>
    <m/>
    <m/>
    <m/>
    <m/>
    <m/>
    <m/>
    <m/>
    <m/>
    <m/>
    <m/>
    <m/>
    <m/>
    <m/>
    <n v="0"/>
    <m/>
    <s v=""/>
    <s v=""/>
    <s v=""/>
    <s v=""/>
    <s v=""/>
    <s v=""/>
    <s v=""/>
    <s v=""/>
    <s v=""/>
    <s v=""/>
    <s v=""/>
    <s v=""/>
    <s v=""/>
    <s v=""/>
    <s v=""/>
    <s v=""/>
    <s v=""/>
    <s v=""/>
    <s v=""/>
    <s v=""/>
    <s v=""/>
    <s v=""/>
    <s v=""/>
    <s v=""/>
    <s v=""/>
    <s v=""/>
    <s v=""/>
    <s v=""/>
    <s v=""/>
    <s v=""/>
    <s v=""/>
    <m/>
    <m/>
    <m/>
  </r>
  <r>
    <n v="885"/>
    <x v="1"/>
    <s v="Transport"/>
    <s v="Active Travel"/>
    <s v="Washington Avenue-North Hemel Hempstead footway/cycle link "/>
    <s v="A new link for pedestrians and cyclists, adjacent to the Education Support Centre on Washington Avenue, to connect into the proposed North Hemel Hempstead development."/>
    <x v="1"/>
    <x v="1"/>
    <x v="2"/>
    <x v="2"/>
    <x v="37"/>
    <s v="N/A"/>
    <s v="N/A"/>
    <n v="79151.840624999997"/>
    <n v="79151.840624999997"/>
    <s v="S278 / S106 "/>
    <s v="Essential"/>
    <m/>
    <m/>
    <m/>
    <m/>
    <m/>
    <m/>
    <m/>
    <m/>
    <m/>
    <m/>
    <m/>
    <m/>
    <m/>
    <m/>
    <m/>
    <m/>
    <m/>
    <m/>
    <m/>
    <m/>
    <m/>
    <m/>
    <m/>
    <m/>
    <m/>
    <m/>
    <m/>
    <m/>
    <m/>
    <m/>
    <m/>
    <n v="0"/>
    <m/>
    <s v=""/>
    <s v=""/>
    <s v=""/>
    <s v=""/>
    <s v=""/>
    <s v=""/>
    <s v=""/>
    <s v=""/>
    <s v=""/>
    <s v=""/>
    <s v=""/>
    <s v=""/>
    <s v=""/>
    <s v=""/>
    <s v=""/>
    <s v=""/>
    <s v=""/>
    <s v=""/>
    <s v=""/>
    <s v=""/>
    <s v=""/>
    <s v=""/>
    <s v=""/>
    <s v=""/>
    <s v=""/>
    <s v=""/>
    <s v=""/>
    <s v=""/>
    <s v=""/>
    <s v=""/>
    <s v=""/>
    <m/>
    <m/>
    <m/>
  </r>
  <r>
    <n v="886"/>
    <x v="1"/>
    <s v="Transport"/>
    <s v="Active Travel"/>
    <s v="Woodhall Farm-North Hemel Hempstead footway/cycle link"/>
    <s v="A new route for pedestrians and cyclists to link Shenley Road between the Sainsbury's and Brockwood Primary School. Likely to use a section of existing footway adjacent to the supermarket car park at the western end, however reallocation of land from the school may be required at the eastern end. "/>
    <x v="1"/>
    <x v="1"/>
    <x v="2"/>
    <x v="2"/>
    <x v="37"/>
    <s v="N/A"/>
    <s v="N/A"/>
    <n v="124150.49968750001"/>
    <n v="124150.49968750001"/>
    <s v="S278 / S106 "/>
    <s v="Essential"/>
    <m/>
    <m/>
    <m/>
    <m/>
    <m/>
    <m/>
    <m/>
    <m/>
    <m/>
    <m/>
    <m/>
    <m/>
    <m/>
    <m/>
    <m/>
    <m/>
    <m/>
    <m/>
    <m/>
    <m/>
    <m/>
    <m/>
    <m/>
    <m/>
    <m/>
    <m/>
    <m/>
    <m/>
    <m/>
    <m/>
    <m/>
    <n v="0"/>
    <m/>
    <s v=""/>
    <s v=""/>
    <s v=""/>
    <s v=""/>
    <s v=""/>
    <s v=""/>
    <s v=""/>
    <s v=""/>
    <s v=""/>
    <s v=""/>
    <s v=""/>
    <s v=""/>
    <s v=""/>
    <s v=""/>
    <s v=""/>
    <s v=""/>
    <s v=""/>
    <s v=""/>
    <s v=""/>
    <s v=""/>
    <s v=""/>
    <s v=""/>
    <s v=""/>
    <s v=""/>
    <s v=""/>
    <s v=""/>
    <s v=""/>
    <s v=""/>
    <s v=""/>
    <s v=""/>
    <s v=""/>
    <m/>
    <m/>
    <m/>
  </r>
  <r>
    <n v="887"/>
    <x v="1"/>
    <s v="Transport"/>
    <s v="Active Travel"/>
    <s v="Northridge Way-Cangels Close-Moorland Road Cycle Route"/>
    <s v="(SG36-1) Implement an offroad shared use cycleway along Northridge Way between the junctions with Warners End Road and Cangels Close. Implement on-street advisory route along Cangels Close and Moorland Road and a parallel zebra crossing just east of the Cangels Close junction."/>
    <x v="1"/>
    <x v="54"/>
    <x v="2"/>
    <x v="2"/>
    <x v="37"/>
    <s v="N/A"/>
    <s v="N/A"/>
    <n v="1258042.5"/>
    <n v="1258042.5"/>
    <s v="S278 / S106 / CIL / External Funding"/>
    <s v="Essential"/>
    <m/>
    <m/>
    <m/>
    <m/>
    <m/>
    <m/>
    <m/>
    <m/>
    <m/>
    <m/>
    <m/>
    <m/>
    <m/>
    <m/>
    <m/>
    <m/>
    <m/>
    <m/>
    <m/>
    <m/>
    <m/>
    <m/>
    <m/>
    <m/>
    <m/>
    <m/>
    <m/>
    <m/>
    <m/>
    <m/>
    <m/>
    <n v="0"/>
    <m/>
    <s v=""/>
    <s v=""/>
    <s v=""/>
    <s v=""/>
    <s v=""/>
    <s v=""/>
    <s v=""/>
    <s v=""/>
    <s v=""/>
    <s v=""/>
    <s v=""/>
    <s v=""/>
    <s v=""/>
    <s v=""/>
    <s v=""/>
    <s v=""/>
    <s v=""/>
    <s v=""/>
    <s v=""/>
    <s v=""/>
    <s v=""/>
    <s v=""/>
    <s v=""/>
    <s v=""/>
    <s v=""/>
    <s v=""/>
    <s v=""/>
    <s v=""/>
    <s v=""/>
    <s v=""/>
    <s v=""/>
    <m/>
    <m/>
    <m/>
  </r>
  <r>
    <n v="888"/>
    <x v="1"/>
    <s v="Transport"/>
    <s v="Active Travel"/>
    <s v="Northridge Way-Jocketts Road crossing and cycle route"/>
    <s v="(SG36-2) Install new parallel zebra crossing on raised speed table on Northridge Way, north of the junction with Jocketts Road. Include an 80m section of shared use cycleway running on Jocketts Road between Northridge Way and Shrubhill Road with dropped kerbs at western end for cyclists to enter/exit the carriageway"/>
    <x v="1"/>
    <x v="54"/>
    <x v="2"/>
    <x v="2"/>
    <x v="37"/>
    <s v="N/A"/>
    <s v="N/A"/>
    <n v="152150.02803000002"/>
    <n v="152150.02803000002"/>
    <s v="S278 / S106 / CIL / External Funding"/>
    <s v="Essential"/>
    <m/>
    <m/>
    <m/>
    <m/>
    <m/>
    <m/>
    <m/>
    <m/>
    <m/>
    <m/>
    <m/>
    <m/>
    <m/>
    <m/>
    <m/>
    <m/>
    <m/>
    <m/>
    <m/>
    <m/>
    <m/>
    <m/>
    <m/>
    <m/>
    <m/>
    <m/>
    <m/>
    <m/>
    <m/>
    <m/>
    <m/>
    <n v="0"/>
    <m/>
    <s v=""/>
    <s v=""/>
    <s v=""/>
    <s v=""/>
    <s v=""/>
    <s v=""/>
    <s v=""/>
    <s v=""/>
    <s v=""/>
    <s v=""/>
    <s v=""/>
    <s v=""/>
    <s v=""/>
    <s v=""/>
    <s v=""/>
    <s v=""/>
    <s v=""/>
    <s v=""/>
    <s v=""/>
    <s v=""/>
    <s v=""/>
    <s v=""/>
    <s v=""/>
    <s v=""/>
    <s v=""/>
    <s v=""/>
    <s v=""/>
    <s v=""/>
    <s v=""/>
    <s v=""/>
    <s v=""/>
    <m/>
    <m/>
    <m/>
  </r>
  <r>
    <n v="889"/>
    <x v="1"/>
    <s v="Transport"/>
    <s v="Active Travel"/>
    <s v="Northridge Way Wayfinding Signage"/>
    <s v="(SG36-3) Introduce wayfinding northern end of segment, Northridge Park and at junction of Jocketts Road."/>
    <x v="1"/>
    <x v="54"/>
    <x v="2"/>
    <x v="2"/>
    <x v="37"/>
    <s v="N/A"/>
    <s v="N/A"/>
    <n v="6783.5625"/>
    <n v="6783.5625"/>
    <s v="S278 / S106 / CIL / External Funding"/>
    <s v="Essential"/>
    <m/>
    <m/>
    <m/>
    <m/>
    <m/>
    <m/>
    <m/>
    <m/>
    <m/>
    <m/>
    <m/>
    <m/>
    <m/>
    <m/>
    <m/>
    <m/>
    <m/>
    <m/>
    <m/>
    <m/>
    <m/>
    <m/>
    <m/>
    <m/>
    <m/>
    <m/>
    <m/>
    <m/>
    <m/>
    <m/>
    <m/>
    <n v="0"/>
    <m/>
    <s v=""/>
    <s v=""/>
    <s v=""/>
    <s v=""/>
    <s v=""/>
    <s v=""/>
    <s v=""/>
    <s v=""/>
    <s v=""/>
    <s v=""/>
    <s v=""/>
    <s v=""/>
    <s v=""/>
    <s v=""/>
    <s v=""/>
    <s v=""/>
    <s v=""/>
    <s v=""/>
    <s v=""/>
    <s v=""/>
    <s v=""/>
    <s v=""/>
    <s v=""/>
    <s v=""/>
    <s v=""/>
    <s v=""/>
    <s v=""/>
    <s v=""/>
    <s v=""/>
    <s v=""/>
    <s v=""/>
    <m/>
    <m/>
    <m/>
  </r>
  <r>
    <n v="890"/>
    <x v="1"/>
    <s v="Transport"/>
    <s v="Active Travel"/>
    <s v="Northridge Way Park cycle parking"/>
    <s v="(SG36-4) Introduce cycle parking at Northridge Park, close to play park and basketball court."/>
    <x v="1"/>
    <x v="54"/>
    <x v="2"/>
    <x v="2"/>
    <x v="37"/>
    <s v="N/A"/>
    <s v="N/A"/>
    <n v="518.01749999999993"/>
    <n v="518.01749999999993"/>
    <s v="S278 / S106 / CIL / External Funding"/>
    <s v="Essential"/>
    <m/>
    <m/>
    <m/>
    <m/>
    <m/>
    <m/>
    <m/>
    <m/>
    <m/>
    <m/>
    <m/>
    <m/>
    <m/>
    <m/>
    <m/>
    <m/>
    <m/>
    <m/>
    <m/>
    <m/>
    <m/>
    <m/>
    <m/>
    <m/>
    <m/>
    <m/>
    <m/>
    <m/>
    <m/>
    <m/>
    <m/>
    <n v="0"/>
    <m/>
    <s v=""/>
    <s v=""/>
    <s v=""/>
    <s v=""/>
    <s v=""/>
    <s v=""/>
    <s v=""/>
    <s v=""/>
    <s v=""/>
    <s v=""/>
    <s v=""/>
    <s v=""/>
    <s v=""/>
    <s v=""/>
    <s v=""/>
    <s v=""/>
    <s v=""/>
    <s v=""/>
    <s v=""/>
    <s v=""/>
    <s v=""/>
    <s v=""/>
    <s v=""/>
    <s v=""/>
    <s v=""/>
    <s v=""/>
    <s v=""/>
    <s v=""/>
    <s v=""/>
    <s v=""/>
    <s v=""/>
    <m/>
    <m/>
    <m/>
  </r>
  <r>
    <n v="891"/>
    <x v="1"/>
    <s v="Transport"/>
    <s v="Active Travel"/>
    <s v="Green End Road crossing and traffic calming feature near St Rose's School"/>
    <s v="(SG37-1) Install new uncontrolled crossing on Green End Road by St Rose's Infant and Nursery School as part of a kerbed build out with single lane give way to oncoming traffic."/>
    <x v="1"/>
    <x v="54"/>
    <x v="2"/>
    <x v="2"/>
    <x v="37"/>
    <s v="N/A"/>
    <s v="N/A"/>
    <n v="7106.016059999999"/>
    <n v="7106.016059999999"/>
    <s v="S278 / S106 / CIL / External Funding"/>
    <s v="Essential"/>
    <m/>
    <m/>
    <m/>
    <m/>
    <m/>
    <m/>
    <m/>
    <m/>
    <m/>
    <m/>
    <m/>
    <m/>
    <m/>
    <m/>
    <m/>
    <m/>
    <m/>
    <m/>
    <m/>
    <m/>
    <m/>
    <m/>
    <m/>
    <m/>
    <m/>
    <m/>
    <m/>
    <m/>
    <m/>
    <m/>
    <m/>
    <n v="0"/>
    <m/>
    <s v=""/>
    <s v=""/>
    <s v=""/>
    <s v=""/>
    <s v=""/>
    <s v=""/>
    <s v=""/>
    <s v=""/>
    <s v=""/>
    <s v=""/>
    <s v=""/>
    <s v=""/>
    <s v=""/>
    <s v=""/>
    <s v=""/>
    <s v=""/>
    <s v=""/>
    <s v=""/>
    <s v=""/>
    <s v=""/>
    <s v=""/>
    <s v=""/>
    <s v=""/>
    <s v=""/>
    <s v=""/>
    <s v=""/>
    <s v=""/>
    <s v=""/>
    <s v=""/>
    <s v=""/>
    <s v=""/>
    <m/>
    <m/>
    <m/>
  </r>
  <r>
    <n v="892"/>
    <x v="1"/>
    <s v="Transport"/>
    <s v="Active Travel"/>
    <s v="Zebra crossing on Ashtree Way"/>
    <s v="(SG37-2) Install new zebra crossing by Ashtree Way and Green End Road."/>
    <x v="1"/>
    <x v="54"/>
    <x v="2"/>
    <x v="2"/>
    <x v="37"/>
    <s v="N/A"/>
    <s v="N/A"/>
    <n v="129504.375"/>
    <n v="129504.375"/>
    <s v="S278 / S106 / CIL / External Funding"/>
    <s v="Essential"/>
    <m/>
    <m/>
    <m/>
    <m/>
    <m/>
    <m/>
    <m/>
    <m/>
    <m/>
    <m/>
    <m/>
    <m/>
    <m/>
    <m/>
    <m/>
    <m/>
    <m/>
    <m/>
    <m/>
    <m/>
    <m/>
    <m/>
    <m/>
    <m/>
    <m/>
    <m/>
    <m/>
    <m/>
    <m/>
    <m/>
    <m/>
    <n v="0"/>
    <m/>
    <s v=""/>
    <s v=""/>
    <s v=""/>
    <s v=""/>
    <s v=""/>
    <s v=""/>
    <s v=""/>
    <s v=""/>
    <s v=""/>
    <s v=""/>
    <s v=""/>
    <s v=""/>
    <s v=""/>
    <s v=""/>
    <s v=""/>
    <s v=""/>
    <s v=""/>
    <s v=""/>
    <s v=""/>
    <s v=""/>
    <s v=""/>
    <s v=""/>
    <s v=""/>
    <s v=""/>
    <s v=""/>
    <s v=""/>
    <s v=""/>
    <s v=""/>
    <s v=""/>
    <s v=""/>
    <s v=""/>
    <m/>
    <m/>
    <m/>
  </r>
  <r>
    <n v="893"/>
    <x v="1"/>
    <s v="Transport"/>
    <s v="Active Travel"/>
    <s v="Local Cycling and Walking Infrastructure Plan"/>
    <s v="Dacorum Borough Council in partnership with Hertfordshire County Council is in the process of preparing a Local Cycling and Walking Infrastructure Plan, which is expected to be adopted in 2025. This will include additional active travel interventions. "/>
    <x v="9"/>
    <x v="54"/>
    <x v="2"/>
    <x v="2"/>
    <x v="49"/>
    <s v="N/A"/>
    <s v="N/A"/>
    <n v="1000000"/>
    <n v="1000000"/>
    <s v="S278 / S106 / CIL / External Funding"/>
    <s v="Essential"/>
    <m/>
    <m/>
    <m/>
    <m/>
    <m/>
    <m/>
    <m/>
    <m/>
    <m/>
    <m/>
    <m/>
    <m/>
    <m/>
    <m/>
    <m/>
    <m/>
    <m/>
    <m/>
    <m/>
    <m/>
    <m/>
    <m/>
    <m/>
    <m/>
    <m/>
    <m/>
    <m/>
    <m/>
    <m/>
    <m/>
    <m/>
    <n v="0"/>
    <m/>
    <s v=""/>
    <s v=""/>
    <s v=""/>
    <s v=""/>
    <s v=""/>
    <s v=""/>
    <s v=""/>
    <s v=""/>
    <s v=""/>
    <s v=""/>
    <s v=""/>
    <s v=""/>
    <s v=""/>
    <s v=""/>
    <s v=""/>
    <s v=""/>
    <s v=""/>
    <s v=""/>
    <s v=""/>
    <s v=""/>
    <s v=""/>
    <s v=""/>
    <s v=""/>
    <s v=""/>
    <s v=""/>
    <s v=""/>
    <s v=""/>
    <s v=""/>
    <s v=""/>
    <s v=""/>
    <s v=""/>
    <m/>
    <m/>
    <m/>
  </r>
  <r>
    <n v="894"/>
    <x v="1"/>
    <s v="Transport"/>
    <s v="Active Travel "/>
    <s v="Maylands Urban Design Improvements"/>
    <s v="Delivery of improvements to the Maylands Business Park public realm to facilitate walking and cycling guided by the Maylands Urban "/>
    <x v="1"/>
    <x v="74"/>
    <x v="2"/>
    <x v="21"/>
    <x v="15"/>
    <s v="N/A"/>
    <s v="N/A"/>
    <n v="3685000"/>
    <n v="3685000"/>
    <s v="S106/ External Funding"/>
    <s v="Essential"/>
    <m/>
    <m/>
    <m/>
    <m/>
    <m/>
    <m/>
    <m/>
    <m/>
    <m/>
    <m/>
    <m/>
    <m/>
    <m/>
    <m/>
    <m/>
    <m/>
    <m/>
    <m/>
    <m/>
    <m/>
    <m/>
    <m/>
    <m/>
    <m/>
    <m/>
    <m/>
    <m/>
    <m/>
    <m/>
    <m/>
    <m/>
    <n v="0"/>
    <m/>
    <s v=""/>
    <s v=""/>
    <s v=""/>
    <s v=""/>
    <s v=""/>
    <s v=""/>
    <s v=""/>
    <s v=""/>
    <s v=""/>
    <s v=""/>
    <s v=""/>
    <s v=""/>
    <s v=""/>
    <s v=""/>
    <s v=""/>
    <s v=""/>
    <s v=""/>
    <s v=""/>
    <s v=""/>
    <s v=""/>
    <s v=""/>
    <s v=""/>
    <s v=""/>
    <s v=""/>
    <s v=""/>
    <s v=""/>
    <s v=""/>
    <s v=""/>
    <s v=""/>
    <s v=""/>
    <s v=""/>
    <m/>
    <m/>
    <m/>
  </r>
  <r>
    <n v="895"/>
    <x v="3"/>
    <s v="Transport"/>
    <s v="Highways"/>
    <s v="HGC Sustainable Transport Corridor"/>
    <s v="Delivery of a new sustainable transport corridor (STC) through the site linking Leighton Buzzard Road / Link Road and Redbourn Road (linking with allocations in St Albans City and District Council). "/>
    <x v="1"/>
    <x v="1"/>
    <x v="1"/>
    <x v="2"/>
    <x v="50"/>
    <s v="N/A"/>
    <s v="N/A"/>
    <m/>
    <m/>
    <s v="S278"/>
    <s v="Critical - Local Plan"/>
    <m/>
    <m/>
    <m/>
    <m/>
    <m/>
    <m/>
    <m/>
    <m/>
    <m/>
    <m/>
    <m/>
    <m/>
    <m/>
    <m/>
    <m/>
    <m/>
    <m/>
    <m/>
    <m/>
    <m/>
    <m/>
    <m/>
    <m/>
    <m/>
    <m/>
    <m/>
    <m/>
    <m/>
    <m/>
    <m/>
    <m/>
    <m/>
    <m/>
    <m/>
    <m/>
    <m/>
    <m/>
    <m/>
    <m/>
    <m/>
    <m/>
    <m/>
    <m/>
    <m/>
    <m/>
    <m/>
    <m/>
    <m/>
    <m/>
    <m/>
    <m/>
    <m/>
    <m/>
    <m/>
    <m/>
    <m/>
    <m/>
    <m/>
    <m/>
    <m/>
    <m/>
    <m/>
    <m/>
    <m/>
    <m/>
    <m/>
    <m/>
  </r>
</pivotCacheRecords>
</file>

<file path=xl/pivotCache/pivotCacheRecords2.xml><?xml version="1.0" encoding="utf-8"?>
<pivotCacheRecords xmlns="http://schemas.openxmlformats.org/spreadsheetml/2006/main" xmlns:r="http://schemas.openxmlformats.org/officeDocument/2006/relationships" xmlns:mc="http://schemas.openxmlformats.org/markup-compatibility/2006" xmlns:xr="http://schemas.microsoft.com/office/spreadsheetml/2014/revision" mc:Ignorable="xr" count="192">
  <r>
    <s v="TR46"/>
    <s v="DBC IDP"/>
    <x v="0"/>
    <s v="Active Travel"/>
    <s v="Redbourn Road Green Loop Crossing Point"/>
    <s v="(LS-53) Pedestrian and cycle crossing on B487 Redbourn Road adjacent to the junction between Cherry Tree Lane and Holtsmere End Lane to connect sections of the proposed Green Loop running through the East Hemel Hempstead development on either side."/>
    <n v="34245"/>
    <n v="0"/>
    <n v="34245"/>
    <s v="N/A - New Scheme"/>
    <s v="N/A - New Scheme"/>
    <s v="N/A - New Scheme"/>
    <s v="N/A - New Scheme"/>
    <x v="0"/>
    <x v="0"/>
  </r>
  <r>
    <s v="TR47"/>
    <s v="DBC IDP"/>
    <x v="0"/>
    <s v="Active Travel"/>
    <s v="A4147 Hemel Hempstead Road Gateway Corridor"/>
    <s v="(LS-54) Alterations to the A4147 Hemel Hempstead Road between the existing settlement boundary and the junction with Beechtree Lane and Appspond Lane (between M1 and A414), comprising: 1) speed limit changes 30mph along most of the length, with a buffer 40mph section at the eastern most end up to Beechtree Lane and Appsond Lane; 2) provision of upgraded shared use pedestrian and cycle route along the full length (northern side of the road); 3 crossings including 1 signal-controlled pedestrian/cycle crossing (for access to proposed secondary school on southern side) and a crossing to link with the Blackwater Lane Green Loop; raised M1 bridge parapet (northern side) to facilitate cycling. Upgrades may be influenced by where proposed vehicle accesses will be created into the East Hemel Hempstead development site and school entrance.   "/>
    <n v="2369897"/>
    <n v="0"/>
    <n v="2369897"/>
    <s v="N/A - New Scheme"/>
    <s v="N/A - New Scheme"/>
    <s v="N/A - New Scheme"/>
    <s v="N/A - New Scheme"/>
    <x v="0"/>
    <x v="0"/>
  </r>
  <r>
    <s v="TR48"/>
    <s v="DBC IDP"/>
    <x v="0"/>
    <s v="Active Travel"/>
    <s v="Bunkers Lane-Blackwater Lane Quietway Crossing Point"/>
    <s v="(LS-55) Pedestrian and cycle crossing on Bedmond Road adjacent to the junction with Bunkers Lane (proposed Quietway) and Blackwater Lane (proposed Quietway)"/>
    <n v="312611"/>
    <n v="0"/>
    <n v="312611"/>
    <s v="N/A - New Scheme"/>
    <s v="N/A - New Scheme"/>
    <s v="N/A - New Scheme"/>
    <s v="N/A - New Scheme"/>
    <x v="0"/>
    <x v="0"/>
  </r>
  <r>
    <s v="TR52"/>
    <s v="DBC IDP"/>
    <x v="0"/>
    <s v="Active Travel"/>
    <s v="Apsley Station Forecourt &amp; Cycle Provision"/>
    <s v="(LS-59) Enlarge pedestrian footway in front of station ticket hall, double the number of cycle stands (currently 12), removal of some parking spaces to provide space for enlarged footway and additional cycle stands, planting and landscaping. "/>
    <n v="37570"/>
    <n v="22221.615076560662"/>
    <n v="15348.38492343934"/>
    <n v="17526.258750000001"/>
    <n v="0"/>
    <n v="20043.741249999999"/>
    <n v="4695.3563265606608"/>
    <x v="1"/>
    <x v="1"/>
  </r>
  <r>
    <s v="TR53"/>
    <s v="DBC IDP"/>
    <x v="0"/>
    <s v="Active Travel"/>
    <s v="B487 Hemel Hempstead Road Gateway Corridor "/>
    <s v="(LS-61) Alterations to the B487 Hemel Hempstead Road between the existing settlement boundary and the M1 bridge, comprising: 1) speed limit changes 30mph along the frontage of the proposed East Hemel Hempstead development, with a buffer 40mph section at the eastern; 2) provision of new cycle and pedestrian route on at least one side of the road to link with existing footway provision west of Cherry Tree Lane; 3) at least 1 controlled pedestrian/cycle crossing (to connect sections of the East Hemel Hempstead development on either side; 4) alteration to the B487-Cherry Tree Lane-Holtsmere Lane junction in line with the Quietway treatments proposed to the two lanes (including signage and kerbed build outs to discourage through traffic); 5) upgraded bus stops. It is anticipated there will be one junction serving access to the proposed East Hemel Hempstead development on either side of the road.   "/>
    <n v="2287654"/>
    <n v="0"/>
    <n v="2287654"/>
    <s v="N/A - New Scheme"/>
    <s v="N/A - New Scheme"/>
    <s v="N/A - New Scheme"/>
    <s v="N/A - New Scheme"/>
    <x v="0"/>
    <x v="0"/>
  </r>
  <r>
    <s v="TR56"/>
    <s v="DBC IDP"/>
    <x v="0"/>
    <s v="Active Travel"/>
    <s v="B440 Leighton Buzzard Road Gateway Corridor (Piccotts End to Link Road/Galley Hill"/>
    <s v="(LS-64) Alterations to the B440 Leighton Buzzard Road in conjunction with the North Hemel Hempstead proposed development (which could potentially provide a vehicle access onto this road). Measures include reducing the current 50mph section to 40mph (matching the 40mph section to the north); reducing the current 60mph section leading out of Hemel Hempstead to 40mph; installing a signal-controlled Toucan crossing adjacent to Public Footpath 'Hemel Hempstead 013'); provision LTN standard cycle and footway (replacing the existing narrow footway) on the western side of the road (approx. 680m): provision of signal-controlled crossing on Galley Hill at southern end of corridor, east of the B440-A4147 roundabout. "/>
    <n v="1635197"/>
    <n v="953864.91666666663"/>
    <n v="681332.08333333337"/>
    <n v="1062347"/>
    <n v="0"/>
    <n v="572850"/>
    <n v="-108482.08333333337"/>
    <x v="1"/>
    <x v="2"/>
  </r>
  <r>
    <s v="TR63"/>
    <s v="DBC IDP"/>
    <x v="0"/>
    <s v="Active Travel"/>
    <s v="Better routes for active modes crossing the Grand Union Canal in Apsley"/>
    <s v="(LS-75) There are currently limited connections for both pedestrians and cyclists across the canal in the Apsley area. The purpose of this intention is to investigate improvements to existing active mode bridges over the canal and/or the provision of an additional bridge link."/>
    <n v="13506750"/>
    <n v="7988868.7632508827"/>
    <n v="5517881.2367491163"/>
    <s v="N/A - New Scheme"/>
    <s v="N/A - New Scheme"/>
    <s v="N/A - New Scheme"/>
    <s v="N/A - New Scheme"/>
    <x v="0"/>
    <x v="0"/>
  </r>
  <r>
    <s v="TR64"/>
    <s v="DBC IDP"/>
    <x v="0"/>
    <s v="Active Travel"/>
    <s v="A4147 Hemel Hempstead-St Albans cycle route"/>
    <s v="(LS-76) An off-road shared use footway and cycleway between Appspond Lane/Beechtree Lane and King Harry Lane, expected to run along the northern side of the road. "/>
    <n v="2961580"/>
    <n v="0"/>
    <n v="2961579.9999999995"/>
    <s v="N/A - New Scheme"/>
    <s v="N/A - New Scheme"/>
    <s v="N/A - New Scheme"/>
    <s v="N/A - New Scheme"/>
    <x v="0"/>
    <x v="0"/>
  </r>
  <r>
    <s v="TR65"/>
    <s v="DBC IDP"/>
    <x v="0"/>
    <s v="Active Travel"/>
    <s v="Kingsland Road-Horsecroft Road crossing"/>
    <s v="(SG2-1) Add uncontrolled or marked priority cycling and pedestrian crossing where the PRoW crosses Kingsland Road and Horsecroft Road. Likely to require reduction in marked parking bays. Consider kerbed build out with dropped kerb and tactile paving. "/>
    <n v="69610"/>
    <n v="41172.388221436995"/>
    <n v="28437.611778563019"/>
    <n v="45223.75"/>
    <s v=""/>
    <n v="24386.25"/>
    <n v="-4051.3617785630049"/>
    <x v="1"/>
    <x v="2"/>
  </r>
  <r>
    <s v="TR67"/>
    <s v="DBC IDP"/>
    <x v="0"/>
    <s v="Active Travel"/>
    <s v="Pedestrian route enhancements on Fishery Passage"/>
    <s v="(SG2-4) Increase pedestrian capacity (widen footways and/or reallocate carriageway) on Fishery Passage close to the junction with Horsecroft Road. Consider parking control measures to prevent parking on pavement including bollards if not an obstruction to pedestrians. Add tactile paving at northern end of short footway running into Fishery Passage"/>
    <n v="26051"/>
    <n v="15408.445418138988"/>
    <n v="10642.554581861014"/>
    <n v="16924.569090000005"/>
    <s v=""/>
    <n v="9126.4309099999955"/>
    <n v="-1516.1236718610162"/>
    <x v="1"/>
    <x v="2"/>
  </r>
  <r>
    <s v="TR68"/>
    <s v="DBC IDP"/>
    <x v="0"/>
    <s v="Active Travel"/>
    <s v="Wayfinding signage on Horsecroft Road and Kingsland Road"/>
    <s v="(SG2-5) Introduce wayfinding signs at key junction points (Horsecroft Road, Kingsland Road, River Park) indicating distance and travel time on foot to the station."/>
    <n v="17402"/>
    <n v="10292.801319199056"/>
    <n v="7109.1986808009424"/>
    <n v="11305.9375"/>
    <s v=""/>
    <n v="6096.0625"/>
    <n v="-1013.1361808009442"/>
    <x v="1"/>
    <x v="2"/>
  </r>
  <r>
    <s v="TR69"/>
    <s v="DBC IDP"/>
    <x v="0"/>
    <s v="Active Travel"/>
    <s v="Cycle parking stands at bus stop on Fishery Road"/>
    <s v="(SG2-6) Add cycle parking stands adjacent to bus stop on Fishery Road (southbound)"/>
    <n v="598"/>
    <n v="353.70044758539461"/>
    <n v="244.29955241460542"/>
    <n v="388.513125"/>
    <s v=""/>
    <n v="209.486875"/>
    <n v="-34.812677414605389"/>
    <x v="1"/>
    <x v="2"/>
  </r>
  <r>
    <s v="TR70"/>
    <s v="DBC IDP"/>
    <x v="0"/>
    <s v="Active Travel"/>
    <s v="Crossing improvements around Cowper Road "/>
    <s v="(SG3-1) Add tactile paving and dropped kerbs at Cowper Road/St John's Road, Crouchfield, Grosvenor Terrace, The Poplars, Cowper Road/Gravel Hill Terrace"/>
    <n v="8814"/>
    <n v="5213.2370318021194"/>
    <n v="3600.7629681978797"/>
    <n v="5726.41212"/>
    <s v=""/>
    <n v="3087.58788"/>
    <n v="-513.17508819788054"/>
    <x v="1"/>
    <x v="2"/>
  </r>
  <r>
    <s v="TR71"/>
    <s v="DBC IDP"/>
    <x v="0"/>
    <s v="Active Travel"/>
    <s v="Crossing improvements around along Gravel Hill Terrace"/>
    <s v="(SG3-2) Tighten kerb radii at junction of Gravel Hill Terrace and Woodland Close. Introduce informal crossings with dropped kerbs with tactile paving at Woodland Close and Cardy Road junctions onto Gravel Hill Terrace"/>
    <n v="16560"/>
    <n v="9794.7816254416975"/>
    <n v="6765.2183745583043"/>
    <n v="10758.582119999999"/>
    <s v=""/>
    <n v="5801.4178800000009"/>
    <n v="-963.80049455830158"/>
    <x v="1"/>
    <x v="2"/>
  </r>
  <r>
    <s v="TR73"/>
    <s v="DBC IDP"/>
    <x v="0"/>
    <s v="Active Travel"/>
    <s v="Cycle hanger storage on Cowper Road"/>
    <s v="(SG3-5) Provide cycle storage facility - hanger (x2) for residents on Cowper Rd. To be located within the highway, removing some car parking space. "/>
    <n v="33318"/>
    <n v="19706.674770318023"/>
    <n v="13611.325229681981"/>
    <n v="21645.731250000001"/>
    <s v=""/>
    <n v="11672.268749999999"/>
    <n v="-1939.0564796819781"/>
    <x v="1"/>
    <x v="2"/>
  </r>
  <r>
    <s v="TR74"/>
    <s v="DBC IDP"/>
    <x v="0"/>
    <s v="Active Travel"/>
    <s v="Junction crossing improvements on Cowper Road"/>
    <s v="(SG4-1) Add tactile paving; add dropped kerbs; improve signage and wayfinding"/>
    <n v="2585"/>
    <n v="1528.9559481743222"/>
    <n v="1056.0440518256773"/>
    <n v="1679.16606"/>
    <s v=""/>
    <n v="905.83393999999998"/>
    <n v="-150.21011182567781"/>
    <x v="1"/>
    <x v="2"/>
  </r>
  <r>
    <s v="TR75"/>
    <s v="DBC IDP"/>
    <x v="0"/>
    <s v="Active Travel"/>
    <s v="Beechfield Road-Cornfields alleyway crossing"/>
    <s v="(SG4-2) Add new uncontrolled cycling and pedestrian crossing at Beechfield Road and alleyway through to The Cornfields"/>
    <n v="34245"/>
    <n v="20254.969611307417"/>
    <n v="13990.030388692579"/>
    <n v="22248.029374999998"/>
    <s v=""/>
    <n v="11996.970625000002"/>
    <n v="-1993.0597636925813"/>
    <x v="1"/>
    <x v="2"/>
  </r>
  <r>
    <s v="TR76"/>
    <s v="DBC IDP"/>
    <x v="0"/>
    <s v="Active Travel"/>
    <s v="Junction crossing improvements on Crouchfield"/>
    <s v="(SG4-3) Tighten kerb radii and reduce crossing widths at the junctions of Crouchfield/Beechfield Road, and Crouchfield/Nestlecoft. Also introduce raised speed table uncontrolled pedestrian crossings at each junction."/>
    <n v="162108"/>
    <n v="95882.394911660784"/>
    <n v="66225.605088339231"/>
    <n v="105317.33212000001"/>
    <s v=""/>
    <n v="56790.667879999994"/>
    <n v="-9434.9372083392227"/>
    <x v="1"/>
    <x v="2"/>
  </r>
  <r>
    <s v="TR77"/>
    <s v="DBC IDP"/>
    <x v="0"/>
    <s v="Active Travel"/>
    <s v="Footway widening approaching The Cornfields"/>
    <s v="(SG4-4) Widen the footway on the approach to The Cornfields (eastern side). Introduce a need handrail around the edge. Introduce dropped kerbs and tactile paving on either side of the road (avoiding manhole covers)"/>
    <n v="29796"/>
    <n v="17623.509257950529"/>
    <n v="12172.490742049471"/>
    <n v="19357.54106"/>
    <s v=""/>
    <n v="10438.45894"/>
    <n v="-1734.0318020494706"/>
    <x v="1"/>
    <x v="2"/>
  </r>
  <r>
    <s v="TR78"/>
    <s v="DBC IDP"/>
    <x v="0"/>
    <s v="Active Travel"/>
    <s v="Footpath width vegetation cut-back"/>
    <s v="(SG4-5) Manage vegetation along footpaths to maximise width and increase visibility"/>
    <n v="5749"/>
    <n v="3400.3743698468788"/>
    <n v="2348.6256301531212"/>
    <n v="3734.6595000000002"/>
    <s v=""/>
    <n v="2014.3404999999998"/>
    <n v="-334.28513015312137"/>
    <x v="1"/>
    <x v="2"/>
  </r>
  <r>
    <s v="TR79"/>
    <s v="DBC IDP"/>
    <x v="0"/>
    <s v="Active Travel"/>
    <s v="Pedestrian route street lighting enhancements"/>
    <s v="(SG4-6) Investigate introducing additional street lighting along pedestrian routes"/>
    <n v="3705"/>
    <n v="2191.4049469964662"/>
    <n v="1513.5950530035336"/>
    <n v="2406.8079749999997"/>
    <s v=""/>
    <n v="1298.1920250000003"/>
    <n v="-215.40302800353356"/>
    <x v="1"/>
    <x v="2"/>
  </r>
  <r>
    <s v="TR80"/>
    <s v="DBC IDP"/>
    <x v="0"/>
    <s v="Active Travel"/>
    <s v="Glenview Gardens cycle hanger storage"/>
    <s v="(SG4-7) Add cycle storage facilities for residents along Glenview Gardens"/>
    <n v="16659"/>
    <n v="9853.3373851590113"/>
    <n v="6805.6626148409905"/>
    <n v="10822.865625"/>
    <s v=""/>
    <n v="5836.1343749999996"/>
    <n v="-969.52823984098904"/>
    <x v="1"/>
    <x v="2"/>
  </r>
  <r>
    <s v="TR81"/>
    <s v="DBC IDP"/>
    <x v="0"/>
    <s v="Active Travel"/>
    <s v="A4251 London Road cycle route"/>
    <s v="(SG5-1) New on-road advisory cycle lanes (both directions) between the A4146 and A414 junctions where there is sufficient carriageway width. Provision of a section of off-road route at the eastern end (northern side of the road) on the approach to the A4251-A414 signalised junction. "/>
    <n v="52903"/>
    <n v="52083.728564594145"/>
    <n v="819.27143540585075"/>
    <n v="34370.050000000003"/>
    <n v="0"/>
    <n v="18532.949999999997"/>
    <n v="17713.678564594142"/>
    <x v="1"/>
    <x v="1"/>
  </r>
  <r>
    <s v="TR82"/>
    <s v="DBC IDP"/>
    <x v="0"/>
    <s v="Active Travel"/>
    <s v="A4251 London Road footway widths"/>
    <s v="(SG5-2) Increase pedestrian footway width by cutting back encroaching vegetation and improving maintenance of footway including renewed surfacing"/>
    <n v="1139069"/>
    <n v="1121429.042064603"/>
    <n v="17639.957935396989"/>
    <n v="740025"/>
    <n v="0"/>
    <n v="399044"/>
    <n v="381404.04206460295"/>
    <x v="1"/>
    <x v="1"/>
  </r>
  <r>
    <s v="TR84"/>
    <s v="DBC IDP"/>
    <x v="0"/>
    <s v="Active Travel"/>
    <s v="Two Waters Road-London Road pedestrian-cycle link"/>
    <s v="(SG6-1) Widen Public footpath cutting the corner of Two Waters Road and London Road to accommodate cyclists and pedestrians (leading to the proposed Mobility Hub at the southern end). At the northern end, provide kerbed build-out with dropped kerbs to designate end of the cycle path and advise cyclists to join the carriageway). Removing of c.2-3 car lengths of kerbside parking."/>
    <n v="39499"/>
    <n v="36857.505949116879"/>
    <n v="2641.4940508831223"/>
    <n v="25661.254905000002"/>
    <n v="0"/>
    <n v="13837.745094999998"/>
    <n v="11196.251044116878"/>
    <x v="1"/>
    <x v="1"/>
  </r>
  <r>
    <s v="TR85"/>
    <s v="DBC IDP"/>
    <x v="0"/>
    <s v="Active Travel"/>
    <s v="Two Waters Road-London Road junction improvement"/>
    <s v="(SG6-2) Tighten kerb radii/ reduce crossing width at Two Waters Road junction and introduce a speed table at or close to mouth of the junction. "/>
    <n v="89860"/>
    <n v="83850.616081106957"/>
    <n v="6009.3839188930706"/>
    <n v="58379.75"/>
    <n v="0"/>
    <n v="31480.25"/>
    <n v="25470.866081106957"/>
    <x v="1"/>
    <x v="1"/>
  </r>
  <r>
    <s v="TR86"/>
    <s v="DBC IDP"/>
    <x v="0"/>
    <s v="Active Travel"/>
    <s v="Durrants Hill Road-London Road junction improvement"/>
    <s v="(SG6-3) Tighten kerb radii/ reduce crossing width at Durrants Hill Rd and introduce a speed table at or close to mouth of the junction. "/>
    <n v="86063"/>
    <n v="74682.955116696598"/>
    <n v="11380.044883303412"/>
    <n v="55913"/>
    <n v="0"/>
    <n v="30150"/>
    <n v="18769.955116696598"/>
    <x v="1"/>
    <x v="1"/>
  </r>
  <r>
    <s v="TR87"/>
    <s v="DBC IDP"/>
    <x v="0"/>
    <s v="Active Travel"/>
    <s v="Kents Avenue-London Road junction improvement"/>
    <s v="(SG6-4) Tighten kerb radii/ reduce crossing width at Kents Avenue junction and introduce a speed table at or close to mouth of the junction."/>
    <n v="86063"/>
    <n v="78853.658793209936"/>
    <n v="7209.3412067900572"/>
    <n v="55913"/>
    <n v="0"/>
    <n v="30150"/>
    <n v="22940.658793209936"/>
    <x v="1"/>
    <x v="1"/>
  </r>
  <r>
    <s v="TR88"/>
    <s v="DBC IDP"/>
    <x v="0"/>
    <s v="Active Travel"/>
    <s v="Retail Park access pedestrian crossing improvement"/>
    <s v="(SG6-5) Add marked pedestrian crossing at the retail park access roundabout arm leading to Sainsbury's "/>
    <n v="164532"/>
    <n v="157209.83889317248"/>
    <n v="7322.1611068274724"/>
    <n v="106892.5"/>
    <n v="0"/>
    <n v="57639.5"/>
    <n v="50317.338893172477"/>
    <x v="1"/>
    <x v="1"/>
  </r>
  <r>
    <s v="TR90"/>
    <s v="DBC IDP"/>
    <x v="0"/>
    <s v="Active Travel"/>
    <s v="London Road access to Apsley Station controlled pedestrian crossing"/>
    <s v="(SG7-3) Introduce signal-controlled crossing at the location of the existing uncontrolled crossing with refuge island close to the station access road. Removal of central hatched area, increase width of footway on the southern end between the crossing and station access (approx. 20m). Crossing on bus-compliant raised speed table. Removal of c.4 c4-6 car lengths of kerbside parking bays)"/>
    <n v="457042"/>
    <n v="447991.66336633661"/>
    <n v="9050.3366336633662"/>
    <n v="296928.864375"/>
    <n v="0"/>
    <n v="160113.135625"/>
    <n v="151062.7989913366"/>
    <x v="1"/>
    <x v="1"/>
  </r>
  <r>
    <s v="TR91"/>
    <s v="DBC IDP"/>
    <x v="0"/>
    <s v="Active Travel"/>
    <s v="London Road access to Doolittle Meadows controlled pedestrian crossing"/>
    <s v="(SG7-4) Introduce signal-controlled crossing at the location of the existing uncontrolled crossing west of the A4251/Doolittle Meadows Roundabout, on bus-compliant raised speed table"/>
    <n v="553714"/>
    <n v="542749.36633663368"/>
    <n v="10964.633663366336"/>
    <n v="359734.375"/>
    <n v="0"/>
    <n v="193979.625"/>
    <n v="183014.99133663368"/>
    <x v="1"/>
    <x v="1"/>
  </r>
  <r>
    <s v="TR92"/>
    <s v="DBC IDP"/>
    <x v="0"/>
    <s v="Active Travel"/>
    <s v="Traffic calming approach Doolittle Meadows"/>
    <s v="(SG7-5) Add speed cushions on the approaches to A4251/Doolittle Meadows roundabout"/>
    <n v="72774"/>
    <n v="71332.930693069313"/>
    <n v="1441.0693069306931"/>
    <n v="47279.375"/>
    <n v="0"/>
    <n v="25494.625"/>
    <n v="24053.555693069313"/>
    <x v="1"/>
    <x v="1"/>
  </r>
  <r>
    <s v="TR93"/>
    <s v="DBC IDP"/>
    <x v="0"/>
    <s v="Active Travel"/>
    <s v="London Road Apsley pedestrian capacity enhancement"/>
    <s v="(SG7-6) Increase pedestrian capacity (Widen footways and/or reallocate carriageway space)"/>
    <n v="1518759"/>
    <n v="1488684.5643564358"/>
    <n v="30074.435643564357"/>
    <n v="986700"/>
    <n v="0"/>
    <n v="532059"/>
    <n v="501984.56435643579"/>
    <x v="1"/>
    <x v="1"/>
  </r>
  <r>
    <s v="TR94"/>
    <s v="DBC IDP"/>
    <x v="0"/>
    <s v="Active Travel"/>
    <s v="London Road Apsley Wayfinding signage"/>
    <s v="(SG7-7) Introduce way-finding signage indicating pedestrian routes between London Road and canal "/>
    <n v="20883"/>
    <n v="20469.475247524751"/>
    <n v="413.52475247524751"/>
    <n v="13567.125"/>
    <n v="0"/>
    <n v="7315.875"/>
    <n v="6902.3502475247515"/>
    <x v="1"/>
    <x v="1"/>
  </r>
  <r>
    <s v="TR95"/>
    <s v="DBC IDP"/>
    <x v="0"/>
    <s v="Active Travel"/>
    <s v="Great Elms Road side arm crossing improvements"/>
    <s v="(SG8-1) Add tactile paving; add dropped kerbs; improve signage and wayfinding at junctions between Great Elms Road with (a) Belswains Lane, (b) Ash Grove, (c) Oakdene Road. "/>
    <n v="41091"/>
    <n v="24304.18911660778"/>
    <n v="16786.810883392223"/>
    <n v="26695.563180000005"/>
    <s v=""/>
    <n v="14395.436819999995"/>
    <n v="-2391.3740633922243"/>
    <x v="1"/>
    <x v="2"/>
  </r>
  <r>
    <s v="TR96"/>
    <s v="DBC IDP"/>
    <x v="0"/>
    <s v="Active Travel"/>
    <s v="Great Elms Road to Mulready Walk controlled crossing"/>
    <s v="(SG8-2) Provide signal-controlled pedestrian crossing facility on Belswains Lane between Great Elms Rd and Mulready Walk. Consider kerb-build out on northern side, removing narrow central hatched area within carriageway"/>
    <n v="381968"/>
    <n v="225923.49926972913"/>
    <n v="156044.5007302709"/>
    <n v="248155.05"/>
    <s v=""/>
    <n v="133812.95000000001"/>
    <n v="-22231.550730270857"/>
    <x v="1"/>
    <x v="2"/>
  </r>
  <r>
    <s v="TR97"/>
    <s v="DBC IDP"/>
    <x v="0"/>
    <s v="Active Travel"/>
    <s v="Great Elms Road side arm crossing and kerb radii treatments"/>
    <s v="(SG8-3) Tighten kerb radii and reduce crossing widths junctions between Great Elms Rd and (a) Kings Ave, (b) Oak St, (c) Barnfield, (d) Sanders Rd, (e) Deansway, (f) Horselers, (g) Candlefield Rd. Introduce tactile paving and provide contrasting surface treatment to denote crossings. "/>
    <n v="109218"/>
    <n v="64599.42388692579"/>
    <n v="44618.576113074203"/>
    <n v="70956.162420000008"/>
    <s v=""/>
    <n v="38261.837579999992"/>
    <n v="-6356.7385330742181"/>
    <x v="1"/>
    <x v="2"/>
  </r>
  <r>
    <s v="TR98"/>
    <s v="DBC IDP"/>
    <x v="0"/>
    <s v="Active Travel"/>
    <s v="Great Elms Road &amp; Candlefield Road traffic calming"/>
    <s v="(SG8-4) Provide traffic calming features along Great Elms Rd and Candlefield Rd - speed cushions"/>
    <n v="72774"/>
    <n v="43043.806643109543"/>
    <n v="29730.193356890461"/>
    <n v="47279.375"/>
    <s v=""/>
    <n v="25494.625"/>
    <n v="-4235.5683568904569"/>
    <x v="1"/>
    <x v="2"/>
  </r>
  <r>
    <s v="TR99"/>
    <s v="DBC IDP"/>
    <x v="0"/>
    <s v="Active Travel"/>
    <s v="Great Elms Road pavement parking prevention"/>
    <s v="(SG8-5) Introduce bollards to discourage or prevent pavement parking"/>
    <n v="2531"/>
    <n v="1497.0164428739695"/>
    <n v="1033.9835571260305"/>
    <n v="1644.5"/>
    <s v=""/>
    <n v="886.5"/>
    <n v="-147.48355712603052"/>
    <x v="1"/>
    <x v="2"/>
  </r>
  <r>
    <s v="TR100"/>
    <s v="DBC IDP"/>
    <x v="0"/>
    <s v="Active Travel"/>
    <s v="Great Elms Road - Coronation Fields crossing"/>
    <s v="(SG8-6) Introduce un-controlled crossing with tactile paving on raised speed table adjacent to Coronation Fields, linking the footpaths leading away from Great Elms Road on either side"/>
    <n v="175239"/>
    <n v="103649.01795053005"/>
    <n v="71589.982049469967"/>
    <n v="113848.735"/>
    <s v=""/>
    <n v="61390.264999999999"/>
    <n v="-10199.717049469953"/>
    <x v="1"/>
    <x v="2"/>
  </r>
  <r>
    <s v="TR101"/>
    <s v="DBC IDP"/>
    <x v="0"/>
    <s v="Active Travel"/>
    <s v="Great Elms Road and Candlefield Road Cycle Hangers"/>
    <s v="(SG8-7) Add cycle hanger storage facilities (x3) for residents"/>
    <n v="49977"/>
    <n v="29560.01215547703"/>
    <n v="20416.987844522966"/>
    <n v="32468.596874999999"/>
    <s v=""/>
    <n v="17508.403125000001"/>
    <n v="-2908.584719522969"/>
    <x v="1"/>
    <x v="2"/>
  </r>
  <r>
    <s v="TR102"/>
    <s v="DBC IDP"/>
    <x v="0"/>
    <s v="Active Travel"/>
    <s v="Peascroft Road cycle route and side-arm junction Copenhagen crossings"/>
    <s v="(SG9-1) New off-carriageway shared footway cycleway between Bennetts End Road and existing cycle route which links Northend and Malmes Court, incorporating Copenhagen Crossings (3x) on Kiln Ground, St Michaels Avenue and Kilncroft"/>
    <n v="1376375"/>
    <n v="814087.71495877509"/>
    <n v="562287.28504122491"/>
    <n v="894196.875"/>
    <s v=""/>
    <n v="482178.125"/>
    <n v="-80109.16004122491"/>
    <x v="1"/>
    <x v="2"/>
  </r>
  <r>
    <s v="TR103"/>
    <s v="DBC IDP"/>
    <x v="0"/>
    <s v="Active Travel"/>
    <s v="Peascroft Road-Bennetts End Road Junction cycle crossing improvements"/>
    <s v="(SG9-2) Improve cycling crossing facilities using road markings at Bennetts End Rd/ Peascroft Rd mini-roundabout"/>
    <n v="132"/>
    <n v="78.074346289752654"/>
    <n v="53.925653710247353"/>
    <n v="85.822343750000002"/>
    <s v=""/>
    <n v="46.177656249999998"/>
    <n v="-7.7479974602473476"/>
    <x v="1"/>
    <x v="2"/>
  </r>
  <r>
    <s v="TR104"/>
    <s v="DBC IDP"/>
    <x v="0"/>
    <s v="Active Travel"/>
    <s v="Peascroft Road mini roundabout traffic calming"/>
    <s v="(SG9-3) Provide speed cushions on two approaches to Bennetts End Rd/ Peascroft Rd mini-roundabout. Note: this area falls within a wider area identified by HCC as being a potential 20mph zone, subject to further investigation. "/>
    <n v="72774"/>
    <n v="43043.806643109543"/>
    <n v="29730.193356890461"/>
    <n v="47279.375"/>
    <s v=""/>
    <n v="25494.625"/>
    <n v="-4235.5683568904569"/>
    <x v="1"/>
    <x v="2"/>
  </r>
  <r>
    <s v="TR105"/>
    <s v="DBC IDP"/>
    <x v="0"/>
    <s v="Active Travel"/>
    <s v="Pescroft Road pavement parking restrictions"/>
    <s v="(SG9-5) Physical parking control measures such as bollards, double yellow lines to prevent cars parking on footway"/>
    <n v="7594"/>
    <n v="4491.6408009422848"/>
    <n v="3102.3591990577152"/>
    <n v="4933.5"/>
    <s v=""/>
    <n v="2660.5"/>
    <n v="-441.85919905771516"/>
    <x v="1"/>
    <x v="2"/>
  </r>
  <r>
    <s v="TR106"/>
    <s v="DBC IDP"/>
    <x v="0"/>
    <s v="Active Travel"/>
    <s v="Peascroft Road/Northend cycle stands"/>
    <s v="(SG9-6) Add cycle stands (x4) along the route, opposite the green space near Kilncroft and Longfield"/>
    <n v="797"/>
    <n v="471.40343934040033"/>
    <n v="325.59656065959956"/>
    <n v="518.01749999999993"/>
    <s v=""/>
    <n v="278.98250000000007"/>
    <n v="-46.614060659599602"/>
    <x v="1"/>
    <x v="2"/>
  </r>
  <r>
    <s v="TR107"/>
    <s v="DBC IDP"/>
    <x v="0"/>
    <s v="Active Travel"/>
    <s v="Malmes Croft off-carriageway cycle route"/>
    <s v="(SG9-7) New off-carriageway shared footway cycleway at eastern end of Malmes Croft, between Windermere Close and Leverstock Green Way"/>
    <n v="113907"/>
    <n v="67372.837597173144"/>
    <n v="46534.162402826856"/>
    <n v="74002.5"/>
    <s v=""/>
    <n v="39904.5"/>
    <n v="-6629.6624028268561"/>
    <x v="1"/>
    <x v="2"/>
  </r>
  <r>
    <s v="TR108"/>
    <s v="DBC IDP"/>
    <x v="0"/>
    <s v="Active Travel"/>
    <s v="Leverstock Green Way Village Centre to A414 Cycle Route"/>
    <s v="(SG10-1) New off-carriageway shared use cycle and footway on the southern/western side of the road between Malmes Croft and A414 signal-controlled crossing (west of Maylands Avenue junction). Include reduced kerb radii at Green Dell Way to reduce crossing width with tactile paving and contrasting surface treatment to indicate uncontrolled crossing location. Also include short section south of Malmes Croft to the signal-controlled crossing and upgrade crossing to a Toucan crossing"/>
    <n v="956768"/>
    <n v="565901.78902237921"/>
    <n v="390866.21097762074"/>
    <n v="621588.11"/>
    <n v="589507.91199823562"/>
    <n v="-254328.02199823561"/>
    <n v="-55686.32097762078"/>
    <x v="2"/>
    <x v="2"/>
  </r>
  <r>
    <s v="TR109"/>
    <s v="DBC IDP"/>
    <x v="0"/>
    <s v="Active Travel"/>
    <s v="New controlled crossing between St Davids Close and Greenacres"/>
    <s v="(SG10-2) Provide a new controlled crossing between St Davids Close and Greenachres to serve access to the inbound bus stop from housing on the eastern side of road. In conjunction, widen footways on both sides of the road, either side of the crossing, and incorporate tactile paving and dropped kerbs and include short footway extension on southern side of St Davids Close arm"/>
    <n v="182833"/>
    <n v="108140.65875147231"/>
    <n v="74692.341248527679"/>
    <n v="118782.235"/>
    <n v="0"/>
    <n v="64050.764999999999"/>
    <n v="-10641.576248527694"/>
    <x v="1"/>
    <x v="2"/>
  </r>
  <r>
    <s v="TR110"/>
    <s v="DBC IDP"/>
    <x v="0"/>
    <s v="Active Travel"/>
    <s v="Leverstock Green Way side arm junction treatments "/>
    <s v="(SG10-3) Tighten kerb radii where feasible to reduce crossing width and install tactile paving with dropped kerbs at side arms with a) Curtis Road, b) Church Road, c) Pancake Lane and d) Bartel Close "/>
    <n v="20048"/>
    <n v="11857.837078916375"/>
    <n v="8190.162921083629"/>
    <n v="13024.44"/>
    <n v="0"/>
    <n v="7023.5599999999995"/>
    <n v="-1166.6029210836259"/>
    <x v="1"/>
    <x v="2"/>
  </r>
  <r>
    <s v="TR111"/>
    <s v="DBC IDP"/>
    <x v="0"/>
    <s v="Active Travel"/>
    <s v="Additional cycle parking at Leverstock Green Village Centre"/>
    <s v="(SG10-4) Add cycle parking (c. 6x cycle stands) adjacent to the controlled crossing outside the Leverstock Green Village Centre shopping parade"/>
    <n v="1196"/>
    <n v="707.40089517078923"/>
    <n v="488.59910482921083"/>
    <n v="777.02625"/>
    <n v="724.14670026007798"/>
    <n v="-305.17295026007798"/>
    <n v="-69.625354829210778"/>
    <x v="2"/>
    <x v="2"/>
  </r>
  <r>
    <s v="TR112"/>
    <s v="DBC IDP"/>
    <x v="0"/>
    <s v="Active Travel"/>
    <s v="Mickleford Road junction crossing improvements"/>
    <s v="(SG11-1) Add tactile paving at Micklefield Road (junctions with Green Lane and Poynders Hill)"/>
    <n v="2430"/>
    <n v="1437.2777385159013"/>
    <n v="992.72226148409891"/>
    <n v="1578.72"/>
    <n v="1549.8849315068494"/>
    <n v="-698.60493150684943"/>
    <n v="-141.44226148409871"/>
    <x v="2"/>
    <x v="2"/>
  </r>
  <r>
    <s v="TR113"/>
    <s v="DBC IDP"/>
    <x v="0"/>
    <s v="Active Travel"/>
    <s v="A4147 Toucan Crossing and cycle link into Woolmer Drive"/>
    <s v="(SG11-2) Provide signal-controlled Toucan crossing on A4147, in addition to a shared use cycle and footway on the eastern side of the Toucan crossing, leading round into Woolmer Drive as far as the bus stop (c.70m) where provision should be made for cyclists to safely enter/exit the carriageway. "/>
    <n v="523551"/>
    <n v="309665.92480565375"/>
    <n v="213885.07519434625"/>
    <n v="340138.10187499999"/>
    <n v="333925.53380422376"/>
    <n v="-150512.63567922375"/>
    <n v="-30472.177069346246"/>
    <x v="2"/>
    <x v="2"/>
  </r>
  <r>
    <s v="TR114"/>
    <s v="DBC IDP"/>
    <x v="0"/>
    <s v="Active Travel"/>
    <s v="Cycle Hanger storage on Mickleford Road and Datchworth Turn"/>
    <s v="(SG11-4) Add cycle hanger storage facilities for residents, including on Datchworth Turn and Micklefield Road (x2 hangers)"/>
    <n v="33318"/>
    <n v="19706.674770318023"/>
    <n v="13611.325229681981"/>
    <n v="21645.731250000001"/>
    <n v="21250.375428082192"/>
    <n v="-9578.106678082193"/>
    <n v="-1939.0564796819781"/>
    <x v="2"/>
    <x v="2"/>
  </r>
  <r>
    <s v="TR115"/>
    <s v="DBC IDP"/>
    <x v="0"/>
    <s v="Active Travel"/>
    <s v="Redbourn Road side junction crossing improvements"/>
    <s v="(SG14-1) Improve pedestrian crossing facilities at a) The Melings and b) Half Moon Meadow junctions with Redbourn Road, reducing the kerb radii on the eastern side of both junctions (removing the short slip road sections) adding tactile paving on both sides of Redbourn Rd aligned with current uncontrolled crossings. "/>
    <n v="63180"/>
    <n v="15233.159281225624"/>
    <n v="47946.840718774372"/>
    <n v="41046.720000000001"/>
    <n v="30431.188965517245"/>
    <n v="-8297.9089655172465"/>
    <n v="-25813.560718774377"/>
    <x v="2"/>
    <x v="2"/>
  </r>
  <r>
    <s v="TR117"/>
    <s v="DBC IDP"/>
    <x v="0"/>
    <s v="Active Travel"/>
    <s v="Maylands Avenue Shared Use Cycle Corridor"/>
    <s v="(SG15-1) Provision of a high quality, off-road cycle route along the full length between the A414 Breakspear Way and A4147 Swallowdale Lane (eastern side of the road). Expected to comprise widening of the existing shared-use path to meet standards including replacing areas of grass verge and localised reduction in carriageway space (e.g. removal of additional lanes at some junctions (access to Aldi/Nuffield Health/McDonalds; junction with Wood Lane End). Assume cyclist priority on some side arms (Eaton Road; Maxted Road; x3 accesses to Hosking Court). Also provision of a Toucan crossing at location of existing uncontrolled crossing with refuge islands just north of the Travelodge vehicle access). Include upgrade to the existing shared use route between the A414 at-grade signal crossing to the proposed Toucan crossing on Maylands Avenue. Also provide additional signal-controlled crossing points on Maylands Avenue in the vicinity of Dixons Turn and Eaton Road"/>
    <n v="2073106"/>
    <n v="1518139.9924193113"/>
    <n v="554966.00758068857"/>
    <n v="1346845.5"/>
    <n v="0"/>
    <n v="726260.5"/>
    <n v="171294.49241931131"/>
    <x v="1"/>
    <x v="1"/>
  </r>
  <r>
    <s v="TR118"/>
    <s v="DBC IDP"/>
    <x v="0"/>
    <s v="Active Travel"/>
    <s v="Maylands Avenue Wayfinding Signage"/>
    <s v="(SG15-2) Additional wayfinding signage showing directions and distances to key destinations including mobility hubs "/>
    <n v="20883"/>
    <n v="15292.665913702669"/>
    <n v="5590.3340862973328"/>
    <n v="13567.125"/>
    <n v="0"/>
    <n v="7315.875"/>
    <n v="1725.5409137026691"/>
    <x v="1"/>
    <x v="1"/>
  </r>
  <r>
    <s v="TR119"/>
    <s v="DBC IDP"/>
    <x v="0"/>
    <s v="Active Travel"/>
    <s v="Longlands side arm pedestrian crossing improvements"/>
    <s v="(SG16-1) Implement dropped kerbs and tactile paving at side-arm junctions with Ellen Close; Hobletts Road; Springfield Road; Little Road; and Ellingham Road "/>
    <n v="12923"/>
    <n v="7643.5967962308605"/>
    <n v="5279.4032037691404"/>
    <n v="8395.8302999999996"/>
    <n v="0"/>
    <n v="4527.1697000000004"/>
    <n v="-752.23350376913913"/>
    <x v="1"/>
    <x v="2"/>
  </r>
  <r>
    <s v="TR120"/>
    <s v="DBC IDP"/>
    <x v="0"/>
    <s v="Active Travel"/>
    <s v="Longlands Additional Zebra Crossings"/>
    <s v="(SG16-2) Two additional Zebra crossings on extended speed table, between Broadfield Road and Sawyer's Way, and between Vauxhall Road and Field Road (replacing existing uncontrolled crossing)"/>
    <n v="272111"/>
    <n v="160946.12457008247"/>
    <n v="111164.87542991756"/>
    <n v="176783.75"/>
    <n v="0"/>
    <n v="95327.25"/>
    <n v="-15837.625429917534"/>
    <x v="1"/>
    <x v="2"/>
  </r>
  <r>
    <s v="TR122"/>
    <s v="DBC IDP"/>
    <x v="0"/>
    <s v="Active Travel"/>
    <s v="Longlands Shared Use Cycle Path"/>
    <s v="(SG16-4) Create an off-road shared use path on the eastern side of the road, between The Queen's Square (including a 50m section on this side road to provide access to the Local Mobility Hub - separate proposal) and the A414 St Albans Road. "/>
    <n v="1142233"/>
    <n v="675599.20292108366"/>
    <n v="466633.79707891634"/>
    <n v="742080.625"/>
    <n v="0"/>
    <n v="400152.375"/>
    <n v="-66481.422078916337"/>
    <x v="1"/>
    <x v="2"/>
  </r>
  <r>
    <s v="TR123"/>
    <s v="DBC IDP"/>
    <x v="0"/>
    <s v="Active Travel"/>
    <s v="Continuous Pavement crossings at Fields Road and Vauxhall Road"/>
    <s v="(SG16-5) Install Copenhagen crossings at the side arm junctions of Field Road, Vauxhall Road"/>
    <n v="348049"/>
    <n v="205861.34963486454"/>
    <n v="142187.65036513546"/>
    <n v="226118.75"/>
    <n v="0"/>
    <n v="121930.25"/>
    <n v="-20257.400365135458"/>
    <x v="1"/>
    <x v="2"/>
  </r>
  <r>
    <s v="TR124"/>
    <s v="DBC IDP"/>
    <x v="0"/>
    <s v="Active Travel"/>
    <s v="Longlands Wayfinding Signage"/>
    <s v="(SG16-6) Implement wayfinding at start/end of segment and close to The Queen's Square"/>
    <n v="17402"/>
    <n v="10292.801319199056"/>
    <n v="7109.1986808009424"/>
    <n v="11305.9375"/>
    <n v="0"/>
    <n v="6096.0625"/>
    <n v="-1013.1361808009442"/>
    <x v="1"/>
    <x v="2"/>
  </r>
  <r>
    <s v="TR125"/>
    <s v="DBC IDP"/>
    <x v="0"/>
    <s v="Active Travel"/>
    <s v="Great Road cycle route"/>
    <s v="(SG17-1) Provide an off-road shared use cycle path between the junction with Queensway and south of the junction with Hobletts Road. "/>
    <n v="257556"/>
    <n v="152337.24494699651"/>
    <n v="105218.75505300354"/>
    <n v="167327.875"/>
    <n v="0"/>
    <n v="90228.125"/>
    <n v="-14990.630053003493"/>
    <x v="1"/>
    <x v="2"/>
  </r>
  <r>
    <s v="TR126"/>
    <s v="DBC IDP"/>
    <x v="0"/>
    <s v="Active Travel"/>
    <s v="Great Road additional zebra crossing"/>
    <s v="(SG17-2) Install a new Zebra crossing on extended raised speed table between Hobletts Road and Springfield Road"/>
    <n v="199337"/>
    <n v="117902.3179269729"/>
    <n v="81434.682073027099"/>
    <n v="129504.375"/>
    <n v="0"/>
    <n v="69832.625"/>
    <n v="-11602.057073027099"/>
    <x v="1"/>
    <x v="2"/>
  </r>
  <r>
    <s v="TR128"/>
    <s v="DBC IDP"/>
    <x v="0"/>
    <s v="Active Travel"/>
    <s v="Great Road Wayfinding Signage"/>
    <s v="(SG17-4) Add wayfinding/ signage indicating direction and distance/time towards The Queens Square and Nickey Line"/>
    <n v="10441"/>
    <n v="6175.5624970553599"/>
    <n v="4265.437502944641"/>
    <n v="6783.5625"/>
    <n v="0"/>
    <n v="3657.4375"/>
    <n v="-608.00000294464007"/>
    <x v="1"/>
    <x v="2"/>
  </r>
  <r>
    <s v="TR134"/>
    <s v="DBC IDP"/>
    <x v="0"/>
    <s v="Active Travel"/>
    <s v="Cambrian Way cycle route"/>
    <s v="(SG19-1) Segregated cycle route or shared use path along Cambrian Way between Link Road and Malvern Way. Widen the footways leading up to the western side of the Link Road roundabout to facilitate shared use, and widen the uncontrolled crossing points across Link Road. Enlarge the size of the roundabout western arm splitter island by reducing the Link Road approach to a single lane (reducing crossing distance)"/>
    <n v="1797198"/>
    <n v="1062992.871236749"/>
    <n v="734205.12876325089"/>
    <n v="1167595"/>
    <n v="0"/>
    <n v="629603"/>
    <n v="-104602.12876325101"/>
    <x v="1"/>
    <x v="2"/>
  </r>
  <r>
    <s v="TR135"/>
    <s v="DBC IDP"/>
    <x v="0"/>
    <s v="Active Travel"/>
    <s v="Malvern Way residential cycle street (link to Nickey Line)"/>
    <s v="(SG19-2) Designate Malvern Way and southern section of Chilterns as a Residential Cycle Street with on-street advisory lanes "/>
    <n v="620160"/>
    <n v="366807.47420494701"/>
    <n v="253352.52579505299"/>
    <n v="402902.5"/>
    <n v="0"/>
    <n v="217257.5"/>
    <n v="-36095.025795052992"/>
    <x v="1"/>
    <x v="2"/>
  </r>
  <r>
    <s v="TR136"/>
    <s v="DBC IDP"/>
    <x v="0"/>
    <s v="Active Travel"/>
    <s v="Fletcher Way bridge and Nickey Line access"/>
    <s v="(SG19-3) Improved ramp access to Nickey Line at Fletcher Way - resurfacing and trim back vegetation. Widen the footway on the northern side of Fletcher Way (removing hatched area in the centre, to accommodate a widening footway/cycleway. Raise height of bridge parapet so that it is suitable for cyclists"/>
    <n v="38569"/>
    <n v="22812.495924617197"/>
    <n v="15756.504075382803"/>
    <n v="25057.575400000002"/>
    <n v="0"/>
    <n v="13511.424599999998"/>
    <n v="-2245.079475382805"/>
    <x v="1"/>
    <x v="2"/>
  </r>
  <r>
    <s v="TR137"/>
    <s v="DBC IDP"/>
    <x v="0"/>
    <s v="Active Travel"/>
    <s v="Cambrian Way to Nickey Line Wayfinding Signage"/>
    <s v="(SG19-4) Add wayfinding signage to guide cyclists and pedestrians between Cambrian Way and the Nickey Line"/>
    <n v="13922"/>
    <n v="8234.477644287399"/>
    <n v="5687.5223557126028"/>
    <n v="9044.75"/>
    <n v="0"/>
    <n v="4877.25"/>
    <n v="-810.27235571260098"/>
    <x v="1"/>
    <x v="2"/>
  </r>
  <r>
    <s v="TR138"/>
    <s v="DBC IDP"/>
    <x v="0"/>
    <s v="Active Travel"/>
    <s v="Allandale-George Street-Figtree Hill side arm pedestrian crossing improvements"/>
    <s v="(SG20-1) Implement dropped kerbs and tactile paving along entire segment - Allandale junctions with Slippers Hill; Garland Close, George Street, St Mary's Road; Grover Close, Chapel Street, Honey Pot Close, Randalls Ride; Taverners. - George Street junctions with Heathrer Way and Figtree Hill. - Figtree junction with B487 Queensway"/>
    <n v="24458"/>
    <n v="14466.23001177856"/>
    <n v="9991.7699882214365"/>
    <n v="15889.459121250002"/>
    <n v="0"/>
    <n v="8568.5408787499982"/>
    <n v="-1423.2291094714419"/>
    <x v="1"/>
    <x v="2"/>
  </r>
  <r>
    <s v="TR139"/>
    <s v="DBC IDP"/>
    <x v="0"/>
    <s v="Active Travel"/>
    <s v="Allandale new uncontrolled crossing south of Smithfield"/>
    <s v="(SG20-2) Implement uncontrolled crossing with dropped kerbs and tactile paving approximately 20m south of the Allandale-Smithfield mini roundabout"/>
    <n v="7900"/>
    <n v="4672.6313309776206"/>
    <n v="3227.368669022379"/>
    <n v="5132.6160600000003"/>
    <n v="0"/>
    <n v="2767.3839399999997"/>
    <n v="-459.98472902237972"/>
    <x v="1"/>
    <x v="2"/>
  </r>
  <r>
    <s v="TR140"/>
    <s v="DBC IDP"/>
    <x v="0"/>
    <s v="Active Travel"/>
    <s v="Allandale localised footway widening"/>
    <s v="(SG20-3) Footway widening - removal of grass verge between St Mary's Road and George Street"/>
    <n v="11391"/>
    <n v="6737.4612014134264"/>
    <n v="4653.5387985865727"/>
    <n v="7400.25"/>
    <n v="0"/>
    <n v="3990.75"/>
    <n v="-662.78879858657365"/>
    <x v="1"/>
    <x v="2"/>
  </r>
  <r>
    <s v="TR141"/>
    <s v="DBC IDP"/>
    <x v="0"/>
    <s v="Active Travel"/>
    <s v="Allandale Traffic Calming"/>
    <s v="(SG20-5) Implement traffic calming (speed tables or cushions) on four sections of Allandale - a) between Smithfield and Taverners; b) between Taverners and Randalls Ride; c) between Chapel Close and Grover Close; and d) between Garland Close and Slippers Hill "/>
    <n v="436643"/>
    <n v="258262.24838633687"/>
    <n v="178380.75161366313"/>
    <n v="283676.25"/>
    <n v="0"/>
    <n v="152966.75"/>
    <n v="-25414.001613663131"/>
    <x v="1"/>
    <x v="2"/>
  </r>
  <r>
    <s v="TR142"/>
    <s v="DBC IDP"/>
    <x v="0"/>
    <s v="Active Travel"/>
    <s v="Allandale Wayfinding Signage"/>
    <s v="(SG20-6) Improve wayfinding along segment"/>
    <n v="20883"/>
    <n v="12351.716466431095"/>
    <n v="8531.2835335689051"/>
    <n v="13567.125"/>
    <n v="0"/>
    <n v="7315.875"/>
    <n v="-1215.4085335689051"/>
    <x v="1"/>
    <x v="2"/>
  </r>
  <r>
    <s v="TR143"/>
    <s v="DBC IDP"/>
    <x v="0"/>
    <s v="Active Travel"/>
    <s v="Queensway-Marlowes Roundabout speed reduction measures"/>
    <s v="(SG21-1) Reduce the kerb radii all approaches, notably on the Marlowes and Queensway approach arms to provide a single lane. This will increase deflection and reduce speeds through the junction. Provide give-way markings on the cycleway approach to increase the prominence of the cycleway approach"/>
    <n v="70241"/>
    <n v="40569.86090704392"/>
    <n v="29671.139092956077"/>
    <n v="45633.542954999997"/>
    <n v="0"/>
    <n v="24607.457045000003"/>
    <n v="-5063.6820479560774"/>
    <x v="1"/>
    <x v="2"/>
  </r>
  <r>
    <s v="TR144"/>
    <s v="DBC IDP"/>
    <x v="0"/>
    <s v="Active Travel"/>
    <s v="Gadebridge Park cycle stands"/>
    <s v="(SG22-1) Implement cycle stands adjacent to the car park"/>
    <n v="1595"/>
    <n v="943.39835100117773"/>
    <n v="651.60164899882216"/>
    <n v="1036.0349999999999"/>
    <n v="0"/>
    <n v="558.96500000000015"/>
    <n v="-92.636648998822125"/>
    <x v="1"/>
    <x v="2"/>
  </r>
  <r>
    <s v="TR145"/>
    <s v="DBC IDP"/>
    <x v="0"/>
    <s v="Active Travel"/>
    <s v="Piccotts End Road uncontrolled crossing"/>
    <s v="(SG23-1) Provide an uncontrolled crossing at the northern end of the western footway, where it terminates (south of Gadebridge Lane)"/>
    <n v="65866"/>
    <n v="38957.915853945822"/>
    <n v="26908.084146054178"/>
    <n v="42791.666060000003"/>
    <n v="0"/>
    <n v="23074.333939999997"/>
    <n v="-3833.750206054181"/>
    <x v="1"/>
    <x v="2"/>
  </r>
  <r>
    <s v="TR146"/>
    <s v="DBC IDP"/>
    <x v="0"/>
    <s v="Active Travel"/>
    <s v="Piccotts End Road Gadebridge Park active mode access improvement"/>
    <s v="(SG23-2) Provide a kerbed build out adjacent to the gated entrance into Gadebridge Park (incorporating vehicle crossover for maintenance access). "/>
    <n v="2848"/>
    <n v="1684.5131684334513"/>
    <n v="1163.486831566549"/>
    <n v="1850.0625"/>
    <n v="0"/>
    <n v="997.9375"/>
    <n v="-165.54933156654874"/>
    <x v="1"/>
    <x v="2"/>
  </r>
  <r>
    <s v="TR147"/>
    <s v="DBC IDP"/>
    <x v="0"/>
    <s v="Active Travel"/>
    <s v="Piccotts End Road Wayfinding Signage"/>
    <s v="(SG23-3) Implement wayfinding signage at access to Gadebridge Park"/>
    <n v="3480"/>
    <n v="2058.3236749116604"/>
    <n v="1421.6763250883391"/>
    <n v="2261.1875"/>
    <n v="0"/>
    <n v="1218.8125"/>
    <n v="-202.86382508833958"/>
    <x v="1"/>
    <x v="2"/>
  </r>
  <r>
    <s v="TR150"/>
    <s v="DBC IDP"/>
    <x v="0"/>
    <s v="Active Travel"/>
    <s v="Marlowes carriageway reconfiguration - Hillfield Road-Combe Street"/>
    <s v="(SG25-3) a) Remove the landscaped central reservation on Marlowes between Hillfield Road and Combe Street. b) Reduce the northbound carriageway to a single lane and widen the footway on western side. c) Install an additional controlled crossing adjacent to the Wetherspoon public house, on a raised speed table."/>
    <n v="313019"/>
    <n v="282498.81191132654"/>
    <n v="30520.188088673563"/>
    <n v="203360.35004999998"/>
    <n v="0"/>
    <n v="109658.64995000002"/>
    <n v="79138.461861326563"/>
    <x v="1"/>
    <x v="1"/>
  </r>
  <r>
    <s v="TR151"/>
    <s v="DBC IDP"/>
    <x v="0"/>
    <s v="Active Travel"/>
    <s v="Marlowes carriageway reconfiguration - Combe Street-Midland Road"/>
    <s v="(SG25-4) a) Remove landscaped central reservation on Marlowes between Combe Street and Midland Road and widen the footway on eastern side. Reduce the southbound carriageway to a single lane. b) Install an additional controlled crossing adjacent to the library, on a raised speed table.  "/>
    <n v="290466"/>
    <n v="262144.78961543983"/>
    <n v="28321.210384560218"/>
    <n v="188708.84175000002"/>
    <n v="0"/>
    <n v="101757.15824999998"/>
    <n v="73435.947865439812"/>
    <x v="1"/>
    <x v="1"/>
  </r>
  <r>
    <s v="TR152"/>
    <s v="DBC IDP"/>
    <x v="0"/>
    <s v="Active Travel"/>
    <s v="Marlowes cycle stands"/>
    <s v="(SG25-5) Add cycle stands outside shopping parades (note - separate proposal for a Mobility Hub outside the college)"/>
    <n v="2392"/>
    <n v="2158.7736146748061"/>
    <n v="233.22638532519483"/>
    <n v="1554.0525"/>
    <n v="0"/>
    <n v="837.94749999999999"/>
    <n v="604.72111467480613"/>
    <x v="1"/>
    <x v="1"/>
  </r>
  <r>
    <s v="TR153"/>
    <s v="DBC IDP"/>
    <x v="0"/>
    <s v="Active Travel"/>
    <s v="Midland Road pedestrian crossing"/>
    <s v="(SG25-6) Install controlled zebra crossing on a raised speed table on Midlands Road on the eastern side of the Marlowes roundabout "/>
    <n v="200552"/>
    <n v="180997.64463639696"/>
    <n v="19554.355363603041"/>
    <n v="130293.73499999999"/>
    <n v="0"/>
    <n v="70258.265000000014"/>
    <n v="50703.909636396973"/>
    <x v="1"/>
    <x v="1"/>
  </r>
  <r>
    <s v="TR154"/>
    <s v="DBC IDP"/>
    <x v="0"/>
    <s v="Active Travel"/>
    <s v="Two Waters Way Cycle Link"/>
    <s v="(SG26-1) Provide segregated cycle lane along Two Waters Way by removing hatching in the middle of road (removal of right turn filters, single lane in both direction). To be located on the western side between the Plough Roundabout and River Bulbourne and on the eastern side to London Road. The northern section, north of Corner Hall, would need to be provided as a shared use facility off-road as there is insufficient space within the carriageway. In the vicinity of the River Bulbourne provide a Toucan crossing. At the northern end, provide a widened bridge over the River Gade and shared use route across to Station Road. "/>
    <n v="1370676"/>
    <n v="1050437.7635877605"/>
    <n v="320238.23641223944"/>
    <n v="890493.87212499988"/>
    <n v="0"/>
    <n v="480182.12787500012"/>
    <n v="159943.89146276063"/>
    <x v="1"/>
    <x v="1"/>
  </r>
  <r>
    <s v="TR155"/>
    <s v="DBC IDP"/>
    <x v="0"/>
    <s v="Active Travel"/>
    <s v="Corner Hall cycle parking"/>
    <s v="(SG26-3) Add cycle parking stands on Corner Hall (west of the river)"/>
    <n v="797"/>
    <n v="610.79270198022357"/>
    <n v="186.20729801977626"/>
    <n v="518.01749999999993"/>
    <n v="0"/>
    <n v="278.98250000000007"/>
    <n v="92.775201980223642"/>
    <x v="1"/>
    <x v="1"/>
  </r>
  <r>
    <s v="TR156"/>
    <s v="DBC IDP"/>
    <x v="0"/>
    <s v="Active Travel"/>
    <s v="Corner Hall pedestrian crossing improvements"/>
    <s v="(SG26-4) Add tactile paving at Corner Hall"/>
    <n v="2430"/>
    <n v="1862.2663310062023"/>
    <n v="567.7336689937971"/>
    <n v="1578.72"/>
    <n v="0"/>
    <n v="851.28"/>
    <n v="283.54633100620231"/>
    <x v="1"/>
    <x v="1"/>
  </r>
  <r>
    <s v="TR157"/>
    <s v="DBC IDP"/>
    <x v="0"/>
    <s v="Active Travel"/>
    <s v="Two Waters Way Wayfinding Signage"/>
    <s v="(SG26-5) Improve signage and wayfinding"/>
    <n v="6961"/>
    <n v="5705.0259314933965"/>
    <n v="1255.974068506604"/>
    <n v="4522.375"/>
    <n v="0"/>
    <n v="2438.625"/>
    <n v="1182.6509314933965"/>
    <x v="1"/>
    <x v="1"/>
  </r>
  <r>
    <s v="TR158"/>
    <s v="DBC IDP"/>
    <x v="0"/>
    <s v="Active Travel"/>
    <s v="Lawn Lane-Crabtree Lane pedestrian crossing improvement"/>
    <s v="(SG27-1) Junction between Lawn Lane and Crabtree Lane. Remove guardrail, increase refuge island width and reduce side arm approach to a single lane. Build out width of footway on southern side and incorporate dropped kerbs with tactile paving"/>
    <n v="33063"/>
    <n v="19555.849328621905"/>
    <n v="13507.150671378093"/>
    <n v="21480.014985000002"/>
    <n v="0"/>
    <n v="11582.985014999998"/>
    <n v="-1924.1656563780962"/>
    <x v="1"/>
    <x v="2"/>
  </r>
  <r>
    <s v="TR159"/>
    <s v="DBC IDP"/>
    <x v="0"/>
    <s v="Active Travel"/>
    <s v="Lawn Lane new signalised crossing near Crabtree Lane"/>
    <s v="(SG27-2) Additional signal-controlled pedestrian crossing north of the junction with Crabtree Lane on a raised speed table"/>
    <n v="450565"/>
    <n v="266496.72603062424"/>
    <n v="184068.27396937576"/>
    <n v="292721"/>
    <n v="0"/>
    <n v="157844"/>
    <n v="-26224.273969375761"/>
    <x v="1"/>
    <x v="2"/>
  </r>
  <r>
    <s v="TR160"/>
    <s v="DBC IDP"/>
    <x v="0"/>
    <s v="Active Travel"/>
    <s v="Lawn Lane new signalised crossing near Corner Hall"/>
    <s v="(SG27-3) Additional signal controlled pedestrian crossing north of junction with Corner Hall  on a raised speed table"/>
    <n v="453150"/>
    <n v="268025.68197879853"/>
    <n v="185124.31802120141"/>
    <n v="294400.16606000002"/>
    <n v="0"/>
    <n v="158749.83393999998"/>
    <n v="-26374.484081201488"/>
    <x v="1"/>
    <x v="2"/>
  </r>
  <r>
    <s v="TR161"/>
    <s v="DBC IDP"/>
    <x v="0"/>
    <s v="Active Travel"/>
    <s v="Corner Hall Stopping Up and widened footway"/>
    <s v="(SG27-4) Closure of the Corner Hall one-way section at the junction with Lawn Lane - provision of a continuous footway. Remove hatching and right turn filter to accommodate widened footway on western side"/>
    <n v="118969"/>
    <n v="70366.870482921091"/>
    <n v="48602.129517078916"/>
    <n v="77291.5"/>
    <n v="0"/>
    <n v="41677.5"/>
    <n v="-6924.629517078909"/>
    <x v="1"/>
    <x v="2"/>
  </r>
  <r>
    <s v="TR162"/>
    <s v="DBC IDP"/>
    <x v="0"/>
    <s v="Active Travel"/>
    <s v="Durrants Hill Road-Ebberns Road pedestrian crossing improvements"/>
    <s v="(SG28-1) Improve pedestrian crossing facilities at the side arm junction with Ebberns Road including dropped kerbs and tactile paving"/>
    <n v="6382"/>
    <n v="3774.7763486454655"/>
    <n v="2607.2236513545345"/>
    <n v="4145.9160600000005"/>
    <n v="0"/>
    <n v="2236.0839399999995"/>
    <n v="-371.13971135453494"/>
    <x v="1"/>
    <x v="2"/>
  </r>
  <r>
    <s v="TR163"/>
    <s v="DBC IDP"/>
    <x v="0"/>
    <s v="Active Travel"/>
    <s v="Durrents Hill additional pedestrian crossing "/>
    <s v="(SG28-2) Provide an uncontrolled crossing adjacent to the entrance into the park, north of the junction with Ebberns Road. Provide localised widening of the footway on the eastern side of the road, removing space for kerb-side parking"/>
    <n v="68524"/>
    <n v="40530.04928150765"/>
    <n v="27993.950718492346"/>
    <n v="44518.391060000002"/>
    <n v="0"/>
    <n v="24005.608939999998"/>
    <n v="-3988.3417784923513"/>
    <x v="1"/>
    <x v="2"/>
  </r>
  <r>
    <s v="TR164"/>
    <s v="DBC IDP"/>
    <x v="0"/>
    <s v="Active Travel"/>
    <s v="Durrants Hill Road Wayfinding Signage"/>
    <s v="(SG28-3) Provide wayfinding signage"/>
    <n v="10441"/>
    <n v="6175.5624970553599"/>
    <n v="4265.437502944641"/>
    <n v="6783.5625"/>
    <n v="0"/>
    <n v="3657.4375"/>
    <n v="-608.00000294464007"/>
    <x v="1"/>
    <x v="2"/>
  </r>
  <r>
    <s v="TR165"/>
    <s v="DBC IDP"/>
    <x v="0"/>
    <s v="Active Travel"/>
    <s v="Durrants Hill Road cycle parking"/>
    <s v="(SG28-4) Install cycle parking adjacent to the public toilets"/>
    <n v="797"/>
    <n v="471.40343934040033"/>
    <n v="325.59656065959956"/>
    <n v="518.01749999999993"/>
    <n v="0"/>
    <n v="278.98250000000007"/>
    <n v="-46.614060659599602"/>
    <x v="1"/>
    <x v="2"/>
  </r>
  <r>
    <s v="TR166"/>
    <s v="DBC IDP"/>
    <x v="0"/>
    <s v="Active Travel"/>
    <s v="A414 new crossing near to Wood Crescent/Wood Lane junctions"/>
    <s v="(SG29-1) New parallel signal-controlled pedestrian/cycle crossing near to the Wood Crescent and Wood Lane junctions on the A414"/>
    <n v="922013"/>
    <n v="545345.16852767952"/>
    <n v="376667.83147232037"/>
    <n v="599009.125"/>
    <n v="0"/>
    <n v="323003.875"/>
    <n v="-53663.956472320482"/>
    <x v="1"/>
    <x v="2"/>
  </r>
  <r>
    <s v="TR167"/>
    <s v="DBC IDP"/>
    <x v="0"/>
    <s v="Active Travel"/>
    <s v="Wood Crescent-Runham Road-Deaconsfield Road Wayfinding Signage"/>
    <s v="(SG29-2) Introduce wayfinding at key junction decision points"/>
    <n v="6961"/>
    <n v="4117.2388221436995"/>
    <n v="2843.7611778563014"/>
    <n v="4522.375"/>
    <n v="0"/>
    <n v="2438.625"/>
    <n v="-405.13617785630049"/>
    <x v="1"/>
    <x v="2"/>
  </r>
  <r>
    <s v="TR168"/>
    <s v="DBC IDP"/>
    <x v="0"/>
    <s v="Active Travel"/>
    <s v="Leys Road cycle route"/>
    <s v="(SG30-1) Introduce offroad shared use cycle and footway utilising existing wide footway on the western/northern side of the road between the junction with St Albans Hill and Bennetts Gate shopping parade. Removal of some grass verge to create sufficient width and use of bollards or markings to discourage pavement parking. Include Copenhagen crossings on Lime Walk, Long John, Howe Road and Kimps Way "/>
    <n v="1983442"/>
    <n v="1173151.0420730272"/>
    <n v="810290.957926973"/>
    <n v="1288592.9931874999"/>
    <n v="0"/>
    <n v="694849.00681250007"/>
    <n v="-115441.9511144727"/>
    <x v="1"/>
    <x v="2"/>
  </r>
  <r>
    <s v="TR169"/>
    <s v="DBC IDP"/>
    <x v="0"/>
    <s v="Active Travel"/>
    <s v="Leys Road-Pescroft junction reconfiguration and parallel crossing"/>
    <s v="(SG30-2) Provide a parallel pedestrian cycle zebra crossing on the Peascroft arm of the Leys Road mini roundabout. Convert Mini roundabout priority T-junction layout. "/>
    <n v="234142"/>
    <n v="138488.5120376914"/>
    <n v="95653.487962308602"/>
    <n v="152116.25"/>
    <n v="0"/>
    <n v="82025.75"/>
    <n v="-13627.737962308602"/>
    <x v="1"/>
    <x v="2"/>
  </r>
  <r>
    <s v="TR170"/>
    <s v="DBC IDP"/>
    <x v="0"/>
    <s v="Active Travel"/>
    <s v="Lime Walk park desire line shared use path"/>
    <s v="(SG30-3) Formalise the desire lane path crossing Lime Walk park between Leys Road and St Albans Hill to provide a shared use path. Install widened uncontrolled crossing with tactile paving onto St Albans Hill. Provide steps, handrail and wheeling channel at the western end of the path leading down onto St Albans Hill, and signs indicating for cyclists to dismount on approach to the steps. Provide a short shared-use path linking St Albans Hill and Wheelers Road to link into the improved crossing"/>
    <n v="341774"/>
    <n v="202149.86082449945"/>
    <n v="139624.13917550058"/>
    <n v="222042.16606000002"/>
    <n v="0"/>
    <n v="119731.83393999998"/>
    <n v="-19892.305235500564"/>
    <x v="1"/>
    <x v="2"/>
  </r>
  <r>
    <s v="TR171"/>
    <s v="DBC IDP"/>
    <x v="0"/>
    <s v="Active Travel"/>
    <s v="Lime Walk park Wayfinding Signage"/>
    <s v="(SG30-4) Introduce Wayfinding signage at both ends of Lime Walk park path"/>
    <n v="6961"/>
    <n v="4117.2388221436995"/>
    <n v="2843.7611778563014"/>
    <n v="4522.375"/>
    <n v="0"/>
    <n v="2438.625"/>
    <n v="-405.13617785630049"/>
    <x v="1"/>
    <x v="2"/>
  </r>
  <r>
    <s v="TR172"/>
    <s v="DBC IDP"/>
    <x v="0"/>
    <s v="Active Travel"/>
    <s v="Lime Walk park cycle parking"/>
    <s v="(SG30-5) Introduce cycle parking at the south-eastern corner of Lime Walk park "/>
    <n v="598"/>
    <n v="353.70044758539461"/>
    <n v="244.29955241460542"/>
    <n v="388.513125"/>
    <n v="0"/>
    <n v="209.486875"/>
    <n v="-34.812677414605389"/>
    <x v="1"/>
    <x v="2"/>
  </r>
  <r>
    <s v="TR173"/>
    <s v="DBC IDP"/>
    <x v="0"/>
    <s v="Active Travel"/>
    <s v="St Albans Hill Zebra Crossing by Dacorum Athletics Track"/>
    <s v="(SG31-1) New zebra crossing on St Albans Hill adjacent Dacorum Athletics Track. Placed on raised speed table leading to playground to follow the desire line."/>
    <n v="199337"/>
    <n v="117902.3179269729"/>
    <n v="81434.682073027099"/>
    <n v="129504.375"/>
    <n v="0"/>
    <n v="69832.625"/>
    <n v="-11602.057073027099"/>
    <x v="1"/>
    <x v="2"/>
  </r>
  <r>
    <s v="TR174"/>
    <s v="DBC IDP"/>
    <x v="0"/>
    <s v="Active Travel"/>
    <s v="St Albans Hill - Bennetts End Road pedestrian crossing improvement"/>
    <s v="(SG31-2) Tighten kerb radii/ reduce crossing width and improve pedestrian and cycling crossing with widened refuge islands"/>
    <n v="110163"/>
    <n v="65158.365229681978"/>
    <n v="45004.634770318022"/>
    <n v="71570.416060000003"/>
    <n v="0"/>
    <n v="38592.583939999997"/>
    <n v="-6412.050830318025"/>
    <x v="1"/>
    <x v="2"/>
  </r>
  <r>
    <s v="TR175"/>
    <s v="DBC IDP"/>
    <x v="0"/>
    <s v="Active Travel"/>
    <s v="Bennetts End Road cycle route"/>
    <s v="(SG31-3) New off-road shared use cycle and footway along the eastern side of Bennetts End Road between the A414 and Peascroft Road. Incorporating Copenhagen crossings on side arm junctions with Gammon Close, Belsize Road, Acorn Road, Rant Meadow and Goldcoft. Also convert the existing zebra crossing adjacent to the Bennetts Gate shopping parade to a parallel zebra crossing. "/>
    <n v="643137"/>
    <n v="380397.7337102475"/>
    <n v="262739.26628975268"/>
    <n v="417830.03762499994"/>
    <n v="0"/>
    <n v="225306.96237500006"/>
    <n v="-37432.30391475244"/>
    <x v="1"/>
    <x v="2"/>
  </r>
  <r>
    <s v="TR176"/>
    <s v="DBC IDP"/>
    <x v="0"/>
    <s v="Active Travel"/>
    <s v="Bennetts End Road Wayfinding signage"/>
    <s v="(SG31-4) Introduce wayfinding and signage"/>
    <n v="3480"/>
    <n v="2058.3236749116604"/>
    <n v="1421.6763250883391"/>
    <n v="2261.1875"/>
    <n v="0"/>
    <n v="1218.8125"/>
    <n v="-202.86382508833958"/>
    <x v="1"/>
    <x v="2"/>
  </r>
  <r>
    <s v="TR177"/>
    <s v="DBC IDP"/>
    <x v="0"/>
    <s v="Active Travel"/>
    <s v="Cycle parking at Snow Centre"/>
    <s v="(SG31-5) Introduce cycle parking at the Snow Centre along St Albans Hill"/>
    <n v="797"/>
    <n v="471.40343934040033"/>
    <n v="325.59656065959956"/>
    <n v="518.01749999999993"/>
    <n v="0"/>
    <n v="278.98250000000007"/>
    <n v="-46.614060659599602"/>
    <x v="1"/>
    <x v="2"/>
  </r>
  <r>
    <s v="TR178"/>
    <s v="DBC IDP"/>
    <x v="0"/>
    <s v="Active Travel"/>
    <s v="Pedestrian crossing improvements on side arms along White Hart Road and Windmill Road"/>
    <s v="(SG32-1) Tactile paving at side arm junctions - Eastwick Row, White Hart Drive, Windmill Road, Abel Close and Homefield Road"/>
    <n v="7445"/>
    <n v="4403.5114252061258"/>
    <n v="3041.4885747938752"/>
    <n v="4836.6060599999992"/>
    <n v="0"/>
    <n v="2608.3939400000008"/>
    <n v="-433.09463479387341"/>
    <x v="1"/>
    <x v="2"/>
  </r>
  <r>
    <s v="TR179"/>
    <s v="DBC IDP"/>
    <x v="0"/>
    <s v="Active Travel"/>
    <s v="White Hart Road-Windmill Road Wayfinding signage"/>
    <s v="(SG32-3) Improve signage and wayfinding"/>
    <n v="10441"/>
    <n v="6175.5624970553599"/>
    <n v="4265.437502944641"/>
    <n v="6783.5625"/>
    <n v="0"/>
    <n v="3657.4375"/>
    <n v="-608.00000294464007"/>
    <x v="1"/>
    <x v="2"/>
  </r>
  <r>
    <s v="TR180"/>
    <s v="DBC IDP"/>
    <x v="0"/>
    <s v="Active Travel"/>
    <s v="White Hart Road signal-controlled crossing north of A414"/>
    <s v="(SG32-3) Signal controlled crossing on White Hart Road north of the A414 roundabout. Include localised widening of the footway on the western side "/>
    <n v="387284"/>
    <n v="229067.76612485279"/>
    <n v="158216.23387514724"/>
    <n v="251608.5"/>
    <n v="0"/>
    <n v="135675.5"/>
    <n v="-22540.733875147213"/>
    <x v="1"/>
    <x v="2"/>
  </r>
  <r>
    <s v="TR181"/>
    <s v="DBC IDP"/>
    <x v="0"/>
    <s v="Active Travel"/>
    <s v="Redbourn Road-Swallowdale Lane Roundabout reconfiguration including improved crossings"/>
    <s v="(SG33-1) Reconfiguration of the Redbourn Road-Swallowdale Lane-High Street Green-Queensway roundabout - removing the left turn filters and building out the verges to reducing crossing distances. Installing Toucan crossings on the eastern and southern arms of the junction."/>
    <n v="1692649"/>
    <n v="1110464.2921170562"/>
    <n v="582184.70788294449"/>
    <n v="1099672.0109375"/>
    <n v="0"/>
    <n v="592976.98906249995"/>
    <n v="10792.281179556157"/>
    <x v="1"/>
    <x v="1"/>
  </r>
  <r>
    <s v="TR182"/>
    <s v="DBC IDP"/>
    <x v="0"/>
    <s v="Active Travel"/>
    <s v="Additional Wayfinding Signage on Redbourn Road"/>
    <s v="(SG33-2) Implement wayfinding at start/end of segment"/>
    <n v="6961"/>
    <n v="4626.2097611630334"/>
    <n v="2334.790238836968"/>
    <n v="4522.375"/>
    <s v=""/>
    <n v="2438.625"/>
    <n v="103.83476116303336"/>
    <x v="1"/>
    <x v="1"/>
  </r>
  <r>
    <s v="TR183"/>
    <s v="DBC IDP"/>
    <x v="0"/>
    <s v="Active Travel"/>
    <s v="Toucan Crossings on Swallowdale Lane"/>
    <s v="(SG34-1) Install Toucan crossings on Swallowdale Road between a) Eastman Way and Maxted Road, and b) between Maxted Road and Three Cherry Trees Lane"/>
    <n v="885943"/>
    <n v="524010.76193168433"/>
    <n v="361932.23806831567"/>
    <n v="575575"/>
    <n v="0"/>
    <n v="310368"/>
    <n v="-51564.238068315666"/>
    <x v="1"/>
    <x v="2"/>
  </r>
  <r>
    <s v="TR184"/>
    <s v="DBC IDP"/>
    <x v="0"/>
    <s v="Active Travel"/>
    <s v="Signalised crossing on Three Cherry Trees Lane"/>
    <s v="(SG34-2) Install a pelican crossing on Three Cherry Trees Lane south of the Caravan Park entrance. Also provide localised widening to the footway along the eastern side of Three Cherry Trees Lane between the proposed crossing to just south of Admiral Avenue"/>
    <n v="448034"/>
    <n v="264999.70958775026"/>
    <n v="183034.29041224971"/>
    <n v="291076.5"/>
    <n v="0"/>
    <n v="156957.5"/>
    <n v="-26076.790412249742"/>
    <x v="1"/>
    <x v="2"/>
  </r>
  <r>
    <s v="TR185"/>
    <s v="DBC IDP"/>
    <x v="0"/>
    <s v="Active Travel"/>
    <s v="Shared use Cycleway on Swallowdale Lane"/>
    <s v="(SG34-3) Implement a shared use cycleway and footway on the northern side of Swallowdale Lane between Eastman Way and just west of Three Cherry Trees Lane."/>
    <n v="301853"/>
    <n v="178537.69432273266"/>
    <n v="123315.30567726737"/>
    <n v="196106.625"/>
    <n v="0"/>
    <n v="105746.375"/>
    <n v="-17568.930677267344"/>
    <x v="1"/>
    <x v="2"/>
  </r>
  <r>
    <s v="TR186"/>
    <s v="DBC IDP"/>
    <x v="0"/>
    <s v="Active Travel"/>
    <s v="Cycleway on Three Cherry Trees Lane - Swallowdale Lane to Boundary Way"/>
    <s v="(SG34-4) Widen the existing footway on the southern side of Three Cherry Trees Lane to enable shared use between Boundary Way and Swallowdale Lane"/>
    <n v="110110"/>
    <n v="65127.017196702"/>
    <n v="44982.982803298"/>
    <n v="71535.75"/>
    <n v="0"/>
    <n v="38574.25"/>
    <n v="-6408.7328032980004"/>
    <x v="1"/>
    <x v="2"/>
  </r>
  <r>
    <s v="TR187"/>
    <s v="DBC IDP"/>
    <x v="0"/>
    <s v="Active Travel"/>
    <s v="Maxted Road pedestrian crossing improvements"/>
    <s v="(SG34-5) Provide tactile paving at the junction with Maxted Road"/>
    <n v="1215"/>
    <n v="718.63886925795066"/>
    <n v="496.36113074204945"/>
    <n v="789.36"/>
    <n v="0"/>
    <n v="425.64"/>
    <n v="-70.721130742049354"/>
    <x v="1"/>
    <x v="2"/>
  </r>
  <r>
    <s v="TR188"/>
    <s v="DBC IDP"/>
    <x v="0"/>
    <s v="Active Travel"/>
    <s v="Swallowdale Lane and Three Cherry Trees Lane Wayfinding signage"/>
    <s v="(SG34-6) Install wayfinding at start and end of segment and at junction of Swallowdale Lane and Three Cherry Trees Lane."/>
    <n v="10441"/>
    <n v="6175.5624970553599"/>
    <n v="4265.437502944641"/>
    <n v="6783.5625"/>
    <n v="0"/>
    <n v="3657.4375"/>
    <n v="-608.00000294464007"/>
    <x v="1"/>
    <x v="2"/>
  </r>
  <r>
    <s v="TR189"/>
    <s v="DBC IDP"/>
    <x v="0"/>
    <s v="Active Travel"/>
    <s v="Cycleway along St Agnells Lane"/>
    <s v="(SG35-1) Implement a offroad shared use cycleway along the full length of St Agnells Lane, located on the western side from Washington Avenue and remaining on the same side of the road for the full length, terminating on the eastern side at the junction with Redbourn Road. Include 4x Copenhagen crossings at St Agenlls Court, Cupid Green Lane, Essex Mead and Old Maple "/>
    <n v="3058882"/>
    <n v="1809244.0342991753"/>
    <n v="1249637.9657008245"/>
    <n v="1987279.3744375"/>
    <n v="0"/>
    <n v="1071602.6255625"/>
    <n v="-178035.34013832477"/>
    <x v="1"/>
    <x v="2"/>
  </r>
  <r>
    <s v="TR190"/>
    <s v="DBC IDP"/>
    <x v="0"/>
    <s v="Active Travel"/>
    <s v="Zebra crossing adjacent to Cupid Green Lane junction"/>
    <s v="(SG35-2) Install zebra crossing on raised speed table adjacent to Cupid Green Lane"/>
    <n v="199337"/>
    <n v="117902.3179269729"/>
    <n v="81434.682073027099"/>
    <n v="129504.375"/>
    <n v="0"/>
    <n v="69832.625"/>
    <n v="-11602.057073027099"/>
    <x v="1"/>
    <x v="2"/>
  </r>
  <r>
    <s v="TR191"/>
    <s v="DBC IDP"/>
    <x v="0"/>
    <s v="Active Travel"/>
    <s v="Cupid Green Lane Quietway"/>
    <s v="(SG35-3) Convert Cupid Green Lane to a Quietway to discourage through traffic. To provide an attractive route for walking and cycling from North Hemel Hempstead through Grovehill. Permit vehicle access to the allotments but closed to through traffic north of this point. Where Cupid Green Lane currently links onto Gaddesdon Lane on the northern side of the proposed North Hemel Hempstead development, this should also be considered for Quietway treatment to discourage traffic rat running through the development or conversely traffic routeing out of the development onto Gaddesdon Lane. "/>
    <n v="547386"/>
    <n v="323763.66756183741"/>
    <n v="223622.33243816256"/>
    <n v="781137.5"/>
    <n v="0"/>
    <n v="-233751.5"/>
    <n v="-457373.83243816259"/>
    <x v="2"/>
    <x v="2"/>
  </r>
  <r>
    <s v="TR192"/>
    <s v="DBC IDP"/>
    <x v="0"/>
    <s v="Active Travel"/>
    <s v="Grovehill Playing Fields - connection to North Hemel Hempstead (Hm01) development"/>
    <s v="(SG35-4) Provision of a new shared footway and cyclepath link through Grovehill Playing Fields, linking into the existing path where it currently ends, and connecting into the planned North Hemel Hempstead (Hm01) development. "/>
    <n v="785325"/>
    <n v="464498"/>
    <n v="320827"/>
    <n v="279873.34375"/>
    <n v="0"/>
    <n v="505451.65625"/>
    <n v="184624.65625"/>
    <x v="1"/>
    <x v="1"/>
  </r>
  <r>
    <s v="TR194"/>
    <s v="DBC IDP"/>
    <x v="0"/>
    <s v="Active Travel"/>
    <s v="Woodhall Farm-North Hemel Hempstead footway/cycle link"/>
    <s v="(SG35-6) A new route for pedestrians and cyclists to link Shenley Road between the Sainsbury's and Brockwood Primary School. Likely to use a section of existing footway adjacent to the supermarket car park at the western end, however reallocation of land from the school may be required at the eastern end. "/>
    <n v="345715"/>
    <n v="265934.61538461538"/>
    <n v="79780.384615384624"/>
    <n v="124150.49968750001"/>
    <n v="0"/>
    <n v="221564.50031249999"/>
    <n v="141784.11569711537"/>
    <x v="1"/>
    <x v="1"/>
  </r>
  <r>
    <s v="TR195"/>
    <s v="DBC IDP"/>
    <x v="0"/>
    <s v="Active Travel"/>
    <s v="Northridge Way-Cangels Close-Moorland Road Cycle Route"/>
    <s v="(SG36-1) Implement an offroad shared use cycleway along Northridge Way between the junctions with Warners End Road and Cangels Close. Implement on-street advisory route along Cangels Close and Moorland Road and a parallel zebra crossing just east of the Cangels Close junction."/>
    <n v="1936418"/>
    <n v="1145337.6476796228"/>
    <n v="791080.35232037702"/>
    <n v="1258042.5"/>
    <n v="0"/>
    <n v="678375.5"/>
    <n v="-112704.85232037725"/>
    <x v="1"/>
    <x v="2"/>
  </r>
  <r>
    <s v="TR196"/>
    <s v="DBC IDP"/>
    <x v="0"/>
    <s v="Active Travel"/>
    <s v="Northridge Way-Jocketts Road crossing and cycle route"/>
    <s v="(SG36-2) Install new parallel zebra crossing on raised speed table on Northridge Way, north of the junction with Jocketts Road. Include an 80m section of shared use cycleway running on Jocketts Road between Northridge Way and Shrubhill Road with dropped kerbs at western end for cyclists to enter/exit the carriageway"/>
    <n v="234194"/>
    <n v="138519.26859835096"/>
    <n v="95674.731401649013"/>
    <n v="152150.02803000002"/>
    <n v="0"/>
    <n v="82043.971969999984"/>
    <n v="-13630.759431649058"/>
    <x v="1"/>
    <x v="2"/>
  </r>
  <r>
    <s v="TR197"/>
    <s v="DBC IDP"/>
    <x v="0"/>
    <s v="Active Travel"/>
    <s v="Northridge Way Wayfinding Signage"/>
    <s v="(SG36-3) Introduce wayfinding northern end of segment, Northridge Park and at junction of Jocketts Road."/>
    <n v="10441"/>
    <n v="6175.5624970553599"/>
    <n v="4265.437502944641"/>
    <n v="6783.5625"/>
    <n v="0"/>
    <n v="3657.4375"/>
    <n v="-608.00000294464007"/>
    <x v="1"/>
    <x v="2"/>
  </r>
  <r>
    <s v="TR198"/>
    <s v="DBC IDP"/>
    <x v="0"/>
    <s v="Active Travel"/>
    <s v="Northridge Way Park cycle parking"/>
    <s v="(SG36-4) Introduce cycle parking at Northridge Park, close to play park and basketball court."/>
    <n v="797"/>
    <n v="471.40343934040033"/>
    <n v="325.59656065959956"/>
    <n v="518.01749999999993"/>
    <n v="0"/>
    <n v="278.98250000000007"/>
    <n v="-46.614060659599602"/>
    <x v="1"/>
    <x v="2"/>
  </r>
  <r>
    <s v="TR199"/>
    <s v="DBC IDP"/>
    <x v="0"/>
    <s v="Active Travel"/>
    <s v="Green End Road crossing and traffic calming feature near St Rose's School"/>
    <s v="(SG37-1) Install new uncontrolled crossing on Green End Road by St Rose's Infant and Nursery School as part of a kerbed build out with single lane give way to oncoming traffic."/>
    <n v="10938"/>
    <n v="6469.5242402826862"/>
    <n v="4468.4757597173148"/>
    <n v="7106.016059999999"/>
    <n v="0"/>
    <n v="3831.983940000001"/>
    <n v="-636.49181971731286"/>
    <x v="1"/>
    <x v="2"/>
  </r>
  <r>
    <s v="TR200"/>
    <s v="DBC IDP"/>
    <x v="0"/>
    <s v="Active Travel"/>
    <s v="Zebra crossing on Ashtree Way"/>
    <s v="(SG37-2) Install new zebra crossing by Ashtree Way and Green End Road."/>
    <n v="199337"/>
    <n v="117902.3179269729"/>
    <n v="81434.682073027099"/>
    <n v="129504.375"/>
    <n v="0"/>
    <n v="69832.625"/>
    <n v="-11602.057073027099"/>
    <x v="1"/>
    <x v="2"/>
  </r>
  <r>
    <s v="TR230"/>
    <s v="DBC IDP"/>
    <x v="0"/>
    <s v="Active Travel "/>
    <s v="Maylands Urban Design Improvements"/>
    <s v="Delivery of improvements to the Maylands Business Park public realm to facilitate walking and cycling "/>
    <n v="3685000"/>
    <n v="0"/>
    <n v="3685000"/>
    <n v="3685000"/>
    <n v="0"/>
    <n v="0"/>
    <n v="-3685000"/>
    <x v="3"/>
    <x v="2"/>
  </r>
  <r>
    <s v="HS19"/>
    <s v="DBC IDP and SADC IDP "/>
    <x v="1"/>
    <s v="Ambulance Service "/>
    <s v="Ambulance Hub "/>
    <s v="EEAST has identified the need for an upgraded and expanded Ambulance Hub within Hemel Hempstead, close to good road networks with easy access and ideally close to the local hospital. _x000a__x000a_EEAST’s purpose-built Ambulance Hub would require circa 1 ha of land and parking space for up to 50 ambulances/rapid response vehicles and support/operational staff (approx. 200 staff working 24/7). "/>
    <n v="8100000"/>
    <n v="4536780.5835638447"/>
    <n v="1987597.0375658071"/>
    <s v="N/A - New Scheme"/>
    <s v="N/A - New Scheme"/>
    <s v="N/A - New Scheme"/>
    <s v="N/A - New Scheme"/>
    <x v="0"/>
    <x v="0"/>
  </r>
  <r>
    <s v="ED9"/>
    <s v="DBC IDP"/>
    <x v="2"/>
    <s v="Childcare 5-11 year old (wraparound care)"/>
    <s v="5-11 Wraparound Care"/>
    <s v="By September 2026, all schools will need to have a ‘wraparound childcare’ provision. As this provision is usually delivered on site, either at the school or in partnership with another school, HCC will seek developer contributions only towards resource costs. Additional facilities will not need to be provided."/>
    <n v="140011"/>
    <n v="66671.904761904763"/>
    <n v="73339.095238095237"/>
    <n v="125292"/>
    <n v="0"/>
    <n v="14719"/>
    <n v="-58620.095238095237"/>
    <x v="1"/>
    <x v="2"/>
  </r>
  <r>
    <s v="ES1"/>
    <s v="DBC IDP"/>
    <x v="3"/>
    <s v="Fire "/>
    <s v="Mitigating the impact on the capacity of the fire and rescue service"/>
    <s v="Contribution to additional resources needed across the programme area, including new appliances and equipment. These costs help fund expenditure that the service needs to purchase to mitigate new housing such as fire prevention equipment like fire alarms in homes for vulnerable groups, road collision equipment and any other firefighting equipment identified within the fire cover review and community risk assessment. "/>
    <n v="449003"/>
    <n v="312217.9939071674"/>
    <n v="136785.0060928326"/>
    <n v="322800"/>
    <n v="0"/>
    <n v="126203"/>
    <n v="-10582.006092832598"/>
    <x v="1"/>
    <x v="2"/>
  </r>
  <r>
    <s v="TM13"/>
    <s v="Transformational Schemes (240806 DBC IDP Delivery Projects)"/>
    <x v="4"/>
    <s v="Green Infrastructure and Accessibility"/>
    <s v="Nickey Line: Maylands Focus area of intervention"/>
    <s v="Improvements to Maylands Focus area of intervention as set out in the Nickey Line Vision &amp; Strategy document with:_x000a_Zone 1- Entrance treatment on Eastman Way_x000a_Zone 2 - Proposed wider shared path for people on foot/wheel_x000a_Zone 3 - Route highlighted over side accesses_x000a_Zone 4 - Raised junction incorporating crossing for people on foot/wheel"/>
    <n v="100000"/>
    <n v="72461.760461760467"/>
    <n v="27538.239538239541"/>
    <s v="N/A - New Scheme"/>
    <s v="N/A - New Scheme"/>
    <s v="N/A - New Scheme"/>
    <s v="N/A - New Scheme"/>
    <x v="0"/>
    <x v="0"/>
  </r>
  <r>
    <s v="TR29"/>
    <s v="DBC IDP / SADC IDP"/>
    <x v="0"/>
    <s v="Highways"/>
    <s v="M1 Junction 8 enhancement - Phase 3 - M1 Junction 8 - current proposals"/>
    <s v="(LS-32) Phase 3 of package of transport measures to enhance M1 Junction 8 and surrounding area. To provide additional capacity and connectivity to Maylands and Herts IQ, and relieve congestion on the A414. Land to the east of Junction 8 is safeguarded by The Crown Estate, in case it is required to come forward for junction improvements (Phase 3 J8 enhancements)._x000a__x000a_Reconfiguration of M1 Junction 8 on the eastern side, including a new roundabout adjoining the southbound on/off-slips and a new connector road over the M1 and connecting into (H3) East Hemel Central, enabling onward connection."/>
    <n v="20500000"/>
    <n v="5224514.5631067967"/>
    <n v="15275485.436893202"/>
    <s v="N/A - New Scheme"/>
    <s v="N/A - New Scheme"/>
    <s v="N/A - New Scheme"/>
    <s v="N/A - New Scheme"/>
    <x v="0"/>
    <x v="0"/>
  </r>
  <r>
    <s v="TR30"/>
    <s v="DBC IDP"/>
    <x v="0"/>
    <s v="Highways"/>
    <s v="M1 Junction 8 enhancement - Phase 1 Phoenix Gateway Roundabout (A414/Green Lane) re-configuration and signalisation"/>
    <s v="(LS-33) Phase 1 of package of transport measures to enhance M1 Junction 8 and surrounding area - Replacement of the existing Phoenix Gateway/Green Lane roundabout on the A414 with a signal-controlled crossroads incorporating at grade active travel connections into the existing network and vehicular access to East Hemel"/>
    <n v="32500000"/>
    <n v="8282766.9902912611"/>
    <n v="24217233.009708736"/>
    <n v="1056500"/>
    <n v="0"/>
    <n v="31443500"/>
    <n v="7226266.9902912611"/>
    <x v="1"/>
    <x v="1"/>
  </r>
  <r>
    <s v="TR31"/>
    <s v="DBC IDP"/>
    <x v="0"/>
    <s v="Highways"/>
    <s v="A414 Dual Carriageway gap closure - Lamsey Street"/>
    <s v="(LS-35) Closure of the central reservation gap to right turning traffic - traffic will be diverted to the next roundabout or an alternative route"/>
    <n v="69251"/>
    <n v="25701.402061855671"/>
    <n v="43549.597938144332"/>
    <n v="44990.539343750002"/>
    <s v=""/>
    <n v="24260.460656249998"/>
    <n v="-19289.137281894331"/>
    <x v="1"/>
    <x v="2"/>
  </r>
  <r>
    <s v="TR32"/>
    <s v="DBC IDP"/>
    <x v="0"/>
    <s v="Highways"/>
    <s v="A414 Dual Carriageway gap closure - Wood Crescent"/>
    <s v="(LS-36) Closure of the central reservation gap to right turning traffic - traffic will be diverted to the next roundabout or an alternative route"/>
    <n v="69251"/>
    <n v="36805.94710327455"/>
    <n v="32445.052896725439"/>
    <n v="44990.539343750002"/>
    <s v=""/>
    <n v="24260.460656249998"/>
    <n v="-8184.5922404754529"/>
    <x v="1"/>
    <x v="2"/>
  </r>
  <r>
    <s v="TR33"/>
    <s v="DBC IDP"/>
    <x v="0"/>
    <s v="Highways"/>
    <s v="A414 Dual Carriageway gap closure - St Albans Rd leading into Mariner Way &amp; Sandmere Close"/>
    <s v="(LS-37) Closure of the central reservation gap to right turning traffic - traffic will be diverted to the next roundabout or an alternative route"/>
    <n v="67129"/>
    <n v="35309.443425076453"/>
    <n v="31819.556574923547"/>
    <n v="43612.20166875"/>
    <s v=""/>
    <n v="23516.79833125"/>
    <n v="-8302.7582436735465"/>
    <x v="1"/>
    <x v="2"/>
  </r>
  <r>
    <s v="TR34"/>
    <s v="DBC IDP"/>
    <x v="0"/>
    <s v="Highways"/>
    <s v="A414 Dual Carriageway gap closure - Rant Meadow"/>
    <s v="(LS-38) Closure of the central reservation gap to right turning traffic - traffic will be diverted to the next roundabout or an alternative route"/>
    <n v="69251"/>
    <n v="36425.602446483179"/>
    <n v="32825.397553516821"/>
    <n v="44990.539343750002"/>
    <s v=""/>
    <n v="24260.460656249998"/>
    <n v="-8564.9368972668235"/>
    <x v="1"/>
    <x v="2"/>
  </r>
  <r>
    <s v="TR35"/>
    <s v="DBC IDP"/>
    <x v="0"/>
    <s v="Highways"/>
    <s v="Cherry Tree Lane Quietway"/>
    <s v="(LS-42) Quietway, indicated by signs and some physical measures at entry points, on Cherry Tree Lane between Three Cherry Trees Lane to Redbourn Road. Closure to through traffic."/>
    <n v="522073"/>
    <n v="0"/>
    <n v="522073"/>
    <s v="N/A - New Scheme"/>
    <s v="N/A - New Scheme"/>
    <s v="N/A - New Scheme"/>
    <s v="N/A - New Scheme"/>
    <x v="0"/>
    <x v="0"/>
  </r>
  <r>
    <s v="TR36"/>
    <s v="DBC IDP"/>
    <x v="0"/>
    <s v="Highways"/>
    <s v="Punchbowl Lane Quietway"/>
    <s v="(LS-43) Quietway, indicated by signs and some physical measures at entry points, on Punchbowl Lane. The section of the lane west of the M1 will be subsumed within East Hemel Hempstead development and may therefore be subject to alteration. Closure to through traffic."/>
    <n v="506253"/>
    <n v="0"/>
    <n v="506253"/>
    <s v="N/A - New Scheme"/>
    <s v="N/A - New Scheme"/>
    <s v="N/A - New Scheme"/>
    <s v="N/A - New Scheme"/>
    <x v="0"/>
    <x v="0"/>
  </r>
  <r>
    <s v="TR37"/>
    <s v="DBC IDP"/>
    <x v="0"/>
    <s v="Highways"/>
    <s v="Hogg End Lane Quietway"/>
    <s v="(LS-44) Quietway, indicated by signs and some physical measures at entry points, on Hog End Lane. The section of the lane west of the M1 will be subsumed within East Hemel Hempstead development and may therefore be subject to alteration. Closure to through traffic."/>
    <n v="506253"/>
    <n v="0"/>
    <n v="506253.00000000006"/>
    <s v="N/A - New Scheme"/>
    <s v="N/A - New Scheme"/>
    <s v="N/A - New Scheme"/>
    <s v="N/A - New Scheme"/>
    <x v="0"/>
    <x v="0"/>
  </r>
  <r>
    <s v="TR38"/>
    <s v="DBC IDP"/>
    <x v="0"/>
    <s v="Highways"/>
    <s v="Green Lane Quietway "/>
    <s v="(LS-45) Quietway, indicated by signs and some physical measures at entry points, on Green Lane between Breakspear Park office complex access and junction with Westwick Row. The section of Green Lane adjacent to Breakspear Park may be subject to alteration resulting from the East Hemel Hempstead development and changes to the A414 Phoenix Gateway Roundabout. Closure to through traffic."/>
    <n v="7594"/>
    <n v="0"/>
    <n v="7594"/>
    <s v="N/A - New Scheme"/>
    <s v="N/A - New Scheme"/>
    <s v="N/A - New Scheme"/>
    <s v="N/A - New Scheme"/>
    <x v="0"/>
    <x v="0"/>
  </r>
  <r>
    <s v="TR39"/>
    <s v="DBC IDP"/>
    <x v="0"/>
    <s v="Highways"/>
    <s v="Bunkers Lane Quietway "/>
    <s v="(LS-46) Quietway, indicated by signs and some physical measures at entry points, on Bunkers Lane between Longdean Park and Bedmond Road. Closure to through traffic."/>
    <n v="334760"/>
    <n v="0"/>
    <n v="334759.99999999994"/>
    <n v="217485.125"/>
    <s v=""/>
    <n v="117274.875"/>
    <n v="-217485.125"/>
    <x v="1"/>
    <x v="2"/>
  </r>
  <r>
    <s v="TR40"/>
    <s v="DBC IDP"/>
    <x v="0"/>
    <s v="Highways"/>
    <s v="Blackwater Lane Quietway"/>
    <s v="(LS-47) Quietway, indicated by signs and some physical measures at entry points, on Blackwater Lane. This lane will be subsumed within East Hemel Hempstead development (reserve school development site) and may therefore be subject to change. Closure to through traffic."/>
    <n v="506253"/>
    <n v="0"/>
    <n v="506253"/>
    <s v="N/A - New Scheme"/>
    <s v="N/A - New Scheme"/>
    <s v="N/A - New Scheme"/>
    <s v="N/A - New Scheme"/>
    <x v="0"/>
    <x v="0"/>
  </r>
  <r>
    <s v="TR45"/>
    <s v="DBC IDP"/>
    <x v="0"/>
    <s v="Highways"/>
    <s v="Holtsmere End Lane Quietway"/>
    <s v="(LS-52) Quietway, indicated by signs and some physical measures at entry points, on Holtsmere End Lane between a location in the vicinity of PRoW (Footpath) Great Gaddesden 048 and Redbourn 011. This lane will run through or along the perimeter of the proposed East Hemel Hempstead development and therefore may be subject to alteration as part of the development. Where Holtsmere End Lane currently links onto Gaddesdon Lane on the north-eastern side of the proposed Nort/East Hemel Hempstead developments, this should also be considered for Quietway treatment to discourage traffic rat running through the development or conversely traffic routeing out of the development onto Gaddesdon Lane. "/>
    <n v="246798"/>
    <n v="189844.61538461538"/>
    <n v="56953.384615384617"/>
    <n v="320677.5"/>
    <n v="0"/>
    <n v="-73879.5"/>
    <n v="-130832.88461538462"/>
    <x v="2"/>
    <x v="2"/>
  </r>
  <r>
    <s v="TR66"/>
    <s v="DBC IDP"/>
    <x v="0"/>
    <s v="Highways"/>
    <s v="Traffic calming on Kingsland Road and Horsecroft Road"/>
    <s v="(SG2-3) Provide traffic calming features near crossings e.g. Add speed cushions on approaches to both crossings (these may be required as part of a 20mph speed limit zone). Note: this area falls within a wider area identified by HCC as being a potential 20mph zone, subject to further investigation. "/>
    <n v="199337"/>
    <n v="117902.3179269729"/>
    <n v="81434.682073027099"/>
    <n v="129504.375"/>
    <s v=""/>
    <n v="69832.625"/>
    <n v="-11602.057073027099"/>
    <x v="1"/>
    <x v="2"/>
  </r>
  <r>
    <s v="TR72"/>
    <s v="DBC IDP"/>
    <x v="0"/>
    <s v="Highways"/>
    <s v="Marked parking bays on Cowper Road"/>
    <s v="(SG3-4) Reduce the occurrence of pavement parking where feasible, such as introduction of marked parking bays on one side of the road"/>
    <n v="158204"/>
    <n v="93573.286972909264"/>
    <n v="64630.713027090693"/>
    <n v="102781.25"/>
    <s v=""/>
    <n v="55422.75"/>
    <n v="-9207.9630270907364"/>
    <x v="1"/>
    <x v="2"/>
  </r>
  <r>
    <s v="TR83"/>
    <s v="DBC IDP"/>
    <x v="0"/>
    <s v="Highways"/>
    <s v="A4251 London Road-A4146 Station Road Junction Reconfiguration including provision for cyclists and buses"/>
    <s v="(SG5-4) Major junction improvement - convert to signal controlled crossroads with cycle priority at A4251/A4146 including advance stop lines or bicycle boxes. Include hurry call detection for buses travelling between London Road (west) and Station Road."/>
    <n v="759380"/>
    <n v="662311.61923864414"/>
    <n v="97068.38076135554"/>
    <n v="493350"/>
    <s v=""/>
    <n v="266030"/>
    <n v="168961.61923864414"/>
    <x v="1"/>
    <x v="1"/>
  </r>
  <r>
    <s v="TR89"/>
    <s v="DBC IDP"/>
    <x v="0"/>
    <s v="Highways"/>
    <s v="London Road Doolittle Meadows crossings and compact roundabout treatment"/>
    <s v="(SG7-2) Add new cycling crossing and improve pedestrian crossing facilities at A4251/Doolittle Meadows roundabout (create a compact roundabout by reducing the kerb radii on the approaches (mark as single lane)"/>
    <n v="651168"/>
    <n v="638273.58415841567"/>
    <n v="12894.415841584159"/>
    <n v="423047.625"/>
    <n v="0"/>
    <n v="228120.375"/>
    <n v="215225.95915841567"/>
    <x v="1"/>
    <x v="1"/>
  </r>
  <r>
    <s v="TR116"/>
    <s v="DBC IDP"/>
    <x v="0"/>
    <s v="Highways"/>
    <s v="Redbourn Road-Three Cherry Trees Junction Enhancement"/>
    <s v="(SG14-2) Redbourn Road-Three Cherry Trees Lane-Shelby Road Junction Enhancement - signalisation scheme incorporating controlled crossings for pedestrians on all sides"/>
    <n v="759380"/>
    <n v="554025.26552416559"/>
    <n v="205354.7344758345"/>
    <n v="493350"/>
    <n v="365759.4827586207"/>
    <n v="-99729.482758620696"/>
    <n v="60675.265524165588"/>
    <x v="2"/>
    <x v="1"/>
  </r>
  <r>
    <s v="TR121"/>
    <s v="DBC IDP"/>
    <x v="0"/>
    <s v="Highways"/>
    <s v="Longlands Pavement Parking Prevention"/>
    <s v="(SG16-3) Physical measures e.g. bollards or landscaping features such as rain gardens, to prevent pavement parking on sections of footway along Longlands where it is not already permitted, especially in the vicinity of junctions (Broadfield Road, Sawyer's Way; The Queen's Square, Windmill Road and Vauxhall Road) and focus on sections adjacent to playing fields either side of The Adeyfield School"/>
    <n v="53644"/>
    <n v="31728.941154299173"/>
    <n v="21915.058845700823"/>
    <n v="34850.860687500004"/>
    <n v="0"/>
    <n v="18793.139312499996"/>
    <n v="-3121.9195332008312"/>
    <x v="1"/>
    <x v="2"/>
  </r>
  <r>
    <s v="TR127"/>
    <s v="DBC IDP"/>
    <x v="0"/>
    <s v="Highways"/>
    <s v="Great Road traffic calming features"/>
    <s v="(SG17-3) Install traffic calming features at the northern end where the road is on a steep incline"/>
    <n v="319572"/>
    <n v="189017.99236749121"/>
    <n v="130554.00763250884"/>
    <n v="207618.125"/>
    <n v="0"/>
    <n v="111953.875"/>
    <n v="-18600.132632508787"/>
    <x v="1"/>
    <x v="2"/>
  </r>
  <r>
    <s v="TR148"/>
    <s v="DBC IDP"/>
    <x v="0"/>
    <s v="Highways"/>
    <s v="Piccotts End Road Traffic Calming"/>
    <s v="(SG24-1) Implement additional traffic calming features to manage risk of excessive speeds on the southern section. Two raised speed tables - a) approximately 30m north of the A4147 roundabout and b) 10m north of the Piccotts End Lane junction (also incorporating kerbed build out on eastern side to prevent kerbside parking on the northern side of the junction. "/>
    <n v="130360"/>
    <n v="77104.331684334509"/>
    <n v="53255.668315665491"/>
    <n v="84691.75"/>
    <n v="0"/>
    <n v="45668.25"/>
    <n v="-7587.4183156654908"/>
    <x v="1"/>
    <x v="2"/>
  </r>
  <r>
    <s v="TR149"/>
    <s v="DBC IDP"/>
    <x v="0"/>
    <s v="Highways"/>
    <s v="Hillfield Road-Marlowes junctions reconfiguration"/>
    <s v="(SG25-2) Convert King Harry Street-Hillfield Road junction to a conventional T-junction. Reduce the Hillfield Road approach to Marlowes to a Single lane, widen the footway adjacent to the crossing. "/>
    <n v="94053"/>
    <n v="84882.581430187885"/>
    <n v="9170.4185698121"/>
    <n v="61103.864249999999"/>
    <n v="0"/>
    <n v="32949.135750000001"/>
    <n v="23778.717180187887"/>
    <x v="1"/>
    <x v="1"/>
  </r>
  <r>
    <s v="TR5"/>
    <s v="DBC IDP"/>
    <x v="0"/>
    <s v="Multi-Modal"/>
    <s v="Adeyfield Local Mobility Hub"/>
    <s v="(LS-5) Local Mobility Hub located at The Queen's Square, Adeyfield local centre. Served by Bus Routes 1 and 302"/>
    <n v="370629.1875"/>
    <n v="257720.10744848783"/>
    <n v="112909.08005151212"/>
    <n v="370629.1875"/>
    <s v=""/>
    <n v="0"/>
    <n v="-112909.08005151217"/>
    <x v="3"/>
    <x v="2"/>
  </r>
  <r>
    <s v="TR2"/>
    <s v="DBC IDP"/>
    <x v="0"/>
    <s v="Multi-Modal"/>
    <s v="Keens Field Mobility Hub"/>
    <s v="(LS-2) Local Mobility Hub located at Queensway-St Paul's Rd (close to Nickey Line) OR Cattsdell-Thumpers junction area. Served by Bus Routes 2, 3 and 4"/>
    <n v="370629.1875"/>
    <n v="257720.10744848783"/>
    <n v="112909.08005151212"/>
    <n v="370629.1875"/>
    <s v=""/>
    <n v="0"/>
    <n v="-112909.08005151217"/>
    <x v="3"/>
    <x v="2"/>
  </r>
  <r>
    <s v="TR8"/>
    <s v="DBC IDP"/>
    <x v="0"/>
    <s v="Multi-Modal"/>
    <s v="Bennetts End Local Mobility Hub"/>
    <s v="(LS-8) Local Mobility Hub located at Peascroft Road/Bennetts End Road, close to the local shopping parade. Served by Bus Routes 1 and 2"/>
    <n v="370629.1875"/>
    <n v="257720.10744848783"/>
    <n v="112909.08005151212"/>
    <n v="370629.1875"/>
    <s v=""/>
    <n v="0"/>
    <n v="-112909.08005151217"/>
    <x v="3"/>
    <x v="2"/>
  </r>
  <r>
    <s v="TR1"/>
    <s v="DBC IDP"/>
    <x v="0"/>
    <s v="Multi-Modal"/>
    <s v="Cambrian Way Local Mobility Hub"/>
    <s v="(LS-1) Local Mobility Hub located near to the junction with Wensleydale, close to Nickey Line, and served by Bus Route 2"/>
    <n v="370629.1875"/>
    <n v="257720.10744848783"/>
    <n v="112909.08005151212"/>
    <n v="370629.1875"/>
    <s v=""/>
    <n v="0"/>
    <n v="-112909.08005151217"/>
    <x v="3"/>
    <x v="2"/>
  </r>
  <r>
    <s v="TR12"/>
    <s v="DBC IDP"/>
    <x v="0"/>
    <s v="Multi-Modal"/>
    <s v="Chaulden Local Mobility Hub"/>
    <s v="(LS-12) Local Mobility Hub located close to the Honeycross Rd junction. Served by Bus Routes 3 and ML1 "/>
    <n v="370629.1875"/>
    <n v="257720.10744848783"/>
    <n v="112909.08005151212"/>
    <n v="370629.1875"/>
    <n v="0"/>
    <n v="0"/>
    <n v="-112909.08005151217"/>
    <x v="3"/>
    <x v="2"/>
  </r>
  <r>
    <s v="TR22"/>
    <s v="DBC IDP &amp; SADC IDP"/>
    <x v="0"/>
    <s v="Multi-Modal"/>
    <s v="East Hemel Hempstead (North) (H2) Local Mobility Hub"/>
    <s v="(LS-25) Metro Mobility Hub located within the proposed East Hemel Hempstead development site in the northern part of the development, south of the A4146 Redbourn Road and around the proposed mixed use area MU4 - to be provided by the developer at a location which is accessible within the site and aligned to the Local Mobility Hub standards applied across Hemel Garden Communities"/>
    <n v="370629.1875"/>
    <n v="0"/>
    <n v="370629.1875"/>
    <s v="N/A - New Scheme"/>
    <s v="N/A - New Scheme"/>
    <s v="N/A - New Scheme"/>
    <s v="N/A - New Scheme"/>
    <x v="0"/>
    <x v="0"/>
  </r>
  <r>
    <s v="TR23"/>
    <s v="DBC IDP &amp; SADC IDP"/>
    <x v="0"/>
    <s v="Multi-Modal"/>
    <s v="East Hemel Hempstead (South) (H4) Local Mobility Hub"/>
    <s v="(LS-26) Metro Mobility Hub located within the proposed East Hemel Hempstead development site in the southern part of the development, north of the A4147 Hemel Hempstead Road and around the proposed mixed use area MU6 - to be provided by the developer at a location which is accessible within the site and aligned to the Local Mobility Hub standards applied across Hemel Garden Communities"/>
    <n v="370629.1875"/>
    <n v="0"/>
    <n v="370629.1875"/>
    <s v="N/A - New Scheme"/>
    <s v="N/A - New Scheme"/>
    <s v="N/A - New Scheme"/>
    <s v="N/A - New Scheme"/>
    <x v="0"/>
    <x v="0"/>
  </r>
  <r>
    <s v="TR11"/>
    <s v="DBC IDP"/>
    <x v="0"/>
    <s v="Multi-Modal"/>
    <s v="Galley Hill Local Mobility Hub"/>
    <s v="(LS-11) Local Mobility Hub located in Galley Hill opposite the Baptist Church. Served by Bus Routes 3 and 4. "/>
    <n v="370629.1875"/>
    <n v="257720.10744848783"/>
    <n v="112909.08005151212"/>
    <n v="370629.1875"/>
    <n v="0"/>
    <n v="0"/>
    <n v="-112909.08005151217"/>
    <x v="3"/>
    <x v="2"/>
  </r>
  <r>
    <s v="TR3"/>
    <s v="DBC IDP"/>
    <x v="0"/>
    <s v="Multi-Modal"/>
    <s v="Grovehill Local Mobility Hub"/>
    <s v="(LS-3) Local Mobility Hub located at Aycliffe Drive (Grovehill) opp. Henry Wells Sq. Served by Bus Route 2"/>
    <n v="370629.1875"/>
    <n v="257720.10744848783"/>
    <n v="112909.08005151212"/>
    <n v="370629.1875"/>
    <n v="0"/>
    <n v="0"/>
    <n v="-112909.08005151217"/>
    <x v="3"/>
    <x v="2"/>
  </r>
  <r>
    <s v="TR7"/>
    <s v="DBC IDP"/>
    <x v="0"/>
    <s v="Multi-Modal"/>
    <s v="Jarman Park Local Mobility Hub"/>
    <s v="(LS-7) Local Mobility Hub located at Jarman Park near to vehicle access or adjacent to marked bus stop. Not currently served by any local bus service but could be served by the HERT in the future"/>
    <n v="370629.1875"/>
    <n v="148251.67500000002"/>
    <n v="222377.51250000004"/>
    <n v="370629.1875"/>
    <s v=""/>
    <n v="0"/>
    <n v="-222377.51249999998"/>
    <x v="3"/>
    <x v="2"/>
  </r>
  <r>
    <s v="TR9"/>
    <s v="DBC IDP"/>
    <x v="0"/>
    <s v="Multi-Modal"/>
    <s v="Leverstock Green Local Mobility Hub"/>
    <s v="(LS-9) Local Mobility Hub located on Leverstock Green Way, close to the local shopping parade. Served by Bus Routes 20, 302 and 721"/>
    <n v="370629.1875"/>
    <n v="257720.10744848783"/>
    <n v="112909.08005151212"/>
    <n v="370629.1875"/>
    <n v="0"/>
    <n v="0"/>
    <n v="-112909.08005151217"/>
    <x v="3"/>
    <x v="2"/>
  </r>
  <r>
    <s v="TR57"/>
    <s v="DBC IDP"/>
    <x v="0"/>
    <s v="Multi-Modal"/>
    <s v="Marlowes - West Herts College Local Mobility Hub"/>
    <s v="(LS-68) Local Mobility Hub outside the college, and served by Bus Routes 2, 4 and 46. "/>
    <n v="370629.1875"/>
    <n v="329896.73628106294"/>
    <n v="40732.451218937145"/>
    <n v="370629.1875"/>
    <n v="0"/>
    <n v="0"/>
    <n v="-40732.451218937058"/>
    <x v="3"/>
    <x v="2"/>
  </r>
  <r>
    <s v="TR14"/>
    <s v="DBC IDP"/>
    <x v="0"/>
    <s v="Multi-Modal"/>
    <s v="Maylands Multi Modal Interchange (Metro Mobility Hub)"/>
    <s v="(LS-14) Integrated metro mobility hub with facilities to encourage and facilitate modes of transport other than the private car; this will connect the site to key destinations including Hemel Hempstead Train Station and the Maylands Business Park. Mobility hub to provide a bus and coach interchange near Maylands with access to the A414/M1. Served by existing or new express coach services along the M1 (e.g. Greenline and National Express) and local express buses to neighbouring towns including a potential cross-county express bus service (HERT). Opportunity for associated cycle and pedestrian improvements. This forms part of Phase 2 of the package of transport measures for M1 J8 enhancements - Prioritisation of active and sustainable modes of travel."/>
    <n v="877751.875"/>
    <n v="0"/>
    <n v="877751.875"/>
    <n v="877751.875"/>
    <n v="0"/>
    <n v="0"/>
    <n v="-877751.875"/>
    <x v="3"/>
    <x v="2"/>
  </r>
  <r>
    <s v="TR13"/>
    <s v="DBC IDP"/>
    <x v="0"/>
    <s v="Multi-Modal"/>
    <s v="Maylands Central Local Mobility Hub"/>
    <s v="(LS-13) Local Mobility Hub located at Wood Lane End car park (requites removal of parking spaces). Served by Bus Routes 302, 320 and ML1."/>
    <n v="370629.1875"/>
    <n v="257720.10744848783"/>
    <n v="112909.08005151212"/>
    <n v="370629.1875"/>
    <s v=""/>
    <n v="0"/>
    <n v="-112909.08005151217"/>
    <x v="3"/>
    <x v="2"/>
  </r>
  <r>
    <s v="TR6"/>
    <s v="DBC IDP"/>
    <x v="0"/>
    <s v="Multi-Modal"/>
    <s v="Maylands South Local Mobility Hub"/>
    <s v="(LS-6) At or near future HERT interchange at junction of A414 Breakspear Way/Maylands Avenue"/>
    <n v="370629.1875"/>
    <n v="167366.97265169196"/>
    <n v="203262.21484830807"/>
    <n v="370629.1875"/>
    <n v="0"/>
    <n v="0"/>
    <n v="-203262.21484830804"/>
    <x v="3"/>
    <x v="2"/>
  </r>
  <r>
    <s v="TR21"/>
    <s v="DBC IDP"/>
    <x v="0"/>
    <s v="Multi-Modal"/>
    <s v="North Hemel Hempstead (Hm01) Local Mobility Hub - East"/>
    <s v="(LS-24) Local Mobility Hub located within the proposed North Hemel Hempstead (Hm01) development site on the eastern side near to the A4146 Redbourn Road and around the proposed mixed use area MU3 - to be provided by the developer at a location which is accessible within the site and aligned to the Local Mobility Hub standards applied across Hemel Garden Communities"/>
    <n v="370629.1875"/>
    <n v="0"/>
    <n v="370629.1875"/>
    <s v="N/A - New Scheme"/>
    <s v="N/A - New Scheme"/>
    <s v="N/A - New Scheme"/>
    <s v="N/A - New Scheme"/>
    <x v="0"/>
    <x v="0"/>
  </r>
  <r>
    <s v="TR49"/>
    <s v="DBC IDP"/>
    <x v="0"/>
    <s v="Multi-Modal"/>
    <s v="The Denes Centre Local Mobility Hub"/>
    <s v="(LS-56) Local Mobility Hub located adjacent to the Denes local shopping parade. Served nearby by Bus Route 2"/>
    <n v="370629.19"/>
    <n v="257720.10918688378"/>
    <n v="112909.08081311622"/>
    <n v="370629.1875"/>
    <s v=""/>
    <n v="2.5000000023283064E-3"/>
    <n v="-112909.07831311622"/>
    <x v="1"/>
    <x v="2"/>
  </r>
  <r>
    <s v="TR27"/>
    <s v="DBC IDP"/>
    <x v="0"/>
    <s v="Multi-Modal"/>
    <s v="Hemel Hempstead Station Forecourt Enhancements (Metro Mobility Hub)"/>
    <s v="(LS-30) Revised layout to the station forecourt to provide a more attractive and accessible environment for walking, wheeling and cycling, improved taxi rank, improved bus interchange facilities in line with the Metro Mobility Hub standards. This will be the terminating/turn-around point for the proposed HERT MRT system. This intervention does not include highway access junctions or on-street bus stop provision. "/>
    <n v="720694"/>
    <n v="501140.60463055276"/>
    <n v="219553.39536944721"/>
    <n v="877751.875"/>
    <s v=""/>
    <n v="-157057.875"/>
    <n v="-376611.27036944724"/>
    <x v="2"/>
    <x v="2"/>
  </r>
  <r>
    <s v="TR50"/>
    <s v="DBC IDP"/>
    <x v="0"/>
    <s v="Multi-Modal"/>
    <s v="Two Waters (London Road) Local Mobility Hub"/>
    <s v="(LS-57) Local Mobility Hub located on London Road in Two Waters Opportunity Area, opposite McDonalds drive-thru and close to the A414 junction. Served nearby by Bus Route 322"/>
    <n v="370629.19"/>
    <n v="345782.54039106146"/>
    <n v="24846.649608938547"/>
    <n v="370629.1875"/>
    <n v="0"/>
    <n v="2.5000000023283064E-3"/>
    <n v="-24846.647108938545"/>
    <x v="1"/>
    <x v="2"/>
  </r>
  <r>
    <s v="TR10"/>
    <s v="DBC IDP"/>
    <x v="0"/>
    <s v="Multi-Modal"/>
    <s v="Warners End Local Mobility Hub"/>
    <s v="(LS-10) Local Mobility Hub at Warners End Road/Long Chaulden, close to the local shopping parade. Served by Bus Routes 3, 4 and ML1. "/>
    <n v="370629.1875"/>
    <n v="257720.10744848783"/>
    <n v="112909.08005151212"/>
    <n v="370629.1875"/>
    <n v="0"/>
    <n v="0"/>
    <n v="-112909.08005151217"/>
    <x v="3"/>
    <x v="2"/>
  </r>
  <r>
    <s v="TR58"/>
    <s v="DBC IDP"/>
    <x v="0"/>
    <s v="Multi-Modal"/>
    <s v="West of Hemel Local Mobility Hub"/>
    <s v="(LS-69) Local Mobility Hub within the proposed development or on the adjacent Long Chaulden, currently served by Bus Routes 3, 4 and ML1"/>
    <n v="370629.1875"/>
    <n v="257720.10744848783"/>
    <n v="112909.08005151212"/>
    <s v="N/A - New Scheme"/>
    <e v="#N/A"/>
    <s v="N/A - New Scheme"/>
    <s v="N/A - New Scheme"/>
    <x v="0"/>
    <x v="0"/>
  </r>
  <r>
    <s v="TR4"/>
    <s v="DBC IDP"/>
    <x v="0"/>
    <s v="Multi-Modal"/>
    <s v="Woodhall Farm Local Mobility Hub"/>
    <s v="(LS-4) Local Mobility Hub located on Shenley Road, Woodhall Fm near Sainsbury's. Served by Bus Route 2"/>
    <n v="370629.1875"/>
    <n v="257720.10744848783"/>
    <n v="112909.08005151212"/>
    <n v="370629.1875"/>
    <n v="0"/>
    <n v="0"/>
    <n v="-112909.08005151217"/>
    <x v="3"/>
    <x v="2"/>
  </r>
  <r>
    <s v="TR15"/>
    <s v="DBC IDP"/>
    <x v="0"/>
    <s v="Public Transport"/>
    <s v="Plough Roundabout Link Break - bus priority"/>
    <s v="(LS-16) Investigate the potential for introducing bus priority at the Plough Roundabout, particularly in the vicinity of the bus interchange which could also be served by the HERT in the future. "/>
    <n v="61693"/>
    <n v="43629.734234234238"/>
    <n v="18063.265765765766"/>
    <n v="40080.247349999998"/>
    <s v=""/>
    <n v="21612.752650000002"/>
    <n v="3549.4868842342403"/>
    <x v="1"/>
    <x v="1"/>
  </r>
  <r>
    <s v="TR16"/>
    <s v="DBC IDP"/>
    <x v="0"/>
    <s v="Public Transport"/>
    <s v="A414 St Albans Road (town centre approach) bus priority "/>
    <s v="(LS-17) Bus priority lane on the A414 westbound approaching the Plough Roundabout including bus gate signals to enable buses to move from the nearside to the offside lane. To accommodate the bus lane, there is likely to be a need to reduce general traffic space by a lane in either the eastbound or westbound direction. "/>
    <n v="68246"/>
    <n v="25328.412371134022"/>
    <n v="42917.587628865978"/>
    <n v="44337.52895"/>
    <s v=""/>
    <n v="23908.47105"/>
    <n v="-19009.116578865978"/>
    <x v="1"/>
    <x v="2"/>
  </r>
  <r>
    <s v="TR17"/>
    <s v="DBC IDP"/>
    <x v="0"/>
    <s v="Public Transport"/>
    <s v="Bus Only Traffic Filter - Station Road"/>
    <s v="(LS-19) A Bus Only traffic filter (in both directions) on A4146 Station Road, east of St John's Road, to prevent through traffic. Could be in operation throughout the day, or at peak times only. It would benefit Bus Routes 1, 2, 4, 20, 302, 352, 501, ML1 and X5. Additional locations for bus only traffic filters across Hemel Hempstead are not confirmed at this time and would be subject to feasibility and assessment of the traffic re-routeing effects. "/>
    <n v="109695"/>
    <n v="36565"/>
    <n v="73130"/>
    <n v="71266.216450000007"/>
    <s v=""/>
    <n v="38428.783549999993"/>
    <n v="-34701.216450000007"/>
    <x v="1"/>
    <x v="2"/>
  </r>
  <r>
    <s v="TR18"/>
    <s v="DBC IDP"/>
    <x v="0"/>
    <s v="Public Transport"/>
    <s v="Bus Only Traffic Filters - wider Hemel Hempstead"/>
    <s v="(LS-20) Additional locations for bus only traffic filters could be considered across Hemel Hempstead. Provision is currently made for up to 4 additional locations, subject to feasibility and public consultation. These locations will be determined based on more detailed investigations including consideration of the potential impacts on traffic re-routing. They should be considered in locations which are already well served by bus services."/>
    <n v="109695"/>
    <n v="64881.556183745575"/>
    <n v="44813.44381625441"/>
    <n v="285064.86580000003"/>
    <s v=""/>
    <n v="-175369.86580000003"/>
    <n v="-220183.30961625447"/>
    <x v="2"/>
    <x v="2"/>
  </r>
  <r>
    <s v="TR59"/>
    <s v="DBC IDP"/>
    <x v="0"/>
    <s v="Public Transport"/>
    <s v="A414 Maylands Avenue Roundabout - signalisation and bus-only hamburger"/>
    <s v="(LS-71) Conversion of the roundabout to incorporate bus-only hamburger links through the centre, with bus priority lanes and gates in advance on both sides. Introduce a new at-grade crossing facility to the east of the roundabout, to replace or complement the existing footbridge. "/>
    <n v="9492614"/>
    <n v="5614618.4290223792"/>
    <n v="3877995.5709776208"/>
    <n v="814028"/>
    <s v=""/>
    <n v="8678586"/>
    <n v="4800590.4290223792"/>
    <x v="1"/>
    <x v="1"/>
  </r>
  <r>
    <s v="TR60"/>
    <s v="DBC IDP"/>
    <x v="0"/>
    <s v="Public Transport"/>
    <s v="A414 Rant Meadow to Bennetts End Road bus priority lane"/>
    <s v="(LS-72) Westbound only bus lane between Rant Meadow and Bennetts End Road roundabout with signal controlled bus gate. May require some reallocation of road space."/>
    <n v="1603637"/>
    <n v="844013.57124374982"/>
    <n v="759623.4287562503"/>
    <n v="1041842.140625"/>
    <s v=""/>
    <n v="561794.859375"/>
    <n v="-197828.56938125018"/>
    <x v="1"/>
    <x v="2"/>
  </r>
  <r>
    <s v="TR61"/>
    <s v="DBC IDP"/>
    <x v="0"/>
    <s v="Public Transport"/>
    <s v="Upgraded Town Centre Riverside Bus Interchange"/>
    <s v="(LS-73) Upgrade to the Riverside Bus Interchange to align with Metro Mobility Hub standards including better facilities for waiting passengers. Assume the overall capacity of the interchange will not be influenced by the adjacent Riverside development"/>
    <n v="877752"/>
    <n v="519166.01215547702"/>
    <n v="358585.98784452293"/>
    <n v="877752"/>
    <s v=""/>
    <n v="0"/>
    <n v="-358585.98784452298"/>
    <x v="3"/>
    <x v="2"/>
  </r>
  <r>
    <s v="ED30"/>
    <s v="DBC IDP"/>
    <x v="2"/>
    <s v="SEND"/>
    <s v="SEND Provision in Mainstream Education"/>
    <s v="SEND provision can be provided on or off-site. If provided on-site, it will need to be included as part of the mainstream provision."/>
    <n v="27189187"/>
    <n v="18906228.735903401"/>
    <n v="8282958.2640965991"/>
    <s v="N/A - New Scheme"/>
    <s v="N/A - New Scheme"/>
    <s v="N/A - New Scheme"/>
    <s v="N/A - New Scheme"/>
    <x v="0"/>
    <x v="0"/>
  </r>
  <r>
    <s v="GI24"/>
    <s v="DBC IDP"/>
    <x v="5"/>
    <s v="Strategic Access Management and Monitoring (SAMMS)"/>
    <s v="Provision of Strategic Access Management and Monitoring (SAMMS) "/>
    <s v="Contributions in line with the Chilterns Beechwoods Special Area of Conservation Mitigation Strategy"/>
    <n v="16030204.520000001"/>
    <n v="11472849.520000001"/>
    <n v="4557355"/>
    <n v="13326733"/>
    <n v="0"/>
    <n v="2703471.5200000014"/>
    <n v="-1853883.4799999986"/>
    <x v="1"/>
    <x v="2"/>
  </r>
  <r>
    <s v="TM1"/>
    <s v="Transformational Schemes (240806 DBC IDP Delivery Projects)"/>
    <x v="4"/>
    <s v="Urban Greening"/>
    <s v="Greening Streets"/>
    <s v="Greening of the New Town’s neighbourhoods by making Hemel’s existing streets more climate resilient. "/>
    <n v="13087500"/>
    <n v="9100502.658690596"/>
    <n v="3986997.3413094049"/>
    <s v="N/A - New Scheme"/>
    <s v="N/A - New Scheme"/>
    <s v="N/A - New Scheme"/>
    <s v="N/A - New Scheme"/>
    <x v="0"/>
    <x v="0"/>
  </r>
  <r>
    <s v="TM3"/>
    <s v="Transformational Schemes (240806 DBC IDP Delivery Projects)"/>
    <x v="4"/>
    <s v="Urban Greening"/>
    <s v="Greening Hemel Hempstead Town Centre &amp; Local Centres"/>
    <s v="Greening of buildings and the public realm within the Hemel town centre and local centres within the New Town’s neighbourhoods informed by local community/user engagement."/>
    <n v="325000"/>
    <n v="225991.47003434142"/>
    <n v="99008.529965658585"/>
    <s v="N/A - New Scheme"/>
    <s v="N/A - New Scheme"/>
    <s v="N/A - New Scheme"/>
    <s v="N/A - New Scheme"/>
    <x v="0"/>
    <x v="0"/>
  </r>
  <r>
    <s v="TM5"/>
    <s v="Transformational Schemes (240806 DBC IDP Delivery Projects)"/>
    <x v="4"/>
    <s v="Urban Greening"/>
    <s v="Hemel’s Wildlife Corridors and Wildlife"/>
    <s v="Making the Green Network’s corridors (including street/highways verges, gardens, greenways and blue corridors) more biodiverse, and enhancing their value as habitats for pollinators to support food production. _x000a__x000a_Making space for urban nature recovery by creating new Local Nature Reserves and designating new Local Wildlife Sites within the New Garden Communities and the existing New Town."/>
    <n v="4350000"/>
    <n v="3024808.9066134929"/>
    <n v="1325191.0933865071"/>
    <s v="N/A - New Scheme"/>
    <s v="N/A - New Scheme"/>
    <s v="N/A - New Scheme"/>
    <s v="N/A - New Scheme"/>
    <x v="0"/>
    <x v="0"/>
  </r>
  <r>
    <s v="TM7"/>
    <s v="Transformational Schemes (240806 DBC IDP Delivery Projects)"/>
    <x v="4"/>
    <s v="Urban Greening"/>
    <s v="Green lunchtime Maylands"/>
    <s v="Public space greening project in Maylands, including a 800 meters green walk route and access to green space so that people that work there can have a green walk during lunchtime and sit in green space."/>
    <n v="137500"/>
    <n v="3613.1386861313867"/>
    <n v="133886.86131386863"/>
    <s v="N/A - New Scheme"/>
    <s v="N/A - New Scheme"/>
    <s v="N/A - New Scheme"/>
    <s v="N/A - New Scheme"/>
    <x v="0"/>
    <x v="0"/>
  </r>
  <r>
    <s v="WS2"/>
    <s v="DBC IDP"/>
    <x v="6"/>
    <s v="Waste &amp; recycling "/>
    <s v="New Recycling Centre at Hemel Hempstead"/>
    <s v="Delivery of a new Recycling Centre within the Programme Area (Location needs to be identified)"/>
    <n v="2569415"/>
    <n v="1786664.2245485769"/>
    <n v="782750.77545142348"/>
    <s v="N/A - New Scheme"/>
    <s v="N/A - New Scheme"/>
    <s v="N/A - New Scheme"/>
    <s v="N/A - New Scheme"/>
    <x v="0"/>
    <x v="0"/>
  </r>
</pivotCacheRecords>
</file>

<file path=xl/pivotCache/pivotCacheRecords3.xml><?xml version="1.0" encoding="utf-8"?>
<pivotCacheRecords xmlns="http://schemas.openxmlformats.org/spreadsheetml/2006/main" xmlns:r="http://schemas.openxmlformats.org/officeDocument/2006/relationships" xmlns:mc="http://schemas.openxmlformats.org/markup-compatibility/2006" xmlns:xr="http://schemas.microsoft.com/office/spreadsheetml/2014/revision" mc:Ignorable="xr" count="555">
  <r>
    <m/>
    <m/>
    <m/>
    <m/>
    <m/>
    <x v="0"/>
    <x v="0"/>
    <m/>
    <m/>
    <m/>
    <m/>
    <x v="0"/>
    <m/>
    <m/>
    <m/>
    <m/>
    <m/>
    <m/>
    <m/>
    <x v="0"/>
    <m/>
    <m/>
    <m/>
    <m/>
    <m/>
    <m/>
    <m/>
    <m/>
    <x v="0"/>
    <x v="0"/>
    <x v="0"/>
    <x v="0"/>
    <x v="0"/>
    <x v="0"/>
    <x v="0"/>
    <m/>
    <m/>
    <m/>
    <m/>
    <m/>
    <m/>
    <m/>
    <m/>
    <m/>
    <m/>
    <m/>
    <m/>
    <m/>
    <m/>
    <m/>
    <m/>
    <m/>
    <m/>
    <m/>
    <m/>
    <m/>
    <m/>
    <m/>
    <m/>
    <m/>
    <m/>
    <m/>
    <m/>
    <m/>
    <m/>
    <m/>
    <m/>
    <m/>
    <m/>
    <m/>
    <m/>
    <m/>
    <m/>
    <m/>
    <x v="0"/>
    <x v="0"/>
    <x v="0"/>
    <x v="0"/>
    <x v="0"/>
    <x v="0"/>
    <x v="0"/>
    <x v="0"/>
    <x v="0"/>
    <x v="0"/>
    <x v="0"/>
    <x v="0"/>
    <x v="0"/>
    <x v="0"/>
    <x v="0"/>
    <x v="0"/>
    <x v="0"/>
    <m/>
    <m/>
    <m/>
    <m/>
    <m/>
    <m/>
    <m/>
    <m/>
    <m/>
    <m/>
    <m/>
    <m/>
    <m/>
    <m/>
    <m/>
    <m/>
    <m/>
    <m/>
    <m/>
    <m/>
    <m/>
    <m/>
    <x v="0"/>
    <x v="0"/>
    <x v="0"/>
    <x v="0"/>
    <m/>
    <m/>
    <m/>
    <m/>
    <m/>
    <m/>
    <m/>
    <m/>
  </r>
  <r>
    <m/>
    <m/>
    <m/>
    <m/>
    <m/>
    <x v="0"/>
    <x v="0"/>
    <m/>
    <m/>
    <m/>
    <m/>
    <x v="0"/>
    <m/>
    <m/>
    <m/>
    <m/>
    <m/>
    <m/>
    <m/>
    <x v="0"/>
    <m/>
    <m/>
    <m/>
    <m/>
    <m/>
    <m/>
    <m/>
    <m/>
    <x v="0"/>
    <x v="0"/>
    <x v="0"/>
    <x v="0"/>
    <x v="0"/>
    <x v="0"/>
    <x v="0"/>
    <m/>
    <m/>
    <m/>
    <m/>
    <m/>
    <m/>
    <m/>
    <m/>
    <m/>
    <m/>
    <m/>
    <m/>
    <m/>
    <m/>
    <m/>
    <m/>
    <m/>
    <m/>
    <m/>
    <m/>
    <m/>
    <m/>
    <m/>
    <m/>
    <m/>
    <m/>
    <m/>
    <m/>
    <m/>
    <m/>
    <m/>
    <m/>
    <m/>
    <m/>
    <m/>
    <m/>
    <m/>
    <m/>
    <m/>
    <x v="0"/>
    <x v="0"/>
    <x v="0"/>
    <x v="0"/>
    <x v="0"/>
    <x v="0"/>
    <x v="0"/>
    <x v="0"/>
    <x v="0"/>
    <x v="0"/>
    <x v="0"/>
    <x v="0"/>
    <x v="0"/>
    <x v="0"/>
    <x v="0"/>
    <x v="0"/>
    <x v="0"/>
    <m/>
    <m/>
    <m/>
    <m/>
    <m/>
    <m/>
    <m/>
    <m/>
    <m/>
    <m/>
    <m/>
    <m/>
    <m/>
    <m/>
    <m/>
    <m/>
    <m/>
    <m/>
    <m/>
    <m/>
    <m/>
    <m/>
    <x v="0"/>
    <x v="0"/>
    <x v="0"/>
    <x v="0"/>
    <m/>
    <m/>
    <m/>
    <m/>
    <m/>
    <m/>
    <m/>
    <m/>
  </r>
  <r>
    <m/>
    <m/>
    <m/>
    <m/>
    <m/>
    <x v="0"/>
    <x v="0"/>
    <m/>
    <m/>
    <m/>
    <m/>
    <x v="0"/>
    <m/>
    <m/>
    <m/>
    <m/>
    <m/>
    <m/>
    <m/>
    <x v="0"/>
    <m/>
    <m/>
    <m/>
    <m/>
    <m/>
    <m/>
    <m/>
    <m/>
    <x v="0"/>
    <x v="0"/>
    <x v="0"/>
    <x v="0"/>
    <x v="0"/>
    <x v="0"/>
    <x v="0"/>
    <m/>
    <m/>
    <m/>
    <m/>
    <m/>
    <m/>
    <m/>
    <m/>
    <m/>
    <m/>
    <m/>
    <m/>
    <m/>
    <m/>
    <m/>
    <m/>
    <m/>
    <m/>
    <m/>
    <m/>
    <m/>
    <m/>
    <m/>
    <m/>
    <m/>
    <m/>
    <m/>
    <m/>
    <m/>
    <m/>
    <m/>
    <m/>
    <m/>
    <m/>
    <m/>
    <m/>
    <m/>
    <m/>
    <m/>
    <x v="0"/>
    <x v="0"/>
    <x v="0"/>
    <x v="0"/>
    <x v="0"/>
    <x v="0"/>
    <x v="0"/>
    <x v="0"/>
    <x v="0"/>
    <x v="0"/>
    <x v="0"/>
    <x v="0"/>
    <x v="0"/>
    <x v="0"/>
    <x v="0"/>
    <x v="0"/>
    <x v="0"/>
    <m/>
    <m/>
    <m/>
    <m/>
    <m/>
    <m/>
    <m/>
    <m/>
    <m/>
    <m/>
    <m/>
    <m/>
    <m/>
    <m/>
    <m/>
    <m/>
    <m/>
    <m/>
    <m/>
    <m/>
    <m/>
    <m/>
    <x v="0"/>
    <x v="0"/>
    <x v="0"/>
    <x v="0"/>
    <m/>
    <m/>
    <m/>
    <m/>
    <m/>
    <m/>
    <m/>
    <m/>
  </r>
  <r>
    <m/>
    <s v="THIS CELL SHOULD ALWAYS BE SORTED FROM SMALLEST TO LARGEST"/>
    <s v="e.g. TR01"/>
    <m/>
    <m/>
    <x v="0"/>
    <x v="0"/>
    <m/>
    <m/>
    <m/>
    <m/>
    <x v="0"/>
    <s v="Programme area/Growth area/transformational"/>
    <m/>
    <m/>
    <s v=""/>
    <m/>
    <m/>
    <m/>
    <x v="0"/>
    <m/>
    <m/>
    <m/>
    <m/>
    <m/>
    <m/>
    <s v="Version 2"/>
    <m/>
    <x v="1"/>
    <x v="1"/>
    <x v="1"/>
    <x v="1"/>
    <x v="1"/>
    <x v="1"/>
    <x v="1"/>
    <n v="390"/>
    <n v="500"/>
    <n v="500"/>
    <n v="750"/>
    <n v="200"/>
    <n v="234"/>
    <n v="350"/>
    <n v="90"/>
    <n v="80"/>
    <n v="2380"/>
    <n v="775"/>
    <n v="100"/>
    <n v="100"/>
    <n v="302"/>
    <n v="250"/>
    <n v="400"/>
    <n v="1400"/>
    <n v="201"/>
    <n v="217"/>
    <n v="31"/>
    <n v="67"/>
    <n v="150"/>
    <n v="31"/>
    <n v="336"/>
    <n v="1097"/>
    <n v="738"/>
    <n v="545"/>
    <n v="472"/>
    <n v="484"/>
    <n v="324"/>
    <n v="293"/>
    <n v="274"/>
    <n v="1500"/>
    <n v="1600"/>
    <n v="2400"/>
    <n v="3171"/>
    <n v="21225"/>
    <m/>
    <m/>
    <x v="1"/>
    <x v="1"/>
    <x v="1"/>
    <x v="1"/>
    <x v="1"/>
    <x v="1"/>
    <x v="1"/>
    <x v="1"/>
    <x v="1"/>
    <x v="1"/>
    <x v="1"/>
    <x v="1"/>
    <x v="1"/>
    <x v="1"/>
    <x v="1"/>
    <x v="1"/>
    <x v="1"/>
    <n v="775"/>
    <n v="100"/>
    <n v="100"/>
    <n v="302"/>
    <n v="250"/>
    <n v="400"/>
    <n v="1400"/>
    <n v="201"/>
    <n v="217"/>
    <n v="31"/>
    <n v="67"/>
    <n v="150"/>
    <n v="31"/>
    <n v="336"/>
    <n v="1097"/>
    <n v="738"/>
    <n v="545"/>
    <n v="472"/>
    <n v="484"/>
    <n v="324"/>
    <n v="293"/>
    <n v="274"/>
    <x v="1"/>
    <x v="1"/>
    <x v="1"/>
    <x v="1"/>
    <m/>
    <m/>
    <m/>
    <m/>
    <m/>
    <m/>
    <m/>
    <m/>
  </r>
  <r>
    <m/>
    <n v="1"/>
    <s v="CF1"/>
    <s v="SADC IDP"/>
    <s v="St Albans City &amp; District Council"/>
    <x v="1"/>
    <x v="1"/>
    <s v="Community Infrastructure investment to support development at North Hemel Hempstead (H1)"/>
    <m/>
    <s v="Associated community infrastructure requirements to support development at North Hemel Hempstead"/>
    <s v="Hemel Garden Communities"/>
    <x v="1"/>
    <s v="Growth Area"/>
    <s v="On-site"/>
    <s v="Developer / St Albans City &amp; District Council / Hertfordshire County Council"/>
    <s v="St Albans City &amp; District Council / Hertfordshire County Council"/>
    <s v="2029-2041"/>
    <m/>
    <m/>
    <x v="1"/>
    <m/>
    <s v="S106"/>
    <n v="0"/>
    <n v="1500000"/>
    <s v="A - Per dwelling"/>
    <m/>
    <m/>
    <s v="Important"/>
    <x v="0"/>
    <x v="0"/>
    <x v="0"/>
    <x v="0"/>
    <x v="0"/>
    <x v="0"/>
    <x v="0"/>
    <m/>
    <m/>
    <m/>
    <m/>
    <m/>
    <m/>
    <m/>
    <m/>
    <m/>
    <m/>
    <m/>
    <m/>
    <m/>
    <m/>
    <m/>
    <m/>
    <m/>
    <m/>
    <m/>
    <m/>
    <m/>
    <m/>
    <m/>
    <m/>
    <m/>
    <m/>
    <m/>
    <m/>
    <m/>
    <m/>
    <m/>
    <m/>
    <s v="Yes"/>
    <m/>
    <m/>
    <m/>
    <n v="1500"/>
    <n v="1000"/>
    <m/>
    <x v="2"/>
    <x v="2"/>
    <x v="2"/>
    <x v="2"/>
    <x v="2"/>
    <x v="2"/>
    <x v="2"/>
    <x v="2"/>
    <x v="2"/>
    <x v="2"/>
    <x v="2"/>
    <x v="2"/>
    <x v="2"/>
    <x v="2"/>
    <x v="2"/>
    <x v="2"/>
    <x v="2"/>
    <s v=""/>
    <s v=""/>
    <s v=""/>
    <s v=""/>
    <s v=""/>
    <s v=""/>
    <s v=""/>
    <s v=""/>
    <s v=""/>
    <s v=""/>
    <s v=""/>
    <s v=""/>
    <s v=""/>
    <s v=""/>
    <m/>
    <m/>
    <m/>
    <m/>
    <m/>
    <m/>
    <m/>
    <m/>
    <x v="2"/>
    <x v="0"/>
    <x v="0"/>
    <x v="0"/>
    <n v="0"/>
    <n v="1500000"/>
    <n v="0"/>
    <n v="0"/>
    <s v="SADC CIL Local Plan Viability Report (2019) indicated that developers should contribute £1,000 per dwelling towards community facilities. This has been used to calculate the contribution from each site."/>
    <s v="A more detailed review of the community facilities requirements for the SADC HGC sites will be undertaken as the planning application process progresses, and developers will be expected to contribute in line with this, or directly provide provision on-site, where specified. "/>
    <s v="Engagement with SADC when preparing the SADC IDP (2023/2024)"/>
    <m/>
  </r>
  <r>
    <m/>
    <n v="2"/>
    <s v="CF2"/>
    <s v="SADC IDP"/>
    <s v="St Albans City &amp; District Council"/>
    <x v="1"/>
    <x v="1"/>
    <s v="Community Infrastructure investment to support development at East Hemel Hempstead (North) (H2)"/>
    <m/>
    <s v="Associated community infrastructure requirements to support development at East Hemel Hempstead (North)"/>
    <s v="Hemel Garden Communities"/>
    <x v="2"/>
    <s v="Growth Area "/>
    <s v="On-site"/>
    <s v="Developer / St Albans City &amp; District Council / Hertfordshire County Council"/>
    <s v="St Albans City &amp; District Council / Hertfordshire County Council"/>
    <s v="2028-2041"/>
    <m/>
    <m/>
    <x v="2"/>
    <m/>
    <s v="S106"/>
    <n v="0"/>
    <n v="1600000"/>
    <s v="A - Per dwelling"/>
    <m/>
    <m/>
    <s v="Important"/>
    <x v="0"/>
    <x v="0"/>
    <x v="0"/>
    <x v="0"/>
    <x v="0"/>
    <x v="0"/>
    <x v="0"/>
    <m/>
    <m/>
    <m/>
    <m/>
    <m/>
    <m/>
    <m/>
    <m/>
    <m/>
    <m/>
    <m/>
    <m/>
    <m/>
    <m/>
    <m/>
    <m/>
    <m/>
    <m/>
    <m/>
    <m/>
    <m/>
    <m/>
    <m/>
    <m/>
    <m/>
    <m/>
    <m/>
    <m/>
    <m/>
    <m/>
    <m/>
    <m/>
    <m/>
    <s v="Yes"/>
    <m/>
    <m/>
    <n v="1600"/>
    <n v="1000"/>
    <m/>
    <x v="2"/>
    <x v="2"/>
    <x v="2"/>
    <x v="2"/>
    <x v="2"/>
    <x v="2"/>
    <x v="2"/>
    <x v="2"/>
    <x v="2"/>
    <x v="2"/>
    <x v="2"/>
    <x v="2"/>
    <x v="2"/>
    <x v="2"/>
    <x v="2"/>
    <x v="2"/>
    <x v="2"/>
    <s v=""/>
    <s v=""/>
    <s v=""/>
    <s v=""/>
    <s v=""/>
    <s v=""/>
    <s v=""/>
    <s v=""/>
    <s v=""/>
    <s v=""/>
    <s v=""/>
    <s v=""/>
    <s v=""/>
    <s v=""/>
    <m/>
    <m/>
    <m/>
    <m/>
    <m/>
    <m/>
    <m/>
    <m/>
    <x v="0"/>
    <x v="2"/>
    <x v="0"/>
    <x v="0"/>
    <n v="0"/>
    <n v="1600000"/>
    <n v="0"/>
    <n v="0"/>
    <s v="SADC CIL Local Plan Viability Report (2019) indicated that developers should contribute £1,000 per dwelling towards community facilities. This has been used to calculate the contribution from each site."/>
    <s v="A more detailed review of the community facilities requirements for the SADC HGC sites will be undertaken as the planning application process progresses, and developers will be expected to contribute in line with this, or directly provide provision on-site, where specified. "/>
    <s v="Engagement with SADC when preparing the SADC IDP (2023/2024)"/>
    <m/>
  </r>
  <r>
    <m/>
    <n v="3"/>
    <s v="CF3"/>
    <s v="SADC IDP"/>
    <s v="St Albans City &amp; District Council"/>
    <x v="1"/>
    <x v="1"/>
    <s v="Community Infrastructure investment to support development at East Hemel Hempstead (South) (H4)"/>
    <m/>
    <s v="Associated community infrastructure requirements to support development at East Hemel Hempstead (South)"/>
    <s v="Hemel Garden Communities"/>
    <x v="3"/>
    <s v="Growth Area "/>
    <s v="On-site "/>
    <s v="Developer / St Albans City &amp; District Council / Hertfordshire County Council"/>
    <s v="St Albans City &amp; District Council / Hertfordshire County Council"/>
    <s v="2028-2041"/>
    <m/>
    <m/>
    <x v="3"/>
    <m/>
    <s v="S106"/>
    <n v="0"/>
    <n v="2400000"/>
    <s v="A - Per dwelling"/>
    <m/>
    <m/>
    <s v="Important"/>
    <x v="0"/>
    <x v="0"/>
    <x v="0"/>
    <x v="0"/>
    <x v="0"/>
    <x v="0"/>
    <x v="0"/>
    <m/>
    <m/>
    <m/>
    <m/>
    <m/>
    <m/>
    <m/>
    <m/>
    <m/>
    <m/>
    <m/>
    <m/>
    <m/>
    <m/>
    <m/>
    <m/>
    <m/>
    <m/>
    <m/>
    <m/>
    <m/>
    <m/>
    <m/>
    <m/>
    <m/>
    <m/>
    <m/>
    <m/>
    <m/>
    <m/>
    <m/>
    <m/>
    <m/>
    <m/>
    <s v="Yes"/>
    <m/>
    <n v="2400"/>
    <n v="1000"/>
    <m/>
    <x v="2"/>
    <x v="2"/>
    <x v="2"/>
    <x v="2"/>
    <x v="2"/>
    <x v="2"/>
    <x v="2"/>
    <x v="2"/>
    <x v="2"/>
    <x v="2"/>
    <x v="2"/>
    <x v="2"/>
    <x v="2"/>
    <x v="2"/>
    <x v="2"/>
    <x v="2"/>
    <x v="2"/>
    <s v=""/>
    <s v=""/>
    <s v=""/>
    <s v=""/>
    <s v=""/>
    <s v=""/>
    <s v=""/>
    <s v=""/>
    <s v=""/>
    <s v=""/>
    <s v=""/>
    <s v=""/>
    <s v=""/>
    <s v=""/>
    <m/>
    <m/>
    <m/>
    <m/>
    <m/>
    <m/>
    <m/>
    <m/>
    <x v="0"/>
    <x v="0"/>
    <x v="2"/>
    <x v="0"/>
    <n v="0"/>
    <n v="2400000"/>
    <n v="0"/>
    <n v="0"/>
    <s v="SADC CIL Local Plan Viability Report (2019) indicated that developers should contribute £1,000 per dwelling towards community facilities. This has been used to calculate the contribution from each site."/>
    <s v="A more detailed review of the community facilities requirements for the SADC HGC sites will be undertaken as the planning application process progresses, and developers will be expected to contribute in line with this, or directly provide provision on-site, where specified. "/>
    <s v="Engagement with SADC when preparing the SADC IDP (2023/2024)"/>
    <m/>
  </r>
  <r>
    <m/>
    <n v="4"/>
    <s v="CF4"/>
    <s v="DBC IDP"/>
    <s v="Dacorum Borough Council"/>
    <x v="1"/>
    <x v="2"/>
    <s v="On-site provision of one community centre at North Hemel Hempstead (Hm01)."/>
    <m/>
    <s v="One community centre delivered on-site at North Hemel Hempstead (Hm01), as per the Community Facilities Strategy "/>
    <s v="Hemel Garden Communities"/>
    <x v="4"/>
    <s v="Growth Area"/>
    <s v="On-site"/>
    <s v="Developer / Dacorum Borough Council"/>
    <s v="Dacorum Borough Council"/>
    <s v="2032-2041"/>
    <m/>
    <m/>
    <x v="4"/>
    <m/>
    <s v="S106"/>
    <n v="0"/>
    <n v="1515700"/>
    <s v="A - Per dwelling"/>
    <m/>
    <m/>
    <s v="Important"/>
    <x v="2"/>
    <x v="0"/>
    <x v="0"/>
    <x v="0"/>
    <x v="0"/>
    <x v="0"/>
    <x v="0"/>
    <m/>
    <m/>
    <m/>
    <m/>
    <m/>
    <m/>
    <m/>
    <m/>
    <m/>
    <m/>
    <m/>
    <m/>
    <m/>
    <m/>
    <m/>
    <m/>
    <m/>
    <m/>
    <m/>
    <m/>
    <m/>
    <m/>
    <m/>
    <m/>
    <m/>
    <m/>
    <m/>
    <m/>
    <m/>
    <m/>
    <m/>
    <m/>
    <m/>
    <m/>
    <m/>
    <m/>
    <n v="5000"/>
    <n v="303.14"/>
    <m/>
    <x v="3"/>
    <x v="2"/>
    <x v="2"/>
    <x v="2"/>
    <x v="2"/>
    <x v="2"/>
    <x v="2"/>
    <x v="2"/>
    <x v="2"/>
    <x v="2"/>
    <x v="2"/>
    <x v="2"/>
    <x v="2"/>
    <x v="2"/>
    <x v="2"/>
    <x v="2"/>
    <x v="2"/>
    <s v=""/>
    <s v=""/>
    <s v=""/>
    <s v=""/>
    <s v=""/>
    <s v=""/>
    <s v=""/>
    <s v=""/>
    <s v=""/>
    <s v=""/>
    <s v=""/>
    <s v=""/>
    <s v=""/>
    <s v=""/>
    <m/>
    <m/>
    <m/>
    <m/>
    <m/>
    <m/>
    <m/>
    <m/>
    <x v="0"/>
    <x v="0"/>
    <x v="0"/>
    <x v="0"/>
    <n v="1515700"/>
    <n v="0"/>
    <n v="0"/>
    <n v="0"/>
    <s v="The Dacorum Borough Council Open Space, Sport and Leisure Background Topic Paper (2020) sets out a cost of £1,150,000 for community centres. A 31.8% uplift has been applied to the Q1 2020 base cost, to achieve a cost for Q3 2024. It is assumed the cost will be uplifted again at the time of planning application determination in line with the BCIS index."/>
    <s v="The sites delivering a community centre on-site (Hm01, Hm11 and Hm13) will be required to fund the scheme. The remaining DBC sites within the Programme Area will be expected to make contributions towards an additional 3 community centres in other locations within Hemel Hempstead (exact locations currently TBC). These contributions have been calculated on a per dwelling basis."/>
    <s v="Dacorum Borough Council Open Space, Sport and Leisure Background Topic Paper (2020)"/>
    <m/>
  </r>
  <r>
    <m/>
    <n v="5"/>
    <s v="CF5"/>
    <s v="DBC IDP"/>
    <s v="Dacorum Borough Council"/>
    <x v="1"/>
    <x v="2"/>
    <s v="On-site provision of one community centre at Shendish Manor and Fairfields (Hm11)."/>
    <m/>
    <s v="One community centre delivered on-site at Shendish Manor and Fairfields (Hm11), as per the Community Facilities Strategy "/>
    <s v="Hemel Garden Communities"/>
    <x v="5"/>
    <s v="Programme Area"/>
    <s v="On-site"/>
    <s v="Developer / Dacorum Borough Council"/>
    <s v="Dacorum Borough Council"/>
    <s v="2027-2033"/>
    <m/>
    <m/>
    <x v="4"/>
    <m/>
    <s v="S106"/>
    <n v="0"/>
    <n v="1515700"/>
    <s v="A - Per dwelling"/>
    <m/>
    <m/>
    <s v="Important"/>
    <x v="0"/>
    <x v="0"/>
    <x v="0"/>
    <x v="0"/>
    <x v="0"/>
    <x v="0"/>
    <x v="0"/>
    <m/>
    <m/>
    <s v="Yes"/>
    <m/>
    <m/>
    <m/>
    <m/>
    <m/>
    <m/>
    <m/>
    <m/>
    <m/>
    <m/>
    <m/>
    <m/>
    <m/>
    <m/>
    <m/>
    <m/>
    <m/>
    <m/>
    <m/>
    <m/>
    <m/>
    <m/>
    <m/>
    <m/>
    <m/>
    <m/>
    <m/>
    <m/>
    <m/>
    <m/>
    <m/>
    <m/>
    <m/>
    <n v="500"/>
    <n v="3031.4"/>
    <m/>
    <x v="2"/>
    <x v="2"/>
    <x v="2"/>
    <x v="2"/>
    <x v="2"/>
    <x v="2"/>
    <x v="2"/>
    <x v="2"/>
    <x v="2"/>
    <x v="3"/>
    <x v="2"/>
    <x v="2"/>
    <x v="2"/>
    <x v="2"/>
    <x v="2"/>
    <x v="2"/>
    <x v="2"/>
    <s v=""/>
    <s v=""/>
    <s v=""/>
    <s v=""/>
    <s v=""/>
    <s v=""/>
    <s v=""/>
    <s v=""/>
    <s v=""/>
    <s v=""/>
    <s v=""/>
    <s v=""/>
    <s v=""/>
    <s v=""/>
    <m/>
    <m/>
    <m/>
    <m/>
    <m/>
    <m/>
    <m/>
    <m/>
    <x v="0"/>
    <x v="0"/>
    <x v="0"/>
    <x v="0"/>
    <n v="1515700"/>
    <n v="0"/>
    <n v="0"/>
    <n v="0"/>
    <s v="The Dacorum Borough Council Open Space, Sport and Leisure Background Topic Paper (2020) sets out a cost of £1,150,000 for community centres. A 31.8% uplift has been applied to the Q1 2020 base cost, to achieve a cost for Q3 2024. It is assumed the cost will be uplifted again at the time of planning application determination in line with the BCIS index."/>
    <s v="The sites delivering a community centre on-site (Hm01, Hm11 and Hm13) will be required to fund the scheme. The remaining DBC sites within the Programme Area will be expected to make contributions towards an additional 3 community centres in other locations within Hemel Hempstead (exact locations currently TBC). These contributions have been calculated on a per dwelling basis."/>
    <s v="Dacorum Borough Council Open Space, Sport and Leisure Background Topic Paper (2020)"/>
    <m/>
  </r>
  <r>
    <m/>
    <n v="6"/>
    <s v="CF6"/>
    <s v="DBC IDP"/>
    <s v="Dacorum Borough Council"/>
    <x v="1"/>
    <x v="2"/>
    <s v="On-site provision of one community centre at Polehanger Lane (Hm13)."/>
    <m/>
    <s v="One community centre delivered on-site at Polehanger Lane (Hm13), as per the Community Facilities Strategy "/>
    <s v="Hemel Garden Communities"/>
    <x v="6"/>
    <s v="Programme Area"/>
    <s v="On-site"/>
    <s v="Developer / Dacorum Borough Council"/>
    <s v="Dacorum Borough Council"/>
    <s v="2031-2039"/>
    <m/>
    <m/>
    <x v="4"/>
    <m/>
    <s v="S106"/>
    <n v="0"/>
    <n v="1515700"/>
    <s v="A - Per dwelling"/>
    <m/>
    <m/>
    <s v="Important"/>
    <x v="0"/>
    <x v="0"/>
    <x v="0"/>
    <x v="0"/>
    <x v="0"/>
    <x v="0"/>
    <x v="0"/>
    <m/>
    <m/>
    <m/>
    <s v="Yes"/>
    <m/>
    <m/>
    <m/>
    <m/>
    <m/>
    <m/>
    <m/>
    <m/>
    <m/>
    <m/>
    <m/>
    <m/>
    <m/>
    <m/>
    <m/>
    <m/>
    <m/>
    <m/>
    <m/>
    <m/>
    <m/>
    <m/>
    <m/>
    <m/>
    <m/>
    <m/>
    <m/>
    <m/>
    <m/>
    <m/>
    <m/>
    <m/>
    <n v="750"/>
    <n v="2020.9333333333334"/>
    <m/>
    <x v="2"/>
    <x v="2"/>
    <x v="2"/>
    <x v="2"/>
    <x v="2"/>
    <x v="2"/>
    <x v="2"/>
    <x v="2"/>
    <x v="2"/>
    <x v="2"/>
    <x v="3"/>
    <x v="2"/>
    <x v="2"/>
    <x v="2"/>
    <x v="2"/>
    <x v="2"/>
    <x v="2"/>
    <s v=""/>
    <s v=""/>
    <s v=""/>
    <s v=""/>
    <s v=""/>
    <s v=""/>
    <s v=""/>
    <s v=""/>
    <s v=""/>
    <s v=""/>
    <s v=""/>
    <s v=""/>
    <s v=""/>
    <s v=""/>
    <m/>
    <m/>
    <m/>
    <m/>
    <m/>
    <m/>
    <m/>
    <m/>
    <x v="0"/>
    <x v="0"/>
    <x v="0"/>
    <x v="0"/>
    <n v="1515700"/>
    <n v="0"/>
    <n v="0"/>
    <n v="0"/>
    <s v="The Dacorum Borough Council Open Space, Sport and Leisure Background Topic Paper (2020) sets out a cost of £1,150,000 for community centres. A 31.8% uplift has been applied to the Q1 2020 base cost, to achieve a cost for Q3 2024. It is assumed the cost will be uplifted again at the time of planning application determination in line with the BCIS index."/>
    <s v="The sites delivering a community centre on-site (Hm01, Hm11 and Hm13) will be required to fund the scheme. The remaining DBC sites within the Programme Area will be expected to make contributions towards an additional 3 community centres in other locations within Hemel Hempstead (exact locations currently TBC). These contributions have been calculated on a per dwelling basis."/>
    <s v="Dacorum Borough Council Open Space, Sport and Leisure Background Topic Paper (2020)"/>
    <m/>
  </r>
  <r>
    <m/>
    <n v="7"/>
    <s v="CF7"/>
    <s v="DBC IDP"/>
    <s v="Dacorum Borough Council"/>
    <x v="1"/>
    <x v="2"/>
    <s v="Contribution towards off-site provision of 3 community centres within Hemel Hempstead (exact location TBC)"/>
    <m/>
    <s v="Contribution by all programme area sites within DBC to 3 community centres in Hemel Hempstead. These are in addition to the on-site community centres being provided in North Hemel Hempstead (Hm01), Shendish Manor and Fairfields (Hm11) and Polehanger Lane (Hm13)."/>
    <s v="Hemel Garden Communities"/>
    <x v="7"/>
    <s v="Programme Area"/>
    <s v="Off-site"/>
    <s v="Developer / Dacorum Borough Council"/>
    <s v="Dacorum Borough Council"/>
    <s v="2026-2041"/>
    <m/>
    <m/>
    <x v="5"/>
    <m/>
    <s v="S106"/>
    <n v="0"/>
    <n v="4547100"/>
    <s v="A - Per dwelling"/>
    <m/>
    <m/>
    <s v="Important"/>
    <x v="0"/>
    <x v="2"/>
    <x v="2"/>
    <x v="2"/>
    <x v="2"/>
    <x v="2"/>
    <x v="2"/>
    <s v="Yes"/>
    <s v="Yes"/>
    <m/>
    <m/>
    <s v="Yes"/>
    <s v="Yes"/>
    <s v="Yes"/>
    <s v="Yes"/>
    <s v="Yes"/>
    <s v="Yes"/>
    <m/>
    <m/>
    <m/>
    <m/>
    <m/>
    <m/>
    <m/>
    <m/>
    <m/>
    <m/>
    <m/>
    <m/>
    <m/>
    <m/>
    <m/>
    <m/>
    <m/>
    <m/>
    <m/>
    <m/>
    <m/>
    <m/>
    <m/>
    <m/>
    <m/>
    <m/>
    <n v="6304"/>
    <n v="721.30393401015226"/>
    <m/>
    <x v="2"/>
    <x v="3"/>
    <x v="3"/>
    <x v="3"/>
    <x v="3"/>
    <x v="3"/>
    <x v="3"/>
    <x v="3"/>
    <x v="3"/>
    <x v="2"/>
    <x v="2"/>
    <x v="3"/>
    <x v="3"/>
    <x v="3"/>
    <x v="3"/>
    <x v="3"/>
    <x v="3"/>
    <s v=""/>
    <s v=""/>
    <s v=""/>
    <s v=""/>
    <s v=""/>
    <s v=""/>
    <s v=""/>
    <s v=""/>
    <s v=""/>
    <s v=""/>
    <s v=""/>
    <s v=""/>
    <s v=""/>
    <s v=""/>
    <s v=""/>
    <s v=""/>
    <s v=""/>
    <s v=""/>
    <s v=""/>
    <s v=""/>
    <s v=""/>
    <s v=""/>
    <x v="3"/>
    <x v="3"/>
    <x v="3"/>
    <x v="2"/>
    <n v="4547100"/>
    <n v="0"/>
    <n v="0"/>
    <n v="0"/>
    <s v="The Dacorum Borough Council Open Space, Sport and Leisure Background Topic Paper (2020) sets out a cost of £1,150,000 for community centres. A 31.8% uplift has been applied to the Q1 2020 base cost, to achieve a cost for Q3 2024. It is assumed the cost will be uplifted again at the time of planning application determination in line with the BCIS index."/>
    <s v="The sites delivering a community centre on-site (Hm01, Hm11 and Hm13) will be required to fund the scheme. The remaining DBC sites within the Programme Area will be expected to make contributions towards an additional 3 community centres in other locations within Hemel Hempstead (exact locations currently TBC). These contributions have been calculated on a per dwelling basis."/>
    <s v="Dacorum Borough Council Open Space, Sport and Leisure Background Topic Paper (2020)"/>
    <m/>
  </r>
  <r>
    <m/>
    <n v="8"/>
    <s v="CF8"/>
    <s v="HCC Cost Updates"/>
    <s v="Dacorum Borough Council"/>
    <x v="1"/>
    <x v="3"/>
    <s v="Hemel Hempstead Library Improvements"/>
    <m/>
    <s v="Increase capacity at Hemel Hempstead Library and increase resources at Adeyfield and Leverstock Green Libraries"/>
    <s v="Hemel Garden Communities"/>
    <x v="8"/>
    <s v="Programme Area"/>
    <s v="Off-site"/>
    <s v="Developer / Hertfordshire County Council"/>
    <s v="Hertfordshire County Council"/>
    <s v="2032-2041"/>
    <m/>
    <m/>
    <x v="6"/>
    <m/>
    <s v="S106"/>
    <n v="0"/>
    <n v="1962997"/>
    <s v="A - Per dwelling"/>
    <m/>
    <m/>
    <s v="Important"/>
    <x v="2"/>
    <x v="2"/>
    <x v="2"/>
    <x v="2"/>
    <x v="2"/>
    <x v="2"/>
    <x v="2"/>
    <s v="Yes"/>
    <s v="Yes"/>
    <s v="Yes"/>
    <s v="Yes"/>
    <s v="Yes"/>
    <s v="Yes"/>
    <s v="Yes"/>
    <s v="Yes"/>
    <s v="Yes"/>
    <s v="Yes"/>
    <m/>
    <m/>
    <m/>
    <m/>
    <m/>
    <m/>
    <m/>
    <m/>
    <m/>
    <m/>
    <m/>
    <m/>
    <m/>
    <m/>
    <m/>
    <m/>
    <m/>
    <m/>
    <m/>
    <m/>
    <m/>
    <m/>
    <s v="Yes"/>
    <s v="Yes"/>
    <s v="Yes"/>
    <m/>
    <n v="18054"/>
    <n v="108.72920128503378"/>
    <m/>
    <x v="4"/>
    <x v="4"/>
    <x v="4"/>
    <x v="4"/>
    <x v="4"/>
    <x v="4"/>
    <x v="4"/>
    <x v="4"/>
    <x v="4"/>
    <x v="4"/>
    <x v="4"/>
    <x v="4"/>
    <x v="4"/>
    <x v="4"/>
    <x v="4"/>
    <x v="4"/>
    <x v="4"/>
    <s v=""/>
    <s v=""/>
    <s v=""/>
    <s v=""/>
    <s v=""/>
    <s v=""/>
    <s v=""/>
    <s v=""/>
    <s v=""/>
    <s v=""/>
    <s v=""/>
    <s v=""/>
    <s v=""/>
    <s v=""/>
    <s v=""/>
    <s v=""/>
    <s v=""/>
    <s v=""/>
    <s v=""/>
    <s v=""/>
    <s v=""/>
    <s v=""/>
    <x v="4"/>
    <x v="4"/>
    <x v="4"/>
    <x v="2"/>
    <n v="1364986.3929323142"/>
    <n v="598010.60706768581"/>
    <n v="0"/>
    <n v="0"/>
    <s v="Indexation: BCIS 1Q2022"/>
    <s v="The cost to be apportioned for the Programme Area is £1,962,997 based on an additional 46,088 users."/>
    <s v="Engagement with HCC (June 2025)"/>
    <m/>
  </r>
  <r>
    <m/>
    <n v="9"/>
    <s v="CF9"/>
    <s v="HCC Cost Updates"/>
    <s v="Dacorum Borough Council"/>
    <x v="1"/>
    <x v="4"/>
    <s v="Resource costs towards new equipment, youth work projects and outreach service"/>
    <m/>
    <s v="Resource costs towards new equipment, youth work projects and outreach service for the development."/>
    <s v="Hemel Garden Communities"/>
    <x v="8"/>
    <s v="Programme Area"/>
    <s v="Off-site"/>
    <s v="Developer / Hertfordshire County Council"/>
    <s v="Hertfordshire County Council"/>
    <s v="2026-2041"/>
    <m/>
    <m/>
    <x v="7"/>
    <m/>
    <s v="S106"/>
    <n v="0"/>
    <n v="3680305"/>
    <s v="A - Per dwelling"/>
    <m/>
    <m/>
    <s v="Important"/>
    <x v="2"/>
    <x v="2"/>
    <x v="2"/>
    <x v="2"/>
    <x v="2"/>
    <x v="2"/>
    <x v="2"/>
    <s v="Yes"/>
    <s v="Yes"/>
    <s v="Yes"/>
    <s v="Yes"/>
    <s v="Yes"/>
    <s v="Yes"/>
    <s v="Yes"/>
    <s v="Yes"/>
    <s v="Yes"/>
    <s v="Yes"/>
    <m/>
    <m/>
    <m/>
    <m/>
    <m/>
    <m/>
    <m/>
    <m/>
    <m/>
    <m/>
    <m/>
    <m/>
    <m/>
    <m/>
    <m/>
    <m/>
    <m/>
    <m/>
    <m/>
    <m/>
    <m/>
    <m/>
    <s v="Yes"/>
    <s v="Yes"/>
    <s v="Yes"/>
    <m/>
    <n v="18054"/>
    <n v="203.84983937077655"/>
    <m/>
    <x v="5"/>
    <x v="5"/>
    <x v="5"/>
    <x v="5"/>
    <x v="5"/>
    <x v="5"/>
    <x v="5"/>
    <x v="5"/>
    <x v="5"/>
    <x v="5"/>
    <x v="5"/>
    <x v="5"/>
    <x v="5"/>
    <x v="5"/>
    <x v="5"/>
    <x v="5"/>
    <x v="5"/>
    <s v=""/>
    <s v=""/>
    <s v=""/>
    <s v=""/>
    <s v=""/>
    <s v=""/>
    <s v=""/>
    <s v=""/>
    <s v=""/>
    <s v=""/>
    <s v=""/>
    <s v=""/>
    <s v=""/>
    <s v=""/>
    <s v=""/>
    <s v=""/>
    <s v=""/>
    <s v=""/>
    <s v=""/>
    <s v=""/>
    <s v=""/>
    <s v=""/>
    <x v="5"/>
    <x v="5"/>
    <x v="5"/>
    <x v="2"/>
    <n v="2559130.8834607285"/>
    <n v="1121174.1165392711"/>
    <n v="0"/>
    <n v="0"/>
    <s v="Indexation: BCIS 1Q2022"/>
    <s v="The cost to be apportioned for the Programme Area is £3,680,305 based on an additional 5,395 users"/>
    <s v="Engagement with HCC (June 2025)"/>
    <m/>
  </r>
  <r>
    <m/>
    <n v="10"/>
    <s v="CF10"/>
    <s v="HCC"/>
    <s v="St Albans City &amp; District Council"/>
    <x v="1"/>
    <x v="5"/>
    <s v="1x Children's home in North Hemel Hempstead (H1)"/>
    <m/>
    <s v="1 x Children's home to accommodate three children in care and one manager each. These should be located with good access to public transport, local facilities and on a through road and not located close to motorways/dual carriageways, railways, bodies of water or industrial sites, detached and externally indistinguishable from surrounding dwellings and have regards to HCC Service Provision and Placemaking Guide. "/>
    <s v="Hemel Garden Communities"/>
    <x v="1"/>
    <s v="Growth Area"/>
    <s v="On-site"/>
    <s v="Developer / Hertfordshire County Council"/>
    <s v="Hertfordshire County Council"/>
    <s v="2030-2041"/>
    <m/>
    <m/>
    <x v="8"/>
    <m/>
    <s v="S106"/>
    <m/>
    <m/>
    <s v="A - Per dwelling"/>
    <m/>
    <m/>
    <s v="Essential"/>
    <x v="0"/>
    <x v="0"/>
    <x v="0"/>
    <x v="0"/>
    <x v="0"/>
    <x v="0"/>
    <x v="0"/>
    <m/>
    <m/>
    <m/>
    <m/>
    <m/>
    <m/>
    <m/>
    <m/>
    <m/>
    <m/>
    <m/>
    <m/>
    <m/>
    <m/>
    <m/>
    <m/>
    <m/>
    <m/>
    <m/>
    <m/>
    <m/>
    <m/>
    <m/>
    <m/>
    <m/>
    <m/>
    <m/>
    <m/>
    <m/>
    <m/>
    <m/>
    <m/>
    <s v="Yes"/>
    <m/>
    <m/>
    <m/>
    <n v="1500"/>
    <n v="0"/>
    <m/>
    <x v="2"/>
    <x v="2"/>
    <x v="2"/>
    <x v="2"/>
    <x v="2"/>
    <x v="2"/>
    <x v="2"/>
    <x v="2"/>
    <x v="2"/>
    <x v="2"/>
    <x v="2"/>
    <x v="2"/>
    <x v="2"/>
    <x v="2"/>
    <x v="2"/>
    <x v="2"/>
    <x v="2"/>
    <s v=""/>
    <s v=""/>
    <s v=""/>
    <s v=""/>
    <s v=""/>
    <s v=""/>
    <s v=""/>
    <s v=""/>
    <s v=""/>
    <s v=""/>
    <s v=""/>
    <s v=""/>
    <s v=""/>
    <s v=""/>
    <m/>
    <m/>
    <m/>
    <m/>
    <m/>
    <m/>
    <m/>
    <m/>
    <x v="6"/>
    <x v="0"/>
    <x v="0"/>
    <x v="0"/>
    <n v="0"/>
    <n v="0"/>
    <n v="0"/>
    <n v="0"/>
    <s v="No cost has been provided by HCC, however it should be assumed that developers will be required to either contribute towards the Children's Homes items, or directly deliver provision in line with the HCC Service Provision and Placemaking Guide. "/>
    <m/>
    <s v="HCC reps to SADC Reg 19 Local Plan Consultation, confirmed through Stakeholder Engagement February 2025."/>
    <m/>
  </r>
  <r>
    <m/>
    <n v="11"/>
    <s v="CF11"/>
    <s v="HCC"/>
    <s v="St Albans City &amp; District Council"/>
    <x v="1"/>
    <x v="5"/>
    <s v="1x Children's home in East Hemel Hempstead North (H2)"/>
    <m/>
    <s v="1 x Children's home to accommodate three children in care and one manager each. These should be located with good access to public transport, local facilities and on a through road and not located close to motorways/dual carriageways, railways, bodies of water or industrial sites, detached and externally indistinguishable from surrounding dwellings and have regards to HCC Service Provision and Placemaking Guide. "/>
    <s v="Hemel Garden Communities"/>
    <x v="2"/>
    <s v="Growth Area"/>
    <s v="On-site"/>
    <s v="Developer / Hertfordshire County Council"/>
    <s v="Hertfordshire County Council"/>
    <s v="2029-2041"/>
    <m/>
    <m/>
    <x v="8"/>
    <m/>
    <s v="S106"/>
    <m/>
    <m/>
    <s v="A - Per dwelling"/>
    <m/>
    <m/>
    <s v="Essential"/>
    <x v="0"/>
    <x v="0"/>
    <x v="0"/>
    <x v="0"/>
    <x v="0"/>
    <x v="0"/>
    <x v="0"/>
    <m/>
    <m/>
    <m/>
    <m/>
    <m/>
    <m/>
    <m/>
    <m/>
    <m/>
    <m/>
    <m/>
    <m/>
    <m/>
    <m/>
    <m/>
    <m/>
    <m/>
    <m/>
    <m/>
    <m/>
    <m/>
    <m/>
    <m/>
    <m/>
    <m/>
    <m/>
    <m/>
    <m/>
    <m/>
    <m/>
    <m/>
    <m/>
    <m/>
    <s v="Yes"/>
    <m/>
    <m/>
    <n v="1600"/>
    <n v="0"/>
    <m/>
    <x v="2"/>
    <x v="2"/>
    <x v="2"/>
    <x v="2"/>
    <x v="2"/>
    <x v="2"/>
    <x v="2"/>
    <x v="2"/>
    <x v="2"/>
    <x v="2"/>
    <x v="2"/>
    <x v="2"/>
    <x v="2"/>
    <x v="2"/>
    <x v="2"/>
    <x v="2"/>
    <x v="2"/>
    <s v=""/>
    <s v=""/>
    <s v=""/>
    <s v=""/>
    <s v=""/>
    <s v=""/>
    <s v=""/>
    <s v=""/>
    <s v=""/>
    <s v=""/>
    <s v=""/>
    <s v=""/>
    <s v=""/>
    <s v=""/>
    <m/>
    <m/>
    <m/>
    <m/>
    <m/>
    <m/>
    <m/>
    <m/>
    <x v="0"/>
    <x v="6"/>
    <x v="0"/>
    <x v="0"/>
    <n v="0"/>
    <n v="0"/>
    <n v="0"/>
    <n v="0"/>
    <s v="No cost has been provided by HCC, however it should be assumed that developers will be required to either contribute towards the Children's Homes items, or directly deliver provision in line with the HCC Service Provision and Placemaking Guide. "/>
    <m/>
    <s v="HCC reps to SADC Reg 19 Local Plan Consultation, confirmed through Stakeholder Engagement February 2025."/>
    <m/>
  </r>
  <r>
    <m/>
    <n v="12"/>
    <s v="CF12"/>
    <s v="HCC"/>
    <s v="St Albans City &amp; District Council"/>
    <x v="1"/>
    <x v="5"/>
    <s v="1x Children's home in East Hemel Hempstead South (H4)"/>
    <m/>
    <s v="1 x Children's home to accommodate three children in care and one manager each. These should be located with good access to public transport, local facilities and on a through road and not located close to motorways/dual carriageways, railways, bodies of water or industrial sites, detached and externally indistinguishable from surrounding dwellings and have regards to HCC Service Provision and Placemaking Guide. "/>
    <s v="Hemel Garden Communities"/>
    <x v="3"/>
    <s v="Growth Area"/>
    <s v="On-site"/>
    <s v="Developer / Hertfordshire County Council"/>
    <s v="Hertfordshire County Council"/>
    <s v="2029-2040"/>
    <m/>
    <m/>
    <x v="8"/>
    <m/>
    <s v="S106"/>
    <m/>
    <m/>
    <s v="A - Per dwelling"/>
    <m/>
    <m/>
    <s v="Essential"/>
    <x v="0"/>
    <x v="0"/>
    <x v="0"/>
    <x v="0"/>
    <x v="0"/>
    <x v="0"/>
    <x v="0"/>
    <m/>
    <m/>
    <m/>
    <m/>
    <m/>
    <m/>
    <m/>
    <m/>
    <m/>
    <m/>
    <m/>
    <m/>
    <m/>
    <m/>
    <m/>
    <m/>
    <m/>
    <m/>
    <m/>
    <m/>
    <m/>
    <m/>
    <m/>
    <m/>
    <m/>
    <m/>
    <m/>
    <m/>
    <m/>
    <m/>
    <m/>
    <m/>
    <m/>
    <m/>
    <s v="Yes"/>
    <m/>
    <n v="2400"/>
    <n v="0"/>
    <m/>
    <x v="2"/>
    <x v="2"/>
    <x v="2"/>
    <x v="2"/>
    <x v="2"/>
    <x v="2"/>
    <x v="2"/>
    <x v="2"/>
    <x v="2"/>
    <x v="2"/>
    <x v="2"/>
    <x v="2"/>
    <x v="2"/>
    <x v="2"/>
    <x v="2"/>
    <x v="2"/>
    <x v="2"/>
    <s v=""/>
    <s v=""/>
    <s v=""/>
    <s v=""/>
    <s v=""/>
    <s v=""/>
    <s v=""/>
    <s v=""/>
    <s v=""/>
    <s v=""/>
    <s v=""/>
    <s v=""/>
    <s v=""/>
    <s v=""/>
    <m/>
    <m/>
    <m/>
    <m/>
    <m/>
    <m/>
    <m/>
    <m/>
    <x v="0"/>
    <x v="0"/>
    <x v="6"/>
    <x v="0"/>
    <n v="0"/>
    <n v="0"/>
    <n v="0"/>
    <n v="0"/>
    <s v="No cost has been provided by HCC, however it should be assumed that developers will be required to either contribute towards the Children's Homes items, or directly deliver provision in line with the HCC Service Provision and Placemaking Guide. "/>
    <m/>
    <s v="HCC reps to SADC Reg 19 Local Plan Consultation, confirmed through Stakeholder Engagement February 2025."/>
    <m/>
  </r>
  <r>
    <m/>
    <n v="13"/>
    <s v="CF13"/>
    <s v="Reg 19 reps"/>
    <s v="Dacorum Borough Council"/>
    <x v="1"/>
    <x v="5"/>
    <s v="2 x Children's homes in North Hemel Hempstead (Hm01)"/>
    <m/>
    <s v="2 x Children's homes to accommodate three children in care and one manager each. These should be located with good access to public transport, local facilities and on a through road and not located close to motorways/dual carriageways, railways, bodies of water or industrial sites, detached and externally indistinguishable from surrounding dwellings and have regards to HCC Service Provision and Placemaking Guide. "/>
    <s v="Hemel Garden Communities"/>
    <x v="4"/>
    <s v="Growth Area"/>
    <s v="On-site"/>
    <s v="Developer / Hertfordshire County Council"/>
    <s v="Hertfordshire County Council"/>
    <s v="2032-2041"/>
    <m/>
    <m/>
    <x v="8"/>
    <m/>
    <s v="S106"/>
    <m/>
    <m/>
    <s v="A - Per dwelling"/>
    <m/>
    <m/>
    <s v="Essential"/>
    <x v="2"/>
    <x v="0"/>
    <x v="0"/>
    <x v="0"/>
    <x v="0"/>
    <x v="0"/>
    <x v="0"/>
    <m/>
    <m/>
    <m/>
    <m/>
    <m/>
    <m/>
    <m/>
    <m/>
    <m/>
    <m/>
    <m/>
    <m/>
    <m/>
    <m/>
    <m/>
    <m/>
    <m/>
    <m/>
    <m/>
    <m/>
    <m/>
    <m/>
    <m/>
    <m/>
    <m/>
    <m/>
    <m/>
    <m/>
    <m/>
    <m/>
    <m/>
    <m/>
    <m/>
    <m/>
    <m/>
    <m/>
    <n v="5000"/>
    <n v="0"/>
    <m/>
    <x v="6"/>
    <x v="2"/>
    <x v="2"/>
    <x v="2"/>
    <x v="2"/>
    <x v="2"/>
    <x v="2"/>
    <x v="2"/>
    <x v="2"/>
    <x v="2"/>
    <x v="2"/>
    <x v="2"/>
    <x v="2"/>
    <x v="2"/>
    <x v="2"/>
    <x v="2"/>
    <x v="2"/>
    <s v=""/>
    <s v=""/>
    <s v=""/>
    <s v=""/>
    <s v=""/>
    <s v=""/>
    <s v=""/>
    <s v=""/>
    <s v=""/>
    <s v=""/>
    <s v=""/>
    <s v=""/>
    <s v=""/>
    <s v=""/>
    <m/>
    <m/>
    <m/>
    <m/>
    <m/>
    <m/>
    <m/>
    <m/>
    <x v="0"/>
    <x v="0"/>
    <x v="0"/>
    <x v="0"/>
    <n v="0"/>
    <n v="0"/>
    <n v="0"/>
    <n v="0"/>
    <s v="No cost has been provided by HCC, however it should be assumed that developers will be required to either contribute towards the Children's Homes items, or directly deliver provision in line with the HCC Service Provision and Placemaking Guide. "/>
    <m/>
    <s v="HCC reps to DBC Reg 19 Local Plan Consultation, confirmed through Stakeholder Engagement February 2025."/>
    <m/>
  </r>
  <r>
    <m/>
    <n v="14"/>
    <s v="CF14"/>
    <s v="Reg 19 reps"/>
    <s v="Dacorum Borough Council"/>
    <x v="1"/>
    <x v="5"/>
    <s v="1 x Children's home in Polehanger Lane (Hm13)"/>
    <m/>
    <s v="1 x Children's home to accommodate three children in care and one manager each. These should be located with good access to public transport, local facilities and on a through road and not located close to motorways/dual carriageways, railways, bodies of water or industrial sites, detached and externally indistinguishable from surrounding dwellings and have regards to HCC Service Provision and Placemaking Guide. "/>
    <s v="Hemel Garden Communities"/>
    <x v="6"/>
    <s v="Programme Area"/>
    <s v="On-site"/>
    <s v="Developer / Hertfordshire County Council"/>
    <s v="Hertfordshire County Council"/>
    <s v="2031-2039"/>
    <m/>
    <m/>
    <x v="8"/>
    <m/>
    <s v="S106"/>
    <m/>
    <m/>
    <s v="A - Per dwelling"/>
    <m/>
    <m/>
    <s v="Essential"/>
    <x v="0"/>
    <x v="0"/>
    <x v="0"/>
    <x v="0"/>
    <x v="0"/>
    <x v="0"/>
    <x v="0"/>
    <m/>
    <m/>
    <m/>
    <s v="Yes"/>
    <m/>
    <m/>
    <m/>
    <m/>
    <m/>
    <m/>
    <m/>
    <m/>
    <m/>
    <m/>
    <m/>
    <m/>
    <m/>
    <m/>
    <m/>
    <m/>
    <m/>
    <m/>
    <m/>
    <m/>
    <m/>
    <m/>
    <m/>
    <m/>
    <m/>
    <m/>
    <m/>
    <m/>
    <m/>
    <m/>
    <m/>
    <m/>
    <n v="750"/>
    <n v="0"/>
    <m/>
    <x v="2"/>
    <x v="2"/>
    <x v="2"/>
    <x v="2"/>
    <x v="2"/>
    <x v="2"/>
    <x v="2"/>
    <x v="2"/>
    <x v="2"/>
    <x v="2"/>
    <x v="6"/>
    <x v="2"/>
    <x v="2"/>
    <x v="2"/>
    <x v="2"/>
    <x v="2"/>
    <x v="2"/>
    <s v=""/>
    <s v=""/>
    <s v=""/>
    <s v=""/>
    <s v=""/>
    <s v=""/>
    <s v=""/>
    <s v=""/>
    <s v=""/>
    <s v=""/>
    <s v=""/>
    <s v=""/>
    <s v=""/>
    <s v=""/>
    <m/>
    <m/>
    <m/>
    <m/>
    <m/>
    <m/>
    <m/>
    <m/>
    <x v="0"/>
    <x v="0"/>
    <x v="0"/>
    <x v="0"/>
    <n v="0"/>
    <n v="0"/>
    <n v="0"/>
    <n v="0"/>
    <s v="No cost has been provided by HCC, however it should be assumed that developers will be required to either contribute towards the Children's Homes items, or directly deliver provision in line with the HCC Service Provision and Placemaking Guide. "/>
    <m/>
    <s v="HCC reps to DBC Reg 19 Local Plan Consultation, confirmed through Stakeholder Engagement February 2025."/>
    <m/>
  </r>
  <r>
    <m/>
    <n v="15"/>
    <s v="CF15"/>
    <s v="Reg 19 reps"/>
    <s v="Dacorum Borough Council"/>
    <x v="1"/>
    <x v="5"/>
    <s v="1 x Children's home Marchmont Farm (Hm14)"/>
    <m/>
    <s v="1 x Children's home to accommodate three children in care and one manager each. These should be located with good access to public transport, local facilities and on a through road and not located close to motorways/dual carriageways, railways, bodies of water or industrial sites, detached and externally indistinguishable from surrounding dwellings and have regards to HCC Service Provision and Placemaking Guide. "/>
    <s v="Hemel Garden Communities"/>
    <x v="9"/>
    <s v="Programme Area"/>
    <s v="On-site"/>
    <s v="Developer / Hertfordshire County Council"/>
    <s v="Hertfordshire County Council"/>
    <s v="2028-2032"/>
    <m/>
    <m/>
    <x v="8"/>
    <m/>
    <s v="S106"/>
    <m/>
    <m/>
    <s v="A - Per dwelling"/>
    <m/>
    <m/>
    <s v="Essential"/>
    <x v="0"/>
    <x v="0"/>
    <x v="0"/>
    <x v="0"/>
    <x v="0"/>
    <x v="0"/>
    <x v="0"/>
    <m/>
    <m/>
    <m/>
    <m/>
    <m/>
    <m/>
    <s v="Yes"/>
    <m/>
    <m/>
    <m/>
    <m/>
    <m/>
    <m/>
    <m/>
    <m/>
    <m/>
    <m/>
    <m/>
    <m/>
    <m/>
    <m/>
    <m/>
    <m/>
    <m/>
    <m/>
    <m/>
    <m/>
    <m/>
    <m/>
    <m/>
    <m/>
    <m/>
    <m/>
    <m/>
    <m/>
    <m/>
    <n v="350"/>
    <n v="0"/>
    <m/>
    <x v="2"/>
    <x v="2"/>
    <x v="2"/>
    <x v="2"/>
    <x v="2"/>
    <x v="2"/>
    <x v="2"/>
    <x v="2"/>
    <x v="2"/>
    <x v="2"/>
    <x v="2"/>
    <x v="2"/>
    <x v="2"/>
    <x v="6"/>
    <x v="2"/>
    <x v="2"/>
    <x v="2"/>
    <s v=""/>
    <s v=""/>
    <s v=""/>
    <s v=""/>
    <s v=""/>
    <s v=""/>
    <s v=""/>
    <s v=""/>
    <s v=""/>
    <s v=""/>
    <s v=""/>
    <s v=""/>
    <s v=""/>
    <s v=""/>
    <m/>
    <m/>
    <m/>
    <m/>
    <m/>
    <m/>
    <m/>
    <m/>
    <x v="0"/>
    <x v="0"/>
    <x v="0"/>
    <x v="0"/>
    <n v="0"/>
    <n v="0"/>
    <n v="0"/>
    <n v="0"/>
    <s v="No cost has been provided by HCC, however it should be assumed that developers will be required to either contribute towards the Children's Homes items, or directly deliver provision in line with the HCC Service Provision and Placemaking Guide. "/>
    <m/>
    <s v="HCC reps to DBC Reg 19 Local Plan Consultation, confirmed through Stakeholder Engagement February 2025."/>
    <m/>
  </r>
  <r>
    <m/>
    <n v="16"/>
    <s v="CF16"/>
    <s v="DBC IDP"/>
    <s v="Dacorum Borough Council"/>
    <x v="1"/>
    <x v="6"/>
    <s v="On-site CCTV provision at North Hemel Hempstead (Hm01)."/>
    <m/>
    <s v="On-site CCTV provision at the community centre being delivered within North Hemel Hempstead (Hm01)."/>
    <s v="Hemel Garden Communities"/>
    <x v="4"/>
    <s v="Growth Area"/>
    <s v="On-site"/>
    <s v="Developer / Dacorum Borough Council"/>
    <s v="Dacorum Borough Council"/>
    <s v="2032-2041"/>
    <m/>
    <m/>
    <x v="9"/>
    <m/>
    <s v="S106"/>
    <n v="0"/>
    <n v="59310"/>
    <s v="A - Per dwelling"/>
    <m/>
    <m/>
    <s v="Important"/>
    <x v="2"/>
    <x v="0"/>
    <x v="0"/>
    <x v="0"/>
    <x v="0"/>
    <x v="0"/>
    <x v="0"/>
    <m/>
    <m/>
    <m/>
    <m/>
    <m/>
    <m/>
    <m/>
    <m/>
    <m/>
    <m/>
    <m/>
    <m/>
    <m/>
    <m/>
    <m/>
    <m/>
    <m/>
    <m/>
    <m/>
    <m/>
    <m/>
    <m/>
    <m/>
    <m/>
    <m/>
    <m/>
    <m/>
    <m/>
    <m/>
    <m/>
    <m/>
    <m/>
    <m/>
    <m/>
    <m/>
    <m/>
    <n v="5000"/>
    <n v="11.862"/>
    <m/>
    <x v="7"/>
    <x v="2"/>
    <x v="2"/>
    <x v="2"/>
    <x v="2"/>
    <x v="2"/>
    <x v="2"/>
    <x v="2"/>
    <x v="2"/>
    <x v="2"/>
    <x v="2"/>
    <x v="2"/>
    <x v="2"/>
    <x v="2"/>
    <x v="2"/>
    <x v="2"/>
    <x v="2"/>
    <s v=""/>
    <s v=""/>
    <s v=""/>
    <s v=""/>
    <s v=""/>
    <s v=""/>
    <s v=""/>
    <s v=""/>
    <s v=""/>
    <s v=""/>
    <s v=""/>
    <s v=""/>
    <s v=""/>
    <s v=""/>
    <m/>
    <m/>
    <m/>
    <m/>
    <m/>
    <m/>
    <m/>
    <m/>
    <x v="0"/>
    <x v="0"/>
    <x v="0"/>
    <x v="0"/>
    <n v="59310"/>
    <n v="0"/>
    <n v="0"/>
    <n v="0"/>
    <s v="The Dacorum Borough Council Open Space, Sport and Leisure Background Topic Paper (2020) sets out a cost of £45,000 for CCVT provision for each community centre. A 31.8% uplift has been applied to the Q1 2020 base cost, to achieve a cost for Q3 2024. It is assumed the cost will be uplifted again at the time of planning application determination in line with the BCIS index."/>
    <s v="For CCTV provision, the sites delivering a community centre on-site (Hm01, Hm11 and Hm13) will also be required to deliver CCTV provision. The remaining DBC sites within the Programme Area will be expected to make contributions towards an additional 3 CCTV items to support community centres in other locations within Hemel Hempstead (exact locations currently TBC). These contributions have been calculated on a per dwelling basis."/>
    <s v="Dacorum Borough Council Open Space, Sport and Leisure Background Topic Paper (2020)"/>
    <m/>
  </r>
  <r>
    <m/>
    <n v="17"/>
    <s v="CF17"/>
    <s v="DBC IDP"/>
    <s v="Dacorum Borough Council"/>
    <x v="1"/>
    <x v="6"/>
    <s v="On-site CCTV provision at Shendish Manor and Fairfields (Hm11)."/>
    <m/>
    <s v="On-site CCTV provision at the community centre being delivered within Shendish Manor and Fairfields (Hm11)."/>
    <s v="Hemel Garden Communities"/>
    <x v="5"/>
    <s v="Programme Area"/>
    <s v="On-site"/>
    <s v="Developer / Dacorum Borough Council"/>
    <s v="Dacorum Borough Council"/>
    <s v="2027-2033"/>
    <m/>
    <m/>
    <x v="9"/>
    <m/>
    <s v="S106"/>
    <n v="0"/>
    <n v="59310"/>
    <s v="A - Per dwelling"/>
    <m/>
    <m/>
    <s v="Important"/>
    <x v="0"/>
    <x v="0"/>
    <x v="0"/>
    <x v="0"/>
    <x v="0"/>
    <x v="0"/>
    <x v="0"/>
    <m/>
    <m/>
    <s v="Yes"/>
    <m/>
    <m/>
    <m/>
    <m/>
    <m/>
    <m/>
    <m/>
    <m/>
    <m/>
    <m/>
    <m/>
    <m/>
    <m/>
    <m/>
    <m/>
    <m/>
    <m/>
    <m/>
    <m/>
    <m/>
    <m/>
    <m/>
    <m/>
    <m/>
    <m/>
    <m/>
    <m/>
    <m/>
    <m/>
    <m/>
    <m/>
    <m/>
    <m/>
    <n v="500"/>
    <n v="118.62"/>
    <m/>
    <x v="2"/>
    <x v="2"/>
    <x v="2"/>
    <x v="2"/>
    <x v="2"/>
    <x v="2"/>
    <x v="2"/>
    <x v="2"/>
    <x v="2"/>
    <x v="6"/>
    <x v="2"/>
    <x v="2"/>
    <x v="2"/>
    <x v="2"/>
    <x v="2"/>
    <x v="2"/>
    <x v="2"/>
    <s v=""/>
    <s v=""/>
    <s v=""/>
    <s v=""/>
    <s v=""/>
    <s v=""/>
    <s v=""/>
    <s v=""/>
    <s v=""/>
    <s v=""/>
    <s v=""/>
    <s v=""/>
    <s v=""/>
    <s v=""/>
    <m/>
    <m/>
    <m/>
    <m/>
    <m/>
    <m/>
    <m/>
    <m/>
    <x v="0"/>
    <x v="0"/>
    <x v="0"/>
    <x v="0"/>
    <n v="59310"/>
    <n v="0"/>
    <n v="0"/>
    <n v="0"/>
    <s v="The Dacorum Borough Council Open Space, Sport and Leisure Background Topic Paper (2020) sets out a cost of £45,000 for CCVT provision for each community centre. A 31.8% uplift has been applied to the Q1 2020 base cost, to achieve a cost for Q3 2024. It is assumed the cost will be uplifted again at the time of planning application determination in line with the BCIS index."/>
    <s v="For CCTV provision, the sites delivering a community centre on-site (Hm01, Hm11 and Hm13) will also be required to deliver CCTV provision. The remaining DBC sites within the Programme Area will be expected to make contributions towards an additional 3 CCTV items to support community centres in other locations within Hemel Hempstead (exact locations currently TBC). These contributions have been calculated on a per dwelling basis."/>
    <s v="Dacorum Borough Council Open Space, Sport and Leisure Background Topic Paper (2020)"/>
    <m/>
  </r>
  <r>
    <m/>
    <n v="18"/>
    <s v="CF18"/>
    <s v="DBC IDP"/>
    <s v="Dacorum Borough Council"/>
    <x v="1"/>
    <x v="6"/>
    <s v="On-site CCTV provision at Polehanger Lane (Hm13)."/>
    <m/>
    <s v="On-site CCTV provision at the community centre being delivered within Polehanger Lane (Hm13)."/>
    <s v="Hemel Garden Communities"/>
    <x v="6"/>
    <s v="Programme Area"/>
    <s v="On-site"/>
    <s v="Developer / Dacorum Borough Council"/>
    <s v="Dacorum Borough Council"/>
    <s v="2031-2039"/>
    <m/>
    <m/>
    <x v="9"/>
    <m/>
    <s v="S106"/>
    <n v="0"/>
    <n v="59310"/>
    <s v="A - Per dwelling"/>
    <m/>
    <m/>
    <s v="Important"/>
    <x v="0"/>
    <x v="0"/>
    <x v="0"/>
    <x v="0"/>
    <x v="0"/>
    <x v="0"/>
    <x v="0"/>
    <m/>
    <m/>
    <m/>
    <s v="Yes"/>
    <m/>
    <m/>
    <m/>
    <m/>
    <m/>
    <m/>
    <m/>
    <m/>
    <m/>
    <m/>
    <m/>
    <m/>
    <m/>
    <m/>
    <m/>
    <m/>
    <m/>
    <m/>
    <m/>
    <m/>
    <m/>
    <m/>
    <m/>
    <m/>
    <m/>
    <m/>
    <m/>
    <m/>
    <m/>
    <m/>
    <m/>
    <m/>
    <n v="750"/>
    <n v="79.08"/>
    <m/>
    <x v="2"/>
    <x v="2"/>
    <x v="2"/>
    <x v="2"/>
    <x v="2"/>
    <x v="2"/>
    <x v="2"/>
    <x v="2"/>
    <x v="2"/>
    <x v="2"/>
    <x v="7"/>
    <x v="2"/>
    <x v="2"/>
    <x v="2"/>
    <x v="2"/>
    <x v="2"/>
    <x v="2"/>
    <s v=""/>
    <s v=""/>
    <s v=""/>
    <s v=""/>
    <s v=""/>
    <s v=""/>
    <s v=""/>
    <s v=""/>
    <s v=""/>
    <s v=""/>
    <s v=""/>
    <s v=""/>
    <s v=""/>
    <s v=""/>
    <m/>
    <m/>
    <m/>
    <m/>
    <m/>
    <m/>
    <m/>
    <m/>
    <x v="0"/>
    <x v="0"/>
    <x v="0"/>
    <x v="0"/>
    <n v="59310"/>
    <n v="0"/>
    <n v="0"/>
    <n v="0"/>
    <s v="The Dacorum Borough Council Open Space, Sport and Leisure Background Topic Paper (2020) sets out a cost of £45,000 for CCVT provision for each community centre. A 31.8% uplift has been applied to the Q1 2020 base cost, to achieve a cost for Q3 2024. It is assumed the cost will be uplifted again at the time of planning application determination in line with the BCIS index."/>
    <s v="For CCTV provision, the sites delivering a community centre on-site (Hm01, Hm11 and Hm13) will also be required to deliver CCTV provision. The remaining DBC sites within the Programme Area will be expected to make contributions towards an additional 3 CCTV items to support community centres in other locations within Hemel Hempstead (exact locations currently TBC). These contributions have been calculated on a per dwelling basis."/>
    <s v="Dacorum Borough Council Open Space, Sport and Leisure Background Topic Paper (2020)"/>
    <m/>
  </r>
  <r>
    <m/>
    <n v="19"/>
    <s v="CF19"/>
    <s v="DBC IDP"/>
    <s v="Dacorum Borough Council"/>
    <x v="1"/>
    <x v="6"/>
    <s v="Contribution towards off-site CCTV provision at 3 community centres within Hemel Hempstead (exact location TBC)."/>
    <m/>
    <s v="Contribution by all programme area sites within DBC to CCTV provision at 3 community centres in Hemel Hempstead. These are in addition to the on-site provision in North Hemel Hempstead (Hm01), Shendish Manor and Fairfields (Hm11) and Polehanger Lane (Hm13)."/>
    <s v="Hemel Garden Communities"/>
    <x v="7"/>
    <s v="Programme Area"/>
    <s v="Off-site"/>
    <s v="Developer / Dacorum Borough Council"/>
    <s v="Dacorum Borough Council"/>
    <s v="2026-2041"/>
    <m/>
    <m/>
    <x v="10"/>
    <m/>
    <s v="S106"/>
    <n v="0"/>
    <n v="177930"/>
    <s v="A - Per dwelling"/>
    <m/>
    <m/>
    <s v="Important"/>
    <x v="0"/>
    <x v="2"/>
    <x v="2"/>
    <x v="2"/>
    <x v="2"/>
    <x v="2"/>
    <x v="2"/>
    <s v="Yes"/>
    <s v="Yes"/>
    <m/>
    <m/>
    <s v="Yes"/>
    <s v="Yes"/>
    <s v="Yes"/>
    <s v="Yes"/>
    <s v="Yes"/>
    <s v="Yes"/>
    <m/>
    <m/>
    <m/>
    <m/>
    <m/>
    <m/>
    <m/>
    <m/>
    <m/>
    <m/>
    <m/>
    <m/>
    <m/>
    <m/>
    <m/>
    <m/>
    <m/>
    <m/>
    <m/>
    <m/>
    <m/>
    <m/>
    <m/>
    <m/>
    <m/>
    <m/>
    <n v="6304"/>
    <n v="28.224936548223351"/>
    <m/>
    <x v="2"/>
    <x v="6"/>
    <x v="6"/>
    <x v="6"/>
    <x v="6"/>
    <x v="6"/>
    <x v="6"/>
    <x v="6"/>
    <x v="6"/>
    <x v="2"/>
    <x v="2"/>
    <x v="6"/>
    <x v="6"/>
    <x v="7"/>
    <x v="6"/>
    <x v="6"/>
    <x v="6"/>
    <s v=""/>
    <s v=""/>
    <s v=""/>
    <s v=""/>
    <s v=""/>
    <s v=""/>
    <s v=""/>
    <s v=""/>
    <s v=""/>
    <s v=""/>
    <s v=""/>
    <s v=""/>
    <s v=""/>
    <s v=""/>
    <m/>
    <m/>
    <m/>
    <m/>
    <m/>
    <m/>
    <m/>
    <m/>
    <x v="0"/>
    <x v="0"/>
    <x v="0"/>
    <x v="0"/>
    <n v="177930"/>
    <n v="0"/>
    <n v="0"/>
    <n v="0"/>
    <s v="The Dacorum Borough Council Open Space, Sport and Leisure Background Topic Paper (2020) sets out a cost of £45,000 for CCVT provision for each community centre. A 31.8% uplift has been applied to the Q1 2020 base cost, to achieve a cost for Q3 2024. It is assumed the cost will be uplifted again at the time of planning application determination in line with the BCIS index."/>
    <s v="For CCTV provision, the sites delivering a community centre on-site (Hm01, Hm11 and Hm13) will also be required to deliver CCTV provision. The remaining DBC sites within the Programme Area will be expected to make contributions towards an additional 3 CCTV items to support community centres in other locations within Hemel Hempstead (exact locations currently TBC). These contributions have been calculated on a per dwelling basis."/>
    <s v="Dacorum Borough Council Open Space, Sport and Leisure Background Topic Paper (2020)"/>
    <m/>
  </r>
  <r>
    <m/>
    <n v="20"/>
    <s v="ED1"/>
    <s v="New Scheme"/>
    <s v="St Albans City &amp; District Council"/>
    <x v="2"/>
    <x v="7"/>
    <s v="New Childcare Settings serving North Hemel Hempstead (H1)"/>
    <m/>
    <s v="1 x 30 place setting - The provision will need to be approximately 325sqm (which includes both internal (275sqm) and outdoor (50sqm) space) and built to Ofsted requirements."/>
    <s v="Hemel Garden Communities"/>
    <x v="1"/>
    <s v="Growth Area"/>
    <s v="On-site"/>
    <s v="Developer / Hertfordshire County Council"/>
    <s v="Hertfordshire County Council"/>
    <s v="2030-2041"/>
    <m/>
    <m/>
    <x v="11"/>
    <m/>
    <s v="S106"/>
    <n v="0"/>
    <n v="1053000"/>
    <s v="A - Per dwelling"/>
    <m/>
    <m/>
    <s v="Essential"/>
    <x v="0"/>
    <x v="0"/>
    <x v="0"/>
    <x v="0"/>
    <x v="0"/>
    <x v="0"/>
    <x v="0"/>
    <m/>
    <m/>
    <m/>
    <m/>
    <m/>
    <m/>
    <m/>
    <m/>
    <m/>
    <m/>
    <m/>
    <m/>
    <m/>
    <m/>
    <m/>
    <m/>
    <m/>
    <m/>
    <m/>
    <m/>
    <m/>
    <m/>
    <m/>
    <m/>
    <m/>
    <m/>
    <m/>
    <m/>
    <m/>
    <m/>
    <m/>
    <m/>
    <s v="Yes"/>
    <m/>
    <m/>
    <m/>
    <n v="1500"/>
    <n v="702"/>
    <m/>
    <x v="2"/>
    <x v="2"/>
    <x v="2"/>
    <x v="2"/>
    <x v="2"/>
    <x v="2"/>
    <x v="2"/>
    <x v="2"/>
    <x v="2"/>
    <x v="2"/>
    <x v="2"/>
    <x v="2"/>
    <x v="2"/>
    <x v="2"/>
    <x v="2"/>
    <x v="2"/>
    <x v="2"/>
    <s v=""/>
    <s v=""/>
    <s v=""/>
    <s v=""/>
    <s v=""/>
    <s v=""/>
    <s v=""/>
    <s v=""/>
    <s v=""/>
    <s v=""/>
    <s v=""/>
    <s v=""/>
    <s v=""/>
    <s v=""/>
    <s v=""/>
    <s v=""/>
    <s v=""/>
    <s v=""/>
    <s v=""/>
    <s v=""/>
    <s v=""/>
    <s v=""/>
    <x v="7"/>
    <x v="3"/>
    <x v="3"/>
    <x v="2"/>
    <n v="0"/>
    <n v="1053000"/>
    <n v="0"/>
    <n v="0"/>
    <s v="£3,240 per sqm * 325sqm = £1,053,000"/>
    <s v="All childcare project costs for 0-2 year olds are indexed to BCIS 1Q2024. These costs do not include any contingencies."/>
    <s v="These projects were identified when preparing the DBC and SADC IDPs, and were verified with stakeholders at HCC when progressing this HGC IDP (March 2025). "/>
    <m/>
  </r>
  <r>
    <m/>
    <n v="21"/>
    <s v="ED2"/>
    <s v="New Scheme"/>
    <s v="St Albans City &amp; District Council"/>
    <x v="2"/>
    <x v="7"/>
    <s v="New Childcare Settings serving East Hemel Hempstead North (H2)"/>
    <m/>
    <s v="1 x 30 place setting - The provision will need to be approximately 325sqm (which includes both internal (275sqm) and outdoor (50sqm) space) and built to Ofsted requirements."/>
    <s v="Hemel Garden Communities"/>
    <x v="2"/>
    <s v="Growth Area"/>
    <s v="On-site"/>
    <s v="Developer / Hertfordshire County Council"/>
    <s v="Hertfordshire County Council"/>
    <s v="2029-2041"/>
    <m/>
    <m/>
    <x v="11"/>
    <m/>
    <s v="S106"/>
    <n v="0"/>
    <n v="1053000"/>
    <s v="A - Per dwelling"/>
    <m/>
    <m/>
    <s v="Essential"/>
    <x v="0"/>
    <x v="0"/>
    <x v="0"/>
    <x v="0"/>
    <x v="0"/>
    <x v="0"/>
    <x v="0"/>
    <m/>
    <m/>
    <m/>
    <m/>
    <m/>
    <m/>
    <m/>
    <m/>
    <m/>
    <m/>
    <m/>
    <m/>
    <m/>
    <m/>
    <m/>
    <m/>
    <m/>
    <m/>
    <m/>
    <m/>
    <m/>
    <m/>
    <m/>
    <m/>
    <m/>
    <m/>
    <m/>
    <m/>
    <m/>
    <m/>
    <m/>
    <m/>
    <m/>
    <s v="Yes"/>
    <m/>
    <m/>
    <n v="1600"/>
    <n v="658.125"/>
    <m/>
    <x v="2"/>
    <x v="2"/>
    <x v="2"/>
    <x v="2"/>
    <x v="2"/>
    <x v="2"/>
    <x v="2"/>
    <x v="2"/>
    <x v="2"/>
    <x v="2"/>
    <x v="2"/>
    <x v="2"/>
    <x v="2"/>
    <x v="2"/>
    <x v="2"/>
    <x v="2"/>
    <x v="2"/>
    <s v=""/>
    <s v=""/>
    <s v=""/>
    <s v=""/>
    <s v=""/>
    <s v=""/>
    <s v=""/>
    <s v=""/>
    <s v=""/>
    <s v=""/>
    <s v=""/>
    <s v=""/>
    <s v=""/>
    <s v=""/>
    <m/>
    <m/>
    <m/>
    <m/>
    <m/>
    <m/>
    <m/>
    <m/>
    <x v="0"/>
    <x v="7"/>
    <x v="0"/>
    <x v="0"/>
    <n v="0"/>
    <n v="1053000"/>
    <n v="0"/>
    <n v="0"/>
    <s v="£3,240 per sqm * 325sqm = £1,053,000"/>
    <s v="All childcare project costs for 0-2 year olds are indexed to BCIS 1Q2024. These costs do not include any contingencies."/>
    <s v="These projects were identified when preparing the DBC and SADC IDPs, and were verified with stakeholders at HCC when progressing this HGC IDP (March 2025). "/>
    <m/>
  </r>
  <r>
    <m/>
    <n v="22"/>
    <s v="ED3"/>
    <s v="New Scheme"/>
    <s v="St Albans City &amp; District Council"/>
    <x v="2"/>
    <x v="7"/>
    <s v="New Childcare Settings serving East Hemel Hempstead South (H4)"/>
    <m/>
    <s v="1 x 50 place setting - The provision will need to be approximately 325sqm (which includes both internal (275sqm) and outdoor (50sqm) space) and built to Ofsted requirements."/>
    <s v="Hemel Garden Communities"/>
    <x v="3"/>
    <s v="Growth Area"/>
    <s v="On-site"/>
    <s v="Developer / Hertfordshire County Council"/>
    <s v="Hertfordshire County Council"/>
    <s v="2029-2041"/>
    <m/>
    <m/>
    <x v="11"/>
    <m/>
    <s v="S106"/>
    <n v="0"/>
    <n v="1053000"/>
    <s v="A - Per dwelling"/>
    <m/>
    <m/>
    <s v="Essential"/>
    <x v="0"/>
    <x v="0"/>
    <x v="0"/>
    <x v="0"/>
    <x v="0"/>
    <x v="0"/>
    <x v="0"/>
    <m/>
    <m/>
    <m/>
    <m/>
    <m/>
    <m/>
    <m/>
    <m/>
    <m/>
    <m/>
    <m/>
    <m/>
    <m/>
    <m/>
    <m/>
    <m/>
    <m/>
    <m/>
    <m/>
    <m/>
    <m/>
    <m/>
    <m/>
    <m/>
    <m/>
    <m/>
    <m/>
    <m/>
    <m/>
    <m/>
    <m/>
    <m/>
    <m/>
    <m/>
    <s v="Yes"/>
    <m/>
    <n v="2400"/>
    <n v="438.75"/>
    <m/>
    <x v="2"/>
    <x v="2"/>
    <x v="2"/>
    <x v="2"/>
    <x v="2"/>
    <x v="2"/>
    <x v="2"/>
    <x v="2"/>
    <x v="2"/>
    <x v="2"/>
    <x v="2"/>
    <x v="2"/>
    <x v="2"/>
    <x v="2"/>
    <x v="2"/>
    <x v="2"/>
    <x v="2"/>
    <s v=""/>
    <s v=""/>
    <s v=""/>
    <s v=""/>
    <s v=""/>
    <s v=""/>
    <s v=""/>
    <s v=""/>
    <s v=""/>
    <s v=""/>
    <s v=""/>
    <s v=""/>
    <s v=""/>
    <s v=""/>
    <m/>
    <m/>
    <m/>
    <m/>
    <m/>
    <m/>
    <m/>
    <m/>
    <x v="0"/>
    <x v="0"/>
    <x v="7"/>
    <x v="0"/>
    <n v="0"/>
    <n v="1053000"/>
    <n v="0"/>
    <n v="0"/>
    <s v="£3,240 per sqm * 325sqm = £1,053,000"/>
    <s v="All childcare project costs for 0-2 year olds are indexed to BCIS 1Q2024. These costs do not include any contingencies."/>
    <s v="These projects were identified when preparing the DBC and SADC IDPs, and were verified with stakeholders at HCC when progressing this HGC IDP (March 2025). "/>
    <m/>
  </r>
  <r>
    <m/>
    <n v="23"/>
    <s v="ED4"/>
    <s v="DBC IDP"/>
    <s v="Dacorum Borough Council"/>
    <x v="2"/>
    <x v="7"/>
    <s v="New Childcare Settings serving North Hemel Hempstead (Hm01)"/>
    <m/>
    <s v="2 x 50 place setting - Each provision will need to be approximately 325sqm (which includes both internal (275sqm) and outdoor (50sqm) space) and built to Ofsted requirements."/>
    <s v="Hemel Garden Communities"/>
    <x v="4"/>
    <s v="Growth Area"/>
    <s v="On-site"/>
    <s v="Developer / Hertfordshire County Council"/>
    <s v="Hertfordshire County Council"/>
    <s v="2032-2041"/>
    <m/>
    <m/>
    <x v="12"/>
    <m/>
    <s v="S106"/>
    <n v="0"/>
    <n v="2106000"/>
    <s v="A - Per dwelling"/>
    <m/>
    <m/>
    <s v="Essential"/>
    <x v="2"/>
    <x v="0"/>
    <x v="0"/>
    <x v="0"/>
    <x v="0"/>
    <x v="0"/>
    <x v="0"/>
    <m/>
    <m/>
    <m/>
    <m/>
    <m/>
    <m/>
    <m/>
    <m/>
    <m/>
    <m/>
    <m/>
    <m/>
    <m/>
    <m/>
    <m/>
    <m/>
    <m/>
    <m/>
    <m/>
    <m/>
    <m/>
    <m/>
    <m/>
    <m/>
    <m/>
    <m/>
    <m/>
    <m/>
    <m/>
    <m/>
    <m/>
    <m/>
    <m/>
    <m/>
    <m/>
    <m/>
    <n v="5000"/>
    <n v="421.2"/>
    <m/>
    <x v="8"/>
    <x v="2"/>
    <x v="2"/>
    <x v="2"/>
    <x v="2"/>
    <x v="2"/>
    <x v="2"/>
    <x v="2"/>
    <x v="2"/>
    <x v="2"/>
    <x v="2"/>
    <x v="2"/>
    <x v="2"/>
    <x v="2"/>
    <x v="2"/>
    <x v="2"/>
    <x v="2"/>
    <s v=""/>
    <s v=""/>
    <s v=""/>
    <s v=""/>
    <s v=""/>
    <s v=""/>
    <s v=""/>
    <s v=""/>
    <s v=""/>
    <s v=""/>
    <s v=""/>
    <s v=""/>
    <s v=""/>
    <s v=""/>
    <m/>
    <m/>
    <m/>
    <m/>
    <m/>
    <m/>
    <m/>
    <m/>
    <x v="0"/>
    <x v="0"/>
    <x v="0"/>
    <x v="0"/>
    <n v="2106000"/>
    <n v="0"/>
    <n v="0"/>
    <n v="0"/>
    <s v="£3,240 per sqm * 325sqm = £1,053,000_x000a_2 settings *£1,053,000 = £2,106,000"/>
    <s v="All childcare project costs for 0-2 year olds are indexed to BCIS 1Q2024. These costs do not include any contingencies."/>
    <s v="These projects were identified when preparing the DBC and SADC IDPs, and were verified with stakeholders at HCC when progressing this HGC IDP (March 2025). "/>
    <m/>
  </r>
  <r>
    <m/>
    <n v="24"/>
    <s v="ED5"/>
    <s v="DBC IDP"/>
    <s v="Dacorum Borough Council"/>
    <x v="2"/>
    <x v="7"/>
    <s v="New Childcare Setting serving Riverside (Hm06)"/>
    <m/>
    <s v="1 x 50 place setting - The provision will need to be approximately 325sqm (which includes both internal (275sqm) and outdoor (50sqm) space) and built to Ofsted requirements."/>
    <s v="Hemel Garden Communities"/>
    <x v="10"/>
    <s v="Programme Area"/>
    <s v="On-site"/>
    <s v="Developer / Hertfordshire County Council"/>
    <s v="Hertfordshire County Council"/>
    <s v="2026-2031"/>
    <m/>
    <m/>
    <x v="11"/>
    <m/>
    <s v="S106"/>
    <n v="0"/>
    <n v="1053000"/>
    <s v="A - Per dwelling"/>
    <m/>
    <m/>
    <s v="Essential"/>
    <x v="0"/>
    <x v="0"/>
    <x v="0"/>
    <x v="0"/>
    <x v="2"/>
    <x v="0"/>
    <x v="0"/>
    <m/>
    <m/>
    <m/>
    <m/>
    <m/>
    <m/>
    <m/>
    <m/>
    <m/>
    <m/>
    <m/>
    <m/>
    <m/>
    <m/>
    <m/>
    <m/>
    <m/>
    <m/>
    <m/>
    <m/>
    <m/>
    <m/>
    <m/>
    <m/>
    <m/>
    <m/>
    <m/>
    <m/>
    <m/>
    <m/>
    <m/>
    <m/>
    <m/>
    <m/>
    <m/>
    <m/>
    <n v="500"/>
    <n v="2106"/>
    <m/>
    <x v="2"/>
    <x v="2"/>
    <x v="2"/>
    <x v="2"/>
    <x v="7"/>
    <x v="2"/>
    <x v="2"/>
    <x v="2"/>
    <x v="2"/>
    <x v="2"/>
    <x v="2"/>
    <x v="2"/>
    <x v="2"/>
    <x v="2"/>
    <x v="2"/>
    <x v="2"/>
    <x v="2"/>
    <s v=""/>
    <s v=""/>
    <s v=""/>
    <s v=""/>
    <s v=""/>
    <s v=""/>
    <s v=""/>
    <s v=""/>
    <s v=""/>
    <s v=""/>
    <s v=""/>
    <s v=""/>
    <s v=""/>
    <s v=""/>
    <m/>
    <m/>
    <m/>
    <m/>
    <m/>
    <m/>
    <m/>
    <m/>
    <x v="0"/>
    <x v="0"/>
    <x v="0"/>
    <x v="0"/>
    <n v="1053000"/>
    <n v="0"/>
    <n v="0"/>
    <n v="0"/>
    <s v="£3,240 per sqm * 325sqm = £1,053,000"/>
    <s v="All childcare project costs for 0-2 year olds are indexed to BCIS 1Q2024. These costs do not include any contingencies."/>
    <s v="These projects were identified when preparing the DBC and SADC IDPs, and were verified with stakeholders at HCC when progressing this HGC IDP (March 2025). "/>
    <m/>
  </r>
  <r>
    <m/>
    <n v="25"/>
    <s v="ED6"/>
    <s v="DBC IDP"/>
    <s v="Dacorum Borough Council"/>
    <x v="2"/>
    <x v="7"/>
    <s v="New Childcare Setting serving Hemel Hempstead Station Gateway (Hm08); National Grid and 339-353 London Road (Hm09)"/>
    <m/>
    <s v="1 x 50 place setting - The provision will need to be approximately 325sqm (which includes both internal (275sqm) and outdoor (50sqm) space) and built to Ofsted requirements."/>
    <s v="Hemel Garden Communities"/>
    <x v="11"/>
    <s v="Programme Area"/>
    <s v="On-site"/>
    <s v="Developer / Hertfordshire County Council"/>
    <s v="Hertfordshire County Council"/>
    <s v="2027-2032"/>
    <m/>
    <m/>
    <x v="11"/>
    <m/>
    <s v="S106"/>
    <n v="0"/>
    <n v="1053000"/>
    <s v="A - Per dwelling"/>
    <m/>
    <m/>
    <s v="Essential"/>
    <x v="0"/>
    <x v="0"/>
    <x v="0"/>
    <x v="0"/>
    <x v="0"/>
    <x v="2"/>
    <x v="0"/>
    <s v="Yes"/>
    <m/>
    <m/>
    <m/>
    <m/>
    <m/>
    <m/>
    <m/>
    <m/>
    <m/>
    <m/>
    <m/>
    <m/>
    <m/>
    <m/>
    <m/>
    <m/>
    <m/>
    <m/>
    <m/>
    <m/>
    <m/>
    <m/>
    <m/>
    <m/>
    <m/>
    <m/>
    <m/>
    <m/>
    <m/>
    <m/>
    <m/>
    <m/>
    <m/>
    <m/>
    <m/>
    <n v="870"/>
    <n v="1210.344827586207"/>
    <m/>
    <x v="2"/>
    <x v="2"/>
    <x v="2"/>
    <x v="2"/>
    <x v="2"/>
    <x v="7"/>
    <x v="2"/>
    <x v="7"/>
    <x v="2"/>
    <x v="2"/>
    <x v="2"/>
    <x v="2"/>
    <x v="2"/>
    <x v="2"/>
    <x v="2"/>
    <x v="2"/>
    <x v="2"/>
    <s v=""/>
    <s v=""/>
    <s v=""/>
    <s v=""/>
    <s v=""/>
    <s v=""/>
    <s v=""/>
    <s v=""/>
    <s v=""/>
    <s v=""/>
    <s v=""/>
    <s v=""/>
    <s v=""/>
    <s v=""/>
    <m/>
    <m/>
    <m/>
    <m/>
    <m/>
    <m/>
    <m/>
    <m/>
    <x v="0"/>
    <x v="0"/>
    <x v="0"/>
    <x v="0"/>
    <n v="1053000"/>
    <n v="0"/>
    <n v="0"/>
    <n v="0"/>
    <s v="£3,240 per sqm * 325sqm = £1,053,000"/>
    <s v="All childcare project costs for 0-2 year olds are indexed to BCIS 1Q2024. These costs do not include any contingencies."/>
    <s v="These projects were identified when preparing the DBC and SADC IDPs, and were verified with stakeholders at HCC when progressing this HGC IDP (March 2025). "/>
    <m/>
  </r>
  <r>
    <m/>
    <n v="26"/>
    <s v="ED7"/>
    <s v="DBC IDP"/>
    <s v="Dacorum Borough Council"/>
    <x v="2"/>
    <x v="7"/>
    <s v="New Childcare Setting serving Shendish Manor and Fairfields (Hm11)"/>
    <m/>
    <s v="1 x 50 place setting - The provision will need to be approximately 325sqm (which includes both internal (275sqm) and outdoor (50sqm) space) and built to Ofsted requirements."/>
    <s v="Hemel Garden Communities"/>
    <x v="5"/>
    <s v="Programme Area"/>
    <s v="On-site"/>
    <s v="Developer / Hertfordshire County Council"/>
    <s v="Hertfordshire County Council"/>
    <s v="2027-2033"/>
    <m/>
    <m/>
    <x v="11"/>
    <m/>
    <s v="S106"/>
    <n v="0"/>
    <n v="1053000"/>
    <s v="A - Per dwelling"/>
    <m/>
    <m/>
    <s v="Essential"/>
    <x v="0"/>
    <x v="0"/>
    <x v="0"/>
    <x v="0"/>
    <x v="0"/>
    <x v="0"/>
    <x v="0"/>
    <m/>
    <m/>
    <s v="Yes"/>
    <m/>
    <m/>
    <m/>
    <m/>
    <m/>
    <m/>
    <m/>
    <m/>
    <m/>
    <m/>
    <m/>
    <m/>
    <m/>
    <m/>
    <m/>
    <m/>
    <m/>
    <m/>
    <m/>
    <m/>
    <m/>
    <m/>
    <m/>
    <m/>
    <m/>
    <m/>
    <m/>
    <m/>
    <m/>
    <m/>
    <m/>
    <m/>
    <m/>
    <n v="500"/>
    <n v="2106"/>
    <m/>
    <x v="2"/>
    <x v="2"/>
    <x v="2"/>
    <x v="2"/>
    <x v="2"/>
    <x v="2"/>
    <x v="2"/>
    <x v="2"/>
    <x v="2"/>
    <x v="7"/>
    <x v="2"/>
    <x v="2"/>
    <x v="2"/>
    <x v="2"/>
    <x v="2"/>
    <x v="2"/>
    <x v="2"/>
    <s v=""/>
    <s v=""/>
    <s v=""/>
    <s v=""/>
    <s v=""/>
    <s v=""/>
    <s v=""/>
    <s v=""/>
    <s v=""/>
    <s v=""/>
    <s v=""/>
    <s v=""/>
    <s v=""/>
    <s v=""/>
    <m/>
    <m/>
    <m/>
    <m/>
    <m/>
    <m/>
    <m/>
    <m/>
    <x v="0"/>
    <x v="0"/>
    <x v="0"/>
    <x v="0"/>
    <n v="1053000"/>
    <n v="0"/>
    <n v="0"/>
    <n v="0"/>
    <s v="£3,240 per sqm * 325sqm = £1,053,000"/>
    <s v="All childcare project costs for 0-2 year olds are indexed to BCIS 1Q2024. These costs do not include any contingencies."/>
    <s v="These projects were identified when preparing the DBC and SADC IDPs, and were verified with stakeholders at HCC when progressing this HGC IDP (March 2025). "/>
    <m/>
  </r>
  <r>
    <m/>
    <n v="27"/>
    <s v="ED8"/>
    <s v="DBC IDP"/>
    <s v="Dacorum Borough Council"/>
    <x v="2"/>
    <x v="7"/>
    <s v="New Childcare Setting serving Polehanger Lane (Hm13)"/>
    <m/>
    <s v="1 x 50 place setting - The provision will need to be approximately 325sqm (which includes both internal (275sqm) and outdoor (50sqm) space) and built to Ofsted requirements."/>
    <s v="Hemel Garden Communities"/>
    <x v="6"/>
    <s v="Programme Area"/>
    <s v="On-site"/>
    <s v="Developer / Hertfordshire County Council"/>
    <s v="Hertfordshire County Council"/>
    <s v="2031-2039"/>
    <m/>
    <m/>
    <x v="11"/>
    <m/>
    <s v="S106"/>
    <n v="0"/>
    <n v="1053000"/>
    <s v="A - Per dwelling"/>
    <m/>
    <m/>
    <s v="Essential"/>
    <x v="0"/>
    <x v="0"/>
    <x v="0"/>
    <x v="0"/>
    <x v="0"/>
    <x v="0"/>
    <x v="0"/>
    <m/>
    <m/>
    <m/>
    <s v="Yes"/>
    <m/>
    <m/>
    <m/>
    <m/>
    <m/>
    <m/>
    <m/>
    <m/>
    <m/>
    <m/>
    <m/>
    <m/>
    <m/>
    <m/>
    <m/>
    <m/>
    <m/>
    <m/>
    <m/>
    <m/>
    <m/>
    <m/>
    <m/>
    <m/>
    <m/>
    <m/>
    <m/>
    <m/>
    <m/>
    <m/>
    <m/>
    <m/>
    <n v="750"/>
    <n v="1404"/>
    <m/>
    <x v="2"/>
    <x v="2"/>
    <x v="2"/>
    <x v="2"/>
    <x v="2"/>
    <x v="2"/>
    <x v="2"/>
    <x v="2"/>
    <x v="2"/>
    <x v="2"/>
    <x v="8"/>
    <x v="2"/>
    <x v="2"/>
    <x v="2"/>
    <x v="2"/>
    <x v="2"/>
    <x v="2"/>
    <s v=""/>
    <s v=""/>
    <s v=""/>
    <s v=""/>
    <s v=""/>
    <s v=""/>
    <s v=""/>
    <s v=""/>
    <s v=""/>
    <s v=""/>
    <s v=""/>
    <s v=""/>
    <s v=""/>
    <s v=""/>
    <m/>
    <m/>
    <m/>
    <m/>
    <m/>
    <m/>
    <m/>
    <m/>
    <x v="0"/>
    <x v="0"/>
    <x v="0"/>
    <x v="0"/>
    <n v="1053000"/>
    <n v="0"/>
    <n v="0"/>
    <n v="0"/>
    <s v="£3,240 per sqm * 325sqm = £1,053,000"/>
    <s v="All childcare project costs for 0-2 year olds are indexed to BCIS 1Q2024. These costs do not include any contingencies."/>
    <s v="These projects were identified when preparing the DBC and SADC IDPs, and were verified with stakeholders at HCC when progressing this HGC IDP (March 2025). "/>
    <m/>
  </r>
  <r>
    <m/>
    <n v="28"/>
    <s v="ED9"/>
    <s v="DBC IDP"/>
    <s v="Dacorum Borough Council &amp; St Albans City &amp; District Council"/>
    <x v="2"/>
    <x v="8"/>
    <s v="5-11 Wraparound Care"/>
    <m/>
    <s v="By September 2026, all schools will need to have a ‘wraparound childcare’ provision. As this provision is usually delivered on site, either at the school or in partnership with another school, HCC will seek developer contributions only towards resource costs. Additional facilities will not need to be provided."/>
    <s v="Hemel Garden Communities"/>
    <x v="12"/>
    <s v="Growth Area"/>
    <s v="On-site"/>
    <s v="Developer / Hertfordshire County Council"/>
    <s v="Hertfordshire County Council"/>
    <s v="2026-2050"/>
    <m/>
    <m/>
    <x v="13"/>
    <m/>
    <s v="S106"/>
    <n v="0"/>
    <n v="140011"/>
    <s v="A - Per dwelling"/>
    <m/>
    <m/>
    <s v="Essential"/>
    <x v="2"/>
    <x v="0"/>
    <x v="0"/>
    <x v="0"/>
    <x v="0"/>
    <x v="0"/>
    <x v="0"/>
    <m/>
    <m/>
    <m/>
    <m/>
    <m/>
    <m/>
    <m/>
    <m/>
    <m/>
    <m/>
    <m/>
    <m/>
    <m/>
    <m/>
    <m/>
    <m/>
    <m/>
    <m/>
    <m/>
    <m/>
    <m/>
    <m/>
    <m/>
    <m/>
    <m/>
    <m/>
    <m/>
    <m/>
    <m/>
    <m/>
    <m/>
    <m/>
    <s v="Yes"/>
    <s v="Yes"/>
    <s v="Yes"/>
    <m/>
    <n v="10500"/>
    <n v="13.334380952380952"/>
    <m/>
    <x v="9"/>
    <x v="2"/>
    <x v="2"/>
    <x v="2"/>
    <x v="2"/>
    <x v="2"/>
    <x v="2"/>
    <x v="2"/>
    <x v="2"/>
    <x v="2"/>
    <x v="2"/>
    <x v="2"/>
    <x v="2"/>
    <x v="2"/>
    <x v="2"/>
    <x v="2"/>
    <x v="2"/>
    <s v=""/>
    <s v=""/>
    <s v=""/>
    <s v=""/>
    <s v=""/>
    <s v=""/>
    <s v=""/>
    <s v=""/>
    <s v=""/>
    <s v=""/>
    <s v=""/>
    <s v=""/>
    <s v=""/>
    <s v=""/>
    <s v=""/>
    <s v=""/>
    <s v=""/>
    <s v=""/>
    <s v=""/>
    <s v=""/>
    <s v=""/>
    <s v=""/>
    <x v="8"/>
    <x v="8"/>
    <x v="8"/>
    <x v="2"/>
    <n v="66671.904761904763"/>
    <n v="73339.095238095237"/>
    <n v="0"/>
    <n v="0"/>
    <s v="This indicative cost has been provided by HCC, on the assumption for wraparound care for 5-11 year olds to be: £249.13 x 562 = £125,292. Costs are likely to change as further phases are rolled out and more detailed information is provided over the coming years. _x000a_Index linked to BCIS 1Q2024"/>
    <m/>
    <s v="HCC response to DBC Regulation 19 Local Plan consultation, verified through stakeholder engagement March 2025."/>
    <m/>
  </r>
  <r>
    <m/>
    <n v="29"/>
    <s v="ED16"/>
    <s v="SADC IDP"/>
    <s v="St Albans City &amp; District Council"/>
    <x v="2"/>
    <x v="9"/>
    <s v="New Primary School Provision with Early Years at North Hemel Hempstead (H1)"/>
    <m/>
    <s v="A 3FE primary school, including Early Years provision, to serve the new community._x000a_Land size per 3FE = 2.92ha (taken from the HCC DCG 2021)"/>
    <s v="Hemel Garden Communities"/>
    <x v="1"/>
    <s v="Growth Area"/>
    <s v="On-site "/>
    <s v="Developer / Hertfordshire County Council"/>
    <s v="Hertfordshire County Council"/>
    <s v="2030-2050"/>
    <m/>
    <m/>
    <x v="14"/>
    <m/>
    <s v="S106"/>
    <n v="0"/>
    <n v="17719763"/>
    <s v="A - Per dwelling"/>
    <m/>
    <m/>
    <s v="Essential"/>
    <x v="0"/>
    <x v="0"/>
    <x v="0"/>
    <x v="0"/>
    <x v="0"/>
    <x v="0"/>
    <x v="0"/>
    <m/>
    <m/>
    <m/>
    <m/>
    <m/>
    <m/>
    <m/>
    <m/>
    <m/>
    <m/>
    <m/>
    <m/>
    <m/>
    <m/>
    <m/>
    <m/>
    <m/>
    <m/>
    <m/>
    <m/>
    <m/>
    <m/>
    <m/>
    <m/>
    <m/>
    <m/>
    <m/>
    <m/>
    <m/>
    <m/>
    <m/>
    <m/>
    <s v="Yes"/>
    <m/>
    <m/>
    <m/>
    <n v="1500"/>
    <n v="11813.175333333333"/>
    <m/>
    <x v="2"/>
    <x v="2"/>
    <x v="2"/>
    <x v="2"/>
    <x v="2"/>
    <x v="2"/>
    <x v="2"/>
    <x v="2"/>
    <x v="2"/>
    <x v="2"/>
    <x v="2"/>
    <x v="2"/>
    <x v="2"/>
    <x v="2"/>
    <x v="2"/>
    <x v="2"/>
    <x v="2"/>
    <s v=""/>
    <s v=""/>
    <s v=""/>
    <s v=""/>
    <s v=""/>
    <s v=""/>
    <s v=""/>
    <s v=""/>
    <s v=""/>
    <s v=""/>
    <s v=""/>
    <s v=""/>
    <s v=""/>
    <s v=""/>
    <m/>
    <m/>
    <m/>
    <m/>
    <m/>
    <m/>
    <m/>
    <m/>
    <x v="9"/>
    <x v="0"/>
    <x v="0"/>
    <x v="0"/>
    <n v="0"/>
    <n v="17719763"/>
    <n v="0"/>
    <n v="0"/>
    <s v="Cost is based on 2023 DFE Scorecard Costs (Index linked to BCIS 1Q2024) and includes 10% sustainability uplift, as advised by HCC. There are no contingency costs included."/>
    <m/>
    <s v="Item verified with HCC during stakeholder engagement March 2025."/>
    <m/>
  </r>
  <r>
    <m/>
    <n v="30"/>
    <s v="ED17"/>
    <s v="SADC IDP"/>
    <s v="St Albans City &amp; District Council"/>
    <x v="2"/>
    <x v="9"/>
    <s v="New Primary School Provision with Early Years at East Hemel Hempstead (North) (H2)"/>
    <m/>
    <s v="A 3FE primary school, including Early Years provision, to serve the new community._x000a_Land size per 3FE = 2.92ha (taken from the HCC DCG 2021)"/>
    <s v="Hemel Garden Communities"/>
    <x v="2"/>
    <s v="Growth Area "/>
    <s v="On-site "/>
    <s v="Developer / Hertfordshire County Council"/>
    <s v="Hertfordshire County Council"/>
    <s v="2030-2050"/>
    <m/>
    <m/>
    <x v="14"/>
    <m/>
    <s v="S106"/>
    <n v="0"/>
    <n v="17719763"/>
    <s v="A - Per dwelling"/>
    <m/>
    <m/>
    <s v="Essential"/>
    <x v="0"/>
    <x v="0"/>
    <x v="0"/>
    <x v="0"/>
    <x v="0"/>
    <x v="0"/>
    <x v="0"/>
    <m/>
    <m/>
    <m/>
    <m/>
    <m/>
    <m/>
    <m/>
    <m/>
    <m/>
    <m/>
    <m/>
    <m/>
    <m/>
    <m/>
    <m/>
    <m/>
    <m/>
    <m/>
    <m/>
    <m/>
    <m/>
    <m/>
    <m/>
    <m/>
    <m/>
    <m/>
    <m/>
    <m/>
    <m/>
    <m/>
    <m/>
    <m/>
    <m/>
    <s v="Yes"/>
    <m/>
    <m/>
    <n v="1600"/>
    <n v="11074.851875"/>
    <m/>
    <x v="2"/>
    <x v="2"/>
    <x v="2"/>
    <x v="2"/>
    <x v="2"/>
    <x v="2"/>
    <x v="2"/>
    <x v="2"/>
    <x v="2"/>
    <x v="2"/>
    <x v="2"/>
    <x v="2"/>
    <x v="2"/>
    <x v="2"/>
    <x v="2"/>
    <x v="2"/>
    <x v="2"/>
    <s v=""/>
    <s v=""/>
    <s v=""/>
    <s v=""/>
    <s v=""/>
    <s v=""/>
    <s v=""/>
    <s v=""/>
    <s v=""/>
    <s v=""/>
    <s v=""/>
    <s v=""/>
    <s v=""/>
    <s v=""/>
    <m/>
    <m/>
    <m/>
    <m/>
    <m/>
    <m/>
    <m/>
    <m/>
    <x v="0"/>
    <x v="9"/>
    <x v="0"/>
    <x v="0"/>
    <n v="0"/>
    <n v="17719763"/>
    <n v="0"/>
    <n v="0"/>
    <s v="Cost is based on 2023 DFE Scorecard Costs (Index linked to BCIS 1Q2024) and includes 10% sustainability uplift, as advised by HCC. There are no contingency costs included."/>
    <m/>
    <s v="Item verified with HCC during stakeholder engagement March 2025."/>
    <m/>
  </r>
  <r>
    <m/>
    <n v="31"/>
    <s v="ED18"/>
    <s v="New Scheme"/>
    <s v="St Albans City &amp; District Council"/>
    <x v="2"/>
    <x v="9"/>
    <s v="New Primary School Provision with Early Years at East Hemel Hempstead (South) (H4)"/>
    <m/>
    <s v="A 3FE primary school, including Early Years provision, to serve the new community._x000a_Land size per 3FE = 2.92ha (taken from the HCC DCG 2021)"/>
    <s v="Hemel Garden Communities"/>
    <x v="3"/>
    <s v="Growth Area "/>
    <s v="On-site "/>
    <s v="Developer / Hertfordshire County Council"/>
    <s v="Hertfordshire County Council"/>
    <s v="2030-2050"/>
    <m/>
    <m/>
    <x v="14"/>
    <m/>
    <s v="S106"/>
    <n v="0"/>
    <n v="17719763"/>
    <s v="A - Per dwelling"/>
    <m/>
    <m/>
    <s v="Essential"/>
    <x v="0"/>
    <x v="0"/>
    <x v="0"/>
    <x v="0"/>
    <x v="0"/>
    <x v="0"/>
    <x v="0"/>
    <m/>
    <m/>
    <m/>
    <m/>
    <m/>
    <m/>
    <m/>
    <m/>
    <m/>
    <m/>
    <m/>
    <m/>
    <m/>
    <m/>
    <m/>
    <m/>
    <m/>
    <m/>
    <m/>
    <m/>
    <m/>
    <m/>
    <m/>
    <m/>
    <m/>
    <m/>
    <m/>
    <m/>
    <m/>
    <m/>
    <m/>
    <m/>
    <m/>
    <m/>
    <s v="Yes"/>
    <m/>
    <n v="2400"/>
    <n v="7383.2345833333329"/>
    <m/>
    <x v="2"/>
    <x v="2"/>
    <x v="2"/>
    <x v="2"/>
    <x v="2"/>
    <x v="2"/>
    <x v="2"/>
    <x v="2"/>
    <x v="2"/>
    <x v="2"/>
    <x v="2"/>
    <x v="2"/>
    <x v="2"/>
    <x v="2"/>
    <x v="2"/>
    <x v="2"/>
    <x v="2"/>
    <s v=""/>
    <s v=""/>
    <s v=""/>
    <s v=""/>
    <s v=""/>
    <s v=""/>
    <s v=""/>
    <s v=""/>
    <s v=""/>
    <s v=""/>
    <s v=""/>
    <s v=""/>
    <s v=""/>
    <s v=""/>
    <m/>
    <m/>
    <m/>
    <m/>
    <m/>
    <m/>
    <m/>
    <m/>
    <x v="0"/>
    <x v="0"/>
    <x v="9"/>
    <x v="0"/>
    <n v="0"/>
    <n v="17719763"/>
    <n v="0"/>
    <n v="0"/>
    <s v="Cost is based on 2023 DFE Scorecard Costs (Index linked to BCIS 1Q2024) and includes 10% sustainability uplift, as advised by HCC. There are no contingency costs included."/>
    <m/>
    <s v="Item verified with HCC during stakeholder engagement March 2025."/>
    <m/>
  </r>
  <r>
    <m/>
    <n v="32"/>
    <s v="ED19"/>
    <s v="New Scheme"/>
    <s v="St Albans City &amp; District Council"/>
    <x v="2"/>
    <x v="9"/>
    <s v="New Primary School Provision with Early Years at East Hemel Hempstead (South) (H4)"/>
    <m/>
    <s v="A 2FE primary school, including Early Years provision, to serve the new community._x000a_Land size per 2FE = 2.03ha (taken from the HCC DCG 2021)"/>
    <s v="Hemel Garden Communities"/>
    <x v="3"/>
    <s v="Growth Area "/>
    <s v="On-site "/>
    <s v="Developer / Hertfordshire County Council"/>
    <s v="Hertfordshire County Council"/>
    <s v="2030-2050"/>
    <m/>
    <m/>
    <x v="15"/>
    <m/>
    <s v="S106"/>
    <n v="0"/>
    <n v="11813175"/>
    <s v="A - Per dwelling"/>
    <m/>
    <m/>
    <s v="Essential"/>
    <x v="0"/>
    <x v="0"/>
    <x v="0"/>
    <x v="0"/>
    <x v="0"/>
    <x v="0"/>
    <x v="0"/>
    <m/>
    <m/>
    <m/>
    <m/>
    <m/>
    <m/>
    <m/>
    <m/>
    <m/>
    <m/>
    <m/>
    <m/>
    <m/>
    <m/>
    <m/>
    <m/>
    <m/>
    <m/>
    <m/>
    <m/>
    <m/>
    <m/>
    <m/>
    <m/>
    <m/>
    <m/>
    <m/>
    <m/>
    <m/>
    <m/>
    <m/>
    <m/>
    <m/>
    <m/>
    <s v="Yes"/>
    <m/>
    <n v="2400"/>
    <n v="4922.15625"/>
    <m/>
    <x v="2"/>
    <x v="2"/>
    <x v="2"/>
    <x v="2"/>
    <x v="2"/>
    <x v="2"/>
    <x v="2"/>
    <x v="2"/>
    <x v="2"/>
    <x v="2"/>
    <x v="2"/>
    <x v="2"/>
    <x v="2"/>
    <x v="2"/>
    <x v="2"/>
    <x v="2"/>
    <x v="2"/>
    <s v=""/>
    <s v=""/>
    <s v=""/>
    <s v=""/>
    <s v=""/>
    <s v=""/>
    <s v=""/>
    <s v=""/>
    <s v=""/>
    <s v=""/>
    <s v=""/>
    <s v=""/>
    <s v=""/>
    <s v=""/>
    <m/>
    <m/>
    <m/>
    <m/>
    <m/>
    <m/>
    <m/>
    <m/>
    <x v="0"/>
    <x v="0"/>
    <x v="10"/>
    <x v="0"/>
    <n v="0"/>
    <n v="11813175"/>
    <n v="0"/>
    <n v="0"/>
    <s v="Cost is based on 2023 DFE Scorecard Costs (Index linked to BCIS 1Q2024) and includes 10% sustainability uplift, as advised by HCC. There are no contingency costs included."/>
    <m/>
    <s v="Item verified with HCC during stakeholder engagement March 2025."/>
    <m/>
  </r>
  <r>
    <m/>
    <n v="33"/>
    <s v="ED20"/>
    <s v="DBC IDP"/>
    <s v="Dacorum Borough Council"/>
    <x v="2"/>
    <x v="9"/>
    <s v="New Primary School Provision at North Hemel Hempstead (Hm01)"/>
    <m/>
    <s v="Construction of 3 x 3FE Primary Schools including nursery to serve the new community (one of these schools must be within the first phase) _x000a_Land size per 2FE = 2.03ha and size per 3FE = 2.92ha (taken from the HCC DCG 2021). Each school should come forward in line with the need identified by HCC which may result in staggered delivery. "/>
    <s v="Hemel Garden Communities"/>
    <x v="4"/>
    <s v="Growth Area"/>
    <s v="On-site"/>
    <s v="Developer / Hertfordshire County Council"/>
    <s v="Hertfordshire County Council"/>
    <s v="2032-2041"/>
    <m/>
    <m/>
    <x v="16"/>
    <m/>
    <s v="S106"/>
    <n v="0"/>
    <n v="53159289"/>
    <s v="A - Per dwelling"/>
    <m/>
    <m/>
    <s v="Essential"/>
    <x v="2"/>
    <x v="0"/>
    <x v="0"/>
    <x v="0"/>
    <x v="0"/>
    <x v="0"/>
    <x v="0"/>
    <m/>
    <m/>
    <m/>
    <m/>
    <m/>
    <m/>
    <m/>
    <m/>
    <m/>
    <m/>
    <m/>
    <m/>
    <m/>
    <m/>
    <m/>
    <m/>
    <m/>
    <m/>
    <m/>
    <m/>
    <m/>
    <m/>
    <m/>
    <m/>
    <m/>
    <m/>
    <m/>
    <m/>
    <m/>
    <m/>
    <m/>
    <m/>
    <m/>
    <m/>
    <m/>
    <m/>
    <n v="5000"/>
    <n v="10631.8578"/>
    <m/>
    <x v="10"/>
    <x v="2"/>
    <x v="2"/>
    <x v="2"/>
    <x v="2"/>
    <x v="2"/>
    <x v="2"/>
    <x v="2"/>
    <x v="2"/>
    <x v="2"/>
    <x v="2"/>
    <x v="2"/>
    <x v="2"/>
    <x v="2"/>
    <x v="2"/>
    <x v="2"/>
    <x v="2"/>
    <s v=""/>
    <s v=""/>
    <s v=""/>
    <s v=""/>
    <s v=""/>
    <s v=""/>
    <s v=""/>
    <s v=""/>
    <s v=""/>
    <s v=""/>
    <s v=""/>
    <s v=""/>
    <s v=""/>
    <s v=""/>
    <m/>
    <m/>
    <m/>
    <m/>
    <m/>
    <m/>
    <m/>
    <m/>
    <x v="0"/>
    <x v="0"/>
    <x v="0"/>
    <x v="0"/>
    <n v="53159289"/>
    <n v="0"/>
    <n v="0"/>
    <n v="0"/>
    <s v="Cost is based on 2023 DFE Scorecard Costs (Index linked to BCIS 1Q2024) and includes 10% sustainability uplift, as advised by HCC. There is no contingency costs included."/>
    <s v="At least one of the primary school sites should be available prior to occupation."/>
    <s v="Item verified with HCC during stakeholder engagement March 2025."/>
    <m/>
  </r>
  <r>
    <m/>
    <n v="34"/>
    <s v="ED21"/>
    <s v="DBC IDP"/>
    <s v="Dacorum Borough Council"/>
    <x v="2"/>
    <x v="9"/>
    <s v="New Primary School Provision at North Hemel Hempstead (Hm01)"/>
    <m/>
    <s v="Construction of a 2FE Primary School including nursery to serve the new community _x000a_Land size per 2FE = 2.03ha and size per 3FE = 2.92ha (taken from the HCC DCG 2021)"/>
    <s v="Hemel Garden Communities"/>
    <x v="4"/>
    <s v="Growth Area"/>
    <s v="On-site"/>
    <s v="Developer / Hertfordshire County Council"/>
    <s v="Hertfordshire County Council"/>
    <s v="2032-2041"/>
    <m/>
    <m/>
    <x v="15"/>
    <m/>
    <s v="S106"/>
    <n v="0"/>
    <n v="11813175"/>
    <s v="A - Per dwelling"/>
    <m/>
    <m/>
    <s v="Essential"/>
    <x v="2"/>
    <x v="0"/>
    <x v="0"/>
    <x v="0"/>
    <x v="0"/>
    <x v="0"/>
    <x v="0"/>
    <m/>
    <m/>
    <m/>
    <m/>
    <m/>
    <m/>
    <m/>
    <m/>
    <m/>
    <m/>
    <m/>
    <m/>
    <m/>
    <m/>
    <m/>
    <m/>
    <m/>
    <m/>
    <m/>
    <m/>
    <m/>
    <m/>
    <m/>
    <m/>
    <m/>
    <m/>
    <m/>
    <m/>
    <m/>
    <m/>
    <m/>
    <m/>
    <m/>
    <m/>
    <m/>
    <m/>
    <n v="5000"/>
    <n v="2362.6350000000002"/>
    <m/>
    <x v="11"/>
    <x v="2"/>
    <x v="2"/>
    <x v="2"/>
    <x v="2"/>
    <x v="2"/>
    <x v="2"/>
    <x v="2"/>
    <x v="2"/>
    <x v="2"/>
    <x v="2"/>
    <x v="2"/>
    <x v="2"/>
    <x v="2"/>
    <x v="2"/>
    <x v="2"/>
    <x v="2"/>
    <s v=""/>
    <s v=""/>
    <s v=""/>
    <s v=""/>
    <s v=""/>
    <s v=""/>
    <s v=""/>
    <s v=""/>
    <s v=""/>
    <s v=""/>
    <s v=""/>
    <s v=""/>
    <s v=""/>
    <s v=""/>
    <m/>
    <m/>
    <m/>
    <m/>
    <m/>
    <m/>
    <m/>
    <m/>
    <x v="0"/>
    <x v="0"/>
    <x v="0"/>
    <x v="0"/>
    <n v="11813175.000000002"/>
    <n v="0"/>
    <n v="0"/>
    <n v="0"/>
    <s v="Cost is based on 2023 DFE Scorecard Costs (Index linked to BCIS 1Q2024) and includes 10% sustainability uplift, as advised by HCC. There are no contingency costs included."/>
    <m/>
    <s v="Item verified with HCC during stakeholder engagement March 2025."/>
    <m/>
  </r>
  <r>
    <m/>
    <n v="35"/>
    <s v="ED22"/>
    <s v="DBC IDP"/>
    <s v="Dacorum Borough Council"/>
    <x v="2"/>
    <x v="9"/>
    <s v="New Primary School Provision at Hemel Hempstead Hospital / Market Square (Hm03)"/>
    <m/>
    <s v="Construction of a 3FE Primary Schools including nursery to serve the new community_x000a_Land size per 3FE = 2.92ha (taken from the HCC DCG 2021)"/>
    <s v="Hemel Garden Communities"/>
    <x v="13"/>
    <s v="Programme Area"/>
    <s v="On-site"/>
    <s v="Developer / Hertfordshire County Council"/>
    <s v="Hertfordshire County Council "/>
    <s v="2036-2041"/>
    <m/>
    <m/>
    <x v="14"/>
    <m/>
    <s v="S106"/>
    <n v="0"/>
    <n v="17719763"/>
    <s v="A - Per dwelling"/>
    <m/>
    <m/>
    <s v="Essential"/>
    <x v="0"/>
    <x v="0"/>
    <x v="2"/>
    <x v="2"/>
    <x v="2"/>
    <x v="0"/>
    <x v="0"/>
    <m/>
    <m/>
    <m/>
    <m/>
    <m/>
    <m/>
    <m/>
    <m/>
    <m/>
    <m/>
    <m/>
    <m/>
    <m/>
    <m/>
    <m/>
    <m/>
    <m/>
    <m/>
    <m/>
    <m/>
    <m/>
    <m/>
    <m/>
    <m/>
    <m/>
    <m/>
    <m/>
    <m/>
    <m/>
    <m/>
    <m/>
    <m/>
    <m/>
    <m/>
    <m/>
    <m/>
    <n v="1300"/>
    <n v="13630.586923076922"/>
    <m/>
    <x v="2"/>
    <x v="2"/>
    <x v="7"/>
    <x v="7"/>
    <x v="8"/>
    <x v="2"/>
    <x v="2"/>
    <x v="2"/>
    <x v="2"/>
    <x v="2"/>
    <x v="2"/>
    <x v="2"/>
    <x v="2"/>
    <x v="2"/>
    <x v="2"/>
    <x v="2"/>
    <x v="2"/>
    <s v=""/>
    <s v=""/>
    <s v=""/>
    <s v=""/>
    <s v=""/>
    <s v=""/>
    <s v=""/>
    <s v=""/>
    <s v=""/>
    <s v=""/>
    <s v=""/>
    <s v=""/>
    <s v=""/>
    <s v=""/>
    <m/>
    <m/>
    <m/>
    <m/>
    <m/>
    <m/>
    <m/>
    <m/>
    <x v="0"/>
    <x v="0"/>
    <x v="0"/>
    <x v="0"/>
    <n v="17719763"/>
    <n v="0"/>
    <n v="0"/>
    <n v="0"/>
    <s v="Cost is based on 2023 DFE Scorecard Costs (Index linked to BCIS 1Q2024) and includes 10% sustainability uplift, as advised by HCC. There is no contingency costs included."/>
    <s v="The actual value and position of school provision will be determined at point of planning application and may vary significantly from that outlined in the IDP."/>
    <s v="Item verified with HCC during stakeholder engagement March 2025."/>
    <m/>
  </r>
  <r>
    <m/>
    <n v="36"/>
    <s v="ED23"/>
    <s v="DBC IDP"/>
    <s v="Dacorum Borough Council"/>
    <x v="2"/>
    <x v="9"/>
    <s v="New Primary School Provision in the Shendish Manor and Fairfields (Hm11)"/>
    <m/>
    <s v="Construction of a 2FE Primary Schools including nursery to serve the new community _x000a_Land size per 2FE = 2.03ha and size per 3FE = 2.92ha (taken from the HCC DCG 2021)"/>
    <s v="Hemel Garden Communities"/>
    <x v="5"/>
    <s v="Programme Area"/>
    <s v="On-site"/>
    <s v="Developer / Hertfordshire County Council"/>
    <s v="Hertfordshire County Council"/>
    <s v="2027-2033"/>
    <m/>
    <m/>
    <x v="15"/>
    <m/>
    <s v="S106"/>
    <n v="0"/>
    <n v="11813175"/>
    <s v="A - Per dwelling"/>
    <m/>
    <m/>
    <s v="Essential"/>
    <x v="0"/>
    <x v="0"/>
    <x v="0"/>
    <x v="0"/>
    <x v="0"/>
    <x v="2"/>
    <x v="2"/>
    <s v="Yes"/>
    <s v="Yes"/>
    <s v="Yes"/>
    <m/>
    <m/>
    <m/>
    <m/>
    <m/>
    <m/>
    <m/>
    <m/>
    <m/>
    <m/>
    <m/>
    <m/>
    <m/>
    <m/>
    <m/>
    <m/>
    <m/>
    <m/>
    <m/>
    <m/>
    <m/>
    <m/>
    <m/>
    <m/>
    <m/>
    <m/>
    <m/>
    <m/>
    <m/>
    <m/>
    <m/>
    <m/>
    <m/>
    <n v="1970"/>
    <n v="5996.5355329949234"/>
    <m/>
    <x v="2"/>
    <x v="2"/>
    <x v="2"/>
    <x v="2"/>
    <x v="2"/>
    <x v="8"/>
    <x v="7"/>
    <x v="8"/>
    <x v="7"/>
    <x v="8"/>
    <x v="2"/>
    <x v="2"/>
    <x v="2"/>
    <x v="2"/>
    <x v="2"/>
    <x v="2"/>
    <x v="2"/>
    <s v=""/>
    <s v=""/>
    <s v=""/>
    <s v=""/>
    <s v=""/>
    <s v=""/>
    <s v=""/>
    <s v=""/>
    <s v=""/>
    <s v=""/>
    <s v=""/>
    <s v=""/>
    <s v=""/>
    <s v=""/>
    <m/>
    <m/>
    <m/>
    <m/>
    <m/>
    <m/>
    <m/>
    <m/>
    <x v="0"/>
    <x v="0"/>
    <x v="0"/>
    <x v="0"/>
    <n v="11813174.999999998"/>
    <n v="0"/>
    <n v="0"/>
    <n v="0"/>
    <s v="Cost is based on 2023 DFE Scorecard Costs (Index linked to BCIS 1Q2024) and includes 10% sustainability uplift, as advised by HCC. There are no contingency costs included."/>
    <s v="The actual value and position of school provision will be determined at point of planning application and may vary significantly from that outlined in the IDP."/>
    <s v="Item verified with HCC during stakeholder engagement March 2025."/>
    <m/>
  </r>
  <r>
    <m/>
    <n v="37"/>
    <s v="ED24"/>
    <s v="DBC IDP"/>
    <s v="Dacorum Borough Council"/>
    <x v="2"/>
    <x v="9"/>
    <s v="Primary Education at Polehanger Lane (Hm13)"/>
    <m/>
    <s v="HCC would require that a site of sufficient size to deliver up to 2FE of primary school provision is provided on site to mitigate need arising from this development."/>
    <s v="Hemel Garden Communities"/>
    <x v="6"/>
    <s v="Programme Area"/>
    <s v="On-site"/>
    <s v="Developer / Hertfordshire County Council"/>
    <s v="Hertfordshire County Council "/>
    <s v="2031-2039"/>
    <m/>
    <m/>
    <x v="15"/>
    <m/>
    <s v="S106"/>
    <n v="0"/>
    <n v="11813175"/>
    <s v="A - Per dwelling"/>
    <m/>
    <m/>
    <s v="Essential"/>
    <x v="0"/>
    <x v="0"/>
    <x v="0"/>
    <x v="0"/>
    <x v="0"/>
    <x v="0"/>
    <x v="0"/>
    <m/>
    <m/>
    <m/>
    <s v="Yes"/>
    <m/>
    <m/>
    <m/>
    <m/>
    <m/>
    <m/>
    <m/>
    <m/>
    <m/>
    <m/>
    <m/>
    <m/>
    <m/>
    <m/>
    <m/>
    <m/>
    <m/>
    <m/>
    <m/>
    <m/>
    <m/>
    <m/>
    <m/>
    <m/>
    <m/>
    <m/>
    <m/>
    <m/>
    <m/>
    <m/>
    <m/>
    <m/>
    <n v="750"/>
    <n v="15750.9"/>
    <m/>
    <x v="2"/>
    <x v="2"/>
    <x v="2"/>
    <x v="2"/>
    <x v="2"/>
    <x v="2"/>
    <x v="2"/>
    <x v="2"/>
    <x v="2"/>
    <x v="2"/>
    <x v="9"/>
    <x v="2"/>
    <x v="2"/>
    <x v="2"/>
    <x v="2"/>
    <x v="2"/>
    <x v="2"/>
    <s v=""/>
    <s v=""/>
    <s v=""/>
    <s v=""/>
    <s v=""/>
    <s v=""/>
    <s v=""/>
    <s v=""/>
    <s v=""/>
    <s v=""/>
    <s v=""/>
    <s v=""/>
    <s v=""/>
    <s v=""/>
    <m/>
    <m/>
    <m/>
    <m/>
    <m/>
    <m/>
    <m/>
    <m/>
    <x v="0"/>
    <x v="0"/>
    <x v="0"/>
    <x v="0"/>
    <n v="11813175"/>
    <n v="0"/>
    <n v="0"/>
    <n v="0"/>
    <s v="Cost is based on 2023 DFE Scorecard Costs (Index linked to BCIS 1Q2024) and includes 10% sustainability uplift, as advised by HCC. There are no contingency costs included."/>
    <m/>
    <s v="Item verified with HCC during stakeholder engagement March 2025."/>
    <m/>
  </r>
  <r>
    <m/>
    <n v="38"/>
    <s v="ED25"/>
    <s v="DBC IDP"/>
    <s v="Dacorum Borough Council"/>
    <x v="2"/>
    <x v="9"/>
    <s v="Expansions of existing Primary Schools"/>
    <m/>
    <s v="Potential expansion of existing Primary Schools, serving all new growth within Hemel Hempstead. This scheme, and associated costs are based off an indicative assumption of a 5FE expansion."/>
    <s v="Hemel Garden Communities"/>
    <x v="14"/>
    <s v="Programme Area"/>
    <s v="Off-site"/>
    <s v="Developer / Hertfordshire County Council"/>
    <s v="Hertfordshire County Council"/>
    <s v="2026-2050"/>
    <m/>
    <m/>
    <x v="17"/>
    <m/>
    <s v="S106"/>
    <n v="0"/>
    <n v="24736387.5"/>
    <s v="A - Per dwelling"/>
    <m/>
    <m/>
    <s v="Important"/>
    <x v="0"/>
    <x v="2"/>
    <x v="0"/>
    <x v="0"/>
    <x v="0"/>
    <x v="0"/>
    <x v="0"/>
    <m/>
    <m/>
    <m/>
    <m/>
    <s v="Yes"/>
    <s v="Yes"/>
    <s v="Yes"/>
    <s v="Yes"/>
    <s v="Yes"/>
    <s v="Yes"/>
    <m/>
    <m/>
    <m/>
    <m/>
    <m/>
    <m/>
    <m/>
    <m/>
    <m/>
    <m/>
    <m/>
    <m/>
    <m/>
    <m/>
    <m/>
    <m/>
    <m/>
    <m/>
    <m/>
    <m/>
    <m/>
    <m/>
    <m/>
    <m/>
    <m/>
    <m/>
    <n v="3534"/>
    <n v="6999.5437181663838"/>
    <m/>
    <x v="2"/>
    <x v="7"/>
    <x v="2"/>
    <x v="2"/>
    <x v="2"/>
    <x v="2"/>
    <x v="2"/>
    <x v="2"/>
    <x v="2"/>
    <x v="2"/>
    <x v="2"/>
    <x v="7"/>
    <x v="7"/>
    <x v="8"/>
    <x v="7"/>
    <x v="7"/>
    <x v="7"/>
    <s v=""/>
    <s v=""/>
    <s v=""/>
    <s v=""/>
    <s v=""/>
    <s v=""/>
    <s v=""/>
    <s v=""/>
    <s v=""/>
    <s v=""/>
    <s v=""/>
    <s v=""/>
    <s v=""/>
    <s v=""/>
    <m/>
    <m/>
    <m/>
    <m/>
    <m/>
    <m/>
    <m/>
    <m/>
    <x v="0"/>
    <x v="0"/>
    <x v="0"/>
    <x v="0"/>
    <n v="24736387.5"/>
    <n v="0"/>
    <n v="0"/>
    <n v="0"/>
    <s v="The cost is based on 5 x 1FE expansion cost, which is purely indicative. The actual cost will be determined on the level of expansion required, as well as the scope and scale of projects. Cost is based on 2023 DFE Scorecard Costs (1Q2024 BCIS) and includes 10% sustainability uplift. There are no contingency costs included."/>
    <m/>
    <s v="Item verified with HCC during stakeholder engagement March 2025."/>
    <m/>
  </r>
  <r>
    <m/>
    <n v="39"/>
    <s v="ED26"/>
    <s v="DBC IDP"/>
    <s v="Dacorum Borough Council"/>
    <x v="2"/>
    <x v="10"/>
    <s v="New Secondary School Provision at North Hemel Hempstead "/>
    <m/>
    <s v="Construction of a Secondary School of up to 8FE to serve the new community bordering with SADC._x000a_Land size per 8FE = 10.78ha (taken from the HCC DCG 2021)"/>
    <s v="Hemel Garden Communities"/>
    <x v="4"/>
    <s v="Growth Area"/>
    <s v="On-site"/>
    <s v="Developer / Hertfordshire County Council"/>
    <s v="Hertfordshire County Council"/>
    <s v="2032-2041"/>
    <m/>
    <m/>
    <x v="18"/>
    <m/>
    <s v="S106"/>
    <n v="0"/>
    <n v="48849715"/>
    <s v="A - Per dwelling"/>
    <m/>
    <m/>
    <s v="Essential"/>
    <x v="2"/>
    <x v="0"/>
    <x v="0"/>
    <x v="0"/>
    <x v="0"/>
    <x v="0"/>
    <x v="0"/>
    <m/>
    <m/>
    <m/>
    <m/>
    <m/>
    <m/>
    <m/>
    <m/>
    <m/>
    <m/>
    <m/>
    <m/>
    <m/>
    <m/>
    <m/>
    <m/>
    <m/>
    <m/>
    <m/>
    <m/>
    <m/>
    <m/>
    <m/>
    <m/>
    <m/>
    <m/>
    <m/>
    <m/>
    <m/>
    <m/>
    <m/>
    <m/>
    <m/>
    <m/>
    <m/>
    <m/>
    <n v="5000"/>
    <n v="9769.9429999999993"/>
    <m/>
    <x v="12"/>
    <x v="2"/>
    <x v="2"/>
    <x v="2"/>
    <x v="2"/>
    <x v="2"/>
    <x v="2"/>
    <x v="2"/>
    <x v="2"/>
    <x v="2"/>
    <x v="2"/>
    <x v="2"/>
    <x v="2"/>
    <x v="2"/>
    <x v="2"/>
    <x v="2"/>
    <x v="2"/>
    <s v=""/>
    <s v=""/>
    <s v=""/>
    <s v=""/>
    <s v=""/>
    <s v=""/>
    <s v=""/>
    <s v=""/>
    <s v=""/>
    <s v=""/>
    <s v=""/>
    <s v=""/>
    <s v=""/>
    <s v=""/>
    <s v=""/>
    <s v=""/>
    <s v=""/>
    <s v=""/>
    <s v=""/>
    <s v=""/>
    <s v=""/>
    <s v=""/>
    <x v="3"/>
    <x v="3"/>
    <x v="3"/>
    <x v="2"/>
    <n v="48849715"/>
    <n v="0"/>
    <n v="0"/>
    <n v="0"/>
    <s v="Cost is based on 2023 DFE Scorecard Costs (Index linked to BCIS 1Q2024) and includes 10% sustainability uplift, as advised by HCC. There are no contingency costs included."/>
    <m/>
    <s v="Item verified with HCC during stakeholder engagement March 2025."/>
    <m/>
  </r>
  <r>
    <m/>
    <n v="40"/>
    <s v="ED27"/>
    <s v="SADC IDP"/>
    <s v="St Albans City &amp; District Council"/>
    <x v="2"/>
    <x v="10"/>
    <s v="New Secondary School Provision at East Hemel Hempstead (North)"/>
    <m/>
    <s v="A secondary school of up to 8FE to serve new and existing communities, in Hemel Garden Communities._x000a_Land size per 8FE = 10.78ha (taken from the HCC DCG 2021)"/>
    <s v="Hemel Garden Communities"/>
    <x v="15"/>
    <s v="Growth Area "/>
    <s v="On-site "/>
    <s v="Developer / Hertfordshire County Council"/>
    <s v="Hertfordshire County Council"/>
    <s v="2035+"/>
    <m/>
    <m/>
    <x v="18"/>
    <m/>
    <s v="S106"/>
    <n v="0"/>
    <n v="48849715"/>
    <s v="A - Per dwelling"/>
    <m/>
    <m/>
    <s v="Essential"/>
    <x v="0"/>
    <x v="0"/>
    <x v="0"/>
    <x v="0"/>
    <x v="0"/>
    <x v="0"/>
    <x v="0"/>
    <m/>
    <m/>
    <m/>
    <m/>
    <m/>
    <m/>
    <m/>
    <m/>
    <m/>
    <m/>
    <m/>
    <m/>
    <m/>
    <m/>
    <m/>
    <m/>
    <m/>
    <m/>
    <m/>
    <m/>
    <m/>
    <m/>
    <m/>
    <m/>
    <m/>
    <m/>
    <m/>
    <m/>
    <m/>
    <m/>
    <m/>
    <m/>
    <s v="Yes"/>
    <s v="Yes"/>
    <s v="Yes"/>
    <m/>
    <n v="5500"/>
    <n v="8881.7663636363632"/>
    <m/>
    <x v="2"/>
    <x v="2"/>
    <x v="2"/>
    <x v="2"/>
    <x v="2"/>
    <x v="2"/>
    <x v="2"/>
    <x v="2"/>
    <x v="2"/>
    <x v="2"/>
    <x v="2"/>
    <x v="2"/>
    <x v="2"/>
    <x v="2"/>
    <x v="2"/>
    <x v="2"/>
    <x v="2"/>
    <s v=""/>
    <s v=""/>
    <s v=""/>
    <s v=""/>
    <s v=""/>
    <s v=""/>
    <s v=""/>
    <s v=""/>
    <s v=""/>
    <s v=""/>
    <s v=""/>
    <s v=""/>
    <s v=""/>
    <s v=""/>
    <s v=""/>
    <s v=""/>
    <s v=""/>
    <s v=""/>
    <s v=""/>
    <s v=""/>
    <s v=""/>
    <s v=""/>
    <x v="10"/>
    <x v="10"/>
    <x v="11"/>
    <x v="2"/>
    <n v="0"/>
    <n v="48849715"/>
    <n v="0"/>
    <n v="0"/>
    <s v="Cost is based on 2023 DFE Scorecard Costs (Index linked to BCIS 1Q2024) and includes 10% sustainability uplift, as advised by HCC. There are no contingency costs included."/>
    <m/>
    <s v="Item verified with HCC during stakeholder engagement March 2025."/>
    <m/>
  </r>
  <r>
    <m/>
    <n v="41"/>
    <s v="ED28"/>
    <s v="SADC IDP"/>
    <s v="St Albans City &amp; District Council"/>
    <x v="2"/>
    <x v="10"/>
    <s v="New Secondary School Reserve Site to Serve Hemel Hempstead (wider Dacorum Growth)"/>
    <m/>
    <s v="Site capable of accommodating a reserve secondary school up to 8FE to serve growth arising from wider Hemel Hempstead growth in Dacorum Borough Council, located adjacent to Leverstock Green."/>
    <s v="Hemel Garden Communities"/>
    <x v="16"/>
    <s v="Growth Area"/>
    <s v="Off-site"/>
    <s v="Developer / Hertfordshire County Council"/>
    <s v="Hertfordshire County Council"/>
    <s v="2035+"/>
    <m/>
    <m/>
    <x v="19"/>
    <m/>
    <s v="S106"/>
    <n v="0"/>
    <n v="48849715.200000003"/>
    <s v="A - Per dwelling"/>
    <m/>
    <m/>
    <s v="Essential"/>
    <x v="0"/>
    <x v="2"/>
    <x v="2"/>
    <x v="2"/>
    <x v="2"/>
    <x v="2"/>
    <x v="2"/>
    <s v="Yes"/>
    <s v="Yes"/>
    <s v="Yes"/>
    <s v="Yes"/>
    <s v="Yes"/>
    <s v="Yes"/>
    <s v="Yes"/>
    <s v="Yes"/>
    <s v="Yes"/>
    <s v="Yes"/>
    <m/>
    <m/>
    <m/>
    <m/>
    <m/>
    <m/>
    <m/>
    <m/>
    <m/>
    <m/>
    <m/>
    <m/>
    <m/>
    <m/>
    <m/>
    <m/>
    <m/>
    <m/>
    <m/>
    <m/>
    <m/>
    <m/>
    <m/>
    <m/>
    <m/>
    <m/>
    <n v="7554"/>
    <n v="6466.7348689436067"/>
    <m/>
    <x v="2"/>
    <x v="8"/>
    <x v="8"/>
    <x v="8"/>
    <x v="9"/>
    <x v="9"/>
    <x v="8"/>
    <x v="9"/>
    <x v="8"/>
    <x v="9"/>
    <x v="10"/>
    <x v="8"/>
    <x v="8"/>
    <x v="9"/>
    <x v="8"/>
    <x v="8"/>
    <x v="8"/>
    <s v=""/>
    <s v=""/>
    <s v=""/>
    <s v=""/>
    <s v=""/>
    <s v=""/>
    <s v=""/>
    <s v=""/>
    <s v=""/>
    <s v=""/>
    <s v=""/>
    <s v=""/>
    <s v=""/>
    <s v=""/>
    <s v=""/>
    <s v=""/>
    <s v=""/>
    <s v=""/>
    <s v=""/>
    <s v=""/>
    <s v=""/>
    <s v=""/>
    <x v="3"/>
    <x v="3"/>
    <x v="3"/>
    <x v="2"/>
    <n v="48849715.200000003"/>
    <n v="0"/>
    <n v="0"/>
    <n v="0"/>
    <s v="Cost is based on 2023 DFE Scorecard Costs (Index linked to BCIS 1Q2024) and includes 10% sustainability uplift, as advised by HCC. There are no contingency costs included."/>
    <m/>
    <s v="Item verified with HCC during stakeholder engagement March 2025."/>
    <m/>
  </r>
  <r>
    <m/>
    <n v="42"/>
    <s v="ED29"/>
    <s v="DBC IDP"/>
    <s v="Dacorum Borough Council"/>
    <x v="2"/>
    <x v="10"/>
    <s v="Expansions of existing Secondary Schools"/>
    <m/>
    <s v="Potential expansion of existing Secondary Schools, serving all new growth within Hemel Hempstead Secondary Planning Area. This scheme, and associated costs are based off an indicative assumption of a 5FE expansion."/>
    <s v="Hemel Garden Communities"/>
    <x v="14"/>
    <s v="Programme Area"/>
    <s v="Off-site"/>
    <s v="Developer / Hertfordshire County Council"/>
    <s v="Hertfordshire County Council"/>
    <s v="2026-2050"/>
    <m/>
    <m/>
    <x v="20"/>
    <m/>
    <s v="S106"/>
    <n v="0"/>
    <n v="29031552"/>
    <s v="A - Per dwelling"/>
    <m/>
    <m/>
    <s v="Important"/>
    <x v="0"/>
    <x v="2"/>
    <x v="2"/>
    <x v="2"/>
    <x v="2"/>
    <x v="2"/>
    <x v="2"/>
    <s v="Yes"/>
    <s v="Yes"/>
    <s v="Yes"/>
    <s v="Yes"/>
    <s v="Yes"/>
    <s v="Yes"/>
    <s v="Yes"/>
    <s v="Yes"/>
    <s v="Yes"/>
    <s v="Yes"/>
    <m/>
    <m/>
    <m/>
    <m/>
    <m/>
    <m/>
    <m/>
    <m/>
    <m/>
    <m/>
    <m/>
    <m/>
    <m/>
    <m/>
    <m/>
    <m/>
    <m/>
    <m/>
    <m/>
    <m/>
    <m/>
    <m/>
    <m/>
    <m/>
    <m/>
    <m/>
    <n v="7554"/>
    <n v="3843.2025416997617"/>
    <m/>
    <x v="2"/>
    <x v="9"/>
    <x v="9"/>
    <x v="9"/>
    <x v="10"/>
    <x v="10"/>
    <x v="9"/>
    <x v="10"/>
    <x v="9"/>
    <x v="10"/>
    <x v="11"/>
    <x v="9"/>
    <x v="9"/>
    <x v="10"/>
    <x v="9"/>
    <x v="9"/>
    <x v="9"/>
    <s v=""/>
    <s v=""/>
    <s v=""/>
    <s v=""/>
    <s v=""/>
    <s v=""/>
    <s v=""/>
    <s v=""/>
    <s v=""/>
    <s v=""/>
    <s v=""/>
    <s v=""/>
    <s v=""/>
    <s v=""/>
    <s v=""/>
    <s v=""/>
    <s v=""/>
    <s v=""/>
    <s v=""/>
    <s v=""/>
    <s v=""/>
    <s v=""/>
    <x v="3"/>
    <x v="3"/>
    <x v="3"/>
    <x v="2"/>
    <n v="29031551.999999996"/>
    <n v="0"/>
    <n v="0"/>
    <n v="0"/>
    <s v="The cost is based on 5 x 1FE expansion cost, which is purely indicative. The actual cost will be determined on the level of expansion required, as well as the scope and scale of projects. Cost is based on 2023 DFE Scorecard Costs (1Q2024 BCIS) and includes 10% sustainability uplift. There are no contingency costs included. "/>
    <m/>
    <s v="Item verified with HCC during stakeholder engagement March 2025."/>
    <m/>
  </r>
  <r>
    <m/>
    <n v="43"/>
    <s v="ED30"/>
    <s v="DBC IDP"/>
    <s v="Dacorum Borough Council &amp; St Albans City &amp; District Council"/>
    <x v="2"/>
    <x v="11"/>
    <s v="SEND Provision in Mainstream Education"/>
    <m/>
    <s v="SEND provision can be provided on or off-site. If provided on-site, it will need to be included as part of the mainstream provision."/>
    <s v="Hemel Garden Communities"/>
    <x v="8"/>
    <s v="Programme Area"/>
    <s v="On-site / Off-site"/>
    <s v="Developer / Hertfordshire County Council"/>
    <s v="Hertfordshire County Council"/>
    <s v="2026-2041"/>
    <m/>
    <m/>
    <x v="21"/>
    <m/>
    <s v="S106"/>
    <n v="0"/>
    <n v="27189187"/>
    <s v="A - Per dwelling"/>
    <m/>
    <m/>
    <s v="Essential"/>
    <x v="2"/>
    <x v="2"/>
    <x v="2"/>
    <x v="2"/>
    <x v="2"/>
    <x v="2"/>
    <x v="2"/>
    <s v="Yes"/>
    <s v="Yes"/>
    <s v="Yes"/>
    <s v="Yes"/>
    <s v="Yes"/>
    <s v="Yes"/>
    <s v="Yes"/>
    <s v="Yes"/>
    <s v="Yes"/>
    <s v="Yes"/>
    <m/>
    <m/>
    <m/>
    <m/>
    <m/>
    <m/>
    <m/>
    <m/>
    <m/>
    <m/>
    <m/>
    <m/>
    <m/>
    <m/>
    <s v=""/>
    <s v=""/>
    <m/>
    <m/>
    <m/>
    <m/>
    <m/>
    <m/>
    <s v="Yes"/>
    <s v="Yes"/>
    <s v="Yes"/>
    <m/>
    <n v="18054"/>
    <n v="1505.9924116539271"/>
    <m/>
    <x v="13"/>
    <x v="10"/>
    <x v="10"/>
    <x v="10"/>
    <x v="11"/>
    <x v="11"/>
    <x v="10"/>
    <x v="11"/>
    <x v="10"/>
    <x v="11"/>
    <x v="12"/>
    <x v="10"/>
    <x v="10"/>
    <x v="11"/>
    <x v="10"/>
    <x v="10"/>
    <x v="10"/>
    <s v=""/>
    <s v=""/>
    <s v=""/>
    <s v=""/>
    <s v=""/>
    <s v=""/>
    <s v=""/>
    <s v=""/>
    <s v=""/>
    <s v=""/>
    <s v=""/>
    <s v=""/>
    <s v=""/>
    <s v=""/>
    <m/>
    <m/>
    <m/>
    <m/>
    <m/>
    <m/>
    <m/>
    <m/>
    <x v="11"/>
    <x v="11"/>
    <x v="12"/>
    <x v="0"/>
    <n v="18906228.735903401"/>
    <n v="8282958.2640965991"/>
    <n v="0"/>
    <n v="0"/>
    <s v="Index Linked to BCIS 1Q2024 and includes 10% sustainability uplift, as advised by HCC. There are no contingency costs included"/>
    <m/>
    <s v="Item verified with HCC during stakeholder engagement March 2025."/>
    <m/>
  </r>
  <r>
    <m/>
    <n v="44"/>
    <s v="ES1"/>
    <s v="DBC IDP"/>
    <s v="Dacorum Borough Council &amp; St Albans City &amp; District Council"/>
    <x v="3"/>
    <x v="12"/>
    <s v="Mitigating the impact on the capacity of the fire and rescue service"/>
    <m/>
    <s v="Contribution to additional resources needed across the programme area, including new appliances and equipment. These costs help fund expenditure that the service needs to purchase to mitigate new housing such as fire prevention equipment like fire alarms in homes for vulnerable groups, road collision equipment and any other firefighting equipment identified within the fire cover review and community risk assessment. "/>
    <s v="Hemel Garden Communities"/>
    <x v="16"/>
    <s v="Programme Area"/>
    <s v="Off-site"/>
    <s v="Hertfordshire County Council"/>
    <s v="Hertfordshire County Council"/>
    <s v="2026-2041"/>
    <m/>
    <m/>
    <x v="22"/>
    <m/>
    <s v="S106"/>
    <n v="0"/>
    <n v="449003"/>
    <s v="A - Per dwelling"/>
    <m/>
    <m/>
    <s v="Essential"/>
    <x v="2"/>
    <x v="2"/>
    <x v="2"/>
    <x v="2"/>
    <x v="2"/>
    <x v="2"/>
    <x v="2"/>
    <s v="Yes"/>
    <s v="Yes"/>
    <s v="Yes"/>
    <s v="Yes"/>
    <s v="Yes"/>
    <s v="Yes"/>
    <s v="Yes"/>
    <s v="Yes"/>
    <s v="Yes"/>
    <s v="Yes"/>
    <m/>
    <m/>
    <m/>
    <m/>
    <m/>
    <m/>
    <m/>
    <m/>
    <m/>
    <m/>
    <m/>
    <m/>
    <m/>
    <m/>
    <m/>
    <m/>
    <m/>
    <m/>
    <m/>
    <m/>
    <m/>
    <m/>
    <s v="Yes"/>
    <s v="Yes"/>
    <s v="Yes"/>
    <m/>
    <n v="18054"/>
    <n v="24.870001107787747"/>
    <m/>
    <x v="14"/>
    <x v="11"/>
    <x v="11"/>
    <x v="11"/>
    <x v="12"/>
    <x v="12"/>
    <x v="11"/>
    <x v="12"/>
    <x v="11"/>
    <x v="12"/>
    <x v="13"/>
    <x v="11"/>
    <x v="11"/>
    <x v="12"/>
    <x v="11"/>
    <x v="11"/>
    <x v="11"/>
    <s v=""/>
    <s v=""/>
    <s v=""/>
    <s v=""/>
    <s v=""/>
    <s v=""/>
    <s v=""/>
    <s v=""/>
    <s v=""/>
    <s v=""/>
    <s v=""/>
    <s v=""/>
    <s v=""/>
    <s v=""/>
    <s v=""/>
    <s v=""/>
    <s v=""/>
    <s v=""/>
    <s v=""/>
    <s v=""/>
    <s v=""/>
    <s v=""/>
    <x v="12"/>
    <x v="12"/>
    <x v="13"/>
    <x v="2"/>
    <n v="312217.9939071674"/>
    <n v="136785.0060928326"/>
    <n v="0"/>
    <n v="0"/>
    <s v="The appliance and equipment cost for HFRS is £24.87 per dwelling indexed to Q1 2024.This has been applied to all sites within the programme area."/>
    <m/>
    <s v="Response from HCC on the DBC IDP (2024), and the HCC Guide to Developer Contributions, verified for the HGC IDP in June 2025."/>
    <m/>
  </r>
  <r>
    <m/>
    <n v="45"/>
    <s v="ES2"/>
    <s v="DBC IDP"/>
    <s v="Dacorum Borough Council"/>
    <x v="3"/>
    <x v="13"/>
    <s v="Extension to existing police accommodation"/>
    <m/>
    <s v="An additional need of 378m2 of police accommodation would be required to support DBC Local Plan growth. Considering options to extend or adapt the existing Hemel Hempstead Police Station. It will be decided through the New Estates Strategy. "/>
    <s v="All DBC Local Plan sites"/>
    <x v="16"/>
    <s v="Programme Area"/>
    <s v="Off-site"/>
    <s v="Hertfordshire Constabulary "/>
    <s v="Hertfordshire Constabulary "/>
    <s v="2026-2041"/>
    <m/>
    <m/>
    <x v="23"/>
    <m/>
    <s v="S106 / External Funding"/>
    <n v="0"/>
    <n v="994952"/>
    <s v="A - Per dwelling"/>
    <m/>
    <m/>
    <s v="Essential"/>
    <x v="2"/>
    <x v="2"/>
    <x v="2"/>
    <x v="2"/>
    <x v="2"/>
    <x v="2"/>
    <x v="2"/>
    <s v="Yes"/>
    <s v="Yes"/>
    <s v="Yes"/>
    <s v="Yes"/>
    <s v="Yes"/>
    <s v="Yes"/>
    <s v="Yes"/>
    <s v="Yes"/>
    <s v="Yes"/>
    <s v="Yes"/>
    <s v="Yes"/>
    <s v="Yes"/>
    <s v="Yes"/>
    <s v="Yes"/>
    <s v="Yes"/>
    <s v="Yes"/>
    <s v="Yes"/>
    <s v="Yes"/>
    <s v="Yes"/>
    <s v="Yes"/>
    <s v="Yes"/>
    <s v="Yes"/>
    <s v="Yes"/>
    <s v="Yes"/>
    <m/>
    <m/>
    <m/>
    <m/>
    <m/>
    <m/>
    <m/>
    <m/>
    <m/>
    <m/>
    <m/>
    <m/>
    <n v="16914"/>
    <n v="58.824169327184578"/>
    <m/>
    <x v="15"/>
    <x v="12"/>
    <x v="12"/>
    <x v="12"/>
    <x v="13"/>
    <x v="13"/>
    <x v="12"/>
    <x v="13"/>
    <x v="12"/>
    <x v="13"/>
    <x v="14"/>
    <x v="12"/>
    <x v="12"/>
    <x v="13"/>
    <x v="12"/>
    <x v="12"/>
    <x v="12"/>
    <n v="45588.731228568045"/>
    <n v="5882.4169327184582"/>
    <n v="5882.4169327184582"/>
    <n v="17764.899136809741"/>
    <n v="14706.042331796145"/>
    <n v="23529.667730873833"/>
    <n v="82353.837058058401"/>
    <n v="11823.658034764099"/>
    <n v="12764.844743999054"/>
    <n v="1823.5492491427219"/>
    <n v="3941.2193449213669"/>
    <n v="8823.6253990776859"/>
    <n v="1823.5492491427219"/>
    <n v="19764.920893934017"/>
    <s v=""/>
    <s v=""/>
    <s v=""/>
    <s v=""/>
    <s v=""/>
    <s v=""/>
    <s v=""/>
    <s v=""/>
    <x v="3"/>
    <x v="3"/>
    <x v="3"/>
    <x v="2"/>
    <n v="738478.62173347524"/>
    <n v="0"/>
    <n v="256473.37826652476"/>
    <n v="0"/>
    <s v="Police items have been apportioned on a per dwelling basis. Further review will be required to determine which additional necessary police services or infrastructure, if any, meet the s106 tests, and how these might be funded. It has also been established that police contributions for non-residential development uses, as at site H3, are normally negotiated on an individual basis, meaning cost apportionment for police services or infrastructure can apply only to residential sites."/>
    <m/>
    <s v="Representation received by Hertfordshire Constabulary on the DBC Regulation 18 Local Plan, verified for the HGC IDP in June 2025."/>
    <s v="Police items have been apportioned on a per dwelling basis. Further review will be required to determine which additional necessary police services or infrastructure, if any, meet the s106 tests, and how these might be funded. It has also been established that police contributions for non-residential development uses, as at site H3, are normally negotiated on an individual basis, meaning cost apportionment for police services or infrastructure can apply only to residential sites."/>
  </r>
  <r>
    <m/>
    <n v="46"/>
    <s v="ES3"/>
    <s v="DBC IDP"/>
    <s v="Dacorum Borough Council"/>
    <x v="3"/>
    <x v="13"/>
    <s v="Additional police vehicles"/>
    <m/>
    <s v="An additional 9.6 police vehicles would be required to support the DBC Local Plan growth. "/>
    <s v="All DBC Local Plan sites"/>
    <x v="16"/>
    <s v="Programme Area"/>
    <s v="Off-site"/>
    <s v="Hertfordshire Constabulary "/>
    <s v="Hertfordshire Constabulary "/>
    <s v="2026-2041"/>
    <m/>
    <m/>
    <x v="24"/>
    <m/>
    <s v="S106 / External Funding"/>
    <n v="0"/>
    <n v="382483"/>
    <s v="A - Per dwelling"/>
    <m/>
    <m/>
    <s v="Essential"/>
    <x v="2"/>
    <x v="2"/>
    <x v="2"/>
    <x v="2"/>
    <x v="2"/>
    <x v="2"/>
    <x v="2"/>
    <s v="Yes"/>
    <s v="Yes"/>
    <s v="Yes"/>
    <s v="Yes"/>
    <s v="Yes"/>
    <s v="Yes"/>
    <s v="Yes"/>
    <s v="Yes"/>
    <s v="Yes"/>
    <s v="Yes"/>
    <s v="Yes"/>
    <s v="Yes"/>
    <s v="Yes"/>
    <s v="Yes"/>
    <s v="Yes"/>
    <s v="Yes"/>
    <s v="Yes"/>
    <s v="Yes"/>
    <s v="Yes"/>
    <s v="Yes"/>
    <s v="Yes"/>
    <s v="Yes"/>
    <s v="Yes"/>
    <s v="Yes"/>
    <m/>
    <m/>
    <m/>
    <m/>
    <m/>
    <m/>
    <m/>
    <m/>
    <m/>
    <m/>
    <m/>
    <m/>
    <n v="16914"/>
    <n v="22.613397185763272"/>
    <m/>
    <x v="16"/>
    <x v="13"/>
    <x v="13"/>
    <x v="13"/>
    <x v="14"/>
    <x v="14"/>
    <x v="13"/>
    <x v="14"/>
    <x v="13"/>
    <x v="14"/>
    <x v="15"/>
    <x v="13"/>
    <x v="13"/>
    <x v="14"/>
    <x v="13"/>
    <x v="13"/>
    <x v="13"/>
    <n v="17525.382818966536"/>
    <n v="2261.3397185763274"/>
    <n v="2261.3397185763274"/>
    <n v="6829.2459501005078"/>
    <n v="5653.3492964408179"/>
    <n v="9045.3588743053097"/>
    <n v="31658.756060068583"/>
    <n v="4545.2928343384174"/>
    <n v="4907.10718931063"/>
    <n v="701.01531275866148"/>
    <n v="1515.0976114461394"/>
    <n v="3392.0095778644909"/>
    <n v="701.01531275866148"/>
    <n v="7598.1014544164591"/>
    <s v=""/>
    <s v=""/>
    <s v=""/>
    <s v=""/>
    <s v=""/>
    <s v=""/>
    <s v=""/>
    <s v=""/>
    <x v="3"/>
    <x v="3"/>
    <x v="3"/>
    <x v="2"/>
    <n v="283888.58827007207"/>
    <n v="0"/>
    <n v="98594.411729927873"/>
    <n v="0"/>
    <s v="Police items have been apportioned on a per dwelling basis. Further review will be required to determine which additional necessary police services or infrastructure, if any, meet the s106 tests, and how these might be funded. It has also been established that police contributions for non-residential development uses, as at site H3, are normally negotiated on an individual basis, meaning cost apportionment for police services or infrastructure can apply only to residential sites."/>
    <m/>
    <s v="Representation received by Hertfordshire Constabulary on the DBC Regulation 18 Local Plan, verified for the HGC IDP in June 2025."/>
    <s v="Police items have been apportioned on a per dwelling basis. Further review will be required to determine which additional necessary police services or infrastructure, if any, meet the s106 tests, and how these might be funded. It has also been established that police contributions for non-residential development uses, as at site H3, are normally negotiated on an individual basis, meaning cost apportionment for police services or infrastructure can apply only to residential sites."/>
  </r>
  <r>
    <m/>
    <n v="47"/>
    <s v="GI1"/>
    <s v="SADC IDP"/>
    <s v="St Albans City &amp; District Council"/>
    <x v="4"/>
    <x v="14"/>
    <s v="Substantial new green space and SANG provision at North Hemel Hempstead (H1)"/>
    <m/>
    <s v="A substantial new Country Park providing facilities for new and existing communities and a permanent green buffer to Redbourn. Should incorporate SANG requirement."/>
    <s v="Hemel Garden Communities"/>
    <x v="1"/>
    <s v="Growth Area / Transformational"/>
    <s v="On-site"/>
    <s v="Developer / St Albans City &amp; District Council / Hertfordshire County Council"/>
    <s v="St Albans City &amp; District Council / Hertfordshire County Council"/>
    <s v="2029-2041"/>
    <m/>
    <m/>
    <x v="25"/>
    <m/>
    <s v="S106"/>
    <n v="0"/>
    <n v="5846560"/>
    <s v="A - Per dwelling"/>
    <m/>
    <m/>
    <s v="Important"/>
    <x v="0"/>
    <x v="0"/>
    <x v="0"/>
    <x v="0"/>
    <x v="0"/>
    <x v="0"/>
    <x v="0"/>
    <m/>
    <m/>
    <m/>
    <m/>
    <m/>
    <m/>
    <m/>
    <m/>
    <m/>
    <m/>
    <m/>
    <m/>
    <m/>
    <m/>
    <m/>
    <m/>
    <m/>
    <m/>
    <m/>
    <m/>
    <m/>
    <m/>
    <m/>
    <m/>
    <m/>
    <m/>
    <m/>
    <m/>
    <m/>
    <m/>
    <m/>
    <m/>
    <s v="Yes"/>
    <m/>
    <m/>
    <m/>
    <n v="1500"/>
    <n v="3897.7066666666665"/>
    <m/>
    <x v="2"/>
    <x v="2"/>
    <x v="2"/>
    <x v="2"/>
    <x v="2"/>
    <x v="2"/>
    <x v="2"/>
    <x v="2"/>
    <x v="2"/>
    <x v="2"/>
    <x v="2"/>
    <x v="2"/>
    <x v="2"/>
    <x v="2"/>
    <x v="2"/>
    <x v="2"/>
    <x v="2"/>
    <s v=""/>
    <s v=""/>
    <s v=""/>
    <s v=""/>
    <s v=""/>
    <s v=""/>
    <s v=""/>
    <s v=""/>
    <s v=""/>
    <s v=""/>
    <s v=""/>
    <s v=""/>
    <s v=""/>
    <s v=""/>
    <s v=""/>
    <s v=""/>
    <s v=""/>
    <s v=""/>
    <s v=""/>
    <s v=""/>
    <s v=""/>
    <s v=""/>
    <x v="13"/>
    <x v="3"/>
    <x v="3"/>
    <x v="2"/>
    <n v="0"/>
    <n v="5846560"/>
    <n v="0"/>
    <n v="0"/>
    <s v="Assumed 146.164ha of country park in North Hemel Hempstead (H1). The assumed cost is circa £40k/hectare. The scope includes boundary fencing, semi natural habitats (e.g. Woodland, open water and meadows), entrance signs and information boards, footpath network, benches and bins, way markers, gates/access control, a 50 space car park, and some essential maintenance activities."/>
    <m/>
    <s v="St Albans City &amp; District Council Regulation 18 Local Plan Appendix 4b"/>
    <m/>
  </r>
  <r>
    <m/>
    <n v="48"/>
    <s v="GI2"/>
    <s v="SADC IDP"/>
    <s v="St Albans City &amp; District Council"/>
    <x v="4"/>
    <x v="14"/>
    <s v="Delivery of the HGC Green Loop and Connections to the HGC Green Loop"/>
    <m/>
    <s v="Delivery of the HGC Green Loop across Hemel Garden Communities within the SADC District, connections to the Green Loop running west of the site and crossing of the Nickey Line. Should provide a connection to Bunkers Park and the wider HGC green loop route via Blackwater Lane and Bunkers Lane."/>
    <s v="Hemel Garden Communities"/>
    <x v="15"/>
    <s v="Transformational"/>
    <s v="On-site"/>
    <s v="Developer / St Albans City &amp; District Council / Hertfordshire County Council"/>
    <s v="St Albans City &amp; District Council / Hertfordshire County Council"/>
    <s v="2025-2041"/>
    <m/>
    <m/>
    <x v="26"/>
    <m/>
    <s v="S106"/>
    <n v="0"/>
    <n v="2577500"/>
    <s v="A - Per dwelling"/>
    <m/>
    <m/>
    <s v="Important"/>
    <x v="0"/>
    <x v="0"/>
    <x v="0"/>
    <x v="0"/>
    <x v="0"/>
    <x v="0"/>
    <x v="0"/>
    <m/>
    <m/>
    <m/>
    <m/>
    <m/>
    <m/>
    <m/>
    <m/>
    <m/>
    <m/>
    <m/>
    <m/>
    <m/>
    <m/>
    <m/>
    <m/>
    <m/>
    <m/>
    <m/>
    <m/>
    <m/>
    <m/>
    <m/>
    <m/>
    <m/>
    <m/>
    <m/>
    <m/>
    <m/>
    <m/>
    <m/>
    <m/>
    <s v="Yes"/>
    <s v="Yes"/>
    <s v="Yes"/>
    <m/>
    <n v="5500"/>
    <n v="468.63636363636363"/>
    <m/>
    <x v="2"/>
    <x v="2"/>
    <x v="2"/>
    <x v="2"/>
    <x v="2"/>
    <x v="2"/>
    <x v="2"/>
    <x v="2"/>
    <x v="2"/>
    <x v="2"/>
    <x v="2"/>
    <x v="2"/>
    <x v="2"/>
    <x v="2"/>
    <x v="2"/>
    <x v="2"/>
    <x v="2"/>
    <s v=""/>
    <s v=""/>
    <s v=""/>
    <s v=""/>
    <s v=""/>
    <s v=""/>
    <s v=""/>
    <s v=""/>
    <s v=""/>
    <s v=""/>
    <s v=""/>
    <s v=""/>
    <s v=""/>
    <s v=""/>
    <s v=""/>
    <s v=""/>
    <s v=""/>
    <s v=""/>
    <s v=""/>
    <s v=""/>
    <s v=""/>
    <s v=""/>
    <x v="14"/>
    <x v="13"/>
    <x v="14"/>
    <x v="2"/>
    <n v="0"/>
    <n v="2577500"/>
    <n v="0"/>
    <n v="0"/>
    <m/>
    <m/>
    <s v="St Albans City &amp; District Council Regulation 18 Local Plan Appendix 4b"/>
    <m/>
  </r>
  <r>
    <m/>
    <n v="49"/>
    <s v="GI3"/>
    <s v="SADC IDP"/>
    <s v="St Albans City &amp; District Council"/>
    <x v="4"/>
    <x v="14"/>
    <s v="New Country Park and SANG provision at East Hemel Hempstead (North) (H2)"/>
    <m/>
    <s v="A substantial new Country Park providing facilities for new and existing communities and a permanent green buffer to Redbourn. Should incorporate SANG requirement."/>
    <s v="Hemel Garden Communities"/>
    <x v="2"/>
    <s v="Growth Area / Transformational"/>
    <s v="On-site"/>
    <s v="Developer / St Albans City &amp; District Council / Hertfordshire County Council"/>
    <s v="St Albans City &amp; District Council / Hertfordshire County Council"/>
    <s v="2028-2041"/>
    <m/>
    <m/>
    <x v="27"/>
    <m/>
    <s v="S106"/>
    <n v="0"/>
    <n v="630480"/>
    <s v="A - Per dwelling"/>
    <m/>
    <m/>
    <s v="Important"/>
    <x v="0"/>
    <x v="0"/>
    <x v="0"/>
    <x v="0"/>
    <x v="0"/>
    <x v="0"/>
    <x v="0"/>
    <m/>
    <m/>
    <m/>
    <m/>
    <m/>
    <m/>
    <m/>
    <m/>
    <m/>
    <m/>
    <m/>
    <m/>
    <m/>
    <m/>
    <m/>
    <m/>
    <m/>
    <m/>
    <m/>
    <m/>
    <m/>
    <m/>
    <m/>
    <m/>
    <m/>
    <m/>
    <m/>
    <m/>
    <m/>
    <m/>
    <m/>
    <m/>
    <m/>
    <s v="Yes"/>
    <m/>
    <m/>
    <n v="1600"/>
    <n v="394.05"/>
    <m/>
    <x v="2"/>
    <x v="2"/>
    <x v="2"/>
    <x v="2"/>
    <x v="2"/>
    <x v="2"/>
    <x v="2"/>
    <x v="2"/>
    <x v="2"/>
    <x v="2"/>
    <x v="2"/>
    <x v="2"/>
    <x v="2"/>
    <x v="2"/>
    <x v="2"/>
    <x v="2"/>
    <x v="2"/>
    <s v=""/>
    <s v=""/>
    <s v=""/>
    <s v=""/>
    <s v=""/>
    <s v=""/>
    <s v=""/>
    <s v=""/>
    <s v=""/>
    <s v=""/>
    <s v=""/>
    <s v=""/>
    <s v=""/>
    <s v=""/>
    <s v=""/>
    <s v=""/>
    <s v=""/>
    <s v=""/>
    <s v=""/>
    <s v=""/>
    <s v=""/>
    <s v=""/>
    <x v="3"/>
    <x v="14"/>
    <x v="3"/>
    <x v="2"/>
    <n v="0"/>
    <n v="630480"/>
    <n v="0"/>
    <n v="0"/>
    <s v="Assumed 15.762ha of country park in East Hemel Hempstead North (H2). The assumed cost is circa £40k/hectare. The scope includes boundary fencing, semi natural habitats (e.g. Woodland, open water and meadows), entrance signs and information boards, footpath network, benches and bins, way markers, gates/access control, a 50 space car park, and some essential maintenance activities."/>
    <m/>
    <s v="St Albans City &amp; District Council Regulation 18 Local Plan Appendix 4b"/>
    <m/>
  </r>
  <r>
    <m/>
    <n v="50"/>
    <s v="GI4"/>
    <s v="SADC IDP"/>
    <s v="St Albans City &amp; District Council"/>
    <x v="4"/>
    <x v="14"/>
    <s v="Improvements to green infrastructure network to Hogg End Lane, Three Cherry Trees Lane and Punchbowl Lane"/>
    <m/>
    <s v="Enhancements and improvements to the existing Hogg End Lane, Three Cherry Trees Lane and Punchbowl Lane."/>
    <s v="Hemel Garden Communities"/>
    <x v="17"/>
    <s v="Growth Area "/>
    <s v="On-site"/>
    <s v="Developer / St Albans City &amp; District Council / Hertfordshire County Council"/>
    <s v="St Albans City &amp; District Council / Hertfordshire County Council"/>
    <s v="2025-2041"/>
    <m/>
    <m/>
    <x v="28"/>
    <m/>
    <s v="S106"/>
    <n v="0"/>
    <n v="1542520"/>
    <s v="A - Per dwelling"/>
    <m/>
    <m/>
    <s v="Important"/>
    <x v="0"/>
    <x v="0"/>
    <x v="0"/>
    <x v="0"/>
    <x v="0"/>
    <x v="0"/>
    <x v="0"/>
    <m/>
    <m/>
    <m/>
    <m/>
    <m/>
    <m/>
    <m/>
    <m/>
    <m/>
    <m/>
    <m/>
    <m/>
    <m/>
    <m/>
    <m/>
    <m/>
    <m/>
    <m/>
    <m/>
    <m/>
    <m/>
    <m/>
    <m/>
    <m/>
    <m/>
    <m/>
    <m/>
    <m/>
    <m/>
    <m/>
    <m/>
    <m/>
    <m/>
    <m/>
    <m/>
    <s v="Yes"/>
    <n v="3171"/>
    <n v="486.44591611479029"/>
    <m/>
    <x v="2"/>
    <x v="2"/>
    <x v="2"/>
    <x v="2"/>
    <x v="2"/>
    <x v="2"/>
    <x v="2"/>
    <x v="2"/>
    <x v="2"/>
    <x v="2"/>
    <x v="2"/>
    <x v="2"/>
    <x v="2"/>
    <x v="2"/>
    <x v="2"/>
    <x v="2"/>
    <x v="2"/>
    <s v=""/>
    <s v=""/>
    <s v=""/>
    <s v=""/>
    <s v=""/>
    <s v=""/>
    <s v=""/>
    <s v=""/>
    <s v=""/>
    <s v=""/>
    <s v=""/>
    <s v=""/>
    <s v=""/>
    <s v=""/>
    <s v=""/>
    <s v=""/>
    <s v=""/>
    <s v=""/>
    <s v=""/>
    <s v=""/>
    <s v=""/>
    <s v=""/>
    <x v="3"/>
    <x v="3"/>
    <x v="3"/>
    <x v="3"/>
    <n v="0"/>
    <n v="1542520"/>
    <n v="0"/>
    <n v="0"/>
    <m/>
    <m/>
    <s v="St Albans City &amp; District Council Regulation 18 Local Plan Appendix 4b"/>
    <m/>
  </r>
  <r>
    <m/>
    <n v="51"/>
    <s v="GI5"/>
    <s v="SADC IDP"/>
    <s v="St Albans City &amp; District Council"/>
    <x v="4"/>
    <x v="14"/>
    <s v="Countryside access links at East Hemel Hempstead (South) (H4)"/>
    <m/>
    <s v="Countryside access links including connections and improved off-road paths (rights of way)."/>
    <s v="Hemel Garden Communities"/>
    <x v="3"/>
    <s v="Growth Area "/>
    <s v="On-site"/>
    <s v="Developer / St Albans City &amp; District Council / Hertfordshire County Council"/>
    <s v="St Albans City &amp; District Council / Hertfordshire County Council"/>
    <s v="2028-2041"/>
    <m/>
    <m/>
    <x v="8"/>
    <m/>
    <s v="S106 / S38 / S278"/>
    <m/>
    <m/>
    <s v="A - Per dwelling"/>
    <m/>
    <m/>
    <s v="Important"/>
    <x v="0"/>
    <x v="0"/>
    <x v="0"/>
    <x v="0"/>
    <x v="0"/>
    <x v="0"/>
    <x v="0"/>
    <m/>
    <m/>
    <m/>
    <m/>
    <m/>
    <m/>
    <m/>
    <m/>
    <m/>
    <m/>
    <m/>
    <m/>
    <m/>
    <m/>
    <m/>
    <m/>
    <m/>
    <m/>
    <m/>
    <m/>
    <m/>
    <m/>
    <m/>
    <m/>
    <m/>
    <m/>
    <m/>
    <m/>
    <m/>
    <m/>
    <m/>
    <m/>
    <m/>
    <m/>
    <s v="Yes"/>
    <m/>
    <n v="2400"/>
    <n v="0"/>
    <m/>
    <x v="2"/>
    <x v="2"/>
    <x v="2"/>
    <x v="2"/>
    <x v="2"/>
    <x v="2"/>
    <x v="2"/>
    <x v="2"/>
    <x v="2"/>
    <x v="2"/>
    <x v="2"/>
    <x v="2"/>
    <x v="2"/>
    <x v="2"/>
    <x v="2"/>
    <x v="2"/>
    <x v="2"/>
    <s v=""/>
    <s v=""/>
    <s v=""/>
    <s v=""/>
    <s v=""/>
    <s v=""/>
    <s v=""/>
    <s v=""/>
    <s v=""/>
    <s v=""/>
    <s v=""/>
    <s v=""/>
    <s v=""/>
    <s v=""/>
    <s v=""/>
    <s v=""/>
    <s v=""/>
    <s v=""/>
    <s v=""/>
    <s v=""/>
    <s v=""/>
    <s v=""/>
    <x v="3"/>
    <x v="3"/>
    <x v="6"/>
    <x v="2"/>
    <n v="0"/>
    <n v="0"/>
    <n v="0"/>
    <n v="0"/>
    <s v="The developer will be responsible for the cost and it will form part of the build out cost. "/>
    <m/>
    <s v="St Albans City &amp; District Council Regulation 18 Local Plan Appendix 4b"/>
    <s v="Not to publish:_x000a_Tony Bradford has provided the cost of £1,428,289 for this. However, as it is a masterplan cost, this is marked as N/A*"/>
  </r>
  <r>
    <m/>
    <n v="52"/>
    <s v="GI6"/>
    <s v="SADC IDP"/>
    <s v="St Albans City &amp; District Council"/>
    <x v="4"/>
    <x v="14"/>
    <s v="Substantial new green space and SANG provision at East Hemel Hempstead (South) (H4)"/>
    <m/>
    <s v="A substantial new green space providing facilities for new and existing communities and a permanent green buffer to the south-east. Should incorporate SANG requirement."/>
    <s v="Hemel Garden Communities"/>
    <x v="3"/>
    <s v="Growth Area "/>
    <s v="On-site"/>
    <s v="Developer / St Albans City &amp; District Council / Hertfordshire County Council"/>
    <s v="St Albans City &amp; District Council / Hertfordshire County Council"/>
    <s v="2028-2041"/>
    <m/>
    <m/>
    <x v="29"/>
    <m/>
    <s v="S106"/>
    <n v="0"/>
    <n v="912040"/>
    <s v="A - Per dwelling"/>
    <m/>
    <m/>
    <s v="Important"/>
    <x v="0"/>
    <x v="0"/>
    <x v="0"/>
    <x v="0"/>
    <x v="0"/>
    <x v="0"/>
    <x v="0"/>
    <m/>
    <m/>
    <m/>
    <m/>
    <m/>
    <m/>
    <m/>
    <m/>
    <m/>
    <m/>
    <m/>
    <m/>
    <m/>
    <m/>
    <m/>
    <m/>
    <m/>
    <m/>
    <m/>
    <m/>
    <m/>
    <m/>
    <m/>
    <m/>
    <m/>
    <m/>
    <m/>
    <m/>
    <m/>
    <m/>
    <m/>
    <m/>
    <m/>
    <m/>
    <s v="Yes"/>
    <m/>
    <n v="2400"/>
    <n v="380.01666666666665"/>
    <m/>
    <x v="2"/>
    <x v="2"/>
    <x v="2"/>
    <x v="2"/>
    <x v="2"/>
    <x v="2"/>
    <x v="2"/>
    <x v="2"/>
    <x v="2"/>
    <x v="2"/>
    <x v="2"/>
    <x v="2"/>
    <x v="2"/>
    <x v="2"/>
    <x v="2"/>
    <x v="2"/>
    <x v="2"/>
    <s v=""/>
    <s v=""/>
    <s v=""/>
    <s v=""/>
    <s v=""/>
    <s v=""/>
    <s v=""/>
    <s v=""/>
    <s v=""/>
    <s v=""/>
    <s v=""/>
    <s v=""/>
    <s v=""/>
    <s v=""/>
    <s v=""/>
    <s v=""/>
    <s v=""/>
    <s v=""/>
    <s v=""/>
    <s v=""/>
    <s v=""/>
    <s v=""/>
    <x v="3"/>
    <x v="3"/>
    <x v="15"/>
    <x v="2"/>
    <n v="0"/>
    <n v="912040"/>
    <n v="0"/>
    <n v="0"/>
    <s v="Assumed 22.801ha of county park in East Hemel Hempstead South (H4). The assumed cost is circa £40k/hectare. The scope includes boundary fencing, semi natural habitats (e.g. Woodland, open water and meadows), entrance signs and information boards, footpath network, benches and bins, way markers, gates/access control, a 50 space car park, and some essential maintenance activities."/>
    <m/>
    <s v="St Albans City &amp; District Council Regulation 18 Local Plan Appendix 4b"/>
    <m/>
  </r>
  <r>
    <m/>
    <n v="53"/>
    <s v="GI7"/>
    <s v="DBC IDP"/>
    <s v="Dacorum Borough Council"/>
    <x v="4"/>
    <x v="15"/>
    <s v="Provision of on-site bespoke SANG at North Hemel Hempstead (Hm01)"/>
    <m/>
    <s v="Associated local green infrastructure requirements to support development at North Hemel Hempstead (Hm01) in accordance with the HGC Framework Plan. Provision of 96 hectares of on-site bespoke SANG at North Hemel Hempstead (Hm01). Sites providing on-site SANG solutions are not required to provide natural/semi-natural greenspace. "/>
    <s v="Hemel Garden Communities"/>
    <x v="4"/>
    <s v="Growth Area"/>
    <s v="On-site"/>
    <s v="Developer"/>
    <s v="Hertfordshire County Council"/>
    <s v="Made available at completion of related sites"/>
    <m/>
    <m/>
    <x v="30"/>
    <m/>
    <s v="S106"/>
    <n v="0"/>
    <n v="21258550"/>
    <s v="A - Per dwelling"/>
    <m/>
    <m/>
    <s v="Essential"/>
    <x v="2"/>
    <x v="0"/>
    <x v="0"/>
    <x v="0"/>
    <x v="0"/>
    <x v="0"/>
    <x v="0"/>
    <m/>
    <m/>
    <m/>
    <m/>
    <m/>
    <m/>
    <m/>
    <m/>
    <m/>
    <m/>
    <m/>
    <m/>
    <m/>
    <m/>
    <m/>
    <m/>
    <m/>
    <m/>
    <m/>
    <m/>
    <m/>
    <m/>
    <m/>
    <m/>
    <m/>
    <m/>
    <m/>
    <m/>
    <m/>
    <m/>
    <m/>
    <m/>
    <m/>
    <m/>
    <m/>
    <m/>
    <n v="5000"/>
    <n v="4251.71"/>
    <m/>
    <x v="17"/>
    <x v="2"/>
    <x v="2"/>
    <x v="2"/>
    <x v="2"/>
    <x v="2"/>
    <x v="2"/>
    <x v="2"/>
    <x v="2"/>
    <x v="2"/>
    <x v="2"/>
    <x v="2"/>
    <x v="2"/>
    <x v="2"/>
    <x v="2"/>
    <x v="2"/>
    <x v="2"/>
    <s v=""/>
    <s v=""/>
    <s v=""/>
    <s v=""/>
    <s v=""/>
    <s v=""/>
    <s v=""/>
    <s v=""/>
    <s v=""/>
    <s v=""/>
    <s v=""/>
    <s v=""/>
    <s v=""/>
    <s v=""/>
    <m/>
    <m/>
    <m/>
    <m/>
    <m/>
    <m/>
    <m/>
    <m/>
    <x v="0"/>
    <x v="0"/>
    <x v="0"/>
    <x v="0"/>
    <n v="21258550"/>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54"/>
    <s v="GI8"/>
    <s v="DBC IDP"/>
    <s v="Dacorum Borough Council"/>
    <x v="4"/>
    <x v="15"/>
    <s v="Contribution towards off-site strategic SANG by Civic Zone, Marlowes (Hm02) developers"/>
    <m/>
    <s v="Contributions towards 3.84 hectares of Gadebridge Park strategic SANG"/>
    <s v="Hemel Garden Communities"/>
    <x v="18"/>
    <s v="Programme Area"/>
    <s v="Off-site"/>
    <s v="Developer"/>
    <s v="Hertfordshire County Council"/>
    <s v="Made available at completion of related sites"/>
    <m/>
    <m/>
    <x v="31"/>
    <m/>
    <s v="S106"/>
    <n v="0"/>
    <n v="850342"/>
    <s v="A - Per dwelling"/>
    <m/>
    <m/>
    <s v="Essential"/>
    <x v="0"/>
    <x v="2"/>
    <x v="0"/>
    <x v="0"/>
    <x v="0"/>
    <x v="0"/>
    <x v="0"/>
    <m/>
    <m/>
    <m/>
    <m/>
    <m/>
    <m/>
    <m/>
    <m/>
    <m/>
    <m/>
    <m/>
    <m/>
    <m/>
    <m/>
    <m/>
    <m/>
    <m/>
    <m/>
    <m/>
    <m/>
    <m/>
    <m/>
    <m/>
    <m/>
    <m/>
    <m/>
    <m/>
    <m/>
    <m/>
    <m/>
    <m/>
    <m/>
    <m/>
    <m/>
    <m/>
    <m/>
    <n v="200"/>
    <n v="4251.71"/>
    <m/>
    <x v="2"/>
    <x v="14"/>
    <x v="2"/>
    <x v="2"/>
    <x v="2"/>
    <x v="2"/>
    <x v="2"/>
    <x v="2"/>
    <x v="2"/>
    <x v="2"/>
    <x v="2"/>
    <x v="2"/>
    <x v="2"/>
    <x v="2"/>
    <x v="2"/>
    <x v="2"/>
    <x v="2"/>
    <s v=""/>
    <s v=""/>
    <s v=""/>
    <s v=""/>
    <s v=""/>
    <s v=""/>
    <s v=""/>
    <s v=""/>
    <s v=""/>
    <s v=""/>
    <s v=""/>
    <s v=""/>
    <s v=""/>
    <s v=""/>
    <m/>
    <m/>
    <m/>
    <m/>
    <m/>
    <m/>
    <m/>
    <m/>
    <x v="0"/>
    <x v="0"/>
    <x v="0"/>
    <x v="0"/>
    <n v="850342"/>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55"/>
    <s v="GI9"/>
    <s v="DBC IDP"/>
    <s v="Dacorum Borough Council"/>
    <x v="4"/>
    <x v="15"/>
    <s v="Contribution towards off-site strategic SANG by Hemel Hospital/Market Square (Hm03) developers"/>
    <m/>
    <s v="Contributions towards 8.64 hectares of Gadebridge Park strategic SANG"/>
    <s v="Hemel Garden Communities"/>
    <x v="13"/>
    <s v="Programme Area"/>
    <s v="Off-site"/>
    <s v="Developer"/>
    <s v="Hertfordshire County Council"/>
    <s v="Made available at completion of related sites"/>
    <m/>
    <m/>
    <x v="32"/>
    <m/>
    <s v="S106"/>
    <n v="0"/>
    <n v="1913269.5"/>
    <s v="A - Per dwelling"/>
    <m/>
    <m/>
    <s v="Essential"/>
    <x v="0"/>
    <x v="0"/>
    <x v="2"/>
    <x v="0"/>
    <x v="0"/>
    <x v="0"/>
    <x v="0"/>
    <m/>
    <m/>
    <m/>
    <m/>
    <m/>
    <m/>
    <m/>
    <m/>
    <m/>
    <m/>
    <m/>
    <m/>
    <m/>
    <m/>
    <m/>
    <m/>
    <m/>
    <m/>
    <m/>
    <m/>
    <m/>
    <m/>
    <m/>
    <m/>
    <m/>
    <m/>
    <m/>
    <m/>
    <m/>
    <m/>
    <m/>
    <m/>
    <m/>
    <m/>
    <m/>
    <m/>
    <n v="450"/>
    <n v="4251.71"/>
    <m/>
    <x v="2"/>
    <x v="2"/>
    <x v="14"/>
    <x v="2"/>
    <x v="2"/>
    <x v="2"/>
    <x v="2"/>
    <x v="2"/>
    <x v="2"/>
    <x v="2"/>
    <x v="2"/>
    <x v="2"/>
    <x v="2"/>
    <x v="2"/>
    <x v="2"/>
    <x v="2"/>
    <x v="2"/>
    <s v=""/>
    <s v=""/>
    <s v=""/>
    <s v=""/>
    <s v=""/>
    <s v=""/>
    <s v=""/>
    <s v=""/>
    <s v=""/>
    <s v=""/>
    <s v=""/>
    <s v=""/>
    <s v=""/>
    <s v=""/>
    <m/>
    <m/>
    <m/>
    <m/>
    <m/>
    <m/>
    <m/>
    <m/>
    <x v="0"/>
    <x v="0"/>
    <x v="0"/>
    <x v="0"/>
    <n v="1913269.5"/>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56"/>
    <s v="GI10"/>
    <s v="DBC IDP"/>
    <s v="Dacorum Borough Council"/>
    <x v="4"/>
    <x v="15"/>
    <s v="Contribution towards off-site strategic SANG by Paradise (Hm04) developers"/>
    <m/>
    <s v="Contributions towards 6.72 hectares of Gadebridge Park strategic SANG"/>
    <s v="Hemel Garden Communities"/>
    <x v="19"/>
    <s v="Programme Area"/>
    <s v="Off-site"/>
    <s v="Developer"/>
    <s v="Hertfordshire County Council"/>
    <s v="Made available at completion of related sites"/>
    <m/>
    <m/>
    <x v="33"/>
    <m/>
    <s v="S106"/>
    <n v="0"/>
    <n v="1488098.5"/>
    <s v="A - Per dwelling"/>
    <m/>
    <m/>
    <s v="Essential"/>
    <x v="0"/>
    <x v="0"/>
    <x v="0"/>
    <x v="2"/>
    <x v="0"/>
    <x v="0"/>
    <x v="0"/>
    <m/>
    <m/>
    <m/>
    <m/>
    <m/>
    <m/>
    <m/>
    <m/>
    <m/>
    <m/>
    <m/>
    <m/>
    <m/>
    <m/>
    <m/>
    <m/>
    <m/>
    <m/>
    <m/>
    <m/>
    <m/>
    <m/>
    <m/>
    <m/>
    <m/>
    <m/>
    <m/>
    <m/>
    <m/>
    <m/>
    <m/>
    <m/>
    <m/>
    <m/>
    <m/>
    <m/>
    <n v="350"/>
    <n v="4251.71"/>
    <m/>
    <x v="2"/>
    <x v="2"/>
    <x v="2"/>
    <x v="14"/>
    <x v="2"/>
    <x v="2"/>
    <x v="2"/>
    <x v="2"/>
    <x v="2"/>
    <x v="2"/>
    <x v="2"/>
    <x v="2"/>
    <x v="2"/>
    <x v="2"/>
    <x v="2"/>
    <x v="2"/>
    <x v="2"/>
    <s v=""/>
    <s v=""/>
    <s v=""/>
    <s v=""/>
    <s v=""/>
    <s v=""/>
    <s v=""/>
    <s v=""/>
    <s v=""/>
    <s v=""/>
    <s v=""/>
    <s v=""/>
    <s v=""/>
    <s v=""/>
    <m/>
    <m/>
    <m/>
    <m/>
    <m/>
    <m/>
    <m/>
    <m/>
    <x v="0"/>
    <x v="0"/>
    <x v="0"/>
    <x v="0"/>
    <n v="1488098.5"/>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57"/>
    <s v="GI11"/>
    <s v="DBC IDP"/>
    <s v="Dacorum Borough Council"/>
    <x v="4"/>
    <x v="15"/>
    <s v="Contribution towards off-site third party SANG by Riverside (Hm06) developers"/>
    <m/>
    <s v="Contributions towards 9.60 hectares of Westbrook Hay third party SANG"/>
    <s v="Hemel Garden Communities"/>
    <x v="10"/>
    <s v="Programme Area"/>
    <s v="Off-site"/>
    <s v="Developer"/>
    <s v="Hertfordshire County Council"/>
    <s v="Made available at completion of related sites"/>
    <m/>
    <m/>
    <x v="34"/>
    <m/>
    <s v="S106"/>
    <n v="0"/>
    <n v="2125855"/>
    <s v="A - Per dwelling"/>
    <m/>
    <m/>
    <s v="Essential"/>
    <x v="0"/>
    <x v="0"/>
    <x v="0"/>
    <x v="0"/>
    <x v="2"/>
    <x v="0"/>
    <x v="0"/>
    <m/>
    <m/>
    <m/>
    <m/>
    <m/>
    <m/>
    <m/>
    <m/>
    <m/>
    <m/>
    <m/>
    <m/>
    <m/>
    <m/>
    <m/>
    <m/>
    <m/>
    <m/>
    <m/>
    <m/>
    <m/>
    <m/>
    <m/>
    <m/>
    <m/>
    <m/>
    <m/>
    <m/>
    <m/>
    <m/>
    <m/>
    <m/>
    <m/>
    <m/>
    <m/>
    <m/>
    <n v="500"/>
    <n v="4251.71"/>
    <m/>
    <x v="2"/>
    <x v="2"/>
    <x v="2"/>
    <x v="2"/>
    <x v="15"/>
    <x v="2"/>
    <x v="2"/>
    <x v="2"/>
    <x v="2"/>
    <x v="2"/>
    <x v="2"/>
    <x v="2"/>
    <x v="2"/>
    <x v="2"/>
    <x v="2"/>
    <x v="2"/>
    <x v="2"/>
    <s v=""/>
    <s v=""/>
    <s v=""/>
    <s v=""/>
    <s v=""/>
    <s v=""/>
    <s v=""/>
    <s v=""/>
    <s v=""/>
    <s v=""/>
    <s v=""/>
    <s v=""/>
    <s v=""/>
    <s v=""/>
    <m/>
    <m/>
    <m/>
    <m/>
    <m/>
    <m/>
    <m/>
    <m/>
    <x v="0"/>
    <x v="0"/>
    <x v="0"/>
    <x v="0"/>
    <n v="2125855"/>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58"/>
    <s v="GI12"/>
    <s v="DBC IDP"/>
    <s v="Dacorum Borough Council"/>
    <x v="4"/>
    <x v="15"/>
    <s v="Contribution towards off-site third party SANG by Symbio Site, Whiteleaf Road (Hm07) developers"/>
    <m/>
    <s v="Contributions towards 1.92 hectares of Westbrook Hay third party SANG"/>
    <s v="Hemel Garden Communities"/>
    <x v="20"/>
    <s v="Programme Area"/>
    <s v="Off-site"/>
    <s v="Developer"/>
    <s v="Hertfordshire County Council"/>
    <s v="Made available at completion of related sites"/>
    <m/>
    <m/>
    <x v="35"/>
    <m/>
    <s v="S106"/>
    <n v="0"/>
    <n v="425171"/>
    <s v="A - Per dwelling"/>
    <m/>
    <m/>
    <s v="Essential"/>
    <x v="0"/>
    <x v="0"/>
    <x v="0"/>
    <x v="0"/>
    <x v="0"/>
    <x v="0"/>
    <x v="2"/>
    <m/>
    <m/>
    <m/>
    <m/>
    <m/>
    <m/>
    <m/>
    <m/>
    <m/>
    <m/>
    <m/>
    <m/>
    <m/>
    <m/>
    <m/>
    <m/>
    <m/>
    <m/>
    <m/>
    <m/>
    <m/>
    <m/>
    <m/>
    <m/>
    <m/>
    <m/>
    <m/>
    <m/>
    <m/>
    <m/>
    <m/>
    <m/>
    <m/>
    <m/>
    <m/>
    <m/>
    <n v="100"/>
    <n v="4251.71"/>
    <m/>
    <x v="2"/>
    <x v="2"/>
    <x v="2"/>
    <x v="2"/>
    <x v="2"/>
    <x v="2"/>
    <x v="14"/>
    <x v="2"/>
    <x v="2"/>
    <x v="2"/>
    <x v="2"/>
    <x v="2"/>
    <x v="2"/>
    <x v="2"/>
    <x v="2"/>
    <x v="2"/>
    <x v="2"/>
    <s v=""/>
    <s v=""/>
    <s v=""/>
    <s v=""/>
    <s v=""/>
    <s v=""/>
    <s v=""/>
    <s v=""/>
    <s v=""/>
    <s v=""/>
    <s v=""/>
    <s v=""/>
    <s v=""/>
    <s v=""/>
    <m/>
    <m/>
    <m/>
    <m/>
    <m/>
    <m/>
    <m/>
    <m/>
    <x v="0"/>
    <x v="0"/>
    <x v="0"/>
    <x v="0"/>
    <n v="425171"/>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59"/>
    <s v="GI13"/>
    <s v="DBC IDP"/>
    <s v="Dacorum Borough Council"/>
    <x v="4"/>
    <x v="15"/>
    <s v="Contribution towards off-site third party SANG by Hemel Hempstead Station Gateway (Hm08) developers"/>
    <m/>
    <s v="Contributions towards 7.49 hectares of Westbrook Hay third party SANG"/>
    <s v="Hemel Garden Communities"/>
    <x v="21"/>
    <s v="Programme Area"/>
    <s v="Off-site"/>
    <s v="Developer"/>
    <s v="Hertfordshire County Council"/>
    <s v="Made available at completion of related sites"/>
    <m/>
    <m/>
    <x v="36"/>
    <m/>
    <s v="S106"/>
    <n v="0"/>
    <n v="1658166.9"/>
    <s v="A - Per dwelling"/>
    <m/>
    <m/>
    <s v="Essential"/>
    <x v="0"/>
    <x v="0"/>
    <x v="0"/>
    <x v="0"/>
    <x v="0"/>
    <x v="0"/>
    <x v="0"/>
    <s v="Yes"/>
    <m/>
    <m/>
    <m/>
    <m/>
    <m/>
    <m/>
    <m/>
    <m/>
    <m/>
    <m/>
    <m/>
    <m/>
    <m/>
    <m/>
    <m/>
    <m/>
    <m/>
    <m/>
    <m/>
    <m/>
    <m/>
    <m/>
    <m/>
    <m/>
    <m/>
    <m/>
    <m/>
    <m/>
    <m/>
    <m/>
    <m/>
    <m/>
    <m/>
    <m/>
    <m/>
    <n v="390"/>
    <n v="4251.71"/>
    <m/>
    <x v="2"/>
    <x v="2"/>
    <x v="2"/>
    <x v="2"/>
    <x v="2"/>
    <x v="2"/>
    <x v="2"/>
    <x v="15"/>
    <x v="2"/>
    <x v="2"/>
    <x v="2"/>
    <x v="2"/>
    <x v="2"/>
    <x v="2"/>
    <x v="2"/>
    <x v="2"/>
    <x v="2"/>
    <s v=""/>
    <s v=""/>
    <s v=""/>
    <s v=""/>
    <s v=""/>
    <s v=""/>
    <s v=""/>
    <s v=""/>
    <s v=""/>
    <s v=""/>
    <s v=""/>
    <s v=""/>
    <s v=""/>
    <s v=""/>
    <m/>
    <m/>
    <m/>
    <m/>
    <m/>
    <m/>
    <m/>
    <m/>
    <x v="0"/>
    <x v="0"/>
    <x v="0"/>
    <x v="0"/>
    <n v="1658166.9"/>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60"/>
    <s v="GI14"/>
    <s v="DBC IDP"/>
    <s v="Dacorum Borough Council"/>
    <x v="4"/>
    <x v="15"/>
    <s v="Contribution towards off-site third party SANG by National Grid and 339-353 London Road (Hm09) developers"/>
    <m/>
    <s v="Contributions towards 9.22 hectares of Westbrook Hay third party SANG"/>
    <s v="Hemel Garden Communities"/>
    <x v="22"/>
    <s v="Programme Area"/>
    <s v="Off-site"/>
    <s v="Developer"/>
    <s v="Hertfordshire County Council"/>
    <s v="Made available at completion of related sites"/>
    <m/>
    <m/>
    <x v="37"/>
    <m/>
    <s v="S106"/>
    <n v="0"/>
    <n v="2040820.8"/>
    <s v="A - Per dwelling"/>
    <m/>
    <m/>
    <s v="Essential"/>
    <x v="0"/>
    <x v="0"/>
    <x v="0"/>
    <x v="0"/>
    <x v="0"/>
    <x v="2"/>
    <x v="0"/>
    <m/>
    <m/>
    <m/>
    <m/>
    <m/>
    <m/>
    <m/>
    <m/>
    <m/>
    <m/>
    <m/>
    <m/>
    <m/>
    <m/>
    <m/>
    <m/>
    <m/>
    <m/>
    <m/>
    <m/>
    <m/>
    <m/>
    <m/>
    <m/>
    <m/>
    <m/>
    <m/>
    <m/>
    <m/>
    <m/>
    <m/>
    <m/>
    <m/>
    <m/>
    <m/>
    <m/>
    <n v="480"/>
    <n v="4251.71"/>
    <m/>
    <x v="2"/>
    <x v="2"/>
    <x v="2"/>
    <x v="2"/>
    <x v="2"/>
    <x v="15"/>
    <x v="2"/>
    <x v="2"/>
    <x v="2"/>
    <x v="2"/>
    <x v="2"/>
    <x v="2"/>
    <x v="2"/>
    <x v="2"/>
    <x v="2"/>
    <x v="2"/>
    <x v="2"/>
    <s v=""/>
    <s v=""/>
    <s v=""/>
    <s v=""/>
    <s v=""/>
    <s v=""/>
    <s v=""/>
    <s v=""/>
    <s v=""/>
    <s v=""/>
    <s v=""/>
    <s v=""/>
    <s v=""/>
    <s v=""/>
    <m/>
    <m/>
    <m/>
    <m/>
    <m/>
    <m/>
    <m/>
    <m/>
    <x v="0"/>
    <x v="0"/>
    <x v="0"/>
    <x v="0"/>
    <n v="2040820.8"/>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61"/>
    <s v="GI15"/>
    <s v="DBC IDP"/>
    <s v="Dacorum Borough Council"/>
    <x v="4"/>
    <x v="15"/>
    <s v="Contribution towards off-site third party SANG by Apsley Mills Retail Park (Hm10) developers"/>
    <m/>
    <s v="Contributions towards 9.60 hectares of Westbrook Hay third party SANG"/>
    <s v="Hemel Garden Communities"/>
    <x v="23"/>
    <s v="Programme Area"/>
    <s v="Off-site"/>
    <s v="Developer / Dacorum Borough Council"/>
    <s v="Hertfordshire County Council"/>
    <s v="Made available at completion of related sites"/>
    <m/>
    <m/>
    <x v="34"/>
    <m/>
    <s v="S106"/>
    <n v="0"/>
    <n v="2125855"/>
    <s v="A - Per dwelling"/>
    <m/>
    <m/>
    <s v="Important"/>
    <x v="0"/>
    <x v="0"/>
    <x v="0"/>
    <x v="0"/>
    <x v="0"/>
    <x v="0"/>
    <x v="0"/>
    <m/>
    <s v="Yes"/>
    <m/>
    <m/>
    <m/>
    <m/>
    <m/>
    <m/>
    <m/>
    <m/>
    <m/>
    <m/>
    <m/>
    <m/>
    <m/>
    <m/>
    <m/>
    <m/>
    <m/>
    <m/>
    <m/>
    <m/>
    <m/>
    <m/>
    <m/>
    <m/>
    <m/>
    <m/>
    <m/>
    <m/>
    <m/>
    <m/>
    <m/>
    <m/>
    <m/>
    <m/>
    <n v="500"/>
    <n v="4251.71"/>
    <m/>
    <x v="2"/>
    <x v="2"/>
    <x v="2"/>
    <x v="2"/>
    <x v="2"/>
    <x v="2"/>
    <x v="2"/>
    <x v="2"/>
    <x v="14"/>
    <x v="2"/>
    <x v="2"/>
    <x v="2"/>
    <x v="2"/>
    <x v="2"/>
    <x v="2"/>
    <x v="2"/>
    <x v="2"/>
    <s v=""/>
    <s v=""/>
    <s v=""/>
    <s v=""/>
    <s v=""/>
    <s v=""/>
    <s v=""/>
    <s v=""/>
    <s v=""/>
    <s v=""/>
    <s v=""/>
    <s v=""/>
    <s v=""/>
    <s v=""/>
    <m/>
    <m/>
    <m/>
    <m/>
    <m/>
    <m/>
    <m/>
    <m/>
    <x v="0"/>
    <x v="0"/>
    <x v="0"/>
    <x v="0"/>
    <n v="2125855"/>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62"/>
    <s v="GI16"/>
    <s v="DBC IDP"/>
    <s v="Dacorum Borough Council"/>
    <x v="4"/>
    <x v="15"/>
    <s v="Contribution towards off-site third party SANG by Plots 2/3 Kier Park, Maylands Avenue (Hm12) developers"/>
    <m/>
    <s v="Contributions towards 4.49 hectares of Westbrook Hay third party SANG"/>
    <s v="Hemel Garden Communities"/>
    <x v="24"/>
    <s v="Programme Area"/>
    <s v="Off-site"/>
    <s v="Developer / Dacorum Borough Council"/>
    <s v="Hertfordshire County Council"/>
    <s v="Made available at completion of related sites"/>
    <m/>
    <m/>
    <x v="38"/>
    <m/>
    <s v="S106"/>
    <n v="0"/>
    <n v="994900.14"/>
    <s v="A - Per dwelling"/>
    <m/>
    <m/>
    <s v="Important"/>
    <x v="0"/>
    <x v="0"/>
    <x v="0"/>
    <x v="0"/>
    <x v="0"/>
    <x v="0"/>
    <x v="0"/>
    <m/>
    <m/>
    <m/>
    <m/>
    <m/>
    <s v="Yes"/>
    <m/>
    <m/>
    <m/>
    <m/>
    <m/>
    <m/>
    <m/>
    <m/>
    <m/>
    <m/>
    <m/>
    <m/>
    <m/>
    <m/>
    <m/>
    <m/>
    <m/>
    <m/>
    <m/>
    <m/>
    <m/>
    <m/>
    <m/>
    <m/>
    <m/>
    <m/>
    <m/>
    <m/>
    <m/>
    <m/>
    <n v="234"/>
    <n v="4251.71"/>
    <m/>
    <x v="2"/>
    <x v="2"/>
    <x v="2"/>
    <x v="2"/>
    <x v="2"/>
    <x v="2"/>
    <x v="2"/>
    <x v="2"/>
    <x v="2"/>
    <x v="2"/>
    <x v="2"/>
    <x v="2"/>
    <x v="14"/>
    <x v="2"/>
    <x v="2"/>
    <x v="2"/>
    <x v="2"/>
    <s v=""/>
    <s v=""/>
    <s v=""/>
    <s v=""/>
    <s v=""/>
    <s v=""/>
    <s v=""/>
    <s v=""/>
    <s v=""/>
    <s v=""/>
    <s v=""/>
    <s v=""/>
    <s v=""/>
    <s v=""/>
    <m/>
    <m/>
    <m/>
    <m/>
    <m/>
    <m/>
    <m/>
    <m/>
    <x v="0"/>
    <x v="0"/>
    <x v="0"/>
    <x v="0"/>
    <n v="994900.14"/>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63"/>
    <s v="GI17"/>
    <s v="DBC IDP"/>
    <s v="Dacorum Borough Council"/>
    <x v="4"/>
    <x v="15"/>
    <s v="Provision of on-site bespoke SANG at Shendish Manor and Fairfields (Hm11)"/>
    <m/>
    <s v="Provision of 9.60 hectares of on-site bespoke SANG on western part of Shendish Manor and Fairfields (Hm11). Sites providing on-site SANG solutions are not required to provide natural/semi-natural greenspace. "/>
    <s v="Hemel Garden Communities"/>
    <x v="5"/>
    <s v="Programme Area"/>
    <s v="On-site"/>
    <s v="Developer / Dacorum Borough Council"/>
    <s v="Hertfordshire County Council"/>
    <s v="Made available at completion of related sites"/>
    <m/>
    <m/>
    <x v="34"/>
    <m/>
    <s v="S106"/>
    <n v="0"/>
    <n v="2125855"/>
    <s v="A - Per dwelling"/>
    <m/>
    <m/>
    <s v="Important"/>
    <x v="0"/>
    <x v="0"/>
    <x v="0"/>
    <x v="0"/>
    <x v="0"/>
    <x v="0"/>
    <x v="0"/>
    <m/>
    <m/>
    <s v="Yes"/>
    <m/>
    <m/>
    <m/>
    <m/>
    <m/>
    <m/>
    <m/>
    <m/>
    <m/>
    <m/>
    <m/>
    <m/>
    <m/>
    <m/>
    <m/>
    <m/>
    <m/>
    <m/>
    <m/>
    <m/>
    <m/>
    <m/>
    <m/>
    <m/>
    <m/>
    <m/>
    <m/>
    <m/>
    <m/>
    <m/>
    <m/>
    <m/>
    <m/>
    <n v="500"/>
    <n v="4251.71"/>
    <m/>
    <x v="2"/>
    <x v="2"/>
    <x v="2"/>
    <x v="2"/>
    <x v="2"/>
    <x v="2"/>
    <x v="2"/>
    <x v="2"/>
    <x v="2"/>
    <x v="15"/>
    <x v="2"/>
    <x v="2"/>
    <x v="2"/>
    <x v="2"/>
    <x v="2"/>
    <x v="2"/>
    <x v="2"/>
    <s v=""/>
    <s v=""/>
    <s v=""/>
    <s v=""/>
    <s v=""/>
    <s v=""/>
    <s v=""/>
    <s v=""/>
    <s v=""/>
    <s v=""/>
    <s v=""/>
    <s v=""/>
    <s v=""/>
    <s v=""/>
    <m/>
    <m/>
    <m/>
    <m/>
    <m/>
    <m/>
    <m/>
    <m/>
    <x v="0"/>
    <x v="0"/>
    <x v="0"/>
    <x v="0"/>
    <n v="2125855"/>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64"/>
    <s v="GI18"/>
    <s v="DBC IDP"/>
    <s v="Dacorum Borough Council"/>
    <x v="4"/>
    <x v="15"/>
    <s v="Provision of on-site bespoke SANG at Polehanger Lane (Hm13)"/>
    <m/>
    <s v="Provision of 14.40 hectares of on-site bespoke SANG on norther part of Polehanger Lane (Hm13). Sites providing on-site SANG solutions are not required to provide natural/semi-natural greenspace. "/>
    <s v="Hemel Garden Communities"/>
    <x v="6"/>
    <s v="Programme Area"/>
    <s v="On-site"/>
    <s v="Developer / Dacorum Borough Council"/>
    <s v="Hertfordshire County Council"/>
    <s v="Made available at completion of related sites"/>
    <m/>
    <m/>
    <x v="39"/>
    <m/>
    <s v="S106"/>
    <n v="0"/>
    <n v="3188782.5"/>
    <s v="A - Per dwelling"/>
    <m/>
    <m/>
    <s v="Important"/>
    <x v="0"/>
    <x v="0"/>
    <x v="0"/>
    <x v="0"/>
    <x v="0"/>
    <x v="0"/>
    <x v="0"/>
    <m/>
    <m/>
    <m/>
    <s v="Yes"/>
    <m/>
    <m/>
    <m/>
    <m/>
    <m/>
    <m/>
    <m/>
    <m/>
    <m/>
    <m/>
    <m/>
    <m/>
    <m/>
    <m/>
    <m/>
    <m/>
    <m/>
    <m/>
    <m/>
    <m/>
    <m/>
    <m/>
    <m/>
    <m/>
    <m/>
    <m/>
    <m/>
    <m/>
    <m/>
    <m/>
    <m/>
    <m/>
    <n v="750"/>
    <n v="4251.71"/>
    <m/>
    <x v="2"/>
    <x v="2"/>
    <x v="2"/>
    <x v="2"/>
    <x v="2"/>
    <x v="2"/>
    <x v="2"/>
    <x v="2"/>
    <x v="2"/>
    <x v="2"/>
    <x v="16"/>
    <x v="2"/>
    <x v="2"/>
    <x v="2"/>
    <x v="2"/>
    <x v="2"/>
    <x v="2"/>
    <s v=""/>
    <s v=""/>
    <s v=""/>
    <s v=""/>
    <s v=""/>
    <s v=""/>
    <s v=""/>
    <s v=""/>
    <s v=""/>
    <s v=""/>
    <s v=""/>
    <s v=""/>
    <s v=""/>
    <s v=""/>
    <m/>
    <m/>
    <m/>
    <m/>
    <m/>
    <m/>
    <m/>
    <m/>
    <x v="0"/>
    <x v="0"/>
    <x v="0"/>
    <x v="0"/>
    <n v="3188782.5"/>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65"/>
    <s v="GI19"/>
    <s v="DBC IDP"/>
    <s v="Dacorum Borough Council"/>
    <x v="4"/>
    <x v="15"/>
    <s v="Contribution towards off-site strategic SANG by Marchmont Farm (Hm14) developers"/>
    <m/>
    <s v="Contributions towards 6.72 hectares of Gadebridge Network (Margaret Lloyd Park &amp; Howe Grove) strategic SANG"/>
    <s v="Hemel Garden Communities"/>
    <x v="9"/>
    <s v="Programme Area"/>
    <s v="Off-site"/>
    <s v="Developer / Dacorum Borough Council"/>
    <s v="Hertfordshire County Council"/>
    <s v="Made available at completion of related sites"/>
    <m/>
    <m/>
    <x v="33"/>
    <m/>
    <s v="S106"/>
    <n v="0"/>
    <n v="1488098.5"/>
    <s v="A - Per dwelling"/>
    <m/>
    <m/>
    <s v="Important"/>
    <x v="0"/>
    <x v="0"/>
    <x v="0"/>
    <x v="0"/>
    <x v="0"/>
    <x v="0"/>
    <x v="0"/>
    <m/>
    <m/>
    <m/>
    <m/>
    <m/>
    <m/>
    <s v="Yes"/>
    <m/>
    <m/>
    <m/>
    <m/>
    <m/>
    <m/>
    <m/>
    <m/>
    <m/>
    <m/>
    <m/>
    <m/>
    <m/>
    <m/>
    <m/>
    <m/>
    <m/>
    <m/>
    <m/>
    <m/>
    <m/>
    <m/>
    <m/>
    <m/>
    <m/>
    <m/>
    <m/>
    <m/>
    <m/>
    <n v="350"/>
    <n v="4251.71"/>
    <m/>
    <x v="2"/>
    <x v="2"/>
    <x v="2"/>
    <x v="2"/>
    <x v="2"/>
    <x v="2"/>
    <x v="2"/>
    <x v="2"/>
    <x v="2"/>
    <x v="2"/>
    <x v="2"/>
    <x v="2"/>
    <x v="2"/>
    <x v="15"/>
    <x v="2"/>
    <x v="2"/>
    <x v="2"/>
    <s v=""/>
    <s v=""/>
    <s v=""/>
    <s v=""/>
    <s v=""/>
    <s v=""/>
    <s v=""/>
    <s v=""/>
    <s v=""/>
    <s v=""/>
    <s v=""/>
    <s v=""/>
    <s v=""/>
    <s v=""/>
    <m/>
    <m/>
    <m/>
    <m/>
    <m/>
    <m/>
    <m/>
    <m/>
    <x v="0"/>
    <x v="0"/>
    <x v="0"/>
    <x v="0"/>
    <n v="1488098.5"/>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66"/>
    <s v="GI20"/>
    <s v="DBC IDP"/>
    <s v="Dacorum Borough Council"/>
    <x v="4"/>
    <x v="15"/>
    <s v="Contribution towards off-site third party SANG by Old Town (Hm15) developers"/>
    <m/>
    <s v="Contributions towards 1.73 hectares of Gadebridge Network (Margaret Lloyd Park &amp; Howe Grove) strategic SANG"/>
    <s v="Hemel Garden Communities"/>
    <x v="25"/>
    <s v="Programme Area"/>
    <s v="Off-site"/>
    <s v="Developer / Dacorum Borough Council"/>
    <s v="Hertfordshire County Council"/>
    <s v="Made available at completion of related sites"/>
    <m/>
    <m/>
    <x v="40"/>
    <m/>
    <s v="S106"/>
    <n v="0"/>
    <n v="382653.9"/>
    <s v="A - Per dwelling"/>
    <m/>
    <m/>
    <s v="Important"/>
    <x v="0"/>
    <x v="0"/>
    <x v="0"/>
    <x v="0"/>
    <x v="0"/>
    <x v="0"/>
    <x v="0"/>
    <m/>
    <m/>
    <m/>
    <m/>
    <m/>
    <m/>
    <m/>
    <s v="Yes"/>
    <m/>
    <m/>
    <m/>
    <m/>
    <m/>
    <m/>
    <m/>
    <m/>
    <m/>
    <m/>
    <m/>
    <m/>
    <m/>
    <m/>
    <m/>
    <m/>
    <m/>
    <m/>
    <m/>
    <m/>
    <m/>
    <m/>
    <m/>
    <m/>
    <m/>
    <m/>
    <m/>
    <m/>
    <n v="90"/>
    <n v="4251.71"/>
    <m/>
    <x v="2"/>
    <x v="2"/>
    <x v="2"/>
    <x v="2"/>
    <x v="2"/>
    <x v="2"/>
    <x v="2"/>
    <x v="2"/>
    <x v="2"/>
    <x v="2"/>
    <x v="2"/>
    <x v="2"/>
    <x v="2"/>
    <x v="2"/>
    <x v="14"/>
    <x v="2"/>
    <x v="2"/>
    <s v=""/>
    <s v=""/>
    <s v=""/>
    <s v=""/>
    <s v=""/>
    <s v=""/>
    <s v=""/>
    <s v=""/>
    <s v=""/>
    <s v=""/>
    <s v=""/>
    <s v=""/>
    <s v=""/>
    <s v=""/>
    <m/>
    <m/>
    <m/>
    <m/>
    <m/>
    <m/>
    <m/>
    <m/>
    <x v="0"/>
    <x v="0"/>
    <x v="0"/>
    <x v="0"/>
    <n v="382653.9"/>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67"/>
    <s v="GI21"/>
    <s v="DBC IDP"/>
    <s v="Dacorum Borough Council"/>
    <x v="4"/>
    <x v="15"/>
    <s v="Contribution towards off-site third party SANG by Site to the south of Green Lane (Hm16) developers"/>
    <m/>
    <s v="Contributions towards 3.84 hectares of Gadebridge Park strategic SANG"/>
    <s v="Hemel Garden Communities"/>
    <x v="26"/>
    <s v="Programme Area"/>
    <s v="Off-site"/>
    <s v="Developer / Dacorum Borough Council"/>
    <s v="Hertfordshire County Council"/>
    <s v="Made available at completion of related sites"/>
    <m/>
    <m/>
    <x v="41"/>
    <m/>
    <s v="S106"/>
    <n v="0"/>
    <n v="340136.8"/>
    <s v="A - Per dwelling"/>
    <m/>
    <m/>
    <s v="Important"/>
    <x v="0"/>
    <x v="0"/>
    <x v="0"/>
    <x v="0"/>
    <x v="0"/>
    <x v="0"/>
    <x v="0"/>
    <m/>
    <m/>
    <m/>
    <m/>
    <m/>
    <m/>
    <m/>
    <m/>
    <s v="Yes"/>
    <m/>
    <m/>
    <m/>
    <m/>
    <m/>
    <m/>
    <m/>
    <m/>
    <m/>
    <m/>
    <m/>
    <m/>
    <m/>
    <m/>
    <m/>
    <m/>
    <m/>
    <m/>
    <m/>
    <m/>
    <m/>
    <m/>
    <m/>
    <m/>
    <m/>
    <m/>
    <m/>
    <n v="80"/>
    <n v="4251.71"/>
    <m/>
    <x v="2"/>
    <x v="2"/>
    <x v="2"/>
    <x v="2"/>
    <x v="2"/>
    <x v="2"/>
    <x v="2"/>
    <x v="2"/>
    <x v="2"/>
    <x v="2"/>
    <x v="2"/>
    <x v="2"/>
    <x v="2"/>
    <x v="2"/>
    <x v="2"/>
    <x v="14"/>
    <x v="2"/>
    <s v=""/>
    <s v=""/>
    <s v=""/>
    <s v=""/>
    <s v=""/>
    <s v=""/>
    <s v=""/>
    <s v=""/>
    <s v=""/>
    <s v=""/>
    <s v=""/>
    <s v=""/>
    <s v=""/>
    <s v=""/>
    <m/>
    <m/>
    <m/>
    <m/>
    <m/>
    <m/>
    <m/>
    <m/>
    <x v="0"/>
    <x v="0"/>
    <x v="0"/>
    <x v="0"/>
    <n v="340136.8"/>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68"/>
    <s v="GI22"/>
    <s v="DBC IDP"/>
    <s v="Dacorum Borough Council"/>
    <x v="4"/>
    <x v="15"/>
    <s v="Contribution towards off-site third party SANG by Grovehill Local Centre (Henry Wells Square) (Grovehill NDP) developers"/>
    <m/>
    <s v="Contributions towards 3.84 hectares of Gadebridge Park strategic SANG"/>
    <s v="Hemel Garden Communities"/>
    <x v="27"/>
    <s v="Programme Area"/>
    <s v="Off-site"/>
    <s v="Developer / Dacorum Borough Council"/>
    <s v="Hertfordshire County Council"/>
    <s v="Made available at completion of related sites"/>
    <m/>
    <m/>
    <x v="31"/>
    <m/>
    <s v="S106"/>
    <n v="0"/>
    <n v="850342"/>
    <s v="A - Per dwelling"/>
    <m/>
    <m/>
    <s v="Important"/>
    <x v="0"/>
    <x v="0"/>
    <x v="0"/>
    <x v="0"/>
    <x v="0"/>
    <x v="0"/>
    <x v="0"/>
    <m/>
    <m/>
    <m/>
    <m/>
    <m/>
    <m/>
    <m/>
    <m/>
    <s v="Yes"/>
    <m/>
    <m/>
    <m/>
    <m/>
    <m/>
    <m/>
    <m/>
    <m/>
    <m/>
    <m/>
    <m/>
    <m/>
    <m/>
    <m/>
    <m/>
    <m/>
    <m/>
    <m/>
    <m/>
    <m/>
    <m/>
    <m/>
    <m/>
    <m/>
    <m/>
    <m/>
    <m/>
    <n v="80"/>
    <n v="10629.275"/>
    <m/>
    <x v="2"/>
    <x v="2"/>
    <x v="2"/>
    <x v="2"/>
    <x v="2"/>
    <x v="2"/>
    <x v="2"/>
    <x v="2"/>
    <x v="2"/>
    <x v="2"/>
    <x v="2"/>
    <x v="2"/>
    <x v="2"/>
    <x v="2"/>
    <x v="2"/>
    <x v="15"/>
    <x v="2"/>
    <s v=""/>
    <s v=""/>
    <s v=""/>
    <s v=""/>
    <s v=""/>
    <s v=""/>
    <s v=""/>
    <s v=""/>
    <s v=""/>
    <s v=""/>
    <s v=""/>
    <s v=""/>
    <s v=""/>
    <s v=""/>
    <m/>
    <m/>
    <m/>
    <m/>
    <m/>
    <m/>
    <m/>
    <m/>
    <x v="0"/>
    <x v="0"/>
    <x v="0"/>
    <x v="0"/>
    <n v="850342"/>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69"/>
    <s v="GI23"/>
    <s v="DBC IDP"/>
    <s v="Dacorum Borough Council"/>
    <x v="4"/>
    <x v="15"/>
    <s v="Contributions towards strategic SANG in accordance with DBC allocations protocol or third party SANG by windfall site developers"/>
    <m/>
    <s v="Contributions towards 45.7 hectares of SANG provision in accordance with DBC allocations protocol or third party SANG"/>
    <s v="Hemel Garden Communities"/>
    <x v="28"/>
    <s v="Programme Area"/>
    <s v="Off-site"/>
    <s v="Developer"/>
    <s v="Hertfordshire County Council"/>
    <s v="Made available at completion of related sites"/>
    <m/>
    <m/>
    <x v="42"/>
    <m/>
    <s v="S106"/>
    <n v="0"/>
    <n v="10119069.800000001"/>
    <s v="A - Per dwelling"/>
    <m/>
    <m/>
    <s v="Essential"/>
    <x v="0"/>
    <x v="0"/>
    <x v="0"/>
    <x v="0"/>
    <x v="0"/>
    <x v="0"/>
    <x v="0"/>
    <m/>
    <m/>
    <m/>
    <m/>
    <m/>
    <m/>
    <m/>
    <m/>
    <m/>
    <s v="Yes"/>
    <m/>
    <m/>
    <m/>
    <m/>
    <m/>
    <m/>
    <m/>
    <m/>
    <m/>
    <m/>
    <m/>
    <m/>
    <m/>
    <m/>
    <m/>
    <m/>
    <m/>
    <m/>
    <m/>
    <m/>
    <m/>
    <m/>
    <m/>
    <m/>
    <m/>
    <m/>
    <n v="2380"/>
    <n v="4251.71"/>
    <m/>
    <x v="2"/>
    <x v="2"/>
    <x v="2"/>
    <x v="2"/>
    <x v="2"/>
    <x v="2"/>
    <x v="2"/>
    <x v="2"/>
    <x v="2"/>
    <x v="2"/>
    <x v="2"/>
    <x v="2"/>
    <x v="2"/>
    <x v="2"/>
    <x v="2"/>
    <x v="2"/>
    <x v="14"/>
    <s v=""/>
    <s v=""/>
    <s v=""/>
    <s v=""/>
    <s v=""/>
    <s v=""/>
    <s v=""/>
    <s v=""/>
    <s v=""/>
    <s v=""/>
    <s v=""/>
    <s v=""/>
    <s v=""/>
    <s v=""/>
    <m/>
    <m/>
    <m/>
    <m/>
    <m/>
    <m/>
    <m/>
    <m/>
    <x v="0"/>
    <x v="0"/>
    <x v="0"/>
    <x v="0"/>
    <n v="10119069.800000001"/>
    <n v="0"/>
    <n v="0"/>
    <n v="0"/>
    <s v="The cost for SANG schemes has been calculated through a cost per dwelling of £4,251.71. DBC have advised that this is likely to increase. The cost has not been indexed, as the base date of this cost per dwelling is unclear."/>
    <s v="Further detail on the approach to be taken with SANG within DBC is set out within the SANG Strategy within the Habitats Regulations Assessment of the Dacorum Local Plan Pre-submission October 2024"/>
    <s v="Dacorum Local Plan to 2041 Pre-Submission Version November 2024"/>
    <m/>
  </r>
  <r>
    <m/>
    <n v="71"/>
    <s v="GI24"/>
    <s v="DBC IDP"/>
    <s v="Dacorum Borough Council"/>
    <x v="4"/>
    <x v="16"/>
    <s v="Local Area for Play (LAP) to support North Hemel Hempstead (Hm01)"/>
    <m/>
    <s v="On-site Local Area for Play (LAP) to support North Hemel Hempstead (Hm01)"/>
    <s v="Hemel Garden Communities"/>
    <x v="4"/>
    <s v="Growth Area"/>
    <s v="On-site"/>
    <s v="Developer"/>
    <s v="Hertfordshire County Council"/>
    <s v="2032-2041"/>
    <m/>
    <m/>
    <x v="43"/>
    <m/>
    <s v="S106"/>
    <n v="0"/>
    <n v="43494"/>
    <s v="A - Per dwelling"/>
    <m/>
    <m/>
    <s v="Important"/>
    <x v="2"/>
    <x v="0"/>
    <x v="0"/>
    <x v="0"/>
    <x v="0"/>
    <x v="0"/>
    <x v="0"/>
    <m/>
    <m/>
    <m/>
    <m/>
    <m/>
    <m/>
    <m/>
    <m/>
    <m/>
    <m/>
    <m/>
    <m/>
    <m/>
    <m/>
    <m/>
    <m/>
    <m/>
    <m/>
    <m/>
    <m/>
    <m/>
    <m/>
    <m/>
    <m/>
    <m/>
    <m/>
    <m/>
    <m/>
    <m/>
    <m/>
    <m/>
    <m/>
    <m/>
    <m/>
    <m/>
    <m/>
    <n v="5000"/>
    <n v="8.6988000000000003"/>
    <m/>
    <x v="18"/>
    <x v="2"/>
    <x v="2"/>
    <x v="2"/>
    <x v="2"/>
    <x v="2"/>
    <x v="2"/>
    <x v="2"/>
    <x v="2"/>
    <x v="2"/>
    <x v="2"/>
    <x v="2"/>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71"/>
    <s v="GI24"/>
    <s v="DBC IDP"/>
    <s v="Dacorum Borough Council"/>
    <x v="4"/>
    <x v="17"/>
    <s v="Provision of Strategic Access Management and Monitoring (SAMMS) "/>
    <m/>
    <s v="Contributions in line with the Chilterns Beechwoods Special Area of Conservation Mitigation Strategy"/>
    <s v="Hemel Garden Communities"/>
    <x v="8"/>
    <s v="Programme Area"/>
    <s v="Off-site"/>
    <s v="Hertfordshire County Council"/>
    <s v="Hertfordshire County Council"/>
    <s v="2026-2050"/>
    <m/>
    <m/>
    <x v="44"/>
    <m/>
    <s v="S106"/>
    <n v="0"/>
    <n v="16030204.520000001"/>
    <s v="A - Per dwelling"/>
    <m/>
    <m/>
    <s v="Important"/>
    <x v="2"/>
    <x v="2"/>
    <x v="2"/>
    <x v="2"/>
    <x v="2"/>
    <x v="2"/>
    <x v="2"/>
    <s v="Yes"/>
    <s v="Yes"/>
    <s v="Yes"/>
    <s v="Yes"/>
    <s v="Yes"/>
    <s v="Yes"/>
    <s v="Yes"/>
    <s v="Yes"/>
    <s v="Yes"/>
    <s v="Yes"/>
    <m/>
    <m/>
    <m/>
    <m/>
    <m/>
    <m/>
    <m/>
    <m/>
    <m/>
    <m/>
    <m/>
    <m/>
    <m/>
    <m/>
    <m/>
    <m/>
    <m/>
    <m/>
    <m/>
    <m/>
    <m/>
    <m/>
    <s v="Yes"/>
    <s v="Yes"/>
    <s v="Yes"/>
    <m/>
    <n v="18054"/>
    <n v="887.90320815331791"/>
    <m/>
    <x v="19"/>
    <x v="15"/>
    <x v="15"/>
    <x v="15"/>
    <x v="16"/>
    <x v="16"/>
    <x v="15"/>
    <x v="16"/>
    <x v="15"/>
    <x v="16"/>
    <x v="17"/>
    <x v="14"/>
    <x v="15"/>
    <x v="16"/>
    <x v="15"/>
    <x v="16"/>
    <x v="15"/>
    <s v=""/>
    <s v=""/>
    <s v=""/>
    <s v=""/>
    <s v=""/>
    <s v=""/>
    <s v=""/>
    <s v=""/>
    <s v=""/>
    <s v=""/>
    <s v=""/>
    <s v=""/>
    <s v=""/>
    <s v=""/>
    <m/>
    <m/>
    <m/>
    <m/>
    <m/>
    <m/>
    <m/>
    <m/>
    <x v="15"/>
    <x v="15"/>
    <x v="16"/>
    <x v="0"/>
    <n v="11472849.520000001"/>
    <n v="4557355"/>
    <n v="0"/>
    <n v="0"/>
    <s v="New development must pay a tariff to in line with the Chilterns Beechwoods Special Area of Conservation Mitigation Strategy. The National Trust has confirmed that these Strategic Access Management and Monitoring (SAMMS) measures will cost a total of £18.2million. This cost will be shared across all of the affected local authorities. In Dacorum, this means that developers will be required to pay a tariff of £913.88 for each new home built. In St Albans City &amp; District Council, developers will be required to pay a tariff of £828.61 for each new home built."/>
    <m/>
    <s v="Chilterns Beechwoods Special Area of Conservation (SAC) - Mitigation Strategy, Available at: https://www.dacorum.gov.uk/home/planning-development/planning-strategic-planning/new-single-local-plan/chilterns-beechwoods-special-area-of-conservation/chilterns-beechwoods-special-area-of-conservation-(sac)---mitigation-strategy_x000a__x000a_Chilterns Beechwoods SAC, Available at: https://www.stalbans.gov.uk/chilterns-beechwoods-sac#:~:text=Strategic%20Access%20Management%20and%20Monitoring%20(SAMMS)&amp;text=All%20potential%20developments%20within%20the,for%20each%20new%20home%20built."/>
    <m/>
  </r>
  <r>
    <m/>
    <n v="72"/>
    <s v="GI25"/>
    <s v="DBC IDP"/>
    <s v="Dacorum Borough Council"/>
    <x v="4"/>
    <x v="16"/>
    <s v="Local Area for Play (LAP) to support Civic Zone, Marlowes (Hm02)"/>
    <m/>
    <s v="On-site Local Area for Play (LAP) to support Civic Zone, Marlowes (Hm02)"/>
    <s v="Hemel Garden Communities"/>
    <x v="18"/>
    <s v="Programme Area"/>
    <s v="On-site"/>
    <s v="Developer"/>
    <s v="Hertfordshire County Council"/>
    <s v="2028-2031"/>
    <m/>
    <m/>
    <x v="43"/>
    <m/>
    <s v="S106"/>
    <n v="0"/>
    <n v="43494"/>
    <s v="A - Per dwelling"/>
    <m/>
    <m/>
    <s v="Important"/>
    <x v="0"/>
    <x v="2"/>
    <x v="0"/>
    <x v="0"/>
    <x v="0"/>
    <x v="0"/>
    <x v="0"/>
    <m/>
    <m/>
    <m/>
    <m/>
    <m/>
    <m/>
    <m/>
    <m/>
    <m/>
    <m/>
    <m/>
    <m/>
    <m/>
    <m/>
    <m/>
    <m/>
    <m/>
    <m/>
    <m/>
    <m/>
    <m/>
    <m/>
    <m/>
    <m/>
    <m/>
    <m/>
    <m/>
    <m/>
    <m/>
    <m/>
    <m/>
    <m/>
    <m/>
    <m/>
    <m/>
    <m/>
    <n v="200"/>
    <n v="217.47"/>
    <m/>
    <x v="2"/>
    <x v="16"/>
    <x v="2"/>
    <x v="2"/>
    <x v="2"/>
    <x v="2"/>
    <x v="2"/>
    <x v="2"/>
    <x v="2"/>
    <x v="2"/>
    <x v="2"/>
    <x v="2"/>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73"/>
    <s v="GI26"/>
    <s v="DBC IDP"/>
    <s v="Dacorum Borough Council"/>
    <x v="4"/>
    <x v="16"/>
    <s v="Local Area for Play (LAP) to support Hemel Hospital/Market Square (Hm03)"/>
    <m/>
    <s v="On-site Local Area for Play (LAP) to support Hemel Hospital/Market Square (Hm03)"/>
    <s v="Hemel Garden Communities"/>
    <x v="13"/>
    <s v="Programme Area"/>
    <s v="On-site"/>
    <s v="Developer"/>
    <s v="Hertfordshire County Council"/>
    <s v="2036-2041"/>
    <m/>
    <m/>
    <x v="43"/>
    <m/>
    <s v="S106"/>
    <n v="0"/>
    <n v="43494"/>
    <s v="A - Per dwelling"/>
    <m/>
    <m/>
    <s v="Important"/>
    <x v="0"/>
    <x v="0"/>
    <x v="2"/>
    <x v="0"/>
    <x v="0"/>
    <x v="0"/>
    <x v="0"/>
    <m/>
    <m/>
    <m/>
    <m/>
    <m/>
    <m/>
    <m/>
    <m/>
    <m/>
    <m/>
    <m/>
    <m/>
    <m/>
    <m/>
    <m/>
    <m/>
    <m/>
    <m/>
    <m/>
    <m/>
    <m/>
    <m/>
    <m/>
    <m/>
    <m/>
    <m/>
    <m/>
    <m/>
    <m/>
    <m/>
    <m/>
    <m/>
    <m/>
    <m/>
    <m/>
    <m/>
    <n v="450"/>
    <n v="96.653333333333336"/>
    <m/>
    <x v="2"/>
    <x v="2"/>
    <x v="16"/>
    <x v="2"/>
    <x v="2"/>
    <x v="2"/>
    <x v="2"/>
    <x v="2"/>
    <x v="2"/>
    <x v="2"/>
    <x v="2"/>
    <x v="2"/>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74"/>
    <s v="GI27"/>
    <s v="DBC IDP"/>
    <s v="Dacorum Borough Council"/>
    <x v="4"/>
    <x v="16"/>
    <s v="Local Area for Play (LAP) to support Paradise (Hm04)"/>
    <m/>
    <s v="On-site Local Area for Play (LAP) to support Paradise (Hm04)"/>
    <s v="Hemel Garden Communities"/>
    <x v="19"/>
    <s v="Programme Area"/>
    <s v="On-site"/>
    <s v="Developer"/>
    <s v="Hertfordshire County Council"/>
    <s v="2026-2038"/>
    <m/>
    <m/>
    <x v="43"/>
    <m/>
    <s v="S106"/>
    <n v="0"/>
    <n v="43494"/>
    <s v="A - Per dwelling"/>
    <m/>
    <m/>
    <s v="Important"/>
    <x v="0"/>
    <x v="0"/>
    <x v="0"/>
    <x v="2"/>
    <x v="0"/>
    <x v="0"/>
    <x v="0"/>
    <m/>
    <m/>
    <m/>
    <m/>
    <m/>
    <m/>
    <m/>
    <m/>
    <m/>
    <m/>
    <m/>
    <m/>
    <m/>
    <m/>
    <m/>
    <m/>
    <m/>
    <m/>
    <m/>
    <m/>
    <m/>
    <m/>
    <m/>
    <m/>
    <m/>
    <m/>
    <m/>
    <m/>
    <m/>
    <m/>
    <m/>
    <m/>
    <m/>
    <m/>
    <m/>
    <m/>
    <n v="350"/>
    <n v="124.26857142857143"/>
    <m/>
    <x v="2"/>
    <x v="2"/>
    <x v="2"/>
    <x v="16"/>
    <x v="2"/>
    <x v="2"/>
    <x v="2"/>
    <x v="2"/>
    <x v="2"/>
    <x v="2"/>
    <x v="2"/>
    <x v="2"/>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75"/>
    <s v="GI28"/>
    <s v="DBC IDP"/>
    <s v="Dacorum Borough Council"/>
    <x v="4"/>
    <x v="16"/>
    <s v="Local Area for Play (LAP) to support Riverside (Hm06)"/>
    <m/>
    <s v="On-site Local Area for Play (LAP) to support Riverside (Hm06)"/>
    <s v="Hemel Garden Communities"/>
    <x v="10"/>
    <s v="Programme Area"/>
    <s v="On-site"/>
    <s v="Developer"/>
    <s v="Hertfordshire County Council"/>
    <s v="2026-2031"/>
    <m/>
    <m/>
    <x v="43"/>
    <m/>
    <s v="S106"/>
    <n v="0"/>
    <n v="43494"/>
    <s v="A - Per dwelling"/>
    <m/>
    <m/>
    <s v="Important"/>
    <x v="0"/>
    <x v="0"/>
    <x v="0"/>
    <x v="0"/>
    <x v="2"/>
    <x v="0"/>
    <x v="0"/>
    <m/>
    <m/>
    <m/>
    <m/>
    <m/>
    <m/>
    <m/>
    <m/>
    <m/>
    <m/>
    <m/>
    <m/>
    <m/>
    <m/>
    <m/>
    <m/>
    <m/>
    <m/>
    <m/>
    <m/>
    <m/>
    <m/>
    <m/>
    <m/>
    <m/>
    <m/>
    <m/>
    <m/>
    <m/>
    <m/>
    <m/>
    <m/>
    <m/>
    <m/>
    <m/>
    <m/>
    <n v="500"/>
    <n v="86.988"/>
    <m/>
    <x v="2"/>
    <x v="2"/>
    <x v="2"/>
    <x v="2"/>
    <x v="17"/>
    <x v="2"/>
    <x v="2"/>
    <x v="2"/>
    <x v="2"/>
    <x v="2"/>
    <x v="2"/>
    <x v="2"/>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76"/>
    <s v="GI29"/>
    <s v="DBC IDP"/>
    <s v="Dacorum Borough Council"/>
    <x v="4"/>
    <x v="16"/>
    <s v="Local Area for Play (LAP) to support Symbio Site, Whiteleaf Road (Hm07)"/>
    <m/>
    <s v="On-site Local Area for Play (LAP) to support Symbio Site, Whiteleaf Road (Hm07)"/>
    <s v="Hemel Garden Communities"/>
    <x v="20"/>
    <s v="Programme Area"/>
    <s v="On-site"/>
    <s v="Developer"/>
    <s v="Hertfordshire County Council"/>
    <s v="2029-2030"/>
    <m/>
    <m/>
    <x v="43"/>
    <m/>
    <s v="S106"/>
    <n v="0"/>
    <n v="43494"/>
    <s v="A - Per dwelling"/>
    <m/>
    <m/>
    <s v="Important"/>
    <x v="0"/>
    <x v="0"/>
    <x v="0"/>
    <x v="0"/>
    <x v="0"/>
    <x v="0"/>
    <x v="2"/>
    <m/>
    <m/>
    <m/>
    <m/>
    <m/>
    <m/>
    <m/>
    <m/>
    <m/>
    <m/>
    <m/>
    <m/>
    <m/>
    <m/>
    <m/>
    <m/>
    <m/>
    <m/>
    <m/>
    <m/>
    <m/>
    <m/>
    <m/>
    <m/>
    <m/>
    <m/>
    <m/>
    <m/>
    <m/>
    <m/>
    <m/>
    <m/>
    <m/>
    <m/>
    <m/>
    <m/>
    <n v="100"/>
    <n v="434.94"/>
    <m/>
    <x v="2"/>
    <x v="2"/>
    <x v="2"/>
    <x v="2"/>
    <x v="2"/>
    <x v="2"/>
    <x v="16"/>
    <x v="2"/>
    <x v="2"/>
    <x v="2"/>
    <x v="2"/>
    <x v="2"/>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77"/>
    <s v="GI30"/>
    <s v="DBC IDP"/>
    <s v="Dacorum Borough Council"/>
    <x v="4"/>
    <x v="16"/>
    <s v="Local Area for Play (LAP) to support Hemel Hempstead Station Gateway (Hm08)"/>
    <m/>
    <s v="On-site Local Area for Play (LAP) to support Hemel Hempstead Station Gateway (Hm08)"/>
    <s v="Hemel Garden Communities"/>
    <x v="21"/>
    <s v="Programme Area"/>
    <s v="On-site"/>
    <s v="Developer"/>
    <s v="Hertfordshire County Council"/>
    <s v="2027-2032"/>
    <m/>
    <m/>
    <x v="43"/>
    <m/>
    <s v="S106"/>
    <n v="0"/>
    <n v="43494"/>
    <s v="A - Per dwelling"/>
    <m/>
    <m/>
    <s v="Important"/>
    <x v="0"/>
    <x v="0"/>
    <x v="0"/>
    <x v="0"/>
    <x v="0"/>
    <x v="0"/>
    <x v="0"/>
    <s v="Yes"/>
    <m/>
    <m/>
    <m/>
    <m/>
    <m/>
    <m/>
    <m/>
    <m/>
    <m/>
    <m/>
    <m/>
    <m/>
    <m/>
    <m/>
    <m/>
    <m/>
    <m/>
    <m/>
    <m/>
    <m/>
    <m/>
    <m/>
    <m/>
    <m/>
    <m/>
    <m/>
    <m/>
    <m/>
    <m/>
    <m/>
    <m/>
    <m/>
    <m/>
    <m/>
    <m/>
    <n v="390"/>
    <n v="111.52307692307693"/>
    <m/>
    <x v="2"/>
    <x v="2"/>
    <x v="2"/>
    <x v="2"/>
    <x v="2"/>
    <x v="2"/>
    <x v="2"/>
    <x v="17"/>
    <x v="2"/>
    <x v="2"/>
    <x v="2"/>
    <x v="2"/>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78"/>
    <s v="GI31"/>
    <s v="DBC IDP"/>
    <s v="Dacorum Borough Council"/>
    <x v="4"/>
    <x v="16"/>
    <s v="Local Area for Play (LAP) to support National Grid and 339-353 London Road (Hm09)"/>
    <m/>
    <s v="On-site Local Area for Play (LAP) to support National Grid and 339-353 London Road (Hm09)"/>
    <s v="Hemel Garden Communities"/>
    <x v="22"/>
    <s v="Programme Area"/>
    <s v="On-site"/>
    <s v="Developer"/>
    <s v="Hertfordshire County Council"/>
    <s v="2028-2032"/>
    <m/>
    <m/>
    <x v="43"/>
    <m/>
    <s v="S106"/>
    <n v="0"/>
    <n v="43494"/>
    <s v="A - Per dwelling"/>
    <m/>
    <m/>
    <s v="Important"/>
    <x v="0"/>
    <x v="0"/>
    <x v="0"/>
    <x v="0"/>
    <x v="0"/>
    <x v="2"/>
    <x v="0"/>
    <m/>
    <m/>
    <m/>
    <m/>
    <m/>
    <m/>
    <m/>
    <m/>
    <m/>
    <m/>
    <m/>
    <m/>
    <m/>
    <m/>
    <m/>
    <m/>
    <m/>
    <m/>
    <m/>
    <m/>
    <m/>
    <m/>
    <m/>
    <m/>
    <m/>
    <m/>
    <m/>
    <m/>
    <m/>
    <m/>
    <m/>
    <m/>
    <m/>
    <m/>
    <m/>
    <m/>
    <n v="480"/>
    <n v="90.612499999999997"/>
    <m/>
    <x v="2"/>
    <x v="2"/>
    <x v="2"/>
    <x v="2"/>
    <x v="2"/>
    <x v="17"/>
    <x v="2"/>
    <x v="2"/>
    <x v="2"/>
    <x v="2"/>
    <x v="2"/>
    <x v="2"/>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79"/>
    <s v="GI32"/>
    <s v="DBC IDP"/>
    <s v="Dacorum Borough Council"/>
    <x v="4"/>
    <x v="16"/>
    <s v="Local Area for Play (LAP) to support Apsley Mills Retail Park (Hm10)"/>
    <m/>
    <s v="On-site Local Area for Play (LAP) to support Apsley Mills Retail Park (Hm10)"/>
    <s v="Hemel Garden Communities"/>
    <x v="23"/>
    <s v="Programme Area"/>
    <s v="On-site"/>
    <s v="Developer"/>
    <s v="Hertfordshire County Council"/>
    <s v="2035-2041"/>
    <m/>
    <m/>
    <x v="43"/>
    <m/>
    <s v="S106"/>
    <n v="0"/>
    <n v="43494"/>
    <s v="A - Per dwelling"/>
    <m/>
    <m/>
    <s v="Important"/>
    <x v="0"/>
    <x v="0"/>
    <x v="0"/>
    <x v="0"/>
    <x v="0"/>
    <x v="0"/>
    <x v="0"/>
    <m/>
    <s v="Yes"/>
    <m/>
    <m/>
    <m/>
    <m/>
    <m/>
    <m/>
    <m/>
    <m/>
    <m/>
    <m/>
    <m/>
    <m/>
    <m/>
    <m/>
    <m/>
    <m/>
    <m/>
    <m/>
    <m/>
    <m/>
    <m/>
    <m/>
    <m/>
    <m/>
    <m/>
    <m/>
    <m/>
    <m/>
    <m/>
    <m/>
    <m/>
    <m/>
    <m/>
    <m/>
    <n v="500"/>
    <n v="86.988"/>
    <m/>
    <x v="2"/>
    <x v="2"/>
    <x v="2"/>
    <x v="2"/>
    <x v="2"/>
    <x v="2"/>
    <x v="2"/>
    <x v="2"/>
    <x v="16"/>
    <x v="2"/>
    <x v="2"/>
    <x v="2"/>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80"/>
    <s v="GI33"/>
    <s v="DBC IDP"/>
    <s v="Dacorum Borough Council"/>
    <x v="4"/>
    <x v="16"/>
    <s v="Local Area for Play (LAP) to support Shendish Manor and Fairfields (Hm11)"/>
    <m/>
    <s v="On-site Local Area for Play (LAP) to support Shendish Manor and Fairfields (Hm11)"/>
    <s v="Hemel Garden Communities"/>
    <x v="5"/>
    <s v="Programme Area"/>
    <s v="On-site"/>
    <s v="Developer"/>
    <s v="Hertfordshire County Council"/>
    <s v="2027-2032"/>
    <m/>
    <m/>
    <x v="43"/>
    <m/>
    <s v="S106"/>
    <n v="0"/>
    <n v="43494"/>
    <s v="A - Per dwelling"/>
    <m/>
    <m/>
    <s v="Important"/>
    <x v="0"/>
    <x v="0"/>
    <x v="0"/>
    <x v="0"/>
    <x v="0"/>
    <x v="0"/>
    <x v="0"/>
    <m/>
    <m/>
    <s v="Yes"/>
    <m/>
    <m/>
    <m/>
    <m/>
    <m/>
    <m/>
    <m/>
    <m/>
    <m/>
    <m/>
    <m/>
    <m/>
    <m/>
    <m/>
    <m/>
    <m/>
    <m/>
    <m/>
    <m/>
    <m/>
    <m/>
    <m/>
    <m/>
    <m/>
    <m/>
    <m/>
    <m/>
    <m/>
    <m/>
    <m/>
    <m/>
    <m/>
    <m/>
    <n v="500"/>
    <n v="86.988"/>
    <m/>
    <x v="2"/>
    <x v="2"/>
    <x v="2"/>
    <x v="2"/>
    <x v="2"/>
    <x v="2"/>
    <x v="2"/>
    <x v="2"/>
    <x v="2"/>
    <x v="17"/>
    <x v="2"/>
    <x v="2"/>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81"/>
    <s v="GI34"/>
    <s v="DBC IDP"/>
    <s v="Dacorum Borough Council"/>
    <x v="4"/>
    <x v="16"/>
    <s v="Local Area for Play (LAP) to support Plots 2/3 Kier Park, Maylands Avenue (Hm12)"/>
    <m/>
    <s v="On-site Local Area for Play (LAP) to support Plots 2/3 Kier Park, Maylands Avenue (Hm12)"/>
    <s v="Hemel Garden Communities"/>
    <x v="29"/>
    <s v="Programme Area"/>
    <s v="On-site"/>
    <s v="Developer"/>
    <s v="Hertfordshire County Council"/>
    <s v="2026-2029"/>
    <m/>
    <m/>
    <x v="43"/>
    <m/>
    <s v="S106"/>
    <n v="0"/>
    <n v="43494"/>
    <s v="A - Per dwelling"/>
    <m/>
    <m/>
    <s v="Important"/>
    <x v="0"/>
    <x v="0"/>
    <x v="0"/>
    <x v="0"/>
    <x v="0"/>
    <x v="0"/>
    <x v="0"/>
    <m/>
    <m/>
    <m/>
    <m/>
    <m/>
    <s v="Yes"/>
    <m/>
    <m/>
    <m/>
    <m/>
    <m/>
    <m/>
    <m/>
    <m/>
    <m/>
    <m/>
    <m/>
    <m/>
    <m/>
    <m/>
    <m/>
    <m/>
    <m/>
    <m/>
    <m/>
    <m/>
    <m/>
    <m/>
    <m/>
    <m/>
    <m/>
    <m/>
    <m/>
    <m/>
    <m/>
    <m/>
    <n v="234"/>
    <n v="185.87179487179486"/>
    <m/>
    <x v="2"/>
    <x v="2"/>
    <x v="2"/>
    <x v="2"/>
    <x v="2"/>
    <x v="2"/>
    <x v="2"/>
    <x v="2"/>
    <x v="2"/>
    <x v="2"/>
    <x v="2"/>
    <x v="2"/>
    <x v="16"/>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82"/>
    <s v="GI35"/>
    <s v="DBC IDP"/>
    <s v="Dacorum Borough Council"/>
    <x v="4"/>
    <x v="16"/>
    <s v="Local Area for Play (LAP) to support Polehanger Lane (Hm13)"/>
    <m/>
    <s v="On-site Local Area for Play (LAP) to support Polehanger Lane (Hm13)"/>
    <s v="Hemel Garden Communities"/>
    <x v="30"/>
    <s v="Programme Area"/>
    <s v="On-site"/>
    <s v="Developer"/>
    <s v="Hertfordshire County Council"/>
    <s v="2031-2039"/>
    <m/>
    <m/>
    <x v="43"/>
    <m/>
    <s v="S106"/>
    <n v="0"/>
    <n v="43494"/>
    <s v="A - Per dwelling"/>
    <m/>
    <m/>
    <s v="Important"/>
    <x v="0"/>
    <x v="0"/>
    <x v="0"/>
    <x v="0"/>
    <x v="0"/>
    <x v="0"/>
    <x v="0"/>
    <m/>
    <m/>
    <m/>
    <s v="Yes"/>
    <m/>
    <m/>
    <m/>
    <m/>
    <m/>
    <m/>
    <m/>
    <m/>
    <m/>
    <m/>
    <m/>
    <m/>
    <m/>
    <m/>
    <m/>
    <m/>
    <m/>
    <m/>
    <m/>
    <m/>
    <m/>
    <m/>
    <m/>
    <m/>
    <m/>
    <m/>
    <m/>
    <m/>
    <m/>
    <m/>
    <m/>
    <m/>
    <n v="750"/>
    <n v="57.991999999999997"/>
    <m/>
    <x v="2"/>
    <x v="2"/>
    <x v="2"/>
    <x v="2"/>
    <x v="2"/>
    <x v="2"/>
    <x v="2"/>
    <x v="2"/>
    <x v="2"/>
    <x v="2"/>
    <x v="18"/>
    <x v="2"/>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83"/>
    <s v="GI36"/>
    <s v="DBC IDP"/>
    <s v="Dacorum Borough Council"/>
    <x v="4"/>
    <x v="16"/>
    <s v="Local Area for Play (LAP) to support Marchmont Farm (Hm14)"/>
    <m/>
    <s v="On-site Local Area for Play (LAP) to support Marchmont Farm (Hm14)"/>
    <s v="Hemel Garden Communities"/>
    <x v="9"/>
    <s v="Programme Area"/>
    <s v="On-site"/>
    <s v="Developer"/>
    <s v="Hertfordshire County Council"/>
    <s v="2028-2032"/>
    <m/>
    <m/>
    <x v="43"/>
    <m/>
    <s v="S106"/>
    <n v="0"/>
    <n v="43494"/>
    <s v="A - Per dwelling"/>
    <m/>
    <m/>
    <s v="Important"/>
    <x v="0"/>
    <x v="0"/>
    <x v="0"/>
    <x v="0"/>
    <x v="0"/>
    <x v="0"/>
    <x v="0"/>
    <m/>
    <m/>
    <m/>
    <m/>
    <m/>
    <m/>
    <s v="Yes"/>
    <m/>
    <m/>
    <m/>
    <m/>
    <m/>
    <m/>
    <m/>
    <m/>
    <m/>
    <m/>
    <m/>
    <m/>
    <m/>
    <m/>
    <m/>
    <m/>
    <m/>
    <m/>
    <m/>
    <m/>
    <m/>
    <m/>
    <m/>
    <m/>
    <m/>
    <m/>
    <m/>
    <m/>
    <m/>
    <n v="350"/>
    <n v="124.26857142857143"/>
    <m/>
    <x v="2"/>
    <x v="2"/>
    <x v="2"/>
    <x v="2"/>
    <x v="2"/>
    <x v="2"/>
    <x v="2"/>
    <x v="2"/>
    <x v="2"/>
    <x v="2"/>
    <x v="2"/>
    <x v="2"/>
    <x v="2"/>
    <x v="17"/>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84"/>
    <s v="GI37"/>
    <s v="DBC IDP"/>
    <s v="Dacorum Borough Council"/>
    <x v="4"/>
    <x v="16"/>
    <s v="Local Area for Play (LAP) to support Old Town (Hm15)"/>
    <m/>
    <s v="On-site Local Area for Play (LAP) to support Old Town (Hm15)"/>
    <s v="Hemel Garden Communities"/>
    <x v="31"/>
    <s v="Programme Area"/>
    <s v="On-site"/>
    <s v="Developer"/>
    <s v="Hertfordshire County Council"/>
    <s v="2037-2039"/>
    <m/>
    <m/>
    <x v="43"/>
    <m/>
    <s v="S106"/>
    <n v="0"/>
    <n v="43494"/>
    <s v="A - Per dwelling"/>
    <m/>
    <m/>
    <s v="Important"/>
    <x v="0"/>
    <x v="0"/>
    <x v="0"/>
    <x v="0"/>
    <x v="0"/>
    <x v="0"/>
    <x v="0"/>
    <m/>
    <m/>
    <m/>
    <m/>
    <m/>
    <m/>
    <m/>
    <s v="Yes"/>
    <m/>
    <m/>
    <m/>
    <m/>
    <m/>
    <m/>
    <m/>
    <m/>
    <m/>
    <m/>
    <m/>
    <m/>
    <m/>
    <m/>
    <m/>
    <m/>
    <m/>
    <m/>
    <m/>
    <m/>
    <m/>
    <m/>
    <m/>
    <m/>
    <m/>
    <m/>
    <m/>
    <m/>
    <n v="90"/>
    <n v="483.26666666666665"/>
    <m/>
    <x v="2"/>
    <x v="2"/>
    <x v="2"/>
    <x v="2"/>
    <x v="2"/>
    <x v="2"/>
    <x v="2"/>
    <x v="2"/>
    <x v="2"/>
    <x v="2"/>
    <x v="2"/>
    <x v="2"/>
    <x v="2"/>
    <x v="2"/>
    <x v="16"/>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85"/>
    <s v="GI38"/>
    <s v="DBC IDP"/>
    <s v="Dacorum Borough Council"/>
    <x v="4"/>
    <x v="16"/>
    <s v="Local Area for Play (LAP) to support Site to the south of Green Lane (Hm16)"/>
    <m/>
    <s v="On-site Local Area for Play (LAP) to support Site to the south of Green Lane (Hm16)"/>
    <s v="Hemel Garden Communities"/>
    <x v="26"/>
    <s v="Programme Area"/>
    <s v="On-site"/>
    <s v="Developer"/>
    <s v="Hertfordshire County Council"/>
    <s v="2028-2031"/>
    <m/>
    <m/>
    <x v="43"/>
    <m/>
    <s v="S106"/>
    <n v="0"/>
    <n v="43494"/>
    <s v="A - Per dwelling"/>
    <m/>
    <m/>
    <s v="Important"/>
    <x v="0"/>
    <x v="0"/>
    <x v="0"/>
    <x v="0"/>
    <x v="0"/>
    <x v="0"/>
    <x v="0"/>
    <m/>
    <m/>
    <m/>
    <m/>
    <m/>
    <m/>
    <m/>
    <m/>
    <s v="Yes"/>
    <m/>
    <m/>
    <m/>
    <m/>
    <m/>
    <m/>
    <m/>
    <m/>
    <m/>
    <m/>
    <m/>
    <m/>
    <m/>
    <m/>
    <m/>
    <m/>
    <m/>
    <m/>
    <m/>
    <m/>
    <m/>
    <m/>
    <m/>
    <m/>
    <m/>
    <m/>
    <m/>
    <n v="80"/>
    <n v="543.67499999999995"/>
    <m/>
    <x v="2"/>
    <x v="2"/>
    <x v="2"/>
    <x v="2"/>
    <x v="2"/>
    <x v="2"/>
    <x v="2"/>
    <x v="2"/>
    <x v="2"/>
    <x v="2"/>
    <x v="2"/>
    <x v="2"/>
    <x v="2"/>
    <x v="2"/>
    <x v="2"/>
    <x v="17"/>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86"/>
    <s v="GI39"/>
    <s v="DBC IDP"/>
    <s v="Dacorum Borough Council"/>
    <x v="4"/>
    <x v="16"/>
    <s v="Local Area for Play (LAP) to support Grovehill Local Centre (Henry Wells Square) (Grovehill NDP)"/>
    <m/>
    <s v="On-site Local Area for Play (LAP) to support Grovehill Local Centre (Henry Wells Square) (Grovehill NDP)"/>
    <s v="Hemel Garden Communities"/>
    <x v="27"/>
    <s v="Programme Area"/>
    <s v="On-site"/>
    <s v="Developer"/>
    <s v="Hertfordshire County Council"/>
    <s v="2039-2041"/>
    <m/>
    <m/>
    <x v="43"/>
    <m/>
    <s v="S106"/>
    <n v="0"/>
    <n v="43494"/>
    <s v="A - Per dwelling"/>
    <m/>
    <m/>
    <s v="Important"/>
    <x v="0"/>
    <x v="0"/>
    <x v="0"/>
    <x v="0"/>
    <x v="0"/>
    <x v="0"/>
    <x v="0"/>
    <m/>
    <m/>
    <m/>
    <m/>
    <s v="Yes"/>
    <m/>
    <m/>
    <m/>
    <m/>
    <m/>
    <m/>
    <m/>
    <m/>
    <m/>
    <m/>
    <m/>
    <m/>
    <m/>
    <m/>
    <m/>
    <m/>
    <m/>
    <m/>
    <m/>
    <m/>
    <m/>
    <m/>
    <m/>
    <m/>
    <m/>
    <m/>
    <m/>
    <m/>
    <m/>
    <m/>
    <m/>
    <n v="200"/>
    <n v="217.47"/>
    <m/>
    <x v="2"/>
    <x v="2"/>
    <x v="2"/>
    <x v="2"/>
    <x v="2"/>
    <x v="2"/>
    <x v="2"/>
    <x v="2"/>
    <x v="2"/>
    <x v="2"/>
    <x v="2"/>
    <x v="15"/>
    <x v="2"/>
    <x v="2"/>
    <x v="2"/>
    <x v="2"/>
    <x v="2"/>
    <s v=""/>
    <s v=""/>
    <s v=""/>
    <s v=""/>
    <s v=""/>
    <s v=""/>
    <s v=""/>
    <s v=""/>
    <s v=""/>
    <s v=""/>
    <s v=""/>
    <s v=""/>
    <s v=""/>
    <s v=""/>
    <m/>
    <m/>
    <m/>
    <m/>
    <m/>
    <m/>
    <m/>
    <m/>
    <x v="0"/>
    <x v="0"/>
    <x v="0"/>
    <x v="0"/>
    <n v="43494"/>
    <n v="0"/>
    <n v="0"/>
    <n v="0"/>
    <s v="The Dacorum Borough Council Open Space, Sport and Leisure Background Topic Paper (2020) sets out a cost per LAP of £33,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AP for every site over 25 dwellings. "/>
    <s v="Dacorum Borough Council Open Space, Sport and Leisure Background Topic Paper (2020)"/>
    <m/>
  </r>
  <r>
    <m/>
    <n v="87"/>
    <s v="GI40"/>
    <s v="DBC IDP"/>
    <s v="Dacorum Borough Council"/>
    <x v="4"/>
    <x v="18"/>
    <s v="Local Equipped Area for Play (LEAP) to support North Hemel Hempstead (Hm01)"/>
    <m/>
    <s v="On-site Local Equipped Area for Play (LEAP) to support North Hemel Hempstead (Hm01)"/>
    <s v="Hemel Garden Communities"/>
    <x v="4"/>
    <s v="Growth Area"/>
    <s v="On-site"/>
    <s v="Developer"/>
    <s v="Hertfordshire County Council"/>
    <s v="2032-2041"/>
    <m/>
    <m/>
    <x v="45"/>
    <m/>
    <s v="S106"/>
    <n v="0"/>
    <n v="105440"/>
    <s v="A - Per dwelling"/>
    <m/>
    <m/>
    <s v="Important"/>
    <x v="2"/>
    <x v="0"/>
    <x v="0"/>
    <x v="0"/>
    <x v="0"/>
    <x v="0"/>
    <x v="0"/>
    <m/>
    <m/>
    <m/>
    <m/>
    <m/>
    <m/>
    <m/>
    <m/>
    <m/>
    <m/>
    <m/>
    <m/>
    <m/>
    <m/>
    <m/>
    <m/>
    <m/>
    <m/>
    <m/>
    <m/>
    <m/>
    <m/>
    <m/>
    <m/>
    <m/>
    <m/>
    <m/>
    <m/>
    <m/>
    <m/>
    <m/>
    <m/>
    <m/>
    <m/>
    <m/>
    <m/>
    <n v="5000"/>
    <n v="21.088000000000001"/>
    <m/>
    <x v="20"/>
    <x v="2"/>
    <x v="2"/>
    <x v="2"/>
    <x v="2"/>
    <x v="2"/>
    <x v="2"/>
    <x v="2"/>
    <x v="2"/>
    <x v="2"/>
    <x v="2"/>
    <x v="2"/>
    <x v="2"/>
    <x v="2"/>
    <x v="2"/>
    <x v="2"/>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88"/>
    <s v="GI41"/>
    <s v="DBC IDP"/>
    <s v="Dacorum Borough Council"/>
    <x v="4"/>
    <x v="18"/>
    <s v="Local Equipped Area for Play (LEAP) to support Hemel Hospital/Market Square (Hm03)"/>
    <m/>
    <s v="On-site Local Equipped Area for Play (LEAP) to support Hemel Hospital/Market Square (Hm03)"/>
    <s v="Hemel Garden Communities"/>
    <x v="13"/>
    <s v="Programme Area"/>
    <s v="On-site"/>
    <s v="Developer"/>
    <s v="Hertfordshire County Council"/>
    <s v="2036-2041"/>
    <m/>
    <m/>
    <x v="45"/>
    <m/>
    <s v="S106"/>
    <n v="0"/>
    <n v="105440"/>
    <s v="A - Per dwelling"/>
    <m/>
    <m/>
    <s v="Important"/>
    <x v="0"/>
    <x v="0"/>
    <x v="2"/>
    <x v="0"/>
    <x v="0"/>
    <x v="0"/>
    <x v="0"/>
    <m/>
    <m/>
    <m/>
    <m/>
    <m/>
    <m/>
    <m/>
    <m/>
    <m/>
    <m/>
    <m/>
    <m/>
    <m/>
    <m/>
    <m/>
    <m/>
    <m/>
    <m/>
    <m/>
    <m/>
    <m/>
    <m/>
    <m/>
    <m/>
    <m/>
    <m/>
    <m/>
    <m/>
    <m/>
    <m/>
    <m/>
    <m/>
    <m/>
    <m/>
    <m/>
    <m/>
    <n v="450"/>
    <n v="234.3111111111111"/>
    <m/>
    <x v="2"/>
    <x v="2"/>
    <x v="17"/>
    <x v="2"/>
    <x v="2"/>
    <x v="2"/>
    <x v="2"/>
    <x v="2"/>
    <x v="2"/>
    <x v="2"/>
    <x v="2"/>
    <x v="2"/>
    <x v="2"/>
    <x v="2"/>
    <x v="2"/>
    <x v="2"/>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89"/>
    <s v="GI42"/>
    <s v="DBC IDP"/>
    <s v="Dacorum Borough Council"/>
    <x v="4"/>
    <x v="18"/>
    <s v="Local Equipped Area for Play (LEAP) to support Civic Zone, Marlowes (Hm02)"/>
    <m/>
    <s v="On-site Local Equipped Area for Play (LEAP) to support Civic Zone, Marlowes (Hm02)"/>
    <s v="Hemel Garden Communities"/>
    <x v="18"/>
    <s v="Programme Area"/>
    <s v="On-site"/>
    <s v="Developer"/>
    <s v="Hertfordshire County Council"/>
    <s v="2028-2031"/>
    <m/>
    <m/>
    <x v="45"/>
    <m/>
    <s v="S106"/>
    <n v="0"/>
    <n v="105440"/>
    <s v="A - Per dwelling"/>
    <m/>
    <m/>
    <s v="Important"/>
    <x v="0"/>
    <x v="2"/>
    <x v="0"/>
    <x v="0"/>
    <x v="0"/>
    <x v="0"/>
    <x v="0"/>
    <m/>
    <m/>
    <m/>
    <m/>
    <m/>
    <m/>
    <m/>
    <m/>
    <m/>
    <m/>
    <m/>
    <m/>
    <m/>
    <m/>
    <m/>
    <m/>
    <m/>
    <m/>
    <m/>
    <m/>
    <m/>
    <m/>
    <m/>
    <m/>
    <m/>
    <m/>
    <m/>
    <m/>
    <m/>
    <m/>
    <m/>
    <m/>
    <m/>
    <m/>
    <m/>
    <m/>
    <n v="200"/>
    <n v="527.20000000000005"/>
    <m/>
    <x v="2"/>
    <x v="17"/>
    <x v="2"/>
    <x v="2"/>
    <x v="2"/>
    <x v="2"/>
    <x v="2"/>
    <x v="2"/>
    <x v="2"/>
    <x v="2"/>
    <x v="2"/>
    <x v="2"/>
    <x v="2"/>
    <x v="2"/>
    <x v="2"/>
    <x v="2"/>
    <x v="2"/>
    <s v=""/>
    <s v=""/>
    <s v=""/>
    <s v=""/>
    <s v=""/>
    <s v=""/>
    <s v=""/>
    <s v=""/>
    <s v=""/>
    <s v=""/>
    <s v=""/>
    <s v=""/>
    <s v=""/>
    <s v=""/>
    <m/>
    <m/>
    <m/>
    <m/>
    <m/>
    <m/>
    <m/>
    <m/>
    <x v="0"/>
    <x v="0"/>
    <x v="0"/>
    <x v="0"/>
    <n v="105440.00000000001"/>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90"/>
    <s v="GI43"/>
    <s v="DBC IDP"/>
    <s v="Dacorum Borough Council"/>
    <x v="4"/>
    <x v="18"/>
    <s v="Local Equipped Area for Play (LEAP) to support Paradise (Hm04)"/>
    <m/>
    <s v="On-site Local Equipped Area for Play (LEAP) to support Paradise (Hm04)"/>
    <s v="Hemel Garden Communities"/>
    <x v="19"/>
    <s v="Programme Area"/>
    <s v="On-site"/>
    <s v="Developer"/>
    <s v="Hertfordshire County Council"/>
    <s v="2026-2038"/>
    <m/>
    <m/>
    <x v="45"/>
    <m/>
    <s v="S106"/>
    <n v="0"/>
    <n v="105440"/>
    <s v="A - Per dwelling"/>
    <m/>
    <m/>
    <s v="Important"/>
    <x v="0"/>
    <x v="0"/>
    <x v="0"/>
    <x v="2"/>
    <x v="0"/>
    <x v="0"/>
    <x v="0"/>
    <m/>
    <m/>
    <m/>
    <m/>
    <m/>
    <m/>
    <m/>
    <m/>
    <m/>
    <m/>
    <m/>
    <m/>
    <m/>
    <m/>
    <m/>
    <m/>
    <m/>
    <m/>
    <m/>
    <m/>
    <m/>
    <m/>
    <m/>
    <m/>
    <m/>
    <m/>
    <m/>
    <m/>
    <m/>
    <m/>
    <m/>
    <m/>
    <m/>
    <m/>
    <m/>
    <m/>
    <n v="350"/>
    <n v="301.25714285714287"/>
    <m/>
    <x v="2"/>
    <x v="2"/>
    <x v="2"/>
    <x v="17"/>
    <x v="2"/>
    <x v="2"/>
    <x v="2"/>
    <x v="2"/>
    <x v="2"/>
    <x v="2"/>
    <x v="2"/>
    <x v="2"/>
    <x v="2"/>
    <x v="2"/>
    <x v="2"/>
    <x v="2"/>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91"/>
    <s v="GI44"/>
    <s v="DBC IDP"/>
    <s v="Dacorum Borough Council"/>
    <x v="4"/>
    <x v="18"/>
    <s v="Local Equipped Area for Play (LEAP) to support Riverside (Hm06)"/>
    <m/>
    <s v="On-site Local Equipped Area for Play (LEAP) to support Riverside (Hm06)"/>
    <s v="Hemel Garden Communities"/>
    <x v="10"/>
    <s v="Programme Area"/>
    <s v="On-site"/>
    <s v="Developer"/>
    <s v="Hertfordshire County Council"/>
    <s v="2026-2031"/>
    <m/>
    <m/>
    <x v="45"/>
    <m/>
    <s v="S106"/>
    <n v="0"/>
    <n v="105440"/>
    <s v="A - Per dwelling"/>
    <m/>
    <m/>
    <s v="Important"/>
    <x v="0"/>
    <x v="0"/>
    <x v="0"/>
    <x v="0"/>
    <x v="2"/>
    <x v="0"/>
    <x v="0"/>
    <m/>
    <m/>
    <m/>
    <m/>
    <m/>
    <m/>
    <m/>
    <m/>
    <m/>
    <m/>
    <m/>
    <m/>
    <m/>
    <m/>
    <m/>
    <m/>
    <m/>
    <m/>
    <m/>
    <m/>
    <m/>
    <m/>
    <m/>
    <m/>
    <m/>
    <m/>
    <m/>
    <m/>
    <m/>
    <m/>
    <m/>
    <m/>
    <m/>
    <m/>
    <m/>
    <m/>
    <n v="500"/>
    <n v="210.88"/>
    <m/>
    <x v="2"/>
    <x v="2"/>
    <x v="2"/>
    <x v="2"/>
    <x v="18"/>
    <x v="2"/>
    <x v="2"/>
    <x v="2"/>
    <x v="2"/>
    <x v="2"/>
    <x v="2"/>
    <x v="2"/>
    <x v="2"/>
    <x v="2"/>
    <x v="2"/>
    <x v="2"/>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92"/>
    <s v="GI45"/>
    <s v="DBC IDP"/>
    <s v="Dacorum Borough Council"/>
    <x v="4"/>
    <x v="18"/>
    <s v="Local Equipped Area for Play (LEAP) to support Symbio Site, Whiteleaf Road (Hm07)"/>
    <m/>
    <s v="On-site Local Equipped Area for Play (LEAP) to support Symbio Site, Whiteleaf Road (Hm07)"/>
    <s v="Hemel Garden Communities"/>
    <x v="20"/>
    <s v="Programme Area"/>
    <s v="On-site"/>
    <s v="Developer"/>
    <s v="Hertfordshire County Council"/>
    <s v="2029-2030"/>
    <m/>
    <m/>
    <x v="45"/>
    <m/>
    <s v="S106"/>
    <n v="0"/>
    <n v="105440"/>
    <s v="A - Per dwelling"/>
    <m/>
    <m/>
    <s v="Important"/>
    <x v="0"/>
    <x v="0"/>
    <x v="0"/>
    <x v="0"/>
    <x v="0"/>
    <x v="0"/>
    <x v="2"/>
    <m/>
    <m/>
    <m/>
    <m/>
    <m/>
    <m/>
    <m/>
    <m/>
    <m/>
    <m/>
    <m/>
    <m/>
    <m/>
    <m/>
    <m/>
    <m/>
    <m/>
    <m/>
    <m/>
    <m/>
    <m/>
    <m/>
    <m/>
    <m/>
    <m/>
    <m/>
    <m/>
    <m/>
    <m/>
    <m/>
    <m/>
    <m/>
    <m/>
    <m/>
    <m/>
    <m/>
    <n v="100"/>
    <n v="1054.4000000000001"/>
    <m/>
    <x v="2"/>
    <x v="2"/>
    <x v="2"/>
    <x v="2"/>
    <x v="2"/>
    <x v="2"/>
    <x v="17"/>
    <x v="2"/>
    <x v="2"/>
    <x v="2"/>
    <x v="2"/>
    <x v="2"/>
    <x v="2"/>
    <x v="2"/>
    <x v="2"/>
    <x v="2"/>
    <x v="2"/>
    <s v=""/>
    <s v=""/>
    <s v=""/>
    <s v=""/>
    <s v=""/>
    <s v=""/>
    <s v=""/>
    <s v=""/>
    <s v=""/>
    <s v=""/>
    <s v=""/>
    <s v=""/>
    <s v=""/>
    <s v=""/>
    <m/>
    <m/>
    <m/>
    <m/>
    <m/>
    <m/>
    <m/>
    <m/>
    <x v="0"/>
    <x v="0"/>
    <x v="0"/>
    <x v="0"/>
    <n v="105440.00000000001"/>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93"/>
    <s v="GI46"/>
    <s v="DBC IDP"/>
    <s v="Dacorum Borough Council"/>
    <x v="4"/>
    <x v="18"/>
    <s v="Local Equipped Area for Play (LEAP) to support Hemel Hempstead Station Gateway (Hm08)"/>
    <m/>
    <s v="On-site Local Equipped Area for Play (LEAP) to support Hemel Hempstead Station Gateway (Hm08)"/>
    <s v="Hemel Garden Communities"/>
    <x v="21"/>
    <s v="Programme Area"/>
    <s v="On-site"/>
    <s v="Developer"/>
    <s v="Hertfordshire County Council"/>
    <s v="2027-2032"/>
    <m/>
    <m/>
    <x v="45"/>
    <m/>
    <s v="S106"/>
    <n v="0"/>
    <n v="105440"/>
    <s v="A - Per dwelling"/>
    <m/>
    <m/>
    <s v="Important"/>
    <x v="0"/>
    <x v="0"/>
    <x v="0"/>
    <x v="0"/>
    <x v="0"/>
    <x v="0"/>
    <x v="0"/>
    <s v="Yes"/>
    <m/>
    <m/>
    <m/>
    <m/>
    <m/>
    <m/>
    <m/>
    <m/>
    <m/>
    <m/>
    <m/>
    <m/>
    <m/>
    <m/>
    <m/>
    <m/>
    <m/>
    <m/>
    <m/>
    <m/>
    <m/>
    <m/>
    <m/>
    <m/>
    <m/>
    <m/>
    <m/>
    <m/>
    <m/>
    <m/>
    <m/>
    <m/>
    <m/>
    <m/>
    <m/>
    <n v="390"/>
    <n v="270.35897435897436"/>
    <m/>
    <x v="2"/>
    <x v="2"/>
    <x v="2"/>
    <x v="2"/>
    <x v="2"/>
    <x v="2"/>
    <x v="2"/>
    <x v="18"/>
    <x v="2"/>
    <x v="2"/>
    <x v="2"/>
    <x v="2"/>
    <x v="2"/>
    <x v="2"/>
    <x v="2"/>
    <x v="2"/>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94"/>
    <s v="GI47"/>
    <s v="DBC IDP"/>
    <s v="Dacorum Borough Council"/>
    <x v="4"/>
    <x v="18"/>
    <s v="Local Equipped Area for Play (LEAP) to support National Grid and 339-353 London Road (Hm09)"/>
    <m/>
    <s v="On-site Local Equipped Area for Play (LEAP) to support National Grid and 339-353 London Road (Hm09)"/>
    <s v="Hemel Garden Communities"/>
    <x v="22"/>
    <s v="Programme Area"/>
    <s v="On-site"/>
    <s v="Developer"/>
    <s v="Hertfordshire County Council"/>
    <s v="2028-2032"/>
    <m/>
    <m/>
    <x v="45"/>
    <m/>
    <s v="S106"/>
    <n v="0"/>
    <n v="105440"/>
    <s v="A - Per dwelling"/>
    <m/>
    <m/>
    <s v="Important"/>
    <x v="0"/>
    <x v="0"/>
    <x v="0"/>
    <x v="0"/>
    <x v="0"/>
    <x v="2"/>
    <x v="0"/>
    <m/>
    <m/>
    <m/>
    <m/>
    <m/>
    <m/>
    <m/>
    <m/>
    <m/>
    <m/>
    <m/>
    <m/>
    <m/>
    <m/>
    <m/>
    <m/>
    <m/>
    <m/>
    <m/>
    <m/>
    <m/>
    <m/>
    <m/>
    <m/>
    <m/>
    <m/>
    <m/>
    <m/>
    <m/>
    <m/>
    <m/>
    <m/>
    <m/>
    <m/>
    <m/>
    <m/>
    <n v="480"/>
    <n v="219.66666666666666"/>
    <m/>
    <x v="2"/>
    <x v="2"/>
    <x v="2"/>
    <x v="2"/>
    <x v="2"/>
    <x v="18"/>
    <x v="2"/>
    <x v="2"/>
    <x v="2"/>
    <x v="2"/>
    <x v="2"/>
    <x v="2"/>
    <x v="2"/>
    <x v="2"/>
    <x v="2"/>
    <x v="2"/>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95"/>
    <s v="GI48"/>
    <s v="DBC IDP"/>
    <s v="Dacorum Borough Council"/>
    <x v="4"/>
    <x v="18"/>
    <s v="Local Equipped Area for Play (LEAP) to support Apsley Mills Retail Park (Hm10)"/>
    <m/>
    <s v="On-site Local Equipped Area for Play (LEAP) to support Apsley Mills Retail Park (Hm10)"/>
    <s v="Hemel Garden Communities"/>
    <x v="23"/>
    <s v="Programme Area"/>
    <s v="On-site"/>
    <s v="Developer"/>
    <s v="Hertfordshire County Council"/>
    <s v="2035-2041"/>
    <m/>
    <m/>
    <x v="45"/>
    <m/>
    <s v="S106"/>
    <n v="0"/>
    <n v="105440"/>
    <s v="A - Per dwelling"/>
    <m/>
    <m/>
    <s v="Important"/>
    <x v="0"/>
    <x v="0"/>
    <x v="0"/>
    <x v="0"/>
    <x v="0"/>
    <x v="0"/>
    <x v="0"/>
    <m/>
    <s v="Yes"/>
    <m/>
    <m/>
    <m/>
    <m/>
    <m/>
    <m/>
    <m/>
    <m/>
    <m/>
    <m/>
    <m/>
    <m/>
    <m/>
    <m/>
    <m/>
    <m/>
    <m/>
    <m/>
    <m/>
    <m/>
    <m/>
    <m/>
    <m/>
    <m/>
    <m/>
    <m/>
    <m/>
    <m/>
    <m/>
    <m/>
    <m/>
    <m/>
    <m/>
    <m/>
    <n v="500"/>
    <n v="210.88"/>
    <m/>
    <x v="2"/>
    <x v="2"/>
    <x v="2"/>
    <x v="2"/>
    <x v="2"/>
    <x v="2"/>
    <x v="2"/>
    <x v="2"/>
    <x v="17"/>
    <x v="2"/>
    <x v="2"/>
    <x v="2"/>
    <x v="2"/>
    <x v="2"/>
    <x v="2"/>
    <x v="2"/>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96"/>
    <s v="GI49"/>
    <s v="DBC IDP"/>
    <s v="Dacorum Borough Council"/>
    <x v="4"/>
    <x v="18"/>
    <s v="Local Equipped Area for Play (LEAP) to support Shendish Manor and Fairfields (Hm11)"/>
    <m/>
    <s v="On-site Local Equipped Area for Play (LEAP) to support Shendish Manor and Fairfields (Hm11)"/>
    <s v="Hemel Garden Communities"/>
    <x v="5"/>
    <s v="Programme Area"/>
    <s v="On-site"/>
    <s v="Developer"/>
    <s v="Hertfordshire County Council"/>
    <s v="2027-2032"/>
    <m/>
    <m/>
    <x v="45"/>
    <m/>
    <s v="S106"/>
    <n v="0"/>
    <n v="105440"/>
    <s v="A - Per dwelling"/>
    <m/>
    <m/>
    <s v="Important"/>
    <x v="0"/>
    <x v="0"/>
    <x v="0"/>
    <x v="0"/>
    <x v="0"/>
    <x v="0"/>
    <x v="0"/>
    <m/>
    <m/>
    <s v="Yes"/>
    <m/>
    <m/>
    <m/>
    <m/>
    <m/>
    <m/>
    <m/>
    <m/>
    <m/>
    <m/>
    <m/>
    <m/>
    <m/>
    <m/>
    <m/>
    <m/>
    <m/>
    <m/>
    <m/>
    <m/>
    <m/>
    <m/>
    <m/>
    <m/>
    <m/>
    <m/>
    <m/>
    <m/>
    <m/>
    <m/>
    <m/>
    <m/>
    <m/>
    <n v="500"/>
    <n v="210.88"/>
    <m/>
    <x v="2"/>
    <x v="2"/>
    <x v="2"/>
    <x v="2"/>
    <x v="2"/>
    <x v="2"/>
    <x v="2"/>
    <x v="2"/>
    <x v="2"/>
    <x v="18"/>
    <x v="2"/>
    <x v="2"/>
    <x v="2"/>
    <x v="2"/>
    <x v="2"/>
    <x v="2"/>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97"/>
    <s v="GI50"/>
    <s v="DBC IDP"/>
    <s v="Dacorum Borough Council"/>
    <x v="4"/>
    <x v="18"/>
    <s v="Local Equipped Area for Play (LEAP) to support Plots 2/3 Kier Park, Maylands Avenue (Hm12)"/>
    <m/>
    <s v="On-site Local Equipped Area for Play (LEAP) to support Plots 2/3 Kier Park, Maylands Avenue (Hm12)"/>
    <s v="Hemel Garden Communities"/>
    <x v="29"/>
    <s v="Programme Area"/>
    <s v="On-site"/>
    <s v="Developer"/>
    <s v="Hertfordshire County Council"/>
    <s v="2026-2029"/>
    <m/>
    <m/>
    <x v="45"/>
    <m/>
    <s v="S106"/>
    <n v="0"/>
    <n v="105440"/>
    <s v="A - Per dwelling"/>
    <m/>
    <m/>
    <s v="Important"/>
    <x v="0"/>
    <x v="0"/>
    <x v="0"/>
    <x v="0"/>
    <x v="0"/>
    <x v="0"/>
    <x v="0"/>
    <m/>
    <m/>
    <m/>
    <m/>
    <m/>
    <s v="Yes"/>
    <m/>
    <m/>
    <m/>
    <m/>
    <m/>
    <m/>
    <m/>
    <m/>
    <m/>
    <m/>
    <m/>
    <m/>
    <m/>
    <m/>
    <m/>
    <m/>
    <m/>
    <m/>
    <m/>
    <m/>
    <m/>
    <m/>
    <m/>
    <m/>
    <m/>
    <m/>
    <m/>
    <m/>
    <m/>
    <m/>
    <n v="234"/>
    <n v="450.59829059829059"/>
    <m/>
    <x v="2"/>
    <x v="2"/>
    <x v="2"/>
    <x v="2"/>
    <x v="2"/>
    <x v="2"/>
    <x v="2"/>
    <x v="2"/>
    <x v="2"/>
    <x v="2"/>
    <x v="2"/>
    <x v="2"/>
    <x v="17"/>
    <x v="2"/>
    <x v="2"/>
    <x v="2"/>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98"/>
    <s v="GI51"/>
    <s v="DBC IDP"/>
    <s v="Dacorum Borough Council"/>
    <x v="4"/>
    <x v="18"/>
    <s v="Local Equipped Area for Play (LEAP) to support Polehanger Lane (Hm13)"/>
    <m/>
    <s v="On-site Local Equipped Area for Play (LEAP) to support Polehanger Lane (Hm13)"/>
    <s v="Hemel Garden Communities"/>
    <x v="30"/>
    <s v="Programme Area"/>
    <s v="On-site"/>
    <s v="Developer"/>
    <s v="Hertfordshire County Council"/>
    <s v="2031-2039"/>
    <m/>
    <m/>
    <x v="45"/>
    <m/>
    <s v="S106"/>
    <n v="0"/>
    <n v="105440"/>
    <s v="A - Per dwelling"/>
    <m/>
    <m/>
    <s v="Important"/>
    <x v="0"/>
    <x v="0"/>
    <x v="0"/>
    <x v="0"/>
    <x v="0"/>
    <x v="0"/>
    <x v="0"/>
    <m/>
    <m/>
    <m/>
    <s v="Yes"/>
    <m/>
    <m/>
    <m/>
    <m/>
    <m/>
    <m/>
    <m/>
    <m/>
    <m/>
    <m/>
    <m/>
    <m/>
    <m/>
    <m/>
    <m/>
    <m/>
    <m/>
    <m/>
    <m/>
    <m/>
    <m/>
    <m/>
    <m/>
    <m/>
    <m/>
    <m/>
    <m/>
    <m/>
    <m/>
    <m/>
    <m/>
    <m/>
    <n v="750"/>
    <n v="140.58666666666667"/>
    <m/>
    <x v="2"/>
    <x v="2"/>
    <x v="2"/>
    <x v="2"/>
    <x v="2"/>
    <x v="2"/>
    <x v="2"/>
    <x v="2"/>
    <x v="2"/>
    <x v="2"/>
    <x v="19"/>
    <x v="2"/>
    <x v="2"/>
    <x v="2"/>
    <x v="2"/>
    <x v="2"/>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99"/>
    <s v="GI52"/>
    <s v="DBC IDP"/>
    <s v="Dacorum Borough Council"/>
    <x v="4"/>
    <x v="18"/>
    <s v="Local Equipped Area for Play (LEAP) to support Marchmont Farm (Hm14)"/>
    <m/>
    <s v="On-site Local Equipped Area for Play (LEAP) to support Marchmont Farm (Hm14)"/>
    <s v="Hemel Garden Communities"/>
    <x v="9"/>
    <s v="Programme Area"/>
    <s v="On-site"/>
    <s v="Developer"/>
    <s v="Hertfordshire County Council"/>
    <s v="2028-2032"/>
    <m/>
    <m/>
    <x v="45"/>
    <m/>
    <s v="S106"/>
    <n v="0"/>
    <n v="105440"/>
    <s v="A - Per dwelling"/>
    <m/>
    <m/>
    <s v="Important"/>
    <x v="0"/>
    <x v="0"/>
    <x v="0"/>
    <x v="0"/>
    <x v="0"/>
    <x v="0"/>
    <x v="0"/>
    <m/>
    <m/>
    <m/>
    <m/>
    <m/>
    <m/>
    <s v="Yes"/>
    <m/>
    <m/>
    <m/>
    <m/>
    <m/>
    <m/>
    <m/>
    <m/>
    <m/>
    <m/>
    <m/>
    <m/>
    <m/>
    <m/>
    <m/>
    <m/>
    <m/>
    <m/>
    <m/>
    <m/>
    <m/>
    <m/>
    <m/>
    <m/>
    <m/>
    <m/>
    <m/>
    <m/>
    <m/>
    <n v="350"/>
    <n v="301.25714285714287"/>
    <m/>
    <x v="2"/>
    <x v="2"/>
    <x v="2"/>
    <x v="2"/>
    <x v="2"/>
    <x v="2"/>
    <x v="2"/>
    <x v="2"/>
    <x v="2"/>
    <x v="2"/>
    <x v="2"/>
    <x v="2"/>
    <x v="2"/>
    <x v="18"/>
    <x v="2"/>
    <x v="2"/>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100"/>
    <s v="GI53"/>
    <s v="DBC IDP"/>
    <s v="Dacorum Borough Council"/>
    <x v="4"/>
    <x v="18"/>
    <s v="Local Equipped Area for Play (LEAP) to support Old Town (Hm15)"/>
    <m/>
    <s v="On-site Local Equipped Area for Play (LEAP) to support Old Town (Hm15)"/>
    <s v="Hemel Garden Communities"/>
    <x v="31"/>
    <s v="Programme Area"/>
    <s v="On-site"/>
    <s v="Developer"/>
    <s v="Hertfordshire County Council"/>
    <s v="2037-2039"/>
    <m/>
    <m/>
    <x v="45"/>
    <m/>
    <s v="S106"/>
    <n v="0"/>
    <n v="105440"/>
    <s v="A - Per dwelling"/>
    <m/>
    <m/>
    <s v="Important"/>
    <x v="0"/>
    <x v="0"/>
    <x v="0"/>
    <x v="0"/>
    <x v="0"/>
    <x v="0"/>
    <x v="0"/>
    <m/>
    <m/>
    <m/>
    <m/>
    <m/>
    <m/>
    <m/>
    <s v="Yes"/>
    <m/>
    <m/>
    <m/>
    <m/>
    <m/>
    <m/>
    <m/>
    <m/>
    <m/>
    <m/>
    <m/>
    <m/>
    <m/>
    <m/>
    <m/>
    <m/>
    <m/>
    <m/>
    <m/>
    <m/>
    <m/>
    <m/>
    <m/>
    <m/>
    <m/>
    <m/>
    <m/>
    <m/>
    <n v="90"/>
    <n v="1171.5555555555557"/>
    <m/>
    <x v="2"/>
    <x v="2"/>
    <x v="2"/>
    <x v="2"/>
    <x v="2"/>
    <x v="2"/>
    <x v="2"/>
    <x v="2"/>
    <x v="2"/>
    <x v="2"/>
    <x v="2"/>
    <x v="2"/>
    <x v="2"/>
    <x v="2"/>
    <x v="17"/>
    <x v="2"/>
    <x v="2"/>
    <s v=""/>
    <s v=""/>
    <s v=""/>
    <s v=""/>
    <s v=""/>
    <s v=""/>
    <s v=""/>
    <s v=""/>
    <s v=""/>
    <s v=""/>
    <s v=""/>
    <s v=""/>
    <s v=""/>
    <s v=""/>
    <m/>
    <m/>
    <m/>
    <m/>
    <m/>
    <m/>
    <m/>
    <m/>
    <x v="0"/>
    <x v="0"/>
    <x v="0"/>
    <x v="0"/>
    <n v="105440.00000000001"/>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101"/>
    <s v="GI54"/>
    <s v="DBC IDP"/>
    <s v="Dacorum Borough Council"/>
    <x v="4"/>
    <x v="18"/>
    <s v="Local Equipped Area for Play (LEAP) to support Site to the south of Green Lane (Hm16)"/>
    <m/>
    <s v="On-site Local Equipped Area for Play (LEAP) to support Site to the south of Green Lane (Hm16)"/>
    <s v="Hemel Garden Communities"/>
    <x v="26"/>
    <s v="Programme Area"/>
    <s v="On-site"/>
    <s v="Developer"/>
    <s v="Hertfordshire County Council"/>
    <s v="2028-2031"/>
    <m/>
    <m/>
    <x v="45"/>
    <m/>
    <s v="S106"/>
    <n v="0"/>
    <n v="105440"/>
    <s v="A - Per dwelling"/>
    <m/>
    <m/>
    <s v="Important"/>
    <x v="0"/>
    <x v="0"/>
    <x v="0"/>
    <x v="0"/>
    <x v="0"/>
    <x v="0"/>
    <x v="0"/>
    <m/>
    <m/>
    <m/>
    <m/>
    <m/>
    <m/>
    <m/>
    <m/>
    <s v="Yes"/>
    <m/>
    <m/>
    <m/>
    <m/>
    <m/>
    <m/>
    <m/>
    <m/>
    <m/>
    <m/>
    <m/>
    <m/>
    <m/>
    <m/>
    <m/>
    <m/>
    <m/>
    <m/>
    <m/>
    <m/>
    <m/>
    <m/>
    <m/>
    <m/>
    <m/>
    <m/>
    <m/>
    <n v="80"/>
    <n v="1318"/>
    <m/>
    <x v="2"/>
    <x v="2"/>
    <x v="2"/>
    <x v="2"/>
    <x v="2"/>
    <x v="2"/>
    <x v="2"/>
    <x v="2"/>
    <x v="2"/>
    <x v="2"/>
    <x v="2"/>
    <x v="2"/>
    <x v="2"/>
    <x v="2"/>
    <x v="2"/>
    <x v="18"/>
    <x v="2"/>
    <s v=""/>
    <s v=""/>
    <s v=""/>
    <s v=""/>
    <s v=""/>
    <s v=""/>
    <s v=""/>
    <s v=""/>
    <s v=""/>
    <s v=""/>
    <s v=""/>
    <s v=""/>
    <s v=""/>
    <s v=""/>
    <m/>
    <m/>
    <m/>
    <m/>
    <m/>
    <m/>
    <m/>
    <m/>
    <x v="0"/>
    <x v="0"/>
    <x v="0"/>
    <x v="0"/>
    <n v="105440"/>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102"/>
    <s v="GI55"/>
    <s v="DBC IDP"/>
    <s v="Dacorum Borough Council"/>
    <x v="4"/>
    <x v="18"/>
    <s v="Local Equipped Area for Play (LEAP) to support Grovehill Local Centre (Henry Wells Square) (Grovehill NDP)"/>
    <m/>
    <s v="On-site Local Equipped Area for Play (LEAP) to support Grovehill Local Centre (Henry Wells Square) (Grovehill NDP)"/>
    <s v="Hemel Garden Communities"/>
    <x v="27"/>
    <s v="Programme Area"/>
    <s v="On-site"/>
    <s v="Developer"/>
    <s v="Hertfordshire County Council"/>
    <s v="2039-2041"/>
    <m/>
    <m/>
    <x v="45"/>
    <m/>
    <s v="S106"/>
    <n v="0"/>
    <n v="105440"/>
    <s v="A - Per dwelling"/>
    <m/>
    <m/>
    <s v="Important"/>
    <x v="0"/>
    <x v="0"/>
    <x v="0"/>
    <x v="0"/>
    <x v="0"/>
    <x v="0"/>
    <x v="0"/>
    <m/>
    <m/>
    <m/>
    <m/>
    <s v="Yes"/>
    <m/>
    <m/>
    <m/>
    <m/>
    <m/>
    <m/>
    <m/>
    <m/>
    <m/>
    <m/>
    <m/>
    <m/>
    <m/>
    <m/>
    <m/>
    <m/>
    <m/>
    <m/>
    <m/>
    <m/>
    <m/>
    <m/>
    <m/>
    <m/>
    <m/>
    <m/>
    <m/>
    <m/>
    <m/>
    <m/>
    <m/>
    <n v="200"/>
    <n v="527.20000000000005"/>
    <m/>
    <x v="2"/>
    <x v="2"/>
    <x v="2"/>
    <x v="2"/>
    <x v="2"/>
    <x v="2"/>
    <x v="2"/>
    <x v="2"/>
    <x v="2"/>
    <x v="2"/>
    <x v="2"/>
    <x v="16"/>
    <x v="2"/>
    <x v="2"/>
    <x v="2"/>
    <x v="2"/>
    <x v="2"/>
    <s v=""/>
    <s v=""/>
    <s v=""/>
    <s v=""/>
    <s v=""/>
    <s v=""/>
    <s v=""/>
    <s v=""/>
    <s v=""/>
    <s v=""/>
    <s v=""/>
    <s v=""/>
    <s v=""/>
    <s v=""/>
    <m/>
    <m/>
    <m/>
    <m/>
    <m/>
    <m/>
    <m/>
    <m/>
    <x v="0"/>
    <x v="0"/>
    <x v="0"/>
    <x v="0"/>
    <n v="105440.00000000001"/>
    <n v="0"/>
    <n v="0"/>
    <n v="0"/>
    <s v="The Dacorum Borough Council Open Space, Sport and Leisure Background Topic Paper (2020) sets out a cost per LEAP of £8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LEAP for every development over 70 dwellings."/>
    <s v="Dacorum Borough Council Open Space, Sport and Leisure Background Topic Paper (2020)"/>
    <m/>
  </r>
  <r>
    <m/>
    <n v="103"/>
    <s v="GI56"/>
    <s v="DBC IDP"/>
    <s v="Dacorum Borough Council"/>
    <x v="4"/>
    <x v="19"/>
    <s v="2 Neighbourhood Equipped Area for Play (NEAP), to support North Hemel Hempstead (Hm01)"/>
    <m/>
    <s v="2 on-site Neighbourhood Equipped Areas for Play (NEAP), to support North Hemel Hempstead (Hm01)"/>
    <s v="Hemel Garden Communities"/>
    <x v="4"/>
    <s v="Growth Area"/>
    <s v="On-site"/>
    <s v="Developer"/>
    <s v="Hertfordshire County Council"/>
    <s v="2032-2041"/>
    <m/>
    <m/>
    <x v="46"/>
    <m/>
    <s v="S106"/>
    <n v="0"/>
    <n v="434940"/>
    <s v="A - Per dwelling"/>
    <m/>
    <m/>
    <s v="Important"/>
    <x v="2"/>
    <x v="0"/>
    <x v="0"/>
    <x v="0"/>
    <x v="0"/>
    <x v="0"/>
    <x v="0"/>
    <m/>
    <m/>
    <m/>
    <m/>
    <m/>
    <m/>
    <m/>
    <m/>
    <m/>
    <m/>
    <m/>
    <m/>
    <m/>
    <m/>
    <m/>
    <m/>
    <m/>
    <m/>
    <m/>
    <m/>
    <m/>
    <m/>
    <m/>
    <m/>
    <m/>
    <m/>
    <m/>
    <m/>
    <m/>
    <m/>
    <m/>
    <m/>
    <m/>
    <m/>
    <m/>
    <m/>
    <n v="5000"/>
    <n v="86.988"/>
    <m/>
    <x v="21"/>
    <x v="2"/>
    <x v="2"/>
    <x v="2"/>
    <x v="2"/>
    <x v="2"/>
    <x v="2"/>
    <x v="2"/>
    <x v="2"/>
    <x v="2"/>
    <x v="2"/>
    <x v="2"/>
    <x v="2"/>
    <x v="2"/>
    <x v="2"/>
    <x v="2"/>
    <x v="2"/>
    <s v=""/>
    <s v=""/>
    <s v=""/>
    <s v=""/>
    <s v=""/>
    <s v=""/>
    <s v=""/>
    <s v=""/>
    <s v=""/>
    <s v=""/>
    <s v=""/>
    <s v=""/>
    <s v=""/>
    <s v=""/>
    <m/>
    <m/>
    <m/>
    <m/>
    <m/>
    <m/>
    <m/>
    <m/>
    <x v="0"/>
    <x v="0"/>
    <x v="0"/>
    <x v="0"/>
    <n v="434940"/>
    <n v="0"/>
    <n v="0"/>
    <n v="0"/>
    <s v="The Dacorum Borough Council Open Space, Sport and Leisure Background Topic Paper (2020) sets out a cost per NEAP of £16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NEAP for every development over 500 dwellings."/>
    <s v="Dacorum Borough Council Open Space, Sport and Leisure Background Topic Paper (2020)"/>
    <m/>
  </r>
  <r>
    <m/>
    <n v="104"/>
    <s v="GI57"/>
    <s v="DBC IDP"/>
    <s v="Dacorum Borough Council"/>
    <x v="4"/>
    <x v="19"/>
    <s v="1 Neighbourhood Equipped Area for Play (NEAP), to support Shendish Manor and Fairfields (Hm11)"/>
    <m/>
    <s v="1 on-site Neighbourhood Equipped Area for Play (NEAP), to support Shendish Manor and Fairfields (Hm11), supported by off-site contributions"/>
    <s v="Hemel Garden Communities"/>
    <x v="5"/>
    <s v="Programme Area"/>
    <s v="On-site / Off-site"/>
    <s v="Developer"/>
    <s v="Hertfordshire County Council"/>
    <s v="2027-2032"/>
    <m/>
    <m/>
    <x v="47"/>
    <m/>
    <s v="S106"/>
    <n v="0"/>
    <n v="108735"/>
    <s v="A - Per dwelling"/>
    <m/>
    <m/>
    <s v="Important"/>
    <x v="0"/>
    <x v="0"/>
    <x v="0"/>
    <x v="0"/>
    <x v="0"/>
    <x v="0"/>
    <x v="0"/>
    <m/>
    <m/>
    <s v="Yes"/>
    <m/>
    <m/>
    <m/>
    <m/>
    <m/>
    <m/>
    <m/>
    <m/>
    <m/>
    <m/>
    <m/>
    <m/>
    <m/>
    <m/>
    <m/>
    <m/>
    <m/>
    <m/>
    <m/>
    <m/>
    <m/>
    <m/>
    <m/>
    <m/>
    <m/>
    <m/>
    <m/>
    <m/>
    <m/>
    <m/>
    <m/>
    <m/>
    <m/>
    <n v="500"/>
    <n v="217.47"/>
    <m/>
    <x v="2"/>
    <x v="2"/>
    <x v="2"/>
    <x v="2"/>
    <x v="2"/>
    <x v="2"/>
    <x v="2"/>
    <x v="2"/>
    <x v="2"/>
    <x v="19"/>
    <x v="2"/>
    <x v="2"/>
    <x v="2"/>
    <x v="2"/>
    <x v="2"/>
    <x v="2"/>
    <x v="2"/>
    <s v=""/>
    <s v=""/>
    <s v=""/>
    <s v=""/>
    <s v=""/>
    <s v=""/>
    <s v=""/>
    <s v=""/>
    <s v=""/>
    <s v=""/>
    <s v=""/>
    <s v=""/>
    <s v=""/>
    <s v=""/>
    <m/>
    <m/>
    <m/>
    <m/>
    <m/>
    <m/>
    <m/>
    <m/>
    <x v="0"/>
    <x v="0"/>
    <x v="0"/>
    <x v="0"/>
    <n v="108735"/>
    <n v="0"/>
    <n v="0"/>
    <n v="0"/>
    <s v="The Dacorum Borough Council Open Space, Sport and Leisure Background Topic Paper (2020) sets out a cost per NEAP of £16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NEAP for every development over 500 dwellings."/>
    <s v="Dacorum Borough Council Open Space, Sport and Leisure Background Topic Paper (2020)"/>
    <m/>
  </r>
  <r>
    <m/>
    <n v="105"/>
    <s v="GI58"/>
    <s v="DBC IDP"/>
    <s v="Dacorum Borough Council"/>
    <x v="4"/>
    <x v="19"/>
    <s v="1 Neighbourhood Equipped Area for Play (NEAP), to support Polehanger Lane (Hm13)"/>
    <m/>
    <s v="1 on-site Neighbourhood Equipped Area for Play (NEAP), to support Polehanger Lane (Hm13)"/>
    <s v="Hemel Garden Communities"/>
    <x v="30"/>
    <s v="Programme Area"/>
    <s v="On-site"/>
    <s v="Developer"/>
    <s v="Hertfordshire County Council"/>
    <s v="2031-2039"/>
    <m/>
    <m/>
    <x v="48"/>
    <m/>
    <s v="S106"/>
    <n v="0"/>
    <n v="217470"/>
    <s v="A - Per dwelling"/>
    <m/>
    <m/>
    <s v="Important"/>
    <x v="0"/>
    <x v="0"/>
    <x v="0"/>
    <x v="0"/>
    <x v="0"/>
    <x v="0"/>
    <x v="0"/>
    <m/>
    <m/>
    <m/>
    <s v="Yes"/>
    <m/>
    <m/>
    <m/>
    <m/>
    <m/>
    <m/>
    <m/>
    <m/>
    <m/>
    <m/>
    <m/>
    <m/>
    <m/>
    <m/>
    <m/>
    <m/>
    <m/>
    <m/>
    <m/>
    <m/>
    <m/>
    <m/>
    <m/>
    <m/>
    <m/>
    <m/>
    <m/>
    <m/>
    <m/>
    <m/>
    <m/>
    <m/>
    <n v="750"/>
    <n v="289.95999999999998"/>
    <m/>
    <x v="2"/>
    <x v="2"/>
    <x v="2"/>
    <x v="2"/>
    <x v="2"/>
    <x v="2"/>
    <x v="2"/>
    <x v="2"/>
    <x v="2"/>
    <x v="2"/>
    <x v="20"/>
    <x v="2"/>
    <x v="2"/>
    <x v="2"/>
    <x v="2"/>
    <x v="2"/>
    <x v="2"/>
    <s v=""/>
    <s v=""/>
    <s v=""/>
    <s v=""/>
    <s v=""/>
    <s v=""/>
    <s v=""/>
    <s v=""/>
    <s v=""/>
    <s v=""/>
    <s v=""/>
    <s v=""/>
    <s v=""/>
    <s v=""/>
    <m/>
    <m/>
    <m/>
    <m/>
    <m/>
    <m/>
    <m/>
    <m/>
    <x v="0"/>
    <x v="0"/>
    <x v="0"/>
    <x v="0"/>
    <n v="217469.99999999997"/>
    <n v="0"/>
    <n v="0"/>
    <n v="0"/>
    <s v="The Dacorum Borough Council Open Space, Sport and Leisure Background Topic Paper (2020) sets out a cost per NEAP of £16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NEAP for every development over 500 dwellings."/>
    <s v="Dacorum Borough Council Open Space, Sport and Leisure Background Topic Paper (2020)"/>
    <m/>
  </r>
  <r>
    <m/>
    <n v="106"/>
    <s v="GI59"/>
    <s v="DBC IDP"/>
    <s v="Dacorum Borough Council"/>
    <x v="4"/>
    <x v="19"/>
    <s v="Contribution towards off-site Neighbourhood Equipped Area for Play (NEAP) "/>
    <m/>
    <s v="Contribution by Apsley Mills Retail Park (Hm10) towards off-site Neighbourhood Equipped Area for Play (NEAP) "/>
    <s v="Hemel Garden Communities"/>
    <x v="23"/>
    <s v="Programme Area"/>
    <s v="Off-site"/>
    <s v="Developer"/>
    <s v="Hertfordshire County Council"/>
    <s v="2035-2041"/>
    <m/>
    <m/>
    <x v="47"/>
    <m/>
    <s v="S106"/>
    <n v="0"/>
    <n v="108735"/>
    <s v="A - Per dwelling"/>
    <m/>
    <m/>
    <s v="Important"/>
    <x v="0"/>
    <x v="0"/>
    <x v="0"/>
    <x v="0"/>
    <x v="0"/>
    <x v="0"/>
    <x v="0"/>
    <m/>
    <s v="Yes"/>
    <m/>
    <m/>
    <m/>
    <m/>
    <m/>
    <m/>
    <m/>
    <m/>
    <m/>
    <m/>
    <m/>
    <m/>
    <m/>
    <m/>
    <m/>
    <m/>
    <m/>
    <m/>
    <m/>
    <m/>
    <m/>
    <m/>
    <m/>
    <m/>
    <m/>
    <m/>
    <m/>
    <m/>
    <m/>
    <m/>
    <m/>
    <m/>
    <m/>
    <m/>
    <n v="500"/>
    <n v="217.47"/>
    <m/>
    <x v="2"/>
    <x v="2"/>
    <x v="2"/>
    <x v="2"/>
    <x v="2"/>
    <x v="2"/>
    <x v="2"/>
    <x v="2"/>
    <x v="18"/>
    <x v="2"/>
    <x v="2"/>
    <x v="2"/>
    <x v="2"/>
    <x v="2"/>
    <x v="2"/>
    <x v="2"/>
    <x v="2"/>
    <s v=""/>
    <s v=""/>
    <s v=""/>
    <s v=""/>
    <s v=""/>
    <s v=""/>
    <s v=""/>
    <s v=""/>
    <s v=""/>
    <s v=""/>
    <s v=""/>
    <s v=""/>
    <s v=""/>
    <s v=""/>
    <m/>
    <m/>
    <m/>
    <m/>
    <m/>
    <m/>
    <m/>
    <m/>
    <x v="0"/>
    <x v="0"/>
    <x v="0"/>
    <x v="0"/>
    <n v="108735"/>
    <n v="0"/>
    <n v="0"/>
    <n v="0"/>
    <s v="The Dacorum Borough Council Open Space, Sport and Leisure Background Topic Paper (2020) sets out a cost per NEAP of £16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NEAP for every development over 500 dwellings."/>
    <s v="Dacorum Borough Council Open Space, Sport and Leisure Background Topic Paper (2020)"/>
    <m/>
  </r>
  <r>
    <m/>
    <n v="107"/>
    <s v="GI60"/>
    <s v="DBC IDP"/>
    <s v="Dacorum Borough Council"/>
    <x v="4"/>
    <x v="20"/>
    <s v="3 Multi-Use Games Areas (MUGA), in North Hemel Hempstead (Hm01)"/>
    <m/>
    <s v="3 on-site Multi-Use Games Areas (MUGA), delivered by North Hemel Hempstead (Hm01)"/>
    <s v="Hemel Garden Communities"/>
    <x v="4"/>
    <s v="Growth Area"/>
    <s v="On-site"/>
    <s v="Developer"/>
    <s v="Hertfordshire County Council"/>
    <s v="2032-2041"/>
    <m/>
    <m/>
    <x v="49"/>
    <m/>
    <s v="S106"/>
    <n v="0"/>
    <n v="553560"/>
    <s v="A - Per dwelling"/>
    <m/>
    <m/>
    <s v="Important"/>
    <x v="2"/>
    <x v="0"/>
    <x v="0"/>
    <x v="0"/>
    <x v="0"/>
    <x v="0"/>
    <x v="0"/>
    <m/>
    <m/>
    <m/>
    <m/>
    <m/>
    <m/>
    <m/>
    <m/>
    <m/>
    <m/>
    <m/>
    <m/>
    <m/>
    <m/>
    <m/>
    <m/>
    <m/>
    <m/>
    <m/>
    <m/>
    <m/>
    <m/>
    <m/>
    <m/>
    <m/>
    <m/>
    <m/>
    <m/>
    <m/>
    <m/>
    <m/>
    <m/>
    <m/>
    <m/>
    <m/>
    <m/>
    <n v="5000"/>
    <n v="110.712"/>
    <m/>
    <x v="22"/>
    <x v="2"/>
    <x v="2"/>
    <x v="2"/>
    <x v="2"/>
    <x v="2"/>
    <x v="2"/>
    <x v="2"/>
    <x v="2"/>
    <x v="2"/>
    <x v="2"/>
    <x v="2"/>
    <x v="2"/>
    <x v="2"/>
    <x v="2"/>
    <x v="2"/>
    <x v="2"/>
    <s v=""/>
    <s v=""/>
    <s v=""/>
    <s v=""/>
    <s v=""/>
    <s v=""/>
    <s v=""/>
    <s v=""/>
    <s v=""/>
    <s v=""/>
    <s v=""/>
    <s v=""/>
    <s v=""/>
    <s v=""/>
    <m/>
    <m/>
    <m/>
    <m/>
    <m/>
    <m/>
    <m/>
    <m/>
    <x v="0"/>
    <x v="0"/>
    <x v="0"/>
    <x v="0"/>
    <n v="553560"/>
    <n v="0"/>
    <n v="0"/>
    <n v="0"/>
    <s v="The Dacorum Borough Council Open Space, Sport and Leisure Background Topic Paper (2020) sets out a cost per MUGA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MUGA for every development over 200 dwellings._x000a__x000a_Multi-Use Games Area - a play space that enables a range of informal sport and games to take place and that meets the minimum standards of this type of provision."/>
    <s v="Dacorum Borough Council Open Space, Sport and Leisure Background Topic Paper (2020)"/>
    <m/>
  </r>
  <r>
    <m/>
    <n v="108"/>
    <s v="GI61"/>
    <s v="DBC IDP"/>
    <s v="Dacorum Borough Council"/>
    <x v="4"/>
    <x v="20"/>
    <s v="1 Multi-Use Games Area (MUGA), in Hemel Hospital/Market Square (Hm03)"/>
    <m/>
    <s v="1 on-site Multi-Use Games Area (MUGA), in Hemel Hospital/Market Square (Hm03), with contributions from Paradise (Hm04), Civic Zone, Marlowes (Hm02), Riverside (Hm06)"/>
    <s v="Hemel Garden Communities"/>
    <x v="32"/>
    <s v="Programme Area"/>
    <s v="On-site / Off-site"/>
    <s v="Developer"/>
    <s v="Hertfordshire County Council"/>
    <s v="2036-2041"/>
    <m/>
    <m/>
    <x v="50"/>
    <m/>
    <s v="S106"/>
    <n v="0"/>
    <n v="63872.307692307688"/>
    <s v="A - Per dwelling"/>
    <m/>
    <m/>
    <s v="Important"/>
    <x v="0"/>
    <x v="2"/>
    <x v="2"/>
    <x v="2"/>
    <x v="2"/>
    <x v="0"/>
    <x v="0"/>
    <m/>
    <m/>
    <m/>
    <m/>
    <m/>
    <m/>
    <m/>
    <m/>
    <m/>
    <m/>
    <m/>
    <m/>
    <m/>
    <m/>
    <m/>
    <m/>
    <m/>
    <m/>
    <m/>
    <m/>
    <m/>
    <m/>
    <m/>
    <m/>
    <m/>
    <m/>
    <m/>
    <m/>
    <m/>
    <m/>
    <m/>
    <m/>
    <m/>
    <m/>
    <m/>
    <m/>
    <n v="1500"/>
    <n v="42.581538461538457"/>
    <m/>
    <x v="2"/>
    <x v="18"/>
    <x v="18"/>
    <x v="18"/>
    <x v="19"/>
    <x v="2"/>
    <x v="2"/>
    <x v="2"/>
    <x v="2"/>
    <x v="2"/>
    <x v="2"/>
    <x v="2"/>
    <x v="2"/>
    <x v="2"/>
    <x v="2"/>
    <x v="2"/>
    <x v="2"/>
    <s v=""/>
    <s v=""/>
    <s v=""/>
    <s v=""/>
    <s v=""/>
    <s v=""/>
    <s v=""/>
    <s v=""/>
    <s v=""/>
    <s v=""/>
    <s v=""/>
    <s v=""/>
    <s v=""/>
    <s v=""/>
    <m/>
    <m/>
    <m/>
    <m/>
    <m/>
    <m/>
    <m/>
    <m/>
    <x v="0"/>
    <x v="0"/>
    <x v="0"/>
    <x v="0"/>
    <n v="63872.307692307681"/>
    <n v="0"/>
    <n v="0"/>
    <n v="0"/>
    <s v="The Dacorum Borough Council Open Space, Sport and Leisure Background Topic Paper (2020) sets out a cost per MUGA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MUGA for every development over 200 dwellings._x000a__x000a_Multi-Use Games Area - a play space that enables a range of informal sport and games to take place and that meets the minimum standards of this type of provision."/>
    <s v="Dacorum Borough Council Open Space, Sport and Leisure Background Topic Paper (2020)"/>
    <m/>
  </r>
  <r>
    <m/>
    <n v="109"/>
    <s v="GI62"/>
    <s v="DBC IDP"/>
    <s v="Dacorum Borough Council"/>
    <x v="4"/>
    <x v="20"/>
    <s v="1 Multi-Use Games Area (MUGA), in Hemel Hempstead Station Gateway (Hm08)"/>
    <m/>
    <s v="1 Multi-Use Games Area (MUGA), in Hemel Hempstead Station Gateway (Hm08), with contributions from National Grid and 339-353 London Road (Hm09)"/>
    <s v="Hemel Garden Communities"/>
    <x v="11"/>
    <s v="Programme Area"/>
    <s v="On-site / Off-site"/>
    <s v="Developer"/>
    <s v="Hertfordshire County Council"/>
    <s v="2027-2032"/>
    <m/>
    <m/>
    <x v="51"/>
    <m/>
    <s v="S106"/>
    <n v="0"/>
    <n v="82715.862068965522"/>
    <s v="A - Per dwelling"/>
    <m/>
    <m/>
    <s v="Important"/>
    <x v="0"/>
    <x v="0"/>
    <x v="0"/>
    <x v="0"/>
    <x v="0"/>
    <x v="2"/>
    <x v="0"/>
    <s v="Yes"/>
    <m/>
    <m/>
    <m/>
    <m/>
    <m/>
    <m/>
    <m/>
    <m/>
    <m/>
    <m/>
    <m/>
    <m/>
    <m/>
    <m/>
    <m/>
    <m/>
    <m/>
    <m/>
    <m/>
    <m/>
    <m/>
    <m/>
    <m/>
    <m/>
    <m/>
    <m/>
    <m/>
    <m/>
    <m/>
    <m/>
    <m/>
    <m/>
    <m/>
    <m/>
    <m/>
    <n v="870"/>
    <n v="95.07570352754658"/>
    <m/>
    <x v="2"/>
    <x v="2"/>
    <x v="2"/>
    <x v="2"/>
    <x v="2"/>
    <x v="19"/>
    <x v="2"/>
    <x v="19"/>
    <x v="2"/>
    <x v="2"/>
    <x v="2"/>
    <x v="2"/>
    <x v="2"/>
    <x v="2"/>
    <x v="2"/>
    <x v="2"/>
    <x v="2"/>
    <s v=""/>
    <s v=""/>
    <s v=""/>
    <s v=""/>
    <s v=""/>
    <s v=""/>
    <s v=""/>
    <s v=""/>
    <s v=""/>
    <s v=""/>
    <s v=""/>
    <s v=""/>
    <s v=""/>
    <s v=""/>
    <m/>
    <m/>
    <m/>
    <m/>
    <m/>
    <m/>
    <m/>
    <m/>
    <x v="0"/>
    <x v="0"/>
    <x v="0"/>
    <x v="0"/>
    <n v="82715.862068965536"/>
    <n v="0"/>
    <n v="0"/>
    <n v="0"/>
    <s v="The Dacorum Borough Council Open Space, Sport and Leisure Background Topic Paper (2020) sets out a cost per MUGA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MUGA for every development over 200 dwellings._x000a__x000a_Multi-Use Games Area - a play space that enables a range of informal sport and games to take place and that meets the minimum standards of this type of provision."/>
    <s v="Dacorum Borough Council Open Space, Sport and Leisure Background Topic Paper (2020)"/>
    <m/>
  </r>
  <r>
    <m/>
    <n v="110"/>
    <s v="GI63"/>
    <s v="DBC IDP"/>
    <s v="Dacorum Borough Council"/>
    <x v="4"/>
    <x v="20"/>
    <s v="1 Multi-Use Games Area (MUGA), in Shendish Manor and Fairfields (Hm11)"/>
    <m/>
    <s v="1 Multi-Use Games Area (MUGA), in Shendish Manor and Fairfields (Hm11)"/>
    <s v="Hemel Garden Communities"/>
    <x v="5"/>
    <s v="Programme Area"/>
    <s v="On-site"/>
    <s v="Developer"/>
    <s v="Hertfordshire County Council"/>
    <s v="2027-2032"/>
    <m/>
    <m/>
    <x v="52"/>
    <m/>
    <s v="S106"/>
    <n v="0"/>
    <n v="92260"/>
    <s v="A - Per dwelling"/>
    <m/>
    <m/>
    <s v="Important"/>
    <x v="0"/>
    <x v="0"/>
    <x v="0"/>
    <x v="0"/>
    <x v="0"/>
    <x v="0"/>
    <x v="0"/>
    <m/>
    <m/>
    <s v="Yes"/>
    <m/>
    <m/>
    <m/>
    <m/>
    <m/>
    <m/>
    <m/>
    <m/>
    <m/>
    <m/>
    <m/>
    <m/>
    <m/>
    <m/>
    <m/>
    <m/>
    <m/>
    <m/>
    <m/>
    <m/>
    <m/>
    <m/>
    <m/>
    <m/>
    <m/>
    <m/>
    <m/>
    <m/>
    <m/>
    <m/>
    <m/>
    <m/>
    <m/>
    <n v="500"/>
    <n v="184.52"/>
    <m/>
    <x v="2"/>
    <x v="2"/>
    <x v="2"/>
    <x v="2"/>
    <x v="2"/>
    <x v="2"/>
    <x v="2"/>
    <x v="2"/>
    <x v="2"/>
    <x v="20"/>
    <x v="2"/>
    <x v="2"/>
    <x v="2"/>
    <x v="2"/>
    <x v="2"/>
    <x v="2"/>
    <x v="2"/>
    <s v=""/>
    <s v=""/>
    <s v=""/>
    <s v=""/>
    <s v=""/>
    <s v=""/>
    <s v=""/>
    <s v=""/>
    <s v=""/>
    <s v=""/>
    <s v=""/>
    <s v=""/>
    <s v=""/>
    <s v=""/>
    <m/>
    <m/>
    <m/>
    <m/>
    <m/>
    <m/>
    <m/>
    <m/>
    <x v="0"/>
    <x v="0"/>
    <x v="0"/>
    <x v="0"/>
    <n v="92260"/>
    <n v="0"/>
    <n v="0"/>
    <n v="0"/>
    <s v="The Dacorum Borough Council Open Space, Sport and Leisure Background Topic Paper (2020) sets out a cost per MUGA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MUGA for every development over 200 dwellings._x000a__x000a_Multi-Use Games Area - a play space that enables a range of informal sport and games to take place and that meets the minimum standards of this type of provision."/>
    <s v="Dacorum Borough Council Open Space, Sport and Leisure Background Topic Paper (2020)"/>
    <m/>
  </r>
  <r>
    <m/>
    <n v="111"/>
    <s v="GI64"/>
    <s v="DBC IDP"/>
    <s v="Dacorum Borough Council"/>
    <x v="4"/>
    <x v="20"/>
    <s v="1 Multi-Use Games Area (MUGA), in Plots 2/3 Kier Park, Maylands Avenue (Hm12)"/>
    <m/>
    <s v="1 Multi-Use Games Area (MUGA), delivered by Plots 2/3 Kier Park, Maylands Avenue (Hm12)"/>
    <s v="Hemel Garden Communities"/>
    <x v="29"/>
    <s v="Programme Area"/>
    <s v="On-site"/>
    <s v="Developer"/>
    <s v="Hertfordshire County Council"/>
    <s v="2026-2029"/>
    <m/>
    <m/>
    <x v="53"/>
    <m/>
    <s v="S106"/>
    <n v="0"/>
    <n v="184520"/>
    <s v="A - Per dwelling"/>
    <m/>
    <m/>
    <s v="Important"/>
    <x v="0"/>
    <x v="0"/>
    <x v="0"/>
    <x v="0"/>
    <x v="0"/>
    <x v="0"/>
    <x v="0"/>
    <m/>
    <m/>
    <m/>
    <m/>
    <m/>
    <s v="Yes"/>
    <m/>
    <m/>
    <m/>
    <m/>
    <m/>
    <m/>
    <m/>
    <m/>
    <m/>
    <m/>
    <m/>
    <m/>
    <m/>
    <m/>
    <m/>
    <m/>
    <m/>
    <m/>
    <m/>
    <m/>
    <m/>
    <m/>
    <m/>
    <m/>
    <m/>
    <m/>
    <m/>
    <m/>
    <m/>
    <m/>
    <n v="234"/>
    <n v="788.54700854700855"/>
    <m/>
    <x v="2"/>
    <x v="2"/>
    <x v="2"/>
    <x v="2"/>
    <x v="2"/>
    <x v="2"/>
    <x v="2"/>
    <x v="2"/>
    <x v="2"/>
    <x v="2"/>
    <x v="2"/>
    <x v="2"/>
    <x v="18"/>
    <x v="2"/>
    <x v="2"/>
    <x v="2"/>
    <x v="2"/>
    <s v=""/>
    <s v=""/>
    <s v=""/>
    <s v=""/>
    <s v=""/>
    <s v=""/>
    <s v=""/>
    <s v=""/>
    <s v=""/>
    <s v=""/>
    <s v=""/>
    <s v=""/>
    <s v=""/>
    <s v=""/>
    <m/>
    <m/>
    <m/>
    <m/>
    <m/>
    <m/>
    <m/>
    <m/>
    <x v="0"/>
    <x v="0"/>
    <x v="0"/>
    <x v="0"/>
    <n v="184520"/>
    <n v="0"/>
    <n v="0"/>
    <n v="0"/>
    <s v="The Dacorum Borough Council Open Space, Sport and Leisure Background Topic Paper (2020) sets out a cost per MUGA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MUGA for every development over 200 dwellings._x000a__x000a_Multi-Use Games Area - a play space that enables a range of informal sport and games to take place and that meets the minimum standards of this type of provision."/>
    <s v="Dacorum Borough Council Open Space, Sport and Leisure Background Topic Paper (2020)"/>
    <m/>
  </r>
  <r>
    <m/>
    <n v="112"/>
    <s v="GI65"/>
    <s v="DBC IDP"/>
    <s v="Dacorum Borough Council"/>
    <x v="4"/>
    <x v="20"/>
    <s v="2 Multi-Use Games Areas (MUGA), delivered by Polehanger Lane (Hm13) "/>
    <m/>
    <s v="2 on-site Multi-Use Games Areas (MUGA), delivered by Polehanger Lane (Hm13) "/>
    <s v="Hemel Garden Communities"/>
    <x v="30"/>
    <s v="Programme Area"/>
    <s v="On-site"/>
    <s v="Developer"/>
    <s v="Hertfordshire County Council"/>
    <s v="2031-2039"/>
    <m/>
    <m/>
    <x v="54"/>
    <m/>
    <s v="S106"/>
    <n v="0"/>
    <n v="369040"/>
    <s v="A - Per dwelling"/>
    <m/>
    <m/>
    <s v="Important"/>
    <x v="0"/>
    <x v="0"/>
    <x v="0"/>
    <x v="0"/>
    <x v="0"/>
    <x v="0"/>
    <x v="0"/>
    <m/>
    <m/>
    <m/>
    <s v="Yes"/>
    <m/>
    <m/>
    <m/>
    <m/>
    <m/>
    <m/>
    <m/>
    <m/>
    <m/>
    <m/>
    <m/>
    <m/>
    <m/>
    <m/>
    <m/>
    <m/>
    <m/>
    <m/>
    <m/>
    <m/>
    <m/>
    <m/>
    <m/>
    <m/>
    <m/>
    <m/>
    <m/>
    <m/>
    <m/>
    <m/>
    <m/>
    <m/>
    <n v="750"/>
    <n v="492.05333333333334"/>
    <m/>
    <x v="2"/>
    <x v="2"/>
    <x v="2"/>
    <x v="2"/>
    <x v="2"/>
    <x v="2"/>
    <x v="2"/>
    <x v="2"/>
    <x v="2"/>
    <x v="2"/>
    <x v="21"/>
    <x v="2"/>
    <x v="2"/>
    <x v="2"/>
    <x v="2"/>
    <x v="2"/>
    <x v="2"/>
    <s v=""/>
    <s v=""/>
    <s v=""/>
    <s v=""/>
    <s v=""/>
    <s v=""/>
    <s v=""/>
    <s v=""/>
    <s v=""/>
    <s v=""/>
    <s v=""/>
    <s v=""/>
    <s v=""/>
    <s v=""/>
    <m/>
    <m/>
    <m/>
    <m/>
    <m/>
    <m/>
    <m/>
    <m/>
    <x v="0"/>
    <x v="0"/>
    <x v="0"/>
    <x v="0"/>
    <n v="369040"/>
    <n v="0"/>
    <n v="0"/>
    <n v="0"/>
    <s v="The Dacorum Borough Council Open Space, Sport and Leisure Background Topic Paper (2020) sets out a cost per MUGA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MUGA for every development over 200 dwellings._x000a__x000a_Multi-Use Games Area - a play space that enables a range of informal sport and games to take place and that meets the minimum standards of this type of provision."/>
    <s v="Dacorum Borough Council Open Space, Sport and Leisure Background Topic Paper (2020)"/>
    <m/>
  </r>
  <r>
    <m/>
    <n v="113"/>
    <s v="GI66"/>
    <s v="DBC IDP"/>
    <s v="Dacorum Borough Council"/>
    <x v="4"/>
    <x v="20"/>
    <s v="1 Multi-Use Games Area (MUGA), delivered by Marchmont Farm (Hm14)"/>
    <m/>
    <s v="1 on-site Multi-Use Games Area (MUGA), delivered by Marchmont Farm (Hm14)"/>
    <s v="Hemel Garden Communities"/>
    <x v="9"/>
    <s v="Programme Area"/>
    <s v="On-site"/>
    <s v="Developer"/>
    <s v="Hertfordshire County Council"/>
    <s v="2028-2032"/>
    <m/>
    <m/>
    <x v="53"/>
    <m/>
    <s v="S106"/>
    <n v="0"/>
    <n v="184520"/>
    <s v="A - Per dwelling"/>
    <m/>
    <m/>
    <s v="Important"/>
    <x v="0"/>
    <x v="0"/>
    <x v="0"/>
    <x v="0"/>
    <x v="0"/>
    <x v="0"/>
    <x v="0"/>
    <m/>
    <m/>
    <m/>
    <m/>
    <m/>
    <m/>
    <s v="Yes"/>
    <m/>
    <m/>
    <m/>
    <m/>
    <m/>
    <m/>
    <m/>
    <m/>
    <m/>
    <m/>
    <m/>
    <m/>
    <m/>
    <m/>
    <m/>
    <m/>
    <m/>
    <m/>
    <m/>
    <m/>
    <m/>
    <m/>
    <m/>
    <m/>
    <m/>
    <m/>
    <m/>
    <m/>
    <m/>
    <n v="350"/>
    <n v="527.20000000000005"/>
    <m/>
    <x v="2"/>
    <x v="2"/>
    <x v="2"/>
    <x v="2"/>
    <x v="2"/>
    <x v="2"/>
    <x v="2"/>
    <x v="2"/>
    <x v="2"/>
    <x v="2"/>
    <x v="2"/>
    <x v="2"/>
    <x v="2"/>
    <x v="19"/>
    <x v="2"/>
    <x v="2"/>
    <x v="2"/>
    <s v=""/>
    <s v=""/>
    <s v=""/>
    <s v=""/>
    <s v=""/>
    <s v=""/>
    <s v=""/>
    <s v=""/>
    <s v=""/>
    <s v=""/>
    <s v=""/>
    <s v=""/>
    <s v=""/>
    <s v=""/>
    <m/>
    <m/>
    <m/>
    <m/>
    <m/>
    <m/>
    <m/>
    <m/>
    <x v="0"/>
    <x v="0"/>
    <x v="0"/>
    <x v="0"/>
    <n v="184520.00000000003"/>
    <n v="0"/>
    <n v="0"/>
    <n v="0"/>
    <s v="The Dacorum Borough Council Open Space, Sport and Leisure Background Topic Paper (2020) sets out a cost per MUGA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MUGA for every development over 200 dwellings._x000a__x000a_Multi-Use Games Area - a play space that enables a range of informal sport and games to take place and that meets the minimum standards of this type of provision."/>
    <s v="Dacorum Borough Council Open Space, Sport and Leisure Background Topic Paper (2020)"/>
    <m/>
  </r>
  <r>
    <m/>
    <n v="114"/>
    <s v="GI67"/>
    <s v="DBC IDP"/>
    <s v="Dacorum Borough Council"/>
    <x v="4"/>
    <x v="20"/>
    <s v="2 Multi-Use Games Areas (MUGA), delivered by Grovehill Local Centre (Henry Wells Square) (Grovehill NDP)"/>
    <m/>
    <s v="2 on-site Multi-Use Games Areas (MUGA), delivered by Grovehill Local Centre (Henry Wells Square) (Grovehill NDP)"/>
    <s v="Hemel Garden Communities"/>
    <x v="27"/>
    <s v="Programme Area"/>
    <s v="On-site"/>
    <s v="Developer"/>
    <s v="Hertfordshire County Council"/>
    <s v="2039-2041"/>
    <m/>
    <m/>
    <x v="53"/>
    <m/>
    <s v="S106"/>
    <n v="0"/>
    <n v="184520"/>
    <s v="A - Per dwelling"/>
    <m/>
    <m/>
    <s v="Important"/>
    <x v="0"/>
    <x v="0"/>
    <x v="0"/>
    <x v="0"/>
    <x v="0"/>
    <x v="0"/>
    <x v="0"/>
    <m/>
    <m/>
    <m/>
    <m/>
    <s v="Yes"/>
    <m/>
    <m/>
    <m/>
    <m/>
    <m/>
    <m/>
    <m/>
    <m/>
    <m/>
    <m/>
    <m/>
    <m/>
    <m/>
    <m/>
    <m/>
    <m/>
    <m/>
    <m/>
    <m/>
    <m/>
    <m/>
    <m/>
    <m/>
    <m/>
    <m/>
    <m/>
    <m/>
    <m/>
    <m/>
    <m/>
    <m/>
    <n v="200"/>
    <n v="922.6"/>
    <m/>
    <x v="2"/>
    <x v="2"/>
    <x v="2"/>
    <x v="2"/>
    <x v="2"/>
    <x v="2"/>
    <x v="2"/>
    <x v="2"/>
    <x v="2"/>
    <x v="2"/>
    <x v="2"/>
    <x v="17"/>
    <x v="2"/>
    <x v="2"/>
    <x v="2"/>
    <x v="2"/>
    <x v="2"/>
    <s v=""/>
    <s v=""/>
    <s v=""/>
    <s v=""/>
    <s v=""/>
    <s v=""/>
    <s v=""/>
    <s v=""/>
    <s v=""/>
    <s v=""/>
    <s v=""/>
    <s v=""/>
    <s v=""/>
    <s v=""/>
    <m/>
    <m/>
    <m/>
    <m/>
    <m/>
    <m/>
    <m/>
    <m/>
    <x v="0"/>
    <x v="0"/>
    <x v="0"/>
    <x v="0"/>
    <n v="184520"/>
    <n v="0"/>
    <n v="0"/>
    <n v="0"/>
    <s v="The Dacorum Borough Council Open Space, Sport and Leisure Background Topic Paper (2020) sets out a cost per MUGA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MUGA for every development over 200 dwellings._x000a__x000a_Multi-Use Games Area - a play space that enables a range of informal sport and games to take place and that meets the minimum standards of this type of provision."/>
    <s v="Dacorum Borough Council Open Space, Sport and Leisure Background Topic Paper (2020)"/>
    <m/>
  </r>
  <r>
    <m/>
    <n v="115"/>
    <s v="GI68"/>
    <s v="DBC IDP"/>
    <s v="Dacorum Borough Council"/>
    <x v="4"/>
    <x v="20"/>
    <s v="Contribution towards off-site Multi-Use Games Area (MUGA) "/>
    <m/>
    <s v="Contribution towards off-site Multi-Use Games Area (MUGA)"/>
    <s v="Hemel Garden Communities"/>
    <x v="23"/>
    <s v="Programme Area"/>
    <s v="Off-site"/>
    <s v="Developer"/>
    <s v="Hertfordshire County Council"/>
    <s v="2035-2041"/>
    <m/>
    <m/>
    <x v="52"/>
    <m/>
    <s v="S106"/>
    <n v="0"/>
    <n v="92260"/>
    <s v="A - Per dwelling"/>
    <m/>
    <m/>
    <s v="Important"/>
    <x v="0"/>
    <x v="0"/>
    <x v="0"/>
    <x v="0"/>
    <x v="0"/>
    <x v="0"/>
    <x v="0"/>
    <m/>
    <s v="Yes"/>
    <m/>
    <m/>
    <m/>
    <m/>
    <m/>
    <m/>
    <m/>
    <m/>
    <m/>
    <m/>
    <m/>
    <m/>
    <m/>
    <m/>
    <m/>
    <m/>
    <m/>
    <m/>
    <m/>
    <m/>
    <m/>
    <m/>
    <m/>
    <m/>
    <m/>
    <m/>
    <m/>
    <m/>
    <m/>
    <m/>
    <m/>
    <m/>
    <m/>
    <m/>
    <n v="500"/>
    <n v="184.52"/>
    <m/>
    <x v="2"/>
    <x v="2"/>
    <x v="2"/>
    <x v="2"/>
    <x v="2"/>
    <x v="2"/>
    <x v="2"/>
    <x v="2"/>
    <x v="19"/>
    <x v="2"/>
    <x v="2"/>
    <x v="2"/>
    <x v="2"/>
    <x v="2"/>
    <x v="2"/>
    <x v="2"/>
    <x v="2"/>
    <s v=""/>
    <s v=""/>
    <s v=""/>
    <s v=""/>
    <s v=""/>
    <s v=""/>
    <s v=""/>
    <s v=""/>
    <s v=""/>
    <s v=""/>
    <s v=""/>
    <s v=""/>
    <s v=""/>
    <s v=""/>
    <m/>
    <m/>
    <m/>
    <m/>
    <m/>
    <m/>
    <m/>
    <m/>
    <x v="0"/>
    <x v="0"/>
    <x v="0"/>
    <x v="0"/>
    <n v="92260"/>
    <n v="0"/>
    <n v="0"/>
    <n v="0"/>
    <s v="The Dacorum Borough Council Open Space, Sport and Leisure Background Topic Paper (2020) sets out a cost per MUGA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 MUGA for every development over 200 dwellings._x000a__x000a_Multi-Use Games Area - a play space that enables a range of informal sport and games to take place and that meets the minimum standards of this type of provision."/>
    <s v="Dacorum Borough Council Open Space, Sport and Leisure Background Topic Paper (2020)"/>
    <m/>
  </r>
  <r>
    <m/>
    <n v="116"/>
    <s v="GI69"/>
    <s v="SADC IDP"/>
    <s v="St Albans City &amp; District Council"/>
    <x v="4"/>
    <x v="21"/>
    <s v="Contribution towards allotments in North Hemel Hempstead (H1)"/>
    <m/>
    <s v="Associated local green infrastructure requirements to support development at North Hemel Hempstead in accordance with the HGC Framework Plan. _x000a_Contribution towards 0.9 hectares of allotments required to support growth at North Hemel Hempstead (H1)"/>
    <s v="Hemel Garden Communities"/>
    <x v="1"/>
    <s v="Growth Area"/>
    <s v="On-site"/>
    <s v="St Albans City &amp; District Council"/>
    <s v="St Albans City &amp; District Council"/>
    <s v="2030-2050"/>
    <m/>
    <m/>
    <x v="55"/>
    <m/>
    <s v="S106"/>
    <n v="0"/>
    <n v="202500"/>
    <s v="A - Per dwelling"/>
    <m/>
    <m/>
    <s v="Important"/>
    <x v="0"/>
    <x v="0"/>
    <x v="0"/>
    <x v="0"/>
    <x v="0"/>
    <x v="0"/>
    <x v="0"/>
    <m/>
    <m/>
    <m/>
    <m/>
    <m/>
    <m/>
    <m/>
    <m/>
    <m/>
    <m/>
    <m/>
    <m/>
    <m/>
    <m/>
    <m/>
    <m/>
    <m/>
    <m/>
    <m/>
    <m/>
    <m/>
    <m/>
    <m/>
    <m/>
    <m/>
    <m/>
    <m/>
    <m/>
    <m/>
    <m/>
    <m/>
    <m/>
    <s v="Yes"/>
    <m/>
    <m/>
    <m/>
    <n v="1500"/>
    <n v="135"/>
    <m/>
    <x v="0"/>
    <x v="0"/>
    <x v="0"/>
    <x v="0"/>
    <x v="0"/>
    <x v="0"/>
    <x v="0"/>
    <x v="0"/>
    <x v="0"/>
    <x v="0"/>
    <x v="0"/>
    <x v="0"/>
    <x v="0"/>
    <x v="0"/>
    <x v="0"/>
    <x v="0"/>
    <x v="0"/>
    <m/>
    <m/>
    <m/>
    <m/>
    <m/>
    <m/>
    <m/>
    <m/>
    <m/>
    <m/>
    <m/>
    <m/>
    <m/>
    <m/>
    <m/>
    <m/>
    <m/>
    <m/>
    <m/>
    <m/>
    <m/>
    <m/>
    <x v="16"/>
    <x v="0"/>
    <x v="0"/>
    <x v="0"/>
    <n v="0"/>
    <n v="202500"/>
    <n v="0"/>
    <n v="0"/>
    <s v="As Fields in Trust does not provide guidance on allotment provision, to ensure consistency between districts, the Dacorum Borough Council Open Space, Sport and Leisure Background Topic Paper (2020) has been used. It sets out a cost per hectare of allotments of £225,000. A 31.8% uplift has been applied to the Q1 2020 base cost, to achieve a cost for Q3 2024. It is assumed the cost will be uplifted again at the time of planning application determination in line with the BCIS index."/>
    <s v="As Fields in Trust does not provide guidance on the hectares of allotments required per 1,000 population, the same standard has been used as DBC Local Plan sites (0.25 hectares per 1,000 of the population, as per the Dacorum Borough Council Open Space, Sport and Leisure Background Topic Paper (2020))."/>
    <s v="Dacorum Borough Council Open Space, Sport and Leisure Background Topic Paper (2020)"/>
    <m/>
  </r>
  <r>
    <m/>
    <n v="117"/>
    <s v="GI70"/>
    <s v="SADC IDP"/>
    <s v="St Albans City &amp; District Council"/>
    <x v="4"/>
    <x v="21"/>
    <s v="Contribution towards allotments in East Hemel Hempstead (North) (H2)"/>
    <m/>
    <s v="Associated local green infrastructure requirements to support development at East Hemel Hempstead (North) in accordance with the HGC Framework Plan. Contribution towards 0.96 hectares of allotments required to support growth at East Hemel Hempstead (North) (H2)"/>
    <s v="Hemel Garden Communities"/>
    <x v="2"/>
    <s v="Growth Area "/>
    <s v="On-site"/>
    <s v="St Albans City &amp; District Council"/>
    <s v="St Albans City &amp; District Council"/>
    <s v="2028-2050"/>
    <m/>
    <m/>
    <x v="56"/>
    <m/>
    <s v="S106"/>
    <n v="0"/>
    <n v="216000"/>
    <s v="A - Per dwelling"/>
    <m/>
    <m/>
    <s v="Important"/>
    <x v="0"/>
    <x v="0"/>
    <x v="0"/>
    <x v="0"/>
    <x v="0"/>
    <x v="0"/>
    <x v="0"/>
    <m/>
    <m/>
    <m/>
    <m/>
    <m/>
    <m/>
    <m/>
    <m/>
    <m/>
    <m/>
    <m/>
    <m/>
    <m/>
    <m/>
    <m/>
    <m/>
    <m/>
    <m/>
    <m/>
    <m/>
    <m/>
    <m/>
    <m/>
    <m/>
    <m/>
    <m/>
    <m/>
    <m/>
    <m/>
    <m/>
    <m/>
    <m/>
    <m/>
    <s v="Yes"/>
    <m/>
    <m/>
    <n v="1600"/>
    <n v="135"/>
    <m/>
    <x v="0"/>
    <x v="0"/>
    <x v="0"/>
    <x v="0"/>
    <x v="0"/>
    <x v="0"/>
    <x v="0"/>
    <x v="0"/>
    <x v="0"/>
    <x v="0"/>
    <x v="0"/>
    <x v="0"/>
    <x v="0"/>
    <x v="0"/>
    <x v="0"/>
    <x v="0"/>
    <x v="0"/>
    <m/>
    <m/>
    <m/>
    <m/>
    <m/>
    <m/>
    <m/>
    <m/>
    <m/>
    <m/>
    <m/>
    <m/>
    <m/>
    <m/>
    <m/>
    <m/>
    <m/>
    <m/>
    <m/>
    <m/>
    <m/>
    <m/>
    <x v="0"/>
    <x v="16"/>
    <x v="0"/>
    <x v="0"/>
    <n v="0"/>
    <n v="216000"/>
    <n v="0"/>
    <n v="0"/>
    <s v="As Fields in Trust does not provide guidance on allotment provision, to ensure consistency between districts, the Dacorum Borough Council Open Space, Sport and Leisure Background Topic Paper (2020) has been used. It sets out a cost per hectare of allotments of £225,000. A 31.8% uplift has been applied to the Q1 2020 base cost, to achieve a cost for Q3 2024. It is assumed the cost will be uplifted again at the time of planning application determination in line with the BCIS index."/>
    <s v="As Fields in Trust does not provide guidance on the hectares of allotments required per 1,000 population, the same standard has been used as DBC Local Plan sites (0.25 hectares per 1,000 of the population, as per the Dacorum Borough Council Open Space, Sport and Leisure Background Topic Paper (2020))."/>
    <s v="Dacorum Borough Council Open Space, Sport and Leisure Background Topic Paper (2020)"/>
    <m/>
  </r>
  <r>
    <m/>
    <n v="118"/>
    <s v="GI71"/>
    <s v="SADC IDP"/>
    <s v="St Albans City &amp; District Council"/>
    <x v="4"/>
    <x v="21"/>
    <s v="Contribution towards allotments in East Hemel Hempstead (South) (H4)"/>
    <m/>
    <s v="Associated local green infrastructure requirements to support development at East Hemel Hempstead (South) in accordance with the HGC Framework Plan. Contribution towards 1.44 hectares of allotments required to support growth at East Hemel Hempstead (South) (H4)"/>
    <s v="Hemel Garden Communities"/>
    <x v="3"/>
    <s v="Growth Area "/>
    <s v="On-site"/>
    <s v="St Albans City &amp; District Council"/>
    <s v="St Albans City &amp; District Council"/>
    <s v="2028-2050"/>
    <m/>
    <m/>
    <x v="57"/>
    <m/>
    <s v="S106"/>
    <n v="0"/>
    <n v="324000"/>
    <s v="A - Per dwelling"/>
    <m/>
    <m/>
    <s v="Important"/>
    <x v="0"/>
    <x v="0"/>
    <x v="0"/>
    <x v="0"/>
    <x v="0"/>
    <x v="0"/>
    <x v="0"/>
    <m/>
    <m/>
    <m/>
    <m/>
    <m/>
    <m/>
    <m/>
    <m/>
    <m/>
    <m/>
    <m/>
    <m/>
    <m/>
    <m/>
    <m/>
    <m/>
    <m/>
    <m/>
    <m/>
    <m/>
    <m/>
    <m/>
    <m/>
    <m/>
    <m/>
    <m/>
    <m/>
    <m/>
    <m/>
    <m/>
    <m/>
    <m/>
    <m/>
    <m/>
    <s v="Yes"/>
    <m/>
    <n v="2400"/>
    <n v="135"/>
    <m/>
    <x v="0"/>
    <x v="0"/>
    <x v="0"/>
    <x v="0"/>
    <x v="0"/>
    <x v="0"/>
    <x v="0"/>
    <x v="0"/>
    <x v="0"/>
    <x v="0"/>
    <x v="0"/>
    <x v="0"/>
    <x v="0"/>
    <x v="0"/>
    <x v="0"/>
    <x v="0"/>
    <x v="0"/>
    <m/>
    <m/>
    <m/>
    <m/>
    <m/>
    <m/>
    <m/>
    <m/>
    <m/>
    <m/>
    <m/>
    <m/>
    <m/>
    <m/>
    <m/>
    <m/>
    <m/>
    <m/>
    <m/>
    <m/>
    <m/>
    <m/>
    <x v="0"/>
    <x v="0"/>
    <x v="17"/>
    <x v="0"/>
    <n v="0"/>
    <n v="324000"/>
    <n v="0"/>
    <n v="0"/>
    <s v="As Fields in Trust does not provide guidance on allotment provision, to ensure consistency between districts, the Dacorum Borough Council Open Space, Sport and Leisure Background Topic Paper (2020) has been used. It sets out a cost per hectare of allotments of £225,000. A 31.8% uplift has been applied to the Q1 2020 base cost, to achieve a cost for Q3 2024. It is assumed the cost will be uplifted again at the time of planning application determination in line with the BCIS index."/>
    <s v="As Fields in Trust does not provide guidance on the hectares of allotments required per 1,000 population, the same standard has been used as DBC Local Plan sites (0.25 hectares per 1,000 of the population, as per the Dacorum Borough Council Open Space, Sport and Leisure Background Topic Paper (2020))."/>
    <s v="Dacorum Borough Council Open Space, Sport and Leisure Background Topic Paper (2020)"/>
    <m/>
  </r>
  <r>
    <m/>
    <n v="119"/>
    <s v="GI72"/>
    <s v="DBC IDP"/>
    <s v="Dacorum Borough Council"/>
    <x v="4"/>
    <x v="21"/>
    <s v="Contribution towards allotments in North Hemel Hempstead (Hm01)"/>
    <m/>
    <s v="Associated local green infrastructure requirements to support development at North Hemel Hempstead (Hm01) in accordance with the HGC Framework Plan. Contribution towards 3 hectares of allotments required to support growth at North Hemel Hempstead (Hm01)"/>
    <s v="Hemel Garden Communities"/>
    <x v="4"/>
    <s v="Growth Area"/>
    <s v="On-site"/>
    <s v="Developer / Dacorum Borough Council"/>
    <s v="Hertfordshire County Council"/>
    <s v="2032-2050"/>
    <m/>
    <m/>
    <x v="58"/>
    <m/>
    <s v="S106"/>
    <n v="0"/>
    <n v="889650"/>
    <s v="A - Per dwelling"/>
    <m/>
    <m/>
    <s v="Important"/>
    <x v="2"/>
    <x v="0"/>
    <x v="0"/>
    <x v="0"/>
    <x v="0"/>
    <x v="0"/>
    <x v="0"/>
    <m/>
    <m/>
    <m/>
    <m/>
    <m/>
    <m/>
    <m/>
    <m/>
    <m/>
    <m/>
    <m/>
    <m/>
    <m/>
    <m/>
    <m/>
    <m/>
    <m/>
    <m/>
    <m/>
    <m/>
    <m/>
    <m/>
    <m/>
    <m/>
    <m/>
    <m/>
    <m/>
    <m/>
    <m/>
    <m/>
    <m/>
    <m/>
    <m/>
    <m/>
    <m/>
    <m/>
    <n v="5000"/>
    <n v="177.93"/>
    <m/>
    <x v="23"/>
    <x v="2"/>
    <x v="2"/>
    <x v="2"/>
    <x v="2"/>
    <x v="2"/>
    <x v="2"/>
    <x v="2"/>
    <x v="2"/>
    <x v="2"/>
    <x v="2"/>
    <x v="2"/>
    <x v="2"/>
    <x v="2"/>
    <x v="2"/>
    <x v="2"/>
    <x v="2"/>
    <s v=""/>
    <s v=""/>
    <s v=""/>
    <s v=""/>
    <s v=""/>
    <s v=""/>
    <s v=""/>
    <s v=""/>
    <s v=""/>
    <s v=""/>
    <s v=""/>
    <s v=""/>
    <s v=""/>
    <s v=""/>
    <m/>
    <m/>
    <m/>
    <m/>
    <m/>
    <m/>
    <m/>
    <m/>
    <x v="0"/>
    <x v="0"/>
    <x v="0"/>
    <x v="0"/>
    <n v="889650"/>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20"/>
    <s v="GI73"/>
    <s v="DBC IDP"/>
    <s v="Dacorum Borough Council"/>
    <x v="4"/>
    <x v="21"/>
    <s v="Contribution towards allotments in Civic Zone, Marlowes (Hm02)"/>
    <m/>
    <s v="Contribution towards 0.12 hectares of allotments required to support growth at Civic Zone, Marlowes (Hm02)"/>
    <s v="Hemel Garden Communities"/>
    <x v="18"/>
    <s v="Programme Area"/>
    <s v="Off-site"/>
    <s v="Developer / Dacorum Borough Council"/>
    <s v="Hertfordshire County Council"/>
    <s v="2028-2031"/>
    <m/>
    <m/>
    <x v="59"/>
    <m/>
    <s v="S106"/>
    <n v="0"/>
    <n v="35586"/>
    <s v="A - Per dwelling"/>
    <m/>
    <m/>
    <s v="Important"/>
    <x v="0"/>
    <x v="2"/>
    <x v="0"/>
    <x v="0"/>
    <x v="0"/>
    <x v="0"/>
    <x v="0"/>
    <m/>
    <m/>
    <m/>
    <m/>
    <m/>
    <m/>
    <m/>
    <m/>
    <m/>
    <m/>
    <m/>
    <m/>
    <m/>
    <m/>
    <m/>
    <m/>
    <m/>
    <m/>
    <m/>
    <m/>
    <m/>
    <m/>
    <m/>
    <m/>
    <m/>
    <m/>
    <m/>
    <m/>
    <m/>
    <m/>
    <m/>
    <m/>
    <m/>
    <m/>
    <m/>
    <m/>
    <n v="200"/>
    <n v="177.93"/>
    <m/>
    <x v="2"/>
    <x v="19"/>
    <x v="2"/>
    <x v="2"/>
    <x v="2"/>
    <x v="2"/>
    <x v="2"/>
    <x v="2"/>
    <x v="2"/>
    <x v="2"/>
    <x v="2"/>
    <x v="2"/>
    <x v="2"/>
    <x v="2"/>
    <x v="2"/>
    <x v="2"/>
    <x v="2"/>
    <s v=""/>
    <s v=""/>
    <s v=""/>
    <s v=""/>
    <s v=""/>
    <s v=""/>
    <s v=""/>
    <s v=""/>
    <s v=""/>
    <s v=""/>
    <s v=""/>
    <s v=""/>
    <s v=""/>
    <s v=""/>
    <m/>
    <m/>
    <m/>
    <m/>
    <m/>
    <m/>
    <m/>
    <m/>
    <x v="0"/>
    <x v="0"/>
    <x v="0"/>
    <x v="0"/>
    <n v="35586"/>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21"/>
    <s v="GI74"/>
    <s v="DBC IDP"/>
    <s v="Dacorum Borough Council"/>
    <x v="4"/>
    <x v="21"/>
    <s v="Contribution towards allotments in Hemel Hospital/Market Square (Hm03)"/>
    <m/>
    <s v="Contribution towards 0.27 hectares of allotments required to support growth at Hemel Hospital/Market Square (Hm03)"/>
    <s v="Hemel Garden Communities"/>
    <x v="13"/>
    <s v="Programme Area"/>
    <s v="Off-site"/>
    <s v="Developer / Dacorum Borough Council"/>
    <s v="Hertfordshire County Council"/>
    <s v="2036-2041"/>
    <m/>
    <m/>
    <x v="60"/>
    <m/>
    <s v="S106"/>
    <n v="0"/>
    <n v="80068.5"/>
    <s v="A - Per dwelling"/>
    <m/>
    <m/>
    <s v="Important"/>
    <x v="0"/>
    <x v="0"/>
    <x v="2"/>
    <x v="0"/>
    <x v="0"/>
    <x v="0"/>
    <x v="0"/>
    <m/>
    <m/>
    <m/>
    <m/>
    <m/>
    <m/>
    <m/>
    <m/>
    <m/>
    <m/>
    <m/>
    <m/>
    <m/>
    <m/>
    <m/>
    <m/>
    <m/>
    <m/>
    <m/>
    <m/>
    <m/>
    <m/>
    <m/>
    <m/>
    <m/>
    <m/>
    <m/>
    <m/>
    <m/>
    <m/>
    <m/>
    <m/>
    <m/>
    <m/>
    <m/>
    <m/>
    <n v="450"/>
    <n v="177.93"/>
    <m/>
    <x v="2"/>
    <x v="2"/>
    <x v="19"/>
    <x v="2"/>
    <x v="2"/>
    <x v="2"/>
    <x v="2"/>
    <x v="2"/>
    <x v="2"/>
    <x v="2"/>
    <x v="2"/>
    <x v="2"/>
    <x v="2"/>
    <x v="2"/>
    <x v="2"/>
    <x v="2"/>
    <x v="2"/>
    <s v=""/>
    <s v=""/>
    <s v=""/>
    <s v=""/>
    <s v=""/>
    <s v=""/>
    <s v=""/>
    <s v=""/>
    <s v=""/>
    <s v=""/>
    <s v=""/>
    <s v=""/>
    <s v=""/>
    <s v=""/>
    <m/>
    <m/>
    <m/>
    <m/>
    <m/>
    <m/>
    <m/>
    <m/>
    <x v="0"/>
    <x v="0"/>
    <x v="0"/>
    <x v="0"/>
    <n v="80068.5"/>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22"/>
    <s v="GI75"/>
    <s v="DBC IDP"/>
    <s v="Dacorum Borough Council"/>
    <x v="4"/>
    <x v="21"/>
    <s v="Contribution towards allotments in Paradise (Hm04)"/>
    <m/>
    <s v="Contribution towards 0.21 hectares of allotments required to support growth at Paradise (Hm04)"/>
    <s v="Hemel Garden Communities"/>
    <x v="19"/>
    <s v="Programme Area"/>
    <s v="Off-site"/>
    <s v="Developer / Dacorum Borough Council"/>
    <s v="Hertfordshire County Council"/>
    <s v="2026-2038"/>
    <m/>
    <m/>
    <x v="61"/>
    <m/>
    <s v="S106"/>
    <n v="0"/>
    <n v="62275.5"/>
    <s v="A - Per dwelling"/>
    <m/>
    <m/>
    <s v="Important"/>
    <x v="0"/>
    <x v="0"/>
    <x v="0"/>
    <x v="2"/>
    <x v="0"/>
    <x v="0"/>
    <x v="0"/>
    <m/>
    <m/>
    <m/>
    <m/>
    <m/>
    <m/>
    <m/>
    <m/>
    <m/>
    <m/>
    <m/>
    <m/>
    <m/>
    <m/>
    <m/>
    <m/>
    <m/>
    <m/>
    <m/>
    <m/>
    <m/>
    <m/>
    <m/>
    <m/>
    <m/>
    <m/>
    <m/>
    <m/>
    <m/>
    <m/>
    <m/>
    <m/>
    <m/>
    <m/>
    <m/>
    <m/>
    <n v="350"/>
    <n v="177.93"/>
    <m/>
    <x v="2"/>
    <x v="2"/>
    <x v="2"/>
    <x v="19"/>
    <x v="2"/>
    <x v="2"/>
    <x v="2"/>
    <x v="2"/>
    <x v="2"/>
    <x v="2"/>
    <x v="2"/>
    <x v="2"/>
    <x v="2"/>
    <x v="2"/>
    <x v="2"/>
    <x v="2"/>
    <x v="2"/>
    <s v=""/>
    <s v=""/>
    <s v=""/>
    <s v=""/>
    <s v=""/>
    <s v=""/>
    <s v=""/>
    <s v=""/>
    <s v=""/>
    <s v=""/>
    <s v=""/>
    <s v=""/>
    <s v=""/>
    <s v=""/>
    <m/>
    <m/>
    <m/>
    <m/>
    <m/>
    <m/>
    <m/>
    <m/>
    <x v="0"/>
    <x v="0"/>
    <x v="0"/>
    <x v="0"/>
    <n v="62275.5"/>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23"/>
    <s v="GI76"/>
    <s v="DBC IDP"/>
    <s v="Dacorum Borough Council"/>
    <x v="4"/>
    <x v="21"/>
    <s v="Contribution towards allotments in Riverside (Hm06)"/>
    <m/>
    <s v="Contribution towards 0.3 hectares of allotments required to support growth at Riverside (Hm06)"/>
    <s v="Hemel Garden Communities"/>
    <x v="10"/>
    <s v="Programme Area"/>
    <s v="Off-site"/>
    <s v="Developer / Dacorum Borough Council"/>
    <s v="Hertfordshire County Council"/>
    <s v="2026-2031"/>
    <m/>
    <m/>
    <x v="62"/>
    <m/>
    <s v="S106"/>
    <n v="0"/>
    <n v="88965"/>
    <s v="A - Per dwelling"/>
    <m/>
    <m/>
    <s v="Important"/>
    <x v="0"/>
    <x v="0"/>
    <x v="0"/>
    <x v="0"/>
    <x v="2"/>
    <x v="0"/>
    <x v="0"/>
    <m/>
    <m/>
    <m/>
    <m/>
    <m/>
    <m/>
    <m/>
    <m/>
    <m/>
    <m/>
    <m/>
    <m/>
    <m/>
    <m/>
    <m/>
    <m/>
    <m/>
    <m/>
    <m/>
    <m/>
    <m/>
    <m/>
    <m/>
    <m/>
    <m/>
    <m/>
    <m/>
    <m/>
    <m/>
    <m/>
    <m/>
    <m/>
    <m/>
    <m/>
    <m/>
    <m/>
    <n v="500"/>
    <n v="177.93"/>
    <m/>
    <x v="2"/>
    <x v="2"/>
    <x v="2"/>
    <x v="2"/>
    <x v="20"/>
    <x v="2"/>
    <x v="2"/>
    <x v="2"/>
    <x v="2"/>
    <x v="2"/>
    <x v="2"/>
    <x v="2"/>
    <x v="2"/>
    <x v="2"/>
    <x v="2"/>
    <x v="2"/>
    <x v="2"/>
    <s v=""/>
    <s v=""/>
    <s v=""/>
    <s v=""/>
    <s v=""/>
    <s v=""/>
    <s v=""/>
    <s v=""/>
    <s v=""/>
    <s v=""/>
    <s v=""/>
    <s v=""/>
    <s v=""/>
    <s v=""/>
    <m/>
    <m/>
    <m/>
    <m/>
    <m/>
    <m/>
    <m/>
    <m/>
    <x v="0"/>
    <x v="0"/>
    <x v="0"/>
    <x v="0"/>
    <n v="88965"/>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24"/>
    <s v="GI77"/>
    <s v="DBC IDP"/>
    <s v="Dacorum Borough Council"/>
    <x v="4"/>
    <x v="21"/>
    <s v="Contribution towards allotments in Symbio Site, Whiteleaf Road (Hm07)"/>
    <m/>
    <s v="Contribution towards 0.06 hectares of allotments required to support growth at Symbio Site, Whiteleaf Road (Hm07)"/>
    <s v="Hemel Garden Communities"/>
    <x v="20"/>
    <s v="Programme Area"/>
    <s v="Off-site"/>
    <s v="Developer / Dacorum Borough Council"/>
    <s v="Hertfordshire County Council"/>
    <s v="2029-2030"/>
    <m/>
    <m/>
    <x v="63"/>
    <m/>
    <s v="S106"/>
    <n v="0"/>
    <n v="17793"/>
    <s v="A - Per dwelling"/>
    <m/>
    <m/>
    <s v="Important"/>
    <x v="0"/>
    <x v="0"/>
    <x v="0"/>
    <x v="0"/>
    <x v="0"/>
    <x v="0"/>
    <x v="2"/>
    <m/>
    <m/>
    <m/>
    <m/>
    <m/>
    <m/>
    <m/>
    <m/>
    <m/>
    <m/>
    <m/>
    <m/>
    <m/>
    <m/>
    <m/>
    <m/>
    <m/>
    <m/>
    <m/>
    <m/>
    <m/>
    <m/>
    <m/>
    <m/>
    <m/>
    <m/>
    <m/>
    <m/>
    <m/>
    <m/>
    <m/>
    <m/>
    <m/>
    <m/>
    <m/>
    <m/>
    <n v="100"/>
    <n v="177.93"/>
    <m/>
    <x v="2"/>
    <x v="2"/>
    <x v="2"/>
    <x v="2"/>
    <x v="2"/>
    <x v="2"/>
    <x v="18"/>
    <x v="2"/>
    <x v="2"/>
    <x v="2"/>
    <x v="2"/>
    <x v="2"/>
    <x v="2"/>
    <x v="2"/>
    <x v="2"/>
    <x v="2"/>
    <x v="2"/>
    <s v=""/>
    <s v=""/>
    <s v=""/>
    <s v=""/>
    <s v=""/>
    <s v=""/>
    <s v=""/>
    <s v=""/>
    <s v=""/>
    <s v=""/>
    <s v=""/>
    <s v=""/>
    <s v=""/>
    <s v=""/>
    <m/>
    <m/>
    <m/>
    <m/>
    <m/>
    <m/>
    <m/>
    <m/>
    <x v="0"/>
    <x v="0"/>
    <x v="0"/>
    <x v="0"/>
    <n v="17793"/>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25"/>
    <s v="GI78"/>
    <s v="DBC IDP"/>
    <s v="Dacorum Borough Council"/>
    <x v="4"/>
    <x v="21"/>
    <s v="Contribution towards allotments in Hemel Hempstead Station Gateway (Hm08)"/>
    <m/>
    <s v="Contribution towards 0.23 hectares of allotments required to support growth at Hemel Hempstead Station Gateway (Hm08)"/>
    <s v="Hemel Garden Communities"/>
    <x v="21"/>
    <s v="Programme Area"/>
    <s v="Off-site"/>
    <s v="Developer / Dacorum Borough Council"/>
    <s v="Hertfordshire County Council"/>
    <s v="2027-2032"/>
    <m/>
    <m/>
    <x v="64"/>
    <m/>
    <s v="S106"/>
    <n v="0"/>
    <n v="69392.7"/>
    <s v="A - Per dwelling"/>
    <m/>
    <m/>
    <s v="Important"/>
    <x v="0"/>
    <x v="0"/>
    <x v="0"/>
    <x v="0"/>
    <x v="0"/>
    <x v="0"/>
    <x v="0"/>
    <s v="Yes"/>
    <m/>
    <m/>
    <m/>
    <m/>
    <m/>
    <m/>
    <m/>
    <m/>
    <m/>
    <m/>
    <m/>
    <m/>
    <m/>
    <m/>
    <m/>
    <m/>
    <m/>
    <m/>
    <m/>
    <m/>
    <m/>
    <m/>
    <m/>
    <m/>
    <m/>
    <m/>
    <m/>
    <m/>
    <m/>
    <m/>
    <m/>
    <m/>
    <m/>
    <m/>
    <m/>
    <n v="390"/>
    <n v="177.92999999999998"/>
    <m/>
    <x v="2"/>
    <x v="2"/>
    <x v="2"/>
    <x v="2"/>
    <x v="2"/>
    <x v="2"/>
    <x v="2"/>
    <x v="20"/>
    <x v="2"/>
    <x v="2"/>
    <x v="2"/>
    <x v="2"/>
    <x v="2"/>
    <x v="2"/>
    <x v="2"/>
    <x v="2"/>
    <x v="2"/>
    <s v=""/>
    <s v=""/>
    <s v=""/>
    <s v=""/>
    <s v=""/>
    <s v=""/>
    <s v=""/>
    <s v=""/>
    <s v=""/>
    <s v=""/>
    <s v=""/>
    <s v=""/>
    <s v=""/>
    <s v=""/>
    <m/>
    <m/>
    <m/>
    <m/>
    <m/>
    <m/>
    <m/>
    <m/>
    <x v="0"/>
    <x v="0"/>
    <x v="0"/>
    <x v="0"/>
    <n v="69392.7"/>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26"/>
    <s v="GI79"/>
    <s v="DBC IDP"/>
    <s v="Dacorum Borough Council"/>
    <x v="4"/>
    <x v="21"/>
    <s v="Contribution towards allotments in National Grid and 339-353 London Road (Hm09)"/>
    <m/>
    <s v="Contribution towards 0.29 hectares of allotments required to support growth at National Grid and 339-353 London Road (Hm09)"/>
    <s v="Hemel Garden Communities"/>
    <x v="22"/>
    <s v="Programme Area"/>
    <s v="Off-site"/>
    <s v="Developer / Dacorum Borough Council"/>
    <s v="Hertfordshire County Council"/>
    <s v="2028-2032"/>
    <m/>
    <m/>
    <x v="65"/>
    <m/>
    <s v="S106"/>
    <n v="0"/>
    <n v="85406.399999999994"/>
    <s v="A - Per dwelling"/>
    <m/>
    <m/>
    <s v="Important"/>
    <x v="0"/>
    <x v="0"/>
    <x v="0"/>
    <x v="0"/>
    <x v="0"/>
    <x v="2"/>
    <x v="0"/>
    <m/>
    <m/>
    <m/>
    <m/>
    <m/>
    <m/>
    <m/>
    <m/>
    <m/>
    <m/>
    <m/>
    <m/>
    <m/>
    <m/>
    <m/>
    <m/>
    <m/>
    <m/>
    <m/>
    <m/>
    <m/>
    <m/>
    <m/>
    <m/>
    <m/>
    <m/>
    <m/>
    <m/>
    <m/>
    <m/>
    <m/>
    <m/>
    <m/>
    <m/>
    <m/>
    <m/>
    <n v="480"/>
    <n v="177.92999999999998"/>
    <m/>
    <x v="2"/>
    <x v="2"/>
    <x v="2"/>
    <x v="2"/>
    <x v="2"/>
    <x v="20"/>
    <x v="2"/>
    <x v="2"/>
    <x v="2"/>
    <x v="2"/>
    <x v="2"/>
    <x v="2"/>
    <x v="2"/>
    <x v="2"/>
    <x v="2"/>
    <x v="2"/>
    <x v="2"/>
    <s v=""/>
    <s v=""/>
    <s v=""/>
    <s v=""/>
    <s v=""/>
    <s v=""/>
    <s v=""/>
    <s v=""/>
    <s v=""/>
    <s v=""/>
    <s v=""/>
    <s v=""/>
    <s v=""/>
    <s v=""/>
    <m/>
    <m/>
    <m/>
    <m/>
    <m/>
    <m/>
    <m/>
    <m/>
    <x v="0"/>
    <x v="0"/>
    <x v="0"/>
    <x v="0"/>
    <n v="85406.399999999994"/>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27"/>
    <s v="GI80"/>
    <s v="DBC IDP"/>
    <s v="Dacorum Borough Council"/>
    <x v="4"/>
    <x v="21"/>
    <s v="Contribution towards allotments in Apsley Mills Retail Park (Hm10) "/>
    <m/>
    <s v="Contribution towards 0.3 hectares of allotments required to support growth at Apsley Mills Retail Park (Hm10) "/>
    <s v="Hemel Garden Communities"/>
    <x v="23"/>
    <s v="Programme Area"/>
    <s v="Off-site"/>
    <s v="Developer / Dacorum Borough Council"/>
    <s v="Hertfordshire County Council"/>
    <s v="2035-2041"/>
    <m/>
    <m/>
    <x v="62"/>
    <m/>
    <s v="S106"/>
    <n v="0"/>
    <n v="88965"/>
    <s v="A - Per dwelling"/>
    <m/>
    <m/>
    <s v="Important"/>
    <x v="0"/>
    <x v="0"/>
    <x v="0"/>
    <x v="0"/>
    <x v="0"/>
    <x v="0"/>
    <x v="0"/>
    <m/>
    <s v="Yes"/>
    <m/>
    <m/>
    <m/>
    <m/>
    <m/>
    <m/>
    <m/>
    <m/>
    <m/>
    <m/>
    <m/>
    <m/>
    <m/>
    <m/>
    <m/>
    <m/>
    <m/>
    <m/>
    <m/>
    <m/>
    <m/>
    <m/>
    <m/>
    <m/>
    <m/>
    <m/>
    <m/>
    <m/>
    <m/>
    <m/>
    <m/>
    <m/>
    <m/>
    <m/>
    <n v="500"/>
    <n v="177.93"/>
    <m/>
    <x v="2"/>
    <x v="2"/>
    <x v="2"/>
    <x v="2"/>
    <x v="2"/>
    <x v="2"/>
    <x v="2"/>
    <x v="2"/>
    <x v="20"/>
    <x v="2"/>
    <x v="2"/>
    <x v="2"/>
    <x v="2"/>
    <x v="2"/>
    <x v="2"/>
    <x v="2"/>
    <x v="2"/>
    <s v=""/>
    <s v=""/>
    <s v=""/>
    <s v=""/>
    <s v=""/>
    <s v=""/>
    <s v=""/>
    <s v=""/>
    <s v=""/>
    <s v=""/>
    <s v=""/>
    <s v=""/>
    <s v=""/>
    <s v=""/>
    <m/>
    <m/>
    <m/>
    <m/>
    <m/>
    <m/>
    <m/>
    <m/>
    <x v="0"/>
    <x v="0"/>
    <x v="0"/>
    <x v="0"/>
    <n v="88965"/>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28"/>
    <s v="GI81"/>
    <s v="DBC IDP"/>
    <s v="Dacorum Borough Council"/>
    <x v="4"/>
    <x v="21"/>
    <s v="Contribution towards allotments in Shendish Manor and Fairfields (Hm11)"/>
    <m/>
    <s v="Contribution towards 0.3 hectares of allotments required to support growth at Shendish Manor and Fairfields (Hm11)"/>
    <s v="Hemel Garden Communities"/>
    <x v="5"/>
    <s v="Programme Area"/>
    <s v="Off-site"/>
    <s v="Developer / Dacorum Borough Council"/>
    <s v="Hertfordshire County Council"/>
    <s v="2027-2032"/>
    <m/>
    <m/>
    <x v="62"/>
    <m/>
    <s v="S106"/>
    <n v="0"/>
    <n v="88965"/>
    <s v="A - Per dwelling"/>
    <m/>
    <m/>
    <s v="Important"/>
    <x v="0"/>
    <x v="0"/>
    <x v="0"/>
    <x v="0"/>
    <x v="0"/>
    <x v="0"/>
    <x v="0"/>
    <m/>
    <m/>
    <s v="Yes"/>
    <m/>
    <m/>
    <m/>
    <m/>
    <m/>
    <m/>
    <m/>
    <m/>
    <m/>
    <m/>
    <m/>
    <m/>
    <m/>
    <m/>
    <m/>
    <m/>
    <m/>
    <m/>
    <m/>
    <m/>
    <m/>
    <m/>
    <m/>
    <m/>
    <m/>
    <m/>
    <m/>
    <m/>
    <m/>
    <m/>
    <m/>
    <m/>
    <m/>
    <n v="500"/>
    <n v="177.93"/>
    <m/>
    <x v="2"/>
    <x v="2"/>
    <x v="2"/>
    <x v="2"/>
    <x v="2"/>
    <x v="2"/>
    <x v="2"/>
    <x v="2"/>
    <x v="2"/>
    <x v="21"/>
    <x v="2"/>
    <x v="2"/>
    <x v="2"/>
    <x v="2"/>
    <x v="2"/>
    <x v="2"/>
    <x v="2"/>
    <s v=""/>
    <s v=""/>
    <s v=""/>
    <s v=""/>
    <s v=""/>
    <s v=""/>
    <s v=""/>
    <s v=""/>
    <s v=""/>
    <s v=""/>
    <s v=""/>
    <s v=""/>
    <s v=""/>
    <s v=""/>
    <m/>
    <m/>
    <m/>
    <m/>
    <m/>
    <m/>
    <m/>
    <m/>
    <x v="0"/>
    <x v="0"/>
    <x v="0"/>
    <x v="0"/>
    <n v="88965"/>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29"/>
    <s v="GI82"/>
    <s v="DBC IDP"/>
    <s v="Dacorum Borough Council"/>
    <x v="4"/>
    <x v="21"/>
    <s v="Contribution towards allotments in Plots 2/3 Kier Park, Maylands Avenue (Hm12)"/>
    <m/>
    <s v="Contribution towards 0.14 hectares of allotments required to support growth at Plots 2/3 Kier Park, Maylands Avenue (Hm12)"/>
    <s v="Hemel Garden Communities"/>
    <x v="29"/>
    <s v="Programme Area"/>
    <s v="Off-site"/>
    <s v="Developer / Dacorum Borough Council"/>
    <s v="Hertfordshire County Council"/>
    <s v="2026-2029"/>
    <m/>
    <m/>
    <x v="66"/>
    <m/>
    <s v="S106"/>
    <n v="0"/>
    <n v="41635.620000000003"/>
    <s v="A - Per dwelling"/>
    <m/>
    <m/>
    <s v="Important"/>
    <x v="0"/>
    <x v="0"/>
    <x v="0"/>
    <x v="0"/>
    <x v="0"/>
    <x v="0"/>
    <x v="0"/>
    <m/>
    <m/>
    <m/>
    <m/>
    <m/>
    <s v="Yes"/>
    <m/>
    <m/>
    <m/>
    <m/>
    <m/>
    <m/>
    <m/>
    <m/>
    <m/>
    <m/>
    <m/>
    <m/>
    <m/>
    <m/>
    <m/>
    <m/>
    <m/>
    <m/>
    <m/>
    <m/>
    <m/>
    <m/>
    <m/>
    <m/>
    <m/>
    <m/>
    <m/>
    <m/>
    <m/>
    <m/>
    <n v="234"/>
    <n v="177.93"/>
    <m/>
    <x v="2"/>
    <x v="2"/>
    <x v="2"/>
    <x v="2"/>
    <x v="2"/>
    <x v="2"/>
    <x v="2"/>
    <x v="2"/>
    <x v="2"/>
    <x v="2"/>
    <x v="2"/>
    <x v="2"/>
    <x v="19"/>
    <x v="2"/>
    <x v="2"/>
    <x v="2"/>
    <x v="2"/>
    <s v=""/>
    <s v=""/>
    <s v=""/>
    <s v=""/>
    <s v=""/>
    <s v=""/>
    <s v=""/>
    <s v=""/>
    <s v=""/>
    <s v=""/>
    <s v=""/>
    <s v=""/>
    <s v=""/>
    <s v=""/>
    <m/>
    <m/>
    <m/>
    <m/>
    <m/>
    <m/>
    <m/>
    <m/>
    <x v="0"/>
    <x v="0"/>
    <x v="0"/>
    <x v="0"/>
    <n v="41635.620000000003"/>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30"/>
    <s v="GI83"/>
    <s v="DBC IDP"/>
    <s v="Dacorum Borough Council"/>
    <x v="4"/>
    <x v="21"/>
    <s v="Contribution towards allotments in Polehanger Lane (Hm13) "/>
    <m/>
    <s v="Contribution towards 0.45 hectares of allotments required to support growth at Polehanger Lane (Hm13) "/>
    <s v="Hemel Garden Communities"/>
    <x v="30"/>
    <s v="Programme Area"/>
    <s v="On-site"/>
    <s v="Developer / Dacorum Borough Council"/>
    <s v="Hertfordshire County Council"/>
    <s v="2031-2039"/>
    <m/>
    <m/>
    <x v="67"/>
    <m/>
    <s v="S106"/>
    <n v="0"/>
    <n v="133447.5"/>
    <s v="A - Per dwelling"/>
    <m/>
    <m/>
    <s v="Important"/>
    <x v="0"/>
    <x v="0"/>
    <x v="0"/>
    <x v="0"/>
    <x v="0"/>
    <x v="0"/>
    <x v="0"/>
    <m/>
    <m/>
    <m/>
    <s v="Yes"/>
    <m/>
    <m/>
    <m/>
    <m/>
    <m/>
    <m/>
    <m/>
    <m/>
    <m/>
    <m/>
    <m/>
    <m/>
    <m/>
    <m/>
    <m/>
    <m/>
    <m/>
    <m/>
    <m/>
    <m/>
    <m/>
    <m/>
    <m/>
    <m/>
    <m/>
    <m/>
    <m/>
    <m/>
    <m/>
    <m/>
    <m/>
    <m/>
    <n v="750"/>
    <n v="177.93"/>
    <m/>
    <x v="2"/>
    <x v="2"/>
    <x v="2"/>
    <x v="2"/>
    <x v="2"/>
    <x v="2"/>
    <x v="2"/>
    <x v="2"/>
    <x v="2"/>
    <x v="2"/>
    <x v="22"/>
    <x v="2"/>
    <x v="2"/>
    <x v="2"/>
    <x v="2"/>
    <x v="2"/>
    <x v="2"/>
    <s v=""/>
    <s v=""/>
    <s v=""/>
    <s v=""/>
    <s v=""/>
    <s v=""/>
    <s v=""/>
    <s v=""/>
    <s v=""/>
    <s v=""/>
    <s v=""/>
    <s v=""/>
    <s v=""/>
    <s v=""/>
    <m/>
    <m/>
    <m/>
    <m/>
    <m/>
    <m/>
    <m/>
    <m/>
    <x v="0"/>
    <x v="0"/>
    <x v="0"/>
    <x v="0"/>
    <n v="133447.5"/>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31"/>
    <s v="GI84"/>
    <s v="DBC IDP"/>
    <s v="Dacorum Borough Council"/>
    <x v="4"/>
    <x v="21"/>
    <s v="Contribution towards allotments in Marchmont Farm (Hm14)"/>
    <m/>
    <s v="Contribution towards 0.21 hectares of allotments required to support growth at Marchmont Farm (Hm14)"/>
    <s v="Hemel Garden Communities"/>
    <x v="9"/>
    <s v="Programme Area"/>
    <s v="Off-site"/>
    <s v="Developer / Dacorum Borough Council"/>
    <s v="Hertfordshire County Council"/>
    <s v="2028-2032"/>
    <m/>
    <m/>
    <x v="61"/>
    <m/>
    <s v="S106"/>
    <n v="0"/>
    <n v="62275.5"/>
    <s v="A - Per dwelling"/>
    <m/>
    <m/>
    <s v="Important"/>
    <x v="0"/>
    <x v="0"/>
    <x v="0"/>
    <x v="0"/>
    <x v="0"/>
    <x v="0"/>
    <x v="0"/>
    <m/>
    <m/>
    <m/>
    <m/>
    <m/>
    <m/>
    <s v="Yes"/>
    <m/>
    <m/>
    <m/>
    <m/>
    <m/>
    <m/>
    <m/>
    <m/>
    <m/>
    <m/>
    <m/>
    <m/>
    <m/>
    <m/>
    <m/>
    <m/>
    <m/>
    <m/>
    <m/>
    <m/>
    <m/>
    <m/>
    <m/>
    <m/>
    <m/>
    <m/>
    <m/>
    <m/>
    <m/>
    <n v="350"/>
    <n v="177.93"/>
    <m/>
    <x v="2"/>
    <x v="2"/>
    <x v="2"/>
    <x v="2"/>
    <x v="2"/>
    <x v="2"/>
    <x v="2"/>
    <x v="2"/>
    <x v="2"/>
    <x v="2"/>
    <x v="2"/>
    <x v="2"/>
    <x v="2"/>
    <x v="20"/>
    <x v="2"/>
    <x v="2"/>
    <x v="2"/>
    <s v=""/>
    <s v=""/>
    <s v=""/>
    <s v=""/>
    <s v=""/>
    <s v=""/>
    <s v=""/>
    <s v=""/>
    <s v=""/>
    <s v=""/>
    <s v=""/>
    <s v=""/>
    <s v=""/>
    <s v=""/>
    <m/>
    <m/>
    <m/>
    <m/>
    <m/>
    <m/>
    <m/>
    <m/>
    <x v="0"/>
    <x v="0"/>
    <x v="0"/>
    <x v="0"/>
    <n v="62275.5"/>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32"/>
    <s v="GI85"/>
    <s v="DBC IDP"/>
    <s v="Dacorum Borough Council"/>
    <x v="4"/>
    <x v="21"/>
    <s v="Contribution towards allotments in Old Town (Hm15) "/>
    <m/>
    <s v="Contribution towards 0.05 hectares of allotments required to support growth at Old Town (Hm15) "/>
    <s v="Hemel Garden Communities"/>
    <x v="31"/>
    <s v="Programme Area"/>
    <s v="Off-site"/>
    <s v="Developer / Dacorum Borough Council"/>
    <s v="Hertfordshire County Council"/>
    <s v="2037-2039"/>
    <m/>
    <m/>
    <x v="68"/>
    <m/>
    <s v="S106"/>
    <n v="0"/>
    <n v="16013.7"/>
    <s v="A - Per dwelling"/>
    <m/>
    <m/>
    <s v="Important"/>
    <x v="0"/>
    <x v="0"/>
    <x v="0"/>
    <x v="0"/>
    <x v="0"/>
    <x v="0"/>
    <x v="0"/>
    <m/>
    <m/>
    <m/>
    <m/>
    <m/>
    <m/>
    <m/>
    <s v="Yes"/>
    <m/>
    <m/>
    <m/>
    <m/>
    <m/>
    <m/>
    <m/>
    <m/>
    <m/>
    <m/>
    <m/>
    <m/>
    <m/>
    <m/>
    <m/>
    <m/>
    <m/>
    <m/>
    <m/>
    <m/>
    <m/>
    <m/>
    <m/>
    <m/>
    <m/>
    <m/>
    <m/>
    <m/>
    <n v="90"/>
    <n v="177.93"/>
    <m/>
    <x v="2"/>
    <x v="2"/>
    <x v="2"/>
    <x v="2"/>
    <x v="2"/>
    <x v="2"/>
    <x v="2"/>
    <x v="2"/>
    <x v="2"/>
    <x v="2"/>
    <x v="2"/>
    <x v="2"/>
    <x v="2"/>
    <x v="2"/>
    <x v="18"/>
    <x v="2"/>
    <x v="2"/>
    <s v=""/>
    <s v=""/>
    <s v=""/>
    <s v=""/>
    <s v=""/>
    <s v=""/>
    <s v=""/>
    <s v=""/>
    <s v=""/>
    <s v=""/>
    <s v=""/>
    <s v=""/>
    <s v=""/>
    <s v=""/>
    <m/>
    <m/>
    <m/>
    <m/>
    <m/>
    <m/>
    <m/>
    <m/>
    <x v="0"/>
    <x v="0"/>
    <x v="0"/>
    <x v="0"/>
    <n v="16013.7"/>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33"/>
    <s v="GI86"/>
    <s v="DBC IDP"/>
    <s v="Dacorum Borough Council"/>
    <x v="4"/>
    <x v="21"/>
    <s v="Contribution towards allotments in Site to the south of Green Lane (Hm16)"/>
    <m/>
    <s v="Contribution towards 0.05 hectares of allotments required to support growth at Site to the south of Green Lane (Hm16)"/>
    <s v="Hemel Garden Communities"/>
    <x v="26"/>
    <s v="Programme Area"/>
    <s v="Off-site"/>
    <s v="Developer / Dacorum Borough Council"/>
    <s v="Hertfordshire County Council"/>
    <s v="2028-2031"/>
    <m/>
    <m/>
    <x v="69"/>
    <m/>
    <s v="S106"/>
    <n v="0"/>
    <n v="14234.4"/>
    <s v="A - Per dwelling"/>
    <m/>
    <m/>
    <s v="Important"/>
    <x v="0"/>
    <x v="0"/>
    <x v="0"/>
    <x v="0"/>
    <x v="0"/>
    <x v="0"/>
    <x v="0"/>
    <m/>
    <m/>
    <m/>
    <m/>
    <m/>
    <m/>
    <m/>
    <m/>
    <s v="Yes"/>
    <m/>
    <m/>
    <m/>
    <m/>
    <m/>
    <m/>
    <m/>
    <m/>
    <m/>
    <m/>
    <m/>
    <m/>
    <m/>
    <m/>
    <m/>
    <m/>
    <m/>
    <m/>
    <m/>
    <m/>
    <m/>
    <m/>
    <m/>
    <m/>
    <m/>
    <m/>
    <m/>
    <n v="80"/>
    <n v="177.93"/>
    <m/>
    <x v="2"/>
    <x v="2"/>
    <x v="2"/>
    <x v="2"/>
    <x v="2"/>
    <x v="2"/>
    <x v="2"/>
    <x v="2"/>
    <x v="2"/>
    <x v="2"/>
    <x v="2"/>
    <x v="2"/>
    <x v="2"/>
    <x v="2"/>
    <x v="2"/>
    <x v="19"/>
    <x v="2"/>
    <s v=""/>
    <s v=""/>
    <s v=""/>
    <s v=""/>
    <s v=""/>
    <s v=""/>
    <s v=""/>
    <s v=""/>
    <s v=""/>
    <s v=""/>
    <s v=""/>
    <s v=""/>
    <s v=""/>
    <s v=""/>
    <m/>
    <m/>
    <m/>
    <m/>
    <m/>
    <m/>
    <m/>
    <m/>
    <x v="0"/>
    <x v="0"/>
    <x v="0"/>
    <x v="0"/>
    <n v="14234.400000000001"/>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34"/>
    <s v="GI87"/>
    <s v="DBC IDP"/>
    <s v="Dacorum Borough Council"/>
    <x v="4"/>
    <x v="21"/>
    <s v="Contribution towards allotments in Grovehill Local Centre (Henry Wells Square) (Grovehill NDP)"/>
    <m/>
    <s v="Contribution towards 0.12 hectares of allotments required to support growth at Grovehill Local Centre (Henry Wells Square) (Grovehill NDP)"/>
    <s v="Hemel Garden Communities"/>
    <x v="27"/>
    <s v="Programme Area"/>
    <s v="Off-site"/>
    <s v="Developer / Dacorum Borough Council"/>
    <s v="Hertfordshire County Council"/>
    <s v="2039-2041"/>
    <m/>
    <m/>
    <x v="59"/>
    <m/>
    <s v="S106"/>
    <n v="0"/>
    <n v="35586"/>
    <s v="A - Per dwelling"/>
    <m/>
    <m/>
    <s v="Important"/>
    <x v="0"/>
    <x v="0"/>
    <x v="0"/>
    <x v="0"/>
    <x v="0"/>
    <x v="0"/>
    <x v="0"/>
    <m/>
    <m/>
    <m/>
    <m/>
    <s v="Yes"/>
    <m/>
    <m/>
    <m/>
    <m/>
    <m/>
    <m/>
    <m/>
    <m/>
    <m/>
    <m/>
    <m/>
    <m/>
    <m/>
    <m/>
    <m/>
    <m/>
    <m/>
    <m/>
    <m/>
    <m/>
    <m/>
    <m/>
    <m/>
    <m/>
    <m/>
    <m/>
    <m/>
    <m/>
    <m/>
    <m/>
    <m/>
    <n v="200"/>
    <n v="177.93"/>
    <m/>
    <x v="2"/>
    <x v="2"/>
    <x v="2"/>
    <x v="2"/>
    <x v="2"/>
    <x v="2"/>
    <x v="2"/>
    <x v="2"/>
    <x v="2"/>
    <x v="2"/>
    <x v="2"/>
    <x v="18"/>
    <x v="2"/>
    <x v="2"/>
    <x v="2"/>
    <x v="2"/>
    <x v="2"/>
    <s v=""/>
    <s v=""/>
    <s v=""/>
    <s v=""/>
    <s v=""/>
    <s v=""/>
    <s v=""/>
    <s v=""/>
    <s v=""/>
    <s v=""/>
    <s v=""/>
    <s v=""/>
    <s v=""/>
    <s v=""/>
    <m/>
    <m/>
    <m/>
    <m/>
    <m/>
    <m/>
    <m/>
    <m/>
    <x v="0"/>
    <x v="0"/>
    <x v="0"/>
    <x v="0"/>
    <n v="35586"/>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35"/>
    <s v="GI88"/>
    <s v="DBC IDP"/>
    <s v="Dacorum Borough Council"/>
    <x v="4"/>
    <x v="21"/>
    <s v="Contribution towards allotments across windfall sites"/>
    <m/>
    <s v="Contribution towards 1.43 hectares of allotments required to support growth across windfall sites"/>
    <s v="Hemel Garden Communities"/>
    <x v="33"/>
    <s v="Programme Area"/>
    <s v="Off-site"/>
    <s v="Developer / Dacorum Borough Council"/>
    <s v="Hertfordshire County Council"/>
    <s v="2026-2041"/>
    <m/>
    <m/>
    <x v="70"/>
    <m/>
    <s v="S106"/>
    <n v="0"/>
    <n v="423473.4"/>
    <s v="A - Per dwelling"/>
    <m/>
    <m/>
    <s v="Important"/>
    <x v="0"/>
    <x v="0"/>
    <x v="0"/>
    <x v="0"/>
    <x v="0"/>
    <x v="0"/>
    <x v="0"/>
    <m/>
    <m/>
    <m/>
    <m/>
    <m/>
    <m/>
    <m/>
    <m/>
    <m/>
    <s v="Yes"/>
    <m/>
    <m/>
    <m/>
    <m/>
    <m/>
    <m/>
    <m/>
    <m/>
    <m/>
    <m/>
    <m/>
    <m/>
    <m/>
    <m/>
    <m/>
    <m/>
    <m/>
    <m/>
    <m/>
    <m/>
    <m/>
    <m/>
    <m/>
    <m/>
    <m/>
    <m/>
    <n v="2380"/>
    <n v="177.93"/>
    <m/>
    <x v="2"/>
    <x v="2"/>
    <x v="2"/>
    <x v="2"/>
    <x v="2"/>
    <x v="2"/>
    <x v="2"/>
    <x v="2"/>
    <x v="2"/>
    <x v="2"/>
    <x v="2"/>
    <x v="2"/>
    <x v="2"/>
    <x v="2"/>
    <x v="2"/>
    <x v="2"/>
    <x v="16"/>
    <s v=""/>
    <s v=""/>
    <s v=""/>
    <s v=""/>
    <s v=""/>
    <s v=""/>
    <s v=""/>
    <s v=""/>
    <s v=""/>
    <s v=""/>
    <s v=""/>
    <s v=""/>
    <s v=""/>
    <s v=""/>
    <m/>
    <m/>
    <m/>
    <m/>
    <m/>
    <m/>
    <m/>
    <m/>
    <x v="0"/>
    <x v="0"/>
    <x v="0"/>
    <x v="0"/>
    <n v="423473.4"/>
    <n v="0"/>
    <n v="0"/>
    <n v="0"/>
    <s v="The Dacorum Borough Council Open Space, Sport and Leisure Background Topic Paper (2020) sets out a cost per hectare of allotments of £225,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25ha of allotment provision per 1,000 of the population."/>
    <s v="Dacorum Borough Council Open Space, Sport and Leisure Background Topic Paper (2020)"/>
    <m/>
  </r>
  <r>
    <m/>
    <n v="136"/>
    <s v="GI89"/>
    <s v="SADC IDP"/>
    <s v="St Albans City &amp; District Council"/>
    <x v="4"/>
    <x v="22"/>
    <s v="Contribution towards amenity greenspace in North Hemel Hempstead (H1)"/>
    <m/>
    <s v="Associated local green infrastructure requirements to support development at North Hemel Hempstead in accordance with the HGC Framework Plan. Contribution towards 2.16 hectares of amenity greenspace required to support growth at North Hemel Hempstead (H1)"/>
    <s v="Hemel Garden Communities"/>
    <x v="1"/>
    <s v="Growth Area"/>
    <s v="On-site"/>
    <s v="St Albans City &amp; District Council"/>
    <s v="St Albans City &amp; District Council"/>
    <s v="2030-2050"/>
    <m/>
    <m/>
    <x v="71"/>
    <m/>
    <s v="S106"/>
    <n v="0"/>
    <n v="345600"/>
    <s v="A - Per dwelling"/>
    <m/>
    <m/>
    <s v="Important"/>
    <x v="0"/>
    <x v="0"/>
    <x v="0"/>
    <x v="0"/>
    <x v="0"/>
    <x v="0"/>
    <x v="0"/>
    <m/>
    <m/>
    <m/>
    <m/>
    <m/>
    <m/>
    <m/>
    <m/>
    <m/>
    <m/>
    <m/>
    <m/>
    <m/>
    <m/>
    <m/>
    <m/>
    <m/>
    <m/>
    <m/>
    <m/>
    <m/>
    <m/>
    <m/>
    <m/>
    <m/>
    <m/>
    <m/>
    <m/>
    <m/>
    <m/>
    <m/>
    <m/>
    <s v="Yes"/>
    <m/>
    <m/>
    <m/>
    <n v="1500"/>
    <n v="230.4"/>
    <m/>
    <x v="0"/>
    <x v="0"/>
    <x v="0"/>
    <x v="0"/>
    <x v="0"/>
    <x v="0"/>
    <x v="0"/>
    <x v="0"/>
    <x v="0"/>
    <x v="0"/>
    <x v="0"/>
    <x v="0"/>
    <x v="0"/>
    <x v="0"/>
    <x v="0"/>
    <x v="0"/>
    <x v="0"/>
    <m/>
    <m/>
    <m/>
    <m/>
    <m/>
    <m/>
    <m/>
    <m/>
    <m/>
    <m/>
    <m/>
    <m/>
    <m/>
    <m/>
    <m/>
    <m/>
    <m/>
    <m/>
    <m/>
    <m/>
    <m/>
    <m/>
    <x v="17"/>
    <x v="0"/>
    <x v="0"/>
    <x v="0"/>
    <n v="0"/>
    <n v="345600"/>
    <n v="0"/>
    <n v="0"/>
    <s v="As Fields in Trust does not provide guidance on cost per hectare of amenity greenspace provision, to ensure consistency between districts, the costs within the Dacorum Borough Council Open Space, Sport and Leisure Background Topic Paper (2020) has been used. It sets out a cost per hectare of amenity greenspace of £160,000. A 31.8% uplift has been applied to the Q1 2020 base cost, to achieve a cost for Q3 2024. It is assumed the cost will be uplifted again at the time of planning application determination in line with the BCIS index."/>
    <s v="The Fields in Trust Green space calculator sets out the requirement for the provision of 0.6ha of amenity greenspace provision per 1,000 of the population."/>
    <s v="Fields in Trust Green space calculator (Accessed May 2025)"/>
    <m/>
  </r>
  <r>
    <m/>
    <n v="137"/>
    <s v="GI90"/>
    <s v="SADC IDP"/>
    <s v="St Albans City &amp; District Council"/>
    <x v="4"/>
    <x v="22"/>
    <s v="Contribution towards amenity greenspace in East Hemel Hempstead (North) (H2)"/>
    <m/>
    <s v="Associated local green infrastructure requirements to support development at East Hemel Hempstead (North) in accordance with the HGC Framework Plan. Contribution towards 2.3 hectares of amenity greenspace required to support growth at East Hemel Hempstead (North) (H2)"/>
    <s v="Hemel Garden Communities"/>
    <x v="2"/>
    <s v="Growth Area "/>
    <s v="On-site"/>
    <s v="St Albans City &amp; District Council"/>
    <s v="St Albans City &amp; District Council"/>
    <s v="2028-2050"/>
    <m/>
    <m/>
    <x v="72"/>
    <m/>
    <s v="S106"/>
    <n v="0"/>
    <n v="368640"/>
    <s v="A - Per dwelling"/>
    <m/>
    <m/>
    <s v="Important"/>
    <x v="0"/>
    <x v="0"/>
    <x v="0"/>
    <x v="0"/>
    <x v="0"/>
    <x v="0"/>
    <x v="0"/>
    <m/>
    <m/>
    <m/>
    <m/>
    <m/>
    <m/>
    <m/>
    <m/>
    <m/>
    <m/>
    <m/>
    <m/>
    <m/>
    <m/>
    <m/>
    <m/>
    <m/>
    <m/>
    <m/>
    <m/>
    <m/>
    <m/>
    <m/>
    <m/>
    <m/>
    <m/>
    <m/>
    <m/>
    <m/>
    <m/>
    <m/>
    <m/>
    <m/>
    <s v="Yes"/>
    <m/>
    <m/>
    <n v="1600"/>
    <n v="230.4"/>
    <m/>
    <x v="0"/>
    <x v="0"/>
    <x v="0"/>
    <x v="0"/>
    <x v="0"/>
    <x v="0"/>
    <x v="0"/>
    <x v="0"/>
    <x v="0"/>
    <x v="0"/>
    <x v="0"/>
    <x v="0"/>
    <x v="0"/>
    <x v="0"/>
    <x v="0"/>
    <x v="0"/>
    <x v="0"/>
    <m/>
    <m/>
    <m/>
    <m/>
    <m/>
    <m/>
    <m/>
    <m/>
    <m/>
    <m/>
    <m/>
    <m/>
    <m/>
    <m/>
    <m/>
    <m/>
    <m/>
    <m/>
    <m/>
    <m/>
    <m/>
    <m/>
    <x v="0"/>
    <x v="17"/>
    <x v="0"/>
    <x v="0"/>
    <n v="0"/>
    <n v="368640"/>
    <n v="0"/>
    <n v="0"/>
    <s v="As Fields in Trust does not provide guidance on cost per hectare of amenity greenspace provision, to ensure consistency between districts, the costs within the Dacorum Borough Council Open Space, Sport and Leisure Background Topic Paper (2020) has been used. It sets out a cost per hectare of amenity greenspace of £160,000. A 31.8% uplift has been applied to the Q1 2020 base cost, to achieve a cost for Q3 2024. It is assumed the cost will be uplifted again at the time of planning application determination in line with the BCIS index."/>
    <s v="The Fields in Trust Green space calculator sets out the requirement for the provision of 0.6ha of amenity greenspace provision per 1,000 of the population."/>
    <s v="Fields in Trust Green space calculator (Accessed May 2025)"/>
    <m/>
  </r>
  <r>
    <m/>
    <n v="138"/>
    <s v="GI91"/>
    <s v="SADC IDP"/>
    <s v="St Albans City &amp; District Council"/>
    <x v="4"/>
    <x v="22"/>
    <s v="Contribution towards amenity greenspace in East Hemel Hempstead (South) (H4)"/>
    <m/>
    <s v="Associated local green infrastructure requirements to support development at East Hemel Hempstead (South) in accordance with the HGC Framework Plan. Contribution towards 3.46 hectares of amenity greenspace required to support growth at East Hemel Hempstead (South) (H4)"/>
    <s v="Hemel Garden Communities"/>
    <x v="3"/>
    <s v="Growth Area "/>
    <s v="On-site"/>
    <s v="St Albans City &amp; District Council"/>
    <s v="St Albans City &amp; District Council"/>
    <s v="2028-2050"/>
    <m/>
    <m/>
    <x v="73"/>
    <m/>
    <s v="S106"/>
    <n v="0"/>
    <n v="552960"/>
    <s v="A - Per dwelling"/>
    <m/>
    <m/>
    <s v="Important"/>
    <x v="0"/>
    <x v="0"/>
    <x v="0"/>
    <x v="0"/>
    <x v="0"/>
    <x v="0"/>
    <x v="0"/>
    <m/>
    <m/>
    <m/>
    <m/>
    <m/>
    <m/>
    <m/>
    <m/>
    <m/>
    <m/>
    <m/>
    <m/>
    <m/>
    <m/>
    <m/>
    <m/>
    <m/>
    <m/>
    <m/>
    <m/>
    <m/>
    <m/>
    <m/>
    <m/>
    <m/>
    <m/>
    <m/>
    <m/>
    <m/>
    <m/>
    <m/>
    <m/>
    <m/>
    <m/>
    <s v="Yes"/>
    <m/>
    <n v="2400"/>
    <n v="230.4"/>
    <m/>
    <x v="0"/>
    <x v="0"/>
    <x v="0"/>
    <x v="0"/>
    <x v="0"/>
    <x v="0"/>
    <x v="0"/>
    <x v="0"/>
    <x v="0"/>
    <x v="0"/>
    <x v="0"/>
    <x v="0"/>
    <x v="0"/>
    <x v="0"/>
    <x v="0"/>
    <x v="0"/>
    <x v="0"/>
    <m/>
    <m/>
    <m/>
    <m/>
    <m/>
    <m/>
    <m/>
    <m/>
    <m/>
    <m/>
    <m/>
    <m/>
    <m/>
    <m/>
    <m/>
    <m/>
    <m/>
    <m/>
    <m/>
    <m/>
    <m/>
    <m/>
    <x v="0"/>
    <x v="0"/>
    <x v="18"/>
    <x v="0"/>
    <n v="0"/>
    <n v="552960"/>
    <n v="0"/>
    <n v="0"/>
    <s v="The Dacorum Borough Council Open Space, Sport and Leisure Background Topic Paper (2020) sets out a cost per hectare of amenity greenspace of £160,000, which has been used for SADC sites to ensure alignment. A 31.8% uplift has been applied to the Q1 2020 base cost, to achieve a cost for Q3 2024. It is assumed the cost will be uplifted again at the time of planning application determination in line with the BCIS index."/>
    <s v="The Fields in Trust Green space calculator sets out the requirement for the provision of 0.6ha of amenity greenspace provision per 1,000 of the population."/>
    <s v="Fields in Trust Green space calculator (Accessed May 2025)"/>
    <m/>
  </r>
  <r>
    <m/>
    <n v="139"/>
    <s v="GI92"/>
    <s v="DBC IDP"/>
    <s v="Dacorum Borough Council"/>
    <x v="4"/>
    <x v="22"/>
    <s v="Associated local green infrastructure requirements to support development at North Hemel Hempstead (Hm01) in accordance with the HGC Framework Plan. Contribution towards 7.2 hectares of amenity greenspace required to support growth at North Hemel Hempstead (Hm01)"/>
    <m/>
    <s v="Contribution towards 7.2 hectares of amenity greenspace required to support growth at North Hemel Hempstead (Hm01)"/>
    <s v="Hemel Garden Communities"/>
    <x v="4"/>
    <s v="Growth Area"/>
    <s v="On-site"/>
    <s v="Developer / Dacorum Borough Council"/>
    <s v="Hertfordshire County Council"/>
    <s v="2032-2050"/>
    <m/>
    <m/>
    <x v="74"/>
    <m/>
    <s v="S106"/>
    <n v="0"/>
    <n v="1518336"/>
    <s v="A - Per dwelling"/>
    <m/>
    <m/>
    <s v="Important"/>
    <x v="2"/>
    <x v="0"/>
    <x v="0"/>
    <x v="0"/>
    <x v="0"/>
    <x v="0"/>
    <x v="0"/>
    <m/>
    <m/>
    <m/>
    <m/>
    <m/>
    <m/>
    <m/>
    <m/>
    <m/>
    <m/>
    <m/>
    <m/>
    <m/>
    <m/>
    <m/>
    <m/>
    <m/>
    <m/>
    <m/>
    <m/>
    <m/>
    <m/>
    <m/>
    <m/>
    <m/>
    <m/>
    <m/>
    <m/>
    <m/>
    <m/>
    <m/>
    <m/>
    <m/>
    <m/>
    <m/>
    <m/>
    <n v="5000"/>
    <n v="303.66719999999998"/>
    <m/>
    <x v="24"/>
    <x v="2"/>
    <x v="2"/>
    <x v="2"/>
    <x v="2"/>
    <x v="2"/>
    <x v="2"/>
    <x v="2"/>
    <x v="2"/>
    <x v="2"/>
    <x v="2"/>
    <x v="2"/>
    <x v="2"/>
    <x v="2"/>
    <x v="2"/>
    <x v="2"/>
    <x v="2"/>
    <s v=""/>
    <s v=""/>
    <s v=""/>
    <s v=""/>
    <s v=""/>
    <s v=""/>
    <s v=""/>
    <s v=""/>
    <s v=""/>
    <s v=""/>
    <s v=""/>
    <s v=""/>
    <s v=""/>
    <s v=""/>
    <m/>
    <m/>
    <m/>
    <m/>
    <m/>
    <m/>
    <m/>
    <m/>
    <x v="0"/>
    <x v="0"/>
    <x v="0"/>
    <x v="0"/>
    <n v="1518336"/>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40"/>
    <s v="GI93"/>
    <s v="DBC IDP"/>
    <s v="Dacorum Borough Council"/>
    <x v="4"/>
    <x v="22"/>
    <s v="Contribution towards amenity greenspace in Hemel Hospital/Market Square (Hm03)"/>
    <m/>
    <s v="Contribution towards 0.65 hectares of amenity greenspace required to support growth at Hemel Hospital/Market Square (Hm03)"/>
    <s v="Hemel Garden Communities"/>
    <x v="13"/>
    <s v="Programme Area"/>
    <s v="On-site"/>
    <s v="Developer / Dacorum Borough Council"/>
    <s v="Hertfordshire County Council"/>
    <s v="2036-2041"/>
    <m/>
    <m/>
    <x v="75"/>
    <m/>
    <s v="S106"/>
    <n v="0"/>
    <n v="136650.23999999999"/>
    <s v="A - Per dwelling"/>
    <m/>
    <m/>
    <s v="Important"/>
    <x v="0"/>
    <x v="0"/>
    <x v="2"/>
    <x v="0"/>
    <x v="0"/>
    <x v="0"/>
    <x v="0"/>
    <m/>
    <m/>
    <m/>
    <m/>
    <m/>
    <m/>
    <m/>
    <m/>
    <m/>
    <m/>
    <m/>
    <m/>
    <m/>
    <m/>
    <m/>
    <m/>
    <m/>
    <m/>
    <m/>
    <m/>
    <m/>
    <m/>
    <m/>
    <m/>
    <m/>
    <m/>
    <m/>
    <m/>
    <m/>
    <m/>
    <m/>
    <m/>
    <m/>
    <m/>
    <m/>
    <m/>
    <n v="450"/>
    <n v="303.66719999999998"/>
    <m/>
    <x v="2"/>
    <x v="2"/>
    <x v="20"/>
    <x v="2"/>
    <x v="2"/>
    <x v="2"/>
    <x v="2"/>
    <x v="2"/>
    <x v="2"/>
    <x v="2"/>
    <x v="2"/>
    <x v="2"/>
    <x v="2"/>
    <x v="2"/>
    <x v="2"/>
    <x v="2"/>
    <x v="2"/>
    <s v=""/>
    <s v=""/>
    <s v=""/>
    <s v=""/>
    <s v=""/>
    <s v=""/>
    <s v=""/>
    <s v=""/>
    <s v=""/>
    <s v=""/>
    <s v=""/>
    <s v=""/>
    <s v=""/>
    <s v=""/>
    <m/>
    <m/>
    <m/>
    <m/>
    <m/>
    <m/>
    <m/>
    <m/>
    <x v="0"/>
    <x v="0"/>
    <x v="0"/>
    <x v="0"/>
    <n v="136650.23999999999"/>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41"/>
    <s v="GI94"/>
    <s v="DBC IDP"/>
    <s v="Dacorum Borough Council"/>
    <x v="4"/>
    <x v="22"/>
    <s v="Contribution towards amenity greenspace in Paradise (Hm04)"/>
    <m/>
    <s v="Contribution towards 0.5 hectares of amenity greenspace required to support growth at Paradise (Hm04)"/>
    <s v="Hemel Garden Communities"/>
    <x v="19"/>
    <s v="Programme Area"/>
    <s v="On-site"/>
    <s v="Developer / Dacorum Borough Council"/>
    <s v="Hertfordshire County Council"/>
    <s v="2026-2038"/>
    <m/>
    <m/>
    <x v="76"/>
    <m/>
    <s v="S106"/>
    <n v="0"/>
    <n v="106283.52"/>
    <s v="A - Per dwelling"/>
    <m/>
    <m/>
    <s v="Important"/>
    <x v="0"/>
    <x v="0"/>
    <x v="0"/>
    <x v="2"/>
    <x v="0"/>
    <x v="0"/>
    <x v="0"/>
    <m/>
    <m/>
    <m/>
    <m/>
    <m/>
    <m/>
    <m/>
    <m/>
    <m/>
    <m/>
    <m/>
    <m/>
    <m/>
    <m/>
    <m/>
    <m/>
    <m/>
    <m/>
    <m/>
    <m/>
    <m/>
    <m/>
    <m/>
    <m/>
    <m/>
    <m/>
    <m/>
    <m/>
    <m/>
    <m/>
    <m/>
    <m/>
    <m/>
    <m/>
    <m/>
    <m/>
    <n v="350"/>
    <n v="303.66720000000004"/>
    <m/>
    <x v="2"/>
    <x v="2"/>
    <x v="2"/>
    <x v="20"/>
    <x v="2"/>
    <x v="2"/>
    <x v="2"/>
    <x v="2"/>
    <x v="2"/>
    <x v="2"/>
    <x v="2"/>
    <x v="2"/>
    <x v="2"/>
    <x v="2"/>
    <x v="2"/>
    <x v="2"/>
    <x v="2"/>
    <s v=""/>
    <s v=""/>
    <s v=""/>
    <s v=""/>
    <s v=""/>
    <s v=""/>
    <s v=""/>
    <s v=""/>
    <s v=""/>
    <s v=""/>
    <s v=""/>
    <s v=""/>
    <s v=""/>
    <s v=""/>
    <m/>
    <m/>
    <m/>
    <m/>
    <m/>
    <m/>
    <m/>
    <m/>
    <x v="0"/>
    <x v="0"/>
    <x v="0"/>
    <x v="0"/>
    <n v="106283.52000000002"/>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42"/>
    <s v="GI95"/>
    <s v="DBC IDP"/>
    <s v="Dacorum Borough Council"/>
    <x v="4"/>
    <x v="22"/>
    <s v="Contribution towards amenity greenspace in Civic Zone, Marlowes (Hm02)"/>
    <m/>
    <s v="Contribution towards 0.29 hectares of amenity greenspace required to support growth at Civic Zone, Marlowes (Hm02)"/>
    <s v="Hemel Garden Communities"/>
    <x v="18"/>
    <s v="Programme Area"/>
    <s v="On-site"/>
    <s v="Developer / Dacorum Borough Council"/>
    <s v="Hertfordshire County Council"/>
    <s v="2028-2031"/>
    <m/>
    <m/>
    <x v="77"/>
    <m/>
    <s v="S106"/>
    <n v="0"/>
    <n v="60733.440000000002"/>
    <s v="A - Per dwelling"/>
    <m/>
    <m/>
    <s v="Important"/>
    <x v="0"/>
    <x v="2"/>
    <x v="0"/>
    <x v="0"/>
    <x v="0"/>
    <x v="0"/>
    <x v="0"/>
    <m/>
    <m/>
    <m/>
    <m/>
    <m/>
    <m/>
    <m/>
    <m/>
    <m/>
    <m/>
    <m/>
    <m/>
    <m/>
    <m/>
    <m/>
    <m/>
    <m/>
    <m/>
    <m/>
    <m/>
    <m/>
    <m/>
    <m/>
    <m/>
    <m/>
    <m/>
    <m/>
    <m/>
    <m/>
    <m/>
    <m/>
    <m/>
    <m/>
    <m/>
    <m/>
    <m/>
    <n v="200"/>
    <n v="303.66720000000004"/>
    <m/>
    <x v="2"/>
    <x v="20"/>
    <x v="2"/>
    <x v="2"/>
    <x v="2"/>
    <x v="2"/>
    <x v="2"/>
    <x v="2"/>
    <x v="2"/>
    <x v="2"/>
    <x v="2"/>
    <x v="2"/>
    <x v="2"/>
    <x v="2"/>
    <x v="2"/>
    <x v="2"/>
    <x v="2"/>
    <s v=""/>
    <s v=""/>
    <s v=""/>
    <s v=""/>
    <s v=""/>
    <s v=""/>
    <s v=""/>
    <s v=""/>
    <s v=""/>
    <s v=""/>
    <s v=""/>
    <s v=""/>
    <s v=""/>
    <s v=""/>
    <m/>
    <m/>
    <m/>
    <m/>
    <m/>
    <m/>
    <m/>
    <m/>
    <x v="0"/>
    <x v="0"/>
    <x v="0"/>
    <x v="0"/>
    <n v="60733.44000000001"/>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43"/>
    <s v="GI96"/>
    <s v="DBC IDP"/>
    <s v="Dacorum Borough Council"/>
    <x v="4"/>
    <x v="22"/>
    <s v="Contribution towards amenity greenspace in Riverside (Hm06)"/>
    <m/>
    <s v="Contribution towards 0.72 hectares of amenity greenspace required to support growth at Riverside (Hm06)"/>
    <s v="Hemel Garden Communities"/>
    <x v="10"/>
    <s v="Programme Area"/>
    <s v="On-site / Off-site"/>
    <s v="Developer / Dacorum Borough Council"/>
    <s v="Hertfordshire County Council"/>
    <s v="2026-2031"/>
    <m/>
    <m/>
    <x v="78"/>
    <m/>
    <s v="S106"/>
    <n v="0"/>
    <n v="151833.60000000001"/>
    <s v="A - Per dwelling"/>
    <m/>
    <m/>
    <s v="Important"/>
    <x v="0"/>
    <x v="0"/>
    <x v="0"/>
    <x v="0"/>
    <x v="2"/>
    <x v="0"/>
    <x v="0"/>
    <m/>
    <m/>
    <m/>
    <m/>
    <m/>
    <m/>
    <m/>
    <m/>
    <m/>
    <m/>
    <m/>
    <m/>
    <m/>
    <m/>
    <m/>
    <m/>
    <m/>
    <m/>
    <m/>
    <m/>
    <m/>
    <m/>
    <m/>
    <m/>
    <m/>
    <m/>
    <m/>
    <m/>
    <m/>
    <m/>
    <m/>
    <m/>
    <m/>
    <m/>
    <m/>
    <m/>
    <n v="500"/>
    <n v="303.66720000000004"/>
    <m/>
    <x v="2"/>
    <x v="2"/>
    <x v="2"/>
    <x v="2"/>
    <x v="21"/>
    <x v="2"/>
    <x v="2"/>
    <x v="2"/>
    <x v="2"/>
    <x v="2"/>
    <x v="2"/>
    <x v="2"/>
    <x v="2"/>
    <x v="2"/>
    <x v="2"/>
    <x v="2"/>
    <x v="2"/>
    <s v=""/>
    <s v=""/>
    <s v=""/>
    <s v=""/>
    <s v=""/>
    <s v=""/>
    <s v=""/>
    <s v=""/>
    <s v=""/>
    <s v=""/>
    <s v=""/>
    <s v=""/>
    <s v=""/>
    <s v=""/>
    <m/>
    <m/>
    <m/>
    <m/>
    <m/>
    <m/>
    <m/>
    <m/>
    <x v="0"/>
    <x v="0"/>
    <x v="0"/>
    <x v="0"/>
    <n v="151833.60000000001"/>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44"/>
    <s v="GI97"/>
    <s v="DBC IDP"/>
    <s v="Dacorum Borough Council"/>
    <x v="4"/>
    <x v="22"/>
    <s v="Contribution towards amenity greenspace in Symbio Site, Whiteleaf Road (Hm07)"/>
    <m/>
    <s v="Contribution towards 0.14 hectares of amenity greenspace required to support growth at Symbio Site, Whiteleaf Road (Hm07)"/>
    <s v="Hemel Garden Communities"/>
    <x v="20"/>
    <s v="Programme Area"/>
    <s v="On-site"/>
    <s v="Developer / Dacorum Borough Council"/>
    <s v="Hertfordshire County Council"/>
    <s v="2029-2030"/>
    <m/>
    <m/>
    <x v="79"/>
    <m/>
    <s v="S106"/>
    <n v="0"/>
    <n v="30366.720000000001"/>
    <s v="A - Per dwelling"/>
    <m/>
    <m/>
    <s v="Important"/>
    <x v="0"/>
    <x v="0"/>
    <x v="0"/>
    <x v="0"/>
    <x v="0"/>
    <x v="0"/>
    <x v="2"/>
    <m/>
    <m/>
    <m/>
    <m/>
    <m/>
    <m/>
    <m/>
    <m/>
    <m/>
    <m/>
    <m/>
    <m/>
    <m/>
    <m/>
    <m/>
    <m/>
    <m/>
    <m/>
    <m/>
    <m/>
    <m/>
    <m/>
    <m/>
    <m/>
    <m/>
    <m/>
    <m/>
    <m/>
    <m/>
    <m/>
    <m/>
    <m/>
    <m/>
    <m/>
    <m/>
    <m/>
    <n v="100"/>
    <n v="303.66720000000004"/>
    <m/>
    <x v="2"/>
    <x v="2"/>
    <x v="2"/>
    <x v="2"/>
    <x v="2"/>
    <x v="2"/>
    <x v="19"/>
    <x v="2"/>
    <x v="2"/>
    <x v="2"/>
    <x v="2"/>
    <x v="2"/>
    <x v="2"/>
    <x v="2"/>
    <x v="2"/>
    <x v="2"/>
    <x v="2"/>
    <s v=""/>
    <s v=""/>
    <s v=""/>
    <s v=""/>
    <s v=""/>
    <s v=""/>
    <s v=""/>
    <s v=""/>
    <s v=""/>
    <s v=""/>
    <s v=""/>
    <s v=""/>
    <s v=""/>
    <s v=""/>
    <m/>
    <m/>
    <m/>
    <m/>
    <m/>
    <m/>
    <m/>
    <m/>
    <x v="0"/>
    <x v="0"/>
    <x v="0"/>
    <x v="0"/>
    <n v="30366.720000000005"/>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45"/>
    <s v="GI98"/>
    <s v="DBC IDP"/>
    <s v="Dacorum Borough Council"/>
    <x v="4"/>
    <x v="22"/>
    <s v="Contribution towards amenity greenspace in Hemel Hempstead Station Gateway (Hm08)"/>
    <m/>
    <s v="Contribution towards 0.56 hectares of amenity greenspace required to support growth at Hemel Hempstead Station Gateway (Hm08)"/>
    <s v="Hemel Garden Communities"/>
    <x v="21"/>
    <s v="Programme Area"/>
    <s v="On-site"/>
    <s v="Developer / Dacorum Borough Council"/>
    <s v="Hertfordshire County Council"/>
    <s v="2027-2032"/>
    <m/>
    <m/>
    <x v="80"/>
    <m/>
    <s v="S106"/>
    <n v="0"/>
    <n v="118430.208"/>
    <s v="A - Per dwelling"/>
    <m/>
    <m/>
    <s v="Important"/>
    <x v="0"/>
    <x v="0"/>
    <x v="0"/>
    <x v="0"/>
    <x v="0"/>
    <x v="0"/>
    <x v="0"/>
    <s v="Yes"/>
    <m/>
    <m/>
    <m/>
    <m/>
    <m/>
    <m/>
    <m/>
    <m/>
    <m/>
    <m/>
    <m/>
    <m/>
    <m/>
    <m/>
    <m/>
    <m/>
    <m/>
    <m/>
    <m/>
    <m/>
    <m/>
    <m/>
    <m/>
    <m/>
    <m/>
    <m/>
    <m/>
    <m/>
    <m/>
    <m/>
    <m/>
    <m/>
    <m/>
    <m/>
    <m/>
    <n v="390"/>
    <n v="303.66719999999998"/>
    <m/>
    <x v="2"/>
    <x v="2"/>
    <x v="2"/>
    <x v="2"/>
    <x v="2"/>
    <x v="2"/>
    <x v="2"/>
    <x v="21"/>
    <x v="2"/>
    <x v="2"/>
    <x v="2"/>
    <x v="2"/>
    <x v="2"/>
    <x v="2"/>
    <x v="2"/>
    <x v="2"/>
    <x v="2"/>
    <s v=""/>
    <s v=""/>
    <s v=""/>
    <s v=""/>
    <s v=""/>
    <s v=""/>
    <s v=""/>
    <s v=""/>
    <s v=""/>
    <s v=""/>
    <s v=""/>
    <s v=""/>
    <s v=""/>
    <s v=""/>
    <m/>
    <m/>
    <m/>
    <m/>
    <m/>
    <m/>
    <m/>
    <m/>
    <x v="0"/>
    <x v="0"/>
    <x v="0"/>
    <x v="0"/>
    <n v="118430.208"/>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46"/>
    <s v="GI99"/>
    <s v="DBC IDP"/>
    <s v="Dacorum Borough Council"/>
    <x v="4"/>
    <x v="22"/>
    <s v="Contribution towards amenity greenspace in National Grid and 339-353 London Road (Hm09)"/>
    <m/>
    <s v="Contribution towards 0.69 hectares of amenity greenspace required to support growth at National Grid and 339-353 London Road (Hm09)"/>
    <s v="Hemel Garden Communities"/>
    <x v="22"/>
    <s v="Programme Area"/>
    <s v="On-site"/>
    <s v="Developer / Dacorum Borough Council"/>
    <s v="Hertfordshire County Council"/>
    <s v="2028-2032"/>
    <m/>
    <m/>
    <x v="81"/>
    <m/>
    <s v="S106"/>
    <n v="0"/>
    <n v="145760.25599999999"/>
    <s v="A - Per dwelling"/>
    <m/>
    <m/>
    <s v="Important"/>
    <x v="0"/>
    <x v="0"/>
    <x v="0"/>
    <x v="0"/>
    <x v="0"/>
    <x v="2"/>
    <x v="0"/>
    <m/>
    <m/>
    <m/>
    <m/>
    <m/>
    <m/>
    <m/>
    <m/>
    <m/>
    <m/>
    <m/>
    <m/>
    <m/>
    <m/>
    <m/>
    <m/>
    <m/>
    <m/>
    <m/>
    <m/>
    <m/>
    <m/>
    <m/>
    <m/>
    <m/>
    <m/>
    <m/>
    <m/>
    <m/>
    <m/>
    <m/>
    <m/>
    <m/>
    <m/>
    <m/>
    <m/>
    <n v="480"/>
    <n v="303.66719999999998"/>
    <m/>
    <x v="2"/>
    <x v="2"/>
    <x v="2"/>
    <x v="2"/>
    <x v="2"/>
    <x v="21"/>
    <x v="2"/>
    <x v="2"/>
    <x v="2"/>
    <x v="2"/>
    <x v="2"/>
    <x v="2"/>
    <x v="2"/>
    <x v="2"/>
    <x v="2"/>
    <x v="2"/>
    <x v="2"/>
    <s v=""/>
    <s v=""/>
    <s v=""/>
    <s v=""/>
    <s v=""/>
    <s v=""/>
    <s v=""/>
    <s v=""/>
    <s v=""/>
    <s v=""/>
    <s v=""/>
    <s v=""/>
    <s v=""/>
    <s v=""/>
    <m/>
    <m/>
    <m/>
    <m/>
    <m/>
    <m/>
    <m/>
    <m/>
    <x v="0"/>
    <x v="0"/>
    <x v="0"/>
    <x v="0"/>
    <n v="145760.25599999999"/>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47"/>
    <s v="GI100"/>
    <s v="DBC IDP"/>
    <s v="Dacorum Borough Council"/>
    <x v="4"/>
    <x v="22"/>
    <s v="Contribution towards amenity greenspace in Apsley Mills Retail Park (Hm10) "/>
    <m/>
    <s v="Contribution towards 0.72 hectares of amenity greenspace required to support growth at Apsley Mills Retail Park (Hm10) "/>
    <s v="Hemel Garden Communities"/>
    <x v="23"/>
    <s v="Programme Area"/>
    <s v="On-site"/>
    <s v="Developer / Dacorum Borough Council"/>
    <s v="Hertfordshire County Council"/>
    <s v="2035-2041"/>
    <m/>
    <m/>
    <x v="78"/>
    <m/>
    <s v="S106"/>
    <n v="0"/>
    <n v="151833.60000000001"/>
    <s v="A - Per dwelling"/>
    <m/>
    <m/>
    <s v="Important"/>
    <x v="0"/>
    <x v="0"/>
    <x v="0"/>
    <x v="0"/>
    <x v="0"/>
    <x v="0"/>
    <x v="0"/>
    <m/>
    <s v="Yes"/>
    <m/>
    <m/>
    <m/>
    <m/>
    <m/>
    <m/>
    <m/>
    <m/>
    <m/>
    <m/>
    <m/>
    <m/>
    <m/>
    <m/>
    <m/>
    <m/>
    <m/>
    <m/>
    <m/>
    <m/>
    <m/>
    <m/>
    <m/>
    <m/>
    <m/>
    <m/>
    <m/>
    <m/>
    <m/>
    <m/>
    <m/>
    <m/>
    <m/>
    <m/>
    <n v="500"/>
    <n v="303.66720000000004"/>
    <m/>
    <x v="2"/>
    <x v="2"/>
    <x v="2"/>
    <x v="2"/>
    <x v="2"/>
    <x v="2"/>
    <x v="2"/>
    <x v="2"/>
    <x v="21"/>
    <x v="2"/>
    <x v="2"/>
    <x v="2"/>
    <x v="2"/>
    <x v="2"/>
    <x v="2"/>
    <x v="2"/>
    <x v="2"/>
    <s v=""/>
    <s v=""/>
    <s v=""/>
    <s v=""/>
    <s v=""/>
    <s v=""/>
    <s v=""/>
    <s v=""/>
    <s v=""/>
    <s v=""/>
    <s v=""/>
    <s v=""/>
    <s v=""/>
    <s v=""/>
    <m/>
    <m/>
    <m/>
    <m/>
    <m/>
    <m/>
    <m/>
    <m/>
    <x v="0"/>
    <x v="0"/>
    <x v="0"/>
    <x v="0"/>
    <n v="151833.60000000001"/>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48"/>
    <s v="GI101"/>
    <s v="DBC IDP"/>
    <s v="Dacorum Borough Council"/>
    <x v="4"/>
    <x v="22"/>
    <s v="Contribution towards amenity greenspace in Plots 2/3 Kier Park, Maylands Avenue (Hm12)"/>
    <m/>
    <s v="Contribution towards 0.34 hectares of amenity greenspace required to support growth at Plots 2/3 Kier Park, Maylands Avenue (Hm12)"/>
    <s v="Hemel Garden Communities"/>
    <x v="29"/>
    <s v="Programme Area"/>
    <s v="On-site"/>
    <s v="Developer / Dacorum Borough Council"/>
    <s v="Hertfordshire County Council"/>
    <s v="2026-2029"/>
    <m/>
    <m/>
    <x v="82"/>
    <m/>
    <s v="S106"/>
    <n v="0"/>
    <n v="71058.124799999991"/>
    <s v="A - Per dwelling"/>
    <m/>
    <m/>
    <s v="Important"/>
    <x v="0"/>
    <x v="0"/>
    <x v="0"/>
    <x v="0"/>
    <x v="0"/>
    <x v="0"/>
    <x v="0"/>
    <m/>
    <m/>
    <m/>
    <m/>
    <m/>
    <s v="Yes"/>
    <m/>
    <m/>
    <m/>
    <m/>
    <m/>
    <m/>
    <m/>
    <m/>
    <m/>
    <m/>
    <m/>
    <m/>
    <m/>
    <m/>
    <m/>
    <m/>
    <m/>
    <m/>
    <m/>
    <m/>
    <m/>
    <m/>
    <m/>
    <m/>
    <m/>
    <m/>
    <m/>
    <m/>
    <m/>
    <m/>
    <n v="234"/>
    <n v="303.66719999999998"/>
    <m/>
    <x v="2"/>
    <x v="2"/>
    <x v="2"/>
    <x v="2"/>
    <x v="2"/>
    <x v="2"/>
    <x v="2"/>
    <x v="2"/>
    <x v="2"/>
    <x v="2"/>
    <x v="2"/>
    <x v="2"/>
    <x v="20"/>
    <x v="2"/>
    <x v="2"/>
    <x v="2"/>
    <x v="2"/>
    <s v=""/>
    <s v=""/>
    <s v=""/>
    <s v=""/>
    <s v=""/>
    <s v=""/>
    <s v=""/>
    <s v=""/>
    <s v=""/>
    <s v=""/>
    <s v=""/>
    <s v=""/>
    <s v=""/>
    <s v=""/>
    <m/>
    <m/>
    <m/>
    <m/>
    <m/>
    <m/>
    <m/>
    <m/>
    <x v="0"/>
    <x v="0"/>
    <x v="0"/>
    <x v="0"/>
    <n v="71058.124799999991"/>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49"/>
    <s v="GI102"/>
    <s v="DBC IDP"/>
    <s v="Dacorum Borough Council"/>
    <x v="4"/>
    <x v="22"/>
    <s v="Contribution towards amenity greenspace in Shendish Manor and Fairfields (Hm11)"/>
    <m/>
    <s v="Contribution towards 0.72 hectares of amenity greenspace required to support growth at Shendish Manor and Fairfields (Hm11)"/>
    <s v="Hemel Garden Communities"/>
    <x v="5"/>
    <s v="Programme Area"/>
    <s v="On-site"/>
    <s v="Developer / Dacorum Borough Council"/>
    <s v="Hertfordshire County Council"/>
    <s v="2027-2032"/>
    <m/>
    <m/>
    <x v="78"/>
    <m/>
    <s v="S106"/>
    <n v="0"/>
    <n v="151833.60000000001"/>
    <s v="A - Per dwelling"/>
    <m/>
    <m/>
    <s v="Important"/>
    <x v="0"/>
    <x v="0"/>
    <x v="0"/>
    <x v="0"/>
    <x v="0"/>
    <x v="0"/>
    <x v="0"/>
    <m/>
    <m/>
    <s v="Yes"/>
    <m/>
    <m/>
    <m/>
    <m/>
    <m/>
    <m/>
    <m/>
    <m/>
    <m/>
    <m/>
    <m/>
    <m/>
    <m/>
    <m/>
    <m/>
    <m/>
    <m/>
    <m/>
    <m/>
    <m/>
    <m/>
    <m/>
    <m/>
    <m/>
    <m/>
    <m/>
    <m/>
    <m/>
    <m/>
    <m/>
    <m/>
    <m/>
    <m/>
    <n v="500"/>
    <n v="303.66720000000004"/>
    <m/>
    <x v="2"/>
    <x v="2"/>
    <x v="2"/>
    <x v="2"/>
    <x v="2"/>
    <x v="2"/>
    <x v="2"/>
    <x v="2"/>
    <x v="2"/>
    <x v="22"/>
    <x v="2"/>
    <x v="2"/>
    <x v="2"/>
    <x v="2"/>
    <x v="2"/>
    <x v="2"/>
    <x v="2"/>
    <s v=""/>
    <s v=""/>
    <s v=""/>
    <s v=""/>
    <s v=""/>
    <s v=""/>
    <s v=""/>
    <s v=""/>
    <s v=""/>
    <s v=""/>
    <s v=""/>
    <s v=""/>
    <s v=""/>
    <s v=""/>
    <m/>
    <m/>
    <m/>
    <m/>
    <m/>
    <m/>
    <m/>
    <m/>
    <x v="0"/>
    <x v="0"/>
    <x v="0"/>
    <x v="0"/>
    <n v="151833.60000000001"/>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50"/>
    <s v="GI103"/>
    <s v="DBC IDP"/>
    <s v="Dacorum Borough Council"/>
    <x v="4"/>
    <x v="22"/>
    <s v="Contribution towards amenity greenspace in Polehanger Lane (Hm13) "/>
    <m/>
    <s v="Contribution towards 1.08 hectares of amenity greenspace required to support growth at Polehanger Lane (Hm13) "/>
    <s v="Hemel Garden Communities"/>
    <x v="30"/>
    <s v="Programme Area"/>
    <s v="On-site"/>
    <s v="Developer / Dacorum Borough Council"/>
    <s v="Hertfordshire County Council"/>
    <s v="2031-2039"/>
    <m/>
    <m/>
    <x v="83"/>
    <m/>
    <s v="S106"/>
    <n v="0"/>
    <n v="227750.39999999999"/>
    <s v="A - Per dwelling"/>
    <m/>
    <m/>
    <s v="Important"/>
    <x v="0"/>
    <x v="0"/>
    <x v="0"/>
    <x v="0"/>
    <x v="0"/>
    <x v="0"/>
    <x v="0"/>
    <m/>
    <m/>
    <m/>
    <s v="Yes"/>
    <m/>
    <m/>
    <m/>
    <m/>
    <m/>
    <m/>
    <m/>
    <m/>
    <m/>
    <m/>
    <m/>
    <m/>
    <m/>
    <m/>
    <m/>
    <m/>
    <m/>
    <m/>
    <m/>
    <m/>
    <m/>
    <m/>
    <m/>
    <m/>
    <m/>
    <m/>
    <m/>
    <m/>
    <m/>
    <m/>
    <m/>
    <m/>
    <n v="750"/>
    <n v="303.66719999999998"/>
    <m/>
    <x v="2"/>
    <x v="2"/>
    <x v="2"/>
    <x v="2"/>
    <x v="2"/>
    <x v="2"/>
    <x v="2"/>
    <x v="2"/>
    <x v="2"/>
    <x v="2"/>
    <x v="23"/>
    <x v="2"/>
    <x v="2"/>
    <x v="2"/>
    <x v="2"/>
    <x v="2"/>
    <x v="2"/>
    <s v=""/>
    <s v=""/>
    <s v=""/>
    <s v=""/>
    <s v=""/>
    <s v=""/>
    <s v=""/>
    <s v=""/>
    <s v=""/>
    <s v=""/>
    <s v=""/>
    <s v=""/>
    <s v=""/>
    <s v=""/>
    <m/>
    <m/>
    <m/>
    <m/>
    <m/>
    <m/>
    <m/>
    <m/>
    <x v="0"/>
    <x v="0"/>
    <x v="0"/>
    <x v="0"/>
    <n v="227750.39999999999"/>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51"/>
    <s v="GI104"/>
    <s v="DBC IDP"/>
    <s v="Dacorum Borough Council"/>
    <x v="4"/>
    <x v="22"/>
    <s v="Contribution towards amenity greenspace in Marchmont Farm (Hm14)"/>
    <m/>
    <s v="Contribution towards 0.5 hectares of amenity greenspace required to support growth at Marchmont Farm (Hm14)"/>
    <s v="Hemel Garden Communities"/>
    <x v="34"/>
    <s v="Programme Area"/>
    <s v="On-site"/>
    <s v="Developer / Dacorum Borough Council"/>
    <s v="Hertfordshire County Council"/>
    <s v="2028-2032"/>
    <m/>
    <m/>
    <x v="76"/>
    <m/>
    <s v="S106"/>
    <n v="0"/>
    <n v="106283.52"/>
    <s v="A - Per dwelling"/>
    <m/>
    <m/>
    <s v="Important"/>
    <x v="0"/>
    <x v="0"/>
    <x v="0"/>
    <x v="0"/>
    <x v="0"/>
    <x v="0"/>
    <x v="0"/>
    <m/>
    <m/>
    <m/>
    <m/>
    <m/>
    <m/>
    <s v="Yes"/>
    <m/>
    <m/>
    <m/>
    <m/>
    <m/>
    <m/>
    <m/>
    <m/>
    <m/>
    <m/>
    <m/>
    <m/>
    <m/>
    <m/>
    <m/>
    <m/>
    <m/>
    <m/>
    <m/>
    <m/>
    <m/>
    <m/>
    <m/>
    <m/>
    <m/>
    <m/>
    <m/>
    <m/>
    <m/>
    <n v="350"/>
    <n v="303.66720000000004"/>
    <m/>
    <x v="2"/>
    <x v="2"/>
    <x v="2"/>
    <x v="2"/>
    <x v="2"/>
    <x v="2"/>
    <x v="2"/>
    <x v="2"/>
    <x v="2"/>
    <x v="2"/>
    <x v="2"/>
    <x v="2"/>
    <x v="2"/>
    <x v="21"/>
    <x v="2"/>
    <x v="2"/>
    <x v="2"/>
    <s v=""/>
    <s v=""/>
    <s v=""/>
    <s v=""/>
    <s v=""/>
    <s v=""/>
    <s v=""/>
    <s v=""/>
    <s v=""/>
    <s v=""/>
    <s v=""/>
    <s v=""/>
    <s v=""/>
    <s v=""/>
    <m/>
    <m/>
    <m/>
    <m/>
    <m/>
    <m/>
    <m/>
    <m/>
    <x v="0"/>
    <x v="0"/>
    <x v="0"/>
    <x v="0"/>
    <n v="106283.52000000002"/>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52"/>
    <s v="GI105"/>
    <s v="DBC IDP"/>
    <s v="Dacorum Borough Council"/>
    <x v="4"/>
    <x v="22"/>
    <s v="Contribution towards amenity greenspace in Old Town (Hm15) "/>
    <m/>
    <s v="Contribution towards 0.13 hectares of amenity greenspace required to support growth at Old Town (Hm15) "/>
    <s v="Hemel Garden Communities"/>
    <x v="31"/>
    <s v="Programme Area"/>
    <s v="On-site"/>
    <s v="Developer / Dacorum Borough Council"/>
    <s v="Hertfordshire County Council"/>
    <s v="2037-2039"/>
    <m/>
    <m/>
    <x v="84"/>
    <m/>
    <s v="S106"/>
    <n v="0"/>
    <n v="27330.047999999999"/>
    <s v="A - Per dwelling"/>
    <m/>
    <m/>
    <s v="Important"/>
    <x v="0"/>
    <x v="0"/>
    <x v="0"/>
    <x v="0"/>
    <x v="0"/>
    <x v="0"/>
    <x v="0"/>
    <m/>
    <m/>
    <m/>
    <m/>
    <m/>
    <m/>
    <m/>
    <s v="Yes"/>
    <m/>
    <m/>
    <m/>
    <m/>
    <m/>
    <m/>
    <m/>
    <m/>
    <m/>
    <m/>
    <m/>
    <m/>
    <m/>
    <m/>
    <m/>
    <m/>
    <m/>
    <m/>
    <m/>
    <m/>
    <m/>
    <m/>
    <m/>
    <m/>
    <m/>
    <m/>
    <m/>
    <m/>
    <n v="90"/>
    <n v="303.66719999999998"/>
    <m/>
    <x v="2"/>
    <x v="2"/>
    <x v="2"/>
    <x v="2"/>
    <x v="2"/>
    <x v="2"/>
    <x v="2"/>
    <x v="2"/>
    <x v="2"/>
    <x v="2"/>
    <x v="2"/>
    <x v="2"/>
    <x v="2"/>
    <x v="2"/>
    <x v="19"/>
    <x v="2"/>
    <x v="2"/>
    <s v=""/>
    <s v=""/>
    <s v=""/>
    <s v=""/>
    <s v=""/>
    <s v=""/>
    <s v=""/>
    <s v=""/>
    <s v=""/>
    <s v=""/>
    <s v=""/>
    <s v=""/>
    <s v=""/>
    <s v=""/>
    <m/>
    <m/>
    <m/>
    <m/>
    <m/>
    <m/>
    <m/>
    <m/>
    <x v="0"/>
    <x v="0"/>
    <x v="0"/>
    <x v="0"/>
    <n v="27330.047999999999"/>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53"/>
    <s v="GI106"/>
    <s v="DBC IDP"/>
    <s v="Dacorum Borough Council"/>
    <x v="4"/>
    <x v="22"/>
    <s v="Contribution towards amenity greenspace in Site to the south of Green Lane (Hm16)"/>
    <m/>
    <s v="Contribution towards 0.12 hectares of amenity greenspace required to support growth at Site to the south of Green Lane (Hm16)"/>
    <s v="Hemel Garden Communities"/>
    <x v="26"/>
    <s v="Programme Area"/>
    <s v="On-site"/>
    <s v="Developer / Dacorum Borough Council"/>
    <s v="Hertfordshire County Council"/>
    <s v="2028-2031"/>
    <m/>
    <m/>
    <x v="85"/>
    <m/>
    <s v="S106"/>
    <n v="0"/>
    <n v="24293.376"/>
    <s v="A - Per dwelling"/>
    <m/>
    <m/>
    <s v="Important"/>
    <x v="0"/>
    <x v="0"/>
    <x v="0"/>
    <x v="0"/>
    <x v="0"/>
    <x v="0"/>
    <x v="0"/>
    <m/>
    <m/>
    <m/>
    <m/>
    <m/>
    <m/>
    <m/>
    <m/>
    <s v="Yes"/>
    <m/>
    <m/>
    <m/>
    <m/>
    <m/>
    <m/>
    <m/>
    <m/>
    <m/>
    <m/>
    <m/>
    <m/>
    <m/>
    <m/>
    <m/>
    <m/>
    <m/>
    <m/>
    <m/>
    <m/>
    <m/>
    <m/>
    <m/>
    <m/>
    <m/>
    <m/>
    <m/>
    <n v="80"/>
    <n v="303.66719999999998"/>
    <m/>
    <x v="2"/>
    <x v="2"/>
    <x v="2"/>
    <x v="2"/>
    <x v="2"/>
    <x v="2"/>
    <x v="2"/>
    <x v="2"/>
    <x v="2"/>
    <x v="2"/>
    <x v="2"/>
    <x v="2"/>
    <x v="2"/>
    <x v="2"/>
    <x v="2"/>
    <x v="20"/>
    <x v="2"/>
    <s v=""/>
    <s v=""/>
    <s v=""/>
    <s v=""/>
    <s v=""/>
    <s v=""/>
    <s v=""/>
    <s v=""/>
    <s v=""/>
    <s v=""/>
    <s v=""/>
    <s v=""/>
    <s v=""/>
    <s v=""/>
    <m/>
    <m/>
    <m/>
    <m/>
    <m/>
    <m/>
    <m/>
    <m/>
    <x v="0"/>
    <x v="0"/>
    <x v="0"/>
    <x v="0"/>
    <n v="24293.375999999997"/>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54"/>
    <s v="GI107"/>
    <s v="DBC IDP"/>
    <s v="Dacorum Borough Council"/>
    <x v="4"/>
    <x v="22"/>
    <s v="Contribution towards amenity greenspace in Grovehill Local Centre (Henry Wells Square) (Grovehill NDP)"/>
    <m/>
    <s v="Contribution towards 0.29 hectares of amenity greenspace required to support growth at Grovehill Local Centre (Henry Wells Square) (Grovehill NDP)"/>
    <s v="Hemel Garden Communities"/>
    <x v="27"/>
    <s v="Programme Area"/>
    <s v="On-site"/>
    <s v="Developer / Dacorum Borough Council"/>
    <s v="Hertfordshire County Council"/>
    <s v="2039-2041"/>
    <m/>
    <m/>
    <x v="77"/>
    <m/>
    <s v="S106"/>
    <n v="0"/>
    <n v="60733.440000000002"/>
    <s v="A - Per dwelling"/>
    <m/>
    <m/>
    <s v="Important"/>
    <x v="0"/>
    <x v="0"/>
    <x v="0"/>
    <x v="0"/>
    <x v="0"/>
    <x v="0"/>
    <x v="0"/>
    <m/>
    <m/>
    <m/>
    <m/>
    <s v="Yes"/>
    <m/>
    <m/>
    <m/>
    <m/>
    <m/>
    <m/>
    <m/>
    <m/>
    <m/>
    <m/>
    <m/>
    <m/>
    <m/>
    <m/>
    <m/>
    <m/>
    <m/>
    <m/>
    <m/>
    <m/>
    <m/>
    <m/>
    <m/>
    <m/>
    <m/>
    <m/>
    <m/>
    <m/>
    <m/>
    <m/>
    <m/>
    <n v="200"/>
    <n v="303.66720000000004"/>
    <m/>
    <x v="2"/>
    <x v="2"/>
    <x v="2"/>
    <x v="2"/>
    <x v="2"/>
    <x v="2"/>
    <x v="2"/>
    <x v="2"/>
    <x v="2"/>
    <x v="2"/>
    <x v="2"/>
    <x v="19"/>
    <x v="2"/>
    <x v="2"/>
    <x v="2"/>
    <x v="2"/>
    <x v="2"/>
    <s v=""/>
    <s v=""/>
    <s v=""/>
    <s v=""/>
    <s v=""/>
    <s v=""/>
    <s v=""/>
    <s v=""/>
    <s v=""/>
    <s v=""/>
    <s v=""/>
    <s v=""/>
    <s v=""/>
    <s v=""/>
    <m/>
    <m/>
    <m/>
    <m/>
    <m/>
    <m/>
    <m/>
    <m/>
    <x v="0"/>
    <x v="0"/>
    <x v="0"/>
    <x v="0"/>
    <n v="60733.44000000001"/>
    <n v="0"/>
    <n v="0"/>
    <n v="0"/>
    <s v="The Dacorum Borough Council Open Space, Sport and Leisure Background Topic Paper (2020)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55"/>
    <s v="GI108"/>
    <s v="DBC IDP"/>
    <s v="Dacorum Borough Council"/>
    <x v="4"/>
    <x v="22"/>
    <s v="Contribution towards amenity greenspace across windfall sites"/>
    <m/>
    <s v="Contribution towards 3.46 hectares of amenity greenspace required to support growth across windfall sites"/>
    <s v="Hemel Garden Communities"/>
    <x v="33"/>
    <s v="Programme Area"/>
    <s v="Off-site"/>
    <s v="Developer / Dacorum Borough Council"/>
    <s v="Hertfordshire County Council"/>
    <s v="2026-2041"/>
    <m/>
    <m/>
    <x v="86"/>
    <m/>
    <s v="S106"/>
    <n v="0"/>
    <n v="722727.93599999987"/>
    <s v="A - Per dwelling"/>
    <m/>
    <m/>
    <s v="Important"/>
    <x v="0"/>
    <x v="0"/>
    <x v="0"/>
    <x v="0"/>
    <x v="0"/>
    <x v="0"/>
    <x v="0"/>
    <m/>
    <m/>
    <m/>
    <m/>
    <m/>
    <m/>
    <m/>
    <m/>
    <m/>
    <s v="Yes"/>
    <m/>
    <m/>
    <m/>
    <m/>
    <m/>
    <m/>
    <m/>
    <m/>
    <m/>
    <m/>
    <m/>
    <m/>
    <m/>
    <m/>
    <m/>
    <m/>
    <m/>
    <m/>
    <m/>
    <m/>
    <m/>
    <m/>
    <m/>
    <m/>
    <m/>
    <m/>
    <n v="2380"/>
    <n v="303.66719999999992"/>
    <m/>
    <x v="2"/>
    <x v="2"/>
    <x v="2"/>
    <x v="2"/>
    <x v="2"/>
    <x v="2"/>
    <x v="2"/>
    <x v="2"/>
    <x v="2"/>
    <x v="2"/>
    <x v="2"/>
    <x v="2"/>
    <x v="2"/>
    <x v="2"/>
    <x v="2"/>
    <x v="2"/>
    <x v="17"/>
    <s v=""/>
    <s v=""/>
    <s v=""/>
    <s v=""/>
    <s v=""/>
    <s v=""/>
    <s v=""/>
    <s v=""/>
    <s v=""/>
    <s v=""/>
    <s v=""/>
    <s v=""/>
    <s v=""/>
    <s v=""/>
    <m/>
    <m/>
    <m/>
    <m/>
    <m/>
    <m/>
    <m/>
    <m/>
    <x v="0"/>
    <x v="0"/>
    <x v="0"/>
    <x v="0"/>
    <n v="722727.93599999987"/>
    <n v="0"/>
    <n v="0"/>
    <n v="0"/>
    <s v="As Fields in Trust does not provide guidance on cost per hectare of amenity greenspace provision, to ensure consistency between districts, the costs within the Dacorum Borough Council Open Space, Sport and Leisure Background Topic Paper (2020) has been used. It sets out a cost per hectare of amenity greenspace of £16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6ha of amenity greenspace provision per 1,000 of the population."/>
    <s v="Dacorum Borough Council Open Space, Sport and Leisure Background Topic Paper (2020)"/>
    <m/>
  </r>
  <r>
    <m/>
    <n v="156"/>
    <s v="GI109"/>
    <s v="SADC IDP"/>
    <s v="St Albans City &amp; District Council"/>
    <x v="4"/>
    <x v="23"/>
    <s v="Contribution towards natural and semi-natural greenspace in North Hemel Hempstead (H1)"/>
    <m/>
    <s v="Associated local green infrastructure requirements to support development at North Hemel Hempstead in accordance with the HGC Framework Plan. Contribution towards 6.48 hectares of natural and semi-natural greenspace required to support growth at North Hemel Hempstead (H1)"/>
    <s v="Hemel Garden Communities"/>
    <x v="1"/>
    <s v="Growth Area"/>
    <s v="On-site"/>
    <s v="St Albans City &amp; District Council"/>
    <s v="St Albans City &amp; District Council"/>
    <s v="2030-2050"/>
    <m/>
    <m/>
    <x v="87"/>
    <m/>
    <s v="S106"/>
    <n v="0"/>
    <n v="907200"/>
    <s v="A - Per dwelling"/>
    <m/>
    <m/>
    <s v="Important"/>
    <x v="0"/>
    <x v="0"/>
    <x v="0"/>
    <x v="0"/>
    <x v="0"/>
    <x v="0"/>
    <x v="0"/>
    <m/>
    <m/>
    <m/>
    <m/>
    <m/>
    <m/>
    <m/>
    <m/>
    <m/>
    <m/>
    <m/>
    <m/>
    <m/>
    <m/>
    <m/>
    <m/>
    <m/>
    <m/>
    <m/>
    <m/>
    <m/>
    <m/>
    <m/>
    <m/>
    <m/>
    <m/>
    <m/>
    <m/>
    <m/>
    <m/>
    <m/>
    <m/>
    <s v="Yes"/>
    <m/>
    <m/>
    <m/>
    <n v="1500"/>
    <n v="604.79999999999995"/>
    <m/>
    <x v="0"/>
    <x v="0"/>
    <x v="0"/>
    <x v="0"/>
    <x v="0"/>
    <x v="0"/>
    <x v="0"/>
    <x v="0"/>
    <x v="0"/>
    <x v="0"/>
    <x v="0"/>
    <x v="0"/>
    <x v="0"/>
    <x v="0"/>
    <x v="0"/>
    <x v="0"/>
    <x v="0"/>
    <m/>
    <m/>
    <m/>
    <m/>
    <m/>
    <m/>
    <m/>
    <m/>
    <m/>
    <m/>
    <m/>
    <m/>
    <m/>
    <m/>
    <m/>
    <m/>
    <m/>
    <m/>
    <m/>
    <m/>
    <m/>
    <m/>
    <x v="18"/>
    <x v="0"/>
    <x v="0"/>
    <x v="0"/>
    <n v="0"/>
    <n v="907200"/>
    <n v="0"/>
    <n v="0"/>
    <s v="As Fields in Trust does not provide guidance on cost per hectare of natural and semi-natural greenspace provision, to ensure consistency between districts, the costs within the Dacorum Borough Council Open Space, Sport and Leisure Background Topic Paper (2020) has been used. It sets out a cost per hectare of natural and semi-natural greenspace of £140,000, which has been used for SADC sites to ensure alignment. A 31.8% uplift has been applied to the Q1 2020 base cost, to achieve a cost for Q3 2024. It is assumed the cost will be uplifted again at the time of planning application determination in line with the BCIS index."/>
    <s v="The Fields in Trust Green space calculator sets out the requirement for the provision of 1.8ha of natural and semi-natural greenspace provision per 1,000 of the population."/>
    <s v="Fields in Trust Green space calculator (Accessed May 2025)"/>
    <m/>
  </r>
  <r>
    <m/>
    <n v="157"/>
    <s v="GI110"/>
    <s v="SADC IDP"/>
    <s v="St Albans City &amp; District Council"/>
    <x v="4"/>
    <x v="23"/>
    <s v="Contribution towards natural and semi-natural greenspace in East Hemel Hempstead (North) (H2)"/>
    <m/>
    <s v="Associated local green infrastructure requirements to support development at East Hemel Hempstead (North) in accordance with the HGC Framework Plan. Contribution towards 6.91 hectares of natural and semi-natural greenspace required to support growth at East Hemel Hempstead (North) (H2)"/>
    <s v="Hemel Garden Communities"/>
    <x v="2"/>
    <s v="Growth Area "/>
    <s v="On-site"/>
    <s v="St Albans City &amp; District Council"/>
    <s v="St Albans City &amp; District Council"/>
    <s v="2028-2050"/>
    <m/>
    <m/>
    <x v="88"/>
    <m/>
    <s v="S106"/>
    <n v="0"/>
    <n v="967680"/>
    <s v="A - Per dwelling"/>
    <m/>
    <m/>
    <s v="Important"/>
    <x v="0"/>
    <x v="0"/>
    <x v="0"/>
    <x v="0"/>
    <x v="0"/>
    <x v="0"/>
    <x v="0"/>
    <m/>
    <m/>
    <m/>
    <m/>
    <m/>
    <m/>
    <m/>
    <m/>
    <m/>
    <m/>
    <m/>
    <m/>
    <m/>
    <m/>
    <m/>
    <m/>
    <m/>
    <m/>
    <m/>
    <m/>
    <m/>
    <m/>
    <m/>
    <m/>
    <m/>
    <m/>
    <m/>
    <m/>
    <m/>
    <m/>
    <m/>
    <m/>
    <m/>
    <s v="Yes"/>
    <m/>
    <m/>
    <n v="1600"/>
    <n v="604.79999999999995"/>
    <m/>
    <x v="0"/>
    <x v="0"/>
    <x v="0"/>
    <x v="0"/>
    <x v="0"/>
    <x v="0"/>
    <x v="0"/>
    <x v="0"/>
    <x v="0"/>
    <x v="0"/>
    <x v="0"/>
    <x v="0"/>
    <x v="0"/>
    <x v="0"/>
    <x v="0"/>
    <x v="0"/>
    <x v="0"/>
    <m/>
    <m/>
    <m/>
    <m/>
    <m/>
    <m/>
    <m/>
    <m/>
    <m/>
    <m/>
    <m/>
    <m/>
    <m/>
    <m/>
    <m/>
    <m/>
    <m/>
    <m/>
    <m/>
    <m/>
    <m/>
    <m/>
    <x v="0"/>
    <x v="18"/>
    <x v="0"/>
    <x v="0"/>
    <n v="0"/>
    <n v="967680"/>
    <n v="0"/>
    <n v="0"/>
    <s v="As Fields in Trust does not provide guidance on cost per hectare of natural and semi-natural greenspace provision, to ensure consistency between districts, the costs within the Dacorum Borough Council Open Space, Sport and Leisure Background Topic Paper (2020) has been used. It sets out a cost per hectare of natural and semi-natural greenspace of £140,000, which has been used for SADC sites to ensure alignment. A 31.8% uplift has been applied to the Q1 2020 base cost, to achieve a cost for Q3 2024. It is assumed the cost will be uplifted again at the time of planning application determination in line with the BCIS index."/>
    <s v="The Fields in Trust Green space calculator sets out the requirement for the provision of 1.8ha of natural and semi-natural greenspace provision per 1,000 of the population."/>
    <s v="Fields in Trust Green space calculator (Accessed May 2025)"/>
    <m/>
  </r>
  <r>
    <m/>
    <n v="158"/>
    <s v="GI111"/>
    <s v="SADC IDP"/>
    <s v="St Albans City &amp; District Council"/>
    <x v="4"/>
    <x v="23"/>
    <s v="Contribution towards natural and semi-natural greenspace in East Hemel Hempstead (South) (H4)"/>
    <m/>
    <s v="Associated local green infrastructure requirements to support development at East Hemel Hempstead (South) in accordance with the HGC Framework Plan. Contribution towards 10.37 hectares of natural and semi-natural greenspace required to support growth at East Hemel Hempstead (South) (H4)"/>
    <s v="Hemel Garden Communities"/>
    <x v="3"/>
    <s v="Growth Area "/>
    <s v="On-site"/>
    <s v="St Albans City &amp; District Council"/>
    <s v="St Albans City &amp; District Council"/>
    <s v="2028-2050"/>
    <m/>
    <m/>
    <x v="89"/>
    <m/>
    <s v="S106"/>
    <n v="0"/>
    <n v="1451520"/>
    <s v="A - Per dwelling"/>
    <m/>
    <m/>
    <s v="Important"/>
    <x v="0"/>
    <x v="0"/>
    <x v="0"/>
    <x v="0"/>
    <x v="0"/>
    <x v="0"/>
    <x v="0"/>
    <m/>
    <m/>
    <m/>
    <m/>
    <m/>
    <m/>
    <m/>
    <m/>
    <m/>
    <m/>
    <m/>
    <m/>
    <m/>
    <m/>
    <m/>
    <m/>
    <m/>
    <m/>
    <m/>
    <m/>
    <m/>
    <m/>
    <m/>
    <m/>
    <m/>
    <m/>
    <m/>
    <m/>
    <m/>
    <m/>
    <m/>
    <m/>
    <m/>
    <m/>
    <s v="Yes"/>
    <m/>
    <n v="2400"/>
    <n v="604.79999999999995"/>
    <m/>
    <x v="0"/>
    <x v="0"/>
    <x v="0"/>
    <x v="0"/>
    <x v="0"/>
    <x v="0"/>
    <x v="0"/>
    <x v="0"/>
    <x v="0"/>
    <x v="0"/>
    <x v="0"/>
    <x v="0"/>
    <x v="0"/>
    <x v="0"/>
    <x v="0"/>
    <x v="0"/>
    <x v="0"/>
    <m/>
    <m/>
    <m/>
    <m/>
    <m/>
    <m/>
    <m/>
    <m/>
    <m/>
    <m/>
    <m/>
    <m/>
    <m/>
    <m/>
    <m/>
    <m/>
    <m/>
    <m/>
    <m/>
    <m/>
    <m/>
    <m/>
    <x v="0"/>
    <x v="0"/>
    <x v="19"/>
    <x v="0"/>
    <n v="0"/>
    <n v="1451520"/>
    <n v="0"/>
    <n v="0"/>
    <s v="As Fields in Trust does not provide guidance on cost per hectare of natural and semi-natural greenspace provision, to ensure consistency between districts, the costs within the Dacorum Borough Council Open Space, Sport and Leisure Background Topic Paper (2020) has been used. It sets out a cost per hectare of natural and semi-natural greenspace of £140,000, which has been used for SADC sites to ensure alignment. A 31.8% uplift has been applied to the Q1 2020 base cost, to achieve a cost for Q3 2024. It is assumed the cost will be uplifted again at the time of planning application determination in line with the BCIS index."/>
    <s v="The Fields in Trust Green space calculator sets out the requirement for the provision of 1.8ha of natural and semi-natural greenspace provision per 1,000 of the population."/>
    <s v="Fields in Trust Green space calculator (Accessed May 2025)"/>
    <m/>
  </r>
  <r>
    <m/>
    <n v="159"/>
    <s v="GI112"/>
    <s v="DBC IDP"/>
    <s v="Dacorum Borough Council"/>
    <x v="4"/>
    <x v="23"/>
    <s v="Associated local green infrastructure requirements to support development at North Hemel Hempstead (Hm01) in accordance with the HGC Framework Plan. Contribution towards 21.6 hectares of natural and semi-natural greenspace required to support growth at North Hemel Hempstead (Hm01)"/>
    <m/>
    <s v="Contribution towards 21.6 hectares of natural and semi-natural greenspace required to support growth at North Hemel Hempstead (Hm01)"/>
    <s v="Hemel Garden Communities"/>
    <x v="4"/>
    <s v="Growth Area"/>
    <s v="On-site"/>
    <s v="Developer / Dacorum Borough Council"/>
    <s v="Hertfordshire County Council"/>
    <s v="2032-2050"/>
    <m/>
    <m/>
    <x v="90"/>
    <m/>
    <s v="S106"/>
    <n v="0"/>
    <n v="3985632"/>
    <s v="A - Per dwelling"/>
    <m/>
    <m/>
    <s v="Important"/>
    <x v="2"/>
    <x v="0"/>
    <x v="0"/>
    <x v="0"/>
    <x v="0"/>
    <x v="0"/>
    <x v="0"/>
    <m/>
    <m/>
    <m/>
    <m/>
    <m/>
    <m/>
    <m/>
    <m/>
    <m/>
    <m/>
    <m/>
    <m/>
    <m/>
    <m/>
    <m/>
    <m/>
    <m/>
    <m/>
    <m/>
    <m/>
    <m/>
    <m/>
    <m/>
    <m/>
    <m/>
    <m/>
    <m/>
    <m/>
    <m/>
    <m/>
    <m/>
    <m/>
    <m/>
    <m/>
    <m/>
    <m/>
    <n v="5000"/>
    <n v="797.12639999999999"/>
    <m/>
    <x v="25"/>
    <x v="2"/>
    <x v="2"/>
    <x v="2"/>
    <x v="2"/>
    <x v="2"/>
    <x v="2"/>
    <x v="2"/>
    <x v="2"/>
    <x v="2"/>
    <x v="2"/>
    <x v="2"/>
    <x v="2"/>
    <x v="2"/>
    <x v="2"/>
    <x v="2"/>
    <x v="2"/>
    <s v=""/>
    <s v=""/>
    <s v=""/>
    <s v=""/>
    <s v=""/>
    <s v=""/>
    <s v=""/>
    <s v=""/>
    <s v=""/>
    <s v=""/>
    <s v=""/>
    <s v=""/>
    <s v=""/>
    <s v=""/>
    <m/>
    <m/>
    <m/>
    <m/>
    <m/>
    <m/>
    <m/>
    <m/>
    <x v="0"/>
    <x v="0"/>
    <x v="0"/>
    <x v="0"/>
    <n v="3985632"/>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60"/>
    <s v="GI113"/>
    <s v="DBC IDP"/>
    <s v="Dacorum Borough Council"/>
    <x v="4"/>
    <x v="23"/>
    <s v="Contribution towards natural and semi-natural greenspace in Hemel Hospital/Market Square (Hm03)"/>
    <m/>
    <s v="Contribution towards 1.94 hectares of natural and semi-natural greenspace required to support growth at Hemel Hospital/Market Square (Hm03)"/>
    <s v="Hemel Garden Communities"/>
    <x v="13"/>
    <s v="Programme Area"/>
    <s v="On-site / Off-site"/>
    <s v="Developer / Dacorum Borough Council"/>
    <s v="Hertfordshire County Council"/>
    <s v="2036-2041"/>
    <m/>
    <m/>
    <x v="91"/>
    <m/>
    <s v="S106"/>
    <n v="0"/>
    <n v="358706.88"/>
    <s v="A - Per dwelling"/>
    <m/>
    <m/>
    <s v="Important"/>
    <x v="0"/>
    <x v="0"/>
    <x v="2"/>
    <x v="0"/>
    <x v="0"/>
    <x v="0"/>
    <x v="0"/>
    <m/>
    <m/>
    <m/>
    <m/>
    <m/>
    <m/>
    <m/>
    <m/>
    <m/>
    <m/>
    <m/>
    <m/>
    <m/>
    <m/>
    <m/>
    <m/>
    <m/>
    <m/>
    <m/>
    <m/>
    <m/>
    <m/>
    <m/>
    <m/>
    <m/>
    <m/>
    <m/>
    <m/>
    <m/>
    <m/>
    <m/>
    <m/>
    <m/>
    <m/>
    <m/>
    <m/>
    <n v="450"/>
    <n v="797.12639999999999"/>
    <m/>
    <x v="2"/>
    <x v="2"/>
    <x v="21"/>
    <x v="2"/>
    <x v="2"/>
    <x v="2"/>
    <x v="2"/>
    <x v="2"/>
    <x v="2"/>
    <x v="2"/>
    <x v="2"/>
    <x v="2"/>
    <x v="2"/>
    <x v="2"/>
    <x v="2"/>
    <x v="2"/>
    <x v="2"/>
    <s v=""/>
    <s v=""/>
    <s v=""/>
    <s v=""/>
    <s v=""/>
    <s v=""/>
    <s v=""/>
    <s v=""/>
    <s v=""/>
    <s v=""/>
    <s v=""/>
    <s v=""/>
    <s v=""/>
    <s v=""/>
    <m/>
    <m/>
    <m/>
    <m/>
    <m/>
    <m/>
    <m/>
    <m/>
    <x v="0"/>
    <x v="0"/>
    <x v="0"/>
    <x v="0"/>
    <n v="358706.88"/>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61"/>
    <s v="GI114"/>
    <s v="DBC IDP"/>
    <s v="Dacorum Borough Council"/>
    <x v="4"/>
    <x v="23"/>
    <s v="Contribution towards natural and semi-natural greenspace in Paradise (Hm04)"/>
    <m/>
    <s v="Contribution towards 1.51 hectares of natural and semi-natural greenspace required to support growth at Paradise (Hm04)"/>
    <s v="Hemel Garden Communities"/>
    <x v="19"/>
    <s v="Programme Area"/>
    <s v="On-site / Off-site"/>
    <s v="Developer / Dacorum Borough Council"/>
    <s v="Hertfordshire County Council"/>
    <s v="2026-2038"/>
    <m/>
    <m/>
    <x v="92"/>
    <m/>
    <s v="S106"/>
    <n v="0"/>
    <n v="278994.24"/>
    <s v="A - Per dwelling"/>
    <m/>
    <m/>
    <s v="Important"/>
    <x v="0"/>
    <x v="0"/>
    <x v="0"/>
    <x v="2"/>
    <x v="0"/>
    <x v="0"/>
    <x v="0"/>
    <m/>
    <m/>
    <m/>
    <m/>
    <m/>
    <m/>
    <m/>
    <m/>
    <m/>
    <m/>
    <m/>
    <m/>
    <m/>
    <m/>
    <m/>
    <m/>
    <m/>
    <m/>
    <m/>
    <m/>
    <m/>
    <m/>
    <m/>
    <m/>
    <m/>
    <m/>
    <m/>
    <m/>
    <m/>
    <m/>
    <m/>
    <m/>
    <m/>
    <m/>
    <m/>
    <m/>
    <n v="350"/>
    <n v="797.12639999999999"/>
    <m/>
    <x v="2"/>
    <x v="2"/>
    <x v="2"/>
    <x v="21"/>
    <x v="2"/>
    <x v="2"/>
    <x v="2"/>
    <x v="2"/>
    <x v="2"/>
    <x v="2"/>
    <x v="2"/>
    <x v="2"/>
    <x v="2"/>
    <x v="2"/>
    <x v="2"/>
    <x v="2"/>
    <x v="2"/>
    <s v=""/>
    <s v=""/>
    <s v=""/>
    <s v=""/>
    <s v=""/>
    <s v=""/>
    <s v=""/>
    <s v=""/>
    <s v=""/>
    <s v=""/>
    <s v=""/>
    <s v=""/>
    <s v=""/>
    <s v=""/>
    <m/>
    <m/>
    <m/>
    <m/>
    <m/>
    <m/>
    <m/>
    <m/>
    <x v="0"/>
    <x v="0"/>
    <x v="0"/>
    <x v="0"/>
    <n v="278994.24"/>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62"/>
    <s v="GI115"/>
    <s v="DBC IDP"/>
    <s v="Dacorum Borough Council"/>
    <x v="4"/>
    <x v="23"/>
    <s v="Contribution towards natural and semi-natural greenspace in Civic Zone, Marlowes (Hm02)"/>
    <m/>
    <s v="Contribution towards 0.86 hectares of natural and semi-natural greenspace required to support growth at Civic Zone, Marlowes (Hm02)"/>
    <s v="Hemel Garden Communities"/>
    <x v="18"/>
    <s v="Programme Area"/>
    <s v="On-site / Off-site"/>
    <s v="Developer / Dacorum Borough Council"/>
    <s v="Hertfordshire County Council"/>
    <s v="2028-2031"/>
    <m/>
    <m/>
    <x v="93"/>
    <m/>
    <s v="S106"/>
    <n v="0"/>
    <n v="159425.28"/>
    <s v="A - Per dwelling"/>
    <m/>
    <m/>
    <s v="Important"/>
    <x v="0"/>
    <x v="2"/>
    <x v="0"/>
    <x v="0"/>
    <x v="0"/>
    <x v="0"/>
    <x v="0"/>
    <m/>
    <m/>
    <m/>
    <m/>
    <m/>
    <m/>
    <m/>
    <m/>
    <m/>
    <m/>
    <m/>
    <m/>
    <m/>
    <m/>
    <m/>
    <m/>
    <m/>
    <m/>
    <m/>
    <m/>
    <m/>
    <m/>
    <m/>
    <m/>
    <m/>
    <m/>
    <m/>
    <m/>
    <m/>
    <m/>
    <m/>
    <m/>
    <m/>
    <m/>
    <m/>
    <m/>
    <n v="200"/>
    <n v="797.12639999999999"/>
    <m/>
    <x v="2"/>
    <x v="21"/>
    <x v="2"/>
    <x v="2"/>
    <x v="2"/>
    <x v="2"/>
    <x v="2"/>
    <x v="2"/>
    <x v="2"/>
    <x v="2"/>
    <x v="2"/>
    <x v="2"/>
    <x v="2"/>
    <x v="2"/>
    <x v="2"/>
    <x v="2"/>
    <x v="2"/>
    <s v=""/>
    <s v=""/>
    <s v=""/>
    <s v=""/>
    <s v=""/>
    <s v=""/>
    <s v=""/>
    <s v=""/>
    <s v=""/>
    <s v=""/>
    <s v=""/>
    <s v=""/>
    <s v=""/>
    <s v=""/>
    <m/>
    <m/>
    <m/>
    <m/>
    <m/>
    <m/>
    <m/>
    <m/>
    <x v="0"/>
    <x v="0"/>
    <x v="0"/>
    <x v="0"/>
    <n v="159425.28"/>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63"/>
    <s v="GI116"/>
    <s v="DBC IDP"/>
    <s v="Dacorum Borough Council"/>
    <x v="4"/>
    <x v="23"/>
    <s v="Contribution towards natural and semi-natural greenspace in Riverside (Hm06)"/>
    <m/>
    <s v="Contribution towards 2.16 hectares of natural and semi-natural greenspace required to support growth at Riverside (Hm06)"/>
    <s v="Hemel Garden Communities"/>
    <x v="10"/>
    <s v="Programme Area"/>
    <s v="Off-site"/>
    <s v="Developer / Dacorum Borough Council"/>
    <s v="Hertfordshire County Council"/>
    <s v="2026-2031"/>
    <m/>
    <m/>
    <x v="94"/>
    <m/>
    <s v="S106"/>
    <n v="0"/>
    <n v="398563.2"/>
    <s v="A - Per dwelling"/>
    <m/>
    <m/>
    <s v="Important"/>
    <x v="0"/>
    <x v="0"/>
    <x v="0"/>
    <x v="0"/>
    <x v="2"/>
    <x v="0"/>
    <x v="0"/>
    <m/>
    <m/>
    <m/>
    <m/>
    <m/>
    <m/>
    <m/>
    <m/>
    <m/>
    <m/>
    <m/>
    <m/>
    <m/>
    <m/>
    <m/>
    <m/>
    <m/>
    <m/>
    <m/>
    <m/>
    <m/>
    <m/>
    <m/>
    <m/>
    <m/>
    <m/>
    <m/>
    <m/>
    <m/>
    <m/>
    <m/>
    <m/>
    <m/>
    <m/>
    <m/>
    <m/>
    <n v="500"/>
    <n v="797.12639999999999"/>
    <m/>
    <x v="2"/>
    <x v="2"/>
    <x v="2"/>
    <x v="2"/>
    <x v="22"/>
    <x v="2"/>
    <x v="2"/>
    <x v="2"/>
    <x v="2"/>
    <x v="2"/>
    <x v="2"/>
    <x v="2"/>
    <x v="2"/>
    <x v="2"/>
    <x v="2"/>
    <x v="2"/>
    <x v="2"/>
    <s v=""/>
    <s v=""/>
    <s v=""/>
    <s v=""/>
    <s v=""/>
    <s v=""/>
    <s v=""/>
    <s v=""/>
    <s v=""/>
    <s v=""/>
    <s v=""/>
    <s v=""/>
    <s v=""/>
    <s v=""/>
    <m/>
    <m/>
    <m/>
    <m/>
    <m/>
    <m/>
    <m/>
    <m/>
    <x v="0"/>
    <x v="0"/>
    <x v="0"/>
    <x v="0"/>
    <n v="398563.2"/>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64"/>
    <s v="GI117"/>
    <s v="DBC IDP"/>
    <s v="Dacorum Borough Council"/>
    <x v="4"/>
    <x v="23"/>
    <s v="Contribution towards natural and semi-natural greenspace in Symbio Site, Whiteleaf Road (Hm07)"/>
    <m/>
    <s v="Contribution towards 0.43 hectares of natural and semi-natural greenspace required to support growth at Symbio Site, Whiteleaf Road (Hm07)"/>
    <s v="Hemel Garden Communities"/>
    <x v="20"/>
    <s v="Programme Area"/>
    <s v="Off-site"/>
    <s v="Developer / Dacorum Borough Council"/>
    <s v="Hertfordshire County Council"/>
    <s v="2029-2030"/>
    <m/>
    <m/>
    <x v="95"/>
    <m/>
    <s v="S106"/>
    <n v="0"/>
    <n v="79712.639999999999"/>
    <s v="A - Per dwelling"/>
    <m/>
    <m/>
    <s v="Important"/>
    <x v="0"/>
    <x v="0"/>
    <x v="0"/>
    <x v="0"/>
    <x v="0"/>
    <x v="0"/>
    <x v="2"/>
    <m/>
    <m/>
    <m/>
    <m/>
    <m/>
    <m/>
    <m/>
    <m/>
    <m/>
    <m/>
    <m/>
    <m/>
    <m/>
    <m/>
    <m/>
    <m/>
    <m/>
    <m/>
    <m/>
    <m/>
    <m/>
    <m/>
    <m/>
    <m/>
    <m/>
    <m/>
    <m/>
    <m/>
    <m/>
    <m/>
    <m/>
    <m/>
    <m/>
    <m/>
    <m/>
    <m/>
    <n v="100"/>
    <n v="797.12639999999999"/>
    <m/>
    <x v="2"/>
    <x v="2"/>
    <x v="2"/>
    <x v="2"/>
    <x v="2"/>
    <x v="2"/>
    <x v="20"/>
    <x v="2"/>
    <x v="2"/>
    <x v="2"/>
    <x v="2"/>
    <x v="2"/>
    <x v="2"/>
    <x v="2"/>
    <x v="2"/>
    <x v="2"/>
    <x v="2"/>
    <s v=""/>
    <s v=""/>
    <s v=""/>
    <s v=""/>
    <s v=""/>
    <s v=""/>
    <s v=""/>
    <s v=""/>
    <s v=""/>
    <s v=""/>
    <s v=""/>
    <s v=""/>
    <s v=""/>
    <s v=""/>
    <m/>
    <m/>
    <m/>
    <m/>
    <m/>
    <m/>
    <m/>
    <m/>
    <x v="0"/>
    <x v="0"/>
    <x v="0"/>
    <x v="0"/>
    <n v="79712.639999999999"/>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65"/>
    <s v="GI118"/>
    <s v="DBC IDP"/>
    <s v="Dacorum Borough Council"/>
    <x v="4"/>
    <x v="23"/>
    <s v="Contribution towards natural and semi-natural greenspace in Hemel Hempstead Station Gateway (Hm08)"/>
    <m/>
    <s v="Contribution towards 1.68 hectares of natural and semi-natural greenspace required to support growth at Hemel Hempstead Station Gateway (Hm08)"/>
    <s v="Hemel Garden Communities"/>
    <x v="21"/>
    <s v="Programme Area"/>
    <s v="On-site / Off-site"/>
    <s v="Developer / Dacorum Borough Council"/>
    <s v="Hertfordshire County Council"/>
    <s v="2027-2032"/>
    <m/>
    <m/>
    <x v="96"/>
    <m/>
    <s v="S106"/>
    <n v="0"/>
    <n v="310879.29599999997"/>
    <s v="A - Per dwelling"/>
    <m/>
    <m/>
    <s v="Important"/>
    <x v="0"/>
    <x v="0"/>
    <x v="0"/>
    <x v="0"/>
    <x v="0"/>
    <x v="0"/>
    <x v="0"/>
    <s v="Yes"/>
    <m/>
    <m/>
    <m/>
    <m/>
    <m/>
    <m/>
    <m/>
    <m/>
    <m/>
    <m/>
    <m/>
    <m/>
    <m/>
    <m/>
    <m/>
    <m/>
    <m/>
    <m/>
    <m/>
    <m/>
    <m/>
    <m/>
    <m/>
    <m/>
    <m/>
    <m/>
    <m/>
    <m/>
    <m/>
    <m/>
    <m/>
    <m/>
    <m/>
    <m/>
    <m/>
    <n v="390"/>
    <n v="797.12639999999988"/>
    <m/>
    <x v="2"/>
    <x v="2"/>
    <x v="2"/>
    <x v="2"/>
    <x v="2"/>
    <x v="2"/>
    <x v="2"/>
    <x v="22"/>
    <x v="2"/>
    <x v="2"/>
    <x v="2"/>
    <x v="2"/>
    <x v="2"/>
    <x v="2"/>
    <x v="2"/>
    <x v="2"/>
    <x v="2"/>
    <s v=""/>
    <s v=""/>
    <s v=""/>
    <s v=""/>
    <s v=""/>
    <s v=""/>
    <s v=""/>
    <s v=""/>
    <s v=""/>
    <s v=""/>
    <s v=""/>
    <s v=""/>
    <s v=""/>
    <s v=""/>
    <m/>
    <m/>
    <m/>
    <m/>
    <m/>
    <m/>
    <m/>
    <m/>
    <x v="0"/>
    <x v="0"/>
    <x v="0"/>
    <x v="0"/>
    <n v="310879.29599999997"/>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66"/>
    <s v="GI119"/>
    <s v="DBC IDP"/>
    <s v="Dacorum Borough Council"/>
    <x v="4"/>
    <x v="23"/>
    <s v="Contribution towards natural and semi-natural greenspace in National Grid and 339-353 London Road (Hm09)"/>
    <m/>
    <s v="Contribution towards 2.07 hectares of natural and semi-natural greenspace required to support growth at National Grid and 339-353 London Road (Hm09)"/>
    <s v="Hemel Garden Communities"/>
    <x v="22"/>
    <s v="Programme Area"/>
    <s v="On-site / Off-site"/>
    <s v="Developer / Dacorum Borough Council"/>
    <s v="Hertfordshire County Council"/>
    <s v="2028-2032"/>
    <m/>
    <m/>
    <x v="97"/>
    <m/>
    <s v="S106"/>
    <n v="0"/>
    <n v="382620.67200000002"/>
    <s v="A - Per dwelling"/>
    <m/>
    <m/>
    <s v="Important"/>
    <x v="0"/>
    <x v="0"/>
    <x v="0"/>
    <x v="0"/>
    <x v="0"/>
    <x v="2"/>
    <x v="0"/>
    <m/>
    <m/>
    <m/>
    <m/>
    <m/>
    <m/>
    <m/>
    <m/>
    <m/>
    <m/>
    <m/>
    <m/>
    <m/>
    <m/>
    <m/>
    <m/>
    <m/>
    <m/>
    <m/>
    <m/>
    <m/>
    <m/>
    <m/>
    <m/>
    <m/>
    <m/>
    <m/>
    <m/>
    <m/>
    <m/>
    <m/>
    <m/>
    <m/>
    <m/>
    <m/>
    <m/>
    <n v="480"/>
    <n v="797.12639999999999"/>
    <m/>
    <x v="2"/>
    <x v="2"/>
    <x v="2"/>
    <x v="2"/>
    <x v="2"/>
    <x v="22"/>
    <x v="2"/>
    <x v="2"/>
    <x v="2"/>
    <x v="2"/>
    <x v="2"/>
    <x v="2"/>
    <x v="2"/>
    <x v="2"/>
    <x v="2"/>
    <x v="2"/>
    <x v="2"/>
    <s v=""/>
    <s v=""/>
    <s v=""/>
    <s v=""/>
    <s v=""/>
    <s v=""/>
    <s v=""/>
    <s v=""/>
    <s v=""/>
    <s v=""/>
    <s v=""/>
    <s v=""/>
    <s v=""/>
    <s v=""/>
    <m/>
    <m/>
    <m/>
    <m/>
    <m/>
    <m/>
    <m/>
    <m/>
    <x v="0"/>
    <x v="0"/>
    <x v="0"/>
    <x v="0"/>
    <n v="382620.67200000002"/>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67"/>
    <s v="GI120"/>
    <s v="DBC IDP"/>
    <s v="Dacorum Borough Council"/>
    <x v="4"/>
    <x v="23"/>
    <s v="Contribution towards natural and semi-natural greenspace in Apsley Mills Retail Park (Hm10) "/>
    <m/>
    <s v="Contribution towards 2.16 hectares of natural and semi-natural greenspace required to support growth at Apsley Mills Retail Park (Hm10) "/>
    <s v="Hemel Garden Communities"/>
    <x v="23"/>
    <s v="Programme Area"/>
    <s v="On-site"/>
    <s v="Developer / Dacorum Borough Council"/>
    <s v="Hertfordshire County Council"/>
    <s v="2035-2041"/>
    <m/>
    <m/>
    <x v="94"/>
    <m/>
    <s v="S106"/>
    <n v="0"/>
    <n v="398563.2"/>
    <s v="A - Per dwelling"/>
    <m/>
    <m/>
    <s v="Important"/>
    <x v="0"/>
    <x v="0"/>
    <x v="0"/>
    <x v="0"/>
    <x v="0"/>
    <x v="0"/>
    <x v="0"/>
    <m/>
    <s v="Yes"/>
    <m/>
    <m/>
    <m/>
    <m/>
    <m/>
    <m/>
    <m/>
    <m/>
    <m/>
    <m/>
    <m/>
    <m/>
    <m/>
    <m/>
    <m/>
    <m/>
    <m/>
    <m/>
    <m/>
    <m/>
    <m/>
    <m/>
    <m/>
    <m/>
    <m/>
    <m/>
    <m/>
    <m/>
    <m/>
    <m/>
    <m/>
    <m/>
    <m/>
    <m/>
    <n v="500"/>
    <n v="797.12639999999999"/>
    <m/>
    <x v="2"/>
    <x v="2"/>
    <x v="2"/>
    <x v="2"/>
    <x v="2"/>
    <x v="2"/>
    <x v="2"/>
    <x v="2"/>
    <x v="22"/>
    <x v="2"/>
    <x v="2"/>
    <x v="2"/>
    <x v="2"/>
    <x v="2"/>
    <x v="2"/>
    <x v="2"/>
    <x v="2"/>
    <s v=""/>
    <s v=""/>
    <s v=""/>
    <s v=""/>
    <s v=""/>
    <s v=""/>
    <s v=""/>
    <s v=""/>
    <s v=""/>
    <s v=""/>
    <s v=""/>
    <s v=""/>
    <s v=""/>
    <s v=""/>
    <m/>
    <m/>
    <m/>
    <m/>
    <m/>
    <m/>
    <m/>
    <m/>
    <x v="0"/>
    <x v="0"/>
    <x v="0"/>
    <x v="0"/>
    <n v="398563.2"/>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68"/>
    <s v="GI121"/>
    <s v="DBC IDP"/>
    <s v="Dacorum Borough Council"/>
    <x v="4"/>
    <x v="23"/>
    <s v="Contribution towards natural and semi-natural greenspace in Plots 2/3 Kier Park, Maylands Avenue (Hm12)"/>
    <m/>
    <s v="Contribution towards 1.01 hectares of natural and semi-natural greenspace required to support growth at Plots 2/3 Kier Park, Maylands Avenue (Hm12)"/>
    <s v="Hemel Garden Communities"/>
    <x v="29"/>
    <s v="Programme Area"/>
    <s v="On-site / Off-site"/>
    <s v="Developer / Dacorum Borough Council"/>
    <s v="Hertfordshire County Council"/>
    <s v="2026-2029"/>
    <m/>
    <m/>
    <x v="98"/>
    <m/>
    <s v="S106"/>
    <n v="0"/>
    <n v="186527.57760000002"/>
    <s v="A - Per dwelling"/>
    <m/>
    <m/>
    <s v="Important"/>
    <x v="0"/>
    <x v="0"/>
    <x v="0"/>
    <x v="0"/>
    <x v="0"/>
    <x v="0"/>
    <x v="0"/>
    <m/>
    <m/>
    <m/>
    <m/>
    <m/>
    <s v="Yes"/>
    <m/>
    <m/>
    <m/>
    <m/>
    <m/>
    <m/>
    <m/>
    <m/>
    <m/>
    <m/>
    <m/>
    <m/>
    <m/>
    <m/>
    <m/>
    <m/>
    <m/>
    <m/>
    <m/>
    <m/>
    <m/>
    <m/>
    <m/>
    <m/>
    <m/>
    <m/>
    <m/>
    <m/>
    <m/>
    <m/>
    <n v="234"/>
    <n v="797.1264000000001"/>
    <m/>
    <x v="2"/>
    <x v="2"/>
    <x v="2"/>
    <x v="2"/>
    <x v="2"/>
    <x v="2"/>
    <x v="2"/>
    <x v="2"/>
    <x v="2"/>
    <x v="2"/>
    <x v="2"/>
    <x v="2"/>
    <x v="21"/>
    <x v="2"/>
    <x v="2"/>
    <x v="2"/>
    <x v="2"/>
    <s v=""/>
    <s v=""/>
    <s v=""/>
    <s v=""/>
    <s v=""/>
    <s v=""/>
    <s v=""/>
    <s v=""/>
    <s v=""/>
    <s v=""/>
    <s v=""/>
    <s v=""/>
    <s v=""/>
    <s v=""/>
    <m/>
    <m/>
    <m/>
    <m/>
    <m/>
    <m/>
    <m/>
    <m/>
    <x v="0"/>
    <x v="0"/>
    <x v="0"/>
    <x v="0"/>
    <n v="186527.57760000002"/>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69"/>
    <s v="GI122"/>
    <s v="DBC IDP"/>
    <s v="Dacorum Borough Council"/>
    <x v="4"/>
    <x v="23"/>
    <s v="Contribution towards natural and semi-natural greenspace in Shendish Manor and Fairfields (Hm11)"/>
    <m/>
    <s v="Contribution towards 2.16 hectares of natural and semi-natural greenspace required to support growth at Shendish Manor and Fairfields (Hm11)"/>
    <s v="Hemel Garden Communities"/>
    <x v="5"/>
    <s v="Programme Area"/>
    <s v="On-site"/>
    <s v="Developer / Dacorum Borough Council"/>
    <s v="Hertfordshire County Council"/>
    <s v="2027-2032"/>
    <m/>
    <m/>
    <x v="94"/>
    <m/>
    <s v="S106"/>
    <n v="0"/>
    <n v="398563.2"/>
    <s v="A - Per dwelling"/>
    <m/>
    <m/>
    <s v="Important"/>
    <x v="0"/>
    <x v="0"/>
    <x v="0"/>
    <x v="0"/>
    <x v="0"/>
    <x v="0"/>
    <x v="0"/>
    <m/>
    <m/>
    <s v="Yes"/>
    <m/>
    <m/>
    <m/>
    <m/>
    <m/>
    <m/>
    <m/>
    <m/>
    <m/>
    <m/>
    <m/>
    <m/>
    <m/>
    <m/>
    <m/>
    <m/>
    <m/>
    <m/>
    <m/>
    <m/>
    <m/>
    <m/>
    <m/>
    <m/>
    <m/>
    <m/>
    <m/>
    <m/>
    <m/>
    <m/>
    <m/>
    <m/>
    <m/>
    <n v="500"/>
    <n v="797.12639999999999"/>
    <m/>
    <x v="2"/>
    <x v="2"/>
    <x v="2"/>
    <x v="2"/>
    <x v="2"/>
    <x v="2"/>
    <x v="2"/>
    <x v="2"/>
    <x v="2"/>
    <x v="23"/>
    <x v="2"/>
    <x v="2"/>
    <x v="2"/>
    <x v="2"/>
    <x v="2"/>
    <x v="2"/>
    <x v="2"/>
    <s v=""/>
    <s v=""/>
    <s v=""/>
    <s v=""/>
    <s v=""/>
    <s v=""/>
    <s v=""/>
    <s v=""/>
    <s v=""/>
    <s v=""/>
    <s v=""/>
    <s v=""/>
    <s v=""/>
    <s v=""/>
    <m/>
    <m/>
    <m/>
    <m/>
    <m/>
    <m/>
    <m/>
    <m/>
    <x v="0"/>
    <x v="0"/>
    <x v="0"/>
    <x v="0"/>
    <n v="398563.2"/>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70"/>
    <s v="GI123"/>
    <s v="DBC IDP"/>
    <s v="Dacorum Borough Council"/>
    <x v="4"/>
    <x v="23"/>
    <s v="Contribution towards natural and semi-natural greenspace in Polehanger Lane (Hm13) "/>
    <m/>
    <s v="Contribution towards 3.24 hectares of natural and semi-natural greenspace required to support growth at Polehanger Lane (Hm13) "/>
    <s v="Hemel Garden Communities"/>
    <x v="30"/>
    <s v="Programme Area"/>
    <s v="On-site"/>
    <s v="Developer / Dacorum Borough Council"/>
    <s v="Hertfordshire County Council"/>
    <s v="2031-2039"/>
    <m/>
    <m/>
    <x v="99"/>
    <m/>
    <s v="S106"/>
    <n v="0"/>
    <n v="597844.80000000005"/>
    <s v="A - Per dwelling"/>
    <m/>
    <m/>
    <s v="Important"/>
    <x v="0"/>
    <x v="0"/>
    <x v="0"/>
    <x v="0"/>
    <x v="0"/>
    <x v="0"/>
    <x v="0"/>
    <m/>
    <m/>
    <m/>
    <s v="Yes"/>
    <m/>
    <m/>
    <m/>
    <m/>
    <m/>
    <m/>
    <m/>
    <m/>
    <m/>
    <m/>
    <m/>
    <m/>
    <m/>
    <m/>
    <m/>
    <m/>
    <m/>
    <m/>
    <m/>
    <m/>
    <m/>
    <m/>
    <m/>
    <m/>
    <m/>
    <m/>
    <m/>
    <m/>
    <m/>
    <m/>
    <m/>
    <m/>
    <n v="750"/>
    <n v="797.1264000000001"/>
    <m/>
    <x v="2"/>
    <x v="2"/>
    <x v="2"/>
    <x v="2"/>
    <x v="2"/>
    <x v="2"/>
    <x v="2"/>
    <x v="2"/>
    <x v="2"/>
    <x v="2"/>
    <x v="24"/>
    <x v="2"/>
    <x v="2"/>
    <x v="2"/>
    <x v="2"/>
    <x v="2"/>
    <x v="2"/>
    <s v=""/>
    <s v=""/>
    <s v=""/>
    <s v=""/>
    <s v=""/>
    <s v=""/>
    <s v=""/>
    <s v=""/>
    <s v=""/>
    <s v=""/>
    <s v=""/>
    <s v=""/>
    <s v=""/>
    <s v=""/>
    <m/>
    <m/>
    <m/>
    <m/>
    <m/>
    <m/>
    <m/>
    <m/>
    <x v="0"/>
    <x v="0"/>
    <x v="0"/>
    <x v="0"/>
    <n v="597844.80000000005"/>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71"/>
    <s v="GI124"/>
    <s v="DBC IDP"/>
    <s v="Dacorum Borough Council"/>
    <x v="4"/>
    <x v="23"/>
    <s v="Contribution towards natural and semi-natural greenspace in Marchmont Farm (Hm14)"/>
    <m/>
    <s v="Contribution towards 1.51 hectares of natural and semi-natural greenspace required to support growth at Marchmont Farm (Hm14)"/>
    <s v="Hemel Garden Communities"/>
    <x v="9"/>
    <s v="Programme Area"/>
    <s v="On-site"/>
    <s v="Developer / Dacorum Borough Council"/>
    <s v="Hertfordshire County Council"/>
    <s v="2028-2032"/>
    <m/>
    <m/>
    <x v="92"/>
    <m/>
    <s v="S106"/>
    <n v="0"/>
    <n v="278994.24"/>
    <s v="A - Per dwelling"/>
    <m/>
    <m/>
    <s v="Important"/>
    <x v="0"/>
    <x v="0"/>
    <x v="0"/>
    <x v="0"/>
    <x v="0"/>
    <x v="0"/>
    <x v="0"/>
    <m/>
    <m/>
    <m/>
    <m/>
    <m/>
    <m/>
    <s v="Yes"/>
    <m/>
    <m/>
    <m/>
    <m/>
    <m/>
    <m/>
    <m/>
    <m/>
    <m/>
    <m/>
    <m/>
    <m/>
    <m/>
    <m/>
    <m/>
    <m/>
    <m/>
    <m/>
    <m/>
    <m/>
    <m/>
    <m/>
    <m/>
    <m/>
    <m/>
    <m/>
    <m/>
    <m/>
    <m/>
    <n v="350"/>
    <n v="797.12639999999999"/>
    <m/>
    <x v="2"/>
    <x v="2"/>
    <x v="2"/>
    <x v="2"/>
    <x v="2"/>
    <x v="2"/>
    <x v="2"/>
    <x v="2"/>
    <x v="2"/>
    <x v="2"/>
    <x v="2"/>
    <x v="2"/>
    <x v="2"/>
    <x v="22"/>
    <x v="2"/>
    <x v="2"/>
    <x v="2"/>
    <s v=""/>
    <s v=""/>
    <s v=""/>
    <s v=""/>
    <s v=""/>
    <s v=""/>
    <s v=""/>
    <s v=""/>
    <s v=""/>
    <s v=""/>
    <s v=""/>
    <s v=""/>
    <s v=""/>
    <s v=""/>
    <m/>
    <m/>
    <m/>
    <m/>
    <m/>
    <m/>
    <m/>
    <m/>
    <x v="0"/>
    <x v="0"/>
    <x v="0"/>
    <x v="0"/>
    <n v="278994.24"/>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72"/>
    <s v="GI125"/>
    <s v="DBC IDP"/>
    <s v="Dacorum Borough Council"/>
    <x v="4"/>
    <x v="23"/>
    <s v="Contribution towards natural and semi-natural greenspace in Old Town (Hm15) "/>
    <m/>
    <s v="Contribution towards 0.39 hectares of natural and semi-natural greenspace required to support growth at Old Town (Hm15) "/>
    <s v="Hemel Garden Communities"/>
    <x v="31"/>
    <s v="Programme Area"/>
    <s v="On-site / Off-site"/>
    <s v="Developer / Dacorum Borough Council"/>
    <s v="Hertfordshire County Council"/>
    <s v="2037-2039"/>
    <m/>
    <m/>
    <x v="100"/>
    <m/>
    <s v="S106"/>
    <n v="0"/>
    <n v="71741.376000000004"/>
    <s v="A - Per dwelling"/>
    <m/>
    <m/>
    <s v="Important"/>
    <x v="0"/>
    <x v="0"/>
    <x v="0"/>
    <x v="0"/>
    <x v="0"/>
    <x v="0"/>
    <x v="0"/>
    <m/>
    <m/>
    <m/>
    <m/>
    <m/>
    <m/>
    <m/>
    <s v="Yes"/>
    <m/>
    <m/>
    <m/>
    <m/>
    <m/>
    <m/>
    <m/>
    <m/>
    <m/>
    <m/>
    <m/>
    <m/>
    <m/>
    <m/>
    <m/>
    <m/>
    <m/>
    <m/>
    <m/>
    <m/>
    <m/>
    <m/>
    <m/>
    <m/>
    <m/>
    <m/>
    <m/>
    <m/>
    <n v="90"/>
    <n v="797.12639999999999"/>
    <m/>
    <x v="2"/>
    <x v="2"/>
    <x v="2"/>
    <x v="2"/>
    <x v="2"/>
    <x v="2"/>
    <x v="2"/>
    <x v="2"/>
    <x v="2"/>
    <x v="2"/>
    <x v="2"/>
    <x v="2"/>
    <x v="2"/>
    <x v="2"/>
    <x v="20"/>
    <x v="2"/>
    <x v="2"/>
    <s v=""/>
    <s v=""/>
    <s v=""/>
    <s v=""/>
    <s v=""/>
    <s v=""/>
    <s v=""/>
    <s v=""/>
    <s v=""/>
    <s v=""/>
    <s v=""/>
    <s v=""/>
    <s v=""/>
    <s v=""/>
    <m/>
    <m/>
    <m/>
    <m/>
    <m/>
    <m/>
    <m/>
    <m/>
    <x v="0"/>
    <x v="0"/>
    <x v="0"/>
    <x v="0"/>
    <n v="71741.376000000004"/>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73"/>
    <s v="GI126"/>
    <s v="DBC IDP"/>
    <s v="Dacorum Borough Council"/>
    <x v="4"/>
    <x v="23"/>
    <s v="Contribution towards natural and semi-natural greenspace in Site to the south of Green Lane (Hm16)"/>
    <m/>
    <s v="Contribution towards 0.35 hectares of natural and semi-natural greenspace required to support growth at Site to the south of Green Lane (Hm16)"/>
    <s v="Hemel Garden Communities"/>
    <x v="26"/>
    <s v="Programme Area"/>
    <s v="On-site / Off-site"/>
    <s v="Developer / Dacorum Borough Council"/>
    <s v="Hertfordshire County Council"/>
    <s v="2028-2031"/>
    <m/>
    <m/>
    <x v="101"/>
    <m/>
    <s v="S106"/>
    <n v="0"/>
    <n v="63770.112000000001"/>
    <s v="A - Per dwelling"/>
    <m/>
    <m/>
    <s v="Important"/>
    <x v="0"/>
    <x v="0"/>
    <x v="0"/>
    <x v="0"/>
    <x v="0"/>
    <x v="0"/>
    <x v="0"/>
    <m/>
    <m/>
    <m/>
    <m/>
    <m/>
    <m/>
    <m/>
    <m/>
    <s v="Yes"/>
    <m/>
    <m/>
    <m/>
    <m/>
    <m/>
    <m/>
    <m/>
    <m/>
    <m/>
    <m/>
    <m/>
    <m/>
    <m/>
    <m/>
    <m/>
    <m/>
    <m/>
    <m/>
    <m/>
    <m/>
    <m/>
    <m/>
    <m/>
    <m/>
    <m/>
    <m/>
    <m/>
    <n v="80"/>
    <n v="797.12639999999999"/>
    <m/>
    <x v="2"/>
    <x v="2"/>
    <x v="2"/>
    <x v="2"/>
    <x v="2"/>
    <x v="2"/>
    <x v="2"/>
    <x v="2"/>
    <x v="2"/>
    <x v="2"/>
    <x v="2"/>
    <x v="2"/>
    <x v="2"/>
    <x v="2"/>
    <x v="2"/>
    <x v="21"/>
    <x v="2"/>
    <s v=""/>
    <s v=""/>
    <s v=""/>
    <s v=""/>
    <s v=""/>
    <s v=""/>
    <s v=""/>
    <s v=""/>
    <s v=""/>
    <s v=""/>
    <s v=""/>
    <s v=""/>
    <s v=""/>
    <s v=""/>
    <m/>
    <m/>
    <m/>
    <m/>
    <m/>
    <m/>
    <m/>
    <m/>
    <x v="0"/>
    <x v="0"/>
    <x v="0"/>
    <x v="0"/>
    <n v="63770.112000000001"/>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74"/>
    <s v="GI127"/>
    <s v="DBC IDP"/>
    <s v="Dacorum Borough Council"/>
    <x v="4"/>
    <x v="23"/>
    <s v="Contribution towards natural and semi-natural greenspace in Grovehill Local Centre (Henry Wells Square) (Grovehill NDP)"/>
    <m/>
    <s v="Contribution towards 0.86 hectares of natural and semi-natural greenspace required to support growth at Grovehill Local Centre (Henry Wells Square) (Grovehill NDP)"/>
    <s v="Hemel Garden Communities"/>
    <x v="27"/>
    <s v="Programme Area"/>
    <s v="On-site / Off-site"/>
    <s v="Developer / Dacorum Borough Council"/>
    <s v="Hertfordshire County Council"/>
    <s v="2039-2041"/>
    <m/>
    <m/>
    <x v="93"/>
    <m/>
    <s v="S106"/>
    <n v="0"/>
    <n v="159425.28"/>
    <s v="A - Per dwelling"/>
    <m/>
    <m/>
    <s v="Important"/>
    <x v="0"/>
    <x v="0"/>
    <x v="0"/>
    <x v="0"/>
    <x v="0"/>
    <x v="0"/>
    <x v="0"/>
    <m/>
    <m/>
    <m/>
    <m/>
    <s v="Yes"/>
    <m/>
    <m/>
    <m/>
    <m/>
    <m/>
    <m/>
    <m/>
    <m/>
    <m/>
    <m/>
    <m/>
    <m/>
    <m/>
    <m/>
    <m/>
    <m/>
    <m/>
    <m/>
    <m/>
    <m/>
    <m/>
    <m/>
    <m/>
    <m/>
    <m/>
    <m/>
    <m/>
    <m/>
    <m/>
    <m/>
    <m/>
    <n v="200"/>
    <n v="797.12639999999999"/>
    <m/>
    <x v="2"/>
    <x v="2"/>
    <x v="2"/>
    <x v="2"/>
    <x v="2"/>
    <x v="2"/>
    <x v="2"/>
    <x v="2"/>
    <x v="2"/>
    <x v="2"/>
    <x v="2"/>
    <x v="20"/>
    <x v="2"/>
    <x v="2"/>
    <x v="2"/>
    <x v="2"/>
    <x v="2"/>
    <s v=""/>
    <s v=""/>
    <s v=""/>
    <s v=""/>
    <s v=""/>
    <s v=""/>
    <s v=""/>
    <s v=""/>
    <s v=""/>
    <s v=""/>
    <s v=""/>
    <s v=""/>
    <s v=""/>
    <s v=""/>
    <m/>
    <m/>
    <m/>
    <m/>
    <m/>
    <m/>
    <m/>
    <m/>
    <x v="0"/>
    <x v="0"/>
    <x v="0"/>
    <x v="0"/>
    <n v="159425.28"/>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75"/>
    <s v="GI128"/>
    <s v="DBC IDP"/>
    <s v="Dacorum Borough Council"/>
    <x v="4"/>
    <x v="23"/>
    <s v="Contribution towards natural and semi-natural greenspace across windfall sites"/>
    <m/>
    <s v="Contribution towards 10.28 hectares of natural and semi-natural greenspace required to support growth across windfall sites"/>
    <s v="Hemel Garden Communities"/>
    <x v="33"/>
    <s v="Programme Area"/>
    <s v="Off-site"/>
    <s v="Developer / Dacorum Borough Council"/>
    <s v="Hertfordshire County Council"/>
    <s v="2026-2041"/>
    <m/>
    <m/>
    <x v="102"/>
    <m/>
    <s v="S106"/>
    <n v="0"/>
    <n v="1897160.8319999999"/>
    <s v="A - Per dwelling"/>
    <m/>
    <m/>
    <s v="Important"/>
    <x v="0"/>
    <x v="0"/>
    <x v="0"/>
    <x v="0"/>
    <x v="0"/>
    <x v="0"/>
    <x v="0"/>
    <m/>
    <m/>
    <m/>
    <m/>
    <m/>
    <m/>
    <m/>
    <m/>
    <m/>
    <s v="Yes"/>
    <m/>
    <m/>
    <m/>
    <m/>
    <m/>
    <m/>
    <m/>
    <m/>
    <m/>
    <m/>
    <m/>
    <m/>
    <m/>
    <m/>
    <m/>
    <m/>
    <m/>
    <m/>
    <m/>
    <m/>
    <m/>
    <m/>
    <m/>
    <m/>
    <m/>
    <m/>
    <n v="2380"/>
    <n v="797.12639999999999"/>
    <m/>
    <x v="2"/>
    <x v="2"/>
    <x v="2"/>
    <x v="2"/>
    <x v="2"/>
    <x v="2"/>
    <x v="2"/>
    <x v="2"/>
    <x v="2"/>
    <x v="2"/>
    <x v="2"/>
    <x v="2"/>
    <x v="2"/>
    <x v="2"/>
    <x v="2"/>
    <x v="2"/>
    <x v="18"/>
    <s v=""/>
    <s v=""/>
    <s v=""/>
    <s v=""/>
    <s v=""/>
    <s v=""/>
    <s v=""/>
    <s v=""/>
    <s v=""/>
    <s v=""/>
    <s v=""/>
    <s v=""/>
    <s v=""/>
    <s v=""/>
    <m/>
    <m/>
    <m/>
    <m/>
    <m/>
    <m/>
    <m/>
    <m/>
    <x v="0"/>
    <x v="0"/>
    <x v="0"/>
    <x v="0"/>
    <n v="1897160.8319999999"/>
    <n v="0"/>
    <n v="0"/>
    <n v="0"/>
    <s v="The Dacorum Borough Council Open Space, Sport and Leisure Background Topic Paper (2020) sets out a cost per hectare of natural and semi-natural greenspace of £1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1.8ha of natural and semi-natural greenspace provision per 1,000 of the population."/>
    <s v="Dacorum Borough Council Open Space, Sport and Leisure Background Topic Paper (2020)"/>
    <m/>
  </r>
  <r>
    <m/>
    <n v="176"/>
    <s v="GI129"/>
    <s v="SADC IDP"/>
    <s v="St Albans City &amp; District Council"/>
    <x v="4"/>
    <x v="24"/>
    <s v="Contribution towards public parks and gardens in North Hemel Hempstead (H1)"/>
    <m/>
    <s v="Associated local green infrastructure requirements to support development at North Hemel Hempstead in accordance with the HGC Framework Plan. Contribution towards 2.88 hectares of public parks and gardens required to support growth in North Hemel Hempstead (H1)"/>
    <s v="Hemel Garden Communities"/>
    <x v="1"/>
    <s v="Growth Area"/>
    <s v="On-site"/>
    <s v="St Albans City &amp; District Council"/>
    <s v="St Albans City &amp; District Council"/>
    <s v="2030-2050"/>
    <m/>
    <m/>
    <x v="103"/>
    <m/>
    <s v="S106"/>
    <n v="0"/>
    <n v="1267200"/>
    <s v="A - Per dwelling"/>
    <m/>
    <m/>
    <s v="Important"/>
    <x v="0"/>
    <x v="0"/>
    <x v="0"/>
    <x v="0"/>
    <x v="0"/>
    <x v="0"/>
    <x v="0"/>
    <m/>
    <m/>
    <m/>
    <m/>
    <m/>
    <m/>
    <m/>
    <m/>
    <m/>
    <m/>
    <m/>
    <m/>
    <m/>
    <m/>
    <m/>
    <m/>
    <m/>
    <m/>
    <m/>
    <m/>
    <m/>
    <m/>
    <m/>
    <m/>
    <m/>
    <m/>
    <m/>
    <m/>
    <m/>
    <m/>
    <m/>
    <m/>
    <s v="Yes"/>
    <m/>
    <m/>
    <m/>
    <n v="1500"/>
    <n v="844.8"/>
    <m/>
    <x v="0"/>
    <x v="0"/>
    <x v="0"/>
    <x v="0"/>
    <x v="0"/>
    <x v="0"/>
    <x v="0"/>
    <x v="0"/>
    <x v="0"/>
    <x v="0"/>
    <x v="0"/>
    <x v="0"/>
    <x v="0"/>
    <x v="0"/>
    <x v="0"/>
    <x v="0"/>
    <x v="0"/>
    <m/>
    <m/>
    <m/>
    <m/>
    <m/>
    <m/>
    <m/>
    <m/>
    <m/>
    <m/>
    <m/>
    <m/>
    <m/>
    <m/>
    <m/>
    <m/>
    <m/>
    <m/>
    <m/>
    <m/>
    <m/>
    <m/>
    <x v="19"/>
    <x v="0"/>
    <x v="0"/>
    <x v="0"/>
    <n v="0"/>
    <n v="1267200"/>
    <n v="0"/>
    <n v="0"/>
    <s v="As Fields in Trust does not provide guidance on cost per hectare of parks and gardens provision, to ensure consistency between districts, the costs within the Dacorum Borough Council Open Space, Sport and Leisure Background Topic Paper (2020) has been used. It sets out a cost per hectare of parks and gardens of £440,000, which has been used for SADC sites to ensure alignment. A 31.8% uplift has been applied to the Q1 2020 base cost, to achieve a cost for Q3 2024. It is assumed the cost will be uplifted again at the time of planning application determination in line with the BCIS index."/>
    <s v="The Fields in Trust Green space calculator sets out the requirement for the provision of 0.8ha of parks and gardens provision per 1,000 of the population."/>
    <s v="Fields in Trust Green space calculator (Accessed May 2025)"/>
    <m/>
  </r>
  <r>
    <m/>
    <n v="177"/>
    <s v="GI130"/>
    <s v="SADC IDP"/>
    <s v="St Albans City &amp; District Council"/>
    <x v="4"/>
    <x v="24"/>
    <s v="Contribution towards public parks and gardens in East Hemel Hempstead (H2)"/>
    <m/>
    <s v="Associated local green infrastructure requirements to support development at East Hemel Hempstead (North) in accordance with the HGC Framework Plan. contribution towards 3.07 hectares of public parks and gardens required to support growth in East Hemel Hempstead (H2)"/>
    <s v="Hemel Garden Communities"/>
    <x v="2"/>
    <s v="Growth Area "/>
    <s v="On-site"/>
    <s v="St Albans City &amp; District Council"/>
    <s v="St Albans City &amp; District Council"/>
    <s v="2028-2050"/>
    <m/>
    <m/>
    <x v="104"/>
    <m/>
    <s v="S106"/>
    <n v="0"/>
    <n v="1351680"/>
    <s v="A - Per dwelling"/>
    <m/>
    <m/>
    <s v="Important"/>
    <x v="0"/>
    <x v="0"/>
    <x v="0"/>
    <x v="0"/>
    <x v="0"/>
    <x v="0"/>
    <x v="0"/>
    <m/>
    <m/>
    <m/>
    <m/>
    <m/>
    <m/>
    <m/>
    <m/>
    <m/>
    <m/>
    <m/>
    <m/>
    <m/>
    <m/>
    <m/>
    <m/>
    <m/>
    <m/>
    <m/>
    <m/>
    <m/>
    <m/>
    <m/>
    <m/>
    <m/>
    <m/>
    <m/>
    <m/>
    <m/>
    <m/>
    <m/>
    <m/>
    <m/>
    <s v="Yes"/>
    <m/>
    <m/>
    <n v="1600"/>
    <n v="844.8"/>
    <m/>
    <x v="0"/>
    <x v="0"/>
    <x v="0"/>
    <x v="0"/>
    <x v="0"/>
    <x v="0"/>
    <x v="0"/>
    <x v="0"/>
    <x v="0"/>
    <x v="0"/>
    <x v="0"/>
    <x v="0"/>
    <x v="0"/>
    <x v="0"/>
    <x v="0"/>
    <x v="0"/>
    <x v="0"/>
    <m/>
    <m/>
    <m/>
    <m/>
    <m/>
    <m/>
    <m/>
    <m/>
    <m/>
    <m/>
    <m/>
    <m/>
    <m/>
    <m/>
    <m/>
    <m/>
    <m/>
    <m/>
    <m/>
    <m/>
    <m/>
    <m/>
    <x v="0"/>
    <x v="19"/>
    <x v="0"/>
    <x v="0"/>
    <n v="0"/>
    <n v="1351680"/>
    <n v="0"/>
    <n v="0"/>
    <s v="As Fields in Trust does not provide guidance on cost per hectare of parks and gardens provision, to ensure consistency between districts, the costs within the Dacorum Borough Council Open Space, Sport and Leisure Background Topic Paper (2020) has been used. It sets out a cost per hectare of parks and gardens of £440,000, which has been used for SADC sites to ensure alignment. A 31.8% uplift has been applied to the Q1 2020 base cost, to achieve a cost for Q3 2024. It is assumed the cost will be uplifted again at the time of planning application determination in line with the BCIS index."/>
    <s v="The Fields in Trust Green space calculator sets out the requirement for the provision of 0.8ha of parks and gardens provision per 1,000 of the population."/>
    <s v="Fields in Trust Green space calculator (Accessed May 2025)"/>
    <m/>
  </r>
  <r>
    <m/>
    <n v="178"/>
    <s v="GI131"/>
    <s v="SADC IDP"/>
    <s v="St Albans City &amp; District Council"/>
    <x v="4"/>
    <x v="24"/>
    <s v="Contribution towards public parks and gardens in East Hemel Hempstead (H4)"/>
    <m/>
    <s v="Associated local green infrastructure requirements to support development at East Hemel Hempstead (South) in accordance with the HGC Framework Plan. Contribution towards 4.61 hectares of public parks and gardens required to support growth in East Hemel Hempstead (H4)"/>
    <s v="Hemel Garden Communities"/>
    <x v="3"/>
    <s v="Growth Area "/>
    <s v="On-site"/>
    <s v="St Albans City &amp; District Council"/>
    <s v="St Albans City &amp; District Council"/>
    <s v="2028-2050"/>
    <m/>
    <m/>
    <x v="105"/>
    <m/>
    <s v="S106"/>
    <n v="0"/>
    <n v="2027520"/>
    <s v="A - Per dwelling"/>
    <m/>
    <m/>
    <s v="Important"/>
    <x v="0"/>
    <x v="0"/>
    <x v="0"/>
    <x v="0"/>
    <x v="0"/>
    <x v="0"/>
    <x v="0"/>
    <m/>
    <m/>
    <m/>
    <m/>
    <m/>
    <m/>
    <m/>
    <m/>
    <m/>
    <m/>
    <m/>
    <m/>
    <m/>
    <m/>
    <m/>
    <m/>
    <m/>
    <m/>
    <m/>
    <m/>
    <m/>
    <m/>
    <m/>
    <m/>
    <m/>
    <m/>
    <m/>
    <m/>
    <m/>
    <m/>
    <m/>
    <m/>
    <m/>
    <m/>
    <s v="Yes"/>
    <m/>
    <n v="2400"/>
    <n v="844.8"/>
    <m/>
    <x v="0"/>
    <x v="0"/>
    <x v="0"/>
    <x v="0"/>
    <x v="0"/>
    <x v="0"/>
    <x v="0"/>
    <x v="0"/>
    <x v="0"/>
    <x v="0"/>
    <x v="0"/>
    <x v="0"/>
    <x v="0"/>
    <x v="0"/>
    <x v="0"/>
    <x v="0"/>
    <x v="0"/>
    <m/>
    <m/>
    <m/>
    <m/>
    <m/>
    <m/>
    <m/>
    <m/>
    <m/>
    <m/>
    <m/>
    <m/>
    <m/>
    <m/>
    <m/>
    <m/>
    <m/>
    <m/>
    <m/>
    <m/>
    <m/>
    <m/>
    <x v="0"/>
    <x v="0"/>
    <x v="20"/>
    <x v="0"/>
    <n v="0"/>
    <n v="2027520"/>
    <n v="0"/>
    <n v="0"/>
    <s v="As Fields in Trust does not provide guidance on cost per hectare of parks and gardens provision, to ensure consistency between districts, the costs within the Dacorum Borough Council Open Space, Sport and Leisure Background Topic Paper (2020) has been used. It sets out a cost per hectare of parks and gardens of £440,000, which has been used for SADC sites to ensure alignment. A 31.8% uplift has been applied to the Q1 2020 base cost, to achieve a cost for Q3 2024. It is assumed the cost will be uplifted again at the time of planning application determination in line with the BCIS index."/>
    <s v="The Fields in Trust Green space calculator sets out the requirement for the provision of 0.8ha of parks and gardens provision per 1,000 of the population."/>
    <s v="Fields in Trust Green space calculator (Accessed May 2025)"/>
    <m/>
  </r>
  <r>
    <m/>
    <n v="179"/>
    <s v="GI132"/>
    <s v="DBC IDP"/>
    <s v="Dacorum Borough Council"/>
    <x v="4"/>
    <x v="24"/>
    <s v="Contribution towards public parks and gardens in North Hemel Hempstead (Hm01)"/>
    <m/>
    <s v="Associated local green infrastructure requirements to support development at North Hemel Hempstead (Hm01) in accordance with the HGC Framework Plan. Contribution towards 9.6 hectares of public parks and gardens required to support growth in North Hemel Hempstead (Hm01)"/>
    <s v="Hemel Garden Communities"/>
    <x v="4"/>
    <s v="Growth Area"/>
    <s v="On-site"/>
    <s v="Developer / Dacorum Borough Council"/>
    <s v="Hertfordshire County Council"/>
    <s v="2032-2050"/>
    <m/>
    <m/>
    <x v="106"/>
    <m/>
    <s v="S106"/>
    <n v="0"/>
    <n v="5567232.0000000009"/>
    <s v="A - Per dwelling"/>
    <m/>
    <m/>
    <s v="Important"/>
    <x v="2"/>
    <x v="0"/>
    <x v="0"/>
    <x v="0"/>
    <x v="0"/>
    <x v="0"/>
    <x v="0"/>
    <m/>
    <m/>
    <m/>
    <m/>
    <m/>
    <m/>
    <m/>
    <m/>
    <m/>
    <m/>
    <m/>
    <m/>
    <m/>
    <m/>
    <m/>
    <m/>
    <m/>
    <m/>
    <m/>
    <m/>
    <m/>
    <m/>
    <m/>
    <m/>
    <m/>
    <m/>
    <m/>
    <m/>
    <m/>
    <m/>
    <m/>
    <m/>
    <m/>
    <m/>
    <m/>
    <m/>
    <n v="5000"/>
    <n v="1113.4464000000003"/>
    <m/>
    <x v="26"/>
    <x v="2"/>
    <x v="2"/>
    <x v="2"/>
    <x v="2"/>
    <x v="2"/>
    <x v="2"/>
    <x v="2"/>
    <x v="2"/>
    <x v="2"/>
    <x v="2"/>
    <x v="2"/>
    <x v="2"/>
    <x v="2"/>
    <x v="2"/>
    <x v="2"/>
    <x v="2"/>
    <s v=""/>
    <s v=""/>
    <s v=""/>
    <s v=""/>
    <s v=""/>
    <s v=""/>
    <s v=""/>
    <s v=""/>
    <s v=""/>
    <s v=""/>
    <s v=""/>
    <s v=""/>
    <s v=""/>
    <s v=""/>
    <m/>
    <m/>
    <m/>
    <m/>
    <m/>
    <m/>
    <m/>
    <m/>
    <x v="0"/>
    <x v="0"/>
    <x v="0"/>
    <x v="0"/>
    <n v="5567232.0000000009"/>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80"/>
    <s v="GI133"/>
    <s v="DBC IDP"/>
    <s v="Dacorum Borough Council"/>
    <x v="4"/>
    <x v="24"/>
    <s v="Contribution towards public parks and gardens in Hemel Hospital/Market Square (Hm03)"/>
    <m/>
    <s v="Contribution towards 0.86 hectares of public parks and gardens required to support growth in Hemel Hospital/Market Square (Hm03)"/>
    <s v="Hemel Garden Communities"/>
    <x v="13"/>
    <s v="Programme Area"/>
    <s v="On-site / Off-site"/>
    <s v="Developer / Dacorum Borough Council"/>
    <s v="Hertfordshire County Council"/>
    <s v="2036-2041"/>
    <m/>
    <m/>
    <x v="107"/>
    <m/>
    <s v="S106"/>
    <n v="0"/>
    <n v="501050.88000000006"/>
    <s v="A - Per dwelling"/>
    <m/>
    <m/>
    <s v="Important"/>
    <x v="0"/>
    <x v="0"/>
    <x v="2"/>
    <x v="0"/>
    <x v="0"/>
    <x v="0"/>
    <x v="0"/>
    <m/>
    <m/>
    <m/>
    <m/>
    <m/>
    <m/>
    <m/>
    <m/>
    <m/>
    <m/>
    <m/>
    <m/>
    <m/>
    <m/>
    <m/>
    <m/>
    <m/>
    <m/>
    <m/>
    <m/>
    <m/>
    <m/>
    <m/>
    <m/>
    <m/>
    <m/>
    <m/>
    <m/>
    <m/>
    <m/>
    <m/>
    <m/>
    <m/>
    <m/>
    <m/>
    <m/>
    <n v="450"/>
    <n v="1113.4464"/>
    <m/>
    <x v="2"/>
    <x v="2"/>
    <x v="22"/>
    <x v="2"/>
    <x v="2"/>
    <x v="2"/>
    <x v="2"/>
    <x v="2"/>
    <x v="2"/>
    <x v="2"/>
    <x v="2"/>
    <x v="2"/>
    <x v="2"/>
    <x v="2"/>
    <x v="2"/>
    <x v="2"/>
    <x v="2"/>
    <s v=""/>
    <s v=""/>
    <s v=""/>
    <s v=""/>
    <s v=""/>
    <s v=""/>
    <s v=""/>
    <s v=""/>
    <s v=""/>
    <s v=""/>
    <s v=""/>
    <s v=""/>
    <s v=""/>
    <s v=""/>
    <m/>
    <m/>
    <m/>
    <m/>
    <m/>
    <m/>
    <m/>
    <m/>
    <x v="0"/>
    <x v="0"/>
    <x v="0"/>
    <x v="0"/>
    <n v="501050.88"/>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81"/>
    <s v="GI134"/>
    <s v="DBC IDP"/>
    <s v="Dacorum Borough Council"/>
    <x v="4"/>
    <x v="24"/>
    <s v="Contribution towards public parks and gardens in Paradise (Hm04)"/>
    <m/>
    <s v="Contribution towards 0.67 hectares of public parks and gardens required to support growth in Paradise (Hm04)"/>
    <s v="Hemel Garden Communities"/>
    <x v="19"/>
    <s v="Programme Area"/>
    <s v="On-site / Off-site"/>
    <s v="Developer / Dacorum Borough Council"/>
    <s v="Hertfordshire County Council"/>
    <s v="2026-2038"/>
    <m/>
    <m/>
    <x v="108"/>
    <m/>
    <s v="S106"/>
    <n v="0"/>
    <n v="389706.23999999999"/>
    <s v="A - Per dwelling"/>
    <m/>
    <m/>
    <s v="Important"/>
    <x v="0"/>
    <x v="0"/>
    <x v="0"/>
    <x v="2"/>
    <x v="0"/>
    <x v="0"/>
    <x v="0"/>
    <m/>
    <m/>
    <m/>
    <m/>
    <m/>
    <m/>
    <m/>
    <m/>
    <m/>
    <m/>
    <m/>
    <m/>
    <m/>
    <m/>
    <m/>
    <m/>
    <m/>
    <m/>
    <m/>
    <m/>
    <m/>
    <m/>
    <m/>
    <m/>
    <m/>
    <m/>
    <m/>
    <m/>
    <m/>
    <m/>
    <m/>
    <m/>
    <m/>
    <m/>
    <m/>
    <m/>
    <n v="350"/>
    <n v="1113.4464"/>
    <m/>
    <x v="2"/>
    <x v="2"/>
    <x v="2"/>
    <x v="22"/>
    <x v="2"/>
    <x v="2"/>
    <x v="2"/>
    <x v="2"/>
    <x v="2"/>
    <x v="2"/>
    <x v="2"/>
    <x v="2"/>
    <x v="2"/>
    <x v="2"/>
    <x v="2"/>
    <x v="2"/>
    <x v="2"/>
    <s v=""/>
    <s v=""/>
    <s v=""/>
    <s v=""/>
    <s v=""/>
    <s v=""/>
    <s v=""/>
    <s v=""/>
    <s v=""/>
    <s v=""/>
    <s v=""/>
    <s v=""/>
    <s v=""/>
    <s v=""/>
    <m/>
    <m/>
    <m/>
    <m/>
    <m/>
    <m/>
    <m/>
    <m/>
    <x v="0"/>
    <x v="0"/>
    <x v="0"/>
    <x v="0"/>
    <n v="389706.23999999999"/>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82"/>
    <s v="GI135"/>
    <s v="DBC IDP"/>
    <s v="Dacorum Borough Council"/>
    <x v="4"/>
    <x v="24"/>
    <s v="Contribution towards public parks and gardens in Civic Zone, Marlowes (Hm02)"/>
    <m/>
    <s v="Contribution towards 0.38 hectares of public parks and gardens required to support growth in Civic Zone, Marlowes (Hm02)"/>
    <s v="Hemel Garden Communities"/>
    <x v="18"/>
    <s v="Programme Area"/>
    <s v="On-site / Off-site"/>
    <s v="Developer / Dacorum Borough Council"/>
    <s v="Hertfordshire County Council"/>
    <s v="2028-2031"/>
    <m/>
    <m/>
    <x v="109"/>
    <m/>
    <s v="S106"/>
    <n v="0"/>
    <n v="222689.28"/>
    <s v="A - Per dwelling"/>
    <m/>
    <m/>
    <s v="Important"/>
    <x v="0"/>
    <x v="2"/>
    <x v="0"/>
    <x v="0"/>
    <x v="0"/>
    <x v="0"/>
    <x v="0"/>
    <m/>
    <m/>
    <m/>
    <m/>
    <m/>
    <m/>
    <m/>
    <m/>
    <m/>
    <m/>
    <m/>
    <m/>
    <m/>
    <m/>
    <m/>
    <m/>
    <m/>
    <m/>
    <m/>
    <m/>
    <m/>
    <m/>
    <m/>
    <m/>
    <m/>
    <m/>
    <m/>
    <m/>
    <m/>
    <m/>
    <m/>
    <m/>
    <m/>
    <m/>
    <m/>
    <m/>
    <n v="200"/>
    <n v="1113.4464"/>
    <m/>
    <x v="2"/>
    <x v="22"/>
    <x v="2"/>
    <x v="2"/>
    <x v="2"/>
    <x v="2"/>
    <x v="2"/>
    <x v="2"/>
    <x v="2"/>
    <x v="2"/>
    <x v="2"/>
    <x v="2"/>
    <x v="2"/>
    <x v="2"/>
    <x v="2"/>
    <x v="2"/>
    <x v="2"/>
    <s v=""/>
    <s v=""/>
    <s v=""/>
    <s v=""/>
    <s v=""/>
    <s v=""/>
    <s v=""/>
    <s v=""/>
    <s v=""/>
    <s v=""/>
    <s v=""/>
    <s v=""/>
    <s v=""/>
    <s v=""/>
    <m/>
    <m/>
    <m/>
    <m/>
    <m/>
    <m/>
    <m/>
    <m/>
    <x v="0"/>
    <x v="0"/>
    <x v="0"/>
    <x v="0"/>
    <n v="222689.28"/>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83"/>
    <s v="GI136"/>
    <s v="DBC IDP"/>
    <s v="Dacorum Borough Council"/>
    <x v="4"/>
    <x v="24"/>
    <s v="Contribution towards public parks and gardens in Riverside (Hm06)"/>
    <m/>
    <s v="Contribution towards 0.58 hectares of public parks and gardens required to support growth in Riverside (Hm06)"/>
    <s v="Hemel Garden Communities"/>
    <x v="10"/>
    <s v="Programme Area"/>
    <s v="Off-site"/>
    <s v="Developer / Dacorum Borough Council"/>
    <s v="Hertfordshire County Council"/>
    <s v="2026-2031"/>
    <m/>
    <m/>
    <x v="110"/>
    <m/>
    <s v="S106"/>
    <n v="0"/>
    <n v="556723.19999999995"/>
    <s v="A - Per dwelling"/>
    <m/>
    <m/>
    <s v="Important"/>
    <x v="0"/>
    <x v="0"/>
    <x v="0"/>
    <x v="0"/>
    <x v="2"/>
    <x v="0"/>
    <x v="0"/>
    <m/>
    <m/>
    <m/>
    <m/>
    <m/>
    <m/>
    <m/>
    <m/>
    <m/>
    <m/>
    <m/>
    <m/>
    <m/>
    <m/>
    <m/>
    <m/>
    <m/>
    <m/>
    <m/>
    <m/>
    <m/>
    <m/>
    <m/>
    <m/>
    <m/>
    <m/>
    <m/>
    <m/>
    <m/>
    <m/>
    <m/>
    <m/>
    <m/>
    <m/>
    <m/>
    <m/>
    <n v="500"/>
    <n v="1113.4463999999998"/>
    <m/>
    <x v="2"/>
    <x v="2"/>
    <x v="2"/>
    <x v="2"/>
    <x v="23"/>
    <x v="2"/>
    <x v="2"/>
    <x v="2"/>
    <x v="2"/>
    <x v="2"/>
    <x v="2"/>
    <x v="2"/>
    <x v="2"/>
    <x v="2"/>
    <x v="2"/>
    <x v="2"/>
    <x v="2"/>
    <s v=""/>
    <s v=""/>
    <s v=""/>
    <s v=""/>
    <s v=""/>
    <s v=""/>
    <s v=""/>
    <s v=""/>
    <s v=""/>
    <s v=""/>
    <s v=""/>
    <s v=""/>
    <s v=""/>
    <s v=""/>
    <m/>
    <m/>
    <m/>
    <m/>
    <m/>
    <m/>
    <m/>
    <m/>
    <x v="0"/>
    <x v="0"/>
    <x v="0"/>
    <x v="0"/>
    <n v="556723.19999999995"/>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84"/>
    <s v="GI137"/>
    <s v="DBC IDP"/>
    <s v="Dacorum Borough Council"/>
    <x v="4"/>
    <x v="24"/>
    <s v="Contribution towards public parks and gardens in Symbio Site, Whiteleaf Road (Hm07)"/>
    <m/>
    <s v="Contribution towards 0.19 hectares of public parks and gardens required to support growth in Symbio Site, Whiteleaf Road (Hm07)"/>
    <s v="Hemel Garden Communities"/>
    <x v="20"/>
    <s v="Programme Area"/>
    <s v="Off-site"/>
    <s v="Developer / Dacorum Borough Council"/>
    <s v="Hertfordshire County Council"/>
    <s v="2029-2030"/>
    <m/>
    <m/>
    <x v="111"/>
    <m/>
    <s v="S106"/>
    <n v="0"/>
    <n v="111344.64"/>
    <s v="A - Per dwelling"/>
    <m/>
    <m/>
    <s v="Important"/>
    <x v="0"/>
    <x v="0"/>
    <x v="0"/>
    <x v="0"/>
    <x v="0"/>
    <x v="0"/>
    <x v="2"/>
    <m/>
    <m/>
    <m/>
    <m/>
    <m/>
    <m/>
    <m/>
    <m/>
    <m/>
    <m/>
    <m/>
    <m/>
    <m/>
    <m/>
    <m/>
    <m/>
    <m/>
    <m/>
    <m/>
    <m/>
    <m/>
    <m/>
    <m/>
    <m/>
    <m/>
    <m/>
    <m/>
    <m/>
    <m/>
    <m/>
    <m/>
    <m/>
    <m/>
    <m/>
    <m/>
    <m/>
    <n v="100"/>
    <n v="1113.4464"/>
    <m/>
    <x v="2"/>
    <x v="2"/>
    <x v="2"/>
    <x v="2"/>
    <x v="2"/>
    <x v="2"/>
    <x v="21"/>
    <x v="2"/>
    <x v="2"/>
    <x v="2"/>
    <x v="2"/>
    <x v="2"/>
    <x v="2"/>
    <x v="2"/>
    <x v="2"/>
    <x v="2"/>
    <x v="2"/>
    <s v=""/>
    <s v=""/>
    <s v=""/>
    <s v=""/>
    <s v=""/>
    <s v=""/>
    <s v=""/>
    <s v=""/>
    <s v=""/>
    <s v=""/>
    <s v=""/>
    <s v=""/>
    <s v=""/>
    <s v=""/>
    <m/>
    <m/>
    <m/>
    <m/>
    <m/>
    <m/>
    <m/>
    <m/>
    <x v="0"/>
    <x v="0"/>
    <x v="0"/>
    <x v="0"/>
    <n v="111344.64"/>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85"/>
    <s v="GI138"/>
    <s v="DBC IDP"/>
    <s v="Dacorum Borough Council"/>
    <x v="4"/>
    <x v="24"/>
    <s v="Contribution towards public parks and gardens in Hemel Hempstead Station Gateway (Hm08)"/>
    <m/>
    <s v="Contribution towards 0.75 hectares of public parks and gardens required to support growth in Hemel Hempstead Station Gateway (Hm08)"/>
    <s v="Hemel Garden Communities"/>
    <x v="21"/>
    <s v="Programme Area"/>
    <s v="On-site / Off-site"/>
    <s v="Developer / Dacorum Borough Council"/>
    <s v="Hertfordshire County Council"/>
    <s v="2027-2032"/>
    <m/>
    <m/>
    <x v="112"/>
    <m/>
    <s v="S106"/>
    <n v="0"/>
    <n v="434244.09600000008"/>
    <s v="A - Per dwelling"/>
    <m/>
    <m/>
    <s v="Important"/>
    <x v="0"/>
    <x v="0"/>
    <x v="0"/>
    <x v="0"/>
    <x v="0"/>
    <x v="0"/>
    <x v="0"/>
    <s v="Yes"/>
    <m/>
    <m/>
    <m/>
    <m/>
    <m/>
    <m/>
    <m/>
    <m/>
    <m/>
    <m/>
    <m/>
    <m/>
    <m/>
    <m/>
    <m/>
    <m/>
    <m/>
    <m/>
    <m/>
    <m/>
    <m/>
    <m/>
    <m/>
    <m/>
    <m/>
    <m/>
    <m/>
    <m/>
    <m/>
    <m/>
    <m/>
    <m/>
    <m/>
    <m/>
    <m/>
    <n v="390"/>
    <n v="1113.4464000000003"/>
    <m/>
    <x v="2"/>
    <x v="2"/>
    <x v="2"/>
    <x v="2"/>
    <x v="2"/>
    <x v="2"/>
    <x v="2"/>
    <x v="23"/>
    <x v="2"/>
    <x v="2"/>
    <x v="2"/>
    <x v="2"/>
    <x v="2"/>
    <x v="2"/>
    <x v="2"/>
    <x v="2"/>
    <x v="2"/>
    <s v=""/>
    <s v=""/>
    <s v=""/>
    <s v=""/>
    <s v=""/>
    <s v=""/>
    <s v=""/>
    <s v=""/>
    <s v=""/>
    <s v=""/>
    <s v=""/>
    <s v=""/>
    <s v=""/>
    <s v=""/>
    <m/>
    <m/>
    <m/>
    <m/>
    <m/>
    <m/>
    <m/>
    <m/>
    <x v="0"/>
    <x v="0"/>
    <x v="0"/>
    <x v="0"/>
    <n v="434244.09600000008"/>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86"/>
    <s v="GI139"/>
    <s v="DBC IDP"/>
    <s v="Dacorum Borough Council"/>
    <x v="4"/>
    <x v="24"/>
    <s v="Contribution towards public parks and gardens in National Grid and 339-353 London Road (Hm09)"/>
    <m/>
    <s v="Contribution towards 0.92 hectares of public parks and gardens required to support growth in National Grid and 339-353 London Road (Hm09)"/>
    <s v="Hemel Garden Communities"/>
    <x v="22"/>
    <s v="Programme Area"/>
    <s v="Off-site"/>
    <s v="Developer / Dacorum Borough Council"/>
    <s v="Hertfordshire County Council"/>
    <s v="2028-2032"/>
    <m/>
    <m/>
    <x v="113"/>
    <m/>
    <s v="S106"/>
    <n v="0"/>
    <n v="534454.272"/>
    <s v="A - Per dwelling"/>
    <m/>
    <m/>
    <s v="Important"/>
    <x v="0"/>
    <x v="0"/>
    <x v="0"/>
    <x v="0"/>
    <x v="0"/>
    <x v="2"/>
    <x v="0"/>
    <m/>
    <m/>
    <m/>
    <m/>
    <m/>
    <m/>
    <m/>
    <m/>
    <m/>
    <m/>
    <m/>
    <m/>
    <m/>
    <m/>
    <m/>
    <m/>
    <m/>
    <m/>
    <m/>
    <m/>
    <m/>
    <m/>
    <m/>
    <m/>
    <m/>
    <m/>
    <m/>
    <m/>
    <m/>
    <m/>
    <m/>
    <m/>
    <m/>
    <m/>
    <m/>
    <m/>
    <n v="480"/>
    <n v="1113.4464"/>
    <m/>
    <x v="2"/>
    <x v="2"/>
    <x v="2"/>
    <x v="2"/>
    <x v="2"/>
    <x v="23"/>
    <x v="2"/>
    <x v="2"/>
    <x v="2"/>
    <x v="2"/>
    <x v="2"/>
    <x v="2"/>
    <x v="2"/>
    <x v="2"/>
    <x v="2"/>
    <x v="2"/>
    <x v="2"/>
    <s v=""/>
    <s v=""/>
    <s v=""/>
    <s v=""/>
    <s v=""/>
    <s v=""/>
    <s v=""/>
    <s v=""/>
    <s v=""/>
    <s v=""/>
    <s v=""/>
    <s v=""/>
    <s v=""/>
    <s v=""/>
    <m/>
    <m/>
    <m/>
    <m/>
    <m/>
    <m/>
    <m/>
    <m/>
    <x v="0"/>
    <x v="0"/>
    <x v="0"/>
    <x v="0"/>
    <n v="534454.272"/>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87"/>
    <s v="GI140"/>
    <s v="DBC IDP"/>
    <s v="Dacorum Borough Council"/>
    <x v="4"/>
    <x v="24"/>
    <s v="Contribution towards public parks and gardens in Apsley Mills Retail Park (Hm10) "/>
    <m/>
    <s v="Contribution towards 0.96 hectares of public parks and gardens required to support growth in Apsley Mills Retail Park (Hm10)"/>
    <s v="Hemel Garden Communities"/>
    <x v="23"/>
    <s v="Programme Area"/>
    <s v="On-site"/>
    <s v="Developer / Dacorum Borough Council"/>
    <s v="Hertfordshire County Council"/>
    <s v="2035-2041"/>
    <m/>
    <m/>
    <x v="110"/>
    <m/>
    <s v="S106"/>
    <n v="0"/>
    <n v="556723.19999999995"/>
    <s v="A - Per dwelling"/>
    <m/>
    <m/>
    <s v="Important"/>
    <x v="0"/>
    <x v="0"/>
    <x v="0"/>
    <x v="0"/>
    <x v="0"/>
    <x v="0"/>
    <x v="0"/>
    <m/>
    <s v="Yes"/>
    <m/>
    <m/>
    <m/>
    <m/>
    <m/>
    <m/>
    <m/>
    <m/>
    <m/>
    <m/>
    <m/>
    <m/>
    <m/>
    <m/>
    <m/>
    <m/>
    <m/>
    <m/>
    <m/>
    <m/>
    <m/>
    <m/>
    <m/>
    <m/>
    <m/>
    <m/>
    <m/>
    <m/>
    <m/>
    <m/>
    <m/>
    <m/>
    <m/>
    <m/>
    <n v="500"/>
    <n v="1113.4463999999998"/>
    <m/>
    <x v="2"/>
    <x v="2"/>
    <x v="2"/>
    <x v="2"/>
    <x v="2"/>
    <x v="2"/>
    <x v="2"/>
    <x v="2"/>
    <x v="23"/>
    <x v="2"/>
    <x v="2"/>
    <x v="2"/>
    <x v="2"/>
    <x v="2"/>
    <x v="2"/>
    <x v="2"/>
    <x v="2"/>
    <s v=""/>
    <s v=""/>
    <s v=""/>
    <s v=""/>
    <s v=""/>
    <s v=""/>
    <s v=""/>
    <s v=""/>
    <s v=""/>
    <s v=""/>
    <s v=""/>
    <s v=""/>
    <s v=""/>
    <s v=""/>
    <m/>
    <m/>
    <m/>
    <m/>
    <m/>
    <m/>
    <m/>
    <m/>
    <x v="0"/>
    <x v="0"/>
    <x v="0"/>
    <x v="0"/>
    <n v="556723.19999999995"/>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88"/>
    <s v="GI141"/>
    <s v="DBC IDP"/>
    <s v="Dacorum Borough Council"/>
    <x v="4"/>
    <x v="24"/>
    <s v="Contribution towards public parks and gardens in Plots 2/3 Kier Park, Maylands Avenue (Hm12)"/>
    <m/>
    <s v="Contribution towards 0.45 hectares of public parks and gardens required to support growth in Plots 2/3 Kier Park, Maylands Avenue (Hm12)"/>
    <s v="Hemel Garden Communities"/>
    <x v="29"/>
    <s v="Programme Area"/>
    <s v="On-site / Off-site"/>
    <s v="Developer / Dacorum Borough Council"/>
    <s v="Hertfordshire County Council"/>
    <s v="2026-2029"/>
    <m/>
    <m/>
    <x v="114"/>
    <m/>
    <s v="S106"/>
    <n v="0"/>
    <n v="260546.45760000002"/>
    <s v="A - Per dwelling"/>
    <m/>
    <m/>
    <s v="Important"/>
    <x v="0"/>
    <x v="0"/>
    <x v="0"/>
    <x v="0"/>
    <x v="0"/>
    <x v="0"/>
    <x v="0"/>
    <m/>
    <m/>
    <m/>
    <m/>
    <m/>
    <s v="Yes"/>
    <m/>
    <m/>
    <m/>
    <m/>
    <m/>
    <m/>
    <m/>
    <m/>
    <m/>
    <m/>
    <m/>
    <m/>
    <m/>
    <m/>
    <m/>
    <m/>
    <m/>
    <m/>
    <m/>
    <m/>
    <m/>
    <m/>
    <m/>
    <m/>
    <m/>
    <m/>
    <m/>
    <m/>
    <m/>
    <m/>
    <n v="234"/>
    <n v="1113.4464"/>
    <m/>
    <x v="2"/>
    <x v="2"/>
    <x v="2"/>
    <x v="2"/>
    <x v="2"/>
    <x v="2"/>
    <x v="2"/>
    <x v="2"/>
    <x v="2"/>
    <x v="2"/>
    <x v="2"/>
    <x v="2"/>
    <x v="22"/>
    <x v="2"/>
    <x v="2"/>
    <x v="2"/>
    <x v="2"/>
    <s v=""/>
    <s v=""/>
    <s v=""/>
    <s v=""/>
    <s v=""/>
    <s v=""/>
    <s v=""/>
    <s v=""/>
    <s v=""/>
    <s v=""/>
    <s v=""/>
    <s v=""/>
    <s v=""/>
    <s v=""/>
    <m/>
    <m/>
    <m/>
    <m/>
    <m/>
    <m/>
    <m/>
    <m/>
    <x v="0"/>
    <x v="0"/>
    <x v="0"/>
    <x v="0"/>
    <n v="260546.45760000002"/>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89"/>
    <s v="GI142"/>
    <s v="DBC IDP"/>
    <s v="Dacorum Borough Council"/>
    <x v="4"/>
    <x v="24"/>
    <s v="Contribution towards public parks and gardens in Shendish Manor and Fairfields (Hm11)"/>
    <m/>
    <s v="Contribution towards 0.96 hectares of public parks and gardens required to support growth in Shendish Manor and Fairfields (Hm11)"/>
    <s v="Hemel Garden Communities"/>
    <x v="5"/>
    <s v="Programme Area"/>
    <s v="On-site"/>
    <s v="Developer / Dacorum Borough Council"/>
    <s v="Hertfordshire County Council"/>
    <s v="2027-2032"/>
    <m/>
    <m/>
    <x v="110"/>
    <m/>
    <s v="S106"/>
    <n v="0"/>
    <n v="556723.19999999995"/>
    <s v="A - Per dwelling"/>
    <m/>
    <m/>
    <s v="Important"/>
    <x v="0"/>
    <x v="0"/>
    <x v="0"/>
    <x v="0"/>
    <x v="0"/>
    <x v="0"/>
    <x v="0"/>
    <m/>
    <m/>
    <s v="Yes"/>
    <m/>
    <m/>
    <m/>
    <m/>
    <m/>
    <m/>
    <m/>
    <m/>
    <m/>
    <m/>
    <m/>
    <m/>
    <m/>
    <m/>
    <m/>
    <m/>
    <m/>
    <m/>
    <m/>
    <m/>
    <m/>
    <m/>
    <m/>
    <m/>
    <m/>
    <m/>
    <m/>
    <m/>
    <m/>
    <m/>
    <m/>
    <m/>
    <m/>
    <n v="500"/>
    <n v="1113.4463999999998"/>
    <m/>
    <x v="2"/>
    <x v="2"/>
    <x v="2"/>
    <x v="2"/>
    <x v="2"/>
    <x v="2"/>
    <x v="2"/>
    <x v="2"/>
    <x v="2"/>
    <x v="24"/>
    <x v="2"/>
    <x v="2"/>
    <x v="2"/>
    <x v="2"/>
    <x v="2"/>
    <x v="2"/>
    <x v="2"/>
    <s v=""/>
    <s v=""/>
    <s v=""/>
    <s v=""/>
    <s v=""/>
    <s v=""/>
    <s v=""/>
    <s v=""/>
    <s v=""/>
    <s v=""/>
    <s v=""/>
    <s v=""/>
    <s v=""/>
    <s v=""/>
    <m/>
    <m/>
    <m/>
    <m/>
    <m/>
    <m/>
    <m/>
    <m/>
    <x v="0"/>
    <x v="0"/>
    <x v="0"/>
    <x v="0"/>
    <n v="556723.19999999995"/>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90"/>
    <s v="GI143"/>
    <s v="DBC IDP"/>
    <s v="Dacorum Borough Council"/>
    <x v="4"/>
    <x v="24"/>
    <s v="Contribution towards public parks and gardens in Polehanger Lane (Hm13) "/>
    <m/>
    <s v="Contribution towards 0.45 hectares of public parks and gardens required to support growth in Polehanger Lane (Hm13)"/>
    <s v="Hemel Garden Communities"/>
    <x v="30"/>
    <s v="Programme Area"/>
    <s v="On-site"/>
    <s v="Developer / Dacorum Borough Council"/>
    <s v="Hertfordshire County Council"/>
    <s v="2031-2039"/>
    <m/>
    <m/>
    <x v="115"/>
    <m/>
    <s v="S106"/>
    <n v="0"/>
    <n v="835084.80000000016"/>
    <s v="A - Per dwelling"/>
    <m/>
    <m/>
    <s v="Important"/>
    <x v="0"/>
    <x v="0"/>
    <x v="0"/>
    <x v="0"/>
    <x v="0"/>
    <x v="0"/>
    <x v="0"/>
    <m/>
    <m/>
    <m/>
    <s v="Yes"/>
    <m/>
    <m/>
    <m/>
    <m/>
    <m/>
    <m/>
    <m/>
    <m/>
    <m/>
    <m/>
    <m/>
    <m/>
    <m/>
    <m/>
    <m/>
    <m/>
    <m/>
    <m/>
    <m/>
    <m/>
    <m/>
    <m/>
    <m/>
    <m/>
    <m/>
    <m/>
    <m/>
    <m/>
    <m/>
    <m/>
    <m/>
    <m/>
    <n v="750"/>
    <n v="1113.4464000000003"/>
    <m/>
    <x v="2"/>
    <x v="2"/>
    <x v="2"/>
    <x v="2"/>
    <x v="2"/>
    <x v="2"/>
    <x v="2"/>
    <x v="2"/>
    <x v="2"/>
    <x v="2"/>
    <x v="25"/>
    <x v="2"/>
    <x v="2"/>
    <x v="2"/>
    <x v="2"/>
    <x v="2"/>
    <x v="2"/>
    <s v=""/>
    <s v=""/>
    <s v=""/>
    <s v=""/>
    <s v=""/>
    <s v=""/>
    <s v=""/>
    <s v=""/>
    <s v=""/>
    <s v=""/>
    <s v=""/>
    <s v=""/>
    <s v=""/>
    <s v=""/>
    <m/>
    <m/>
    <m/>
    <m/>
    <m/>
    <m/>
    <m/>
    <m/>
    <x v="0"/>
    <x v="0"/>
    <x v="0"/>
    <x v="0"/>
    <n v="835084.80000000016"/>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91"/>
    <s v="GI144"/>
    <s v="DBC IDP"/>
    <s v="Dacorum Borough Council"/>
    <x v="4"/>
    <x v="24"/>
    <s v="Contribution towards public parks and gardens in Marchmont Farm (Hm14)"/>
    <m/>
    <s v="Contribution towards 0.67 hectares of public parks and gardens required to support growth in Marchmont Farm (Hm14)"/>
    <s v="Hemel Garden Communities"/>
    <x v="9"/>
    <s v="Programme Area"/>
    <s v="On-site"/>
    <s v="Developer / Dacorum Borough Council"/>
    <s v="Hertfordshire County Council"/>
    <s v="2028-2032"/>
    <m/>
    <m/>
    <x v="108"/>
    <m/>
    <s v="S106"/>
    <n v="0"/>
    <n v="389706.23999999999"/>
    <s v="A - Per dwelling"/>
    <m/>
    <m/>
    <s v="Important"/>
    <x v="0"/>
    <x v="0"/>
    <x v="0"/>
    <x v="0"/>
    <x v="0"/>
    <x v="0"/>
    <x v="0"/>
    <m/>
    <m/>
    <m/>
    <m/>
    <m/>
    <m/>
    <s v="Yes"/>
    <m/>
    <m/>
    <m/>
    <m/>
    <m/>
    <m/>
    <m/>
    <m/>
    <m/>
    <m/>
    <m/>
    <m/>
    <m/>
    <m/>
    <m/>
    <m/>
    <m/>
    <m/>
    <m/>
    <m/>
    <m/>
    <m/>
    <m/>
    <m/>
    <m/>
    <m/>
    <m/>
    <m/>
    <m/>
    <n v="350"/>
    <n v="1113.4464"/>
    <m/>
    <x v="2"/>
    <x v="2"/>
    <x v="2"/>
    <x v="2"/>
    <x v="2"/>
    <x v="2"/>
    <x v="2"/>
    <x v="2"/>
    <x v="2"/>
    <x v="2"/>
    <x v="2"/>
    <x v="2"/>
    <x v="2"/>
    <x v="23"/>
    <x v="2"/>
    <x v="2"/>
    <x v="2"/>
    <s v=""/>
    <s v=""/>
    <s v=""/>
    <s v=""/>
    <s v=""/>
    <s v=""/>
    <s v=""/>
    <s v=""/>
    <s v=""/>
    <s v=""/>
    <s v=""/>
    <s v=""/>
    <s v=""/>
    <s v=""/>
    <m/>
    <m/>
    <m/>
    <m/>
    <m/>
    <m/>
    <m/>
    <m/>
    <x v="0"/>
    <x v="0"/>
    <x v="0"/>
    <x v="0"/>
    <n v="389706.23999999999"/>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92"/>
    <s v="GI145"/>
    <s v="DBC IDP"/>
    <s v="Dacorum Borough Council"/>
    <x v="4"/>
    <x v="24"/>
    <s v="Contribution towards public parks and gardens in Old Town (Hm15) "/>
    <m/>
    <s v="Contribution towards 0.17 hectares of public parks and gardens required to support growth in Old Town (Hm15)"/>
    <s v="Hemel Garden Communities"/>
    <x v="31"/>
    <s v="Programme Area"/>
    <s v="On-site / Off-site"/>
    <s v="Developer / Dacorum Borough Council"/>
    <s v="Hertfordshire County Council"/>
    <s v="2037-2039"/>
    <m/>
    <m/>
    <x v="116"/>
    <m/>
    <s v="S106"/>
    <n v="0"/>
    <n v="100210.17600000001"/>
    <s v="A - Per dwelling"/>
    <m/>
    <m/>
    <s v="Important"/>
    <x v="0"/>
    <x v="0"/>
    <x v="0"/>
    <x v="0"/>
    <x v="0"/>
    <x v="0"/>
    <x v="0"/>
    <m/>
    <m/>
    <m/>
    <m/>
    <m/>
    <m/>
    <m/>
    <s v="Yes"/>
    <m/>
    <m/>
    <m/>
    <m/>
    <m/>
    <m/>
    <m/>
    <m/>
    <m/>
    <m/>
    <m/>
    <m/>
    <m/>
    <m/>
    <m/>
    <m/>
    <m/>
    <m/>
    <m/>
    <m/>
    <m/>
    <m/>
    <m/>
    <m/>
    <m/>
    <m/>
    <m/>
    <m/>
    <n v="90"/>
    <n v="1113.4464"/>
    <m/>
    <x v="2"/>
    <x v="2"/>
    <x v="2"/>
    <x v="2"/>
    <x v="2"/>
    <x v="2"/>
    <x v="2"/>
    <x v="2"/>
    <x v="2"/>
    <x v="2"/>
    <x v="2"/>
    <x v="2"/>
    <x v="2"/>
    <x v="2"/>
    <x v="21"/>
    <x v="2"/>
    <x v="2"/>
    <s v=""/>
    <s v=""/>
    <s v=""/>
    <s v=""/>
    <s v=""/>
    <s v=""/>
    <s v=""/>
    <s v=""/>
    <s v=""/>
    <s v=""/>
    <s v=""/>
    <s v=""/>
    <s v=""/>
    <s v=""/>
    <m/>
    <m/>
    <m/>
    <m/>
    <m/>
    <m/>
    <m/>
    <m/>
    <x v="0"/>
    <x v="0"/>
    <x v="0"/>
    <x v="0"/>
    <n v="100210.17600000001"/>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93"/>
    <s v="GI146"/>
    <s v="DBC IDP"/>
    <s v="Dacorum Borough Council"/>
    <x v="4"/>
    <x v="24"/>
    <s v="Contribution towards public parks and gardens in Site to the south of Green Lane (Hm16)"/>
    <m/>
    <s v="Contribution towards 0.15 hectares of public parks and gardens required to support growth in Site to the south of Green Lane (Hm16)"/>
    <s v="Hemel Garden Communities"/>
    <x v="26"/>
    <s v="Programme Area"/>
    <s v="On-site / Off-site"/>
    <s v="Developer / Dacorum Borough Council"/>
    <s v="Hertfordshire County Council"/>
    <s v="2028-2031"/>
    <m/>
    <m/>
    <x v="117"/>
    <m/>
    <s v="S106"/>
    <n v="0"/>
    <n v="89075.712"/>
    <s v="A - Per dwelling"/>
    <m/>
    <m/>
    <s v="Important"/>
    <x v="0"/>
    <x v="0"/>
    <x v="0"/>
    <x v="0"/>
    <x v="0"/>
    <x v="0"/>
    <x v="0"/>
    <m/>
    <m/>
    <m/>
    <m/>
    <m/>
    <m/>
    <m/>
    <m/>
    <s v="Yes"/>
    <m/>
    <m/>
    <m/>
    <m/>
    <m/>
    <m/>
    <m/>
    <m/>
    <m/>
    <m/>
    <m/>
    <m/>
    <m/>
    <m/>
    <m/>
    <m/>
    <m/>
    <m/>
    <m/>
    <m/>
    <m/>
    <m/>
    <m/>
    <m/>
    <m/>
    <m/>
    <m/>
    <n v="80"/>
    <n v="1113.4464"/>
    <m/>
    <x v="2"/>
    <x v="2"/>
    <x v="2"/>
    <x v="2"/>
    <x v="2"/>
    <x v="2"/>
    <x v="2"/>
    <x v="2"/>
    <x v="2"/>
    <x v="2"/>
    <x v="2"/>
    <x v="2"/>
    <x v="2"/>
    <x v="2"/>
    <x v="2"/>
    <x v="22"/>
    <x v="2"/>
    <s v=""/>
    <s v=""/>
    <s v=""/>
    <s v=""/>
    <s v=""/>
    <s v=""/>
    <s v=""/>
    <s v=""/>
    <s v=""/>
    <s v=""/>
    <s v=""/>
    <s v=""/>
    <s v=""/>
    <s v=""/>
    <m/>
    <m/>
    <m/>
    <m/>
    <m/>
    <m/>
    <m/>
    <m/>
    <x v="0"/>
    <x v="0"/>
    <x v="0"/>
    <x v="0"/>
    <n v="89075.712"/>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94"/>
    <s v="GI147"/>
    <s v="DBC IDP"/>
    <s v="Dacorum Borough Council"/>
    <x v="4"/>
    <x v="24"/>
    <s v="Contribution towards public parks and gardens in Grovehill Local Centre (Henry Wells Square) (Grovehill NDP)"/>
    <m/>
    <s v="Contribution towards 0.38 hectares of public parks and gardens required to support growth in Grovehill Local Centre (Henry Wells Square) (Grovehill NDP)"/>
    <s v="Hemel Garden Communities"/>
    <x v="27"/>
    <s v="Programme Area"/>
    <s v="On-site / Off-site"/>
    <s v="Developer / Dacorum Borough Council"/>
    <s v="Hertfordshire County Council"/>
    <s v="2039-2041"/>
    <m/>
    <m/>
    <x v="109"/>
    <m/>
    <s v="S106"/>
    <n v="0"/>
    <n v="222689.28"/>
    <s v="A - Per dwelling"/>
    <m/>
    <m/>
    <s v="Important"/>
    <x v="0"/>
    <x v="0"/>
    <x v="0"/>
    <x v="0"/>
    <x v="0"/>
    <x v="0"/>
    <x v="0"/>
    <m/>
    <m/>
    <m/>
    <m/>
    <s v="Yes"/>
    <m/>
    <m/>
    <m/>
    <m/>
    <m/>
    <m/>
    <m/>
    <m/>
    <m/>
    <m/>
    <m/>
    <m/>
    <m/>
    <m/>
    <m/>
    <m/>
    <m/>
    <m/>
    <m/>
    <m/>
    <m/>
    <m/>
    <m/>
    <m/>
    <m/>
    <m/>
    <m/>
    <m/>
    <m/>
    <m/>
    <m/>
    <n v="200"/>
    <n v="1113.4464"/>
    <m/>
    <x v="2"/>
    <x v="2"/>
    <x v="2"/>
    <x v="2"/>
    <x v="2"/>
    <x v="2"/>
    <x v="2"/>
    <x v="2"/>
    <x v="2"/>
    <x v="2"/>
    <x v="2"/>
    <x v="21"/>
    <x v="2"/>
    <x v="2"/>
    <x v="2"/>
    <x v="2"/>
    <x v="2"/>
    <s v=""/>
    <s v=""/>
    <s v=""/>
    <s v=""/>
    <s v=""/>
    <s v=""/>
    <s v=""/>
    <s v=""/>
    <s v=""/>
    <s v=""/>
    <s v=""/>
    <s v=""/>
    <s v=""/>
    <s v=""/>
    <m/>
    <m/>
    <m/>
    <m/>
    <m/>
    <m/>
    <m/>
    <m/>
    <x v="0"/>
    <x v="0"/>
    <x v="0"/>
    <x v="0"/>
    <n v="222689.28"/>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95"/>
    <s v="GI148"/>
    <s v="DBC IDP"/>
    <s v="Dacorum Borough Council"/>
    <x v="4"/>
    <x v="24"/>
    <s v="Contribution towards public parks and gardens across windfall sites"/>
    <m/>
    <s v="Contribution towards 4.58 hectares of public parks and gardens required to support growth across windfall sites"/>
    <s v="Hemel Garden Communities"/>
    <x v="33"/>
    <s v="Programme Area"/>
    <s v="Off-site"/>
    <s v="Developer / Dacorum Borough Council"/>
    <s v="Hertfordshire County Council"/>
    <s v="2026-2041"/>
    <m/>
    <m/>
    <x v="118"/>
    <m/>
    <s v="S106"/>
    <n v="0"/>
    <n v="2650002.432"/>
    <s v="A - Per dwelling"/>
    <m/>
    <m/>
    <s v="Important"/>
    <x v="0"/>
    <x v="0"/>
    <x v="0"/>
    <x v="0"/>
    <x v="0"/>
    <x v="0"/>
    <x v="0"/>
    <m/>
    <m/>
    <m/>
    <m/>
    <m/>
    <m/>
    <m/>
    <m/>
    <m/>
    <s v="Yes"/>
    <m/>
    <m/>
    <m/>
    <m/>
    <m/>
    <m/>
    <m/>
    <m/>
    <m/>
    <m/>
    <m/>
    <m/>
    <m/>
    <m/>
    <m/>
    <m/>
    <m/>
    <m/>
    <m/>
    <m/>
    <m/>
    <m/>
    <m/>
    <m/>
    <m/>
    <m/>
    <n v="2380"/>
    <n v="1113.4464"/>
    <m/>
    <x v="2"/>
    <x v="2"/>
    <x v="2"/>
    <x v="2"/>
    <x v="2"/>
    <x v="2"/>
    <x v="2"/>
    <x v="2"/>
    <x v="2"/>
    <x v="2"/>
    <x v="2"/>
    <x v="2"/>
    <x v="2"/>
    <x v="2"/>
    <x v="2"/>
    <x v="2"/>
    <x v="19"/>
    <s v=""/>
    <s v=""/>
    <s v=""/>
    <s v=""/>
    <s v=""/>
    <s v=""/>
    <s v=""/>
    <s v=""/>
    <s v=""/>
    <s v=""/>
    <s v=""/>
    <s v=""/>
    <s v=""/>
    <s v=""/>
    <m/>
    <m/>
    <m/>
    <m/>
    <m/>
    <m/>
    <m/>
    <m/>
    <x v="0"/>
    <x v="0"/>
    <x v="0"/>
    <x v="0"/>
    <n v="2650002.432"/>
    <n v="0"/>
    <n v="0"/>
    <n v="0"/>
    <s v="The Dacorum Borough Council Open Space, Sport and Leisure Background Topic Paper (2020) sets out a cost per hectare of public parks and gardens of £440,000. A 31.8% uplift has been applied to the Q1 2020 base cost, to achieve a cost for Q3 2024. It is assumed the cost will be uplifted again at the time of planning application determination in line with the BCIS index."/>
    <s v="The Dacorum Borough Council Open Space, Sport and Leisure Background Topic Paper (2020) sets out the requirement for the provision of 0.8ha of public parks and garden provision per 1,000 of the population."/>
    <s v="Dacorum Borough Council Open Space, Sport and Leisure Background Topic Paper (2020)"/>
    <m/>
  </r>
  <r>
    <m/>
    <n v="196"/>
    <s v="HS1"/>
    <s v="SADC IDP"/>
    <s v="St Albans City &amp; District Council"/>
    <x v="5"/>
    <x v="25"/>
    <s v="Healthcare Infrastructure investment to support development at North Hemel Hempstead (H1)"/>
    <m/>
    <s v="The HWE ICB will seek a financial contribution from North Hemel Hempstead (H1) to support the on-site delivery at East Hemel Hempstead (North) (H2) growth location. "/>
    <s v="Hemel Hempstead"/>
    <x v="1"/>
    <s v="Growth Area"/>
    <s v="On-site / Off-site"/>
    <s v="Hertfordshire and West Essex Integrated Care Board"/>
    <s v="Hertfordshire and West Essex Integrated Care Board"/>
    <s v="2030-2041"/>
    <m/>
    <m/>
    <x v="119"/>
    <m/>
    <s v="S106 / CIL / External Funding (ICB)"/>
    <n v="0"/>
    <n v="2508000"/>
    <s v="A - Per dwelling"/>
    <m/>
    <m/>
    <s v="Essential"/>
    <x v="0"/>
    <x v="0"/>
    <x v="0"/>
    <x v="0"/>
    <x v="0"/>
    <x v="0"/>
    <x v="0"/>
    <m/>
    <m/>
    <m/>
    <m/>
    <m/>
    <m/>
    <m/>
    <m/>
    <m/>
    <m/>
    <m/>
    <m/>
    <m/>
    <m/>
    <m/>
    <m/>
    <m/>
    <m/>
    <m/>
    <m/>
    <m/>
    <m/>
    <m/>
    <m/>
    <m/>
    <m/>
    <m/>
    <m/>
    <m/>
    <m/>
    <m/>
    <m/>
    <s v="Yes"/>
    <m/>
    <m/>
    <m/>
    <n v="1500"/>
    <n v="1672"/>
    <m/>
    <x v="2"/>
    <x v="2"/>
    <x v="2"/>
    <x v="2"/>
    <x v="2"/>
    <x v="2"/>
    <x v="2"/>
    <x v="2"/>
    <x v="2"/>
    <x v="2"/>
    <x v="2"/>
    <x v="2"/>
    <x v="2"/>
    <x v="2"/>
    <x v="2"/>
    <x v="2"/>
    <x v="2"/>
    <s v=""/>
    <s v=""/>
    <s v=""/>
    <s v=""/>
    <s v=""/>
    <s v=""/>
    <s v=""/>
    <s v=""/>
    <s v=""/>
    <s v=""/>
    <s v=""/>
    <s v=""/>
    <s v=""/>
    <s v=""/>
    <s v=""/>
    <s v=""/>
    <s v=""/>
    <s v=""/>
    <s v=""/>
    <s v=""/>
    <s v=""/>
    <s v=""/>
    <x v="20"/>
    <x v="3"/>
    <x v="3"/>
    <x v="2"/>
    <n v="0"/>
    <n v="2508000"/>
    <n v="0"/>
    <n v="0"/>
    <s v="The HWE ICB calculates the General Medical Services cost of the additional infrastructure needed to deliver planned new homes using the following formula (based on a 1,000 dwelling development)._x000a_1,000 dwellings x 2.4 (commonly accepted occupancy factor) = 2,400 new patients_x000a_2,400/ 2,000 = 1.2 GP (based on ratio of 2,000 patients per GP and 199m2 as set out in the NHS England “Premises Principles of Best Practice Part 1 Procurement &amp; Development”)_x000a_1.2 x 199m2 = 238.8 m2 additional space required_x000a_238.8 x £7,000* (build costs including land, fit out and fees) = £1,671,600_x000a_£1,671,600 / 1,000 = £1,671.60 ~ £1,672 per dwelling (rounded up)_x000a_- Last updated 1 July 2024, subject to change in line with market movements_x000a__x000a_Costs include cost of land, VAT, surveys, planning and professional fees. Costs for contingencies are not included and will need to be applied, together with indexation. The NHS specifies that indexation is to be applied on health infrastructure costs at the point of planning permission being granted. The source of this cost data is not based on a standard model but derives from professional commercial advice procured by the HWE ICB."/>
    <s v="Off-site*: Only if there are significant delays in bringing forward East Hemel Hempstead (North) (H2) and North of Hemel Hempstead (H1) comes forward first. In this scenario, where the new medical facility is delivered on Hemel Hempstead North, a developer contribution will be sought. "/>
    <s v="HWE ICB and NHS System Partner Regulation 19 Response to the DBC Local Plan, verified through engagement with HWE ICB March 2025. "/>
    <m/>
  </r>
  <r>
    <m/>
    <n v="197"/>
    <s v="HS2"/>
    <s v="SADC IDP"/>
    <s v="St Albans City &amp; District Council"/>
    <x v="5"/>
    <x v="25"/>
    <s v="Healthcare Infrastructure investment to support development at East Hemel Hempstead (North) (H2)"/>
    <m/>
    <s v="On-site Healthcare Provision (i.e. primary and community and mental healthcare provision) required to support development at North Hemel Hempstead (H1), East Hemel Hempstead (North) (H2) and East Hemel Hempstead (South) (H4) growth locations. Please note: only one new medical facility is needed for these strategic sites. Estimated floorspace - 1,313 m2 NIA. "/>
    <s v="Hemel Hempstead"/>
    <x v="2"/>
    <s v="Growth Area "/>
    <s v="On-site"/>
    <s v="Hertfordshire and West Essex Integrated Care Board"/>
    <s v="Hertfordshire and West Essex Integrated Care Board"/>
    <s v="2029-2041"/>
    <m/>
    <m/>
    <x v="120"/>
    <m/>
    <s v="S106 / CIL / External Funding (ICB)"/>
    <n v="0"/>
    <n v="2675200"/>
    <s v="A - Per dwelling"/>
    <m/>
    <m/>
    <s v="Essential"/>
    <x v="0"/>
    <x v="0"/>
    <x v="0"/>
    <x v="0"/>
    <x v="0"/>
    <x v="0"/>
    <x v="0"/>
    <m/>
    <m/>
    <m/>
    <m/>
    <m/>
    <m/>
    <m/>
    <m/>
    <m/>
    <m/>
    <m/>
    <m/>
    <m/>
    <m/>
    <m/>
    <m/>
    <m/>
    <m/>
    <m/>
    <m/>
    <m/>
    <m/>
    <m/>
    <m/>
    <m/>
    <m/>
    <m/>
    <m/>
    <m/>
    <m/>
    <m/>
    <m/>
    <m/>
    <s v="Yes"/>
    <m/>
    <m/>
    <n v="1600"/>
    <n v="1672"/>
    <m/>
    <x v="2"/>
    <x v="2"/>
    <x v="2"/>
    <x v="2"/>
    <x v="2"/>
    <x v="2"/>
    <x v="2"/>
    <x v="2"/>
    <x v="2"/>
    <x v="2"/>
    <x v="2"/>
    <x v="2"/>
    <x v="2"/>
    <x v="2"/>
    <x v="2"/>
    <x v="2"/>
    <x v="2"/>
    <s v=""/>
    <s v=""/>
    <s v=""/>
    <s v=""/>
    <s v=""/>
    <s v=""/>
    <s v=""/>
    <s v=""/>
    <s v=""/>
    <s v=""/>
    <s v=""/>
    <s v=""/>
    <s v=""/>
    <s v=""/>
    <s v=""/>
    <s v=""/>
    <s v=""/>
    <s v=""/>
    <s v=""/>
    <s v=""/>
    <s v=""/>
    <s v=""/>
    <x v="3"/>
    <x v="20"/>
    <x v="3"/>
    <x v="2"/>
    <n v="0"/>
    <n v="2675200"/>
    <n v="0"/>
    <n v="0"/>
    <s v="The HWE ICB calculates the General Medical Services cost of the additional infrastructure needed to deliver planned new homes using the following formula (based on a 1,000 dwelling development)._x000a_1,000 dwellings x 2.4 (commonly accepted occupancy factor) = 2,400 new patients_x000a_2,400/ 2,000 = 1.2 GP (based on ratio of 2,000 patients per GP and 199m2 as set out in the NHS England “Premises Principles of Best Practice Part 1 Procurement &amp; Development”)_x000a_1.2 x 199m2 = 238.8 m2 additional space required_x000a_238.8 x £7,000* (build costs including land, fit out and fees) = £1,671,600_x000a_£1,671,600 / 1,000 = £1,671.60 ~ £1,672 per dwelling (rounded up)_x000a_- Last updated 1 July 2024, subject to change in line with market movements_x000a__x000a_Costs include cost of land, VAT, surveys, planning and professional fees. Costs for contingencies are not included and will need to be applied, together with indexation. The NHS specifies that indexation is to be applied on health infrastructure costs at the point of planning permission being granted. The source of this cost data is not based on a standard model but derives from professional commercial advice procured by the HWE ICB."/>
    <s v="Off-site*: Only if there are significant delays in bringing forward East Hemel Hempstead (North) (H2) and North of Hemel Hempstead (H1) comes forward first. In this scenario, where the new medical facility is delivered on Hemel Hempstead North, a developer contribution will be sought. "/>
    <s v="HWE ICB and NHS System Partner Regulation 19 Response to the St Albans Local Plan"/>
    <m/>
  </r>
  <r>
    <m/>
    <n v="198"/>
    <s v="HS3"/>
    <s v="SADC IDP"/>
    <s v="St Albans City &amp; District Council"/>
    <x v="5"/>
    <x v="25"/>
    <s v="Healthcare Infrastructure investment to support development at East Hemel Hempstead (South) (H4)"/>
    <m/>
    <s v="The HWE ICB will seek a financial contribution from East Hemel Hempstead (South) (H4) to support the on-site delivery at East Hemel Hempstead (North) (H2) growth location. "/>
    <s v="Hemel Hempstead"/>
    <x v="3"/>
    <s v="Growth Area"/>
    <s v="Off-site"/>
    <s v="Hertfordshire and West Essex Integrated Care Board"/>
    <s v="Hertfordshire and West Essex Integrated Care Board"/>
    <s v="2029-2041"/>
    <m/>
    <m/>
    <x v="121"/>
    <m/>
    <s v="S106 / CIL / External Funding (ICB)"/>
    <n v="0"/>
    <n v="4012800"/>
    <s v="A - Per dwelling"/>
    <m/>
    <m/>
    <s v="Essential"/>
    <x v="0"/>
    <x v="0"/>
    <x v="0"/>
    <x v="0"/>
    <x v="0"/>
    <x v="0"/>
    <x v="0"/>
    <m/>
    <m/>
    <m/>
    <m/>
    <m/>
    <m/>
    <m/>
    <m/>
    <m/>
    <m/>
    <m/>
    <m/>
    <m/>
    <m/>
    <m/>
    <m/>
    <m/>
    <m/>
    <m/>
    <m/>
    <m/>
    <m/>
    <m/>
    <m/>
    <m/>
    <m/>
    <m/>
    <m/>
    <m/>
    <m/>
    <m/>
    <m/>
    <m/>
    <m/>
    <s v="Yes"/>
    <m/>
    <n v="2400"/>
    <n v="1672"/>
    <m/>
    <x v="2"/>
    <x v="2"/>
    <x v="2"/>
    <x v="2"/>
    <x v="2"/>
    <x v="2"/>
    <x v="2"/>
    <x v="2"/>
    <x v="2"/>
    <x v="2"/>
    <x v="2"/>
    <x v="2"/>
    <x v="2"/>
    <x v="2"/>
    <x v="2"/>
    <x v="2"/>
    <x v="2"/>
    <s v=""/>
    <s v=""/>
    <s v=""/>
    <s v=""/>
    <s v=""/>
    <s v=""/>
    <s v=""/>
    <s v=""/>
    <s v=""/>
    <s v=""/>
    <s v=""/>
    <s v=""/>
    <s v=""/>
    <s v=""/>
    <s v=""/>
    <s v=""/>
    <s v=""/>
    <s v=""/>
    <s v=""/>
    <s v=""/>
    <s v=""/>
    <s v=""/>
    <x v="3"/>
    <x v="3"/>
    <x v="21"/>
    <x v="2"/>
    <n v="0"/>
    <n v="4012800"/>
    <n v="0"/>
    <n v="0"/>
    <s v="The HWE ICB calculates the General Medical Services cost of the additional infrastructure needed to deliver planned new homes using the following formula (based on a 1,000 dwelling development)._x000a_1,000 dwellings x 2.4 (commonly accepted occupancy factor) = 2,400 new patients_x000a_2,400/ 2,000 = 1.2 GP (based on ratio of 2,000 patients per GP and 199m2 as set out in the NHS England “Premises Principles of Best Practice Part 1 Procurement &amp; Development”)_x000a_1.2 x 199m2 = 238.8 m2 additional space required_x000a_238.8 x £7,000* (build costs including land, fit out and fees) = £1,671,600_x000a_£1,671,600 / 1,000 = £1,671.60 ~ £1,672 per dwelling (rounded up)_x000a_- Last updated 1 July 2024, subject to change in line with market movements_x000a__x000a_Costs include cost of land, VAT, surveys, planning and professional fees. Costs for contingencies are not included and will need to be applied, together with indexation. The NHS specifies that indexation is to be applied on health infrastructure costs at the point of planning permission being granted. The source of this cost data is not based on a standard model but derives from professional commercial advice procured by the HWE ICB."/>
    <s v="Off-site*: H4 will contribute to a new medical facility delivered on either East Hemel Hempstead (North) or at Hemel Hempstead North. "/>
    <s v="HWE ICB and NHS System Partner Regulation 19 Response to the St Albans Local Plan"/>
    <m/>
  </r>
  <r>
    <m/>
    <n v="199"/>
    <s v="HS4"/>
    <s v="DBC IDP"/>
    <s v="Dacorum Borough Council"/>
    <x v="5"/>
    <x v="25"/>
    <s v="Healthcare Infrastructure investment to support development at North Hemel Hempstead (Hm01)"/>
    <m/>
    <s v="On-site Healthcare Provision (i.e. primary and community and mental healthcare provision) required to support development at North Hemel Hempstead (Hm01) growth location. This may take a form of a branch surgery/surgeries or relocation/s. Estimated floorspace- 1,194m2 NIA. "/>
    <s v="Hemel Hempstead"/>
    <x v="4"/>
    <s v="Growth Area"/>
    <s v="On-site"/>
    <s v="Hertfordshire and West Essex Integrated Care Board"/>
    <s v="Hertfordshire and West Essex Integrated Care Board"/>
    <s v="2032-2041"/>
    <m/>
    <m/>
    <x v="122"/>
    <m/>
    <s v="S106 / CIL / External Funding (ICB)"/>
    <n v="0"/>
    <n v="8360000"/>
    <s v="A - Per dwelling"/>
    <m/>
    <m/>
    <s v="Essential"/>
    <x v="2"/>
    <x v="0"/>
    <x v="0"/>
    <x v="0"/>
    <x v="0"/>
    <x v="0"/>
    <x v="0"/>
    <m/>
    <m/>
    <m/>
    <m/>
    <m/>
    <m/>
    <m/>
    <m/>
    <m/>
    <m/>
    <m/>
    <m/>
    <m/>
    <m/>
    <m/>
    <m/>
    <m/>
    <m/>
    <m/>
    <m/>
    <m/>
    <m/>
    <m/>
    <m/>
    <m/>
    <m/>
    <m/>
    <m/>
    <m/>
    <m/>
    <m/>
    <m/>
    <m/>
    <m/>
    <m/>
    <m/>
    <n v="5000"/>
    <n v="1672"/>
    <m/>
    <x v="27"/>
    <x v="0"/>
    <x v="2"/>
    <x v="2"/>
    <x v="2"/>
    <x v="2"/>
    <x v="2"/>
    <x v="2"/>
    <x v="2"/>
    <x v="2"/>
    <x v="2"/>
    <x v="2"/>
    <x v="2"/>
    <x v="2"/>
    <x v="2"/>
    <x v="2"/>
    <x v="2"/>
    <s v=""/>
    <s v=""/>
    <s v=""/>
    <s v=""/>
    <s v=""/>
    <s v=""/>
    <s v=""/>
    <s v=""/>
    <s v=""/>
    <s v=""/>
    <s v=""/>
    <s v=""/>
    <s v=""/>
    <s v=""/>
    <m/>
    <m/>
    <m/>
    <m/>
    <m/>
    <m/>
    <m/>
    <m/>
    <x v="0"/>
    <x v="0"/>
    <x v="0"/>
    <x v="0"/>
    <n v="8360000"/>
    <n v="0"/>
    <n v="0"/>
    <n v="0"/>
    <s v="The HWE ICB calculates the General Medical Services cost of the additional infrastructure needed to deliver planned new homes using the following formula (based on a 1,000 dwelling development)._x000a_1,000 dwellings x 2.4 (commonly accepted occupancy factor) = 2,400 new patients_x000a_2,400/ 2,000 = 1.2 GP (based on ratio of 2,000 patients per GP and 199m2 as set out in the NHS England “Premises Principles of Best Practice Part 1 Procurement &amp; Development”)_x000a_1.2 x 199m2 = 238.8 m2 additional space required_x000a_238.8 x £7,000* (build costs including land, fit out and fees) = £1,671,600_x000a_£1,671,600 / 1,000 = £1,671.60 ~ £1,672 per dwelling (rounded up)_x000a_- Last updated 1 July 2024, subject to change in line with market movements_x000a__x000a_Costs include cost of land, VAT, surveys, planning and professional fees. Costs for contingencies are not included and will need to be applied, together with indexation. The NHS specifies that indexation is to be applied on health infrastructure costs at the point of planning permission being granted. The source of this cost data is not based on a standard model but derives from professional commercial advice procured by the HWE ICB."/>
    <m/>
    <s v="HWE ICB and NHS System Partner Regulation 19 Response to the DBC Local Plan, verified through engagement with HWE ICB March 2025. "/>
    <m/>
  </r>
  <r>
    <m/>
    <n v="200"/>
    <s v="HS5"/>
    <s v="DBC IDP"/>
    <s v="Dacorum Borough Council"/>
    <x v="5"/>
    <x v="25"/>
    <s v="Healthcare Infrastructure investment to support development at Shendish Manor and Fairfields (Hm11)"/>
    <m/>
    <s v="The HWE ICB has identified the need to reserve an option for a new medical facility at Shendish Manor and Fairfields (Hm11) (i.e. primary and community and mental healthcare provision). Without an additional health facility, such a large number of new homes will have a significant impact on local GP practices, especially Lincoln House and Bennetts End surgeries. Estimated floorspace TBC."/>
    <s v="Hemel Hempstead"/>
    <x v="5"/>
    <s v="Programme Area"/>
    <s v="On-site"/>
    <s v="Hertfordshire and West Essex Integrated Care Board"/>
    <s v="Hertfordshire and West Essex Integrated Care Board"/>
    <s v="2027-2033"/>
    <m/>
    <m/>
    <x v="123"/>
    <m/>
    <s v="S106 / CIL / External Funding (ICB)"/>
    <n v="0"/>
    <n v="836000"/>
    <s v="A - Per dwelling"/>
    <m/>
    <m/>
    <s v="Essential"/>
    <x v="0"/>
    <x v="0"/>
    <x v="0"/>
    <x v="0"/>
    <x v="0"/>
    <x v="0"/>
    <x v="0"/>
    <m/>
    <m/>
    <s v="Yes"/>
    <m/>
    <m/>
    <m/>
    <m/>
    <m/>
    <m/>
    <m/>
    <m/>
    <m/>
    <m/>
    <m/>
    <m/>
    <m/>
    <m/>
    <m/>
    <m/>
    <m/>
    <m/>
    <m/>
    <m/>
    <m/>
    <m/>
    <m/>
    <m/>
    <m/>
    <m/>
    <m/>
    <m/>
    <m/>
    <m/>
    <m/>
    <m/>
    <m/>
    <n v="500"/>
    <n v="1672"/>
    <m/>
    <x v="2"/>
    <x v="2"/>
    <x v="2"/>
    <x v="2"/>
    <x v="2"/>
    <x v="2"/>
    <x v="2"/>
    <x v="2"/>
    <x v="2"/>
    <x v="25"/>
    <x v="2"/>
    <x v="2"/>
    <x v="2"/>
    <x v="2"/>
    <x v="2"/>
    <x v="2"/>
    <x v="2"/>
    <s v=""/>
    <s v=""/>
    <s v=""/>
    <s v=""/>
    <s v=""/>
    <s v=""/>
    <s v=""/>
    <s v=""/>
    <s v=""/>
    <s v=""/>
    <s v=""/>
    <s v=""/>
    <s v=""/>
    <s v=""/>
    <m/>
    <m/>
    <m/>
    <m/>
    <m/>
    <m/>
    <m/>
    <m/>
    <x v="0"/>
    <x v="0"/>
    <x v="0"/>
    <x v="0"/>
    <n v="836000"/>
    <n v="0"/>
    <n v="0"/>
    <n v="0"/>
    <s v="The HWE ICB calculates the General Medical Services cost of the additional infrastructure needed to deliver planned new homes using the following formula (based on a 1,000 dwelling development)._x000a_1,000 dwellings x 2.4 (commonly accepted occupancy factor) = 2,400 new patients_x000a_2,400/ 2,000 = 1.2 GP (based on ratio of 2,000 patients per GP and 199m2 as set out in the NHS England “Premises Principles of Best Practice Part 1 Procurement &amp; Development”)_x000a_1.2 x 199m2 = 238.8 m2 additional space required_x000a_238.8 x £7,000* (build costs including land, fit out and fees) = £1,671,600_x000a_£1,671,600 / 1,000 = £1,671.60 ~ £1,672 per dwelling (rounded up)_x000a_- Last updated 1 July 2024, subject to change in line with market movements_x000a__x000a_Costs include cost of land, VAT, surveys, planning and professional fees. Costs for contingencies are not included and will need to be applied, together with indexation. The NHS specifies that indexation is to be applied on health infrastructure costs at the point of planning permission being granted. The source of this cost data is not based on a standard model but derives from professional commercial advice procured by the HWE ICB."/>
    <m/>
    <s v="HWE ICB and NHS System Partner Regulation 19 Response to the DBC Local Plan, verified through engagement with HWE ICB March 2025. "/>
    <m/>
  </r>
  <r>
    <m/>
    <n v="201"/>
    <s v="HS6"/>
    <s v="DBC IDP"/>
    <s v="Dacorum Borough Council"/>
    <x v="5"/>
    <x v="25"/>
    <s v="Healthcare Infrastructure investment to support development at Marchmont Farm (Hm14)"/>
    <m/>
    <s v="The HWE ICB has approved the Grovehill Surgery's Project Initiation Document (PID) for relocation within the close proximity of their existing site. This scheme is expected to cater for the practice’s current patient population as well as some moderate growth. The HWE ICB will seek financial contributions from Marchmont Farm and other sites, including windfall sites impacting on Grovehill Surgery. "/>
    <s v="Hemel Hempstead"/>
    <x v="9"/>
    <s v="Programme Area"/>
    <s v="Off-site"/>
    <s v="Hertfordshire and West Essex Integrated Care Board"/>
    <s v="Hertfordshire and West Essex Integrated Care Board"/>
    <s v="2028-2032"/>
    <m/>
    <m/>
    <x v="124"/>
    <m/>
    <s v="S106 / CIL / External Funding (ICB)"/>
    <n v="0"/>
    <n v="4898960"/>
    <s v="A - Per dwelling"/>
    <m/>
    <m/>
    <s v="Essential"/>
    <x v="0"/>
    <x v="0"/>
    <x v="0"/>
    <x v="0"/>
    <x v="0"/>
    <x v="0"/>
    <x v="0"/>
    <m/>
    <m/>
    <m/>
    <m/>
    <s v="Yes"/>
    <m/>
    <s v="Yes"/>
    <m/>
    <m/>
    <s v="Yes"/>
    <m/>
    <m/>
    <m/>
    <m/>
    <m/>
    <m/>
    <m/>
    <m/>
    <m/>
    <m/>
    <m/>
    <m/>
    <m/>
    <m/>
    <m/>
    <m/>
    <m/>
    <m/>
    <m/>
    <m/>
    <m/>
    <m/>
    <m/>
    <m/>
    <m/>
    <m/>
    <n v="2930"/>
    <n v="1672"/>
    <m/>
    <x v="2"/>
    <x v="2"/>
    <x v="2"/>
    <x v="2"/>
    <x v="2"/>
    <x v="2"/>
    <x v="2"/>
    <x v="2"/>
    <x v="2"/>
    <x v="2"/>
    <x v="2"/>
    <x v="22"/>
    <x v="2"/>
    <x v="24"/>
    <x v="2"/>
    <x v="2"/>
    <x v="20"/>
    <s v=""/>
    <s v=""/>
    <s v=""/>
    <s v=""/>
    <s v=""/>
    <s v=""/>
    <s v=""/>
    <s v=""/>
    <s v=""/>
    <s v=""/>
    <s v=""/>
    <s v=""/>
    <s v=""/>
    <s v=""/>
    <m/>
    <m/>
    <m/>
    <m/>
    <m/>
    <m/>
    <m/>
    <m/>
    <x v="0"/>
    <x v="0"/>
    <x v="0"/>
    <x v="0"/>
    <n v="4898960"/>
    <n v="0"/>
    <n v="0"/>
    <n v="0"/>
    <s v="The HWE ICB calculates the General Medical Services cost of the additional infrastructure needed to deliver planned new homes using the following formula (based on a 1,000 dwelling development)._x000a_1,000 dwellings x 2.4 (commonly accepted occupancy factor) = 2,400 new patients_x000a_2,400/ 2,000 = 1.2 GP (based on ratio of 2,000 patients per GP and 199m2 as set out in the NHS England “Premises Principles of Best Practice Part 1 Procurement &amp; Development”)_x000a_1.2 x 199m2 = 238.8 m2 additional space required_x000a_238.8 x £7,000* (build costs including land, fit out and fees) = £1,671,600_x000a_£1,671,600 / 1,000 = £1,671.60 ~ £1,672 per dwelling (rounded up)_x000a_- Last updated 1 July 2024, subject to change in line with market movements_x000a__x000a_Costs include cost of land, VAT, surveys, planning and professional fees. Costs for contingencies are not included and will need to be applied, together with indexation. The NHS specifies that indexation is to be applied on health infrastructure costs at the point of planning permission being granted. The source of this cost data is not based on a standard model but derives from professional commercial advice procured by the HWE ICB."/>
    <s v="Forward funded project which will be completed ahead of planned housing growth. The HWE ICB will seek developer contributions to offset their forward investment. "/>
    <s v="HWE ICB and NHS System Partner Regulation 19 Response to the DBC Local Plan, verified through engagement with HWE ICB March 2025. "/>
    <m/>
  </r>
  <r>
    <m/>
    <n v="202"/>
    <s v="HS7"/>
    <s v="DBC IDP"/>
    <s v="Dacorum Borough Council"/>
    <x v="5"/>
    <x v="26"/>
    <s v="Hemel Hempstead New Medical Facility"/>
    <m/>
    <s v="The HWE ICB identify the need to reserve an option for a new primary health facility at Hemel Hospital/Market Square (Hm03). This may take a form of a branch surgery or a relocation of Fernville Practice. Options are being developed to include the proposed relocation of health services currently provided at Hemel Hempstead Hospital to the town centre health campus._x000a__x000a_A strategic outline case will evaluate options for the location of the health campus and which services will be located there. The HWE ICB will seek financial contributions from all surrounding developments towards this new health facility."/>
    <s v="Hemel Hempstead"/>
    <x v="8"/>
    <s v="Programme Area"/>
    <s v="On-site"/>
    <s v="Hertfordshire and West Essex Integrated Care Board"/>
    <s v="Hertfordshire and West Essex Integrated Care Board"/>
    <s v="2036-2041"/>
    <m/>
    <m/>
    <x v="125"/>
    <m/>
    <s v="S106 / CIL / External Funding (ICB)"/>
    <m/>
    <m/>
    <s v="A - Per dwelling"/>
    <m/>
    <m/>
    <s v="Essential"/>
    <x v="2"/>
    <x v="2"/>
    <x v="2"/>
    <x v="2"/>
    <x v="2"/>
    <x v="2"/>
    <x v="2"/>
    <s v="Yes"/>
    <s v="Yes"/>
    <s v="Yes"/>
    <s v="Yes"/>
    <s v="Yes"/>
    <s v="Yes"/>
    <s v="Yes"/>
    <s v="Yes"/>
    <s v="Yes"/>
    <s v="Yes"/>
    <m/>
    <m/>
    <m/>
    <m/>
    <m/>
    <m/>
    <m/>
    <m/>
    <m/>
    <m/>
    <m/>
    <m/>
    <m/>
    <m/>
    <m/>
    <m/>
    <m/>
    <m/>
    <m/>
    <m/>
    <m/>
    <m/>
    <s v="Yes"/>
    <s v="Yes"/>
    <s v="Yes"/>
    <m/>
    <n v="18054"/>
    <n v="0"/>
    <e v="#VALUE!"/>
    <x v="6"/>
    <x v="23"/>
    <x v="23"/>
    <x v="23"/>
    <x v="24"/>
    <x v="24"/>
    <x v="22"/>
    <x v="24"/>
    <x v="24"/>
    <x v="26"/>
    <x v="6"/>
    <x v="23"/>
    <x v="23"/>
    <x v="6"/>
    <x v="22"/>
    <x v="23"/>
    <x v="21"/>
    <s v=""/>
    <s v=""/>
    <s v=""/>
    <s v=""/>
    <s v=""/>
    <s v=""/>
    <s v=""/>
    <s v=""/>
    <s v=""/>
    <s v=""/>
    <s v=""/>
    <s v=""/>
    <s v=""/>
    <s v=""/>
    <s v=""/>
    <s v=""/>
    <s v=""/>
    <s v=""/>
    <s v=""/>
    <s v=""/>
    <s v=""/>
    <s v=""/>
    <x v="6"/>
    <x v="6"/>
    <x v="6"/>
    <x v="2"/>
    <n v="0"/>
    <n v="0"/>
    <n v="0"/>
    <n v="0"/>
    <s v="Work is in train to produce a Strategic Business Case for the Hemel Health Campus, with completion by the end of the financial year. The next stages include producing an Outline Business Case (OBC), a Full Business Case (FBC), and planning and build out of the 'preferred option'. As this project is at Strategic Outline Case (SOC) stage, options have not been costed or evaluated. Service needs and spacing within the SOC will form high-level costs with greater detail known at the OBC stage. In terms of delivery timelines, our best guess at getting ‘spades in the ground’ is 2028. This would be a 2 year on site project.  The infrastructure provider and responsible authority should be both the HWE ICB and WHHT. "/>
    <s v="For the purposes of the IDP, the Hospital and Market Square sites are considered together. Should Hospital Site and Market Square not come forward as a suitable site for a Medical Centre, alternative provision will need to be explored in a suitable town centre location, Riverside or otherwise. "/>
    <s v="HWE ICB and NHS System Partner Regulation 19 Response to the DBC Local Plan, verified through engagement with HWE ICB March 2025. "/>
    <m/>
  </r>
  <r>
    <m/>
    <n v="203"/>
    <s v="HS8"/>
    <s v="New Scheme"/>
    <s v="Dacorum Borough Council &amp; St Albans City &amp; District Council"/>
    <x v="5"/>
    <x v="27"/>
    <s v="Hospital redevelopment and investment"/>
    <m/>
    <s v="Redevelopment and investment across Watford, Hemel Hempstead and St Albans Hospitals"/>
    <s v="Hemel Garden Communities"/>
    <x v="16"/>
    <s v="South West Hertfordshire"/>
    <s v="Off-site"/>
    <s v="NHS West Hertfordshire Teaching Hospitals Trust "/>
    <s v="Hertfordshire and West Essex Integrated Care Board"/>
    <s v="2026-2041"/>
    <m/>
    <m/>
    <x v="8"/>
    <m/>
    <s v="S106 / CIL / External Funding"/>
    <m/>
    <m/>
    <s v="A - Per dwelling"/>
    <m/>
    <m/>
    <s v="Essential"/>
    <x v="0"/>
    <x v="0"/>
    <x v="0"/>
    <x v="0"/>
    <x v="0"/>
    <x v="0"/>
    <x v="0"/>
    <m/>
    <m/>
    <m/>
    <m/>
    <m/>
    <m/>
    <m/>
    <m/>
    <m/>
    <m/>
    <m/>
    <m/>
    <m/>
    <m/>
    <m/>
    <m/>
    <m/>
    <m/>
    <m/>
    <m/>
    <m/>
    <m/>
    <m/>
    <m/>
    <m/>
    <m/>
    <m/>
    <m/>
    <m/>
    <m/>
    <m/>
    <m/>
    <m/>
    <m/>
    <m/>
    <m/>
    <n v="0"/>
    <m/>
    <m/>
    <x v="0"/>
    <x v="0"/>
    <x v="0"/>
    <x v="0"/>
    <x v="0"/>
    <x v="0"/>
    <x v="0"/>
    <x v="0"/>
    <x v="0"/>
    <x v="0"/>
    <x v="0"/>
    <x v="0"/>
    <x v="0"/>
    <x v="0"/>
    <x v="0"/>
    <x v="0"/>
    <x v="0"/>
    <s v=""/>
    <s v=""/>
    <s v=""/>
    <s v=""/>
    <s v=""/>
    <s v=""/>
    <s v=""/>
    <s v=""/>
    <s v=""/>
    <s v=""/>
    <s v=""/>
    <s v=""/>
    <s v=""/>
    <s v=""/>
    <m/>
    <m/>
    <m/>
    <m/>
    <m/>
    <m/>
    <m/>
    <m/>
    <x v="0"/>
    <x v="0"/>
    <x v="0"/>
    <x v="0"/>
    <n v="0"/>
    <n v="0"/>
    <n v="0"/>
    <n v="0"/>
    <s v="The business case for the new hospital is predicated on funding from a number of sources in addition to Treasury funding, including developer contributions, which national planning policy allows for, where it is possible to demonstrate a clear pathway of cause and effect upon hospital services and providing related Community Infrastructure Levy (CIL) tests are met."/>
    <s v="Plans for the proposed new hospital are being progressed as part of the Government’s New Hospital Programme. Further floorspace will be required to provide additional acute bed spaces and associated clinical care functions in elective surgery, emergency and maternity departments as a consequence of the additional housing growth in South West Hertfordshire. "/>
    <s v="HWE ICB and NHS System Partner Regulation 19 Response to the DBC and SADC Local Plans, verified through engagement with HWE ICB March 2025."/>
    <s v="The redevelopment of the existing hospital site, if this route was the outcome of the above mentioned (Market Square) Strategic Outline Case, Outline Business Case, Full Business Case, could happen in tandem with [Market Square] so could be brought forward to 2030/32 with caveats which have been set out above *. Funding source should be Treasury and developer contributions re. hospital investment. "/>
  </r>
  <r>
    <m/>
    <n v="204"/>
    <s v="HS9"/>
    <s v="New Scheme"/>
    <s v="Dacorum Borough Council &amp; St Albans City &amp; District Council"/>
    <x v="5"/>
    <x v="27"/>
    <s v="Mental healthcare facilities"/>
    <m/>
    <s v="Where the HWE ICB has identified a need for a new on-site medical facility to support housing growth,(as itemised in this IDP), these new on-site healthcare hubs will offer mental health service, in addition to primary healthcare. "/>
    <s v="Hemel Garden Communities"/>
    <x v="16"/>
    <s v="Programme Area"/>
    <s v="Off-site"/>
    <s v="Hertfordshire Partnership Foundation NHS Trust (HPFT) "/>
    <s v="Hertfordshire and West Essex Integrated Care Board"/>
    <s v="2026-2041"/>
    <m/>
    <m/>
    <x v="126"/>
    <m/>
    <s v="S106"/>
    <n v="0"/>
    <n v="6118861.6799999997"/>
    <s v="A - Per dwelling"/>
    <m/>
    <m/>
    <s v="Essential"/>
    <x v="2"/>
    <x v="2"/>
    <x v="2"/>
    <x v="2"/>
    <x v="2"/>
    <x v="2"/>
    <x v="2"/>
    <s v="Yes"/>
    <s v="Yes"/>
    <s v="Yes"/>
    <s v="Yes"/>
    <s v="Yes"/>
    <s v="Yes"/>
    <s v="Yes"/>
    <s v="Yes"/>
    <s v="Yes"/>
    <s v="Yes"/>
    <m/>
    <m/>
    <m/>
    <m/>
    <m/>
    <m/>
    <m/>
    <m/>
    <m/>
    <m/>
    <m/>
    <m/>
    <m/>
    <m/>
    <m/>
    <m/>
    <m/>
    <m/>
    <m/>
    <m/>
    <m/>
    <m/>
    <s v="Yes"/>
    <s v="Yes"/>
    <s v="Yes"/>
    <m/>
    <n v="18054"/>
    <n v="338.91999999999996"/>
    <m/>
    <x v="28"/>
    <x v="24"/>
    <x v="24"/>
    <x v="24"/>
    <x v="25"/>
    <x v="25"/>
    <x v="23"/>
    <x v="25"/>
    <x v="25"/>
    <x v="27"/>
    <x v="26"/>
    <x v="24"/>
    <x v="24"/>
    <x v="25"/>
    <x v="23"/>
    <x v="24"/>
    <x v="22"/>
    <s v=""/>
    <s v=""/>
    <s v=""/>
    <s v=""/>
    <s v=""/>
    <s v=""/>
    <s v=""/>
    <s v=""/>
    <s v=""/>
    <s v=""/>
    <s v=""/>
    <s v=""/>
    <s v=""/>
    <s v=""/>
    <m/>
    <m/>
    <m/>
    <m/>
    <m/>
    <m/>
    <m/>
    <m/>
    <x v="21"/>
    <x v="21"/>
    <x v="22"/>
    <x v="0"/>
    <n v="4254801.68"/>
    <n v="1864060"/>
    <n v="0"/>
    <n v="0"/>
    <s v="HWE ICB have provided a mental health cost per dwelling of £338.92, which has been applied across all sites within the programme area."/>
    <s v="Estimated floorspace for each new on-site medical facility includes mental health service floorspace requirements."/>
    <s v="HWE ICB and NHS System Partner Regulation 19 Response to the DBC and SADC Local Plans, verified through engagement with HWE ICB March 2025."/>
    <m/>
  </r>
  <r>
    <m/>
    <n v="205"/>
    <s v="HS10"/>
    <s v="New Scheme"/>
    <s v="Dacorum Borough Council &amp; St Albans City &amp; District Council"/>
    <x v="5"/>
    <x v="27"/>
    <s v="Community healthcare facilities"/>
    <m/>
    <s v="Where the HWE ICB has identified a need for a new on-site medical facility to support housing growth,(as itemised in this IDP), these new on-site healthcare hubs will offer community healthcare facilities and services, in addition to primary healthcare. "/>
    <s v="Hemel Garden Communities"/>
    <x v="16"/>
    <s v="Programme Area"/>
    <s v="Off-site"/>
    <s v="Hertfordshire Community NHS Trust (HCT) "/>
    <s v="Hertfordshire and West Essex Integrated Care Board"/>
    <s v="2026-2041"/>
    <m/>
    <m/>
    <x v="127"/>
    <m/>
    <s v="S106"/>
    <n v="0"/>
    <n v="6367284.7200000007"/>
    <s v="A - Per dwelling"/>
    <m/>
    <m/>
    <s v="Essential"/>
    <x v="2"/>
    <x v="2"/>
    <x v="2"/>
    <x v="2"/>
    <x v="2"/>
    <x v="2"/>
    <x v="2"/>
    <s v="Yes"/>
    <s v="Yes"/>
    <s v="Yes"/>
    <s v="Yes"/>
    <s v="Yes"/>
    <s v="Yes"/>
    <s v="Yes"/>
    <s v="Yes"/>
    <s v="Yes"/>
    <s v="Yes"/>
    <m/>
    <m/>
    <m/>
    <m/>
    <m/>
    <m/>
    <m/>
    <m/>
    <m/>
    <m/>
    <m/>
    <m/>
    <m/>
    <m/>
    <m/>
    <m/>
    <m/>
    <m/>
    <m/>
    <m/>
    <m/>
    <m/>
    <s v="Yes"/>
    <s v="Yes"/>
    <s v="Yes"/>
    <m/>
    <n v="18054"/>
    <n v="352.68000000000006"/>
    <m/>
    <x v="29"/>
    <x v="25"/>
    <x v="25"/>
    <x v="25"/>
    <x v="26"/>
    <x v="26"/>
    <x v="24"/>
    <x v="26"/>
    <x v="26"/>
    <x v="28"/>
    <x v="27"/>
    <x v="25"/>
    <x v="25"/>
    <x v="26"/>
    <x v="24"/>
    <x v="25"/>
    <x v="23"/>
    <s v=""/>
    <s v=""/>
    <s v=""/>
    <s v=""/>
    <s v=""/>
    <s v=""/>
    <s v=""/>
    <s v=""/>
    <s v=""/>
    <s v=""/>
    <s v=""/>
    <s v=""/>
    <s v=""/>
    <s v=""/>
    <m/>
    <m/>
    <m/>
    <m/>
    <m/>
    <m/>
    <m/>
    <m/>
    <x v="22"/>
    <x v="22"/>
    <x v="23"/>
    <x v="0"/>
    <n v="4427544.7200000007"/>
    <n v="1939740"/>
    <n v="0"/>
    <n v="0"/>
    <s v="HWE ICB have provided a community health cost per dwelling of £352.68, which has been applied across all sites within the programme area."/>
    <s v="Estimated floorspace for each new on-site medical facility includes community health service floorspace requirements."/>
    <s v="HWE ICB and NHS System Partner Regulation 19 Response to the DBC and SADC Local Plans, verified through engagement with HWE ICB March 2025."/>
    <m/>
  </r>
  <r>
    <m/>
    <n v="206"/>
    <s v="HS11"/>
    <s v="Reg 19 reps"/>
    <s v="St Albans City &amp; District Council"/>
    <x v="5"/>
    <x v="28"/>
    <s v="Adult Care Facilities at North Hemel Hempstead (H1)"/>
    <m/>
    <s v="140-160 self-contained housing with care units in each facility, one 70-80 bed nursing home and 6 supported living units for people with learning and/or physical disabilities."/>
    <s v="Hemel Hempstead"/>
    <x v="1"/>
    <s v="Growth Area"/>
    <s v="On-site"/>
    <s v="Developer"/>
    <s v="Hertfordshire County Council"/>
    <s v="2030-2041"/>
    <m/>
    <m/>
    <x v="8"/>
    <m/>
    <s v="S106"/>
    <m/>
    <m/>
    <s v="A - Per dwelling"/>
    <m/>
    <m/>
    <s v="Essential"/>
    <x v="0"/>
    <x v="0"/>
    <x v="0"/>
    <x v="0"/>
    <x v="0"/>
    <x v="0"/>
    <x v="0"/>
    <m/>
    <m/>
    <m/>
    <m/>
    <m/>
    <m/>
    <m/>
    <m/>
    <m/>
    <m/>
    <m/>
    <m/>
    <m/>
    <m/>
    <m/>
    <m/>
    <m/>
    <m/>
    <m/>
    <m/>
    <m/>
    <m/>
    <m/>
    <m/>
    <m/>
    <m/>
    <m/>
    <m/>
    <m/>
    <m/>
    <m/>
    <m/>
    <s v="Yes"/>
    <m/>
    <m/>
    <m/>
    <n v="1500"/>
    <n v="0"/>
    <m/>
    <x v="2"/>
    <x v="2"/>
    <x v="2"/>
    <x v="2"/>
    <x v="2"/>
    <x v="2"/>
    <x v="2"/>
    <x v="2"/>
    <x v="2"/>
    <x v="2"/>
    <x v="2"/>
    <x v="2"/>
    <x v="2"/>
    <x v="2"/>
    <x v="2"/>
    <x v="2"/>
    <x v="2"/>
    <s v=""/>
    <s v=""/>
    <s v=""/>
    <s v=""/>
    <s v=""/>
    <s v=""/>
    <s v=""/>
    <s v=""/>
    <s v=""/>
    <s v=""/>
    <s v=""/>
    <s v=""/>
    <s v=""/>
    <s v=""/>
    <s v=""/>
    <s v=""/>
    <s v=""/>
    <s v=""/>
    <s v=""/>
    <s v=""/>
    <s v=""/>
    <s v=""/>
    <x v="6"/>
    <x v="3"/>
    <x v="3"/>
    <x v="2"/>
    <n v="0"/>
    <n v="0"/>
    <n v="0"/>
    <n v="0"/>
    <s v="No cost was provided by HCC."/>
    <m/>
    <s v="Scheme was provided by HCC through their representations to SADC Regulation 19 Local Plan, verified through engagement with HCC in March 2025."/>
    <s v="Liz Langmaid HCC - The reason for this focus in the Guide to Dev Contributions is because HCC doesn't currently seek S106 for social care provision instead work with LPAs to ensure appropriate housing provision within strategic sites/local plan allocations. Please see Appendix 4 of the HCC Local and Strategic Plans Engagement Document. It is essential that a mix of both private and social care housing is delivered and this provision should be delivered as part of the site mix working with a housing with care provider, HCC, nursing care home provider or registered provider. _x000a_ _x000a_HCC Adult Care Services have shared likely costs based on a couple of recent social care schemes that HCC have worked on (costs provided July 2024):_x000a__x000a_- 75 bed nursing home - £15,000,000-£17,000,000_x000a_- 70-80 unit housing with care - £35,000,000 (more expensive to deliver due to the nature of the self contained accommodation and separate communal spaces/office spaces for staff. Due to these costs many housing with care providers choose to deliver larger unit schemes. Smaller private schemes tend to be high end with higher purchase costs and therefore unaffordable for many.)_x000a__x000a_Please note there is different terminology used within the project description which may be confusing. In earlier responses I mentioned 'IRC' as a way to indicate delivery should be as larger settings, rather than lots of smaller settings, but essentially 'Integrated retirement community' is another term for housing with care and was coined by ARCO. The integration meaning the housing integrated with care and social spaces https://www.arcouk.org.  All housing with care should be delivered as self-contained units with care and communal spaces on site. I would therefore suggest that 'housing with care' is used in order to avoid confusion. There is also a definition for this within the PPG._x000a__x000a_N.B. Older people's housing should also contribute S106 to non children's services such as waste, fire and libraries as detailed in HCC's Guide to Developer Contributions._x000a_"/>
  </r>
  <r>
    <m/>
    <n v="207"/>
    <s v="HS12"/>
    <s v="Reg 19 reps"/>
    <s v="St Albans City &amp; District Council"/>
    <x v="5"/>
    <x v="28"/>
    <s v="Adult Care Facilities at East Hemel Hempstead (North) (H2)"/>
    <m/>
    <s v="140-160 self-contained housing with care units in each facility, one 70-80 bed nursing home and 6 supported living units for people with learning and/or physical disabilities."/>
    <s v="Hemel Hempstead"/>
    <x v="2"/>
    <s v="Growth Area"/>
    <s v="On-site"/>
    <s v="Developer"/>
    <s v="Hertfordshire County Council"/>
    <s v="2029-2041"/>
    <m/>
    <m/>
    <x v="8"/>
    <m/>
    <s v="S106"/>
    <m/>
    <m/>
    <s v="A - Per dwelling"/>
    <m/>
    <m/>
    <s v="Essential"/>
    <x v="0"/>
    <x v="0"/>
    <x v="0"/>
    <x v="0"/>
    <x v="0"/>
    <x v="0"/>
    <x v="0"/>
    <m/>
    <m/>
    <m/>
    <m/>
    <m/>
    <m/>
    <m/>
    <m/>
    <m/>
    <m/>
    <m/>
    <m/>
    <m/>
    <m/>
    <m/>
    <m/>
    <m/>
    <m/>
    <m/>
    <m/>
    <m/>
    <m/>
    <m/>
    <m/>
    <m/>
    <m/>
    <m/>
    <m/>
    <m/>
    <m/>
    <m/>
    <m/>
    <m/>
    <s v="Yes"/>
    <m/>
    <m/>
    <n v="1600"/>
    <n v="0"/>
    <m/>
    <x v="2"/>
    <x v="2"/>
    <x v="2"/>
    <x v="2"/>
    <x v="2"/>
    <x v="2"/>
    <x v="2"/>
    <x v="2"/>
    <x v="2"/>
    <x v="2"/>
    <x v="2"/>
    <x v="2"/>
    <x v="2"/>
    <x v="2"/>
    <x v="2"/>
    <x v="2"/>
    <x v="2"/>
    <s v=""/>
    <s v=""/>
    <s v=""/>
    <s v=""/>
    <s v=""/>
    <s v=""/>
    <s v=""/>
    <s v=""/>
    <s v=""/>
    <s v=""/>
    <s v=""/>
    <s v=""/>
    <s v=""/>
    <s v=""/>
    <m/>
    <m/>
    <m/>
    <m/>
    <m/>
    <m/>
    <m/>
    <m/>
    <x v="0"/>
    <x v="6"/>
    <x v="0"/>
    <x v="0"/>
    <n v="0"/>
    <n v="0"/>
    <n v="0"/>
    <n v="0"/>
    <s v="No cost was provided by HCC."/>
    <m/>
    <s v="Scheme was provided by HCC through their representations to SADC Regulation 19 Local Plan, verified through engagement with HCC in March 2025."/>
    <s v="Liz Langmaid HCC - The reason for this focus in the Guide to Dev Contributions is because HCC doesn't currently seek S106 for social care provision instead work with LPAs to ensure appropriate housing provision within strategic sites/local plan allocations. Please see Appendix 4 of the HCC Local and Strategic Plans Engagement Document. It is essential that a mix of both private and social care housing is delivered and this provision should be delivered as part of the site mix working with a housing with care provider, HCC, nursing care home provider or registered provider. _x000a_ _x000a_HCC Adult Care Services have shared likely costs based on a couple of recent social care schemes that HCC have worked on (costs provided July 2024):_x000a__x000a_- 75 bed nursing home - £15,000,000-£17,000,000_x000a_- 70-80 unit housing with care - £35,000,000 (more expensive to deliver due to the nature of the self contained accommodation and separate communal spaces/office spaces for staff. Due to these costs many housing with care providers choose to deliver larger unit schemes. Smaller private schemes tend to be high end with higher purchase costs and therefore unaffordable for many.)_x000a__x000a_Please note there is different terminology used within the project description which may be confusing. In earlier responses I mentioned 'IRC' as a way to indicate delivery should be as larger settings, rather than lots of smaller settings, but essentially 'Integrated retirement community' is another term for housing with care and was coined by ARCO. The integration meaning the housing integrated with care and social spaces https://www.arcouk.org.  All housing with care should be delivered as self-contained units with care and communal spaces on site. I would therefore suggest that 'housing with care' is used in order to avoid confusion. There is also a definition for this within the PPG._x000a__x000a_N.B. Older people's housing should also contribute S106 to non children's services such as waste, fire and libraries as detailed in HCC's Guide to Developer Contributions._x000a_"/>
  </r>
  <r>
    <m/>
    <n v="208"/>
    <s v="HS13"/>
    <s v="Reg 19 reps"/>
    <s v="St Albans City &amp; District Council"/>
    <x v="5"/>
    <x v="28"/>
    <s v="Adult Care Facilities at East Hemel Hempstead (South) (H4)"/>
    <m/>
    <s v="210-240 self-contained housing with care units in each facility, two 70-80 bed nursing homes and 9 supported living units for people with learning and/or physical disabilities."/>
    <s v="Hemel Hempstead"/>
    <x v="3"/>
    <s v="Growth Area"/>
    <s v="On-site"/>
    <s v="Developer"/>
    <s v="Hertfordshire County Council"/>
    <s v="2029-2041"/>
    <m/>
    <m/>
    <x v="8"/>
    <m/>
    <s v="S106"/>
    <m/>
    <m/>
    <s v="A - Per dwelling"/>
    <m/>
    <m/>
    <s v="Essential"/>
    <x v="0"/>
    <x v="0"/>
    <x v="0"/>
    <x v="0"/>
    <x v="0"/>
    <x v="0"/>
    <x v="0"/>
    <m/>
    <m/>
    <m/>
    <m/>
    <m/>
    <m/>
    <m/>
    <m/>
    <m/>
    <m/>
    <m/>
    <m/>
    <m/>
    <m/>
    <m/>
    <m/>
    <m/>
    <m/>
    <m/>
    <m/>
    <m/>
    <m/>
    <m/>
    <m/>
    <m/>
    <m/>
    <m/>
    <m/>
    <m/>
    <m/>
    <m/>
    <m/>
    <m/>
    <m/>
    <s v="Yes"/>
    <m/>
    <n v="2400"/>
    <n v="0"/>
    <m/>
    <x v="2"/>
    <x v="2"/>
    <x v="2"/>
    <x v="2"/>
    <x v="2"/>
    <x v="2"/>
    <x v="2"/>
    <x v="2"/>
    <x v="2"/>
    <x v="2"/>
    <x v="2"/>
    <x v="2"/>
    <x v="2"/>
    <x v="2"/>
    <x v="2"/>
    <x v="2"/>
    <x v="2"/>
    <s v=""/>
    <s v=""/>
    <s v=""/>
    <s v=""/>
    <s v=""/>
    <s v=""/>
    <s v=""/>
    <s v=""/>
    <s v=""/>
    <s v=""/>
    <s v=""/>
    <s v=""/>
    <s v=""/>
    <s v=""/>
    <m/>
    <m/>
    <m/>
    <m/>
    <m/>
    <m/>
    <m/>
    <m/>
    <x v="0"/>
    <x v="0"/>
    <x v="6"/>
    <x v="0"/>
    <n v="0"/>
    <n v="0"/>
    <n v="0"/>
    <n v="0"/>
    <s v="No cost was provided by HCC."/>
    <m/>
    <s v="Scheme was provided by HCC through their representations to SADC Regulation 19 Local Plan, verified through engagement with HCC in March 2025."/>
    <s v="Liz Langmaid HCC - The reason for this focus in the Guide to Dev Contributions is because HCC doesn't currently seek S106 for social care provision instead work with LPAs to ensure appropriate housing provision within strategic sites/local plan allocations. Please see Appendix 4 of the HCC Local and Strategic Plans Engagement Document. It is essential that a mix of both private and social care housing is delivered and this provision should be delivered as part of the site mix working with a housing with care provider, HCC, nursing care home provider or registered provider. _x000a_ _x000a_HCC Adult Care Services have shared likely costs based on a couple of recent social care schemes that HCC have worked on (costs provided July 2024):_x000a__x000a_- 75 bed nursing home - £15,000,000-£17,000,000_x000a_- 70-80 unit housing with care - £35,000,000 (more expensive to deliver due to the nature of the self contained accommodation and separate communal spaces/office spaces for staff. Due to these costs many housing with care providers choose to deliver larger unit schemes. Smaller private schemes tend to be high end with higher purchase costs and therefore unaffordable for many.)_x000a__x000a_Please note there is different terminology used within the project description which may be confusing. In earlier responses I mentioned 'IRC' as a way to indicate delivery should be as larger settings, rather than lots of smaller settings, but essentially 'Integrated retirement community' is another term for housing with care and was coined by ARCO. The integration meaning the housing integrated with care and social spaces https://www.arcouk.org.  All housing with care should be delivered as self-contained units with care and communal spaces on site. I would therefore suggest that 'housing with care' is used in order to avoid confusion. There is also a definition for this within the PPG._x000a__x000a_N.B. Older people's housing should also contribute S106 to non children's services such as waste, fire and libraries as detailed in HCC's Guide to Developer Contributions._x000a_"/>
  </r>
  <r>
    <m/>
    <n v="209"/>
    <s v="HS14"/>
    <s v="DBC IDP"/>
    <s v="Dacorum Borough Council"/>
    <x v="5"/>
    <x v="28"/>
    <s v="Adult Care Facilities at North Hemel Hempstead (Hm01)"/>
    <m/>
    <s v="HCC recommends an extra care setting of 70-80 self-contained units (preferably social housing); one 70-80 bed nursing home and 6 supported living units for people with learning and/or physical disabilities. On the Crown Estate area, HCC recommends one Integrated Retirement Community of a minimum of 160 self-contained units; one 70-80 bed nursing home and 6 supported living units for people with learning and/or physical disabilities. "/>
    <s v="Hemel Hempstead"/>
    <x v="4"/>
    <s v="Growth Area"/>
    <s v="On-site"/>
    <s v="Developer"/>
    <s v="Hertfordshire County Council"/>
    <s v="2032-2041"/>
    <m/>
    <m/>
    <x v="8"/>
    <m/>
    <s v="S106"/>
    <m/>
    <m/>
    <s v="A - Per dwelling"/>
    <m/>
    <m/>
    <s v="Essential"/>
    <x v="2"/>
    <x v="0"/>
    <x v="0"/>
    <x v="0"/>
    <x v="0"/>
    <x v="0"/>
    <x v="0"/>
    <m/>
    <m/>
    <m/>
    <m/>
    <m/>
    <m/>
    <m/>
    <m/>
    <m/>
    <m/>
    <m/>
    <m/>
    <m/>
    <m/>
    <m/>
    <m/>
    <m/>
    <m/>
    <m/>
    <m/>
    <m/>
    <m/>
    <m/>
    <m/>
    <m/>
    <m/>
    <m/>
    <m/>
    <m/>
    <m/>
    <m/>
    <m/>
    <m/>
    <m/>
    <m/>
    <m/>
    <n v="5000"/>
    <n v="0"/>
    <m/>
    <x v="6"/>
    <x v="2"/>
    <x v="2"/>
    <x v="2"/>
    <x v="2"/>
    <x v="2"/>
    <x v="2"/>
    <x v="2"/>
    <x v="2"/>
    <x v="2"/>
    <x v="2"/>
    <x v="2"/>
    <x v="2"/>
    <x v="2"/>
    <x v="2"/>
    <x v="2"/>
    <x v="2"/>
    <s v=""/>
    <s v=""/>
    <s v=""/>
    <s v=""/>
    <s v=""/>
    <s v=""/>
    <s v=""/>
    <s v=""/>
    <s v=""/>
    <s v=""/>
    <s v=""/>
    <s v=""/>
    <s v=""/>
    <s v=""/>
    <m/>
    <m/>
    <m/>
    <m/>
    <m/>
    <m/>
    <m/>
    <m/>
    <x v="0"/>
    <x v="0"/>
    <x v="0"/>
    <x v="0"/>
    <n v="0"/>
    <n v="0"/>
    <n v="0"/>
    <n v="0"/>
    <s v="No cost was provided by HCC."/>
    <m/>
    <s v="Scheme was provided by HCC through their representations to DBC Regulation 18 Local Plan, verified through engagement with HCC in March 2025."/>
    <s v="Liz Langmaid HCC - The reason for this focus in the Guide to Dev Contributions is because HCC doesn't currently seek S106 for social care provision instead work with LPAs to ensure appropriate housing provision within strategic sites/local plan allocations. Please see Appendix 4 of the HCC Local and Strategic Plans Engagement Document. It is essential that a mix of both private and social care housing is delivered and this provision should be delivered as part of the site mix working with a housing with care provider, HCC, nursing care home provider or registered provider. _x000a_ _x000a_HCC Adult Care Services have shared likely costs based on a couple of recent social care schemes that HCC have worked on (costs provided July 2024):_x000a__x000a_- 75 bed nursing home - £15,000,000-£17,000,000_x000a_- 70-80 unit housing with care - £35,000,000 (more expensive to deliver due to the nature of the self contained accommodation and separate communal spaces/office spaces for staff. Due to these costs many housing with care providers choose to deliver larger unit schemes. Smaller private schemes tend to be high end with higher purchase costs and therefore unaffordable for many.)_x000a__x000a_Please note there is different terminology used within the project description which may be confusing. In earlier responses I mentioned 'IRC' as a way to indicate delivery should be as larger settings, rather than lots of smaller settings, but essentially 'Integrated retirement community' is another term for housing with care and was coined by ARCO. The integration meaning the housing integrated with care and social spaces https://www.arcouk.org.  All housing with care should be delivered as self-contained units with care and communal spaces on site. I would therefore suggest that 'housing with care' is used in order to avoid confusion. There is also a definition for this within the PPG._x000a__x000a_N.B. Older people's housing should also contribute S106 to non children's services such as waste, fire and libraries as detailed in HCC's Guide to Developer Contributions._x000a_"/>
  </r>
  <r>
    <m/>
    <n v="210"/>
    <s v="HS15"/>
    <s v="DBC IDP"/>
    <s v="Dacorum Borough Council"/>
    <x v="5"/>
    <x v="28"/>
    <s v="Adult Care Facilities at Hemel Hempstead Hospital / Market Square (Hm03) "/>
    <m/>
    <s v="HCC suggest that a town centre location either at this site or at Paradise would be suitable for a housing with care scheme and would therefore suggest adult care facilities provision at one of these sites. "/>
    <s v="Hemel Hempstead"/>
    <x v="13"/>
    <s v="Programme Area"/>
    <s v="On-site"/>
    <s v="Developer"/>
    <s v="Hertfordshire County Council"/>
    <s v="2036-2041"/>
    <m/>
    <m/>
    <x v="8"/>
    <m/>
    <s v="S106"/>
    <m/>
    <m/>
    <s v="A - Per dwelling"/>
    <m/>
    <m/>
    <s v="Essential"/>
    <x v="0"/>
    <x v="0"/>
    <x v="2"/>
    <x v="0"/>
    <x v="0"/>
    <x v="0"/>
    <x v="0"/>
    <m/>
    <m/>
    <m/>
    <m/>
    <m/>
    <m/>
    <m/>
    <m/>
    <m/>
    <m/>
    <m/>
    <m/>
    <m/>
    <m/>
    <m/>
    <m/>
    <m/>
    <m/>
    <m/>
    <m/>
    <m/>
    <m/>
    <m/>
    <m/>
    <m/>
    <m/>
    <m/>
    <m/>
    <m/>
    <m/>
    <m/>
    <m/>
    <m/>
    <m/>
    <m/>
    <m/>
    <n v="450"/>
    <n v="0"/>
    <m/>
    <x v="2"/>
    <x v="2"/>
    <x v="23"/>
    <x v="2"/>
    <x v="2"/>
    <x v="2"/>
    <x v="2"/>
    <x v="2"/>
    <x v="2"/>
    <x v="2"/>
    <x v="2"/>
    <x v="2"/>
    <x v="2"/>
    <x v="2"/>
    <x v="2"/>
    <x v="2"/>
    <x v="2"/>
    <s v=""/>
    <s v=""/>
    <s v=""/>
    <s v=""/>
    <s v=""/>
    <s v=""/>
    <s v=""/>
    <s v=""/>
    <s v=""/>
    <s v=""/>
    <s v=""/>
    <s v=""/>
    <s v=""/>
    <s v=""/>
    <m/>
    <m/>
    <m/>
    <m/>
    <m/>
    <m/>
    <m/>
    <m/>
    <x v="0"/>
    <x v="0"/>
    <x v="0"/>
    <x v="0"/>
    <n v="0"/>
    <n v="0"/>
    <n v="0"/>
    <n v="0"/>
    <s v="No cost was provided by HCC."/>
    <m/>
    <s v="Scheme was provided by HCC through their representations to DBC Regulation 18 Local Plan, verified through engagement with HCC in March 2025."/>
    <s v="Liz Langmaid HCC - The reason for this focus in the Guide to Dev Contributions is because HCC doesn't currently seek S106 for social care provision instead work with LPAs to ensure appropriate housing provision within strategic sites/local plan allocations. Please see Appendix 4 of the HCC Local and Strategic Plans Engagement Document. It is essential that a mix of both private and social care housing is delivered and this provision should be delivered as part of the site mix working with a housing with care provider, HCC, nursing care home provider or registered provider. _x000a_ _x000a_HCC Adult Care Services have shared likely costs based on a couple of recent social care schemes that HCC have worked on (costs provided July 2024):_x000a__x000a_- 75 bed nursing home - £15,000,000-£17,000,000_x000a_- 70-80 unit housing with care - £35,000,000 (more expensive to deliver due to the nature of the self contained accommodation and separate communal spaces/office spaces for staff. Due to these costs many housing with care providers choose to deliver larger unit schemes. Smaller private schemes tend to be high end with higher purchase costs and therefore unaffordable for many.)_x000a__x000a_Please note there is different terminology used within the project description which may be confusing. In earlier responses I mentioned 'IRC' as a way to indicate delivery should be as larger settings, rather than lots of smaller settings, but essentially 'Integrated retirement community' is another term for housing with care and was coined by ARCO. The integration meaning the housing integrated with care and social spaces https://www.arcouk.org.  All housing with care should be delivered as self-contained units with care and communal spaces on site. I would therefore suggest that 'housing with care' is used in order to avoid confusion. There is also a definition for this within the PPG._x000a__x000a_N.B. Older people's housing should also contribute S106 to non children's services such as waste, fire and libraries as detailed in HCC's Guide to Developer Contributions._x000a_"/>
  </r>
  <r>
    <m/>
    <n v="211"/>
    <s v="HS16"/>
    <s v="DBC IDP"/>
    <s v="Dacorum Borough Council"/>
    <x v="5"/>
    <x v="28"/>
    <s v="Adult Care Facilities at Riverside (Hm06)"/>
    <m/>
    <s v="HCC suggests that the town centre location would make this a suitable location for a housing with care scheme and would therefore suggest provision at this site."/>
    <s v="Hemel Hempstead"/>
    <x v="10"/>
    <s v="Programme Area"/>
    <s v="On-site"/>
    <s v="Developer"/>
    <s v="Hertfordshire County Council"/>
    <s v="2026-2031"/>
    <m/>
    <m/>
    <x v="8"/>
    <m/>
    <s v="S106"/>
    <m/>
    <m/>
    <s v="A - Per dwelling"/>
    <m/>
    <m/>
    <s v="Essential"/>
    <x v="0"/>
    <x v="0"/>
    <x v="0"/>
    <x v="0"/>
    <x v="2"/>
    <x v="0"/>
    <x v="0"/>
    <m/>
    <m/>
    <m/>
    <m/>
    <m/>
    <m/>
    <m/>
    <m/>
    <m/>
    <m/>
    <m/>
    <m/>
    <m/>
    <m/>
    <m/>
    <m/>
    <m/>
    <m/>
    <m/>
    <m/>
    <m/>
    <m/>
    <m/>
    <m/>
    <m/>
    <m/>
    <m/>
    <m/>
    <m/>
    <m/>
    <m/>
    <m/>
    <m/>
    <m/>
    <m/>
    <m/>
    <n v="500"/>
    <n v="0"/>
    <m/>
    <x v="2"/>
    <x v="2"/>
    <x v="2"/>
    <x v="2"/>
    <x v="24"/>
    <x v="2"/>
    <x v="2"/>
    <x v="2"/>
    <x v="2"/>
    <x v="2"/>
    <x v="2"/>
    <x v="2"/>
    <x v="2"/>
    <x v="2"/>
    <x v="2"/>
    <x v="2"/>
    <x v="2"/>
    <s v=""/>
    <s v=""/>
    <s v=""/>
    <s v=""/>
    <s v=""/>
    <s v=""/>
    <s v=""/>
    <s v=""/>
    <s v=""/>
    <s v=""/>
    <s v=""/>
    <s v=""/>
    <s v=""/>
    <s v=""/>
    <m/>
    <m/>
    <m/>
    <m/>
    <m/>
    <m/>
    <m/>
    <m/>
    <x v="0"/>
    <x v="0"/>
    <x v="0"/>
    <x v="0"/>
    <n v="0"/>
    <n v="0"/>
    <n v="0"/>
    <n v="0"/>
    <s v="No cost was provided by HCC."/>
    <m/>
    <s v="Scheme was provided by HCC through their representations to DBC Regulation 18 Local Plan, verified through engagement with HCC in March 2025."/>
    <s v="Liz Langmaid HCC - The reason for this focus in the Guide to Dev Contributions is because HCC doesn't currently seek S106 for social care provision instead work with LPAs to ensure appropriate housing provision within strategic sites/local plan allocations. Please see Appendix 4 of the HCC Local and Strategic Plans Engagement Document. It is essential that a mix of both private and social care housing is delivered and this provision should be delivered as part of the site mix working with a housing with care provider, HCC, nursing care home provider or registered provider. _x000a_ _x000a_HCC Adult Care Services have shared likely costs based on a couple of recent social care schemes that HCC have worked on (costs provided July 2024):_x000a__x000a_- 75 bed nursing home - £15,000,000-£17,000,000_x000a_- 70-80 unit housing with care - £35,000,000 (more expensive to deliver due to the nature of the self contained accommodation and separate communal spaces/office spaces for staff. Due to these costs many housing with care providers choose to deliver larger unit schemes. Smaller private schemes tend to be high end with higher purchase costs and therefore unaffordable for many.)_x000a__x000a_Please note there is different terminology used within the project description which may be confusing. In earlier responses I mentioned 'IRC' as a way to indicate delivery should be as larger settings, rather than lots of smaller settings, but essentially 'Integrated retirement community' is another term for housing with care and was coined by ARCO. The integration meaning the housing integrated with care and social spaces https://www.arcouk.org.  All housing with care should be delivered as self-contained units with care and communal spaces on site. I would therefore suggest that 'housing with care' is used in order to avoid confusion. There is also a definition for this within the PPG._x000a__x000a_N.B. Older people's housing should also contribute S106 to non children's services such as waste, fire and libraries as detailed in HCC's Guide to Developer Contributions._x000a_"/>
  </r>
  <r>
    <m/>
    <n v="212"/>
    <s v="HS17"/>
    <s v="DBC IDP"/>
    <s v="Dacorum Borough Council"/>
    <x v="5"/>
    <x v="28"/>
    <s v="Adult Care Facilities at Apsley Mills Retail Park (Hm10) "/>
    <m/>
    <s v="HCC suggests that this location close to Apsley train station and amenities could make a suitable location for specialist housing to include older people’s housing and 6 supported living units and would therefore suggest provision at this site."/>
    <s v="Hemel Hempstead"/>
    <x v="35"/>
    <s v="Programme Area"/>
    <s v="On-site"/>
    <s v="Developer"/>
    <s v="Hertfordshire County Council"/>
    <s v="2035-2041"/>
    <m/>
    <m/>
    <x v="8"/>
    <m/>
    <s v="S106"/>
    <m/>
    <m/>
    <s v="A - Per dwelling"/>
    <m/>
    <m/>
    <s v="Essential"/>
    <x v="0"/>
    <x v="0"/>
    <x v="0"/>
    <x v="0"/>
    <x v="0"/>
    <x v="0"/>
    <x v="0"/>
    <m/>
    <s v="Yes"/>
    <m/>
    <m/>
    <m/>
    <m/>
    <m/>
    <m/>
    <m/>
    <m/>
    <m/>
    <m/>
    <m/>
    <m/>
    <m/>
    <m/>
    <m/>
    <m/>
    <m/>
    <m/>
    <m/>
    <m/>
    <m/>
    <m/>
    <m/>
    <m/>
    <m/>
    <m/>
    <m/>
    <m/>
    <m/>
    <m/>
    <m/>
    <m/>
    <m/>
    <m/>
    <n v="500"/>
    <n v="0"/>
    <m/>
    <x v="2"/>
    <x v="2"/>
    <x v="2"/>
    <x v="2"/>
    <x v="2"/>
    <x v="2"/>
    <x v="2"/>
    <x v="2"/>
    <x v="24"/>
    <x v="2"/>
    <x v="2"/>
    <x v="2"/>
    <x v="2"/>
    <x v="2"/>
    <x v="2"/>
    <x v="2"/>
    <x v="2"/>
    <s v=""/>
    <s v=""/>
    <s v=""/>
    <s v=""/>
    <s v=""/>
    <s v=""/>
    <s v=""/>
    <s v=""/>
    <s v=""/>
    <s v=""/>
    <s v=""/>
    <s v=""/>
    <s v=""/>
    <s v=""/>
    <m/>
    <m/>
    <m/>
    <m/>
    <m/>
    <m/>
    <m/>
    <m/>
    <x v="0"/>
    <x v="0"/>
    <x v="0"/>
    <x v="0"/>
    <n v="0"/>
    <n v="0"/>
    <n v="0"/>
    <n v="0"/>
    <s v="No cost was provided by HCC."/>
    <m/>
    <s v="Scheme was provided by HCC through their representations to DBC Regulation 18 Local Plan, verified through engagement with HCC in March 2025."/>
    <s v="Liz Langmaid HCC - The reason for this focus in the Guide to Dev Contributions is because HCC doesn't currently seek S106 for social care provision instead work with LPAs to ensure appropriate housing provision within strategic sites/local plan allocations. Please see Appendix 4 of the HCC Local and Strategic Plans Engagement Document. It is essential that a mix of both private and social care housing is delivered and this provision should be delivered as part of the site mix working with a housing with care provider, HCC, nursing care home provider or registered provider. _x000a_ _x000a_HCC Adult Care Services have shared likely costs based on a couple of recent social care schemes that HCC have worked on (costs provided July 2024):_x000a__x000a_- 75 bed nursing home - £15,000,000-£17,000,000_x000a_- 70-80 unit housing with care - £35,000,000 (more expensive to deliver due to the nature of the self contained accommodation and separate communal spaces/office spaces for staff. Due to these costs many housing with care providers choose to deliver larger unit schemes. Smaller private schemes tend to be high end with higher purchase costs and therefore unaffordable for many.)_x000a__x000a_Please note there is different terminology used within the project description which may be confusing. In earlier responses I mentioned 'IRC' as a way to indicate delivery should be as larger settings, rather than lots of smaller settings, but essentially 'Integrated retirement community' is another term for housing with care and was coined by ARCO. The integration meaning the housing integrated with care and social spaces https://www.arcouk.org.  All housing with care should be delivered as self-contained units with care and communal spaces on site. I would therefore suggest that 'housing with care' is used in order to avoid confusion. There is also a definition for this within the PPG._x000a__x000a_N.B. Older people's housing should also contribute S106 to non children's services such as waste, fire and libraries as detailed in HCC's Guide to Developer Contributions._x000a_"/>
  </r>
  <r>
    <m/>
    <n v="213"/>
    <s v="HS18"/>
    <s v="DBC IDP"/>
    <s v="Dacorum Borough Council"/>
    <x v="5"/>
    <x v="28"/>
    <s v="Adult Care Facilities at Shendish Manor and Fairfields (Hm11)"/>
    <m/>
    <s v="HCC suggests that this location, close to Apsley train station and amenities would make a suitable location for specialist housing to include older people’s housing and 6 supported living units and would therefore suggest provision at this site."/>
    <s v="Hemel Hempstead"/>
    <x v="5"/>
    <s v="Programme Area"/>
    <s v="On-site"/>
    <s v="Developer"/>
    <s v="Hertfordshire County Council"/>
    <s v="2027-2033"/>
    <m/>
    <m/>
    <x v="8"/>
    <m/>
    <s v="S106"/>
    <m/>
    <m/>
    <s v="A - Per dwelling"/>
    <m/>
    <m/>
    <s v="Essential"/>
    <x v="0"/>
    <x v="0"/>
    <x v="0"/>
    <x v="0"/>
    <x v="0"/>
    <x v="0"/>
    <x v="0"/>
    <m/>
    <m/>
    <s v="Yes"/>
    <m/>
    <m/>
    <m/>
    <m/>
    <m/>
    <m/>
    <m/>
    <m/>
    <m/>
    <m/>
    <m/>
    <m/>
    <m/>
    <m/>
    <m/>
    <m/>
    <m/>
    <m/>
    <m/>
    <m/>
    <m/>
    <m/>
    <m/>
    <m/>
    <m/>
    <m/>
    <m/>
    <m/>
    <m/>
    <m/>
    <m/>
    <m/>
    <m/>
    <n v="500"/>
    <n v="0"/>
    <m/>
    <x v="2"/>
    <x v="2"/>
    <x v="2"/>
    <x v="2"/>
    <x v="2"/>
    <x v="2"/>
    <x v="2"/>
    <x v="2"/>
    <x v="2"/>
    <x v="26"/>
    <x v="2"/>
    <x v="2"/>
    <x v="2"/>
    <x v="2"/>
    <x v="2"/>
    <x v="2"/>
    <x v="2"/>
    <s v=""/>
    <s v=""/>
    <s v=""/>
    <s v=""/>
    <s v=""/>
    <s v=""/>
    <s v=""/>
    <s v=""/>
    <s v=""/>
    <s v=""/>
    <s v=""/>
    <s v=""/>
    <s v=""/>
    <s v=""/>
    <m/>
    <m/>
    <m/>
    <m/>
    <m/>
    <m/>
    <m/>
    <m/>
    <x v="0"/>
    <x v="0"/>
    <x v="0"/>
    <x v="0"/>
    <n v="0"/>
    <n v="0"/>
    <n v="0"/>
    <n v="0"/>
    <s v="No cost was provided by HCC."/>
    <m/>
    <s v="Scheme was provided by HCC through their representations to DBC Regulation 18 Local Plan, verified through engagement with HCC in March 2025."/>
    <s v="Liz Langmaid HCC - The reason for this focus in the Guide to Dev Contributions is because HCC doesn't currently seek S106 for social care provision instead work with LPAs to ensure appropriate housing provision within strategic sites/local plan allocations. Please see Appendix 4 of the HCC Local and Strategic Plans Engagement Document. It is essential that a mix of both private and social care housing is delivered and this provision should be delivered as part of the site mix working with a housing with care provider, HCC, nursing care home provider or registered provider. _x000a_ _x000a_HCC Adult Care Services have shared likely costs based on a couple of recent social care schemes that HCC have worked on (costs provided July 2024):_x000a__x000a_- 75 bed nursing home - £15,000,000-£17,000,000_x000a_- 70-80 unit housing with care - £35,000,000 (more expensive to deliver due to the nature of the self contained accommodation and separate communal spaces/office spaces for staff. Due to these costs many housing with care providers choose to deliver larger unit schemes. Smaller private schemes tend to be high end with higher purchase costs and therefore unaffordable for many.)_x000a__x000a_Please note there is different terminology used within the project description which may be confusing. In earlier responses I mentioned 'IRC' as a way to indicate delivery should be as larger settings, rather than lots of smaller settings, but essentially 'Integrated retirement community' is another term for housing with care and was coined by ARCO. The integration meaning the housing integrated with care and social spaces https://www.arcouk.org.  All housing with care should be delivered as self-contained units with care and communal spaces on site. I would therefore suggest that 'housing with care' is used in order to avoid confusion. There is also a definition for this within the PPG._x000a__x000a_N.B. Older people's housing should also contribute S106 to non children's services such as waste, fire and libraries as detailed in HCC's Guide to Developer Contributions._x000a_"/>
  </r>
  <r>
    <m/>
    <n v="214"/>
    <s v="HS19"/>
    <s v="DBC IDP and SADC IDP "/>
    <s v="Cross-boundary"/>
    <x v="5"/>
    <x v="29"/>
    <s v="Ambulance Hub "/>
    <m/>
    <s v="EEAST has identified the need for an upgraded and expanded Ambulance Hub within Hemel Hempstead, close to good road networks with easy access and ideally close to the local hospital. _x000a__x000a_EEAST’s purpose-built Ambulance Hub would require circa 1 ha of land and parking space for up to 50 ambulances/rapid response vehicles and support/operational staff (approx. 200 staff working 24/7). "/>
    <s v="Hemel Garden Communities"/>
    <x v="16"/>
    <s v="Programme Area"/>
    <s v="Off-site"/>
    <s v="NHS East of England Ambulance Service"/>
    <s v="NHS East of England Ambulance Service "/>
    <s v="2026-2041"/>
    <m/>
    <m/>
    <x v="128"/>
    <n v="8100000"/>
    <s v="S106 / External Funding (NHS)"/>
    <n v="0"/>
    <n v="8100000"/>
    <s v="A - Per dwelling"/>
    <m/>
    <m/>
    <s v="Essential"/>
    <x v="2"/>
    <x v="2"/>
    <x v="2"/>
    <x v="2"/>
    <x v="2"/>
    <x v="2"/>
    <x v="2"/>
    <s v="Yes"/>
    <s v="Yes"/>
    <s v="Yes"/>
    <s v="Yes"/>
    <s v="Yes"/>
    <s v="Yes"/>
    <s v="Yes"/>
    <s v="Yes"/>
    <s v="Yes"/>
    <s v="Yes"/>
    <s v="Yes"/>
    <s v="Yes"/>
    <s v="Yes"/>
    <s v="Yes"/>
    <s v="Yes"/>
    <s v="Yes"/>
    <s v="Yes"/>
    <s v="Yes"/>
    <s v="Yes"/>
    <s v="Yes"/>
    <s v="Yes"/>
    <s v="Yes"/>
    <s v="Yes"/>
    <s v="Yes"/>
    <m/>
    <m/>
    <m/>
    <m/>
    <m/>
    <m/>
    <m/>
    <m/>
    <s v="Yes"/>
    <s v="Yes"/>
    <s v="Yes"/>
    <m/>
    <n v="22414"/>
    <n v="361.38127955741948"/>
    <s v="GOOD"/>
    <x v="30"/>
    <x v="26"/>
    <x v="26"/>
    <x v="26"/>
    <x v="27"/>
    <x v="27"/>
    <x v="25"/>
    <x v="27"/>
    <x v="27"/>
    <x v="29"/>
    <x v="28"/>
    <x v="26"/>
    <x v="26"/>
    <x v="27"/>
    <x v="25"/>
    <x v="26"/>
    <x v="24"/>
    <n v="280070.49165700009"/>
    <n v="36138.127955741948"/>
    <n v="36138.127955741948"/>
    <n v="109137.14642634068"/>
    <n v="90345.319889354869"/>
    <n v="144552.51182296779"/>
    <n v="505933.79138038727"/>
    <n v="72637.637191041315"/>
    <n v="78419.737663960026"/>
    <n v="11202.819666280004"/>
    <n v="24212.545730347105"/>
    <n v="54207.191933612921"/>
    <n v="11202.819666280004"/>
    <n v="121424.10993129294"/>
    <s v=""/>
    <s v=""/>
    <s v=""/>
    <s v=""/>
    <s v=""/>
    <s v=""/>
    <s v=""/>
    <s v=""/>
    <x v="23"/>
    <x v="23"/>
    <x v="24"/>
    <x v="2"/>
    <n v="4536780.5835638447"/>
    <n v="1987597.0375658071"/>
    <n v="1575622.3788703489"/>
    <n v="0"/>
    <s v="_x000a_Cost per acre estimated at £750,000 to £1.8m for 1ha._x000a__x000a_Build at 2200m2 GIA at £5,300 psqm = £11.6m._x000a__x000a_Fit out = £1.5m._x000a__x000a_Prof fees at 10% = £1.3m."/>
    <s v="EEAST have commissioned a Service Review which is due to report by end July 2025, which should identify best locations for Ambulance Hubs and number of additional Response Posts required to meet mandated ambulance service response times._x000a__x000a_The Ambulance Hub can include fuel (including Electric Vehicle Charging). Services may include a local workshop to ensure patient-facing vehicles are serviced every 6 weeks to ensure they remain road worthy during the 5-year life of the vehicle. Each workshop can also cover services and repairs essential of capital medical equipment required in each ambulance in order to provide mobile emergency health diagnostic and patient care services. _x000a__x000a_Pharmacy and Digital Technology equipment are also provided from each Hub."/>
    <s v="HWE ICB and NHS System Partner Regulation 19 Response to the DBC Local Plan, and post consultation engagement with EEAST."/>
    <s v="A proportion of the total cost will be funded by external funding sources, such as Treasury funding. The expectation is that all programme and growth areas should contribute to cover the remainder. A 50/50 split is not confirmed but mutually agreed as a sensible starting point."/>
  </r>
  <r>
    <m/>
    <n v="215"/>
    <s v="SL1"/>
    <s v="New Scheme"/>
    <s v="St Albans City &amp; District Council"/>
    <x v="6"/>
    <x v="30"/>
    <s v="Playing pitches provision to support development at North Hemel Hempstead (H1)"/>
    <m/>
    <s v="Associated playing pitch provision in line with the Sport England requirements to support development at North Hemel Hempstead (H1). This includes but is not limited to contributions towards: _x000a_0.4 Artificial Grass Pitches (AGP)_x000a_7.02 Natural Grass Pitches (NGP)_x000a_0.8 Changing rooms for AGP_x000a_7.82 Changing rooms for NGP_x000a_This should be in line with guidance provided by Sport England as well as the latest HGC Framework Plan and is likely to be clustered around North Hemel Hempstead. This list is not considered exhaustive; contributions will also be sought for other types of facilities that go beyond those covered by Sport England's Calculator. "/>
    <s v="Hemel Garden Communities"/>
    <x v="1"/>
    <s v="Growth Area"/>
    <s v="On-site / Off-site"/>
    <s v="Developer"/>
    <s v="St Albans City &amp; District Council"/>
    <s v="2026-2050"/>
    <m/>
    <m/>
    <x v="129"/>
    <m/>
    <s v="S106"/>
    <n v="0"/>
    <n v="3071524"/>
    <s v="A - Per dwelling"/>
    <m/>
    <m/>
    <s v="Important"/>
    <x v="0"/>
    <x v="0"/>
    <x v="0"/>
    <x v="0"/>
    <x v="0"/>
    <x v="0"/>
    <x v="0"/>
    <m/>
    <m/>
    <m/>
    <m/>
    <m/>
    <m/>
    <m/>
    <m/>
    <m/>
    <m/>
    <m/>
    <m/>
    <m/>
    <m/>
    <m/>
    <m/>
    <m/>
    <m/>
    <m/>
    <m/>
    <m/>
    <m/>
    <m/>
    <m/>
    <m/>
    <m/>
    <m/>
    <m/>
    <m/>
    <m/>
    <m/>
    <m/>
    <s v="Yes"/>
    <m/>
    <m/>
    <m/>
    <n v="1500"/>
    <n v="2047.6826666666666"/>
    <n v="3071524"/>
    <x v="2"/>
    <x v="2"/>
    <x v="2"/>
    <x v="2"/>
    <x v="2"/>
    <x v="2"/>
    <x v="2"/>
    <x v="2"/>
    <x v="2"/>
    <x v="2"/>
    <x v="2"/>
    <x v="2"/>
    <x v="2"/>
    <x v="2"/>
    <x v="2"/>
    <x v="2"/>
    <x v="2"/>
    <s v=""/>
    <s v=""/>
    <s v=""/>
    <s v=""/>
    <s v=""/>
    <s v=""/>
    <s v=""/>
    <s v=""/>
    <s v=""/>
    <s v=""/>
    <s v=""/>
    <s v=""/>
    <s v=""/>
    <s v=""/>
    <s v=""/>
    <s v=""/>
    <s v=""/>
    <s v=""/>
    <s v=""/>
    <s v=""/>
    <s v=""/>
    <s v=""/>
    <x v="24"/>
    <x v="3"/>
    <x v="3"/>
    <x v="2"/>
    <n v="0"/>
    <n v="3071524"/>
    <n v="0"/>
    <n v="0"/>
    <s v="This cost has been provided by the Sport England Playing Pitch Calculator. Cost covers only items mentioned below which are included in the Calculator and therefore is not a fully exhaustive cost. Costs indexed to Q3 2024. _x000a_0.4 Artificial Grass Pitches (AGP) = £471,408_x000a_7.02 Natural Grass Pitches (NGP) = £766,465_x000a_0.8 Changing rooms for AGP = £169,271_x000a_7.82 Changing rooms for NGP = £1,664,380_x000a_= £3,071,524"/>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16"/>
    <s v="SL2"/>
    <s v="New Scheme"/>
    <s v="St Albans City &amp; District Council"/>
    <x v="6"/>
    <x v="30"/>
    <s v="Playing pitches provision to support development at East Hemel Hempstead (North) (H2)"/>
    <m/>
    <s v="Associated playing pitch provision in line with the Sport England requirements to support development at East Hemel Hempstead (North) (H2). This includes but is not limited to contributions towards: _x000a_0.42 Artificial Grass Pitches (AGP)_x000a_7.49 Natural Grass Pitches (NGP)_x000a_0.85 Changing rooms for AGP_x000a_8.35 Changing rooms for NGP_x000a_This should be in line with guidance provided by Sport England as well as the latest HGC Framework Plan and is likely to be clustered around East Hemel Hempstead North. This list is not considered exhaustive; contributions will also be sought for other types of facilities that go beyond those covered by Sport England's Calculator. "/>
    <s v="Hemel Garden Communities"/>
    <x v="2"/>
    <s v="Growth Area "/>
    <s v="On-site / Off-site"/>
    <s v="Developer"/>
    <s v="St Albans City &amp; District Council"/>
    <s v="2026-2050"/>
    <m/>
    <m/>
    <x v="130"/>
    <m/>
    <s v="S106"/>
    <n v="0"/>
    <n v="3276323"/>
    <s v="A - Per dwelling"/>
    <m/>
    <m/>
    <s v="Important"/>
    <x v="0"/>
    <x v="0"/>
    <x v="0"/>
    <x v="0"/>
    <x v="0"/>
    <x v="0"/>
    <x v="0"/>
    <m/>
    <m/>
    <m/>
    <m/>
    <m/>
    <m/>
    <m/>
    <m/>
    <m/>
    <m/>
    <m/>
    <m/>
    <m/>
    <m/>
    <m/>
    <m/>
    <m/>
    <m/>
    <m/>
    <m/>
    <m/>
    <m/>
    <m/>
    <m/>
    <m/>
    <m/>
    <m/>
    <m/>
    <m/>
    <m/>
    <m/>
    <m/>
    <m/>
    <s v="Yes"/>
    <m/>
    <m/>
    <n v="1600"/>
    <n v="2047.701875"/>
    <n v="3276323"/>
    <x v="2"/>
    <x v="2"/>
    <x v="2"/>
    <x v="2"/>
    <x v="2"/>
    <x v="2"/>
    <x v="2"/>
    <x v="2"/>
    <x v="2"/>
    <x v="2"/>
    <x v="2"/>
    <x v="2"/>
    <x v="2"/>
    <x v="2"/>
    <x v="2"/>
    <x v="2"/>
    <x v="2"/>
    <s v=""/>
    <s v=""/>
    <s v=""/>
    <s v=""/>
    <s v=""/>
    <s v=""/>
    <s v=""/>
    <s v=""/>
    <s v=""/>
    <s v=""/>
    <s v=""/>
    <s v=""/>
    <s v=""/>
    <s v=""/>
    <s v=""/>
    <s v=""/>
    <s v=""/>
    <s v=""/>
    <s v=""/>
    <s v=""/>
    <s v=""/>
    <s v=""/>
    <x v="3"/>
    <x v="24"/>
    <x v="3"/>
    <x v="2"/>
    <n v="0"/>
    <n v="3276323"/>
    <n v="0"/>
    <n v="0"/>
    <s v="This cost has been provided by the Sport England Playing Pitch Calculator. Cost covers only items mentioned below which are included in the Calculator and therefore is not a fully exhaustive cost. Costs indexed to Q3 2024. _x000a_0.42 Artificial Grass Pitches (AGP) = £502,835_x000a_7.49 Natural Grass Pitches (NGP) = £817,564_x000a_0.85 Changing rooms for AGP = £180,556_x000a_8.35 Changing rooms for NGP = £1,775,367_x000a_= £3,276,323"/>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17"/>
    <s v="SL3"/>
    <s v="New Scheme"/>
    <s v="St Albans City &amp; District Council"/>
    <x v="6"/>
    <x v="30"/>
    <s v="Playing pitches provision to support development at East Hemel Hempstead (South) (H4)"/>
    <m/>
    <s v="Associated playing pitch provision in line with the Sport England requirements to support development at East Hemel Hempstead (South) (H4). This includes but is not limited to contributions towards: _x000a_0.64 Artificial Grass Pitches (AGP)_x000a_11.24 Natural Grass Pitches (NGP)_x000a_1.27 Changing rooms for AGP_x000a_12.52 Changing rooms for NGP_x000a_This should be in line with guidance provided by Sport England as well as the latest HGC Framework Plan and is likely to be clustered around East Hemel Hempstead South. This list is not considered exhaustive; contributions will also be sought for other types of facilities that go beyond those covered by Sport England's Calculator. "/>
    <s v="Hemel Garden Communities"/>
    <x v="3"/>
    <s v="Growth Area "/>
    <s v="On-site / Off-site"/>
    <s v="Developer"/>
    <s v="St Albans City &amp; District Council"/>
    <s v="2026-2050"/>
    <m/>
    <m/>
    <x v="131"/>
    <m/>
    <s v="S106"/>
    <n v="0"/>
    <n v="4914551"/>
    <s v="A - Per dwelling"/>
    <m/>
    <m/>
    <s v="Important"/>
    <x v="0"/>
    <x v="0"/>
    <x v="0"/>
    <x v="0"/>
    <x v="0"/>
    <x v="0"/>
    <x v="0"/>
    <m/>
    <m/>
    <m/>
    <m/>
    <m/>
    <m/>
    <m/>
    <m/>
    <m/>
    <m/>
    <m/>
    <m/>
    <m/>
    <m/>
    <m/>
    <m/>
    <m/>
    <m/>
    <m/>
    <m/>
    <m/>
    <m/>
    <m/>
    <m/>
    <m/>
    <m/>
    <m/>
    <m/>
    <m/>
    <m/>
    <m/>
    <m/>
    <m/>
    <m/>
    <s v="Yes"/>
    <m/>
    <n v="2400"/>
    <n v="2047.7295833333333"/>
    <n v="4914551"/>
    <x v="2"/>
    <x v="2"/>
    <x v="2"/>
    <x v="2"/>
    <x v="2"/>
    <x v="2"/>
    <x v="2"/>
    <x v="2"/>
    <x v="2"/>
    <x v="2"/>
    <x v="2"/>
    <x v="2"/>
    <x v="2"/>
    <x v="2"/>
    <x v="2"/>
    <x v="2"/>
    <x v="2"/>
    <s v=""/>
    <s v=""/>
    <s v=""/>
    <s v=""/>
    <s v=""/>
    <s v=""/>
    <s v=""/>
    <s v=""/>
    <s v=""/>
    <s v=""/>
    <s v=""/>
    <s v=""/>
    <s v=""/>
    <s v=""/>
    <s v=""/>
    <s v=""/>
    <s v=""/>
    <s v=""/>
    <s v=""/>
    <s v=""/>
    <s v=""/>
    <s v=""/>
    <x v="3"/>
    <x v="3"/>
    <x v="25"/>
    <x v="2"/>
    <n v="0"/>
    <n v="4914551"/>
    <n v="0"/>
    <n v="0"/>
    <s v="This cost has been provided by the Sport England Playing Pitch Calculator. Cost covers only items mentioned below which are included in the Calculator and therefore is not a fully exhaustive cost. Costs indexed to Q3 2024. _x000a_0.64 Artificial Grass Pitches (AGP) = £754,250_x000a_11.24 Natural Grass Pitches (NGP) = £1,226,348_x000a_1.27 Changing rooms for AGP = £270,832_x000a_12.52 Changing rooms for NGP = £2,663,120_x000a_= £4,914,551"/>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18"/>
    <s v="SL4"/>
    <s v="New Scheme"/>
    <s v="Dacorum Borough Council"/>
    <x v="6"/>
    <x v="30"/>
    <s v="Playing pitches provision to support development at North Hemel Hempstead (Hm01)"/>
    <m/>
    <s v="Associated playing pitch provision in line with the Sport England requirements to support development at North Hemel Hempstead (Hm01). This includes but is not limited to contributions towards: _x000a_1.03 Artificial Grass Pitches (AGP)_x000a_19.76 Natural Grass Pitches (NGP)_x000a_2.06 Changing rooms for AGP_x000a_20.85 Changing rooms for NGP_x000a_This should be in line with guidance provided by Sport England as well as the latest HGC Framework Plan. This list is not considered exhaustive; contributions will also be sought for other types of facilities that go beyond those covered by Sport England's Calculator. "/>
    <s v="Hemel Garden Communities"/>
    <x v="4"/>
    <s v="Growth Area"/>
    <s v="On-site / Off-site"/>
    <s v="Developer"/>
    <s v="Dacorum Borough Council"/>
    <s v="2026-2050"/>
    <m/>
    <m/>
    <x v="132"/>
    <m/>
    <s v="S106"/>
    <n v="0"/>
    <n v="8348362"/>
    <s v="A - Per dwelling"/>
    <m/>
    <m/>
    <s v="Important"/>
    <x v="2"/>
    <x v="0"/>
    <x v="0"/>
    <x v="0"/>
    <x v="0"/>
    <x v="0"/>
    <x v="0"/>
    <m/>
    <m/>
    <m/>
    <m/>
    <m/>
    <m/>
    <m/>
    <m/>
    <m/>
    <m/>
    <m/>
    <m/>
    <m/>
    <m/>
    <m/>
    <m/>
    <m/>
    <m/>
    <m/>
    <m/>
    <m/>
    <m/>
    <m/>
    <m/>
    <m/>
    <m/>
    <m/>
    <m/>
    <m/>
    <m/>
    <m/>
    <m/>
    <m/>
    <m/>
    <m/>
    <m/>
    <n v="5000"/>
    <n v="1669.6723999999999"/>
    <n v="8348362"/>
    <x v="31"/>
    <x v="2"/>
    <x v="2"/>
    <x v="2"/>
    <x v="2"/>
    <x v="2"/>
    <x v="2"/>
    <x v="2"/>
    <x v="2"/>
    <x v="2"/>
    <x v="2"/>
    <x v="2"/>
    <x v="2"/>
    <x v="2"/>
    <x v="2"/>
    <x v="2"/>
    <x v="2"/>
    <s v=""/>
    <s v=""/>
    <s v=""/>
    <s v=""/>
    <s v=""/>
    <s v=""/>
    <s v=""/>
    <s v=""/>
    <s v=""/>
    <s v=""/>
    <s v=""/>
    <s v=""/>
    <s v=""/>
    <s v=""/>
    <s v=""/>
    <s v=""/>
    <s v=""/>
    <s v=""/>
    <s v=""/>
    <s v=""/>
    <s v=""/>
    <s v=""/>
    <x v="3"/>
    <x v="3"/>
    <x v="3"/>
    <x v="2"/>
    <n v="8348362"/>
    <n v="0"/>
    <n v="0"/>
    <n v="0"/>
    <s v="This cost has been provided by the Sport England Playing Pitch Calculator. Cost covers only items mentioned below which are included in the Calculator and therefore is not a fully exhaustive cost. Costs indexed to Q3 2024. _x000a_1.03 Artificial Grass Pitches (AGP) = £1,237,304 _x000a_19.76 Natural Grass Pitches (NGP) = £2,238,731 _x000a_2.06 Changing rooms for AGP = £438,465 _x000a_20.85 Changing rooms for NGP = £4,433,862 _x000a_= £8,348,362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19"/>
    <s v="SL5"/>
    <s v="New Scheme"/>
    <s v="Dacorum Borough Council"/>
    <x v="6"/>
    <x v="30"/>
    <s v="Playing pitches provision to support development at Civic Zone, Marlowes (Hm02)"/>
    <m/>
    <s v="Associated playing pitch provision in line with the Sport England requirements to support development at Civic Zone, Marlowes (Hm02). This includes but is not limited to contributions towards: _x000a_0.04 Artificial Grass Pitches (AGP)_x000a_0.79 Natural Grass Pitches (NGP)_x000a_0.08 Changing rooms for AGP_x000a_0.83 Changing rooms for NGP_x000a_This list is not considered exhaustive; contributions will also be sought for other types of facilities that go beyond those covered by Sport England's Calculator. "/>
    <s v="Hemel Garden Communities"/>
    <x v="18"/>
    <s v="Programme Area"/>
    <s v="Off-site"/>
    <s v="Developer"/>
    <s v="Dacorum Borough Council"/>
    <s v="2026-2050"/>
    <m/>
    <m/>
    <x v="133"/>
    <m/>
    <s v="S106"/>
    <n v="0"/>
    <n v="333934"/>
    <s v="A - Per dwelling"/>
    <m/>
    <m/>
    <s v="Important"/>
    <x v="0"/>
    <x v="2"/>
    <x v="0"/>
    <x v="0"/>
    <x v="0"/>
    <x v="0"/>
    <x v="0"/>
    <m/>
    <m/>
    <m/>
    <m/>
    <m/>
    <m/>
    <m/>
    <m/>
    <m/>
    <m/>
    <m/>
    <m/>
    <m/>
    <m/>
    <m/>
    <m/>
    <m/>
    <m/>
    <m/>
    <m/>
    <m/>
    <m/>
    <m/>
    <m/>
    <m/>
    <m/>
    <m/>
    <m/>
    <m/>
    <m/>
    <m/>
    <m/>
    <m/>
    <m/>
    <m/>
    <m/>
    <n v="200"/>
    <n v="1669.67"/>
    <n v="333934"/>
    <x v="2"/>
    <x v="27"/>
    <x v="2"/>
    <x v="2"/>
    <x v="2"/>
    <x v="2"/>
    <x v="2"/>
    <x v="2"/>
    <x v="2"/>
    <x v="2"/>
    <x v="2"/>
    <x v="2"/>
    <x v="2"/>
    <x v="2"/>
    <x v="2"/>
    <x v="2"/>
    <x v="2"/>
    <s v=""/>
    <s v=""/>
    <s v=""/>
    <s v=""/>
    <s v=""/>
    <s v=""/>
    <s v=""/>
    <s v=""/>
    <s v=""/>
    <s v=""/>
    <s v=""/>
    <s v=""/>
    <s v=""/>
    <s v=""/>
    <s v=""/>
    <s v=""/>
    <s v=""/>
    <s v=""/>
    <s v=""/>
    <s v=""/>
    <s v=""/>
    <s v=""/>
    <x v="3"/>
    <x v="3"/>
    <x v="3"/>
    <x v="2"/>
    <n v="333934"/>
    <n v="0"/>
    <n v="0"/>
    <n v="0"/>
    <s v="This cost has been provided by the Sport England Playing Pitch Calculator. Cost covers only items mentioned below which are included in the Calculator and therefore is not a fully exhaustive cost. Costs indexed to Q3 2024. _x000a_0.04 Artificial Grass Pitches (AGP) = £49,492 _x000a_0.79 Natural Grass Pitches (NGP) = £89,549 _x000a_0.08 Changing rooms for AGP = £17,539 _x000a_0.83 Changing rooms for NGP = £177,354 _x000a_= £333,934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20"/>
    <s v="SL6"/>
    <s v="New Scheme"/>
    <s v="Dacorum Borough Council"/>
    <x v="6"/>
    <x v="30"/>
    <s v="Playing pitches provision to support development at Hemel Hempstead Hospital (Hm03) and Market Square (Hm05)"/>
    <m/>
    <s v="Associated playing pitch provision in line with the Sport England requirements to support development at Hemel Hospital/Market Square (Hm03). This includes but is not limited to contributions towards: _x000a_0.09 Artificial Grass Pitches (AGP)_x000a_1.78 Natural Grass Pitches (NGP)_x000a_0.19 Changing rooms for AGP_x000a_1.88 Changing rooms for NGP_x000a_This list is not considered exhaustive; contributions will also be sought for other types of facilities that go beyond those covered by Sport England's Calculator. "/>
    <s v="Hemel Garden Communities"/>
    <x v="13"/>
    <s v="Programme Area"/>
    <s v="Off-site"/>
    <s v="Developer"/>
    <s v="Dacorum Borough Council"/>
    <s v="2026-2050"/>
    <m/>
    <m/>
    <x v="134"/>
    <m/>
    <s v="S106"/>
    <n v="0"/>
    <n v="751353"/>
    <s v="A - Per dwelling"/>
    <m/>
    <m/>
    <s v="Important"/>
    <x v="0"/>
    <x v="0"/>
    <x v="2"/>
    <x v="0"/>
    <x v="0"/>
    <x v="0"/>
    <x v="0"/>
    <m/>
    <m/>
    <m/>
    <m/>
    <m/>
    <m/>
    <m/>
    <m/>
    <m/>
    <m/>
    <m/>
    <m/>
    <m/>
    <m/>
    <m/>
    <m/>
    <m/>
    <m/>
    <m/>
    <m/>
    <m/>
    <m/>
    <m/>
    <m/>
    <m/>
    <m/>
    <m/>
    <m/>
    <m/>
    <m/>
    <m/>
    <m/>
    <m/>
    <m/>
    <m/>
    <m/>
    <n v="450"/>
    <n v="1669.6733333333334"/>
    <n v="751353"/>
    <x v="2"/>
    <x v="2"/>
    <x v="27"/>
    <x v="2"/>
    <x v="2"/>
    <x v="2"/>
    <x v="2"/>
    <x v="2"/>
    <x v="2"/>
    <x v="2"/>
    <x v="2"/>
    <x v="2"/>
    <x v="2"/>
    <x v="2"/>
    <x v="2"/>
    <x v="2"/>
    <x v="2"/>
    <s v=""/>
    <s v=""/>
    <s v=""/>
    <s v=""/>
    <s v=""/>
    <s v=""/>
    <s v=""/>
    <s v=""/>
    <s v=""/>
    <s v=""/>
    <s v=""/>
    <s v=""/>
    <s v=""/>
    <s v=""/>
    <s v=""/>
    <s v=""/>
    <s v=""/>
    <s v=""/>
    <s v=""/>
    <s v=""/>
    <s v=""/>
    <s v=""/>
    <x v="3"/>
    <x v="3"/>
    <x v="3"/>
    <x v="2"/>
    <n v="751353"/>
    <n v="0"/>
    <n v="0"/>
    <n v="0"/>
    <s v="This cost has been provided by the Sport England Playing Pitch Calculator. Cost covers only items mentioned below which are included in the Calculator and therefore is not a fully exhaustive cost. Costs indexed to Q3 2024. _x000a_0.09 Artificial Grass Pitches (AGP) = £111,357 _x000a_1.78 Natural Grass Pitches (NGP) = £201,486 _x000a_0.19 Changing rooms for AGP = £39,462 _x000a_1.88 Changing rooms for NGP = £399,048 _x000a_= £751,353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21"/>
    <s v="SL7"/>
    <s v="New Scheme"/>
    <s v="Dacorum Borough Council"/>
    <x v="6"/>
    <x v="30"/>
    <s v="Playing pitches provision to support development at Paradise (Hm04)"/>
    <m/>
    <s v="Associated playing pitch provision in line with the Sport England requirements to support development at Paradise (Hm04). This includes but is not limited to contributions towards: _x000a_0.07 Artificial Grass Pitches (AGP)_x000a_1.38 Natural Grass Pitches (NGP)_x000a_0.14 Changing rooms for AGP_x000a_1.46 Changing rooms for NGP_x000a_This list is not considered exhaustive; contributions will also be sought for other types of facilities that go beyond those covered by Sport England's Calculator. "/>
    <s v="Hemel Garden Communities"/>
    <x v="19"/>
    <s v="Programme Area"/>
    <s v="Off-site"/>
    <s v="Developer"/>
    <s v="Dacorum Borough Council"/>
    <s v="2026-2050"/>
    <m/>
    <m/>
    <x v="135"/>
    <m/>
    <s v="S106"/>
    <n v="0"/>
    <n v="584385"/>
    <s v="A - Per dwelling"/>
    <m/>
    <m/>
    <s v="Important"/>
    <x v="0"/>
    <x v="0"/>
    <x v="0"/>
    <x v="2"/>
    <x v="0"/>
    <x v="0"/>
    <x v="0"/>
    <m/>
    <m/>
    <m/>
    <m/>
    <m/>
    <m/>
    <m/>
    <m/>
    <m/>
    <m/>
    <m/>
    <m/>
    <m/>
    <m/>
    <m/>
    <m/>
    <m/>
    <m/>
    <m/>
    <m/>
    <m/>
    <m/>
    <m/>
    <m/>
    <m/>
    <m/>
    <m/>
    <m/>
    <m/>
    <m/>
    <m/>
    <m/>
    <m/>
    <m/>
    <m/>
    <m/>
    <n v="350"/>
    <n v="1669.6714285714286"/>
    <n v="584385"/>
    <x v="2"/>
    <x v="2"/>
    <x v="2"/>
    <x v="27"/>
    <x v="2"/>
    <x v="2"/>
    <x v="2"/>
    <x v="2"/>
    <x v="2"/>
    <x v="2"/>
    <x v="2"/>
    <x v="2"/>
    <x v="2"/>
    <x v="2"/>
    <x v="2"/>
    <x v="2"/>
    <x v="2"/>
    <s v=""/>
    <s v=""/>
    <s v=""/>
    <s v=""/>
    <s v=""/>
    <s v=""/>
    <s v=""/>
    <s v=""/>
    <s v=""/>
    <s v=""/>
    <s v=""/>
    <s v=""/>
    <s v=""/>
    <s v=""/>
    <s v=""/>
    <s v=""/>
    <s v=""/>
    <s v=""/>
    <s v=""/>
    <s v=""/>
    <s v=""/>
    <s v=""/>
    <x v="3"/>
    <x v="3"/>
    <x v="3"/>
    <x v="2"/>
    <n v="584385"/>
    <n v="0"/>
    <n v="0"/>
    <n v="0"/>
    <s v="This cost has been provided by the Sport England Playing Pitch Calculator. Cost covers only items mentioned below which are included in the Calculator and therefore is not a fully exhaustive cost. Costs indexed to Q3 2024. _x000a_0.07 Artificial Grass Pitches (AGP) = £86,611 _x000a_1.38 Natural Grass Pitches (NGP) = £156,711 _x000a_0.14 Changing rooms for AGP = £30,693 _x000a_1.46 Changing rooms for NGP = £310,370 _x000a_= £584,385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22"/>
    <s v="SL8"/>
    <s v="New Scheme"/>
    <s v="Dacorum Borough Council"/>
    <x v="6"/>
    <x v="30"/>
    <s v="Playing pitches provision to support development at Riverside (Hm06)"/>
    <m/>
    <s v="Associated playing pitch provision in line with the Sport England requirements to support development at Riverside (Hm06). This includes but is not limited to contributions towards: _x000a_0.1 Artificial Grass Pitches (AGP)_x000a_1.98 Natural Grass Pitches (NGP)_x000a_0.21 Changing rooms for AGP_x000a_2.09 Changing rooms for NGP_x000a_This list is not considered exhaustive; contributions will also be sought for other types of facilities that go beyond those covered by Sport England's Calculator. "/>
    <s v="Hemel Garden Communities"/>
    <x v="10"/>
    <s v="Programme Area"/>
    <s v="Off-site"/>
    <s v="Developer"/>
    <s v="Dacorum Borough Council"/>
    <s v="2026-2050"/>
    <m/>
    <m/>
    <x v="136"/>
    <m/>
    <s v="S106"/>
    <n v="0"/>
    <n v="834836"/>
    <s v="A - Per dwelling"/>
    <m/>
    <m/>
    <s v="Important"/>
    <x v="0"/>
    <x v="0"/>
    <x v="0"/>
    <x v="0"/>
    <x v="2"/>
    <x v="0"/>
    <x v="0"/>
    <m/>
    <m/>
    <m/>
    <m/>
    <m/>
    <m/>
    <m/>
    <m/>
    <m/>
    <m/>
    <m/>
    <m/>
    <m/>
    <m/>
    <m/>
    <m/>
    <m/>
    <m/>
    <m/>
    <m/>
    <m/>
    <m/>
    <m/>
    <m/>
    <m/>
    <m/>
    <m/>
    <m/>
    <m/>
    <m/>
    <m/>
    <m/>
    <m/>
    <m/>
    <m/>
    <m/>
    <n v="500"/>
    <n v="1669.672"/>
    <n v="834836"/>
    <x v="2"/>
    <x v="2"/>
    <x v="2"/>
    <x v="2"/>
    <x v="28"/>
    <x v="2"/>
    <x v="2"/>
    <x v="2"/>
    <x v="2"/>
    <x v="2"/>
    <x v="2"/>
    <x v="2"/>
    <x v="2"/>
    <x v="2"/>
    <x v="2"/>
    <x v="2"/>
    <x v="2"/>
    <s v=""/>
    <s v=""/>
    <s v=""/>
    <s v=""/>
    <s v=""/>
    <s v=""/>
    <s v=""/>
    <s v=""/>
    <s v=""/>
    <s v=""/>
    <s v=""/>
    <s v=""/>
    <s v=""/>
    <s v=""/>
    <s v=""/>
    <s v=""/>
    <s v=""/>
    <s v=""/>
    <s v=""/>
    <s v=""/>
    <s v=""/>
    <s v=""/>
    <x v="3"/>
    <x v="3"/>
    <x v="3"/>
    <x v="2"/>
    <n v="834836"/>
    <n v="0"/>
    <n v="0"/>
    <n v="0"/>
    <s v="This cost has been provided by the Sport England Playing Pitch Calculator. Cost covers only items mentioned below which are included in the Calculator and therefore is not a fully exhaustive cost. Costs indexed to Q3 2024. _x000a_0.1 Artificial Grass Pitches (AGP) = £123,730 _x000a_1.98 Natural Grass Pitches (NGP) = £223,873 _x000a_0.21 Changing rooms for AGP = £43,847 _x000a_2.09 Changing rooms for NGP = £443,386 _x000a_= £834,836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23"/>
    <s v="SL9"/>
    <s v="New Scheme"/>
    <s v="Dacorum Borough Council"/>
    <x v="6"/>
    <x v="30"/>
    <s v="Playing pitches provision to support development at Symbio Site, Whiteleaf Road (Hm07)"/>
    <m/>
    <s v="Associated playing pitch provision in line with the Sport England requirements to support development at Symbio Site, Whiteleaf Road (Hm07). This includes but is not limited to contributions towards: _x000a_0.02 Artificial Grass Pitches (AGP)_x000a_0.4 Natural Grass Pitches (NGP)_x000a_0.04 Changing rooms for AGP_x000a_0.42 Changing rooms for NGP_x000a_This list is not considered exhaustive; contributions will also be sought for other types of facilities that go beyond those covered by Sport England's Calculator. "/>
    <s v="Hemel Garden Communities"/>
    <x v="20"/>
    <s v="Programme Area"/>
    <s v="Off-site"/>
    <s v="Developer"/>
    <s v="Dacorum Borough Council"/>
    <s v="2026-2050"/>
    <m/>
    <m/>
    <x v="137"/>
    <m/>
    <s v="S106"/>
    <n v="0"/>
    <n v="166967"/>
    <s v="A - Per dwelling"/>
    <m/>
    <m/>
    <s v="Important"/>
    <x v="0"/>
    <x v="0"/>
    <x v="0"/>
    <x v="0"/>
    <x v="0"/>
    <x v="0"/>
    <x v="2"/>
    <m/>
    <m/>
    <m/>
    <m/>
    <m/>
    <m/>
    <m/>
    <m/>
    <m/>
    <m/>
    <m/>
    <m/>
    <m/>
    <m/>
    <m/>
    <m/>
    <m/>
    <m/>
    <m/>
    <m/>
    <m/>
    <m/>
    <m/>
    <m/>
    <m/>
    <m/>
    <m/>
    <m/>
    <m/>
    <m/>
    <m/>
    <m/>
    <m/>
    <m/>
    <m/>
    <m/>
    <n v="100"/>
    <n v="1669.67"/>
    <n v="166967"/>
    <x v="2"/>
    <x v="2"/>
    <x v="2"/>
    <x v="2"/>
    <x v="2"/>
    <x v="2"/>
    <x v="26"/>
    <x v="2"/>
    <x v="2"/>
    <x v="2"/>
    <x v="2"/>
    <x v="2"/>
    <x v="2"/>
    <x v="2"/>
    <x v="2"/>
    <x v="2"/>
    <x v="2"/>
    <s v=""/>
    <s v=""/>
    <s v=""/>
    <s v=""/>
    <s v=""/>
    <s v=""/>
    <s v=""/>
    <s v=""/>
    <s v=""/>
    <s v=""/>
    <s v=""/>
    <s v=""/>
    <s v=""/>
    <s v=""/>
    <s v=""/>
    <s v=""/>
    <s v=""/>
    <s v=""/>
    <s v=""/>
    <s v=""/>
    <s v=""/>
    <s v=""/>
    <x v="3"/>
    <x v="3"/>
    <x v="3"/>
    <x v="2"/>
    <n v="166967"/>
    <n v="0"/>
    <n v="0"/>
    <n v="0"/>
    <s v="This cost has been provided by the Sport England Playing Pitch Calculator. Cost covers only items mentioned below which are included in the Calculator and therefore is not a fully exhaustive cost. Costs indexed to Q3 2024. _x000a_0.02 Artificial Grass Pitches (AGP) = £24,746 _x000a_0.4 Natural Grass Pitches (NGP) = £44,775 _x000a_0.04 Changing rooms for AGP = £8,769 _x000a_0.42 Changing rooms for NGP = £88,677 _x000a_= £166,967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24"/>
    <s v="SL10"/>
    <s v="New Scheme"/>
    <s v="Dacorum Borough Council"/>
    <x v="6"/>
    <x v="30"/>
    <s v="Playing pitches provision to support development at Hemel Hempstead Station Gateway (Hm08)"/>
    <m/>
    <s v="Associated playing pitch provision in line with the Sport England requirements to support development at Hemel Hempstead Station Gateway (Hm08). This includes but is not limited to contributions towards: _x000a_0.08 Artificial Grass Pitches (AGP)_x000a_1.54 Natural Grass Pitches (NGP)_x000a_0.16 Changing rooms for AGP_x000a_1.63 Changing rooms for NGP_x000a_This list is not considered exhaustive; contributions will also be sought for other types of facilities that go beyond those covered by Sport England's Calculator. "/>
    <s v="Hemel Garden Communities"/>
    <x v="21"/>
    <s v="Programme Area"/>
    <s v="Off-site"/>
    <s v="Developer"/>
    <s v="Dacorum Borough Council"/>
    <s v="2026-2050"/>
    <m/>
    <m/>
    <x v="138"/>
    <m/>
    <s v="S106"/>
    <n v="0"/>
    <n v="651172"/>
    <s v="A - Per dwelling"/>
    <m/>
    <m/>
    <s v="Important"/>
    <x v="0"/>
    <x v="0"/>
    <x v="0"/>
    <x v="0"/>
    <x v="0"/>
    <x v="0"/>
    <x v="0"/>
    <s v="Yes"/>
    <m/>
    <m/>
    <m/>
    <m/>
    <m/>
    <m/>
    <m/>
    <m/>
    <m/>
    <m/>
    <m/>
    <m/>
    <m/>
    <m/>
    <m/>
    <m/>
    <m/>
    <m/>
    <m/>
    <m/>
    <m/>
    <m/>
    <m/>
    <m/>
    <m/>
    <m/>
    <m/>
    <m/>
    <m/>
    <m/>
    <m/>
    <m/>
    <m/>
    <m/>
    <m/>
    <n v="390"/>
    <n v="1669.6717948717949"/>
    <n v="651172"/>
    <x v="2"/>
    <x v="2"/>
    <x v="2"/>
    <x v="2"/>
    <x v="2"/>
    <x v="2"/>
    <x v="2"/>
    <x v="28"/>
    <x v="2"/>
    <x v="2"/>
    <x v="2"/>
    <x v="2"/>
    <x v="2"/>
    <x v="2"/>
    <x v="2"/>
    <x v="2"/>
    <x v="2"/>
    <s v=""/>
    <s v=""/>
    <s v=""/>
    <s v=""/>
    <s v=""/>
    <s v=""/>
    <s v=""/>
    <s v=""/>
    <s v=""/>
    <s v=""/>
    <s v=""/>
    <s v=""/>
    <s v=""/>
    <s v=""/>
    <s v=""/>
    <s v=""/>
    <s v=""/>
    <s v=""/>
    <s v=""/>
    <s v=""/>
    <s v=""/>
    <s v=""/>
    <x v="3"/>
    <x v="3"/>
    <x v="3"/>
    <x v="2"/>
    <n v="651172"/>
    <n v="0"/>
    <n v="0"/>
    <n v="0"/>
    <s v="This cost has been provided by the Sport England Playing Pitch Calculator. Cost covers only items mentioned below which are included in the Calculator and therefore is not a fully exhaustive cost. Costs indexed to Q3 2024. _x000a_0.08 Artificial Grass Pitches (AGP) = £96,510 _x000a_1.54 Natural Grass Pitches (NGP) = £174,621 _x000a_0.16 Changing rooms for AGP = £34,200 _x000a_1.63 Changing rooms for NGP = £345,841 _x000a_= £651,172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25"/>
    <s v="SL11"/>
    <s v="New Scheme"/>
    <s v="Dacorum Borough Council"/>
    <x v="6"/>
    <x v="30"/>
    <s v="Playing pitches provision to support development at National Grid and 339-353 London Road (Hm09)"/>
    <m/>
    <s v="Associated playing pitch provision in line with the Sport England requirements to support development at National Grid and 339-353 London Road (Hm09). This includes but is not limited to contributions towards: _x000a_0.1 Artificial Grass Pitches (AGP)_x000a_1.9 Natural Grass Pitches (NGP)_x000a_0.2 Changing rooms for AGP_x000a_2 Changing rooms for NGP_x000a_This list is not considered exhaustive; contributions will also be sought for other types of facilities that go beyond those covered by Sport England's Calculator. "/>
    <s v="Hemel Garden Communities"/>
    <x v="22"/>
    <s v="Programme Area"/>
    <s v="Off-site"/>
    <s v="Developer"/>
    <s v="Dacorum Borough Council"/>
    <s v="2026-2050"/>
    <m/>
    <m/>
    <x v="139"/>
    <m/>
    <s v="S106"/>
    <n v="0"/>
    <n v="801443"/>
    <s v="A - Per dwelling"/>
    <m/>
    <m/>
    <s v="Important"/>
    <x v="0"/>
    <x v="0"/>
    <x v="0"/>
    <x v="0"/>
    <x v="0"/>
    <x v="2"/>
    <x v="0"/>
    <m/>
    <m/>
    <m/>
    <m/>
    <m/>
    <m/>
    <m/>
    <m/>
    <m/>
    <m/>
    <m/>
    <m/>
    <m/>
    <m/>
    <m/>
    <m/>
    <m/>
    <m/>
    <m/>
    <m/>
    <m/>
    <m/>
    <m/>
    <m/>
    <m/>
    <m/>
    <m/>
    <m/>
    <m/>
    <m/>
    <m/>
    <m/>
    <m/>
    <m/>
    <m/>
    <m/>
    <n v="480"/>
    <n v="1669.6729166666667"/>
    <n v="801443"/>
    <x v="2"/>
    <x v="2"/>
    <x v="2"/>
    <x v="2"/>
    <x v="2"/>
    <x v="28"/>
    <x v="2"/>
    <x v="2"/>
    <x v="2"/>
    <x v="2"/>
    <x v="2"/>
    <x v="2"/>
    <x v="2"/>
    <x v="2"/>
    <x v="2"/>
    <x v="2"/>
    <x v="2"/>
    <s v=""/>
    <s v=""/>
    <s v=""/>
    <s v=""/>
    <s v=""/>
    <s v=""/>
    <s v=""/>
    <s v=""/>
    <s v=""/>
    <s v=""/>
    <s v=""/>
    <s v=""/>
    <s v=""/>
    <s v=""/>
    <s v=""/>
    <s v=""/>
    <s v=""/>
    <s v=""/>
    <s v=""/>
    <s v=""/>
    <s v=""/>
    <s v=""/>
    <x v="3"/>
    <x v="3"/>
    <x v="3"/>
    <x v="2"/>
    <n v="801443"/>
    <n v="0"/>
    <n v="0"/>
    <n v="0"/>
    <s v="This cost has been provided by the Sport England Playing Pitch Calculator. Cost covers only items mentioned below which are included in the Calculator and therefore is not a fully exhaustive cost. Costs indexed to Q3 2024. _x000a_0.1 Artificial Grass Pitches (AGP) = £118,781 _x000a_1.9 Natural Grass Pitches (NGP) = £214,918 _x000a_0.2 Changing rooms for AGP = £42,093 _x000a_2 Changing rooms for NGP = £425,651 _x000a_= £801,443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26"/>
    <s v="SL12"/>
    <s v="New Scheme"/>
    <s v="Dacorum Borough Council"/>
    <x v="6"/>
    <x v="30"/>
    <s v="Playing pitches provision to support development at Apsley Mills Retail Park (Hm10)"/>
    <m/>
    <s v="Associated playing pitch provision in line with the Sport England requirements to support development at Apsley Mills Retail Park (Hm10). This includes but is not limited to contributions towards: _x000a_0.1 Artificial Grass Pitches (AGP)_x000a_1.98 Natural Grass Pitches (NGP)_x000a_0.21 Changing rooms for AGP_x000a_2.09 Changing rooms for NGP_x000a_This list is not considered exhaustive; contributions will also be sought for other types of facilities that go beyond those covered by Sport England's Calculator. "/>
    <s v="Hemel Garden Communities"/>
    <x v="35"/>
    <s v="Programme Area"/>
    <s v="Off-site"/>
    <s v="Developer"/>
    <s v="Dacorum Borough Council"/>
    <s v="2026-2050"/>
    <m/>
    <m/>
    <x v="136"/>
    <m/>
    <s v="S106"/>
    <n v="0"/>
    <n v="834836"/>
    <s v="A - Per dwelling"/>
    <m/>
    <m/>
    <s v="Important"/>
    <x v="0"/>
    <x v="0"/>
    <x v="0"/>
    <x v="0"/>
    <x v="0"/>
    <x v="0"/>
    <x v="0"/>
    <m/>
    <s v="Yes"/>
    <m/>
    <m/>
    <m/>
    <m/>
    <m/>
    <m/>
    <m/>
    <m/>
    <m/>
    <m/>
    <m/>
    <m/>
    <m/>
    <m/>
    <m/>
    <m/>
    <m/>
    <m/>
    <m/>
    <m/>
    <m/>
    <m/>
    <m/>
    <m/>
    <m/>
    <m/>
    <m/>
    <m/>
    <m/>
    <m/>
    <m/>
    <m/>
    <m/>
    <m/>
    <n v="500"/>
    <n v="1669.672"/>
    <n v="834836"/>
    <x v="2"/>
    <x v="2"/>
    <x v="2"/>
    <x v="2"/>
    <x v="2"/>
    <x v="2"/>
    <x v="2"/>
    <x v="2"/>
    <x v="28"/>
    <x v="2"/>
    <x v="2"/>
    <x v="2"/>
    <x v="2"/>
    <x v="2"/>
    <x v="2"/>
    <x v="2"/>
    <x v="2"/>
    <s v=""/>
    <s v=""/>
    <s v=""/>
    <s v=""/>
    <s v=""/>
    <s v=""/>
    <s v=""/>
    <s v=""/>
    <s v=""/>
    <s v=""/>
    <s v=""/>
    <s v=""/>
    <s v=""/>
    <s v=""/>
    <s v=""/>
    <s v=""/>
    <s v=""/>
    <s v=""/>
    <s v=""/>
    <s v=""/>
    <s v=""/>
    <s v=""/>
    <x v="3"/>
    <x v="3"/>
    <x v="3"/>
    <x v="2"/>
    <n v="834836"/>
    <n v="0"/>
    <n v="0"/>
    <n v="0"/>
    <s v="This cost has been provided by the Sport England Playing Pitch Calculator. Cost covers only items mentioned below which are included in the Calculator and therefore is not a fully exhaustive cost. Costs indexed to Q3 2024. _x000a_0.1 Artificial Grass Pitches (AGP) = £123,730 _x000a_1.98 Natural Grass Pitches (NGP) = £223,873 _x000a_0.21 Changing rooms for AGP = £43,847 _x000a_2.09 Changing rooms for NGP = £443,386 _x000a_= £834,836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27"/>
    <s v="SL13"/>
    <s v="New Scheme"/>
    <s v="Dacorum Borough Council"/>
    <x v="6"/>
    <x v="30"/>
    <s v="Playing pitches provision to support development at Shendish Manor and Fairfields (Hm11)"/>
    <m/>
    <s v="Associated playing pitch provision in line with the Sport England requirements to support development at Shendish Manor and Fairfields (Hm11). This includes but is not limited to contributions towards: _x000a_0.1 Artificial Grass Pitches (AGP)_x000a_1.98 Natural Grass Pitches (NGP)_x000a_0.21 Changing rooms for AGP_x000a_2.09 Changing rooms for NGP_x000a_This list is not considered exhaustive; contributions will also be sought for other types of facilities that go beyond those covered by Sport England's Calculator. "/>
    <s v="Hemel Garden Communities"/>
    <x v="5"/>
    <s v="Programme Area"/>
    <s v="On-site / Off-site"/>
    <s v="Developer"/>
    <s v="Dacorum Borough Council"/>
    <s v="2026-2050"/>
    <m/>
    <m/>
    <x v="136"/>
    <m/>
    <s v="S106"/>
    <n v="0"/>
    <n v="834836"/>
    <s v="A - Per dwelling"/>
    <m/>
    <m/>
    <s v="Important"/>
    <x v="0"/>
    <x v="0"/>
    <x v="0"/>
    <x v="0"/>
    <x v="0"/>
    <x v="0"/>
    <x v="0"/>
    <m/>
    <m/>
    <s v="Yes"/>
    <m/>
    <m/>
    <m/>
    <m/>
    <m/>
    <m/>
    <m/>
    <m/>
    <m/>
    <m/>
    <m/>
    <m/>
    <m/>
    <m/>
    <m/>
    <m/>
    <m/>
    <m/>
    <m/>
    <m/>
    <m/>
    <m/>
    <m/>
    <m/>
    <m/>
    <m/>
    <m/>
    <m/>
    <m/>
    <m/>
    <m/>
    <m/>
    <m/>
    <n v="500"/>
    <n v="1669.672"/>
    <n v="834836"/>
    <x v="2"/>
    <x v="2"/>
    <x v="2"/>
    <x v="2"/>
    <x v="2"/>
    <x v="2"/>
    <x v="2"/>
    <x v="2"/>
    <x v="2"/>
    <x v="30"/>
    <x v="2"/>
    <x v="2"/>
    <x v="2"/>
    <x v="2"/>
    <x v="2"/>
    <x v="2"/>
    <x v="2"/>
    <s v=""/>
    <s v=""/>
    <s v=""/>
    <s v=""/>
    <s v=""/>
    <s v=""/>
    <s v=""/>
    <s v=""/>
    <s v=""/>
    <s v=""/>
    <s v=""/>
    <s v=""/>
    <s v=""/>
    <s v=""/>
    <s v=""/>
    <s v=""/>
    <s v=""/>
    <s v=""/>
    <s v=""/>
    <s v=""/>
    <s v=""/>
    <s v=""/>
    <x v="3"/>
    <x v="3"/>
    <x v="3"/>
    <x v="2"/>
    <n v="834836"/>
    <n v="0"/>
    <n v="0"/>
    <n v="0"/>
    <s v="This cost has been provided by the Sport England Playing Pitch Calculator. Cost covers only items mentioned below which are included in the Calculator and therefore is not a fully exhaustive cost. Costs indexed to Q3 2024. _x000a_0.1 Artificial Grass Pitches (AGP) = £123,730 _x000a_1.98 Natural Grass Pitches (NGP) = £223,873 _x000a_0.21 Changing rooms for AGP = £43,847 _x000a_2.09 Changing rooms for NGP = £443,386 _x000a_= £834,836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28"/>
    <s v="SL14"/>
    <s v="New Scheme"/>
    <s v="Dacorum Borough Council"/>
    <x v="6"/>
    <x v="30"/>
    <s v="Playing pitches provision to support development at Plots 2/3 Kier Park, Maylands Avenue (Hm12) "/>
    <m/>
    <s v="Associated playing pitch provision in line with the Sport England requirements to support development at Plots 2/3 Kier Park, Maylands Avenue (Hm12) . This includes but is not limited to contributions towards: _x000a_0.05 Artificial Grass Pitches (AGP)_x000a_0.92 Natural Grass Pitches (NGP)_x000a_0.1 Changing rooms for AGP_x000a_0.98 Changing rooms for NGP_x000a_This list is not considered exhaustive; contributions will also be sought for other types of facilities that go beyond those covered by Sport England's Calculator. "/>
    <s v="Hemel Garden Communities"/>
    <x v="24"/>
    <s v="Programme Area"/>
    <s v="Off-site"/>
    <s v="Developer"/>
    <s v="Dacorum Borough Council"/>
    <s v="2026-2050"/>
    <m/>
    <m/>
    <x v="140"/>
    <m/>
    <s v="S106"/>
    <n v="0"/>
    <n v="390703"/>
    <s v="A - Per dwelling"/>
    <m/>
    <m/>
    <s v="Important"/>
    <x v="0"/>
    <x v="0"/>
    <x v="0"/>
    <x v="0"/>
    <x v="0"/>
    <x v="0"/>
    <x v="0"/>
    <m/>
    <m/>
    <m/>
    <m/>
    <m/>
    <s v="Yes"/>
    <m/>
    <m/>
    <m/>
    <m/>
    <m/>
    <m/>
    <m/>
    <m/>
    <m/>
    <m/>
    <m/>
    <m/>
    <m/>
    <m/>
    <m/>
    <m/>
    <m/>
    <m/>
    <m/>
    <m/>
    <m/>
    <m/>
    <m/>
    <m/>
    <m/>
    <m/>
    <m/>
    <m/>
    <m/>
    <m/>
    <n v="234"/>
    <n v="1669.6709401709402"/>
    <n v="390703"/>
    <x v="2"/>
    <x v="2"/>
    <x v="2"/>
    <x v="2"/>
    <x v="2"/>
    <x v="2"/>
    <x v="2"/>
    <x v="2"/>
    <x v="2"/>
    <x v="2"/>
    <x v="2"/>
    <x v="2"/>
    <x v="27"/>
    <x v="2"/>
    <x v="2"/>
    <x v="2"/>
    <x v="2"/>
    <s v=""/>
    <s v=""/>
    <s v=""/>
    <s v=""/>
    <s v=""/>
    <s v=""/>
    <s v=""/>
    <s v=""/>
    <s v=""/>
    <s v=""/>
    <s v=""/>
    <s v=""/>
    <s v=""/>
    <s v=""/>
    <s v=""/>
    <s v=""/>
    <s v=""/>
    <s v=""/>
    <s v=""/>
    <s v=""/>
    <s v=""/>
    <s v=""/>
    <x v="3"/>
    <x v="3"/>
    <x v="3"/>
    <x v="2"/>
    <n v="390703"/>
    <n v="0"/>
    <n v="0"/>
    <n v="0"/>
    <s v="This cost has been provided by the Sport England Playing Pitch Calculator. Cost covers only items mentioned below which are included in the Calculator and therefore is not a fully exhaustive cost. Costs indexed to Q3 2024. _x000a_0.05 Artificial Grass Pitches (AGP) = £57,906 _x000a_0.92 Natural Grass Pitches (NGP) = £104,773 _x000a_0.1 Changing rooms for AGP = £20,520 _x000a_0.98 Changing rooms for NGP = £207,505 _x000a_= £390,703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29"/>
    <s v="SL15"/>
    <s v="New Scheme"/>
    <s v="Dacorum Borough Council"/>
    <x v="6"/>
    <x v="30"/>
    <s v="Playing pitches provision to support development at Polehanger Lane (Hm13)"/>
    <m/>
    <s v="Associated playing pitch provision in line with the Sport England requirements to support development at Polehanger Lane (Hm13). This includes but is not limited to contributions towards: _x000a_0.15 Artificial Grass Pitches (AGP)_x000a_2.96 Natural Grass Pitches (NGP)_x000a_0.31 Changing rooms for AGP_x000a_3.13 Changing rooms for NGP_x000a_This list is not considered exhaustive; contributions will also be sought for other types of facilities that go beyond those covered by Sport England's Calculator. "/>
    <s v="Hemel Garden Communities"/>
    <x v="6"/>
    <s v="Programme Area"/>
    <s v="On-site"/>
    <s v="Developer"/>
    <s v="Dacorum Borough Council"/>
    <s v="2026-2050"/>
    <m/>
    <m/>
    <x v="141"/>
    <m/>
    <s v="S106"/>
    <n v="0"/>
    <n v="1252254"/>
    <s v="A - Per dwelling"/>
    <m/>
    <m/>
    <s v="Important"/>
    <x v="0"/>
    <x v="0"/>
    <x v="0"/>
    <x v="0"/>
    <x v="0"/>
    <x v="0"/>
    <x v="0"/>
    <m/>
    <m/>
    <m/>
    <s v="Yes"/>
    <m/>
    <m/>
    <m/>
    <m/>
    <m/>
    <m/>
    <m/>
    <m/>
    <m/>
    <m/>
    <m/>
    <m/>
    <m/>
    <m/>
    <m/>
    <m/>
    <m/>
    <m/>
    <m/>
    <m/>
    <m/>
    <m/>
    <m/>
    <m/>
    <m/>
    <m/>
    <m/>
    <m/>
    <m/>
    <m/>
    <m/>
    <m/>
    <n v="750"/>
    <n v="1669.672"/>
    <n v="1252254"/>
    <x v="2"/>
    <x v="2"/>
    <x v="2"/>
    <x v="2"/>
    <x v="2"/>
    <x v="2"/>
    <x v="2"/>
    <x v="2"/>
    <x v="2"/>
    <x v="2"/>
    <x v="29"/>
    <x v="2"/>
    <x v="2"/>
    <x v="2"/>
    <x v="2"/>
    <x v="2"/>
    <x v="2"/>
    <s v=""/>
    <s v=""/>
    <s v=""/>
    <s v=""/>
    <s v=""/>
    <s v=""/>
    <s v=""/>
    <s v=""/>
    <s v=""/>
    <s v=""/>
    <s v=""/>
    <s v=""/>
    <s v=""/>
    <s v=""/>
    <s v=""/>
    <s v=""/>
    <s v=""/>
    <s v=""/>
    <s v=""/>
    <s v=""/>
    <s v=""/>
    <s v=""/>
    <x v="3"/>
    <x v="3"/>
    <x v="3"/>
    <x v="2"/>
    <n v="1252254"/>
    <n v="0"/>
    <n v="0"/>
    <n v="0"/>
    <s v="This cost has been provided by the Sport England Playing Pitch Calculator. Cost covers only items mentioned below which are included in the Calculator and therefore is not a fully exhaustive cost. Costs indexed to Q3 2024. _x000a_0.15 Artificial Grass Pitches (AGP) = £185,596 _x000a_2.96 Natural Grass Pitches (NGP) = £335,810 _x000a_0.31 Changing rooms for AGP = £65,770 _x000a_3.13 Changing rooms for NGP = £665,079 _x000a_= £1,252,254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30"/>
    <s v="SL16"/>
    <s v="New Scheme"/>
    <s v="Dacorum Borough Council"/>
    <x v="6"/>
    <x v="30"/>
    <s v="Playing pitches provision to support development at Marchmont Farm (Hm14)"/>
    <m/>
    <s v="Associated playing pitch provision in line with the Sport England requirements to support development at Marchmont Farm (Hm14). This includes but is not limited to contributions towards: _x000a_0.07 Artificial Grass Pitches (AGP)_x000a_1.38 Natural Grass Pitches (NGP)_x000a_0.14 Changing rooms for AGP_x000a_1.46 Changing rooms for NGP_x000a_This list is not considered exhaustive; contributions will also be sought for other types of facilities that go beyond those covered by Sport England's Calculator. "/>
    <s v="Hemel Garden Communities"/>
    <x v="9"/>
    <s v="Programme Area"/>
    <s v="Off-site"/>
    <s v="Developer"/>
    <s v="Dacorum Borough Council"/>
    <s v="2026-2050"/>
    <m/>
    <m/>
    <x v="135"/>
    <m/>
    <s v="S106"/>
    <n v="0"/>
    <n v="584385"/>
    <s v="A - Per dwelling"/>
    <m/>
    <m/>
    <s v="Important"/>
    <x v="0"/>
    <x v="0"/>
    <x v="0"/>
    <x v="0"/>
    <x v="0"/>
    <x v="0"/>
    <x v="0"/>
    <m/>
    <m/>
    <m/>
    <m/>
    <m/>
    <m/>
    <s v="Yes"/>
    <m/>
    <m/>
    <m/>
    <m/>
    <m/>
    <m/>
    <m/>
    <m/>
    <m/>
    <m/>
    <m/>
    <m/>
    <m/>
    <m/>
    <m/>
    <m/>
    <m/>
    <m/>
    <m/>
    <m/>
    <m/>
    <m/>
    <m/>
    <m/>
    <m/>
    <m/>
    <m/>
    <m/>
    <m/>
    <n v="350"/>
    <n v="1669.6714285714286"/>
    <n v="584385"/>
    <x v="2"/>
    <x v="2"/>
    <x v="2"/>
    <x v="2"/>
    <x v="2"/>
    <x v="2"/>
    <x v="2"/>
    <x v="2"/>
    <x v="2"/>
    <x v="2"/>
    <x v="2"/>
    <x v="2"/>
    <x v="2"/>
    <x v="28"/>
    <x v="2"/>
    <x v="2"/>
    <x v="2"/>
    <s v=""/>
    <s v=""/>
    <s v=""/>
    <s v=""/>
    <s v=""/>
    <s v=""/>
    <s v=""/>
    <s v=""/>
    <s v=""/>
    <s v=""/>
    <s v=""/>
    <s v=""/>
    <s v=""/>
    <s v=""/>
    <s v=""/>
    <s v=""/>
    <s v=""/>
    <s v=""/>
    <s v=""/>
    <s v=""/>
    <s v=""/>
    <s v=""/>
    <x v="3"/>
    <x v="3"/>
    <x v="3"/>
    <x v="2"/>
    <n v="584385"/>
    <n v="0"/>
    <n v="0"/>
    <n v="0"/>
    <s v="This cost has been provided by the Sport England Playing Pitch Calculator. Cost covers only items mentioned below which are included in the Calculator and therefore is not a fully exhaustive cost. Costs indexed to Q3 2024. _x000a_0.07 Artificial Grass Pitches (AGP) = £86,611 _x000a_1.38 Natural Grass Pitches (NGP) = £156,711 _x000a_0.14 Changing rooms for AGP = £30,693 _x000a_1.46 Changing rooms for NGP = £310,370 _x000a_= £584,385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31"/>
    <s v="SL17"/>
    <s v="New Scheme"/>
    <s v="Dacorum Borough Council"/>
    <x v="6"/>
    <x v="30"/>
    <s v="Playing pitches provision to support development at Old Town (Hm15)"/>
    <m/>
    <s v="Associated playing pitch provision in line with the Sport England requirements to support development at Old Town (Hm15). This includes but is not limited to contributions towards: _x000a_0.02 Artificial Grass Pitches (AGP)_x000a_0.36 Natural Grass Pitches (NGP)_x000a_0.04 Changing rooms for AGP_x000a_0.38 Changing rooms for NGP_x000a_This list is not considered exhaustive; contributions will also be sought for other types of facilities that go beyond those covered by Sport England's Calculator. "/>
    <s v="Hemel Garden Communities"/>
    <x v="25"/>
    <s v="Programme Area"/>
    <s v="Off-site"/>
    <s v="Developer"/>
    <s v="Dacorum Borough Council"/>
    <s v="2026-2050"/>
    <m/>
    <m/>
    <x v="142"/>
    <m/>
    <s v="S106"/>
    <n v="0"/>
    <n v="150271"/>
    <s v="A - Per dwelling"/>
    <m/>
    <m/>
    <s v="Important"/>
    <x v="0"/>
    <x v="0"/>
    <x v="0"/>
    <x v="0"/>
    <x v="0"/>
    <x v="0"/>
    <x v="0"/>
    <m/>
    <m/>
    <m/>
    <m/>
    <m/>
    <m/>
    <m/>
    <s v="Yes"/>
    <m/>
    <m/>
    <m/>
    <m/>
    <m/>
    <m/>
    <m/>
    <m/>
    <m/>
    <m/>
    <m/>
    <m/>
    <m/>
    <m/>
    <m/>
    <m/>
    <m/>
    <m/>
    <m/>
    <m/>
    <m/>
    <m/>
    <m/>
    <m/>
    <m/>
    <m/>
    <m/>
    <m/>
    <n v="90"/>
    <n v="1669.6777777777777"/>
    <n v="150271"/>
    <x v="2"/>
    <x v="2"/>
    <x v="2"/>
    <x v="2"/>
    <x v="2"/>
    <x v="2"/>
    <x v="2"/>
    <x v="2"/>
    <x v="2"/>
    <x v="2"/>
    <x v="2"/>
    <x v="2"/>
    <x v="2"/>
    <x v="2"/>
    <x v="26"/>
    <x v="2"/>
    <x v="2"/>
    <s v=""/>
    <s v=""/>
    <s v=""/>
    <s v=""/>
    <s v=""/>
    <s v=""/>
    <s v=""/>
    <s v=""/>
    <s v=""/>
    <s v=""/>
    <s v=""/>
    <s v=""/>
    <s v=""/>
    <s v=""/>
    <s v=""/>
    <s v=""/>
    <s v=""/>
    <s v=""/>
    <s v=""/>
    <s v=""/>
    <s v=""/>
    <s v=""/>
    <x v="3"/>
    <x v="3"/>
    <x v="3"/>
    <x v="2"/>
    <n v="150271"/>
    <n v="0"/>
    <n v="0"/>
    <n v="0"/>
    <s v="This cost has been provided by the Sport England Playing Pitch Calculator. Cost covers only items mentioned below which are included in the Calculator and therefore is not a fully exhaustive cost. Costs indexed to Q3 2024. _x000a_0.02 Artificial Grass Pitches (AGP) = £22,271 _x000a_0.36 Natural Grass Pitches (NGP) = £40,297 _x000a_0.04 Changing rooms for AGP = £7,892 _x000a_0.38 Changing rooms for NGP = £79,810 _x000a_= £150,271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32"/>
    <s v="SL18"/>
    <s v="New Scheme"/>
    <s v="Dacorum Borough Council"/>
    <x v="6"/>
    <x v="30"/>
    <s v="Playing pitches provision to support development at Site to the south of Green Lane (Hm16)"/>
    <m/>
    <s v="Associated playing pitch provision in line with the Sport England requirements to support development at Site to the south of Green Lane (Hm16). This includes but is not limited to contributions towards: _x000a_0.02 Artificial Grass Pitches (AGP)_x000a_0.32 Natural Grass Pitches (NGP)_x000a_0.03 Changing rooms for AGP_x000a_0.33 Changing rooms for NGP_x000a_This list is not considered exhaustive; contributions will also be sought for other types of facilities that go beyond those covered by Sport England's Calculator. "/>
    <s v="Hemel Garden Communities"/>
    <x v="26"/>
    <s v="Programme Area"/>
    <s v="Off-site"/>
    <s v="Developer"/>
    <s v="Dacorum Borough Council"/>
    <s v="2026-2050"/>
    <m/>
    <m/>
    <x v="143"/>
    <m/>
    <s v="S106"/>
    <n v="0"/>
    <n v="133574"/>
    <s v="A - Per dwelling"/>
    <m/>
    <m/>
    <s v="Important"/>
    <x v="0"/>
    <x v="0"/>
    <x v="0"/>
    <x v="0"/>
    <x v="0"/>
    <x v="0"/>
    <x v="0"/>
    <m/>
    <m/>
    <m/>
    <m/>
    <m/>
    <m/>
    <m/>
    <m/>
    <s v="Yes"/>
    <m/>
    <m/>
    <m/>
    <m/>
    <m/>
    <m/>
    <m/>
    <m/>
    <m/>
    <m/>
    <m/>
    <m/>
    <m/>
    <m/>
    <m/>
    <m/>
    <m/>
    <m/>
    <m/>
    <m/>
    <m/>
    <m/>
    <m/>
    <m/>
    <m/>
    <m/>
    <m/>
    <n v="80"/>
    <n v="1669.675"/>
    <n v="133574"/>
    <x v="2"/>
    <x v="2"/>
    <x v="2"/>
    <x v="2"/>
    <x v="2"/>
    <x v="2"/>
    <x v="2"/>
    <x v="2"/>
    <x v="2"/>
    <x v="2"/>
    <x v="2"/>
    <x v="2"/>
    <x v="2"/>
    <x v="2"/>
    <x v="2"/>
    <x v="27"/>
    <x v="2"/>
    <s v=""/>
    <s v=""/>
    <s v=""/>
    <s v=""/>
    <s v=""/>
    <s v=""/>
    <s v=""/>
    <s v=""/>
    <s v=""/>
    <s v=""/>
    <s v=""/>
    <s v=""/>
    <s v=""/>
    <s v=""/>
    <s v=""/>
    <s v=""/>
    <s v=""/>
    <s v=""/>
    <s v=""/>
    <s v=""/>
    <s v=""/>
    <s v=""/>
    <x v="3"/>
    <x v="3"/>
    <x v="3"/>
    <x v="2"/>
    <n v="133574"/>
    <n v="0"/>
    <n v="0"/>
    <n v="0"/>
    <s v="This cost has been provided by the Sport England Playing Pitch Calculator. Cost covers only items mentioned below which are included in the Calculator and therefore is not a fully exhaustive cost. Costs indexed to Q3 2024. _x000a_0.02 Artificial Grass Pitches (AGP) = £19,797 _x000a_0.32 Natural Grass Pitches (NGP) = £35,820 _x000a_0.03 Changing rooms for AGP = £7,015 _x000a_0.33 Changing rooms for NGP = £70,942 _x000a_= £133,574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33"/>
    <s v="SL19"/>
    <s v="New Scheme"/>
    <s v="Dacorum Borough Council"/>
    <x v="6"/>
    <x v="30"/>
    <s v="Playing pitches provision to support development at Grovehill Local Centre"/>
    <m/>
    <s v="Associated playing pitch provision in line with the Sport England requirements to support development at Grovehill Local Centre. This includes but is not limited to contributions towards: _x000a_0.04 Artificial Grass Pitches (AGP)_x000a_0.79 Natural Grass Pitches (NGP)_x000a_0.08 Changing rooms for AGP_x000a_0.83 Changing rooms for NGP_x000a_This list is not considered exhaustive; contributions will also be sought for other types of facilities that go beyond those covered by Sport England's Calculator. "/>
    <s v="Hemel Garden Communities"/>
    <x v="27"/>
    <s v="Programme Area"/>
    <s v="Off-site"/>
    <s v="Developer"/>
    <s v="Dacorum Borough Council"/>
    <s v="2026-2050"/>
    <m/>
    <m/>
    <x v="133"/>
    <m/>
    <s v="S106"/>
    <n v="0"/>
    <n v="333934"/>
    <s v="A - Per dwelling"/>
    <m/>
    <m/>
    <s v="Important"/>
    <x v="0"/>
    <x v="0"/>
    <x v="0"/>
    <x v="0"/>
    <x v="0"/>
    <x v="0"/>
    <x v="0"/>
    <m/>
    <m/>
    <m/>
    <m/>
    <s v="Yes"/>
    <m/>
    <m/>
    <m/>
    <m/>
    <m/>
    <m/>
    <m/>
    <m/>
    <m/>
    <m/>
    <m/>
    <m/>
    <m/>
    <m/>
    <m/>
    <m/>
    <m/>
    <m/>
    <m/>
    <m/>
    <m/>
    <m/>
    <m/>
    <m/>
    <m/>
    <m/>
    <m/>
    <m/>
    <m/>
    <m/>
    <m/>
    <n v="200"/>
    <n v="1669.67"/>
    <n v="333934"/>
    <x v="2"/>
    <x v="2"/>
    <x v="2"/>
    <x v="2"/>
    <x v="2"/>
    <x v="2"/>
    <x v="2"/>
    <x v="2"/>
    <x v="2"/>
    <x v="2"/>
    <x v="2"/>
    <x v="27"/>
    <x v="2"/>
    <x v="2"/>
    <x v="2"/>
    <x v="2"/>
    <x v="2"/>
    <s v=""/>
    <s v=""/>
    <s v=""/>
    <s v=""/>
    <s v=""/>
    <s v=""/>
    <s v=""/>
    <s v=""/>
    <s v=""/>
    <s v=""/>
    <s v=""/>
    <s v=""/>
    <s v=""/>
    <s v=""/>
    <s v=""/>
    <s v=""/>
    <s v=""/>
    <s v=""/>
    <s v=""/>
    <s v=""/>
    <s v=""/>
    <s v=""/>
    <x v="3"/>
    <x v="3"/>
    <x v="3"/>
    <x v="2"/>
    <n v="333934"/>
    <n v="0"/>
    <n v="0"/>
    <n v="0"/>
    <s v="This cost has been provided by the Sport England Playing Pitch Calculator. Cost covers only items mentioned below which are included in the Calculator and therefore is not a fully exhaustive cost. Costs indexed to Q3 2024. _x000a_0.04 Artificial Grass Pitches (AGP) = £49,492 _x000a_0.79 Natural Grass Pitches (NGP) = £89,549 _x000a_0.08 Changing rooms for AGP = £17,539 _x000a_0.83 Changing rooms for NGP = £177,354 _x000a_= £333,934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34"/>
    <s v="SL20"/>
    <s v="New Scheme"/>
    <s v="Dacorum Borough Council"/>
    <x v="6"/>
    <x v="30"/>
    <s v="Playing pitches provision to support development of Windfall"/>
    <m/>
    <s v="Associated playing pitch provision in line with the Sport England requirements to support development of Windfall. This assumption is based on 2316 dwellings and will be addressed and revised through the planning application process. This includes but is not limited to contributions towards: _x000a_0.49 Artificial Grass Pitches (AGP)_x000a_9.41 Natural Grass Pitches (NGP)_x000a_0.98 Changing rooms for AGP_x000a_9.92 Changing rooms for NGP_x000a_This list is not considered exhaustive; contributions will also be sought for other types of facilities that go beyond those covered by Sport England's Calculator. "/>
    <s v="Hemel Garden Communities"/>
    <x v="28"/>
    <s v="Programme Area"/>
    <s v="Off-site"/>
    <s v="Developer"/>
    <s v="Dacorum Borough Council"/>
    <s v="2026-2050"/>
    <m/>
    <m/>
    <x v="144"/>
    <m/>
    <s v="S106"/>
    <n v="0"/>
    <n v="3973820"/>
    <s v="A - Per dwelling"/>
    <m/>
    <m/>
    <s v="Important"/>
    <x v="0"/>
    <x v="0"/>
    <x v="0"/>
    <x v="0"/>
    <x v="0"/>
    <x v="0"/>
    <x v="0"/>
    <m/>
    <m/>
    <m/>
    <m/>
    <m/>
    <m/>
    <m/>
    <m/>
    <m/>
    <s v="Yes"/>
    <m/>
    <m/>
    <m/>
    <m/>
    <m/>
    <m/>
    <m/>
    <m/>
    <m/>
    <m/>
    <m/>
    <m/>
    <m/>
    <m/>
    <m/>
    <m/>
    <m/>
    <m/>
    <m/>
    <m/>
    <m/>
    <m/>
    <m/>
    <m/>
    <m/>
    <m/>
    <n v="2380"/>
    <n v="1669.672268907563"/>
    <n v="3973820"/>
    <x v="2"/>
    <x v="2"/>
    <x v="2"/>
    <x v="2"/>
    <x v="2"/>
    <x v="2"/>
    <x v="2"/>
    <x v="2"/>
    <x v="2"/>
    <x v="2"/>
    <x v="2"/>
    <x v="2"/>
    <x v="2"/>
    <x v="2"/>
    <x v="2"/>
    <x v="2"/>
    <x v="25"/>
    <s v=""/>
    <s v=""/>
    <s v=""/>
    <s v=""/>
    <s v=""/>
    <s v=""/>
    <s v=""/>
    <s v=""/>
    <s v=""/>
    <s v=""/>
    <s v=""/>
    <s v=""/>
    <s v=""/>
    <s v=""/>
    <s v=""/>
    <s v=""/>
    <s v=""/>
    <s v=""/>
    <s v=""/>
    <s v=""/>
    <s v=""/>
    <s v=""/>
    <x v="3"/>
    <x v="3"/>
    <x v="3"/>
    <x v="2"/>
    <n v="3973820"/>
    <n v="0"/>
    <n v="0"/>
    <n v="0"/>
    <s v="This cost has been provided by the Sport England Playing Pitch Calculator. Cost covers only items mentioned below which are included in the Calculator and therefore is not a fully exhaustive cost. Costs indexed to Q3 2024. _x000a_0.49 Artificial Grass Pitches (AGP) = £588,957 _x000a_9.41 Natural Grass Pitches (NGP) = £1,065,636 _x000a_0.98 Changing rooms for AGP = £208,709 _x000a_9.92 Changing rooms for NGP = £2,110,518 _x000a_= £3,973,820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Playing Pitch Calculator (Accessed April 2025), approach and method verified with Sports England Officer during stakeholder engagement March 2025"/>
    <m/>
  </r>
  <r>
    <m/>
    <n v="235"/>
    <s v="SL21"/>
    <s v="SADC IDP"/>
    <s v="St Albans City &amp; District Council"/>
    <x v="6"/>
    <x v="31"/>
    <s v="Sports provision to support development at North Hemel Hempstead (H1)"/>
    <m/>
    <s v="Associated sports provision in line with the Sport England requirements to support development at North Hemel Hempstead (H1). This includes but is not limited to contributions towards:_x000a_0.01 Indoor Bowling Centres_x000a_0.19 Swimming Pools_x000a_0.23 Sports Halls_x000a_0.48 Tennis Courts_x000a_This should be in line with guidance provided by Sport England as well as the latest HGC Framework Plan and is likely to be clustered around North Hemel Hempstead. This list is not considered exhaustive; contributions will also be sought for other types of facilities that go beyond those covered by Sport England's Calculator. "/>
    <s v="Hemel Garden Communities"/>
    <x v="1"/>
    <s v="Growth Area"/>
    <s v="On-site / Off-site"/>
    <s v="Developer"/>
    <s v="St Albans City &amp; District Council"/>
    <s v="2026-2050"/>
    <m/>
    <m/>
    <x v="145"/>
    <m/>
    <s v="S106"/>
    <n v="0"/>
    <n v="1676359"/>
    <s v="A - Per dwelling"/>
    <m/>
    <m/>
    <s v="Important"/>
    <x v="0"/>
    <x v="0"/>
    <x v="0"/>
    <x v="0"/>
    <x v="0"/>
    <x v="0"/>
    <x v="0"/>
    <m/>
    <m/>
    <m/>
    <m/>
    <m/>
    <m/>
    <m/>
    <m/>
    <m/>
    <m/>
    <m/>
    <m/>
    <m/>
    <m/>
    <m/>
    <m/>
    <m/>
    <m/>
    <m/>
    <m/>
    <m/>
    <m/>
    <m/>
    <m/>
    <m/>
    <m/>
    <m/>
    <m/>
    <m/>
    <m/>
    <m/>
    <m/>
    <s v="Yes"/>
    <m/>
    <m/>
    <m/>
    <n v="1500"/>
    <n v="1117.5726666666667"/>
    <n v="1676359"/>
    <x v="2"/>
    <x v="2"/>
    <x v="2"/>
    <x v="2"/>
    <x v="2"/>
    <x v="2"/>
    <x v="2"/>
    <x v="2"/>
    <x v="2"/>
    <x v="2"/>
    <x v="2"/>
    <x v="2"/>
    <x v="2"/>
    <x v="2"/>
    <x v="2"/>
    <x v="2"/>
    <x v="2"/>
    <s v=""/>
    <s v=""/>
    <s v=""/>
    <s v=""/>
    <s v=""/>
    <s v=""/>
    <s v=""/>
    <s v=""/>
    <s v=""/>
    <s v=""/>
    <s v=""/>
    <s v=""/>
    <s v=""/>
    <s v=""/>
    <s v=""/>
    <s v=""/>
    <s v=""/>
    <s v=""/>
    <s v=""/>
    <s v=""/>
    <s v=""/>
    <s v=""/>
    <x v="25"/>
    <x v="3"/>
    <x v="3"/>
    <x v="2"/>
    <n v="0"/>
    <n v="1676359"/>
    <n v="0"/>
    <n v="0"/>
    <s v="This cost has been provided by the Sport England Sports Facilities Calculator. Cost covers only items mentioned below which are included in the Calculator and therefore is not a fully exhaustive cost. Costs indexed to Q3 2024. _x000a__x000a_0.01 Indoor Bowling Centres = £25,975_x000a_0.19 Swimming Pools = £875,916_x000a_0.23 Sports Halls = £718,625_x000a_0.48 Tennis Courts = £55,843_x000a_= £1,676,359"/>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36"/>
    <s v="SL22"/>
    <s v="SADC IDP"/>
    <s v="St Albans City &amp; District Council"/>
    <x v="6"/>
    <x v="31"/>
    <s v="Sports provision to support development at East Hemel Hempstead (North) (H2)"/>
    <m/>
    <s v="Associated sports provision in line with the Sports England requirements to support development at East Hemel Hempstead (North) (H2). This includes but is not limited to contributions towards:_x000a_0.01 Indoor Bowling Centres_x000a_0.20 Swimming Pools_x000a_0.25 Sports Halls_x000a_0.51 Tennis Courts_x000a_This should be in line with guidance provided by Sport England as well as the latest HGC Framework Plan and is likely to be clustered around East Hemel Hempstead North. This list is not considered exhaustive; contributions will also be sought for other types of facilities that go beyond those covered by Sport England's Calculator. "/>
    <s v="Hemel Garden Communities"/>
    <x v="2"/>
    <s v="Growth Area "/>
    <s v="On-site / Off-site"/>
    <s v="Developer"/>
    <s v="St Albans City &amp; District Council"/>
    <s v="2026-2050"/>
    <m/>
    <m/>
    <x v="146"/>
    <m/>
    <s v="S106"/>
    <n v="0"/>
    <n v="1788917"/>
    <s v="A - Per dwelling"/>
    <m/>
    <m/>
    <s v="Important"/>
    <x v="0"/>
    <x v="0"/>
    <x v="0"/>
    <x v="0"/>
    <x v="0"/>
    <x v="0"/>
    <x v="0"/>
    <m/>
    <m/>
    <m/>
    <m/>
    <m/>
    <m/>
    <m/>
    <m/>
    <m/>
    <m/>
    <m/>
    <m/>
    <m/>
    <m/>
    <m/>
    <m/>
    <m/>
    <m/>
    <m/>
    <m/>
    <m/>
    <m/>
    <m/>
    <m/>
    <m/>
    <m/>
    <m/>
    <m/>
    <m/>
    <m/>
    <m/>
    <m/>
    <m/>
    <s v="Yes"/>
    <m/>
    <m/>
    <n v="1600"/>
    <n v="1118.0731249999999"/>
    <n v="1788917"/>
    <x v="2"/>
    <x v="2"/>
    <x v="2"/>
    <x v="2"/>
    <x v="2"/>
    <x v="2"/>
    <x v="2"/>
    <x v="2"/>
    <x v="2"/>
    <x v="2"/>
    <x v="2"/>
    <x v="2"/>
    <x v="2"/>
    <x v="2"/>
    <x v="2"/>
    <x v="2"/>
    <x v="2"/>
    <s v=""/>
    <s v=""/>
    <s v=""/>
    <s v=""/>
    <s v=""/>
    <s v=""/>
    <s v=""/>
    <s v=""/>
    <s v=""/>
    <s v=""/>
    <s v=""/>
    <s v=""/>
    <s v=""/>
    <s v=""/>
    <s v=""/>
    <s v=""/>
    <s v=""/>
    <s v=""/>
    <s v=""/>
    <s v=""/>
    <s v=""/>
    <s v=""/>
    <x v="3"/>
    <x v="25"/>
    <x v="3"/>
    <x v="2"/>
    <n v="0"/>
    <n v="1788917"/>
    <n v="0"/>
    <n v="0"/>
    <s v="This cost has been provided by the Sport England Sports Facilities Calculator. Cost covers only items mentioned below which are included in the Calculator and therefore is not a fully exhaustive cost. Costs indexed to Q3 2024._x000a__x000a_0.01 Indoor Bowling Centres = £27,707_x000a_0.19 Swimming Pools = £934,311_x000a_0.23 Sports Halls = £766,533_x000a_0.48 Tennis Courts = £59,566_x000a_=£1,788,917"/>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37"/>
    <s v="SL23"/>
    <s v="SADC IDP"/>
    <s v="St Albans City &amp; District Council"/>
    <x v="6"/>
    <x v="31"/>
    <s v="Sports provision to support development at East Hemel Hempstead (South) (H4)"/>
    <m/>
    <s v="Associated sports provision in line with the Sports England requirements to support development at East Hemel Hempstead (South) (H4). This includes but is not limited to contributions towards:_x000a_0.01 Indoor Bowling Centres_x000a_0.30 Swimming Pools_x000a_0.37 Sports Halls_x000a_0.76 Tennis Courts_x000a_This should be in line with guidance provided by Sport England as well as the latest HGC Framework Plan and is likely to be clustered around East Hemel Hempstead South. This list is not considered exhaustive; contributions will also be sought for other types of facilities that go beyond those covered by Sport England's Calculator. "/>
    <s v="Hemel Garden Communities"/>
    <x v="3"/>
    <s v="Growth Area "/>
    <s v="On-site / Off-site"/>
    <s v="Developer"/>
    <s v="St Albans City &amp; District Council"/>
    <s v="2026-2050"/>
    <m/>
    <m/>
    <x v="147"/>
    <m/>
    <s v="S106"/>
    <n v="0"/>
    <n v="2682176"/>
    <s v="A - Per dwelling"/>
    <m/>
    <m/>
    <s v="Important"/>
    <x v="0"/>
    <x v="0"/>
    <x v="0"/>
    <x v="0"/>
    <x v="0"/>
    <x v="0"/>
    <x v="0"/>
    <m/>
    <m/>
    <m/>
    <m/>
    <m/>
    <m/>
    <m/>
    <m/>
    <m/>
    <m/>
    <m/>
    <m/>
    <m/>
    <m/>
    <m/>
    <m/>
    <m/>
    <m/>
    <m/>
    <m/>
    <m/>
    <m/>
    <m/>
    <m/>
    <m/>
    <m/>
    <m/>
    <m/>
    <m/>
    <m/>
    <m/>
    <m/>
    <m/>
    <m/>
    <s v="Yes"/>
    <m/>
    <n v="2400"/>
    <n v="1117.5733333333333"/>
    <n v="2682176"/>
    <x v="2"/>
    <x v="2"/>
    <x v="2"/>
    <x v="2"/>
    <x v="2"/>
    <x v="2"/>
    <x v="2"/>
    <x v="2"/>
    <x v="2"/>
    <x v="2"/>
    <x v="2"/>
    <x v="2"/>
    <x v="2"/>
    <x v="2"/>
    <x v="2"/>
    <x v="2"/>
    <x v="2"/>
    <s v=""/>
    <s v=""/>
    <s v=""/>
    <s v=""/>
    <s v=""/>
    <s v=""/>
    <s v=""/>
    <s v=""/>
    <s v=""/>
    <s v=""/>
    <s v=""/>
    <s v=""/>
    <s v=""/>
    <s v=""/>
    <s v=""/>
    <s v=""/>
    <s v=""/>
    <s v=""/>
    <s v=""/>
    <s v=""/>
    <s v=""/>
    <s v=""/>
    <x v="3"/>
    <x v="3"/>
    <x v="26"/>
    <x v="2"/>
    <n v="0"/>
    <n v="2682176"/>
    <n v="0"/>
    <n v="0"/>
    <s v="This cost has been provided by the Sport England Sports Facilities Calculator. Cost covers only items mentioned below which are included in the Calculator and therefore is not a fully exhaustive cost. Costs indexed to Q3 2024._x000a__x000a_0.01 Indoor Bowling Centres = £41,561_x000a_0.19 Swimming Pools = £1,401,466_x000a_0.23 Sports Halls = £1,149,800_x000a_0.48 Tennis Courts = £89,349_x000a_=£2,682,176"/>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38"/>
    <s v="SL24"/>
    <s v="New Scheme"/>
    <s v="Dacorum Borough Council"/>
    <x v="6"/>
    <x v="31"/>
    <s v="Sports provision to support development at North Hemel Hempstead (Hm01)"/>
    <m/>
    <s v="Associated sports provision in line with the Sport England requirements to support development at North Hemel Hempstead (Hm01). This includes but is not limited to contributions towards: _x000a_0.03 Indoor Bowling Centres_x000a_0.61 Swimming Pools_x000a_0.78 Sports Halls_x000a_1.59 Tennis Courts_x000a_This should be in line with guidance provided by Sport England as well as the latest HGC Framework Plan. This list is not considered exhaustive; contributions will also be sought for other types of facilities that go beyond those covered by Sport England's Calculator. "/>
    <s v="Hemel Garden Communities"/>
    <x v="4"/>
    <s v="Growth Area"/>
    <s v="On-site / Off-site"/>
    <s v="Developer"/>
    <s v="Dacorum Borough Council"/>
    <s v="2026-2050"/>
    <m/>
    <m/>
    <x v="148"/>
    <m/>
    <s v="S106"/>
    <n v="0"/>
    <n v="5562272"/>
    <s v="A - Per dwelling"/>
    <m/>
    <m/>
    <s v="Important"/>
    <x v="2"/>
    <x v="0"/>
    <x v="0"/>
    <x v="0"/>
    <x v="0"/>
    <x v="0"/>
    <x v="0"/>
    <m/>
    <m/>
    <m/>
    <m/>
    <m/>
    <m/>
    <m/>
    <m/>
    <m/>
    <m/>
    <m/>
    <m/>
    <m/>
    <m/>
    <m/>
    <m/>
    <m/>
    <m/>
    <m/>
    <m/>
    <m/>
    <m/>
    <m/>
    <m/>
    <m/>
    <m/>
    <m/>
    <m/>
    <m/>
    <m/>
    <m/>
    <m/>
    <m/>
    <m/>
    <m/>
    <m/>
    <n v="5000"/>
    <n v="1112.4544000000001"/>
    <n v="5562272"/>
    <x v="32"/>
    <x v="2"/>
    <x v="2"/>
    <x v="2"/>
    <x v="2"/>
    <x v="2"/>
    <x v="2"/>
    <x v="2"/>
    <x v="2"/>
    <x v="2"/>
    <x v="2"/>
    <x v="2"/>
    <x v="2"/>
    <x v="2"/>
    <x v="2"/>
    <x v="2"/>
    <x v="2"/>
    <s v=""/>
    <s v=""/>
    <s v=""/>
    <s v=""/>
    <s v=""/>
    <s v=""/>
    <s v=""/>
    <s v=""/>
    <s v=""/>
    <s v=""/>
    <s v=""/>
    <s v=""/>
    <s v=""/>
    <s v=""/>
    <s v=""/>
    <s v=""/>
    <s v=""/>
    <s v=""/>
    <s v=""/>
    <s v=""/>
    <s v=""/>
    <s v=""/>
    <x v="3"/>
    <x v="3"/>
    <x v="3"/>
    <x v="2"/>
    <n v="5562272"/>
    <n v="0"/>
    <n v="0"/>
    <n v="0"/>
    <s v="This cost has been provided by the Sport England Sports Facilities Calculator. Cost covers only items mentioned below which are included in the Calculator and therefore is not a fully exhaustive cost. Costs indexed to Q3 2024. _x000a__x000a_0.03 Indoor Bowling Centres = £87,736 _x000a_0.61 Swimming Pools = £2,890,117 _x000a_0.78 Sports Halls = £2,398,552 _x000a_1.59 Tennis Courts = £185,867 _x000a_= £5,562,272"/>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39"/>
    <s v="SL25"/>
    <s v="New Scheme"/>
    <s v="Dacorum Borough Council"/>
    <x v="6"/>
    <x v="31"/>
    <s v="Sports provision to support development at Civic Zone, Marlowes (Hm02)"/>
    <m/>
    <s v="Associated sports provision in line with the Sport England requirements to support development at Civic Zone, Marlowes (Hm02). This includes but is not limited to contributions towards: _x000a_0 Indoor Bowling Centres_x000a_0.02 Swimming Pools_x000a_0.03 Sports Halls_x000a_0.06 Tennis Courts_x000a_This list is not considered exhaustive; contributions will also be sought for other types of facilities that go beyond those covered by Sport England's Calculator. "/>
    <s v="Hemel Garden Communities"/>
    <x v="18"/>
    <s v="Programme Area"/>
    <s v="Off-site"/>
    <s v="Developer"/>
    <s v="Dacorum Borough Council"/>
    <s v="2026-2050"/>
    <m/>
    <m/>
    <x v="149"/>
    <m/>
    <s v="S106"/>
    <n v="0"/>
    <n v="222491"/>
    <s v="A - Per dwelling"/>
    <m/>
    <m/>
    <s v="Important"/>
    <x v="0"/>
    <x v="2"/>
    <x v="0"/>
    <x v="0"/>
    <x v="0"/>
    <x v="0"/>
    <x v="0"/>
    <m/>
    <m/>
    <m/>
    <m/>
    <m/>
    <m/>
    <m/>
    <m/>
    <m/>
    <m/>
    <m/>
    <m/>
    <m/>
    <m/>
    <m/>
    <m/>
    <m/>
    <m/>
    <m/>
    <m/>
    <m/>
    <m/>
    <m/>
    <m/>
    <m/>
    <m/>
    <m/>
    <m/>
    <m/>
    <m/>
    <m/>
    <m/>
    <m/>
    <m/>
    <m/>
    <m/>
    <n v="200"/>
    <n v="1112.4549999999999"/>
    <n v="222491"/>
    <x v="2"/>
    <x v="28"/>
    <x v="2"/>
    <x v="2"/>
    <x v="2"/>
    <x v="2"/>
    <x v="2"/>
    <x v="2"/>
    <x v="2"/>
    <x v="2"/>
    <x v="2"/>
    <x v="2"/>
    <x v="2"/>
    <x v="2"/>
    <x v="2"/>
    <x v="2"/>
    <x v="2"/>
    <s v=""/>
    <s v=""/>
    <s v=""/>
    <s v=""/>
    <s v=""/>
    <s v=""/>
    <s v=""/>
    <s v=""/>
    <s v=""/>
    <s v=""/>
    <s v=""/>
    <s v=""/>
    <s v=""/>
    <s v=""/>
    <s v=""/>
    <s v=""/>
    <s v=""/>
    <s v=""/>
    <s v=""/>
    <s v=""/>
    <s v=""/>
    <s v=""/>
    <x v="3"/>
    <x v="3"/>
    <x v="3"/>
    <x v="2"/>
    <n v="222491"/>
    <n v="0"/>
    <n v="0"/>
    <n v="0"/>
    <s v="This cost has been provided by the Sport England Sports Facilities Calculator. Cost covers only items mentioned below which are included in the Calculator and therefore is not a fully exhaustive cost. Costs indexed to Q3 2024._x000a__x000a_0 Indoor Bowling Centres = £3,509 _x000a_0.02 Swimming Pools = £115,605 _x000a_0.03 Sports Halls = £95,942 _x000a_0.06 Tennis Courts = £7,435 _x000a_= £222,491"/>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40"/>
    <s v="SL26"/>
    <s v="New Scheme"/>
    <s v="Dacorum Borough Council"/>
    <x v="6"/>
    <x v="31"/>
    <s v="Sports provision to support development at Hemel Hempstead Hospital / Market Square (Hm03)"/>
    <m/>
    <s v="Associated sports provision in line with the Sport England requirements to support development at Hemel Hospital/Market Square (Hm03). This includes but is not limited to contributions towards: _x000a_0 Indoor Bowling Centres_x000a_0.05 Swimming Pools_x000a_0.07 Sports Halls_x000a_0.14 Tennis Courts_x000a_This list is not considered exhaustive; contributions will also be sought for other types of facilities that go beyond those covered by Sport England's Calculator. "/>
    <s v="Hemel Garden Communities"/>
    <x v="13"/>
    <s v="Programme Area"/>
    <s v="Off-site"/>
    <s v="Developer"/>
    <s v="Dacorum Borough Council"/>
    <s v="2026-2050"/>
    <m/>
    <m/>
    <x v="150"/>
    <m/>
    <s v="S106"/>
    <n v="0"/>
    <n v="500604"/>
    <s v="A - Per dwelling"/>
    <m/>
    <m/>
    <s v="Important"/>
    <x v="0"/>
    <x v="0"/>
    <x v="2"/>
    <x v="0"/>
    <x v="0"/>
    <x v="0"/>
    <x v="0"/>
    <m/>
    <m/>
    <m/>
    <m/>
    <m/>
    <m/>
    <m/>
    <m/>
    <m/>
    <m/>
    <m/>
    <m/>
    <m/>
    <m/>
    <m/>
    <m/>
    <m/>
    <m/>
    <m/>
    <m/>
    <m/>
    <m/>
    <m/>
    <m/>
    <m/>
    <m/>
    <m/>
    <m/>
    <m/>
    <m/>
    <m/>
    <m/>
    <m/>
    <m/>
    <m/>
    <m/>
    <n v="450"/>
    <n v="1112.4533333333334"/>
    <n v="500604"/>
    <x v="2"/>
    <x v="2"/>
    <x v="28"/>
    <x v="2"/>
    <x v="2"/>
    <x v="2"/>
    <x v="2"/>
    <x v="2"/>
    <x v="2"/>
    <x v="2"/>
    <x v="2"/>
    <x v="2"/>
    <x v="2"/>
    <x v="2"/>
    <x v="2"/>
    <x v="2"/>
    <x v="2"/>
    <s v=""/>
    <s v=""/>
    <s v=""/>
    <s v=""/>
    <s v=""/>
    <s v=""/>
    <s v=""/>
    <s v=""/>
    <s v=""/>
    <s v=""/>
    <s v=""/>
    <s v=""/>
    <s v=""/>
    <s v=""/>
    <s v=""/>
    <s v=""/>
    <s v=""/>
    <s v=""/>
    <s v=""/>
    <s v=""/>
    <s v=""/>
    <s v=""/>
    <x v="3"/>
    <x v="3"/>
    <x v="3"/>
    <x v="2"/>
    <n v="500604"/>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7,896 _x000a_0.05 Swimming Pools = £260,111 _x000a_0.07 Sports Halls = £215,870 _x000a_0.14 Tennis Courts = £16,728 _x000a_= £500,604"/>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41"/>
    <s v="SL27"/>
    <s v="New Scheme"/>
    <s v="Dacorum Borough Council"/>
    <x v="6"/>
    <x v="31"/>
    <s v="Sports provision to support development at Paradise (Hm04)"/>
    <m/>
    <s v="Associated sports provision in line with the Sport England requirements to support development at Paradise (Hm04). This includes but is not limited to contributions towards: _x000a_0 Indoor Bowling Centres_x000a_0.04 Swimming Pools_x000a_0.05 Sports Halls_x000a_0.11 Tennis Courts_x000a_This list is not considered exhaustive; contributions will also be sought for other types of facilities that go beyond those covered by Sport England's Calculator. "/>
    <s v="Hemel Garden Communities"/>
    <x v="19"/>
    <s v="Programme Area"/>
    <s v="Off-site"/>
    <s v="Developer"/>
    <s v="Dacorum Borough Council"/>
    <s v="2026-2050"/>
    <m/>
    <m/>
    <x v="151"/>
    <m/>
    <s v="S106"/>
    <n v="0"/>
    <n v="389359"/>
    <s v="A - Per dwelling"/>
    <m/>
    <m/>
    <s v="Important"/>
    <x v="0"/>
    <x v="0"/>
    <x v="0"/>
    <x v="2"/>
    <x v="0"/>
    <x v="0"/>
    <x v="0"/>
    <m/>
    <m/>
    <m/>
    <m/>
    <m/>
    <m/>
    <m/>
    <m/>
    <m/>
    <m/>
    <m/>
    <m/>
    <m/>
    <m/>
    <m/>
    <m/>
    <m/>
    <m/>
    <m/>
    <m/>
    <m/>
    <m/>
    <m/>
    <m/>
    <m/>
    <m/>
    <m/>
    <m/>
    <m/>
    <m/>
    <m/>
    <m/>
    <m/>
    <m/>
    <m/>
    <m/>
    <n v="350"/>
    <n v="1112.4542857142858"/>
    <n v="389359"/>
    <x v="2"/>
    <x v="2"/>
    <x v="2"/>
    <x v="28"/>
    <x v="2"/>
    <x v="2"/>
    <x v="2"/>
    <x v="2"/>
    <x v="2"/>
    <x v="2"/>
    <x v="2"/>
    <x v="2"/>
    <x v="2"/>
    <x v="2"/>
    <x v="2"/>
    <x v="2"/>
    <x v="2"/>
    <s v=""/>
    <s v=""/>
    <s v=""/>
    <s v=""/>
    <s v=""/>
    <s v=""/>
    <s v=""/>
    <s v=""/>
    <s v=""/>
    <s v=""/>
    <s v=""/>
    <s v=""/>
    <s v=""/>
    <s v=""/>
    <s v=""/>
    <s v=""/>
    <s v=""/>
    <s v=""/>
    <s v=""/>
    <s v=""/>
    <s v=""/>
    <s v=""/>
    <x v="3"/>
    <x v="3"/>
    <x v="3"/>
    <x v="2"/>
    <n v="389359"/>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6,142 _x000a_0.04 Swimming Pools = £202,308 _x000a_0.05 Sports Halls = £167,899 _x000a_0.11 Tennis Courts = £13,011 _x000a_= £389,359"/>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42"/>
    <s v="SL28"/>
    <s v="New Scheme"/>
    <s v="Dacorum Borough Council"/>
    <x v="6"/>
    <x v="31"/>
    <s v="Sports provision to support development at Riverside (Hm06)"/>
    <m/>
    <s v="Associated sports provision in line with the Sport England requirements to support development at Riverside (Hm06). This includes contributions towards:_x000a_0 Indoor Bowling Centres_x000a_0.06 Swimming Pools_x000a_0.08 Sports Halls_x000a_0.16 Tennis Courts_x000a_This list is not considered exhaustive; contributions will also be sought for other types of facilities that go beyond those covered by Sport England's Calculator. "/>
    <s v="Hemel Garden Communities"/>
    <x v="10"/>
    <s v="Programme Area"/>
    <s v="Off-site"/>
    <s v="Developer"/>
    <s v="Dacorum Borough Council"/>
    <s v="2026-2050"/>
    <m/>
    <m/>
    <x v="152"/>
    <m/>
    <s v="S106"/>
    <n v="0"/>
    <n v="556227"/>
    <s v="A - Per dwelling"/>
    <m/>
    <m/>
    <s v="Important"/>
    <x v="0"/>
    <x v="0"/>
    <x v="0"/>
    <x v="0"/>
    <x v="2"/>
    <x v="0"/>
    <x v="0"/>
    <m/>
    <m/>
    <m/>
    <m/>
    <m/>
    <m/>
    <m/>
    <m/>
    <m/>
    <m/>
    <m/>
    <m/>
    <m/>
    <m/>
    <m/>
    <m/>
    <m/>
    <m/>
    <m/>
    <m/>
    <m/>
    <m/>
    <m/>
    <m/>
    <m/>
    <m/>
    <m/>
    <m/>
    <m/>
    <m/>
    <m/>
    <m/>
    <m/>
    <m/>
    <m/>
    <m/>
    <n v="500"/>
    <n v="1112.454"/>
    <n v="556227"/>
    <x v="2"/>
    <x v="2"/>
    <x v="2"/>
    <x v="2"/>
    <x v="29"/>
    <x v="2"/>
    <x v="2"/>
    <x v="2"/>
    <x v="2"/>
    <x v="2"/>
    <x v="2"/>
    <x v="2"/>
    <x v="2"/>
    <x v="2"/>
    <x v="2"/>
    <x v="2"/>
    <x v="2"/>
    <s v=""/>
    <s v=""/>
    <s v=""/>
    <s v=""/>
    <s v=""/>
    <s v=""/>
    <s v=""/>
    <s v=""/>
    <s v=""/>
    <s v=""/>
    <s v=""/>
    <s v=""/>
    <s v=""/>
    <s v=""/>
    <s v=""/>
    <s v=""/>
    <s v=""/>
    <s v=""/>
    <s v=""/>
    <s v=""/>
    <s v=""/>
    <s v=""/>
    <x v="3"/>
    <x v="3"/>
    <x v="3"/>
    <x v="2"/>
    <n v="556227"/>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8,774 _x000a_0.06 Swimming Pools = £289,012 _x000a_0.08 Sports Halls = £239,855 _x000a_0.16 Tennis Courts = £18,587 _x000a_= £556,227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43"/>
    <s v="SL29"/>
    <s v="New Scheme"/>
    <s v="Dacorum Borough Council"/>
    <x v="6"/>
    <x v="31"/>
    <s v="Sports provision to support development at Symbio Site, Whiteleaf Road (Hm07)"/>
    <m/>
    <s v="Associated sports provision in line with the Sport England requirements to support development at Symbio Site, Whiteleaf Road (Hm07). This includes but is not limited to contributions towards: _x000a_0 Indoor Bowling Centres_x000a_0.01 Swimming Pools_x000a_0.02 Sports Halls_x000a_0.03 Tennis Courts_x000a_This list is not considered exhaustive; contributions will also be sought for other types of facilities that go beyond those covered by Sport England's Calculator. "/>
    <s v="Hemel Garden Communities"/>
    <x v="20"/>
    <s v="Programme Area"/>
    <s v="Off-site"/>
    <s v="Developer"/>
    <s v="Dacorum Borough Council"/>
    <s v="2026-2050"/>
    <m/>
    <m/>
    <x v="153"/>
    <m/>
    <s v="S106"/>
    <n v="0"/>
    <n v="111245"/>
    <s v="A - Per dwelling"/>
    <m/>
    <m/>
    <s v="Important"/>
    <x v="0"/>
    <x v="0"/>
    <x v="0"/>
    <x v="0"/>
    <x v="0"/>
    <x v="0"/>
    <x v="2"/>
    <m/>
    <m/>
    <m/>
    <m/>
    <m/>
    <m/>
    <m/>
    <m/>
    <m/>
    <m/>
    <m/>
    <m/>
    <m/>
    <m/>
    <m/>
    <m/>
    <m/>
    <m/>
    <m/>
    <m/>
    <m/>
    <m/>
    <m/>
    <m/>
    <m/>
    <m/>
    <m/>
    <m/>
    <m/>
    <m/>
    <m/>
    <m/>
    <m/>
    <m/>
    <m/>
    <m/>
    <n v="100"/>
    <n v="1112.45"/>
    <n v="111245"/>
    <x v="2"/>
    <x v="2"/>
    <x v="2"/>
    <x v="2"/>
    <x v="2"/>
    <x v="2"/>
    <x v="27"/>
    <x v="2"/>
    <x v="2"/>
    <x v="2"/>
    <x v="2"/>
    <x v="2"/>
    <x v="2"/>
    <x v="2"/>
    <x v="2"/>
    <x v="2"/>
    <x v="2"/>
    <s v=""/>
    <s v=""/>
    <s v=""/>
    <s v=""/>
    <s v=""/>
    <s v=""/>
    <s v=""/>
    <s v=""/>
    <s v=""/>
    <s v=""/>
    <s v=""/>
    <s v=""/>
    <s v=""/>
    <s v=""/>
    <s v=""/>
    <s v=""/>
    <s v=""/>
    <s v=""/>
    <s v=""/>
    <s v=""/>
    <s v=""/>
    <s v=""/>
    <x v="3"/>
    <x v="3"/>
    <x v="3"/>
    <x v="2"/>
    <n v="111245"/>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1,755 _x000a_0.01 Swimming Pools = £57,802 _x000a_0.02 Sports Halls = £47,971 _x000a_0.03 Tennis Courts = £3,717 _x000a_= £111,245"/>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44"/>
    <s v="SL30"/>
    <s v="New Scheme"/>
    <s v="Dacorum Borough Council"/>
    <x v="6"/>
    <x v="31"/>
    <s v="Sports provision to support development at Hemel Hempstead Station Gateway (Hm08)"/>
    <m/>
    <s v="Associated sports provision in line with the Sport England requirements to support development at Hemel Hempstead Station Gateway (Hm08). This includes but is not limited to contributions towards: _x000a_0 Indoor Bowling Centres_x000a_0.05 Swimming Pools_x000a_0.06 Sports Halls_x000a_0.12 Tennis Courts_x000a_This list is not considered exhaustive; contributions will also be sought for other types of facilities that go beyond those covered by Sport England's Calculator. "/>
    <s v="Hemel Garden Communities"/>
    <x v="21"/>
    <s v="Programme Area"/>
    <s v="Off-site"/>
    <s v="Developer"/>
    <s v="Dacorum Borough Council"/>
    <s v="2026-2050"/>
    <m/>
    <m/>
    <x v="154"/>
    <m/>
    <s v="S106"/>
    <n v="0"/>
    <n v="433857"/>
    <s v="A - Per dwelling"/>
    <m/>
    <m/>
    <s v="Important"/>
    <x v="0"/>
    <x v="0"/>
    <x v="0"/>
    <x v="0"/>
    <x v="0"/>
    <x v="0"/>
    <x v="0"/>
    <s v="Yes"/>
    <m/>
    <m/>
    <m/>
    <m/>
    <m/>
    <m/>
    <m/>
    <m/>
    <m/>
    <m/>
    <m/>
    <m/>
    <m/>
    <m/>
    <m/>
    <m/>
    <m/>
    <m/>
    <m/>
    <m/>
    <m/>
    <m/>
    <m/>
    <m/>
    <m/>
    <m/>
    <m/>
    <m/>
    <m/>
    <m/>
    <m/>
    <m/>
    <m/>
    <m/>
    <m/>
    <n v="390"/>
    <n v="1112.4538461538461"/>
    <n v="433857"/>
    <x v="2"/>
    <x v="2"/>
    <x v="2"/>
    <x v="2"/>
    <x v="2"/>
    <x v="2"/>
    <x v="2"/>
    <x v="29"/>
    <x v="2"/>
    <x v="2"/>
    <x v="2"/>
    <x v="2"/>
    <x v="2"/>
    <x v="2"/>
    <x v="2"/>
    <x v="2"/>
    <x v="2"/>
    <s v=""/>
    <s v=""/>
    <s v=""/>
    <s v=""/>
    <s v=""/>
    <s v=""/>
    <s v=""/>
    <s v=""/>
    <s v=""/>
    <s v=""/>
    <s v=""/>
    <s v=""/>
    <s v=""/>
    <s v=""/>
    <s v=""/>
    <s v=""/>
    <s v=""/>
    <s v=""/>
    <s v=""/>
    <s v=""/>
    <s v=""/>
    <s v=""/>
    <x v="3"/>
    <x v="3"/>
    <x v="3"/>
    <x v="2"/>
    <n v="433857"/>
    <n v="0"/>
    <n v="0"/>
    <n v="0"/>
    <s v="This cost has been provided by the Sport England Sports Facilities Calculator. Cost covers only items mentioned below which are included in the Calculator and therefore is not a fully exhaustive cost. Costs indexed to Q3 2024._x000a__x000a_0 Indoor Bowling Centres = £6,843 _x000a_0.05 Swimming Pools = £225,429 _x000a_0.06 Sports Halls = £187,087 _x000a_0.12 Tennis Courts = £14,498 _x000a_= £433,857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45"/>
    <s v="SL31"/>
    <s v="New Scheme"/>
    <s v="Dacorum Borough Council"/>
    <x v="6"/>
    <x v="31"/>
    <s v="Sports provision to support development at National Grid and 339-353 London Road (Hm09)"/>
    <m/>
    <s v="Associated sports provision in line with the Sport England requirements to support development at National Grid and 339-353 London Road (Hm09). This includes but is not limited to contributions towards: _x000a_0 Indoor Bowling Centres_x000a_0.06 Swimming Pools_x000a_0.07 Sports Halls_x000a_0.15 Tennis Courts_x000a_This list is not considered exhaustive; contributions will also be sought for other types of facilities that go beyond those covered by Sport England's Calculator. "/>
    <s v="Hemel Garden Communities"/>
    <x v="22"/>
    <s v="Programme Area"/>
    <s v="Off-site"/>
    <s v="Developer"/>
    <s v="Dacorum Borough Council"/>
    <s v="2026-2050"/>
    <m/>
    <m/>
    <x v="155"/>
    <m/>
    <s v="S106"/>
    <n v="0"/>
    <n v="533978"/>
    <s v="A - Per dwelling"/>
    <m/>
    <m/>
    <s v="Important"/>
    <x v="0"/>
    <x v="0"/>
    <x v="0"/>
    <x v="0"/>
    <x v="0"/>
    <x v="2"/>
    <x v="0"/>
    <m/>
    <m/>
    <m/>
    <m/>
    <m/>
    <m/>
    <m/>
    <m/>
    <m/>
    <m/>
    <m/>
    <m/>
    <m/>
    <m/>
    <m/>
    <m/>
    <m/>
    <m/>
    <m/>
    <m/>
    <m/>
    <m/>
    <m/>
    <m/>
    <m/>
    <m/>
    <m/>
    <m/>
    <m/>
    <m/>
    <m/>
    <m/>
    <m/>
    <m/>
    <m/>
    <m/>
    <n v="480"/>
    <n v="1112.4541666666667"/>
    <n v="533978"/>
    <x v="2"/>
    <x v="2"/>
    <x v="2"/>
    <x v="2"/>
    <x v="2"/>
    <x v="29"/>
    <x v="2"/>
    <x v="2"/>
    <x v="2"/>
    <x v="2"/>
    <x v="2"/>
    <x v="2"/>
    <x v="2"/>
    <x v="2"/>
    <x v="2"/>
    <x v="2"/>
    <x v="2"/>
    <s v=""/>
    <s v=""/>
    <s v=""/>
    <s v=""/>
    <s v=""/>
    <s v=""/>
    <s v=""/>
    <s v=""/>
    <s v=""/>
    <s v=""/>
    <s v=""/>
    <s v=""/>
    <s v=""/>
    <s v=""/>
    <s v=""/>
    <s v=""/>
    <s v=""/>
    <s v=""/>
    <s v=""/>
    <s v=""/>
    <s v=""/>
    <s v=""/>
    <x v="3"/>
    <x v="3"/>
    <x v="3"/>
    <x v="2"/>
    <n v="533978"/>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8,423 _x000a_0.06 Swimming Pools = £277,451 _x000a_0.07 Sports Halls = £230,261 _x000a_0.15 Tennis Courts = £17,843 _x000a_= £533,978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46"/>
    <s v="SL32"/>
    <s v="New Scheme"/>
    <s v="Dacorum Borough Council"/>
    <x v="6"/>
    <x v="31"/>
    <s v="Sports provision to support development at Apsley Mills Retail Park (Hm10)"/>
    <m/>
    <s v="Associated sports provision in line with the Sport England requirements to support development at Apsley Mills Retail Park (Hm10). This includes contributions towards:_x000a_0 Indoor Bowling Centres_x000a_0.06 Swimming Pools_x000a_0.08 Sports Halls_x000a_0.16 Tennis Courts_x000a_This list is not considered exhaustive; contributions will also be sought for other types of facilities that go beyond those covered by Sport England's Calculator. "/>
    <s v="Hemel Garden Communities"/>
    <x v="35"/>
    <s v="Programme Area"/>
    <s v="Off-site"/>
    <s v="Developer"/>
    <s v="Dacorum Borough Council"/>
    <s v="2026-2050"/>
    <m/>
    <m/>
    <x v="152"/>
    <m/>
    <s v="S106"/>
    <n v="0"/>
    <n v="556227"/>
    <s v="A - Per dwelling"/>
    <m/>
    <m/>
    <s v="Important"/>
    <x v="0"/>
    <x v="0"/>
    <x v="0"/>
    <x v="0"/>
    <x v="0"/>
    <x v="0"/>
    <x v="0"/>
    <m/>
    <s v="Yes"/>
    <m/>
    <m/>
    <m/>
    <m/>
    <m/>
    <m/>
    <m/>
    <m/>
    <m/>
    <m/>
    <m/>
    <m/>
    <m/>
    <m/>
    <m/>
    <m/>
    <m/>
    <m/>
    <m/>
    <m/>
    <m/>
    <m/>
    <m/>
    <m/>
    <m/>
    <m/>
    <m/>
    <m/>
    <m/>
    <m/>
    <m/>
    <m/>
    <m/>
    <m/>
    <n v="500"/>
    <n v="1112.454"/>
    <n v="556227"/>
    <x v="2"/>
    <x v="2"/>
    <x v="2"/>
    <x v="2"/>
    <x v="2"/>
    <x v="2"/>
    <x v="2"/>
    <x v="2"/>
    <x v="29"/>
    <x v="2"/>
    <x v="2"/>
    <x v="2"/>
    <x v="2"/>
    <x v="2"/>
    <x v="2"/>
    <x v="2"/>
    <x v="2"/>
    <s v=""/>
    <s v=""/>
    <s v=""/>
    <s v=""/>
    <s v=""/>
    <s v=""/>
    <s v=""/>
    <s v=""/>
    <s v=""/>
    <s v=""/>
    <s v=""/>
    <s v=""/>
    <s v=""/>
    <s v=""/>
    <s v=""/>
    <s v=""/>
    <s v=""/>
    <s v=""/>
    <s v=""/>
    <s v=""/>
    <s v=""/>
    <s v=""/>
    <x v="3"/>
    <x v="3"/>
    <x v="3"/>
    <x v="2"/>
    <n v="556227"/>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8,774 _x000a_0.06 Swimming Pools = £289,012 _x000a_0.08 Sports Halls = £239,855 _x000a_0.16 Tennis Courts = £18,587 _x000a_= £556,227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47"/>
    <s v="SL33"/>
    <s v="New Scheme"/>
    <s v="Dacorum Borough Council"/>
    <x v="6"/>
    <x v="31"/>
    <s v="Sports provision to support development at Shendish Manor and Fairfields (Hm11)"/>
    <m/>
    <s v="Associated sports provision in line with the Sport England requirements to support development at Shendish Manor and Fairfields (Hm11). This includes but is not limited to contributions towards: _x000a_0 Indoor Bowling Centres_x000a_0.06 Swimming Pools_x000a_0.08 Sports Halls_x000a_0.16 Tennis Courts_x000a_Enhanced Golf Facilities_x000a_This list is not considered exhaustive; contributions will also be sought for other types of facilities that go beyond those covered by Sport England's Calculator. "/>
    <s v="Hemel Garden Communities"/>
    <x v="5"/>
    <s v="Programme Area"/>
    <s v="On-site / Off-site"/>
    <s v="Developer"/>
    <s v="Dacorum Borough Council"/>
    <s v="2026-2050"/>
    <m/>
    <m/>
    <x v="152"/>
    <m/>
    <s v="S106"/>
    <n v="0"/>
    <n v="556227"/>
    <s v="A - Per dwelling"/>
    <m/>
    <m/>
    <s v="Important"/>
    <x v="0"/>
    <x v="0"/>
    <x v="0"/>
    <x v="0"/>
    <x v="0"/>
    <x v="0"/>
    <x v="0"/>
    <m/>
    <m/>
    <s v="Yes"/>
    <m/>
    <m/>
    <m/>
    <m/>
    <m/>
    <m/>
    <m/>
    <m/>
    <m/>
    <m/>
    <m/>
    <m/>
    <m/>
    <m/>
    <m/>
    <m/>
    <m/>
    <m/>
    <m/>
    <m/>
    <m/>
    <m/>
    <m/>
    <m/>
    <m/>
    <m/>
    <m/>
    <m/>
    <m/>
    <m/>
    <m/>
    <m/>
    <m/>
    <n v="500"/>
    <n v="1112.454"/>
    <n v="556227"/>
    <x v="2"/>
    <x v="2"/>
    <x v="2"/>
    <x v="2"/>
    <x v="2"/>
    <x v="2"/>
    <x v="2"/>
    <x v="2"/>
    <x v="2"/>
    <x v="31"/>
    <x v="2"/>
    <x v="2"/>
    <x v="2"/>
    <x v="2"/>
    <x v="2"/>
    <x v="2"/>
    <x v="2"/>
    <s v=""/>
    <s v=""/>
    <s v=""/>
    <s v=""/>
    <s v=""/>
    <s v=""/>
    <s v=""/>
    <s v=""/>
    <s v=""/>
    <s v=""/>
    <s v=""/>
    <s v=""/>
    <s v=""/>
    <s v=""/>
    <s v=""/>
    <s v=""/>
    <s v=""/>
    <s v=""/>
    <s v=""/>
    <s v=""/>
    <s v=""/>
    <s v=""/>
    <x v="3"/>
    <x v="3"/>
    <x v="3"/>
    <x v="2"/>
    <n v="556227"/>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8,774 _x000a_0.06 Swimming Pools = £289,012 _x000a_0.08 Sports Halls = £239,855 _x000a_0.16 Tennis Courts = £18,587 _x000a_= £556,227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48"/>
    <s v="SL34"/>
    <s v="New Scheme"/>
    <s v="Dacorum Borough Council"/>
    <x v="6"/>
    <x v="31"/>
    <s v="Sports provision to support development at Plots 2/3 Kier Park, Maylands Avenue (Hm12) "/>
    <m/>
    <s v="Associated sports provision in line with the Sport England requirements to support development at Plots 2/3 Kier Park, Maylands Avenue (Hm12) . This includes but is not limited to contributions towards: _x000a_0 Indoor Bowling Centres_x000a_0.03 Swimming Pools_x000a_0.04 Sports Halls_x000a_0.07 Tennis Courts_x000a_This list is not considered exhaustive; contributions will also be sought for other types of facilities that go beyond those covered by Sport England's Calculator. "/>
    <s v="Hemel Garden Communities"/>
    <x v="24"/>
    <s v="Programme Area"/>
    <s v="Off-site"/>
    <s v="Developer"/>
    <s v="Dacorum Borough Council"/>
    <s v="2026-2050"/>
    <m/>
    <m/>
    <x v="156"/>
    <m/>
    <s v="S106"/>
    <n v="0"/>
    <n v="260314"/>
    <s v="A - Per dwelling"/>
    <m/>
    <m/>
    <s v="Important"/>
    <x v="0"/>
    <x v="0"/>
    <x v="0"/>
    <x v="0"/>
    <x v="0"/>
    <x v="0"/>
    <x v="0"/>
    <m/>
    <m/>
    <m/>
    <m/>
    <m/>
    <s v="Yes"/>
    <m/>
    <m/>
    <m/>
    <m/>
    <m/>
    <m/>
    <m/>
    <m/>
    <m/>
    <m/>
    <m/>
    <m/>
    <m/>
    <m/>
    <m/>
    <m/>
    <m/>
    <m/>
    <m/>
    <m/>
    <m/>
    <m/>
    <m/>
    <m/>
    <m/>
    <m/>
    <m/>
    <m/>
    <m/>
    <m/>
    <n v="234"/>
    <n v="1112.4529914529915"/>
    <n v="260314"/>
    <x v="2"/>
    <x v="2"/>
    <x v="2"/>
    <x v="2"/>
    <x v="2"/>
    <x v="2"/>
    <x v="2"/>
    <x v="2"/>
    <x v="2"/>
    <x v="2"/>
    <x v="2"/>
    <x v="2"/>
    <x v="28"/>
    <x v="2"/>
    <x v="2"/>
    <x v="2"/>
    <x v="2"/>
    <s v=""/>
    <s v=""/>
    <s v=""/>
    <s v=""/>
    <s v=""/>
    <s v=""/>
    <s v=""/>
    <s v=""/>
    <s v=""/>
    <s v=""/>
    <s v=""/>
    <s v=""/>
    <s v=""/>
    <s v=""/>
    <s v=""/>
    <s v=""/>
    <s v=""/>
    <s v=""/>
    <s v=""/>
    <s v=""/>
    <s v=""/>
    <s v=""/>
    <x v="3"/>
    <x v="3"/>
    <x v="3"/>
    <x v="2"/>
    <n v="260314"/>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4,106 _x000a_0.03 Swimming Pools = £135,257 _x000a_0.04 Sports Halls = £112,252 _x000a_0.07 Tennis Courts = £8,699 _x000a_= £260,314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49"/>
    <s v="SL35"/>
    <s v="New Scheme"/>
    <s v="Dacorum Borough Council"/>
    <x v="6"/>
    <x v="31"/>
    <s v="Sports provision to support development at Polehanger Lane (Hm13)"/>
    <m/>
    <s v="Associated sports provision in line with the Sport England requirements to support development at Polehanger Lane (Hm13). This includes but is not limited to contributions towards: _x000a_0 Indoor Bowling Centres_x000a_0.09 Swimming Pools_x000a_0.12 Sports Halls_x000a_0.24 Tennis Courts_x000a_This list is not considered exhaustive; contributions will also be sought for other types of facilities that go beyond those covered by Sport England's Calculator. "/>
    <s v="Hemel Garden Communities"/>
    <x v="6"/>
    <s v="Programme Area"/>
    <s v="On-site / Off-site"/>
    <s v="Developer"/>
    <s v="Dacorum Borough Council"/>
    <s v="2026-2050"/>
    <m/>
    <m/>
    <x v="157"/>
    <m/>
    <s v="S106"/>
    <n v="0"/>
    <n v="834341"/>
    <s v="A - Per dwelling"/>
    <m/>
    <m/>
    <s v="Important"/>
    <x v="0"/>
    <x v="0"/>
    <x v="0"/>
    <x v="0"/>
    <x v="0"/>
    <x v="0"/>
    <x v="0"/>
    <m/>
    <m/>
    <m/>
    <s v="Yes"/>
    <m/>
    <m/>
    <m/>
    <m/>
    <m/>
    <m/>
    <m/>
    <m/>
    <m/>
    <m/>
    <m/>
    <m/>
    <m/>
    <m/>
    <m/>
    <m/>
    <m/>
    <m/>
    <m/>
    <m/>
    <m/>
    <m/>
    <m/>
    <m/>
    <m/>
    <m/>
    <m/>
    <m/>
    <m/>
    <m/>
    <m/>
    <m/>
    <n v="750"/>
    <n v="1112.4546666666668"/>
    <n v="834341"/>
    <x v="2"/>
    <x v="2"/>
    <x v="2"/>
    <x v="2"/>
    <x v="2"/>
    <x v="2"/>
    <x v="2"/>
    <x v="2"/>
    <x v="2"/>
    <x v="2"/>
    <x v="30"/>
    <x v="2"/>
    <x v="2"/>
    <x v="2"/>
    <x v="2"/>
    <x v="2"/>
    <x v="2"/>
    <s v=""/>
    <s v=""/>
    <s v=""/>
    <s v=""/>
    <s v=""/>
    <s v=""/>
    <s v=""/>
    <s v=""/>
    <s v=""/>
    <s v=""/>
    <s v=""/>
    <s v=""/>
    <s v=""/>
    <s v=""/>
    <s v=""/>
    <s v=""/>
    <s v=""/>
    <s v=""/>
    <s v=""/>
    <s v=""/>
    <s v=""/>
    <s v=""/>
    <x v="3"/>
    <x v="3"/>
    <x v="3"/>
    <x v="2"/>
    <n v="834341"/>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13,160 _x000a_0.09 Swimming Pools = £433,518 _x000a_0.12 Sports Halls = £359,783 _x000a_0.24 Tennis Courts = £27,880 _x000a_= £834,341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50"/>
    <s v="SL36"/>
    <s v="New Scheme"/>
    <s v="Dacorum Borough Council"/>
    <x v="6"/>
    <x v="31"/>
    <s v="Sports provision to support development at Marchmont Farm (Hm14)"/>
    <m/>
    <s v="Associated sports provision in line with the Sport England requirements to support development at Marchmont Farm (Hm14). This includes but is not limited to contributions towards: _x000a_0 Indoor Bowling Centres_x000a_0.04 Swimming Pools_x000a_0.05 Sports Halls_x000a_0.11 Tennis Courts_x000a_This list is not considered exhaustive; contributions will also be sought for other types of facilities that go beyond those covered by Sport England's Calculator. "/>
    <s v="Hemel Garden Communities"/>
    <x v="9"/>
    <s v="Programme Area"/>
    <s v="Off-site"/>
    <s v="Developer"/>
    <s v="Dacorum Borough Council"/>
    <s v="2026-2050"/>
    <m/>
    <m/>
    <x v="151"/>
    <m/>
    <s v="S106"/>
    <n v="0"/>
    <n v="389359"/>
    <s v="A - Per dwelling"/>
    <m/>
    <m/>
    <s v="Important"/>
    <x v="0"/>
    <x v="0"/>
    <x v="0"/>
    <x v="0"/>
    <x v="0"/>
    <x v="0"/>
    <x v="0"/>
    <m/>
    <m/>
    <m/>
    <m/>
    <m/>
    <m/>
    <s v="Yes"/>
    <m/>
    <m/>
    <m/>
    <m/>
    <m/>
    <m/>
    <m/>
    <m/>
    <m/>
    <m/>
    <m/>
    <m/>
    <m/>
    <m/>
    <m/>
    <m/>
    <m/>
    <m/>
    <m/>
    <m/>
    <m/>
    <m/>
    <m/>
    <m/>
    <m/>
    <m/>
    <m/>
    <m/>
    <m/>
    <n v="350"/>
    <n v="1112.4542857142858"/>
    <n v="389359"/>
    <x v="2"/>
    <x v="2"/>
    <x v="2"/>
    <x v="2"/>
    <x v="2"/>
    <x v="2"/>
    <x v="2"/>
    <x v="2"/>
    <x v="2"/>
    <x v="2"/>
    <x v="2"/>
    <x v="2"/>
    <x v="2"/>
    <x v="29"/>
    <x v="2"/>
    <x v="2"/>
    <x v="2"/>
    <s v=""/>
    <s v=""/>
    <s v=""/>
    <s v=""/>
    <s v=""/>
    <s v=""/>
    <s v=""/>
    <s v=""/>
    <s v=""/>
    <s v=""/>
    <s v=""/>
    <s v=""/>
    <s v=""/>
    <s v=""/>
    <s v=""/>
    <s v=""/>
    <s v=""/>
    <s v=""/>
    <s v=""/>
    <s v=""/>
    <s v=""/>
    <s v=""/>
    <x v="3"/>
    <x v="3"/>
    <x v="3"/>
    <x v="2"/>
    <n v="389359"/>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6,142 _x000a_0.04 Swimming Pools = £202,308 _x000a_0.05 Sports Halls = £167,899 _x000a_0.11 Tennis Courts = £13,011 _x000a_= £389,359"/>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51"/>
    <s v="SL37"/>
    <s v="New Scheme"/>
    <s v="Dacorum Borough Council"/>
    <x v="6"/>
    <x v="31"/>
    <s v="Sports provision to support development at Old Town (Hm15)"/>
    <m/>
    <s v="Associated sports provision in line with the Sport England requirements to support development at Symbio Site, Whiteleaf Road (Hm07). This includes but is not limited to contributions towards: _x000a_0 Indoor Bowling Centres_x000a_0.01 Swimming Pools_x000a_0.01 Sports Halls_x000a_0.03 Tennis Courts_x000a_This list is not considered exhaustive; contributions will also be sought for other types of facilities that go beyond those covered by Sport England's Calculator. "/>
    <s v="Hemel Garden Communities"/>
    <x v="25"/>
    <s v="Programme Area"/>
    <s v="Off-site"/>
    <s v="Developer"/>
    <s v="Dacorum Borough Council"/>
    <s v="2026-2050"/>
    <m/>
    <m/>
    <x v="158"/>
    <m/>
    <s v="S106"/>
    <n v="0"/>
    <n v="100121"/>
    <s v="A - Per dwelling"/>
    <m/>
    <m/>
    <s v="Important"/>
    <x v="0"/>
    <x v="0"/>
    <x v="0"/>
    <x v="0"/>
    <x v="0"/>
    <x v="0"/>
    <x v="0"/>
    <m/>
    <m/>
    <m/>
    <m/>
    <m/>
    <m/>
    <m/>
    <s v="Yes"/>
    <m/>
    <m/>
    <m/>
    <m/>
    <m/>
    <m/>
    <m/>
    <m/>
    <m/>
    <m/>
    <m/>
    <m/>
    <m/>
    <m/>
    <m/>
    <m/>
    <m/>
    <m/>
    <m/>
    <m/>
    <m/>
    <m/>
    <m/>
    <m/>
    <m/>
    <m/>
    <m/>
    <m/>
    <n v="90"/>
    <n v="1112.4555555555555"/>
    <n v="100121"/>
    <x v="2"/>
    <x v="2"/>
    <x v="2"/>
    <x v="2"/>
    <x v="2"/>
    <x v="2"/>
    <x v="2"/>
    <x v="2"/>
    <x v="2"/>
    <x v="2"/>
    <x v="2"/>
    <x v="2"/>
    <x v="2"/>
    <x v="2"/>
    <x v="27"/>
    <x v="2"/>
    <x v="2"/>
    <s v=""/>
    <s v=""/>
    <s v=""/>
    <s v=""/>
    <s v=""/>
    <s v=""/>
    <s v=""/>
    <s v=""/>
    <s v=""/>
    <s v=""/>
    <s v=""/>
    <s v=""/>
    <s v=""/>
    <s v=""/>
    <s v=""/>
    <s v=""/>
    <s v=""/>
    <s v=""/>
    <s v=""/>
    <s v=""/>
    <s v=""/>
    <s v=""/>
    <x v="3"/>
    <x v="3"/>
    <x v="3"/>
    <x v="2"/>
    <n v="100121"/>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1,579 _x000a_0.01 Swimming Pools = £52,022 _x000a_0.01 Sports Halls = £43,174 _x000a_0.03 Tennis Courts = £3,346 _x000a_= £100,121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52"/>
    <s v="SL38"/>
    <s v="New Scheme"/>
    <s v="Dacorum Borough Council"/>
    <x v="6"/>
    <x v="31"/>
    <s v="Sports provision to support development at Site to the south of Green Lane (Hm16)"/>
    <m/>
    <s v="Associated sports provision in line with the Sport England requirements to support development at Site to the south of Green Lane (Hm16). This includes but is not limited to contributions towards: _x000a_0 Indoor Bowling Centres_x000a_0.01 Swimming Pools_x000a_0.01 Sports Halls_x000a_0.03 Tennis Courts_x000a_This list is not considered exhaustive; contributions will also be sought for other types of facilities that go beyond those covered by Sport England's Calculator. "/>
    <s v="Hemel Garden Communities"/>
    <x v="26"/>
    <s v="Programme Area"/>
    <s v="Off-site"/>
    <s v="Developer"/>
    <s v="Dacorum Borough Council"/>
    <s v="2026-2050"/>
    <m/>
    <m/>
    <x v="159"/>
    <m/>
    <s v="S106"/>
    <n v="0"/>
    <n v="88996"/>
    <s v="A - Per dwelling"/>
    <m/>
    <m/>
    <s v="Important"/>
    <x v="0"/>
    <x v="0"/>
    <x v="0"/>
    <x v="0"/>
    <x v="0"/>
    <x v="0"/>
    <x v="0"/>
    <m/>
    <m/>
    <m/>
    <m/>
    <m/>
    <m/>
    <m/>
    <m/>
    <s v="Yes"/>
    <m/>
    <m/>
    <m/>
    <m/>
    <m/>
    <m/>
    <m/>
    <m/>
    <m/>
    <m/>
    <m/>
    <m/>
    <m/>
    <m/>
    <m/>
    <m/>
    <m/>
    <m/>
    <m/>
    <m/>
    <m/>
    <m/>
    <m/>
    <m/>
    <m/>
    <m/>
    <m/>
    <n v="80"/>
    <n v="1112.45"/>
    <n v="88996"/>
    <x v="2"/>
    <x v="2"/>
    <x v="2"/>
    <x v="2"/>
    <x v="2"/>
    <x v="2"/>
    <x v="2"/>
    <x v="2"/>
    <x v="2"/>
    <x v="2"/>
    <x v="2"/>
    <x v="2"/>
    <x v="2"/>
    <x v="2"/>
    <x v="2"/>
    <x v="28"/>
    <x v="2"/>
    <s v=""/>
    <s v=""/>
    <s v=""/>
    <s v=""/>
    <s v=""/>
    <s v=""/>
    <s v=""/>
    <s v=""/>
    <s v=""/>
    <s v=""/>
    <s v=""/>
    <s v=""/>
    <s v=""/>
    <s v=""/>
    <s v=""/>
    <s v=""/>
    <s v=""/>
    <s v=""/>
    <s v=""/>
    <s v=""/>
    <s v=""/>
    <s v=""/>
    <x v="3"/>
    <x v="3"/>
    <x v="3"/>
    <x v="2"/>
    <n v="88996"/>
    <n v="0"/>
    <n v="0"/>
    <n v="0"/>
    <s v="This cost has been provided by the Sport England Sports Facilities Calculator. Cost covers only items mentioned below which are included in the Calculator and therefore is not a fully exhaustive cost. Costs indexed to Q3 2024. _x000a__x000a_0 Indoor Bowling Centres = £1,404 _x000a_0.01 Swimming Pools = £46,242 _x000a_0.01 Sports Halls = £38,377 _x000a_0.03 Tennis Courts = £2,974 _x000a_= £88,996 "/>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53"/>
    <s v="SL39"/>
    <s v="New Scheme"/>
    <s v="Dacorum Borough Council"/>
    <x v="6"/>
    <x v="31"/>
    <s v="Sports provision to support development at Grovehill Local Centre"/>
    <m/>
    <s v="Associated sports provision in line with the Sport England requirements to support development at Grovehill Local Centre. This includes but is not limited to contributions towards: _x000a_0 Indoor Bowling Centres_x000a_0.02 Swimming Pools_x000a_0.03 Sports Halls_x000a_0.06 Tennis Courts_x000a_This list is not considered exhaustive; contributions will also be sought for other types of facilities that go beyond those covered by Sport England's Calculator. "/>
    <s v="Hemel Garden Communities"/>
    <x v="27"/>
    <s v="Programme Area"/>
    <s v="Off-site"/>
    <s v="Developer"/>
    <s v="Dacorum Borough Council"/>
    <s v="2026-2050"/>
    <m/>
    <m/>
    <x v="149"/>
    <m/>
    <s v="S106"/>
    <n v="0"/>
    <n v="222491"/>
    <s v="A - Per dwelling"/>
    <m/>
    <m/>
    <s v="Important"/>
    <x v="0"/>
    <x v="0"/>
    <x v="0"/>
    <x v="0"/>
    <x v="0"/>
    <x v="0"/>
    <x v="0"/>
    <m/>
    <m/>
    <m/>
    <m/>
    <s v="Yes"/>
    <m/>
    <m/>
    <m/>
    <m/>
    <m/>
    <m/>
    <m/>
    <m/>
    <m/>
    <m/>
    <m/>
    <m/>
    <m/>
    <m/>
    <m/>
    <m/>
    <m/>
    <m/>
    <m/>
    <m/>
    <m/>
    <m/>
    <m/>
    <m/>
    <m/>
    <m/>
    <m/>
    <m/>
    <m/>
    <m/>
    <m/>
    <n v="200"/>
    <n v="1112.4549999999999"/>
    <n v="222491"/>
    <x v="2"/>
    <x v="2"/>
    <x v="2"/>
    <x v="2"/>
    <x v="2"/>
    <x v="2"/>
    <x v="2"/>
    <x v="2"/>
    <x v="2"/>
    <x v="2"/>
    <x v="2"/>
    <x v="28"/>
    <x v="2"/>
    <x v="2"/>
    <x v="2"/>
    <x v="2"/>
    <x v="2"/>
    <s v=""/>
    <s v=""/>
    <s v=""/>
    <s v=""/>
    <s v=""/>
    <s v=""/>
    <s v=""/>
    <s v=""/>
    <s v=""/>
    <s v=""/>
    <s v=""/>
    <s v=""/>
    <s v=""/>
    <s v=""/>
    <s v=""/>
    <s v=""/>
    <s v=""/>
    <s v=""/>
    <s v=""/>
    <s v=""/>
    <s v=""/>
    <s v=""/>
    <x v="3"/>
    <x v="3"/>
    <x v="3"/>
    <x v="2"/>
    <n v="222491"/>
    <n v="0"/>
    <n v="0"/>
    <n v="0"/>
    <s v="This cost has been provided by the Sport England Sports Facilities Calculator. Cost covers only items mentioned below which are included in the Calculator and therefore is not a fully exhaustive cost. Costs indexed to Q3 2024._x000a__x000a_0 Indoor Bowling Centres = £3,509 _x000a_0.02 Swimming Pools = £115,605 _x000a_0.03 Sports Halls = £95,942 _x000a_0.06 Tennis Courts = £7,435 _x000a_= £222,491"/>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54"/>
    <s v="SL40"/>
    <s v="New Scheme"/>
    <s v="Dacorum Borough Council"/>
    <x v="6"/>
    <x v="31"/>
    <s v="Sports provision to support development of Windfall"/>
    <m/>
    <s v="Associated sports provision in line with the Sport England requirements to support development of Hemel Hempstead Windfall. This includes but is not limited to contributions towards: _x000a_0.01 Indoor Bowling Centres_x000a_0.29 Swimming Pools_x000a_0.37 Sports Halls_x000a_0.76 Tennis Courts_x000a_This list is not considered exhaustive; contributions will also be sought for other types of facilities that go beyond those covered by Sport England's Calculator."/>
    <s v="Hemel Garden Communities"/>
    <x v="28"/>
    <s v="Programme Area"/>
    <s v="Off-site"/>
    <s v="Developer"/>
    <s v="Dacorum Borough Council"/>
    <s v="2026-2050"/>
    <m/>
    <m/>
    <x v="160"/>
    <m/>
    <s v="S106"/>
    <n v="0"/>
    <n v="2647641"/>
    <s v="A - Per dwelling"/>
    <m/>
    <m/>
    <s v="Important"/>
    <x v="0"/>
    <x v="0"/>
    <x v="0"/>
    <x v="0"/>
    <x v="0"/>
    <x v="0"/>
    <x v="0"/>
    <m/>
    <m/>
    <m/>
    <m/>
    <m/>
    <m/>
    <m/>
    <m/>
    <m/>
    <s v="Yes"/>
    <m/>
    <m/>
    <m/>
    <m/>
    <m/>
    <m/>
    <m/>
    <m/>
    <m/>
    <m/>
    <m/>
    <m/>
    <m/>
    <m/>
    <m/>
    <m/>
    <m/>
    <m/>
    <m/>
    <m/>
    <m/>
    <m/>
    <m/>
    <m/>
    <m/>
    <m/>
    <n v="2380"/>
    <n v="1112.4542016806722"/>
    <n v="2647641"/>
    <x v="2"/>
    <x v="2"/>
    <x v="2"/>
    <x v="2"/>
    <x v="2"/>
    <x v="2"/>
    <x v="2"/>
    <x v="2"/>
    <x v="2"/>
    <x v="2"/>
    <x v="2"/>
    <x v="2"/>
    <x v="2"/>
    <x v="2"/>
    <x v="2"/>
    <x v="2"/>
    <x v="26"/>
    <s v=""/>
    <s v=""/>
    <s v=""/>
    <s v=""/>
    <s v=""/>
    <s v=""/>
    <s v=""/>
    <s v=""/>
    <s v=""/>
    <s v=""/>
    <s v=""/>
    <s v=""/>
    <s v=""/>
    <s v=""/>
    <s v=""/>
    <s v=""/>
    <s v=""/>
    <s v=""/>
    <s v=""/>
    <s v=""/>
    <s v=""/>
    <s v=""/>
    <x v="3"/>
    <x v="3"/>
    <x v="3"/>
    <x v="2"/>
    <n v="2647641"/>
    <n v="0"/>
    <n v="0"/>
    <n v="0"/>
    <s v="This cost has been provided by the Sport England Sports Facilities Calculator. Cost covers only items mentioned below which are included in the Calculator and therefore is not a fully exhaustive cost. Costs indexed to Q3 2024. _x000a__x000a_0.01 Indoor Bowling Centres = £41,762 _x000a_0.29 Swimming Pools = £1,375,696 _x000a_0.37 Sports Halls = £1,141,711 _x000a_0.76 Tennis Courts = £88,473 _x000a_= £2,647,641"/>
    <s v="This list is not considered exhaustive; contributions will also be sought for other types of facilities that go beyond those covered by Sport England's Calculator. _x000a__x000a_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55"/>
    <s v="SL41"/>
    <s v="New Scheme"/>
    <s v="Dacorum Borough Council"/>
    <x v="6"/>
    <x v="31"/>
    <s v="Additional types of sports provision required across the HGC programme area"/>
    <m/>
    <s v="Contributions towards new facilities and/or improvements to existing facilities for additional types of sports provision which are not available in Sport England calculators. Based on Dacorum’s Leisure Facilities Strategy (2023) and Playing Pitch Strategy (2019, updated 2023), this includes: _x000a_• Outdoor bowls_x000a_• Golf_x000a_• Netball_x000a_• Athletics_x000a_• Baseball_x000a_• Indoor tennis_x000a_• Gymnastics_x000a_• Squash courts_x000a_This list is not considered exhaustive as demand and facility conditions change quickly. Refer to the latest version of the documents mentioned above to understand specific need. "/>
    <s v="Hemel Garden Communities"/>
    <x v="8"/>
    <s v="Programme Area"/>
    <s v="On-site / Off-site"/>
    <s v="Developer"/>
    <s v="Dacorum Borough Council"/>
    <s v="2026-2050"/>
    <m/>
    <m/>
    <x v="8"/>
    <m/>
    <s v="S106"/>
    <m/>
    <m/>
    <s v="A - Per dwelling"/>
    <m/>
    <m/>
    <s v="Important"/>
    <x v="2"/>
    <x v="2"/>
    <x v="2"/>
    <x v="2"/>
    <x v="2"/>
    <x v="2"/>
    <x v="2"/>
    <s v="Yes"/>
    <s v="Yes"/>
    <s v="Yes"/>
    <s v="Yes"/>
    <s v="Yes"/>
    <s v="Yes"/>
    <s v="Yes"/>
    <s v="Yes"/>
    <s v="Yes"/>
    <s v="Yes"/>
    <m/>
    <m/>
    <m/>
    <m/>
    <m/>
    <m/>
    <m/>
    <m/>
    <m/>
    <m/>
    <m/>
    <m/>
    <m/>
    <m/>
    <m/>
    <m/>
    <m/>
    <m/>
    <m/>
    <m/>
    <m/>
    <m/>
    <s v="Yes"/>
    <s v="Yes"/>
    <s v="Yes"/>
    <m/>
    <n v="18054"/>
    <n v="0"/>
    <n v="0"/>
    <x v="6"/>
    <x v="23"/>
    <x v="23"/>
    <x v="23"/>
    <x v="24"/>
    <x v="24"/>
    <x v="22"/>
    <x v="24"/>
    <x v="24"/>
    <x v="26"/>
    <x v="6"/>
    <x v="23"/>
    <x v="23"/>
    <x v="6"/>
    <x v="22"/>
    <x v="23"/>
    <x v="21"/>
    <s v=""/>
    <s v=""/>
    <s v=""/>
    <s v=""/>
    <s v=""/>
    <s v=""/>
    <s v=""/>
    <s v=""/>
    <s v=""/>
    <s v=""/>
    <s v=""/>
    <s v=""/>
    <s v=""/>
    <s v=""/>
    <s v=""/>
    <s v=""/>
    <s v=""/>
    <s v=""/>
    <s v=""/>
    <s v=""/>
    <s v=""/>
    <s v=""/>
    <x v="6"/>
    <x v="6"/>
    <x v="6"/>
    <x v="2"/>
    <n v="0"/>
    <n v="0"/>
    <n v="0"/>
    <n v="0"/>
    <s v="Total cost is unknown at this time as the other types of sports facilities that are required with development but not included in the Calculator must be considered during the planning application stages. "/>
    <s v="This scheme is a contribution towards the total requirement for provision across the whole Programme Area, as set out within the HGC IDP Report."/>
    <s v="Sport England Sports Facilities Calculator (Accessed April 2025), approach and method verified with Sports England Officer during stakeholder engagement March 2025"/>
    <m/>
  </r>
  <r>
    <m/>
    <n v="256"/>
    <s v="TM1"/>
    <s v="Transformational Schemes (240806 DBC IDP Delivery Projects)"/>
    <s v="Dacorum Borough Council"/>
    <x v="7"/>
    <x v="32"/>
    <s v="Greening Streets"/>
    <m/>
    <s v="Greening of the New Town’s neighbourhoods by making Hemel’s existing streets more climate resilient. "/>
    <s v="Hemel Garden Communities"/>
    <x v="8"/>
    <s v="Transformational"/>
    <s v="Off-site"/>
    <s v="Developer / Dacorum Borough Council"/>
    <s v="Dacorum Borough Council"/>
    <s v="2025 - 2050"/>
    <n v="10470000"/>
    <n v="15705000"/>
    <x v="161"/>
    <m/>
    <s v="S106 / CIL / External Funding"/>
    <n v="0"/>
    <n v="13087500"/>
    <s v="A - Per dwelling"/>
    <m/>
    <m/>
    <s v="Important"/>
    <x v="2"/>
    <x v="2"/>
    <x v="2"/>
    <x v="2"/>
    <x v="2"/>
    <x v="2"/>
    <x v="2"/>
    <s v="Yes"/>
    <s v="Yes"/>
    <s v="Yes"/>
    <s v="Yes"/>
    <s v="Yes"/>
    <s v="Yes"/>
    <s v="Yes"/>
    <s v="Yes"/>
    <s v="Yes"/>
    <s v="Yes"/>
    <m/>
    <m/>
    <m/>
    <m/>
    <m/>
    <m/>
    <m/>
    <m/>
    <m/>
    <m/>
    <m/>
    <m/>
    <m/>
    <m/>
    <m/>
    <m/>
    <m/>
    <m/>
    <m/>
    <m/>
    <m/>
    <m/>
    <s v="Yes"/>
    <s v="Yes"/>
    <s v="Yes"/>
    <m/>
    <n v="18054"/>
    <n v="724.90860751080095"/>
    <m/>
    <x v="33"/>
    <x v="29"/>
    <x v="29"/>
    <x v="29"/>
    <x v="30"/>
    <x v="30"/>
    <x v="28"/>
    <x v="30"/>
    <x v="30"/>
    <x v="32"/>
    <x v="31"/>
    <x v="29"/>
    <x v="29"/>
    <x v="30"/>
    <x v="28"/>
    <x v="29"/>
    <x v="27"/>
    <s v=""/>
    <s v=""/>
    <s v=""/>
    <s v=""/>
    <s v=""/>
    <s v=""/>
    <s v=""/>
    <s v=""/>
    <s v=""/>
    <s v=""/>
    <s v=""/>
    <s v=""/>
    <s v=""/>
    <s v=""/>
    <s v=""/>
    <s v=""/>
    <s v=""/>
    <s v=""/>
    <s v=""/>
    <s v=""/>
    <s v=""/>
    <s v=""/>
    <x v="26"/>
    <x v="26"/>
    <x v="27"/>
    <x v="2"/>
    <n v="9100502.658690596"/>
    <n v="3986997.3413094049"/>
    <n v="0"/>
    <n v="0"/>
    <m/>
    <s v="These project has been identified to support greening streets, set out within policies HGC2 and LG3 within the DBC and SADC draft Local Plans. "/>
    <m/>
    <m/>
  </r>
  <r>
    <m/>
    <n v="257"/>
    <s v="TM2"/>
    <s v="Transformational Schemes (240806 DBC IDP Delivery Projects)"/>
    <s v="Dacorum Borough Council"/>
    <x v="7"/>
    <x v="32"/>
    <s v="Greening Enterprise Places"/>
    <m/>
    <s v="Greening of buildings and the public realm within the industrial/retail parks in the Two Waters Area. "/>
    <s v="Hemel Garden Communities"/>
    <x v="36"/>
    <s v="Transformational"/>
    <s v="On-site / Off-site"/>
    <s v="Developer / Dacorum Borough Council"/>
    <s v="Dacorum Borough Council"/>
    <s v="2025 - 2050"/>
    <n v="100000"/>
    <n v="150000"/>
    <x v="162"/>
    <m/>
    <s v="S106 / CIL / External Funding"/>
    <n v="0"/>
    <n v="125000"/>
    <s v="A - Per dwelling"/>
    <m/>
    <m/>
    <s v="Important"/>
    <x v="0"/>
    <x v="0"/>
    <x v="0"/>
    <x v="0"/>
    <x v="0"/>
    <x v="2"/>
    <x v="2"/>
    <s v="Yes"/>
    <s v="Yes"/>
    <s v="Yes"/>
    <m/>
    <m/>
    <m/>
    <m/>
    <m/>
    <m/>
    <m/>
    <m/>
    <m/>
    <m/>
    <m/>
    <m/>
    <m/>
    <m/>
    <m/>
    <m/>
    <m/>
    <m/>
    <m/>
    <m/>
    <m/>
    <m/>
    <m/>
    <m/>
    <m/>
    <m/>
    <m/>
    <m/>
    <m/>
    <m/>
    <m/>
    <m/>
    <m/>
    <n v="1970"/>
    <n v="63.451776649746193"/>
    <m/>
    <x v="2"/>
    <x v="2"/>
    <x v="2"/>
    <x v="2"/>
    <x v="2"/>
    <x v="31"/>
    <x v="29"/>
    <x v="31"/>
    <x v="31"/>
    <x v="33"/>
    <x v="2"/>
    <x v="2"/>
    <x v="2"/>
    <x v="2"/>
    <x v="2"/>
    <x v="2"/>
    <x v="2"/>
    <s v=""/>
    <s v=""/>
    <s v=""/>
    <s v=""/>
    <s v=""/>
    <s v=""/>
    <s v=""/>
    <s v=""/>
    <s v=""/>
    <s v=""/>
    <s v=""/>
    <s v=""/>
    <s v=""/>
    <s v=""/>
    <m/>
    <m/>
    <m/>
    <m/>
    <m/>
    <m/>
    <m/>
    <m/>
    <x v="0"/>
    <x v="0"/>
    <x v="0"/>
    <x v="0"/>
    <n v="125000"/>
    <n v="0"/>
    <n v="0"/>
    <n v="0"/>
    <m/>
    <s v="These project has been identified to support greening business parks, set out within policies HGC2 and LG3 within the DBC and SADC draft Local Plans. "/>
    <m/>
    <m/>
  </r>
  <r>
    <m/>
    <n v="258"/>
    <s v="TM3"/>
    <s v="Transformational Schemes (240806 DBC IDP Delivery Projects)"/>
    <s v="Dacorum Borough Council"/>
    <x v="7"/>
    <x v="32"/>
    <s v="Greening Hemel Hempstead Town Centre &amp; Local Centres"/>
    <m/>
    <s v="Greening of buildings and the public realm within the Hemel town centre and local centres within the New Town’s neighbourhoods informed by local community/user engagement."/>
    <s v="Hemel Garden Communities"/>
    <x v="8"/>
    <s v="Transformational"/>
    <s v="On-site / Off-site"/>
    <s v="Developer / Dacorum Borough Council"/>
    <s v="Dacorum Borough Council"/>
    <s v="2025 - 2050"/>
    <n v="260000"/>
    <n v="390000"/>
    <x v="163"/>
    <m/>
    <s v="S106 / CIL / External Funding"/>
    <n v="0"/>
    <n v="325000"/>
    <s v="A - Per dwelling"/>
    <m/>
    <m/>
    <s v="Important"/>
    <x v="2"/>
    <x v="2"/>
    <x v="2"/>
    <x v="2"/>
    <x v="2"/>
    <x v="2"/>
    <x v="2"/>
    <s v="Yes"/>
    <s v="Yes"/>
    <s v="Yes"/>
    <s v="Yes"/>
    <s v="Yes"/>
    <s v="Yes"/>
    <s v="Yes"/>
    <s v="Yes"/>
    <s v="Yes"/>
    <s v="Yes"/>
    <m/>
    <m/>
    <m/>
    <m/>
    <m/>
    <m/>
    <m/>
    <m/>
    <m/>
    <m/>
    <m/>
    <m/>
    <m/>
    <m/>
    <m/>
    <m/>
    <m/>
    <m/>
    <m/>
    <m/>
    <m/>
    <m/>
    <s v="Yes"/>
    <s v="Yes"/>
    <s v="Yes"/>
    <m/>
    <n v="18054"/>
    <n v="18.001550902847015"/>
    <m/>
    <x v="34"/>
    <x v="30"/>
    <x v="30"/>
    <x v="30"/>
    <x v="31"/>
    <x v="32"/>
    <x v="30"/>
    <x v="32"/>
    <x v="32"/>
    <x v="34"/>
    <x v="32"/>
    <x v="30"/>
    <x v="30"/>
    <x v="31"/>
    <x v="29"/>
    <x v="30"/>
    <x v="28"/>
    <s v=""/>
    <s v=""/>
    <s v=""/>
    <s v=""/>
    <s v=""/>
    <s v=""/>
    <s v=""/>
    <s v=""/>
    <s v=""/>
    <s v=""/>
    <s v=""/>
    <s v=""/>
    <s v=""/>
    <s v=""/>
    <s v=""/>
    <s v=""/>
    <s v=""/>
    <s v=""/>
    <s v=""/>
    <s v=""/>
    <s v=""/>
    <s v=""/>
    <x v="27"/>
    <x v="27"/>
    <x v="28"/>
    <x v="2"/>
    <n v="225991.47003434142"/>
    <n v="99008.529965658585"/>
    <n v="0"/>
    <n v="0"/>
    <m/>
    <s v="These project has been identified to support greening the town centre, set out within policies HGC2 and LG3 within the DBC and SADC draft Local Plans. "/>
    <m/>
    <m/>
  </r>
  <r>
    <m/>
    <n v="259"/>
    <s v="TM4"/>
    <s v="Transformational Schemes (240806 DBC IDP Delivery Projects)"/>
    <s v="Dacorum Borough Council"/>
    <x v="7"/>
    <x v="32"/>
    <s v="Expanding Hemel Hempstead's Urban Tree Canopy"/>
    <m/>
    <s v="Expanding Hemel’s urban forest to address deficiencies in the town’s urban tree canopy identified by the Dacorum Tree Planting Opportunity Mapping Study._x000a_To include protecting, enhancing and expanding Hemel’s existing ancient woodland, orchards, ancient/veteran trees, woodland copses and hedgerows. "/>
    <s v="Hemel Garden Communities"/>
    <x v="37"/>
    <s v="Transformational"/>
    <s v="On-site / Off-site"/>
    <s v="Developer / Dacorum Borough Council"/>
    <s v="Dacorum Borough Council"/>
    <s v="2025 - 2050"/>
    <n v="1670000"/>
    <n v="2505000"/>
    <x v="164"/>
    <m/>
    <s v="S106 / CIL / External Funding"/>
    <n v="0"/>
    <n v="2087500"/>
    <s v="A - Per dwelling"/>
    <m/>
    <m/>
    <s v="Important"/>
    <x v="2"/>
    <x v="2"/>
    <x v="2"/>
    <x v="2"/>
    <x v="2"/>
    <x v="2"/>
    <x v="2"/>
    <s v="Yes"/>
    <s v="Yes"/>
    <s v="Yes"/>
    <s v="Yes"/>
    <s v="Yes"/>
    <s v="Yes"/>
    <s v="Yes"/>
    <s v="Yes"/>
    <s v="Yes"/>
    <s v="Yes"/>
    <m/>
    <m/>
    <m/>
    <m/>
    <m/>
    <m/>
    <m/>
    <m/>
    <m/>
    <m/>
    <m/>
    <m/>
    <m/>
    <m/>
    <m/>
    <m/>
    <m/>
    <m/>
    <m/>
    <m/>
    <m/>
    <m/>
    <m/>
    <m/>
    <m/>
    <m/>
    <n v="12554"/>
    <n v="166.28166321491159"/>
    <m/>
    <x v="35"/>
    <x v="31"/>
    <x v="31"/>
    <x v="31"/>
    <x v="32"/>
    <x v="33"/>
    <x v="31"/>
    <x v="33"/>
    <x v="33"/>
    <x v="35"/>
    <x v="33"/>
    <x v="31"/>
    <x v="31"/>
    <x v="32"/>
    <x v="30"/>
    <x v="31"/>
    <x v="29"/>
    <s v=""/>
    <s v=""/>
    <s v=""/>
    <s v=""/>
    <s v=""/>
    <s v=""/>
    <s v=""/>
    <s v=""/>
    <s v=""/>
    <s v=""/>
    <s v=""/>
    <s v=""/>
    <s v=""/>
    <s v=""/>
    <m/>
    <m/>
    <m/>
    <m/>
    <m/>
    <m/>
    <m/>
    <m/>
    <x v="0"/>
    <x v="0"/>
    <x v="0"/>
    <x v="0"/>
    <n v="2087500.0000000002"/>
    <n v="0"/>
    <n v="0"/>
    <n v="0"/>
    <m/>
    <s v="These project has been identified to support 'branching out', set out within policies HGC2 and LG3 within the DBC and SADC draft Local Plans. "/>
    <m/>
    <m/>
  </r>
  <r>
    <m/>
    <n v="260"/>
    <s v="TM5"/>
    <s v="Transformational Schemes (240806 DBC IDP Delivery Projects)"/>
    <s v="Dacorum Borough Council"/>
    <x v="7"/>
    <x v="32"/>
    <s v="Hemel’s Wildlife Corridors and Wildlife"/>
    <m/>
    <s v="Making the Green Network’s corridors (including street/highways verges, gardens, greenways and blue corridors) more biodiverse, and enhancing their value as habitats for pollinators to support food production. _x000a__x000a_Making space for urban nature recovery by creating new Local Nature Reserves and designating new Local Wildlife Sites within the New Garden Communities and the existing New Town."/>
    <s v="Hemel Garden Communities"/>
    <x v="8"/>
    <s v="Transformational"/>
    <s v="On-site / Off-site"/>
    <s v="Developer / Dacorum Borough Council"/>
    <s v="Dacorum Borough Council"/>
    <s v="2025 - 2050"/>
    <n v="3480000"/>
    <n v="5220000"/>
    <x v="165"/>
    <m/>
    <s v="S106 / CIL / External Funding"/>
    <n v="0"/>
    <n v="4350000"/>
    <s v="A - Per dwelling"/>
    <m/>
    <m/>
    <s v="Important"/>
    <x v="2"/>
    <x v="2"/>
    <x v="2"/>
    <x v="2"/>
    <x v="2"/>
    <x v="2"/>
    <x v="2"/>
    <s v="Yes"/>
    <s v="Yes"/>
    <s v="Yes"/>
    <s v="Yes"/>
    <s v="Yes"/>
    <s v="Yes"/>
    <s v="Yes"/>
    <s v="Yes"/>
    <s v="Yes"/>
    <s v="Yes"/>
    <m/>
    <m/>
    <m/>
    <m/>
    <m/>
    <m/>
    <m/>
    <m/>
    <m/>
    <m/>
    <m/>
    <m/>
    <m/>
    <m/>
    <m/>
    <m/>
    <m/>
    <m/>
    <m/>
    <m/>
    <m/>
    <m/>
    <s v="Yes"/>
    <s v="Yes"/>
    <s v="Yes"/>
    <m/>
    <n v="18054"/>
    <n v="240.94383516118313"/>
    <m/>
    <x v="36"/>
    <x v="32"/>
    <x v="32"/>
    <x v="32"/>
    <x v="33"/>
    <x v="34"/>
    <x v="32"/>
    <x v="34"/>
    <x v="34"/>
    <x v="36"/>
    <x v="34"/>
    <x v="32"/>
    <x v="32"/>
    <x v="33"/>
    <x v="31"/>
    <x v="32"/>
    <x v="30"/>
    <s v=""/>
    <s v=""/>
    <s v=""/>
    <s v=""/>
    <s v=""/>
    <s v=""/>
    <s v=""/>
    <s v=""/>
    <s v=""/>
    <s v=""/>
    <s v=""/>
    <s v=""/>
    <s v=""/>
    <s v=""/>
    <s v=""/>
    <s v=""/>
    <s v=""/>
    <s v=""/>
    <s v=""/>
    <s v=""/>
    <s v=""/>
    <s v=""/>
    <x v="28"/>
    <x v="28"/>
    <x v="29"/>
    <x v="2"/>
    <n v="3024808.9066134929"/>
    <n v="1325191.0933865071"/>
    <n v="0"/>
    <n v="0"/>
    <m/>
    <m/>
    <m/>
    <m/>
  </r>
  <r>
    <m/>
    <n v="261"/>
    <s v="TM6"/>
    <s v="Transformational Schemes (240806 DBC IDP Delivery Projects)"/>
    <s v="Dacorum Borough Council"/>
    <x v="7"/>
    <x v="32"/>
    <s v="Greening Schools"/>
    <m/>
    <s v="Creating green walls, screens and boundary treatment for Hemel’s schools located in areas of poor air quality adjacent to highways to reduce the impact of particulate pollution from vehicles on health."/>
    <s v="Hemel Garden Communities"/>
    <x v="37"/>
    <s v="Transformational"/>
    <s v="Off-site"/>
    <s v="Developer / Dacorum Borough Council / Hertfordshire County Council"/>
    <s v="Dacorum Borough Council"/>
    <s v="2025 - 2050"/>
    <n v="200000"/>
    <n v="250000"/>
    <x v="166"/>
    <m/>
    <s v="S106 / CIL / External Funding"/>
    <n v="0"/>
    <n v="225000"/>
    <s v="A - Per dwelling"/>
    <m/>
    <m/>
    <s v="Important"/>
    <x v="2"/>
    <x v="2"/>
    <x v="2"/>
    <x v="2"/>
    <x v="2"/>
    <x v="2"/>
    <x v="2"/>
    <s v="Yes"/>
    <s v="Yes"/>
    <s v="Yes"/>
    <s v="Yes"/>
    <s v="Yes"/>
    <s v="Yes"/>
    <s v="Yes"/>
    <s v="Yes"/>
    <s v="Yes"/>
    <s v="Yes"/>
    <m/>
    <m/>
    <m/>
    <m/>
    <m/>
    <m/>
    <m/>
    <m/>
    <m/>
    <m/>
    <m/>
    <m/>
    <m/>
    <m/>
    <m/>
    <m/>
    <m/>
    <m/>
    <m/>
    <m/>
    <m/>
    <m/>
    <m/>
    <m/>
    <m/>
    <m/>
    <n v="12554"/>
    <n v="17.922574478253942"/>
    <m/>
    <x v="37"/>
    <x v="33"/>
    <x v="33"/>
    <x v="33"/>
    <x v="34"/>
    <x v="35"/>
    <x v="33"/>
    <x v="35"/>
    <x v="35"/>
    <x v="37"/>
    <x v="35"/>
    <x v="33"/>
    <x v="33"/>
    <x v="34"/>
    <x v="32"/>
    <x v="33"/>
    <x v="31"/>
    <s v=""/>
    <s v=""/>
    <s v=""/>
    <s v=""/>
    <s v=""/>
    <s v=""/>
    <s v=""/>
    <s v=""/>
    <s v=""/>
    <s v=""/>
    <s v=""/>
    <s v=""/>
    <s v=""/>
    <s v=""/>
    <m/>
    <m/>
    <m/>
    <m/>
    <m/>
    <m/>
    <m/>
    <m/>
    <x v="0"/>
    <x v="0"/>
    <x v="0"/>
    <x v="0"/>
    <n v="225000.00000000006"/>
    <n v="0"/>
    <n v="0"/>
    <n v="0"/>
    <m/>
    <s v="These project has been identified to support green screens for schools near busy roads, set out within policies HGC2 and LG3 within the DBC and SADC draft Local Plans. "/>
    <m/>
    <m/>
  </r>
  <r>
    <m/>
    <n v="262"/>
    <s v="TM7"/>
    <s v="Transformational Schemes (240806 DBC IDP Delivery Projects)"/>
    <s v="Dacorum Borough Council"/>
    <x v="7"/>
    <x v="32"/>
    <s v="Green lunchtime Maylands"/>
    <m/>
    <s v="Public space greening project in Maylands, including a 800 meters green walk route and access to green space so that people that work there can have a green walk during lunchtime and sit in green space."/>
    <s v="Hemel Garden Communities"/>
    <x v="38"/>
    <s v="Transformational"/>
    <s v="Off-site"/>
    <s v="Developer / Dacorum Borough Council"/>
    <s v="Dacorum Borough Council"/>
    <s v="2025 - 2050"/>
    <n v="110000"/>
    <n v="165000"/>
    <x v="167"/>
    <m/>
    <s v="S106 / CIL / External Funding"/>
    <n v="0"/>
    <n v="137500"/>
    <s v="A - Per dwelling"/>
    <m/>
    <m/>
    <s v="Important"/>
    <x v="0"/>
    <x v="0"/>
    <x v="0"/>
    <x v="0"/>
    <x v="0"/>
    <x v="0"/>
    <x v="0"/>
    <m/>
    <m/>
    <m/>
    <m/>
    <m/>
    <s v="Yes"/>
    <m/>
    <m/>
    <m/>
    <m/>
    <m/>
    <m/>
    <m/>
    <m/>
    <m/>
    <m/>
    <m/>
    <m/>
    <m/>
    <m/>
    <m/>
    <m/>
    <m/>
    <m/>
    <m/>
    <m/>
    <m/>
    <m/>
    <m/>
    <m/>
    <m/>
    <m/>
    <s v="Yes"/>
    <s v="Yes"/>
    <s v="Yes"/>
    <s v="Yes"/>
    <n v="8905"/>
    <n v="15.440763615946098"/>
    <m/>
    <x v="2"/>
    <x v="2"/>
    <x v="2"/>
    <x v="2"/>
    <x v="2"/>
    <x v="2"/>
    <x v="2"/>
    <x v="2"/>
    <x v="2"/>
    <x v="2"/>
    <x v="2"/>
    <x v="2"/>
    <x v="34"/>
    <x v="2"/>
    <x v="2"/>
    <x v="2"/>
    <x v="2"/>
    <s v=""/>
    <s v=""/>
    <s v=""/>
    <s v=""/>
    <s v=""/>
    <s v=""/>
    <s v=""/>
    <s v=""/>
    <s v=""/>
    <s v=""/>
    <s v=""/>
    <s v=""/>
    <s v=""/>
    <s v=""/>
    <s v=""/>
    <s v=""/>
    <s v=""/>
    <s v=""/>
    <s v=""/>
    <s v=""/>
    <s v=""/>
    <s v=""/>
    <x v="29"/>
    <x v="29"/>
    <x v="30"/>
    <x v="4"/>
    <n v="3613.1386861313867"/>
    <n v="133886.86131386863"/>
    <n v="0"/>
    <n v="0"/>
    <m/>
    <s v="These project has been identified to support greening business parks, set out within policies HGC2 and LG3 within the DBC and SADC draft Local Plans. Jarman Park (Hm17) would also be expected to contribute towards the cost of the scheme on a proportionate basis, however, due to the fact that this site is not residential, and there has not been sufficient modelling to understand the level of impact or demand generated, it has not been possible to apportion the scheme cost to the site. "/>
    <m/>
    <m/>
  </r>
  <r>
    <m/>
    <n v="263"/>
    <s v="TM8"/>
    <s v="Transformational Schemes (240806 DBC IDP Delivery Projects)"/>
    <s v="Dacorum Borough Council"/>
    <x v="7"/>
    <x v="32"/>
    <s v=" Improving Parks in areas of higher deprivation"/>
    <m/>
    <s v="Breathing new life into Hemel’s neighbourhood parks through targeted improvements, particularly in areas with high levels of deprivation, informed by local community/user engagement."/>
    <s v="Hemel Garden Communities"/>
    <x v="37"/>
    <s v="Transformational"/>
    <s v="Off-site"/>
    <s v="Developer / Dacorum Borough Council"/>
    <s v="Dacorum Borough Council"/>
    <s v="2025 - 2050"/>
    <n v="610000"/>
    <n v="915000"/>
    <x v="168"/>
    <m/>
    <s v="S106 / CIL / External Funding"/>
    <n v="0"/>
    <n v="762500"/>
    <s v="A - Per dwelling"/>
    <m/>
    <m/>
    <s v="Important"/>
    <x v="2"/>
    <x v="2"/>
    <x v="2"/>
    <x v="2"/>
    <x v="2"/>
    <x v="2"/>
    <x v="2"/>
    <s v="Yes"/>
    <s v="Yes"/>
    <s v="Yes"/>
    <s v="Yes"/>
    <s v="Yes"/>
    <s v="Yes"/>
    <s v="Yes"/>
    <s v="Yes"/>
    <s v="Yes"/>
    <s v="Yes"/>
    <m/>
    <m/>
    <m/>
    <m/>
    <m/>
    <m/>
    <m/>
    <m/>
    <m/>
    <m/>
    <m/>
    <m/>
    <m/>
    <m/>
    <m/>
    <m/>
    <m/>
    <m/>
    <m/>
    <m/>
    <m/>
    <m/>
    <m/>
    <m/>
    <m/>
    <m/>
    <n v="12554"/>
    <n v="60.737613509638365"/>
    <m/>
    <x v="38"/>
    <x v="34"/>
    <x v="34"/>
    <x v="34"/>
    <x v="35"/>
    <x v="36"/>
    <x v="34"/>
    <x v="36"/>
    <x v="36"/>
    <x v="38"/>
    <x v="36"/>
    <x v="34"/>
    <x v="35"/>
    <x v="35"/>
    <x v="33"/>
    <x v="34"/>
    <x v="32"/>
    <s v=""/>
    <s v=""/>
    <s v=""/>
    <s v=""/>
    <s v=""/>
    <s v=""/>
    <s v=""/>
    <s v=""/>
    <s v=""/>
    <s v=""/>
    <s v=""/>
    <s v=""/>
    <s v=""/>
    <s v=""/>
    <m/>
    <m/>
    <m/>
    <m/>
    <m/>
    <m/>
    <m/>
    <m/>
    <x v="0"/>
    <x v="0"/>
    <x v="0"/>
    <x v="0"/>
    <n v="762500"/>
    <n v="0"/>
    <n v="0"/>
    <n v="0"/>
    <m/>
    <m/>
    <m/>
    <m/>
  </r>
  <r>
    <m/>
    <n v="264"/>
    <s v="TM9"/>
    <s v="Transformational Schemes (240806 DBC IDP Delivery Projects)"/>
    <s v="Dacorum Borough Council"/>
    <x v="7"/>
    <x v="32"/>
    <s v="Parklets "/>
    <m/>
    <s v="13 existing local centres will benefit from a parklet."/>
    <s v="Hemel Garden Communities"/>
    <x v="37"/>
    <s v="Transformational"/>
    <s v="Off-site"/>
    <s v="Developer / Dacorum Borough Council"/>
    <s v="Dacorum Borough Council"/>
    <s v="2025 - 2050"/>
    <n v="390000"/>
    <n v="650000"/>
    <x v="169"/>
    <m/>
    <s v="S106 / CIL / External Funding"/>
    <m/>
    <n v="520000"/>
    <s v="A - Per dwelling"/>
    <m/>
    <m/>
    <s v="Important"/>
    <x v="2"/>
    <x v="2"/>
    <x v="2"/>
    <x v="2"/>
    <x v="2"/>
    <x v="2"/>
    <x v="2"/>
    <s v="Yes"/>
    <s v="Yes"/>
    <s v="Yes"/>
    <s v="Yes"/>
    <s v="Yes"/>
    <s v="Yes"/>
    <s v="Yes"/>
    <s v="Yes"/>
    <s v="Yes"/>
    <s v="Yes"/>
    <m/>
    <m/>
    <m/>
    <m/>
    <m/>
    <m/>
    <m/>
    <m/>
    <m/>
    <m/>
    <m/>
    <m/>
    <m/>
    <m/>
    <m/>
    <m/>
    <m/>
    <m/>
    <m/>
    <m/>
    <m/>
    <m/>
    <m/>
    <m/>
    <m/>
    <m/>
    <n v="12554"/>
    <n v="41.421061016409112"/>
    <m/>
    <x v="39"/>
    <x v="35"/>
    <x v="35"/>
    <x v="35"/>
    <x v="36"/>
    <x v="37"/>
    <x v="35"/>
    <x v="37"/>
    <x v="37"/>
    <x v="39"/>
    <x v="37"/>
    <x v="35"/>
    <x v="36"/>
    <x v="36"/>
    <x v="34"/>
    <x v="35"/>
    <x v="33"/>
    <s v=""/>
    <s v=""/>
    <s v=""/>
    <s v=""/>
    <s v=""/>
    <s v=""/>
    <s v=""/>
    <s v=""/>
    <s v=""/>
    <s v=""/>
    <s v=""/>
    <s v=""/>
    <s v=""/>
    <s v=""/>
    <m/>
    <m/>
    <m/>
    <m/>
    <m/>
    <m/>
    <m/>
    <m/>
    <x v="0"/>
    <x v="0"/>
    <x v="0"/>
    <x v="0"/>
    <n v="519999.99999999994"/>
    <n v="0"/>
    <n v="0"/>
    <n v="0"/>
    <s v="It has been identified that Shendish Manor and Fairfields (Hm11) and Polehanger Lane (Hm13) will be responsible for the cost of £40,000 towards parklets each. The remaining cost of £440,000 has been apportioned on a per dwelling basis to all DBC sites within the Programme Area."/>
    <m/>
    <m/>
    <m/>
  </r>
  <r>
    <m/>
    <n v="265"/>
    <s v="TM10"/>
    <s v="Transformational Schemes (240806 DBC IDP Delivery Projects)"/>
    <s v="Dacorum Borough Council"/>
    <x v="7"/>
    <x v="33"/>
    <s v="Chalk Stream Restoration"/>
    <m/>
    <s v="Securing funding to implement the Environment Agency’s plans for restoring and realigning the River Gade to allow the chalk stream to once again flow through the middle of Gadebridge Park within the New Town, and developing a catchment-based chalk stream (and floodplain grazing marsh) restoration strategy"/>
    <s v="Hemel Garden Communities"/>
    <x v="37"/>
    <s v="Transformational"/>
    <s v="Off-site"/>
    <s v="Dacorum Borough Council / Environment Agency"/>
    <s v="Dacorum Borough Council"/>
    <s v="2025 - 2050"/>
    <n v="450000"/>
    <n v="450000"/>
    <x v="170"/>
    <n v="225000"/>
    <s v="S106 / CIL / External Funding"/>
    <n v="0"/>
    <n v="225000"/>
    <s v="A - Per dwelling"/>
    <m/>
    <m/>
    <s v="Important"/>
    <x v="2"/>
    <x v="2"/>
    <x v="2"/>
    <x v="2"/>
    <x v="2"/>
    <x v="2"/>
    <x v="2"/>
    <s v="Yes"/>
    <s v="Yes"/>
    <s v="Yes"/>
    <s v="Yes"/>
    <s v="Yes"/>
    <s v="Yes"/>
    <s v="Yes"/>
    <s v="Yes"/>
    <s v="Yes"/>
    <s v="Yes"/>
    <m/>
    <m/>
    <m/>
    <m/>
    <m/>
    <m/>
    <m/>
    <m/>
    <m/>
    <m/>
    <m/>
    <m/>
    <m/>
    <m/>
    <m/>
    <m/>
    <m/>
    <m/>
    <m/>
    <m/>
    <m/>
    <m/>
    <m/>
    <m/>
    <m/>
    <m/>
    <n v="12554"/>
    <n v="17.922574478253942"/>
    <m/>
    <x v="37"/>
    <x v="33"/>
    <x v="33"/>
    <x v="33"/>
    <x v="34"/>
    <x v="35"/>
    <x v="33"/>
    <x v="35"/>
    <x v="35"/>
    <x v="37"/>
    <x v="35"/>
    <x v="33"/>
    <x v="33"/>
    <x v="34"/>
    <x v="32"/>
    <x v="33"/>
    <x v="31"/>
    <s v=""/>
    <s v=""/>
    <s v=""/>
    <s v=""/>
    <s v=""/>
    <s v=""/>
    <s v=""/>
    <s v=""/>
    <s v=""/>
    <s v=""/>
    <s v=""/>
    <s v=""/>
    <s v=""/>
    <s v=""/>
    <m/>
    <m/>
    <m/>
    <m/>
    <m/>
    <m/>
    <m/>
    <m/>
    <x v="0"/>
    <x v="0"/>
    <x v="0"/>
    <x v="0"/>
    <n v="225000.00000000006"/>
    <n v="0"/>
    <n v="0"/>
    <n v="0"/>
    <s v="Cost based on 4km of chalk restoration, along Gade and Bulbourne, at £112,500 cost per 1km (total of £450,000). This cost is based on recent work carried out on the River Bulbourne, with Box Moor Trust. Cost information from Q2 2025."/>
    <m/>
    <m/>
    <m/>
  </r>
  <r>
    <m/>
    <n v="266"/>
    <s v="TM11"/>
    <s v="Transformational Schemes (240806 DBC IDP Delivery Projects)"/>
    <s v="Dacorum Borough Council"/>
    <x v="7"/>
    <x v="34"/>
    <s v="Nickey Line: Keens Field Focus area of intervention"/>
    <m/>
    <s v="Improvements to Paradise Field Focus area of intervention as set out in the Nickey Line Vision &amp; Strategy document with:_x000a_Zone 1- Entrance treatment and wayfinding_x000a_Zone 2- New foot/cycle route_x000a_Zone 3 - Improvements to play facilities_x000a_Zone 4 - Potential realignment of footpath 47, via viewpoint_x000a_Zone 5 - Wildlife/ecologically focused area_x000a_Zone 6 - Potential new bridge linking directly to Keens Fields"/>
    <s v="Hemel Garden Communities"/>
    <x v="37"/>
    <s v="Transformational"/>
    <s v="Off-site"/>
    <s v="Developer / Dacorum Borough Council / Hertfordshire County Council"/>
    <s v="Dacorum Borough Council / Hertfordshire County Council"/>
    <s v="2025 - 2050"/>
    <n v="780000"/>
    <n v="1170000"/>
    <x v="171"/>
    <m/>
    <s v="S106 / CIL / External Funding"/>
    <n v="0"/>
    <n v="975000"/>
    <s v="A - Per dwelling"/>
    <m/>
    <m/>
    <s v="Important"/>
    <x v="2"/>
    <x v="2"/>
    <x v="2"/>
    <x v="2"/>
    <x v="2"/>
    <x v="2"/>
    <x v="2"/>
    <s v="Yes"/>
    <s v="Yes"/>
    <s v="Yes"/>
    <s v="Yes"/>
    <s v="Yes"/>
    <s v="Yes"/>
    <s v="Yes"/>
    <s v="Yes"/>
    <s v="Yes"/>
    <s v="Yes"/>
    <m/>
    <m/>
    <m/>
    <m/>
    <m/>
    <m/>
    <m/>
    <m/>
    <m/>
    <m/>
    <m/>
    <m/>
    <m/>
    <m/>
    <m/>
    <m/>
    <m/>
    <m/>
    <m/>
    <m/>
    <m/>
    <m/>
    <m/>
    <m/>
    <m/>
    <m/>
    <n v="12554"/>
    <n v="77.664489405767085"/>
    <m/>
    <x v="40"/>
    <x v="36"/>
    <x v="36"/>
    <x v="36"/>
    <x v="37"/>
    <x v="38"/>
    <x v="36"/>
    <x v="38"/>
    <x v="38"/>
    <x v="40"/>
    <x v="38"/>
    <x v="36"/>
    <x v="37"/>
    <x v="37"/>
    <x v="35"/>
    <x v="36"/>
    <x v="34"/>
    <s v=""/>
    <s v=""/>
    <s v=""/>
    <s v=""/>
    <s v=""/>
    <s v=""/>
    <s v=""/>
    <s v=""/>
    <s v=""/>
    <s v=""/>
    <s v=""/>
    <s v=""/>
    <s v=""/>
    <s v=""/>
    <m/>
    <m/>
    <m/>
    <m/>
    <m/>
    <m/>
    <m/>
    <m/>
    <x v="0"/>
    <x v="0"/>
    <x v="0"/>
    <x v="0"/>
    <n v="974999.99999999977"/>
    <n v="0"/>
    <n v="0"/>
    <n v="0"/>
    <m/>
    <m/>
    <s v="Nickey Line Vision &amp; Strategy Document"/>
    <m/>
  </r>
  <r>
    <m/>
    <n v="267"/>
    <s v="TM12"/>
    <s v="Transformational Schemes (240806 DBC IDP Delivery Projects)"/>
    <s v="Dacorum Borough Council"/>
    <x v="7"/>
    <x v="34"/>
    <s v="Nickey Line: Paradise Fields Focus area of intervention"/>
    <m/>
    <s v="Improvements to Paradise Field Focus area of intervention as set out in the Nickey Line Vision &amp; Strategy document with:_x000a_Zone 1- Entrance treatment and wayfinding_x000a_Zone 2- New foot/cycle route_x000a_Zone 3 - Improvements to play facilities_x000a_Zone 4 - Potential realignment of footpath 47, via viewpoint_x000a_Zone 5 - Wildlife/ecologically focused area_x000a_Zone 6 - Potential new bridge linking directly to Keens Fields"/>
    <s v="Hemel Garden Communities"/>
    <x v="37"/>
    <s v="Transformational"/>
    <s v="Off-site"/>
    <s v="Developer / Dacorum Borough Council / Hertfordshire County Council"/>
    <s v="Dacorum Borough Council / Hertfordshire County Council"/>
    <s v="2025 - 2050"/>
    <n v="740000"/>
    <n v="1110000"/>
    <x v="172"/>
    <m/>
    <s v="S106 / CIL / External Funding"/>
    <n v="0"/>
    <n v="925000"/>
    <s v="A - Per dwelling"/>
    <m/>
    <m/>
    <s v="Important"/>
    <x v="2"/>
    <x v="2"/>
    <x v="2"/>
    <x v="2"/>
    <x v="2"/>
    <x v="2"/>
    <x v="2"/>
    <s v="Yes"/>
    <s v="Yes"/>
    <s v="Yes"/>
    <s v="Yes"/>
    <s v="Yes"/>
    <s v="Yes"/>
    <s v="Yes"/>
    <s v="Yes"/>
    <s v="Yes"/>
    <s v="Yes"/>
    <m/>
    <m/>
    <m/>
    <m/>
    <m/>
    <m/>
    <m/>
    <m/>
    <m/>
    <m/>
    <m/>
    <m/>
    <m/>
    <m/>
    <m/>
    <m/>
    <m/>
    <m/>
    <m/>
    <m/>
    <m/>
    <m/>
    <m/>
    <m/>
    <m/>
    <m/>
    <n v="12554"/>
    <n v="73.681695077266212"/>
    <m/>
    <x v="41"/>
    <x v="37"/>
    <x v="37"/>
    <x v="37"/>
    <x v="38"/>
    <x v="39"/>
    <x v="37"/>
    <x v="39"/>
    <x v="39"/>
    <x v="41"/>
    <x v="39"/>
    <x v="37"/>
    <x v="38"/>
    <x v="38"/>
    <x v="36"/>
    <x v="37"/>
    <x v="35"/>
    <s v=""/>
    <s v=""/>
    <s v=""/>
    <s v=""/>
    <s v=""/>
    <s v=""/>
    <s v=""/>
    <s v=""/>
    <s v=""/>
    <s v=""/>
    <s v=""/>
    <s v=""/>
    <s v=""/>
    <s v=""/>
    <m/>
    <m/>
    <m/>
    <m/>
    <m/>
    <m/>
    <m/>
    <m/>
    <x v="0"/>
    <x v="0"/>
    <x v="0"/>
    <x v="0"/>
    <n v="925000.00000000012"/>
    <n v="0"/>
    <n v="0"/>
    <n v="0"/>
    <m/>
    <m/>
    <s v="Nickey Line Vision &amp; Strategy Document"/>
    <m/>
  </r>
  <r>
    <m/>
    <n v="268"/>
    <s v="TM13"/>
    <s v="Transformational Schemes (240806 DBC IDP Delivery Projects)"/>
    <s v="Dacorum Borough Council"/>
    <x v="7"/>
    <x v="34"/>
    <s v="Nickey Line: Maylands Focus area of intervention"/>
    <m/>
    <s v="Improvements to Maylands Focus area of intervention as set out in the Nickey Line Vision &amp; Strategy document with:_x000a_Zone 1- Entrance treatment on Eastman Way_x000a_Zone 2 - Proposed wider shared path for people on foot/wheel_x000a_Zone 3 - Route highlighted over side accesses_x000a_Zone 4 - Raised junction incorporating crossing for people on foot/wheel"/>
    <s v="Hemel Garden Communities"/>
    <x v="39"/>
    <s v="Transformational"/>
    <s v="Off-site"/>
    <s v="Developer / Dacorum Borough Council / Hertfordshire County Council"/>
    <s v="Dacorum Borough Council / Hertfordshire County Council"/>
    <s v="2025 - 2050"/>
    <n v="80000"/>
    <n v="120000"/>
    <x v="173"/>
    <m/>
    <s v="S106 / CIL / External Funding"/>
    <n v="0"/>
    <n v="100000"/>
    <s v="A - Per dwelling"/>
    <m/>
    <m/>
    <s v="Important"/>
    <x v="2"/>
    <x v="2"/>
    <x v="2"/>
    <x v="2"/>
    <x v="2"/>
    <x v="2"/>
    <x v="2"/>
    <s v="Yes"/>
    <s v="Yes"/>
    <s v="Yes"/>
    <s v="Yes"/>
    <s v="Yes"/>
    <s v="Yes"/>
    <s v="Yes"/>
    <s v="Yes"/>
    <s v="Yes"/>
    <s v="Yes"/>
    <m/>
    <m/>
    <m/>
    <m/>
    <m/>
    <m/>
    <m/>
    <m/>
    <m/>
    <m/>
    <m/>
    <m/>
    <m/>
    <m/>
    <m/>
    <m/>
    <m/>
    <m/>
    <m/>
    <m/>
    <m/>
    <m/>
    <m/>
    <s v="Yes"/>
    <m/>
    <s v="Yes"/>
    <n v="17325"/>
    <n v="5.7720057720057723"/>
    <m/>
    <x v="42"/>
    <x v="38"/>
    <x v="38"/>
    <x v="38"/>
    <x v="39"/>
    <x v="40"/>
    <x v="38"/>
    <x v="40"/>
    <x v="40"/>
    <x v="42"/>
    <x v="40"/>
    <x v="38"/>
    <x v="39"/>
    <x v="39"/>
    <x v="37"/>
    <x v="38"/>
    <x v="36"/>
    <s v=""/>
    <s v=""/>
    <s v=""/>
    <s v=""/>
    <s v=""/>
    <s v=""/>
    <s v=""/>
    <s v=""/>
    <s v=""/>
    <s v=""/>
    <s v=""/>
    <s v=""/>
    <s v=""/>
    <s v=""/>
    <s v=""/>
    <s v=""/>
    <s v=""/>
    <s v=""/>
    <s v=""/>
    <s v=""/>
    <s v=""/>
    <s v=""/>
    <x v="3"/>
    <x v="30"/>
    <x v="3"/>
    <x v="5"/>
    <n v="72461.760461760467"/>
    <n v="27538.239538239541"/>
    <n v="0"/>
    <n v="0"/>
    <m/>
    <m/>
    <s v="Nickey Line Vision &amp; Strategy Document"/>
    <m/>
  </r>
  <r>
    <m/>
    <n v="269"/>
    <s v="TR1"/>
    <s v="DBC IDP"/>
    <s v="Dacorum Borough Council"/>
    <x v="8"/>
    <x v="35"/>
    <s v="Cambrian Way Local Mobility Hub"/>
    <s v="LS-1"/>
    <s v="(LS-1) Local Mobility Hub located near to the junction with Wensleydale, close to Nickey Line, and served by Bus Route 2"/>
    <s v="Hemel Garden Communities"/>
    <x v="8"/>
    <s v="Programme Area / Transformational"/>
    <s v="Off-site"/>
    <s v="Developer / Hertfordshire County Council"/>
    <s v="Hertfordshire County Council"/>
    <s v="2031-2036"/>
    <m/>
    <m/>
    <x v="174"/>
    <m/>
    <s v="S106 / S38 / S278 / CIL"/>
    <n v="0"/>
    <n v="370629.1875"/>
    <s v="A - Per dwelling"/>
    <s v="Multiple Scenario 2 (Step 6)"/>
    <s v="Multiple Scenario 2 (Step 6)"/>
    <s v="Essential"/>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70"/>
    <s v="TR2"/>
    <s v="DBC IDP"/>
    <s v="Dacorum Borough Council"/>
    <x v="8"/>
    <x v="35"/>
    <s v="Keens Field Mobility Hub"/>
    <s v="LS-2"/>
    <s v="(LS-2) Local Mobility Hub located at Queensway-St Paul's Rd (close to Nickey Line) OR Cattsdell-Thumpers junction area. Served by Bus Routes 2, 3 and 4"/>
    <s v="Hemel Garden Communities"/>
    <x v="8"/>
    <s v="Programme Area / Transformational"/>
    <s v="Off-site"/>
    <s v="Developer / Hertfordshire County Council"/>
    <s v="Hertfordshire County Council"/>
    <s v="2031-2036"/>
    <m/>
    <m/>
    <x v="174"/>
    <m/>
    <s v="S106 / S38 / S278 / CIL"/>
    <n v="0"/>
    <n v="370629.1875"/>
    <s v="A - Per dwelling"/>
    <s v="Multiple Scenario 2 (Step 6)"/>
    <s v="Multiple Scenario 2 (Step 6)"/>
    <s v="Essential"/>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71"/>
    <s v="TR3"/>
    <s v="DBC IDP"/>
    <s v="Dacorum Borough Council"/>
    <x v="8"/>
    <x v="35"/>
    <s v="Grovehill Local Mobility Hub"/>
    <s v="LS-3"/>
    <s v="(LS-3) Local Mobility Hub located at Aycliffe Drive (Grovehill) opp. Henry Wells Sq. Served by Bus Route 2"/>
    <s v="Hemel Garden Communities"/>
    <x v="8"/>
    <s v="Programme Area"/>
    <s v="Off-site"/>
    <s v="Developer / Hertfordshire County Council"/>
    <s v="Hertfordshire County Council"/>
    <s v="2031-2036"/>
    <m/>
    <m/>
    <x v="174"/>
    <m/>
    <s v="S106 / S38 / S278 / CIL"/>
    <n v="0"/>
    <n v="370629.1875"/>
    <s v="A - Per dwelling"/>
    <s v="Multiple Scenario 2 (Step 6)"/>
    <s v="Multiple Scenario 2 (Step 6)"/>
    <s v="Essential"/>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72"/>
    <s v="TR4"/>
    <s v="DBC IDP"/>
    <s v="Dacorum Borough Council"/>
    <x v="8"/>
    <x v="35"/>
    <s v="Woodhall Farm Local Mobility Hub"/>
    <s v="LS-4"/>
    <s v="(LS-4) Local Mobility Hub located on Shenley Road, Woodhall Fm near Sainsbury's. Served by Bus Route 2"/>
    <s v="Hemel Garden Communities"/>
    <x v="8"/>
    <s v="Programme Area"/>
    <s v="Off-site"/>
    <s v="Developer / Hertfordshire County Council"/>
    <s v="Hertfordshire County Council"/>
    <s v="2031-2036"/>
    <m/>
    <m/>
    <x v="174"/>
    <m/>
    <s v="S106 / S38 / S278 / CIL"/>
    <n v="0"/>
    <n v="370629.1875"/>
    <s v="A - Per dwelling"/>
    <s v="Multiple Scenario 2 (Step 6)"/>
    <s v="Multiple Scenario 2 (Step 6)"/>
    <s v="Essential"/>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73"/>
    <s v="TR5"/>
    <s v="DBC IDP"/>
    <s v="Dacorum Borough Council"/>
    <x v="8"/>
    <x v="35"/>
    <s v="Adeyfield Local Mobility Hub"/>
    <s v="LS-5"/>
    <s v="(LS-5) Local Mobility Hub located at The Queen's Square, Adeyfield local centre. Served by Bus Routes 1 and 302"/>
    <s v="Hemel Garden Communities"/>
    <x v="8"/>
    <s v="Programme Area"/>
    <s v="Off-site"/>
    <s v="Developer / Hertfordshire County Council"/>
    <s v="Hertfordshire County Council"/>
    <s v="2031-2036"/>
    <m/>
    <m/>
    <x v="174"/>
    <m/>
    <s v="S106 / S38 / S278 / CIL"/>
    <n v="0"/>
    <n v="370629.1875"/>
    <s v="A - Per dwelling"/>
    <s v="Multiple Scenario 2 (Step 6)"/>
    <s v="Multiple Scenario 2 (Step 6)"/>
    <s v="Essential"/>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74"/>
    <s v="TR6"/>
    <s v="DBC IDP"/>
    <s v="Dacorum Borough Council"/>
    <x v="8"/>
    <x v="35"/>
    <s v="Maylands South Local Mobility Hub"/>
    <s v="LS-6"/>
    <s v="(LS-6) At or near future HERT interchange at junction of A414 Breakspear Way/Maylands Avenue"/>
    <s v="Hemel Garden Communities"/>
    <x v="40"/>
    <s v="Growth Area / Transformational"/>
    <s v="On-site / Off-site"/>
    <s v="Developer / Hertfordshire County Council"/>
    <s v="Hertfordshire County Council"/>
    <s v="2031-2036"/>
    <m/>
    <m/>
    <x v="174"/>
    <m/>
    <s v="S106 / S38 / S278 / CIL"/>
    <n v="0"/>
    <n v="370629.1875"/>
    <s v="B5 - Based on AECOM Transport Model attribution percentages"/>
    <s v="Multiple Scenario 2 (Step 5)"/>
    <s v="Mutliple Scenario 2 (Step 5)"/>
    <s v="Essential"/>
    <x v="2"/>
    <x v="2"/>
    <x v="2"/>
    <x v="2"/>
    <x v="2"/>
    <x v="2"/>
    <x v="2"/>
    <s v="Yes"/>
    <s v="Yes"/>
    <s v="Yes"/>
    <s v="Yes"/>
    <s v="Yes"/>
    <s v="Yes"/>
    <s v="Yes"/>
    <s v="Yes"/>
    <s v=""/>
    <s v=""/>
    <m/>
    <m/>
    <m/>
    <m/>
    <m/>
    <m/>
    <m/>
    <m/>
    <m/>
    <m/>
    <m/>
    <m/>
    <m/>
    <m/>
    <m/>
    <m/>
    <m/>
    <m/>
    <m/>
    <m/>
    <m/>
    <m/>
    <s v=""/>
    <s v=""/>
    <s v="Yes"/>
    <s v="Yes"/>
    <n v="15665"/>
    <n v="23.65969917012448"/>
    <s v="GOOD"/>
    <x v="44"/>
    <x v="40"/>
    <x v="40"/>
    <x v="40"/>
    <x v="41"/>
    <x v="42"/>
    <x v="40"/>
    <x v="42"/>
    <x v="42"/>
    <x v="44"/>
    <x v="42"/>
    <x v="40"/>
    <x v="41"/>
    <x v="41"/>
    <x v="39"/>
    <x v="23"/>
    <x v="0"/>
    <m/>
    <m/>
    <m/>
    <m/>
    <m/>
    <m/>
    <m/>
    <m/>
    <m/>
    <m/>
    <m/>
    <m/>
    <m/>
    <m/>
    <m/>
    <m/>
    <m/>
    <m/>
    <m/>
    <m/>
    <m/>
    <m/>
    <x v="6"/>
    <x v="6"/>
    <x v="32"/>
    <x v="6"/>
    <n v="167366.97265169196"/>
    <n v="203262.21484830807"/>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275"/>
    <s v="TR7"/>
    <s v="DBC IDP"/>
    <s v="Dacorum Borough Council"/>
    <x v="8"/>
    <x v="35"/>
    <s v="Jarman Park Local Mobility Hub"/>
    <s v="LS-7"/>
    <s v="(LS-7) Local Mobility Hub located at Jarman Park near to vehicle access or adjacent to marked bus stop. Not currently served by any local bus service but could be served by the HERT in the future"/>
    <s v="Hemel Garden Communities"/>
    <x v="41"/>
    <s v="Programme Area"/>
    <s v="Off-site"/>
    <s v="Developer / Hertfordshire County Council"/>
    <s v="Hertfordshire County Council"/>
    <s v="2031-2036"/>
    <m/>
    <m/>
    <x v="174"/>
    <m/>
    <s v="S106 / S38 / S278 / CIL"/>
    <n v="0"/>
    <n v="370629.1875"/>
    <s v="B5 - Based on AECOM Transport Model attribution percentages"/>
    <s v="Multiple Scenario 2 (Step 5)"/>
    <s v="Mutliple Scenario 2 (Step 5)"/>
    <s v="Essential"/>
    <x v="2"/>
    <x v="3"/>
    <x v="3"/>
    <x v="3"/>
    <x v="3"/>
    <x v="3"/>
    <x v="3"/>
    <s v=""/>
    <s v=""/>
    <s v="Yes"/>
    <s v=""/>
    <s v=""/>
    <s v=""/>
    <s v="Yes"/>
    <s v=""/>
    <s v=""/>
    <s v=""/>
    <m/>
    <m/>
    <m/>
    <m/>
    <m/>
    <m/>
    <m/>
    <m/>
    <m/>
    <m/>
    <m/>
    <m/>
    <m/>
    <m/>
    <m/>
    <m/>
    <m/>
    <m/>
    <m/>
    <m/>
    <m/>
    <m/>
    <s v=""/>
    <s v="Yes"/>
    <s v="Yes"/>
    <s v="Yes"/>
    <n v="13021"/>
    <n v="28.463957261347055"/>
    <s v="GOOD"/>
    <x v="45"/>
    <x v="23"/>
    <x v="23"/>
    <x v="23"/>
    <x v="24"/>
    <x v="24"/>
    <x v="22"/>
    <x v="24"/>
    <x v="24"/>
    <x v="45"/>
    <x v="6"/>
    <x v="23"/>
    <x v="23"/>
    <x v="42"/>
    <x v="22"/>
    <x v="23"/>
    <x v="0"/>
    <m/>
    <m/>
    <m/>
    <m/>
    <m/>
    <m/>
    <m/>
    <m/>
    <m/>
    <m/>
    <m/>
    <m/>
    <m/>
    <m/>
    <m/>
    <m/>
    <m/>
    <m/>
    <m/>
    <m/>
    <m/>
    <m/>
    <x v="6"/>
    <x v="32"/>
    <x v="33"/>
    <x v="7"/>
    <n v="148251.67500000002"/>
    <n v="222377.51250000004"/>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276"/>
    <s v="TR8"/>
    <s v="DBC IDP"/>
    <s v="Dacorum Borough Council"/>
    <x v="8"/>
    <x v="35"/>
    <s v="Bennetts End Local Mobility Hub"/>
    <s v="LS-8"/>
    <s v="(LS-8) Local Mobility Hub located at Peascroft Road/Bennetts End Road, close to the local shopping parade. Served by Bus Routes 1 and 2"/>
    <s v="Hemel Garden Communities"/>
    <x v="8"/>
    <s v="Programme Area"/>
    <s v="Off-site"/>
    <s v="Developer / Hertfordshire County Council"/>
    <s v="Hertfordshire County Council"/>
    <s v="2031-2036"/>
    <m/>
    <m/>
    <x v="174"/>
    <m/>
    <s v="S106 / S38 / S278 / CIL"/>
    <n v="0"/>
    <n v="370629.1875"/>
    <s v="A - Per dwelling"/>
    <s v="Multiple Scenario 2 (Step 6)"/>
    <s v="Multiple Scenario 2 (Step 6)"/>
    <s v="Essential"/>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77"/>
    <s v="TR9"/>
    <s v="DBC IDP"/>
    <s v="Dacorum Borough Council"/>
    <x v="8"/>
    <x v="35"/>
    <s v="Leverstock Green Local Mobility Hub"/>
    <s v="LS-9"/>
    <s v="(LS-9) Local Mobility Hub located on Leverstock Green Way, close to the local shopping parade. Served by Bus Routes 20, 302 and 721"/>
    <s v="Hemel Garden Communities"/>
    <x v="8"/>
    <s v="Programme Area"/>
    <s v="Off-site"/>
    <s v="Developer / Hertfordshire County Council"/>
    <s v="Hertfordshire County Council"/>
    <s v="2031-2036"/>
    <m/>
    <m/>
    <x v="174"/>
    <m/>
    <s v="S106 / S38 / S278 / CIL"/>
    <n v="0"/>
    <n v="370629.1875"/>
    <s v="A - Per dwelling"/>
    <s v="Multiple Scenario 2 (Step 6)"/>
    <s v="Multiple Scenario 2 (Step 6)"/>
    <s v="Critical - HGC objectives"/>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78"/>
    <s v="TR10"/>
    <s v="DBC IDP"/>
    <s v="Dacorum Borough Council"/>
    <x v="8"/>
    <x v="35"/>
    <s v="Warners End Local Mobility Hub"/>
    <s v="LS-10"/>
    <s v="(LS-10) Local Mobility Hub at Warners End Road/Long Chaulden, close to the local shopping parade. Served by Bus Routes 3, 4 and ML1. "/>
    <s v="Hemel Garden Communities"/>
    <x v="8"/>
    <s v="Programme Area"/>
    <s v="Off-site"/>
    <s v="Developer / Hertfordshire County Council"/>
    <s v="Hertfordshire County Council"/>
    <s v="2031-2036"/>
    <m/>
    <m/>
    <x v="174"/>
    <m/>
    <s v="S106 / S38 / S278 / CIL"/>
    <n v="0"/>
    <n v="370629.1875"/>
    <s v="A - Per dwelling"/>
    <s v="Multiple Scenario 2 (Step 6)"/>
    <s v="Multiple Scenario 2 (Step 6)"/>
    <s v="Critical - HGC objectives"/>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79"/>
    <s v="TR11"/>
    <s v="DBC IDP"/>
    <s v="Dacorum Borough Council"/>
    <x v="8"/>
    <x v="35"/>
    <s v="Galley Hill Local Mobility Hub"/>
    <s v="LS-11"/>
    <s v="(LS-11) Local Mobility Hub located in Galley Hill opposite the Baptist Church. Served by Bus Routes 3 and 4. "/>
    <s v="Hemel Garden Communities"/>
    <x v="8"/>
    <s v="Programme Area"/>
    <s v="Off-site"/>
    <s v="Developer / Hertfordshire County Council"/>
    <s v="Hertfordshire County Council"/>
    <s v="2031-2036"/>
    <m/>
    <m/>
    <x v="174"/>
    <m/>
    <s v="S106 / S38 / S278 / CIL"/>
    <n v="0"/>
    <n v="370629.1875"/>
    <s v="A - Per dwelling"/>
    <s v="Multiple Scenario 2 (Step 6)"/>
    <s v="Multiple Scenario 2 (Step 6)"/>
    <s v="Critical - HGC objectives"/>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80"/>
    <s v="TR12"/>
    <s v="DBC IDP"/>
    <s v="Dacorum Borough Council"/>
    <x v="8"/>
    <x v="35"/>
    <s v="Chaulden Local Mobility Hub"/>
    <s v="LS-12"/>
    <s v="(LS-12) Local Mobility Hub located close to the Honeycross Rd junction. Served by Bus Routes 3 and ML1 "/>
    <s v="Hemel Garden Communities"/>
    <x v="8"/>
    <s v="Programme Area"/>
    <s v="Off-site"/>
    <s v="Developer / Hertfordshire County Council"/>
    <s v="Hertfordshire County Council"/>
    <s v="2031-2036"/>
    <m/>
    <m/>
    <x v="174"/>
    <m/>
    <s v="S106 / S38 / S278 / CIL"/>
    <n v="0"/>
    <n v="370629.1875"/>
    <s v="A - Per dwelling"/>
    <s v="Multiple Scenario 2 (Step 6)"/>
    <s v="Multiple Scenario 2 (Step 6)"/>
    <s v="Critical - HGC objectives"/>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81"/>
    <s v="TR13"/>
    <s v="DBC IDP"/>
    <s v="Dacorum Borough Council"/>
    <x v="8"/>
    <x v="35"/>
    <s v="Maylands Central Local Mobility Hub"/>
    <s v="LS-13"/>
    <s v="(LS-13) Local Mobility Hub located at Wood Lane End car park (requites removal of parking spaces). Served by Bus Routes 302, 320 and ML1."/>
    <s v="Hemel Garden Communities"/>
    <x v="8"/>
    <s v="Programme Area"/>
    <s v="Off-site"/>
    <s v="Developer / Hertfordshire County Council"/>
    <s v="Hertfordshire County Council"/>
    <s v="2031-2036"/>
    <m/>
    <m/>
    <x v="174"/>
    <m/>
    <s v="S106 / S38 / S278 / CIL"/>
    <n v="0"/>
    <n v="370629.1875"/>
    <s v="A - Per dwelling"/>
    <s v="Multiple Scenario 2 (Step 6)"/>
    <s v="Multiple Scenario 2 (Step 6)"/>
    <s v="Essential"/>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82"/>
    <s v="TR14"/>
    <s v="DBC IDP"/>
    <s v="Dacorum Borough Council &amp; St Albans City &amp; District Council"/>
    <x v="8"/>
    <x v="35"/>
    <s v="Maylands Multi Modal Interchange (Metro Mobility Hub)"/>
    <s v="LS-14"/>
    <s v="(LS-14) Integrated metro mobility hub with facilities to encourage and facilitate modes of transport other than the private car; this will connect the site to key destinations including Hemel Hempstead Train Station and the Maylands Business Park. Mobility hub to provide a bus and coach interchange near Maylands with access to the A414/M1. Served by existing or new express coach services along the M1 (e.g. Greenline and National Express) and local express buses to neighbouring towns including a potential cross-county express bus service (HERT). Opportunity for associated cycle and pedestrian improvements. This forms part of Phase 2 of the package of transport measures for M1 J8 enhancements - Prioritisation of active and sustainable modes of travel."/>
    <s v="Hemel Garden Communities"/>
    <x v="17"/>
    <s v="Growth Area / Transformational"/>
    <s v="On-site"/>
    <s v="Developer"/>
    <s v="Hertfordshire County Council"/>
    <s v="2036-2041"/>
    <m/>
    <m/>
    <x v="175"/>
    <m/>
    <s v="S38 / S278"/>
    <n v="0"/>
    <n v="877751.875"/>
    <s v="A - Per dwelling"/>
    <s v="Single Scenario 1 (Step 1)"/>
    <s v="Single Scenario 1 (Step 1)"/>
    <s v="Essential"/>
    <x v="0"/>
    <x v="0"/>
    <x v="0"/>
    <x v="0"/>
    <x v="0"/>
    <x v="0"/>
    <x v="0"/>
    <m/>
    <m/>
    <m/>
    <m/>
    <m/>
    <m/>
    <m/>
    <m/>
    <m/>
    <m/>
    <m/>
    <m/>
    <m/>
    <m/>
    <m/>
    <m/>
    <m/>
    <m/>
    <m/>
    <m/>
    <m/>
    <m/>
    <m/>
    <m/>
    <m/>
    <m/>
    <m/>
    <m/>
    <m/>
    <m/>
    <m/>
    <m/>
    <m/>
    <m/>
    <m/>
    <s v="Yes"/>
    <n v="3171"/>
    <n v="276.80601545253865"/>
    <m/>
    <x v="2"/>
    <x v="2"/>
    <x v="2"/>
    <x v="2"/>
    <x v="2"/>
    <x v="2"/>
    <x v="2"/>
    <x v="2"/>
    <x v="2"/>
    <x v="2"/>
    <x v="2"/>
    <x v="2"/>
    <x v="2"/>
    <x v="2"/>
    <x v="2"/>
    <x v="2"/>
    <x v="2"/>
    <s v=""/>
    <s v=""/>
    <s v=""/>
    <s v=""/>
    <s v=""/>
    <s v=""/>
    <s v=""/>
    <s v=""/>
    <s v=""/>
    <s v=""/>
    <s v=""/>
    <s v=""/>
    <s v=""/>
    <s v=""/>
    <s v=""/>
    <s v=""/>
    <s v=""/>
    <s v=""/>
    <s v=""/>
    <s v=""/>
    <s v=""/>
    <s v=""/>
    <x v="3"/>
    <x v="3"/>
    <x v="3"/>
    <x v="8"/>
    <n v="0"/>
    <n v="877751.875"/>
    <n v="0"/>
    <n v="0"/>
    <s v="Cost includes an uplift for the allowance of traffic management (10%), main contractor preliminaries and overheads and profit (45%), professional fees (15%), contingency (50%), statutory undertakers (15%)."/>
    <s v="Herts IQ has been identified as a potential contributor to funding."/>
    <s v="Aecom Hemel Hempstead Transport Study (2024) and update (2025), Verified through engagement with HCC in February 2025"/>
    <m/>
  </r>
  <r>
    <m/>
    <n v="283"/>
    <s v="TR15"/>
    <s v="DBC IDP"/>
    <s v="Dacorum Borough Council"/>
    <x v="8"/>
    <x v="36"/>
    <s v="Plough Roundabout Link Break - bus priority"/>
    <s v="LS-16"/>
    <s v="(LS-16) Investigate the potential for introducing bus priority at the Plough Roundabout, particularly in the vicinity of the bus interchange which could also be served by the HERT in the future. "/>
    <s v="Hemel Garden Communities"/>
    <x v="42"/>
    <s v="Programme Area"/>
    <s v="Off-site"/>
    <s v="Developer / Hertfordshire County Council"/>
    <s v="Hertfordshire County Council"/>
    <s v="2036-2041"/>
    <m/>
    <m/>
    <x v="176"/>
    <m/>
    <s v="S106 / S38 / S278 / CIL"/>
    <n v="0"/>
    <n v="61693"/>
    <s v="B5 - Based on AECOM Transport Model attribution percentages"/>
    <s v="Multiple Scenario 2 (Step 5)"/>
    <s v="Mutliple Scenario 2 (Step 5)"/>
    <s v="Essential"/>
    <x v="2"/>
    <x v="2"/>
    <x v="2"/>
    <x v="2"/>
    <x v="2"/>
    <x v="2"/>
    <x v="2"/>
    <s v="Yes"/>
    <s v="Yes"/>
    <s v="Yes"/>
    <s v="Yes"/>
    <s v=""/>
    <s v="Yes"/>
    <s v="Yes"/>
    <s v=""/>
    <s v="Yes"/>
    <s v=""/>
    <m/>
    <m/>
    <m/>
    <m/>
    <m/>
    <m/>
    <m/>
    <m/>
    <m/>
    <m/>
    <m/>
    <m/>
    <m/>
    <m/>
    <m/>
    <m/>
    <m/>
    <m/>
    <m/>
    <m/>
    <m/>
    <m/>
    <s v="Yes"/>
    <s v="Yes"/>
    <s v="Yes"/>
    <s v="Yes"/>
    <n v="18555"/>
    <n v="3.324872002155753"/>
    <s v="GOOD"/>
    <x v="46"/>
    <x v="41"/>
    <x v="41"/>
    <x v="41"/>
    <x v="42"/>
    <x v="43"/>
    <x v="41"/>
    <x v="43"/>
    <x v="43"/>
    <x v="46"/>
    <x v="43"/>
    <x v="23"/>
    <x v="42"/>
    <x v="43"/>
    <x v="22"/>
    <x v="40"/>
    <x v="0"/>
    <m/>
    <m/>
    <m/>
    <m/>
    <m/>
    <m/>
    <m/>
    <m/>
    <m/>
    <m/>
    <m/>
    <m/>
    <m/>
    <m/>
    <m/>
    <m/>
    <m/>
    <m/>
    <m/>
    <m/>
    <m/>
    <m/>
    <x v="31"/>
    <x v="33"/>
    <x v="34"/>
    <x v="9"/>
    <n v="43629.734234234238"/>
    <n v="18063.265765765766"/>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284"/>
    <s v="TR16"/>
    <s v="DBC IDP"/>
    <s v="Dacorum Borough Council"/>
    <x v="8"/>
    <x v="36"/>
    <s v="A414 St Albans Road (town centre approach) bus priority "/>
    <s v="LS-17"/>
    <s v="(LS-17) Bus priority lane on the A414 westbound approaching the Plough Roundabout including bus gate signals to enable buses to move from the nearside to the offside lane. To accommodate the bus lane, there is likely to be a need to reduce general traffic space by a lane in either the eastbound or westbound direction. "/>
    <s v="Hemel Garden Communities"/>
    <x v="43"/>
    <s v="Programme Area"/>
    <s v="Off-site"/>
    <s v="Developer / Hertfordshire County Council / National Highways"/>
    <s v="Hertfordshire County Council"/>
    <s v="2036-2041"/>
    <m/>
    <m/>
    <x v="177"/>
    <m/>
    <s v="S106 / S38 / S278 / CIL"/>
    <n v="0"/>
    <n v="68246"/>
    <s v="B5 - Based on AECOM Transport Model attribution percentages"/>
    <s v="Multiple Scenario 2 (Step 5)"/>
    <s v="Mutliple Scenario 2 (Step 5)"/>
    <s v="Essential"/>
    <x v="2"/>
    <x v="3"/>
    <x v="2"/>
    <x v="3"/>
    <x v="3"/>
    <x v="2"/>
    <x v="2"/>
    <s v="Yes"/>
    <s v="Yes"/>
    <s v="Yes"/>
    <s v="Yes"/>
    <s v=""/>
    <s v="Yes"/>
    <s v=""/>
    <s v=""/>
    <s v="Yes"/>
    <s v=""/>
    <m/>
    <m/>
    <m/>
    <m/>
    <m/>
    <m/>
    <m/>
    <m/>
    <m/>
    <m/>
    <m/>
    <m/>
    <m/>
    <m/>
    <m/>
    <m/>
    <m/>
    <m/>
    <m/>
    <m/>
    <m/>
    <m/>
    <s v="Yes"/>
    <s v="Yes"/>
    <s v="Yes"/>
    <s v="Yes"/>
    <n v="17155"/>
    <n v="3.978198775867094"/>
    <s v="GOOD"/>
    <x v="47"/>
    <x v="23"/>
    <x v="42"/>
    <x v="23"/>
    <x v="24"/>
    <x v="44"/>
    <x v="42"/>
    <x v="44"/>
    <x v="44"/>
    <x v="47"/>
    <x v="44"/>
    <x v="23"/>
    <x v="43"/>
    <x v="6"/>
    <x v="22"/>
    <x v="41"/>
    <x v="0"/>
    <m/>
    <m/>
    <m/>
    <m/>
    <m/>
    <m/>
    <m/>
    <m/>
    <m/>
    <m/>
    <m/>
    <m/>
    <m/>
    <m/>
    <m/>
    <m/>
    <m/>
    <m/>
    <m/>
    <m/>
    <m/>
    <m/>
    <x v="32"/>
    <x v="34"/>
    <x v="35"/>
    <x v="10"/>
    <n v="25328.412371134022"/>
    <n v="42917.587628865978"/>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285"/>
    <s v="TR17"/>
    <s v="DBC IDP"/>
    <s v="Dacorum Borough Council"/>
    <x v="8"/>
    <x v="36"/>
    <s v="Bus Only Traffic Filter - Station Road"/>
    <s v="LS-19"/>
    <s v="(LS-19) A Bus Only traffic filter (in both directions) on A4146 Station Road, east of St John's Road, to prevent through traffic. Could be in operation throughout the day, or at peak times only. It would benefit Bus Routes 1, 2, 4, 20, 302, 352, 501, ML1 and X5. Additional locations for bus only traffic filters across Hemel Hempstead are not confirmed at this time and would be subject to feasibility and assessment of the traffic re-routeing effects. "/>
    <s v="Hemel Garden Communities"/>
    <x v="44"/>
    <s v="Programme Area"/>
    <s v="Off-site"/>
    <s v="Developer / Hertfordshire County Council"/>
    <s v="Hertfordshire County Council"/>
    <s v="2031-2036"/>
    <m/>
    <m/>
    <x v="178"/>
    <m/>
    <s v="S106 / S38 / S278 / CIL"/>
    <n v="0"/>
    <n v="109695"/>
    <s v="B5 - Based on AECOM Transport Model attribution percentages"/>
    <s v="Multiple Scenario 2 (Step 5)"/>
    <s v="Mutliple Scenario 2 (Step 5)"/>
    <s v="Essential"/>
    <x v="2"/>
    <x v="3"/>
    <x v="3"/>
    <x v="3"/>
    <x v="3"/>
    <x v="3"/>
    <x v="3"/>
    <s v=""/>
    <s v=""/>
    <s v="Yes"/>
    <s v=""/>
    <s v=""/>
    <s v=""/>
    <s v=""/>
    <s v=""/>
    <s v=""/>
    <s v=""/>
    <m/>
    <m/>
    <m/>
    <m/>
    <m/>
    <m/>
    <m/>
    <m/>
    <m/>
    <m/>
    <m/>
    <m/>
    <m/>
    <m/>
    <m/>
    <m/>
    <m/>
    <m/>
    <m/>
    <m/>
    <m/>
    <m/>
    <s v="Yes"/>
    <s v="Yes"/>
    <s v="Yes"/>
    <s v=""/>
    <n v="11000"/>
    <n v="9.9722727272727276"/>
    <s v="GOOD"/>
    <x v="48"/>
    <x v="23"/>
    <x v="23"/>
    <x v="23"/>
    <x v="24"/>
    <x v="24"/>
    <x v="22"/>
    <x v="24"/>
    <x v="24"/>
    <x v="48"/>
    <x v="6"/>
    <x v="23"/>
    <x v="23"/>
    <x v="6"/>
    <x v="22"/>
    <x v="23"/>
    <x v="0"/>
    <m/>
    <m/>
    <m/>
    <m/>
    <m/>
    <m/>
    <m/>
    <m/>
    <m/>
    <m/>
    <m/>
    <m/>
    <m/>
    <m/>
    <m/>
    <m/>
    <m/>
    <m/>
    <m/>
    <m/>
    <m/>
    <m/>
    <x v="33"/>
    <x v="35"/>
    <x v="36"/>
    <x v="11"/>
    <n v="36565"/>
    <n v="73130"/>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286"/>
    <s v="TR18"/>
    <s v="DBC IDP"/>
    <s v="Dacorum Borough Council"/>
    <x v="8"/>
    <x v="36"/>
    <s v="Bus Only Traffic Filters - wider Hemel Hempstead"/>
    <s v="LS-20"/>
    <s v="(LS-20) Additional locations for bus only traffic filters could be considered across Hemel Hempstead. Provision is currently made for up to 4 additional locations, subject to feasibility and public consultation. These locations will be determined based on more detailed investigations including consideration of the potential impacts on traffic re-routing. They should be considered in locations which are already well served by bus services."/>
    <s v="Hemel Garden Communities"/>
    <x v="8"/>
    <s v="Programme Area"/>
    <s v="Off-site"/>
    <s v="Developer / Hertfordshire County Council"/>
    <s v="Hertfordshire County Council"/>
    <s v="2031-2037"/>
    <m/>
    <m/>
    <x v="178"/>
    <m/>
    <s v="S106 / S38 / S278 / CIL"/>
    <n v="0"/>
    <n v="109695"/>
    <s v="A - Per dwelling"/>
    <s v="Multiple Scenario 2 (Step 7)"/>
    <s v="Multiple Scenario 2 (Step 7)"/>
    <s v="Essential"/>
    <x v="2"/>
    <x v="2"/>
    <x v="2"/>
    <x v="2"/>
    <x v="2"/>
    <x v="2"/>
    <x v="2"/>
    <s v="Yes"/>
    <s v="Yes"/>
    <s v="Yes"/>
    <s v="Yes"/>
    <s v="Yes"/>
    <s v="Yes"/>
    <s v="Yes"/>
    <s v="Yes"/>
    <s v="Yes"/>
    <s v="Yes"/>
    <m/>
    <m/>
    <m/>
    <m/>
    <m/>
    <m/>
    <m/>
    <m/>
    <m/>
    <m/>
    <m/>
    <m/>
    <m/>
    <m/>
    <m/>
    <m/>
    <m/>
    <m/>
    <m/>
    <m/>
    <m/>
    <m/>
    <s v="Yes"/>
    <s v="Yes"/>
    <s v="Yes"/>
    <s v="Yes"/>
    <n v="21225"/>
    <n v="5.1681978798586572"/>
    <s v="GOOD"/>
    <x v="49"/>
    <x v="42"/>
    <x v="43"/>
    <x v="42"/>
    <x v="43"/>
    <x v="45"/>
    <x v="43"/>
    <x v="45"/>
    <x v="45"/>
    <x v="49"/>
    <x v="45"/>
    <x v="41"/>
    <x v="44"/>
    <x v="44"/>
    <x v="40"/>
    <x v="42"/>
    <x v="38"/>
    <s v=""/>
    <s v=""/>
    <s v=""/>
    <s v=""/>
    <s v=""/>
    <s v=""/>
    <s v=""/>
    <s v=""/>
    <s v=""/>
    <s v=""/>
    <s v=""/>
    <s v=""/>
    <s v=""/>
    <s v=""/>
    <s v=""/>
    <s v=""/>
    <s v=""/>
    <s v=""/>
    <s v=""/>
    <s v=""/>
    <s v=""/>
    <s v=""/>
    <x v="34"/>
    <x v="36"/>
    <x v="37"/>
    <x v="12"/>
    <n v="64881.556183745575"/>
    <n v="44813.4438162544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87"/>
    <s v="TR19"/>
    <s v="DBC IDP"/>
    <s v="Dacorum Borough Council"/>
    <x v="8"/>
    <x v="35"/>
    <s v="North Hemel Hempstead (Hm01) Local Mobility Hub - West"/>
    <s v="LS-22"/>
    <s v="(LS-22) Local Mobility Hub located within the proposed North Hemel Hempstead (Hm01) development site around the proposed mixed use area MU1 - to be provided by the developer at a location which is accessible within the site and aligned to the Local Mobility Hub standards applied across Hemel Garden Communities"/>
    <s v="Hemel Garden Communities"/>
    <x v="4"/>
    <s v="Growth Area"/>
    <s v="On-site"/>
    <s v="Developer"/>
    <s v="Hertfordshire County Council"/>
    <s v="2031-2036"/>
    <m/>
    <m/>
    <x v="174"/>
    <m/>
    <s v="S38 / S278"/>
    <n v="0"/>
    <n v="370629.1875"/>
    <s v="A - Per dwelling"/>
    <s v="Single Scenario 1 (Step 1)"/>
    <s v="Single Scenario 1 (Step 1)"/>
    <s v="Essential"/>
    <x v="2"/>
    <x v="0"/>
    <x v="0"/>
    <x v="0"/>
    <x v="0"/>
    <x v="0"/>
    <x v="0"/>
    <m/>
    <m/>
    <m/>
    <m/>
    <m/>
    <m/>
    <m/>
    <m/>
    <m/>
    <m/>
    <m/>
    <m/>
    <m/>
    <m/>
    <m/>
    <m/>
    <m/>
    <m/>
    <m/>
    <m/>
    <m/>
    <m/>
    <m/>
    <m/>
    <m/>
    <m/>
    <m/>
    <m/>
    <m/>
    <m/>
    <m/>
    <m/>
    <m/>
    <m/>
    <m/>
    <m/>
    <n v="5000"/>
    <n v="74.125837500000003"/>
    <m/>
    <x v="50"/>
    <x v="2"/>
    <x v="2"/>
    <x v="2"/>
    <x v="2"/>
    <x v="2"/>
    <x v="2"/>
    <x v="2"/>
    <x v="2"/>
    <x v="2"/>
    <x v="2"/>
    <x v="2"/>
    <x v="2"/>
    <x v="2"/>
    <x v="2"/>
    <x v="2"/>
    <x v="2"/>
    <s v=""/>
    <s v=""/>
    <s v=""/>
    <s v=""/>
    <s v=""/>
    <s v=""/>
    <s v=""/>
    <s v=""/>
    <s v=""/>
    <s v=""/>
    <s v=""/>
    <s v=""/>
    <s v=""/>
    <s v=""/>
    <m/>
    <m/>
    <m/>
    <m/>
    <m/>
    <m/>
    <m/>
    <m/>
    <x v="0"/>
    <x v="0"/>
    <x v="0"/>
    <x v="0"/>
    <n v="370629.1875"/>
    <n v="0"/>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288"/>
    <s v="TR20"/>
    <s v="DBC IDP"/>
    <s v="Dacorum Borough Council"/>
    <x v="8"/>
    <x v="35"/>
    <s v="North Hemel Hempstead (Hm01) Local Mobility Hub - Central"/>
    <s v="LS-23"/>
    <s v="(LS-23) Local Mobility Hub located within the proposed North Hemel Hempstead (Hm01)development site around the proposed mixed use area MU2 - to be provided by the developer at a location which is accessible within the site and aligned to the Local Mobility Hub standards applied across Hemel Garden Communities"/>
    <s v="Hemel Garden Communities"/>
    <x v="4"/>
    <s v="Growth Area"/>
    <s v="On-site"/>
    <s v="Developer"/>
    <s v="Hertfordshire County Council"/>
    <s v="2031-2036"/>
    <m/>
    <m/>
    <x v="174"/>
    <m/>
    <s v="S38 / S278"/>
    <n v="0"/>
    <n v="370629.1875"/>
    <s v="A - Per dwelling"/>
    <s v="Single Scenario 1 (Step 1)"/>
    <s v="Single Scenario 1 (Step 1)"/>
    <s v="Essential"/>
    <x v="2"/>
    <x v="0"/>
    <x v="0"/>
    <x v="0"/>
    <x v="0"/>
    <x v="0"/>
    <x v="0"/>
    <m/>
    <m/>
    <m/>
    <m/>
    <m/>
    <m/>
    <m/>
    <m/>
    <m/>
    <m/>
    <m/>
    <m/>
    <m/>
    <m/>
    <m/>
    <m/>
    <m/>
    <m/>
    <m/>
    <m/>
    <m/>
    <m/>
    <m/>
    <m/>
    <m/>
    <m/>
    <m/>
    <m/>
    <m/>
    <m/>
    <m/>
    <m/>
    <m/>
    <m/>
    <m/>
    <m/>
    <n v="5000"/>
    <n v="74.125837500000003"/>
    <m/>
    <x v="50"/>
    <x v="2"/>
    <x v="2"/>
    <x v="2"/>
    <x v="2"/>
    <x v="2"/>
    <x v="2"/>
    <x v="2"/>
    <x v="2"/>
    <x v="2"/>
    <x v="2"/>
    <x v="2"/>
    <x v="2"/>
    <x v="2"/>
    <x v="2"/>
    <x v="2"/>
    <x v="2"/>
    <s v=""/>
    <s v=""/>
    <s v=""/>
    <s v=""/>
    <s v=""/>
    <s v=""/>
    <s v=""/>
    <s v=""/>
    <s v=""/>
    <s v=""/>
    <s v=""/>
    <s v=""/>
    <s v=""/>
    <s v=""/>
    <s v=""/>
    <s v=""/>
    <s v=""/>
    <s v=""/>
    <s v=""/>
    <s v=""/>
    <s v=""/>
    <s v=""/>
    <x v="3"/>
    <x v="3"/>
    <x v="3"/>
    <x v="2"/>
    <n v="370629.1875"/>
    <n v="0"/>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289"/>
    <s v="TR21"/>
    <s v="DBC IDP"/>
    <s v="Dacorum Borough Council"/>
    <x v="8"/>
    <x v="35"/>
    <s v="North Hemel Hempstead (Hm01) Local Mobility Hub - East"/>
    <s v="LS-24"/>
    <s v="(LS-24) Local Mobility Hub located within the proposed North Hemel Hempstead (Hm01) development site on the eastern side near to the A4146 Redbourn Road and around the proposed mixed use area MU3 - to be provided by the developer at a location which is accessible within the site and aligned to the Local Mobility Hub standards applied across Hemel Garden Communities"/>
    <s v="Hemel Garden Communities"/>
    <x v="1"/>
    <s v="Growth Area"/>
    <s v="On-site"/>
    <s v="Developer"/>
    <s v="Hertfordshire County Council"/>
    <s v="2031-2036"/>
    <m/>
    <m/>
    <x v="174"/>
    <m/>
    <s v="S38 / S278"/>
    <n v="0"/>
    <n v="370629.1875"/>
    <s v="A - Per dwelling"/>
    <s v="Single Scenario 1 (Step 1)"/>
    <s v="Single Scenario 1 (Step 1)"/>
    <s v="Essential"/>
    <x v="0"/>
    <x v="0"/>
    <x v="0"/>
    <x v="0"/>
    <x v="0"/>
    <x v="0"/>
    <x v="0"/>
    <m/>
    <m/>
    <m/>
    <m/>
    <m/>
    <m/>
    <m/>
    <m/>
    <m/>
    <m/>
    <m/>
    <m/>
    <m/>
    <m/>
    <m/>
    <m/>
    <m/>
    <m/>
    <m/>
    <m/>
    <m/>
    <m/>
    <m/>
    <m/>
    <m/>
    <m/>
    <m/>
    <m/>
    <m/>
    <m/>
    <m/>
    <m/>
    <s v="Yes"/>
    <m/>
    <m/>
    <m/>
    <n v="1500"/>
    <n v="247.08612500000001"/>
    <m/>
    <x v="2"/>
    <x v="2"/>
    <x v="2"/>
    <x v="2"/>
    <x v="2"/>
    <x v="2"/>
    <x v="2"/>
    <x v="2"/>
    <x v="2"/>
    <x v="2"/>
    <x v="2"/>
    <x v="2"/>
    <x v="2"/>
    <x v="2"/>
    <x v="2"/>
    <x v="2"/>
    <x v="2"/>
    <s v=""/>
    <s v=""/>
    <s v=""/>
    <s v=""/>
    <s v=""/>
    <s v=""/>
    <s v=""/>
    <s v=""/>
    <s v=""/>
    <s v=""/>
    <s v=""/>
    <s v=""/>
    <s v=""/>
    <s v=""/>
    <s v=""/>
    <s v=""/>
    <s v=""/>
    <s v=""/>
    <s v=""/>
    <s v=""/>
    <s v=""/>
    <s v=""/>
    <x v="35"/>
    <x v="3"/>
    <x v="3"/>
    <x v="2"/>
    <n v="0"/>
    <n v="370629.1875"/>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290"/>
    <s v="TR22"/>
    <s v="DBC IDP &amp; SADC IDP"/>
    <s v="St Albans City &amp; District Council"/>
    <x v="8"/>
    <x v="35"/>
    <s v="East Hemel Hempstead (North) (H2) Local Mobility Hub"/>
    <s v="LS-25"/>
    <s v="(LS-25) Metro Mobility Hub located within the proposed East Hemel Hempstead development site in the northern part of the development, south of the A4146 Redbourn Road and around the proposed mixed use area MU4 - to be provided by the developer at a location which is accessible within the site and aligned to the Local Mobility Hub standards applied across Hemel Garden Communities"/>
    <s v="Hemel Garden Communities"/>
    <x v="2"/>
    <s v="Growth Area "/>
    <s v="On-site"/>
    <s v="Developer"/>
    <s v="Hertfordshire County Council"/>
    <s v="2031-2036"/>
    <m/>
    <m/>
    <x v="174"/>
    <m/>
    <s v="S38 / S278"/>
    <n v="0"/>
    <n v="370629.1875"/>
    <s v="A - Per dwelling"/>
    <s v="Single Scenario 1 (Step 1)"/>
    <s v="Single Scenario 1 (Step 1)"/>
    <s v="Essential"/>
    <x v="0"/>
    <x v="0"/>
    <x v="0"/>
    <x v="0"/>
    <x v="0"/>
    <x v="0"/>
    <x v="0"/>
    <m/>
    <m/>
    <m/>
    <m/>
    <m/>
    <m/>
    <m/>
    <m/>
    <m/>
    <m/>
    <m/>
    <m/>
    <m/>
    <m/>
    <m/>
    <m/>
    <m/>
    <m/>
    <m/>
    <m/>
    <m/>
    <m/>
    <m/>
    <m/>
    <m/>
    <m/>
    <m/>
    <m/>
    <m/>
    <m/>
    <m/>
    <m/>
    <m/>
    <s v="Yes"/>
    <m/>
    <m/>
    <n v="1600"/>
    <n v="231.64324218749999"/>
    <m/>
    <x v="2"/>
    <x v="2"/>
    <x v="2"/>
    <x v="2"/>
    <x v="2"/>
    <x v="2"/>
    <x v="2"/>
    <x v="2"/>
    <x v="2"/>
    <x v="2"/>
    <x v="2"/>
    <x v="2"/>
    <x v="2"/>
    <x v="2"/>
    <x v="2"/>
    <x v="2"/>
    <x v="2"/>
    <s v=""/>
    <s v=""/>
    <s v=""/>
    <s v=""/>
    <s v=""/>
    <s v=""/>
    <s v=""/>
    <s v=""/>
    <s v=""/>
    <s v=""/>
    <s v=""/>
    <s v=""/>
    <s v=""/>
    <s v=""/>
    <s v=""/>
    <s v=""/>
    <s v=""/>
    <s v=""/>
    <s v=""/>
    <s v=""/>
    <s v=""/>
    <s v=""/>
    <x v="3"/>
    <x v="37"/>
    <x v="3"/>
    <x v="2"/>
    <n v="0"/>
    <n v="370629.1875"/>
    <n v="0"/>
    <n v="0"/>
    <s v="Indicative costings have been added using mobility hub design guidance published by CoMoUK (The design process - mobility hubs realised)."/>
    <m/>
    <s v="Aecom Hemel Hempstead Transport Study (2024), Verified through engagement with HCC in February 2025"/>
    <m/>
  </r>
  <r>
    <m/>
    <n v="291"/>
    <s v="TR23"/>
    <s v="DBC IDP &amp; SADC IDP"/>
    <s v="St Albans City &amp; District Council"/>
    <x v="8"/>
    <x v="35"/>
    <s v="East Hemel Hempstead (South) (H4) Local Mobility Hub"/>
    <s v="LS-26"/>
    <s v="(LS-26) Metro Mobility Hub located within the proposed East Hemel Hempstead development site in the southern part of the development, north of the A4147 Hemel Hempstead Road and around the proposed mixed use area MU6 - to be provided by the developer at a location which is accessible within the site and aligned to the Local Mobility Hub standards applied across Hemel Garden Communities"/>
    <s v="Hemel Garden Communities"/>
    <x v="3"/>
    <s v="Growth Area "/>
    <s v="On-site"/>
    <s v="Developer"/>
    <s v="Hertfordshire County Council"/>
    <s v="2031-2036"/>
    <m/>
    <m/>
    <x v="174"/>
    <m/>
    <s v="S38 / S278"/>
    <n v="0"/>
    <n v="370629.1875"/>
    <s v="A - Per dwelling"/>
    <s v="Single Scenario 1 (Step 1)"/>
    <s v="Single Scenario 1 (Step 1)"/>
    <s v="Essential"/>
    <x v="0"/>
    <x v="0"/>
    <x v="0"/>
    <x v="0"/>
    <x v="0"/>
    <x v="0"/>
    <x v="0"/>
    <m/>
    <m/>
    <m/>
    <m/>
    <m/>
    <m/>
    <m/>
    <m/>
    <m/>
    <m/>
    <m/>
    <m/>
    <m/>
    <m/>
    <m/>
    <m/>
    <m/>
    <m/>
    <m/>
    <m/>
    <m/>
    <m/>
    <m/>
    <m/>
    <m/>
    <m/>
    <m/>
    <m/>
    <m/>
    <m/>
    <m/>
    <m/>
    <m/>
    <m/>
    <s v="Yes"/>
    <m/>
    <n v="2400"/>
    <n v="154.428828125"/>
    <m/>
    <x v="2"/>
    <x v="2"/>
    <x v="2"/>
    <x v="2"/>
    <x v="2"/>
    <x v="2"/>
    <x v="2"/>
    <x v="2"/>
    <x v="2"/>
    <x v="2"/>
    <x v="2"/>
    <x v="2"/>
    <x v="2"/>
    <x v="2"/>
    <x v="2"/>
    <x v="2"/>
    <x v="2"/>
    <s v=""/>
    <s v=""/>
    <s v=""/>
    <s v=""/>
    <s v=""/>
    <s v=""/>
    <s v=""/>
    <s v=""/>
    <s v=""/>
    <s v=""/>
    <s v=""/>
    <s v=""/>
    <s v=""/>
    <s v=""/>
    <s v=""/>
    <s v=""/>
    <s v=""/>
    <s v=""/>
    <s v=""/>
    <s v=""/>
    <s v=""/>
    <s v=""/>
    <x v="3"/>
    <x v="3"/>
    <x v="38"/>
    <x v="2"/>
    <n v="0"/>
    <n v="370629.1875"/>
    <n v="0"/>
    <n v="0"/>
    <s v="Cost includes an uplift for the allowance of traffic management (10%), main contractor preliminaries and overheads and profit (45%), professional fees (15%), contingency (50%), statutory undertakers (15%)."/>
    <m/>
    <s v="Aecom Hemel Hempstead Transport Study (2024), Verified through engagement with HCC in February 2025"/>
    <m/>
  </r>
  <r>
    <m/>
    <n v="292"/>
    <s v="TR24"/>
    <s v="DBC IDP"/>
    <s v="Dacorum Borough Council"/>
    <x v="8"/>
    <x v="35"/>
    <s v="Marchmont Farm Local Mobility Hub"/>
    <s v="LS-27"/>
    <s v="(LS-27) Local Mobility Hub located within the proposed Marchmont Farm development site - to be provided by the developer at a location which is accessible within the site and aligned to the Local Mobility Hub standards applied across Hemel Garden Communities"/>
    <s v="Hemel Garden Communities"/>
    <x v="9"/>
    <s v="Programme Area"/>
    <s v="On-site"/>
    <s v="Developer"/>
    <s v="Hertfordshire County Council"/>
    <s v="2031-2036"/>
    <m/>
    <m/>
    <x v="174"/>
    <m/>
    <s v="S38 / S278"/>
    <n v="0"/>
    <n v="370629.1875"/>
    <s v="A - Per dwelling"/>
    <s v="Single Scenario 1 (Step 1)"/>
    <s v="Single Scenario 1 (Step 1)"/>
    <s v="Essential"/>
    <x v="0"/>
    <x v="0"/>
    <x v="0"/>
    <x v="0"/>
    <x v="0"/>
    <x v="0"/>
    <x v="0"/>
    <m/>
    <m/>
    <m/>
    <m/>
    <m/>
    <m/>
    <s v="Yes"/>
    <m/>
    <m/>
    <m/>
    <m/>
    <m/>
    <m/>
    <m/>
    <m/>
    <m/>
    <m/>
    <m/>
    <m/>
    <m/>
    <m/>
    <m/>
    <m/>
    <m/>
    <m/>
    <m/>
    <m/>
    <m/>
    <m/>
    <m/>
    <m/>
    <m/>
    <m/>
    <m/>
    <m/>
    <m/>
    <n v="350"/>
    <n v="1058.9405357142857"/>
    <m/>
    <x v="2"/>
    <x v="2"/>
    <x v="2"/>
    <x v="2"/>
    <x v="2"/>
    <x v="2"/>
    <x v="2"/>
    <x v="2"/>
    <x v="2"/>
    <x v="2"/>
    <x v="2"/>
    <x v="2"/>
    <x v="2"/>
    <x v="45"/>
    <x v="2"/>
    <x v="2"/>
    <x v="2"/>
    <s v=""/>
    <s v=""/>
    <s v=""/>
    <s v=""/>
    <s v=""/>
    <s v=""/>
    <s v=""/>
    <s v=""/>
    <s v=""/>
    <s v=""/>
    <s v=""/>
    <s v=""/>
    <s v=""/>
    <s v=""/>
    <s v=""/>
    <s v=""/>
    <s v=""/>
    <s v=""/>
    <s v=""/>
    <s v=""/>
    <s v=""/>
    <s v=""/>
    <x v="3"/>
    <x v="3"/>
    <x v="3"/>
    <x v="2"/>
    <n v="370629.1875"/>
    <n v="0"/>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293"/>
    <s v="TR25"/>
    <s v="DBC IDP"/>
    <s v="Dacorum Borough Council"/>
    <x v="8"/>
    <x v="35"/>
    <s v="Polehanger Lane Local Mobility Hub"/>
    <s v="LS-28"/>
    <s v="(LS-28) Local Mobility Hub located within the proposed Polehanger Lane development site - to be provided by the developer at a location which is accessible within the site and aligned to the Local Mobility Hub standards applied across Hemel Garden Communities"/>
    <s v="Hemel Garden Communities"/>
    <x v="6"/>
    <s v="Programme Area"/>
    <s v="On-site"/>
    <s v="Developer"/>
    <s v="Hertfordshire County Council"/>
    <s v="2031-2036"/>
    <m/>
    <m/>
    <x v="174"/>
    <m/>
    <s v="S38 / S278"/>
    <n v="0"/>
    <n v="370629.1875"/>
    <s v="A - Per dwelling"/>
    <s v="Single Scenario 1 (Step 1)"/>
    <s v="Single Scenario 1 (Step 1)"/>
    <s v="Essential"/>
    <x v="0"/>
    <x v="0"/>
    <x v="0"/>
    <x v="0"/>
    <x v="0"/>
    <x v="0"/>
    <x v="0"/>
    <m/>
    <m/>
    <m/>
    <s v="Yes"/>
    <m/>
    <m/>
    <m/>
    <m/>
    <m/>
    <m/>
    <m/>
    <m/>
    <m/>
    <m/>
    <m/>
    <m/>
    <m/>
    <m/>
    <m/>
    <m/>
    <m/>
    <m/>
    <m/>
    <m/>
    <m/>
    <m/>
    <m/>
    <m/>
    <m/>
    <m/>
    <m/>
    <m/>
    <m/>
    <m/>
    <m/>
    <m/>
    <n v="750"/>
    <n v="494.17225000000002"/>
    <m/>
    <x v="2"/>
    <x v="2"/>
    <x v="2"/>
    <x v="2"/>
    <x v="2"/>
    <x v="2"/>
    <x v="2"/>
    <x v="2"/>
    <x v="2"/>
    <x v="2"/>
    <x v="46"/>
    <x v="2"/>
    <x v="2"/>
    <x v="2"/>
    <x v="2"/>
    <x v="2"/>
    <x v="2"/>
    <s v=""/>
    <s v=""/>
    <s v=""/>
    <s v=""/>
    <s v=""/>
    <s v=""/>
    <s v=""/>
    <s v=""/>
    <s v=""/>
    <s v=""/>
    <s v=""/>
    <s v=""/>
    <s v=""/>
    <s v=""/>
    <s v=""/>
    <s v=""/>
    <s v=""/>
    <s v=""/>
    <s v=""/>
    <s v=""/>
    <s v=""/>
    <s v=""/>
    <x v="3"/>
    <x v="3"/>
    <x v="3"/>
    <x v="2"/>
    <n v="370629.1875"/>
    <n v="0"/>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294"/>
    <s v="TR26"/>
    <s v="DBC IDP"/>
    <s v="Dacorum Borough Council"/>
    <x v="8"/>
    <x v="35"/>
    <s v="Shendish Manor and Fairfields Local Mobility Hub"/>
    <s v="LS-29"/>
    <s v="(LS-29) Local Mobility Hub located within the proposed Shendish Manor and Fairfields development site - to be provided by the developer at a location which is accessible within the site and aligned to the Local Mobility Hub standards applied across Hemel Garden Communities"/>
    <s v="Hemel Garden Communities"/>
    <x v="5"/>
    <s v="Programme Area"/>
    <s v="On-site"/>
    <s v="Developer"/>
    <s v="Hertfordshire County Council"/>
    <s v="2031-2036"/>
    <m/>
    <m/>
    <x v="174"/>
    <m/>
    <s v="S38 / S278"/>
    <n v="0"/>
    <n v="370629.1875"/>
    <s v="A - Per dwelling"/>
    <s v="Single Scenario 1 (Step 1)"/>
    <s v="Single Scenario 1 (Step 1)"/>
    <s v="Essential"/>
    <x v="0"/>
    <x v="0"/>
    <x v="0"/>
    <x v="0"/>
    <x v="0"/>
    <x v="0"/>
    <x v="0"/>
    <m/>
    <m/>
    <s v="Yes"/>
    <m/>
    <m/>
    <m/>
    <m/>
    <m/>
    <m/>
    <m/>
    <m/>
    <m/>
    <m/>
    <m/>
    <m/>
    <m/>
    <m/>
    <m/>
    <m/>
    <m/>
    <m/>
    <m/>
    <m/>
    <m/>
    <m/>
    <m/>
    <m/>
    <m/>
    <m/>
    <m/>
    <m/>
    <m/>
    <m/>
    <m/>
    <m/>
    <m/>
    <n v="500"/>
    <n v="741.258375"/>
    <m/>
    <x v="2"/>
    <x v="2"/>
    <x v="2"/>
    <x v="2"/>
    <x v="2"/>
    <x v="2"/>
    <x v="2"/>
    <x v="2"/>
    <x v="2"/>
    <x v="50"/>
    <x v="2"/>
    <x v="2"/>
    <x v="2"/>
    <x v="2"/>
    <x v="2"/>
    <x v="2"/>
    <x v="2"/>
    <s v=""/>
    <s v=""/>
    <s v=""/>
    <s v=""/>
    <s v=""/>
    <s v=""/>
    <s v=""/>
    <s v=""/>
    <s v=""/>
    <s v=""/>
    <s v=""/>
    <s v=""/>
    <s v=""/>
    <s v=""/>
    <s v=""/>
    <s v=""/>
    <s v=""/>
    <s v=""/>
    <s v=""/>
    <s v=""/>
    <s v=""/>
    <s v=""/>
    <x v="3"/>
    <x v="3"/>
    <x v="3"/>
    <x v="2"/>
    <n v="370629.1875"/>
    <n v="0"/>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295"/>
    <s v="TR27"/>
    <s v="DBC IDP"/>
    <s v="Dacorum Borough Council"/>
    <x v="8"/>
    <x v="35"/>
    <s v="Hemel Hempstead Station Forecourt Enhancements (Metro Mobility Hub)"/>
    <s v="LS-30"/>
    <s v="(LS-30) Revised layout to the station forecourt to provide a more attractive and accessible environment for walking, wheeling and cycling, improved taxi rank, improved bus interchange facilities in line with the Metro Mobility Hub standards. This will be the terminating/turn-around point for the proposed HERT MRT system. This intervention does not include highway access junctions or on-street bus stop provision. "/>
    <s v="Hemel Garden Communities"/>
    <x v="8"/>
    <s v="Programme Area"/>
    <s v="Off-site"/>
    <s v="Developer / Hertfordshire County Council / Network Rail"/>
    <s v="Hertfordshire County Council "/>
    <s v="2031-2036"/>
    <m/>
    <m/>
    <x v="179"/>
    <m/>
    <s v="S106 / S38 / S278 / CIL"/>
    <n v="0"/>
    <n v="720694"/>
    <s v="A - Per dwelling"/>
    <s v="Multiple Scenario 2 (Step 8)"/>
    <s v="Multiple Scenario 2 (Step 8)"/>
    <s v="Essential"/>
    <x v="2"/>
    <x v="2"/>
    <x v="2"/>
    <x v="2"/>
    <x v="2"/>
    <x v="2"/>
    <x v="2"/>
    <s v="Yes"/>
    <s v="Yes"/>
    <s v="Yes"/>
    <s v="Yes"/>
    <s v="Yes"/>
    <s v="Yes"/>
    <s v="Yes"/>
    <s v="Yes"/>
    <s v="Yes"/>
    <s v="Yes"/>
    <m/>
    <m/>
    <m/>
    <m/>
    <m/>
    <m/>
    <m/>
    <m/>
    <m/>
    <m/>
    <m/>
    <m/>
    <m/>
    <m/>
    <m/>
    <m/>
    <m/>
    <m/>
    <m/>
    <m/>
    <m/>
    <m/>
    <s v="Yes"/>
    <s v="Yes"/>
    <s v="Yes"/>
    <m/>
    <n v="18054"/>
    <n v="39.918799158081313"/>
    <s v="GOOD"/>
    <x v="51"/>
    <x v="43"/>
    <x v="44"/>
    <x v="43"/>
    <x v="44"/>
    <x v="46"/>
    <x v="44"/>
    <x v="46"/>
    <x v="46"/>
    <x v="51"/>
    <x v="47"/>
    <x v="42"/>
    <x v="45"/>
    <x v="46"/>
    <x v="41"/>
    <x v="43"/>
    <x v="39"/>
    <s v=""/>
    <s v=""/>
    <s v=""/>
    <s v=""/>
    <s v=""/>
    <s v=""/>
    <s v=""/>
    <s v=""/>
    <s v=""/>
    <s v=""/>
    <s v=""/>
    <s v=""/>
    <s v=""/>
    <s v=""/>
    <s v=""/>
    <s v=""/>
    <s v=""/>
    <s v=""/>
    <s v=""/>
    <s v=""/>
    <s v=""/>
    <s v=""/>
    <x v="36"/>
    <x v="38"/>
    <x v="39"/>
    <x v="2"/>
    <n v="501140.60463055276"/>
    <n v="219553.3953694472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296"/>
    <s v="TR28"/>
    <s v="DBC IDP"/>
    <s v="Dacorum Borough Council"/>
    <x v="8"/>
    <x v="37"/>
    <s v="Hemel Hempstead Station Upgrade"/>
    <s v="LS-31"/>
    <s v="(LS-31) Refresh of the station infrastructure including refurbished ticket office, subway and stairwells to platforms"/>
    <s v="Hemel Garden Communities"/>
    <x v="16"/>
    <s v="Programme Area"/>
    <s v="Off-site"/>
    <s v="Network Rail"/>
    <s v="Hertfordshire County Council "/>
    <s v="2036-2041"/>
    <n v="2000000"/>
    <n v="9000000"/>
    <x v="180"/>
    <n v="5500000"/>
    <s v="External Funding"/>
    <n v="0"/>
    <n v="0"/>
    <m/>
    <m/>
    <m/>
    <s v="Essential"/>
    <x v="0"/>
    <x v="0"/>
    <x v="0"/>
    <x v="0"/>
    <x v="0"/>
    <x v="0"/>
    <x v="0"/>
    <m/>
    <m/>
    <m/>
    <m/>
    <m/>
    <m/>
    <m/>
    <m/>
    <m/>
    <m/>
    <m/>
    <m/>
    <m/>
    <m/>
    <m/>
    <m/>
    <m/>
    <m/>
    <m/>
    <m/>
    <m/>
    <m/>
    <m/>
    <m/>
    <m/>
    <m/>
    <m/>
    <m/>
    <m/>
    <m/>
    <m/>
    <m/>
    <m/>
    <m/>
    <m/>
    <m/>
    <n v="0"/>
    <m/>
    <s v="GOOD"/>
    <x v="2"/>
    <x v="2"/>
    <x v="2"/>
    <x v="2"/>
    <x v="2"/>
    <x v="2"/>
    <x v="2"/>
    <x v="2"/>
    <x v="2"/>
    <x v="2"/>
    <x v="2"/>
    <x v="2"/>
    <x v="2"/>
    <x v="2"/>
    <x v="2"/>
    <x v="2"/>
    <x v="2"/>
    <s v=""/>
    <s v=""/>
    <s v=""/>
    <s v=""/>
    <s v=""/>
    <s v=""/>
    <s v=""/>
    <s v=""/>
    <s v=""/>
    <s v=""/>
    <s v=""/>
    <s v=""/>
    <s v=""/>
    <s v=""/>
    <m/>
    <m/>
    <m/>
    <m/>
    <m/>
    <m/>
    <m/>
    <m/>
    <x v="3"/>
    <x v="3"/>
    <x v="3"/>
    <x v="2"/>
    <n v="0"/>
    <n v="0"/>
    <n v="0"/>
    <n v="0"/>
    <s v="Cost includes an uplift for the allowance of traffic management (10%), main contractor preliminaries and overheads and profit (45%), professional fees (15%), contingency (50%), statutory undertakers (15%)."/>
    <s v="Not attributed to LP sites - would require DfT/Network Rail involvement as part of wider renewals programme. "/>
    <s v="Aecom Hemel Hempstead Transport Study (2024) and update (2025)."/>
    <m/>
  </r>
  <r>
    <m/>
    <n v="297"/>
    <s v="TR29"/>
    <s v="DBC IDP / SADC IDP"/>
    <s v="Dacorum Borough Council"/>
    <x v="8"/>
    <x v="38"/>
    <s v="M1 Junction 8 enhancement - Phase 3 - M1 Junction 8 - current proposals"/>
    <s v="LS-32"/>
    <s v="(LS-32) Phase 3 of package of transport measures to enhance M1 Junction 8 and surrounding area. To provide additional capacity and connectivity to Maylands and Herts IQ, and relieve congestion on the A414. Land to the east of Junction 8 is safeguarded by The Crown Estate, in case it is required to come forward for junction improvements (Phase 3 J8 enhancements)._x000a__x000a_Reconfiguration of M1 Junction 8 on the eastern side, including a new roundabout adjoining the southbound on/off-slips and a new connector road over the M1 and connecting into (H3) East Hemel Central, enabling onward connection."/>
    <s v="Hemel Garden Communities"/>
    <x v="8"/>
    <s v="Transformational"/>
    <s v="On-site / Off-site"/>
    <s v="Developer / Hertfordshire County Council / National Highways"/>
    <s v="Hertfordshire County Council"/>
    <s v="2041+"/>
    <m/>
    <m/>
    <x v="181"/>
    <n v="20500000"/>
    <s v="S106 / S38 / S278 / CIL"/>
    <n v="0"/>
    <n v="20500000"/>
    <s v="B5 - Based on AECOM Transport Model attribution percentages"/>
    <s v="Multiple Scenario 2 (Step 5)"/>
    <s v="Mutliple Scenario 2 (Step 5)"/>
    <s v="Critical - Delivery"/>
    <x v="2"/>
    <x v="2"/>
    <x v="2"/>
    <x v="2"/>
    <x v="2"/>
    <x v="2"/>
    <x v="2"/>
    <s v="Yes"/>
    <s v="Yes"/>
    <s v="Yes"/>
    <s v="Yes"/>
    <s v="Yes"/>
    <s v="Yes"/>
    <s v="Yes"/>
    <s v="Yes"/>
    <s v="Yes"/>
    <m/>
    <m/>
    <m/>
    <m/>
    <m/>
    <m/>
    <m/>
    <m/>
    <m/>
    <m/>
    <m/>
    <m/>
    <m/>
    <m/>
    <m/>
    <m/>
    <m/>
    <m/>
    <m/>
    <m/>
    <m/>
    <m/>
    <m/>
    <s v="Yes"/>
    <s v="Yes"/>
    <s v="Yes"/>
    <s v="Yes"/>
    <n v="18845"/>
    <n v="1087.8217033695942"/>
    <s v="GOOD"/>
    <x v="52"/>
    <x v="44"/>
    <x v="45"/>
    <x v="44"/>
    <x v="45"/>
    <x v="47"/>
    <x v="45"/>
    <x v="47"/>
    <x v="47"/>
    <x v="52"/>
    <x v="48"/>
    <x v="43"/>
    <x v="46"/>
    <x v="47"/>
    <x v="42"/>
    <x v="44"/>
    <x v="0"/>
    <m/>
    <m/>
    <m/>
    <m/>
    <m/>
    <m/>
    <m/>
    <m/>
    <m/>
    <m/>
    <m/>
    <m/>
    <m/>
    <m/>
    <m/>
    <m/>
    <m/>
    <m/>
    <m/>
    <m/>
    <m/>
    <m/>
    <x v="37"/>
    <x v="39"/>
    <x v="40"/>
    <x v="13"/>
    <n v="5224514.5631067967"/>
    <n v="15275485.436893202"/>
    <n v="0"/>
    <n v="0"/>
    <s v="Cost comes from 2022 ITP work, may need to be updated. Apportionment method TBC as uncertainties with funding source."/>
    <s v="This project cost has been apportioned using percentage trips generated throughout the programme area, using COMET modelling. Note, it has not been possible to identify a cost for windfall sites, but during the determination of the planning application, it may be deemed appropriate to seek contributions from windfall development for this scheme."/>
    <s v="South West Hertfordshire Growth and Transport Plan (2019), verified through stakeholder engagement with HCC in Feb 2023 for the DBC IDP and May 2023 for the SADC IDP, Aecom Hemel Hempstead Transport Study (2024) and update (2025), Verified through engagement with HCC in February 2025"/>
    <m/>
  </r>
  <r>
    <m/>
    <n v="298"/>
    <s v="TR30"/>
    <s v="DBC IDP"/>
    <s v="Dacorum Borough Council &amp; St Albans City &amp; District Council"/>
    <x v="8"/>
    <x v="38"/>
    <s v="M1 Junction 8 enhancement - Phase 1 Phoenix Gateway Roundabout (A414/Green Lane) re-configuration and signalisation"/>
    <s v="LS-33"/>
    <s v="(LS-33) Phase 1 of package of transport measures to enhance M1 Junction 8 and surrounding area - Replacement of the existing Phoenix Gateway/Green Lane roundabout on the A414 with a signal-controlled crossroads incorporating at grade active travel connections into the existing network and vehicular access to East Hemel"/>
    <s v="Hemel Garden Communities"/>
    <x v="8"/>
    <s v="Growth Area "/>
    <s v="On-site / Off-site"/>
    <s v="Developer / Hertfordshire County Council / National Highways"/>
    <s v="Hertfordshire County Council"/>
    <s v="2026-2031"/>
    <m/>
    <m/>
    <x v="182"/>
    <m/>
    <s v="S106 / S38 / S278 / CIL"/>
    <n v="0"/>
    <n v="32500000"/>
    <s v="B5 - Based on AECOM Transport Model attribution percentages"/>
    <s v="Multiple Scenario 2 (Step 5)"/>
    <s v="Mutliple Scenario 2 (Step 5)"/>
    <s v="Critical - HGC objectives"/>
    <x v="2"/>
    <x v="2"/>
    <x v="2"/>
    <x v="2"/>
    <x v="2"/>
    <x v="2"/>
    <x v="2"/>
    <s v="Yes"/>
    <s v="Yes"/>
    <s v="Yes"/>
    <s v="Yes"/>
    <s v="Yes"/>
    <s v="Yes"/>
    <s v="Yes"/>
    <s v="Yes"/>
    <s v="Yes"/>
    <m/>
    <m/>
    <m/>
    <m/>
    <m/>
    <m/>
    <m/>
    <m/>
    <m/>
    <m/>
    <m/>
    <m/>
    <m/>
    <m/>
    <m/>
    <m/>
    <m/>
    <m/>
    <m/>
    <m/>
    <m/>
    <m/>
    <m/>
    <s v="Yes"/>
    <s v="Yes"/>
    <s v="Yes"/>
    <s v="Yes"/>
    <n v="18845"/>
    <n v="1724.5953833908197"/>
    <s v="GOOD"/>
    <x v="53"/>
    <x v="45"/>
    <x v="46"/>
    <x v="45"/>
    <x v="46"/>
    <x v="48"/>
    <x v="46"/>
    <x v="48"/>
    <x v="48"/>
    <x v="53"/>
    <x v="49"/>
    <x v="44"/>
    <x v="47"/>
    <x v="48"/>
    <x v="43"/>
    <x v="45"/>
    <x v="0"/>
    <m/>
    <m/>
    <m/>
    <m/>
    <m/>
    <m/>
    <m/>
    <m/>
    <m/>
    <m/>
    <m/>
    <m/>
    <m/>
    <m/>
    <m/>
    <m/>
    <m/>
    <m/>
    <m/>
    <m/>
    <m/>
    <m/>
    <x v="38"/>
    <x v="40"/>
    <x v="41"/>
    <x v="14"/>
    <n v="8282766.9902912611"/>
    <n v="24217233.009708736"/>
    <n v="0"/>
    <n v="0"/>
    <m/>
    <s v="This project cost has been apportioned using percentage trips generated throughout the programme area, using COMET modelling. Note, it has not been possible to identify a cost for windfall sites, but during the determination of the planning application, it may be deemed appropriate to seek contributions from windfall development for this scheme."/>
    <s v="Aecom Hemel Hempstead Transport Study (2024) and update (2025), Verified through engagement with HCC in February 2025"/>
    <m/>
  </r>
  <r>
    <m/>
    <n v="299"/>
    <s v="TR31"/>
    <s v="DBC IDP"/>
    <s v="Dacorum Borough Council"/>
    <x v="8"/>
    <x v="38"/>
    <s v="A414 Dual Carriageway gap closure - Lamsey Street"/>
    <s v="LS-35"/>
    <s v="(LS-35) Closure of the central reservation gap to right turning traffic - traffic will be diverted to the next roundabout or an alternative route"/>
    <s v="Hemel Garden Communities"/>
    <x v="43"/>
    <s v="Programme Area"/>
    <s v="Off-site"/>
    <s v="Developer / Hertfordshire County Council / National Highways"/>
    <s v="Hertfordshire County Council"/>
    <s v="2031-2036"/>
    <m/>
    <m/>
    <x v="183"/>
    <m/>
    <s v="S106 / S38 / S278 / CIL"/>
    <n v="0"/>
    <n v="69251"/>
    <s v="B5 - Based on AECOM Transport Model attribution percentages"/>
    <s v="Multiple Scenario 2 (Step 5)"/>
    <s v="Mutliple Scenario 2 (Step 5)"/>
    <s v="Essential"/>
    <x v="2"/>
    <x v="3"/>
    <x v="2"/>
    <x v="3"/>
    <x v="3"/>
    <x v="2"/>
    <x v="2"/>
    <s v="Yes"/>
    <s v="Yes"/>
    <s v="Yes"/>
    <s v="Yes"/>
    <s v=""/>
    <s v="Yes"/>
    <s v=""/>
    <s v=""/>
    <s v="Yes"/>
    <s v=""/>
    <m/>
    <m/>
    <m/>
    <m/>
    <m/>
    <m/>
    <m/>
    <m/>
    <m/>
    <m/>
    <m/>
    <m/>
    <m/>
    <m/>
    <m/>
    <m/>
    <m/>
    <m/>
    <m/>
    <m/>
    <m/>
    <m/>
    <s v="Yes"/>
    <s v="Yes"/>
    <s v="Yes"/>
    <s v="Yes"/>
    <n v="17155"/>
    <n v="4.0367822792188868"/>
    <s v="GOOD"/>
    <x v="54"/>
    <x v="23"/>
    <x v="47"/>
    <x v="23"/>
    <x v="24"/>
    <x v="49"/>
    <x v="47"/>
    <x v="49"/>
    <x v="49"/>
    <x v="54"/>
    <x v="50"/>
    <x v="23"/>
    <x v="48"/>
    <x v="6"/>
    <x v="22"/>
    <x v="46"/>
    <x v="0"/>
    <m/>
    <m/>
    <m/>
    <m/>
    <m/>
    <m/>
    <m/>
    <m/>
    <m/>
    <m/>
    <m/>
    <m/>
    <m/>
    <m/>
    <m/>
    <m/>
    <m/>
    <m/>
    <m/>
    <m/>
    <m/>
    <m/>
    <x v="39"/>
    <x v="41"/>
    <x v="42"/>
    <x v="15"/>
    <n v="25701.402061855671"/>
    <n v="43549.597938144332"/>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300"/>
    <s v="TR32"/>
    <s v="DBC IDP"/>
    <s v="Dacorum Borough Council"/>
    <x v="8"/>
    <x v="38"/>
    <s v="A414 Dual Carriageway gap closure - Wood Crescent"/>
    <s v="LS-36"/>
    <s v="(LS-36) Closure of the central reservation gap to right turning traffic - traffic will be diverted to the next roundabout or an alternative route"/>
    <s v="Hemel Garden Communities"/>
    <x v="45"/>
    <s v="Programme Area"/>
    <s v="Off-site"/>
    <s v="Developer / Hertfordshire County Council / National Highways"/>
    <s v="Hertfordshire County Council"/>
    <s v="2031-2036"/>
    <m/>
    <m/>
    <x v="183"/>
    <m/>
    <s v="S106 / S38 / S278 / CIL"/>
    <n v="0"/>
    <n v="69251"/>
    <s v="B5 - Based on AECOM Transport Model attribution percentages"/>
    <s v="Multiple Scenario 2 (Step 5)"/>
    <s v="Mutliple Scenario 2 (Step 5)"/>
    <s v="Essential"/>
    <x v="2"/>
    <x v="2"/>
    <x v="2"/>
    <x v="2"/>
    <x v="2"/>
    <x v="2"/>
    <x v="2"/>
    <s v="Yes"/>
    <s v="Yes"/>
    <s v="Yes"/>
    <s v="Yes"/>
    <s v=""/>
    <s v="Yes"/>
    <s v=""/>
    <s v=""/>
    <s v="Yes"/>
    <s v=""/>
    <m/>
    <m/>
    <m/>
    <m/>
    <m/>
    <m/>
    <m/>
    <m/>
    <m/>
    <m/>
    <m/>
    <m/>
    <m/>
    <m/>
    <m/>
    <m/>
    <m/>
    <m/>
    <m/>
    <m/>
    <m/>
    <m/>
    <s v="Yes"/>
    <s v="Yes"/>
    <s v="Yes"/>
    <s v="Yes"/>
    <n v="18205"/>
    <n v="3.8039549574292777"/>
    <s v="GOOD"/>
    <x v="55"/>
    <x v="46"/>
    <x v="48"/>
    <x v="46"/>
    <x v="47"/>
    <x v="50"/>
    <x v="48"/>
    <x v="50"/>
    <x v="50"/>
    <x v="55"/>
    <x v="51"/>
    <x v="23"/>
    <x v="49"/>
    <x v="6"/>
    <x v="22"/>
    <x v="47"/>
    <x v="0"/>
    <m/>
    <m/>
    <m/>
    <m/>
    <m/>
    <m/>
    <m/>
    <m/>
    <m/>
    <m/>
    <m/>
    <m/>
    <m/>
    <m/>
    <m/>
    <m/>
    <m/>
    <m/>
    <m/>
    <m/>
    <m/>
    <m/>
    <x v="40"/>
    <x v="42"/>
    <x v="43"/>
    <x v="16"/>
    <n v="36805.94710327455"/>
    <n v="32445.052896725439"/>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301"/>
    <s v="TR33"/>
    <s v="DBC IDP"/>
    <s v="Dacorum Borough Council"/>
    <x v="8"/>
    <x v="38"/>
    <s v="A414 Dual Carriageway gap closure - St Albans Rd leading into Mariner Way &amp; Sandmere Close"/>
    <s v="LS-37"/>
    <s v="(LS-37) Closure of the central reservation gap to right turning traffic - traffic will be diverted to the next roundabout or an alternative route"/>
    <s v="Hemel Garden Communities"/>
    <x v="46"/>
    <s v="Programme Area"/>
    <s v="Off-site"/>
    <s v="Developer / Hertfordshire County Council / National Highways"/>
    <s v="Hertfordshire County Council"/>
    <s v="2031-2036"/>
    <m/>
    <m/>
    <x v="184"/>
    <m/>
    <s v="S106 / S38 / S278 / CIL"/>
    <n v="0"/>
    <n v="67129"/>
    <s v="B5 - Based on AECOM Transport Model attribution percentages"/>
    <s v="Multiple Scenario 2 (Step 5)"/>
    <s v="Mutliple Scenario 2 (Step 5)"/>
    <s v="Essential"/>
    <x v="2"/>
    <x v="2"/>
    <x v="2"/>
    <x v="2"/>
    <x v="2"/>
    <x v="2"/>
    <x v="2"/>
    <s v="Yes"/>
    <s v="Yes"/>
    <s v="Yes"/>
    <s v="Yes"/>
    <s v="Yes"/>
    <s v=""/>
    <s v="Yes"/>
    <s v="Yes"/>
    <s v="Yes"/>
    <s v=""/>
    <m/>
    <m/>
    <m/>
    <m/>
    <m/>
    <m/>
    <m/>
    <m/>
    <m/>
    <m/>
    <m/>
    <m/>
    <m/>
    <m/>
    <m/>
    <m/>
    <m/>
    <m/>
    <m/>
    <m/>
    <m/>
    <m/>
    <s v=""/>
    <s v="Yes"/>
    <s v="Yes"/>
    <s v="Yes"/>
    <n v="17111"/>
    <n v="3.9231488516159194"/>
    <s v="GOOD"/>
    <x v="56"/>
    <x v="47"/>
    <x v="49"/>
    <x v="47"/>
    <x v="48"/>
    <x v="51"/>
    <x v="49"/>
    <x v="51"/>
    <x v="51"/>
    <x v="56"/>
    <x v="52"/>
    <x v="45"/>
    <x v="23"/>
    <x v="49"/>
    <x v="44"/>
    <x v="48"/>
    <x v="0"/>
    <m/>
    <m/>
    <m/>
    <m/>
    <m/>
    <m/>
    <m/>
    <m/>
    <m/>
    <m/>
    <m/>
    <m/>
    <m/>
    <m/>
    <m/>
    <m/>
    <m/>
    <m/>
    <m/>
    <m/>
    <m/>
    <m/>
    <x v="6"/>
    <x v="43"/>
    <x v="44"/>
    <x v="17"/>
    <n v="35309.443425076453"/>
    <n v="31819.556574923547"/>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302"/>
    <s v="TR34"/>
    <s v="DBC IDP"/>
    <s v="Dacorum Borough Council"/>
    <x v="8"/>
    <x v="38"/>
    <s v="A414 Dual Carriageway gap closure - Rant Meadow"/>
    <s v="LS-38"/>
    <s v="(LS-38) Closure of the central reservation gap to right turning traffic - traffic will be diverted to the next roundabout or an alternative route"/>
    <s v="Hemel Garden Communities"/>
    <x v="46"/>
    <s v="Programme Area"/>
    <s v="Off-site"/>
    <s v="Developer / Hertfordshire County Council / National Highways"/>
    <s v="Hertfordshire County Council"/>
    <s v="2031-2036"/>
    <m/>
    <m/>
    <x v="183"/>
    <m/>
    <s v="S106 / S38 / S278 / CIL"/>
    <n v="0"/>
    <n v="69251"/>
    <s v="B5 - Based on AECOM Transport Model attribution percentages"/>
    <s v="Multiple Scenario 2 (Step 5)"/>
    <s v="Mutliple Scenario 2 (Step 5)"/>
    <s v="Essential"/>
    <x v="2"/>
    <x v="2"/>
    <x v="2"/>
    <x v="2"/>
    <x v="2"/>
    <x v="2"/>
    <x v="2"/>
    <s v="Yes"/>
    <s v="Yes"/>
    <s v="Yes"/>
    <s v="Yes"/>
    <s v="Yes"/>
    <s v=""/>
    <s v="Yes"/>
    <s v="Yes"/>
    <s v="Yes"/>
    <s v=""/>
    <m/>
    <m/>
    <m/>
    <m/>
    <m/>
    <m/>
    <m/>
    <m/>
    <m/>
    <m/>
    <m/>
    <m/>
    <m/>
    <m/>
    <m/>
    <m/>
    <m/>
    <m/>
    <m/>
    <m/>
    <m/>
    <m/>
    <s v=""/>
    <s v="Yes"/>
    <s v="Yes"/>
    <s v="Yes"/>
    <n v="17111"/>
    <n v="4.0471626439132722"/>
    <s v="GOOD"/>
    <x v="57"/>
    <x v="48"/>
    <x v="50"/>
    <x v="48"/>
    <x v="49"/>
    <x v="52"/>
    <x v="50"/>
    <x v="52"/>
    <x v="52"/>
    <x v="57"/>
    <x v="53"/>
    <x v="46"/>
    <x v="23"/>
    <x v="50"/>
    <x v="45"/>
    <x v="49"/>
    <x v="0"/>
    <m/>
    <m/>
    <m/>
    <m/>
    <m/>
    <m/>
    <m/>
    <m/>
    <m/>
    <m/>
    <m/>
    <m/>
    <m/>
    <m/>
    <m/>
    <m/>
    <m/>
    <m/>
    <m/>
    <m/>
    <m/>
    <m/>
    <x v="6"/>
    <x v="44"/>
    <x v="45"/>
    <x v="18"/>
    <n v="36425.602446483179"/>
    <n v="32825.397553516821"/>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303"/>
    <s v="TR35"/>
    <s v="DBC IDP"/>
    <s v="Dacorum Borough Council &amp; St Albans City &amp; District Council"/>
    <x v="8"/>
    <x v="38"/>
    <s v="Cherry Tree Lane Quietway"/>
    <s v="LS-42"/>
    <s v="(LS-42) Quietway, indicated by signs and some physical measures at entry points, on Cherry Tree Lane between Three Cherry Trees Lane to Redbourn Road. Closure to through traffic."/>
    <s v="Hemel Garden Communities"/>
    <x v="47"/>
    <s v="Growth Area "/>
    <s v="Off-site"/>
    <s v="Developer / Hertfordshire County Council"/>
    <s v="Hertfordshire County Council"/>
    <s v="2031-2036"/>
    <m/>
    <m/>
    <x v="185"/>
    <m/>
    <s v="S106 / S38 / S278 / CIL"/>
    <n v="0"/>
    <n v="522073"/>
    <s v="A - Per dwelling"/>
    <s v="Multiple Scenario 1 (Step 3)"/>
    <s v="Multiple Scenario 1 (Step 3)"/>
    <s v="Critical - HGC objectives"/>
    <x v="0"/>
    <x v="0"/>
    <x v="0"/>
    <x v="0"/>
    <x v="0"/>
    <x v="0"/>
    <x v="0"/>
    <m/>
    <m/>
    <m/>
    <m/>
    <m/>
    <m/>
    <m/>
    <m/>
    <m/>
    <m/>
    <m/>
    <m/>
    <m/>
    <m/>
    <m/>
    <m/>
    <m/>
    <m/>
    <m/>
    <m/>
    <m/>
    <m/>
    <m/>
    <m/>
    <m/>
    <m/>
    <m/>
    <m/>
    <m/>
    <m/>
    <m/>
    <m/>
    <m/>
    <s v="Yes"/>
    <m/>
    <s v="Yes"/>
    <n v="4771"/>
    <n v="109.42632571787885"/>
    <m/>
    <x v="2"/>
    <x v="2"/>
    <x v="2"/>
    <x v="2"/>
    <x v="2"/>
    <x v="2"/>
    <x v="2"/>
    <x v="2"/>
    <x v="2"/>
    <x v="2"/>
    <x v="2"/>
    <x v="2"/>
    <x v="2"/>
    <x v="2"/>
    <x v="2"/>
    <x v="2"/>
    <x v="2"/>
    <s v=""/>
    <s v=""/>
    <s v=""/>
    <s v=""/>
    <s v=""/>
    <s v=""/>
    <s v=""/>
    <s v=""/>
    <s v=""/>
    <s v=""/>
    <s v=""/>
    <s v=""/>
    <s v=""/>
    <s v=""/>
    <s v=""/>
    <s v=""/>
    <s v=""/>
    <s v=""/>
    <s v=""/>
    <s v=""/>
    <s v=""/>
    <s v=""/>
    <x v="3"/>
    <x v="45"/>
    <x v="3"/>
    <x v="19"/>
    <n v="0"/>
    <n v="522073"/>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304"/>
    <s v="TR36"/>
    <s v="DBC IDP"/>
    <s v="St Albans City &amp; District Council"/>
    <x v="8"/>
    <x v="38"/>
    <s v="Punchbowl Lane Quietway"/>
    <s v="LS-43"/>
    <s v="(LS-43) Quietway, indicated by signs and some physical measures at entry points, on Punchbowl Lane. The section of the lane west of the M1 will be subsumed within East Hemel Hempstead development and may therefore be subject to alteration. Closure to through traffic."/>
    <s v="Hemel Garden Communities"/>
    <x v="47"/>
    <s v="Growth Area "/>
    <s v="Off-site"/>
    <s v="Developer / Hertfordshire County Council"/>
    <s v="Hertfordshire County Council"/>
    <s v="2031-2036"/>
    <m/>
    <m/>
    <x v="186"/>
    <m/>
    <s v="S106 / S38 / S278 / CIL"/>
    <n v="0"/>
    <n v="506253"/>
    <s v="A - Per dwelling"/>
    <s v="Multiple Scenario 1 (Step 3)"/>
    <s v="Multiple Scenario 1 (Step 3)"/>
    <s v="Critical - HGC objectives"/>
    <x v="0"/>
    <x v="0"/>
    <x v="0"/>
    <x v="0"/>
    <x v="0"/>
    <x v="0"/>
    <x v="0"/>
    <m/>
    <m/>
    <m/>
    <m/>
    <m/>
    <m/>
    <m/>
    <m/>
    <m/>
    <m/>
    <m/>
    <m/>
    <m/>
    <m/>
    <m/>
    <m/>
    <m/>
    <m/>
    <m/>
    <m/>
    <m/>
    <m/>
    <m/>
    <m/>
    <m/>
    <m/>
    <m/>
    <m/>
    <m/>
    <m/>
    <m/>
    <m/>
    <m/>
    <s v="Yes"/>
    <m/>
    <s v="Yes"/>
    <n v="4771"/>
    <n v="106.11045902326556"/>
    <m/>
    <x v="2"/>
    <x v="2"/>
    <x v="2"/>
    <x v="2"/>
    <x v="2"/>
    <x v="2"/>
    <x v="2"/>
    <x v="2"/>
    <x v="2"/>
    <x v="2"/>
    <x v="2"/>
    <x v="2"/>
    <x v="2"/>
    <x v="2"/>
    <x v="2"/>
    <x v="2"/>
    <x v="2"/>
    <s v=""/>
    <s v=""/>
    <s v=""/>
    <s v=""/>
    <s v=""/>
    <s v=""/>
    <s v=""/>
    <s v=""/>
    <s v=""/>
    <s v=""/>
    <s v=""/>
    <s v=""/>
    <s v=""/>
    <s v=""/>
    <s v=""/>
    <s v=""/>
    <s v=""/>
    <s v=""/>
    <s v=""/>
    <s v=""/>
    <s v=""/>
    <s v=""/>
    <x v="3"/>
    <x v="46"/>
    <x v="3"/>
    <x v="20"/>
    <n v="0"/>
    <n v="506253"/>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305"/>
    <s v="TR37"/>
    <s v="DBC IDP"/>
    <s v="St Albans City &amp; District Council"/>
    <x v="8"/>
    <x v="38"/>
    <s v="Hogg End Lane Quietway"/>
    <s v="LS-44"/>
    <s v="(LS-44) Quietway, indicated by signs and some physical measures at entry points, on Hog End Lane. The section of the lane west of the M1 will be subsumed within East Hemel Hempstead development and may therefore be subject to alteration. Closure to through traffic."/>
    <s v="Hemel Garden Communities"/>
    <x v="17"/>
    <s v="Growth Area "/>
    <s v="On-site"/>
    <s v="Developer"/>
    <s v="Hertfordshire County Council"/>
    <s v="2031-2036"/>
    <m/>
    <m/>
    <x v="186"/>
    <m/>
    <s v="S38 / S278"/>
    <n v="0"/>
    <n v="506253"/>
    <s v="A - Per dwelling"/>
    <s v="Single Scenario 1 (Step 1)"/>
    <s v="Single Scenario 1 (Step 1)"/>
    <s v="Critical - HGC objectives"/>
    <x v="0"/>
    <x v="0"/>
    <x v="0"/>
    <x v="0"/>
    <x v="0"/>
    <x v="0"/>
    <x v="0"/>
    <m/>
    <m/>
    <m/>
    <m/>
    <m/>
    <m/>
    <m/>
    <m/>
    <m/>
    <m/>
    <m/>
    <m/>
    <m/>
    <m/>
    <m/>
    <m/>
    <m/>
    <m/>
    <m/>
    <m/>
    <m/>
    <m/>
    <m/>
    <m/>
    <m/>
    <m/>
    <m/>
    <m/>
    <m/>
    <m/>
    <m/>
    <m/>
    <m/>
    <m/>
    <m/>
    <s v="Yes"/>
    <n v="3171"/>
    <n v="159.65089877010408"/>
    <m/>
    <x v="2"/>
    <x v="2"/>
    <x v="2"/>
    <x v="2"/>
    <x v="2"/>
    <x v="2"/>
    <x v="2"/>
    <x v="2"/>
    <x v="2"/>
    <x v="2"/>
    <x v="2"/>
    <x v="2"/>
    <x v="2"/>
    <x v="2"/>
    <x v="2"/>
    <x v="2"/>
    <x v="2"/>
    <s v=""/>
    <s v=""/>
    <s v=""/>
    <s v=""/>
    <s v=""/>
    <s v=""/>
    <s v=""/>
    <s v=""/>
    <s v=""/>
    <s v=""/>
    <s v=""/>
    <s v=""/>
    <s v=""/>
    <s v=""/>
    <s v=""/>
    <s v=""/>
    <s v=""/>
    <s v=""/>
    <s v=""/>
    <s v=""/>
    <s v=""/>
    <s v=""/>
    <x v="3"/>
    <x v="3"/>
    <x v="3"/>
    <x v="21"/>
    <n v="0"/>
    <n v="506253.00000000006"/>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306"/>
    <s v="TR38"/>
    <s v="DBC IDP"/>
    <s v="Dacorum Borough Council"/>
    <x v="8"/>
    <x v="38"/>
    <s v="Green Lane Quietway "/>
    <s v="LS-45"/>
    <s v="(LS-45) Quietway, indicated by signs and some physical measures at entry points, on Green Lane between Breakspear Park office complex access and junction with Westwick Row. The section of Green Lane adjacent to Breakspear Park may be subject to alteration resulting from the East Hemel Hempstead development and changes to the A414 Phoenix Gateway Roundabout. Closure to through traffic."/>
    <s v="Hemel Garden Communities"/>
    <x v="3"/>
    <s v="Growth Area "/>
    <s v="Off-site"/>
    <s v="Developer"/>
    <s v="Hertfordshire County Council"/>
    <s v="2031-2036"/>
    <m/>
    <m/>
    <x v="187"/>
    <m/>
    <s v="S38 / S278"/>
    <n v="0"/>
    <n v="7594"/>
    <s v="A - Per dwelling"/>
    <s v="Single Scenario 2 (Step 2)"/>
    <s v="Single Scenario 2 (Step 2)"/>
    <s v="Critical - HGC objectives"/>
    <x v="0"/>
    <x v="0"/>
    <x v="0"/>
    <x v="0"/>
    <x v="0"/>
    <x v="0"/>
    <x v="0"/>
    <m/>
    <m/>
    <m/>
    <m/>
    <m/>
    <m/>
    <m/>
    <m/>
    <m/>
    <m/>
    <m/>
    <m/>
    <m/>
    <m/>
    <m/>
    <m/>
    <m/>
    <m/>
    <m/>
    <m/>
    <m/>
    <m/>
    <m/>
    <m/>
    <m/>
    <m/>
    <m/>
    <m/>
    <m/>
    <m/>
    <m/>
    <m/>
    <m/>
    <m/>
    <s v="Yes"/>
    <m/>
    <n v="2400"/>
    <n v="3.1641666666666666"/>
    <s v="GOOD"/>
    <x v="2"/>
    <x v="2"/>
    <x v="2"/>
    <x v="2"/>
    <x v="2"/>
    <x v="2"/>
    <x v="2"/>
    <x v="2"/>
    <x v="2"/>
    <x v="2"/>
    <x v="2"/>
    <x v="2"/>
    <x v="2"/>
    <x v="2"/>
    <x v="2"/>
    <x v="2"/>
    <x v="2"/>
    <s v=""/>
    <s v=""/>
    <s v=""/>
    <s v=""/>
    <s v=""/>
    <s v=""/>
    <s v=""/>
    <s v=""/>
    <s v=""/>
    <s v=""/>
    <s v=""/>
    <s v=""/>
    <s v=""/>
    <s v=""/>
    <s v=""/>
    <s v=""/>
    <s v=""/>
    <s v=""/>
    <s v=""/>
    <s v=""/>
    <s v=""/>
    <s v=""/>
    <x v="3"/>
    <x v="3"/>
    <x v="46"/>
    <x v="2"/>
    <n v="0"/>
    <n v="7594"/>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307"/>
    <s v="TR39"/>
    <s v="DBC IDP"/>
    <s v="Dacorum Borough Council"/>
    <x v="8"/>
    <x v="38"/>
    <s v="Bunkers Lane Quietway "/>
    <s v="LS-46"/>
    <s v="(LS-46) Quietway, indicated by signs and some physical measures at entry points, on Bunkers Lane between Longdean Park and Bedmond Road. Closure to through traffic."/>
    <s v="Hemel Garden Communities"/>
    <x v="3"/>
    <s v="Programme Area"/>
    <s v="Off-site"/>
    <s v="Developer"/>
    <s v="Hertfordshire County Council"/>
    <s v="2031-2036"/>
    <m/>
    <m/>
    <x v="188"/>
    <m/>
    <s v="S38 / S278"/>
    <n v="0"/>
    <n v="334760"/>
    <s v="A - Per dwelling"/>
    <s v="Single Scenario 2 (Step 2)"/>
    <s v="Single Scenario 2 (Step 2)"/>
    <s v="Essential"/>
    <x v="0"/>
    <x v="0"/>
    <x v="0"/>
    <x v="0"/>
    <x v="0"/>
    <x v="0"/>
    <x v="0"/>
    <m/>
    <m/>
    <m/>
    <m/>
    <m/>
    <m/>
    <m/>
    <m/>
    <m/>
    <m/>
    <m/>
    <m/>
    <m/>
    <m/>
    <m/>
    <m/>
    <m/>
    <m/>
    <m/>
    <m/>
    <m/>
    <m/>
    <m/>
    <m/>
    <m/>
    <m/>
    <m/>
    <m/>
    <m/>
    <m/>
    <m/>
    <m/>
    <m/>
    <m/>
    <s v="Yes"/>
    <m/>
    <n v="2400"/>
    <n v="139.48333333333332"/>
    <s v="GOOD"/>
    <x v="2"/>
    <x v="2"/>
    <x v="2"/>
    <x v="2"/>
    <x v="2"/>
    <x v="2"/>
    <x v="2"/>
    <x v="2"/>
    <x v="2"/>
    <x v="2"/>
    <x v="2"/>
    <x v="2"/>
    <x v="2"/>
    <x v="2"/>
    <x v="2"/>
    <x v="2"/>
    <x v="2"/>
    <s v=""/>
    <s v=""/>
    <s v=""/>
    <s v=""/>
    <s v=""/>
    <s v=""/>
    <s v=""/>
    <s v=""/>
    <s v=""/>
    <s v=""/>
    <s v=""/>
    <s v=""/>
    <s v=""/>
    <s v=""/>
    <s v=""/>
    <s v=""/>
    <s v=""/>
    <s v=""/>
    <s v=""/>
    <s v=""/>
    <s v=""/>
    <s v=""/>
    <x v="3"/>
    <x v="3"/>
    <x v="47"/>
    <x v="2"/>
    <n v="0"/>
    <n v="334759.99999999994"/>
    <n v="0"/>
    <n v="0"/>
    <s v="Cost includes an uplift for the allowance of traffic management (10%), main contractor preliminaries and overheads and profit (45%), professional fees (15%), contingency (50%), statutory undertakers (15%)."/>
    <m/>
    <s v="Aecom Hemel Hempstead Transport Study (2024) and update (2025)."/>
    <m/>
  </r>
  <r>
    <m/>
    <n v="308"/>
    <s v="TR40"/>
    <s v="DBC IDP"/>
    <s v="St Albans City &amp; District Council"/>
    <x v="8"/>
    <x v="38"/>
    <s v="Blackwater Lane Quietway"/>
    <s v="LS-47"/>
    <s v="(LS-47) Quietway, indicated by signs and some physical measures at entry points, on Blackwater Lane. This lane will be subsumed within East Hemel Hempstead development (reserve school development site) and may therefore be subject to change. Closure to through traffic."/>
    <s v="Hemel Garden Communities"/>
    <x v="3"/>
    <s v="Programme Area"/>
    <s v="Off-site"/>
    <s v="Developer / Hertfordshire County Council"/>
    <s v="Hertfordshire County Council"/>
    <s v="2031-2036"/>
    <m/>
    <m/>
    <x v="186"/>
    <m/>
    <s v="S106 / S38 / S278 / CIL"/>
    <n v="0"/>
    <n v="506253"/>
    <s v="A - Per dwelling"/>
    <s v="Multiple Scenario 2 (Step 9)"/>
    <s v="Single Scenario 2 (Step 2)"/>
    <s v="Essential"/>
    <x v="0"/>
    <x v="0"/>
    <x v="0"/>
    <x v="0"/>
    <x v="0"/>
    <x v="0"/>
    <x v="0"/>
    <m/>
    <m/>
    <m/>
    <m/>
    <m/>
    <m/>
    <m/>
    <m/>
    <m/>
    <m/>
    <m/>
    <m/>
    <m/>
    <m/>
    <m/>
    <m/>
    <m/>
    <m/>
    <m/>
    <m/>
    <m/>
    <m/>
    <m/>
    <m/>
    <m/>
    <m/>
    <m/>
    <m/>
    <m/>
    <m/>
    <m/>
    <m/>
    <m/>
    <m/>
    <s v="Yes"/>
    <m/>
    <n v="2400"/>
    <n v="210.93875"/>
    <s v="GOOD"/>
    <x v="2"/>
    <x v="2"/>
    <x v="2"/>
    <x v="2"/>
    <x v="2"/>
    <x v="2"/>
    <x v="2"/>
    <x v="2"/>
    <x v="2"/>
    <x v="2"/>
    <x v="2"/>
    <x v="2"/>
    <x v="2"/>
    <x v="2"/>
    <x v="2"/>
    <x v="2"/>
    <x v="2"/>
    <s v=""/>
    <s v=""/>
    <s v=""/>
    <s v=""/>
    <s v=""/>
    <s v=""/>
    <s v=""/>
    <s v=""/>
    <s v=""/>
    <s v=""/>
    <s v=""/>
    <s v=""/>
    <s v=""/>
    <s v=""/>
    <m/>
    <m/>
    <m/>
    <m/>
    <m/>
    <m/>
    <m/>
    <m/>
    <x v="3"/>
    <x v="3"/>
    <x v="48"/>
    <x v="2"/>
    <n v="0"/>
    <n v="50625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09"/>
    <s v="TR41"/>
    <s v="DBC IDP"/>
    <s v="Dacorum Borough Council"/>
    <x v="8"/>
    <x v="38"/>
    <s v="Berkhamsted Road Gateway Corridor"/>
    <s v="LS-48"/>
    <s v="(LS-48) Alterations to Berkhamsted Road adjacent to the proposed Polehanger Lane development which will include a vehicular access onto this road. Comprising a reduction in the speed limit from National Speed limit to 30 or 40mph between the access to Boxted Farm and the existing settlement boundary. "/>
    <s v="Hemel Garden Communities"/>
    <x v="6"/>
    <s v="Programme Area"/>
    <s v="Off-site"/>
    <s v="Developer"/>
    <s v="Hertfordshire County Council"/>
    <s v="2031-2036"/>
    <m/>
    <m/>
    <x v="189"/>
    <m/>
    <s v="S38 / S278"/>
    <n v="0"/>
    <n v="18984"/>
    <s v="A - Per dwelling"/>
    <s v="Single Scenario 2 (Step 2)"/>
    <s v="Single Scenario 2 (Step 2)"/>
    <s v="Critical - HGC objectives"/>
    <x v="0"/>
    <x v="0"/>
    <x v="0"/>
    <x v="0"/>
    <x v="0"/>
    <x v="0"/>
    <x v="0"/>
    <m/>
    <m/>
    <m/>
    <s v="Yes"/>
    <m/>
    <m/>
    <m/>
    <m/>
    <m/>
    <m/>
    <m/>
    <m/>
    <m/>
    <m/>
    <m/>
    <m/>
    <m/>
    <m/>
    <m/>
    <m/>
    <m/>
    <m/>
    <m/>
    <m/>
    <m/>
    <m/>
    <m/>
    <m/>
    <m/>
    <m/>
    <m/>
    <m/>
    <m/>
    <m/>
    <m/>
    <m/>
    <n v="750"/>
    <n v="25.312000000000001"/>
    <m/>
    <x v="2"/>
    <x v="2"/>
    <x v="2"/>
    <x v="2"/>
    <x v="2"/>
    <x v="2"/>
    <x v="2"/>
    <x v="2"/>
    <x v="2"/>
    <x v="2"/>
    <x v="54"/>
    <x v="2"/>
    <x v="2"/>
    <x v="2"/>
    <x v="2"/>
    <x v="2"/>
    <x v="2"/>
    <s v=""/>
    <s v=""/>
    <s v=""/>
    <s v=""/>
    <s v=""/>
    <s v=""/>
    <s v=""/>
    <s v=""/>
    <s v=""/>
    <s v=""/>
    <s v=""/>
    <s v=""/>
    <s v=""/>
    <s v=""/>
    <s v=""/>
    <s v=""/>
    <s v=""/>
    <s v=""/>
    <s v=""/>
    <s v=""/>
    <s v=""/>
    <s v=""/>
    <x v="3"/>
    <x v="3"/>
    <x v="3"/>
    <x v="2"/>
    <n v="18984"/>
    <n v="0"/>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310"/>
    <s v="TR42"/>
    <s v="DBC IDP"/>
    <s v="Dacorum Borough Council"/>
    <x v="8"/>
    <x v="38"/>
    <s v="Fields End Lane/Pouchen End Lane Quietway"/>
    <s v="LS-49"/>
    <s v="(LS-49) Quietway, indicated by signs and some physical measures at entry points, on Fields End Lane, joining another proposed Quietway at its western end at Pouchen End Lane, and Boxted Road at its eastern end. Closure to through traffic."/>
    <s v="Hemel Garden Communities"/>
    <x v="6"/>
    <s v="Programme Area"/>
    <s v="Off-site"/>
    <s v="Developer"/>
    <s v="Hertfordshire County Council"/>
    <s v="2031-2036"/>
    <m/>
    <m/>
    <x v="190"/>
    <m/>
    <s v="S38 / S278"/>
    <n v="0"/>
    <n v="350580"/>
    <s v="A - Per dwelling"/>
    <s v="Single Scenario 2 (Step 2)"/>
    <s v="Single Scenario 2 (Step 2)"/>
    <s v="Essential"/>
    <x v="0"/>
    <x v="0"/>
    <x v="0"/>
    <x v="0"/>
    <x v="0"/>
    <x v="0"/>
    <x v="0"/>
    <m/>
    <m/>
    <m/>
    <s v="Yes"/>
    <m/>
    <m/>
    <m/>
    <m/>
    <m/>
    <m/>
    <m/>
    <m/>
    <m/>
    <m/>
    <m/>
    <m/>
    <m/>
    <m/>
    <m/>
    <m/>
    <m/>
    <m/>
    <m/>
    <m/>
    <m/>
    <m/>
    <m/>
    <m/>
    <m/>
    <m/>
    <m/>
    <m/>
    <m/>
    <m/>
    <m/>
    <m/>
    <n v="750"/>
    <n v="467.44"/>
    <m/>
    <x v="2"/>
    <x v="2"/>
    <x v="2"/>
    <x v="2"/>
    <x v="2"/>
    <x v="2"/>
    <x v="2"/>
    <x v="2"/>
    <x v="2"/>
    <x v="2"/>
    <x v="55"/>
    <x v="2"/>
    <x v="2"/>
    <x v="2"/>
    <x v="2"/>
    <x v="2"/>
    <x v="2"/>
    <s v=""/>
    <s v=""/>
    <s v=""/>
    <s v=""/>
    <s v=""/>
    <s v=""/>
    <s v=""/>
    <s v=""/>
    <s v=""/>
    <s v=""/>
    <s v=""/>
    <s v=""/>
    <s v=""/>
    <s v=""/>
    <s v=""/>
    <s v=""/>
    <s v=""/>
    <s v=""/>
    <s v=""/>
    <s v=""/>
    <s v=""/>
    <s v=""/>
    <x v="3"/>
    <x v="3"/>
    <x v="3"/>
    <x v="2"/>
    <n v="350580"/>
    <n v="0"/>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311"/>
    <s v="TR43"/>
    <s v="DBC IDP"/>
    <s v="Dacorum Borough Council"/>
    <x v="8"/>
    <x v="39"/>
    <s v="Boxted Road Green Loop Crossing Point"/>
    <s v="LS-50"/>
    <s v="(LS-50) Pedestrian and cycle crossing on Boxted Road adjacent to the junction with Fields End Lane (proposed Quietway) and Berkhamsted Road (which is not open to traffic at its western end, and is also proposed as a Quietway)"/>
    <s v="Hemel Garden Communities"/>
    <x v="6"/>
    <s v="Programme Area"/>
    <s v="Off-site"/>
    <s v="Developer"/>
    <s v="Hertfordshire County Council"/>
    <s v="2031-2036"/>
    <m/>
    <m/>
    <x v="191"/>
    <m/>
    <s v="S38 / S278"/>
    <n v="0"/>
    <n v="34245"/>
    <s v="A - Per dwelling"/>
    <s v="Single Scenario 2 (Step 2)"/>
    <s v="Single Scenario 2 (Step 2)"/>
    <s v="Critical - HGC objectives"/>
    <x v="0"/>
    <x v="0"/>
    <x v="0"/>
    <x v="0"/>
    <x v="0"/>
    <x v="0"/>
    <x v="0"/>
    <m/>
    <m/>
    <m/>
    <s v="Yes"/>
    <m/>
    <m/>
    <m/>
    <m/>
    <m/>
    <m/>
    <m/>
    <m/>
    <m/>
    <m/>
    <m/>
    <m/>
    <m/>
    <m/>
    <m/>
    <m/>
    <m/>
    <m/>
    <m/>
    <m/>
    <m/>
    <m/>
    <m/>
    <m/>
    <m/>
    <m/>
    <m/>
    <m/>
    <m/>
    <m/>
    <m/>
    <m/>
    <n v="750"/>
    <n v="45.66"/>
    <m/>
    <x v="2"/>
    <x v="2"/>
    <x v="2"/>
    <x v="2"/>
    <x v="2"/>
    <x v="2"/>
    <x v="2"/>
    <x v="2"/>
    <x v="2"/>
    <x v="2"/>
    <x v="56"/>
    <x v="2"/>
    <x v="2"/>
    <x v="2"/>
    <x v="2"/>
    <x v="2"/>
    <x v="2"/>
    <s v=""/>
    <s v=""/>
    <s v=""/>
    <s v=""/>
    <s v=""/>
    <s v=""/>
    <s v=""/>
    <s v=""/>
    <s v=""/>
    <s v=""/>
    <s v=""/>
    <s v=""/>
    <s v=""/>
    <s v=""/>
    <s v=""/>
    <s v=""/>
    <s v=""/>
    <s v=""/>
    <s v=""/>
    <s v=""/>
    <s v=""/>
    <s v=""/>
    <x v="3"/>
    <x v="3"/>
    <x v="3"/>
    <x v="2"/>
    <n v="34245"/>
    <n v="0"/>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312"/>
    <s v="TR44"/>
    <s v="DBC IDP"/>
    <s v="Dacorum Borough Council"/>
    <x v="8"/>
    <x v="39"/>
    <s v="Polehanger Lane-Leighton Buzzard Road Green Loop"/>
    <s v="LS-51"/>
    <s v="(LS-51) Upgrade to existing PRoW (Footpath) Hemel Hempstead (013) linking Polehanger Lane and Leighton Buzzard Road to form part of the proposed Green Loop. "/>
    <s v="Hemel Garden Communities"/>
    <x v="6"/>
    <s v="Transformational"/>
    <s v="Off-site"/>
    <s v="Developer"/>
    <s v="Hertfordshire County Council "/>
    <s v="2031-2036"/>
    <m/>
    <m/>
    <x v="192"/>
    <m/>
    <s v="S38 / S278"/>
    <n v="0"/>
    <n v="1481063"/>
    <s v="A - Per dwelling"/>
    <s v="Single Scenario 2 (Step 2)"/>
    <s v="Single Scenario 2 (Step 2)"/>
    <s v="Critical - HGC objectives"/>
    <x v="0"/>
    <x v="0"/>
    <x v="0"/>
    <x v="0"/>
    <x v="0"/>
    <x v="0"/>
    <x v="0"/>
    <m/>
    <m/>
    <m/>
    <s v="Yes"/>
    <m/>
    <m/>
    <m/>
    <m/>
    <m/>
    <m/>
    <m/>
    <m/>
    <m/>
    <m/>
    <m/>
    <m/>
    <m/>
    <m/>
    <m/>
    <m/>
    <m/>
    <m/>
    <m/>
    <m/>
    <m/>
    <m/>
    <m/>
    <m/>
    <m/>
    <m/>
    <m/>
    <m/>
    <m/>
    <m/>
    <m/>
    <m/>
    <n v="750"/>
    <n v="1974.7506666666666"/>
    <m/>
    <x v="2"/>
    <x v="2"/>
    <x v="2"/>
    <x v="2"/>
    <x v="2"/>
    <x v="2"/>
    <x v="2"/>
    <x v="2"/>
    <x v="2"/>
    <x v="2"/>
    <x v="57"/>
    <x v="2"/>
    <x v="2"/>
    <x v="2"/>
    <x v="2"/>
    <x v="2"/>
    <x v="2"/>
    <s v=""/>
    <s v=""/>
    <s v=""/>
    <s v=""/>
    <s v=""/>
    <s v=""/>
    <s v=""/>
    <s v=""/>
    <s v=""/>
    <s v=""/>
    <s v=""/>
    <s v=""/>
    <s v=""/>
    <s v=""/>
    <s v=""/>
    <s v=""/>
    <s v=""/>
    <s v=""/>
    <s v=""/>
    <s v=""/>
    <s v=""/>
    <s v=""/>
    <x v="3"/>
    <x v="3"/>
    <x v="3"/>
    <x v="2"/>
    <n v="1481063"/>
    <n v="0"/>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313"/>
    <s v="TR45"/>
    <s v="DBC IDP"/>
    <s v="Dacorum Borough Council"/>
    <x v="8"/>
    <x v="38"/>
    <s v="Holtsmere End Lane Quietway"/>
    <s v="LS-52"/>
    <s v="(LS-52) Quietway, indicated by signs and some physical measures at entry points, on Holtsmere End Lane between a location in the vicinity of PRoW (Footpath) Great Gaddesden 048 and Redbourn 011. This lane will run through or along the perimeter of the proposed East Hemel Hempstead development and therefore may be subject to alteration as part of the development. Where Holtsmere End Lane currently links onto Gaddesdon Lane on the north-eastern side of the proposed Nort/East Hemel Hempstead developments, this should also be considered for Quietway treatment to discourage traffic rat running through the development or conversely traffic routeing out of the development onto Gaddesdon Lane. "/>
    <s v="Hemel Garden Communities"/>
    <x v="48"/>
    <s v="Growth Area "/>
    <s v="Off-site"/>
    <s v="Developer / Hertfordshire County Council"/>
    <s v="Hertfordshire County Council"/>
    <s v="2031-2036"/>
    <m/>
    <m/>
    <x v="193"/>
    <m/>
    <s v="S106 / S38 / S278 / CIL"/>
    <n v="0"/>
    <n v="246798"/>
    <s v="A - Per dwelling"/>
    <s v="Multiple Scenario 1 (Step 3)"/>
    <s v="Multiple Scenario 1 (Step 3)"/>
    <s v="Critical - HGC objectives"/>
    <x v="2"/>
    <x v="0"/>
    <x v="0"/>
    <x v="0"/>
    <x v="0"/>
    <x v="0"/>
    <x v="0"/>
    <m/>
    <m/>
    <m/>
    <m/>
    <m/>
    <m/>
    <m/>
    <m/>
    <m/>
    <m/>
    <m/>
    <m/>
    <m/>
    <m/>
    <m/>
    <m/>
    <m/>
    <m/>
    <m/>
    <m/>
    <m/>
    <m/>
    <m/>
    <m/>
    <m/>
    <m/>
    <m/>
    <m/>
    <m/>
    <m/>
    <m/>
    <m/>
    <s v="Yes"/>
    <m/>
    <m/>
    <m/>
    <n v="6500"/>
    <n v="37.968923076923076"/>
    <m/>
    <x v="58"/>
    <x v="2"/>
    <x v="2"/>
    <x v="2"/>
    <x v="2"/>
    <x v="2"/>
    <x v="2"/>
    <x v="2"/>
    <x v="2"/>
    <x v="2"/>
    <x v="2"/>
    <x v="2"/>
    <x v="2"/>
    <x v="2"/>
    <x v="2"/>
    <x v="2"/>
    <x v="2"/>
    <s v=""/>
    <s v=""/>
    <s v=""/>
    <s v=""/>
    <s v=""/>
    <s v=""/>
    <s v=""/>
    <s v=""/>
    <s v=""/>
    <s v=""/>
    <s v=""/>
    <s v=""/>
    <s v=""/>
    <s v=""/>
    <s v=""/>
    <s v=""/>
    <s v=""/>
    <s v=""/>
    <s v=""/>
    <s v=""/>
    <s v=""/>
    <s v=""/>
    <x v="41"/>
    <x v="3"/>
    <x v="3"/>
    <x v="2"/>
    <n v="189844.61538461538"/>
    <n v="56953.384615384617"/>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314"/>
    <s v="TR46"/>
    <s v="DBC IDP"/>
    <s v="St Albans City &amp; District Council"/>
    <x v="8"/>
    <x v="39"/>
    <s v="Redbourn Road Green Loop Crossing Point"/>
    <s v="LS-53"/>
    <s v="(LS-53) Pedestrian and cycle crossing on B487 Redbourn Road adjacent to the junction between Cherry Tree Lane and Holtsmere End Lane to connect sections of the proposed Green Loop running through the East Hemel Hempstead development on either side."/>
    <s v="Hemel Garden Communities"/>
    <x v="49"/>
    <s v="Growth Area / Transformational"/>
    <s v="Off-site"/>
    <s v="Developer / Hertfordshire County Council"/>
    <s v="Hertfordshire County Council"/>
    <s v="2031-2036"/>
    <m/>
    <m/>
    <x v="191"/>
    <m/>
    <s v="S106 / S38 / S278 / CIL"/>
    <n v="0"/>
    <n v="34245"/>
    <s v="A - Per dwelling"/>
    <s v="Multiple Scenario 1 (Step 3)"/>
    <s v="Multiple Scenario 1 (Step 3)"/>
    <s v="Critical - HGC objectives"/>
    <x v="0"/>
    <x v="0"/>
    <x v="0"/>
    <x v="0"/>
    <x v="0"/>
    <x v="0"/>
    <x v="0"/>
    <m/>
    <m/>
    <m/>
    <m/>
    <m/>
    <m/>
    <m/>
    <m/>
    <m/>
    <m/>
    <m/>
    <m/>
    <m/>
    <m/>
    <m/>
    <m/>
    <m/>
    <m/>
    <m/>
    <m/>
    <m/>
    <m/>
    <m/>
    <m/>
    <m/>
    <m/>
    <m/>
    <m/>
    <m/>
    <m/>
    <m/>
    <m/>
    <s v="Yes"/>
    <s v="Yes"/>
    <m/>
    <m/>
    <n v="3100"/>
    <n v="11.046774193548387"/>
    <m/>
    <x v="2"/>
    <x v="2"/>
    <x v="2"/>
    <x v="2"/>
    <x v="2"/>
    <x v="2"/>
    <x v="2"/>
    <x v="2"/>
    <x v="2"/>
    <x v="2"/>
    <x v="2"/>
    <x v="2"/>
    <x v="2"/>
    <x v="2"/>
    <x v="2"/>
    <x v="2"/>
    <x v="2"/>
    <s v=""/>
    <s v=""/>
    <s v=""/>
    <s v=""/>
    <s v=""/>
    <s v=""/>
    <s v=""/>
    <s v=""/>
    <s v=""/>
    <s v=""/>
    <s v=""/>
    <s v=""/>
    <s v=""/>
    <s v=""/>
    <s v=""/>
    <s v=""/>
    <s v=""/>
    <s v=""/>
    <s v=""/>
    <s v=""/>
    <s v=""/>
    <s v=""/>
    <x v="42"/>
    <x v="47"/>
    <x v="3"/>
    <x v="2"/>
    <n v="0"/>
    <n v="34245"/>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315"/>
    <s v="TR47"/>
    <s v="DBC IDP"/>
    <s v="St Albans City &amp; District Council"/>
    <x v="8"/>
    <x v="39"/>
    <s v="A4147 Hemel Hempstead Road Gateway Corridor"/>
    <s v="LS-54"/>
    <s v="(LS-54) Alterations to the A4147 Hemel Hempstead Road between the existing settlement boundary and the junction with Beechtree Lane and Appspond Lane (between M1 and A414), comprising: 1) speed limit changes 30mph along most of the length, with a buffer 40mph section at the eastern most end up to Beechtree Lane and Appsond Lane; 2) provision of upgraded shared use pedestrian and cycle route along the full length (northern side of the road); 3 crossings including 1 signal-controlled pedestrian/cycle crossing (for access to proposed secondary school on southern side) and a crossing to link with the Blackwater Lane Green Loop; raised M1 bridge parapet (northern side) to facilitate cycling. Upgrades may be influenced by where proposed vehicle accesses will be created into the East Hemel Hempstead development site and school entrance.   "/>
    <s v="Hemel Garden Communities"/>
    <x v="3"/>
    <s v="Growth Area / Transformational"/>
    <s v="Off-site"/>
    <s v="Developer / Hertfordshire County Council"/>
    <s v="Hertfordshire County Council"/>
    <s v="2031-2036"/>
    <m/>
    <m/>
    <x v="194"/>
    <m/>
    <s v="S106 / S38 / S278 / CIL"/>
    <n v="0"/>
    <n v="2369897"/>
    <s v="A - Per dwelling"/>
    <s v="Multiple Scenario 1 (Step 3)"/>
    <s v="Single Scenario 2 (Step 2)"/>
    <s v="Critical - HGC objectives"/>
    <x v="0"/>
    <x v="0"/>
    <x v="0"/>
    <x v="0"/>
    <x v="0"/>
    <x v="0"/>
    <x v="0"/>
    <m/>
    <m/>
    <m/>
    <m/>
    <m/>
    <m/>
    <m/>
    <m/>
    <m/>
    <m/>
    <m/>
    <m/>
    <m/>
    <m/>
    <m/>
    <m/>
    <m/>
    <m/>
    <m/>
    <m/>
    <m/>
    <m/>
    <m/>
    <m/>
    <m/>
    <m/>
    <m/>
    <m/>
    <m/>
    <m/>
    <m/>
    <m/>
    <m/>
    <m/>
    <s v="Yes"/>
    <m/>
    <n v="2400"/>
    <n v="987.45708333333334"/>
    <m/>
    <x v="2"/>
    <x v="2"/>
    <x v="2"/>
    <x v="2"/>
    <x v="2"/>
    <x v="2"/>
    <x v="2"/>
    <x v="2"/>
    <x v="2"/>
    <x v="2"/>
    <x v="2"/>
    <x v="2"/>
    <x v="2"/>
    <x v="2"/>
    <x v="2"/>
    <x v="2"/>
    <x v="2"/>
    <s v=""/>
    <s v=""/>
    <s v=""/>
    <s v=""/>
    <s v=""/>
    <s v=""/>
    <s v=""/>
    <s v=""/>
    <s v=""/>
    <s v=""/>
    <s v=""/>
    <s v=""/>
    <s v=""/>
    <s v=""/>
    <s v=""/>
    <s v=""/>
    <s v=""/>
    <s v=""/>
    <s v=""/>
    <s v=""/>
    <s v=""/>
    <s v=""/>
    <x v="3"/>
    <x v="3"/>
    <x v="49"/>
    <x v="2"/>
    <n v="0"/>
    <n v="2369897"/>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316"/>
    <s v="TR48"/>
    <s v="DBC IDP"/>
    <s v="Dacorum Borough Council &amp; St Albans City &amp; District Council"/>
    <x v="8"/>
    <x v="39"/>
    <s v="Bunkers Lane-Blackwater Lane Quietway Crossing Point"/>
    <s v="LS-55"/>
    <s v="(LS-55) Pedestrian and cycle crossing on Bedmond Road adjacent to the junction with Bunkers Lane (proposed Quietway) and Blackwater Lane (proposed Quietway)"/>
    <s v="Hemel Garden Communities"/>
    <x v="3"/>
    <s v="Programme Area / Transformational"/>
    <s v="Off-site"/>
    <s v="Developer / Hertfordshire County Council"/>
    <s v="Hertfordshire County Council"/>
    <s v="2031-2036"/>
    <m/>
    <m/>
    <x v="195"/>
    <m/>
    <s v="S106 / S38 / S278 / CIL"/>
    <n v="0"/>
    <n v="312611"/>
    <s v="A - Per dwelling"/>
    <s v="Multiple Scenario 2 (Step 9)"/>
    <s v="Single Scenario 2 (Step 2)"/>
    <s v="Essential"/>
    <x v="0"/>
    <x v="0"/>
    <x v="0"/>
    <x v="0"/>
    <x v="0"/>
    <x v="0"/>
    <x v="0"/>
    <m/>
    <m/>
    <m/>
    <m/>
    <m/>
    <m/>
    <m/>
    <m/>
    <m/>
    <m/>
    <m/>
    <m/>
    <m/>
    <m/>
    <m/>
    <m/>
    <m/>
    <m/>
    <m/>
    <m/>
    <m/>
    <m/>
    <m/>
    <m/>
    <m/>
    <m/>
    <m/>
    <m/>
    <m/>
    <m/>
    <m/>
    <m/>
    <m/>
    <m/>
    <s v="Yes"/>
    <m/>
    <n v="2400"/>
    <n v="130.25458333333333"/>
    <s v="GOOD"/>
    <x v="2"/>
    <x v="2"/>
    <x v="2"/>
    <x v="2"/>
    <x v="2"/>
    <x v="2"/>
    <x v="2"/>
    <x v="2"/>
    <x v="2"/>
    <x v="2"/>
    <x v="2"/>
    <x v="2"/>
    <x v="2"/>
    <x v="2"/>
    <x v="2"/>
    <x v="2"/>
    <x v="2"/>
    <s v=""/>
    <s v=""/>
    <s v=""/>
    <s v=""/>
    <s v=""/>
    <s v=""/>
    <s v=""/>
    <s v=""/>
    <s v=""/>
    <s v=""/>
    <s v=""/>
    <s v=""/>
    <s v=""/>
    <s v=""/>
    <m/>
    <m/>
    <m/>
    <m/>
    <m/>
    <m/>
    <m/>
    <m/>
    <x v="3"/>
    <x v="3"/>
    <x v="50"/>
    <x v="2"/>
    <n v="0"/>
    <n v="31261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17"/>
    <s v="TR49"/>
    <s v="DBC IDP"/>
    <s v="Dacorum Borough Council"/>
    <x v="8"/>
    <x v="35"/>
    <s v="The Denes Centre Local Mobility Hub"/>
    <s v="LS-56"/>
    <s v="(LS-56) Local Mobility Hub located adjacent to the Denes local shopping parade. Served nearby by Bus Route 2"/>
    <s v="Hemel Garden Communities"/>
    <x v="8"/>
    <s v="Programme Area"/>
    <s v="Off-site"/>
    <s v="Developer / Hertfordshire County Council"/>
    <s v="Hertfordshire County Council"/>
    <s v="2031-2036"/>
    <m/>
    <m/>
    <x v="196"/>
    <m/>
    <s v="S106 / S38 / S278 / CIL"/>
    <n v="0"/>
    <n v="370629.19"/>
    <s v="A - Per dwelling"/>
    <s v="Multiple Scenario 2 (Step 9)"/>
    <s v="Multiple Scenario 2 (Step 9)"/>
    <s v="Essential"/>
    <x v="2"/>
    <x v="2"/>
    <x v="2"/>
    <x v="2"/>
    <x v="2"/>
    <x v="2"/>
    <x v="2"/>
    <s v="Yes"/>
    <s v="Yes"/>
    <s v="Yes"/>
    <s v="Yes"/>
    <s v="Yes"/>
    <s v="Yes"/>
    <s v="Yes"/>
    <s v="Yes"/>
    <s v="Yes"/>
    <s v="Yes"/>
    <m/>
    <m/>
    <m/>
    <m/>
    <m/>
    <m/>
    <m/>
    <m/>
    <m/>
    <m/>
    <m/>
    <m/>
    <m/>
    <m/>
    <m/>
    <m/>
    <m/>
    <m/>
    <m/>
    <m/>
    <m/>
    <m/>
    <s v="Yes"/>
    <s v="Yes"/>
    <s v="Yes"/>
    <m/>
    <n v="18054"/>
    <n v="20.528923784202949"/>
    <s v="GOOD"/>
    <x v="59"/>
    <x v="49"/>
    <x v="51"/>
    <x v="49"/>
    <x v="50"/>
    <x v="53"/>
    <x v="51"/>
    <x v="53"/>
    <x v="53"/>
    <x v="58"/>
    <x v="58"/>
    <x v="47"/>
    <x v="50"/>
    <x v="51"/>
    <x v="46"/>
    <x v="50"/>
    <x v="40"/>
    <s v=""/>
    <s v=""/>
    <s v=""/>
    <s v=""/>
    <s v=""/>
    <s v=""/>
    <s v=""/>
    <s v=""/>
    <s v=""/>
    <s v=""/>
    <s v=""/>
    <s v=""/>
    <s v=""/>
    <s v=""/>
    <s v=""/>
    <s v=""/>
    <s v=""/>
    <s v=""/>
    <s v=""/>
    <s v=""/>
    <s v=""/>
    <s v=""/>
    <x v="43"/>
    <x v="48"/>
    <x v="51"/>
    <x v="2"/>
    <n v="257720.10918688378"/>
    <n v="112909.0808131162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18"/>
    <s v="TR50"/>
    <s v="DBC IDP"/>
    <s v="Dacorum Borough Council"/>
    <x v="8"/>
    <x v="35"/>
    <s v="Two Waters (London Road) Local Mobility Hub"/>
    <s v="LS-57"/>
    <s v="(LS-57) Local Mobility Hub located on London Road in Two Waters Opportunity Area, opposite McDonalds drive-thru and close to the A414 junction. Served nearby by Bus Route 322"/>
    <s v="Hemel Garden Communities"/>
    <x v="50"/>
    <s v="Programme Area"/>
    <s v="Off-site"/>
    <s v="Developer / Hertfordshire County Council"/>
    <s v="Hertfordshire County Council"/>
    <s v="2031-2036"/>
    <m/>
    <m/>
    <x v="196"/>
    <m/>
    <s v="S106 / S38 / S278 / CIL"/>
    <n v="0"/>
    <n v="370629.19"/>
    <s v="B5 - Based on AECOM Transport Model attribution percentages"/>
    <s v="Multiple Scenario 2 (Step 5)"/>
    <s v="Mutliple Scenario 2 (Step 5)"/>
    <s v="Essential"/>
    <x v="2"/>
    <x v="2"/>
    <x v="2"/>
    <x v="2"/>
    <x v="2"/>
    <x v="2"/>
    <x v="2"/>
    <s v="Yes"/>
    <s v="Yes"/>
    <s v="Yes"/>
    <s v="Yes"/>
    <s v="Yes"/>
    <s v=""/>
    <s v="Yes"/>
    <s v=""/>
    <s v=""/>
    <s v=""/>
    <m/>
    <m/>
    <m/>
    <m/>
    <m/>
    <m/>
    <m/>
    <m/>
    <m/>
    <m/>
    <m/>
    <m/>
    <m/>
    <m/>
    <m/>
    <m/>
    <m/>
    <m/>
    <m/>
    <m/>
    <m/>
    <m/>
    <s v="Yes"/>
    <s v="Yes"/>
    <s v="Yes"/>
    <s v=""/>
    <n v="15270"/>
    <n v="24.27172167648985"/>
    <s v="GOOD"/>
    <x v="60"/>
    <x v="50"/>
    <x v="52"/>
    <x v="50"/>
    <x v="51"/>
    <x v="54"/>
    <x v="52"/>
    <x v="54"/>
    <x v="54"/>
    <x v="59"/>
    <x v="59"/>
    <x v="48"/>
    <x v="23"/>
    <x v="52"/>
    <x v="22"/>
    <x v="23"/>
    <x v="0"/>
    <m/>
    <m/>
    <m/>
    <m/>
    <m/>
    <m/>
    <m/>
    <m/>
    <m/>
    <m/>
    <m/>
    <m/>
    <m/>
    <m/>
    <m/>
    <m/>
    <m/>
    <m/>
    <m/>
    <m/>
    <m/>
    <m/>
    <x v="44"/>
    <x v="49"/>
    <x v="52"/>
    <x v="11"/>
    <n v="345782.54039106146"/>
    <n v="24846.649608938547"/>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19"/>
    <s v="TR51"/>
    <s v="DBC IDP"/>
    <s v="Cross-boundary"/>
    <x v="8"/>
    <x v="39"/>
    <s v="E-Bike Hire Scheme with E-Bike docking hubs (where not co-located at Mobility Hubs) - Hemel Hempstead Inner "/>
    <s v="LS-58"/>
    <s v="(LS-58) Information sourced from Transport Initiatives LLP's June 2024 report. Could comprise 26-34 docking hubs; Hemel Hempstead Outer - 13-17 docking hubs ((Two Waters OA - 9 hubs; Kings Langley 8 hubs; Maylands Business Park 7 docking hubs; North HH 10 hubs; East HH 15 docking hubs). Assume simple docking equipment and/or a marked area on the highway."/>
    <s v="Hemel Garden Communities"/>
    <x v="8"/>
    <s v="Programme Area / Transformational"/>
    <s v="Off-site"/>
    <s v="Dacorum Borough Council "/>
    <s v="Hertfordshire County Council"/>
    <s v="2026-2031"/>
    <m/>
    <m/>
    <x v="8"/>
    <m/>
    <s v="S106 / S38 / S278 / CIL"/>
    <m/>
    <m/>
    <s v="A - Per dwelling"/>
    <s v="Multiple Scenario 2 (Step 7)"/>
    <s v="Multiple Scenario 2 (Step 7)"/>
    <s v="Essential"/>
    <x v="2"/>
    <x v="2"/>
    <x v="2"/>
    <x v="2"/>
    <x v="2"/>
    <x v="2"/>
    <x v="2"/>
    <s v="Yes"/>
    <s v="Yes"/>
    <s v="Yes"/>
    <s v="Yes"/>
    <s v="Yes"/>
    <s v="Yes"/>
    <s v="Yes"/>
    <s v="Yes"/>
    <s v="Yes"/>
    <s v="Yes"/>
    <m/>
    <m/>
    <m/>
    <m/>
    <m/>
    <m/>
    <m/>
    <m/>
    <m/>
    <m/>
    <m/>
    <m/>
    <m/>
    <m/>
    <m/>
    <m/>
    <m/>
    <m/>
    <m/>
    <m/>
    <m/>
    <m/>
    <s v="Yes"/>
    <s v="Yes"/>
    <s v="Yes"/>
    <s v="Yes"/>
    <n v="21225"/>
    <n v="0"/>
    <s v="GOOD"/>
    <x v="6"/>
    <x v="23"/>
    <x v="23"/>
    <x v="23"/>
    <x v="24"/>
    <x v="24"/>
    <x v="22"/>
    <x v="24"/>
    <x v="24"/>
    <x v="26"/>
    <x v="6"/>
    <x v="23"/>
    <x v="23"/>
    <x v="6"/>
    <x v="22"/>
    <x v="23"/>
    <x v="21"/>
    <s v=""/>
    <s v=""/>
    <s v=""/>
    <s v=""/>
    <s v=""/>
    <s v=""/>
    <s v=""/>
    <s v=""/>
    <s v=""/>
    <s v=""/>
    <s v=""/>
    <s v=""/>
    <s v=""/>
    <s v=""/>
    <s v=""/>
    <s v=""/>
    <s v=""/>
    <s v=""/>
    <s v=""/>
    <s v=""/>
    <s v=""/>
    <s v=""/>
    <x v="6"/>
    <x v="6"/>
    <x v="6"/>
    <x v="11"/>
    <n v="0"/>
    <n v="0"/>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20"/>
    <s v="TR52"/>
    <s v="DBC IDP"/>
    <s v="Dacorum Borough Council"/>
    <x v="8"/>
    <x v="39"/>
    <s v="Apsley Station Forecourt &amp; Cycle Provision"/>
    <s v="LS-59"/>
    <s v="(LS-59) Enlarge pedestrian footway in front of station ticket hall, double the number of cycle stands (currently 12), removal of some parking spaces to provide space for enlarged footway and additional cycle stands, planting and landscaping. "/>
    <s v="Hemel Garden Communities"/>
    <x v="8"/>
    <s v="Programme Area / Transformational"/>
    <s v="Off-site"/>
    <s v="Developer / Hertfordshire County Council / Network Rail"/>
    <s v="Hertfordshire County Council"/>
    <s v="2031-2036"/>
    <m/>
    <m/>
    <x v="197"/>
    <m/>
    <s v="S106 / S38 / S278 / CIL"/>
    <n v="0"/>
    <n v="37570"/>
    <s v="A - Per dwelling"/>
    <s v="Multiple Scenario 2 (Step 8)"/>
    <s v="Multiple Scenario 2 (Step 8)"/>
    <s v="Essential"/>
    <x v="2"/>
    <x v="2"/>
    <x v="2"/>
    <x v="2"/>
    <x v="2"/>
    <x v="2"/>
    <x v="2"/>
    <s v="Yes"/>
    <s v="Yes"/>
    <s v="Yes"/>
    <s v="Yes"/>
    <s v="Yes"/>
    <s v="Yes"/>
    <s v="Yes"/>
    <s v="Yes"/>
    <s v="Yes"/>
    <s v="Yes"/>
    <m/>
    <m/>
    <m/>
    <m/>
    <m/>
    <m/>
    <m/>
    <m/>
    <m/>
    <m/>
    <m/>
    <m/>
    <m/>
    <m/>
    <m/>
    <m/>
    <m/>
    <m/>
    <m/>
    <m/>
    <m/>
    <m/>
    <s v="Yes"/>
    <s v="Yes"/>
    <s v="Yes"/>
    <s v="Yes"/>
    <n v="21225"/>
    <n v="1.7700824499411072"/>
    <s v="GOOD"/>
    <x v="61"/>
    <x v="51"/>
    <x v="53"/>
    <x v="51"/>
    <x v="52"/>
    <x v="55"/>
    <x v="53"/>
    <x v="55"/>
    <x v="55"/>
    <x v="60"/>
    <x v="60"/>
    <x v="49"/>
    <x v="51"/>
    <x v="53"/>
    <x v="47"/>
    <x v="51"/>
    <x v="41"/>
    <s v=""/>
    <s v=""/>
    <s v=""/>
    <s v=""/>
    <s v=""/>
    <s v=""/>
    <s v=""/>
    <s v=""/>
    <s v=""/>
    <s v=""/>
    <s v=""/>
    <s v=""/>
    <s v=""/>
    <s v=""/>
    <s v=""/>
    <s v=""/>
    <s v=""/>
    <s v=""/>
    <s v=""/>
    <s v=""/>
    <s v=""/>
    <s v=""/>
    <x v="45"/>
    <x v="50"/>
    <x v="53"/>
    <x v="22"/>
    <n v="22221.615076560662"/>
    <n v="15348.3849234393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21"/>
    <s v="TR53"/>
    <s v="DBC IDP"/>
    <s v="St Albans City &amp; District Council"/>
    <x v="8"/>
    <x v="39"/>
    <s v="B487 Hemel Hempstead Road Gateway Corridor "/>
    <s v="LS-61"/>
    <s v="(LS-61) Alterations to the B487 Hemel Hempstead Road between the existing settlement boundary and the M1 bridge, comprising: 1) speed limit changes 30mph along the frontage of the proposed East Hemel Hempstead development, with a buffer 40mph section at the eastern; 2) provision of new cycle and pedestrian route on at least one side of the road to link with existing footway provision west of Cherry Tree Lane; 3) at least 1 controlled pedestrian/cycle crossing (to connect sections of the East Hemel Hempstead development on either side; 4) alteration to the B487-Cherry Tree Lane-Holtsmere Lane junction in line with the Quietway treatments proposed to the two lanes (including signage and kerbed build outs to discourage through traffic); 5) upgraded bus stops. It is anticipated there will be one junction serving access to the proposed East Hemel Hempstead development on either side of the road.   "/>
    <s v="Hemel Garden Communities"/>
    <x v="49"/>
    <s v="Growth Area / Transformational"/>
    <s v="Off-site"/>
    <s v="Developer / Hertfordshire County Council"/>
    <s v="Hertfordshire County Council"/>
    <s v="2031-2036"/>
    <m/>
    <m/>
    <x v="198"/>
    <m/>
    <s v="S106 / S38 / S278 / CIL"/>
    <n v="0"/>
    <n v="2287654"/>
    <s v="A - Per dwelling"/>
    <s v="Multiple Scenario 2 (Step 5)"/>
    <s v="Multiple Scenario 1 (Step 3)"/>
    <s v="Critical - HGC objectives"/>
    <x v="0"/>
    <x v="0"/>
    <x v="0"/>
    <x v="0"/>
    <x v="0"/>
    <x v="0"/>
    <x v="0"/>
    <m/>
    <m/>
    <m/>
    <m/>
    <m/>
    <m/>
    <m/>
    <m/>
    <m/>
    <m/>
    <m/>
    <m/>
    <m/>
    <m/>
    <m/>
    <m/>
    <m/>
    <m/>
    <m/>
    <m/>
    <m/>
    <m/>
    <m/>
    <m/>
    <m/>
    <m/>
    <m/>
    <m/>
    <m/>
    <m/>
    <m/>
    <m/>
    <s v="Yes"/>
    <s v="Yes"/>
    <m/>
    <m/>
    <n v="3100"/>
    <n v="737.95290322580649"/>
    <m/>
    <x v="2"/>
    <x v="2"/>
    <x v="2"/>
    <x v="2"/>
    <x v="2"/>
    <x v="2"/>
    <x v="2"/>
    <x v="2"/>
    <x v="2"/>
    <x v="2"/>
    <x v="2"/>
    <x v="2"/>
    <x v="2"/>
    <x v="2"/>
    <x v="2"/>
    <x v="2"/>
    <x v="2"/>
    <s v=""/>
    <s v=""/>
    <s v=""/>
    <s v=""/>
    <s v=""/>
    <s v=""/>
    <s v=""/>
    <s v=""/>
    <s v=""/>
    <s v=""/>
    <s v=""/>
    <s v=""/>
    <s v=""/>
    <s v=""/>
    <s v=""/>
    <s v=""/>
    <s v=""/>
    <s v=""/>
    <s v=""/>
    <s v=""/>
    <s v=""/>
    <s v=""/>
    <x v="46"/>
    <x v="51"/>
    <x v="3"/>
    <x v="2"/>
    <n v="0"/>
    <n v="2287654"/>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22"/>
    <s v="TR54"/>
    <s v="DBC IDP"/>
    <s v="Dacorum Borough Council &amp; St Albans City &amp; District Council"/>
    <x v="8"/>
    <x v="36"/>
    <s v="St Albans-Hemel Hempstead Bus Connectivity"/>
    <s v="LS-62"/>
    <s v="(LS-62) Review bus service connections between St Albans and Hemel Hempstead from the perspective of identifying opportunities for increasing service frequencies and/or reducing journey times e.g. introducing new services with limited stops or re-routeing services along the A414 to simulate what could eventually form the future HERT corridor. Existing services in the corridor include Bus Route 721. "/>
    <s v="Hemel Garden Communities"/>
    <x v="8"/>
    <s v="Programme Area"/>
    <s v="Off-site"/>
    <s v="Developer / Hertfordshire County Council / Bus Operator"/>
    <s v="Hertfordshire County Council "/>
    <s v="2026-2031"/>
    <m/>
    <m/>
    <x v="8"/>
    <m/>
    <s v="S106 / S38 / S278 / CIL / External Funding"/>
    <m/>
    <m/>
    <s v="A - Per dwelling"/>
    <s v="Multiple Scenario 2 (Step 7)"/>
    <s v="Multiple Scenario 2 (Step 7)"/>
    <s v="Essential"/>
    <x v="2"/>
    <x v="2"/>
    <x v="2"/>
    <x v="2"/>
    <x v="2"/>
    <x v="2"/>
    <x v="2"/>
    <s v="Yes"/>
    <s v="Yes"/>
    <s v="Yes"/>
    <s v="Yes"/>
    <s v="Yes"/>
    <s v="Yes"/>
    <s v="Yes"/>
    <s v="Yes"/>
    <s v="Yes"/>
    <s v="Yes"/>
    <m/>
    <m/>
    <m/>
    <m/>
    <m/>
    <m/>
    <m/>
    <m/>
    <m/>
    <m/>
    <m/>
    <m/>
    <m/>
    <m/>
    <m/>
    <m/>
    <m/>
    <m/>
    <m/>
    <m/>
    <m/>
    <m/>
    <s v="Yes"/>
    <s v="Yes"/>
    <s v="Yes"/>
    <s v="Yes"/>
    <n v="21225"/>
    <n v="0"/>
    <s v="GOOD"/>
    <x v="6"/>
    <x v="23"/>
    <x v="23"/>
    <x v="23"/>
    <x v="24"/>
    <x v="24"/>
    <x v="22"/>
    <x v="24"/>
    <x v="24"/>
    <x v="26"/>
    <x v="6"/>
    <x v="23"/>
    <x v="23"/>
    <x v="6"/>
    <x v="22"/>
    <x v="23"/>
    <x v="21"/>
    <s v=""/>
    <s v=""/>
    <s v=""/>
    <s v=""/>
    <s v=""/>
    <s v=""/>
    <s v=""/>
    <s v=""/>
    <s v=""/>
    <s v=""/>
    <s v=""/>
    <s v=""/>
    <s v=""/>
    <s v=""/>
    <s v=""/>
    <s v=""/>
    <s v=""/>
    <s v=""/>
    <s v=""/>
    <s v=""/>
    <s v=""/>
    <s v=""/>
    <x v="6"/>
    <x v="6"/>
    <x v="6"/>
    <x v="11"/>
    <n v="0"/>
    <n v="0"/>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23"/>
    <s v="TR55"/>
    <s v="DBC IDP"/>
    <s v="Dacorum Borough Council"/>
    <x v="8"/>
    <x v="36"/>
    <s v="Northern Hemel Hempstead-Watford Town Centre, Croxley and Rickmansworth Connectivity"/>
    <s v="LS-63"/>
    <s v="(LS-63) Review bus service connections between North Hemel Hempstead, Watford, Croxley and Rickmansworth from the perspective of identifying opportunities for increasing service frequencies and/or reducing journey times e.g. introducing new services with limited stops or re-routeing services along the A41, A4251, Bedmond Road and/or the M1. Existing services in the corridor include Bus Routes 20 and 322. "/>
    <s v="Hemel Garden Communities"/>
    <x v="8"/>
    <s v="Programme Area"/>
    <s v="Off-site"/>
    <s v="Developer / Hertfordshire County Council / Bus Operator"/>
    <s v="Hertfordshire County Council "/>
    <s v="2026-2031"/>
    <m/>
    <m/>
    <x v="8"/>
    <m/>
    <s v="S106 / S38 / S278 / CIL"/>
    <m/>
    <m/>
    <s v="A - Per dwelling"/>
    <s v="Multiple Scenario 2 (Step 7)"/>
    <s v="Multiple Scenario 2 (Step 7)"/>
    <s v="Essential"/>
    <x v="2"/>
    <x v="2"/>
    <x v="2"/>
    <x v="2"/>
    <x v="2"/>
    <x v="2"/>
    <x v="2"/>
    <s v="Yes"/>
    <s v="Yes"/>
    <s v="Yes"/>
    <s v="Yes"/>
    <s v="Yes"/>
    <s v="Yes"/>
    <s v="Yes"/>
    <s v="Yes"/>
    <s v="Yes"/>
    <s v="Yes"/>
    <m/>
    <m/>
    <m/>
    <m/>
    <m/>
    <m/>
    <m/>
    <m/>
    <m/>
    <m/>
    <m/>
    <m/>
    <m/>
    <m/>
    <m/>
    <m/>
    <m/>
    <m/>
    <m/>
    <m/>
    <m/>
    <m/>
    <s v="Yes"/>
    <s v="Yes"/>
    <s v="Yes"/>
    <s v="Yes"/>
    <n v="21225"/>
    <n v="0"/>
    <s v="GOOD"/>
    <x v="6"/>
    <x v="23"/>
    <x v="23"/>
    <x v="23"/>
    <x v="24"/>
    <x v="24"/>
    <x v="22"/>
    <x v="24"/>
    <x v="24"/>
    <x v="26"/>
    <x v="6"/>
    <x v="23"/>
    <x v="23"/>
    <x v="6"/>
    <x v="22"/>
    <x v="23"/>
    <x v="21"/>
    <s v=""/>
    <s v=""/>
    <s v=""/>
    <s v=""/>
    <s v=""/>
    <s v=""/>
    <s v=""/>
    <s v=""/>
    <s v=""/>
    <s v=""/>
    <s v=""/>
    <s v=""/>
    <s v=""/>
    <s v=""/>
    <s v=""/>
    <s v=""/>
    <s v=""/>
    <s v=""/>
    <s v=""/>
    <s v=""/>
    <s v=""/>
    <s v=""/>
    <x v="6"/>
    <x v="6"/>
    <x v="6"/>
    <x v="11"/>
    <n v="0"/>
    <n v="0"/>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24"/>
    <s v="TR56"/>
    <s v="DBC IDP"/>
    <s v="Dacorum Borough Council"/>
    <x v="8"/>
    <x v="39"/>
    <s v="B440 Leighton Buzzard Road Gateway Corridor (Piccotts End to Link Road/Galley Hill"/>
    <s v="LS-64"/>
    <s v="(LS-64) Alterations to the B440 Leighton Buzzard Road in conjunction with the North Hemel Hempstead proposed development (which could potentially provide a vehicle access onto this road). Measures include reducing the current 50mph section to 40mph (matching the 40mph section to the north); reducing the current 60mph section leading out of Hemel Hempstead to 40mph; installing a signal-controlled Toucan crossing adjacent to Public Footpath 'Hemel Hempstead 013'); provision LTN standard cycle and footway (replacing the existing narrow footway) on the western side of the road (approx. 680m): provision of signal-controlled crossing on Galley Hill at southern end of corridor, east of the B440-A4147 roundabout. "/>
    <s v="Hemel Garden Communities"/>
    <x v="51"/>
    <s v="Growth Area / Transformational"/>
    <s v="Off-site"/>
    <s v="Developer / Hertfordshire County Council"/>
    <s v="Hertfordshire County Council"/>
    <s v="2031-2036"/>
    <m/>
    <m/>
    <x v="199"/>
    <m/>
    <s v="S106 / S38 / S278 / CIL"/>
    <n v="0"/>
    <n v="1635197"/>
    <s v="B5 - Based on AECOM Transport Model attribution percentages"/>
    <s v="Multiple Scenario 2 (Step 5)"/>
    <s v="Mutliple Scenario 2 (Step 5)"/>
    <s v="Critical - HGC objectives"/>
    <x v="2"/>
    <x v="2"/>
    <x v="2"/>
    <x v="2"/>
    <x v="2"/>
    <x v="2"/>
    <x v="3"/>
    <s v="Yes"/>
    <s v="Yes"/>
    <s v="Yes"/>
    <s v=""/>
    <s v="Yes"/>
    <s v="Yes"/>
    <s v="Yes"/>
    <s v="Yes"/>
    <s v=""/>
    <s v=""/>
    <m/>
    <m/>
    <m/>
    <m/>
    <m/>
    <m/>
    <m/>
    <m/>
    <m/>
    <m/>
    <m/>
    <m/>
    <m/>
    <m/>
    <m/>
    <m/>
    <m/>
    <m/>
    <m/>
    <m/>
    <m/>
    <m/>
    <s v="Yes"/>
    <s v="Yes"/>
    <s v="Yes"/>
    <s v="Yes"/>
    <n v="17915"/>
    <n v="91.27530002790958"/>
    <s v="GOOD"/>
    <x v="62"/>
    <x v="52"/>
    <x v="54"/>
    <x v="52"/>
    <x v="53"/>
    <x v="56"/>
    <x v="22"/>
    <x v="56"/>
    <x v="56"/>
    <x v="61"/>
    <x v="6"/>
    <x v="50"/>
    <x v="52"/>
    <x v="54"/>
    <x v="48"/>
    <x v="23"/>
    <x v="0"/>
    <m/>
    <m/>
    <m/>
    <m/>
    <m/>
    <m/>
    <m/>
    <m/>
    <m/>
    <m/>
    <m/>
    <m/>
    <m/>
    <m/>
    <m/>
    <m/>
    <m/>
    <m/>
    <m/>
    <m/>
    <m/>
    <m/>
    <x v="47"/>
    <x v="52"/>
    <x v="54"/>
    <x v="23"/>
    <n v="953864.91666666663"/>
    <n v="681332.08333333337"/>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25"/>
    <s v="TR57"/>
    <s v="DBC IDP"/>
    <s v="Dacorum Borough Council"/>
    <x v="8"/>
    <x v="35"/>
    <s v="Marlowes - West Herts College Local Mobility Hub"/>
    <s v="LS-68"/>
    <s v="(LS-68) Local Mobility Hub outside the college, and served by Bus Routes 2, 4 and 46. "/>
    <s v="Hemel Garden Communities"/>
    <x v="52"/>
    <s v="Programme Area"/>
    <s v="Off-site"/>
    <s v="Developer / Hertfordshire County Council"/>
    <s v="Hertfordshire County Council"/>
    <s v="2031-2036"/>
    <m/>
    <m/>
    <x v="174"/>
    <m/>
    <s v="S106 / S38 / S278 / CIL"/>
    <n v="0"/>
    <n v="370629.1875"/>
    <s v="B5 - Based on AECOM Transport Model attribution percentages"/>
    <s v="Multiple Scenario 2 (Step 5)"/>
    <s v="Mutliple Scenario 2 (Step 5)"/>
    <s v="Critical - HGC objectives"/>
    <x v="2"/>
    <x v="2"/>
    <x v="2"/>
    <x v="2"/>
    <x v="2"/>
    <x v="2"/>
    <x v="3"/>
    <s v="Yes"/>
    <s v=""/>
    <s v="Yes"/>
    <s v="Yes"/>
    <s v=""/>
    <s v="Yes"/>
    <s v="Yes"/>
    <s v=""/>
    <s v=""/>
    <s v=""/>
    <m/>
    <m/>
    <m/>
    <m/>
    <m/>
    <m/>
    <m/>
    <m/>
    <m/>
    <m/>
    <m/>
    <m/>
    <m/>
    <m/>
    <m/>
    <m/>
    <m/>
    <m/>
    <m/>
    <m/>
    <m/>
    <m/>
    <s v="Yes"/>
    <s v="Yes"/>
    <s v="Yes"/>
    <s v="Yes"/>
    <n v="17875"/>
    <n v="20.734500000000001"/>
    <s v="GOOD"/>
    <x v="63"/>
    <x v="53"/>
    <x v="55"/>
    <x v="53"/>
    <x v="54"/>
    <x v="57"/>
    <x v="22"/>
    <x v="57"/>
    <x v="24"/>
    <x v="62"/>
    <x v="61"/>
    <x v="23"/>
    <x v="53"/>
    <x v="55"/>
    <x v="22"/>
    <x v="23"/>
    <x v="0"/>
    <m/>
    <m/>
    <m/>
    <m/>
    <m/>
    <m/>
    <m/>
    <m/>
    <m/>
    <m/>
    <m/>
    <m/>
    <m/>
    <m/>
    <m/>
    <m/>
    <m/>
    <m/>
    <m/>
    <m/>
    <m/>
    <m/>
    <x v="48"/>
    <x v="53"/>
    <x v="55"/>
    <x v="24"/>
    <n v="329896.73628106294"/>
    <n v="40732.451218937145"/>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26"/>
    <s v="TR58"/>
    <s v="DBC IDP"/>
    <s v="Cross-boundary"/>
    <x v="8"/>
    <x v="35"/>
    <s v="West of Hemel Local Mobility Hub"/>
    <s v="LS-69"/>
    <s v="(LS-69) Local Mobility Hub within the proposed development or on the adjacent Long Chaulden, currently served by Bus Routes 3, 4 and ML1"/>
    <s v="Hemel Garden Communities"/>
    <x v="8"/>
    <s v="Programme Area"/>
    <s v="On-site"/>
    <s v="Developer / Hertfordshire County Council"/>
    <s v="Hertfordshire County Council"/>
    <s v="2031-2036"/>
    <m/>
    <m/>
    <x v="174"/>
    <m/>
    <s v="S106 / S38 / S278 / CIL"/>
    <n v="0"/>
    <n v="370629.1875"/>
    <s v="A - Per dwelling"/>
    <s v="Multiple Scenario 2 (Step 6)"/>
    <s v="Multiple Scenario 2 (Step 6)"/>
    <s v="Critical - HGC objectives"/>
    <x v="2"/>
    <x v="2"/>
    <x v="2"/>
    <x v="2"/>
    <x v="2"/>
    <x v="2"/>
    <x v="2"/>
    <s v="Yes"/>
    <s v="Yes"/>
    <s v="Yes"/>
    <s v="Yes"/>
    <s v="Yes"/>
    <s v="Yes"/>
    <s v="Yes"/>
    <s v="Yes"/>
    <s v="Yes"/>
    <s v="Yes"/>
    <m/>
    <m/>
    <m/>
    <m/>
    <m/>
    <m/>
    <m/>
    <m/>
    <m/>
    <m/>
    <m/>
    <m/>
    <m/>
    <m/>
    <m/>
    <m/>
    <m/>
    <m/>
    <m/>
    <m/>
    <m/>
    <m/>
    <s v="Yes"/>
    <s v="Yes"/>
    <s v="Yes"/>
    <m/>
    <n v="18054"/>
    <n v="20.528923645729478"/>
    <s v="GOOD"/>
    <x v="43"/>
    <x v="39"/>
    <x v="39"/>
    <x v="39"/>
    <x v="40"/>
    <x v="41"/>
    <x v="39"/>
    <x v="41"/>
    <x v="41"/>
    <x v="43"/>
    <x v="41"/>
    <x v="39"/>
    <x v="40"/>
    <x v="40"/>
    <x v="38"/>
    <x v="39"/>
    <x v="37"/>
    <s v=""/>
    <s v=""/>
    <s v=""/>
    <s v=""/>
    <s v=""/>
    <s v=""/>
    <s v=""/>
    <s v=""/>
    <s v=""/>
    <s v=""/>
    <s v=""/>
    <s v=""/>
    <s v=""/>
    <s v=""/>
    <s v=""/>
    <s v=""/>
    <s v=""/>
    <s v=""/>
    <s v=""/>
    <s v=""/>
    <s v=""/>
    <s v=""/>
    <x v="30"/>
    <x v="31"/>
    <x v="31"/>
    <x v="2"/>
    <n v="257720.10744848783"/>
    <n v="112909.0800515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27"/>
    <s v="TR59"/>
    <s v="DBC IDP"/>
    <s v="Dacorum Borough Council"/>
    <x v="8"/>
    <x v="36"/>
    <s v="A414 Maylands Avenue Roundabout - signalisation and bus-only hamburger"/>
    <s v="LS-71"/>
    <s v="(LS-71) Conversion of the roundabout to incorporate bus-only hamburger links through the centre, with bus priority lanes and gates in advance on both sides. Introduce a new at-grade crossing facility to the east of the roundabout, to replace or complement the existing footbridge. "/>
    <s v="Hemel Garden Communities"/>
    <x v="8"/>
    <s v="Programme Area / Transformational"/>
    <s v="Off-site"/>
    <s v="Developer / Hertfordshire County Council / National Highways"/>
    <s v="Hertfordshire County Council"/>
    <s v="2036-2041"/>
    <m/>
    <m/>
    <x v="200"/>
    <m/>
    <s v="S106 / S38 / S278 / CIL"/>
    <n v="0"/>
    <n v="9492614"/>
    <s v="A - Per dwelling"/>
    <s v="Multiple Scenario 2 (Step 8)"/>
    <s v="Multiple Scenario 2 (Step 8)"/>
    <s v="Critical - HGC objectives"/>
    <x v="2"/>
    <x v="2"/>
    <x v="2"/>
    <x v="2"/>
    <x v="2"/>
    <x v="2"/>
    <x v="2"/>
    <s v="Yes"/>
    <s v="Yes"/>
    <s v="Yes"/>
    <s v="Yes"/>
    <s v="Yes"/>
    <s v="Yes"/>
    <s v="Yes"/>
    <s v="Yes"/>
    <s v="Yes"/>
    <s v="Yes"/>
    <m/>
    <m/>
    <m/>
    <m/>
    <m/>
    <m/>
    <m/>
    <m/>
    <m/>
    <m/>
    <m/>
    <m/>
    <m/>
    <m/>
    <m/>
    <m/>
    <m/>
    <m/>
    <m/>
    <m/>
    <m/>
    <m/>
    <s v="Yes"/>
    <s v="Yes"/>
    <s v="Yes"/>
    <s v="Yes"/>
    <n v="21225"/>
    <n v="447.23740871613666"/>
    <s v="GOOD"/>
    <x v="64"/>
    <x v="54"/>
    <x v="56"/>
    <x v="54"/>
    <x v="55"/>
    <x v="58"/>
    <x v="54"/>
    <x v="58"/>
    <x v="57"/>
    <x v="63"/>
    <x v="62"/>
    <x v="51"/>
    <x v="54"/>
    <x v="56"/>
    <x v="49"/>
    <x v="52"/>
    <x v="42"/>
    <s v=""/>
    <s v=""/>
    <s v=""/>
    <s v=""/>
    <s v=""/>
    <s v=""/>
    <s v=""/>
    <s v=""/>
    <s v=""/>
    <s v=""/>
    <s v=""/>
    <s v=""/>
    <s v=""/>
    <s v=""/>
    <s v=""/>
    <s v=""/>
    <s v=""/>
    <s v=""/>
    <s v=""/>
    <s v=""/>
    <s v=""/>
    <s v=""/>
    <x v="49"/>
    <x v="54"/>
    <x v="56"/>
    <x v="25"/>
    <n v="5614618.4290223792"/>
    <n v="3877995.5709776208"/>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28"/>
    <s v="TR60"/>
    <s v="DBC IDP"/>
    <s v="Cross-boundary"/>
    <x v="8"/>
    <x v="36"/>
    <s v="A414 Rant Meadow to Bennetts End Road bus priority lane"/>
    <s v="LS-72"/>
    <s v="(LS-72) Westbound only bus lane between Rant Meadow and Bennetts End Road roundabout with signal controlled bus gate. May require some reallocation of road space."/>
    <s v="Hemel Garden Communities"/>
    <x v="53"/>
    <s v="Programme Area"/>
    <s v="Off-site"/>
    <s v="Developer / Hertfordshire County Council"/>
    <s v="Hertfordshire County Council / National Highways"/>
    <s v="2031-2036"/>
    <m/>
    <m/>
    <x v="201"/>
    <m/>
    <s v="S106 / S38 / S278 / CIL"/>
    <n v="0"/>
    <n v="1603637"/>
    <s v="B5 - Based on AECOM Transport Model attribution percentages"/>
    <s v="Multiple Scenario 2 (Step 5)"/>
    <s v="Mutliple Scenario 2 (Step 5)"/>
    <s v="Essential"/>
    <x v="2"/>
    <x v="2"/>
    <x v="2"/>
    <x v="2"/>
    <x v="2"/>
    <x v="2"/>
    <x v="2"/>
    <s v="Yes"/>
    <s v="Yes"/>
    <s v="Yes"/>
    <s v="Yes"/>
    <s v="Yes"/>
    <s v="Yes"/>
    <s v="Yes"/>
    <s v="Yes"/>
    <s v="Yes"/>
    <s v=""/>
    <m/>
    <m/>
    <m/>
    <m/>
    <m/>
    <m/>
    <m/>
    <m/>
    <m/>
    <m/>
    <m/>
    <m/>
    <m/>
    <m/>
    <m/>
    <m/>
    <m/>
    <m/>
    <m/>
    <m/>
    <m/>
    <m/>
    <s v=""/>
    <s v="Yes"/>
    <s v="Yes"/>
    <s v="Yes"/>
    <n v="17345"/>
    <n v="92.455289708849818"/>
    <s v="GOOD"/>
    <x v="65"/>
    <x v="55"/>
    <x v="57"/>
    <x v="55"/>
    <x v="56"/>
    <x v="59"/>
    <x v="55"/>
    <x v="59"/>
    <x v="58"/>
    <x v="64"/>
    <x v="63"/>
    <x v="52"/>
    <x v="55"/>
    <x v="57"/>
    <x v="50"/>
    <x v="53"/>
    <x v="0"/>
    <m/>
    <m/>
    <m/>
    <m/>
    <m/>
    <m/>
    <m/>
    <m/>
    <m/>
    <m/>
    <m/>
    <m/>
    <m/>
    <m/>
    <m/>
    <m/>
    <m/>
    <m/>
    <m/>
    <m/>
    <m/>
    <m/>
    <x v="6"/>
    <x v="55"/>
    <x v="57"/>
    <x v="26"/>
    <n v="844013.57124374982"/>
    <n v="759623.4287562503"/>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329"/>
    <s v="TR61"/>
    <s v="DBC IDP"/>
    <s v="Dacorum Borough Council"/>
    <x v="8"/>
    <x v="36"/>
    <s v="Upgraded Town Centre Riverside Bus Interchange"/>
    <s v="LS-73"/>
    <s v="(LS-73) Upgrade to the Riverside Bus Interchange to align with Metro Mobility Hub standards including better facilities for waiting passengers. Assume the overall capacity of the interchange will not be influenced by the adjacent Riverside development"/>
    <s v="Hemel Garden Communities"/>
    <x v="8"/>
    <s v="Programme Area"/>
    <s v="Off-site"/>
    <s v="Developer / Hertfordshire County Council / Bus Operator"/>
    <s v="Hertfordshire County Council "/>
    <s v="2036-2041"/>
    <m/>
    <m/>
    <x v="202"/>
    <m/>
    <s v="S106 / S38 / S278 / CIL"/>
    <n v="0"/>
    <n v="877752"/>
    <s v="A - Per dwelling"/>
    <s v="Multiple Scenario 2 (Step 8)"/>
    <s v="Multiple Scenario 2 (Step 8)"/>
    <s v="Essential"/>
    <x v="2"/>
    <x v="2"/>
    <x v="2"/>
    <x v="2"/>
    <x v="2"/>
    <x v="2"/>
    <x v="2"/>
    <s v="Yes"/>
    <s v="Yes"/>
    <s v="Yes"/>
    <s v="Yes"/>
    <s v="Yes"/>
    <s v="Yes"/>
    <s v="Yes"/>
    <s v="Yes"/>
    <s v="Yes"/>
    <s v="Yes"/>
    <m/>
    <m/>
    <m/>
    <m/>
    <m/>
    <m/>
    <m/>
    <m/>
    <m/>
    <m/>
    <m/>
    <m/>
    <m/>
    <m/>
    <m/>
    <m/>
    <m/>
    <m/>
    <m/>
    <m/>
    <m/>
    <m/>
    <s v="Yes"/>
    <s v="Yes"/>
    <s v="Yes"/>
    <s v="Yes"/>
    <n v="21225"/>
    <n v="41.354628975265015"/>
    <s v="GOOD"/>
    <x v="66"/>
    <x v="56"/>
    <x v="58"/>
    <x v="56"/>
    <x v="57"/>
    <x v="60"/>
    <x v="56"/>
    <x v="60"/>
    <x v="59"/>
    <x v="65"/>
    <x v="64"/>
    <x v="53"/>
    <x v="56"/>
    <x v="58"/>
    <x v="51"/>
    <x v="54"/>
    <x v="43"/>
    <s v=""/>
    <s v=""/>
    <s v=""/>
    <s v=""/>
    <s v=""/>
    <s v=""/>
    <s v=""/>
    <s v=""/>
    <s v=""/>
    <s v=""/>
    <s v=""/>
    <s v=""/>
    <s v=""/>
    <s v=""/>
    <s v=""/>
    <s v=""/>
    <s v=""/>
    <s v=""/>
    <s v=""/>
    <s v=""/>
    <s v=""/>
    <s v=""/>
    <x v="50"/>
    <x v="56"/>
    <x v="58"/>
    <x v="27"/>
    <n v="519166.01215547702"/>
    <n v="358585.9878445229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30"/>
    <s v="TR62"/>
    <s v="DBC IDP"/>
    <s v="Dacorum Borough Council"/>
    <x v="8"/>
    <x v="37"/>
    <s v="Western Access Plaza to Aspley Station"/>
    <s v="LS-74"/>
    <s v="(LS-74) A new plaza and western access to Aspley Station. Assumed to comprise a small ticket office at ground level, cycle parking facilities, vehicle drop-off however no car parking will be provided. Alongside this, provision should be made for additional accessibility features including step-free access to all platforms which would necessitate a new footbridge and three lifts. "/>
    <s v="Hemel Garden Communities"/>
    <x v="5"/>
    <s v="Programme Area"/>
    <s v="On-site"/>
    <s v="Developer / Hertfordshire County Council / Network Rail"/>
    <s v="Hertfordshire County Council"/>
    <s v="2036-2041"/>
    <n v="10000000"/>
    <n v="15000000"/>
    <x v="203"/>
    <m/>
    <s v="S38 / S278"/>
    <n v="0"/>
    <n v="12500000"/>
    <s v="A - Per dwelling"/>
    <s v="Single Scenario 1 (Step 1)"/>
    <s v="Single Scenario 1 (Step 1)"/>
    <s v="Essential"/>
    <x v="0"/>
    <x v="0"/>
    <x v="0"/>
    <x v="0"/>
    <x v="0"/>
    <x v="0"/>
    <x v="0"/>
    <m/>
    <m/>
    <s v="Yes"/>
    <m/>
    <m/>
    <m/>
    <m/>
    <m/>
    <m/>
    <m/>
    <m/>
    <m/>
    <m/>
    <m/>
    <m/>
    <m/>
    <m/>
    <m/>
    <m/>
    <m/>
    <m/>
    <m/>
    <m/>
    <m/>
    <m/>
    <m/>
    <m/>
    <m/>
    <m/>
    <m/>
    <m/>
    <m/>
    <m/>
    <m/>
    <m/>
    <m/>
    <n v="500"/>
    <n v="25000"/>
    <m/>
    <x v="2"/>
    <x v="2"/>
    <x v="2"/>
    <x v="2"/>
    <x v="2"/>
    <x v="2"/>
    <x v="2"/>
    <x v="2"/>
    <x v="2"/>
    <x v="66"/>
    <x v="2"/>
    <x v="2"/>
    <x v="2"/>
    <x v="2"/>
    <x v="2"/>
    <x v="2"/>
    <x v="2"/>
    <s v=""/>
    <s v=""/>
    <s v=""/>
    <s v=""/>
    <s v=""/>
    <s v=""/>
    <s v=""/>
    <s v=""/>
    <s v=""/>
    <s v=""/>
    <s v=""/>
    <s v=""/>
    <s v=""/>
    <s v=""/>
    <s v=""/>
    <s v=""/>
    <s v=""/>
    <s v=""/>
    <s v=""/>
    <s v=""/>
    <s v=""/>
    <s v=""/>
    <x v="3"/>
    <x v="3"/>
    <x v="3"/>
    <x v="2"/>
    <n v="12500000"/>
    <n v="0"/>
    <n v="0"/>
    <n v="0"/>
    <m/>
    <m/>
    <s v="Aecom Hemel Hempstead Transport Study (2024) and update (2025)."/>
    <m/>
  </r>
  <r>
    <m/>
    <n v="331"/>
    <s v="TR63"/>
    <s v="DBC IDP"/>
    <s v="Dacorum Borough Council"/>
    <x v="8"/>
    <x v="39"/>
    <s v="Better routes for active modes crossing the Grand Union Canal in Apsley"/>
    <s v="LS-75"/>
    <s v="(LS-75) There are currently limited connections for both pedestrians and cyclists across the canal in the Apsley area. The purpose of this intention is to investigate improvements to existing active mode bridges over the canal and/or the provision of an additional bridge link."/>
    <s v="Hemel Garden Communities"/>
    <x v="8"/>
    <s v="Programme Area / Transformational"/>
    <s v="Off-site"/>
    <s v="Developer / Dacorum Borough Council / Hertfordshire County Council"/>
    <s v="Hertfordshire County Council"/>
    <s v="2036-2041"/>
    <m/>
    <m/>
    <x v="204"/>
    <m/>
    <s v="S106 / S38 / S278 / CIL"/>
    <n v="0"/>
    <n v="13506750"/>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636.36042402826854"/>
    <s v="GOOD"/>
    <x v="67"/>
    <x v="57"/>
    <x v="59"/>
    <x v="57"/>
    <x v="58"/>
    <x v="61"/>
    <x v="57"/>
    <x v="61"/>
    <x v="60"/>
    <x v="67"/>
    <x v="65"/>
    <x v="54"/>
    <x v="57"/>
    <x v="59"/>
    <x v="52"/>
    <x v="55"/>
    <x v="44"/>
    <s v=""/>
    <s v=""/>
    <s v=""/>
    <s v=""/>
    <s v=""/>
    <s v=""/>
    <s v=""/>
    <s v=""/>
    <s v=""/>
    <s v=""/>
    <s v=""/>
    <s v=""/>
    <s v=""/>
    <s v=""/>
    <s v=""/>
    <s v=""/>
    <s v=""/>
    <s v=""/>
    <s v=""/>
    <s v=""/>
    <s v=""/>
    <s v=""/>
    <x v="51"/>
    <x v="57"/>
    <x v="59"/>
    <x v="28"/>
    <n v="7988868.7632508827"/>
    <n v="5517881.2367491163"/>
    <n v="0"/>
    <n v="0"/>
    <s v="Cost includes an uplift for the allowance of main contractor preliminaries and overheads and profit (45%), professional fees (15%), contingency (50%)."/>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32"/>
    <s v="TR64"/>
    <s v="DBC IDP"/>
    <s v="St Albans City &amp; District Council"/>
    <x v="8"/>
    <x v="39"/>
    <s v="A4147 Hemel Hempstead-St Albans cycle route"/>
    <s v="LS-76"/>
    <s v="(LS-76) An off-road shared use footway and cycleway between Appspond Lane/Beechtree Lane and King Harry Lane, expected to run along the northern side of the road. "/>
    <s v="Hemel Garden Communities"/>
    <x v="3"/>
    <s v="Programme Area / Transformational"/>
    <s v="Off-site"/>
    <s v="Developer / Hertfordshire County Council"/>
    <s v="Hertfordshire County Council"/>
    <s v="2036-2041"/>
    <m/>
    <m/>
    <x v="205"/>
    <m/>
    <s v="S106 / S38 / S278 / CIL"/>
    <n v="0"/>
    <n v="2961580"/>
    <s v="A - Per dwelling"/>
    <s v="Multiple Scenario 2 (Step 9)"/>
    <s v="Single Scenario 2 (Step 2)"/>
    <s v="Essential"/>
    <x v="0"/>
    <x v="0"/>
    <x v="0"/>
    <x v="0"/>
    <x v="0"/>
    <x v="0"/>
    <x v="0"/>
    <m/>
    <m/>
    <m/>
    <m/>
    <m/>
    <m/>
    <m/>
    <m/>
    <m/>
    <m/>
    <m/>
    <m/>
    <m/>
    <m/>
    <m/>
    <m/>
    <m/>
    <m/>
    <m/>
    <m/>
    <m/>
    <m/>
    <m/>
    <m/>
    <m/>
    <m/>
    <m/>
    <m/>
    <m/>
    <m/>
    <m/>
    <m/>
    <m/>
    <m/>
    <s v="Yes"/>
    <m/>
    <n v="2400"/>
    <n v="1233.9916666666666"/>
    <s v="GOOD"/>
    <x v="2"/>
    <x v="2"/>
    <x v="2"/>
    <x v="2"/>
    <x v="2"/>
    <x v="2"/>
    <x v="2"/>
    <x v="2"/>
    <x v="2"/>
    <x v="2"/>
    <x v="2"/>
    <x v="2"/>
    <x v="2"/>
    <x v="2"/>
    <x v="2"/>
    <x v="2"/>
    <x v="2"/>
    <s v=""/>
    <s v=""/>
    <s v=""/>
    <s v=""/>
    <s v=""/>
    <s v=""/>
    <s v=""/>
    <s v=""/>
    <s v=""/>
    <s v=""/>
    <s v=""/>
    <s v=""/>
    <s v=""/>
    <s v=""/>
    <s v=""/>
    <s v=""/>
    <s v=""/>
    <s v=""/>
    <s v=""/>
    <s v=""/>
    <s v=""/>
    <s v=""/>
    <x v="3"/>
    <x v="3"/>
    <x v="60"/>
    <x v="2"/>
    <n v="0"/>
    <n v="2961579.9999999995"/>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33"/>
    <s v="TR65"/>
    <s v="DBC IDP"/>
    <s v="Dacorum Borough Council"/>
    <x v="8"/>
    <x v="39"/>
    <s v="Kingsland Road-Horsecroft Road crossing"/>
    <s v="SG2-1"/>
    <s v="(SG2-1) Add uncontrolled or marked priority cycling and pedestrian crossing where the PRoW crosses Kingsland Road and Horsecroft Road. Likely to require reduction in marked parking bays. Consider kerbed build out with dropped kerb and tactile paving. "/>
    <s v="Hemel Garden Communities"/>
    <x v="8"/>
    <s v="Programme Area / Transformational"/>
    <s v="Off-site"/>
    <s v="Developer / Dacorum Borough Council / Hertfordshire County Council"/>
    <s v="Hertfordshire County Council"/>
    <s v="2026-2031"/>
    <m/>
    <m/>
    <x v="206"/>
    <m/>
    <s v="S106 / S38 / S278 / CIL"/>
    <n v="0"/>
    <n v="69610"/>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3.27962308598351"/>
    <s v="GOOD"/>
    <x v="68"/>
    <x v="58"/>
    <x v="60"/>
    <x v="58"/>
    <x v="59"/>
    <x v="62"/>
    <x v="58"/>
    <x v="62"/>
    <x v="61"/>
    <x v="68"/>
    <x v="66"/>
    <x v="55"/>
    <x v="58"/>
    <x v="60"/>
    <x v="53"/>
    <x v="56"/>
    <x v="45"/>
    <s v=""/>
    <s v=""/>
    <s v=""/>
    <s v=""/>
    <s v=""/>
    <s v=""/>
    <s v=""/>
    <s v=""/>
    <s v=""/>
    <s v=""/>
    <s v=""/>
    <s v=""/>
    <s v=""/>
    <s v=""/>
    <s v=""/>
    <s v=""/>
    <s v=""/>
    <s v=""/>
    <s v=""/>
    <s v=""/>
    <s v=""/>
    <s v=""/>
    <x v="52"/>
    <x v="58"/>
    <x v="61"/>
    <x v="29"/>
    <n v="41172.388221436995"/>
    <n v="28437.61177856301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34"/>
    <s v="TR66"/>
    <s v="DBC IDP"/>
    <s v="Dacorum Borough Council"/>
    <x v="8"/>
    <x v="38"/>
    <s v="Traffic calming on Kingsland Road and Horsecroft Road"/>
    <s v="SG2-3"/>
    <s v="(SG2-3) Provide traffic calming features near crossings e.g. Add speed cushions on approaches to both crossings (these may be required as part of a 20mph speed limit zone). Note: this area falls within a wider area identified by HCC as being a potential 20mph zone, subject to further investigation. "/>
    <s v="Hemel Garden Communities"/>
    <x v="8"/>
    <s v="Programme Area"/>
    <s v="Off-site"/>
    <s v="Developer / Hertfordshire County Council"/>
    <s v="Hertfordshire County Council"/>
    <s v="2026-2031"/>
    <m/>
    <m/>
    <x v="207"/>
    <m/>
    <s v="S106 / S38 / S278 / CIL"/>
    <n v="0"/>
    <n v="199337"/>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9.3916136631330982"/>
    <s v="GOOD"/>
    <x v="69"/>
    <x v="59"/>
    <x v="61"/>
    <x v="59"/>
    <x v="60"/>
    <x v="63"/>
    <x v="59"/>
    <x v="63"/>
    <x v="62"/>
    <x v="69"/>
    <x v="67"/>
    <x v="56"/>
    <x v="59"/>
    <x v="61"/>
    <x v="54"/>
    <x v="57"/>
    <x v="46"/>
    <s v=""/>
    <s v=""/>
    <s v=""/>
    <s v=""/>
    <s v=""/>
    <s v=""/>
    <s v=""/>
    <s v=""/>
    <s v=""/>
    <s v=""/>
    <s v=""/>
    <s v=""/>
    <s v=""/>
    <s v=""/>
    <s v=""/>
    <s v=""/>
    <s v=""/>
    <s v=""/>
    <s v=""/>
    <s v=""/>
    <s v=""/>
    <s v=""/>
    <x v="53"/>
    <x v="59"/>
    <x v="62"/>
    <x v="30"/>
    <n v="117902.3179269729"/>
    <n v="81434.68207302709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35"/>
    <s v="TR67"/>
    <s v="DBC IDP"/>
    <s v="Dacorum Borough Council"/>
    <x v="8"/>
    <x v="39"/>
    <s v="Pedestrian route enhancements on Fishery Passage"/>
    <s v="SG2-4"/>
    <s v="(SG2-4) Increase pedestrian capacity (widen footways and/or reallocate carriageway) on Fishery Passage close to the junction with Horsecroft Road. Consider parking control measures to prevent parking on pavement including bollards if not an obstruction to pedestrians. Add tactile paving at northern end of short footway running into Fishery Passage"/>
    <s v="Hemel Garden Communities"/>
    <x v="8"/>
    <s v="Programme Area / Transformational"/>
    <s v="Off-site"/>
    <s v="Developer / Hertfordshire County Council"/>
    <s v="Hertfordshire County Council"/>
    <s v="2026-2031"/>
    <m/>
    <m/>
    <x v="208"/>
    <m/>
    <s v="S106 / S38 / S278 / CIL"/>
    <n v="0"/>
    <n v="26051"/>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1.2273733804475855"/>
    <s v="GOOD"/>
    <x v="70"/>
    <x v="60"/>
    <x v="62"/>
    <x v="60"/>
    <x v="61"/>
    <x v="64"/>
    <x v="60"/>
    <x v="64"/>
    <x v="63"/>
    <x v="70"/>
    <x v="68"/>
    <x v="57"/>
    <x v="60"/>
    <x v="62"/>
    <x v="55"/>
    <x v="58"/>
    <x v="47"/>
    <s v=""/>
    <s v=""/>
    <s v=""/>
    <s v=""/>
    <s v=""/>
    <s v=""/>
    <s v=""/>
    <s v=""/>
    <s v=""/>
    <s v=""/>
    <s v=""/>
    <s v=""/>
    <s v=""/>
    <s v=""/>
    <s v=""/>
    <s v=""/>
    <s v=""/>
    <s v=""/>
    <s v=""/>
    <s v=""/>
    <s v=""/>
    <s v=""/>
    <x v="54"/>
    <x v="60"/>
    <x v="63"/>
    <x v="31"/>
    <n v="15408.445418138988"/>
    <n v="10642.55458186101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36"/>
    <s v="TR68"/>
    <s v="DBC IDP"/>
    <s v="Dacorum Borough Council"/>
    <x v="8"/>
    <x v="39"/>
    <s v="Wayfinding signage on Horsecroft Road and Kingsland Road"/>
    <s v="SG2-5"/>
    <s v="(SG2-5) Introduce wayfinding signs at key junction points (Horsecroft Road, Kingsland Road, River Park) indicating distance and travel time on foot to the station."/>
    <s v="Hemel Garden Communities"/>
    <x v="8"/>
    <s v="Programme Area / Transformational"/>
    <s v="Off-site"/>
    <s v="Developer / Hertfordshire County Council"/>
    <s v="Hertfordshire County Council"/>
    <s v="2026-2031"/>
    <m/>
    <m/>
    <x v="209"/>
    <m/>
    <s v="S106 / S38 / S278 / CIL"/>
    <n v="0"/>
    <n v="17402"/>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0.81988221436984687"/>
    <s v="GOOD"/>
    <x v="71"/>
    <x v="61"/>
    <x v="63"/>
    <x v="61"/>
    <x v="62"/>
    <x v="65"/>
    <x v="61"/>
    <x v="65"/>
    <x v="64"/>
    <x v="71"/>
    <x v="69"/>
    <x v="58"/>
    <x v="61"/>
    <x v="63"/>
    <x v="56"/>
    <x v="59"/>
    <x v="48"/>
    <s v=""/>
    <s v=""/>
    <s v=""/>
    <s v=""/>
    <s v=""/>
    <s v=""/>
    <s v=""/>
    <s v=""/>
    <s v=""/>
    <s v=""/>
    <s v=""/>
    <s v=""/>
    <s v=""/>
    <s v=""/>
    <s v=""/>
    <s v=""/>
    <s v=""/>
    <s v=""/>
    <s v=""/>
    <s v=""/>
    <s v=""/>
    <s v=""/>
    <x v="55"/>
    <x v="61"/>
    <x v="64"/>
    <x v="32"/>
    <n v="10292.801319199056"/>
    <n v="7109.198680800942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37"/>
    <s v="TR69"/>
    <s v="DBC IDP"/>
    <s v="Dacorum Borough Council"/>
    <x v="8"/>
    <x v="39"/>
    <s v="Cycle parking stands at bus stop on Fishery Road"/>
    <s v="SG2-6"/>
    <s v="(SG2-6) Add cycle parking stands adjacent to bus stop on Fishery Road (southbound)"/>
    <s v="Hemel Garden Communities"/>
    <x v="8"/>
    <s v="Programme Area / Transformational"/>
    <s v="Off-site"/>
    <s v="Developer / Hertfordshire County Council"/>
    <s v="Hertfordshire County Council"/>
    <s v="2026-2031"/>
    <m/>
    <m/>
    <x v="210"/>
    <m/>
    <s v="S106 / S38 / S278 / CIL"/>
    <n v="0"/>
    <n v="598"/>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2.8174322732626621E-2"/>
    <s v="GOOD"/>
    <x v="72"/>
    <x v="62"/>
    <x v="64"/>
    <x v="62"/>
    <x v="63"/>
    <x v="66"/>
    <x v="62"/>
    <x v="66"/>
    <x v="65"/>
    <x v="72"/>
    <x v="70"/>
    <x v="59"/>
    <x v="62"/>
    <x v="64"/>
    <x v="57"/>
    <x v="60"/>
    <x v="49"/>
    <s v=""/>
    <s v=""/>
    <s v=""/>
    <s v=""/>
    <s v=""/>
    <s v=""/>
    <s v=""/>
    <s v=""/>
    <s v=""/>
    <s v=""/>
    <s v=""/>
    <s v=""/>
    <s v=""/>
    <s v=""/>
    <s v=""/>
    <s v=""/>
    <s v=""/>
    <s v=""/>
    <s v=""/>
    <s v=""/>
    <s v=""/>
    <s v=""/>
    <x v="56"/>
    <x v="62"/>
    <x v="65"/>
    <x v="33"/>
    <n v="353.70044758539461"/>
    <n v="244.2995524146054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38"/>
    <s v="TR70"/>
    <s v="DBC IDP"/>
    <s v="Dacorum Borough Council"/>
    <x v="8"/>
    <x v="39"/>
    <s v="Crossing improvements around Cowper Road "/>
    <s v="SG3-1"/>
    <s v="(SG3-1) Add tactile paving and dropped kerbs at Cowper Road/St John's Road, Crouchfield, Grosvenor Terrace, The Poplars, Cowper Road/Gravel Hill Terrace"/>
    <s v="Hemel Garden Communities"/>
    <x v="8"/>
    <s v="Programme Area / Transformational"/>
    <s v="Off-site"/>
    <s v="Developer / Hertfordshire County Council"/>
    <s v="Hertfordshire County Council"/>
    <s v="2026-2031"/>
    <m/>
    <m/>
    <x v="211"/>
    <m/>
    <s v="S106 / S38 / S278 / CIL"/>
    <n v="0"/>
    <n v="8814"/>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0.41526501766784452"/>
    <s v="GOOD"/>
    <x v="73"/>
    <x v="63"/>
    <x v="65"/>
    <x v="63"/>
    <x v="64"/>
    <x v="67"/>
    <x v="63"/>
    <x v="67"/>
    <x v="66"/>
    <x v="73"/>
    <x v="71"/>
    <x v="60"/>
    <x v="63"/>
    <x v="65"/>
    <x v="58"/>
    <x v="61"/>
    <x v="50"/>
    <s v=""/>
    <s v=""/>
    <s v=""/>
    <s v=""/>
    <s v=""/>
    <s v=""/>
    <s v=""/>
    <s v=""/>
    <s v=""/>
    <s v=""/>
    <s v=""/>
    <s v=""/>
    <s v=""/>
    <s v=""/>
    <s v=""/>
    <s v=""/>
    <s v=""/>
    <s v=""/>
    <s v=""/>
    <s v=""/>
    <s v=""/>
    <s v=""/>
    <x v="57"/>
    <x v="63"/>
    <x v="66"/>
    <x v="34"/>
    <n v="5213.2370318021194"/>
    <n v="3600.7629681978797"/>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39"/>
    <s v="TR71"/>
    <s v="DBC IDP"/>
    <s v="Dacorum Borough Council"/>
    <x v="8"/>
    <x v="39"/>
    <s v="Crossing improvements around along Gravel Hill Terrace"/>
    <s v="SG3-2"/>
    <s v="(SG3-2) Tighten kerb radii at junction of Gravel Hill Terrace and Woodland Close. Introduce informal crossings with dropped kerbs with tactile paving at Woodland Close and Cardy Road junctions onto Gravel Hill Terrace"/>
    <s v="Hemel Garden Communities"/>
    <x v="8"/>
    <s v="Programme Area / Transformational"/>
    <s v="Off-site"/>
    <s v="Developer / Hertfordshire County Council"/>
    <s v="Hertfordshire County Council"/>
    <s v="2026-2031"/>
    <m/>
    <m/>
    <x v="212"/>
    <m/>
    <s v="S106 / S38 / S278 / CIL"/>
    <n v="0"/>
    <n v="16560"/>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78021201413427566"/>
    <s v="GOOD"/>
    <x v="74"/>
    <x v="64"/>
    <x v="66"/>
    <x v="64"/>
    <x v="65"/>
    <x v="68"/>
    <x v="64"/>
    <x v="68"/>
    <x v="67"/>
    <x v="74"/>
    <x v="72"/>
    <x v="61"/>
    <x v="64"/>
    <x v="66"/>
    <x v="59"/>
    <x v="62"/>
    <x v="51"/>
    <s v=""/>
    <s v=""/>
    <s v=""/>
    <s v=""/>
    <s v=""/>
    <s v=""/>
    <s v=""/>
    <s v=""/>
    <s v=""/>
    <s v=""/>
    <s v=""/>
    <s v=""/>
    <s v=""/>
    <s v=""/>
    <s v=""/>
    <s v=""/>
    <s v=""/>
    <s v=""/>
    <s v=""/>
    <s v=""/>
    <s v=""/>
    <s v=""/>
    <x v="58"/>
    <x v="64"/>
    <x v="67"/>
    <x v="35"/>
    <n v="9794.7816254416975"/>
    <n v="6765.218374558304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40"/>
    <s v="TR72"/>
    <s v="DBC IDP"/>
    <s v="Dacorum Borough Council"/>
    <x v="8"/>
    <x v="38"/>
    <s v="Marked parking bays on Cowper Road"/>
    <s v="SG3-4"/>
    <s v="(SG3-4) Reduce the occurrence of pavement parking where feasible, such as introduction of marked parking bays on one side of the road"/>
    <s v="Hemel Garden Communities"/>
    <x v="8"/>
    <s v="Programme Area"/>
    <s v="Off-site"/>
    <s v="Developer / Hertfordshire County Council"/>
    <s v="Hertfordshire County Council "/>
    <s v="2026-2031"/>
    <m/>
    <m/>
    <x v="213"/>
    <m/>
    <s v="S106 / S38 / S278 / CIL"/>
    <n v="0"/>
    <n v="158204"/>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7.4536631330977619"/>
    <s v="GOOD"/>
    <x v="75"/>
    <x v="65"/>
    <x v="67"/>
    <x v="65"/>
    <x v="66"/>
    <x v="69"/>
    <x v="65"/>
    <x v="69"/>
    <x v="68"/>
    <x v="75"/>
    <x v="73"/>
    <x v="62"/>
    <x v="65"/>
    <x v="67"/>
    <x v="60"/>
    <x v="63"/>
    <x v="52"/>
    <s v=""/>
    <s v=""/>
    <s v=""/>
    <s v=""/>
    <s v=""/>
    <s v=""/>
    <s v=""/>
    <s v=""/>
    <s v=""/>
    <s v=""/>
    <s v=""/>
    <s v=""/>
    <s v=""/>
    <s v=""/>
    <s v=""/>
    <s v=""/>
    <s v=""/>
    <s v=""/>
    <s v=""/>
    <s v=""/>
    <s v=""/>
    <s v=""/>
    <x v="59"/>
    <x v="65"/>
    <x v="68"/>
    <x v="36"/>
    <n v="93573.286972909264"/>
    <n v="64630.71302709069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41"/>
    <s v="TR73"/>
    <s v="DBC IDP"/>
    <s v="Dacorum Borough Council"/>
    <x v="8"/>
    <x v="39"/>
    <s v="Cycle hanger storage on Cowper Road"/>
    <s v="SG3-5"/>
    <s v="(SG3-5) Provide cycle storage facility - hanger (x2) for residents on Cowper Rd. To be located within the highway, removing some car parking space. "/>
    <s v="Hemel Garden Communities"/>
    <x v="8"/>
    <s v="Programme Area / Transformational"/>
    <s v="Off-site"/>
    <s v="Developer / Hertfordshire County Council"/>
    <s v="Hertfordshire County Council"/>
    <s v="2026-2031"/>
    <m/>
    <m/>
    <x v="214"/>
    <m/>
    <s v="S106 / S38 / S278 / CIL"/>
    <n v="0"/>
    <n v="33318"/>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1.5697526501766785"/>
    <s v="GOOD"/>
    <x v="76"/>
    <x v="66"/>
    <x v="68"/>
    <x v="66"/>
    <x v="67"/>
    <x v="70"/>
    <x v="66"/>
    <x v="70"/>
    <x v="69"/>
    <x v="76"/>
    <x v="74"/>
    <x v="63"/>
    <x v="66"/>
    <x v="68"/>
    <x v="61"/>
    <x v="64"/>
    <x v="53"/>
    <s v=""/>
    <s v=""/>
    <s v=""/>
    <s v=""/>
    <s v=""/>
    <s v=""/>
    <s v=""/>
    <s v=""/>
    <s v=""/>
    <s v=""/>
    <s v=""/>
    <s v=""/>
    <s v=""/>
    <s v=""/>
    <s v=""/>
    <s v=""/>
    <s v=""/>
    <s v=""/>
    <s v=""/>
    <s v=""/>
    <s v=""/>
    <s v=""/>
    <x v="60"/>
    <x v="66"/>
    <x v="69"/>
    <x v="37"/>
    <n v="19706.674770318023"/>
    <n v="13611.32522968198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42"/>
    <s v="TR74"/>
    <s v="DBC IDP"/>
    <s v="Dacorum Borough Council"/>
    <x v="8"/>
    <x v="39"/>
    <s v="Junction crossing improvements on Cowper Road"/>
    <s v="SG4-1"/>
    <s v="(SG4-1) Add tactile paving; add dropped kerbs; improve signage and wayfinding"/>
    <s v="Hemel Garden Communities"/>
    <x v="8"/>
    <s v="Programme Area / Transformational"/>
    <s v="Off-site"/>
    <s v="Developer / Hertfordshire County Council"/>
    <s v="Hertfordshire County Council"/>
    <s v="2026-2031"/>
    <m/>
    <m/>
    <x v="215"/>
    <m/>
    <s v="S106 / S38 / S278 / CIL"/>
    <n v="0"/>
    <n v="2585"/>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0.12179034157832744"/>
    <s v="GOOD"/>
    <x v="77"/>
    <x v="67"/>
    <x v="69"/>
    <x v="67"/>
    <x v="68"/>
    <x v="71"/>
    <x v="67"/>
    <x v="71"/>
    <x v="70"/>
    <x v="77"/>
    <x v="75"/>
    <x v="64"/>
    <x v="67"/>
    <x v="69"/>
    <x v="62"/>
    <x v="65"/>
    <x v="54"/>
    <s v=""/>
    <s v=""/>
    <s v=""/>
    <s v=""/>
    <s v=""/>
    <s v=""/>
    <s v=""/>
    <s v=""/>
    <s v=""/>
    <s v=""/>
    <s v=""/>
    <s v=""/>
    <s v=""/>
    <s v=""/>
    <s v=""/>
    <s v=""/>
    <s v=""/>
    <s v=""/>
    <s v=""/>
    <s v=""/>
    <s v=""/>
    <s v=""/>
    <x v="61"/>
    <x v="67"/>
    <x v="70"/>
    <x v="38"/>
    <n v="1528.9559481743222"/>
    <n v="1056.044051825677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43"/>
    <s v="TR75"/>
    <s v="DBC IDP"/>
    <s v="Dacorum Borough Council"/>
    <x v="8"/>
    <x v="39"/>
    <s v="Beechfield Road-Cornfields alleyway crossing"/>
    <s v="SG4-2"/>
    <s v="(SG4-2) Add new uncontrolled cycling and pedestrian crossing at Beechfield Road and alleyway through to The Cornfields"/>
    <s v="Hemel Garden Communities"/>
    <x v="8"/>
    <s v="Programme Area / Transformational"/>
    <s v="Off-site"/>
    <s v="Developer / Hertfordshire County Council"/>
    <s v="Hertfordshire County Council"/>
    <s v="2026-2031"/>
    <m/>
    <m/>
    <x v="191"/>
    <m/>
    <s v="S106 / S38 / S278 / CIL"/>
    <n v="0"/>
    <n v="34245"/>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1.6134275618374558"/>
    <s v="GOOD"/>
    <x v="78"/>
    <x v="68"/>
    <x v="70"/>
    <x v="68"/>
    <x v="69"/>
    <x v="72"/>
    <x v="68"/>
    <x v="72"/>
    <x v="71"/>
    <x v="78"/>
    <x v="76"/>
    <x v="65"/>
    <x v="68"/>
    <x v="70"/>
    <x v="63"/>
    <x v="66"/>
    <x v="55"/>
    <s v=""/>
    <s v=""/>
    <s v=""/>
    <s v=""/>
    <s v=""/>
    <s v=""/>
    <s v=""/>
    <s v=""/>
    <s v=""/>
    <s v=""/>
    <s v=""/>
    <s v=""/>
    <s v=""/>
    <s v=""/>
    <s v=""/>
    <s v=""/>
    <s v=""/>
    <s v=""/>
    <s v=""/>
    <s v=""/>
    <s v=""/>
    <s v=""/>
    <x v="62"/>
    <x v="68"/>
    <x v="71"/>
    <x v="39"/>
    <n v="20254.969611307417"/>
    <n v="13990.03038869257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44"/>
    <s v="TR76"/>
    <s v="DBC IDP"/>
    <s v="Dacorum Borough Council"/>
    <x v="8"/>
    <x v="39"/>
    <s v="Junction crossing improvements on Crouchfield"/>
    <s v="SG4-3"/>
    <s v="(SG4-3) Tighten kerb radii and reduce crossing widths at the junctions of Crouchfield/Beechfield Road, and Crouchfield/Nestlecoft. Also introduce raised speed table uncontrolled pedestrian crossings at each junction."/>
    <s v="Hemel Garden Communities"/>
    <x v="8"/>
    <s v="Programme Area / Transformational"/>
    <s v="Off-site"/>
    <s v="Developer / Hertfordshire County Council"/>
    <s v="Hertfordshire County Council"/>
    <s v="2026-2031"/>
    <m/>
    <m/>
    <x v="216"/>
    <m/>
    <s v="S106 / S38 / S278 / CIL"/>
    <n v="0"/>
    <n v="162108"/>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7.6375971731448766"/>
    <s v="GOOD"/>
    <x v="79"/>
    <x v="69"/>
    <x v="71"/>
    <x v="69"/>
    <x v="70"/>
    <x v="73"/>
    <x v="69"/>
    <x v="73"/>
    <x v="72"/>
    <x v="79"/>
    <x v="77"/>
    <x v="66"/>
    <x v="69"/>
    <x v="71"/>
    <x v="64"/>
    <x v="67"/>
    <x v="56"/>
    <s v=""/>
    <s v=""/>
    <s v=""/>
    <s v=""/>
    <s v=""/>
    <s v=""/>
    <s v=""/>
    <s v=""/>
    <s v=""/>
    <s v=""/>
    <s v=""/>
    <s v=""/>
    <s v=""/>
    <s v=""/>
    <s v=""/>
    <s v=""/>
    <s v=""/>
    <s v=""/>
    <s v=""/>
    <s v=""/>
    <s v=""/>
    <s v=""/>
    <x v="63"/>
    <x v="69"/>
    <x v="72"/>
    <x v="40"/>
    <n v="95882.394911660784"/>
    <n v="66225.60508833923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45"/>
    <s v="TR77"/>
    <s v="DBC IDP"/>
    <s v="Dacorum Borough Council"/>
    <x v="8"/>
    <x v="39"/>
    <s v="Footway widening approaching The Cornfields"/>
    <s v="SG4-4"/>
    <s v="(SG4-4) Widen the footway on the approach to The Cornfields (eastern side). Introduce a need handrail around the edge. Introduce dropped kerbs and tactile paving on either side of the road (avoiding manhole covers)"/>
    <s v="Hemel Garden Communities"/>
    <x v="8"/>
    <s v="Programme Area / Transformational"/>
    <s v="Off-site"/>
    <s v="Developer / Hertfordshire County Council"/>
    <s v="Hertfordshire County Council"/>
    <s v="2026-2031"/>
    <m/>
    <m/>
    <x v="217"/>
    <m/>
    <s v="S106 / S38 / S278 / CIL"/>
    <n v="0"/>
    <n v="29796"/>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1.4038162544169612"/>
    <s v="GOOD"/>
    <x v="80"/>
    <x v="70"/>
    <x v="72"/>
    <x v="70"/>
    <x v="71"/>
    <x v="74"/>
    <x v="70"/>
    <x v="74"/>
    <x v="73"/>
    <x v="80"/>
    <x v="78"/>
    <x v="67"/>
    <x v="70"/>
    <x v="72"/>
    <x v="65"/>
    <x v="68"/>
    <x v="57"/>
    <s v=""/>
    <s v=""/>
    <s v=""/>
    <s v=""/>
    <s v=""/>
    <s v=""/>
    <s v=""/>
    <s v=""/>
    <s v=""/>
    <s v=""/>
    <s v=""/>
    <s v=""/>
    <s v=""/>
    <s v=""/>
    <s v=""/>
    <s v=""/>
    <s v=""/>
    <s v=""/>
    <s v=""/>
    <s v=""/>
    <s v=""/>
    <s v=""/>
    <x v="64"/>
    <x v="70"/>
    <x v="73"/>
    <x v="41"/>
    <n v="17623.509257950529"/>
    <n v="12172.49074204947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46"/>
    <s v="TR78"/>
    <s v="DBC IDP"/>
    <s v="Dacorum Borough Council"/>
    <x v="8"/>
    <x v="39"/>
    <s v="Footpath width vegetation cut-back"/>
    <s v="SG4-5"/>
    <s v="(SG4-5) Manage vegetation along footpaths to maximise width and increase visibility"/>
    <s v="Hemel Garden Communities"/>
    <x v="8"/>
    <s v="Programme Area / Transformational"/>
    <s v="Off-site"/>
    <s v="Developer / Hertfordshire County Council"/>
    <s v="Hertfordshire County Council"/>
    <s v="2026-2031"/>
    <m/>
    <m/>
    <x v="218"/>
    <m/>
    <s v="S106 / S38 / S278 / CIL"/>
    <n v="0"/>
    <n v="5749"/>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0.2708598351001178"/>
    <s v="GOOD"/>
    <x v="81"/>
    <x v="71"/>
    <x v="73"/>
    <x v="71"/>
    <x v="72"/>
    <x v="75"/>
    <x v="71"/>
    <x v="75"/>
    <x v="74"/>
    <x v="81"/>
    <x v="79"/>
    <x v="68"/>
    <x v="71"/>
    <x v="73"/>
    <x v="66"/>
    <x v="69"/>
    <x v="58"/>
    <s v=""/>
    <s v=""/>
    <s v=""/>
    <s v=""/>
    <s v=""/>
    <s v=""/>
    <s v=""/>
    <s v=""/>
    <s v=""/>
    <s v=""/>
    <s v=""/>
    <s v=""/>
    <s v=""/>
    <s v=""/>
    <s v=""/>
    <s v=""/>
    <s v=""/>
    <s v=""/>
    <s v=""/>
    <s v=""/>
    <s v=""/>
    <s v=""/>
    <x v="65"/>
    <x v="71"/>
    <x v="74"/>
    <x v="42"/>
    <n v="3400.3743698468788"/>
    <n v="2348.625630153121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47"/>
    <s v="TR79"/>
    <s v="DBC IDP"/>
    <s v="Dacorum Borough Council"/>
    <x v="8"/>
    <x v="39"/>
    <s v="Pedestrian route street lighting enhancements"/>
    <s v="SG4-6"/>
    <s v="(SG4-6) Investigate introducing additional street lighting along pedestrian routes"/>
    <s v="Hemel Garden Communities"/>
    <x v="8"/>
    <s v="Programme Area / Transformational"/>
    <s v="Off-site"/>
    <s v="Developer / Hertfordshire County Council"/>
    <s v="Hertfordshire County Council"/>
    <s v="2026-2031"/>
    <m/>
    <m/>
    <x v="219"/>
    <m/>
    <s v="S106 / S38 / S278 / CIL"/>
    <n v="0"/>
    <n v="3705"/>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0.17455830388692581"/>
    <s v="GOOD"/>
    <x v="82"/>
    <x v="72"/>
    <x v="74"/>
    <x v="72"/>
    <x v="73"/>
    <x v="76"/>
    <x v="72"/>
    <x v="76"/>
    <x v="75"/>
    <x v="82"/>
    <x v="80"/>
    <x v="69"/>
    <x v="72"/>
    <x v="74"/>
    <x v="67"/>
    <x v="70"/>
    <x v="59"/>
    <s v=""/>
    <s v=""/>
    <s v=""/>
    <s v=""/>
    <s v=""/>
    <s v=""/>
    <s v=""/>
    <s v=""/>
    <s v=""/>
    <s v=""/>
    <s v=""/>
    <s v=""/>
    <s v=""/>
    <s v=""/>
    <s v=""/>
    <s v=""/>
    <s v=""/>
    <s v=""/>
    <s v=""/>
    <s v=""/>
    <s v=""/>
    <s v=""/>
    <x v="66"/>
    <x v="72"/>
    <x v="75"/>
    <x v="43"/>
    <n v="2191.4049469964662"/>
    <n v="1513.595053003533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48"/>
    <s v="TR80"/>
    <s v="DBC IDP"/>
    <s v="Dacorum Borough Council"/>
    <x v="8"/>
    <x v="39"/>
    <s v="Glenview Gardens cycle hanger storage"/>
    <s v="SG4-7"/>
    <s v="(SG4-7) Add cycle storage facilities for residents along Glenview Gardens"/>
    <s v="Hemel Garden Communities"/>
    <x v="8"/>
    <s v="Programme Area / Transformational"/>
    <s v="Off-site"/>
    <s v="Developer / Hertfordshire County Council"/>
    <s v="Hertfordshire County Council"/>
    <s v="2026-2031"/>
    <m/>
    <m/>
    <x v="220"/>
    <m/>
    <s v="S106 / S38 / S278 / CIL"/>
    <n v="0"/>
    <n v="16659"/>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78487632508833927"/>
    <s v="GOOD"/>
    <x v="83"/>
    <x v="73"/>
    <x v="75"/>
    <x v="73"/>
    <x v="74"/>
    <x v="77"/>
    <x v="73"/>
    <x v="77"/>
    <x v="76"/>
    <x v="83"/>
    <x v="81"/>
    <x v="70"/>
    <x v="73"/>
    <x v="75"/>
    <x v="68"/>
    <x v="71"/>
    <x v="60"/>
    <s v=""/>
    <s v=""/>
    <s v=""/>
    <s v=""/>
    <s v=""/>
    <s v=""/>
    <s v=""/>
    <s v=""/>
    <s v=""/>
    <s v=""/>
    <s v=""/>
    <s v=""/>
    <s v=""/>
    <s v=""/>
    <s v=""/>
    <s v=""/>
    <s v=""/>
    <s v=""/>
    <s v=""/>
    <s v=""/>
    <s v=""/>
    <s v=""/>
    <x v="67"/>
    <x v="73"/>
    <x v="76"/>
    <x v="44"/>
    <n v="9853.3373851590113"/>
    <n v="6805.6626148409905"/>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49"/>
    <s v="TR81"/>
    <s v="DBC IDP"/>
    <s v="Dacorum Borough Council"/>
    <x v="8"/>
    <x v="39"/>
    <s v="A4251 London Road cycle route"/>
    <s v="SG5-1"/>
    <s v="(SG5-1) New on-road advisory cycle lanes (both directions) between the A4146 and A414 junctions where there is sufficient carriageway width. Provision of a section of off-road route at the eastern end (northern side of the road) on the approach to the A4251-A414 signalised junction. "/>
    <s v="Hemel Garden Communities"/>
    <x v="54"/>
    <s v="Transformational"/>
    <s v="Off-site"/>
    <s v="Developer / Hertfordshire County Council"/>
    <s v="Hertfordshire County Council"/>
    <s v="2026-2031"/>
    <m/>
    <m/>
    <x v="221"/>
    <m/>
    <s v="S106 / S38 / S278 / CIL"/>
    <n v="0"/>
    <n v="52903"/>
    <s v="B5 - Based on AECOM Transport Model attribution percentages"/>
    <s v="Multiple Scenario 2 (Step 5)"/>
    <s v="Mutliple Scenario 2 (Step 5)"/>
    <s v="Essential"/>
    <x v="2"/>
    <x v="3"/>
    <x v="3"/>
    <x v="3"/>
    <x v="3"/>
    <x v="2"/>
    <x v="2"/>
    <s v="Yes"/>
    <s v="Yes"/>
    <s v="Yes"/>
    <s v="Yes"/>
    <s v=""/>
    <s v="Yes"/>
    <s v=""/>
    <s v=""/>
    <s v=""/>
    <s v=""/>
    <m/>
    <m/>
    <m/>
    <m/>
    <m/>
    <m/>
    <m/>
    <m/>
    <m/>
    <m/>
    <m/>
    <m/>
    <m/>
    <m/>
    <m/>
    <m/>
    <m/>
    <m/>
    <m/>
    <m/>
    <m/>
    <m/>
    <s v="Yes"/>
    <s v=""/>
    <s v="Yes"/>
    <s v=""/>
    <n v="11854"/>
    <n v="4.4628817276868569"/>
    <s v="GOOD"/>
    <x v="84"/>
    <x v="23"/>
    <x v="23"/>
    <x v="23"/>
    <x v="24"/>
    <x v="78"/>
    <x v="74"/>
    <x v="78"/>
    <x v="77"/>
    <x v="84"/>
    <x v="82"/>
    <x v="23"/>
    <x v="74"/>
    <x v="6"/>
    <x v="22"/>
    <x v="23"/>
    <x v="0"/>
    <m/>
    <m/>
    <m/>
    <m/>
    <m/>
    <m/>
    <m/>
    <m/>
    <m/>
    <m/>
    <m/>
    <m/>
    <m/>
    <m/>
    <m/>
    <m/>
    <m/>
    <m/>
    <m/>
    <m/>
    <m/>
    <m/>
    <x v="68"/>
    <x v="6"/>
    <x v="77"/>
    <x v="11"/>
    <n v="52083.728564594145"/>
    <n v="819.27143540585075"/>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50"/>
    <s v="TR82"/>
    <s v="DBC IDP"/>
    <s v="Dacorum Borough Council"/>
    <x v="8"/>
    <x v="39"/>
    <s v="A4251 London Road footway widths"/>
    <s v="SG5-2"/>
    <s v="(SG5-2) Increase pedestrian footway width by cutting back encroaching vegetation and improving maintenance of footway including renewed surfacing"/>
    <s v="Hemel Garden Communities"/>
    <x v="54"/>
    <s v="Transformational"/>
    <s v="Off-site"/>
    <s v="Developer / Hertfordshire County Council"/>
    <s v="Hertfordshire County Council"/>
    <s v="2026-2031"/>
    <m/>
    <m/>
    <x v="222"/>
    <m/>
    <s v="S106 / S38 / S278 / CIL"/>
    <n v="0"/>
    <n v="1139069"/>
    <s v="B5 - Based on AECOM Transport Model attribution percentages"/>
    <s v="Multiple Scenario 2 (Step 5)"/>
    <s v="Mutliple Scenario 2 (Step 5)"/>
    <s v="Essential"/>
    <x v="2"/>
    <x v="3"/>
    <x v="3"/>
    <x v="3"/>
    <x v="3"/>
    <x v="2"/>
    <x v="2"/>
    <s v="Yes"/>
    <s v="Yes"/>
    <s v="Yes"/>
    <s v="Yes"/>
    <s v=""/>
    <s v="Yes"/>
    <s v=""/>
    <s v=""/>
    <s v=""/>
    <s v=""/>
    <m/>
    <m/>
    <m/>
    <m/>
    <m/>
    <m/>
    <m/>
    <m/>
    <m/>
    <m/>
    <m/>
    <m/>
    <m/>
    <m/>
    <m/>
    <m/>
    <m/>
    <m/>
    <m/>
    <m/>
    <m/>
    <m/>
    <s v="Yes"/>
    <s v=""/>
    <s v="Yes"/>
    <s v=""/>
    <n v="11854"/>
    <n v="96.091530285135818"/>
    <s v="GOOD"/>
    <x v="85"/>
    <x v="23"/>
    <x v="23"/>
    <x v="23"/>
    <x v="24"/>
    <x v="79"/>
    <x v="75"/>
    <x v="79"/>
    <x v="78"/>
    <x v="85"/>
    <x v="83"/>
    <x v="23"/>
    <x v="75"/>
    <x v="6"/>
    <x v="22"/>
    <x v="23"/>
    <x v="0"/>
    <m/>
    <m/>
    <m/>
    <m/>
    <m/>
    <m/>
    <m/>
    <m/>
    <m/>
    <m/>
    <m/>
    <m/>
    <m/>
    <m/>
    <m/>
    <m/>
    <m/>
    <m/>
    <m/>
    <m/>
    <m/>
    <m/>
    <x v="69"/>
    <x v="6"/>
    <x v="78"/>
    <x v="11"/>
    <n v="1121429.042064603"/>
    <n v="17639.957935396989"/>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51"/>
    <s v="TR83"/>
    <s v="DBC IDP"/>
    <s v="Dacorum Borough Council"/>
    <x v="8"/>
    <x v="38"/>
    <s v="A4251 London Road-A4146 Station Road Junction Reconfiguration including provision for cyclists and buses"/>
    <s v="SG5-4"/>
    <s v="(SG5-4) Major junction improvement - convert to signal controlled crossroads with cycle priority at A4251/A4146 including advance stop lines or bicycle boxes. Include hurry call detection for buses travelling between London Road (west) and Station Road."/>
    <s v="Hemel Garden Communities"/>
    <x v="55"/>
    <s v="Programme Area"/>
    <s v="Off-site"/>
    <s v="Developer / Hertfordshire County Council"/>
    <s v="Hertfordshire County Council"/>
    <s v="2031-2036"/>
    <m/>
    <m/>
    <x v="223"/>
    <m/>
    <s v="S106 / S38 / S278 / CIL"/>
    <n v="0"/>
    <n v="759380"/>
    <s v="B5 - Based on AECOM Transport Model attribution percentages"/>
    <s v="Multiple Scenario 2 (Step 5)"/>
    <s v="Mutliple Scenario 2 (Step 5)"/>
    <s v="Essential"/>
    <x v="2"/>
    <x v="2"/>
    <x v="2"/>
    <x v="2"/>
    <x v="2"/>
    <x v="2"/>
    <x v="2"/>
    <s v="Yes"/>
    <s v="Yes"/>
    <s v="Yes"/>
    <s v="Yes"/>
    <s v="Yes"/>
    <s v="Yes"/>
    <s v="Yes"/>
    <s v="Yes"/>
    <s v="Yes"/>
    <s v=""/>
    <m/>
    <m/>
    <m/>
    <m/>
    <m/>
    <m/>
    <m/>
    <m/>
    <m/>
    <m/>
    <m/>
    <m/>
    <m/>
    <m/>
    <m/>
    <m/>
    <m/>
    <m/>
    <m/>
    <m/>
    <m/>
    <m/>
    <s v="Yes"/>
    <s v="Yes"/>
    <s v="Yes"/>
    <s v=""/>
    <n v="15674"/>
    <n v="48.448385861936963"/>
    <s v="GOOD"/>
    <x v="86"/>
    <x v="74"/>
    <x v="76"/>
    <x v="74"/>
    <x v="75"/>
    <x v="80"/>
    <x v="76"/>
    <x v="80"/>
    <x v="79"/>
    <x v="86"/>
    <x v="84"/>
    <x v="71"/>
    <x v="76"/>
    <x v="76"/>
    <x v="69"/>
    <x v="72"/>
    <x v="0"/>
    <m/>
    <m/>
    <m/>
    <m/>
    <m/>
    <m/>
    <m/>
    <m/>
    <m/>
    <m/>
    <m/>
    <m/>
    <m/>
    <m/>
    <m/>
    <m/>
    <m/>
    <m/>
    <m/>
    <m/>
    <m/>
    <m/>
    <x v="70"/>
    <x v="74"/>
    <x v="79"/>
    <x v="11"/>
    <n v="662311.61923864414"/>
    <n v="97068.38076135554"/>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352"/>
    <s v="TR84"/>
    <s v="DBC IDP"/>
    <s v="Dacorum Borough Council"/>
    <x v="8"/>
    <x v="39"/>
    <s v="Two Waters Road-London Road pedestrian-cycle link"/>
    <s v="SG6-1"/>
    <s v="(SG6-1) Widen Public footpath cutting the corner of Two Waters Road and London Road to accommodate cyclists and pedestrians (leading to the proposed Mobility Hub at the southern end). At the northern end, provide kerbed build-out with dropped kerbs to designate end of the cycle path and advise cyclists to join the carriageway). Removing of c.2-3 car lengths of kerbside parking."/>
    <s v="Hemel Garden Communities"/>
    <x v="56"/>
    <s v="Transformational"/>
    <s v="Off-site"/>
    <s v="Developer / Hertfordshire County Council"/>
    <s v="Hertfordshire County Council"/>
    <s v="2026-2031"/>
    <m/>
    <m/>
    <x v="224"/>
    <m/>
    <s v="S106 / S38 / S278 / CIL"/>
    <n v="0"/>
    <n v="39499"/>
    <s v="B5 - Based on AECOM Transport Model attribution percentages"/>
    <s v="Multiple Scenario 2 (Step 5)"/>
    <s v="Mutliple Scenario 2 (Step 5)"/>
    <s v="Essential"/>
    <x v="2"/>
    <x v="2"/>
    <x v="2"/>
    <x v="2"/>
    <x v="2"/>
    <x v="2"/>
    <x v="2"/>
    <s v="Yes"/>
    <s v="Yes"/>
    <s v="Yes"/>
    <s v="Yes"/>
    <s v="Yes"/>
    <s v="Yes"/>
    <s v="Yes"/>
    <s v=""/>
    <s v=""/>
    <s v=""/>
    <m/>
    <m/>
    <m/>
    <m/>
    <m/>
    <m/>
    <m/>
    <m/>
    <m/>
    <m/>
    <m/>
    <m/>
    <m/>
    <m/>
    <m/>
    <m/>
    <m/>
    <m/>
    <m/>
    <m/>
    <m/>
    <m/>
    <s v="Yes"/>
    <s v="Yes"/>
    <s v="Yes"/>
    <s v=""/>
    <n v="15504"/>
    <n v="2.5476651186790504"/>
    <s v="GOOD"/>
    <x v="87"/>
    <x v="75"/>
    <x v="77"/>
    <x v="75"/>
    <x v="76"/>
    <x v="81"/>
    <x v="77"/>
    <x v="81"/>
    <x v="80"/>
    <x v="87"/>
    <x v="85"/>
    <x v="72"/>
    <x v="77"/>
    <x v="77"/>
    <x v="22"/>
    <x v="23"/>
    <x v="0"/>
    <m/>
    <m/>
    <m/>
    <m/>
    <m/>
    <m/>
    <m/>
    <m/>
    <m/>
    <m/>
    <m/>
    <m/>
    <m/>
    <m/>
    <m/>
    <m/>
    <m/>
    <m/>
    <m/>
    <m/>
    <m/>
    <m/>
    <x v="71"/>
    <x v="75"/>
    <x v="80"/>
    <x v="11"/>
    <n v="36857.505949116879"/>
    <n v="2641.4940508831223"/>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53"/>
    <s v="TR85"/>
    <s v="DBC IDP"/>
    <s v="Dacorum Borough Council"/>
    <x v="8"/>
    <x v="39"/>
    <s v="Two Waters Road-London Road junction improvement"/>
    <s v="SG6-2"/>
    <s v="(SG6-2) Tighten kerb radii/ reduce crossing width at Two Waters Road junction and introduce a speed table at or close to mouth of the junction. "/>
    <s v="Hemel Garden Communities"/>
    <x v="56"/>
    <s v="Transformational"/>
    <s v="Off-site"/>
    <s v="Developer / Hertfordshire County Council"/>
    <s v="Hertfordshire County Council"/>
    <s v="2026-2031"/>
    <m/>
    <m/>
    <x v="225"/>
    <m/>
    <s v="S106 / S38 / S278 / CIL"/>
    <n v="0"/>
    <n v="89860"/>
    <s v="B5 - Based on AECOM Transport Model attribution percentages"/>
    <s v="Multiple Scenario 2 (Step 5)"/>
    <s v="Mutliple Scenario 2 (Step 5)"/>
    <s v="Essential"/>
    <x v="2"/>
    <x v="2"/>
    <x v="2"/>
    <x v="2"/>
    <x v="2"/>
    <x v="2"/>
    <x v="2"/>
    <s v="Yes"/>
    <s v="Yes"/>
    <s v="Yes"/>
    <s v="Yes"/>
    <s v="Yes"/>
    <s v="Yes"/>
    <s v="Yes"/>
    <s v=""/>
    <s v=""/>
    <s v=""/>
    <m/>
    <m/>
    <m/>
    <m/>
    <m/>
    <m/>
    <m/>
    <m/>
    <m/>
    <m/>
    <m/>
    <m/>
    <m/>
    <m/>
    <m/>
    <m/>
    <m/>
    <m/>
    <m/>
    <m/>
    <m/>
    <m/>
    <s v="Yes"/>
    <s v="Yes"/>
    <s v="Yes"/>
    <s v=""/>
    <n v="15504"/>
    <n v="5.7959236326109389"/>
    <s v="GOOD"/>
    <x v="88"/>
    <x v="76"/>
    <x v="78"/>
    <x v="76"/>
    <x v="77"/>
    <x v="82"/>
    <x v="78"/>
    <x v="82"/>
    <x v="81"/>
    <x v="88"/>
    <x v="86"/>
    <x v="73"/>
    <x v="78"/>
    <x v="78"/>
    <x v="22"/>
    <x v="23"/>
    <x v="0"/>
    <m/>
    <m/>
    <m/>
    <m/>
    <m/>
    <m/>
    <m/>
    <m/>
    <m/>
    <m/>
    <m/>
    <m/>
    <m/>
    <m/>
    <m/>
    <m/>
    <m/>
    <m/>
    <m/>
    <m/>
    <m/>
    <m/>
    <x v="72"/>
    <x v="76"/>
    <x v="81"/>
    <x v="11"/>
    <n v="83850.616081106957"/>
    <n v="6009.3839188930706"/>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54"/>
    <s v="TR86"/>
    <s v="DBC IDP"/>
    <s v="Dacorum Borough Council"/>
    <x v="8"/>
    <x v="39"/>
    <s v="Durrants Hill Road-London Road junction improvement"/>
    <s v="SG6-3"/>
    <s v="(SG6-3) Tighten kerb radii/ reduce crossing width at Durrants Hill Rd and introduce a speed table at or close to mouth of the junction. "/>
    <s v="Hemel Garden Communities"/>
    <x v="57"/>
    <s v="Transformational"/>
    <s v="Off-site"/>
    <s v="Developer / Hertfordshire County Council"/>
    <s v="Hertfordshire County Council"/>
    <s v="2026-2031"/>
    <m/>
    <m/>
    <x v="226"/>
    <m/>
    <s v="S106 / S38 / S278 / CIL"/>
    <n v="0"/>
    <n v="86063"/>
    <s v="B5 - Based on AECOM Transport Model attribution percentages"/>
    <s v="Multiple Scenario 2 (Step 5)"/>
    <s v="Mutliple Scenario 2 (Step 5)"/>
    <s v="Essential"/>
    <x v="2"/>
    <x v="2"/>
    <x v="2"/>
    <x v="2"/>
    <x v="2"/>
    <x v="2"/>
    <x v="2"/>
    <s v="Yes"/>
    <s v="Yes"/>
    <s v="Yes"/>
    <s v="Yes"/>
    <s v="Yes"/>
    <s v="Yes"/>
    <s v="Yes"/>
    <s v=""/>
    <s v=""/>
    <s v=""/>
    <m/>
    <m/>
    <m/>
    <m/>
    <m/>
    <m/>
    <m/>
    <m/>
    <m/>
    <m/>
    <m/>
    <m/>
    <m/>
    <m/>
    <m/>
    <m/>
    <m/>
    <m/>
    <m/>
    <m/>
    <m/>
    <m/>
    <s v="Yes"/>
    <s v="Yes"/>
    <s v="Yes"/>
    <s v="Yes"/>
    <n v="18675"/>
    <n v="4.6084605087014729"/>
    <s v="GOOD"/>
    <x v="89"/>
    <x v="77"/>
    <x v="79"/>
    <x v="77"/>
    <x v="78"/>
    <x v="83"/>
    <x v="79"/>
    <x v="83"/>
    <x v="82"/>
    <x v="89"/>
    <x v="87"/>
    <x v="74"/>
    <x v="79"/>
    <x v="79"/>
    <x v="22"/>
    <x v="23"/>
    <x v="0"/>
    <m/>
    <m/>
    <m/>
    <m/>
    <m/>
    <m/>
    <m/>
    <m/>
    <m/>
    <m/>
    <m/>
    <m/>
    <m/>
    <m/>
    <m/>
    <m/>
    <m/>
    <m/>
    <m/>
    <m/>
    <m/>
    <m/>
    <x v="73"/>
    <x v="77"/>
    <x v="82"/>
    <x v="45"/>
    <n v="74682.955116696598"/>
    <n v="11380.044883303412"/>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55"/>
    <s v="TR87"/>
    <s v="DBC IDP"/>
    <s v="Dacorum Borough Council"/>
    <x v="8"/>
    <x v="39"/>
    <s v="Kents Avenue-London Road junction improvement"/>
    <s v="SG6-4"/>
    <s v="(SG6-4) Tighten kerb radii/ reduce crossing width at Kents Avenue junction and introduce a speed table at or close to mouth of the junction."/>
    <s v="Hemel Garden Communities"/>
    <x v="57"/>
    <s v="Transformational"/>
    <s v="Off-site"/>
    <s v="Developer / Hertfordshire County Council"/>
    <s v="Hertfordshire County Council"/>
    <s v="2026-2031"/>
    <m/>
    <m/>
    <x v="226"/>
    <m/>
    <s v="S106 / S38 / S278 / CIL"/>
    <n v="0"/>
    <n v="86063"/>
    <s v="B5 - Based on AECOM Transport Model attribution percentages"/>
    <s v="Multiple Scenario 2 (Step 5)"/>
    <s v="Mutliple Scenario 2 (Step 5)"/>
    <s v="Essential"/>
    <x v="2"/>
    <x v="2"/>
    <x v="2"/>
    <x v="2"/>
    <x v="2"/>
    <x v="2"/>
    <x v="2"/>
    <s v="Yes"/>
    <s v="Yes"/>
    <s v="Yes"/>
    <s v="Yes"/>
    <s v="Yes"/>
    <s v="Yes"/>
    <s v="Yes"/>
    <s v=""/>
    <s v=""/>
    <s v=""/>
    <m/>
    <m/>
    <m/>
    <m/>
    <m/>
    <m/>
    <m/>
    <m/>
    <m/>
    <m/>
    <m/>
    <m/>
    <m/>
    <m/>
    <m/>
    <m/>
    <m/>
    <m/>
    <m/>
    <m/>
    <m/>
    <m/>
    <s v="Yes"/>
    <s v="Yes"/>
    <s v="Yes"/>
    <s v="Yes"/>
    <n v="18675"/>
    <n v="4.6084605087014729"/>
    <s v="GOOD"/>
    <x v="90"/>
    <x v="78"/>
    <x v="80"/>
    <x v="78"/>
    <x v="79"/>
    <x v="84"/>
    <x v="80"/>
    <x v="84"/>
    <x v="83"/>
    <x v="90"/>
    <x v="88"/>
    <x v="75"/>
    <x v="80"/>
    <x v="80"/>
    <x v="22"/>
    <x v="23"/>
    <x v="0"/>
    <m/>
    <m/>
    <m/>
    <m/>
    <m/>
    <m/>
    <m/>
    <m/>
    <m/>
    <m/>
    <m/>
    <m/>
    <m/>
    <m/>
    <m/>
    <m/>
    <m/>
    <m/>
    <m/>
    <m/>
    <m/>
    <m/>
    <x v="74"/>
    <x v="78"/>
    <x v="83"/>
    <x v="46"/>
    <n v="78853.658793209936"/>
    <n v="7209.3412067900572"/>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56"/>
    <s v="TR88"/>
    <s v="DBC IDP"/>
    <s v="Dacorum Borough Council"/>
    <x v="8"/>
    <x v="39"/>
    <s v="Retail Park access pedestrian crossing improvement"/>
    <s v="SG6-5"/>
    <s v="(SG6-5) Add marked pedestrian crossing at the retail park access roundabout arm leading to Sainsbury's "/>
    <s v="Hemel Garden Communities"/>
    <x v="58"/>
    <s v="Transformational"/>
    <s v="Off-site"/>
    <s v="Developer / Hertfordshire County Council"/>
    <s v="Hertfordshire County Council"/>
    <s v="2026-2031"/>
    <m/>
    <m/>
    <x v="227"/>
    <m/>
    <s v="S106 / S38 / S278 / CIL"/>
    <n v="0"/>
    <n v="164532"/>
    <s v="B5 - Based on AECOM Transport Model attribution percentages"/>
    <s v="Multiple Scenario 2 (Step 5)"/>
    <s v="Mutliple Scenario 2 (Step 5)"/>
    <s v="Essential"/>
    <x v="2"/>
    <x v="3"/>
    <x v="2"/>
    <x v="2"/>
    <x v="2"/>
    <x v="2"/>
    <x v="2"/>
    <s v="Yes"/>
    <s v="Yes"/>
    <s v="Yes"/>
    <s v="Yes"/>
    <s v=""/>
    <s v="Yes"/>
    <s v=""/>
    <s v=""/>
    <s v=""/>
    <s v=""/>
    <m/>
    <m/>
    <m/>
    <m/>
    <m/>
    <m/>
    <m/>
    <m/>
    <m/>
    <m/>
    <m/>
    <m/>
    <m/>
    <m/>
    <m/>
    <m/>
    <m/>
    <m/>
    <m/>
    <m/>
    <m/>
    <m/>
    <s v="Yes"/>
    <s v="Yes"/>
    <s v="Yes"/>
    <s v="Yes"/>
    <n v="17925"/>
    <n v="9.1789121338912132"/>
    <s v="GOOD"/>
    <x v="91"/>
    <x v="23"/>
    <x v="81"/>
    <x v="79"/>
    <x v="80"/>
    <x v="85"/>
    <x v="81"/>
    <x v="85"/>
    <x v="84"/>
    <x v="91"/>
    <x v="89"/>
    <x v="23"/>
    <x v="81"/>
    <x v="6"/>
    <x v="22"/>
    <x v="23"/>
    <x v="0"/>
    <m/>
    <m/>
    <m/>
    <m/>
    <m/>
    <m/>
    <m/>
    <m/>
    <m/>
    <m/>
    <m/>
    <m/>
    <m/>
    <m/>
    <m/>
    <m/>
    <m/>
    <m/>
    <m/>
    <m/>
    <m/>
    <m/>
    <x v="75"/>
    <x v="79"/>
    <x v="84"/>
    <x v="47"/>
    <n v="157209.83889317248"/>
    <n v="7322.1611068274724"/>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57"/>
    <s v="TR89"/>
    <s v="DBC IDP"/>
    <s v="Dacorum Borough Council"/>
    <x v="8"/>
    <x v="38"/>
    <s v="London Road Doolittle Meadows crossings and compact roundabout treatment"/>
    <s v="SG7-2"/>
    <s v="(SG7-2) Add new cycling crossing and improve pedestrian crossing facilities at A4251/Doolittle Meadows roundabout (create a compact roundabout by reducing the kerb radii on the approaches (mark as single lane)"/>
    <s v="Hemel Garden Communities"/>
    <x v="59"/>
    <s v="Programme Area"/>
    <s v="Off-site"/>
    <s v="Developer / Hertfordshire County Council"/>
    <s v="Hertfordshire County Council "/>
    <s v="2031-2036"/>
    <m/>
    <m/>
    <x v="228"/>
    <m/>
    <s v="S106 / S38 / S278 / CIL"/>
    <n v="0"/>
    <n v="651168"/>
    <s v="B5 - Based on AECOM Transport Model attribution percentages"/>
    <s v="Multiple Scenario 2 (Step 5)"/>
    <s v="Mutliple Scenario 2 (Step 5)"/>
    <s v="Essential"/>
    <x v="2"/>
    <x v="2"/>
    <x v="2"/>
    <x v="2"/>
    <x v="2"/>
    <x v="2"/>
    <x v="2"/>
    <s v="Yes"/>
    <s v="Yes"/>
    <s v="Yes"/>
    <s v="Yes"/>
    <s v=""/>
    <s v=""/>
    <s v="Yes"/>
    <s v=""/>
    <s v=""/>
    <s v=""/>
    <m/>
    <m/>
    <m/>
    <m/>
    <m/>
    <m/>
    <m/>
    <m/>
    <m/>
    <m/>
    <m/>
    <m/>
    <m/>
    <m/>
    <m/>
    <m/>
    <m/>
    <m/>
    <m/>
    <m/>
    <m/>
    <m/>
    <s v=""/>
    <s v=""/>
    <s v=""/>
    <s v="Yes"/>
    <n v="12741"/>
    <n v="51.108076289145281"/>
    <s v="GOOD"/>
    <x v="92"/>
    <x v="79"/>
    <x v="82"/>
    <x v="80"/>
    <x v="81"/>
    <x v="86"/>
    <x v="82"/>
    <x v="86"/>
    <x v="85"/>
    <x v="92"/>
    <x v="90"/>
    <x v="23"/>
    <x v="23"/>
    <x v="81"/>
    <x v="22"/>
    <x v="23"/>
    <x v="0"/>
    <m/>
    <m/>
    <m/>
    <m/>
    <m/>
    <m/>
    <m/>
    <m/>
    <m/>
    <m/>
    <m/>
    <m/>
    <m/>
    <m/>
    <m/>
    <m/>
    <m/>
    <m/>
    <m/>
    <m/>
    <m/>
    <m/>
    <x v="6"/>
    <x v="6"/>
    <x v="6"/>
    <x v="48"/>
    <n v="638273.58415841567"/>
    <n v="12894.415841584159"/>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58"/>
    <s v="TR90"/>
    <s v="DBC IDP"/>
    <s v="Dacorum Borough Council"/>
    <x v="8"/>
    <x v="39"/>
    <s v="London Road access to Apsley Station controlled pedestrian crossing"/>
    <s v="SG7-3"/>
    <s v="(SG7-3) Introduce signal-controlled crossing at the location of the existing uncontrolled crossing with refuge island close to the station access road. Removal of central hatched area, increase width of footway on the southern end between the crossing and station access (approx. 20m). Crossing on bus-compliant raised speed table. Removal of c.4 c4-6 car lengths of kerbside parking bays)"/>
    <s v="Hemel Garden Communities"/>
    <x v="59"/>
    <s v="Transformational"/>
    <s v="Off-site"/>
    <s v="Developer / Hertfordshire County Council"/>
    <s v="Hertfordshire County Council"/>
    <s v="2031-2036"/>
    <m/>
    <m/>
    <x v="229"/>
    <m/>
    <s v="S106 / S38 / S278 / CIL"/>
    <n v="0"/>
    <n v="457042"/>
    <s v="B5 - Based on AECOM Transport Model attribution percentages"/>
    <s v="Multiple Scenario 2 (Step 5)"/>
    <s v="Mutliple Scenario 2 (Step 5)"/>
    <s v="Essential"/>
    <x v="2"/>
    <x v="2"/>
    <x v="2"/>
    <x v="2"/>
    <x v="2"/>
    <x v="2"/>
    <x v="2"/>
    <s v="Yes"/>
    <s v="Yes"/>
    <s v="Yes"/>
    <s v="Yes"/>
    <s v=""/>
    <s v=""/>
    <s v="Yes"/>
    <s v=""/>
    <s v=""/>
    <s v=""/>
    <m/>
    <m/>
    <m/>
    <m/>
    <m/>
    <m/>
    <m/>
    <m/>
    <m/>
    <m/>
    <m/>
    <m/>
    <m/>
    <m/>
    <m/>
    <m/>
    <m/>
    <m/>
    <m/>
    <m/>
    <m/>
    <m/>
    <s v=""/>
    <s v=""/>
    <s v=""/>
    <s v="Yes"/>
    <n v="12741"/>
    <n v="35.871752609685267"/>
    <s v="GOOD"/>
    <x v="93"/>
    <x v="80"/>
    <x v="83"/>
    <x v="81"/>
    <x v="82"/>
    <x v="87"/>
    <x v="83"/>
    <x v="87"/>
    <x v="86"/>
    <x v="93"/>
    <x v="91"/>
    <x v="23"/>
    <x v="23"/>
    <x v="82"/>
    <x v="22"/>
    <x v="23"/>
    <x v="0"/>
    <m/>
    <m/>
    <m/>
    <m/>
    <m/>
    <m/>
    <m/>
    <m/>
    <m/>
    <m/>
    <m/>
    <m/>
    <m/>
    <m/>
    <m/>
    <m/>
    <m/>
    <m/>
    <m/>
    <m/>
    <m/>
    <m/>
    <x v="6"/>
    <x v="6"/>
    <x v="6"/>
    <x v="49"/>
    <n v="447991.66336633661"/>
    <n v="9050.3366336633662"/>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59"/>
    <s v="TR91"/>
    <s v="DBC IDP"/>
    <s v="Dacorum Borough Council"/>
    <x v="8"/>
    <x v="39"/>
    <s v="London Road access to Doolittle Meadows controlled pedestrian crossing"/>
    <s v="SG7-4"/>
    <s v="(SG7-4) Introduce signal-controlled crossing at the location of the existing uncontrolled crossing west of the A4251/Doolittle Meadows Roundabout, on bus-compliant raised speed table"/>
    <s v="Hemel Garden Communities"/>
    <x v="59"/>
    <s v="Transformational"/>
    <s v="Off-site"/>
    <s v="Developer / Hertfordshire County Council"/>
    <s v="Hertfordshire County Council"/>
    <s v="2031-2036"/>
    <m/>
    <m/>
    <x v="230"/>
    <m/>
    <s v="S106 / S38 / S278 / CIL"/>
    <n v="0"/>
    <n v="553714"/>
    <s v="B5 - Based on AECOM Transport Model attribution percentages"/>
    <s v="Multiple Scenario 2 (Step 5)"/>
    <s v="Mutliple Scenario 2 (Step 5)"/>
    <s v="Essential"/>
    <x v="2"/>
    <x v="2"/>
    <x v="2"/>
    <x v="2"/>
    <x v="2"/>
    <x v="2"/>
    <x v="2"/>
    <s v="Yes"/>
    <s v="Yes"/>
    <s v="Yes"/>
    <s v="Yes"/>
    <s v=""/>
    <s v=""/>
    <s v="Yes"/>
    <s v=""/>
    <s v=""/>
    <s v=""/>
    <m/>
    <m/>
    <m/>
    <m/>
    <m/>
    <m/>
    <m/>
    <m/>
    <m/>
    <m/>
    <m/>
    <m/>
    <m/>
    <m/>
    <m/>
    <m/>
    <m/>
    <m/>
    <m/>
    <m/>
    <m/>
    <m/>
    <s v=""/>
    <s v=""/>
    <s v=""/>
    <s v="Yes"/>
    <n v="12741"/>
    <n v="43.459226120398711"/>
    <s v="GOOD"/>
    <x v="94"/>
    <x v="81"/>
    <x v="84"/>
    <x v="82"/>
    <x v="83"/>
    <x v="88"/>
    <x v="84"/>
    <x v="88"/>
    <x v="87"/>
    <x v="94"/>
    <x v="92"/>
    <x v="23"/>
    <x v="23"/>
    <x v="83"/>
    <x v="22"/>
    <x v="23"/>
    <x v="0"/>
    <m/>
    <m/>
    <m/>
    <m/>
    <m/>
    <m/>
    <m/>
    <m/>
    <m/>
    <m/>
    <m/>
    <m/>
    <m/>
    <m/>
    <m/>
    <m/>
    <m/>
    <m/>
    <m/>
    <m/>
    <m/>
    <m/>
    <x v="6"/>
    <x v="6"/>
    <x v="6"/>
    <x v="50"/>
    <n v="542749.36633663368"/>
    <n v="10964.633663366336"/>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60"/>
    <s v="TR92"/>
    <s v="DBC IDP"/>
    <s v="Dacorum Borough Council"/>
    <x v="8"/>
    <x v="39"/>
    <s v="Traffic calming approach Doolittle Meadows"/>
    <s v="SG7-5"/>
    <s v="(SG7-5) Add speed cushions on the approaches to A4251/Doolittle Meadows roundabout"/>
    <s v="Hemel Garden Communities"/>
    <x v="59"/>
    <s v="Transformational"/>
    <s v="Off-site"/>
    <s v="Developer / Hertfordshire County Council"/>
    <s v="Hertfordshire County Council"/>
    <s v="2031-2036"/>
    <m/>
    <m/>
    <x v="231"/>
    <m/>
    <s v="S106 / S38 / S278 / CIL"/>
    <n v="0"/>
    <n v="72774"/>
    <s v="B5 - Based on AECOM Transport Model attribution percentages"/>
    <s v="Multiple Scenario 2 (Step 5)"/>
    <s v="Mutliple Scenario 2 (Step 5)"/>
    <s v="Essential"/>
    <x v="2"/>
    <x v="2"/>
    <x v="2"/>
    <x v="2"/>
    <x v="2"/>
    <x v="2"/>
    <x v="2"/>
    <s v="Yes"/>
    <s v="Yes"/>
    <s v="Yes"/>
    <s v="Yes"/>
    <s v=""/>
    <s v=""/>
    <s v="Yes"/>
    <s v=""/>
    <s v=""/>
    <s v=""/>
    <m/>
    <m/>
    <m/>
    <m/>
    <m/>
    <m/>
    <m/>
    <m/>
    <m/>
    <m/>
    <m/>
    <m/>
    <m/>
    <m/>
    <m/>
    <m/>
    <m/>
    <m/>
    <m/>
    <m/>
    <m/>
    <m/>
    <s v=""/>
    <s v=""/>
    <s v=""/>
    <s v="Yes"/>
    <n v="12741"/>
    <n v="5.7117965622792557"/>
    <s v="GOOD"/>
    <x v="95"/>
    <x v="82"/>
    <x v="85"/>
    <x v="83"/>
    <x v="84"/>
    <x v="89"/>
    <x v="85"/>
    <x v="89"/>
    <x v="88"/>
    <x v="95"/>
    <x v="93"/>
    <x v="23"/>
    <x v="23"/>
    <x v="84"/>
    <x v="22"/>
    <x v="23"/>
    <x v="0"/>
    <m/>
    <m/>
    <m/>
    <m/>
    <m/>
    <m/>
    <m/>
    <m/>
    <m/>
    <m/>
    <m/>
    <m/>
    <m/>
    <m/>
    <m/>
    <m/>
    <m/>
    <m/>
    <m/>
    <m/>
    <m/>
    <m/>
    <x v="6"/>
    <x v="6"/>
    <x v="6"/>
    <x v="51"/>
    <n v="71332.930693069313"/>
    <n v="1441.0693069306931"/>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61"/>
    <s v="TR93"/>
    <s v="DBC IDP"/>
    <s v="Dacorum Borough Council"/>
    <x v="8"/>
    <x v="39"/>
    <s v="London Road Apsley pedestrian capacity enhancement"/>
    <s v="SG7-6"/>
    <s v="(SG7-6) Increase pedestrian capacity (Widen footways and/or reallocate carriageway space)"/>
    <s v="Hemel Garden Communities"/>
    <x v="59"/>
    <s v="Transformational"/>
    <s v="Off-site"/>
    <s v="Developer / Hertfordshire County Council"/>
    <s v="Hertfordshire County Council"/>
    <s v="2031-2036"/>
    <m/>
    <m/>
    <x v="232"/>
    <m/>
    <s v="S106 / S38 / S278 / CIL"/>
    <n v="0"/>
    <n v="1518759"/>
    <s v="B5 - Based on AECOM Transport Model attribution percentages"/>
    <s v="Multiple Scenario 2 (Step 5)"/>
    <s v="Mutliple Scenario 2 (Step 5)"/>
    <s v="Essential"/>
    <x v="2"/>
    <x v="2"/>
    <x v="2"/>
    <x v="2"/>
    <x v="2"/>
    <x v="2"/>
    <x v="2"/>
    <s v="Yes"/>
    <s v="Yes"/>
    <s v="Yes"/>
    <s v="Yes"/>
    <s v=""/>
    <s v=""/>
    <s v="Yes"/>
    <s v=""/>
    <s v=""/>
    <s v=""/>
    <m/>
    <m/>
    <m/>
    <m/>
    <m/>
    <m/>
    <m/>
    <m/>
    <m/>
    <m/>
    <m/>
    <m/>
    <m/>
    <m/>
    <m/>
    <m/>
    <m/>
    <m/>
    <m/>
    <m/>
    <m/>
    <m/>
    <s v=""/>
    <s v=""/>
    <s v=""/>
    <s v="Yes"/>
    <n v="12741"/>
    <n v="119.20249587944431"/>
    <s v="GOOD"/>
    <x v="96"/>
    <x v="83"/>
    <x v="86"/>
    <x v="84"/>
    <x v="85"/>
    <x v="90"/>
    <x v="86"/>
    <x v="90"/>
    <x v="89"/>
    <x v="96"/>
    <x v="94"/>
    <x v="23"/>
    <x v="23"/>
    <x v="85"/>
    <x v="22"/>
    <x v="23"/>
    <x v="0"/>
    <m/>
    <m/>
    <m/>
    <m/>
    <m/>
    <m/>
    <m/>
    <m/>
    <m/>
    <m/>
    <m/>
    <m/>
    <m/>
    <m/>
    <m/>
    <m/>
    <m/>
    <m/>
    <m/>
    <m/>
    <m/>
    <m/>
    <x v="6"/>
    <x v="6"/>
    <x v="6"/>
    <x v="52"/>
    <n v="1488684.5643564358"/>
    <n v="30074.435643564357"/>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62"/>
    <s v="TR94"/>
    <s v="DBC IDP"/>
    <s v="Dacorum Borough Council"/>
    <x v="8"/>
    <x v="39"/>
    <s v="London Road Apsley Wayfinding signage"/>
    <s v="SG7-7"/>
    <s v="(SG7-7) Introduce way-finding signage indicating pedestrian routes between London Road and canal "/>
    <s v="Hemel Garden Communities"/>
    <x v="59"/>
    <s v="Transformational"/>
    <s v="Off-site"/>
    <s v="Developer / Hertfordshire County Council"/>
    <s v="Hertfordshire County Council"/>
    <s v="2031-2036"/>
    <m/>
    <m/>
    <x v="233"/>
    <m/>
    <s v="S106 / S38 / S278 / CIL"/>
    <n v="0"/>
    <n v="20883"/>
    <s v="B5 - Based on AECOM Transport Model attribution percentages"/>
    <s v="Multiple Scenario 2 (Step 5)"/>
    <s v="Mutliple Scenario 2 (Step 5)"/>
    <s v="Essential"/>
    <x v="2"/>
    <x v="2"/>
    <x v="2"/>
    <x v="2"/>
    <x v="2"/>
    <x v="2"/>
    <x v="2"/>
    <s v="Yes"/>
    <s v="Yes"/>
    <s v="Yes"/>
    <s v="Yes"/>
    <s v=""/>
    <s v=""/>
    <s v="Yes"/>
    <s v=""/>
    <s v=""/>
    <s v=""/>
    <m/>
    <m/>
    <m/>
    <m/>
    <m/>
    <m/>
    <m/>
    <m/>
    <m/>
    <m/>
    <m/>
    <m/>
    <m/>
    <m/>
    <m/>
    <m/>
    <m/>
    <m/>
    <m/>
    <m/>
    <m/>
    <m/>
    <s v=""/>
    <s v=""/>
    <s v=""/>
    <s v="Yes"/>
    <n v="12741"/>
    <n v="1.6390393218742643"/>
    <s v="GOOD"/>
    <x v="97"/>
    <x v="84"/>
    <x v="87"/>
    <x v="85"/>
    <x v="86"/>
    <x v="91"/>
    <x v="87"/>
    <x v="91"/>
    <x v="90"/>
    <x v="97"/>
    <x v="95"/>
    <x v="23"/>
    <x v="23"/>
    <x v="86"/>
    <x v="22"/>
    <x v="23"/>
    <x v="0"/>
    <m/>
    <m/>
    <m/>
    <m/>
    <m/>
    <m/>
    <m/>
    <m/>
    <m/>
    <m/>
    <m/>
    <m/>
    <m/>
    <m/>
    <m/>
    <m/>
    <m/>
    <m/>
    <m/>
    <m/>
    <m/>
    <m/>
    <x v="6"/>
    <x v="6"/>
    <x v="6"/>
    <x v="53"/>
    <n v="20469.475247524751"/>
    <n v="413.52475247524751"/>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63"/>
    <s v="TR95"/>
    <s v="DBC IDP"/>
    <s v="Dacorum Borough Council"/>
    <x v="8"/>
    <x v="39"/>
    <s v="Great Elms Road side arm crossing improvements"/>
    <s v="SG8-1"/>
    <s v="(SG8-1) Add tactile paving; add dropped kerbs; improve signage and wayfinding at junctions between Great Elms Road with (a) Belswains Lane, (b) Ash Grove, (c) Oakdene Road. "/>
    <s v="Hemel Garden Communities"/>
    <x v="8"/>
    <s v="Programme Area / Transformational"/>
    <s v="Off-site"/>
    <s v="Developer / Dacorum Borough Council / Hertfordshire County Council"/>
    <s v="Hertfordshire County Council"/>
    <s v="2026-2031"/>
    <m/>
    <m/>
    <x v="234"/>
    <m/>
    <s v="S106 / S38 / S278 / CIL"/>
    <n v="0"/>
    <n v="4109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9359717314487632"/>
    <s v="GOOD"/>
    <x v="98"/>
    <x v="85"/>
    <x v="88"/>
    <x v="86"/>
    <x v="87"/>
    <x v="92"/>
    <x v="88"/>
    <x v="92"/>
    <x v="91"/>
    <x v="98"/>
    <x v="96"/>
    <x v="76"/>
    <x v="82"/>
    <x v="87"/>
    <x v="70"/>
    <x v="73"/>
    <x v="61"/>
    <s v=""/>
    <s v=""/>
    <s v=""/>
    <s v=""/>
    <s v=""/>
    <s v=""/>
    <s v=""/>
    <s v=""/>
    <s v=""/>
    <s v=""/>
    <s v=""/>
    <s v=""/>
    <s v=""/>
    <s v=""/>
    <s v=""/>
    <s v=""/>
    <s v=""/>
    <s v=""/>
    <s v=""/>
    <s v=""/>
    <s v=""/>
    <s v=""/>
    <x v="76"/>
    <x v="80"/>
    <x v="85"/>
    <x v="54"/>
    <n v="24304.18911660778"/>
    <n v="16786.81088339222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64"/>
    <s v="TR96"/>
    <s v="DBC IDP"/>
    <s v="Dacorum Borough Council"/>
    <x v="8"/>
    <x v="39"/>
    <s v="Great Elms Road to Mulready Walk controlled crossing"/>
    <s v="SG8-2"/>
    <s v="(SG8-2) Provide signal-controlled pedestrian crossing facility on Belswains Lane between Great Elms Rd and Mulready Walk. Consider kerb-build out on northern side, removing narrow central hatched area within carriageway"/>
    <s v="Hemel Garden Communities"/>
    <x v="8"/>
    <s v="Programme Area / Transformational"/>
    <s v="Off-site"/>
    <s v="Developer / Hertfordshire County Council"/>
    <s v="Hertfordshire County Council"/>
    <s v="2026-2031"/>
    <m/>
    <m/>
    <x v="235"/>
    <m/>
    <s v="S106 / S38 / S278 / CIL"/>
    <n v="0"/>
    <n v="381968"/>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7.996136631330977"/>
    <s v="GOOD"/>
    <x v="99"/>
    <x v="86"/>
    <x v="89"/>
    <x v="87"/>
    <x v="88"/>
    <x v="93"/>
    <x v="89"/>
    <x v="93"/>
    <x v="92"/>
    <x v="99"/>
    <x v="97"/>
    <x v="77"/>
    <x v="83"/>
    <x v="88"/>
    <x v="71"/>
    <x v="74"/>
    <x v="62"/>
    <s v=""/>
    <s v=""/>
    <s v=""/>
    <s v=""/>
    <s v=""/>
    <s v=""/>
    <s v=""/>
    <s v=""/>
    <s v=""/>
    <s v=""/>
    <s v=""/>
    <s v=""/>
    <s v=""/>
    <s v=""/>
    <s v=""/>
    <s v=""/>
    <s v=""/>
    <s v=""/>
    <s v=""/>
    <s v=""/>
    <s v=""/>
    <s v=""/>
    <x v="77"/>
    <x v="81"/>
    <x v="86"/>
    <x v="55"/>
    <n v="225923.49926972913"/>
    <n v="156044.500730270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65"/>
    <s v="TR97"/>
    <s v="DBC IDP"/>
    <s v="Dacorum Borough Council"/>
    <x v="8"/>
    <x v="39"/>
    <s v="Great Elms Road side arm crossing and kerb radii treatments"/>
    <s v="SG8-3"/>
    <s v="(SG8-3) Tighten kerb radii and reduce crossing widths junctions between Great Elms Rd and (a) Kings Ave, (b) Oak St, (c) Barnfield, (d) Sanders Rd, (e) Deansway, (f) Horselers, (g) Candlefield Rd. Introduce tactile paving and provide contrasting surface treatment to denote crossings. "/>
    <s v="Hemel Garden Communities"/>
    <x v="8"/>
    <s v="Programme Area / Transformational"/>
    <s v="Off-site"/>
    <s v="Developer / Hertfordshire County Council"/>
    <s v="Hertfordshire County Council"/>
    <s v="2026-2031"/>
    <m/>
    <m/>
    <x v="236"/>
    <m/>
    <s v="S106 / S38 / S278 / CIL"/>
    <n v="0"/>
    <n v="109218"/>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5.1457243816254419"/>
    <s v="GOOD"/>
    <x v="100"/>
    <x v="87"/>
    <x v="90"/>
    <x v="88"/>
    <x v="89"/>
    <x v="94"/>
    <x v="90"/>
    <x v="94"/>
    <x v="93"/>
    <x v="100"/>
    <x v="98"/>
    <x v="78"/>
    <x v="84"/>
    <x v="89"/>
    <x v="72"/>
    <x v="75"/>
    <x v="63"/>
    <s v=""/>
    <s v=""/>
    <s v=""/>
    <s v=""/>
    <s v=""/>
    <s v=""/>
    <s v=""/>
    <s v=""/>
    <s v=""/>
    <s v=""/>
    <s v=""/>
    <s v=""/>
    <s v=""/>
    <s v=""/>
    <s v=""/>
    <s v=""/>
    <s v=""/>
    <s v=""/>
    <s v=""/>
    <s v=""/>
    <s v=""/>
    <s v=""/>
    <x v="78"/>
    <x v="82"/>
    <x v="87"/>
    <x v="56"/>
    <n v="64599.42388692579"/>
    <n v="44618.57611307420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66"/>
    <s v="TR98"/>
    <s v="DBC IDP"/>
    <s v="Dacorum Borough Council"/>
    <x v="8"/>
    <x v="39"/>
    <s v="Great Elms Road &amp; Candlefield Road traffic calming"/>
    <s v="SG8-4"/>
    <s v="(SG8-4) Provide traffic calming features along Great Elms Rd and Candlefield Rd - speed cushions"/>
    <s v="Hemel Garden Communities"/>
    <x v="8"/>
    <s v="Programme Area / Transformational"/>
    <s v="Off-site"/>
    <s v="Developer / Hertfordshire County Council"/>
    <s v="Hertfordshire County Council"/>
    <s v="2026-2031"/>
    <m/>
    <m/>
    <x v="231"/>
    <m/>
    <s v="S106 / S38 / S278 / CIL"/>
    <n v="0"/>
    <n v="72774"/>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3.4286925795053005"/>
    <s v="GOOD"/>
    <x v="101"/>
    <x v="88"/>
    <x v="91"/>
    <x v="89"/>
    <x v="90"/>
    <x v="95"/>
    <x v="91"/>
    <x v="95"/>
    <x v="94"/>
    <x v="101"/>
    <x v="99"/>
    <x v="79"/>
    <x v="85"/>
    <x v="90"/>
    <x v="73"/>
    <x v="76"/>
    <x v="64"/>
    <s v=""/>
    <s v=""/>
    <s v=""/>
    <s v=""/>
    <s v=""/>
    <s v=""/>
    <s v=""/>
    <s v=""/>
    <s v=""/>
    <s v=""/>
    <s v=""/>
    <s v=""/>
    <s v=""/>
    <s v=""/>
    <s v=""/>
    <s v=""/>
    <s v=""/>
    <s v=""/>
    <s v=""/>
    <s v=""/>
    <s v=""/>
    <s v=""/>
    <x v="79"/>
    <x v="83"/>
    <x v="88"/>
    <x v="57"/>
    <n v="43043.806643109543"/>
    <n v="29730.19335689046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67"/>
    <s v="TR99"/>
    <s v="DBC IDP"/>
    <s v="Dacorum Borough Council"/>
    <x v="8"/>
    <x v="39"/>
    <s v="Great Elms Road pavement parking prevention"/>
    <s v="SG8-5"/>
    <s v="(SG8-5) Introduce bollards to discourage or prevent pavement parking"/>
    <s v="Hemel Garden Communities"/>
    <x v="8"/>
    <s v="Programme Area / Transformational"/>
    <s v="Off-site"/>
    <s v="Developer / Hertfordshire County Council"/>
    <s v="Hertfordshire County Council"/>
    <s v="2026-2031"/>
    <m/>
    <m/>
    <x v="237"/>
    <m/>
    <s v="S106 / S38 / S278 / CIL"/>
    <n v="0"/>
    <n v="253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11924617196702002"/>
    <s v="GOOD"/>
    <x v="102"/>
    <x v="89"/>
    <x v="92"/>
    <x v="90"/>
    <x v="91"/>
    <x v="96"/>
    <x v="92"/>
    <x v="96"/>
    <x v="95"/>
    <x v="102"/>
    <x v="100"/>
    <x v="80"/>
    <x v="86"/>
    <x v="91"/>
    <x v="74"/>
    <x v="77"/>
    <x v="65"/>
    <s v=""/>
    <s v=""/>
    <s v=""/>
    <s v=""/>
    <s v=""/>
    <s v=""/>
    <s v=""/>
    <s v=""/>
    <s v=""/>
    <s v=""/>
    <s v=""/>
    <s v=""/>
    <s v=""/>
    <s v=""/>
    <s v=""/>
    <s v=""/>
    <s v=""/>
    <s v=""/>
    <s v=""/>
    <s v=""/>
    <s v=""/>
    <s v=""/>
    <x v="80"/>
    <x v="84"/>
    <x v="89"/>
    <x v="58"/>
    <n v="1497.0164428739695"/>
    <n v="1033.9835571260305"/>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68"/>
    <s v="TR100"/>
    <s v="DBC IDP"/>
    <s v="Dacorum Borough Council"/>
    <x v="8"/>
    <x v="39"/>
    <s v="Great Elms Road - Coronation Fields crossing"/>
    <s v="SG8-6"/>
    <s v="(SG8-6) Introduce un-controlled crossing with tactile paving on raised speed table adjacent to Coronation Fields, linking the footpaths leading away from Great Elms Road on either side"/>
    <s v="Hemel Garden Communities"/>
    <x v="8"/>
    <s v="Programme Area / Transformational"/>
    <s v="Off-site"/>
    <s v="Developer / Hertfordshire County Council"/>
    <s v="Hertfordshire County Council"/>
    <s v="2026-2031"/>
    <m/>
    <m/>
    <x v="238"/>
    <m/>
    <s v="S106 / S38 / S278 / CIL"/>
    <n v="0"/>
    <n v="175239"/>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8.2562544169611307"/>
    <s v="GOOD"/>
    <x v="103"/>
    <x v="90"/>
    <x v="93"/>
    <x v="91"/>
    <x v="92"/>
    <x v="97"/>
    <x v="93"/>
    <x v="97"/>
    <x v="96"/>
    <x v="103"/>
    <x v="101"/>
    <x v="81"/>
    <x v="87"/>
    <x v="92"/>
    <x v="75"/>
    <x v="78"/>
    <x v="66"/>
    <s v=""/>
    <s v=""/>
    <s v=""/>
    <s v=""/>
    <s v=""/>
    <s v=""/>
    <s v=""/>
    <s v=""/>
    <s v=""/>
    <s v=""/>
    <s v=""/>
    <s v=""/>
    <s v=""/>
    <s v=""/>
    <s v=""/>
    <s v=""/>
    <s v=""/>
    <s v=""/>
    <s v=""/>
    <s v=""/>
    <s v=""/>
    <s v=""/>
    <x v="81"/>
    <x v="85"/>
    <x v="90"/>
    <x v="59"/>
    <n v="103649.01795053005"/>
    <n v="71589.982049469967"/>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69"/>
    <s v="TR101"/>
    <s v="DBC IDP"/>
    <s v="Dacorum Borough Council"/>
    <x v="8"/>
    <x v="39"/>
    <s v="Great Elms Road and Candlefield Road Cycle Hangers"/>
    <s v="SG8-7"/>
    <s v="(SG8-7) Add cycle hanger storage facilities (x3) for residents"/>
    <s v="Hemel Garden Communities"/>
    <x v="8"/>
    <s v="Programme Area / Transformational"/>
    <s v="Off-site"/>
    <s v="Developer / Hertfordshire County Council"/>
    <s v="Hertfordshire County Council"/>
    <s v="2026-2031"/>
    <m/>
    <m/>
    <x v="239"/>
    <m/>
    <s v="S106 / S38 / S278 / CIL"/>
    <n v="0"/>
    <n v="49977"/>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2.3546289752650176"/>
    <s v="GOOD"/>
    <x v="104"/>
    <x v="91"/>
    <x v="94"/>
    <x v="92"/>
    <x v="93"/>
    <x v="98"/>
    <x v="94"/>
    <x v="98"/>
    <x v="97"/>
    <x v="104"/>
    <x v="102"/>
    <x v="82"/>
    <x v="88"/>
    <x v="93"/>
    <x v="76"/>
    <x v="79"/>
    <x v="67"/>
    <s v=""/>
    <s v=""/>
    <s v=""/>
    <s v=""/>
    <s v=""/>
    <s v=""/>
    <s v=""/>
    <s v=""/>
    <s v=""/>
    <s v=""/>
    <s v=""/>
    <s v=""/>
    <s v=""/>
    <s v=""/>
    <s v=""/>
    <s v=""/>
    <s v=""/>
    <s v=""/>
    <s v=""/>
    <s v=""/>
    <s v=""/>
    <s v=""/>
    <x v="82"/>
    <x v="86"/>
    <x v="91"/>
    <x v="60"/>
    <n v="29560.01215547703"/>
    <n v="20416.98784452296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70"/>
    <s v="TR102"/>
    <s v="DBC IDP"/>
    <s v="Dacorum Borough Council"/>
    <x v="8"/>
    <x v="39"/>
    <s v="Peascroft Road cycle route and side-arm junction Copenhagen crossings"/>
    <s v="SG9-1"/>
    <s v="(SG9-1) New off-carriageway shared footway cycleway between Bennetts End Road and existing cycle route which links Northend and Malmes Court, incorporating Copenhagen Crossings (3x) on Kiln Ground, St Michaels Avenue and Kilncroft"/>
    <s v="Hemel Garden Communities"/>
    <x v="8"/>
    <s v="Programme Area / Transformational"/>
    <s v="Off-site"/>
    <s v="Developer / Hertfordshire County Council"/>
    <s v="Hertfordshire County Council"/>
    <s v="2026-2031"/>
    <m/>
    <m/>
    <x v="240"/>
    <m/>
    <s v="S106 / S38 / S278 / CIL"/>
    <n v="0"/>
    <n v="1376375"/>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64.846878680800941"/>
    <s v="GOOD"/>
    <x v="105"/>
    <x v="92"/>
    <x v="95"/>
    <x v="93"/>
    <x v="94"/>
    <x v="99"/>
    <x v="95"/>
    <x v="99"/>
    <x v="98"/>
    <x v="105"/>
    <x v="103"/>
    <x v="83"/>
    <x v="89"/>
    <x v="94"/>
    <x v="77"/>
    <x v="80"/>
    <x v="68"/>
    <s v=""/>
    <s v=""/>
    <s v=""/>
    <s v=""/>
    <s v=""/>
    <s v=""/>
    <s v=""/>
    <s v=""/>
    <s v=""/>
    <s v=""/>
    <s v=""/>
    <s v=""/>
    <s v=""/>
    <s v=""/>
    <s v=""/>
    <s v=""/>
    <s v=""/>
    <s v=""/>
    <s v=""/>
    <s v=""/>
    <s v=""/>
    <s v=""/>
    <x v="83"/>
    <x v="87"/>
    <x v="92"/>
    <x v="61"/>
    <n v="814087.71495877509"/>
    <n v="562287.2850412249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71"/>
    <s v="TR103"/>
    <s v="DBC IDP"/>
    <s v="Dacorum Borough Council"/>
    <x v="8"/>
    <x v="39"/>
    <s v="Peascroft Road-Bennetts End Road Junction cycle crossing improvements"/>
    <s v="SG9-2"/>
    <s v="(SG9-2) Improve cycling crossing facilities using road markings at Bennetts End Rd/ Peascroft Rd mini-roundabout"/>
    <s v="Hemel Garden Communities"/>
    <x v="8"/>
    <s v="Programme Area / Transformational"/>
    <s v="Off-site"/>
    <s v="Developer / Hertfordshire County Council"/>
    <s v="Hertfordshire County Council"/>
    <s v="2026-2031"/>
    <m/>
    <m/>
    <x v="241"/>
    <m/>
    <s v="S106 / S38 / S278 / CIL"/>
    <n v="0"/>
    <n v="132"/>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6.2190812720848056E-3"/>
    <s v="GOOD"/>
    <x v="106"/>
    <x v="93"/>
    <x v="96"/>
    <x v="94"/>
    <x v="95"/>
    <x v="100"/>
    <x v="96"/>
    <x v="100"/>
    <x v="99"/>
    <x v="106"/>
    <x v="104"/>
    <x v="84"/>
    <x v="90"/>
    <x v="95"/>
    <x v="78"/>
    <x v="81"/>
    <x v="69"/>
    <s v=""/>
    <s v=""/>
    <s v=""/>
    <s v=""/>
    <s v=""/>
    <s v=""/>
    <s v=""/>
    <s v=""/>
    <s v=""/>
    <s v=""/>
    <s v=""/>
    <s v=""/>
    <s v=""/>
    <s v=""/>
    <s v=""/>
    <s v=""/>
    <s v=""/>
    <s v=""/>
    <s v=""/>
    <s v=""/>
    <s v=""/>
    <s v=""/>
    <x v="84"/>
    <x v="88"/>
    <x v="93"/>
    <x v="62"/>
    <n v="78.074346289752654"/>
    <n v="53.92565371024735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72"/>
    <s v="TR104"/>
    <s v="DBC IDP"/>
    <s v="Dacorum Borough Council"/>
    <x v="8"/>
    <x v="39"/>
    <s v="Peascroft Road mini roundabout traffic calming"/>
    <s v="SG9-3"/>
    <s v="(SG9-3) Provide speed cushions on two approaches to Bennetts End Rd/ Peascroft Rd mini-roundabout. Note: this area falls within a wider area identified by HCC as being a potential 20mph zone, subject to further investigation. "/>
    <s v="Hemel Garden Communities"/>
    <x v="8"/>
    <s v="Programme Area / Transformational"/>
    <s v="Off-site"/>
    <s v="Developer / Hertfordshire County Council"/>
    <s v="Hertfordshire County Council"/>
    <s v="2026-2031"/>
    <m/>
    <m/>
    <x v="231"/>
    <m/>
    <s v="S106 / S38 / S278 / CIL"/>
    <n v="0"/>
    <n v="72774"/>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3.4286925795053005"/>
    <s v="GOOD"/>
    <x v="101"/>
    <x v="88"/>
    <x v="91"/>
    <x v="89"/>
    <x v="90"/>
    <x v="95"/>
    <x v="91"/>
    <x v="95"/>
    <x v="94"/>
    <x v="101"/>
    <x v="99"/>
    <x v="79"/>
    <x v="85"/>
    <x v="90"/>
    <x v="73"/>
    <x v="76"/>
    <x v="64"/>
    <s v=""/>
    <s v=""/>
    <s v=""/>
    <s v=""/>
    <s v=""/>
    <s v=""/>
    <s v=""/>
    <s v=""/>
    <s v=""/>
    <s v=""/>
    <s v=""/>
    <s v=""/>
    <s v=""/>
    <s v=""/>
    <s v=""/>
    <s v=""/>
    <s v=""/>
    <s v=""/>
    <s v=""/>
    <s v=""/>
    <s v=""/>
    <s v=""/>
    <x v="79"/>
    <x v="83"/>
    <x v="88"/>
    <x v="57"/>
    <n v="43043.806643109543"/>
    <n v="29730.19335689046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73"/>
    <s v="TR105"/>
    <s v="DBC IDP"/>
    <s v="Dacorum Borough Council"/>
    <x v="8"/>
    <x v="39"/>
    <s v="Pescroft Road pavement parking restrictions"/>
    <s v="SG9-5"/>
    <s v="(SG9-5) Physical parking control measures such as bollards, double yellow lines to prevent cars parking on footway"/>
    <s v="Hemel Garden Communities"/>
    <x v="8"/>
    <s v="Programme Area / Transformational"/>
    <s v="Off-site"/>
    <s v="Developer / Hertfordshire County Council"/>
    <s v="Hertfordshire County Council"/>
    <s v="2026-2031"/>
    <m/>
    <m/>
    <x v="187"/>
    <m/>
    <s v="S106 / S38 / S278 / CIL"/>
    <n v="0"/>
    <n v="7594"/>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35778563015312131"/>
    <s v="GOOD"/>
    <x v="107"/>
    <x v="94"/>
    <x v="97"/>
    <x v="95"/>
    <x v="96"/>
    <x v="101"/>
    <x v="97"/>
    <x v="101"/>
    <x v="100"/>
    <x v="107"/>
    <x v="105"/>
    <x v="85"/>
    <x v="91"/>
    <x v="96"/>
    <x v="79"/>
    <x v="82"/>
    <x v="70"/>
    <s v=""/>
    <s v=""/>
    <s v=""/>
    <s v=""/>
    <s v=""/>
    <s v=""/>
    <s v=""/>
    <s v=""/>
    <s v=""/>
    <s v=""/>
    <s v=""/>
    <s v=""/>
    <s v=""/>
    <s v=""/>
    <s v=""/>
    <s v=""/>
    <s v=""/>
    <s v=""/>
    <s v=""/>
    <s v=""/>
    <s v=""/>
    <s v=""/>
    <x v="85"/>
    <x v="89"/>
    <x v="94"/>
    <x v="63"/>
    <n v="4491.6408009422848"/>
    <n v="3102.359199057715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74"/>
    <s v="TR106"/>
    <s v="DBC IDP"/>
    <s v="Dacorum Borough Council"/>
    <x v="8"/>
    <x v="39"/>
    <s v="Peascroft Road/Northend cycle stands"/>
    <s v="SG9-6"/>
    <s v="(SG9-6) Add cycle stands (x4) along the route, opposite the green space near Kilncroft and Longfield"/>
    <s v="Hemel Garden Communities"/>
    <x v="8"/>
    <s v="Programme Area / Transformational"/>
    <s v="Off-site"/>
    <s v="Developer / Hertfordshire County Council"/>
    <s v="Hertfordshire County Council"/>
    <s v="2026-2031"/>
    <m/>
    <m/>
    <x v="242"/>
    <m/>
    <s v="S106 / S38 / S278 / CIL"/>
    <n v="0"/>
    <n v="797"/>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3.7550058892815076E-2"/>
    <s v="GOOD"/>
    <x v="108"/>
    <x v="95"/>
    <x v="98"/>
    <x v="96"/>
    <x v="97"/>
    <x v="102"/>
    <x v="98"/>
    <x v="102"/>
    <x v="101"/>
    <x v="108"/>
    <x v="106"/>
    <x v="86"/>
    <x v="92"/>
    <x v="97"/>
    <x v="80"/>
    <x v="83"/>
    <x v="71"/>
    <s v=""/>
    <s v=""/>
    <s v=""/>
    <s v=""/>
    <s v=""/>
    <s v=""/>
    <s v=""/>
    <s v=""/>
    <s v=""/>
    <s v=""/>
    <s v=""/>
    <s v=""/>
    <s v=""/>
    <s v=""/>
    <s v=""/>
    <s v=""/>
    <s v=""/>
    <s v=""/>
    <s v=""/>
    <s v=""/>
    <s v=""/>
    <s v=""/>
    <x v="86"/>
    <x v="90"/>
    <x v="95"/>
    <x v="64"/>
    <n v="471.40343934040033"/>
    <n v="325.5965606595995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75"/>
    <s v="TR107"/>
    <s v="DBC IDP"/>
    <s v="Dacorum Borough Council"/>
    <x v="8"/>
    <x v="39"/>
    <s v="Malmes Croft off-carriageway cycle route"/>
    <s v="SG9-7"/>
    <s v="(SG9-7) New off-carriageway shared footway cycleway at eastern end of Malmes Croft, between Windermere Close and Leverstock Green Way"/>
    <s v="Hemel Garden Communities"/>
    <x v="8"/>
    <s v="Programme Area / Transformational"/>
    <s v="Off-site"/>
    <s v="Developer / Hertfordshire County Council"/>
    <s v="Hertfordshire County Council"/>
    <s v="2026-2031"/>
    <m/>
    <m/>
    <x v="243"/>
    <m/>
    <s v="S106 / S38 / S278 / CIL"/>
    <n v="0"/>
    <n v="113907"/>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5.3666431095406359"/>
    <s v="GOOD"/>
    <x v="109"/>
    <x v="96"/>
    <x v="99"/>
    <x v="97"/>
    <x v="98"/>
    <x v="103"/>
    <x v="99"/>
    <x v="103"/>
    <x v="102"/>
    <x v="109"/>
    <x v="107"/>
    <x v="87"/>
    <x v="93"/>
    <x v="98"/>
    <x v="81"/>
    <x v="84"/>
    <x v="72"/>
    <s v=""/>
    <s v=""/>
    <s v=""/>
    <s v=""/>
    <s v=""/>
    <s v=""/>
    <s v=""/>
    <s v=""/>
    <s v=""/>
    <s v=""/>
    <s v=""/>
    <s v=""/>
    <s v=""/>
    <s v=""/>
    <s v=""/>
    <s v=""/>
    <s v=""/>
    <s v=""/>
    <s v=""/>
    <s v=""/>
    <s v=""/>
    <s v=""/>
    <x v="87"/>
    <x v="91"/>
    <x v="96"/>
    <x v="65"/>
    <n v="67372.837597173144"/>
    <n v="46534.16240282685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76"/>
    <s v="TR108"/>
    <s v="DBC IDP"/>
    <s v="Dacorum Borough Council"/>
    <x v="8"/>
    <x v="39"/>
    <s v="Leverstock Green Way Village Centre to A414 Cycle Route"/>
    <s v="SG10-1"/>
    <s v="(SG10-1) New off-carriageway shared use cycle and footway on the southern/western side of the road between Malmes Croft and A414 signal-controlled crossing (west of Maylands Avenue junction). Include reduced kerb radii at Green Dell Way to reduce crossing width with tactile paving and contrasting surface treatment to indicate uncontrolled crossing location. Also include short section south of Malmes Croft to the signal-controlled crossing and upgrade crossing to a Toucan crossing"/>
    <s v="Hemel Garden Communities"/>
    <x v="8"/>
    <s v="Programme Area / Transformational"/>
    <s v="Off-site"/>
    <s v="Developer / Hertfordshire County Council"/>
    <s v="Hertfordshire County Council"/>
    <s v="2026-2031"/>
    <m/>
    <m/>
    <x v="244"/>
    <m/>
    <s v="S106 / S38 / S278 / CIL"/>
    <n v="0"/>
    <n v="956768"/>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45.077408716136631"/>
    <s v="GOOD"/>
    <x v="110"/>
    <x v="97"/>
    <x v="100"/>
    <x v="98"/>
    <x v="99"/>
    <x v="104"/>
    <x v="100"/>
    <x v="104"/>
    <x v="103"/>
    <x v="110"/>
    <x v="108"/>
    <x v="88"/>
    <x v="94"/>
    <x v="99"/>
    <x v="82"/>
    <x v="85"/>
    <x v="73"/>
    <s v=""/>
    <s v=""/>
    <s v=""/>
    <s v=""/>
    <s v=""/>
    <s v=""/>
    <s v=""/>
    <s v=""/>
    <s v=""/>
    <s v=""/>
    <s v=""/>
    <s v=""/>
    <s v=""/>
    <s v=""/>
    <s v=""/>
    <s v=""/>
    <s v=""/>
    <s v=""/>
    <s v=""/>
    <s v=""/>
    <s v=""/>
    <s v=""/>
    <x v="88"/>
    <x v="92"/>
    <x v="97"/>
    <x v="66"/>
    <n v="565901.78902237921"/>
    <n v="390866.2109776207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77"/>
    <s v="TR109"/>
    <s v="DBC IDP"/>
    <s v="Dacorum Borough Council"/>
    <x v="8"/>
    <x v="39"/>
    <s v="New controlled crossing between St Davids Close and Greenacres"/>
    <s v="SG10-2"/>
    <s v="(SG10-2) Provide a new controlled crossing between St Davids Close and Greenachres to serve access to the inbound bus stop from housing on the eastern side of road. In conjunction, widen footways on both sides of the road, either side of the crossing, and incorporate tactile paving and dropped kerbs and include short footway extension on southern side of St Davids Close arm"/>
    <s v="Hemel Garden Communities"/>
    <x v="8"/>
    <s v="Programme Area / Transformational"/>
    <s v="Off-site"/>
    <s v="Developer / Hertfordshire County Council"/>
    <s v="Hertfordshire County Council"/>
    <s v="2031-2036"/>
    <m/>
    <m/>
    <x v="245"/>
    <m/>
    <s v="S106 / S38 / S278 / CIL"/>
    <n v="0"/>
    <n v="182833"/>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8.6140400471142513"/>
    <s v="GOOD"/>
    <x v="111"/>
    <x v="98"/>
    <x v="101"/>
    <x v="99"/>
    <x v="100"/>
    <x v="105"/>
    <x v="101"/>
    <x v="105"/>
    <x v="104"/>
    <x v="111"/>
    <x v="109"/>
    <x v="89"/>
    <x v="95"/>
    <x v="100"/>
    <x v="83"/>
    <x v="86"/>
    <x v="74"/>
    <s v=""/>
    <s v=""/>
    <s v=""/>
    <s v=""/>
    <s v=""/>
    <s v=""/>
    <s v=""/>
    <s v=""/>
    <s v=""/>
    <s v=""/>
    <s v=""/>
    <s v=""/>
    <s v=""/>
    <s v=""/>
    <s v=""/>
    <s v=""/>
    <s v=""/>
    <s v=""/>
    <s v=""/>
    <s v=""/>
    <s v=""/>
    <s v=""/>
    <x v="89"/>
    <x v="93"/>
    <x v="98"/>
    <x v="67"/>
    <n v="108140.65875147231"/>
    <n v="74692.34124852767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78"/>
    <s v="TR110"/>
    <s v="DBC IDP"/>
    <s v="Dacorum Borough Council"/>
    <x v="8"/>
    <x v="39"/>
    <s v="Leverstock Green Way side arm junction treatments "/>
    <s v="SG10-3"/>
    <s v="(SG10-3) Tighten kerb radii where feasible to reduce crossing width and install tactile paving with dropped kerbs at side arms with a) Curtis Road, b) Church Road, c) Pancake Lane and d) Bartel Close "/>
    <s v="Hemel Garden Communities"/>
    <x v="8"/>
    <s v="Programme Area / Transformational"/>
    <s v="Off-site"/>
    <s v="Developer / Hertfordshire County Council"/>
    <s v="Hertfordshire County Council"/>
    <s v="2031-2036"/>
    <m/>
    <m/>
    <x v="246"/>
    <m/>
    <s v="S106 / S38 / S278 / CIL"/>
    <n v="0"/>
    <n v="20048"/>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94454652532391048"/>
    <s v="GOOD"/>
    <x v="112"/>
    <x v="99"/>
    <x v="102"/>
    <x v="100"/>
    <x v="101"/>
    <x v="106"/>
    <x v="102"/>
    <x v="106"/>
    <x v="105"/>
    <x v="112"/>
    <x v="110"/>
    <x v="90"/>
    <x v="96"/>
    <x v="101"/>
    <x v="84"/>
    <x v="87"/>
    <x v="75"/>
    <s v=""/>
    <s v=""/>
    <s v=""/>
    <s v=""/>
    <s v=""/>
    <s v=""/>
    <s v=""/>
    <s v=""/>
    <s v=""/>
    <s v=""/>
    <s v=""/>
    <s v=""/>
    <s v=""/>
    <s v=""/>
    <s v=""/>
    <s v=""/>
    <s v=""/>
    <s v=""/>
    <s v=""/>
    <s v=""/>
    <s v=""/>
    <s v=""/>
    <x v="90"/>
    <x v="94"/>
    <x v="99"/>
    <x v="68"/>
    <n v="11857.837078916375"/>
    <n v="8190.16292108362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79"/>
    <s v="TR111"/>
    <s v="DBC IDP"/>
    <s v="Dacorum Borough Council"/>
    <x v="8"/>
    <x v="39"/>
    <s v="Additional cycle parking at Leverstock Green Village Centre"/>
    <s v="SG10-4"/>
    <s v="(SG10-4) Add cycle parking (c. 6x cycle stands) adjacent to the controlled crossing outside the Leverstock Green Village Centre shopping parade"/>
    <s v="Hemel Garden Communities"/>
    <x v="8"/>
    <s v="Programme Area / Transformational"/>
    <s v="Off-site"/>
    <s v="Developer / Hertfordshire County Council"/>
    <s v="Hertfordshire County Council"/>
    <s v="2026-2031"/>
    <m/>
    <m/>
    <x v="247"/>
    <m/>
    <s v="S106 / S38 / S278 / CIL"/>
    <n v="0"/>
    <n v="1196"/>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5.6348645465253241E-2"/>
    <s v="GOOD"/>
    <x v="113"/>
    <x v="100"/>
    <x v="103"/>
    <x v="101"/>
    <x v="102"/>
    <x v="107"/>
    <x v="103"/>
    <x v="107"/>
    <x v="106"/>
    <x v="113"/>
    <x v="111"/>
    <x v="91"/>
    <x v="97"/>
    <x v="102"/>
    <x v="85"/>
    <x v="88"/>
    <x v="76"/>
    <s v=""/>
    <s v=""/>
    <s v=""/>
    <s v=""/>
    <s v=""/>
    <s v=""/>
    <s v=""/>
    <s v=""/>
    <s v=""/>
    <s v=""/>
    <s v=""/>
    <s v=""/>
    <s v=""/>
    <s v=""/>
    <s v=""/>
    <s v=""/>
    <s v=""/>
    <s v=""/>
    <s v=""/>
    <s v=""/>
    <s v=""/>
    <s v=""/>
    <x v="91"/>
    <x v="95"/>
    <x v="100"/>
    <x v="69"/>
    <n v="707.40089517078923"/>
    <n v="488.5991048292108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80"/>
    <s v="TR112"/>
    <s v="DBC IDP"/>
    <s v="Dacorum Borough Council"/>
    <x v="8"/>
    <x v="39"/>
    <s v="Mickleford Road junction crossing improvements"/>
    <s v="SG11-1"/>
    <s v="(SG11-1) Add tactile paving at Micklefield Road (junctions with Green Lane and Poynders Hill)"/>
    <s v="Hemel Garden Communities"/>
    <x v="8"/>
    <s v="Programme Area / Transformational"/>
    <s v="Off-site"/>
    <s v="Developer / Hertfordshire County Council"/>
    <s v="Hertfordshire County Council"/>
    <s v="2026-2031"/>
    <m/>
    <m/>
    <x v="248"/>
    <m/>
    <s v="S106 / S38 / S278 / CIL"/>
    <n v="0"/>
    <n v="2430"/>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0.11448763250883393"/>
    <s v="GOOD"/>
    <x v="114"/>
    <x v="101"/>
    <x v="104"/>
    <x v="102"/>
    <x v="103"/>
    <x v="108"/>
    <x v="104"/>
    <x v="108"/>
    <x v="107"/>
    <x v="114"/>
    <x v="112"/>
    <x v="92"/>
    <x v="98"/>
    <x v="103"/>
    <x v="86"/>
    <x v="89"/>
    <x v="77"/>
    <s v=""/>
    <s v=""/>
    <s v=""/>
    <s v=""/>
    <s v=""/>
    <s v=""/>
    <s v=""/>
    <s v=""/>
    <s v=""/>
    <s v=""/>
    <s v=""/>
    <s v=""/>
    <s v=""/>
    <s v=""/>
    <s v=""/>
    <s v=""/>
    <s v=""/>
    <s v=""/>
    <s v=""/>
    <s v=""/>
    <s v=""/>
    <s v=""/>
    <x v="92"/>
    <x v="96"/>
    <x v="101"/>
    <x v="70"/>
    <n v="1437.2777385159013"/>
    <n v="992.7222614840989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81"/>
    <s v="TR113"/>
    <s v="DBC IDP"/>
    <s v="Dacorum Borough Council"/>
    <x v="8"/>
    <x v="39"/>
    <s v="A4147 Toucan Crossing and cycle link into Woolmer Drive"/>
    <s v="SG11-2"/>
    <s v="(SG11-2) Provide signal-controlled Toucan crossing on A4147, in addition to a shared use cycle and footway on the eastern side of the Toucan crossing, leading round into Woolmer Drive as far as the bus stop (c.70m) where provision should be made for cyclists to safely enter/exit the carriageway. "/>
    <s v="Hemel Garden Communities"/>
    <x v="8"/>
    <s v="Programme Area / Transformational"/>
    <s v="Off-site"/>
    <s v="Developer / Hertfordshire County Council"/>
    <s v="Hertfordshire County Council"/>
    <s v="2026-2031"/>
    <m/>
    <m/>
    <x v="249"/>
    <m/>
    <s v="S106 / S38 / S278 / CIL"/>
    <n v="0"/>
    <n v="52355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24.666713780918727"/>
    <s v="GOOD"/>
    <x v="115"/>
    <x v="102"/>
    <x v="105"/>
    <x v="103"/>
    <x v="104"/>
    <x v="109"/>
    <x v="105"/>
    <x v="109"/>
    <x v="108"/>
    <x v="115"/>
    <x v="113"/>
    <x v="93"/>
    <x v="99"/>
    <x v="104"/>
    <x v="87"/>
    <x v="90"/>
    <x v="78"/>
    <s v=""/>
    <s v=""/>
    <s v=""/>
    <s v=""/>
    <s v=""/>
    <s v=""/>
    <s v=""/>
    <s v=""/>
    <s v=""/>
    <s v=""/>
    <s v=""/>
    <s v=""/>
    <s v=""/>
    <s v=""/>
    <s v=""/>
    <s v=""/>
    <s v=""/>
    <s v=""/>
    <s v=""/>
    <s v=""/>
    <s v=""/>
    <s v=""/>
    <x v="93"/>
    <x v="97"/>
    <x v="102"/>
    <x v="71"/>
    <n v="309665.92480565375"/>
    <n v="213885.07519434625"/>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82"/>
    <s v="TR114"/>
    <s v="DBC IDP"/>
    <s v="Dacorum Borough Council"/>
    <x v="8"/>
    <x v="39"/>
    <s v="Cycle Hanger storage on Mickleford Road and Datchworth Turn"/>
    <s v="SG11-4"/>
    <s v="(SG11-4) Add cycle hanger storage facilities for residents, including on Datchworth Turn and Micklefield Road (x2 hangers)"/>
    <s v="Hemel Garden Communities"/>
    <x v="8"/>
    <s v="Programme Area / Transformational"/>
    <s v="Off-site"/>
    <s v="Developer / Hertfordshire County Council"/>
    <s v="Hertfordshire County Council"/>
    <s v="2026-2031"/>
    <m/>
    <m/>
    <x v="214"/>
    <m/>
    <s v="S106 / S38 / S278 / CIL"/>
    <n v="0"/>
    <n v="33318"/>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1.5697526501766785"/>
    <s v="GOOD"/>
    <x v="76"/>
    <x v="66"/>
    <x v="68"/>
    <x v="66"/>
    <x v="67"/>
    <x v="70"/>
    <x v="66"/>
    <x v="70"/>
    <x v="69"/>
    <x v="76"/>
    <x v="74"/>
    <x v="63"/>
    <x v="66"/>
    <x v="68"/>
    <x v="61"/>
    <x v="64"/>
    <x v="53"/>
    <s v=""/>
    <s v=""/>
    <s v=""/>
    <s v=""/>
    <s v=""/>
    <s v=""/>
    <s v=""/>
    <s v=""/>
    <s v=""/>
    <s v=""/>
    <s v=""/>
    <s v=""/>
    <s v=""/>
    <s v=""/>
    <s v=""/>
    <s v=""/>
    <s v=""/>
    <s v=""/>
    <s v=""/>
    <s v=""/>
    <s v=""/>
    <s v=""/>
    <x v="60"/>
    <x v="66"/>
    <x v="69"/>
    <x v="37"/>
    <n v="19706.674770318023"/>
    <n v="13611.32522968198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83"/>
    <s v="TR115"/>
    <s v="DBC IDP"/>
    <s v="Dacorum Borough Council"/>
    <x v="8"/>
    <x v="39"/>
    <s v="Redbourn Road side junction crossing improvements"/>
    <s v="SG14-1"/>
    <s v="(SG14-1) Improve pedestrian crossing facilities at a) The Melings and b) Half Moon Meadow junctions with Redbourn Road, reducing the kerb radii on the eastern side of both junctions (removing the short slip road sections) adding tactile paving on both sides of Redbourn Rd aligned with current uncontrolled crossings. "/>
    <s v="Hemel Garden Communities"/>
    <x v="60"/>
    <s v="Growth Area / Transformational"/>
    <s v="Off-site"/>
    <s v="Developer / Hertfordshire County Council"/>
    <s v="Hertfordshire County Council"/>
    <s v="2026-2031"/>
    <m/>
    <m/>
    <x v="250"/>
    <m/>
    <s v="S106 / S38 / S278 / CIL"/>
    <n v="0"/>
    <n v="63180"/>
    <s v="B5 - Based on AECOM Transport Model attribution percentages"/>
    <s v="Multiple Scenario 2 (Step 5)"/>
    <s v="Mutliple Scenario 2 (Step 5)"/>
    <s v="Essential"/>
    <x v="3"/>
    <x v="2"/>
    <x v="2"/>
    <x v="2"/>
    <x v="3"/>
    <x v="2"/>
    <x v="2"/>
    <s v="Yes"/>
    <s v=""/>
    <s v="Yes"/>
    <s v="Yes"/>
    <s v="Yes"/>
    <s v="Yes"/>
    <s v=""/>
    <s v="Yes"/>
    <s v="Yes"/>
    <s v=""/>
    <m/>
    <m/>
    <m/>
    <m/>
    <m/>
    <m/>
    <m/>
    <m/>
    <m/>
    <m/>
    <m/>
    <m/>
    <m/>
    <m/>
    <m/>
    <m/>
    <m/>
    <m/>
    <m/>
    <m/>
    <m/>
    <m/>
    <s v="Yes"/>
    <s v=""/>
    <s v=""/>
    <s v="Yes"/>
    <n v="8495"/>
    <n v="7.4373160682754564"/>
    <s v="GOOD"/>
    <x v="6"/>
    <x v="103"/>
    <x v="106"/>
    <x v="104"/>
    <x v="24"/>
    <x v="110"/>
    <x v="106"/>
    <x v="110"/>
    <x v="24"/>
    <x v="116"/>
    <x v="114"/>
    <x v="94"/>
    <x v="100"/>
    <x v="6"/>
    <x v="88"/>
    <x v="91"/>
    <x v="0"/>
    <m/>
    <m/>
    <m/>
    <m/>
    <m/>
    <m/>
    <m/>
    <m/>
    <m/>
    <m/>
    <m/>
    <m/>
    <m/>
    <m/>
    <m/>
    <m/>
    <m/>
    <m/>
    <m/>
    <m/>
    <m/>
    <m/>
    <x v="94"/>
    <x v="6"/>
    <x v="6"/>
    <x v="72"/>
    <n v="15233.159281225624"/>
    <n v="47946.840718774372"/>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84"/>
    <s v="TR116"/>
    <s v="DBC IDP"/>
    <s v="Dacorum Borough Council"/>
    <x v="8"/>
    <x v="38"/>
    <s v="Redbourn Road-Three Cherry Trees Junction Enhancement"/>
    <s v="SG14-2"/>
    <s v="(SG14-2) Redbourn Road-Three Cherry Trees Lane-Shelby Road Junction Enhancement - signalisation scheme incorporating controlled crossings for pedestrians on all sides"/>
    <s v="Hemel Garden Communities"/>
    <x v="61"/>
    <s v="Growth Area "/>
    <s v="Off-site"/>
    <s v="Developer / Hertfordshire County Council"/>
    <s v="Hertfordshire County Council"/>
    <s v="2031-2036"/>
    <m/>
    <m/>
    <x v="223"/>
    <m/>
    <s v="S106 / S38 / S278 / CIL"/>
    <n v="0"/>
    <n v="759380"/>
    <s v="B5 - Based on AECOM Transport Model attribution percentages"/>
    <s v="Multiple Scenario 2 (Step 5)"/>
    <s v="Mutliple Scenario 2 (Step 5)"/>
    <s v="Essential"/>
    <x v="2"/>
    <x v="2"/>
    <x v="2"/>
    <x v="2"/>
    <x v="3"/>
    <x v="2"/>
    <x v="3"/>
    <s v="Yes"/>
    <s v=""/>
    <s v="Yes"/>
    <s v="Yes"/>
    <s v="Yes"/>
    <s v="Yes"/>
    <s v="Yes"/>
    <s v="Yes"/>
    <s v=""/>
    <s v=""/>
    <m/>
    <m/>
    <m/>
    <m/>
    <m/>
    <m/>
    <m/>
    <m/>
    <m/>
    <m/>
    <m/>
    <m/>
    <m/>
    <m/>
    <m/>
    <m/>
    <m/>
    <m/>
    <m/>
    <m/>
    <m/>
    <m/>
    <s v="Yes"/>
    <s v=""/>
    <s v="Yes"/>
    <s v="Yes"/>
    <n v="16065"/>
    <n v="47.269218798630561"/>
    <s v="GOOD"/>
    <x v="116"/>
    <x v="104"/>
    <x v="107"/>
    <x v="105"/>
    <x v="24"/>
    <x v="111"/>
    <x v="22"/>
    <x v="111"/>
    <x v="24"/>
    <x v="117"/>
    <x v="115"/>
    <x v="95"/>
    <x v="101"/>
    <x v="105"/>
    <x v="89"/>
    <x v="23"/>
    <x v="0"/>
    <m/>
    <m/>
    <m/>
    <m/>
    <m/>
    <m/>
    <m/>
    <m/>
    <m/>
    <m/>
    <m/>
    <m/>
    <m/>
    <m/>
    <m/>
    <m/>
    <m/>
    <m/>
    <m/>
    <m/>
    <m/>
    <m/>
    <x v="95"/>
    <x v="6"/>
    <x v="103"/>
    <x v="73"/>
    <n v="554025.26552416559"/>
    <n v="205354.7344758345"/>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85"/>
    <s v="TR117"/>
    <s v="DBC IDP"/>
    <s v="Dacorum Borough Council"/>
    <x v="8"/>
    <x v="39"/>
    <s v="Maylands Avenue Shared Use Cycle Corridor"/>
    <s v="SG15-1"/>
    <s v="(SG15-1) Provision of a high quality, off-road cycle route along the full length between the A414 Breakspear Way and A4147 Swallowdale Lane (eastern side of the road). Expected to comprise widening of the existing shared-use path to meet standards including replacing areas of grass verge and localised reduction in carriageway space (e.g. removal of additional lanes at some junctions (access to Aldi/Nuffield Health/McDonalds; junction with Wood Lane End). Assume cyclist priority on some side arms (Eaton Road; Maxted Road; x3 accesses to Hosking Court). Also provision of a Toucan crossing at location of existing uncontrolled crossing with refuge islands just north of the Travelodge vehicle access). Include upgrade to the existing shared use route between the A414 at-grade signal crossing to the proposed Toucan crossing on Maylands Avenue. Also provide additional signal-controlled crossing points on Maylands Avenue in the vicinity of Dixons Turn and Eaton Road"/>
    <s v="Hemel Garden Communities"/>
    <x v="62"/>
    <s v="Transformational"/>
    <s v="Off-site"/>
    <s v="Developer / Hertfordshire County Council"/>
    <s v="Hertfordshire County Council"/>
    <s v="2031-2036"/>
    <m/>
    <m/>
    <x v="251"/>
    <m/>
    <s v="S106 / S38 / S278 / CIL"/>
    <n v="0"/>
    <n v="2073106"/>
    <s v="B5 - Based on AECOM Transport Model attribution percentages"/>
    <s v="Multiple Scenario 2 (Step 5)"/>
    <s v="Mutliple Scenario 2 (Step 5)"/>
    <s v="Essential"/>
    <x v="2"/>
    <x v="2"/>
    <x v="2"/>
    <x v="2"/>
    <x v="3"/>
    <x v="2"/>
    <x v="3"/>
    <s v="Yes"/>
    <s v=""/>
    <s v="Yes"/>
    <s v="Yes"/>
    <s v="Yes"/>
    <s v="Yes"/>
    <s v="Yes"/>
    <s v="Yes"/>
    <s v="Yes"/>
    <s v=""/>
    <m/>
    <m/>
    <m/>
    <m/>
    <m/>
    <m/>
    <m/>
    <m/>
    <m/>
    <m/>
    <m/>
    <m/>
    <m/>
    <m/>
    <m/>
    <m/>
    <m/>
    <m/>
    <m/>
    <m/>
    <m/>
    <m/>
    <s v="Yes"/>
    <s v="Yes"/>
    <s v="Yes"/>
    <s v="Yes"/>
    <n v="17745"/>
    <n v="116.8276134122288"/>
    <s v="GOOD"/>
    <x v="117"/>
    <x v="105"/>
    <x v="108"/>
    <x v="106"/>
    <x v="24"/>
    <x v="112"/>
    <x v="22"/>
    <x v="112"/>
    <x v="24"/>
    <x v="118"/>
    <x v="116"/>
    <x v="96"/>
    <x v="102"/>
    <x v="106"/>
    <x v="90"/>
    <x v="92"/>
    <x v="0"/>
    <m/>
    <m/>
    <m/>
    <m/>
    <m/>
    <m/>
    <m/>
    <m/>
    <m/>
    <m/>
    <m/>
    <m/>
    <m/>
    <m/>
    <m/>
    <m/>
    <m/>
    <m/>
    <m/>
    <m/>
    <m/>
    <m/>
    <x v="96"/>
    <x v="98"/>
    <x v="104"/>
    <x v="74"/>
    <n v="1518139.9924193113"/>
    <n v="554966.00758068857"/>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386"/>
    <s v="TR118"/>
    <s v="DBC IDP"/>
    <s v="Dacorum Borough Council"/>
    <x v="8"/>
    <x v="39"/>
    <s v="Maylands Avenue Wayfinding Signage"/>
    <s v="SG15-2"/>
    <s v="(SG15-2) Additional wayfinding signage showing directions and distances to key destinations including mobility hubs "/>
    <s v="Hemel Garden Communities"/>
    <x v="62"/>
    <s v="Transformational"/>
    <s v="Off-site"/>
    <s v="Developer / Hertfordshire County Council"/>
    <s v="Hertfordshire County Council"/>
    <s v="2031-2036"/>
    <m/>
    <m/>
    <x v="233"/>
    <m/>
    <s v="S106 / S38 / S278 / CIL"/>
    <n v="0"/>
    <n v="20883"/>
    <s v="B5 - Based on AECOM Transport Model attribution percentages"/>
    <s v="Multiple Scenario 2 (Step 5)"/>
    <s v="Mutliple Scenario 2 (Step 5)"/>
    <s v="Essential"/>
    <x v="2"/>
    <x v="2"/>
    <x v="2"/>
    <x v="2"/>
    <x v="3"/>
    <x v="2"/>
    <x v="3"/>
    <s v="Yes"/>
    <s v=""/>
    <s v="Yes"/>
    <s v="Yes"/>
    <s v="Yes"/>
    <s v="Yes"/>
    <s v="Yes"/>
    <s v="Yes"/>
    <s v="Yes"/>
    <s v=""/>
    <m/>
    <m/>
    <m/>
    <m/>
    <m/>
    <m/>
    <m/>
    <m/>
    <m/>
    <m/>
    <m/>
    <m/>
    <m/>
    <m/>
    <m/>
    <m/>
    <m/>
    <m/>
    <m/>
    <m/>
    <m/>
    <m/>
    <s v="Yes"/>
    <s v="Yes"/>
    <s v="Yes"/>
    <s v="Yes"/>
    <n v="17745"/>
    <n v="1.1768385460693154"/>
    <s v="GOOD"/>
    <x v="118"/>
    <x v="106"/>
    <x v="109"/>
    <x v="107"/>
    <x v="24"/>
    <x v="113"/>
    <x v="22"/>
    <x v="113"/>
    <x v="24"/>
    <x v="119"/>
    <x v="117"/>
    <x v="97"/>
    <x v="103"/>
    <x v="107"/>
    <x v="91"/>
    <x v="93"/>
    <x v="0"/>
    <m/>
    <m/>
    <m/>
    <m/>
    <m/>
    <m/>
    <m/>
    <m/>
    <m/>
    <m/>
    <m/>
    <m/>
    <m/>
    <m/>
    <m/>
    <m/>
    <m/>
    <m/>
    <m/>
    <m/>
    <m/>
    <m/>
    <x v="97"/>
    <x v="99"/>
    <x v="105"/>
    <x v="75"/>
    <n v="15292.665913702669"/>
    <n v="5590.3340862973328"/>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387"/>
    <s v="TR119"/>
    <s v="DBC IDP"/>
    <s v="Dacorum Borough Council"/>
    <x v="8"/>
    <x v="39"/>
    <s v="Longlands side arm pedestrian crossing improvements"/>
    <s v="SG16-1"/>
    <s v="(SG16-1) Implement dropped kerbs and tactile paving at side-arm junctions with Ellen Close; Hobletts Road; Springfield Road; Little Road; and Ellingham Road "/>
    <s v="Hemel Garden Communities"/>
    <x v="8"/>
    <s v="Programme Area / Transformational"/>
    <s v="Off-site"/>
    <s v="Developer / Hertfordshire County Council"/>
    <s v="Hertfordshire County Council"/>
    <s v="2026-2031"/>
    <m/>
    <m/>
    <x v="252"/>
    <m/>
    <s v="S106 / S38 / S278 / CIL"/>
    <n v="0"/>
    <n v="12923"/>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60885747938751478"/>
    <s v="GOOD"/>
    <x v="119"/>
    <x v="107"/>
    <x v="110"/>
    <x v="108"/>
    <x v="105"/>
    <x v="114"/>
    <x v="107"/>
    <x v="114"/>
    <x v="109"/>
    <x v="120"/>
    <x v="118"/>
    <x v="98"/>
    <x v="104"/>
    <x v="108"/>
    <x v="92"/>
    <x v="94"/>
    <x v="79"/>
    <s v=""/>
    <s v=""/>
    <s v=""/>
    <s v=""/>
    <s v=""/>
    <s v=""/>
    <s v=""/>
    <s v=""/>
    <s v=""/>
    <s v=""/>
    <s v=""/>
    <s v=""/>
    <s v=""/>
    <s v=""/>
    <s v=""/>
    <s v=""/>
    <s v=""/>
    <s v=""/>
    <s v=""/>
    <s v=""/>
    <s v=""/>
    <s v=""/>
    <x v="98"/>
    <x v="100"/>
    <x v="106"/>
    <x v="76"/>
    <n v="7643.5967962308605"/>
    <n v="5279.403203769140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88"/>
    <s v="TR120"/>
    <s v="DBC IDP"/>
    <s v="Dacorum Borough Council"/>
    <x v="8"/>
    <x v="39"/>
    <s v="Longlands Additional Zebra Crossings"/>
    <s v="SG16-2"/>
    <s v="(SG16-2) Two additional Zebra crossings on extended speed table, between Broadfield Road and Sawyer's Way, and between Vauxhall Road and Field Road (replacing existing uncontrolled crossing)"/>
    <s v="Hemel Garden Communities"/>
    <x v="8"/>
    <s v="Programme Area / Transformational"/>
    <s v="Off-site"/>
    <s v="Developer / Hertfordshire County Council"/>
    <s v="Hertfordshire County Council"/>
    <s v="2026-2031"/>
    <m/>
    <m/>
    <x v="253"/>
    <m/>
    <s v="S106 / S38 / S278 / CIL"/>
    <n v="0"/>
    <n v="27211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2.820306242638399"/>
    <s v="GOOD"/>
    <x v="120"/>
    <x v="108"/>
    <x v="111"/>
    <x v="109"/>
    <x v="106"/>
    <x v="115"/>
    <x v="108"/>
    <x v="115"/>
    <x v="110"/>
    <x v="121"/>
    <x v="119"/>
    <x v="99"/>
    <x v="105"/>
    <x v="109"/>
    <x v="93"/>
    <x v="95"/>
    <x v="80"/>
    <s v=""/>
    <s v=""/>
    <s v=""/>
    <s v=""/>
    <s v=""/>
    <s v=""/>
    <s v=""/>
    <s v=""/>
    <s v=""/>
    <s v=""/>
    <s v=""/>
    <s v=""/>
    <s v=""/>
    <s v=""/>
    <s v=""/>
    <s v=""/>
    <s v=""/>
    <s v=""/>
    <s v=""/>
    <s v=""/>
    <s v=""/>
    <s v=""/>
    <x v="99"/>
    <x v="101"/>
    <x v="107"/>
    <x v="77"/>
    <n v="160946.12457008247"/>
    <n v="111164.8754299175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89"/>
    <s v="TR121"/>
    <s v="DBC IDP"/>
    <s v="Dacorum Borough Council"/>
    <x v="8"/>
    <x v="38"/>
    <s v="Longlands Pavement Parking Prevention"/>
    <s v="SG16-3"/>
    <s v="(SG16-3) Physical measures e.g. bollards or landscaping features such as rain gardens, to prevent pavement parking on sections of footway along Longlands where it is not already permitted, especially in the vicinity of junctions (Broadfield Road, Sawyer's Way; The Queen's Square, Windmill Road and Vauxhall Road) and focus on sections adjacent to playing fields either side of The Adeyfield School"/>
    <s v="Hemel Garden Communities"/>
    <x v="8"/>
    <s v="Programme Area / Transformational"/>
    <s v="Off-site"/>
    <s v="Developer / Hertfordshire County Council"/>
    <s v="Hertfordshire County Council"/>
    <s v="2026-2031"/>
    <m/>
    <m/>
    <x v="254"/>
    <m/>
    <s v="S106 / S38 / S278 / CIL"/>
    <n v="0"/>
    <n v="53644"/>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2.5273969375736161"/>
    <s v="GOOD"/>
    <x v="121"/>
    <x v="109"/>
    <x v="112"/>
    <x v="110"/>
    <x v="107"/>
    <x v="116"/>
    <x v="109"/>
    <x v="116"/>
    <x v="111"/>
    <x v="122"/>
    <x v="120"/>
    <x v="100"/>
    <x v="106"/>
    <x v="110"/>
    <x v="94"/>
    <x v="96"/>
    <x v="81"/>
    <s v=""/>
    <s v=""/>
    <s v=""/>
    <s v=""/>
    <s v=""/>
    <s v=""/>
    <s v=""/>
    <s v=""/>
    <s v=""/>
    <s v=""/>
    <s v=""/>
    <s v=""/>
    <s v=""/>
    <s v=""/>
    <s v=""/>
    <s v=""/>
    <s v=""/>
    <s v=""/>
    <s v=""/>
    <s v=""/>
    <s v=""/>
    <s v=""/>
    <x v="100"/>
    <x v="102"/>
    <x v="108"/>
    <x v="78"/>
    <n v="31728.941154299173"/>
    <n v="21915.05884570082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90"/>
    <s v="TR122"/>
    <s v="DBC IDP"/>
    <s v="Dacorum Borough Council"/>
    <x v="8"/>
    <x v="39"/>
    <s v="Longlands Shared Use Cycle Path"/>
    <s v="SG16-4"/>
    <s v="(SG16-4) Create an off-road shared use path on the eastern side of the road, between The Queen's Square (including a 50m section on this side road to provide access to the Local Mobility Hub - separate proposal) and the A414 St Albans Road. "/>
    <s v="Hemel Garden Communities"/>
    <x v="8"/>
    <s v="Programme Area / Transformational"/>
    <s v="Off-site"/>
    <s v="Developer / Hertfordshire County Council"/>
    <s v="Hertfordshire County Council"/>
    <s v="2026-2031"/>
    <m/>
    <m/>
    <x v="255"/>
    <m/>
    <s v="S106 / S38 / S278 / CIL"/>
    <n v="0"/>
    <n v="1142233"/>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53.81545347467609"/>
    <s v="GOOD"/>
    <x v="122"/>
    <x v="110"/>
    <x v="113"/>
    <x v="111"/>
    <x v="108"/>
    <x v="117"/>
    <x v="110"/>
    <x v="117"/>
    <x v="112"/>
    <x v="123"/>
    <x v="121"/>
    <x v="101"/>
    <x v="107"/>
    <x v="111"/>
    <x v="95"/>
    <x v="97"/>
    <x v="82"/>
    <s v=""/>
    <s v=""/>
    <s v=""/>
    <s v=""/>
    <s v=""/>
    <s v=""/>
    <s v=""/>
    <s v=""/>
    <s v=""/>
    <s v=""/>
    <s v=""/>
    <s v=""/>
    <s v=""/>
    <s v=""/>
    <s v=""/>
    <s v=""/>
    <s v=""/>
    <s v=""/>
    <s v=""/>
    <s v=""/>
    <s v=""/>
    <s v=""/>
    <x v="101"/>
    <x v="103"/>
    <x v="109"/>
    <x v="79"/>
    <n v="675599.20292108366"/>
    <n v="466633.7970789163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91"/>
    <s v="TR123"/>
    <s v="DBC IDP"/>
    <s v="Dacorum Borough Council"/>
    <x v="8"/>
    <x v="39"/>
    <s v="Continuous Pavement crossings at Fields Road and Vauxhall Road"/>
    <s v="SG16-5"/>
    <s v="(SG16-5) Install Copenhagen crossings at the side arm junctions of Field Road, Vauxhall Road"/>
    <s v="Hemel Garden Communities"/>
    <x v="8"/>
    <s v="Programme Area / Transformational"/>
    <s v="Off-site"/>
    <s v="Developer / Hertfordshire County Council"/>
    <s v="Hertfordshire County Council"/>
    <s v="2026-2031"/>
    <m/>
    <m/>
    <x v="256"/>
    <m/>
    <s v="S106 / S38 / S278 / CIL"/>
    <n v="0"/>
    <n v="348049"/>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6.398068315665491"/>
    <s v="GOOD"/>
    <x v="123"/>
    <x v="111"/>
    <x v="114"/>
    <x v="112"/>
    <x v="109"/>
    <x v="118"/>
    <x v="111"/>
    <x v="118"/>
    <x v="113"/>
    <x v="124"/>
    <x v="122"/>
    <x v="102"/>
    <x v="108"/>
    <x v="112"/>
    <x v="96"/>
    <x v="98"/>
    <x v="83"/>
    <s v=""/>
    <s v=""/>
    <s v=""/>
    <s v=""/>
    <s v=""/>
    <s v=""/>
    <s v=""/>
    <s v=""/>
    <s v=""/>
    <s v=""/>
    <s v=""/>
    <s v=""/>
    <s v=""/>
    <s v=""/>
    <s v=""/>
    <s v=""/>
    <s v=""/>
    <s v=""/>
    <s v=""/>
    <s v=""/>
    <s v=""/>
    <s v=""/>
    <x v="102"/>
    <x v="104"/>
    <x v="110"/>
    <x v="80"/>
    <n v="205861.34963486454"/>
    <n v="142187.6503651354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92"/>
    <s v="TR124"/>
    <s v="DBC IDP"/>
    <s v="Dacorum Borough Council"/>
    <x v="8"/>
    <x v="39"/>
    <s v="Longlands Wayfinding Signage"/>
    <s v="SG16-6"/>
    <s v="(SG16-6) Implement wayfinding at start/end of segment and close to The Queen's Square"/>
    <s v="Hemel Garden Communities"/>
    <x v="8"/>
    <s v="Programme Area / Transformational"/>
    <s v="Off-site"/>
    <s v="Developer / Hertfordshire County Council"/>
    <s v="Hertfordshire County Council"/>
    <s v="2026-2031"/>
    <m/>
    <m/>
    <x v="209"/>
    <m/>
    <s v="S106 / S38 / S278 / CIL"/>
    <n v="0"/>
    <n v="17402"/>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81988221436984687"/>
    <s v="GOOD"/>
    <x v="71"/>
    <x v="61"/>
    <x v="63"/>
    <x v="61"/>
    <x v="62"/>
    <x v="65"/>
    <x v="61"/>
    <x v="65"/>
    <x v="64"/>
    <x v="71"/>
    <x v="69"/>
    <x v="58"/>
    <x v="61"/>
    <x v="63"/>
    <x v="56"/>
    <x v="59"/>
    <x v="48"/>
    <s v=""/>
    <s v=""/>
    <s v=""/>
    <s v=""/>
    <s v=""/>
    <s v=""/>
    <s v=""/>
    <s v=""/>
    <s v=""/>
    <s v=""/>
    <s v=""/>
    <s v=""/>
    <s v=""/>
    <s v=""/>
    <s v=""/>
    <s v=""/>
    <s v=""/>
    <s v=""/>
    <s v=""/>
    <s v=""/>
    <s v=""/>
    <s v=""/>
    <x v="55"/>
    <x v="61"/>
    <x v="64"/>
    <x v="32"/>
    <n v="10292.801319199056"/>
    <n v="7109.198680800942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93"/>
    <s v="TR125"/>
    <s v="DBC IDP"/>
    <s v="Dacorum Borough Council"/>
    <x v="8"/>
    <x v="39"/>
    <s v="Great Road cycle route"/>
    <s v="SG17-1"/>
    <s v="(SG17-1) Provide an off-road shared use cycle path between the junction with Queensway and south of the junction with Hobletts Road. "/>
    <s v="Hemel Garden Communities"/>
    <x v="8"/>
    <s v="Programme Area / Transformational"/>
    <s v="Off-site"/>
    <s v="Developer / Hertfordshire County Council"/>
    <s v="Hertfordshire County Council"/>
    <s v="2026-2031"/>
    <m/>
    <m/>
    <x v="257"/>
    <m/>
    <s v="S106 / S38 / S278 / CIL"/>
    <n v="0"/>
    <n v="257556"/>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2.134558303886926"/>
    <s v="GOOD"/>
    <x v="124"/>
    <x v="112"/>
    <x v="115"/>
    <x v="113"/>
    <x v="110"/>
    <x v="119"/>
    <x v="112"/>
    <x v="119"/>
    <x v="114"/>
    <x v="125"/>
    <x v="123"/>
    <x v="103"/>
    <x v="109"/>
    <x v="113"/>
    <x v="97"/>
    <x v="99"/>
    <x v="84"/>
    <s v=""/>
    <s v=""/>
    <s v=""/>
    <s v=""/>
    <s v=""/>
    <s v=""/>
    <s v=""/>
    <s v=""/>
    <s v=""/>
    <s v=""/>
    <s v=""/>
    <s v=""/>
    <s v=""/>
    <s v=""/>
    <s v=""/>
    <s v=""/>
    <s v=""/>
    <s v=""/>
    <s v=""/>
    <s v=""/>
    <s v=""/>
    <s v=""/>
    <x v="103"/>
    <x v="105"/>
    <x v="111"/>
    <x v="81"/>
    <n v="152337.24494699651"/>
    <n v="105218.7550530035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94"/>
    <s v="TR126"/>
    <s v="DBC IDP"/>
    <s v="Dacorum Borough Council"/>
    <x v="8"/>
    <x v="39"/>
    <s v="Great Road additional zebra crossing"/>
    <s v="SG17-2"/>
    <s v="(SG17-2) Install a new Zebra crossing on extended raised speed table between Hobletts Road and Springfield Road"/>
    <s v="Hemel Garden Communities"/>
    <x v="8"/>
    <s v="Programme Area / Transformational"/>
    <s v="Off-site"/>
    <s v="Developer / Hertfordshire County Council"/>
    <s v="Hertfordshire County Council"/>
    <s v="2026-2031"/>
    <m/>
    <m/>
    <x v="207"/>
    <m/>
    <s v="S106 / S38 / S278 / CIL"/>
    <n v="0"/>
    <n v="199337"/>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9.3916136631330982"/>
    <s v="GOOD"/>
    <x v="69"/>
    <x v="59"/>
    <x v="61"/>
    <x v="59"/>
    <x v="60"/>
    <x v="63"/>
    <x v="59"/>
    <x v="63"/>
    <x v="62"/>
    <x v="69"/>
    <x v="67"/>
    <x v="56"/>
    <x v="59"/>
    <x v="61"/>
    <x v="54"/>
    <x v="57"/>
    <x v="46"/>
    <s v=""/>
    <s v=""/>
    <s v=""/>
    <s v=""/>
    <s v=""/>
    <s v=""/>
    <s v=""/>
    <s v=""/>
    <s v=""/>
    <s v=""/>
    <s v=""/>
    <s v=""/>
    <s v=""/>
    <s v=""/>
    <s v=""/>
    <s v=""/>
    <s v=""/>
    <s v=""/>
    <s v=""/>
    <s v=""/>
    <s v=""/>
    <s v=""/>
    <x v="53"/>
    <x v="59"/>
    <x v="62"/>
    <x v="30"/>
    <n v="117902.3179269729"/>
    <n v="81434.68207302709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95"/>
    <s v="TR127"/>
    <s v="DBC IDP"/>
    <s v="Dacorum Borough Council"/>
    <x v="8"/>
    <x v="38"/>
    <s v="Great Road traffic calming features"/>
    <s v="SG17-3"/>
    <s v="(SG17-3) Install traffic calming features at the northern end where the road is on a steep incline"/>
    <s v="Hemel Garden Communities"/>
    <x v="8"/>
    <s v="Programme Area / Transformational"/>
    <s v="Off-site"/>
    <s v="Developer / Hertfordshire County Council"/>
    <s v="Hertfordshire County Council"/>
    <s v="2026-2031"/>
    <m/>
    <m/>
    <x v="258"/>
    <m/>
    <s v="S106 / S38 / S278 / CIL"/>
    <n v="0"/>
    <n v="319572"/>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5.056395759717315"/>
    <s v="GOOD"/>
    <x v="125"/>
    <x v="113"/>
    <x v="116"/>
    <x v="114"/>
    <x v="111"/>
    <x v="120"/>
    <x v="113"/>
    <x v="120"/>
    <x v="115"/>
    <x v="126"/>
    <x v="124"/>
    <x v="104"/>
    <x v="110"/>
    <x v="114"/>
    <x v="98"/>
    <x v="100"/>
    <x v="85"/>
    <s v=""/>
    <s v=""/>
    <s v=""/>
    <s v=""/>
    <s v=""/>
    <s v=""/>
    <s v=""/>
    <s v=""/>
    <s v=""/>
    <s v=""/>
    <s v=""/>
    <s v=""/>
    <s v=""/>
    <s v=""/>
    <s v=""/>
    <s v=""/>
    <s v=""/>
    <s v=""/>
    <s v=""/>
    <s v=""/>
    <s v=""/>
    <s v=""/>
    <x v="104"/>
    <x v="106"/>
    <x v="112"/>
    <x v="82"/>
    <n v="189017.99236749121"/>
    <n v="130554.0076325088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96"/>
    <s v="TR128"/>
    <s v="DBC IDP"/>
    <s v="Dacorum Borough Council"/>
    <x v="8"/>
    <x v="39"/>
    <s v="Great Road Wayfinding Signage"/>
    <s v="SG17-4"/>
    <s v="(SG17-4) Add wayfinding/ signage indicating direction and distance/time towards The Queens Square and Nickey Line"/>
    <s v="Hemel Garden Communities"/>
    <x v="8"/>
    <s v="Programme Area / Transformational"/>
    <s v="Off-site"/>
    <s v="Developer / Hertfordshire County Council"/>
    <s v="Hertfordshire County Council"/>
    <s v="2026-2031"/>
    <m/>
    <m/>
    <x v="259"/>
    <m/>
    <s v="S106 / S38 / S278 / CIL"/>
    <n v="0"/>
    <n v="1044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49191990577149586"/>
    <s v="GOOD"/>
    <x v="126"/>
    <x v="114"/>
    <x v="117"/>
    <x v="115"/>
    <x v="112"/>
    <x v="121"/>
    <x v="114"/>
    <x v="121"/>
    <x v="116"/>
    <x v="127"/>
    <x v="125"/>
    <x v="105"/>
    <x v="111"/>
    <x v="115"/>
    <x v="99"/>
    <x v="101"/>
    <x v="86"/>
    <s v=""/>
    <s v=""/>
    <s v=""/>
    <s v=""/>
    <s v=""/>
    <s v=""/>
    <s v=""/>
    <s v=""/>
    <s v=""/>
    <s v=""/>
    <s v=""/>
    <s v=""/>
    <s v=""/>
    <s v=""/>
    <s v=""/>
    <s v=""/>
    <s v=""/>
    <s v=""/>
    <s v=""/>
    <s v=""/>
    <s v=""/>
    <s v=""/>
    <x v="105"/>
    <x v="107"/>
    <x v="113"/>
    <x v="83"/>
    <n v="6175.5624970553599"/>
    <n v="4265.43750294464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97"/>
    <s v="TR129"/>
    <s v="DBC IDP"/>
    <s v="Dacorum Borough Council"/>
    <x v="8"/>
    <x v="39"/>
    <s v="Washington Avenue side-arm junction pedestrian crossing improvements"/>
    <s v="SG18-1"/>
    <s v="(SG18-1) Implement tactile paving on Washington Avenue at Dunlin Avenue; Ninian Road; Claymore; Argyll Road; Robin Hood Meadow; Turnpike Green; Stevenage Rise, St Agnells Lane; Craigavon Road; Basildon Square; Waveney."/>
    <s v="Hemel Garden Communities"/>
    <x v="63"/>
    <s v="Growth Area / Transformational"/>
    <s v="Off-site"/>
    <s v="Developer / Hertfordshire County Council"/>
    <s v="Hertfordshire County Council"/>
    <s v="2026-2031"/>
    <m/>
    <m/>
    <x v="260"/>
    <m/>
    <s v="S106 / S38 / S278 / CIL"/>
    <n v="0"/>
    <n v="13365"/>
    <s v="A - Per dwelling"/>
    <s v="Multiple Scenario 2 (Step 5)"/>
    <s v="Multiple Scenario 1 (Step 3)"/>
    <s v="Essential"/>
    <x v="2"/>
    <x v="0"/>
    <x v="0"/>
    <x v="0"/>
    <x v="0"/>
    <x v="0"/>
    <x v="0"/>
    <m/>
    <m/>
    <m/>
    <m/>
    <m/>
    <m/>
    <s v="Yes"/>
    <m/>
    <m/>
    <m/>
    <m/>
    <m/>
    <m/>
    <m/>
    <m/>
    <m/>
    <m/>
    <m/>
    <m/>
    <m/>
    <m/>
    <m/>
    <m/>
    <m/>
    <m/>
    <m/>
    <m/>
    <m/>
    <m/>
    <m/>
    <m/>
    <m/>
    <m/>
    <m/>
    <m/>
    <m/>
    <n v="5350"/>
    <n v="2.4981308411214953"/>
    <m/>
    <x v="127"/>
    <x v="2"/>
    <x v="2"/>
    <x v="2"/>
    <x v="2"/>
    <x v="2"/>
    <x v="2"/>
    <x v="2"/>
    <x v="2"/>
    <x v="2"/>
    <x v="2"/>
    <x v="2"/>
    <x v="2"/>
    <x v="116"/>
    <x v="2"/>
    <x v="2"/>
    <x v="2"/>
    <s v=""/>
    <s v=""/>
    <s v=""/>
    <s v=""/>
    <s v=""/>
    <s v=""/>
    <s v=""/>
    <s v=""/>
    <s v=""/>
    <s v=""/>
    <s v=""/>
    <s v=""/>
    <s v=""/>
    <s v=""/>
    <s v=""/>
    <s v=""/>
    <s v=""/>
    <s v=""/>
    <s v=""/>
    <s v=""/>
    <s v=""/>
    <s v=""/>
    <x v="3"/>
    <x v="3"/>
    <x v="3"/>
    <x v="2"/>
    <n v="13365"/>
    <n v="0"/>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398"/>
    <s v="TR130"/>
    <s v="DBC IDP"/>
    <s v="Dacorum Borough Council"/>
    <x v="8"/>
    <x v="39"/>
    <s v="Washington Avenue/Aycliffe Road roundabout crossings"/>
    <s v="SG18-2"/>
    <s v="(SG18-2) Implement zebra crossings on Washington Ave/Aycliffe Dr roundabout arms. Place the entire junction on a raised speed table"/>
    <s v="Hemel Garden Communities"/>
    <x v="63"/>
    <s v="Programme Area / Transformational"/>
    <s v="Off-site"/>
    <s v="Developer / Hertfordshire County Council"/>
    <s v="Hertfordshire County Council"/>
    <s v="2026-2031"/>
    <m/>
    <m/>
    <x v="261"/>
    <m/>
    <s v="S106 / S38 / S278 / CIL"/>
    <n v="0"/>
    <n v="582191"/>
    <s v="A - Per dwelling"/>
    <s v="Multiple Scenario 2 (Step 6)"/>
    <s v="Multiple Scenario 1 (Step 3)"/>
    <s v="Essential"/>
    <x v="2"/>
    <x v="0"/>
    <x v="0"/>
    <x v="0"/>
    <x v="0"/>
    <x v="0"/>
    <x v="0"/>
    <m/>
    <m/>
    <m/>
    <m/>
    <m/>
    <m/>
    <s v="Yes"/>
    <m/>
    <m/>
    <m/>
    <m/>
    <m/>
    <m/>
    <m/>
    <m/>
    <m/>
    <m/>
    <m/>
    <m/>
    <m/>
    <m/>
    <m/>
    <m/>
    <m/>
    <m/>
    <m/>
    <m/>
    <m/>
    <m/>
    <m/>
    <m/>
    <m/>
    <m/>
    <m/>
    <m/>
    <m/>
    <n v="5350"/>
    <n v="108.8207476635514"/>
    <m/>
    <x v="128"/>
    <x v="2"/>
    <x v="2"/>
    <x v="2"/>
    <x v="2"/>
    <x v="2"/>
    <x v="2"/>
    <x v="2"/>
    <x v="2"/>
    <x v="2"/>
    <x v="2"/>
    <x v="2"/>
    <x v="2"/>
    <x v="117"/>
    <x v="2"/>
    <x v="2"/>
    <x v="2"/>
    <s v=""/>
    <s v=""/>
    <s v=""/>
    <s v=""/>
    <s v=""/>
    <s v=""/>
    <s v=""/>
    <s v=""/>
    <s v=""/>
    <s v=""/>
    <s v=""/>
    <s v=""/>
    <s v=""/>
    <s v=""/>
    <s v=""/>
    <s v=""/>
    <s v=""/>
    <s v=""/>
    <s v=""/>
    <s v=""/>
    <s v=""/>
    <s v=""/>
    <x v="3"/>
    <x v="3"/>
    <x v="3"/>
    <x v="2"/>
    <n v="582191"/>
    <n v="0"/>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399"/>
    <s v="TR131"/>
    <s v="DBC IDP"/>
    <s v="Dacorum Borough Council"/>
    <x v="8"/>
    <x v="39"/>
    <s v="Aycliffe Drive zebra crossing"/>
    <s v="SG18-3"/>
    <s v="(SG18-3) Implement zebra crossing into/ out of Margaret Lloyd Playground (in location of existing splitter island)"/>
    <s v="Hemel Garden Communities"/>
    <x v="27"/>
    <s v="Programme Area / Transformational"/>
    <s v="Off-site"/>
    <s v="Developer / Hertfordshire County Council"/>
    <s v="Hertfordshire County Council"/>
    <s v="2026-2031"/>
    <m/>
    <m/>
    <x v="262"/>
    <m/>
    <s v="S106 / S38 / S278 / CIL"/>
    <n v="0"/>
    <n v="165218"/>
    <s v="A - Per dwelling"/>
    <s v="Multiple Scenario 2 (Step 6)"/>
    <s v="Single Scenario 2 (Step 2)"/>
    <s v="Essential"/>
    <x v="0"/>
    <x v="0"/>
    <x v="0"/>
    <x v="0"/>
    <x v="0"/>
    <x v="0"/>
    <x v="0"/>
    <m/>
    <m/>
    <m/>
    <m/>
    <s v="Yes"/>
    <m/>
    <m/>
    <m/>
    <m/>
    <m/>
    <m/>
    <m/>
    <m/>
    <m/>
    <m/>
    <m/>
    <m/>
    <m/>
    <m/>
    <m/>
    <m/>
    <m/>
    <m/>
    <m/>
    <m/>
    <m/>
    <m/>
    <m/>
    <m/>
    <m/>
    <m/>
    <m/>
    <m/>
    <m/>
    <m/>
    <m/>
    <n v="200"/>
    <n v="826.09"/>
    <s v="GOOD"/>
    <x v="2"/>
    <x v="2"/>
    <x v="2"/>
    <x v="2"/>
    <x v="2"/>
    <x v="2"/>
    <x v="2"/>
    <x v="2"/>
    <x v="2"/>
    <x v="2"/>
    <x v="2"/>
    <x v="106"/>
    <x v="2"/>
    <x v="2"/>
    <x v="2"/>
    <x v="2"/>
    <x v="2"/>
    <s v=""/>
    <s v=""/>
    <s v=""/>
    <s v=""/>
    <s v=""/>
    <s v=""/>
    <s v=""/>
    <s v=""/>
    <s v=""/>
    <s v=""/>
    <s v=""/>
    <s v=""/>
    <s v=""/>
    <s v=""/>
    <s v=""/>
    <s v=""/>
    <s v=""/>
    <s v=""/>
    <s v=""/>
    <s v=""/>
    <s v=""/>
    <s v=""/>
    <x v="3"/>
    <x v="3"/>
    <x v="3"/>
    <x v="2"/>
    <n v="165218"/>
    <n v="0"/>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00"/>
    <s v="TR132"/>
    <s v="DBC IDP"/>
    <s v="Dacorum Borough Council"/>
    <x v="8"/>
    <x v="39"/>
    <s v="Washington Avenue four additional zebra crossings"/>
    <s v="SG18-4"/>
    <s v="(SG18-4) Install four zebra crossings on raised speed tables on Washington Avenue. Retain existing subway or consider fencing off."/>
    <s v="Hemel Garden Communities"/>
    <x v="63"/>
    <s v="Programme Area / Transformational"/>
    <s v="Off-site"/>
    <s v="Developer / Hertfordshire County Council"/>
    <s v="Hertfordshire County Council"/>
    <s v="2026-2031"/>
    <m/>
    <m/>
    <x v="263"/>
    <m/>
    <s v="S106 / S38 / S278 / CIL"/>
    <n v="0"/>
    <n v="933404"/>
    <s v="A - Per dwelling"/>
    <s v="Multiple Scenario 2 (Step 6)"/>
    <s v="Multiple Scenario 1 (Step 3)"/>
    <s v="Essential"/>
    <x v="2"/>
    <x v="0"/>
    <x v="0"/>
    <x v="0"/>
    <x v="0"/>
    <x v="0"/>
    <x v="0"/>
    <m/>
    <m/>
    <m/>
    <m/>
    <m/>
    <m/>
    <s v="Yes"/>
    <m/>
    <m/>
    <m/>
    <m/>
    <m/>
    <m/>
    <m/>
    <m/>
    <m/>
    <m/>
    <m/>
    <m/>
    <m/>
    <m/>
    <m/>
    <m/>
    <m/>
    <m/>
    <m/>
    <m/>
    <m/>
    <m/>
    <m/>
    <m/>
    <m/>
    <m/>
    <m/>
    <m/>
    <m/>
    <n v="5350"/>
    <n v="174.46803738317757"/>
    <s v="GOOD"/>
    <x v="129"/>
    <x v="2"/>
    <x v="2"/>
    <x v="2"/>
    <x v="2"/>
    <x v="2"/>
    <x v="2"/>
    <x v="2"/>
    <x v="2"/>
    <x v="2"/>
    <x v="2"/>
    <x v="2"/>
    <x v="2"/>
    <x v="118"/>
    <x v="2"/>
    <x v="2"/>
    <x v="2"/>
    <s v=""/>
    <s v=""/>
    <s v=""/>
    <s v=""/>
    <s v=""/>
    <s v=""/>
    <s v=""/>
    <s v=""/>
    <s v=""/>
    <s v=""/>
    <s v=""/>
    <s v=""/>
    <s v=""/>
    <s v=""/>
    <s v=""/>
    <s v=""/>
    <s v=""/>
    <s v=""/>
    <s v=""/>
    <s v=""/>
    <s v=""/>
    <s v=""/>
    <x v="3"/>
    <x v="3"/>
    <x v="3"/>
    <x v="2"/>
    <n v="933404"/>
    <n v="0"/>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01"/>
    <s v="TR133"/>
    <s v="DBC IDP"/>
    <s v="Dacorum Borough Council"/>
    <x v="8"/>
    <x v="39"/>
    <s v="Aycliffe Drive cycle lane upgrade and splitter island removal"/>
    <s v="SG18-5"/>
    <s v="(SG18-5) Upgrade advisory cycle lane to segregated cycle lane to improve safety. Remove splitter island features along the current route and widen marked lanes where feasible."/>
    <s v="Hemel Garden Communities"/>
    <x v="27"/>
    <s v="Programme Area / Transformational"/>
    <s v="Off-site"/>
    <s v="Developer / Hertfordshire County Council"/>
    <s v="Hertfordshire County Council"/>
    <s v="2026-2031"/>
    <m/>
    <m/>
    <x v="264"/>
    <m/>
    <s v="S106 / S38 / S278 / CIL"/>
    <n v="0"/>
    <n v="53067"/>
    <s v="A - Per dwelling"/>
    <s v="Multiple Scenario 2 (Step 6)"/>
    <s v="Single Scenario 2 (Step 2)"/>
    <s v="Essential"/>
    <x v="0"/>
    <x v="0"/>
    <x v="0"/>
    <x v="0"/>
    <x v="0"/>
    <x v="0"/>
    <x v="0"/>
    <m/>
    <m/>
    <m/>
    <m/>
    <s v="Yes"/>
    <m/>
    <m/>
    <m/>
    <m/>
    <m/>
    <m/>
    <m/>
    <m/>
    <m/>
    <m/>
    <m/>
    <m/>
    <m/>
    <m/>
    <m/>
    <m/>
    <m/>
    <m/>
    <m/>
    <m/>
    <m/>
    <m/>
    <m/>
    <m/>
    <m/>
    <m/>
    <m/>
    <m/>
    <m/>
    <m/>
    <m/>
    <n v="200"/>
    <n v="265.33499999999998"/>
    <s v="GOOD"/>
    <x v="2"/>
    <x v="2"/>
    <x v="2"/>
    <x v="2"/>
    <x v="2"/>
    <x v="2"/>
    <x v="2"/>
    <x v="2"/>
    <x v="2"/>
    <x v="2"/>
    <x v="2"/>
    <x v="107"/>
    <x v="2"/>
    <x v="2"/>
    <x v="2"/>
    <x v="2"/>
    <x v="2"/>
    <s v=""/>
    <s v=""/>
    <s v=""/>
    <s v=""/>
    <s v=""/>
    <s v=""/>
    <s v=""/>
    <s v=""/>
    <s v=""/>
    <s v=""/>
    <s v=""/>
    <s v=""/>
    <s v=""/>
    <s v=""/>
    <s v=""/>
    <s v=""/>
    <s v=""/>
    <s v=""/>
    <s v=""/>
    <s v=""/>
    <s v=""/>
    <s v=""/>
    <x v="3"/>
    <x v="3"/>
    <x v="3"/>
    <x v="2"/>
    <n v="53066.999999999993"/>
    <n v="0"/>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02"/>
    <s v="TR134"/>
    <s v="DBC IDP"/>
    <s v="Dacorum Borough Council"/>
    <x v="8"/>
    <x v="39"/>
    <s v="Cambrian Way cycle route"/>
    <s v="SG19-1"/>
    <s v="(SG19-1) Segregated cycle route or shared use path along Cambrian Way between Link Road and Malvern Way. Widen the footways leading up to the western side of the Link Road roundabout to facilitate shared use, and widen the uncontrolled crossing points across Link Road. Enlarge the size of the roundabout western arm splitter island by reducing the Link Road approach to a single lane (reducing crossing distance)"/>
    <s v="Hemel Garden Communities"/>
    <x v="8"/>
    <s v="Programme Area / Transformational"/>
    <s v="Off-site"/>
    <s v="Developer / Hertfordshire County Council"/>
    <s v="Hertfordshire County Council"/>
    <s v="2026-2031"/>
    <m/>
    <m/>
    <x v="265"/>
    <m/>
    <s v="S106 / S38 / S278 / CIL"/>
    <n v="0"/>
    <n v="1797198"/>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84.673639575971734"/>
    <s v="GOOD"/>
    <x v="130"/>
    <x v="115"/>
    <x v="118"/>
    <x v="116"/>
    <x v="113"/>
    <x v="122"/>
    <x v="115"/>
    <x v="122"/>
    <x v="117"/>
    <x v="128"/>
    <x v="126"/>
    <x v="108"/>
    <x v="112"/>
    <x v="119"/>
    <x v="100"/>
    <x v="102"/>
    <x v="87"/>
    <s v=""/>
    <s v=""/>
    <s v=""/>
    <s v=""/>
    <s v=""/>
    <s v=""/>
    <s v=""/>
    <s v=""/>
    <s v=""/>
    <s v=""/>
    <s v=""/>
    <s v=""/>
    <s v=""/>
    <s v=""/>
    <s v=""/>
    <s v=""/>
    <s v=""/>
    <s v=""/>
    <s v=""/>
    <s v=""/>
    <s v=""/>
    <s v=""/>
    <x v="106"/>
    <x v="108"/>
    <x v="114"/>
    <x v="84"/>
    <n v="1062992.871236749"/>
    <n v="734205.1287632508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03"/>
    <s v="TR135"/>
    <s v="DBC IDP"/>
    <s v="Dacorum Borough Council"/>
    <x v="8"/>
    <x v="39"/>
    <s v="Malvern Way residential cycle street (link to Nickey Line)"/>
    <s v="SG19-2"/>
    <s v="(SG19-2) Designate Malvern Way and southern section of Chilterns as a Residential Cycle Street with on-street advisory lanes "/>
    <s v="Hemel Garden Communities"/>
    <x v="8"/>
    <s v="Programme Area / Transformational"/>
    <s v="Off-site"/>
    <s v="Developer / Hertfordshire County Council"/>
    <s v="Hertfordshire County Council"/>
    <s v="2026-2031"/>
    <m/>
    <m/>
    <x v="266"/>
    <m/>
    <s v="S106 / S38 / S278 / CIL"/>
    <n v="0"/>
    <n v="620160"/>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29.218374558303886"/>
    <s v="GOOD"/>
    <x v="131"/>
    <x v="116"/>
    <x v="119"/>
    <x v="117"/>
    <x v="114"/>
    <x v="123"/>
    <x v="116"/>
    <x v="123"/>
    <x v="118"/>
    <x v="129"/>
    <x v="127"/>
    <x v="109"/>
    <x v="113"/>
    <x v="120"/>
    <x v="101"/>
    <x v="103"/>
    <x v="88"/>
    <s v=""/>
    <s v=""/>
    <s v=""/>
    <s v=""/>
    <s v=""/>
    <s v=""/>
    <s v=""/>
    <s v=""/>
    <s v=""/>
    <s v=""/>
    <s v=""/>
    <s v=""/>
    <s v=""/>
    <s v=""/>
    <s v=""/>
    <s v=""/>
    <s v=""/>
    <s v=""/>
    <s v=""/>
    <s v=""/>
    <s v=""/>
    <s v=""/>
    <x v="107"/>
    <x v="109"/>
    <x v="115"/>
    <x v="85"/>
    <n v="366807.47420494701"/>
    <n v="253352.5257950529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04"/>
    <s v="TR136"/>
    <s v="DBC IDP"/>
    <s v="Dacorum Borough Council"/>
    <x v="8"/>
    <x v="39"/>
    <s v="Fletcher Way bridge and Nickey Line access"/>
    <s v="SG19-3"/>
    <s v="(SG19-3) Improved ramp access to Nickey Line at Fletcher Way - resurfacing and trim back vegetation. Widen the footway on the northern side of Fletcher Way (removing hatched area in the centre, to accommodate a widening footway/cycleway. Raise height of bridge parapet so that it is suitable for cyclists"/>
    <s v="Hemel Garden Communities"/>
    <x v="8"/>
    <s v="Programme Area / Transformational"/>
    <s v="Off-site"/>
    <s v="Developer / Hertfordshire County Council"/>
    <s v="Hertfordshire County Council"/>
    <s v="2026-2031"/>
    <m/>
    <m/>
    <x v="267"/>
    <m/>
    <s v="S106 / S38 / S278 / CIL"/>
    <n v="0"/>
    <n v="38569"/>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8171495877502946"/>
    <s v="GOOD"/>
    <x v="132"/>
    <x v="117"/>
    <x v="120"/>
    <x v="118"/>
    <x v="115"/>
    <x v="124"/>
    <x v="117"/>
    <x v="124"/>
    <x v="119"/>
    <x v="130"/>
    <x v="128"/>
    <x v="110"/>
    <x v="114"/>
    <x v="121"/>
    <x v="102"/>
    <x v="104"/>
    <x v="89"/>
    <s v=""/>
    <s v=""/>
    <s v=""/>
    <s v=""/>
    <s v=""/>
    <s v=""/>
    <s v=""/>
    <s v=""/>
    <s v=""/>
    <s v=""/>
    <s v=""/>
    <s v=""/>
    <s v=""/>
    <s v=""/>
    <s v=""/>
    <s v=""/>
    <s v=""/>
    <s v=""/>
    <s v=""/>
    <s v=""/>
    <s v=""/>
    <s v=""/>
    <x v="108"/>
    <x v="110"/>
    <x v="116"/>
    <x v="86"/>
    <n v="22812.495924617197"/>
    <n v="15756.50407538280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05"/>
    <s v="TR137"/>
    <s v="DBC IDP"/>
    <s v="Dacorum Borough Council"/>
    <x v="8"/>
    <x v="39"/>
    <s v="Cambrian Way to Nickey Line Wayfinding Signage"/>
    <s v="SG19-4"/>
    <s v="(SG19-4) Add wayfinding signage to guide cyclists and pedestrians between Cambrian Way and the Nickey Line"/>
    <s v="Hemel Garden Communities"/>
    <x v="8"/>
    <s v="Programme Area / Transformational"/>
    <s v="Off-site"/>
    <s v="Developer / Hertfordshire County Council"/>
    <s v="Hertfordshire County Council"/>
    <s v="2026-2031"/>
    <m/>
    <m/>
    <x v="268"/>
    <m/>
    <s v="S106 / S38 / S278 / CIL"/>
    <n v="0"/>
    <n v="13922"/>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65592461719670203"/>
    <s v="GOOD"/>
    <x v="133"/>
    <x v="118"/>
    <x v="121"/>
    <x v="119"/>
    <x v="116"/>
    <x v="125"/>
    <x v="118"/>
    <x v="125"/>
    <x v="120"/>
    <x v="131"/>
    <x v="129"/>
    <x v="111"/>
    <x v="115"/>
    <x v="122"/>
    <x v="103"/>
    <x v="105"/>
    <x v="90"/>
    <s v=""/>
    <s v=""/>
    <s v=""/>
    <s v=""/>
    <s v=""/>
    <s v=""/>
    <s v=""/>
    <s v=""/>
    <s v=""/>
    <s v=""/>
    <s v=""/>
    <s v=""/>
    <s v=""/>
    <s v=""/>
    <s v=""/>
    <s v=""/>
    <s v=""/>
    <s v=""/>
    <s v=""/>
    <s v=""/>
    <s v=""/>
    <s v=""/>
    <x v="109"/>
    <x v="111"/>
    <x v="117"/>
    <x v="87"/>
    <n v="8234.477644287399"/>
    <n v="5687.5223557126028"/>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06"/>
    <s v="TR138"/>
    <s v="DBC IDP"/>
    <s v="Dacorum Borough Council"/>
    <x v="8"/>
    <x v="39"/>
    <s v="Allandale-George Street-Figtree Hill side arm pedestrian crossing improvements"/>
    <s v="SG20-1"/>
    <s v="(SG20-1) Implement dropped kerbs and tactile paving along entire segment - Allandale junctions with Slippers Hill; Garland Close, George Street, St Mary's Road; Grover Close, Chapel Street, Honey Pot Close, Randalls Ride; Taverners. - George Street junctions with Heathrer Way and Figtree Hill. - Figtree junction with B487 Queensway"/>
    <s v="Hemel Garden Communities"/>
    <x v="8"/>
    <s v="Programme Area / Transformational"/>
    <s v="Off-site"/>
    <s v="Developer / Hertfordshire County Council"/>
    <s v="Hertfordshire County Council"/>
    <s v="2026-2031"/>
    <m/>
    <m/>
    <x v="269"/>
    <m/>
    <s v="S106 / S38 / S278 / CIL"/>
    <n v="0"/>
    <n v="24458"/>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1523203769140165"/>
    <s v="GOOD"/>
    <x v="134"/>
    <x v="119"/>
    <x v="122"/>
    <x v="120"/>
    <x v="117"/>
    <x v="126"/>
    <x v="119"/>
    <x v="126"/>
    <x v="121"/>
    <x v="132"/>
    <x v="130"/>
    <x v="112"/>
    <x v="116"/>
    <x v="123"/>
    <x v="104"/>
    <x v="106"/>
    <x v="91"/>
    <s v=""/>
    <s v=""/>
    <s v=""/>
    <s v=""/>
    <s v=""/>
    <s v=""/>
    <s v=""/>
    <s v=""/>
    <s v=""/>
    <s v=""/>
    <s v=""/>
    <s v=""/>
    <s v=""/>
    <s v=""/>
    <s v=""/>
    <s v=""/>
    <s v=""/>
    <s v=""/>
    <s v=""/>
    <s v=""/>
    <s v=""/>
    <s v=""/>
    <x v="110"/>
    <x v="112"/>
    <x v="118"/>
    <x v="88"/>
    <n v="14466.23001177856"/>
    <n v="9991.7699882214365"/>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07"/>
    <s v="TR139"/>
    <s v="DBC IDP"/>
    <s v="Dacorum Borough Council"/>
    <x v="8"/>
    <x v="39"/>
    <s v="Allandale new uncontrolled crossing south of Smithfield"/>
    <s v="SG20-2"/>
    <s v="(SG20-2) Implement uncontrolled crossing with dropped kerbs and tactile paving approximately 20m south of the Allandale-Smithfield mini roundabout"/>
    <s v="Hemel Garden Communities"/>
    <x v="8"/>
    <s v="Programme Area / Transformational"/>
    <s v="Off-site"/>
    <s v="Developer / Hertfordshire County Council"/>
    <s v="Hertfordshire County Council"/>
    <s v="2026-2031"/>
    <m/>
    <m/>
    <x v="270"/>
    <m/>
    <s v="S106 / S38 / S278 / CIL"/>
    <n v="0"/>
    <n v="7900"/>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37220259128386335"/>
    <s v="GOOD"/>
    <x v="135"/>
    <x v="120"/>
    <x v="123"/>
    <x v="121"/>
    <x v="118"/>
    <x v="127"/>
    <x v="120"/>
    <x v="127"/>
    <x v="122"/>
    <x v="133"/>
    <x v="131"/>
    <x v="113"/>
    <x v="117"/>
    <x v="124"/>
    <x v="105"/>
    <x v="107"/>
    <x v="92"/>
    <s v=""/>
    <s v=""/>
    <s v=""/>
    <s v=""/>
    <s v=""/>
    <s v=""/>
    <s v=""/>
    <s v=""/>
    <s v=""/>
    <s v=""/>
    <s v=""/>
    <s v=""/>
    <s v=""/>
    <s v=""/>
    <s v=""/>
    <s v=""/>
    <s v=""/>
    <s v=""/>
    <s v=""/>
    <s v=""/>
    <s v=""/>
    <s v=""/>
    <x v="111"/>
    <x v="113"/>
    <x v="119"/>
    <x v="89"/>
    <n v="4672.6313309776206"/>
    <n v="3227.36866902237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08"/>
    <s v="TR140"/>
    <s v="DBC IDP"/>
    <s v="Dacorum Borough Council"/>
    <x v="8"/>
    <x v="39"/>
    <s v="Allandale localised footway widening"/>
    <s v="SG20-3"/>
    <s v="(SG20-3) Footway widening - removal of grass verge between St Mary's Road and George Street"/>
    <s v="Hemel Garden Communities"/>
    <x v="8"/>
    <s v="Programme Area / Transformational"/>
    <s v="Off-site"/>
    <s v="Developer / Hertfordshire County Council"/>
    <s v="Hertfordshire County Council"/>
    <s v="2026-2031"/>
    <m/>
    <m/>
    <x v="271"/>
    <m/>
    <s v="S106 / S38 / S278 / CIL"/>
    <n v="0"/>
    <n v="1139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536678445229682"/>
    <s v="GOOD"/>
    <x v="136"/>
    <x v="121"/>
    <x v="124"/>
    <x v="122"/>
    <x v="119"/>
    <x v="128"/>
    <x v="121"/>
    <x v="128"/>
    <x v="123"/>
    <x v="134"/>
    <x v="132"/>
    <x v="114"/>
    <x v="118"/>
    <x v="125"/>
    <x v="106"/>
    <x v="108"/>
    <x v="93"/>
    <s v=""/>
    <s v=""/>
    <s v=""/>
    <s v=""/>
    <s v=""/>
    <s v=""/>
    <s v=""/>
    <s v=""/>
    <s v=""/>
    <s v=""/>
    <s v=""/>
    <s v=""/>
    <s v=""/>
    <s v=""/>
    <s v=""/>
    <s v=""/>
    <s v=""/>
    <s v=""/>
    <s v=""/>
    <s v=""/>
    <s v=""/>
    <s v=""/>
    <x v="112"/>
    <x v="114"/>
    <x v="120"/>
    <x v="90"/>
    <n v="6737.4612014134264"/>
    <n v="4653.5387985865727"/>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09"/>
    <s v="TR141"/>
    <s v="DBC IDP"/>
    <s v="Dacorum Borough Council"/>
    <x v="8"/>
    <x v="39"/>
    <s v="Allandale Traffic Calming"/>
    <s v="SG20-5"/>
    <s v="(SG20-5) Implement traffic calming (speed tables or cushions) on four sections of Allandale - a) between Smithfield and Taverners; b) between Taverners and Randalls Ride; c) between Chapel Close and Grover Close; and d) between Garland Close and Slippers Hill "/>
    <s v="Hemel Garden Communities"/>
    <x v="8"/>
    <s v="Programme Area / Transformational"/>
    <s v="Off-site"/>
    <s v="Developer / Hertfordshire County Council"/>
    <s v="Hertfordshire County Council"/>
    <s v="2026-2031"/>
    <m/>
    <m/>
    <x v="272"/>
    <m/>
    <s v="S106 / S38 / S278 / CIL"/>
    <n v="0"/>
    <n v="436643"/>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20.572108362779741"/>
    <s v="GOOD"/>
    <x v="137"/>
    <x v="122"/>
    <x v="125"/>
    <x v="123"/>
    <x v="120"/>
    <x v="129"/>
    <x v="122"/>
    <x v="129"/>
    <x v="124"/>
    <x v="135"/>
    <x v="133"/>
    <x v="115"/>
    <x v="119"/>
    <x v="126"/>
    <x v="107"/>
    <x v="109"/>
    <x v="94"/>
    <s v=""/>
    <s v=""/>
    <s v=""/>
    <s v=""/>
    <s v=""/>
    <s v=""/>
    <s v=""/>
    <s v=""/>
    <s v=""/>
    <s v=""/>
    <s v=""/>
    <s v=""/>
    <s v=""/>
    <s v=""/>
    <s v=""/>
    <s v=""/>
    <s v=""/>
    <s v=""/>
    <s v=""/>
    <s v=""/>
    <s v=""/>
    <s v=""/>
    <x v="113"/>
    <x v="115"/>
    <x v="121"/>
    <x v="91"/>
    <n v="258262.24838633687"/>
    <n v="178380.7516136631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10"/>
    <s v="TR142"/>
    <s v="DBC IDP"/>
    <s v="Dacorum Borough Council"/>
    <x v="8"/>
    <x v="39"/>
    <s v="Allandale Wayfinding Signage"/>
    <s v="SG20-6"/>
    <s v="(SG20-6) Improve wayfinding along segment"/>
    <s v="Hemel Garden Communities"/>
    <x v="8"/>
    <s v="Programme Area / Transformational"/>
    <s v="Off-site"/>
    <s v="Developer / Hertfordshire County Council"/>
    <s v="Hertfordshire County Council"/>
    <s v="2026-2031"/>
    <m/>
    <m/>
    <x v="233"/>
    <m/>
    <s v="S106 / S38 / S278 / CIL"/>
    <n v="0"/>
    <n v="20883"/>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98388692579505299"/>
    <s v="GOOD"/>
    <x v="138"/>
    <x v="123"/>
    <x v="126"/>
    <x v="124"/>
    <x v="121"/>
    <x v="130"/>
    <x v="123"/>
    <x v="130"/>
    <x v="125"/>
    <x v="136"/>
    <x v="134"/>
    <x v="116"/>
    <x v="120"/>
    <x v="127"/>
    <x v="108"/>
    <x v="110"/>
    <x v="95"/>
    <s v=""/>
    <s v=""/>
    <s v=""/>
    <s v=""/>
    <s v=""/>
    <s v=""/>
    <s v=""/>
    <s v=""/>
    <s v=""/>
    <s v=""/>
    <s v=""/>
    <s v=""/>
    <s v=""/>
    <s v=""/>
    <s v=""/>
    <s v=""/>
    <s v=""/>
    <s v=""/>
    <s v=""/>
    <s v=""/>
    <s v=""/>
    <s v=""/>
    <x v="114"/>
    <x v="116"/>
    <x v="122"/>
    <x v="92"/>
    <n v="12351.716466431095"/>
    <n v="8531.283533568905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11"/>
    <s v="TR143"/>
    <s v="DBC IDP"/>
    <s v="Dacorum Borough Council"/>
    <x v="8"/>
    <x v="39"/>
    <s v="Queensway-Marlowes Roundabout speed reduction measures"/>
    <s v="SG21-1"/>
    <s v="(SG21-1) Reduce the kerb radii all approaches, notably on the Marlowes and Queensway approach arms to provide a single lane. This will increase deflection and reduce speeds through the junction. Provide give-way markings on the cycleway approach to increase the prominence of the cycleway approach"/>
    <s v="Hemel Garden Communities"/>
    <x v="64"/>
    <s v="Transformational"/>
    <s v="Off-site"/>
    <s v="Developer / Hertfordshire County Council"/>
    <s v="Hertfordshire County Council"/>
    <s v="2026-2031"/>
    <m/>
    <m/>
    <x v="273"/>
    <m/>
    <s v="S106 / S38 / S278 / CIL"/>
    <n v="0"/>
    <n v="70241"/>
    <s v="B5 - Based on AECOM Transport Model attribution percentages"/>
    <s v="Multiple Scenario 2 (Step 5)"/>
    <s v="Mutliple Scenario 2 (Step 5)"/>
    <s v="Essential"/>
    <x v="2"/>
    <x v="2"/>
    <x v="2"/>
    <x v="2"/>
    <x v="2"/>
    <x v="2"/>
    <x v="2"/>
    <s v="Yes"/>
    <s v="Yes"/>
    <s v="Yes"/>
    <s v="Yes"/>
    <s v="Yes"/>
    <s v="Yes"/>
    <s v="Yes"/>
    <s v="Yes"/>
    <s v=""/>
    <s v=""/>
    <m/>
    <m/>
    <m/>
    <m/>
    <m/>
    <m/>
    <m/>
    <m/>
    <m/>
    <m/>
    <m/>
    <m/>
    <m/>
    <m/>
    <m/>
    <m/>
    <m/>
    <m/>
    <m/>
    <m/>
    <m/>
    <m/>
    <s v="Yes"/>
    <s v="Yes"/>
    <s v=""/>
    <s v="Yes"/>
    <n v="16365"/>
    <n v="4.2921478765658421"/>
    <s v="GOOD"/>
    <x v="139"/>
    <x v="124"/>
    <x v="127"/>
    <x v="125"/>
    <x v="122"/>
    <x v="131"/>
    <x v="124"/>
    <x v="131"/>
    <x v="126"/>
    <x v="137"/>
    <x v="135"/>
    <x v="117"/>
    <x v="121"/>
    <x v="128"/>
    <x v="109"/>
    <x v="23"/>
    <x v="0"/>
    <m/>
    <m/>
    <m/>
    <m/>
    <m/>
    <m/>
    <m/>
    <m/>
    <m/>
    <m/>
    <m/>
    <m/>
    <m/>
    <m/>
    <m/>
    <m/>
    <m/>
    <m/>
    <m/>
    <m/>
    <m/>
    <m/>
    <x v="115"/>
    <x v="117"/>
    <x v="6"/>
    <x v="93"/>
    <n v="40569.86090704392"/>
    <n v="29671.139092956077"/>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412"/>
    <s v="TR144"/>
    <s v="DBC IDP"/>
    <s v="Dacorum Borough Council"/>
    <x v="8"/>
    <x v="39"/>
    <s v="Gadebridge Park cycle stands"/>
    <s v="SG22-1"/>
    <s v="(SG22-1) Implement cycle stands adjacent to the car park"/>
    <s v="Hemel Garden Communities"/>
    <x v="8"/>
    <s v="Programme Area / Transformational"/>
    <s v="Off-site"/>
    <s v="Developer / Hertfordshire County Council"/>
    <s v="Hertfordshire County Council"/>
    <s v="2026-2031"/>
    <m/>
    <m/>
    <x v="274"/>
    <m/>
    <s v="S106 / S38 / S278 / CIL"/>
    <n v="0"/>
    <n v="1595"/>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7.51472320376914E-2"/>
    <s v="GOOD"/>
    <x v="140"/>
    <x v="125"/>
    <x v="128"/>
    <x v="126"/>
    <x v="123"/>
    <x v="132"/>
    <x v="125"/>
    <x v="132"/>
    <x v="127"/>
    <x v="138"/>
    <x v="136"/>
    <x v="118"/>
    <x v="122"/>
    <x v="129"/>
    <x v="110"/>
    <x v="111"/>
    <x v="96"/>
    <s v=""/>
    <s v=""/>
    <s v=""/>
    <s v=""/>
    <s v=""/>
    <s v=""/>
    <s v=""/>
    <s v=""/>
    <s v=""/>
    <s v=""/>
    <s v=""/>
    <s v=""/>
    <s v=""/>
    <s v=""/>
    <s v=""/>
    <s v=""/>
    <s v=""/>
    <s v=""/>
    <s v=""/>
    <s v=""/>
    <s v=""/>
    <s v=""/>
    <x v="116"/>
    <x v="118"/>
    <x v="123"/>
    <x v="94"/>
    <n v="943.39835100117773"/>
    <n v="651.6016489988221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13"/>
    <s v="TR145"/>
    <s v="DBC IDP"/>
    <s v="Dacorum Borough Council"/>
    <x v="8"/>
    <x v="39"/>
    <s v="Piccotts End Road uncontrolled crossing"/>
    <s v="SG23-1"/>
    <s v="(SG23-1) Provide an uncontrolled crossing at the northern end of the western footway, where it terminates (south of Gadebridge Lane)"/>
    <s v="Hemel Garden Communities"/>
    <x v="8"/>
    <s v="Programme Area / Transformational"/>
    <s v="Off-site"/>
    <s v="Developer / Hertfordshire County Council"/>
    <s v="Hertfordshire County Council"/>
    <s v="2026-2031"/>
    <m/>
    <m/>
    <x v="275"/>
    <m/>
    <s v="S106 / S38 / S278 / CIL"/>
    <n v="0"/>
    <n v="65866"/>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3.1032273262661954"/>
    <s v="GOOD"/>
    <x v="141"/>
    <x v="126"/>
    <x v="129"/>
    <x v="127"/>
    <x v="124"/>
    <x v="133"/>
    <x v="126"/>
    <x v="133"/>
    <x v="128"/>
    <x v="139"/>
    <x v="137"/>
    <x v="119"/>
    <x v="123"/>
    <x v="130"/>
    <x v="111"/>
    <x v="112"/>
    <x v="97"/>
    <s v=""/>
    <s v=""/>
    <s v=""/>
    <s v=""/>
    <s v=""/>
    <s v=""/>
    <s v=""/>
    <s v=""/>
    <s v=""/>
    <s v=""/>
    <s v=""/>
    <s v=""/>
    <s v=""/>
    <s v=""/>
    <s v=""/>
    <s v=""/>
    <s v=""/>
    <s v=""/>
    <s v=""/>
    <s v=""/>
    <s v=""/>
    <s v=""/>
    <x v="117"/>
    <x v="119"/>
    <x v="124"/>
    <x v="95"/>
    <n v="38957.915853945822"/>
    <n v="26908.084146054178"/>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14"/>
    <s v="TR146"/>
    <s v="DBC IDP"/>
    <s v="Dacorum Borough Council"/>
    <x v="8"/>
    <x v="39"/>
    <s v="Piccotts End Road Gadebridge Park active mode access improvement"/>
    <s v="SG23-2"/>
    <s v="(SG23-2) Provide a kerbed build out adjacent to the gated entrance into Gadebridge Park (incorporating vehicle crossover for maintenance access). "/>
    <s v="Hemel Garden Communities"/>
    <x v="8"/>
    <s v="Programme Area / Transformational"/>
    <s v="Off-site"/>
    <s v="Developer / Hertfordshire County Council"/>
    <s v="Hertfordshire County Council"/>
    <s v="2026-2031"/>
    <m/>
    <m/>
    <x v="276"/>
    <m/>
    <s v="S106 / S38 / S278 / CIL"/>
    <n v="0"/>
    <n v="2848"/>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13418138987043582"/>
    <s v="GOOD"/>
    <x v="142"/>
    <x v="127"/>
    <x v="130"/>
    <x v="128"/>
    <x v="125"/>
    <x v="134"/>
    <x v="127"/>
    <x v="134"/>
    <x v="129"/>
    <x v="140"/>
    <x v="138"/>
    <x v="120"/>
    <x v="124"/>
    <x v="131"/>
    <x v="112"/>
    <x v="113"/>
    <x v="98"/>
    <s v=""/>
    <s v=""/>
    <s v=""/>
    <s v=""/>
    <s v=""/>
    <s v=""/>
    <s v=""/>
    <s v=""/>
    <s v=""/>
    <s v=""/>
    <s v=""/>
    <s v=""/>
    <s v=""/>
    <s v=""/>
    <s v=""/>
    <s v=""/>
    <s v=""/>
    <s v=""/>
    <s v=""/>
    <s v=""/>
    <s v=""/>
    <s v=""/>
    <x v="118"/>
    <x v="120"/>
    <x v="125"/>
    <x v="96"/>
    <n v="1684.5131684334513"/>
    <n v="1163.48683156654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15"/>
    <s v="TR147"/>
    <s v="DBC IDP"/>
    <s v="Dacorum Borough Council"/>
    <x v="8"/>
    <x v="39"/>
    <s v="Piccotts End Road Wayfinding Signage"/>
    <s v="SG23-3"/>
    <s v="(SG23-3) Implement wayfinding signage at access to Gadebridge Park"/>
    <s v="Hemel Garden Communities"/>
    <x v="8"/>
    <s v="Programme Area / Transformational"/>
    <s v="Off-site"/>
    <s v="Developer / Hertfordshire County Council"/>
    <s v="Hertfordshire County Council"/>
    <s v="2026-2031"/>
    <m/>
    <m/>
    <x v="277"/>
    <m/>
    <s v="S106 / S38 / S278 / CIL"/>
    <n v="0"/>
    <n v="3480"/>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16395759717314487"/>
    <s v="GOOD"/>
    <x v="143"/>
    <x v="128"/>
    <x v="131"/>
    <x v="129"/>
    <x v="126"/>
    <x v="135"/>
    <x v="128"/>
    <x v="135"/>
    <x v="130"/>
    <x v="141"/>
    <x v="139"/>
    <x v="121"/>
    <x v="125"/>
    <x v="132"/>
    <x v="113"/>
    <x v="114"/>
    <x v="99"/>
    <s v=""/>
    <s v=""/>
    <s v=""/>
    <s v=""/>
    <s v=""/>
    <s v=""/>
    <s v=""/>
    <s v=""/>
    <s v=""/>
    <s v=""/>
    <s v=""/>
    <s v=""/>
    <s v=""/>
    <s v=""/>
    <s v=""/>
    <s v=""/>
    <s v=""/>
    <s v=""/>
    <s v=""/>
    <s v=""/>
    <s v=""/>
    <s v=""/>
    <x v="119"/>
    <x v="121"/>
    <x v="126"/>
    <x v="97"/>
    <n v="2058.3236749116604"/>
    <n v="1421.676325088339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16"/>
    <s v="TR148"/>
    <s v="DBC IDP"/>
    <s v="Dacorum Borough Council"/>
    <x v="8"/>
    <x v="38"/>
    <s v="Piccotts End Road Traffic Calming"/>
    <s v="SG24-1"/>
    <s v="(SG24-1) Implement additional traffic calming features to manage risk of excessive speeds on the southern section. Two raised speed tables - a) approximately 30m north of the A4147 roundabout and b) 10m north of the Piccotts End Lane junction (also incorporating kerbed build out on eastern side to prevent kerbside parking on the northern side of the junction. "/>
    <s v="Hemel Garden Communities"/>
    <x v="8"/>
    <s v="Programme Area"/>
    <s v="Off-site"/>
    <s v="Developer / Hertfordshire County Council"/>
    <s v="Hertfordshire County Council "/>
    <s v="2026-2031"/>
    <m/>
    <m/>
    <x v="278"/>
    <m/>
    <s v="S106 / S38 / S278 / CIL"/>
    <n v="0"/>
    <n v="130360"/>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6.141813898704358"/>
    <s v="GOOD"/>
    <x v="144"/>
    <x v="129"/>
    <x v="132"/>
    <x v="130"/>
    <x v="127"/>
    <x v="136"/>
    <x v="129"/>
    <x v="136"/>
    <x v="131"/>
    <x v="142"/>
    <x v="140"/>
    <x v="122"/>
    <x v="126"/>
    <x v="133"/>
    <x v="114"/>
    <x v="115"/>
    <x v="100"/>
    <s v=""/>
    <s v=""/>
    <s v=""/>
    <s v=""/>
    <s v=""/>
    <s v=""/>
    <s v=""/>
    <s v=""/>
    <s v=""/>
    <s v=""/>
    <s v=""/>
    <s v=""/>
    <s v=""/>
    <s v=""/>
    <s v=""/>
    <s v=""/>
    <s v=""/>
    <s v=""/>
    <s v=""/>
    <s v=""/>
    <s v=""/>
    <s v=""/>
    <x v="120"/>
    <x v="122"/>
    <x v="127"/>
    <x v="98"/>
    <n v="77104.331684334509"/>
    <n v="53255.66831566549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17"/>
    <s v="TR149"/>
    <s v="DBC IDP"/>
    <s v="Dacorum Borough Council"/>
    <x v="8"/>
    <x v="38"/>
    <s v="Hillfield Road-Marlowes junctions reconfiguration"/>
    <s v="SG25-2"/>
    <s v="(SG25-2) Convert King Harry Street-Hillfield Road junction to a conventional T-junction. Reduce the Hillfield Road approach to Marlowes to a Single lane, widen the footway adjacent to the crossing. "/>
    <s v="Hemel Garden Communities"/>
    <x v="52"/>
    <s v="Programme Area"/>
    <s v="Off-site"/>
    <s v="Developer / Hertfordshire County Council"/>
    <s v="Hertfordshire County Council "/>
    <s v="2031-2036"/>
    <m/>
    <m/>
    <x v="279"/>
    <m/>
    <s v="S106 / S38 / S278 / CIL"/>
    <n v="0"/>
    <n v="94053"/>
    <s v="B5 - Based on AECOM Transport Model attribution percentages"/>
    <s v="Multiple Scenario 2 (Step 5)"/>
    <s v="Mutliple Scenario 2 (Step 5)"/>
    <s v="Essential"/>
    <x v="2"/>
    <x v="2"/>
    <x v="2"/>
    <x v="2"/>
    <x v="2"/>
    <x v="2"/>
    <x v="3"/>
    <s v="Yes"/>
    <s v=""/>
    <s v="Yes"/>
    <s v="Yes"/>
    <s v=""/>
    <s v="Yes"/>
    <s v="Yes"/>
    <s v=""/>
    <s v=""/>
    <s v=""/>
    <m/>
    <m/>
    <m/>
    <m/>
    <m/>
    <m/>
    <m/>
    <m/>
    <m/>
    <m/>
    <m/>
    <m/>
    <m/>
    <m/>
    <m/>
    <m/>
    <m/>
    <m/>
    <m/>
    <m/>
    <m/>
    <m/>
    <s v="Yes"/>
    <s v="Yes"/>
    <s v="Yes"/>
    <s v="Yes"/>
    <n v="17875"/>
    <n v="5.2617062937062933"/>
    <s v="GOOD"/>
    <x v="145"/>
    <x v="130"/>
    <x v="133"/>
    <x v="131"/>
    <x v="128"/>
    <x v="137"/>
    <x v="22"/>
    <x v="137"/>
    <x v="24"/>
    <x v="143"/>
    <x v="141"/>
    <x v="23"/>
    <x v="127"/>
    <x v="134"/>
    <x v="22"/>
    <x v="23"/>
    <x v="0"/>
    <m/>
    <m/>
    <m/>
    <m/>
    <m/>
    <m/>
    <m/>
    <m/>
    <m/>
    <m/>
    <m/>
    <m/>
    <m/>
    <m/>
    <m/>
    <m/>
    <m/>
    <m/>
    <m/>
    <m/>
    <m/>
    <m/>
    <x v="121"/>
    <x v="123"/>
    <x v="128"/>
    <x v="99"/>
    <n v="84882.581430187885"/>
    <n v="9170.4185698121"/>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418"/>
    <s v="TR150"/>
    <s v="DBC IDP"/>
    <s v="Dacorum Borough Council"/>
    <x v="8"/>
    <x v="39"/>
    <s v="Marlowes carriageway reconfiguration - Hillfield Road-Combe Street"/>
    <s v="SG25-3"/>
    <s v="(SG25-3) a) Remove the landscaped central reservation on Marlowes between Hillfield Road and Combe Street. b) Reduce the northbound carriageway to a single lane and widen the footway on western side. c) Install an additional controlled crossing adjacent to the Wetherspoon public house, on a raised speed table."/>
    <s v="Hemel Garden Communities"/>
    <x v="52"/>
    <s v="Transformational"/>
    <s v="Off-site"/>
    <s v="Developer / Hertfordshire County Council"/>
    <s v="Hertfordshire County Council"/>
    <s v="2031-2036"/>
    <m/>
    <m/>
    <x v="280"/>
    <m/>
    <s v="S106 / S38 / S278 / CIL"/>
    <n v="0"/>
    <n v="313019"/>
    <s v="B5 - Based on AECOM Transport Model attribution percentages"/>
    <s v="Multiple Scenario 2 (Step 5)"/>
    <s v="Mutliple Scenario 2 (Step 5)"/>
    <s v="Essential"/>
    <x v="2"/>
    <x v="2"/>
    <x v="2"/>
    <x v="2"/>
    <x v="2"/>
    <x v="2"/>
    <x v="3"/>
    <s v="Yes"/>
    <s v=""/>
    <s v="Yes"/>
    <s v="Yes"/>
    <s v=""/>
    <s v="Yes"/>
    <s v="Yes"/>
    <s v=""/>
    <s v=""/>
    <s v=""/>
    <m/>
    <m/>
    <m/>
    <m/>
    <m/>
    <m/>
    <m/>
    <m/>
    <m/>
    <m/>
    <m/>
    <m/>
    <m/>
    <m/>
    <m/>
    <m/>
    <m/>
    <m/>
    <m/>
    <m/>
    <m/>
    <m/>
    <s v="Yes"/>
    <s v="Yes"/>
    <s v="Yes"/>
    <s v="Yes"/>
    <n v="17875"/>
    <n v="17.511552447552447"/>
    <s v="GOOD"/>
    <x v="146"/>
    <x v="131"/>
    <x v="134"/>
    <x v="132"/>
    <x v="129"/>
    <x v="138"/>
    <x v="22"/>
    <x v="138"/>
    <x v="24"/>
    <x v="144"/>
    <x v="142"/>
    <x v="23"/>
    <x v="128"/>
    <x v="135"/>
    <x v="22"/>
    <x v="23"/>
    <x v="0"/>
    <m/>
    <m/>
    <m/>
    <m/>
    <m/>
    <m/>
    <m/>
    <m/>
    <m/>
    <m/>
    <m/>
    <m/>
    <m/>
    <m/>
    <m/>
    <m/>
    <m/>
    <m/>
    <m/>
    <m/>
    <m/>
    <m/>
    <x v="122"/>
    <x v="124"/>
    <x v="129"/>
    <x v="100"/>
    <n v="282498.81191132654"/>
    <n v="30520.188088673563"/>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419"/>
    <s v="TR151"/>
    <s v="DBC IDP"/>
    <s v="Dacorum Borough Council"/>
    <x v="8"/>
    <x v="39"/>
    <s v="Marlowes carriageway reconfiguration - Combe Street-Midland Road"/>
    <s v="SG25-4"/>
    <s v="(SG25-4) a) Remove landscaped central reservation on Marlowes between Combe Street and Midland Road and widen the footway on eastern side. Reduce the southbound carriageway to a single lane. b) Install an additional controlled crossing adjacent to the library, on a raised speed table.  "/>
    <s v="Hemel Garden Communities"/>
    <x v="52"/>
    <s v="Transformational"/>
    <s v="Off-site"/>
    <s v="Developer / Hertfordshire County Council"/>
    <s v="Hertfordshire County Council"/>
    <s v="2031-2036"/>
    <m/>
    <m/>
    <x v="281"/>
    <m/>
    <s v="S106 / S38 / S278 / CIL"/>
    <n v="0"/>
    <n v="290466"/>
    <s v="B5 - Based on AECOM Transport Model attribution percentages"/>
    <s v="Multiple Scenario 2 (Step 5)"/>
    <s v="Mutliple Scenario 2 (Step 5)"/>
    <s v="Essential"/>
    <x v="2"/>
    <x v="2"/>
    <x v="2"/>
    <x v="2"/>
    <x v="2"/>
    <x v="2"/>
    <x v="3"/>
    <s v="Yes"/>
    <s v=""/>
    <s v="Yes"/>
    <s v="Yes"/>
    <s v=""/>
    <s v="Yes"/>
    <s v="Yes"/>
    <s v=""/>
    <s v=""/>
    <s v=""/>
    <m/>
    <m/>
    <m/>
    <m/>
    <m/>
    <m/>
    <m/>
    <m/>
    <m/>
    <m/>
    <m/>
    <m/>
    <m/>
    <m/>
    <m/>
    <m/>
    <m/>
    <m/>
    <m/>
    <m/>
    <m/>
    <m/>
    <s v="Yes"/>
    <s v="Yes"/>
    <s v="Yes"/>
    <s v="Yes"/>
    <n v="17875"/>
    <n v="16.249846153846153"/>
    <s v="GOOD"/>
    <x v="147"/>
    <x v="132"/>
    <x v="135"/>
    <x v="133"/>
    <x v="130"/>
    <x v="139"/>
    <x v="22"/>
    <x v="139"/>
    <x v="24"/>
    <x v="145"/>
    <x v="143"/>
    <x v="23"/>
    <x v="129"/>
    <x v="136"/>
    <x v="22"/>
    <x v="23"/>
    <x v="0"/>
    <m/>
    <m/>
    <m/>
    <m/>
    <m/>
    <m/>
    <m/>
    <m/>
    <m/>
    <m/>
    <m/>
    <m/>
    <m/>
    <m/>
    <m/>
    <m/>
    <m/>
    <m/>
    <m/>
    <m/>
    <m/>
    <m/>
    <x v="123"/>
    <x v="125"/>
    <x v="130"/>
    <x v="101"/>
    <n v="262144.78961543983"/>
    <n v="28321.210384560218"/>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420"/>
    <s v="TR152"/>
    <s v="DBC IDP"/>
    <s v="Dacorum Borough Council"/>
    <x v="8"/>
    <x v="39"/>
    <s v="Marlowes cycle stands"/>
    <s v="SG25-5"/>
    <s v="(SG25-5) Add cycle stands outside shopping parades (note - separate proposal for a Mobility Hub outside the college)"/>
    <s v="Hemel Garden Communities"/>
    <x v="52"/>
    <s v="Transformational"/>
    <s v="Off-site"/>
    <s v="Developer / Hertfordshire County Council"/>
    <s v="Hertfordshire County Council"/>
    <s v="2031-2036"/>
    <m/>
    <m/>
    <x v="282"/>
    <m/>
    <s v="S106 / S38 / S278 / CIL"/>
    <n v="0"/>
    <n v="2392"/>
    <s v="B5 - Based on AECOM Transport Model attribution percentages"/>
    <s v="Multiple Scenario 2 (Step 5)"/>
    <s v="Mutliple Scenario 2 (Step 5)"/>
    <s v="Essential"/>
    <x v="2"/>
    <x v="2"/>
    <x v="2"/>
    <x v="2"/>
    <x v="2"/>
    <x v="2"/>
    <x v="3"/>
    <s v="Yes"/>
    <s v=""/>
    <s v="Yes"/>
    <s v="Yes"/>
    <s v=""/>
    <s v="Yes"/>
    <s v="Yes"/>
    <s v=""/>
    <s v=""/>
    <s v=""/>
    <m/>
    <m/>
    <m/>
    <m/>
    <m/>
    <m/>
    <m/>
    <m/>
    <m/>
    <m/>
    <m/>
    <m/>
    <m/>
    <m/>
    <m/>
    <m/>
    <m/>
    <m/>
    <m/>
    <m/>
    <m/>
    <m/>
    <s v="Yes"/>
    <s v="Yes"/>
    <s v="Yes"/>
    <s v="Yes"/>
    <n v="17875"/>
    <n v="0.13381818181818181"/>
    <s v="GOOD"/>
    <x v="148"/>
    <x v="133"/>
    <x v="136"/>
    <x v="134"/>
    <x v="131"/>
    <x v="140"/>
    <x v="22"/>
    <x v="140"/>
    <x v="24"/>
    <x v="146"/>
    <x v="144"/>
    <x v="23"/>
    <x v="130"/>
    <x v="137"/>
    <x v="22"/>
    <x v="23"/>
    <x v="0"/>
    <m/>
    <m/>
    <m/>
    <m/>
    <m/>
    <m/>
    <m/>
    <m/>
    <m/>
    <m/>
    <m/>
    <m/>
    <m/>
    <m/>
    <m/>
    <m/>
    <m/>
    <m/>
    <m/>
    <m/>
    <m/>
    <m/>
    <x v="124"/>
    <x v="126"/>
    <x v="131"/>
    <x v="102"/>
    <n v="2158.7736146748061"/>
    <n v="233.22638532519483"/>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421"/>
    <s v="TR153"/>
    <s v="DBC IDP"/>
    <s v="Dacorum Borough Council"/>
    <x v="8"/>
    <x v="39"/>
    <s v="Midland Road pedestrian crossing"/>
    <s v="SG25-6"/>
    <s v="(SG25-6) Install controlled zebra crossing on a raised speed table on Midlands Road on the eastern side of the Marlowes roundabout "/>
    <s v="Hemel Garden Communities"/>
    <x v="52"/>
    <s v="Transformational"/>
    <s v="Off-site"/>
    <s v="Developer / Hertfordshire County Council"/>
    <s v="Hertfordshire County Council"/>
    <s v="2031-2036"/>
    <m/>
    <m/>
    <x v="283"/>
    <m/>
    <s v="S106 / S38 / S278 / CIL"/>
    <n v="0"/>
    <n v="200552"/>
    <s v="B5 - Based on AECOM Transport Model attribution percentages"/>
    <s v="Multiple Scenario 2 (Step 5)"/>
    <s v="Mutliple Scenario 2 (Step 5)"/>
    <s v="Essential"/>
    <x v="2"/>
    <x v="2"/>
    <x v="2"/>
    <x v="2"/>
    <x v="2"/>
    <x v="2"/>
    <x v="3"/>
    <s v="Yes"/>
    <s v=""/>
    <s v="Yes"/>
    <s v="Yes"/>
    <s v=""/>
    <s v="Yes"/>
    <s v="Yes"/>
    <s v=""/>
    <s v=""/>
    <s v=""/>
    <m/>
    <m/>
    <m/>
    <m/>
    <m/>
    <m/>
    <m/>
    <m/>
    <m/>
    <m/>
    <m/>
    <m/>
    <m/>
    <m/>
    <m/>
    <m/>
    <m/>
    <m/>
    <m/>
    <m/>
    <m/>
    <m/>
    <s v="Yes"/>
    <s v="Yes"/>
    <s v="Yes"/>
    <s v="Yes"/>
    <n v="17875"/>
    <n v="11.219692307692307"/>
    <s v="GOOD"/>
    <x v="149"/>
    <x v="134"/>
    <x v="137"/>
    <x v="135"/>
    <x v="132"/>
    <x v="141"/>
    <x v="22"/>
    <x v="141"/>
    <x v="24"/>
    <x v="147"/>
    <x v="145"/>
    <x v="23"/>
    <x v="131"/>
    <x v="138"/>
    <x v="22"/>
    <x v="23"/>
    <x v="0"/>
    <m/>
    <m/>
    <m/>
    <m/>
    <m/>
    <m/>
    <m/>
    <m/>
    <m/>
    <m/>
    <m/>
    <m/>
    <m/>
    <m/>
    <m/>
    <m/>
    <m/>
    <m/>
    <m/>
    <m/>
    <m/>
    <m/>
    <x v="125"/>
    <x v="127"/>
    <x v="132"/>
    <x v="103"/>
    <n v="180997.64463639696"/>
    <n v="19554.355363603041"/>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422"/>
    <s v="TR154"/>
    <s v="DBC IDP"/>
    <s v="Dacorum Borough Council"/>
    <x v="8"/>
    <x v="39"/>
    <s v="Two Waters Way Cycle Link"/>
    <s v="SG26-1"/>
    <s v="(SG26-1) Provide segregated cycle lane along Two Waters Way by removing hatching in the middle of road (removal of right turn filters, single lane in both direction). To be located on the western side between the Plough Roundabout and River Bulbourne and on the eastern side to London Road. The northern section, north of Corner Hall, would need to be provided as a shared use facility off-road as there is insufficient space within the carriageway. In the vicinity of the River Bulbourne provide a Toucan crossing. At the northern end, provide a widened bridge over the River Gade and shared use route across to Station Road. "/>
    <s v="Hemel Garden Communities"/>
    <x v="65"/>
    <s v="Transformational"/>
    <s v="Off-site"/>
    <s v="Developer / Hertfordshire County Council"/>
    <s v="Hertfordshire County Council"/>
    <s v="2026-2031"/>
    <m/>
    <m/>
    <x v="284"/>
    <m/>
    <s v="S106 / S38 / S278 / CIL"/>
    <n v="0"/>
    <n v="1370676"/>
    <s v="B5 - Based on AECOM Transport Model attribution percentages"/>
    <s v="Multiple Scenario 2 (Step 5)"/>
    <s v="Mutliple Scenario 2 (Step 5)"/>
    <s v="Essential"/>
    <x v="2"/>
    <x v="2"/>
    <x v="2"/>
    <x v="2"/>
    <x v="2"/>
    <x v="2"/>
    <x v="3"/>
    <s v=""/>
    <s v="Yes"/>
    <s v="Yes"/>
    <s v="Yes"/>
    <s v="Yes"/>
    <s v="Yes"/>
    <s v="Yes"/>
    <s v="Yes"/>
    <s v="Yes"/>
    <s v=""/>
    <m/>
    <m/>
    <m/>
    <m/>
    <m/>
    <m/>
    <m/>
    <m/>
    <m/>
    <m/>
    <m/>
    <m/>
    <m/>
    <m/>
    <m/>
    <m/>
    <m/>
    <m/>
    <m/>
    <m/>
    <m/>
    <m/>
    <s v="Yes"/>
    <s v="Yes"/>
    <s v="Yes"/>
    <s v="Yes"/>
    <n v="18355"/>
    <n v="74.675892127485696"/>
    <s v="GOOD"/>
    <x v="150"/>
    <x v="135"/>
    <x v="138"/>
    <x v="136"/>
    <x v="133"/>
    <x v="142"/>
    <x v="22"/>
    <x v="24"/>
    <x v="132"/>
    <x v="148"/>
    <x v="146"/>
    <x v="123"/>
    <x v="132"/>
    <x v="139"/>
    <x v="115"/>
    <x v="116"/>
    <x v="0"/>
    <m/>
    <m/>
    <m/>
    <m/>
    <m/>
    <m/>
    <m/>
    <m/>
    <m/>
    <m/>
    <m/>
    <m/>
    <m/>
    <m/>
    <m/>
    <m/>
    <m/>
    <m/>
    <m/>
    <m/>
    <m/>
    <m/>
    <x v="126"/>
    <x v="128"/>
    <x v="133"/>
    <x v="104"/>
    <n v="1050437.7635877605"/>
    <n v="320238.23641223944"/>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423"/>
    <s v="TR155"/>
    <s v="DBC IDP"/>
    <s v="Dacorum Borough Council"/>
    <x v="8"/>
    <x v="39"/>
    <s v="Corner Hall cycle parking"/>
    <s v="SG26-3"/>
    <s v="(SG26-3) Add cycle parking stands on Corner Hall (west of the river)"/>
    <s v="Hemel Garden Communities"/>
    <x v="65"/>
    <s v="Transformational"/>
    <s v="Off-site"/>
    <s v="Developer / Hertfordshire County Council"/>
    <s v="Hertfordshire County Council"/>
    <s v="2026-2031"/>
    <m/>
    <m/>
    <x v="242"/>
    <m/>
    <s v="S106 / S38 / S278 / CIL"/>
    <n v="0"/>
    <n v="797"/>
    <s v="B5 - Based on AECOM Transport Model attribution percentages"/>
    <s v="Multiple Scenario 2 (Step 5)"/>
    <s v="Mutliple Scenario 2 (Step 5)"/>
    <s v="Essential"/>
    <x v="2"/>
    <x v="2"/>
    <x v="2"/>
    <x v="2"/>
    <x v="2"/>
    <x v="2"/>
    <x v="3"/>
    <s v=""/>
    <s v="Yes"/>
    <s v="Yes"/>
    <s v="Yes"/>
    <s v="Yes"/>
    <s v="Yes"/>
    <s v="Yes"/>
    <s v="Yes"/>
    <s v="Yes"/>
    <s v=""/>
    <m/>
    <m/>
    <m/>
    <m/>
    <m/>
    <m/>
    <m/>
    <m/>
    <m/>
    <m/>
    <m/>
    <m/>
    <m/>
    <m/>
    <m/>
    <m/>
    <m/>
    <m/>
    <m/>
    <m/>
    <m/>
    <m/>
    <s v="Yes"/>
    <s v="Yes"/>
    <s v="Yes"/>
    <s v="Yes"/>
    <n v="18355"/>
    <n v="4.3421411059656773E-2"/>
    <s v="GOOD"/>
    <x v="151"/>
    <x v="136"/>
    <x v="139"/>
    <x v="137"/>
    <x v="134"/>
    <x v="143"/>
    <x v="22"/>
    <x v="24"/>
    <x v="133"/>
    <x v="149"/>
    <x v="147"/>
    <x v="124"/>
    <x v="133"/>
    <x v="140"/>
    <x v="116"/>
    <x v="117"/>
    <x v="0"/>
    <m/>
    <m/>
    <m/>
    <m/>
    <m/>
    <m/>
    <m/>
    <m/>
    <m/>
    <m/>
    <m/>
    <m/>
    <m/>
    <m/>
    <m/>
    <m/>
    <m/>
    <m/>
    <m/>
    <m/>
    <m/>
    <m/>
    <x v="127"/>
    <x v="129"/>
    <x v="134"/>
    <x v="105"/>
    <n v="610.79270198022357"/>
    <n v="186.20729801977626"/>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424"/>
    <s v="TR156"/>
    <s v="DBC IDP"/>
    <s v="Dacorum Borough Council"/>
    <x v="8"/>
    <x v="39"/>
    <s v="Corner Hall pedestrian crossing improvements"/>
    <s v="SG26-4"/>
    <s v="(SG26-4) Add tactile paving at Corner Hall"/>
    <s v="Hemel Garden Communities"/>
    <x v="65"/>
    <s v="Transformational"/>
    <s v="Off-site"/>
    <s v="Developer / Hertfordshire County Council"/>
    <s v="Hertfordshire County Council"/>
    <s v="2026-2031"/>
    <m/>
    <m/>
    <x v="248"/>
    <m/>
    <s v="S106 / S38 / S278 / CIL"/>
    <n v="0"/>
    <n v="2430"/>
    <s v="B5 - Based on AECOM Transport Model attribution percentages"/>
    <s v="Multiple Scenario 2 (Step 5)"/>
    <s v="Mutliple Scenario 2 (Step 5)"/>
    <s v="Essential"/>
    <x v="2"/>
    <x v="2"/>
    <x v="2"/>
    <x v="2"/>
    <x v="2"/>
    <x v="2"/>
    <x v="3"/>
    <s v=""/>
    <s v="Yes"/>
    <s v="Yes"/>
    <s v="Yes"/>
    <s v="Yes"/>
    <s v="Yes"/>
    <s v="Yes"/>
    <s v="Yes"/>
    <s v="Yes"/>
    <s v=""/>
    <m/>
    <m/>
    <m/>
    <m/>
    <m/>
    <m/>
    <m/>
    <m/>
    <m/>
    <m/>
    <m/>
    <m/>
    <m/>
    <m/>
    <m/>
    <m/>
    <m/>
    <m/>
    <m/>
    <m/>
    <m/>
    <m/>
    <s v="Yes"/>
    <s v="Yes"/>
    <s v="Yes"/>
    <s v="Yes"/>
    <n v="18355"/>
    <n v="0.13238899482429856"/>
    <s v="GOOD"/>
    <x v="152"/>
    <x v="137"/>
    <x v="140"/>
    <x v="138"/>
    <x v="135"/>
    <x v="144"/>
    <x v="22"/>
    <x v="24"/>
    <x v="134"/>
    <x v="150"/>
    <x v="148"/>
    <x v="125"/>
    <x v="134"/>
    <x v="141"/>
    <x v="117"/>
    <x v="118"/>
    <x v="0"/>
    <m/>
    <m/>
    <m/>
    <m/>
    <m/>
    <m/>
    <m/>
    <m/>
    <m/>
    <m/>
    <m/>
    <m/>
    <m/>
    <m/>
    <m/>
    <m/>
    <m/>
    <m/>
    <m/>
    <m/>
    <m/>
    <m/>
    <x v="128"/>
    <x v="130"/>
    <x v="135"/>
    <x v="106"/>
    <n v="1862.2663310062023"/>
    <n v="567.7336689937971"/>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Verified through engagement with HCC in February 2025"/>
    <m/>
  </r>
  <r>
    <m/>
    <n v="425"/>
    <s v="TR157"/>
    <s v="DBC IDP"/>
    <s v="Dacorum Borough Council"/>
    <x v="8"/>
    <x v="39"/>
    <s v="Two Waters Way Wayfinding Signage"/>
    <s v="SG26-5"/>
    <s v="(SG26-5) Improve signage and wayfinding"/>
    <s v="Hemel Garden Communities"/>
    <x v="8"/>
    <s v="Transformational"/>
    <s v="Off-site"/>
    <s v="Developer / Hertfordshire County Council"/>
    <s v="Hertfordshire County Council"/>
    <s v="2026-2031"/>
    <m/>
    <m/>
    <x v="285"/>
    <m/>
    <s v="S106 / S38 / S278 / CIL"/>
    <n v="0"/>
    <n v="6961"/>
    <s v="B5 - Based on AECOM Transport Model attribution percentages"/>
    <s v="Multiple Scenario 2 (Step 5)"/>
    <s v="Mutliple Scenario 2 (Step 5)"/>
    <s v="Essential"/>
    <x v="2"/>
    <x v="2"/>
    <x v="2"/>
    <x v="2"/>
    <x v="2"/>
    <x v="2"/>
    <x v="2"/>
    <s v="Yes"/>
    <s v="Yes"/>
    <s v="Yes"/>
    <s v="Yes"/>
    <s v="Yes"/>
    <s v="Yes"/>
    <s v="Yes"/>
    <s v="Yes"/>
    <s v="Yes"/>
    <m/>
    <m/>
    <m/>
    <m/>
    <m/>
    <m/>
    <m/>
    <m/>
    <m/>
    <m/>
    <m/>
    <m/>
    <m/>
    <m/>
    <m/>
    <m/>
    <m/>
    <m/>
    <m/>
    <m/>
    <m/>
    <m/>
    <m/>
    <s v="Yes"/>
    <s v="Yes"/>
    <s v="Yes"/>
    <s v="Yes"/>
    <n v="18845"/>
    <n v="0.36938179888564604"/>
    <s v="GOOD"/>
    <x v="153"/>
    <x v="138"/>
    <x v="141"/>
    <x v="139"/>
    <x v="136"/>
    <x v="145"/>
    <x v="130"/>
    <x v="142"/>
    <x v="135"/>
    <x v="151"/>
    <x v="149"/>
    <x v="126"/>
    <x v="135"/>
    <x v="142"/>
    <x v="118"/>
    <x v="119"/>
    <x v="0"/>
    <m/>
    <m/>
    <m/>
    <m/>
    <m/>
    <m/>
    <m/>
    <m/>
    <m/>
    <m/>
    <m/>
    <m/>
    <m/>
    <m/>
    <m/>
    <m/>
    <m/>
    <m/>
    <m/>
    <m/>
    <m/>
    <m/>
    <x v="129"/>
    <x v="131"/>
    <x v="136"/>
    <x v="107"/>
    <n v="5705.0259314933965"/>
    <n v="1255.974068506604"/>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Note, it has not been possible to identify a cost for windfall sites, but during the determination of the planning application, it may be deemed appropriate to seek contributions from windfall development for this scheme."/>
    <s v="Aecom Hemel Hempstead Transport Study (2024) and update (2025), Verified through engagement with HCC in February 2025"/>
    <m/>
  </r>
  <r>
    <m/>
    <n v="426"/>
    <s v="TR158"/>
    <s v="DBC IDP"/>
    <s v="Dacorum Borough Council"/>
    <x v="8"/>
    <x v="39"/>
    <s v="Lawn Lane-Crabtree Lane pedestrian crossing improvement"/>
    <s v="SG27-1"/>
    <s v="(SG27-1) Junction between Lawn Lane and Crabtree Lane. Remove guardrail, increase refuge island width and reduce side arm approach to a single lane. Build out width of footway on southern side and incorporate dropped kerbs with tactile paving"/>
    <s v="Hemel Garden Communities"/>
    <x v="8"/>
    <s v="Programme Area / Transformational"/>
    <s v="Off-site"/>
    <s v="Developer / Hertfordshire County Council"/>
    <s v="Hertfordshire County Council"/>
    <s v="2026-2031"/>
    <m/>
    <m/>
    <x v="286"/>
    <m/>
    <s v="S106 / S38 / S278 / CIL"/>
    <n v="0"/>
    <n v="33063"/>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5577385159010602"/>
    <s v="GOOD"/>
    <x v="154"/>
    <x v="139"/>
    <x v="142"/>
    <x v="140"/>
    <x v="137"/>
    <x v="146"/>
    <x v="131"/>
    <x v="143"/>
    <x v="136"/>
    <x v="152"/>
    <x v="150"/>
    <x v="127"/>
    <x v="136"/>
    <x v="143"/>
    <x v="119"/>
    <x v="120"/>
    <x v="101"/>
    <s v=""/>
    <s v=""/>
    <s v=""/>
    <s v=""/>
    <s v=""/>
    <s v=""/>
    <s v=""/>
    <s v=""/>
    <s v=""/>
    <s v=""/>
    <s v=""/>
    <s v=""/>
    <s v=""/>
    <s v=""/>
    <s v=""/>
    <s v=""/>
    <s v=""/>
    <s v=""/>
    <s v=""/>
    <s v=""/>
    <s v=""/>
    <s v=""/>
    <x v="130"/>
    <x v="132"/>
    <x v="137"/>
    <x v="108"/>
    <n v="19555.849328621905"/>
    <n v="13507.15067137809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27"/>
    <s v="TR159"/>
    <s v="DBC IDP"/>
    <s v="Dacorum Borough Council"/>
    <x v="8"/>
    <x v="39"/>
    <s v="Lawn Lane new signalised crossing near Crabtree Lane"/>
    <s v="SG27-2"/>
    <s v="(SG27-2) Additional signal-controlled pedestrian crossing north of the junction with Crabtree Lane on a raised speed table"/>
    <s v="Hemel Garden Communities"/>
    <x v="8"/>
    <s v="Programme Area / Transformational"/>
    <s v="Off-site"/>
    <s v="Developer / Hertfordshire County Council"/>
    <s v="Hertfordshire County Council"/>
    <s v="2026-2031"/>
    <m/>
    <m/>
    <x v="287"/>
    <m/>
    <s v="S106 / S38 / S278 / CIL"/>
    <n v="0"/>
    <n v="450565"/>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21.228032979976444"/>
    <s v="GOOD"/>
    <x v="155"/>
    <x v="140"/>
    <x v="143"/>
    <x v="141"/>
    <x v="138"/>
    <x v="147"/>
    <x v="132"/>
    <x v="144"/>
    <x v="137"/>
    <x v="153"/>
    <x v="151"/>
    <x v="128"/>
    <x v="137"/>
    <x v="144"/>
    <x v="120"/>
    <x v="121"/>
    <x v="102"/>
    <s v=""/>
    <s v=""/>
    <s v=""/>
    <s v=""/>
    <s v=""/>
    <s v=""/>
    <s v=""/>
    <s v=""/>
    <s v=""/>
    <s v=""/>
    <s v=""/>
    <s v=""/>
    <s v=""/>
    <s v=""/>
    <s v=""/>
    <s v=""/>
    <s v=""/>
    <s v=""/>
    <s v=""/>
    <s v=""/>
    <s v=""/>
    <s v=""/>
    <x v="131"/>
    <x v="133"/>
    <x v="138"/>
    <x v="109"/>
    <n v="266496.72603062424"/>
    <n v="184068.2739693757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28"/>
    <s v="TR160"/>
    <s v="DBC IDP"/>
    <s v="Dacorum Borough Council"/>
    <x v="8"/>
    <x v="39"/>
    <s v="Lawn Lane new signalised crossing near Corner Hall"/>
    <s v="SG27-3"/>
    <s v="(SG27-3) Additional signal controlled pedestrian crossing north of junction with Corner Hall  on a raised speed table"/>
    <s v="Hemel Garden Communities"/>
    <x v="8"/>
    <s v="Programme Area / Transformational"/>
    <s v="Off-site"/>
    <s v="Developer / Hertfordshire County Council"/>
    <s v="Hertfordshire County Council"/>
    <s v="2026-2031"/>
    <m/>
    <m/>
    <x v="288"/>
    <m/>
    <s v="S106 / S38 / S278 / CIL"/>
    <n v="0"/>
    <n v="453150"/>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21.349823321554769"/>
    <s v="GOOD"/>
    <x v="156"/>
    <x v="141"/>
    <x v="144"/>
    <x v="142"/>
    <x v="139"/>
    <x v="148"/>
    <x v="133"/>
    <x v="145"/>
    <x v="138"/>
    <x v="154"/>
    <x v="152"/>
    <x v="129"/>
    <x v="138"/>
    <x v="145"/>
    <x v="121"/>
    <x v="122"/>
    <x v="103"/>
    <s v=""/>
    <s v=""/>
    <s v=""/>
    <s v=""/>
    <s v=""/>
    <s v=""/>
    <s v=""/>
    <s v=""/>
    <s v=""/>
    <s v=""/>
    <s v=""/>
    <s v=""/>
    <s v=""/>
    <s v=""/>
    <s v=""/>
    <s v=""/>
    <s v=""/>
    <s v=""/>
    <s v=""/>
    <s v=""/>
    <s v=""/>
    <s v=""/>
    <x v="132"/>
    <x v="134"/>
    <x v="139"/>
    <x v="110"/>
    <n v="268025.68197879853"/>
    <n v="185124.3180212014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29"/>
    <s v="TR161"/>
    <s v="DBC IDP"/>
    <s v="Dacorum Borough Council"/>
    <x v="8"/>
    <x v="39"/>
    <s v="Corner Hall Stopping Up and widened footway"/>
    <s v="SG27-4"/>
    <s v="(SG27-4) Closure of the Corner Hall one-way section at the junction with Lawn Lane - provision of a continuous footway. Remove hatching and right turn filter to accommodate widened footway on western side"/>
    <s v="Hemel Garden Communities"/>
    <x v="8"/>
    <s v="Programme Area / Transformational"/>
    <s v="Off-site"/>
    <s v="Developer / Hertfordshire County Council"/>
    <s v="Hertfordshire County Council"/>
    <s v="2026-2031"/>
    <m/>
    <m/>
    <x v="289"/>
    <m/>
    <s v="S106 / S38 / S278 / CIL"/>
    <n v="0"/>
    <n v="118969"/>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5.6051354534746762"/>
    <s v="GOOD"/>
    <x v="157"/>
    <x v="142"/>
    <x v="145"/>
    <x v="143"/>
    <x v="140"/>
    <x v="149"/>
    <x v="134"/>
    <x v="146"/>
    <x v="139"/>
    <x v="155"/>
    <x v="153"/>
    <x v="130"/>
    <x v="139"/>
    <x v="146"/>
    <x v="122"/>
    <x v="123"/>
    <x v="104"/>
    <s v=""/>
    <s v=""/>
    <s v=""/>
    <s v=""/>
    <s v=""/>
    <s v=""/>
    <s v=""/>
    <s v=""/>
    <s v=""/>
    <s v=""/>
    <s v=""/>
    <s v=""/>
    <s v=""/>
    <s v=""/>
    <s v=""/>
    <s v=""/>
    <s v=""/>
    <s v=""/>
    <s v=""/>
    <s v=""/>
    <s v=""/>
    <s v=""/>
    <x v="133"/>
    <x v="135"/>
    <x v="140"/>
    <x v="111"/>
    <n v="70366.870482921091"/>
    <n v="48602.12951707891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30"/>
    <s v="TR162"/>
    <s v="DBC IDP"/>
    <s v="Dacorum Borough Council"/>
    <x v="8"/>
    <x v="39"/>
    <s v="Durrants Hill Road-Ebberns Road pedestrian crossing improvements"/>
    <s v="SG28-1"/>
    <s v="(SG28-1) Improve pedestrian crossing facilities at the side arm junction with Ebberns Road including dropped kerbs and tactile paving"/>
    <s v="Hemel Garden Communities"/>
    <x v="8"/>
    <s v="Programme Area / Transformational"/>
    <s v="Off-site"/>
    <s v="Developer / Hertfordshire County Council"/>
    <s v="Hertfordshire County Council"/>
    <s v="2026-2031"/>
    <m/>
    <m/>
    <x v="290"/>
    <m/>
    <s v="S106 / S38 / S278 / CIL"/>
    <n v="0"/>
    <n v="6382"/>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3006831566548881"/>
    <s v="GOOD"/>
    <x v="158"/>
    <x v="143"/>
    <x v="146"/>
    <x v="144"/>
    <x v="141"/>
    <x v="150"/>
    <x v="135"/>
    <x v="147"/>
    <x v="140"/>
    <x v="156"/>
    <x v="154"/>
    <x v="131"/>
    <x v="140"/>
    <x v="147"/>
    <x v="123"/>
    <x v="124"/>
    <x v="105"/>
    <s v=""/>
    <s v=""/>
    <s v=""/>
    <s v=""/>
    <s v=""/>
    <s v=""/>
    <s v=""/>
    <s v=""/>
    <s v=""/>
    <s v=""/>
    <s v=""/>
    <s v=""/>
    <s v=""/>
    <s v=""/>
    <s v=""/>
    <s v=""/>
    <s v=""/>
    <s v=""/>
    <s v=""/>
    <s v=""/>
    <s v=""/>
    <s v=""/>
    <x v="134"/>
    <x v="136"/>
    <x v="141"/>
    <x v="112"/>
    <n v="3774.7763486454655"/>
    <n v="2607.2236513545345"/>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31"/>
    <s v="TR163"/>
    <s v="DBC IDP"/>
    <s v="Dacorum Borough Council"/>
    <x v="8"/>
    <x v="39"/>
    <s v="Durrents Hill additional pedestrian crossing "/>
    <s v="SG28-2"/>
    <s v="(SG28-2) Provide an uncontrolled crossing adjacent to the entrance into the park, north of the junction with Ebberns Road. Provide localised widening of the footway on the eastern side of the road, removing space for kerb-side parking"/>
    <s v="Hemel Garden Communities"/>
    <x v="8"/>
    <s v="Programme Area / Transformational"/>
    <s v="Off-site"/>
    <s v="Developer / Hertfordshire County Council"/>
    <s v="Hertfordshire County Council"/>
    <s v="2026-2031"/>
    <m/>
    <m/>
    <x v="291"/>
    <m/>
    <s v="S106 / S38 / S278 / CIL"/>
    <n v="0"/>
    <n v="68524"/>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3.2284570082449942"/>
    <s v="GOOD"/>
    <x v="159"/>
    <x v="144"/>
    <x v="147"/>
    <x v="145"/>
    <x v="142"/>
    <x v="151"/>
    <x v="136"/>
    <x v="148"/>
    <x v="141"/>
    <x v="157"/>
    <x v="155"/>
    <x v="132"/>
    <x v="141"/>
    <x v="148"/>
    <x v="124"/>
    <x v="125"/>
    <x v="106"/>
    <s v=""/>
    <s v=""/>
    <s v=""/>
    <s v=""/>
    <s v=""/>
    <s v=""/>
    <s v=""/>
    <s v=""/>
    <s v=""/>
    <s v=""/>
    <s v=""/>
    <s v=""/>
    <s v=""/>
    <s v=""/>
    <s v=""/>
    <s v=""/>
    <s v=""/>
    <s v=""/>
    <s v=""/>
    <s v=""/>
    <s v=""/>
    <s v=""/>
    <x v="135"/>
    <x v="137"/>
    <x v="142"/>
    <x v="113"/>
    <n v="40530.04928150765"/>
    <n v="27993.95071849234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32"/>
    <s v="TR164"/>
    <s v="DBC IDP"/>
    <s v="Dacorum Borough Council"/>
    <x v="8"/>
    <x v="39"/>
    <s v="Durrants Hill Road Wayfinding Signage"/>
    <s v="SG28-3"/>
    <s v="(SG28-3) Provide wayfinding signage"/>
    <s v="Hemel Garden Communities"/>
    <x v="8"/>
    <s v="Programme Area / Transformational"/>
    <s v="Off-site"/>
    <s v="Developer / Hertfordshire County Council"/>
    <s v="Hertfordshire County Council"/>
    <s v="2026-2031"/>
    <m/>
    <m/>
    <x v="259"/>
    <m/>
    <s v="S106 / S38 / S278 / CIL"/>
    <n v="0"/>
    <n v="1044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49191990577149586"/>
    <s v="GOOD"/>
    <x v="126"/>
    <x v="114"/>
    <x v="117"/>
    <x v="115"/>
    <x v="112"/>
    <x v="121"/>
    <x v="114"/>
    <x v="121"/>
    <x v="116"/>
    <x v="127"/>
    <x v="125"/>
    <x v="105"/>
    <x v="111"/>
    <x v="115"/>
    <x v="99"/>
    <x v="101"/>
    <x v="86"/>
    <s v=""/>
    <s v=""/>
    <s v=""/>
    <s v=""/>
    <s v=""/>
    <s v=""/>
    <s v=""/>
    <s v=""/>
    <s v=""/>
    <s v=""/>
    <s v=""/>
    <s v=""/>
    <s v=""/>
    <s v=""/>
    <s v=""/>
    <s v=""/>
    <s v=""/>
    <s v=""/>
    <s v=""/>
    <s v=""/>
    <s v=""/>
    <s v=""/>
    <x v="105"/>
    <x v="107"/>
    <x v="113"/>
    <x v="83"/>
    <n v="6175.5624970553599"/>
    <n v="4265.43750294464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33"/>
    <s v="TR165"/>
    <s v="DBC IDP"/>
    <s v="Dacorum Borough Council"/>
    <x v="8"/>
    <x v="39"/>
    <s v="Durrants Hill Road cycle parking"/>
    <s v="SG28-4"/>
    <s v="(SG28-4) Install cycle parking adjacent to the public toilets"/>
    <s v="Hemel Garden Communities"/>
    <x v="8"/>
    <s v="Programme Area / Transformational"/>
    <s v="Off-site"/>
    <s v="Developer / Hertfordshire County Council"/>
    <s v="Hertfordshire County Council"/>
    <s v="2026-2031"/>
    <m/>
    <m/>
    <x v="242"/>
    <m/>
    <s v="S106 / S38 / S278 / CIL"/>
    <n v="0"/>
    <n v="797"/>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3.7550058892815076E-2"/>
    <s v="GOOD"/>
    <x v="108"/>
    <x v="95"/>
    <x v="98"/>
    <x v="96"/>
    <x v="97"/>
    <x v="102"/>
    <x v="98"/>
    <x v="102"/>
    <x v="101"/>
    <x v="108"/>
    <x v="106"/>
    <x v="86"/>
    <x v="92"/>
    <x v="97"/>
    <x v="80"/>
    <x v="83"/>
    <x v="71"/>
    <s v=""/>
    <s v=""/>
    <s v=""/>
    <s v=""/>
    <s v=""/>
    <s v=""/>
    <s v=""/>
    <s v=""/>
    <s v=""/>
    <s v=""/>
    <s v=""/>
    <s v=""/>
    <s v=""/>
    <s v=""/>
    <s v=""/>
    <s v=""/>
    <s v=""/>
    <s v=""/>
    <s v=""/>
    <s v=""/>
    <s v=""/>
    <s v=""/>
    <x v="86"/>
    <x v="90"/>
    <x v="95"/>
    <x v="64"/>
    <n v="471.40343934040033"/>
    <n v="325.5965606595995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34"/>
    <s v="TR166"/>
    <s v="DBC IDP"/>
    <s v="Dacorum Borough Council"/>
    <x v="8"/>
    <x v="39"/>
    <s v="A414 new crossing near to Wood Crescent/Wood Lane junctions"/>
    <s v="SG29-1"/>
    <s v="(SG29-1) New parallel signal-controlled pedestrian/cycle crossing near to the Wood Crescent and Wood Lane junctions on the A414"/>
    <s v="Hemel Garden Communities"/>
    <x v="8"/>
    <s v="Programme Area / Transformational"/>
    <s v="Off-site"/>
    <s v="Developer / Hertfordshire County Council"/>
    <s v="Hertfordshire County Council"/>
    <s v="2026-2031"/>
    <m/>
    <m/>
    <x v="292"/>
    <m/>
    <s v="S106 / S38 / S278 / CIL"/>
    <n v="0"/>
    <n v="922013"/>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43.439952885747935"/>
    <s v="GOOD"/>
    <x v="160"/>
    <x v="145"/>
    <x v="148"/>
    <x v="146"/>
    <x v="143"/>
    <x v="152"/>
    <x v="137"/>
    <x v="149"/>
    <x v="142"/>
    <x v="158"/>
    <x v="156"/>
    <x v="133"/>
    <x v="142"/>
    <x v="149"/>
    <x v="125"/>
    <x v="126"/>
    <x v="107"/>
    <s v=""/>
    <s v=""/>
    <s v=""/>
    <s v=""/>
    <s v=""/>
    <s v=""/>
    <s v=""/>
    <s v=""/>
    <s v=""/>
    <s v=""/>
    <s v=""/>
    <s v=""/>
    <s v=""/>
    <s v=""/>
    <s v=""/>
    <s v=""/>
    <s v=""/>
    <s v=""/>
    <s v=""/>
    <s v=""/>
    <s v=""/>
    <s v=""/>
    <x v="136"/>
    <x v="138"/>
    <x v="143"/>
    <x v="114"/>
    <n v="545345.16852767952"/>
    <n v="376667.83147232037"/>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35"/>
    <s v="TR167"/>
    <s v="DBC IDP"/>
    <s v="Dacorum Borough Council"/>
    <x v="8"/>
    <x v="39"/>
    <s v="Wood Crescent-Runham Road-Deaconsfield Road Wayfinding Signage"/>
    <s v="SG29-2"/>
    <s v="(SG29-2) Introduce wayfinding at key junction decision points"/>
    <s v="Hemel Garden Communities"/>
    <x v="8"/>
    <s v="Programme Area / Transformational"/>
    <s v="Off-site"/>
    <s v="Developer / Hertfordshire County Council"/>
    <s v="Hertfordshire County Council"/>
    <s v="2026-2031"/>
    <m/>
    <m/>
    <x v="285"/>
    <m/>
    <s v="S106 / S38 / S278 / CIL"/>
    <n v="0"/>
    <n v="696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32796230859835102"/>
    <s v="GOOD"/>
    <x v="161"/>
    <x v="146"/>
    <x v="149"/>
    <x v="147"/>
    <x v="144"/>
    <x v="153"/>
    <x v="138"/>
    <x v="150"/>
    <x v="143"/>
    <x v="159"/>
    <x v="157"/>
    <x v="134"/>
    <x v="143"/>
    <x v="150"/>
    <x v="126"/>
    <x v="127"/>
    <x v="108"/>
    <s v=""/>
    <s v=""/>
    <s v=""/>
    <s v=""/>
    <s v=""/>
    <s v=""/>
    <s v=""/>
    <s v=""/>
    <s v=""/>
    <s v=""/>
    <s v=""/>
    <s v=""/>
    <s v=""/>
    <s v=""/>
    <s v=""/>
    <s v=""/>
    <s v=""/>
    <s v=""/>
    <s v=""/>
    <s v=""/>
    <s v=""/>
    <s v=""/>
    <x v="137"/>
    <x v="139"/>
    <x v="144"/>
    <x v="115"/>
    <n v="4117.2388221436995"/>
    <n v="2843.761177856301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36"/>
    <s v="TR168"/>
    <s v="DBC IDP"/>
    <s v="Dacorum Borough Council"/>
    <x v="8"/>
    <x v="39"/>
    <s v="Leys Road cycle route"/>
    <s v="SG30-1"/>
    <s v="(SG30-1) Introduce offroad shared use cycle and footway utilising existing wide footway on the western/northern side of the road between the junction with St Albans Hill and Bennetts Gate shopping parade. Removal of some grass verge to create sufficient width and use of bollards or markings to discourage pavement parking. Include Copenhagen crossings on Lime Walk, Long John, Howe Road and Kimps Way "/>
    <s v="Hemel Garden Communities"/>
    <x v="8"/>
    <s v="Programme Area / Transformational"/>
    <s v="Off-site"/>
    <s v="Developer / Hertfordshire County Council"/>
    <s v="Hertfordshire County Council"/>
    <s v="2026-2031"/>
    <m/>
    <m/>
    <x v="293"/>
    <m/>
    <s v="S106 / S38 / S278 / CIL"/>
    <n v="0"/>
    <n v="1983442"/>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93.448386336866903"/>
    <s v="GOOD"/>
    <x v="162"/>
    <x v="147"/>
    <x v="150"/>
    <x v="148"/>
    <x v="145"/>
    <x v="154"/>
    <x v="139"/>
    <x v="151"/>
    <x v="144"/>
    <x v="160"/>
    <x v="158"/>
    <x v="135"/>
    <x v="144"/>
    <x v="151"/>
    <x v="127"/>
    <x v="128"/>
    <x v="109"/>
    <s v=""/>
    <s v=""/>
    <s v=""/>
    <s v=""/>
    <s v=""/>
    <s v=""/>
    <s v=""/>
    <s v=""/>
    <s v=""/>
    <s v=""/>
    <s v=""/>
    <s v=""/>
    <s v=""/>
    <s v=""/>
    <s v=""/>
    <s v=""/>
    <s v=""/>
    <s v=""/>
    <s v=""/>
    <s v=""/>
    <s v=""/>
    <s v=""/>
    <x v="138"/>
    <x v="140"/>
    <x v="145"/>
    <x v="116"/>
    <n v="1173151.0420730272"/>
    <n v="810290.95792697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37"/>
    <s v="TR169"/>
    <s v="DBC IDP"/>
    <s v="Dacorum Borough Council"/>
    <x v="8"/>
    <x v="39"/>
    <s v="Leys Road-Pescroft junction reconfiguration and parallel crossing"/>
    <s v="SG30-2"/>
    <s v="(SG30-2) Provide a parallel pedestrian cycle zebra crossing on the Peascroft arm of the Leys Road mini roundabout. Convert Mini roundabout priority T-junction layout. "/>
    <s v="Hemel Garden Communities"/>
    <x v="8"/>
    <s v="Programme Area / Transformational"/>
    <s v="Off-site"/>
    <s v="Developer / Hertfordshire County Council"/>
    <s v="Hertfordshire County Council"/>
    <s v="2026-2031"/>
    <m/>
    <m/>
    <x v="294"/>
    <m/>
    <s v="S106 / S38 / S278 / CIL"/>
    <n v="0"/>
    <n v="234142"/>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1.031425206124853"/>
    <s v="GOOD"/>
    <x v="163"/>
    <x v="148"/>
    <x v="151"/>
    <x v="149"/>
    <x v="146"/>
    <x v="155"/>
    <x v="140"/>
    <x v="152"/>
    <x v="145"/>
    <x v="161"/>
    <x v="159"/>
    <x v="136"/>
    <x v="145"/>
    <x v="152"/>
    <x v="128"/>
    <x v="129"/>
    <x v="110"/>
    <s v=""/>
    <s v=""/>
    <s v=""/>
    <s v=""/>
    <s v=""/>
    <s v=""/>
    <s v=""/>
    <s v=""/>
    <s v=""/>
    <s v=""/>
    <s v=""/>
    <s v=""/>
    <s v=""/>
    <s v=""/>
    <s v=""/>
    <s v=""/>
    <s v=""/>
    <s v=""/>
    <s v=""/>
    <s v=""/>
    <s v=""/>
    <s v=""/>
    <x v="139"/>
    <x v="141"/>
    <x v="146"/>
    <x v="117"/>
    <n v="138488.5120376914"/>
    <n v="95653.48796230860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38"/>
    <s v="TR170"/>
    <s v="DBC IDP"/>
    <s v="Dacorum Borough Council"/>
    <x v="8"/>
    <x v="39"/>
    <s v="Lime Walk park desire line shared use path"/>
    <s v="SG30-3"/>
    <s v="(SG30-3) Formalise the desire lane path crossing Lime Walk park between Leys Road and St Albans Hill to provide a shared use path. Install widened uncontrolled crossing with tactile paving onto St Albans Hill. Provide steps, handrail and wheeling channel at the western end of the path leading down onto St Albans Hill, and signs indicating for cyclists to dismount on approach to the steps. Provide a short shared-use path linking St Albans Hill and Wheelers Road to link into the improved crossing"/>
    <s v="Hemel Garden Communities"/>
    <x v="8"/>
    <s v="Programme Area / Transformational"/>
    <s v="Off-site"/>
    <s v="Developer / Hertfordshire County Council"/>
    <s v="Hertfordshire County Council"/>
    <s v="2026-2031"/>
    <m/>
    <m/>
    <x v="295"/>
    <m/>
    <s v="S106 / S38 / S278 / CIL"/>
    <n v="0"/>
    <n v="341774"/>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6.102426383981154"/>
    <s v="GOOD"/>
    <x v="164"/>
    <x v="149"/>
    <x v="152"/>
    <x v="150"/>
    <x v="147"/>
    <x v="156"/>
    <x v="141"/>
    <x v="153"/>
    <x v="146"/>
    <x v="162"/>
    <x v="160"/>
    <x v="137"/>
    <x v="146"/>
    <x v="153"/>
    <x v="129"/>
    <x v="130"/>
    <x v="111"/>
    <s v=""/>
    <s v=""/>
    <s v=""/>
    <s v=""/>
    <s v=""/>
    <s v=""/>
    <s v=""/>
    <s v=""/>
    <s v=""/>
    <s v=""/>
    <s v=""/>
    <s v=""/>
    <s v=""/>
    <s v=""/>
    <s v=""/>
    <s v=""/>
    <s v=""/>
    <s v=""/>
    <s v=""/>
    <s v=""/>
    <s v=""/>
    <s v=""/>
    <x v="140"/>
    <x v="142"/>
    <x v="147"/>
    <x v="118"/>
    <n v="202149.86082449945"/>
    <n v="139624.13917550058"/>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39"/>
    <s v="TR171"/>
    <s v="DBC IDP"/>
    <s v="Dacorum Borough Council"/>
    <x v="8"/>
    <x v="39"/>
    <s v="Lime Walk park Wayfinding Signage"/>
    <s v="SG30-4"/>
    <s v="(SG30-4) Introduce Wayfinding signage at both ends of Lime Walk park path"/>
    <s v="Hemel Garden Communities"/>
    <x v="8"/>
    <s v="Programme Area / Transformational"/>
    <s v="Off-site"/>
    <s v="Developer / Hertfordshire County Council"/>
    <s v="Hertfordshire County Council"/>
    <s v="2026-2031"/>
    <m/>
    <m/>
    <x v="285"/>
    <m/>
    <s v="S106 / S38 / S278 / CIL"/>
    <n v="0"/>
    <n v="696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32796230859835102"/>
    <s v="GOOD"/>
    <x v="161"/>
    <x v="146"/>
    <x v="149"/>
    <x v="147"/>
    <x v="144"/>
    <x v="153"/>
    <x v="138"/>
    <x v="150"/>
    <x v="143"/>
    <x v="159"/>
    <x v="157"/>
    <x v="134"/>
    <x v="143"/>
    <x v="150"/>
    <x v="126"/>
    <x v="127"/>
    <x v="108"/>
    <s v=""/>
    <s v=""/>
    <s v=""/>
    <s v=""/>
    <s v=""/>
    <s v=""/>
    <s v=""/>
    <s v=""/>
    <s v=""/>
    <s v=""/>
    <s v=""/>
    <s v=""/>
    <s v=""/>
    <s v=""/>
    <s v=""/>
    <s v=""/>
    <s v=""/>
    <s v=""/>
    <s v=""/>
    <s v=""/>
    <s v=""/>
    <s v=""/>
    <x v="137"/>
    <x v="139"/>
    <x v="144"/>
    <x v="115"/>
    <n v="4117.2388221436995"/>
    <n v="2843.761177856301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40"/>
    <s v="TR172"/>
    <s v="DBC IDP"/>
    <s v="Dacorum Borough Council"/>
    <x v="8"/>
    <x v="39"/>
    <s v="Lime Walk park cycle parking"/>
    <s v="SG30-5"/>
    <s v="(SG30-5) Introduce cycle parking at the south-eastern corner of Lime Walk park "/>
    <s v="Hemel Garden Communities"/>
    <x v="8"/>
    <s v="Programme Area / Transformational"/>
    <s v="Off-site"/>
    <s v="Developer / Hertfordshire County Council"/>
    <s v="Hertfordshire County Council"/>
    <s v="2026-2031"/>
    <m/>
    <m/>
    <x v="210"/>
    <m/>
    <s v="S106 / S38 / S278 / CIL"/>
    <n v="0"/>
    <n v="598"/>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2.8174322732626621E-2"/>
    <s v="GOOD"/>
    <x v="72"/>
    <x v="62"/>
    <x v="64"/>
    <x v="62"/>
    <x v="63"/>
    <x v="66"/>
    <x v="62"/>
    <x v="66"/>
    <x v="65"/>
    <x v="72"/>
    <x v="70"/>
    <x v="59"/>
    <x v="62"/>
    <x v="64"/>
    <x v="57"/>
    <x v="60"/>
    <x v="49"/>
    <s v=""/>
    <s v=""/>
    <s v=""/>
    <s v=""/>
    <s v=""/>
    <s v=""/>
    <s v=""/>
    <s v=""/>
    <s v=""/>
    <s v=""/>
    <s v=""/>
    <s v=""/>
    <s v=""/>
    <s v=""/>
    <s v=""/>
    <s v=""/>
    <s v=""/>
    <s v=""/>
    <s v=""/>
    <s v=""/>
    <s v=""/>
    <s v=""/>
    <x v="56"/>
    <x v="62"/>
    <x v="65"/>
    <x v="33"/>
    <n v="353.70044758539461"/>
    <n v="244.2995524146054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41"/>
    <s v="TR173"/>
    <s v="DBC IDP"/>
    <s v="Dacorum Borough Council"/>
    <x v="8"/>
    <x v="39"/>
    <s v="St Albans Hill Zebra Crossing by Dacorum Athletics Track"/>
    <s v="SG31-1"/>
    <s v="(SG31-1) New zebra crossing on St Albans Hill adjacent Dacorum Athletics Track. Placed on raised speed table leading to playground to follow the desire line."/>
    <s v="Hemel Garden Communities"/>
    <x v="8"/>
    <s v="Programme Area / Transformational"/>
    <s v="Off-site"/>
    <s v="Developer / Hertfordshire County Council"/>
    <s v="Hertfordshire County Council"/>
    <s v="2026-2031"/>
    <m/>
    <m/>
    <x v="207"/>
    <m/>
    <s v="S106 / S38 / S278 / CIL"/>
    <n v="0"/>
    <n v="199337"/>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9.3916136631330982"/>
    <s v="GOOD"/>
    <x v="69"/>
    <x v="59"/>
    <x v="61"/>
    <x v="59"/>
    <x v="60"/>
    <x v="63"/>
    <x v="59"/>
    <x v="63"/>
    <x v="62"/>
    <x v="69"/>
    <x v="67"/>
    <x v="56"/>
    <x v="59"/>
    <x v="61"/>
    <x v="54"/>
    <x v="57"/>
    <x v="46"/>
    <s v=""/>
    <s v=""/>
    <s v=""/>
    <s v=""/>
    <s v=""/>
    <s v=""/>
    <s v=""/>
    <s v=""/>
    <s v=""/>
    <s v=""/>
    <s v=""/>
    <s v=""/>
    <s v=""/>
    <s v=""/>
    <s v=""/>
    <s v=""/>
    <s v=""/>
    <s v=""/>
    <s v=""/>
    <s v=""/>
    <s v=""/>
    <s v=""/>
    <x v="53"/>
    <x v="59"/>
    <x v="62"/>
    <x v="30"/>
    <n v="117902.3179269729"/>
    <n v="81434.68207302709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42"/>
    <s v="TR174"/>
    <s v="DBC IDP"/>
    <s v="Dacorum Borough Council"/>
    <x v="8"/>
    <x v="39"/>
    <s v="St Albans Hill - Bennetts End Road pedestrian crossing improvement"/>
    <s v="SG31-2"/>
    <s v="(SG31-2) Tighten kerb radii/ reduce crossing width and improve pedestrian and cycling crossing with widened refuge islands"/>
    <s v="Hemel Garden Communities"/>
    <x v="8"/>
    <s v="Programme Area / Transformational"/>
    <s v="Off-site"/>
    <s v="Developer / Hertfordshire County Council"/>
    <s v="Hertfordshire County Council"/>
    <s v="2026-2031"/>
    <m/>
    <m/>
    <x v="296"/>
    <m/>
    <s v="S106 / S38 / S278 / CIL"/>
    <n v="0"/>
    <n v="110163"/>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5.1902473498233217"/>
    <s v="GOOD"/>
    <x v="165"/>
    <x v="150"/>
    <x v="153"/>
    <x v="151"/>
    <x v="148"/>
    <x v="157"/>
    <x v="142"/>
    <x v="154"/>
    <x v="147"/>
    <x v="163"/>
    <x v="161"/>
    <x v="138"/>
    <x v="147"/>
    <x v="154"/>
    <x v="130"/>
    <x v="131"/>
    <x v="112"/>
    <s v=""/>
    <s v=""/>
    <s v=""/>
    <s v=""/>
    <s v=""/>
    <s v=""/>
    <s v=""/>
    <s v=""/>
    <s v=""/>
    <s v=""/>
    <s v=""/>
    <s v=""/>
    <s v=""/>
    <s v=""/>
    <s v=""/>
    <s v=""/>
    <s v=""/>
    <s v=""/>
    <s v=""/>
    <s v=""/>
    <s v=""/>
    <s v=""/>
    <x v="141"/>
    <x v="143"/>
    <x v="148"/>
    <x v="119"/>
    <n v="65158.365229681978"/>
    <n v="45004.63477031802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43"/>
    <s v="TR175"/>
    <s v="DBC IDP"/>
    <s v="Dacorum Borough Council"/>
    <x v="8"/>
    <x v="39"/>
    <s v="Bennetts End Road cycle route"/>
    <s v="SG31-3"/>
    <s v="(SG31-3) New off-road shared use cycle and footway along the eastern side of Bennetts End Road between the A414 and Peascroft Road. Incorporating Copenhagen crossings on side arm junctions with Gammon Close, Belsize Road, Acorn Road, Rant Meadow and Goldcoft. Also convert the existing zebra crossing adjacent to the Bennetts Gate shopping parade to a parallel zebra crossing. "/>
    <s v="Hemel Garden Communities"/>
    <x v="8"/>
    <s v="Programme Area / Transformational"/>
    <s v="Off-site"/>
    <s v="Developer / Hertfordshire County Council"/>
    <s v="Hertfordshire County Council"/>
    <s v="2026-2031"/>
    <m/>
    <m/>
    <x v="297"/>
    <m/>
    <s v="S106 / S38 / S278 / CIL"/>
    <n v="0"/>
    <n v="643137"/>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30.300918727915196"/>
    <s v="GOOD"/>
    <x v="166"/>
    <x v="151"/>
    <x v="154"/>
    <x v="152"/>
    <x v="149"/>
    <x v="158"/>
    <x v="143"/>
    <x v="155"/>
    <x v="148"/>
    <x v="164"/>
    <x v="162"/>
    <x v="139"/>
    <x v="148"/>
    <x v="155"/>
    <x v="131"/>
    <x v="132"/>
    <x v="113"/>
    <s v=""/>
    <s v=""/>
    <s v=""/>
    <s v=""/>
    <s v=""/>
    <s v=""/>
    <s v=""/>
    <s v=""/>
    <s v=""/>
    <s v=""/>
    <s v=""/>
    <s v=""/>
    <s v=""/>
    <s v=""/>
    <s v=""/>
    <s v=""/>
    <s v=""/>
    <s v=""/>
    <s v=""/>
    <s v=""/>
    <s v=""/>
    <s v=""/>
    <x v="142"/>
    <x v="144"/>
    <x v="149"/>
    <x v="120"/>
    <n v="380397.7337102475"/>
    <n v="262739.26628975268"/>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44"/>
    <s v="TR176"/>
    <s v="DBC IDP"/>
    <s v="Dacorum Borough Council"/>
    <x v="8"/>
    <x v="39"/>
    <s v="Bennetts End Road Wayfinding signage"/>
    <s v="SG31-4"/>
    <s v="(SG31-4) Introduce wayfinding and signage"/>
    <s v="Hemel Garden Communities"/>
    <x v="8"/>
    <s v="Programme Area / Transformational"/>
    <s v="Off-site"/>
    <s v="Developer / Hertfordshire County Council"/>
    <s v="Hertfordshire County Council"/>
    <s v="2026-2031"/>
    <m/>
    <m/>
    <x v="277"/>
    <m/>
    <s v="S106 / S38 / S278 / CIL"/>
    <n v="0"/>
    <n v="3480"/>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16395759717314487"/>
    <s v="GOOD"/>
    <x v="143"/>
    <x v="128"/>
    <x v="131"/>
    <x v="129"/>
    <x v="126"/>
    <x v="135"/>
    <x v="128"/>
    <x v="135"/>
    <x v="130"/>
    <x v="141"/>
    <x v="139"/>
    <x v="121"/>
    <x v="125"/>
    <x v="132"/>
    <x v="113"/>
    <x v="114"/>
    <x v="99"/>
    <s v=""/>
    <s v=""/>
    <s v=""/>
    <s v=""/>
    <s v=""/>
    <s v=""/>
    <s v=""/>
    <s v=""/>
    <s v=""/>
    <s v=""/>
    <s v=""/>
    <s v=""/>
    <s v=""/>
    <s v=""/>
    <s v=""/>
    <s v=""/>
    <s v=""/>
    <s v=""/>
    <s v=""/>
    <s v=""/>
    <s v=""/>
    <s v=""/>
    <x v="119"/>
    <x v="121"/>
    <x v="126"/>
    <x v="97"/>
    <n v="2058.3236749116604"/>
    <n v="1421.676325088339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45"/>
    <s v="TR177"/>
    <s v="DBC IDP"/>
    <s v="Dacorum Borough Council"/>
    <x v="8"/>
    <x v="39"/>
    <s v="Cycle parking at Snow Centre"/>
    <s v="SG31-5"/>
    <s v="(SG31-5) Introduce cycle parking at the Snow Centre along St Albans Hill"/>
    <s v="Hemel Garden Communities"/>
    <x v="8"/>
    <s v="Programme Area / Transformational"/>
    <s v="Off-site"/>
    <s v="Developer / Hertfordshire County Council"/>
    <s v="Hertfordshire County Council"/>
    <s v="2026-2031"/>
    <m/>
    <m/>
    <x v="242"/>
    <m/>
    <s v="S106 / S38 / S278 / CIL"/>
    <n v="0"/>
    <n v="797"/>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3.7550058892815076E-2"/>
    <s v="GOOD"/>
    <x v="108"/>
    <x v="95"/>
    <x v="98"/>
    <x v="96"/>
    <x v="97"/>
    <x v="102"/>
    <x v="98"/>
    <x v="102"/>
    <x v="101"/>
    <x v="108"/>
    <x v="106"/>
    <x v="86"/>
    <x v="92"/>
    <x v="97"/>
    <x v="80"/>
    <x v="83"/>
    <x v="71"/>
    <s v=""/>
    <s v=""/>
    <s v=""/>
    <s v=""/>
    <s v=""/>
    <s v=""/>
    <s v=""/>
    <s v=""/>
    <s v=""/>
    <s v=""/>
    <s v=""/>
    <s v=""/>
    <s v=""/>
    <s v=""/>
    <s v=""/>
    <s v=""/>
    <s v=""/>
    <s v=""/>
    <s v=""/>
    <s v=""/>
    <s v=""/>
    <s v=""/>
    <x v="86"/>
    <x v="90"/>
    <x v="95"/>
    <x v="64"/>
    <n v="471.40343934040033"/>
    <n v="325.5965606595995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46"/>
    <s v="TR178"/>
    <s v="DBC IDP"/>
    <s v="Dacorum Borough Council"/>
    <x v="8"/>
    <x v="39"/>
    <s v="Pedestrian crossing improvements on side arms along White Hart Road and Windmill Road"/>
    <s v="SG32-1"/>
    <s v="(SG32-1) Tactile paving at side arm junctions - Eastwick Row, White Hart Drive, Windmill Road, Abel Close and Homefield Road"/>
    <s v="Hemel Garden Communities"/>
    <x v="8"/>
    <s v="Programme Area / Transformational"/>
    <s v="Off-site"/>
    <s v="Developer / Hertfordshire County Council"/>
    <s v="Hertfordshire County Council"/>
    <s v="2026-2031"/>
    <m/>
    <m/>
    <x v="298"/>
    <m/>
    <s v="S106 / S38 / S278 / CIL"/>
    <n v="0"/>
    <n v="7445"/>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35076560659599532"/>
    <s v="GOOD"/>
    <x v="167"/>
    <x v="152"/>
    <x v="155"/>
    <x v="153"/>
    <x v="150"/>
    <x v="159"/>
    <x v="144"/>
    <x v="156"/>
    <x v="149"/>
    <x v="165"/>
    <x v="163"/>
    <x v="140"/>
    <x v="149"/>
    <x v="156"/>
    <x v="132"/>
    <x v="133"/>
    <x v="114"/>
    <s v=""/>
    <s v=""/>
    <s v=""/>
    <s v=""/>
    <s v=""/>
    <s v=""/>
    <s v=""/>
    <s v=""/>
    <s v=""/>
    <s v=""/>
    <s v=""/>
    <s v=""/>
    <s v=""/>
    <s v=""/>
    <s v=""/>
    <s v=""/>
    <s v=""/>
    <s v=""/>
    <s v=""/>
    <s v=""/>
    <s v=""/>
    <s v=""/>
    <x v="143"/>
    <x v="145"/>
    <x v="150"/>
    <x v="121"/>
    <n v="4403.5114252061258"/>
    <n v="3041.488574793875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47"/>
    <s v="TR179"/>
    <s v="DBC IDP"/>
    <s v="Dacorum Borough Council"/>
    <x v="8"/>
    <x v="39"/>
    <s v="White Hart Road-Windmill Road Wayfinding signage"/>
    <s v="SG32-3"/>
    <s v="(SG32-3) Improve signage and wayfinding"/>
    <s v="Hemel Garden Communities"/>
    <x v="8"/>
    <s v="Programme Area / Transformational"/>
    <s v="Off-site"/>
    <s v="Developer / Hertfordshire County Council"/>
    <s v="Hertfordshire County Council"/>
    <s v="2026-2031"/>
    <m/>
    <m/>
    <x v="259"/>
    <m/>
    <s v="S106 / S38 / S278 / CIL"/>
    <n v="0"/>
    <n v="1044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49191990577149586"/>
    <s v="GOOD"/>
    <x v="126"/>
    <x v="114"/>
    <x v="117"/>
    <x v="115"/>
    <x v="112"/>
    <x v="121"/>
    <x v="114"/>
    <x v="121"/>
    <x v="116"/>
    <x v="127"/>
    <x v="125"/>
    <x v="105"/>
    <x v="111"/>
    <x v="115"/>
    <x v="99"/>
    <x v="101"/>
    <x v="86"/>
    <s v=""/>
    <s v=""/>
    <s v=""/>
    <s v=""/>
    <s v=""/>
    <s v=""/>
    <s v=""/>
    <s v=""/>
    <s v=""/>
    <s v=""/>
    <s v=""/>
    <s v=""/>
    <s v=""/>
    <s v=""/>
    <s v=""/>
    <s v=""/>
    <s v=""/>
    <s v=""/>
    <s v=""/>
    <s v=""/>
    <s v=""/>
    <s v=""/>
    <x v="105"/>
    <x v="107"/>
    <x v="113"/>
    <x v="83"/>
    <n v="6175.5624970553599"/>
    <n v="4265.43750294464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48"/>
    <s v="TR180"/>
    <s v="DBC IDP"/>
    <s v="Dacorum Borough Council"/>
    <x v="8"/>
    <x v="39"/>
    <s v="White Hart Road signal-controlled crossing north of A414"/>
    <s v="SG32-3"/>
    <s v="(SG32-3) Signal controlled crossing on White Hart Road north of the A414 roundabout. Include localised widening of the footway on the western side "/>
    <s v="Hemel Garden Communities"/>
    <x v="8"/>
    <s v="Programme Area / Transformational"/>
    <s v="Off-site"/>
    <s v="Developer / Hertfordshire County Council"/>
    <s v="Hertfordshire County Council"/>
    <s v="2026-2031"/>
    <m/>
    <m/>
    <x v="299"/>
    <m/>
    <s v="S106 / S38 / S278 / CIL"/>
    <n v="0"/>
    <n v="387284"/>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8.246595995288576"/>
    <s v="GOOD"/>
    <x v="168"/>
    <x v="153"/>
    <x v="156"/>
    <x v="154"/>
    <x v="151"/>
    <x v="160"/>
    <x v="145"/>
    <x v="157"/>
    <x v="150"/>
    <x v="166"/>
    <x v="164"/>
    <x v="141"/>
    <x v="150"/>
    <x v="157"/>
    <x v="133"/>
    <x v="134"/>
    <x v="115"/>
    <s v=""/>
    <s v=""/>
    <s v=""/>
    <s v=""/>
    <s v=""/>
    <s v=""/>
    <s v=""/>
    <s v=""/>
    <s v=""/>
    <s v=""/>
    <s v=""/>
    <s v=""/>
    <s v=""/>
    <s v=""/>
    <s v=""/>
    <s v=""/>
    <s v=""/>
    <s v=""/>
    <s v=""/>
    <s v=""/>
    <s v=""/>
    <s v=""/>
    <x v="144"/>
    <x v="146"/>
    <x v="151"/>
    <x v="122"/>
    <n v="229067.76612485279"/>
    <n v="158216.23387514724"/>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49"/>
    <s v="TR181"/>
    <s v="DBC IDP"/>
    <s v="Dacorum Borough Council"/>
    <x v="8"/>
    <x v="39"/>
    <s v="Redbourn Road-Swallowdale Lane Roundabout reconfiguration including improved crossings"/>
    <s v="SG33-1"/>
    <s v="(SG33-1) Reconfiguration of the Redbourn Road-Swallowdale Lane-High Street Green-Queensway roundabout - removing the left turn filters and building out the verges to reducing crossing distances. Installing Toucan crossings on the eastern and southern arms of the junction."/>
    <s v="Hemel Garden Communities"/>
    <x v="66"/>
    <s v="Transformational"/>
    <s v="Off-site"/>
    <s v="Developer / Hertfordshire County Council"/>
    <s v="Hertfordshire County Council"/>
    <s v="2031-2036"/>
    <m/>
    <m/>
    <x v="300"/>
    <m/>
    <s v="S106 / S38 / S278 / CIL"/>
    <n v="0"/>
    <n v="1692649"/>
    <s v="B5 - Based on AECOM Transport Model attribution percentages"/>
    <s v="Multiple Scenario 2 (Step 5)"/>
    <s v="Mutliple Scenario 2 (Step 5)"/>
    <s v="Essential"/>
    <x v="2"/>
    <x v="2"/>
    <x v="2"/>
    <x v="2"/>
    <x v="2"/>
    <x v="2"/>
    <x v="3"/>
    <s v="Yes"/>
    <s v="Yes"/>
    <s v="Yes"/>
    <s v="Yes"/>
    <s v="Yes"/>
    <s v="Yes"/>
    <s v="Yes"/>
    <s v="Yes"/>
    <s v="Yes"/>
    <s v=""/>
    <m/>
    <m/>
    <m/>
    <m/>
    <m/>
    <m/>
    <m/>
    <m/>
    <m/>
    <m/>
    <m/>
    <m/>
    <m/>
    <m/>
    <m/>
    <m/>
    <m/>
    <m/>
    <m/>
    <m/>
    <m/>
    <m/>
    <s v="Yes"/>
    <s v="Yes"/>
    <s v="Yes"/>
    <s v="Yes"/>
    <n v="18745"/>
    <n v="90.298692984795949"/>
    <s v="GOOD"/>
    <x v="169"/>
    <x v="154"/>
    <x v="157"/>
    <x v="155"/>
    <x v="152"/>
    <x v="161"/>
    <x v="22"/>
    <x v="158"/>
    <x v="151"/>
    <x v="167"/>
    <x v="165"/>
    <x v="142"/>
    <x v="151"/>
    <x v="158"/>
    <x v="134"/>
    <x v="135"/>
    <x v="0"/>
    <m/>
    <m/>
    <m/>
    <m/>
    <m/>
    <m/>
    <m/>
    <m/>
    <m/>
    <m/>
    <m/>
    <m/>
    <m/>
    <m/>
    <m/>
    <m/>
    <m/>
    <m/>
    <m/>
    <m/>
    <m/>
    <m/>
    <x v="145"/>
    <x v="147"/>
    <x v="152"/>
    <x v="123"/>
    <n v="1110464.2921170562"/>
    <n v="582184.70788294449"/>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450"/>
    <s v="TR182"/>
    <s v="DBC IDP"/>
    <s v="Dacorum Borough Council"/>
    <x v="8"/>
    <x v="39"/>
    <s v="Additional Wayfinding Signage on Redbourn Road"/>
    <s v="SG33-2"/>
    <s v="(SG33-2) Implement wayfinding at start/end of segment"/>
    <s v="Hemel Garden Communities"/>
    <x v="67"/>
    <s v="Transformational"/>
    <s v="Off-site"/>
    <s v="Developer / Hertfordshire County Council"/>
    <s v="Hertfordshire County Council"/>
    <s v="2026-2031"/>
    <m/>
    <m/>
    <x v="285"/>
    <m/>
    <s v="S106 / S38 / S278 / CIL"/>
    <n v="0"/>
    <n v="6961"/>
    <s v="B5 - Based on AECOM Transport Model attribution percentages"/>
    <s v="Multiple Scenario 2 (Step 5)"/>
    <s v="Mutliple Scenario 2 (Step 5)"/>
    <s v="Essential"/>
    <x v="2"/>
    <x v="3"/>
    <x v="3"/>
    <x v="3"/>
    <x v="3"/>
    <x v="3"/>
    <x v="3"/>
    <s v=""/>
    <s v=""/>
    <s v=""/>
    <s v="Yes"/>
    <s v="Yes"/>
    <s v="Yes"/>
    <s v="Yes"/>
    <s v=""/>
    <s v=""/>
    <s v=""/>
    <m/>
    <m/>
    <m/>
    <m/>
    <m/>
    <m/>
    <m/>
    <m/>
    <m/>
    <m/>
    <m/>
    <m/>
    <m/>
    <m/>
    <m/>
    <m/>
    <m/>
    <m/>
    <m/>
    <m/>
    <m/>
    <m/>
    <s v="Yes"/>
    <s v="Yes"/>
    <s v="Yes"/>
    <s v="Yes"/>
    <n v="15205"/>
    <n v="0.45780993094376848"/>
    <s v="GOOD"/>
    <x v="170"/>
    <x v="23"/>
    <x v="23"/>
    <x v="23"/>
    <x v="24"/>
    <x v="24"/>
    <x v="22"/>
    <x v="24"/>
    <x v="24"/>
    <x v="26"/>
    <x v="166"/>
    <x v="143"/>
    <x v="152"/>
    <x v="159"/>
    <x v="22"/>
    <x v="23"/>
    <x v="0"/>
    <m/>
    <m/>
    <m/>
    <m/>
    <m/>
    <m/>
    <m/>
    <m/>
    <m/>
    <m/>
    <m/>
    <m/>
    <m/>
    <m/>
    <m/>
    <m/>
    <m/>
    <m/>
    <m/>
    <m/>
    <m/>
    <m/>
    <x v="146"/>
    <x v="148"/>
    <x v="153"/>
    <x v="124"/>
    <n v="4626.2097611630334"/>
    <n v="2334.790238836968"/>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2024) and update (2025)."/>
    <m/>
  </r>
  <r>
    <m/>
    <n v="451"/>
    <s v="TR183"/>
    <s v="DBC IDP"/>
    <s v="Dacorum Borough Council"/>
    <x v="8"/>
    <x v="39"/>
    <s v="Toucan Crossings on Swallowdale Lane"/>
    <s v="SG34-1"/>
    <s v="(SG34-1) Install Toucan crossings on Swallowdale Road between a) Eastman Way and Maxted Road, and b) between Maxted Road and Three Cherry Trees Lane"/>
    <s v="Hemel Garden Communities"/>
    <x v="8"/>
    <s v="Programme Area / Transformational"/>
    <s v="Off-site"/>
    <s v="Developer / Hertfordshire County Council"/>
    <s v="Hertfordshire County Council"/>
    <s v="2026-2031"/>
    <m/>
    <m/>
    <x v="301"/>
    <m/>
    <s v="S106 / S38 / S278 / CIL"/>
    <n v="0"/>
    <n v="885943"/>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41.740541813898702"/>
    <s v="GOOD"/>
    <x v="171"/>
    <x v="155"/>
    <x v="158"/>
    <x v="156"/>
    <x v="153"/>
    <x v="162"/>
    <x v="146"/>
    <x v="159"/>
    <x v="152"/>
    <x v="168"/>
    <x v="167"/>
    <x v="144"/>
    <x v="153"/>
    <x v="160"/>
    <x v="135"/>
    <x v="136"/>
    <x v="116"/>
    <s v=""/>
    <s v=""/>
    <s v=""/>
    <s v=""/>
    <s v=""/>
    <s v=""/>
    <s v=""/>
    <s v=""/>
    <s v=""/>
    <s v=""/>
    <s v=""/>
    <s v=""/>
    <s v=""/>
    <s v=""/>
    <s v=""/>
    <s v=""/>
    <s v=""/>
    <s v=""/>
    <s v=""/>
    <s v=""/>
    <s v=""/>
    <s v=""/>
    <x v="147"/>
    <x v="149"/>
    <x v="154"/>
    <x v="125"/>
    <n v="524010.76193168433"/>
    <n v="361932.23806831567"/>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52"/>
    <s v="TR184"/>
    <s v="DBC IDP"/>
    <s v="Dacorum Borough Council"/>
    <x v="8"/>
    <x v="39"/>
    <s v="Signalised crossing on Three Cherry Trees Lane"/>
    <s v="SG34-2"/>
    <s v="(SG34-2) Install a pelican crossing on Three Cherry Trees Lane south of the Caravan Park entrance. Also provide localised widening to the footway along the eastern side of Three Cherry Trees Lane between the proposed crossing to just south of Admiral Avenue"/>
    <s v="Hemel Garden Communities"/>
    <x v="8"/>
    <s v="Programme Area / Transformational"/>
    <s v="Off-site"/>
    <s v="Developer / Hertfordshire County Council"/>
    <s v="Hertfordshire County Council"/>
    <s v="2026-2031"/>
    <m/>
    <m/>
    <x v="302"/>
    <m/>
    <s v="S106 / S38 / S278 / CIL"/>
    <n v="0"/>
    <n v="448034"/>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21.108786808009423"/>
    <s v="GOOD"/>
    <x v="172"/>
    <x v="156"/>
    <x v="159"/>
    <x v="157"/>
    <x v="154"/>
    <x v="163"/>
    <x v="147"/>
    <x v="160"/>
    <x v="153"/>
    <x v="169"/>
    <x v="168"/>
    <x v="145"/>
    <x v="154"/>
    <x v="161"/>
    <x v="136"/>
    <x v="137"/>
    <x v="117"/>
    <s v=""/>
    <s v=""/>
    <s v=""/>
    <s v=""/>
    <s v=""/>
    <s v=""/>
    <s v=""/>
    <s v=""/>
    <s v=""/>
    <s v=""/>
    <s v=""/>
    <s v=""/>
    <s v=""/>
    <s v=""/>
    <s v=""/>
    <s v=""/>
    <s v=""/>
    <s v=""/>
    <s v=""/>
    <s v=""/>
    <s v=""/>
    <s v=""/>
    <x v="148"/>
    <x v="150"/>
    <x v="155"/>
    <x v="126"/>
    <n v="264999.70958775026"/>
    <n v="183034.2904122497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53"/>
    <s v="TR185"/>
    <s v="DBC IDP"/>
    <s v="Dacorum Borough Council"/>
    <x v="8"/>
    <x v="39"/>
    <s v="Shared use Cycleway on Swallowdale Lane"/>
    <s v="SG34-3"/>
    <s v="(SG34-3) Implement a shared use cycleway and footway on the northern side of Swallowdale Lane between Eastman Way and just west of Three Cherry Trees Lane."/>
    <s v="Hemel Garden Communities"/>
    <x v="8"/>
    <s v="Programme Area / Transformational"/>
    <s v="Off-site"/>
    <s v="Developer / Hertfordshire County Council"/>
    <s v="Hertfordshire County Council"/>
    <s v="2026-2031"/>
    <m/>
    <m/>
    <x v="303"/>
    <m/>
    <s v="S106 / S38 / S278 / CIL"/>
    <n v="0"/>
    <n v="301853"/>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4.221578327444051"/>
    <s v="GOOD"/>
    <x v="173"/>
    <x v="157"/>
    <x v="160"/>
    <x v="158"/>
    <x v="155"/>
    <x v="164"/>
    <x v="148"/>
    <x v="161"/>
    <x v="154"/>
    <x v="170"/>
    <x v="169"/>
    <x v="146"/>
    <x v="155"/>
    <x v="162"/>
    <x v="137"/>
    <x v="138"/>
    <x v="118"/>
    <s v=""/>
    <s v=""/>
    <s v=""/>
    <s v=""/>
    <s v=""/>
    <s v=""/>
    <s v=""/>
    <s v=""/>
    <s v=""/>
    <s v=""/>
    <s v=""/>
    <s v=""/>
    <s v=""/>
    <s v=""/>
    <s v=""/>
    <s v=""/>
    <s v=""/>
    <s v=""/>
    <s v=""/>
    <s v=""/>
    <s v=""/>
    <s v=""/>
    <x v="149"/>
    <x v="151"/>
    <x v="156"/>
    <x v="127"/>
    <n v="178537.69432273266"/>
    <n v="123315.30567726737"/>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54"/>
    <s v="TR186"/>
    <s v="DBC IDP"/>
    <s v="Dacorum Borough Council"/>
    <x v="8"/>
    <x v="39"/>
    <s v="Cycleway on Three Cherry Trees Lane - Swallowdale Lane to Boundary Way"/>
    <s v="SG34-4"/>
    <s v="(SG34-4) Widen the existing footway on the southern side of Three Cherry Trees Lane to enable shared use between Boundary Way and Swallowdale Lane"/>
    <s v="Hemel Garden Communities"/>
    <x v="8"/>
    <s v="Programme Area / Transformational"/>
    <s v="Off-site"/>
    <s v="Developer / Hertfordshire County Council"/>
    <s v="Hertfordshire County Council"/>
    <s v="2026-2031"/>
    <m/>
    <m/>
    <x v="304"/>
    <m/>
    <s v="S106 / S38 / S278 / CIL"/>
    <n v="0"/>
    <n v="110110"/>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5.1877502944640757"/>
    <s v="GOOD"/>
    <x v="174"/>
    <x v="158"/>
    <x v="161"/>
    <x v="159"/>
    <x v="156"/>
    <x v="165"/>
    <x v="149"/>
    <x v="162"/>
    <x v="155"/>
    <x v="171"/>
    <x v="170"/>
    <x v="147"/>
    <x v="156"/>
    <x v="163"/>
    <x v="138"/>
    <x v="139"/>
    <x v="119"/>
    <s v=""/>
    <s v=""/>
    <s v=""/>
    <s v=""/>
    <s v=""/>
    <s v=""/>
    <s v=""/>
    <s v=""/>
    <s v=""/>
    <s v=""/>
    <s v=""/>
    <s v=""/>
    <s v=""/>
    <s v=""/>
    <s v=""/>
    <s v=""/>
    <s v=""/>
    <s v=""/>
    <s v=""/>
    <s v=""/>
    <s v=""/>
    <s v=""/>
    <x v="150"/>
    <x v="152"/>
    <x v="157"/>
    <x v="128"/>
    <n v="65127.017196702"/>
    <n v="44982.982803298"/>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55"/>
    <s v="TR187"/>
    <s v="DBC IDP"/>
    <s v="Dacorum Borough Council"/>
    <x v="8"/>
    <x v="39"/>
    <s v="Maxted Road pedestrian crossing improvements"/>
    <s v="SG34-5"/>
    <s v="(SG34-5) Provide tactile paving at the junction with Maxted Road"/>
    <s v="Hemel Garden Communities"/>
    <x v="8"/>
    <s v="Programme Area / Transformational"/>
    <s v="Off-site"/>
    <s v="Developer / Hertfordshire County Council"/>
    <s v="Hertfordshire County Council"/>
    <s v="2026-2031"/>
    <m/>
    <m/>
    <x v="305"/>
    <m/>
    <s v="S106 / S38 / S278 / CIL"/>
    <n v="0"/>
    <n v="1215"/>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5.7243816254416963E-2"/>
    <s v="GOOD"/>
    <x v="175"/>
    <x v="159"/>
    <x v="162"/>
    <x v="160"/>
    <x v="157"/>
    <x v="166"/>
    <x v="150"/>
    <x v="163"/>
    <x v="156"/>
    <x v="172"/>
    <x v="171"/>
    <x v="148"/>
    <x v="157"/>
    <x v="164"/>
    <x v="139"/>
    <x v="140"/>
    <x v="120"/>
    <s v=""/>
    <s v=""/>
    <s v=""/>
    <s v=""/>
    <s v=""/>
    <s v=""/>
    <s v=""/>
    <s v=""/>
    <s v=""/>
    <s v=""/>
    <s v=""/>
    <s v=""/>
    <s v=""/>
    <s v=""/>
    <s v=""/>
    <s v=""/>
    <s v=""/>
    <s v=""/>
    <s v=""/>
    <s v=""/>
    <s v=""/>
    <s v=""/>
    <x v="151"/>
    <x v="153"/>
    <x v="158"/>
    <x v="129"/>
    <n v="718.63886925795066"/>
    <n v="496.36113074204945"/>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56"/>
    <s v="TR188"/>
    <s v="DBC IDP"/>
    <s v="Dacorum Borough Council"/>
    <x v="8"/>
    <x v="39"/>
    <s v="Swallowdale Lane and Three Cherry Trees Lane Wayfinding signage"/>
    <s v="SG34-6"/>
    <s v="(SG34-6) Install wayfinding at start and end of segment and at junction of Swallowdale Lane and Three Cherry Trees Lane."/>
    <s v="Hemel Garden Communities"/>
    <x v="8"/>
    <s v="Programme Area / Transformational"/>
    <s v="Off-site"/>
    <s v="Developer / Hertfordshire County Council"/>
    <s v="Hertfordshire County Council"/>
    <s v="2026-2031"/>
    <m/>
    <m/>
    <x v="259"/>
    <m/>
    <s v="S106 / S38 / S278 / CIL"/>
    <n v="0"/>
    <n v="1044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49191990577149586"/>
    <s v="GOOD"/>
    <x v="126"/>
    <x v="114"/>
    <x v="117"/>
    <x v="115"/>
    <x v="112"/>
    <x v="121"/>
    <x v="114"/>
    <x v="121"/>
    <x v="116"/>
    <x v="127"/>
    <x v="125"/>
    <x v="105"/>
    <x v="111"/>
    <x v="115"/>
    <x v="99"/>
    <x v="101"/>
    <x v="86"/>
    <s v=""/>
    <s v=""/>
    <s v=""/>
    <s v=""/>
    <s v=""/>
    <s v=""/>
    <s v=""/>
    <s v=""/>
    <s v=""/>
    <s v=""/>
    <s v=""/>
    <s v=""/>
    <s v=""/>
    <s v=""/>
    <s v=""/>
    <s v=""/>
    <s v=""/>
    <s v=""/>
    <s v=""/>
    <s v=""/>
    <s v=""/>
    <s v=""/>
    <x v="105"/>
    <x v="107"/>
    <x v="113"/>
    <x v="83"/>
    <n v="6175.5624970553599"/>
    <n v="4265.43750294464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57"/>
    <s v="TR189"/>
    <s v="DBC IDP"/>
    <s v="Dacorum Borough Council"/>
    <x v="8"/>
    <x v="39"/>
    <s v="Cycleway along St Agnells Lane"/>
    <s v="SG35-1"/>
    <s v="(SG35-1) Implement a offroad shared use cycleway along the full length of St Agnells Lane, located on the western side from Washington Avenue and remaining on the same side of the road for the full length, terminating on the eastern side at the junction with Redbourn Road. Include 4x Copenhagen crossings at St Agenlls Court, Cupid Green Lane, Essex Mead and Old Maple "/>
    <s v="Hemel Garden Communities"/>
    <x v="8"/>
    <s v="Programme Area / Transformational"/>
    <s v="Off-site"/>
    <s v="Developer / Hertfordshire County Council"/>
    <s v="Hertfordshire County Council"/>
    <s v="2026-2031"/>
    <m/>
    <m/>
    <x v="306"/>
    <m/>
    <s v="S106 / S38 / S278 / CIL"/>
    <n v="0"/>
    <n v="3058882"/>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44.11693757361601"/>
    <s v="GOOD"/>
    <x v="176"/>
    <x v="160"/>
    <x v="163"/>
    <x v="161"/>
    <x v="158"/>
    <x v="167"/>
    <x v="151"/>
    <x v="164"/>
    <x v="157"/>
    <x v="173"/>
    <x v="172"/>
    <x v="149"/>
    <x v="158"/>
    <x v="165"/>
    <x v="140"/>
    <x v="141"/>
    <x v="121"/>
    <s v=""/>
    <s v=""/>
    <s v=""/>
    <s v=""/>
    <s v=""/>
    <s v=""/>
    <s v=""/>
    <s v=""/>
    <s v=""/>
    <s v=""/>
    <s v=""/>
    <s v=""/>
    <s v=""/>
    <s v=""/>
    <s v=""/>
    <s v=""/>
    <s v=""/>
    <s v=""/>
    <s v=""/>
    <s v=""/>
    <s v=""/>
    <s v=""/>
    <x v="152"/>
    <x v="154"/>
    <x v="159"/>
    <x v="130"/>
    <n v="1809244.0342991753"/>
    <n v="1249637.9657008245"/>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58"/>
    <s v="TR190"/>
    <s v="DBC IDP"/>
    <s v="Dacorum Borough Council"/>
    <x v="8"/>
    <x v="39"/>
    <s v="Zebra crossing adjacent to Cupid Green Lane junction"/>
    <s v="SG35-2"/>
    <s v="(SG35-2) Install zebra crossing on raised speed table adjacent to Cupid Green Lane"/>
    <s v="Hemel Garden Communities"/>
    <x v="8"/>
    <s v="Programme Area / Transformational"/>
    <s v="Off-site"/>
    <s v="Developer / Hertfordshire County Council"/>
    <s v="Hertfordshire County Council"/>
    <s v="2026-2031"/>
    <m/>
    <m/>
    <x v="207"/>
    <m/>
    <s v="S106 / S38 / S278 / CIL"/>
    <n v="0"/>
    <n v="199337"/>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9.3916136631330982"/>
    <s v="GOOD"/>
    <x v="69"/>
    <x v="59"/>
    <x v="61"/>
    <x v="59"/>
    <x v="60"/>
    <x v="63"/>
    <x v="59"/>
    <x v="63"/>
    <x v="62"/>
    <x v="69"/>
    <x v="67"/>
    <x v="56"/>
    <x v="59"/>
    <x v="61"/>
    <x v="54"/>
    <x v="57"/>
    <x v="46"/>
    <s v=""/>
    <s v=""/>
    <s v=""/>
    <s v=""/>
    <s v=""/>
    <s v=""/>
    <s v=""/>
    <s v=""/>
    <s v=""/>
    <s v=""/>
    <s v=""/>
    <s v=""/>
    <s v=""/>
    <s v=""/>
    <s v=""/>
    <s v=""/>
    <s v=""/>
    <s v=""/>
    <s v=""/>
    <s v=""/>
    <s v=""/>
    <s v=""/>
    <x v="53"/>
    <x v="59"/>
    <x v="62"/>
    <x v="30"/>
    <n v="117902.3179269729"/>
    <n v="81434.68207302709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59"/>
    <s v="TR191"/>
    <s v="DBC IDP"/>
    <s v="Dacorum Borough Council"/>
    <x v="8"/>
    <x v="39"/>
    <s v="Cupid Green Lane Quietway"/>
    <s v="SG35-3"/>
    <s v="(SG35-3) Convert Cupid Green Lane to a Quietway to discourage through traffic. To provide an attractive route for walking and cycling from North Hemel Hempstead through Grovehill. Permit vehicle access to the allotments but closed to through traffic north of this point. Where Cupid Green Lane currently links onto Gaddesdon Lane on the northern side of the proposed North Hemel Hempstead development, this should also be considered for Quietway treatment to discourage traffic rat running through the development or conversely traffic routeing out of the development onto Gaddesdon Lane. "/>
    <s v="Hemel Garden Communities"/>
    <x v="8"/>
    <s v="Programme Area / Transformational"/>
    <s v="Off-site"/>
    <s v="Developer / Hertfordshire County Council"/>
    <s v="Hertfordshire County Council"/>
    <s v="2026-2031"/>
    <m/>
    <m/>
    <x v="307"/>
    <m/>
    <s v="S106 / S38 / S278 / CIL"/>
    <n v="0"/>
    <n v="547386"/>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25.789681978798587"/>
    <s v="GOOD"/>
    <x v="177"/>
    <x v="161"/>
    <x v="164"/>
    <x v="162"/>
    <x v="159"/>
    <x v="168"/>
    <x v="152"/>
    <x v="165"/>
    <x v="158"/>
    <x v="174"/>
    <x v="173"/>
    <x v="150"/>
    <x v="159"/>
    <x v="166"/>
    <x v="141"/>
    <x v="142"/>
    <x v="122"/>
    <s v=""/>
    <s v=""/>
    <s v=""/>
    <s v=""/>
    <s v=""/>
    <s v=""/>
    <s v=""/>
    <s v=""/>
    <s v=""/>
    <s v=""/>
    <s v=""/>
    <s v=""/>
    <s v=""/>
    <s v=""/>
    <s v=""/>
    <s v=""/>
    <s v=""/>
    <s v=""/>
    <s v=""/>
    <s v=""/>
    <s v=""/>
    <s v=""/>
    <x v="153"/>
    <x v="155"/>
    <x v="160"/>
    <x v="131"/>
    <n v="323763.66756183741"/>
    <n v="223622.3324381625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60"/>
    <s v="TR192"/>
    <s v="DBC IDP"/>
    <s v="Dacorum Borough Council"/>
    <x v="8"/>
    <x v="39"/>
    <s v="Grovehill Playing Fields - connection to North Hemel Hempstead (Hm01) development"/>
    <s v="SG35-4"/>
    <s v="(SG35-4) Provision of a new shared footway and cyclepath link through Grovehill Playing Fields, linking into the existing path where it currently ends, and connecting into the planned North Hemel Hempstead (Hm01) development. "/>
    <s v="Hemel Garden Communities"/>
    <x v="8"/>
    <s v="Programme Area / Transformational"/>
    <s v="Off-site"/>
    <s v="Developer / Hertfordshire County Council"/>
    <s v="Hertfordshire County Council"/>
    <s v="2026-2031"/>
    <m/>
    <m/>
    <x v="308"/>
    <m/>
    <s v="S106 / S38 / S278 / CIL"/>
    <n v="0"/>
    <n v="785325"/>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37"/>
    <s v="GOOD"/>
    <x v="178"/>
    <x v="162"/>
    <x v="165"/>
    <x v="163"/>
    <x v="160"/>
    <x v="169"/>
    <x v="153"/>
    <x v="166"/>
    <x v="159"/>
    <x v="175"/>
    <x v="174"/>
    <x v="151"/>
    <x v="160"/>
    <x v="167"/>
    <x v="142"/>
    <x v="143"/>
    <x v="123"/>
    <s v=""/>
    <s v=""/>
    <s v=""/>
    <s v=""/>
    <s v=""/>
    <s v=""/>
    <s v=""/>
    <s v=""/>
    <s v=""/>
    <s v=""/>
    <s v=""/>
    <s v=""/>
    <s v=""/>
    <s v=""/>
    <s v=""/>
    <s v=""/>
    <s v=""/>
    <s v=""/>
    <s v=""/>
    <s v=""/>
    <s v=""/>
    <s v=""/>
    <x v="154"/>
    <x v="156"/>
    <x v="161"/>
    <x v="132"/>
    <n v="464498"/>
    <n v="320827"/>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61"/>
    <s v="TR193"/>
    <s v="DBC IDP"/>
    <s v="Dacorum Borough Council"/>
    <x v="8"/>
    <x v="39"/>
    <s v="Washington Avenue-North Hemel Hempstead footway/cycle link "/>
    <s v="SG35-5"/>
    <s v="(SG35-5) A new link for pedestrians and cyclists, adjacent to the Education Support Centre on Washington Avenue, to connect into the proposed North Hemel Hempstead development."/>
    <s v="Hemel Garden Communities"/>
    <x v="4"/>
    <s v="Growth Area / Transformational"/>
    <s v="Off-site"/>
    <s v="Developer"/>
    <s v="Hertfordshire County Council"/>
    <s v="2026-2031"/>
    <m/>
    <m/>
    <x v="309"/>
    <m/>
    <s v="S38 / S278"/>
    <n v="0"/>
    <n v="220536"/>
    <s v="A - Per dwelling"/>
    <s v="Single Scenario 2 (Step 2)"/>
    <s v="Single Scenario 2 (Step 2)"/>
    <s v="Essential"/>
    <x v="2"/>
    <x v="0"/>
    <x v="0"/>
    <x v="0"/>
    <x v="0"/>
    <x v="0"/>
    <x v="0"/>
    <m/>
    <m/>
    <m/>
    <m/>
    <m/>
    <m/>
    <m/>
    <m/>
    <m/>
    <m/>
    <m/>
    <m/>
    <m/>
    <m/>
    <m/>
    <m/>
    <m/>
    <m/>
    <m/>
    <m/>
    <m/>
    <m/>
    <m/>
    <m/>
    <m/>
    <m/>
    <m/>
    <m/>
    <m/>
    <m/>
    <m/>
    <m/>
    <m/>
    <m/>
    <m/>
    <m/>
    <n v="5000"/>
    <n v="44.107199999999999"/>
    <m/>
    <x v="179"/>
    <x v="2"/>
    <x v="2"/>
    <x v="2"/>
    <x v="2"/>
    <x v="2"/>
    <x v="2"/>
    <x v="2"/>
    <x v="2"/>
    <x v="2"/>
    <x v="2"/>
    <x v="2"/>
    <x v="2"/>
    <x v="2"/>
    <x v="2"/>
    <x v="2"/>
    <x v="2"/>
    <s v=""/>
    <s v=""/>
    <s v=""/>
    <s v=""/>
    <s v=""/>
    <s v=""/>
    <s v=""/>
    <s v=""/>
    <s v=""/>
    <s v=""/>
    <s v=""/>
    <s v=""/>
    <s v=""/>
    <s v=""/>
    <s v=""/>
    <s v=""/>
    <s v=""/>
    <s v=""/>
    <s v=""/>
    <s v=""/>
    <s v=""/>
    <s v=""/>
    <x v="3"/>
    <x v="3"/>
    <x v="3"/>
    <x v="2"/>
    <n v="220536"/>
    <n v="0"/>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462"/>
    <s v="TR194"/>
    <s v="DBC IDP"/>
    <s v="Dacorum Borough Council"/>
    <x v="8"/>
    <x v="39"/>
    <s v="Woodhall Farm-North Hemel Hempstead footway/cycle link"/>
    <s v="SG35-6"/>
    <s v="(SG35-6) A new route for pedestrians and cyclists to link Shenley Road between the Sainsbury's and Brockwood Primary School. Likely to use a section of existing footway adjacent to the supermarket car park at the western end, however reallocation of land from the school may be required at the eastern end. "/>
    <s v="Hemel Garden Communities"/>
    <x v="48"/>
    <s v="Growth Area / Transformational"/>
    <s v="Off-site"/>
    <s v="Developer / Hertfordshire County Council"/>
    <s v="Hertfordshire County Council"/>
    <s v="2026-2031"/>
    <m/>
    <m/>
    <x v="310"/>
    <m/>
    <s v="S106 / S38 / S278 / CIL"/>
    <n v="0"/>
    <n v="345715"/>
    <s v="A - Per dwelling"/>
    <s v="Multiple Scenario 1 (Step 3)"/>
    <s v="Multiple Scenario 1 (Step 3)"/>
    <s v="Essential"/>
    <x v="2"/>
    <x v="0"/>
    <x v="0"/>
    <x v="0"/>
    <x v="0"/>
    <x v="0"/>
    <x v="0"/>
    <m/>
    <m/>
    <m/>
    <m/>
    <m/>
    <m/>
    <m/>
    <m/>
    <m/>
    <m/>
    <m/>
    <m/>
    <m/>
    <m/>
    <m/>
    <m/>
    <m/>
    <m/>
    <m/>
    <m/>
    <m/>
    <m/>
    <m/>
    <m/>
    <m/>
    <m/>
    <m/>
    <m/>
    <m/>
    <m/>
    <m/>
    <m/>
    <s v="Yes"/>
    <m/>
    <m/>
    <m/>
    <n v="6500"/>
    <n v="53.18692307692308"/>
    <m/>
    <x v="180"/>
    <x v="2"/>
    <x v="2"/>
    <x v="2"/>
    <x v="2"/>
    <x v="2"/>
    <x v="2"/>
    <x v="2"/>
    <x v="2"/>
    <x v="2"/>
    <x v="2"/>
    <x v="2"/>
    <x v="2"/>
    <x v="2"/>
    <x v="2"/>
    <x v="2"/>
    <x v="2"/>
    <s v=""/>
    <s v=""/>
    <s v=""/>
    <s v=""/>
    <s v=""/>
    <s v=""/>
    <s v=""/>
    <s v=""/>
    <s v=""/>
    <s v=""/>
    <s v=""/>
    <s v=""/>
    <s v=""/>
    <s v=""/>
    <s v=""/>
    <s v=""/>
    <s v=""/>
    <s v=""/>
    <s v=""/>
    <s v=""/>
    <s v=""/>
    <s v=""/>
    <x v="155"/>
    <x v="3"/>
    <x v="3"/>
    <x v="2"/>
    <n v="265934.61538461538"/>
    <n v="79780.384615384624"/>
    <n v="0"/>
    <n v="0"/>
    <s v="Cost includes an uplift for the allowance of traffic management (10%), main contractor preliminaries and overheads and profit (45%), professional fees (15%), contingency (50%), statutory undertakers (15%)."/>
    <m/>
    <s v="Aecom Hemel Hempstead Transport Study (2024) and update (2025), Verified through engagement with HCC in February 2025"/>
    <m/>
  </r>
  <r>
    <m/>
    <n v="463"/>
    <s v="TR195"/>
    <s v="DBC IDP"/>
    <s v="Dacorum Borough Council"/>
    <x v="8"/>
    <x v="39"/>
    <s v="Northridge Way-Cangels Close-Moorland Road Cycle Route"/>
    <s v="SG36-1"/>
    <s v="(SG36-1) Implement an offroad shared use cycleway along Northridge Way between the junctions with Warners End Road and Cangels Close. Implement on-street advisory route along Cangels Close and Moorland Road and a parallel zebra crossing just east of the Cangels Close junction."/>
    <s v="Hemel Garden Communities"/>
    <x v="8"/>
    <s v="Programme Area / Transformational"/>
    <s v="Off-site"/>
    <s v="Developer / Hertfordshire County Council"/>
    <s v="Hertfordshire County Council"/>
    <s v="2026-2031"/>
    <m/>
    <m/>
    <x v="311"/>
    <m/>
    <s v="S106 / S38 / S278 / CIL"/>
    <n v="0"/>
    <n v="1936418"/>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91.232885747938752"/>
    <s v="GOOD"/>
    <x v="181"/>
    <x v="163"/>
    <x v="166"/>
    <x v="164"/>
    <x v="161"/>
    <x v="170"/>
    <x v="154"/>
    <x v="167"/>
    <x v="160"/>
    <x v="176"/>
    <x v="175"/>
    <x v="152"/>
    <x v="161"/>
    <x v="168"/>
    <x v="143"/>
    <x v="144"/>
    <x v="124"/>
    <s v=""/>
    <s v=""/>
    <s v=""/>
    <s v=""/>
    <s v=""/>
    <s v=""/>
    <s v=""/>
    <s v=""/>
    <s v=""/>
    <s v=""/>
    <s v=""/>
    <s v=""/>
    <s v=""/>
    <s v=""/>
    <s v=""/>
    <s v=""/>
    <s v=""/>
    <s v=""/>
    <s v=""/>
    <s v=""/>
    <s v=""/>
    <s v=""/>
    <x v="156"/>
    <x v="157"/>
    <x v="162"/>
    <x v="133"/>
    <n v="1145337.6476796228"/>
    <n v="791080.35232037702"/>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64"/>
    <s v="TR196"/>
    <s v="DBC IDP"/>
    <s v="Dacorum Borough Council"/>
    <x v="8"/>
    <x v="39"/>
    <s v="Northridge Way-Jocketts Road crossing and cycle route"/>
    <s v="SG36-2"/>
    <s v="(SG36-2) Install new parallel zebra crossing on raised speed table on Northridge Way, north of the junction with Jocketts Road. Include an 80m section of shared use cycleway running on Jocketts Road between Northridge Way and Shrubhill Road with dropped kerbs at western end for cyclists to enter/exit the carriageway"/>
    <s v="Hemel Garden Communities"/>
    <x v="8"/>
    <s v="Programme Area / Transformational"/>
    <s v="Off-site"/>
    <s v="Developer / Hertfordshire County Council"/>
    <s v="Hertfordshire County Council"/>
    <s v="2026-2031"/>
    <m/>
    <m/>
    <x v="312"/>
    <m/>
    <s v="S106 / S38 / S278 / CIL"/>
    <n v="0"/>
    <n v="234194"/>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11.033875147232038"/>
    <s v="GOOD"/>
    <x v="182"/>
    <x v="164"/>
    <x v="167"/>
    <x v="165"/>
    <x v="162"/>
    <x v="171"/>
    <x v="155"/>
    <x v="168"/>
    <x v="161"/>
    <x v="177"/>
    <x v="176"/>
    <x v="153"/>
    <x v="162"/>
    <x v="169"/>
    <x v="144"/>
    <x v="145"/>
    <x v="125"/>
    <s v=""/>
    <s v=""/>
    <s v=""/>
    <s v=""/>
    <s v=""/>
    <s v=""/>
    <s v=""/>
    <s v=""/>
    <s v=""/>
    <s v=""/>
    <s v=""/>
    <s v=""/>
    <s v=""/>
    <s v=""/>
    <s v=""/>
    <s v=""/>
    <s v=""/>
    <s v=""/>
    <s v=""/>
    <s v=""/>
    <s v=""/>
    <s v=""/>
    <x v="157"/>
    <x v="158"/>
    <x v="163"/>
    <x v="134"/>
    <n v="138519.26859835096"/>
    <n v="95674.731401649013"/>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65"/>
    <s v="TR197"/>
    <s v="DBC IDP"/>
    <s v="Dacorum Borough Council"/>
    <x v="8"/>
    <x v="39"/>
    <s v="Northridge Way Wayfinding Signage"/>
    <s v="SG36-3"/>
    <s v="(SG36-3) Introduce wayfinding northern end of segment, Northridge Park and at junction of Jocketts Road."/>
    <s v="Hemel Garden Communities"/>
    <x v="8"/>
    <s v="Programme Area / Transformational"/>
    <s v="Off-site"/>
    <s v="Developer / Hertfordshire County Council"/>
    <s v="Hertfordshire County Council"/>
    <s v="2026-2031"/>
    <m/>
    <m/>
    <x v="259"/>
    <m/>
    <s v="S106 / S38 / S278 / CIL"/>
    <n v="0"/>
    <n v="10441"/>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49191990577149586"/>
    <s v="GOOD"/>
    <x v="126"/>
    <x v="114"/>
    <x v="117"/>
    <x v="115"/>
    <x v="112"/>
    <x v="121"/>
    <x v="114"/>
    <x v="121"/>
    <x v="116"/>
    <x v="127"/>
    <x v="125"/>
    <x v="105"/>
    <x v="111"/>
    <x v="115"/>
    <x v="99"/>
    <x v="101"/>
    <x v="86"/>
    <s v=""/>
    <s v=""/>
    <s v=""/>
    <s v=""/>
    <s v=""/>
    <s v=""/>
    <s v=""/>
    <s v=""/>
    <s v=""/>
    <s v=""/>
    <s v=""/>
    <s v=""/>
    <s v=""/>
    <s v=""/>
    <s v=""/>
    <s v=""/>
    <s v=""/>
    <s v=""/>
    <s v=""/>
    <s v=""/>
    <s v=""/>
    <s v=""/>
    <x v="105"/>
    <x v="107"/>
    <x v="113"/>
    <x v="83"/>
    <n v="6175.5624970553599"/>
    <n v="4265.437502944641"/>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66"/>
    <s v="TR198"/>
    <s v="DBC IDP"/>
    <s v="Dacorum Borough Council"/>
    <x v="8"/>
    <x v="39"/>
    <s v="Northridge Way Park cycle parking"/>
    <s v="SG36-4"/>
    <s v="(SG36-4) Introduce cycle parking at Northridge Park, close to play park and basketball court."/>
    <s v="Hemel Garden Communities"/>
    <x v="8"/>
    <s v="Programme Area / Transformational"/>
    <s v="Off-site"/>
    <s v="Developer / Hertfordshire County Council"/>
    <s v="Hertfordshire County Council"/>
    <s v="2026-2031"/>
    <m/>
    <m/>
    <x v="242"/>
    <m/>
    <s v="S106 / S38 / S278 / CIL"/>
    <n v="0"/>
    <n v="797"/>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3.7550058892815076E-2"/>
    <s v="GOOD"/>
    <x v="108"/>
    <x v="95"/>
    <x v="98"/>
    <x v="96"/>
    <x v="97"/>
    <x v="102"/>
    <x v="98"/>
    <x v="102"/>
    <x v="101"/>
    <x v="108"/>
    <x v="106"/>
    <x v="86"/>
    <x v="92"/>
    <x v="97"/>
    <x v="80"/>
    <x v="83"/>
    <x v="71"/>
    <s v=""/>
    <s v=""/>
    <s v=""/>
    <s v=""/>
    <s v=""/>
    <s v=""/>
    <s v=""/>
    <s v=""/>
    <s v=""/>
    <s v=""/>
    <s v=""/>
    <s v=""/>
    <s v=""/>
    <s v=""/>
    <s v=""/>
    <s v=""/>
    <s v=""/>
    <s v=""/>
    <s v=""/>
    <s v=""/>
    <s v=""/>
    <s v=""/>
    <x v="86"/>
    <x v="90"/>
    <x v="95"/>
    <x v="64"/>
    <n v="471.40343934040033"/>
    <n v="325.59656065959956"/>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67"/>
    <s v="TR199"/>
    <s v="DBC IDP"/>
    <s v="Dacorum Borough Council"/>
    <x v="8"/>
    <x v="39"/>
    <s v="Green End Road crossing and traffic calming feature near St Rose's School"/>
    <s v="SG37-1"/>
    <s v="(SG37-1) Install new uncontrolled crossing on Green End Road by St Rose's Infant and Nursery School as part of a kerbed build out with single lane give way to oncoming traffic."/>
    <s v="Hemel Garden Communities"/>
    <x v="8"/>
    <s v="Programme Area / Transformational"/>
    <s v="Off-site"/>
    <s v="Developer / Hertfordshire County Council"/>
    <s v="Hertfordshire County Council"/>
    <s v="2026-2031"/>
    <m/>
    <m/>
    <x v="313"/>
    <m/>
    <s v="S106 / S38 / S278 / CIL"/>
    <n v="0"/>
    <n v="10938"/>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0.51533568904593641"/>
    <s v="GOOD"/>
    <x v="183"/>
    <x v="165"/>
    <x v="168"/>
    <x v="166"/>
    <x v="163"/>
    <x v="172"/>
    <x v="156"/>
    <x v="169"/>
    <x v="162"/>
    <x v="178"/>
    <x v="177"/>
    <x v="154"/>
    <x v="163"/>
    <x v="170"/>
    <x v="145"/>
    <x v="146"/>
    <x v="126"/>
    <s v=""/>
    <s v=""/>
    <s v=""/>
    <s v=""/>
    <s v=""/>
    <s v=""/>
    <s v=""/>
    <s v=""/>
    <s v=""/>
    <s v=""/>
    <s v=""/>
    <s v=""/>
    <s v=""/>
    <s v=""/>
    <s v=""/>
    <s v=""/>
    <s v=""/>
    <s v=""/>
    <s v=""/>
    <s v=""/>
    <s v=""/>
    <s v=""/>
    <x v="158"/>
    <x v="159"/>
    <x v="164"/>
    <x v="135"/>
    <n v="6469.5242402826862"/>
    <n v="4468.4757597173148"/>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68"/>
    <s v="TR200"/>
    <s v="DBC IDP"/>
    <s v="Dacorum Borough Council"/>
    <x v="8"/>
    <x v="39"/>
    <s v="Zebra crossing on Ashtree Way"/>
    <s v="SG37-2"/>
    <s v="(SG37-2) Install new zebra crossing by Ashtree Way and Green End Road."/>
    <s v="Hemel Garden Communities"/>
    <x v="8"/>
    <s v="Programme Area / Transformational"/>
    <s v="Off-site"/>
    <s v="Developer / Hertfordshire County Council"/>
    <s v="Hertfordshire County Council"/>
    <s v="2026-2031"/>
    <m/>
    <m/>
    <x v="207"/>
    <m/>
    <s v="S106 / S38 / S278 / CIL"/>
    <n v="0"/>
    <n v="199337"/>
    <s v="A - Per dwelling"/>
    <s v="Multiple Scenario 2 (Step 6)"/>
    <s v="Multiple Scenario 2 (Step 6)"/>
    <s v="Essential"/>
    <x v="2"/>
    <x v="2"/>
    <x v="2"/>
    <x v="2"/>
    <x v="2"/>
    <x v="2"/>
    <x v="2"/>
    <s v="Yes"/>
    <s v="Yes"/>
    <s v="Yes"/>
    <s v="Yes"/>
    <s v="Yes"/>
    <s v="Yes"/>
    <s v="Yes"/>
    <s v="Yes"/>
    <s v="Yes"/>
    <s v="Yes"/>
    <m/>
    <m/>
    <m/>
    <m/>
    <m/>
    <m/>
    <m/>
    <m/>
    <m/>
    <m/>
    <m/>
    <m/>
    <m/>
    <m/>
    <m/>
    <m/>
    <m/>
    <m/>
    <m/>
    <m/>
    <m/>
    <m/>
    <s v="Yes"/>
    <s v="Yes"/>
    <s v="Yes"/>
    <s v="Yes"/>
    <n v="21225"/>
    <n v="9.3916136631330982"/>
    <s v="GOOD"/>
    <x v="69"/>
    <x v="59"/>
    <x v="61"/>
    <x v="59"/>
    <x v="60"/>
    <x v="63"/>
    <x v="59"/>
    <x v="63"/>
    <x v="62"/>
    <x v="69"/>
    <x v="67"/>
    <x v="56"/>
    <x v="59"/>
    <x v="61"/>
    <x v="54"/>
    <x v="57"/>
    <x v="46"/>
    <s v=""/>
    <s v=""/>
    <s v=""/>
    <s v=""/>
    <s v=""/>
    <s v=""/>
    <s v=""/>
    <s v=""/>
    <s v=""/>
    <s v=""/>
    <s v=""/>
    <s v=""/>
    <s v=""/>
    <s v=""/>
    <s v=""/>
    <s v=""/>
    <s v=""/>
    <s v=""/>
    <s v=""/>
    <s v=""/>
    <s v=""/>
    <s v=""/>
    <x v="53"/>
    <x v="59"/>
    <x v="62"/>
    <x v="30"/>
    <n v="117902.3179269729"/>
    <n v="81434.68207302709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69"/>
    <s v="TR201"/>
    <s v="Aecom HHTS '25"/>
    <s v="Dacorum Borough Council"/>
    <x v="8"/>
    <x v="36"/>
    <s v="Leighton Buzzard Road bus priority"/>
    <s v="EXT-1"/>
    <s v="(EXT-1) Bus priority lane and bus gate southbound on Leighton Buzzard Road between south of Link Road and north of Queensway junctions, approx. 700m in length"/>
    <s v="Hemel Garden Communities"/>
    <x v="68"/>
    <s v="Programme Area"/>
    <s v="Off-site"/>
    <s v="Developer / Hertfordshire County Council"/>
    <s v="Hertfordshire County Council"/>
    <s v="2036-2041"/>
    <m/>
    <m/>
    <x v="314"/>
    <m/>
    <s v="S106 / S38 / S278 / CIL"/>
    <n v="0"/>
    <n v="2429027"/>
    <s v="B5 - Based on AECOM Transport Model attribution percentages"/>
    <s v="Multiple Scenario 2 (Step 5)"/>
    <s v="Mutliple Scenario 2 (Step 5)"/>
    <s v="Essential"/>
    <x v="2"/>
    <x v="2"/>
    <x v="2"/>
    <x v="2"/>
    <x v="2"/>
    <x v="2"/>
    <x v="3"/>
    <s v="Yes"/>
    <s v="Yes"/>
    <s v="Yes"/>
    <s v="Yes"/>
    <s v="Yes"/>
    <s v="Yes"/>
    <s v="Yes"/>
    <s v="Yes"/>
    <s v=""/>
    <s v=""/>
    <m/>
    <m/>
    <m/>
    <m/>
    <m/>
    <m/>
    <m/>
    <m/>
    <m/>
    <m/>
    <m/>
    <m/>
    <m/>
    <m/>
    <m/>
    <m/>
    <m/>
    <m/>
    <m/>
    <m/>
    <m/>
    <m/>
    <s v="Yes"/>
    <s v="Yes"/>
    <s v="Yes"/>
    <s v="Yes"/>
    <n v="18665"/>
    <n v="130.13806589874096"/>
    <s v="GOOD"/>
    <x v="184"/>
    <x v="166"/>
    <x v="169"/>
    <x v="167"/>
    <x v="164"/>
    <x v="173"/>
    <x v="22"/>
    <x v="170"/>
    <x v="163"/>
    <x v="179"/>
    <x v="178"/>
    <x v="155"/>
    <x v="164"/>
    <x v="171"/>
    <x v="146"/>
    <x v="23"/>
    <x v="0"/>
    <m/>
    <m/>
    <m/>
    <m/>
    <m/>
    <m/>
    <m/>
    <m/>
    <m/>
    <m/>
    <m/>
    <m/>
    <m/>
    <m/>
    <m/>
    <m/>
    <m/>
    <m/>
    <m/>
    <m/>
    <m/>
    <m/>
    <x v="159"/>
    <x v="160"/>
    <x v="165"/>
    <x v="136"/>
    <n v="2267886.4476731941"/>
    <n v="161140.55232680566"/>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Update (2025)"/>
    <m/>
  </r>
  <r>
    <m/>
    <n v="470"/>
    <s v="TR202"/>
    <s v="Aecom HHTS '25"/>
    <s v="Dacorum Borough Council"/>
    <x v="8"/>
    <x v="36"/>
    <s v="Link Road bus priority bypass lane - approach to Leighton Buzzard Road roundabout"/>
    <s v="EXT-2"/>
    <s v="(EXT-2) Provision of 80m bus only left-turn filter from the eastern to the southern arms of the roundabout. No provision of bus lane in advance as Link Road is constrained by the width of the bridge of the River Gade. It would directly feed into a new bus lane heading southbound on Leighton Buzzard Road (EXT-1)"/>
    <s v="Hemel Garden Communities"/>
    <x v="69"/>
    <s v="Programme Area"/>
    <s v="Off-site"/>
    <s v="Developer / Hertfordshire County Council"/>
    <s v="Hertfordshire County Council"/>
    <s v="2036-2041"/>
    <m/>
    <m/>
    <x v="315"/>
    <m/>
    <s v="S106 / S38 / S278 / CIL"/>
    <n v="0"/>
    <n v="901923"/>
    <s v="B5 - Based on AECOM Transport Model attribution percentages"/>
    <s v="Multiple Scenario 2 (Step 5)"/>
    <s v="Mutliple Scenario 2 (Step 5)"/>
    <s v="Essential"/>
    <x v="2"/>
    <x v="2"/>
    <x v="2"/>
    <x v="2"/>
    <x v="2"/>
    <x v="2"/>
    <x v="2"/>
    <s v="Yes"/>
    <s v="Yes"/>
    <s v="Yes"/>
    <s v="Yes"/>
    <s v="Yes"/>
    <s v="Yes"/>
    <s v="Yes"/>
    <s v="Yes"/>
    <s v=""/>
    <s v=""/>
    <m/>
    <m/>
    <m/>
    <m/>
    <m/>
    <m/>
    <m/>
    <m/>
    <m/>
    <m/>
    <m/>
    <m/>
    <m/>
    <m/>
    <m/>
    <m/>
    <m/>
    <m/>
    <m/>
    <m/>
    <m/>
    <m/>
    <s v="Yes"/>
    <s v="Yes"/>
    <s v="Yes"/>
    <s v="Yes"/>
    <n v="18765"/>
    <n v="48.064108713029576"/>
    <s v="ERROR"/>
    <x v="185"/>
    <x v="167"/>
    <x v="170"/>
    <x v="168"/>
    <x v="165"/>
    <x v="174"/>
    <x v="157"/>
    <x v="171"/>
    <x v="164"/>
    <x v="180"/>
    <x v="179"/>
    <x v="156"/>
    <x v="165"/>
    <x v="172"/>
    <x v="147"/>
    <x v="23"/>
    <x v="0"/>
    <m/>
    <m/>
    <m/>
    <m/>
    <m/>
    <m/>
    <m/>
    <m/>
    <m/>
    <m/>
    <m/>
    <m/>
    <m/>
    <m/>
    <m/>
    <m/>
    <m/>
    <m/>
    <m/>
    <m/>
    <m/>
    <m/>
    <x v="160"/>
    <x v="161"/>
    <x v="166"/>
    <x v="137"/>
    <n v="800019.66743081366"/>
    <n v="101903.3325691869"/>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Update (2025)"/>
    <m/>
  </r>
  <r>
    <m/>
    <n v="471"/>
    <s v="TR203"/>
    <s v="Aecom HHTS '25"/>
    <s v="Dacorum Borough Council"/>
    <x v="8"/>
    <x v="36"/>
    <s v="Redbourn Road (north-south orientated section) bus priority"/>
    <s v="EXT-3"/>
    <s v="(EXT-3) Bus priority on Redbourn Road between the junctions with Link Road and Queensway/Swallowdale Lane - northbound only"/>
    <s v="Hemel Garden Communities"/>
    <x v="67"/>
    <s v="Programme Area"/>
    <s v="Off-site"/>
    <s v="Developer / Hertfordshire County Council"/>
    <s v="Hertfordshire County Council"/>
    <s v="2036-2041"/>
    <m/>
    <m/>
    <x v="316"/>
    <m/>
    <s v="S106 / S38 / S278 / CIL"/>
    <n v="0"/>
    <n v="1244205"/>
    <s v="B5 - Based on AECOM Transport Model attribution percentages"/>
    <s v="Multiple Scenario 2 (Step 5)"/>
    <s v="Mutliple Scenario 2 (Step 5)"/>
    <s v="Essential"/>
    <x v="2"/>
    <x v="3"/>
    <x v="3"/>
    <x v="3"/>
    <x v="3"/>
    <x v="3"/>
    <x v="3"/>
    <s v=""/>
    <s v=""/>
    <s v=""/>
    <s v="Yes"/>
    <s v="Yes"/>
    <s v="Yes"/>
    <s v="Yes"/>
    <s v=""/>
    <s v=""/>
    <s v=""/>
    <m/>
    <m/>
    <m/>
    <m/>
    <m/>
    <m/>
    <m/>
    <m/>
    <m/>
    <m/>
    <m/>
    <m/>
    <m/>
    <m/>
    <m/>
    <m/>
    <m/>
    <m/>
    <m/>
    <m/>
    <m/>
    <m/>
    <s v="Yes"/>
    <s v="Yes"/>
    <s v="Yes"/>
    <s v="Yes"/>
    <n v="15205"/>
    <n v="81.828674778033545"/>
    <s v="GOOD"/>
    <x v="186"/>
    <x v="23"/>
    <x v="23"/>
    <x v="23"/>
    <x v="24"/>
    <x v="24"/>
    <x v="22"/>
    <x v="24"/>
    <x v="24"/>
    <x v="26"/>
    <x v="180"/>
    <x v="157"/>
    <x v="166"/>
    <x v="173"/>
    <x v="22"/>
    <x v="23"/>
    <x v="0"/>
    <m/>
    <m/>
    <m/>
    <m/>
    <m/>
    <m/>
    <m/>
    <m/>
    <m/>
    <m/>
    <m/>
    <m/>
    <m/>
    <m/>
    <m/>
    <m/>
    <m/>
    <m/>
    <m/>
    <m/>
    <m/>
    <m/>
    <x v="161"/>
    <x v="162"/>
    <x v="167"/>
    <x v="138"/>
    <n v="843528.81355932227"/>
    <n v="400676.18644067802"/>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Update (2025)"/>
    <m/>
  </r>
  <r>
    <m/>
    <n v="472"/>
    <s v="TR204"/>
    <s v="Aecom HHTS '25"/>
    <s v="Dacorum Borough Council"/>
    <x v="8"/>
    <x v="36"/>
    <s v="North Hemel STC Bus Gates (within main site)"/>
    <s v="EXT-4"/>
    <s v="(EXT-4) Bus Gates on the proposed STC within North Hemel (minimum two will be required however additional gates may also be required along the length of STC). "/>
    <s v="Hemel Garden Communities"/>
    <x v="1"/>
    <s v="Growth Area"/>
    <s v="On-site"/>
    <s v="Developer"/>
    <s v="Hertfordshire County Council"/>
    <s v="2032-2041"/>
    <m/>
    <m/>
    <x v="178"/>
    <m/>
    <s v="S38 / S278"/>
    <n v="0"/>
    <n v="109695"/>
    <s v="A - Per dwelling"/>
    <s v="Single Scenario 1 (Step 1)"/>
    <s v="Single Scenario 1 (Step 1)"/>
    <s v="Essential"/>
    <x v="0"/>
    <x v="0"/>
    <x v="0"/>
    <x v="0"/>
    <x v="0"/>
    <x v="0"/>
    <x v="0"/>
    <m/>
    <m/>
    <m/>
    <m/>
    <m/>
    <m/>
    <m/>
    <m/>
    <m/>
    <m/>
    <m/>
    <m/>
    <m/>
    <m/>
    <m/>
    <m/>
    <m/>
    <m/>
    <m/>
    <m/>
    <m/>
    <m/>
    <m/>
    <m/>
    <m/>
    <m/>
    <m/>
    <m/>
    <m/>
    <m/>
    <m/>
    <m/>
    <s v="Yes"/>
    <m/>
    <m/>
    <m/>
    <n v="1500"/>
    <n v="73.13"/>
    <m/>
    <x v="2"/>
    <x v="2"/>
    <x v="2"/>
    <x v="2"/>
    <x v="2"/>
    <x v="2"/>
    <x v="2"/>
    <x v="2"/>
    <x v="2"/>
    <x v="2"/>
    <x v="2"/>
    <x v="2"/>
    <x v="2"/>
    <x v="2"/>
    <x v="2"/>
    <x v="2"/>
    <x v="2"/>
    <s v=""/>
    <s v=""/>
    <s v=""/>
    <s v=""/>
    <s v=""/>
    <s v=""/>
    <s v=""/>
    <s v=""/>
    <s v=""/>
    <s v=""/>
    <s v=""/>
    <s v=""/>
    <s v=""/>
    <s v=""/>
    <s v=""/>
    <s v=""/>
    <s v=""/>
    <s v=""/>
    <s v=""/>
    <s v=""/>
    <s v=""/>
    <s v=""/>
    <x v="162"/>
    <x v="3"/>
    <x v="3"/>
    <x v="2"/>
    <n v="0"/>
    <n v="109695"/>
    <n v="0"/>
    <n v="0"/>
    <s v="Cost includes an uplift for the allowance of traffic management (10%), main contractor preliminaries and overheads and profit (45%), professional fees (15%), contingency (50%), statutory undertakers (15%)."/>
    <m/>
    <s v="Aecom Hemel Hempstead Transport Study Update (2025)"/>
    <m/>
  </r>
  <r>
    <m/>
    <n v="473"/>
    <s v="TR205"/>
    <s v="Aecom HHTS '25"/>
    <s v="Dacorum Borough Council"/>
    <x v="8"/>
    <x v="36"/>
    <s v="North Hemel-Marchmont Farm STC Bus Gate connection"/>
    <s v="EXT-5"/>
    <s v="(EXT-5) Bus Gate required along the route linking North Hemel and Marchmont Farm development sites"/>
    <s v="Hemel Garden Communities"/>
    <x v="63"/>
    <s v="Programme Area"/>
    <s v="Off-site"/>
    <s v="Developer / Hertfordshire County Council"/>
    <s v="Hertfordshire County Council"/>
    <s v="2030-2041"/>
    <m/>
    <m/>
    <x v="178"/>
    <m/>
    <s v="S106 / S38 / S278 / CIL"/>
    <n v="0"/>
    <n v="109695"/>
    <s v="A - Per dwelling"/>
    <s v="Multiple Scenario 1 (Step 3)"/>
    <s v="Multiple Scenario 1 (Step 3)"/>
    <s v="Critical - HGC objectives"/>
    <x v="2"/>
    <x v="0"/>
    <x v="0"/>
    <x v="0"/>
    <x v="0"/>
    <x v="0"/>
    <x v="0"/>
    <m/>
    <m/>
    <m/>
    <m/>
    <m/>
    <m/>
    <s v="Yes"/>
    <m/>
    <m/>
    <m/>
    <m/>
    <m/>
    <m/>
    <m/>
    <m/>
    <m/>
    <m/>
    <m/>
    <m/>
    <m/>
    <m/>
    <m/>
    <m/>
    <m/>
    <m/>
    <m/>
    <m/>
    <m/>
    <m/>
    <m/>
    <m/>
    <m/>
    <m/>
    <m/>
    <m/>
    <m/>
    <n v="5350"/>
    <n v="20.503738317757009"/>
    <s v="GOOD"/>
    <x v="187"/>
    <x v="2"/>
    <x v="2"/>
    <x v="2"/>
    <x v="2"/>
    <x v="2"/>
    <x v="2"/>
    <x v="2"/>
    <x v="2"/>
    <x v="2"/>
    <x v="2"/>
    <x v="2"/>
    <x v="2"/>
    <x v="174"/>
    <x v="2"/>
    <x v="2"/>
    <x v="2"/>
    <s v=""/>
    <s v=""/>
    <s v=""/>
    <s v=""/>
    <s v=""/>
    <s v=""/>
    <s v=""/>
    <s v=""/>
    <s v=""/>
    <s v=""/>
    <s v=""/>
    <s v=""/>
    <s v=""/>
    <s v=""/>
    <s v=""/>
    <s v=""/>
    <s v=""/>
    <s v=""/>
    <s v=""/>
    <s v=""/>
    <s v=""/>
    <s v=""/>
    <x v="3"/>
    <x v="3"/>
    <x v="3"/>
    <x v="2"/>
    <n v="109695"/>
    <n v="0"/>
    <n v="0"/>
    <n v="0"/>
    <s v="Cost includes an uplift for the allowance of traffic management (10%), main contractor preliminaries and overheads and profit (45%), professional fees (15%), contingency (50%), statutory undertakers (15%)."/>
    <m/>
    <s v="Aecom Hemel Hempstead Transport Study Update (2025)"/>
    <m/>
  </r>
  <r>
    <m/>
    <n v="474"/>
    <s v="TR206"/>
    <s v="Aecom HHTS '25"/>
    <s v="Dacorum Borough Council"/>
    <x v="8"/>
    <x v="36"/>
    <s v="HERT route - conversion of eastbound bypass lane at Jarman Park to bys-only link. Also incorporating new interchange stop"/>
    <s v="EXT-6"/>
    <s v="(EXT-6) HERT route - conversion of eastbound bypass lane at Jarman Park to bys-only link. Also incorporating new interchange stop (eastbound only)"/>
    <s v="Hemel Garden Communities"/>
    <x v="70"/>
    <s v="Programme Area"/>
    <s v="Off-site"/>
    <s v="Developer / Hertfordshire County Council"/>
    <s v="Hertfordshire County Council"/>
    <s v="2041+"/>
    <m/>
    <m/>
    <x v="317"/>
    <m/>
    <s v="S106 / S38 / S278 / CIL"/>
    <n v="0"/>
    <n v="1309074"/>
    <s v="B5 - Based on AECOM Transport Model attribution percentages"/>
    <s v="Multiple Scenario 2 (Step 5)"/>
    <s v="Mutliple Scenario 2 (Step 5)"/>
    <s v="Essential"/>
    <x v="2"/>
    <x v="3"/>
    <x v="2"/>
    <x v="2"/>
    <x v="2"/>
    <x v="2"/>
    <x v="2"/>
    <s v="Yes"/>
    <s v="Yes"/>
    <s v="Yes"/>
    <s v="Yes"/>
    <s v=""/>
    <s v=""/>
    <s v=""/>
    <s v=""/>
    <s v=""/>
    <s v=""/>
    <m/>
    <m/>
    <m/>
    <m/>
    <m/>
    <m/>
    <m/>
    <m/>
    <m/>
    <m/>
    <m/>
    <m/>
    <m/>
    <m/>
    <m/>
    <m/>
    <m/>
    <m/>
    <m/>
    <m/>
    <m/>
    <m/>
    <s v=""/>
    <s v=""/>
    <s v=""/>
    <s v="Yes"/>
    <n v="12191"/>
    <n v="107.38036256254614"/>
    <s v="GOOD"/>
    <x v="188"/>
    <x v="23"/>
    <x v="171"/>
    <x v="169"/>
    <x v="166"/>
    <x v="175"/>
    <x v="158"/>
    <x v="172"/>
    <x v="165"/>
    <x v="181"/>
    <x v="181"/>
    <x v="23"/>
    <x v="23"/>
    <x v="6"/>
    <x v="22"/>
    <x v="23"/>
    <x v="0"/>
    <m/>
    <m/>
    <m/>
    <m/>
    <m/>
    <m/>
    <m/>
    <m/>
    <m/>
    <m/>
    <m/>
    <m/>
    <m/>
    <m/>
    <m/>
    <m/>
    <m/>
    <m/>
    <m/>
    <m/>
    <m/>
    <m/>
    <x v="6"/>
    <x v="6"/>
    <x v="6"/>
    <x v="139"/>
    <n v="979100.80165289273"/>
    <n v="329973.19834710745"/>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Update (2025)"/>
    <m/>
  </r>
  <r>
    <m/>
    <n v="475"/>
    <s v="TR207"/>
    <s v="Aecom HHTS '25"/>
    <s v="Dacorum Borough Council"/>
    <x v="8"/>
    <x v="36"/>
    <s v="HERT route - A414/Bennets End Roundabout signalised hamburger with bus priority links"/>
    <s v="EXT-7"/>
    <s v="(EXT-7) Conversion of the A414 Bennetts End roundabout to a signalised hamburger layout incorporating bus-only links through the middle and bus lanes/gates on A414 approaches"/>
    <s v="Hemel Garden Communities"/>
    <x v="8"/>
    <s v="Programme Area"/>
    <s v="Off-site"/>
    <s v="Developer / Hertfordshire County Council"/>
    <s v="Hertfordshire County Council"/>
    <s v="2041+"/>
    <m/>
    <m/>
    <x v="200"/>
    <m/>
    <s v="S106 / S38 / S278 / CIL"/>
    <n v="0"/>
    <n v="9492614"/>
    <s v="B5 - Based on AECOM Transport Model attribution percentages"/>
    <s v="Multiple Scenario 2 (Step 5)"/>
    <s v="Mutliple Scenario 2 (Step 5)"/>
    <s v="Essential"/>
    <x v="2"/>
    <x v="2"/>
    <x v="2"/>
    <x v="2"/>
    <x v="2"/>
    <x v="2"/>
    <x v="2"/>
    <s v="Yes"/>
    <s v="Yes"/>
    <s v="Yes"/>
    <s v="Yes"/>
    <s v="Yes"/>
    <s v="Yes"/>
    <s v="Yes"/>
    <s v="Yes"/>
    <s v="Yes"/>
    <m/>
    <m/>
    <m/>
    <m/>
    <m/>
    <m/>
    <m/>
    <m/>
    <m/>
    <m/>
    <m/>
    <m/>
    <m/>
    <m/>
    <m/>
    <m/>
    <m/>
    <m/>
    <m/>
    <m/>
    <m/>
    <m/>
    <m/>
    <s v="Yes"/>
    <s v="Yes"/>
    <s v="Yes"/>
    <s v="Yes"/>
    <n v="18845"/>
    <n v="503.72056248341732"/>
    <s v="GOOD"/>
    <x v="189"/>
    <x v="168"/>
    <x v="172"/>
    <x v="170"/>
    <x v="167"/>
    <x v="176"/>
    <x v="159"/>
    <x v="173"/>
    <x v="166"/>
    <x v="182"/>
    <x v="182"/>
    <x v="158"/>
    <x v="167"/>
    <x v="175"/>
    <x v="148"/>
    <x v="147"/>
    <x v="0"/>
    <m/>
    <m/>
    <m/>
    <m/>
    <m/>
    <m/>
    <m/>
    <m/>
    <m/>
    <m/>
    <m/>
    <m/>
    <m/>
    <m/>
    <m/>
    <m/>
    <m/>
    <m/>
    <m/>
    <m/>
    <m/>
    <m/>
    <x v="163"/>
    <x v="163"/>
    <x v="168"/>
    <x v="140"/>
    <n v="5150878.251829992"/>
    <n v="4341735.7481700107"/>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Note, it has not been possible to identify a cost for windfall sites, but during the determination of the planning application, it may be deemed appropriate to seek contributions from windfall development for this scheme."/>
    <s v="Aecom Hemel Hempstead Transport Study Update (2025)"/>
    <m/>
  </r>
  <r>
    <m/>
    <n v="476"/>
    <s v="TR208"/>
    <s v="Aecom HHTS '25"/>
    <s v="St Albans City &amp; District Council"/>
    <x v="8"/>
    <x v="36"/>
    <s v="HERT - A414 St Albans route"/>
    <s v="EXT-8"/>
    <s v="(EXT-8) Provision of a dedicated route for HERT eastbound services from the A4147 onto the A414 (former M10); and a dedicated slip road from the A414 parallel section to M1 northbound into East Hemel spine road. "/>
    <s v="Hemel Garden Communities"/>
    <x v="8"/>
    <s v="Programme Area"/>
    <s v="Off-site"/>
    <s v="Developer / Hertfordshire County Council"/>
    <s v="Hertfordshire County Council"/>
    <s v="2041+"/>
    <m/>
    <m/>
    <x v="318"/>
    <m/>
    <s v="S106 / S38 / S278 / CIL"/>
    <n v="0"/>
    <n v="2809962"/>
    <s v="A - Per dwelling"/>
    <s v="Multiple Scenario 2 (Step 8)"/>
    <s v="Multiple Scenario 2 (Step 8)"/>
    <s v="Essential"/>
    <x v="2"/>
    <x v="2"/>
    <x v="2"/>
    <x v="2"/>
    <x v="2"/>
    <x v="2"/>
    <x v="2"/>
    <s v="Yes"/>
    <s v="Yes"/>
    <s v="Yes"/>
    <s v="Yes"/>
    <s v="Yes"/>
    <s v="Yes"/>
    <s v="Yes"/>
    <s v="Yes"/>
    <s v="Yes"/>
    <s v="Yes"/>
    <m/>
    <m/>
    <m/>
    <m/>
    <m/>
    <m/>
    <m/>
    <m/>
    <m/>
    <m/>
    <m/>
    <m/>
    <m/>
    <m/>
    <m/>
    <m/>
    <m/>
    <m/>
    <m/>
    <m/>
    <m/>
    <m/>
    <s v="Yes"/>
    <s v="Yes"/>
    <s v="Yes"/>
    <s v="Yes"/>
    <n v="21225"/>
    <n v="132.38925795053004"/>
    <s v="GOOD"/>
    <x v="190"/>
    <x v="169"/>
    <x v="173"/>
    <x v="171"/>
    <x v="168"/>
    <x v="177"/>
    <x v="160"/>
    <x v="174"/>
    <x v="167"/>
    <x v="183"/>
    <x v="183"/>
    <x v="159"/>
    <x v="168"/>
    <x v="176"/>
    <x v="149"/>
    <x v="148"/>
    <x v="127"/>
    <s v=""/>
    <s v=""/>
    <s v=""/>
    <s v=""/>
    <s v=""/>
    <s v=""/>
    <s v=""/>
    <s v=""/>
    <s v=""/>
    <s v=""/>
    <s v=""/>
    <s v=""/>
    <s v=""/>
    <s v=""/>
    <s v=""/>
    <s v=""/>
    <s v=""/>
    <s v=""/>
    <s v=""/>
    <s v=""/>
    <s v=""/>
    <s v=""/>
    <x v="164"/>
    <x v="164"/>
    <x v="169"/>
    <x v="141"/>
    <n v="1662014.7443109541"/>
    <n v="1147947.2556890459"/>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77"/>
    <s v="TR209"/>
    <s v="Aecom HHTS '25"/>
    <s v="Dacorum Borough Council"/>
    <x v="8"/>
    <x v="39"/>
    <s v="Redbourn Road shared use footway and cycleway link"/>
    <s v="EXT-9"/>
    <s v="(EXT-9) Provision of a new shared use route on the northern side of Redbourn Road between Holtsmere End Lane and Shenley Road - to provide better connectivity between East and North Hemel developments and Woodhall Farm neighbourhood centre and Sainsbury's supermarket"/>
    <s v="Hemel Garden Communities"/>
    <x v="49"/>
    <s v="Growth Area"/>
    <s v="Off-site"/>
    <s v="Developer / Hertfordshire County Council"/>
    <s v="Hertfordshire County Council"/>
    <s v="2031-2036"/>
    <m/>
    <m/>
    <x v="319"/>
    <m/>
    <s v="S106 / S38 / S278 / CIL"/>
    <n v="0"/>
    <n v="622119"/>
    <s v="A - Per dwelling"/>
    <s v="Multiple Scenario 1 (Step 3)"/>
    <s v="Multiple Scenario 1 (Step 3)"/>
    <s v="Essential"/>
    <x v="0"/>
    <x v="0"/>
    <x v="0"/>
    <x v="0"/>
    <x v="0"/>
    <x v="0"/>
    <x v="0"/>
    <m/>
    <m/>
    <m/>
    <m/>
    <m/>
    <m/>
    <m/>
    <m/>
    <m/>
    <m/>
    <m/>
    <m/>
    <m/>
    <m/>
    <m/>
    <m/>
    <m/>
    <m/>
    <m/>
    <m/>
    <m/>
    <m/>
    <m/>
    <m/>
    <m/>
    <m/>
    <m/>
    <m/>
    <m/>
    <m/>
    <m/>
    <m/>
    <s v="Yes"/>
    <s v="Yes"/>
    <m/>
    <m/>
    <n v="3100"/>
    <n v="200.68354838709678"/>
    <m/>
    <x v="2"/>
    <x v="2"/>
    <x v="2"/>
    <x v="2"/>
    <x v="2"/>
    <x v="2"/>
    <x v="2"/>
    <x v="2"/>
    <x v="2"/>
    <x v="2"/>
    <x v="2"/>
    <x v="2"/>
    <x v="2"/>
    <x v="2"/>
    <x v="2"/>
    <x v="2"/>
    <x v="2"/>
    <s v=""/>
    <s v=""/>
    <s v=""/>
    <s v=""/>
    <s v=""/>
    <s v=""/>
    <s v=""/>
    <s v=""/>
    <s v=""/>
    <s v=""/>
    <s v=""/>
    <s v=""/>
    <s v=""/>
    <s v=""/>
    <s v=""/>
    <s v=""/>
    <s v=""/>
    <s v=""/>
    <s v=""/>
    <s v=""/>
    <s v=""/>
    <s v=""/>
    <x v="165"/>
    <x v="165"/>
    <x v="3"/>
    <x v="2"/>
    <n v="0"/>
    <n v="622119"/>
    <n v="0"/>
    <n v="0"/>
    <s v="Cost includes an uplift for the allowance of traffic management (10%), main contractor preliminaries and overheads and profit (45%), professional fees (15%), contingency (50%), statutory undertakers (15%)."/>
    <m/>
    <s v="Aecom Hemel Hempstead Transport Study Update (2025)"/>
    <m/>
  </r>
  <r>
    <m/>
    <n v="478"/>
    <s v="TR210"/>
    <s v="Aecom HHTS '25"/>
    <s v="Dacorum Borough Council"/>
    <x v="8"/>
    <x v="35"/>
    <s v="Hemel Hempstead Station - Highway Access Alterations including Bus"/>
    <s v="EXT-10"/>
    <s v="(EXT-10) Revised highway layout at Hemel Hempstead Railway Station, outside of the forecourt including junction access arrangements and 'on-street' bus layby. Intervention needs to consider longer-term bus capacity requirements including HERT and what on-forecourt capacity is available. "/>
    <s v="Hemel Garden Communities"/>
    <x v="8"/>
    <s v="Programme Area"/>
    <s v="Off-site"/>
    <s v="Developer / Hertfordshire County Council / Network Rail"/>
    <s v="Hertfordshire County Council"/>
    <s v="2036-2041"/>
    <m/>
    <m/>
    <x v="196"/>
    <m/>
    <s v="S106 / S38 / S278 / CIL"/>
    <n v="0"/>
    <n v="370629.19"/>
    <s v="A - Per dwelling"/>
    <s v="Multiple Scenario 2 (Step 8)"/>
    <s v="Multiple Scenario 2 (Step 8)"/>
    <s v="Essential"/>
    <x v="2"/>
    <x v="2"/>
    <x v="2"/>
    <x v="2"/>
    <x v="2"/>
    <x v="2"/>
    <x v="2"/>
    <s v="Yes"/>
    <s v="Yes"/>
    <s v="Yes"/>
    <s v="Yes"/>
    <s v="Yes"/>
    <s v="Yes"/>
    <s v="Yes"/>
    <s v="Yes"/>
    <s v="Yes"/>
    <s v="Yes"/>
    <m/>
    <m/>
    <m/>
    <m/>
    <m/>
    <m/>
    <m/>
    <m/>
    <m/>
    <m/>
    <m/>
    <m/>
    <m/>
    <m/>
    <m/>
    <m/>
    <m/>
    <m/>
    <m/>
    <m/>
    <m/>
    <m/>
    <s v="Yes"/>
    <s v="Yes"/>
    <s v="Yes"/>
    <m/>
    <n v="18054"/>
    <n v="20.528923784202949"/>
    <s v="GOOD"/>
    <x v="59"/>
    <x v="49"/>
    <x v="51"/>
    <x v="49"/>
    <x v="50"/>
    <x v="53"/>
    <x v="51"/>
    <x v="53"/>
    <x v="53"/>
    <x v="58"/>
    <x v="58"/>
    <x v="47"/>
    <x v="50"/>
    <x v="51"/>
    <x v="46"/>
    <x v="50"/>
    <x v="40"/>
    <s v=""/>
    <s v=""/>
    <s v=""/>
    <s v=""/>
    <s v=""/>
    <s v=""/>
    <s v=""/>
    <s v=""/>
    <s v=""/>
    <s v=""/>
    <s v=""/>
    <s v=""/>
    <s v=""/>
    <s v=""/>
    <s v=""/>
    <s v=""/>
    <s v=""/>
    <s v=""/>
    <s v=""/>
    <s v=""/>
    <s v=""/>
    <s v=""/>
    <x v="43"/>
    <x v="48"/>
    <x v="51"/>
    <x v="2"/>
    <n v="257720.10918688378"/>
    <n v="112909.08081311622"/>
    <n v="0"/>
    <n v="0"/>
    <s v="CoMoUk estimate "/>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79"/>
    <s v="TR211"/>
    <s v="Aecom HHTS '25"/>
    <s v="St Albans City &amp; District Council"/>
    <x v="8"/>
    <x v="38"/>
    <s v="B487 Hemel Hempstead Road - Hemel Hempstead Road Redbourn junction improvement "/>
    <s v="EXT-11"/>
    <s v="(EXT-11) Introduction of traffic signals including bus detection to allow easier right-turn from the side arm onto the main road. Also incorporate ped/cycle crossing on the B487 linking across to the Nickey Line."/>
    <s v="Hemel Garden Communities"/>
    <x v="71"/>
    <s v="Growth Area"/>
    <s v="Off-site"/>
    <s v="Developer / Hertfordshire County Council"/>
    <s v="Hertfordshire County Council"/>
    <s v="2041+"/>
    <m/>
    <m/>
    <x v="320"/>
    <m/>
    <s v="S106 / S38 / S278 / CIL"/>
    <n v="0"/>
    <n v="1708604"/>
    <s v="B5 - Based on AECOM Transport Model attribution percentages"/>
    <s v="Multiple Scenario 2 (Step 5)"/>
    <s v="Mutliple Scenario 2 (Step 5)"/>
    <s v="Critical - HGC objectives"/>
    <x v="2"/>
    <x v="2"/>
    <x v="2"/>
    <x v="3"/>
    <x v="3"/>
    <x v="3"/>
    <x v="3"/>
    <s v=""/>
    <s v=""/>
    <s v=""/>
    <s v="Yes"/>
    <s v="Yes"/>
    <s v="Yes"/>
    <s v="Yes"/>
    <s v="Yes"/>
    <s v=""/>
    <s v=""/>
    <m/>
    <m/>
    <m/>
    <m/>
    <m/>
    <m/>
    <m/>
    <m/>
    <m/>
    <m/>
    <m/>
    <m/>
    <m/>
    <m/>
    <m/>
    <m/>
    <m/>
    <m/>
    <m/>
    <m/>
    <m/>
    <m/>
    <s v="Yes"/>
    <s v="Yes"/>
    <s v="Yes"/>
    <s v="Yes"/>
    <n v="15945"/>
    <n v="107.15609909062402"/>
    <s v="GOOD"/>
    <x v="191"/>
    <x v="170"/>
    <x v="174"/>
    <x v="23"/>
    <x v="24"/>
    <x v="24"/>
    <x v="22"/>
    <x v="24"/>
    <x v="24"/>
    <x v="26"/>
    <x v="184"/>
    <x v="160"/>
    <x v="169"/>
    <x v="177"/>
    <x v="150"/>
    <x v="23"/>
    <x v="0"/>
    <m/>
    <m/>
    <m/>
    <m/>
    <m/>
    <m/>
    <m/>
    <m/>
    <m/>
    <m/>
    <m/>
    <m/>
    <m/>
    <m/>
    <m/>
    <m/>
    <m/>
    <m/>
    <m/>
    <m/>
    <m/>
    <m/>
    <x v="166"/>
    <x v="166"/>
    <x v="170"/>
    <x v="142"/>
    <n v="921907.23834532825"/>
    <n v="786696.76165467175"/>
    <n v="0"/>
    <n v="0"/>
    <s v="Cost includes an uplift for the allowance of traffic management (10%), main contractor preliminaries and overheads and profit (45%), professional fees (15%), contingency (50%), statutory undertakers (15%)."/>
    <s v="This project cost has been apportioned using percentage trips generated throughout the programme area, using COMET modelling."/>
    <s v="Aecom Hemel Hempstead Transport Study Update (2025)"/>
    <m/>
  </r>
  <r>
    <m/>
    <n v="480"/>
    <s v="TR212"/>
    <s v="Aecom HHTS '25"/>
    <s v="St Albans City &amp; District Council"/>
    <x v="8"/>
    <x v="36"/>
    <s v="Redbourn SW mobility hub"/>
    <s v="EXT-12"/>
    <s v="(EXT-12) New 'on street' mobility hub on the south-western side of Redbourn, served by the 46 service towards Hemel, on Hemel Hempstead Road adjacent to the junction with Gaddesden Lane"/>
    <s v="Hemel Garden Communities"/>
    <x v="8"/>
    <s v="Programme Area"/>
    <s v="Off-site"/>
    <s v="Developer / Hertfordshire County Council"/>
    <s v="Hertfordshire County Council"/>
    <s v="2041+"/>
    <m/>
    <m/>
    <x v="196"/>
    <m/>
    <s v="S106 / S38 / S278 / CIL"/>
    <n v="0"/>
    <n v="370629.19"/>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17.461917078916372"/>
    <s v="GOOD"/>
    <x v="192"/>
    <x v="171"/>
    <x v="175"/>
    <x v="172"/>
    <x v="169"/>
    <x v="178"/>
    <x v="161"/>
    <x v="175"/>
    <x v="168"/>
    <x v="184"/>
    <x v="185"/>
    <x v="161"/>
    <x v="170"/>
    <x v="178"/>
    <x v="151"/>
    <x v="149"/>
    <x v="128"/>
    <s v=""/>
    <s v=""/>
    <s v=""/>
    <s v=""/>
    <s v=""/>
    <s v=""/>
    <s v=""/>
    <s v=""/>
    <s v=""/>
    <s v=""/>
    <s v=""/>
    <s v=""/>
    <s v=""/>
    <s v=""/>
    <s v=""/>
    <s v=""/>
    <s v=""/>
    <s v=""/>
    <s v=""/>
    <s v=""/>
    <s v=""/>
    <s v=""/>
    <x v="167"/>
    <x v="167"/>
    <x v="171"/>
    <x v="143"/>
    <n v="219216.90700871611"/>
    <n v="151412.28299128386"/>
    <n v="0"/>
    <n v="0"/>
    <s v="CoMoUk estimate "/>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81"/>
    <s v="TR213"/>
    <s v="Aecom HHTS '25"/>
    <s v="Cross-boundary"/>
    <x v="8"/>
    <x v="36"/>
    <s v="New HGC Orbital Service"/>
    <s v="EXT-13"/>
    <s v="(EXT-13) New service: Station Road / Riverside / Moor End Rd / Waterhouse St / Bridge St / Marlowes / Queensway / Leighton Buzzard Road / Link Road / Marchmont Farm / new STC &amp; spine road via site allocations Hm01, H1, H2, H3 and H4 "/>
    <s v="Hemel Garden Communities"/>
    <x v="8"/>
    <s v="Programme Area"/>
    <s v="Off-site"/>
    <s v="Developer / Hertfordshire County Council"/>
    <s v="Hertfordshire County Council"/>
    <s v="2036-2041"/>
    <m/>
    <m/>
    <x v="321"/>
    <m/>
    <s v="S106 / S38 / S278 / CIL"/>
    <n v="0"/>
    <n v="10500000"/>
    <s v="A - Per dwelling"/>
    <s v="Multiple Scenario 2 (Step 7)"/>
    <s v="Multiple Scenario 2 (Step 7)"/>
    <s v="Essential"/>
    <x v="2"/>
    <x v="2"/>
    <x v="2"/>
    <x v="2"/>
    <x v="2"/>
    <x v="2"/>
    <x v="2"/>
    <s v="Yes"/>
    <s v="Yes"/>
    <s v="Yes"/>
    <s v="Yes"/>
    <s v="Yes"/>
    <s v="Yes"/>
    <s v="Yes"/>
    <s v="Yes"/>
    <s v="Yes"/>
    <s v="Yes"/>
    <m/>
    <m/>
    <m/>
    <m/>
    <m/>
    <m/>
    <m/>
    <m/>
    <m/>
    <m/>
    <m/>
    <m/>
    <m/>
    <m/>
    <m/>
    <m/>
    <m/>
    <m/>
    <m/>
    <m/>
    <m/>
    <m/>
    <s v="Yes"/>
    <s v="Yes"/>
    <s v="Yes"/>
    <s v="Yes"/>
    <n v="21225"/>
    <n v="494.69964664310953"/>
    <s v="GOOD"/>
    <x v="193"/>
    <x v="172"/>
    <x v="176"/>
    <x v="173"/>
    <x v="170"/>
    <x v="179"/>
    <x v="162"/>
    <x v="176"/>
    <x v="169"/>
    <x v="185"/>
    <x v="186"/>
    <x v="162"/>
    <x v="171"/>
    <x v="179"/>
    <x v="152"/>
    <x v="150"/>
    <x v="129"/>
    <s v=""/>
    <s v=""/>
    <s v=""/>
    <s v=""/>
    <s v=""/>
    <s v=""/>
    <s v=""/>
    <s v=""/>
    <s v=""/>
    <s v=""/>
    <s v=""/>
    <s v=""/>
    <s v=""/>
    <s v=""/>
    <s v=""/>
    <s v=""/>
    <s v=""/>
    <s v=""/>
    <s v=""/>
    <s v=""/>
    <s v=""/>
    <s v=""/>
    <x v="168"/>
    <x v="168"/>
    <x v="172"/>
    <x v="144"/>
    <n v="6210459.3639575988"/>
    <n v="4289540.6360424031"/>
    <n v="0"/>
    <n v="0"/>
    <s v="HCC cost estimate x5 (5 year funding)"/>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82"/>
    <s v="TR214"/>
    <s v="Aecom HHTS '25"/>
    <s v="Cross-boundary"/>
    <x v="8"/>
    <x v="36"/>
    <s v="Centrebus 46 frequency enhancement / new stop"/>
    <s v="EXT-14"/>
    <s v="(EXT-14) Retain 46 from Bridge Street to Luton but with frequency uplifted from current (1 bus per hour) and additional stop introduced to serve site allocations H1 and H2 on Hemel Hempstead Road"/>
    <s v="Hemel Garden Communities"/>
    <x v="8"/>
    <s v="Programme Area"/>
    <s v="Off-site"/>
    <s v="Developer / Hertfordshire County Council"/>
    <s v="Hertfordshire County Council"/>
    <s v="2031-2036"/>
    <m/>
    <m/>
    <x v="322"/>
    <m/>
    <s v="S106 / S38 / S278 / CIL"/>
    <n v="0"/>
    <n v="5250000"/>
    <s v="A - Per dwelling"/>
    <s v="Multiple Scenario 2 (Step 7)"/>
    <s v="Multiple Scenario 2 (Step 7)"/>
    <s v="Essential"/>
    <x v="2"/>
    <x v="2"/>
    <x v="2"/>
    <x v="2"/>
    <x v="2"/>
    <x v="2"/>
    <x v="2"/>
    <s v="Yes"/>
    <s v="Yes"/>
    <s v="Yes"/>
    <s v="Yes"/>
    <s v="Yes"/>
    <s v="Yes"/>
    <s v="Yes"/>
    <s v="Yes"/>
    <s v="Yes"/>
    <s v="Yes"/>
    <m/>
    <m/>
    <m/>
    <m/>
    <m/>
    <m/>
    <m/>
    <m/>
    <m/>
    <m/>
    <m/>
    <m/>
    <m/>
    <m/>
    <m/>
    <m/>
    <m/>
    <m/>
    <m/>
    <m/>
    <m/>
    <m/>
    <s v="Yes"/>
    <s v="Yes"/>
    <s v="Yes"/>
    <s v="Yes"/>
    <n v="21225"/>
    <n v="247.34982332155477"/>
    <s v="GOOD"/>
    <x v="194"/>
    <x v="173"/>
    <x v="177"/>
    <x v="174"/>
    <x v="171"/>
    <x v="180"/>
    <x v="163"/>
    <x v="177"/>
    <x v="170"/>
    <x v="186"/>
    <x v="187"/>
    <x v="163"/>
    <x v="172"/>
    <x v="180"/>
    <x v="153"/>
    <x v="151"/>
    <x v="130"/>
    <s v=""/>
    <s v=""/>
    <s v=""/>
    <s v=""/>
    <s v=""/>
    <s v=""/>
    <s v=""/>
    <s v=""/>
    <s v=""/>
    <s v=""/>
    <s v=""/>
    <s v=""/>
    <s v=""/>
    <s v=""/>
    <s v=""/>
    <s v=""/>
    <s v=""/>
    <s v=""/>
    <s v=""/>
    <s v=""/>
    <s v=""/>
    <s v=""/>
    <x v="169"/>
    <x v="169"/>
    <x v="173"/>
    <x v="145"/>
    <n v="3105229.6819787994"/>
    <n v="2144770.3180212015"/>
    <n v="0"/>
    <n v="0"/>
    <s v="HCC cost estimate x5 (5 year funding)"/>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83"/>
    <s v="TR215"/>
    <s v="Aecom HHTS '25"/>
    <s v="Dacorum Borough Council"/>
    <x v="8"/>
    <x v="36"/>
    <s v="Arriva 721 new stop"/>
    <s v="EXT-15"/>
    <s v="(EXT-15) Retain 721 from Luton to Riverside but with additional stop introduced on A4147, tying into New HGC orbital Service southern terminus. Stops will be upgraded on both sides of the road to incorporate shelters and raised kassel-kerbs. "/>
    <s v="Hemel Garden Communities"/>
    <x v="3"/>
    <s v="Growth Area"/>
    <s v="Off-site"/>
    <s v="Developer"/>
    <s v="Hertfordshire County Council"/>
    <s v="2036-2041"/>
    <m/>
    <m/>
    <x v="323"/>
    <m/>
    <s v="S38 / S278"/>
    <n v="0"/>
    <n v="126563"/>
    <s v="A - Per dwelling"/>
    <s v="Single Scenario 2 (Step 2)"/>
    <s v="Single Scenario 2 (Step 2)"/>
    <s v="Essential"/>
    <x v="0"/>
    <x v="0"/>
    <x v="0"/>
    <x v="0"/>
    <x v="0"/>
    <x v="0"/>
    <x v="0"/>
    <m/>
    <m/>
    <m/>
    <m/>
    <m/>
    <m/>
    <m/>
    <m/>
    <m/>
    <m/>
    <m/>
    <m/>
    <m/>
    <m/>
    <m/>
    <m/>
    <m/>
    <m/>
    <m/>
    <m/>
    <m/>
    <m/>
    <m/>
    <m/>
    <m/>
    <m/>
    <m/>
    <m/>
    <m/>
    <m/>
    <m/>
    <m/>
    <m/>
    <m/>
    <s v="Yes"/>
    <m/>
    <n v="2400"/>
    <n v="52.734583333333333"/>
    <s v="GOOD"/>
    <x v="2"/>
    <x v="2"/>
    <x v="2"/>
    <x v="2"/>
    <x v="2"/>
    <x v="2"/>
    <x v="2"/>
    <x v="2"/>
    <x v="2"/>
    <x v="2"/>
    <x v="2"/>
    <x v="2"/>
    <x v="2"/>
    <x v="2"/>
    <x v="2"/>
    <x v="2"/>
    <x v="2"/>
    <s v=""/>
    <s v=""/>
    <s v=""/>
    <s v=""/>
    <s v=""/>
    <s v=""/>
    <s v=""/>
    <s v=""/>
    <s v=""/>
    <s v=""/>
    <s v=""/>
    <s v=""/>
    <s v=""/>
    <s v=""/>
    <s v=""/>
    <s v=""/>
    <s v=""/>
    <s v=""/>
    <s v=""/>
    <s v=""/>
    <s v=""/>
    <s v=""/>
    <x v="3"/>
    <x v="3"/>
    <x v="174"/>
    <x v="2"/>
    <n v="0"/>
    <n v="126563"/>
    <n v="0"/>
    <n v="0"/>
    <s v="Cost includes an uplift for the allowance of traffic management (10%), main contractor preliminaries and overheads and profit (45%), professional fees (15%), contingency (50%), statutory undertakers (15%)."/>
    <m/>
    <s v="Aecom Hemel Hempstead Transport Study Update (2025)"/>
    <m/>
  </r>
  <r>
    <m/>
    <n v="484"/>
    <s v="TR216"/>
    <s v="Aecom HHTS '25"/>
    <s v="Dacorum Borough Council"/>
    <x v="8"/>
    <x v="36"/>
    <s v="Red Eagle Buses ML1 new stopping pattern"/>
    <s v="EXT-16"/>
    <s v="(EXT-16) Retain ML1 from Warners End to Maylands but with new stopping pattern in vicinity of Phoenix Gateway / Green Lane to provide interchange to HERT and New HGC Orbital Service"/>
    <s v="Hemel Garden Communities"/>
    <x v="8"/>
    <s v="Programme Area"/>
    <s v="Off-site"/>
    <s v="Developer / Hertfordshire County Council"/>
    <s v="Hertfordshire County Council"/>
    <s v="2036-2041"/>
    <m/>
    <m/>
    <x v="324"/>
    <m/>
    <s v="S106 / S38 / S278 / CIL"/>
    <n v="0"/>
    <n v="875000"/>
    <s v="A - Per dwelling"/>
    <s v="Multiple Scenario 2 (Step 7)"/>
    <s v="Multiple Scenario 2 (Step 7)"/>
    <s v="Essential"/>
    <x v="2"/>
    <x v="2"/>
    <x v="2"/>
    <x v="2"/>
    <x v="2"/>
    <x v="2"/>
    <x v="2"/>
    <s v="Yes"/>
    <s v="Yes"/>
    <s v="Yes"/>
    <s v="Yes"/>
    <s v="Yes"/>
    <s v="Yes"/>
    <s v="Yes"/>
    <s v="Yes"/>
    <s v="Yes"/>
    <s v="Yes"/>
    <m/>
    <m/>
    <m/>
    <m/>
    <m/>
    <m/>
    <m/>
    <m/>
    <m/>
    <m/>
    <m/>
    <m/>
    <m/>
    <m/>
    <m/>
    <m/>
    <m/>
    <m/>
    <m/>
    <m/>
    <m/>
    <m/>
    <s v="Yes"/>
    <s v="Yes"/>
    <s v="Yes"/>
    <s v="Yes"/>
    <n v="21225"/>
    <n v="41.224970553592463"/>
    <s v="GOOD"/>
    <x v="195"/>
    <x v="174"/>
    <x v="178"/>
    <x v="175"/>
    <x v="172"/>
    <x v="181"/>
    <x v="164"/>
    <x v="178"/>
    <x v="171"/>
    <x v="187"/>
    <x v="188"/>
    <x v="164"/>
    <x v="173"/>
    <x v="181"/>
    <x v="154"/>
    <x v="152"/>
    <x v="131"/>
    <s v=""/>
    <s v=""/>
    <s v=""/>
    <s v=""/>
    <s v=""/>
    <s v=""/>
    <s v=""/>
    <s v=""/>
    <s v=""/>
    <s v=""/>
    <s v=""/>
    <s v=""/>
    <s v=""/>
    <s v=""/>
    <s v=""/>
    <s v=""/>
    <s v=""/>
    <s v=""/>
    <s v=""/>
    <s v=""/>
    <s v=""/>
    <s v=""/>
    <x v="170"/>
    <x v="170"/>
    <x v="175"/>
    <x v="146"/>
    <n v="517538.2803297998"/>
    <n v="357461.71967020025"/>
    <n v="0"/>
    <n v="0"/>
    <s v="HCC cost estimate x5 (5 year funding)"/>
    <s v="If intervention is funded by two or more developers, infrastructure provider will be a combination of developer and Hertfordshire County Council (HCC). "/>
    <s v="Aecom Hemel Hempstead Transport Study (2024) and update (2025), Verified through engagement with HCC in February 2025"/>
    <m/>
  </r>
  <r>
    <m/>
    <n v="485"/>
    <s v="TR217"/>
    <s v="Aecom HHTS '25"/>
    <s v="Dacorum Borough Council"/>
    <x v="8"/>
    <x v="39"/>
    <s v="Marchmont Farm-Washington Avenue pedestrian routes"/>
    <s v="EXT-17"/>
    <s v="(EXT-17) Improvements to pedestrian routes that will link the Marchmont Farm development with the Arriva 3/4 bus stop on Washington Avenue. Includes improvements to a section of Piccotts End Lane, the section of path (already designated a cycle route) linking to the u-turn end of Washington Avenue and an uncontrolled crossing just north of the junction with Tremaine Grove. Subject to status of proposed reserved emergency access adjacent to 32-home development on Laidon Square, could also comprise footpath widening and dropped kerbs on Leven Way and Laideon Square."/>
    <s v="Hemel Garden Communities"/>
    <x v="34"/>
    <s v="Programme Area"/>
    <s v="Off-site"/>
    <s v="Developer"/>
    <s v="Hertfordshire County Council"/>
    <s v="2026-2031"/>
    <m/>
    <m/>
    <x v="325"/>
    <m/>
    <s v="S38 / S278"/>
    <n v="0"/>
    <n v="134473"/>
    <s v="A - Per dwelling"/>
    <s v="Single Scenario 2 (Step 2)"/>
    <s v="Single Scenario 2 (Step 2)"/>
    <s v="Essential"/>
    <x v="0"/>
    <x v="0"/>
    <x v="0"/>
    <x v="0"/>
    <x v="0"/>
    <x v="0"/>
    <x v="0"/>
    <m/>
    <m/>
    <m/>
    <m/>
    <m/>
    <m/>
    <s v="Yes"/>
    <m/>
    <m/>
    <m/>
    <m/>
    <m/>
    <m/>
    <m/>
    <m/>
    <m/>
    <m/>
    <m/>
    <m/>
    <m/>
    <m/>
    <m/>
    <m/>
    <m/>
    <m/>
    <m/>
    <m/>
    <m/>
    <m/>
    <m/>
    <m/>
    <m/>
    <m/>
    <m/>
    <m/>
    <m/>
    <n v="350"/>
    <n v="384.20857142857142"/>
    <s v="GOOD"/>
    <x v="2"/>
    <x v="2"/>
    <x v="2"/>
    <x v="2"/>
    <x v="2"/>
    <x v="2"/>
    <x v="2"/>
    <x v="2"/>
    <x v="2"/>
    <x v="2"/>
    <x v="2"/>
    <x v="2"/>
    <x v="2"/>
    <x v="182"/>
    <x v="2"/>
    <x v="2"/>
    <x v="2"/>
    <s v=""/>
    <s v=""/>
    <s v=""/>
    <s v=""/>
    <s v=""/>
    <s v=""/>
    <s v=""/>
    <s v=""/>
    <s v=""/>
    <s v=""/>
    <s v=""/>
    <s v=""/>
    <s v=""/>
    <s v=""/>
    <s v=""/>
    <s v=""/>
    <s v=""/>
    <s v=""/>
    <s v=""/>
    <s v=""/>
    <s v=""/>
    <s v=""/>
    <x v="3"/>
    <x v="3"/>
    <x v="3"/>
    <x v="2"/>
    <n v="134473"/>
    <n v="0"/>
    <n v="0"/>
    <n v="0"/>
    <s v="Cost includes an uplift for the allowance of traffic management (10%), main contractor preliminaries and overheads and profit (45%), professional fees (15%), contingency (50%), statutory undertakers (15%)."/>
    <m/>
    <s v="Aecom Hemel Hempstead Transport Study Update (2025)"/>
    <m/>
  </r>
  <r>
    <m/>
    <n v="486"/>
    <s v="TR218"/>
    <s v="Aecom HHTS '25"/>
    <s v="Dacorum Borough Council"/>
    <x v="8"/>
    <x v="38"/>
    <s v="A5183 Chequers Hill junction (Flamsted) improvement "/>
    <s v="EXT-18"/>
    <s v="(EXT-18) Improvement to the junction including traffic signalisation potentially with bus detection. Junction currently experiences delays in peak periods with traffic from side road having difficulties in finding suitable, safe gaps in traffic on A5153. Existing delays affect low frequency service 46 towards Hemel (and 34 towards St Albans) but an increase in frequency of the 46 would necessitate an improvement to increase service reliability"/>
    <s v="Hemel Garden Communities"/>
    <x v="8"/>
    <s v="Programme Area"/>
    <s v="Off-site"/>
    <s v="Developer / Hertfordshire County Council"/>
    <s v="Hertfordshire County Council"/>
    <s v="2041+"/>
    <m/>
    <m/>
    <x v="326"/>
    <m/>
    <s v="S106 / S38 / S278 / CIL"/>
    <n v="0"/>
    <n v="1582041"/>
    <s v="A - Per dwelling"/>
    <s v="Multiple Scenario 2 (Step 9)"/>
    <s v="Multiple Scenario 2 (Step 9)"/>
    <s v="Essential"/>
    <x v="2"/>
    <x v="2"/>
    <x v="2"/>
    <x v="2"/>
    <x v="2"/>
    <x v="2"/>
    <x v="2"/>
    <s v="Yes"/>
    <s v="Yes"/>
    <s v="Yes"/>
    <s v="Yes"/>
    <s v="Yes"/>
    <s v="Yes"/>
    <s v="Yes"/>
    <s v="Yes"/>
    <s v="Yes"/>
    <s v="Yes"/>
    <m/>
    <m/>
    <m/>
    <m/>
    <m/>
    <m/>
    <m/>
    <m/>
    <m/>
    <m/>
    <m/>
    <m/>
    <m/>
    <m/>
    <m/>
    <m/>
    <m/>
    <m/>
    <m/>
    <m/>
    <m/>
    <m/>
    <s v="Yes"/>
    <s v="Yes"/>
    <s v="Yes"/>
    <s v="Yes"/>
    <n v="21225"/>
    <n v="74.536678445229683"/>
    <s v="GOOD"/>
    <x v="196"/>
    <x v="175"/>
    <x v="179"/>
    <x v="176"/>
    <x v="173"/>
    <x v="182"/>
    <x v="165"/>
    <x v="179"/>
    <x v="172"/>
    <x v="188"/>
    <x v="189"/>
    <x v="165"/>
    <x v="174"/>
    <x v="183"/>
    <x v="155"/>
    <x v="153"/>
    <x v="132"/>
    <s v=""/>
    <s v=""/>
    <s v=""/>
    <s v=""/>
    <s v=""/>
    <s v=""/>
    <s v=""/>
    <s v=""/>
    <s v=""/>
    <s v=""/>
    <s v=""/>
    <s v=""/>
    <s v=""/>
    <s v=""/>
    <s v=""/>
    <s v=""/>
    <s v=""/>
    <s v=""/>
    <s v=""/>
    <s v=""/>
    <s v=""/>
    <s v=""/>
    <x v="171"/>
    <x v="171"/>
    <x v="176"/>
    <x v="147"/>
    <n v="935733.46120141342"/>
    <n v="646307.53879858658"/>
    <n v="0"/>
    <n v="0"/>
    <s v="Cost includes an uplift for the allowance of traffic management (10%), main contractor preliminaries and overheads and profit (45%), professional fees (15%), contingency (50%), statutory undertakers (15%)."/>
    <s v="If intervention is funded by two or more developers, infrastructure provider will be a combination of developer and Hertfordshire County Council (HCC). "/>
    <s v="Aecom Hemel Hempstead Transport Study (2024) and update (2025), Verified through engagement with HCC in February 2025"/>
    <m/>
  </r>
  <r>
    <s v="27/08 - outstanding comment to issy on apportionment"/>
    <n v="487"/>
    <s v="TR219"/>
    <s v="SADC IDP"/>
    <s v="St Albans City &amp; District Council"/>
    <x v="8"/>
    <x v="39"/>
    <s v="A414 cycle route (Park Street to Strategic Rail Freight Interchange) "/>
    <s v=""/>
    <s v="New cycle route along the A414, linking Park Street with the Strategic Rail Freight Interchange in HGC, as per SADC LCWIP scheme 11"/>
    <s v="St Albans - Hemel Hempstead"/>
    <x v="16"/>
    <s v="Transformational"/>
    <s v="Off-site"/>
    <s v="Hertfordshire County Council "/>
    <s v="Hertfordshire County Council"/>
    <s v="2025-2041"/>
    <m/>
    <m/>
    <x v="327"/>
    <m/>
    <s v="HCC active travel funding / S106 / S38 / S278 "/>
    <n v="0"/>
    <n v="1000000"/>
    <m/>
    <m/>
    <m/>
    <s v="Critical - HGC objectives"/>
    <x v="0"/>
    <x v="0"/>
    <x v="0"/>
    <x v="0"/>
    <x v="0"/>
    <x v="0"/>
    <x v="0"/>
    <m/>
    <m/>
    <m/>
    <m/>
    <m/>
    <m/>
    <m/>
    <m/>
    <m/>
    <m/>
    <m/>
    <m/>
    <m/>
    <m/>
    <m/>
    <m/>
    <m/>
    <m/>
    <m/>
    <m/>
    <m/>
    <m/>
    <m/>
    <m/>
    <m/>
    <m/>
    <m/>
    <m/>
    <m/>
    <m/>
    <m/>
    <m/>
    <m/>
    <m/>
    <m/>
    <m/>
    <n v="0"/>
    <m/>
    <m/>
    <x v="0"/>
    <x v="0"/>
    <x v="0"/>
    <x v="0"/>
    <x v="0"/>
    <x v="0"/>
    <x v="0"/>
    <x v="0"/>
    <x v="0"/>
    <x v="0"/>
    <x v="0"/>
    <x v="0"/>
    <x v="0"/>
    <x v="0"/>
    <x v="0"/>
    <x v="0"/>
    <x v="0"/>
    <m/>
    <m/>
    <m/>
    <m/>
    <m/>
    <m/>
    <m/>
    <m/>
    <m/>
    <m/>
    <m/>
    <m/>
    <m/>
    <m/>
    <m/>
    <m/>
    <m/>
    <m/>
    <m/>
    <m/>
    <m/>
    <m/>
    <x v="0"/>
    <x v="0"/>
    <x v="0"/>
    <x v="0"/>
    <m/>
    <m/>
    <m/>
    <m/>
    <m/>
    <m/>
    <m/>
    <m/>
  </r>
  <r>
    <m/>
    <n v="488"/>
    <s v="TR220"/>
    <s v="SADC IDP"/>
    <s v="St Albans City &amp; District Council"/>
    <x v="8"/>
    <x v="39"/>
    <s v="Nickey Line North-South Extension"/>
    <m/>
    <s v="An off-road exemplary cycle route that connects to the Nickey Line and A4147 through the East Hemel Hempstead proposed development area to improve cycle connectivity and facilitate non-motorised trips across the East Hemel Hempstead development, as part of the Local Network."/>
    <s v="Hemel Garden Communities"/>
    <x v="72"/>
    <s v="Growth Area / Transformational"/>
    <s v="On-site"/>
    <s v="Developer / Hertfordshire County Council"/>
    <s v="Hertfordshire County Council"/>
    <s v="2025-2028"/>
    <n v="1080000"/>
    <n v="1610000"/>
    <x v="328"/>
    <m/>
    <s v="S106"/>
    <n v="0"/>
    <n v="1345000"/>
    <s v="A - Per dwelling"/>
    <n v="0"/>
    <n v="0"/>
    <s v="Essential"/>
    <x v="0"/>
    <x v="0"/>
    <x v="0"/>
    <x v="0"/>
    <x v="0"/>
    <x v="0"/>
    <x v="0"/>
    <m/>
    <m/>
    <m/>
    <m/>
    <m/>
    <m/>
    <m/>
    <m/>
    <m/>
    <m/>
    <m/>
    <m/>
    <m/>
    <m/>
    <m/>
    <m/>
    <m/>
    <m/>
    <m/>
    <m/>
    <m/>
    <m/>
    <m/>
    <m/>
    <m/>
    <m/>
    <m/>
    <m/>
    <m/>
    <m/>
    <m/>
    <m/>
    <m/>
    <s v="Yes"/>
    <s v="Yes"/>
    <s v="Yes"/>
    <n v="7171"/>
    <n v="187.56100962208896"/>
    <m/>
    <x v="2"/>
    <x v="2"/>
    <x v="2"/>
    <x v="2"/>
    <x v="2"/>
    <x v="2"/>
    <x v="2"/>
    <x v="2"/>
    <x v="2"/>
    <x v="2"/>
    <x v="2"/>
    <x v="2"/>
    <x v="2"/>
    <x v="2"/>
    <x v="2"/>
    <x v="2"/>
    <x v="2"/>
    <s v=""/>
    <s v=""/>
    <s v=""/>
    <s v=""/>
    <s v=""/>
    <s v=""/>
    <s v=""/>
    <s v=""/>
    <s v=""/>
    <s v=""/>
    <s v=""/>
    <s v=""/>
    <s v=""/>
    <s v=""/>
    <s v=""/>
    <s v=""/>
    <s v=""/>
    <s v=""/>
    <s v=""/>
    <s v=""/>
    <s v=""/>
    <s v=""/>
    <x v="3"/>
    <x v="172"/>
    <x v="177"/>
    <x v="148"/>
    <n v="0"/>
    <n v="1345000"/>
    <n v="0"/>
    <n v="0"/>
    <s v="Cost provided by Stakeholder. "/>
    <m/>
    <s v="South West Hertfordshire Growth and Transport Plan (2019), verified through stakeholder engagement with HCC in May 2023 for the SADC IDP, and in February 2025 for HGC IDP"/>
    <m/>
  </r>
  <r>
    <m/>
    <n v="489"/>
    <s v="TR221"/>
    <s v="SADC IDP"/>
    <s v="St Albans City &amp; District Council"/>
    <x v="8"/>
    <x v="39"/>
    <s v="New lighting on Nickey Line within urban area"/>
    <m/>
    <s v="Enhance the Nickey Line cycleway by installing additional lighting to improve perception of safety, improve signage to make navigation easier day and night. To cover both the urban section within Hemel Hempstead and the rural section to Redbourn."/>
    <s v="Hemel Garden Communities"/>
    <x v="15"/>
    <s v="Growth Area / Transformational"/>
    <s v="Off-site"/>
    <s v="Developer / St Albans City &amp; District Council / Dacorum Borough Council / Hertfordshire County Council"/>
    <s v="Hertfordshire County Council"/>
    <s v="2025-2030"/>
    <m/>
    <m/>
    <x v="329"/>
    <m/>
    <s v="S106"/>
    <n v="0"/>
    <n v="250000"/>
    <s v="A - Per dwelling"/>
    <n v="0"/>
    <n v="0"/>
    <s v="Essential"/>
    <x v="0"/>
    <x v="0"/>
    <x v="0"/>
    <x v="0"/>
    <x v="0"/>
    <x v="0"/>
    <x v="0"/>
    <m/>
    <m/>
    <m/>
    <m/>
    <m/>
    <m/>
    <m/>
    <m/>
    <m/>
    <m/>
    <m/>
    <m/>
    <m/>
    <m/>
    <m/>
    <m/>
    <m/>
    <m/>
    <m/>
    <m/>
    <m/>
    <m/>
    <m/>
    <m/>
    <m/>
    <m/>
    <m/>
    <m/>
    <m/>
    <m/>
    <m/>
    <m/>
    <s v="Yes"/>
    <s v="Yes"/>
    <s v="Yes"/>
    <m/>
    <n v="5500"/>
    <n v="45.454545454545453"/>
    <m/>
    <x v="2"/>
    <x v="2"/>
    <x v="2"/>
    <x v="2"/>
    <x v="2"/>
    <x v="2"/>
    <x v="2"/>
    <x v="2"/>
    <x v="2"/>
    <x v="2"/>
    <x v="2"/>
    <x v="2"/>
    <x v="2"/>
    <x v="2"/>
    <x v="2"/>
    <x v="2"/>
    <x v="2"/>
    <s v=""/>
    <s v=""/>
    <s v=""/>
    <s v=""/>
    <s v=""/>
    <s v=""/>
    <s v=""/>
    <s v=""/>
    <s v=""/>
    <s v=""/>
    <s v=""/>
    <s v=""/>
    <s v=""/>
    <s v=""/>
    <s v=""/>
    <s v=""/>
    <s v=""/>
    <s v=""/>
    <s v=""/>
    <s v=""/>
    <s v=""/>
    <s v=""/>
    <x v="172"/>
    <x v="173"/>
    <x v="178"/>
    <x v="2"/>
    <n v="0"/>
    <n v="249999.99999999997"/>
    <n v="0"/>
    <n v="0"/>
    <s v="Cost provided by Stakeholder. "/>
    <m/>
    <s v="South West Hertfordshire Growth and Transport Plan (2019), verified through stakeholder engagement with HCC in May 2023 for the SADC IDP, and in February 2025 for HGC IDP"/>
    <m/>
  </r>
  <r>
    <m/>
    <n v="490"/>
    <s v="TR222"/>
    <s v="SADC IDP"/>
    <s v="St Albans City &amp; District Council"/>
    <x v="8"/>
    <x v="39"/>
    <s v="Active travel schemes associated with the North Hemel Hempstead (H1) site "/>
    <m/>
    <s v="Improvements would include extending the existing footway on the southern side of Redbourn Road along the southern boundary of the site and providing safe crossing. This will provide a walking route from the site to the Business Park and towards Hemel Hempstead Town Centre."/>
    <s v="Hemel Garden Communities"/>
    <x v="49"/>
    <s v="Growth Area / Transformational"/>
    <s v="On-site"/>
    <s v="Developer / Hertfordshire County Council"/>
    <s v="Hertfordshire County Council"/>
    <s v="2029-2041"/>
    <m/>
    <m/>
    <x v="8"/>
    <m/>
    <s v="S106"/>
    <m/>
    <m/>
    <s v="A - Per dwelling"/>
    <n v="0"/>
    <n v="0"/>
    <s v="Essential"/>
    <x v="0"/>
    <x v="0"/>
    <x v="0"/>
    <x v="0"/>
    <x v="0"/>
    <x v="0"/>
    <x v="0"/>
    <m/>
    <m/>
    <m/>
    <m/>
    <m/>
    <m/>
    <m/>
    <m/>
    <m/>
    <m/>
    <m/>
    <m/>
    <m/>
    <m/>
    <m/>
    <m/>
    <m/>
    <m/>
    <m/>
    <m/>
    <m/>
    <m/>
    <m/>
    <m/>
    <m/>
    <m/>
    <m/>
    <m/>
    <m/>
    <m/>
    <m/>
    <m/>
    <s v="Yes"/>
    <s v="Yes"/>
    <m/>
    <m/>
    <n v="3100"/>
    <n v="0"/>
    <m/>
    <x v="2"/>
    <x v="2"/>
    <x v="2"/>
    <x v="2"/>
    <x v="2"/>
    <x v="2"/>
    <x v="2"/>
    <x v="2"/>
    <x v="2"/>
    <x v="2"/>
    <x v="2"/>
    <x v="2"/>
    <x v="2"/>
    <x v="2"/>
    <x v="2"/>
    <x v="2"/>
    <x v="2"/>
    <s v=""/>
    <s v=""/>
    <s v=""/>
    <s v=""/>
    <s v=""/>
    <s v=""/>
    <s v=""/>
    <s v=""/>
    <s v=""/>
    <s v=""/>
    <s v=""/>
    <s v=""/>
    <s v=""/>
    <s v=""/>
    <s v=""/>
    <s v=""/>
    <s v=""/>
    <s v=""/>
    <s v=""/>
    <s v=""/>
    <s v=""/>
    <s v=""/>
    <x v="6"/>
    <x v="6"/>
    <x v="3"/>
    <x v="2"/>
    <n v="0"/>
    <n v="0"/>
    <n v="0"/>
    <n v="0"/>
    <s v="N/A* = the developer will be responsible for the cost and it will form part of the build out cost. "/>
    <m/>
    <s v="Stakeholder engagement with HCC May 2023, for the SADC IDP, and in February 2025 for the HGC IDP"/>
    <m/>
  </r>
  <r>
    <m/>
    <n v="491"/>
    <s v="TR223"/>
    <s v="SADC IDP"/>
    <s v="St Albans City &amp; District Council"/>
    <x v="8"/>
    <x v="39"/>
    <s v="Hemel Garden Community Circular Route Segments: HGC - Redbourn"/>
    <m/>
    <s v="LCWIP Scheme 2 - Hemel Garden Community circular route segments : Redbourn Road (A5183) - St. Albans - Hemel Hempstead Link (A4147) - Bluehouse Hill - Nickey Line (HGC - Redbourn)_x000a_"/>
    <s v="St Albans - Hemel Hempstead"/>
    <x v="73"/>
    <s v="Growth Area / Transformational"/>
    <s v="Off-site"/>
    <s v="Developer / Hertfordshire County Council"/>
    <s v="Hertfordshire County Council"/>
    <s v="2025-2041"/>
    <m/>
    <m/>
    <x v="330"/>
    <m/>
    <s v="S106"/>
    <n v="0"/>
    <n v="1640000"/>
    <s v="A - Per dwelling"/>
    <n v="0"/>
    <n v="0"/>
    <s v="Critical - HGC objectives"/>
    <x v="0"/>
    <x v="0"/>
    <x v="0"/>
    <x v="0"/>
    <x v="0"/>
    <x v="0"/>
    <x v="0"/>
    <m/>
    <m/>
    <m/>
    <m/>
    <m/>
    <m/>
    <m/>
    <m/>
    <m/>
    <m/>
    <m/>
    <m/>
    <m/>
    <m/>
    <m/>
    <m/>
    <m/>
    <m/>
    <m/>
    <m/>
    <m/>
    <m/>
    <m/>
    <m/>
    <s v="Yes"/>
    <m/>
    <m/>
    <m/>
    <m/>
    <m/>
    <m/>
    <m/>
    <s v="Yes"/>
    <s v="Yes"/>
    <s v="Yes"/>
    <s v="Yes"/>
    <n v="9768"/>
    <n v="167.8951678951679"/>
    <m/>
    <x v="2"/>
    <x v="2"/>
    <x v="2"/>
    <x v="2"/>
    <x v="2"/>
    <x v="2"/>
    <x v="2"/>
    <x v="2"/>
    <x v="2"/>
    <x v="2"/>
    <x v="2"/>
    <x v="2"/>
    <x v="2"/>
    <x v="2"/>
    <x v="2"/>
    <x v="2"/>
    <x v="2"/>
    <s v=""/>
    <s v=""/>
    <s v=""/>
    <s v=""/>
    <s v=""/>
    <s v=""/>
    <s v=""/>
    <s v=""/>
    <s v=""/>
    <s v=""/>
    <s v=""/>
    <s v=""/>
    <s v=""/>
    <s v=""/>
    <n v="184180.99918099918"/>
    <s v=""/>
    <s v=""/>
    <s v=""/>
    <s v=""/>
    <s v=""/>
    <s v=""/>
    <s v=""/>
    <x v="173"/>
    <x v="174"/>
    <x v="179"/>
    <x v="149"/>
    <n v="0"/>
    <n v="1455819.0008190009"/>
    <n v="0"/>
    <n v="184180.99918099918"/>
    <s v="The cost has been taken from the LCWIP."/>
    <m/>
    <s v="HCC / SADC Local Cycling and Walking Infrastructure Plan (LCWIP) (2023), Verified through engagement with HCC in February 2025"/>
    <m/>
  </r>
  <r>
    <m/>
    <n v="492"/>
    <s v="TR224"/>
    <s v="SADC IDP"/>
    <s v="St Albans City &amp; District Council"/>
    <x v="8"/>
    <x v="39"/>
    <s v="Nickey Line (HGC - Redbourn) "/>
    <m/>
    <s v="Nickey Line (HGC - Redbourn) - LCWIP Scheme 2 - Hemel Garden Community circular route segments"/>
    <s v="Hemel Garden Communities"/>
    <x v="74"/>
    <s v="Growth Area / Transformational"/>
    <s v="On-site / Off-site"/>
    <s v="Developer / Hertfordshire County Council"/>
    <s v="Hertfordshire County Council"/>
    <s v="2025-2041"/>
    <n v="1136645"/>
    <n v="1630553"/>
    <x v="331"/>
    <m/>
    <s v="S106"/>
    <n v="0"/>
    <n v="1383599"/>
    <s v="A - Per dwelling"/>
    <n v="0"/>
    <n v="0"/>
    <s v="Critical - HGC objectives"/>
    <x v="0"/>
    <x v="0"/>
    <x v="0"/>
    <x v="0"/>
    <x v="0"/>
    <x v="0"/>
    <x v="0"/>
    <m/>
    <m/>
    <m/>
    <m/>
    <m/>
    <m/>
    <m/>
    <m/>
    <m/>
    <m/>
    <m/>
    <m/>
    <m/>
    <m/>
    <m/>
    <m/>
    <m/>
    <m/>
    <m/>
    <m/>
    <m/>
    <m/>
    <m/>
    <m/>
    <m/>
    <m/>
    <s v="Yes"/>
    <m/>
    <m/>
    <m/>
    <m/>
    <m/>
    <s v="Yes"/>
    <s v="Yes"/>
    <m/>
    <m/>
    <n v="3645"/>
    <n v="379.58820301783265"/>
    <m/>
    <x v="2"/>
    <x v="2"/>
    <x v="2"/>
    <x v="2"/>
    <x v="2"/>
    <x v="2"/>
    <x v="2"/>
    <x v="2"/>
    <x v="2"/>
    <x v="2"/>
    <x v="2"/>
    <x v="2"/>
    <x v="2"/>
    <x v="2"/>
    <x v="2"/>
    <x v="2"/>
    <x v="2"/>
    <s v=""/>
    <s v=""/>
    <s v=""/>
    <s v=""/>
    <s v=""/>
    <s v=""/>
    <s v=""/>
    <s v=""/>
    <s v=""/>
    <s v=""/>
    <s v=""/>
    <s v=""/>
    <s v=""/>
    <s v=""/>
    <s v=""/>
    <s v=""/>
    <n v="206875.5706447188"/>
    <s v=""/>
    <s v=""/>
    <s v=""/>
    <s v=""/>
    <s v=""/>
    <x v="174"/>
    <x v="175"/>
    <x v="3"/>
    <x v="2"/>
    <n v="0"/>
    <n v="1176723.4293552812"/>
    <n v="0"/>
    <n v="206875.5706447188"/>
    <s v="The cost has been taken from the LCWIP."/>
    <m/>
    <s v="HCC / SADC Local Cycling and Walking Infrastructure Plan (LCWIP) (2023), Verified through engagement with HCC in February 2025"/>
    <m/>
  </r>
  <r>
    <m/>
    <n v="493"/>
    <s v="TR225"/>
    <s v="SADC IDP"/>
    <s v="St Albans City &amp; District Council"/>
    <x v="8"/>
    <x v="39"/>
    <s v="Redbourn Road (A5183)"/>
    <m/>
    <s v="Redbourn Road (A5183) - LCWIP Scheme 2 - Hemel Garden Community circular route segments"/>
    <s v="St Albans - Hemel Hempstead"/>
    <x v="15"/>
    <s v="Growth Area / Transformational"/>
    <s v="Off-site"/>
    <s v="Developer / Hertfordshire County Council"/>
    <s v="Hertfordshire County Council"/>
    <s v="2025-2041"/>
    <m/>
    <m/>
    <x v="332"/>
    <m/>
    <s v="HCC active travel funding / S106 / S38 / S278 "/>
    <n v="0"/>
    <n v="6830000"/>
    <s v="A - Per dwelling"/>
    <n v="0"/>
    <n v="0"/>
    <s v="Critical - HGC objectives"/>
    <x v="0"/>
    <x v="0"/>
    <x v="0"/>
    <x v="0"/>
    <x v="0"/>
    <x v="0"/>
    <x v="0"/>
    <m/>
    <m/>
    <m/>
    <m/>
    <m/>
    <m/>
    <m/>
    <m/>
    <m/>
    <m/>
    <m/>
    <m/>
    <m/>
    <m/>
    <m/>
    <m/>
    <m/>
    <m/>
    <m/>
    <m/>
    <m/>
    <m/>
    <m/>
    <m/>
    <m/>
    <m/>
    <m/>
    <m/>
    <m/>
    <m/>
    <m/>
    <m/>
    <s v="Yes"/>
    <s v="Yes"/>
    <s v="Yes"/>
    <m/>
    <n v="5500"/>
    <n v="1241.8181818181818"/>
    <m/>
    <x v="2"/>
    <x v="2"/>
    <x v="2"/>
    <x v="2"/>
    <x v="2"/>
    <x v="2"/>
    <x v="2"/>
    <x v="2"/>
    <x v="2"/>
    <x v="2"/>
    <x v="2"/>
    <x v="2"/>
    <x v="2"/>
    <x v="2"/>
    <x v="2"/>
    <x v="2"/>
    <x v="2"/>
    <s v=""/>
    <s v=""/>
    <s v=""/>
    <s v=""/>
    <s v=""/>
    <s v=""/>
    <s v=""/>
    <s v=""/>
    <s v=""/>
    <s v=""/>
    <s v=""/>
    <s v=""/>
    <s v=""/>
    <s v=""/>
    <s v=""/>
    <s v=""/>
    <s v=""/>
    <s v=""/>
    <s v=""/>
    <s v=""/>
    <s v=""/>
    <s v=""/>
    <x v="175"/>
    <x v="176"/>
    <x v="180"/>
    <x v="2"/>
    <n v="0"/>
    <n v="6830000"/>
    <n v="0"/>
    <n v="0"/>
    <s v="The cost has been taken from the LCWIP."/>
    <m/>
    <s v="HCC / SADC Local Cycling and Walking Infrastructure Plan (LCWIP) (2023), Verified through engagement with HCC in February 2025"/>
    <m/>
  </r>
  <r>
    <m/>
    <n v="494"/>
    <s v="TR226"/>
    <s v="SADC IDP"/>
    <s v="St Albans City &amp; District Council"/>
    <x v="8"/>
    <x v="39"/>
    <s v="Improved step free access from Cherry Tree Lane onto the Nickey Line"/>
    <m/>
    <s v="Replacement of current steep steps with a ramp structure suitable for cyclists and people with impaired mobility"/>
    <s v="Hemel Garden Communities"/>
    <x v="15"/>
    <s v="Growth Area / Transformational"/>
    <s v="On-site / Off-site"/>
    <s v="Developer / Dacorum Borough Council / Hertfordshire County Council"/>
    <s v="Hertfordshire County Council"/>
    <s v="2025-2030"/>
    <n v="0"/>
    <n v="500000"/>
    <x v="329"/>
    <m/>
    <s v="S106 / S38 / S278"/>
    <n v="0"/>
    <n v="250000"/>
    <s v="A - Per dwelling"/>
    <n v="0"/>
    <n v="0"/>
    <s v="Essential"/>
    <x v="0"/>
    <x v="0"/>
    <x v="0"/>
    <x v="0"/>
    <x v="0"/>
    <x v="0"/>
    <x v="0"/>
    <m/>
    <m/>
    <m/>
    <m/>
    <m/>
    <m/>
    <m/>
    <m/>
    <m/>
    <m/>
    <m/>
    <m/>
    <m/>
    <m/>
    <m/>
    <m/>
    <m/>
    <m/>
    <m/>
    <m/>
    <m/>
    <m/>
    <m/>
    <m/>
    <m/>
    <m/>
    <m/>
    <m/>
    <m/>
    <m/>
    <m/>
    <m/>
    <s v="Yes"/>
    <s v="Yes"/>
    <s v="Yes"/>
    <m/>
    <n v="5500"/>
    <n v="45.454545454545453"/>
    <m/>
    <x v="2"/>
    <x v="2"/>
    <x v="2"/>
    <x v="2"/>
    <x v="2"/>
    <x v="2"/>
    <x v="2"/>
    <x v="2"/>
    <x v="2"/>
    <x v="2"/>
    <x v="2"/>
    <x v="2"/>
    <x v="2"/>
    <x v="2"/>
    <x v="2"/>
    <x v="2"/>
    <x v="2"/>
    <s v=""/>
    <s v=""/>
    <s v=""/>
    <s v=""/>
    <s v=""/>
    <s v=""/>
    <s v=""/>
    <s v=""/>
    <s v=""/>
    <s v=""/>
    <s v=""/>
    <s v=""/>
    <s v=""/>
    <s v=""/>
    <s v=""/>
    <s v=""/>
    <s v=""/>
    <s v=""/>
    <s v=""/>
    <s v=""/>
    <s v=""/>
    <s v=""/>
    <x v="172"/>
    <x v="173"/>
    <x v="178"/>
    <x v="2"/>
    <n v="0"/>
    <n v="249999.99999999997"/>
    <n v="0"/>
    <n v="0"/>
    <s v="Cost provided by Stakeholder. "/>
    <m/>
    <s v="South West Hertfordshire Growth and Transport Plan (2019), verified through stakeholder engagement with HCC in May 2023 for the SADC IDP, and in February 2025 for HGC IDP"/>
    <m/>
  </r>
  <r>
    <m/>
    <n v="495"/>
    <s v="TR227"/>
    <s v="SADC IDP"/>
    <s v="St Albans City &amp; District Council"/>
    <x v="8"/>
    <x v="39"/>
    <s v="St. Albans - Hemel Hempstead Link (A4147)"/>
    <m/>
    <s v="St. Albans - Hemel Hempstead Link (A4147) - LCWIP Scheme 2 - Hemel Garden Community circular route segments"/>
    <s v="St Albans - Hemel Hempstead"/>
    <x v="3"/>
    <s v="Growth Area / Transformational"/>
    <s v="Off-site"/>
    <s v="Developer / Hertfordshire County Council"/>
    <s v="Hertfordshire County Council"/>
    <s v="2025-2041"/>
    <m/>
    <m/>
    <x v="333"/>
    <m/>
    <s v="HCC active travel funding / S106 / S38 / S278 "/>
    <n v="0"/>
    <n v="6080000"/>
    <s v="A - Per dwelling"/>
    <n v="0"/>
    <n v="0"/>
    <s v="Critical - HGC objectives"/>
    <x v="0"/>
    <x v="0"/>
    <x v="0"/>
    <x v="0"/>
    <x v="0"/>
    <x v="0"/>
    <x v="0"/>
    <m/>
    <m/>
    <m/>
    <m/>
    <m/>
    <m/>
    <m/>
    <m/>
    <m/>
    <m/>
    <m/>
    <m/>
    <m/>
    <m/>
    <m/>
    <m/>
    <m/>
    <m/>
    <m/>
    <m/>
    <m/>
    <m/>
    <m/>
    <m/>
    <m/>
    <m/>
    <m/>
    <m/>
    <m/>
    <m/>
    <m/>
    <m/>
    <m/>
    <m/>
    <s v="Yes"/>
    <m/>
    <n v="2400"/>
    <n v="2533.3333333333335"/>
    <m/>
    <x v="2"/>
    <x v="2"/>
    <x v="2"/>
    <x v="2"/>
    <x v="2"/>
    <x v="2"/>
    <x v="2"/>
    <x v="2"/>
    <x v="2"/>
    <x v="2"/>
    <x v="2"/>
    <x v="2"/>
    <x v="2"/>
    <x v="2"/>
    <x v="2"/>
    <x v="2"/>
    <x v="2"/>
    <s v=""/>
    <s v=""/>
    <s v=""/>
    <s v=""/>
    <s v=""/>
    <s v=""/>
    <s v=""/>
    <s v=""/>
    <s v=""/>
    <s v=""/>
    <s v=""/>
    <s v=""/>
    <s v=""/>
    <s v=""/>
    <s v=""/>
    <s v=""/>
    <s v=""/>
    <s v=""/>
    <s v=""/>
    <s v=""/>
    <s v=""/>
    <s v=""/>
    <x v="3"/>
    <x v="3"/>
    <x v="181"/>
    <x v="2"/>
    <n v="0"/>
    <n v="6080000"/>
    <n v="0"/>
    <n v="0"/>
    <s v="The cost has been taken from the LCWIP."/>
    <m/>
    <s v="HCC / SADC Local Cycling and Walking Infrastructure Plan (LCWIP) (2023), Verified through engagement with HCC in February 2025"/>
    <m/>
  </r>
  <r>
    <m/>
    <n v="496"/>
    <s v="TR228"/>
    <s v="SADC IDP"/>
    <s v="St Albans City &amp; District Council"/>
    <x v="8"/>
    <x v="39"/>
    <s v="Walking and cycling improvements associated with Hemel Garden Communities sites in St Albans District"/>
    <m/>
    <s v="The development of the HGC Growth Areas will necessitate cycle and footpath links. The HGC Transport Vision &amp; Strategy identifies the Local Network and the Maylands Growth Corridor Study has considered walking and cycling links as part of its remit._x000a__x000a_- Nickey line improvements and access improvements: A key issue identified is the poor linkage between the Nickey Line, Cherry Tree Lane and Three Cherry Trees Lane for pedestrians and cyclists. The existing connections from these roads onto the Nickey Line are steep and do not conform to preferred path widths and gradients. Access improvements to the Nickey Line are being tested which may include a branch line extension._x000a__x000a_- Pedestrian and Cyclist Crossings: New and/or improved pedestrian and cyclist crossing facilities to address existing severance and enhance access to the Maylands area from surrounding residential areas (along key corridors around Maylands Avenue, Redbourn Road and Breakspear Way)._x000a__x000a_- Potential for new footpaths and cycle links. These could connect to both Hemel Hempstead and east into St Albans City &amp; District through linkages to the Nickey Line, and the potential creation of a cycle route within grass verges along the A414."/>
    <s v="Hemel Garden Communities"/>
    <x v="15"/>
    <s v="Growth Area / Transformational"/>
    <s v="On-site / Off-site"/>
    <s v="Developer / Hertfordshire County Council"/>
    <s v="Hertfordshire County Council"/>
    <s v="2028-2041"/>
    <m/>
    <m/>
    <x v="8"/>
    <m/>
    <s v="S106 / S38 / S278"/>
    <m/>
    <m/>
    <s v="A - Per dwelling"/>
    <n v="0"/>
    <n v="0"/>
    <s v="Essential"/>
    <x v="0"/>
    <x v="0"/>
    <x v="0"/>
    <x v="0"/>
    <x v="0"/>
    <x v="0"/>
    <x v="0"/>
    <m/>
    <m/>
    <m/>
    <m/>
    <m/>
    <m/>
    <m/>
    <m/>
    <m/>
    <m/>
    <m/>
    <m/>
    <m/>
    <m/>
    <m/>
    <m/>
    <m/>
    <m/>
    <m/>
    <m/>
    <m/>
    <m/>
    <m/>
    <m/>
    <m/>
    <m/>
    <m/>
    <m/>
    <m/>
    <m/>
    <m/>
    <m/>
    <s v="Yes"/>
    <s v="Yes"/>
    <s v="Yes"/>
    <m/>
    <n v="5500"/>
    <n v="0"/>
    <m/>
    <x v="2"/>
    <x v="2"/>
    <x v="2"/>
    <x v="2"/>
    <x v="2"/>
    <x v="2"/>
    <x v="2"/>
    <x v="2"/>
    <x v="2"/>
    <x v="2"/>
    <x v="2"/>
    <x v="2"/>
    <x v="2"/>
    <x v="2"/>
    <x v="2"/>
    <x v="2"/>
    <x v="2"/>
    <s v=""/>
    <s v=""/>
    <s v=""/>
    <s v=""/>
    <s v=""/>
    <s v=""/>
    <s v=""/>
    <s v=""/>
    <s v=""/>
    <s v=""/>
    <s v=""/>
    <s v=""/>
    <s v=""/>
    <s v=""/>
    <s v=""/>
    <s v=""/>
    <s v=""/>
    <s v=""/>
    <s v=""/>
    <s v=""/>
    <s v=""/>
    <s v=""/>
    <x v="6"/>
    <x v="6"/>
    <x v="6"/>
    <x v="2"/>
    <n v="0"/>
    <n v="0"/>
    <n v="0"/>
    <n v="0"/>
    <s v="N/A* = the developer will be responsible for the cost and it will form part of the build out cost. "/>
    <m/>
    <s v="Stakeholder engagement with HCC May 2023, for the SADC IDP, and in February 2025 for the HGC IDP"/>
    <m/>
  </r>
  <r>
    <m/>
    <n v="497"/>
    <s v="TR229"/>
    <s v="SADC IDP"/>
    <s v="St Albans City &amp; District Council"/>
    <x v="8"/>
    <x v="39"/>
    <s v="New facilities around the Maylands area (in SADC)"/>
    <m/>
    <s v="This project involves the creation of a new and/or improved pedestrian and cyclist crossing facilities to address existing severance and enhance access to the Maylands area from surrounding residential areas. The scheme being considered recognises the need to provide a number of pedestrian and cycling crossings along key corridors around Maylands Avenue, Redbourn Road and Breakspear Way_x000a__x000a_This scheme is linked with the Hemel Garden Communities site."/>
    <s v="Hemel Garden Communities"/>
    <x v="8"/>
    <s v="Transformational"/>
    <s v="On-site"/>
    <s v="Developer / Hertfordshire County Council"/>
    <s v="Dacorum Borough Council / Hertfordshire County Council"/>
    <s v="2028-2042"/>
    <m/>
    <m/>
    <x v="8"/>
    <m/>
    <s v="S106 / S38 / S278 / CIL"/>
    <m/>
    <m/>
    <s v="A - Per dwelling"/>
    <n v="0"/>
    <n v="0"/>
    <s v="Essential"/>
    <x v="2"/>
    <x v="2"/>
    <x v="2"/>
    <x v="2"/>
    <x v="2"/>
    <x v="2"/>
    <x v="2"/>
    <s v="Yes"/>
    <s v="Yes"/>
    <s v="Yes"/>
    <s v="Yes"/>
    <s v="Yes"/>
    <s v="Yes"/>
    <s v="Yes"/>
    <s v="Yes"/>
    <s v="Yes"/>
    <s v="Yes"/>
    <m/>
    <m/>
    <m/>
    <m/>
    <m/>
    <m/>
    <m/>
    <m/>
    <m/>
    <m/>
    <m/>
    <m/>
    <m/>
    <m/>
    <m/>
    <m/>
    <m/>
    <m/>
    <m/>
    <m/>
    <m/>
    <m/>
    <s v="Yes"/>
    <s v="Yes"/>
    <s v="Yes"/>
    <s v="Yes"/>
    <n v="21225"/>
    <n v="0"/>
    <m/>
    <x v="6"/>
    <x v="23"/>
    <x v="23"/>
    <x v="23"/>
    <x v="24"/>
    <x v="24"/>
    <x v="22"/>
    <x v="24"/>
    <x v="24"/>
    <x v="26"/>
    <x v="6"/>
    <x v="23"/>
    <x v="23"/>
    <x v="6"/>
    <x v="22"/>
    <x v="23"/>
    <x v="21"/>
    <s v=""/>
    <s v=""/>
    <s v=""/>
    <s v=""/>
    <s v=""/>
    <s v=""/>
    <s v=""/>
    <s v=""/>
    <s v=""/>
    <s v=""/>
    <s v=""/>
    <s v=""/>
    <s v=""/>
    <s v=""/>
    <s v=""/>
    <s v=""/>
    <s v=""/>
    <s v=""/>
    <s v=""/>
    <s v=""/>
    <s v=""/>
    <s v=""/>
    <x v="6"/>
    <x v="6"/>
    <x v="6"/>
    <x v="11"/>
    <n v="0"/>
    <n v="0"/>
    <n v="0"/>
    <n v="0"/>
    <s v="N/A* = the developer will be responsible for the cost and it will form part of the build out cost. "/>
    <m/>
    <s v="Stakeholder engagement with HCC May 2023, for the SADC IDP, and in February 2025 for the HGC IDP"/>
    <m/>
  </r>
  <r>
    <m/>
    <n v="498"/>
    <s v="TR230"/>
    <s v="DBC IDP"/>
    <s v="Dacorum Borough Council"/>
    <x v="8"/>
    <x v="40"/>
    <s v="Maylands Urban Design Improvements"/>
    <m/>
    <s v="Delivery of improvements to the Maylands Business Park public realm to facilitate walking and cycling "/>
    <s v="Hemel Garden Communities"/>
    <x v="75"/>
    <s v="Transformational"/>
    <s v="Off-site"/>
    <s v="Developer / Dacorum Borough Council / Hertfordshire County Council"/>
    <s v="Hertfordshire County Council"/>
    <s v="2026-2041"/>
    <m/>
    <m/>
    <x v="334"/>
    <m/>
    <s v="S106"/>
    <n v="0"/>
    <n v="3685000"/>
    <s v="A - Per dwelling"/>
    <n v="0"/>
    <n v="0"/>
    <s v="Essential"/>
    <x v="0"/>
    <x v="0"/>
    <x v="0"/>
    <x v="0"/>
    <x v="0"/>
    <x v="0"/>
    <x v="0"/>
    <m/>
    <m/>
    <m/>
    <m/>
    <m/>
    <m/>
    <m/>
    <m/>
    <m/>
    <m/>
    <m/>
    <m/>
    <m/>
    <m/>
    <m/>
    <m/>
    <m/>
    <m/>
    <m/>
    <m/>
    <m/>
    <m/>
    <m/>
    <m/>
    <m/>
    <m/>
    <m/>
    <m/>
    <m/>
    <m/>
    <m/>
    <m/>
    <m/>
    <m/>
    <m/>
    <s v="Yes"/>
    <n v="3171"/>
    <n v="1162.0939766635131"/>
    <m/>
    <x v="2"/>
    <x v="2"/>
    <x v="2"/>
    <x v="2"/>
    <x v="2"/>
    <x v="2"/>
    <x v="2"/>
    <x v="2"/>
    <x v="2"/>
    <x v="2"/>
    <x v="2"/>
    <x v="2"/>
    <x v="2"/>
    <x v="2"/>
    <x v="2"/>
    <x v="2"/>
    <x v="2"/>
    <s v=""/>
    <s v=""/>
    <s v=""/>
    <s v=""/>
    <s v=""/>
    <s v=""/>
    <s v=""/>
    <s v=""/>
    <s v=""/>
    <s v=""/>
    <s v=""/>
    <s v=""/>
    <s v=""/>
    <s v=""/>
    <s v=""/>
    <s v=""/>
    <s v=""/>
    <s v=""/>
    <s v=""/>
    <s v=""/>
    <s v=""/>
    <s v=""/>
    <x v="3"/>
    <x v="3"/>
    <x v="3"/>
    <x v="150"/>
    <n v="0"/>
    <n v="3685000"/>
    <n v="0"/>
    <n v="0"/>
    <m/>
    <m/>
    <s v="Aecom Hemel Hempstead Transport Study (2024) and update (2025)"/>
    <m/>
  </r>
  <r>
    <m/>
    <n v="499"/>
    <s v="TR231"/>
    <s v="SADC IDP"/>
    <s v="St Albans City &amp; District Council"/>
    <x v="8"/>
    <x v="38"/>
    <s v="Highways Access to support development at East Hemel Hempstead (North) (Countryside access links including connections under the M1 motorway and improved off-road paths (rights of way)."/>
    <m/>
    <s v="Associated access and highway requirements to support development at East Hemel Hempstead (North) including Sustainable Transport Corridor and access from the Redbourn Road. Countryside access links including connections under the M1 Motorway and improved off-road paths."/>
    <s v="Hemel Garden Communities"/>
    <x v="2"/>
    <s v="Growth Area "/>
    <s v="On-site"/>
    <s v="Developer / Hertfordshire County Council"/>
    <s v="Hertfordshire County Council"/>
    <s v="2025-2041"/>
    <m/>
    <m/>
    <x v="8"/>
    <m/>
    <s v="S106"/>
    <m/>
    <m/>
    <s v="A - Per dwelling"/>
    <n v="0"/>
    <n v="0"/>
    <s v="Critical - Delivery"/>
    <x v="0"/>
    <x v="0"/>
    <x v="0"/>
    <x v="0"/>
    <x v="0"/>
    <x v="0"/>
    <x v="0"/>
    <m/>
    <m/>
    <m/>
    <m/>
    <m/>
    <m/>
    <m/>
    <m/>
    <m/>
    <m/>
    <m/>
    <m/>
    <m/>
    <m/>
    <m/>
    <m/>
    <m/>
    <m/>
    <m/>
    <m/>
    <m/>
    <m/>
    <m/>
    <m/>
    <m/>
    <m/>
    <m/>
    <m/>
    <m/>
    <m/>
    <m/>
    <m/>
    <m/>
    <s v="Yes"/>
    <m/>
    <m/>
    <n v="1600"/>
    <n v="0"/>
    <m/>
    <x v="2"/>
    <x v="2"/>
    <x v="2"/>
    <x v="2"/>
    <x v="2"/>
    <x v="2"/>
    <x v="2"/>
    <x v="2"/>
    <x v="2"/>
    <x v="2"/>
    <x v="2"/>
    <x v="2"/>
    <x v="2"/>
    <x v="2"/>
    <x v="2"/>
    <x v="2"/>
    <x v="2"/>
    <s v=""/>
    <s v=""/>
    <s v=""/>
    <s v=""/>
    <s v=""/>
    <s v=""/>
    <s v=""/>
    <s v=""/>
    <s v=""/>
    <s v=""/>
    <s v=""/>
    <s v=""/>
    <s v=""/>
    <s v=""/>
    <s v=""/>
    <s v=""/>
    <s v=""/>
    <s v=""/>
    <s v=""/>
    <s v=""/>
    <s v=""/>
    <s v=""/>
    <x v="3"/>
    <x v="6"/>
    <x v="3"/>
    <x v="2"/>
    <n v="0"/>
    <n v="0"/>
    <n v="0"/>
    <n v="0"/>
    <s v="N/A* = the developer will be responsible for the cost and it will form part of the build out cost. "/>
    <m/>
    <s v="St Albans City &amp; District Council, Verified through engagement with HCC in February 2025"/>
    <m/>
  </r>
  <r>
    <m/>
    <n v="500"/>
    <s v="TR232"/>
    <s v="SADC IDP"/>
    <s v="St Albans City &amp; District Council"/>
    <x v="8"/>
    <x v="38"/>
    <s v="Highways Access to support development at East Hemel Hempstead (South) "/>
    <m/>
    <s v="Associated access and highway requirements to support development at East Hemel Hempstead (South) including Sustainable Transport Corridor"/>
    <s v="Hemel Garden Communities"/>
    <x v="3"/>
    <s v="Growth Area "/>
    <s v="On-site"/>
    <s v="Developer"/>
    <s v="Hertfordshire County Council"/>
    <s v="2025-2041"/>
    <m/>
    <m/>
    <x v="8"/>
    <m/>
    <s v="S106 / S38 / S278"/>
    <m/>
    <m/>
    <s v="A - Per dwelling"/>
    <n v="0"/>
    <n v="0"/>
    <s v="Critical - Delivery"/>
    <x v="0"/>
    <x v="0"/>
    <x v="0"/>
    <x v="0"/>
    <x v="0"/>
    <x v="0"/>
    <x v="0"/>
    <m/>
    <m/>
    <m/>
    <m/>
    <m/>
    <m/>
    <m/>
    <m/>
    <m/>
    <m/>
    <m/>
    <m/>
    <m/>
    <m/>
    <m/>
    <m/>
    <m/>
    <m/>
    <m/>
    <m/>
    <m/>
    <m/>
    <m/>
    <m/>
    <m/>
    <m/>
    <m/>
    <m/>
    <m/>
    <m/>
    <m/>
    <m/>
    <m/>
    <m/>
    <s v="Yes"/>
    <m/>
    <n v="2400"/>
    <n v="0"/>
    <m/>
    <x v="2"/>
    <x v="2"/>
    <x v="2"/>
    <x v="2"/>
    <x v="2"/>
    <x v="2"/>
    <x v="2"/>
    <x v="2"/>
    <x v="2"/>
    <x v="2"/>
    <x v="2"/>
    <x v="2"/>
    <x v="2"/>
    <x v="2"/>
    <x v="2"/>
    <x v="2"/>
    <x v="2"/>
    <s v=""/>
    <s v=""/>
    <s v=""/>
    <s v=""/>
    <s v=""/>
    <s v=""/>
    <s v=""/>
    <s v=""/>
    <s v=""/>
    <s v=""/>
    <s v=""/>
    <s v=""/>
    <s v=""/>
    <s v=""/>
    <s v=""/>
    <s v=""/>
    <s v=""/>
    <s v=""/>
    <s v=""/>
    <s v=""/>
    <s v=""/>
    <s v=""/>
    <x v="3"/>
    <x v="3"/>
    <x v="6"/>
    <x v="2"/>
    <n v="0"/>
    <n v="0"/>
    <n v="0"/>
    <n v="0"/>
    <s v="N/A* = the developer will be responsible for the cost and it will form part of the build out cost. "/>
    <m/>
    <s v="St Albans City &amp; District Council, Verified through engagement with HCC in February 2025"/>
    <m/>
  </r>
  <r>
    <m/>
    <n v="501"/>
    <s v="TR233"/>
    <s v="SADC IDP"/>
    <s v="St Albans City &amp; District Council"/>
    <x v="8"/>
    <x v="38"/>
    <s v="Highways Access to support development at East Hemel Hempstead (Central) - (Including transport measures as part of M1 J8 Enhancements)"/>
    <m/>
    <s v="Associated access and highway requirements to support development at East Hemel Hempstead including Sustainable Transport Corridor. This forms part of the package of transport measures for M1 J8 enhancements including prioritisation of active and sustainable modes of travel._x000a__x000a_Land will be safeguarded for provision of active travel and cycle bridge across the A414 (Phase 2 J8 enhancement) and access improvement associated with Junction 8 of the M1 motorway. Land to the east of Junction 8 is safeguarded, in case it is required to come forward for junction improvements (Phase 3 J8 enhancements)"/>
    <s v="Hemel Garden Communities"/>
    <x v="17"/>
    <s v="Growth Area "/>
    <s v="On-site"/>
    <s v="Developer / Hertfordshire County Council / National Highways"/>
    <s v="Hertfordshire County Council / National Highways"/>
    <s v="2025-2041"/>
    <m/>
    <m/>
    <x v="8"/>
    <m/>
    <s v="S106 / S38 / S278"/>
    <m/>
    <m/>
    <s v="A - Per dwelling"/>
    <n v="0"/>
    <n v="0"/>
    <s v="Critical - Delivery"/>
    <x v="0"/>
    <x v="0"/>
    <x v="0"/>
    <x v="0"/>
    <x v="0"/>
    <x v="0"/>
    <x v="0"/>
    <m/>
    <m/>
    <m/>
    <m/>
    <m/>
    <m/>
    <m/>
    <m/>
    <m/>
    <m/>
    <m/>
    <m/>
    <m/>
    <m/>
    <m/>
    <m/>
    <m/>
    <m/>
    <m/>
    <m/>
    <m/>
    <m/>
    <m/>
    <m/>
    <m/>
    <m/>
    <m/>
    <m/>
    <m/>
    <m/>
    <m/>
    <m/>
    <m/>
    <m/>
    <m/>
    <s v="Yes"/>
    <n v="3171"/>
    <n v="0"/>
    <m/>
    <x v="2"/>
    <x v="2"/>
    <x v="2"/>
    <x v="2"/>
    <x v="2"/>
    <x v="2"/>
    <x v="2"/>
    <x v="2"/>
    <x v="2"/>
    <x v="2"/>
    <x v="2"/>
    <x v="2"/>
    <x v="2"/>
    <x v="2"/>
    <x v="2"/>
    <x v="2"/>
    <x v="2"/>
    <s v=""/>
    <s v=""/>
    <s v=""/>
    <s v=""/>
    <s v=""/>
    <s v=""/>
    <s v=""/>
    <s v=""/>
    <s v=""/>
    <s v=""/>
    <s v=""/>
    <s v=""/>
    <s v=""/>
    <s v=""/>
    <s v=""/>
    <s v=""/>
    <s v=""/>
    <s v=""/>
    <s v=""/>
    <s v=""/>
    <s v=""/>
    <s v=""/>
    <x v="3"/>
    <x v="3"/>
    <x v="3"/>
    <x v="11"/>
    <n v="0"/>
    <n v="0"/>
    <n v="0"/>
    <n v="0"/>
    <s v="N/A* = the developer will be responsible for the cost and it will form part of the build out cost. "/>
    <m/>
    <s v="St Albans City &amp; District Council, Verified through engagement with HCC in February 2025"/>
    <m/>
  </r>
  <r>
    <m/>
    <n v="502"/>
    <s v="TR234"/>
    <s v="SADC IDP"/>
    <s v="St Albans City &amp; District Council"/>
    <x v="8"/>
    <x v="38"/>
    <s v="Highways Access to support development at North Hemel Hempstead (H1)"/>
    <m/>
    <s v="Associated access and highway requirements to support development at North Hemel Hempstead (H1) including Sustainable Transport Corridor and access from the Redbourn Road. Countryside access links including connections and improved off-road paths."/>
    <s v="Hemel Garden Communities"/>
    <x v="1"/>
    <s v="Growth Area"/>
    <s v="On-site"/>
    <s v="Developer"/>
    <s v="Hertfordshire County Council"/>
    <s v="2025-2041"/>
    <m/>
    <m/>
    <x v="8"/>
    <m/>
    <s v="S106"/>
    <m/>
    <m/>
    <s v="A - Per dwelling"/>
    <n v="0"/>
    <n v="0"/>
    <s v="Critical - Delivery"/>
    <x v="0"/>
    <x v="0"/>
    <x v="0"/>
    <x v="0"/>
    <x v="0"/>
    <x v="0"/>
    <x v="0"/>
    <m/>
    <m/>
    <m/>
    <m/>
    <m/>
    <m/>
    <m/>
    <m/>
    <m/>
    <m/>
    <m/>
    <m/>
    <m/>
    <m/>
    <m/>
    <m/>
    <m/>
    <m/>
    <m/>
    <m/>
    <m/>
    <m/>
    <m/>
    <m/>
    <m/>
    <m/>
    <m/>
    <m/>
    <m/>
    <m/>
    <m/>
    <m/>
    <s v="Yes"/>
    <m/>
    <m/>
    <m/>
    <n v="1500"/>
    <n v="0"/>
    <m/>
    <x v="2"/>
    <x v="2"/>
    <x v="2"/>
    <x v="2"/>
    <x v="2"/>
    <x v="2"/>
    <x v="2"/>
    <x v="2"/>
    <x v="2"/>
    <x v="2"/>
    <x v="2"/>
    <x v="2"/>
    <x v="2"/>
    <x v="2"/>
    <x v="2"/>
    <x v="2"/>
    <x v="2"/>
    <s v=""/>
    <s v=""/>
    <s v=""/>
    <s v=""/>
    <s v=""/>
    <s v=""/>
    <s v=""/>
    <s v=""/>
    <s v=""/>
    <s v=""/>
    <s v=""/>
    <s v=""/>
    <s v=""/>
    <s v=""/>
    <s v=""/>
    <s v=""/>
    <s v=""/>
    <s v=""/>
    <s v=""/>
    <s v=""/>
    <s v=""/>
    <s v=""/>
    <x v="6"/>
    <x v="3"/>
    <x v="3"/>
    <x v="2"/>
    <n v="0"/>
    <n v="0"/>
    <n v="0"/>
    <n v="0"/>
    <s v="N/A* = the developer will be responsible for the cost and it will form part of the build out cost. "/>
    <m/>
    <s v="St Albans City &amp; District Council, Verified through engagement with HCC in February 2025"/>
    <m/>
  </r>
  <r>
    <s v="Added H3, but we purposely combined the bridge into this line item following comments from Roger Flowerday. Will need a steer on actions to avoid any double counting."/>
    <n v="503"/>
    <s v="TR235"/>
    <s v="SADC IDP"/>
    <s v="St Albans City &amp; District Council"/>
    <x v="8"/>
    <x v="38"/>
    <s v="M1 Junction 8 enhancement - Phase 2 - Prioritisation of active and sustainable modes of travel"/>
    <m/>
    <s v="Phase 2 of package of transport measures to enhance M1 Junction 8 and surrounding area - package of transport measures to prioritise active and sustainable modes of travel, particularly north-south, connecting (H3) East Hemel Central and (H4) East Hemel South including A414 Walking and cycling bridge."/>
    <s v="Hemel Garden Communities"/>
    <x v="72"/>
    <s v="Growth Area "/>
    <s v="Off-site"/>
    <s v="Developer / Hertfordshire County Council / National Highways"/>
    <s v="Hertfordshire County Council"/>
    <s v="2028-2033"/>
    <m/>
    <m/>
    <x v="182"/>
    <m/>
    <s v="S106"/>
    <n v="0"/>
    <n v="32500000"/>
    <s v="A - Per dwelling"/>
    <n v="0"/>
    <n v="0"/>
    <s v="Critical - Delivery"/>
    <x v="0"/>
    <x v="0"/>
    <x v="0"/>
    <x v="0"/>
    <x v="0"/>
    <x v="0"/>
    <x v="0"/>
    <m/>
    <m/>
    <m/>
    <m/>
    <m/>
    <m/>
    <m/>
    <m/>
    <m/>
    <m/>
    <m/>
    <m/>
    <m/>
    <m/>
    <m/>
    <m/>
    <m/>
    <m/>
    <m/>
    <m/>
    <m/>
    <m/>
    <m/>
    <m/>
    <m/>
    <m/>
    <m/>
    <m/>
    <m/>
    <m/>
    <m/>
    <m/>
    <m/>
    <s v="Yes"/>
    <s v="Yes"/>
    <s v="Yes"/>
    <n v="7171"/>
    <n v="4532.1433551805885"/>
    <m/>
    <x v="2"/>
    <x v="2"/>
    <x v="2"/>
    <x v="2"/>
    <x v="2"/>
    <x v="2"/>
    <x v="2"/>
    <x v="2"/>
    <x v="2"/>
    <x v="2"/>
    <x v="2"/>
    <x v="2"/>
    <x v="2"/>
    <x v="2"/>
    <x v="2"/>
    <x v="2"/>
    <x v="2"/>
    <s v=""/>
    <s v=""/>
    <s v=""/>
    <s v=""/>
    <s v=""/>
    <s v=""/>
    <s v=""/>
    <s v=""/>
    <s v=""/>
    <s v=""/>
    <s v=""/>
    <s v=""/>
    <s v=""/>
    <s v=""/>
    <s v=""/>
    <s v=""/>
    <s v=""/>
    <s v=""/>
    <s v=""/>
    <s v=""/>
    <s v=""/>
    <s v=""/>
    <x v="3"/>
    <x v="177"/>
    <x v="182"/>
    <x v="151"/>
    <n v="0"/>
    <n v="32500000"/>
    <n v="0"/>
    <n v="0"/>
    <s v="Cost provided by Stakeholder. "/>
    <m/>
    <s v="Stakeholder engagement with HCC May 2023, for the SADC IDP, and in February 2025 for the HGC IDP"/>
    <m/>
  </r>
  <r>
    <m/>
    <n v="504"/>
    <s v="TR236"/>
    <s v="SADC IDP"/>
    <s v="St Albans City &amp; District Council"/>
    <x v="8"/>
    <x v="35"/>
    <s v="Integrated Mobility Hub at East Hemel Hempstead (Central)"/>
    <m/>
    <s v="Integrated metro mobility hub with facilities to encourage and facilitate modes of transport other than the private car; this will connect the site to key destinations including Hemel Hempstead Train Station and the Maylands Business Park. Mobility hub to provide a bus and coach interchange near Maylands with access to the A414/M1. Served by existing or new express coach services along the M1 (e.g. Greenline and National Express) and local express buses to neighbouring towns including a potential cross-county express bus service (HERT). Opportunity for associated cycle and pedestrian improvements. This forms part of Phase 2 of the package of transport measures for M1 J8 enhancements - Prioritisation of active and sustainable modes of travel. However, this item is separate from the remainder of Phase 2 as this scheme is required for East Hemel Hempstead but not necessarily for the totality of growth."/>
    <s v="Hemel Garden Communities"/>
    <x v="17"/>
    <s v="Growth Area / Transformational"/>
    <s v="On-site"/>
    <s v="Developer / Hertfordshire County Council / National Highways"/>
    <s v="Hertfordshire County Council"/>
    <s v="2028-2033"/>
    <n v="2500000"/>
    <n v="5000000"/>
    <x v="335"/>
    <m/>
    <s v="S106"/>
    <n v="0"/>
    <n v="3750000"/>
    <s v="A - Per dwelling"/>
    <n v="0"/>
    <n v="0"/>
    <s v="Essential"/>
    <x v="0"/>
    <x v="0"/>
    <x v="0"/>
    <x v="0"/>
    <x v="0"/>
    <x v="0"/>
    <x v="0"/>
    <m/>
    <m/>
    <m/>
    <m/>
    <m/>
    <m/>
    <m/>
    <m/>
    <m/>
    <m/>
    <m/>
    <m/>
    <m/>
    <m/>
    <m/>
    <m/>
    <m/>
    <m/>
    <m/>
    <m/>
    <m/>
    <m/>
    <m/>
    <m/>
    <m/>
    <m/>
    <m/>
    <m/>
    <m/>
    <m/>
    <m/>
    <m/>
    <m/>
    <m/>
    <m/>
    <s v="Yes"/>
    <n v="3171"/>
    <n v="1182.5922421948912"/>
    <m/>
    <x v="2"/>
    <x v="2"/>
    <x v="2"/>
    <x v="2"/>
    <x v="2"/>
    <x v="2"/>
    <x v="2"/>
    <x v="2"/>
    <x v="2"/>
    <x v="2"/>
    <x v="2"/>
    <x v="2"/>
    <x v="2"/>
    <x v="2"/>
    <x v="2"/>
    <x v="2"/>
    <x v="2"/>
    <s v=""/>
    <s v=""/>
    <s v=""/>
    <s v=""/>
    <s v=""/>
    <s v=""/>
    <s v=""/>
    <s v=""/>
    <s v=""/>
    <s v=""/>
    <s v=""/>
    <s v=""/>
    <s v=""/>
    <s v=""/>
    <s v=""/>
    <s v=""/>
    <s v=""/>
    <s v=""/>
    <s v=""/>
    <s v=""/>
    <s v=""/>
    <s v=""/>
    <x v="3"/>
    <x v="3"/>
    <x v="3"/>
    <x v="152"/>
    <n v="0"/>
    <n v="3750000"/>
    <n v="0"/>
    <n v="0"/>
    <s v="Cost provided by Stakeholder. "/>
    <m/>
    <s v="South West Hertfordshire Growth and Transport Plan (2019), verified through stakeholder engagement with HCC in May 2023 for the SADC IDP, and in February 2025 for HGC IDP"/>
    <m/>
  </r>
  <r>
    <m/>
    <n v="505"/>
    <s v="TR237"/>
    <s v="SADC IDP"/>
    <s v="St Albans City &amp; District Council"/>
    <x v="8"/>
    <x v="35"/>
    <s v="Integrated Mobility Hub at North Hemel Hempstead"/>
    <m/>
    <s v="Integrated Mobility hub with facilities to encourage and facilitate modes of transport other than the private car."/>
    <s v="Hemel Garden Communities"/>
    <x v="1"/>
    <s v="Growth Area"/>
    <s v="On-site"/>
    <s v="Developer"/>
    <s v="Hertfordshire County Council"/>
    <s v="2025-2041"/>
    <n v="332640"/>
    <n v="499699"/>
    <x v="336"/>
    <m/>
    <s v="S106"/>
    <n v="0"/>
    <n v="416169.5"/>
    <s v="A - Per dwelling"/>
    <n v="0"/>
    <n v="0"/>
    <s v="Essential"/>
    <x v="0"/>
    <x v="0"/>
    <x v="0"/>
    <x v="0"/>
    <x v="0"/>
    <x v="0"/>
    <x v="0"/>
    <m/>
    <m/>
    <m/>
    <m/>
    <m/>
    <m/>
    <m/>
    <m/>
    <m/>
    <m/>
    <m/>
    <m/>
    <m/>
    <m/>
    <m/>
    <m/>
    <m/>
    <m/>
    <m/>
    <m/>
    <m/>
    <m/>
    <m/>
    <m/>
    <m/>
    <m/>
    <m/>
    <m/>
    <m/>
    <m/>
    <m/>
    <m/>
    <s v="Yes"/>
    <m/>
    <m/>
    <m/>
    <n v="1500"/>
    <n v="277.44633333333331"/>
    <m/>
    <x v="2"/>
    <x v="2"/>
    <x v="2"/>
    <x v="2"/>
    <x v="2"/>
    <x v="2"/>
    <x v="2"/>
    <x v="2"/>
    <x v="2"/>
    <x v="2"/>
    <x v="2"/>
    <x v="2"/>
    <x v="2"/>
    <x v="2"/>
    <x v="2"/>
    <x v="2"/>
    <x v="2"/>
    <s v=""/>
    <s v=""/>
    <s v=""/>
    <s v=""/>
    <s v=""/>
    <s v=""/>
    <s v=""/>
    <s v=""/>
    <s v=""/>
    <s v=""/>
    <s v=""/>
    <s v=""/>
    <s v=""/>
    <s v=""/>
    <s v=""/>
    <s v=""/>
    <s v=""/>
    <s v=""/>
    <s v=""/>
    <s v=""/>
    <s v=""/>
    <s v=""/>
    <x v="176"/>
    <x v="3"/>
    <x v="3"/>
    <x v="2"/>
    <n v="0"/>
    <n v="416169.5"/>
    <n v="0"/>
    <n v="0"/>
    <m/>
    <m/>
    <s v="St Albans City &amp; District Council Regulation 18 Local Plan Appendix 4b, Verified through engagement with HCC in February 2025"/>
    <m/>
  </r>
  <r>
    <m/>
    <n v="506"/>
    <s v="TR238"/>
    <s v="HCC reps"/>
    <s v="Dacorum Borough Council"/>
    <x v="8"/>
    <x v="35"/>
    <s v="Shendish Manor and Fairfields Access"/>
    <m/>
    <s v="Primary access to be provided from Shearwater Road to the north and Rucklers Lane to the south. Emergency, cycle and pedestrian access to be provided from London Road. Delivery of high quality walking and cycling connections to London Road that remove severance of the railway must be delivered prior to occupation of the development. Existing vehicle access to golf club to be realigned via new access points to Shearwater Road or Rucklers Lane and provision of a separate walking and cycling facility to cross the existing railway bridge on the NW boundary of the site. Deliver and/or contribute towards off site transport enhancements along London Road. Delivery of a high-quality direct access to Apsley Station from the south and provision of enhanced pedestrian and cycle links to Apsley Station and deliver improvements to Apsley Station forecourt and additional cycle provision."/>
    <s v="Hemel Garden Communities"/>
    <x v="5"/>
    <s v="Programme Area"/>
    <s v="On-site"/>
    <s v="Developer / Hertfordshire County Council"/>
    <s v="Hertfordshire County Council"/>
    <s v="2031-2036"/>
    <m/>
    <m/>
    <x v="8"/>
    <m/>
    <s v="S106"/>
    <m/>
    <m/>
    <s v="A - Per dwelling"/>
    <n v="0"/>
    <n v="0"/>
    <s v="Essential"/>
    <x v="0"/>
    <x v="0"/>
    <x v="0"/>
    <x v="0"/>
    <x v="0"/>
    <x v="0"/>
    <x v="0"/>
    <m/>
    <m/>
    <s v="Yes"/>
    <m/>
    <m/>
    <m/>
    <m/>
    <m/>
    <m/>
    <m/>
    <m/>
    <m/>
    <m/>
    <m/>
    <m/>
    <m/>
    <m/>
    <m/>
    <m/>
    <m/>
    <m/>
    <m/>
    <m/>
    <m/>
    <m/>
    <m/>
    <m/>
    <m/>
    <m/>
    <m/>
    <m/>
    <m/>
    <m/>
    <m/>
    <m/>
    <m/>
    <n v="500"/>
    <n v="0"/>
    <m/>
    <x v="2"/>
    <x v="2"/>
    <x v="2"/>
    <x v="2"/>
    <x v="2"/>
    <x v="2"/>
    <x v="2"/>
    <x v="2"/>
    <x v="2"/>
    <x v="26"/>
    <x v="2"/>
    <x v="2"/>
    <x v="2"/>
    <x v="2"/>
    <x v="2"/>
    <x v="2"/>
    <x v="2"/>
    <s v=""/>
    <s v=""/>
    <s v=""/>
    <s v=""/>
    <s v=""/>
    <s v=""/>
    <s v=""/>
    <s v=""/>
    <s v=""/>
    <s v=""/>
    <s v=""/>
    <s v=""/>
    <s v=""/>
    <s v=""/>
    <s v=""/>
    <s v=""/>
    <s v=""/>
    <s v=""/>
    <s v=""/>
    <s v=""/>
    <s v=""/>
    <s v=""/>
    <x v="3"/>
    <x v="3"/>
    <x v="3"/>
    <x v="2"/>
    <n v="0"/>
    <n v="0"/>
    <n v="0"/>
    <n v="0"/>
    <m/>
    <m/>
    <s v="HCC representations on DBC Regulation 19 Local Plan"/>
    <m/>
  </r>
  <r>
    <m/>
    <n v="507"/>
    <s v="TR239"/>
    <s v="DBC LCWIP"/>
    <s v="Dacorum Borough Council"/>
    <x v="8"/>
    <x v="39"/>
    <s v="Adeyfield Road - DBC LCWIP Scheme H1 – Cycling"/>
    <m/>
    <s v="Adeyfield Road - DBC LCWIP Scheme H1 – Cycling_x000a__x000a_For further detail, refer to the draft DBC LCWIP document"/>
    <s v="Hemel Garden Communities"/>
    <x v="76"/>
    <s v="Programme Area"/>
    <s v="Off-site"/>
    <s v="Developer / Hertfordshire County Council "/>
    <s v="Herfordshire County Council"/>
    <s v="2026 - 2041"/>
    <m/>
    <m/>
    <x v="337"/>
    <m/>
    <s v="HCC active travel funding / S106 / S38 / S278"/>
    <n v="0"/>
    <n v="6176269.7999999998"/>
    <m/>
    <m/>
    <m/>
    <s v="Critical - HGC objectives"/>
    <x v="0"/>
    <x v="2"/>
    <x v="2"/>
    <x v="2"/>
    <x v="2"/>
    <x v="0"/>
    <x v="0"/>
    <m/>
    <m/>
    <m/>
    <m/>
    <m/>
    <s v="Yes"/>
    <m/>
    <s v="Yes"/>
    <s v="Yes"/>
    <m/>
    <m/>
    <m/>
    <m/>
    <m/>
    <m/>
    <m/>
    <m/>
    <m/>
    <m/>
    <m/>
    <m/>
    <m/>
    <m/>
    <m/>
    <m/>
    <m/>
    <m/>
    <m/>
    <m/>
    <m/>
    <m/>
    <m/>
    <m/>
    <s v="Yes"/>
    <m/>
    <s v="Yes"/>
    <n v="6675"/>
    <n v="925.28386516853925"/>
    <m/>
    <x v="2"/>
    <x v="176"/>
    <x v="180"/>
    <x v="177"/>
    <x v="174"/>
    <x v="2"/>
    <x v="2"/>
    <x v="2"/>
    <x v="2"/>
    <x v="2"/>
    <x v="2"/>
    <x v="2"/>
    <x v="175"/>
    <x v="2"/>
    <x v="156"/>
    <x v="154"/>
    <x v="2"/>
    <s v=""/>
    <s v=""/>
    <s v=""/>
    <s v=""/>
    <s v=""/>
    <s v=""/>
    <s v=""/>
    <s v=""/>
    <s v=""/>
    <s v=""/>
    <s v=""/>
    <s v=""/>
    <s v=""/>
    <s v=""/>
    <s v=""/>
    <s v=""/>
    <s v=""/>
    <s v=""/>
    <s v=""/>
    <s v=""/>
    <s v=""/>
    <s v=""/>
    <x v="3"/>
    <x v="178"/>
    <x v="3"/>
    <x v="153"/>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08"/>
    <s v="TR240"/>
    <s v="DBC LCWIP"/>
    <s v="Dacorum Borough Council"/>
    <x v="8"/>
    <x v="39"/>
    <s v="Marlowes to Maylands Avenue South - DBC LCWIP Scheme H2 – Walking"/>
    <m/>
    <s v="Marlowes to Maylands Avenue South - DBC LCWIP Scheme H2 – Walking_x000a__x000a_For further detail, refer to the draft DBC LCWIP document"/>
    <s v="Hemel Garden Communities"/>
    <x v="77"/>
    <s v="Programme Area"/>
    <s v="Off-site"/>
    <s v="Developer / Hertfordshire County Council "/>
    <s v="Herfordshire County Council"/>
    <s v="2026 - 2041"/>
    <m/>
    <m/>
    <x v="338"/>
    <m/>
    <s v="HCC active travel funding / S106 / S38 / S278"/>
    <n v="0"/>
    <n v="2020471"/>
    <m/>
    <m/>
    <m/>
    <s v="Critical - HGC objectives"/>
    <x v="0"/>
    <x v="2"/>
    <x v="2"/>
    <x v="2"/>
    <x v="2"/>
    <x v="0"/>
    <x v="0"/>
    <m/>
    <m/>
    <m/>
    <m/>
    <m/>
    <s v="Yes"/>
    <m/>
    <s v="Yes"/>
    <s v="Yes"/>
    <m/>
    <m/>
    <m/>
    <m/>
    <m/>
    <m/>
    <m/>
    <m/>
    <m/>
    <m/>
    <m/>
    <m/>
    <m/>
    <m/>
    <m/>
    <m/>
    <m/>
    <m/>
    <m/>
    <m/>
    <m/>
    <m/>
    <m/>
    <m/>
    <s v="Yes"/>
    <s v="Yes"/>
    <s v="Yes"/>
    <n v="9075"/>
    <n v="222.64143250688704"/>
    <m/>
    <x v="2"/>
    <x v="177"/>
    <x v="181"/>
    <x v="178"/>
    <x v="175"/>
    <x v="2"/>
    <x v="2"/>
    <x v="2"/>
    <x v="2"/>
    <x v="2"/>
    <x v="2"/>
    <x v="2"/>
    <x v="176"/>
    <x v="2"/>
    <x v="157"/>
    <x v="155"/>
    <x v="2"/>
    <m/>
    <m/>
    <m/>
    <m/>
    <m/>
    <m/>
    <m/>
    <m/>
    <m/>
    <m/>
    <m/>
    <m/>
    <m/>
    <m/>
    <m/>
    <m/>
    <m/>
    <m/>
    <m/>
    <m/>
    <m/>
    <m/>
    <x v="3"/>
    <x v="179"/>
    <x v="183"/>
    <x v="154"/>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09"/>
    <s v="TR241"/>
    <s v="DBC LCWIP"/>
    <s v="Dacorum Borough Council"/>
    <x v="8"/>
    <x v="39"/>
    <s v="Leighton Buzzard Road - DBC LCWIP Scheme H3 – Cycling"/>
    <m/>
    <s v="Leighton Buzzard Road - DBC LCWIP Scheme H3 – Cycling_x000a__x000a_For further detail, refer to the draft DBC LCWIP document"/>
    <s v="Hemel Garden Communities"/>
    <x v="78"/>
    <s v="Programme Area"/>
    <s v="Off-site"/>
    <s v="Developer / Hertfordshire County Council "/>
    <s v="Herfordshire County Council"/>
    <s v="2026 - 2041"/>
    <m/>
    <m/>
    <x v="339"/>
    <m/>
    <s v="HCC active travel funding / S106 / S38 / S278"/>
    <n v="0"/>
    <n v="3117500"/>
    <m/>
    <m/>
    <m/>
    <s v="Critical - HGC objectives"/>
    <x v="2"/>
    <x v="2"/>
    <x v="2"/>
    <x v="2"/>
    <x v="2"/>
    <x v="2"/>
    <x v="2"/>
    <s v="Yes"/>
    <m/>
    <m/>
    <s v="Yes"/>
    <m/>
    <m/>
    <s v="Yes"/>
    <s v="Yes"/>
    <m/>
    <m/>
    <m/>
    <m/>
    <m/>
    <m/>
    <m/>
    <m/>
    <m/>
    <m/>
    <m/>
    <m/>
    <m/>
    <m/>
    <m/>
    <m/>
    <m/>
    <m/>
    <m/>
    <m/>
    <m/>
    <m/>
    <m/>
    <m/>
    <m/>
    <m/>
    <m/>
    <m/>
    <n v="8660"/>
    <n v="359.98845265588915"/>
    <m/>
    <x v="197"/>
    <x v="178"/>
    <x v="182"/>
    <x v="179"/>
    <x v="176"/>
    <x v="183"/>
    <x v="166"/>
    <x v="180"/>
    <x v="2"/>
    <x v="2"/>
    <x v="190"/>
    <x v="2"/>
    <x v="2"/>
    <x v="184"/>
    <x v="158"/>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10"/>
    <s v="TR242"/>
    <s v="DBC LCWIP"/>
    <s v="Dacorum Borough Council"/>
    <x v="8"/>
    <x v="39"/>
    <s v="Bennetts End Road - DBC LCWIP Scheme H4 – Cycling"/>
    <m/>
    <s v="Bennetts End Road - DBC LCWIP Scheme H4 – Cycling_x000a__x000a_For further detail, refer to the draft DBC LCWIP document"/>
    <s v="Hemel Garden Communities"/>
    <x v="79"/>
    <s v="Programme Area"/>
    <s v="Off-site"/>
    <s v="Developer / Hertfordshire County Council "/>
    <s v="Herfordshire County Council"/>
    <s v="2026 - 2041"/>
    <m/>
    <m/>
    <x v="340"/>
    <m/>
    <s v="HCC active travel funding / S106 / S38 / S278"/>
    <n v="0"/>
    <n v="2076800"/>
    <m/>
    <m/>
    <m/>
    <s v="Critical - HGC objectives"/>
    <x v="0"/>
    <x v="0"/>
    <x v="2"/>
    <x v="2"/>
    <x v="0"/>
    <x v="0"/>
    <x v="0"/>
    <m/>
    <s v="Yes"/>
    <s v="Yes"/>
    <m/>
    <m/>
    <m/>
    <m/>
    <m/>
    <m/>
    <m/>
    <m/>
    <m/>
    <m/>
    <m/>
    <m/>
    <m/>
    <m/>
    <m/>
    <m/>
    <m/>
    <m/>
    <m/>
    <m/>
    <m/>
    <m/>
    <m/>
    <m/>
    <m/>
    <m/>
    <m/>
    <m/>
    <m/>
    <m/>
    <m/>
    <m/>
    <m/>
    <n v="1800"/>
    <n v="1153.7777777777778"/>
    <m/>
    <x v="2"/>
    <x v="2"/>
    <x v="183"/>
    <x v="180"/>
    <x v="2"/>
    <x v="2"/>
    <x v="2"/>
    <x v="2"/>
    <x v="173"/>
    <x v="189"/>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11"/>
    <s v="TR243"/>
    <s v="DBC LCWIP"/>
    <s v="Dacorum Borough Council"/>
    <x v="8"/>
    <x v="39"/>
    <s v="South Hill Primary School to Waterhouse Street - DBC LCWIP Scheme H5 – Walking"/>
    <m/>
    <s v="South Hill Primary School to Waterhouse Street - DBC LCWIP Scheme H5 – Walking_x000a__x000a_For further detail, refer to the draft DBC LCWIP document"/>
    <s v="Hemel Garden Communities"/>
    <x v="80"/>
    <s v="Programme Area"/>
    <s v="Off-site"/>
    <s v="Developer / Hertfordshire County Council "/>
    <s v="Herfordshire County Council"/>
    <s v="2026 - 2041"/>
    <m/>
    <m/>
    <x v="341"/>
    <m/>
    <s v="HCC active travel funding / S106 / S38 / S278"/>
    <n v="0"/>
    <n v="204334"/>
    <m/>
    <m/>
    <m/>
    <s v="Critical - HGC objectives"/>
    <x v="0"/>
    <x v="2"/>
    <x v="2"/>
    <x v="2"/>
    <x v="2"/>
    <x v="2"/>
    <x v="2"/>
    <s v="Yes"/>
    <m/>
    <m/>
    <m/>
    <m/>
    <m/>
    <m/>
    <m/>
    <m/>
    <m/>
    <m/>
    <m/>
    <m/>
    <m/>
    <m/>
    <m/>
    <m/>
    <m/>
    <m/>
    <m/>
    <m/>
    <m/>
    <m/>
    <m/>
    <m/>
    <m/>
    <m/>
    <m/>
    <m/>
    <m/>
    <m/>
    <m/>
    <m/>
    <m/>
    <m/>
    <m/>
    <n v="2470"/>
    <n v="82.726315789473688"/>
    <m/>
    <x v="2"/>
    <x v="179"/>
    <x v="184"/>
    <x v="181"/>
    <x v="177"/>
    <x v="184"/>
    <x v="167"/>
    <x v="181"/>
    <x v="2"/>
    <x v="2"/>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12"/>
    <s v="TR244"/>
    <s v="DBC LCWIP"/>
    <s v="Dacorum Borough Council"/>
    <x v="8"/>
    <x v="39"/>
    <s v="Queensway - DBC LCWIP Scheme H6 – Cycling"/>
    <m/>
    <s v="Queensway - DBC LCWIP Scheme H6 – Cycling_x000a__x000a_For further detail, refer to the draft DBC LCWIP document"/>
    <s v="Hemel Garden Communities"/>
    <x v="81"/>
    <s v="Programme Area"/>
    <s v="Off-site"/>
    <s v="Developer / Hertfordshire County Council "/>
    <s v="Herfordshire County Council"/>
    <s v="2026 - 2041"/>
    <m/>
    <m/>
    <x v="342"/>
    <m/>
    <s v="HCC active travel funding / S106 / S38 / S278"/>
    <n v="0"/>
    <n v="1580500"/>
    <m/>
    <m/>
    <m/>
    <s v="Critical - HGC objectives"/>
    <x v="2"/>
    <x v="2"/>
    <x v="2"/>
    <x v="2"/>
    <x v="0"/>
    <x v="0"/>
    <x v="0"/>
    <m/>
    <m/>
    <m/>
    <m/>
    <s v="Yes"/>
    <m/>
    <s v="Yes"/>
    <s v="Yes"/>
    <m/>
    <m/>
    <m/>
    <m/>
    <m/>
    <m/>
    <m/>
    <m/>
    <m/>
    <m/>
    <m/>
    <m/>
    <m/>
    <m/>
    <m/>
    <m/>
    <m/>
    <m/>
    <m/>
    <m/>
    <m/>
    <m/>
    <m/>
    <m/>
    <s v="Yes"/>
    <s v="Yes"/>
    <m/>
    <m/>
    <n v="9740"/>
    <n v="162.26899383983573"/>
    <m/>
    <x v="198"/>
    <x v="180"/>
    <x v="185"/>
    <x v="182"/>
    <x v="2"/>
    <x v="2"/>
    <x v="2"/>
    <x v="2"/>
    <x v="2"/>
    <x v="2"/>
    <x v="2"/>
    <x v="166"/>
    <x v="2"/>
    <x v="185"/>
    <x v="159"/>
    <x v="2"/>
    <x v="2"/>
    <m/>
    <m/>
    <m/>
    <m/>
    <m/>
    <m/>
    <m/>
    <m/>
    <m/>
    <m/>
    <m/>
    <m/>
    <m/>
    <m/>
    <m/>
    <m/>
    <m/>
    <m/>
    <m/>
    <m/>
    <m/>
    <m/>
    <x v="177"/>
    <x v="180"/>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13"/>
    <s v="TR245"/>
    <s v="DBC LCWIP"/>
    <s v="Dacorum Borough Council"/>
    <x v="8"/>
    <x v="39"/>
    <s v="Piccotts End Road to Alexandra Road - DBC LCWIP Scheme H7 – Cycling"/>
    <m/>
    <s v="Piccotts End Road to Alexandra Road - DBC LCWIP Scheme H7 – Cycling_x000a__x000a_For further detail, refer to the draft DBC LCWIP document"/>
    <s v="Hemel Garden Communities"/>
    <x v="82"/>
    <s v="Programme Area"/>
    <s v="Off-site"/>
    <s v="Developer / Hertfordshire County Council "/>
    <s v="Herfordshire County Council"/>
    <s v="2026 - 2041"/>
    <m/>
    <m/>
    <x v="343"/>
    <m/>
    <s v="HCC active travel funding / S106 / S38 / S278"/>
    <n v="0"/>
    <n v="285500"/>
    <m/>
    <m/>
    <m/>
    <s v="Critical - HGC objectives"/>
    <x v="2"/>
    <x v="2"/>
    <x v="2"/>
    <x v="2"/>
    <x v="2"/>
    <x v="0"/>
    <x v="0"/>
    <m/>
    <m/>
    <m/>
    <m/>
    <m/>
    <m/>
    <s v="Yes"/>
    <s v="Yes"/>
    <m/>
    <m/>
    <m/>
    <m/>
    <m/>
    <m/>
    <m/>
    <m/>
    <m/>
    <m/>
    <m/>
    <m/>
    <m/>
    <m/>
    <m/>
    <m/>
    <m/>
    <m/>
    <m/>
    <m/>
    <m/>
    <m/>
    <m/>
    <m/>
    <m/>
    <m/>
    <m/>
    <m/>
    <n v="6940"/>
    <n v="41.138328530259365"/>
    <m/>
    <x v="199"/>
    <x v="181"/>
    <x v="186"/>
    <x v="183"/>
    <x v="178"/>
    <x v="2"/>
    <x v="2"/>
    <x v="2"/>
    <x v="2"/>
    <x v="2"/>
    <x v="2"/>
    <x v="2"/>
    <x v="2"/>
    <x v="186"/>
    <x v="160"/>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14"/>
    <s v="TR246"/>
    <s v="DBC LCWIP"/>
    <s v="Dacorum Borough Council"/>
    <x v="8"/>
    <x v="39"/>
    <s v="Saint Albans Hill to Jarman Way (Alternative Path)  - DBC LCWIP Scheme H8 – Cycling"/>
    <m/>
    <s v="Saint Albans Hill to Jarman Way (Alternative Path)  - DBC LCWIP Scheme H8 – Cycling_x000a__x000a_For further detail, refer to the draft DBC LCWIP document"/>
    <s v="Hemel Garden Communities"/>
    <x v="83"/>
    <s v="Programme Area"/>
    <s v="Off-site"/>
    <s v="Developer / Hertfordshire County Council "/>
    <s v="Herfordshire County Council"/>
    <s v="2026 - 2041"/>
    <m/>
    <m/>
    <x v="344"/>
    <m/>
    <s v="HCC active travel funding / S106 / S38 / S278"/>
    <n v="0"/>
    <n v="174000"/>
    <m/>
    <m/>
    <m/>
    <s v="Critical - HGC objectives"/>
    <x v="0"/>
    <x v="2"/>
    <x v="2"/>
    <x v="2"/>
    <x v="2"/>
    <x v="0"/>
    <x v="0"/>
    <m/>
    <s v="Yes"/>
    <m/>
    <m/>
    <m/>
    <m/>
    <m/>
    <m/>
    <m/>
    <m/>
    <m/>
    <m/>
    <m/>
    <m/>
    <m/>
    <m/>
    <m/>
    <m/>
    <m/>
    <m/>
    <m/>
    <m/>
    <m/>
    <m/>
    <m/>
    <m/>
    <m/>
    <m/>
    <m/>
    <m/>
    <m/>
    <m/>
    <m/>
    <m/>
    <m/>
    <m/>
    <n v="2000"/>
    <n v="87"/>
    <m/>
    <x v="2"/>
    <x v="182"/>
    <x v="187"/>
    <x v="184"/>
    <x v="179"/>
    <x v="2"/>
    <x v="2"/>
    <x v="2"/>
    <x v="174"/>
    <x v="2"/>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15"/>
    <s v="TR247"/>
    <s v="DBC LCWIP"/>
    <s v="Dacorum Borough Council"/>
    <x v="8"/>
    <x v="39"/>
    <s v="Magic Roundabout to Jarman Square via St Albans Hill - DBC LCWIP Scheme H9 – Cycling"/>
    <m/>
    <s v="Magic Roundabout to Jarman Square via St Albans Hill - DBC LCWIP Scheme H9 – Cycling_x000a__x000a_For further detail, refer to the draft DBC LCWIP document"/>
    <s v="Hemel Garden Communities"/>
    <x v="84"/>
    <s v="Programme Area"/>
    <s v="Off-site"/>
    <s v="Developer / Hertfordshire County Council "/>
    <s v="Herfordshire County Council"/>
    <s v="2026 - 2041"/>
    <m/>
    <m/>
    <x v="345"/>
    <m/>
    <s v="HCC active travel funding / S106 / S38 / S278"/>
    <n v="0"/>
    <n v="439500"/>
    <m/>
    <m/>
    <m/>
    <s v="Critical - HGC objectives"/>
    <x v="0"/>
    <x v="2"/>
    <x v="2"/>
    <x v="2"/>
    <x v="2"/>
    <x v="2"/>
    <x v="2"/>
    <m/>
    <s v="Yes"/>
    <s v="Yes"/>
    <m/>
    <m/>
    <m/>
    <m/>
    <m/>
    <m/>
    <m/>
    <m/>
    <m/>
    <m/>
    <m/>
    <m/>
    <m/>
    <m/>
    <m/>
    <m/>
    <m/>
    <m/>
    <m/>
    <m/>
    <m/>
    <m/>
    <m/>
    <m/>
    <m/>
    <m/>
    <m/>
    <m/>
    <m/>
    <m/>
    <m/>
    <m/>
    <m/>
    <n v="3080"/>
    <n v="142.69480519480518"/>
    <m/>
    <x v="2"/>
    <x v="183"/>
    <x v="188"/>
    <x v="185"/>
    <x v="180"/>
    <x v="185"/>
    <x v="168"/>
    <x v="2"/>
    <x v="175"/>
    <x v="190"/>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16"/>
    <s v="TR248"/>
    <s v="DBC LCWIP"/>
    <s v="Dacorum Borough Council"/>
    <x v="8"/>
    <x v="39"/>
    <s v="Warners End Road to The Gade Dvlpt - DBC LCWIP Scheme H10 – Walking"/>
    <m/>
    <s v="Warners End Road to The Gade Dvlpt - DBC LCWIP Scheme H10 – Walking_x000a__x000a_For further detail, refer to the draft DBC LCWIP document"/>
    <s v="Hemel Garden Communities"/>
    <x v="85"/>
    <s v="Programme Area"/>
    <s v="Off-site"/>
    <s v="Developer / Hertfordshire County Council "/>
    <s v="Herfordshire County Council"/>
    <s v="2026 - 2041"/>
    <m/>
    <m/>
    <x v="346"/>
    <m/>
    <s v="HCC active travel funding / S106 / S38 / S278"/>
    <n v="0"/>
    <n v="398594"/>
    <m/>
    <m/>
    <m/>
    <s v="Critical - HGC objectives"/>
    <x v="0"/>
    <x v="2"/>
    <x v="2"/>
    <x v="2"/>
    <x v="2"/>
    <x v="0"/>
    <x v="0"/>
    <m/>
    <m/>
    <m/>
    <s v="Yes"/>
    <m/>
    <m/>
    <m/>
    <s v="Yes"/>
    <m/>
    <m/>
    <m/>
    <m/>
    <m/>
    <m/>
    <m/>
    <m/>
    <m/>
    <m/>
    <m/>
    <m/>
    <m/>
    <m/>
    <m/>
    <m/>
    <m/>
    <m/>
    <m/>
    <m/>
    <m/>
    <m/>
    <m/>
    <m/>
    <m/>
    <m/>
    <m/>
    <m/>
    <n v="2340"/>
    <n v="170.33931623931625"/>
    <m/>
    <x v="2"/>
    <x v="184"/>
    <x v="189"/>
    <x v="186"/>
    <x v="181"/>
    <x v="2"/>
    <x v="2"/>
    <x v="2"/>
    <x v="2"/>
    <x v="2"/>
    <x v="191"/>
    <x v="2"/>
    <x v="2"/>
    <x v="2"/>
    <x v="161"/>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17"/>
    <s v="TR249"/>
    <s v="DBC LCWIP"/>
    <s v="Dacorum Borough Council"/>
    <x v="8"/>
    <x v="39"/>
    <s v="Marlowes - DBC LCWIP Scheme H11 – Walking"/>
    <m/>
    <s v="Marlowes - DBC LCWIP Scheme H11 – Walking_x000a__x000a_For further detail, refer to the draft DBC LCWIP document"/>
    <s v="Hemel Garden Communities"/>
    <x v="86"/>
    <s v="Programme Area"/>
    <s v="Off-site"/>
    <s v="Developer / Hertfordshire County Council "/>
    <s v="Herfordshire County Council"/>
    <s v="2026 - 2041"/>
    <m/>
    <m/>
    <x v="347"/>
    <m/>
    <s v="HCC active travel funding / S106 / S38 / S278"/>
    <n v="0"/>
    <n v="579168"/>
    <m/>
    <m/>
    <m/>
    <s v="Critical - HGC objectives"/>
    <x v="0"/>
    <x v="2"/>
    <x v="2"/>
    <x v="2"/>
    <x v="2"/>
    <x v="2"/>
    <x v="2"/>
    <s v="Yes"/>
    <m/>
    <m/>
    <m/>
    <m/>
    <m/>
    <m/>
    <s v="Yes"/>
    <m/>
    <m/>
    <m/>
    <m/>
    <m/>
    <m/>
    <m/>
    <m/>
    <m/>
    <m/>
    <m/>
    <m/>
    <m/>
    <m/>
    <m/>
    <m/>
    <m/>
    <m/>
    <m/>
    <m/>
    <m/>
    <m/>
    <m/>
    <m/>
    <m/>
    <m/>
    <m/>
    <m/>
    <n v="2560"/>
    <n v="226.23750000000001"/>
    <m/>
    <x v="2"/>
    <x v="185"/>
    <x v="190"/>
    <x v="187"/>
    <x v="182"/>
    <x v="186"/>
    <x v="169"/>
    <x v="182"/>
    <x v="2"/>
    <x v="2"/>
    <x v="2"/>
    <x v="2"/>
    <x v="2"/>
    <x v="2"/>
    <x v="16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18"/>
    <s v="TR250"/>
    <s v="DBC LCWIP"/>
    <s v="Dacorum Borough Council"/>
    <x v="8"/>
    <x v="39"/>
    <s v="Nickey Line Ext - DBC LCWIP Scheme H12 – Cycling"/>
    <m/>
    <s v="Nickey Line Ext - DBC LCWIP Scheme H12 – Cycling_x000a__x000a_For further detail, refer to the draft DBC LCWIP document"/>
    <s v="Hemel Garden Communities"/>
    <x v="87"/>
    <s v="Programme Area"/>
    <s v="Off-site"/>
    <s v="Developer / Hertfordshire County Council "/>
    <s v="Herfordshire County Council"/>
    <s v="2026 - 2041"/>
    <m/>
    <m/>
    <x v="348"/>
    <m/>
    <s v="HCC active travel funding / S106 / S38 / S278"/>
    <n v="0"/>
    <n v="875511"/>
    <m/>
    <m/>
    <m/>
    <s v="Critical - HGC objectives"/>
    <x v="0"/>
    <x v="2"/>
    <x v="2"/>
    <x v="2"/>
    <x v="2"/>
    <x v="2"/>
    <x v="2"/>
    <m/>
    <m/>
    <m/>
    <m/>
    <m/>
    <m/>
    <m/>
    <s v="Yes"/>
    <m/>
    <m/>
    <m/>
    <m/>
    <m/>
    <m/>
    <m/>
    <m/>
    <m/>
    <m/>
    <m/>
    <m/>
    <m/>
    <m/>
    <m/>
    <m/>
    <m/>
    <m/>
    <m/>
    <m/>
    <m/>
    <m/>
    <m/>
    <m/>
    <m/>
    <m/>
    <m/>
    <m/>
    <n v="2170"/>
    <n v="403.46129032258062"/>
    <m/>
    <x v="2"/>
    <x v="186"/>
    <x v="191"/>
    <x v="188"/>
    <x v="183"/>
    <x v="187"/>
    <x v="170"/>
    <x v="2"/>
    <x v="2"/>
    <x v="2"/>
    <x v="2"/>
    <x v="2"/>
    <x v="2"/>
    <x v="2"/>
    <x v="163"/>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19"/>
    <s v="TR251"/>
    <s v="DBC LCWIP"/>
    <s v="Dacorum Borough Council"/>
    <x v="8"/>
    <x v="39"/>
    <s v="St Agnells Ln- Cupid Green Ln - DBC LCWIP Scheme H13 – Cycling"/>
    <m/>
    <s v="St Agnells Ln- Cupid Green Ln - DBC LCWIP Scheme H13 – Cycling_x000a__x000a_For further detail, refer to the draft DBC LCWIP document"/>
    <s v="Hemel Garden Communities"/>
    <x v="88"/>
    <s v="Programme Area"/>
    <s v="Off-site"/>
    <s v="Developer / Hertfordshire County Council "/>
    <s v="Herfordshire County Council"/>
    <s v="2026 - 2041"/>
    <m/>
    <m/>
    <x v="349"/>
    <m/>
    <s v="HCC active travel funding / S106 / S38 / S278"/>
    <n v="0"/>
    <n v="178500"/>
    <m/>
    <m/>
    <m/>
    <s v="Critical - HGC objectives"/>
    <x v="2"/>
    <x v="0"/>
    <x v="0"/>
    <x v="0"/>
    <x v="0"/>
    <x v="0"/>
    <x v="0"/>
    <m/>
    <m/>
    <m/>
    <m/>
    <s v="Yes"/>
    <m/>
    <s v="Yes"/>
    <m/>
    <m/>
    <m/>
    <m/>
    <m/>
    <m/>
    <m/>
    <m/>
    <m/>
    <m/>
    <m/>
    <m/>
    <m/>
    <m/>
    <m/>
    <m/>
    <m/>
    <m/>
    <m/>
    <m/>
    <m/>
    <m/>
    <m/>
    <m/>
    <m/>
    <s v="Yes"/>
    <s v="Yes"/>
    <m/>
    <m/>
    <n v="8650"/>
    <n v="20.635838150289018"/>
    <m/>
    <x v="200"/>
    <x v="2"/>
    <x v="2"/>
    <x v="2"/>
    <x v="2"/>
    <x v="2"/>
    <x v="2"/>
    <x v="2"/>
    <x v="2"/>
    <x v="2"/>
    <x v="2"/>
    <x v="167"/>
    <x v="2"/>
    <x v="187"/>
    <x v="2"/>
    <x v="2"/>
    <x v="2"/>
    <m/>
    <m/>
    <m/>
    <m/>
    <m/>
    <m/>
    <m/>
    <m/>
    <m/>
    <m/>
    <m/>
    <m/>
    <m/>
    <m/>
    <m/>
    <m/>
    <m/>
    <m/>
    <m/>
    <m/>
    <m/>
    <m/>
    <x v="178"/>
    <x v="181"/>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20"/>
    <s v="TR252"/>
    <s v="DBC LCWIP"/>
    <s v="Dacorum Borough Council"/>
    <x v="8"/>
    <x v="39"/>
    <s v="St Albans Road (Magic Roundabout to Breakspear Way) - DBC LCWIP Scheme H14 – Cycling"/>
    <m/>
    <s v="St Albans Road (Magic Roundabout to Breakspear Way) - DBC LCWIP Scheme H14 – Cycling_x000a__x000a_For further detail, refer to the draft DBC LCWIP document"/>
    <s v="Hemel Garden Communities"/>
    <x v="89"/>
    <s v="Programme Area"/>
    <s v="Off-site"/>
    <s v="Developer / Hertfordshire County Council "/>
    <s v="Herfordshire County Council"/>
    <s v="2026 - 2041"/>
    <m/>
    <m/>
    <x v="350"/>
    <m/>
    <s v="HCC active travel funding / S106 / S38 / S278"/>
    <n v="0"/>
    <n v="4453600"/>
    <m/>
    <m/>
    <m/>
    <s v="Critical - HGC objectives"/>
    <x v="0"/>
    <x v="2"/>
    <x v="2"/>
    <x v="2"/>
    <x v="2"/>
    <x v="2"/>
    <x v="2"/>
    <m/>
    <m/>
    <m/>
    <m/>
    <m/>
    <s v="Yes"/>
    <m/>
    <m/>
    <s v="Yes"/>
    <m/>
    <m/>
    <m/>
    <m/>
    <m/>
    <m/>
    <m/>
    <m/>
    <m/>
    <m/>
    <m/>
    <m/>
    <m/>
    <m/>
    <m/>
    <m/>
    <m/>
    <m/>
    <m/>
    <m/>
    <m/>
    <m/>
    <m/>
    <m/>
    <m/>
    <s v="Yes"/>
    <s v="Yes"/>
    <n v="7965"/>
    <n v="559.14626490897672"/>
    <m/>
    <x v="2"/>
    <x v="187"/>
    <x v="192"/>
    <x v="189"/>
    <x v="184"/>
    <x v="188"/>
    <x v="171"/>
    <x v="2"/>
    <x v="2"/>
    <x v="2"/>
    <x v="2"/>
    <x v="2"/>
    <x v="177"/>
    <x v="2"/>
    <x v="2"/>
    <x v="156"/>
    <x v="2"/>
    <m/>
    <m/>
    <m/>
    <m/>
    <m/>
    <m/>
    <m/>
    <m/>
    <m/>
    <m/>
    <m/>
    <m/>
    <m/>
    <m/>
    <m/>
    <m/>
    <m/>
    <m/>
    <m/>
    <m/>
    <m/>
    <m/>
    <x v="3"/>
    <x v="3"/>
    <x v="184"/>
    <x v="155"/>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21"/>
    <s v="TR253"/>
    <s v="DBC LCWIP"/>
    <s v="Dacorum Borough Council"/>
    <x v="8"/>
    <x v="39"/>
    <s v="St John's Road - DBC LCWIP Scheme H15 – Cycling"/>
    <m/>
    <s v="St John's Road - DBC LCWIP Scheme H15 – Cycling_x000a__x000a_For further detail, refer to the draft DBC LCWIP document"/>
    <s v="Hemel Garden Communities"/>
    <x v="90"/>
    <s v="Programme Area"/>
    <s v="Off-site"/>
    <s v="Developer / Hertfordshire County Council "/>
    <s v="Herfordshire County Council"/>
    <s v="2026 - 2041"/>
    <m/>
    <m/>
    <x v="351"/>
    <m/>
    <s v="HCC active travel funding / S106 / S38 / S278"/>
    <n v="0"/>
    <n v="3620323.5"/>
    <m/>
    <m/>
    <m/>
    <s v="Critical - HGC objectives"/>
    <x v="0"/>
    <x v="2"/>
    <x v="2"/>
    <x v="2"/>
    <x v="2"/>
    <x v="2"/>
    <x v="2"/>
    <s v="Yes"/>
    <m/>
    <m/>
    <s v="Yes"/>
    <m/>
    <m/>
    <m/>
    <s v="Yes"/>
    <m/>
    <m/>
    <m/>
    <m/>
    <m/>
    <m/>
    <m/>
    <m/>
    <m/>
    <m/>
    <m/>
    <m/>
    <m/>
    <m/>
    <m/>
    <m/>
    <m/>
    <m/>
    <m/>
    <m/>
    <m/>
    <m/>
    <m/>
    <m/>
    <m/>
    <m/>
    <m/>
    <m/>
    <n v="3310"/>
    <n v="1093.7533232628398"/>
    <m/>
    <x v="2"/>
    <x v="188"/>
    <x v="193"/>
    <x v="190"/>
    <x v="185"/>
    <x v="189"/>
    <x v="172"/>
    <x v="183"/>
    <x v="2"/>
    <x v="2"/>
    <x v="192"/>
    <x v="2"/>
    <x v="2"/>
    <x v="2"/>
    <x v="164"/>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22"/>
    <s v="TR254"/>
    <s v="DBC LCWIP"/>
    <s v="Dacorum Borough Council"/>
    <x v="8"/>
    <x v="39"/>
    <s v="Link Road - DBC LCWIP Scheme H16 – Cycling"/>
    <m/>
    <s v="Link Road - DBC LCWIP Scheme H16 – Cycling_x000a__x000a_For further detail, refer to the draft DBC LCWIP document"/>
    <s v="Hemel Garden Communities"/>
    <x v="91"/>
    <s v="Programme Area"/>
    <s v="Off-site"/>
    <s v="Developer / Hertfordshire County Council "/>
    <s v="Herfordshire County Council"/>
    <s v="2026 - 2041"/>
    <m/>
    <m/>
    <x v="352"/>
    <m/>
    <s v="HCC active travel funding / S106 / S38 / S278"/>
    <n v="0"/>
    <n v="6621721.2000000002"/>
    <m/>
    <m/>
    <m/>
    <s v="Critical - HGC objectives"/>
    <x v="2"/>
    <x v="0"/>
    <x v="0"/>
    <x v="0"/>
    <x v="0"/>
    <x v="0"/>
    <x v="0"/>
    <m/>
    <m/>
    <m/>
    <s v="Yes"/>
    <s v="Yes"/>
    <m/>
    <s v="Yes"/>
    <s v="Yes"/>
    <m/>
    <m/>
    <m/>
    <m/>
    <m/>
    <m/>
    <m/>
    <m/>
    <m/>
    <m/>
    <m/>
    <m/>
    <m/>
    <m/>
    <m/>
    <m/>
    <m/>
    <m/>
    <m/>
    <m/>
    <m/>
    <m/>
    <m/>
    <m/>
    <s v="Yes"/>
    <s v="Yes"/>
    <m/>
    <m/>
    <n v="9490"/>
    <n v="697.75776606954696"/>
    <m/>
    <x v="201"/>
    <x v="2"/>
    <x v="2"/>
    <x v="2"/>
    <x v="2"/>
    <x v="2"/>
    <x v="2"/>
    <x v="2"/>
    <x v="2"/>
    <x v="2"/>
    <x v="193"/>
    <x v="168"/>
    <x v="2"/>
    <x v="188"/>
    <x v="165"/>
    <x v="2"/>
    <x v="2"/>
    <m/>
    <m/>
    <m/>
    <m/>
    <m/>
    <m/>
    <m/>
    <m/>
    <m/>
    <m/>
    <m/>
    <m/>
    <m/>
    <m/>
    <m/>
    <m/>
    <m/>
    <m/>
    <m/>
    <m/>
    <m/>
    <m/>
    <x v="179"/>
    <x v="182"/>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23"/>
    <s v="TR255"/>
    <s v="DBC LCWIP"/>
    <s v="Dacorum Borough Council"/>
    <x v="8"/>
    <x v="39"/>
    <s v="HH Train Station to Centre - DBC LCWIP Scheme H17 – Cycling"/>
    <m/>
    <s v="HH Train Station to Centre - DBC LCWIP Scheme H17 – Cycling_x000a__x000a_For further detail, refer to the draft DBC LCWIP document"/>
    <s v="Hemel Garden Communities"/>
    <x v="92"/>
    <s v="Programme Area"/>
    <s v="Off-site"/>
    <s v="Developer / Hertfordshire County Council "/>
    <s v="Herfordshire County Council"/>
    <s v="2026 - 2041"/>
    <m/>
    <m/>
    <x v="353"/>
    <m/>
    <s v="HCC active travel funding / S106 / S38 / S278"/>
    <n v="0"/>
    <n v="1959000"/>
    <m/>
    <m/>
    <m/>
    <s v="Critical - HGC objectives"/>
    <x v="0"/>
    <x v="0"/>
    <x v="0"/>
    <x v="0"/>
    <x v="0"/>
    <x v="2"/>
    <x v="2"/>
    <s v="Yes"/>
    <m/>
    <m/>
    <m/>
    <m/>
    <m/>
    <m/>
    <m/>
    <m/>
    <m/>
    <m/>
    <m/>
    <m/>
    <m/>
    <m/>
    <m/>
    <m/>
    <m/>
    <m/>
    <m/>
    <m/>
    <m/>
    <m/>
    <m/>
    <m/>
    <m/>
    <m/>
    <m/>
    <m/>
    <m/>
    <m/>
    <m/>
    <m/>
    <m/>
    <m/>
    <m/>
    <n v="970"/>
    <n v="2019.5876288659795"/>
    <m/>
    <x v="2"/>
    <x v="2"/>
    <x v="2"/>
    <x v="2"/>
    <x v="2"/>
    <x v="190"/>
    <x v="173"/>
    <x v="184"/>
    <x v="2"/>
    <x v="2"/>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24"/>
    <s v="TR256"/>
    <s v="DBC LCWIP"/>
    <s v="Dacorum Borough Council"/>
    <x v="8"/>
    <x v="39"/>
    <s v="Leverstock Green Road - DBC LCWIP Scheme H18 – Walking"/>
    <m/>
    <s v="Leverstock Green Road - DBC LCWIP Scheme H18 – Walking_x000a__x000a_For further detail, refer to the draft DBC LCWIP document"/>
    <s v="Hemel Garden Communities"/>
    <x v="93"/>
    <s v="Programme Area"/>
    <s v="Off-site"/>
    <s v="Developer / Hertfordshire County Council "/>
    <s v="Herfordshire County Council"/>
    <s v="2026 - 2041"/>
    <m/>
    <m/>
    <x v="354"/>
    <m/>
    <s v="HCC active travel funding / S106 / S38 / S278"/>
    <n v="0"/>
    <n v="1129353"/>
    <m/>
    <m/>
    <m/>
    <s v="Critical - HGC objectives"/>
    <x v="0"/>
    <x v="0"/>
    <x v="0"/>
    <x v="0"/>
    <x v="0"/>
    <x v="0"/>
    <x v="0"/>
    <m/>
    <m/>
    <m/>
    <m/>
    <m/>
    <s v="Yes"/>
    <m/>
    <m/>
    <s v="Yes"/>
    <m/>
    <m/>
    <m/>
    <m/>
    <m/>
    <m/>
    <m/>
    <m/>
    <m/>
    <m/>
    <m/>
    <m/>
    <m/>
    <m/>
    <m/>
    <m/>
    <m/>
    <m/>
    <m/>
    <m/>
    <m/>
    <m/>
    <m/>
    <m/>
    <m/>
    <s v="Yes"/>
    <s v="Yes"/>
    <n v="5885"/>
    <n v="191.9036533559898"/>
    <m/>
    <x v="2"/>
    <x v="2"/>
    <x v="2"/>
    <x v="2"/>
    <x v="2"/>
    <x v="2"/>
    <x v="2"/>
    <x v="2"/>
    <x v="2"/>
    <x v="2"/>
    <x v="2"/>
    <x v="2"/>
    <x v="178"/>
    <x v="2"/>
    <x v="2"/>
    <x v="157"/>
    <x v="2"/>
    <m/>
    <m/>
    <m/>
    <m/>
    <m/>
    <m/>
    <m/>
    <m/>
    <m/>
    <m/>
    <m/>
    <m/>
    <m/>
    <m/>
    <m/>
    <m/>
    <m/>
    <m/>
    <m/>
    <m/>
    <m/>
    <m/>
    <x v="3"/>
    <x v="3"/>
    <x v="185"/>
    <x v="156"/>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25"/>
    <s v="TR257"/>
    <s v="DBC LCWIP"/>
    <s v="Dacorum Borough Council"/>
    <x v="8"/>
    <x v="39"/>
    <s v="St Albans Road to East Hemel Hempstead South Dvlpt - DBC LCWIP Scheme H19 – Walking"/>
    <m/>
    <s v="St Albans Road to East Hemel Hempstead South Dvlpt - DBC LCWIP Scheme H19 – Walking_x000a__x000a_For further detail, refer to the draft DBC LCWIP document"/>
    <s v="Hemel Garden Communities"/>
    <x v="93"/>
    <s v="Programme Area"/>
    <s v="Off-site"/>
    <s v="Developer / Hertfordshire County Council "/>
    <s v="Herfordshire County Council"/>
    <s v="2026 - 2041"/>
    <m/>
    <m/>
    <x v="355"/>
    <m/>
    <s v="HCC active travel funding / S106 / S38 / S278"/>
    <n v="0"/>
    <n v="2517276"/>
    <m/>
    <m/>
    <m/>
    <s v="Critical - HGC objectives"/>
    <x v="0"/>
    <x v="0"/>
    <x v="0"/>
    <x v="0"/>
    <x v="0"/>
    <x v="0"/>
    <x v="0"/>
    <m/>
    <m/>
    <m/>
    <m/>
    <m/>
    <s v="Yes"/>
    <m/>
    <m/>
    <s v="Yes"/>
    <m/>
    <m/>
    <m/>
    <m/>
    <m/>
    <m/>
    <m/>
    <m/>
    <m/>
    <m/>
    <m/>
    <m/>
    <m/>
    <m/>
    <m/>
    <m/>
    <m/>
    <m/>
    <m/>
    <m/>
    <m/>
    <m/>
    <m/>
    <m/>
    <m/>
    <s v="Yes"/>
    <s v="Yes"/>
    <n v="5885"/>
    <n v="427.74443500424809"/>
    <m/>
    <x v="2"/>
    <x v="2"/>
    <x v="2"/>
    <x v="2"/>
    <x v="2"/>
    <x v="2"/>
    <x v="2"/>
    <x v="2"/>
    <x v="2"/>
    <x v="2"/>
    <x v="2"/>
    <x v="2"/>
    <x v="179"/>
    <x v="2"/>
    <x v="2"/>
    <x v="158"/>
    <x v="2"/>
    <m/>
    <m/>
    <m/>
    <m/>
    <m/>
    <m/>
    <m/>
    <m/>
    <m/>
    <m/>
    <m/>
    <m/>
    <m/>
    <m/>
    <m/>
    <m/>
    <m/>
    <m/>
    <m/>
    <m/>
    <m/>
    <m/>
    <x v="3"/>
    <x v="3"/>
    <x v="186"/>
    <x v="157"/>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26"/>
    <s v="TR258"/>
    <s v="DBC LCWIP"/>
    <s v="Dacorum Borough Council"/>
    <x v="8"/>
    <x v="39"/>
    <s v="A414 (Two Waters Rd towards Kings Langley) - DBC LCWIP Scheme H20 – Cycling"/>
    <m/>
    <s v="A414 (Two Waters Rd towards Kings Langley) - DBC LCWIP Scheme H20 – Cycling_x000a__x000a_For further detail, refer to the draft DBC LCWIP document"/>
    <s v="Hemel Garden Communities"/>
    <x v="94"/>
    <s v="Programme Area"/>
    <s v="Off-site"/>
    <s v="Developer / Hertfordshire County Council "/>
    <s v="Herfordshire County Council"/>
    <s v="2026 - 2041"/>
    <m/>
    <m/>
    <x v="356"/>
    <m/>
    <s v="HCC active travel funding / S106 / S38 / S278"/>
    <n v="0"/>
    <n v="5485075.5"/>
    <m/>
    <m/>
    <m/>
    <s v="Critical - HGC objectives"/>
    <x v="0"/>
    <x v="2"/>
    <x v="2"/>
    <x v="2"/>
    <x v="2"/>
    <x v="2"/>
    <x v="2"/>
    <s v="Yes"/>
    <s v="Yes"/>
    <s v="Yes"/>
    <m/>
    <m/>
    <m/>
    <m/>
    <m/>
    <m/>
    <m/>
    <m/>
    <m/>
    <m/>
    <m/>
    <m/>
    <m/>
    <m/>
    <m/>
    <m/>
    <m/>
    <m/>
    <m/>
    <m/>
    <m/>
    <m/>
    <m/>
    <m/>
    <m/>
    <m/>
    <m/>
    <m/>
    <m/>
    <m/>
    <m/>
    <m/>
    <m/>
    <n v="3470"/>
    <n v="1580.7134005763689"/>
    <m/>
    <x v="2"/>
    <x v="189"/>
    <x v="194"/>
    <x v="191"/>
    <x v="186"/>
    <x v="191"/>
    <x v="174"/>
    <x v="185"/>
    <x v="176"/>
    <x v="191"/>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27"/>
    <s v="TR259"/>
    <s v="DBC LCWIP"/>
    <s v="Dacorum Borough Council"/>
    <x v="8"/>
    <x v="39"/>
    <s v="Long Chaulden to Anchor Lane - DBC LCWIP Scheme H21 – Walking"/>
    <m/>
    <s v="Long Chaulden to Anchor Lane - DBC LCWIP Scheme H21 – Walking_x000a__x000a_For further detail, refer to the draft DBC LCWIP document"/>
    <s v="Hemel Garden Communities"/>
    <x v="95"/>
    <s v="Programme Area"/>
    <s v="Off-site"/>
    <s v="Developer / Hertfordshire County Council "/>
    <s v="Herfordshire County Council"/>
    <s v="2026 - 2041"/>
    <m/>
    <m/>
    <x v="357"/>
    <m/>
    <s v="HCC active travel funding / S106 / S38 / S278"/>
    <n v="0"/>
    <n v="178200"/>
    <m/>
    <m/>
    <m/>
    <s v="Critical - HGC objectives"/>
    <x v="0"/>
    <x v="2"/>
    <x v="2"/>
    <x v="2"/>
    <x v="2"/>
    <x v="2"/>
    <x v="2"/>
    <s v="Yes"/>
    <m/>
    <m/>
    <s v="Yes"/>
    <m/>
    <m/>
    <m/>
    <m/>
    <m/>
    <m/>
    <m/>
    <m/>
    <m/>
    <m/>
    <m/>
    <m/>
    <m/>
    <m/>
    <m/>
    <m/>
    <m/>
    <m/>
    <m/>
    <m/>
    <m/>
    <m/>
    <m/>
    <m/>
    <m/>
    <m/>
    <m/>
    <m/>
    <m/>
    <m/>
    <m/>
    <m/>
    <n v="3220"/>
    <n v="55.341614906832298"/>
    <m/>
    <x v="2"/>
    <x v="190"/>
    <x v="195"/>
    <x v="192"/>
    <x v="187"/>
    <x v="192"/>
    <x v="175"/>
    <x v="186"/>
    <x v="2"/>
    <x v="2"/>
    <x v="194"/>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28"/>
    <s v="TR260"/>
    <s v="DBC LCWIP"/>
    <s v="Dacorum Borough Council"/>
    <x v="8"/>
    <x v="39"/>
    <s v="Magic Roundabout to Hillfield Road - DBC LCWIP Scheme H22 – Cycling"/>
    <m/>
    <s v="Magic Roundabout to Hillfield Road - DBC LCWIP Scheme H22 – Cycling_x000a__x000a_For further detail, refer to the draft DBC LCWIP document"/>
    <s v="Hemel Garden Communities"/>
    <x v="87"/>
    <s v="Programme Area"/>
    <s v="Off-site"/>
    <s v="Developer / Hertfordshire County Council "/>
    <s v="Herfordshire County Council"/>
    <s v="2026 - 2041"/>
    <m/>
    <m/>
    <x v="358"/>
    <m/>
    <s v="HCC active travel funding / S106 / S38 / S278"/>
    <n v="0"/>
    <n v="40000"/>
    <m/>
    <m/>
    <m/>
    <s v="Critical - HGC objectives"/>
    <x v="0"/>
    <x v="2"/>
    <x v="2"/>
    <x v="2"/>
    <x v="2"/>
    <x v="2"/>
    <x v="2"/>
    <m/>
    <m/>
    <m/>
    <m/>
    <m/>
    <m/>
    <m/>
    <s v="Yes"/>
    <m/>
    <m/>
    <m/>
    <m/>
    <m/>
    <m/>
    <m/>
    <m/>
    <m/>
    <m/>
    <m/>
    <m/>
    <m/>
    <m/>
    <m/>
    <m/>
    <m/>
    <m/>
    <m/>
    <m/>
    <m/>
    <m/>
    <m/>
    <m/>
    <m/>
    <m/>
    <m/>
    <m/>
    <n v="2170"/>
    <n v="18.433179723502302"/>
    <m/>
    <x v="2"/>
    <x v="191"/>
    <x v="196"/>
    <x v="193"/>
    <x v="188"/>
    <x v="193"/>
    <x v="176"/>
    <x v="2"/>
    <x v="2"/>
    <x v="2"/>
    <x v="2"/>
    <x v="2"/>
    <x v="2"/>
    <x v="2"/>
    <x v="166"/>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29"/>
    <s v="TR261"/>
    <s v="DBC LCWIP"/>
    <s v="Dacorum Borough Council"/>
    <x v="8"/>
    <x v="39"/>
    <s v="St John's Rd to Boxted Rd (via Heath Ln and Polehanger Ln) - DBC LCWIP Scheme H23 – Cycling"/>
    <m/>
    <s v="St John's Rd to Boxted Rd (via Heath Ln and Polehanger Ln) - DBC LCWIP Scheme H23 – Cycling_x000a__x000a_For further detail, refer to the draft DBC LCWIP document"/>
    <s v="Hemel Garden Communities"/>
    <x v="90"/>
    <s v="Programme Area"/>
    <s v="Off-site"/>
    <s v="Developer / Hertfordshire County Council "/>
    <s v="Herfordshire County Council"/>
    <s v="2026 - 2041"/>
    <m/>
    <m/>
    <x v="359"/>
    <m/>
    <s v="HCC active travel funding / S106 / S38 / S278"/>
    <n v="0"/>
    <n v="538000"/>
    <m/>
    <m/>
    <m/>
    <s v="Critical - HGC objectives"/>
    <x v="0"/>
    <x v="2"/>
    <x v="2"/>
    <x v="2"/>
    <x v="2"/>
    <x v="2"/>
    <x v="2"/>
    <s v="Yes"/>
    <m/>
    <m/>
    <s v="Yes"/>
    <m/>
    <m/>
    <m/>
    <s v="Yes"/>
    <m/>
    <m/>
    <m/>
    <m/>
    <m/>
    <m/>
    <m/>
    <m/>
    <m/>
    <m/>
    <m/>
    <m/>
    <m/>
    <m/>
    <m/>
    <m/>
    <m/>
    <m/>
    <m/>
    <m/>
    <m/>
    <m/>
    <m/>
    <m/>
    <m/>
    <m/>
    <m/>
    <m/>
    <n v="3310"/>
    <n v="162.53776435045316"/>
    <m/>
    <x v="2"/>
    <x v="192"/>
    <x v="197"/>
    <x v="194"/>
    <x v="189"/>
    <x v="194"/>
    <x v="177"/>
    <x v="187"/>
    <x v="2"/>
    <x v="2"/>
    <x v="195"/>
    <x v="2"/>
    <x v="2"/>
    <x v="2"/>
    <x v="167"/>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30"/>
    <s v="TR262"/>
    <s v="DBC LCWIP"/>
    <s v="Dacorum Borough Council"/>
    <x v="8"/>
    <x v="39"/>
    <s v="Two Waters Way - DBC LCWIP Scheme H24 – Cycling"/>
    <m/>
    <s v="Two Waters Way - DBC LCWIP Scheme H24 – Cycling_x000a__x000a_For further detail, refer to the draft DBC LCWIP document"/>
    <s v="Hemel Garden Communities"/>
    <x v="96"/>
    <s v="Programme Area"/>
    <s v="Off-site"/>
    <s v="Developer / Hertfordshire County Council "/>
    <s v="Herfordshire County Council"/>
    <s v="2026 - 2041"/>
    <m/>
    <m/>
    <x v="360"/>
    <m/>
    <s v="HCC active travel funding / S106 / S38 / S278"/>
    <n v="0"/>
    <n v="1650600"/>
    <m/>
    <m/>
    <m/>
    <s v="Critical - HGC objectives"/>
    <x v="0"/>
    <x v="0"/>
    <x v="2"/>
    <x v="2"/>
    <x v="2"/>
    <x v="2"/>
    <x v="2"/>
    <s v="Yes"/>
    <s v="Yes"/>
    <s v="Yes"/>
    <m/>
    <m/>
    <m/>
    <m/>
    <m/>
    <m/>
    <m/>
    <m/>
    <m/>
    <m/>
    <m/>
    <m/>
    <m/>
    <m/>
    <m/>
    <m/>
    <m/>
    <m/>
    <m/>
    <m/>
    <m/>
    <m/>
    <m/>
    <m/>
    <m/>
    <m/>
    <m/>
    <m/>
    <m/>
    <m/>
    <m/>
    <m/>
    <m/>
    <n v="3270"/>
    <n v="504.77064220183485"/>
    <m/>
    <x v="2"/>
    <x v="2"/>
    <x v="198"/>
    <x v="195"/>
    <x v="190"/>
    <x v="195"/>
    <x v="178"/>
    <x v="188"/>
    <x v="177"/>
    <x v="192"/>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31"/>
    <s v="TR263"/>
    <s v="DBC LCWIP"/>
    <s v="Dacorum Borough Council"/>
    <x v="8"/>
    <x v="39"/>
    <s v="Boxmoor to Centre  - DBC LCWIP Scheme H25 – Cycling"/>
    <m/>
    <s v="Boxmoor to Centre  - DBC LCWIP Scheme H25 – Cycling_x000a__x000a_For further detail, refer to the draft DBC LCWIP document"/>
    <s v="Hemel Garden Communities"/>
    <x v="80"/>
    <s v="Programme Area"/>
    <s v="Off-site"/>
    <s v="Developer / Hertfordshire County Council "/>
    <s v="Herfordshire County Council"/>
    <s v="2026 - 2041"/>
    <m/>
    <m/>
    <x v="361"/>
    <m/>
    <s v="HCC active travel funding / S106 / S38 / S278"/>
    <n v="0"/>
    <n v="162204.29999999999"/>
    <m/>
    <m/>
    <m/>
    <s v="Critical - HGC objectives"/>
    <x v="0"/>
    <x v="2"/>
    <x v="2"/>
    <x v="2"/>
    <x v="2"/>
    <x v="2"/>
    <x v="2"/>
    <s v="Yes"/>
    <m/>
    <m/>
    <m/>
    <m/>
    <m/>
    <m/>
    <m/>
    <m/>
    <m/>
    <m/>
    <m/>
    <m/>
    <m/>
    <m/>
    <m/>
    <m/>
    <m/>
    <m/>
    <m/>
    <m/>
    <m/>
    <m/>
    <m/>
    <m/>
    <m/>
    <m/>
    <m/>
    <m/>
    <m/>
    <m/>
    <m/>
    <m/>
    <m/>
    <m/>
    <m/>
    <n v="2470"/>
    <n v="65.669757085020237"/>
    <m/>
    <x v="2"/>
    <x v="193"/>
    <x v="199"/>
    <x v="196"/>
    <x v="191"/>
    <x v="196"/>
    <x v="179"/>
    <x v="189"/>
    <x v="2"/>
    <x v="2"/>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32"/>
    <s v="TR264"/>
    <s v="DBC LCWIP"/>
    <s v="Dacorum Borough Council"/>
    <x v="8"/>
    <x v="39"/>
    <s v="Grand Union Canal - DBC LCWIP Scheme H26 – Walking"/>
    <m/>
    <s v="Grand Union Canal - DBC LCWIP Scheme H26 – Walking_x000a__x000a_For further detail, refer to the draft DBC LCWIP document"/>
    <s v="Hemel Garden Communities"/>
    <x v="97"/>
    <s v="Programme Area"/>
    <s v="Off-site"/>
    <s v="Developer / Hertfordshire County Council "/>
    <s v="Herfordshire County Council"/>
    <s v="2026 - 2041"/>
    <m/>
    <m/>
    <x v="362"/>
    <m/>
    <s v="HCC active travel funding / S106 / S38 / S278"/>
    <n v="0"/>
    <n v="1997966"/>
    <m/>
    <m/>
    <m/>
    <s v="Critical - HGC objectives"/>
    <x v="0"/>
    <x v="0"/>
    <x v="0"/>
    <x v="0"/>
    <x v="0"/>
    <x v="0"/>
    <x v="0"/>
    <m/>
    <s v="Yes"/>
    <s v="Yes"/>
    <m/>
    <m/>
    <m/>
    <m/>
    <m/>
    <m/>
    <m/>
    <m/>
    <m/>
    <m/>
    <m/>
    <m/>
    <m/>
    <m/>
    <m/>
    <m/>
    <m/>
    <m/>
    <m/>
    <m/>
    <m/>
    <m/>
    <m/>
    <m/>
    <m/>
    <m/>
    <m/>
    <m/>
    <m/>
    <m/>
    <m/>
    <m/>
    <m/>
    <n v="1000"/>
    <n v="1997.9659999999999"/>
    <m/>
    <x v="2"/>
    <x v="2"/>
    <x v="2"/>
    <x v="2"/>
    <x v="2"/>
    <x v="2"/>
    <x v="2"/>
    <x v="2"/>
    <x v="178"/>
    <x v="193"/>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33"/>
    <s v="TR265"/>
    <s v="DBC LCWIP"/>
    <s v="Dacorum Borough Council"/>
    <x v="8"/>
    <x v="39"/>
    <s v="Grove Road - DBC LCWIP Scheme H27 – Walking"/>
    <m/>
    <s v="Grove Road - DBC LCWIP Scheme H27 – Walking_x000a__x000a_For further detail, refer to the draft DBC LCWIP document"/>
    <s v="Hemel Garden Communities"/>
    <x v="98"/>
    <s v="Programme Area"/>
    <s v="Off-site"/>
    <s v="Developer / Hertfordshire County Council "/>
    <s v="Herfordshire County Council"/>
    <s v="2026 - 2041"/>
    <m/>
    <m/>
    <x v="363"/>
    <m/>
    <s v="HCC active travel funding / S106 / S38 / S278"/>
    <n v="0"/>
    <n v="2039682"/>
    <m/>
    <m/>
    <m/>
    <s v="Critical - HGC objectives"/>
    <x v="0"/>
    <x v="0"/>
    <x v="0"/>
    <x v="0"/>
    <x v="0"/>
    <x v="0"/>
    <x v="0"/>
    <m/>
    <m/>
    <m/>
    <m/>
    <m/>
    <m/>
    <m/>
    <m/>
    <m/>
    <m/>
    <m/>
    <m/>
    <m/>
    <m/>
    <m/>
    <m/>
    <m/>
    <m/>
    <m/>
    <m/>
    <m/>
    <m/>
    <m/>
    <m/>
    <m/>
    <m/>
    <m/>
    <m/>
    <m/>
    <m/>
    <m/>
    <m/>
    <m/>
    <m/>
    <m/>
    <m/>
    <n v="0"/>
    <m/>
    <m/>
    <x v="2"/>
    <x v="2"/>
    <x v="2"/>
    <x v="2"/>
    <x v="2"/>
    <x v="2"/>
    <x v="2"/>
    <x v="2"/>
    <x v="2"/>
    <x v="2"/>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34"/>
    <s v="TR266"/>
    <s v="DBC LCWIP"/>
    <s v="Dacorum Borough Council"/>
    <x v="8"/>
    <x v="39"/>
    <s v="Nickey Line Ext - DBC LCWIP Scheme H28 – Walking"/>
    <m/>
    <s v="Nickey Line Ext - DBC LCWIP Scheme H28 – Walking_x000a__x000a_For further detail, refer to the draft DBC LCWIP document"/>
    <s v="Hemel Garden Communities"/>
    <x v="87"/>
    <s v="Programme Area"/>
    <s v="Off-site"/>
    <s v="Developer / Hertfordshire County Council "/>
    <s v="Herfordshire County Council"/>
    <s v="2026 - 2041"/>
    <m/>
    <m/>
    <x v="348"/>
    <m/>
    <s v="HCC active travel funding / S106 / S38 / S278"/>
    <n v="0"/>
    <n v="875511"/>
    <m/>
    <m/>
    <m/>
    <s v="Critical - HGC objectives"/>
    <x v="0"/>
    <x v="2"/>
    <x v="2"/>
    <x v="2"/>
    <x v="2"/>
    <x v="2"/>
    <x v="2"/>
    <m/>
    <m/>
    <m/>
    <m/>
    <m/>
    <m/>
    <m/>
    <s v="Yes"/>
    <m/>
    <m/>
    <m/>
    <m/>
    <m/>
    <m/>
    <m/>
    <m/>
    <m/>
    <m/>
    <m/>
    <m/>
    <m/>
    <m/>
    <m/>
    <m/>
    <m/>
    <m/>
    <m/>
    <m/>
    <m/>
    <m/>
    <m/>
    <m/>
    <m/>
    <m/>
    <m/>
    <m/>
    <n v="2170"/>
    <n v="403.46129032258062"/>
    <m/>
    <x v="2"/>
    <x v="186"/>
    <x v="191"/>
    <x v="188"/>
    <x v="183"/>
    <x v="187"/>
    <x v="170"/>
    <x v="2"/>
    <x v="2"/>
    <x v="2"/>
    <x v="2"/>
    <x v="2"/>
    <x v="2"/>
    <x v="2"/>
    <x v="163"/>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35"/>
    <s v="TR267"/>
    <s v="DBC LCWIP"/>
    <s v="Dacorum Borough Council"/>
    <x v="8"/>
    <x v="39"/>
    <s v="St Albans Road - DBC LCWIP Scheme H29 – Walking"/>
    <m/>
    <s v="St Albans Road - DBC LCWIP Scheme H29 – Walking_x000a__x000a_For further detail, refer to the draft DBC LCWIP document"/>
    <s v="Hemel Garden Communities"/>
    <x v="99"/>
    <s v="Programme Area"/>
    <s v="Off-site"/>
    <s v="Developer / Hertfordshire County Council "/>
    <s v="Herfordshire County Council"/>
    <s v="2026 - 2041"/>
    <m/>
    <m/>
    <x v="364"/>
    <m/>
    <s v="HCC active travel funding / S106 / S38 / S278"/>
    <n v="0"/>
    <n v="1496133"/>
    <m/>
    <m/>
    <m/>
    <s v="Critical - HGC objectives"/>
    <x v="0"/>
    <x v="2"/>
    <x v="2"/>
    <x v="2"/>
    <x v="2"/>
    <x v="2"/>
    <x v="2"/>
    <m/>
    <m/>
    <m/>
    <m/>
    <m/>
    <m/>
    <m/>
    <m/>
    <m/>
    <m/>
    <m/>
    <m/>
    <m/>
    <m/>
    <m/>
    <m/>
    <m/>
    <m/>
    <m/>
    <m/>
    <m/>
    <m/>
    <m/>
    <m/>
    <m/>
    <m/>
    <m/>
    <m/>
    <m/>
    <m/>
    <m/>
    <m/>
    <m/>
    <m/>
    <m/>
    <m/>
    <n v="2080"/>
    <n v="719.29471153846157"/>
    <m/>
    <x v="2"/>
    <x v="194"/>
    <x v="200"/>
    <x v="197"/>
    <x v="192"/>
    <x v="197"/>
    <x v="180"/>
    <x v="2"/>
    <x v="2"/>
    <x v="2"/>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36"/>
    <s v="TR268"/>
    <s v="DBC LCWIP"/>
    <s v="Dacorum Borough Council"/>
    <x v="8"/>
    <x v="39"/>
    <s v="Station to St John's Road (via Fishery Road) - DBC LCWIP Scheme H30 – Walking"/>
    <m/>
    <s v="Station to St John's Road (via Fishery Road) - DBC LCWIP Scheme H30 – Walking_x000a__x000a_For further detail, refer to the draft DBC LCWIP document"/>
    <s v="Hemel Garden Communities"/>
    <x v="92"/>
    <s v="Programme Area"/>
    <s v="Off-site"/>
    <s v="Developer / Hertfordshire County Council "/>
    <s v="Herfordshire County Council"/>
    <s v="2026 - 2041"/>
    <m/>
    <m/>
    <x v="365"/>
    <m/>
    <s v="HCC active travel funding / S106 / S38 / S278"/>
    <n v="0"/>
    <n v="333400"/>
    <m/>
    <m/>
    <m/>
    <s v="Critical - HGC objectives"/>
    <x v="0"/>
    <x v="0"/>
    <x v="0"/>
    <x v="0"/>
    <x v="0"/>
    <x v="2"/>
    <x v="2"/>
    <s v="Yes"/>
    <m/>
    <m/>
    <m/>
    <m/>
    <m/>
    <m/>
    <m/>
    <m/>
    <m/>
    <m/>
    <m/>
    <m/>
    <m/>
    <m/>
    <m/>
    <m/>
    <m/>
    <m/>
    <m/>
    <m/>
    <m/>
    <m/>
    <m/>
    <m/>
    <m/>
    <m/>
    <m/>
    <m/>
    <m/>
    <m/>
    <m/>
    <m/>
    <m/>
    <m/>
    <m/>
    <n v="970"/>
    <n v="343.71134020618558"/>
    <m/>
    <x v="2"/>
    <x v="2"/>
    <x v="2"/>
    <x v="2"/>
    <x v="2"/>
    <x v="198"/>
    <x v="181"/>
    <x v="190"/>
    <x v="2"/>
    <x v="2"/>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37"/>
    <s v="TR269"/>
    <s v="DBC LCWIP"/>
    <s v="Dacorum Borough Council"/>
    <x v="8"/>
    <x v="39"/>
    <s v="White Hart Drive Cut-through  - DBC LCWIP Scheme H31 – Cycling"/>
    <m/>
    <s v="White Hart Drive Cut-through  - DBC LCWIP Scheme H31 – Cycling_x000a__x000a_For further detail, refer to the draft DBC LCWIP document"/>
    <s v="Hemel Garden Communities"/>
    <x v="100"/>
    <s v="Programme Area"/>
    <s v="Off-site"/>
    <s v="Developer / Hertfordshire County Council "/>
    <s v="Herfordshire County Council"/>
    <s v="2026 - 2041"/>
    <m/>
    <m/>
    <x v="366"/>
    <m/>
    <s v="HCC active travel funding / S106 / S38 / S278"/>
    <n v="0"/>
    <n v="77045.200000000012"/>
    <m/>
    <m/>
    <m/>
    <s v="Critical - HGC objectives"/>
    <x v="0"/>
    <x v="0"/>
    <x v="2"/>
    <x v="2"/>
    <x v="0"/>
    <x v="0"/>
    <x v="0"/>
    <m/>
    <m/>
    <m/>
    <m/>
    <m/>
    <s v="Yes"/>
    <m/>
    <m/>
    <m/>
    <m/>
    <m/>
    <m/>
    <m/>
    <m/>
    <m/>
    <m/>
    <m/>
    <m/>
    <m/>
    <m/>
    <m/>
    <m/>
    <m/>
    <m/>
    <m/>
    <m/>
    <m/>
    <m/>
    <m/>
    <m/>
    <m/>
    <m/>
    <m/>
    <m/>
    <m/>
    <m/>
    <n v="1034"/>
    <n v="74.511798839458422"/>
    <m/>
    <x v="2"/>
    <x v="2"/>
    <x v="201"/>
    <x v="198"/>
    <x v="2"/>
    <x v="2"/>
    <x v="2"/>
    <x v="2"/>
    <x v="2"/>
    <x v="2"/>
    <x v="2"/>
    <x v="2"/>
    <x v="180"/>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38"/>
    <s v="TR270"/>
    <s v="DBC LCWIP"/>
    <s v="Dacorum Borough Council"/>
    <x v="8"/>
    <x v="39"/>
    <s v="Belswains Lane - DBC LCWIP Scheme H32 – Both"/>
    <m/>
    <s v="Belswains Lane - DBC LCWIP Scheme H32 – Both_x000a__x000a_For further detail, refer to the draft DBC LCWIP document"/>
    <s v="Hemel Garden Communities"/>
    <x v="84"/>
    <s v="Programme Area"/>
    <s v="Off-site"/>
    <s v="Developer / Hertfordshire County Council "/>
    <s v="Herfordshire County Council"/>
    <s v="2026 - 2041"/>
    <m/>
    <m/>
    <x v="367"/>
    <m/>
    <s v="HCC active travel funding / S106 / S38 / S278"/>
    <n v="0"/>
    <n v="1436275"/>
    <m/>
    <m/>
    <m/>
    <s v="Critical - HGC objectives"/>
    <x v="0"/>
    <x v="2"/>
    <x v="2"/>
    <x v="2"/>
    <x v="2"/>
    <x v="2"/>
    <x v="2"/>
    <m/>
    <s v="Yes"/>
    <s v="Yes"/>
    <m/>
    <m/>
    <m/>
    <m/>
    <m/>
    <m/>
    <m/>
    <m/>
    <m/>
    <m/>
    <m/>
    <m/>
    <m/>
    <m/>
    <m/>
    <m/>
    <m/>
    <m/>
    <m/>
    <m/>
    <m/>
    <m/>
    <m/>
    <m/>
    <m/>
    <m/>
    <m/>
    <m/>
    <m/>
    <m/>
    <m/>
    <m/>
    <m/>
    <n v="3080"/>
    <n v="466.32305194805195"/>
    <m/>
    <x v="2"/>
    <x v="195"/>
    <x v="202"/>
    <x v="199"/>
    <x v="193"/>
    <x v="199"/>
    <x v="182"/>
    <x v="2"/>
    <x v="179"/>
    <x v="194"/>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39"/>
    <s v="TR271"/>
    <s v="DBC LCWIP"/>
    <s v="Dacorum Borough Council"/>
    <x v="8"/>
    <x v="39"/>
    <s v="London Road to Station Road - DBC LCWIP Scheme H33 – Walking"/>
    <m/>
    <s v="London Road to Station Road - DBC LCWIP Scheme H33 – Walking_x000a__x000a_For further detail, refer to the draft DBC LCWIP document"/>
    <s v="Hemel Garden Communities"/>
    <x v="80"/>
    <s v="Programme Area"/>
    <s v="Off-site"/>
    <s v="Developer / Hertfordshire County Council "/>
    <s v="Herfordshire County Council"/>
    <s v="2026 - 2041"/>
    <m/>
    <m/>
    <x v="368"/>
    <m/>
    <s v="HCC active travel funding / S106 / S38 / S278"/>
    <n v="0"/>
    <n v="204200"/>
    <m/>
    <m/>
    <m/>
    <s v="Critical - HGC objectives"/>
    <x v="0"/>
    <x v="2"/>
    <x v="2"/>
    <x v="2"/>
    <x v="2"/>
    <x v="2"/>
    <x v="2"/>
    <s v="Yes"/>
    <m/>
    <m/>
    <m/>
    <m/>
    <m/>
    <m/>
    <m/>
    <m/>
    <m/>
    <m/>
    <m/>
    <m/>
    <m/>
    <m/>
    <m/>
    <m/>
    <m/>
    <m/>
    <m/>
    <m/>
    <m/>
    <m/>
    <m/>
    <m/>
    <m/>
    <m/>
    <m/>
    <m/>
    <m/>
    <m/>
    <m/>
    <m/>
    <m/>
    <m/>
    <m/>
    <n v="2470"/>
    <n v="82.672064777327932"/>
    <m/>
    <x v="2"/>
    <x v="196"/>
    <x v="203"/>
    <x v="200"/>
    <x v="194"/>
    <x v="200"/>
    <x v="183"/>
    <x v="191"/>
    <x v="2"/>
    <x v="2"/>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40"/>
    <s v="TR272"/>
    <s v="DBC LCWIP"/>
    <s v="Dacorum Borough Council"/>
    <x v="8"/>
    <x v="39"/>
    <s v="Driftway cut-through  - DBC LCWIP Scheme H34 – Walking"/>
    <m/>
    <s v="Driftway cut-through  - DBC LCWIP Scheme H34 – Walking_x000a__x000a_For further detail, refer to the draft DBC LCWIP document"/>
    <s v="Hemel Garden Communities"/>
    <x v="101"/>
    <s v="Programme Area"/>
    <s v="Off-site"/>
    <s v="Developer / Hertfordshire County Council "/>
    <s v="Herfordshire County Council"/>
    <s v="2026 - 2041"/>
    <m/>
    <m/>
    <x v="369"/>
    <m/>
    <s v="HCC active travel funding / S106 / S38 / S278"/>
    <n v="0"/>
    <n v="14407.8"/>
    <m/>
    <m/>
    <m/>
    <s v="Critical - HGC objectives"/>
    <x v="0"/>
    <x v="0"/>
    <x v="2"/>
    <x v="2"/>
    <x v="0"/>
    <x v="0"/>
    <x v="0"/>
    <m/>
    <m/>
    <m/>
    <m/>
    <m/>
    <m/>
    <m/>
    <m/>
    <m/>
    <m/>
    <m/>
    <m/>
    <m/>
    <m/>
    <m/>
    <m/>
    <m/>
    <m/>
    <m/>
    <m/>
    <m/>
    <m/>
    <m/>
    <m/>
    <m/>
    <m/>
    <m/>
    <m/>
    <m/>
    <m/>
    <m/>
    <m/>
    <m/>
    <m/>
    <m/>
    <m/>
    <n v="800"/>
    <n v="18.00975"/>
    <m/>
    <x v="2"/>
    <x v="2"/>
    <x v="204"/>
    <x v="201"/>
    <x v="2"/>
    <x v="2"/>
    <x v="2"/>
    <x v="2"/>
    <x v="2"/>
    <x v="2"/>
    <x v="2"/>
    <x v="2"/>
    <x v="2"/>
    <x v="2"/>
    <x v="2"/>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41"/>
    <s v="TR273"/>
    <s v="DBC LCWIP"/>
    <s v="Dacorum Borough Council"/>
    <x v="8"/>
    <x v="39"/>
    <s v="Cotterells Hill - DBC LCWIP Scheme H35 – Cycling"/>
    <m/>
    <s v="Cotterells Hill - DBC LCWIP Scheme H35 – Cycling_x000a__x000a_For further detail, refer to the draft DBC LCWIP document"/>
    <s v="Hemel Garden Communities"/>
    <x v="102"/>
    <s v="Programme Area"/>
    <s v="Off-site"/>
    <s v="Developer / Hertfordshire County Council "/>
    <s v="Herfordshire County Council"/>
    <s v="2026 - 2041"/>
    <m/>
    <m/>
    <x v="370"/>
    <m/>
    <s v="HCC active travel funding / S106 / S38 / S278"/>
    <n v="0"/>
    <n v="45302.799999999996"/>
    <m/>
    <m/>
    <m/>
    <s v="Critical - HGC objectives"/>
    <x v="0"/>
    <x v="2"/>
    <x v="2"/>
    <x v="2"/>
    <x v="2"/>
    <x v="0"/>
    <x v="0"/>
    <m/>
    <m/>
    <m/>
    <m/>
    <m/>
    <m/>
    <m/>
    <s v="Yes"/>
    <m/>
    <m/>
    <m/>
    <m/>
    <m/>
    <m/>
    <m/>
    <m/>
    <m/>
    <m/>
    <m/>
    <m/>
    <m/>
    <m/>
    <m/>
    <m/>
    <m/>
    <m/>
    <m/>
    <m/>
    <m/>
    <m/>
    <m/>
    <m/>
    <m/>
    <m/>
    <m/>
    <m/>
    <n v="1590"/>
    <n v="28.492327044025153"/>
    <m/>
    <x v="2"/>
    <x v="197"/>
    <x v="205"/>
    <x v="202"/>
    <x v="195"/>
    <x v="2"/>
    <x v="2"/>
    <x v="2"/>
    <x v="2"/>
    <x v="2"/>
    <x v="2"/>
    <x v="2"/>
    <x v="2"/>
    <x v="2"/>
    <x v="168"/>
    <x v="2"/>
    <x v="2"/>
    <m/>
    <m/>
    <m/>
    <m/>
    <m/>
    <m/>
    <m/>
    <m/>
    <m/>
    <m/>
    <m/>
    <m/>
    <m/>
    <m/>
    <m/>
    <m/>
    <m/>
    <m/>
    <m/>
    <m/>
    <m/>
    <m/>
    <x v="3"/>
    <x v="3"/>
    <x v="3"/>
    <x v="2"/>
    <m/>
    <m/>
    <m/>
    <m/>
    <m/>
    <s v="The Dacorum LCWIP is a partnership project between Dacorum Borough Council and Hertfordshire County Council and at the time of IDP preparation in August 2025 the LCWIP report is still in draft form after public consultation was carried out in Spring 2025. Some of the route infrastructure proposals and the cost estimates are subject to change, and routes may be delivered in a phased approach with sections of each route attributed to different lead infrastructure providers. Full details of the routes and initial cost estimates (with exclusions) can be found in the draft LCWIP report. When the LCWIP is fully adopted, the IDP should be updated to reflect changes to cost estimates and route proposals where relevant."/>
    <s v="Emerging Draft HCC / DBC Local Cycling and Walking Infrastructure Plan (LCWIP) (2025), Verified through engagement with HCC in August 2025"/>
    <m/>
  </r>
  <r>
    <m/>
    <n v="542"/>
    <s v="UT1"/>
    <s v="DBC IDP"/>
    <s v="Dacorum Borough Council"/>
    <x v="9"/>
    <x v="41"/>
    <s v="Replacement of transformers at Hemel North Primary substation "/>
    <m/>
    <s v="Replacement of the transformers at Hemel North Primary substation as part of the continual condition management of network assets. The existing substation is located off the A4147 (adjacent to Aldi). There are 2 x 33,000/11,000volt (33/11kV) units. UK Power Networks is evaluating the opportunities to install larger capacity transformers, the full utilisation of which would be dependent on replacement of the existing 11,000volt (11kV) switchgear and additional investment in the 33kV network from Piccotts End Grid substation (located to the North of Hemel Hempstead). Such additional works would be delivered subject to the needs case in RIIO-ED3 (next 5-year Regulatory period) or beyond and would likely form part of providing further capacity in support of development associated with Hemel Garden Communities."/>
    <s v="Hemel Garden Communities"/>
    <x v="16"/>
    <s v="Programme Area"/>
    <s v="Off-site"/>
    <s v="UKPN"/>
    <s v="UKPN"/>
    <s v="2026-2041"/>
    <m/>
    <m/>
    <x v="371"/>
    <n v="2750000"/>
    <s v="UKPN"/>
    <n v="0"/>
    <n v="0"/>
    <s v="Z - No Apportionment"/>
    <m/>
    <m/>
    <s v="Critical - Delivery"/>
    <x v="0"/>
    <x v="0"/>
    <x v="0"/>
    <x v="0"/>
    <x v="0"/>
    <x v="0"/>
    <x v="0"/>
    <m/>
    <m/>
    <m/>
    <m/>
    <m/>
    <m/>
    <m/>
    <m/>
    <m/>
    <m/>
    <m/>
    <m/>
    <m/>
    <m/>
    <m/>
    <m/>
    <m/>
    <m/>
    <m/>
    <m/>
    <m/>
    <m/>
    <m/>
    <m/>
    <m/>
    <m/>
    <m/>
    <m/>
    <m/>
    <m/>
    <m/>
    <m/>
    <m/>
    <m/>
    <m/>
    <m/>
    <n v="0"/>
    <m/>
    <m/>
    <x v="2"/>
    <x v="2"/>
    <x v="2"/>
    <x v="2"/>
    <x v="2"/>
    <x v="2"/>
    <x v="2"/>
    <x v="2"/>
    <x v="2"/>
    <x v="2"/>
    <x v="2"/>
    <x v="2"/>
    <x v="2"/>
    <x v="2"/>
    <x v="2"/>
    <x v="2"/>
    <x v="2"/>
    <s v=""/>
    <s v=""/>
    <s v=""/>
    <s v=""/>
    <s v=""/>
    <s v=""/>
    <s v=""/>
    <s v=""/>
    <s v=""/>
    <s v=""/>
    <s v=""/>
    <s v=""/>
    <s v=""/>
    <s v=""/>
    <m/>
    <m/>
    <m/>
    <m/>
    <m/>
    <m/>
    <m/>
    <m/>
    <x v="0"/>
    <x v="0"/>
    <x v="0"/>
    <x v="0"/>
    <n v="0"/>
    <n v="0"/>
    <n v="0"/>
    <n v="0"/>
    <s v="Cost provided during stakeholder engagement with UKPN, who will cover the full cost of provision. "/>
    <s v="Generally, in the UK electricity grid context, Ofgem does not make transformer upgrades the sole responsibility of developers, particularly for strategic upgrades or those deemed &quot;high cost&quot;. Transmission Owners (TOs), who own and operate the high-voltage onshore transmission networks, are typically responsible for these upgrades, funded through energy bills. However, developers of new generation projects may be responsible for upgrades needed for their connection to the grid."/>
    <s v="Scheme verified during stakeholder engagement with UKPN in 2024."/>
    <m/>
  </r>
  <r>
    <m/>
    <n v="543"/>
    <s v="UT2"/>
    <s v="SADC IDP"/>
    <s v="St Albans City &amp; District Council"/>
    <x v="9"/>
    <x v="41"/>
    <s v="National Grid Interface Substation"/>
    <m/>
    <s v="UKPN are currently in contract with National Grid to construct a new major 132kV grid interface substation which could support major demand increases and therefore reduce capacity constraints for residential developments."/>
    <s v="Dacorum-wide"/>
    <x v="16"/>
    <s v="Programme Area"/>
    <s v="Off-site"/>
    <s v="UKPN"/>
    <s v="UKPN"/>
    <s v="2025-2030"/>
    <m/>
    <m/>
    <x v="8"/>
    <m/>
    <s v="UKPN"/>
    <m/>
    <m/>
    <s v="Z - No Apportionment"/>
    <m/>
    <m/>
    <s v="Critical - Delivery"/>
    <x v="0"/>
    <x v="0"/>
    <x v="0"/>
    <x v="0"/>
    <x v="0"/>
    <x v="0"/>
    <x v="0"/>
    <m/>
    <m/>
    <m/>
    <m/>
    <m/>
    <m/>
    <m/>
    <m/>
    <m/>
    <m/>
    <m/>
    <m/>
    <m/>
    <m/>
    <m/>
    <m/>
    <m/>
    <m/>
    <m/>
    <m/>
    <m/>
    <m/>
    <m/>
    <m/>
    <m/>
    <m/>
    <m/>
    <m/>
    <m/>
    <m/>
    <m/>
    <m/>
    <m/>
    <m/>
    <m/>
    <m/>
    <n v="0"/>
    <m/>
    <m/>
    <x v="2"/>
    <x v="2"/>
    <x v="2"/>
    <x v="2"/>
    <x v="2"/>
    <x v="2"/>
    <x v="2"/>
    <x v="2"/>
    <x v="2"/>
    <x v="2"/>
    <x v="2"/>
    <x v="2"/>
    <x v="2"/>
    <x v="2"/>
    <x v="2"/>
    <x v="2"/>
    <x v="2"/>
    <s v=""/>
    <s v=""/>
    <s v=""/>
    <s v=""/>
    <s v=""/>
    <s v=""/>
    <s v=""/>
    <s v=""/>
    <s v=""/>
    <s v=""/>
    <s v=""/>
    <s v=""/>
    <s v=""/>
    <s v=""/>
    <m/>
    <m/>
    <m/>
    <m/>
    <m/>
    <m/>
    <m/>
    <m/>
    <x v="0"/>
    <x v="0"/>
    <x v="0"/>
    <x v="0"/>
    <n v="0"/>
    <n v="0"/>
    <n v="0"/>
    <n v="0"/>
    <s v="Cost provided during stakeholder engagement with UKPN, who will cover the full cost of provision. "/>
    <s v="Generally, in the UK electricity grid context, Ofgem does not make transformer upgrades the sole responsibility of developers, particularly for strategic upgrades or those deemed &quot;high cost&quot;. Transmission Owners (TOs), who own and operate the high-voltage onshore transmission networks, are typically responsible for these upgrades, funded through energy bills. However, developers of new generation projects may be responsible for upgrades needed for their connection to the grid."/>
    <s v="Scheme verified during stakeholder engagement with UKPN in 2024."/>
    <m/>
  </r>
  <r>
    <m/>
    <n v="544"/>
    <s v="UT3"/>
    <s v="DBC IDP &amp; SADC IDP"/>
    <s v="Dacorum Borough Council &amp; St Albans City &amp; District Council"/>
    <x v="9"/>
    <x v="42"/>
    <s v="Intermediate pressure regulator at Hemel Hempstead"/>
    <m/>
    <s v="New intermediate pressure regulator needed for Hemel Garden Communities if residential developments cause a significant demand increase."/>
    <s v="Hemel Garden Communities"/>
    <x v="16"/>
    <s v="Programme Area"/>
    <s v="Off-site"/>
    <s v="Cadent Gas"/>
    <s v="Cadent Gas"/>
    <s v="2025-2026"/>
    <m/>
    <m/>
    <x v="1"/>
    <n v="1500000"/>
    <s v="Cadent Gas"/>
    <n v="0"/>
    <n v="0"/>
    <s v="Z - No Apportionment"/>
    <m/>
    <m/>
    <s v="Critical - Delivery"/>
    <x v="0"/>
    <x v="0"/>
    <x v="0"/>
    <x v="0"/>
    <x v="0"/>
    <x v="0"/>
    <x v="0"/>
    <m/>
    <m/>
    <m/>
    <m/>
    <m/>
    <m/>
    <m/>
    <m/>
    <m/>
    <m/>
    <m/>
    <m/>
    <m/>
    <m/>
    <m/>
    <m/>
    <m/>
    <m/>
    <m/>
    <m/>
    <m/>
    <m/>
    <m/>
    <m/>
    <m/>
    <m/>
    <m/>
    <m/>
    <m/>
    <m/>
    <m/>
    <m/>
    <m/>
    <m/>
    <m/>
    <m/>
    <n v="0"/>
    <m/>
    <m/>
    <x v="2"/>
    <x v="2"/>
    <x v="2"/>
    <x v="2"/>
    <x v="2"/>
    <x v="2"/>
    <x v="2"/>
    <x v="2"/>
    <x v="2"/>
    <x v="2"/>
    <x v="2"/>
    <x v="2"/>
    <x v="2"/>
    <x v="2"/>
    <x v="2"/>
    <x v="2"/>
    <x v="2"/>
    <s v=""/>
    <s v=""/>
    <s v=""/>
    <s v=""/>
    <s v=""/>
    <s v=""/>
    <s v=""/>
    <s v=""/>
    <s v=""/>
    <s v=""/>
    <s v=""/>
    <s v=""/>
    <s v=""/>
    <s v=""/>
    <m/>
    <m/>
    <m/>
    <m/>
    <m/>
    <m/>
    <m/>
    <m/>
    <x v="0"/>
    <x v="0"/>
    <x v="0"/>
    <x v="0"/>
    <n v="0"/>
    <n v="0"/>
    <n v="0"/>
    <n v="0"/>
    <s v="Cost provided during stakeholder engagement with Cadent Gas, who will cover the full cost of provision. "/>
    <s v="Intermediate pressure regulators are used to regulate the pressure of gas flowing through the gas network, ensuring a safe and consistent supply to homes and businesses. Cadent Gas's role includes managing these regulators and ensuring their proper functioning. "/>
    <s v="Scheme verified during stakeholder engagement with Cadent Gas in 2024."/>
    <m/>
  </r>
  <r>
    <m/>
    <n v="545"/>
    <s v="UT4"/>
    <s v="SADC IDP"/>
    <s v="St Albans City &amp; District Council"/>
    <x v="9"/>
    <x v="43"/>
    <s v="Transfer water from Heronsgate to Clay Lane and Bushey."/>
    <m/>
    <s v="Improve the connectivity between WRZ1 and WRZ2._x000a_700mm pipeline, 6km long, 40 Ml/d of pumping"/>
    <s v="Dacorum-wide"/>
    <x v="16"/>
    <s v="Programme Area"/>
    <s v="Off-site"/>
    <s v="Affinity Water"/>
    <s v="Affinity Water"/>
    <s v="2040-2045"/>
    <m/>
    <m/>
    <x v="8"/>
    <m/>
    <s v="Affinity Water"/>
    <m/>
    <m/>
    <s v="Z - No Apportionment"/>
    <m/>
    <m/>
    <s v="Critical - Delivery"/>
    <x v="0"/>
    <x v="0"/>
    <x v="0"/>
    <x v="0"/>
    <x v="0"/>
    <x v="0"/>
    <x v="0"/>
    <m/>
    <m/>
    <m/>
    <m/>
    <m/>
    <m/>
    <m/>
    <m/>
    <m/>
    <m/>
    <m/>
    <m/>
    <m/>
    <m/>
    <m/>
    <m/>
    <m/>
    <m/>
    <m/>
    <m/>
    <m/>
    <m/>
    <m/>
    <m/>
    <m/>
    <m/>
    <m/>
    <m/>
    <m/>
    <m/>
    <m/>
    <m/>
    <m/>
    <m/>
    <m/>
    <m/>
    <n v="0"/>
    <m/>
    <m/>
    <x v="2"/>
    <x v="2"/>
    <x v="2"/>
    <x v="2"/>
    <x v="2"/>
    <x v="2"/>
    <x v="2"/>
    <x v="2"/>
    <x v="2"/>
    <x v="2"/>
    <x v="2"/>
    <x v="2"/>
    <x v="2"/>
    <x v="2"/>
    <x v="2"/>
    <x v="2"/>
    <x v="2"/>
    <s v=""/>
    <s v=""/>
    <s v=""/>
    <s v=""/>
    <s v=""/>
    <s v=""/>
    <s v=""/>
    <s v=""/>
    <s v=""/>
    <s v=""/>
    <s v=""/>
    <s v=""/>
    <s v=""/>
    <s v=""/>
    <m/>
    <m/>
    <m/>
    <m/>
    <m/>
    <m/>
    <m/>
    <m/>
    <x v="0"/>
    <x v="0"/>
    <x v="0"/>
    <x v="0"/>
    <n v="0"/>
    <n v="0"/>
    <n v="0"/>
    <n v="0"/>
    <s v="No cost provided by Affinity Water, but they will cover the full cost of provision. "/>
    <s v="It is acknowledged that the infrastructure may exceed the district boundary but it is required to support growth coming forward in SADC. "/>
    <s v="Draft Final Water Resource Management Plan 2020-2080 (2019), verified through stakeholder engagement for the SADC IDP in May 2023."/>
    <m/>
  </r>
  <r>
    <m/>
    <n v="546"/>
    <s v="UT5"/>
    <s v="SADC IDP"/>
    <s v="St Albans City &amp; District Council"/>
    <x v="9"/>
    <x v="43"/>
    <s v="Transfer water from The Grove valve, Hemel Hempstead - Licence Relocation and Booster Pumping Station."/>
    <m/>
    <s v="Improve water transfer from WRZ2._x000a_25 Ml/d of pumping"/>
    <s v="Dacorum-wide"/>
    <x v="16"/>
    <s v="Programme Area"/>
    <s v="Off-site"/>
    <s v="Affinity Water"/>
    <s v="Affinity Water"/>
    <s v="2025-2030"/>
    <m/>
    <m/>
    <x v="8"/>
    <m/>
    <s v="Affinity Water"/>
    <m/>
    <m/>
    <s v="Z - No Apportionment"/>
    <m/>
    <m/>
    <s v="Critical - Delivery"/>
    <x v="0"/>
    <x v="0"/>
    <x v="0"/>
    <x v="0"/>
    <x v="0"/>
    <x v="0"/>
    <x v="0"/>
    <m/>
    <m/>
    <m/>
    <m/>
    <m/>
    <m/>
    <m/>
    <m/>
    <m/>
    <m/>
    <m/>
    <m/>
    <m/>
    <m/>
    <m/>
    <m/>
    <m/>
    <m/>
    <m/>
    <m/>
    <m/>
    <m/>
    <m/>
    <m/>
    <m/>
    <m/>
    <m/>
    <m/>
    <m/>
    <m/>
    <m/>
    <m/>
    <m/>
    <m/>
    <m/>
    <m/>
    <n v="0"/>
    <m/>
    <m/>
    <x v="2"/>
    <x v="2"/>
    <x v="2"/>
    <x v="2"/>
    <x v="2"/>
    <x v="2"/>
    <x v="2"/>
    <x v="2"/>
    <x v="2"/>
    <x v="2"/>
    <x v="2"/>
    <x v="2"/>
    <x v="2"/>
    <x v="2"/>
    <x v="2"/>
    <x v="2"/>
    <x v="2"/>
    <s v=""/>
    <s v=""/>
    <s v=""/>
    <s v=""/>
    <s v=""/>
    <s v=""/>
    <s v=""/>
    <s v=""/>
    <s v=""/>
    <s v=""/>
    <s v=""/>
    <s v=""/>
    <s v=""/>
    <s v=""/>
    <m/>
    <m/>
    <m/>
    <m/>
    <m/>
    <m/>
    <m/>
    <m/>
    <x v="0"/>
    <x v="0"/>
    <x v="0"/>
    <x v="0"/>
    <n v="0"/>
    <n v="0"/>
    <n v="0"/>
    <n v="0"/>
    <s v="No cost provided by Affinity Water, but they will cover the full cost of provision. "/>
    <s v="It is acknowledged that the infrastructure may exceed the district boundary but it is required to support growth coming forward in SADC. "/>
    <s v="Draft Final Water Resource Management Plan 2020-2080 (2019), verified through stakeholder engagement for the SADC IDP in May 2023."/>
    <m/>
  </r>
  <r>
    <m/>
    <n v="547"/>
    <s v="UT6"/>
    <s v="DBC IDP"/>
    <s v="Dacorum Borough Council"/>
    <x v="9"/>
    <x v="44"/>
    <s v="Potable water reinforcement schemes "/>
    <m/>
    <s v="Reinforcements required with the aim to recover the current level of service and the loss of capacity in the network due to the additional load imposed by all projected development. Refer to Local Plan for site-specific constraints. "/>
    <s v="Dacorum-wide"/>
    <x v="16"/>
    <s v="Programme Area"/>
    <s v="Off-site"/>
    <s v="Affinity Water "/>
    <s v="Affinity Water "/>
    <s v="2026-2041"/>
    <m/>
    <m/>
    <x v="8"/>
    <m/>
    <s v="Affinity Water"/>
    <m/>
    <m/>
    <s v="Z - No Apportionment"/>
    <m/>
    <m/>
    <s v="Critical - Delivery"/>
    <x v="0"/>
    <x v="0"/>
    <x v="0"/>
    <x v="0"/>
    <x v="0"/>
    <x v="0"/>
    <x v="0"/>
    <m/>
    <m/>
    <m/>
    <m/>
    <m/>
    <m/>
    <m/>
    <m/>
    <m/>
    <m/>
    <m/>
    <m/>
    <m/>
    <m/>
    <m/>
    <m/>
    <m/>
    <m/>
    <m/>
    <m/>
    <m/>
    <m/>
    <m/>
    <m/>
    <m/>
    <m/>
    <m/>
    <m/>
    <m/>
    <m/>
    <m/>
    <m/>
    <m/>
    <m/>
    <m/>
    <m/>
    <n v="0"/>
    <m/>
    <m/>
    <x v="2"/>
    <x v="2"/>
    <x v="2"/>
    <x v="2"/>
    <x v="2"/>
    <x v="2"/>
    <x v="2"/>
    <x v="2"/>
    <x v="2"/>
    <x v="2"/>
    <x v="2"/>
    <x v="2"/>
    <x v="2"/>
    <x v="2"/>
    <x v="2"/>
    <x v="2"/>
    <x v="2"/>
    <s v=""/>
    <s v=""/>
    <s v=""/>
    <s v=""/>
    <s v=""/>
    <s v=""/>
    <s v=""/>
    <s v=""/>
    <s v=""/>
    <s v=""/>
    <s v=""/>
    <s v=""/>
    <s v=""/>
    <s v=""/>
    <m/>
    <m/>
    <m/>
    <m/>
    <m/>
    <m/>
    <m/>
    <m/>
    <x v="0"/>
    <x v="0"/>
    <x v="0"/>
    <x v="0"/>
    <n v="0"/>
    <n v="0"/>
    <n v="0"/>
    <n v="0"/>
    <s v="No cost provided by Affinity Water, but they will cover the full cost of provision. "/>
    <m/>
    <s v="Scheme verified through DBC Regulation 19 Local Plan consultation representations from Affinity Water."/>
    <m/>
  </r>
  <r>
    <m/>
    <n v="548"/>
    <s v="UT7"/>
    <s v="DBC IDP"/>
    <s v="Dacorum Borough Council"/>
    <x v="9"/>
    <x v="45"/>
    <s v="Upgrades to the Waste Water Network"/>
    <m/>
    <s v="Updates to the waste water network, applicable to Dunsley Farm in Tring and North Hemel - the scale of development/s is likely to require upgrades to the wastewater network. "/>
    <s v="Hemel Hempstead/Tring"/>
    <x v="16"/>
    <s v="Programme Area"/>
    <s v="Off-site"/>
    <s v="Thames Water"/>
    <s v="Thames Water"/>
    <s v="2025-2041"/>
    <m/>
    <m/>
    <x v="8"/>
    <m/>
    <s v="Thames Water"/>
    <m/>
    <m/>
    <s v="Z - No Apportionment"/>
    <m/>
    <m/>
    <s v="Critical - Delivery"/>
    <x v="0"/>
    <x v="0"/>
    <x v="0"/>
    <x v="0"/>
    <x v="0"/>
    <x v="0"/>
    <x v="0"/>
    <m/>
    <m/>
    <m/>
    <m/>
    <m/>
    <m/>
    <m/>
    <m/>
    <m/>
    <m/>
    <m/>
    <m/>
    <m/>
    <m/>
    <m/>
    <m/>
    <m/>
    <m/>
    <m/>
    <m/>
    <m/>
    <m/>
    <m/>
    <m/>
    <m/>
    <m/>
    <m/>
    <m/>
    <m/>
    <m/>
    <m/>
    <m/>
    <m/>
    <m/>
    <m/>
    <m/>
    <n v="0"/>
    <m/>
    <m/>
    <x v="2"/>
    <x v="2"/>
    <x v="2"/>
    <x v="2"/>
    <x v="2"/>
    <x v="2"/>
    <x v="2"/>
    <x v="2"/>
    <x v="2"/>
    <x v="2"/>
    <x v="2"/>
    <x v="2"/>
    <x v="2"/>
    <x v="2"/>
    <x v="2"/>
    <x v="2"/>
    <x v="2"/>
    <s v=""/>
    <s v=""/>
    <s v=""/>
    <s v=""/>
    <s v=""/>
    <s v=""/>
    <s v=""/>
    <s v=""/>
    <s v=""/>
    <s v=""/>
    <s v=""/>
    <s v=""/>
    <s v=""/>
    <s v=""/>
    <m/>
    <m/>
    <m/>
    <m/>
    <m/>
    <m/>
    <m/>
    <m/>
    <x v="0"/>
    <x v="0"/>
    <x v="0"/>
    <x v="0"/>
    <n v="0"/>
    <n v="0"/>
    <n v="0"/>
    <n v="0"/>
    <s v="No cost provided by Thames Water, but they will cover the full cost of provision. "/>
    <m/>
    <s v="Scheme verified through DBC Regulation 19 Local Plan consultation representations from Thames Water."/>
    <m/>
  </r>
  <r>
    <m/>
    <n v="549"/>
    <s v="WS1"/>
    <s v="DBC IDP"/>
    <s v="Dacorum Borough Council"/>
    <x v="10"/>
    <x v="46"/>
    <s v="Expansion or relocation of Cupid Green Depot"/>
    <m/>
    <s v="Expansion or relocation of Cupid Green Depot, a depot with electric infrastructure to accommodate neighbourhood services including waste, in line with planned growth. Estimated to require approximately 21,000sqm."/>
    <s v="Dacorum-wide"/>
    <x v="103"/>
    <s v="Programme Area"/>
    <s v="Off-site"/>
    <s v="Dacorum Borough Council"/>
    <s v="Dacorum Borough Council "/>
    <s v="TBC"/>
    <m/>
    <m/>
    <x v="125"/>
    <m/>
    <s v="S106"/>
    <m/>
    <m/>
    <s v="A - Per dwelling"/>
    <m/>
    <m/>
    <s v="Essential"/>
    <x v="0"/>
    <x v="0"/>
    <x v="0"/>
    <x v="0"/>
    <x v="0"/>
    <x v="0"/>
    <x v="0"/>
    <m/>
    <m/>
    <m/>
    <m/>
    <m/>
    <m/>
    <m/>
    <m/>
    <m/>
    <m/>
    <m/>
    <m/>
    <m/>
    <m/>
    <m/>
    <m/>
    <m/>
    <m/>
    <m/>
    <m/>
    <m/>
    <m/>
    <m/>
    <m/>
    <m/>
    <m/>
    <m/>
    <m/>
    <m/>
    <m/>
    <m/>
    <m/>
    <m/>
    <m/>
    <m/>
    <m/>
    <n v="0"/>
    <m/>
    <m/>
    <x v="2"/>
    <x v="2"/>
    <x v="2"/>
    <x v="2"/>
    <x v="2"/>
    <x v="2"/>
    <x v="2"/>
    <x v="2"/>
    <x v="2"/>
    <x v="2"/>
    <x v="2"/>
    <x v="2"/>
    <x v="2"/>
    <x v="2"/>
    <x v="2"/>
    <x v="2"/>
    <x v="2"/>
    <s v=""/>
    <s v=""/>
    <s v=""/>
    <s v=""/>
    <s v=""/>
    <s v=""/>
    <s v=""/>
    <s v=""/>
    <s v=""/>
    <s v=""/>
    <s v=""/>
    <s v=""/>
    <s v=""/>
    <s v=""/>
    <s v=""/>
    <s v=""/>
    <s v=""/>
    <s v=""/>
    <s v=""/>
    <s v=""/>
    <s v=""/>
    <s v=""/>
    <x v="3"/>
    <x v="3"/>
    <x v="3"/>
    <x v="2"/>
    <n v="0"/>
    <n v="0"/>
    <n v="0"/>
    <n v="0"/>
    <s v="No cost has been provided by HCC, however, it is likely that developers will be expected to contribute to this project, determined at the planning application stage."/>
    <s v="If relocation is progressed, then any receipt from land disposal of existing site should be maximised and used to fund reprovision on an alternative site. _x000a__x000a_Any contribution should be proportionate to meet provision required for new homes and developers are not expected to make contributions for capacity to serve existing residents or to meet existing shortfall in provision."/>
    <s v="Stakeholder engagement with HCC on the DBC IDP in August 2024, verified for HGC IDP June 2025."/>
    <m/>
  </r>
  <r>
    <m/>
    <n v="550"/>
    <s v="WS2"/>
    <s v="DBC IDP"/>
    <s v="Dacorum Borough Council &amp; St Albans City &amp; District Council"/>
    <x v="10"/>
    <x v="46"/>
    <s v="New Recycling Centre at Hemel Hempstead"/>
    <m/>
    <s v="Delivery of a new Recycling Centre within the Programme Area (Location needs to be identified)"/>
    <s v="Hemel Garden Communities"/>
    <x v="103"/>
    <s v="Programme Area"/>
    <s v="On-site"/>
    <s v="Developer / Hertfordshire County Council "/>
    <s v="Hertfordshire County Council"/>
    <s v="2026-2032"/>
    <m/>
    <m/>
    <x v="372"/>
    <m/>
    <s v="S106 / External Funding"/>
    <n v="5136157"/>
    <n v="2569415"/>
    <s v="A - Per dwelling"/>
    <m/>
    <m/>
    <s v="Essential"/>
    <x v="2"/>
    <x v="2"/>
    <x v="2"/>
    <x v="2"/>
    <x v="2"/>
    <x v="2"/>
    <x v="2"/>
    <s v="Yes"/>
    <s v="Yes"/>
    <s v="Yes"/>
    <s v="Yes"/>
    <s v="Yes"/>
    <s v="Yes"/>
    <s v="Yes"/>
    <s v="Yes"/>
    <s v="Yes"/>
    <s v="Yes"/>
    <m/>
    <m/>
    <m/>
    <m/>
    <m/>
    <m/>
    <m/>
    <m/>
    <m/>
    <m/>
    <m/>
    <m/>
    <m/>
    <m/>
    <m/>
    <m/>
    <m/>
    <m/>
    <m/>
    <m/>
    <m/>
    <m/>
    <s v="Yes"/>
    <s v="Yes"/>
    <s v="Yes"/>
    <m/>
    <n v="18054"/>
    <n v="142.31832280934972"/>
    <m/>
    <x v="202"/>
    <x v="198"/>
    <x v="206"/>
    <x v="203"/>
    <x v="196"/>
    <x v="201"/>
    <x v="184"/>
    <x v="192"/>
    <x v="180"/>
    <x v="195"/>
    <x v="196"/>
    <x v="169"/>
    <x v="181"/>
    <x v="189"/>
    <x v="169"/>
    <x v="159"/>
    <x v="133"/>
    <s v=""/>
    <s v=""/>
    <s v=""/>
    <s v=""/>
    <s v=""/>
    <s v=""/>
    <s v=""/>
    <s v=""/>
    <s v=""/>
    <s v=""/>
    <s v=""/>
    <s v=""/>
    <s v=""/>
    <s v=""/>
    <s v=""/>
    <s v=""/>
    <s v=""/>
    <s v=""/>
    <s v=""/>
    <s v=""/>
    <s v=""/>
    <s v=""/>
    <x v="180"/>
    <x v="183"/>
    <x v="187"/>
    <x v="2"/>
    <n v="1786664.2245485769"/>
    <n v="782750.77545142348"/>
    <n v="0"/>
    <n v="0"/>
    <s v="Total cost has been provided by HCC, and is indexed to Q1 2023. The indicative cost to be apportioned to the Programme Area for the replacement recycling centre is £2,569,415 (plus additional land costs when a location has been identified) for an estimated additional 46,088 users. This has been calculated by dividing the project build cost by the population in the RC's catchment area, which gives a per person cost of £55.75 x 46,088 = £2,569,415 (allowing a small difference due to rounding). "/>
    <s v="HCC are progressing site search and work on the recycling centre, and therefore known project details are limited, however HCC have advised that it is likely that there will be a funding gap for the delivery of this infrastructure item. Further work is being undertaken and the scheme is subject to further feasibility and evidence work."/>
    <s v="Stakeholder engagement with HCC on the DBC IDP in August 2024, verified for HGC IDP June 2025."/>
    <m/>
  </r>
  <r>
    <m/>
    <n v="551"/>
    <s v="WS3"/>
    <s v="New Scheme"/>
    <s v="Three Rivers District Council"/>
    <x v="10"/>
    <x v="46"/>
    <s v="Expansion and new shredding facility at Waterdale Waste Transfer Station"/>
    <m/>
    <s v="Improvements to the infrastructure at Waterdale WTS are needed in order improve resilience, increase capacity and assist with the efficient management of residual local authority collected waste (LACW) from Dacorum so it is capable of meeting the demand from planned growth. "/>
    <s v="Hemel Garden Communities"/>
    <x v="103"/>
    <s v="Programme Area"/>
    <s v="Off-site"/>
    <s v="Hertfordshire County Council "/>
    <s v="Hertfordshire County Council"/>
    <s v="2025-2027 (forward funded by HCC) "/>
    <m/>
    <m/>
    <x v="373"/>
    <m/>
    <s v="S106"/>
    <n v="25611596"/>
    <n v="2107404"/>
    <s v="A - Per dwelling"/>
    <m/>
    <m/>
    <s v="Essential"/>
    <x v="2"/>
    <x v="2"/>
    <x v="2"/>
    <x v="2"/>
    <x v="2"/>
    <x v="2"/>
    <x v="2"/>
    <s v="Yes"/>
    <s v="Yes"/>
    <s v="Yes"/>
    <s v="Yes"/>
    <s v="Yes"/>
    <s v="Yes"/>
    <s v="Yes"/>
    <s v="Yes"/>
    <s v="Yes"/>
    <s v="Yes"/>
    <s v="Yes"/>
    <s v="Yes"/>
    <s v="Yes"/>
    <s v="Yes"/>
    <s v="Yes"/>
    <s v="Yes"/>
    <s v="Yes"/>
    <s v="Yes"/>
    <s v="Yes"/>
    <s v="Yes"/>
    <s v="Yes"/>
    <s v="Yes"/>
    <s v="Yes"/>
    <s v="Yes"/>
    <m/>
    <m/>
    <m/>
    <m/>
    <m/>
    <m/>
    <m/>
    <m/>
    <s v="Yes"/>
    <s v="Yes"/>
    <s v="Yes"/>
    <m/>
    <n v="22414"/>
    <n v="94.021772106719013"/>
    <m/>
    <x v="203"/>
    <x v="199"/>
    <x v="207"/>
    <x v="204"/>
    <x v="197"/>
    <x v="202"/>
    <x v="185"/>
    <x v="193"/>
    <x v="181"/>
    <x v="196"/>
    <x v="197"/>
    <x v="170"/>
    <x v="182"/>
    <x v="190"/>
    <x v="170"/>
    <x v="160"/>
    <x v="134"/>
    <n v="72866.873382707228"/>
    <n v="9402.1772106719018"/>
    <n v="9402.1772106719018"/>
    <n v="28394.57517622914"/>
    <n v="23505.443026679754"/>
    <n v="37608.708842687607"/>
    <n v="131630.48094940663"/>
    <n v="18898.37619345052"/>
    <n v="20402.724547158025"/>
    <n v="2914.6749353082896"/>
    <n v="6299.4587311501737"/>
    <n v="14103.265816007852"/>
    <n v="2914.6749353082896"/>
    <n v="31591.315427857589"/>
    <s v=""/>
    <s v=""/>
    <s v=""/>
    <s v=""/>
    <s v=""/>
    <s v=""/>
    <s v=""/>
    <s v=""/>
    <x v="181"/>
    <x v="184"/>
    <x v="188"/>
    <x v="2"/>
    <n v="1180349.3270277504"/>
    <n v="517119.74658695457"/>
    <n v="409934.92638529482"/>
    <n v="0"/>
    <s v="The catchment for Waterdale Transfer Station covers all South West districts (DBC, SADC, HBC, TRDC and WBC), and therefore contributions will be sought from across south-west Herts._x000a__x000a_The cost of this project has risen quite substantially since 2022 due to HCC having to purchase a piece of land and other additional costs, so the project cost now stands at £27,719,000. The indicative cost to be apportioned to the Programme Area for an estimated additional 46,088 service users (for the Programme Area) is £2,107,404. This works out as £45.73 per person indexed to Q1 2024. _x000a__x000a_HCC have also advised that it is likely that some external funding (through HCC) will be available to support the delivery of this item, and therefore the remaining cost will be apportioned to all developers within the programme area, as well as DBC Local Plan sites."/>
    <m/>
    <s v="Stakeholder engagement with HCC on the DBC IDP in August 2024, verified for HGC IDP June 2025."/>
    <m/>
  </r>
</pivotCacheRecords>
</file>

<file path=xl/pivotTables/_rels/pivotTable1.xml.rels><?xml version="1.0" encoding="UTF-8" standalone="yes"?>
<Relationships xmlns="http://schemas.openxmlformats.org/package/2006/relationships"><Relationship Id="rId1" Type="http://schemas.openxmlformats.org/officeDocument/2006/relationships/pivotCacheDefinition" Target="../pivotCache/pivotCacheDefinition3.xml"/></Relationships>
</file>

<file path=xl/pivotTables/_rels/pivotTable2.xml.rels><?xml version="1.0" encoding="UTF-8" standalone="yes"?>
<Relationships xmlns="http://schemas.openxmlformats.org/package/2006/relationships"><Relationship Id="rId1" Type="http://schemas.openxmlformats.org/officeDocument/2006/relationships/pivotCacheDefinition" Target="../pivotCache/pivotCacheDefinition2.xml"/></Relationships>
</file>

<file path=xl/pivotTables/_rels/pivotTable3.xml.rels><?xml version="1.0" encoding="UTF-8" standalone="yes"?>
<Relationships xmlns="http://schemas.openxmlformats.org/package/2006/relationships"><Relationship Id="rId1" Type="http://schemas.openxmlformats.org/officeDocument/2006/relationships/pivotCacheDefinition" Target="../pivotCache/pivotCacheDefinition1.xml"/></Relationships>
</file>

<file path=xl/pivotTables/pivotTable1.xml><?xml version="1.0" encoding="utf-8"?>
<pivotTableDefinition xmlns="http://schemas.openxmlformats.org/spreadsheetml/2006/main" xmlns:mc="http://schemas.openxmlformats.org/markup-compatibility/2006" xmlns:xr="http://schemas.microsoft.com/office/spreadsheetml/2014/revision" mc:Ignorable="xr" xr:uid="{579BCF0B-7264-4D40-A5EC-C197A7180747}" name="PivotTable1" cacheId="2" applyNumberFormats="0" applyBorderFormats="0" applyFontFormats="0" applyPatternFormats="0" applyAlignmentFormats="0" applyWidthHeightFormats="1" dataCaption="Values" updatedVersion="8" minRefreshableVersion="3" useAutoFormatting="1" itemPrintTitles="1" createdVersion="8" indent="0" outline="1" outlineData="1" multipleFieldFilters="0">
  <location ref="A1:B60" firstHeaderRow="1" firstDataRow="1" firstDataCol="1"/>
  <pivotFields count="125">
    <pivotField showAll="0"/>
    <pivotField showAll="0"/>
    <pivotField showAll="0"/>
    <pivotField showAll="0"/>
    <pivotField showAll="0"/>
    <pivotField axis="axisRow" showAll="0">
      <items count="12">
        <item x="1"/>
        <item x="2"/>
        <item x="3"/>
        <item x="4"/>
        <item x="5"/>
        <item x="6"/>
        <item x="7"/>
        <item x="8"/>
        <item x="9"/>
        <item x="10"/>
        <item x="0"/>
        <item t="default"/>
      </items>
    </pivotField>
    <pivotField axis="axisRow" showAll="0">
      <items count="48">
        <item x="39"/>
        <item x="40"/>
        <item x="28"/>
        <item x="21"/>
        <item x="29"/>
        <item x="22"/>
        <item x="6"/>
        <item x="7"/>
        <item x="8"/>
        <item x="5"/>
        <item x="2"/>
        <item x="1"/>
        <item x="41"/>
        <item x="42"/>
        <item x="12"/>
        <item x="34"/>
        <item x="38"/>
        <item x="3"/>
        <item x="16"/>
        <item x="18"/>
        <item x="35"/>
        <item x="20"/>
        <item x="23"/>
        <item x="19"/>
        <item x="30"/>
        <item x="13"/>
        <item x="43"/>
        <item x="44"/>
        <item x="26"/>
        <item x="9"/>
        <item x="25"/>
        <item x="24"/>
        <item x="36"/>
        <item x="37"/>
        <item x="10"/>
        <item x="27"/>
        <item x="11"/>
        <item x="31"/>
        <item x="17"/>
        <item x="14"/>
        <item x="15"/>
        <item x="32"/>
        <item x="46"/>
        <item x="45"/>
        <item x="33"/>
        <item x="4"/>
        <item x="0"/>
        <item t="default"/>
      </items>
    </pivotField>
    <pivotField showAll="0"/>
    <pivotField showAll="0"/>
    <pivotField showAll="0"/>
    <pivotField showAll="0"/>
    <pivotField showAll="0"/>
    <pivotField showAll="0"/>
    <pivotField showAll="0"/>
    <pivotField showAll="0"/>
    <pivotField showAll="0"/>
    <pivotField showAll="0"/>
    <pivotField showAll="0"/>
    <pivotField showAll="0"/>
    <pivotField dataField="1" showAll="0">
      <items count="375">
        <item x="241"/>
        <item x="210"/>
        <item x="242"/>
        <item x="247"/>
        <item x="305"/>
        <item x="274"/>
        <item x="282"/>
        <item x="248"/>
        <item x="237"/>
        <item x="215"/>
        <item x="276"/>
        <item x="277"/>
        <item x="219"/>
        <item x="218"/>
        <item x="290"/>
        <item x="285"/>
        <item x="298"/>
        <item x="187"/>
        <item x="270"/>
        <item x="211"/>
        <item x="259"/>
        <item x="313"/>
        <item x="271"/>
        <item x="252"/>
        <item x="260"/>
        <item x="268"/>
        <item x="69"/>
        <item x="369"/>
        <item x="68"/>
        <item x="212"/>
        <item x="220"/>
        <item x="209"/>
        <item x="63"/>
        <item x="189"/>
        <item x="246"/>
        <item x="233"/>
        <item x="85"/>
        <item x="269"/>
        <item x="208"/>
        <item x="84"/>
        <item x="217"/>
        <item x="79"/>
        <item x="286"/>
        <item x="214"/>
        <item x="191"/>
        <item x="59"/>
        <item x="197"/>
        <item x="267"/>
        <item x="224"/>
        <item x="358"/>
        <item x="234"/>
        <item x="66"/>
        <item x="43"/>
        <item x="370"/>
        <item x="239"/>
        <item x="221"/>
        <item x="264"/>
        <item x="254"/>
        <item x="9"/>
        <item x="77"/>
        <item x="176"/>
        <item x="61"/>
        <item x="250"/>
        <item x="101"/>
        <item x="50"/>
        <item x="275"/>
        <item x="184"/>
        <item x="177"/>
        <item x="291"/>
        <item x="183"/>
        <item x="64"/>
        <item x="206"/>
        <item x="273"/>
        <item x="82"/>
        <item x="100"/>
        <item x="231"/>
        <item x="366"/>
        <item x="95"/>
        <item x="60"/>
        <item x="51"/>
        <item x="65"/>
        <item x="226"/>
        <item x="62"/>
        <item x="159"/>
        <item x="117"/>
        <item x="225"/>
        <item x="52"/>
        <item x="279"/>
        <item x="173"/>
        <item x="158"/>
        <item x="116"/>
        <item x="45"/>
        <item x="76"/>
        <item x="47"/>
        <item x="236"/>
        <item x="178"/>
        <item x="304"/>
        <item x="296"/>
        <item x="153"/>
        <item x="111"/>
        <item x="243"/>
        <item x="80"/>
        <item x="289"/>
        <item x="162"/>
        <item x="323"/>
        <item x="278"/>
        <item x="67"/>
        <item x="143"/>
        <item x="325"/>
        <item x="75"/>
        <item x="167"/>
        <item x="13"/>
        <item x="81"/>
        <item x="142"/>
        <item x="78"/>
        <item x="213"/>
        <item x="93"/>
        <item x="216"/>
        <item x="361"/>
        <item x="227"/>
        <item x="262"/>
        <item x="137"/>
        <item x="344"/>
        <item x="238"/>
        <item x="10"/>
        <item x="357"/>
        <item x="349"/>
        <item x="245"/>
        <item x="53"/>
        <item x="98"/>
        <item x="207"/>
        <item x="283"/>
        <item x="55"/>
        <item x="368"/>
        <item x="341"/>
        <item x="56"/>
        <item x="48"/>
        <item x="309"/>
        <item x="149"/>
        <item x="109"/>
        <item x="166"/>
        <item x="83"/>
        <item x="294"/>
        <item x="312"/>
        <item x="193"/>
        <item x="329"/>
        <item x="257"/>
        <item x="156"/>
        <item x="114"/>
        <item x="253"/>
        <item x="92"/>
        <item x="343"/>
        <item x="281"/>
        <item x="303"/>
        <item x="96"/>
        <item x="195"/>
        <item x="280"/>
        <item x="258"/>
        <item x="57"/>
        <item x="163"/>
        <item x="365"/>
        <item x="133"/>
        <item x="188"/>
        <item x="41"/>
        <item x="295"/>
        <item x="71"/>
        <item x="310"/>
        <item x="256"/>
        <item x="190"/>
        <item x="91"/>
        <item x="72"/>
        <item x="54"/>
        <item x="174"/>
        <item x="196"/>
        <item x="235"/>
        <item x="24"/>
        <item x="97"/>
        <item x="40"/>
        <item x="299"/>
        <item x="151"/>
        <item x="108"/>
        <item x="140"/>
        <item x="94"/>
        <item x="346"/>
        <item x="336"/>
        <item x="70"/>
        <item x="35"/>
        <item x="154"/>
        <item x="112"/>
        <item x="46"/>
        <item x="272"/>
        <item x="345"/>
        <item x="302"/>
        <item x="22"/>
        <item x="170"/>
        <item x="287"/>
        <item x="288"/>
        <item x="229"/>
        <item x="150"/>
        <item x="107"/>
        <item x="186"/>
        <item x="169"/>
        <item x="185"/>
        <item x="249"/>
        <item x="155"/>
        <item x="113"/>
        <item x="359"/>
        <item x="307"/>
        <item x="73"/>
        <item x="49"/>
        <item x="230"/>
        <item x="152"/>
        <item x="110"/>
        <item x="347"/>
        <item x="261"/>
        <item x="135"/>
        <item x="99"/>
        <item x="266"/>
        <item x="319"/>
        <item x="27"/>
        <item x="297"/>
        <item x="228"/>
        <item x="138"/>
        <item x="179"/>
        <item x="86"/>
        <item x="134"/>
        <item x="223"/>
        <item x="168"/>
        <item x="308"/>
        <item x="139"/>
        <item x="157"/>
        <item x="136"/>
        <item x="115"/>
        <item x="123"/>
        <item x="31"/>
        <item x="324"/>
        <item x="348"/>
        <item x="175"/>
        <item x="202"/>
        <item x="301"/>
        <item x="58"/>
        <item x="315"/>
        <item x="87"/>
        <item x="29"/>
        <item x="292"/>
        <item x="172"/>
        <item x="263"/>
        <item x="244"/>
        <item x="88"/>
        <item x="171"/>
        <item x="38"/>
        <item x="23"/>
        <item x="327"/>
        <item x="11"/>
        <item x="354"/>
        <item x="222"/>
        <item x="255"/>
        <item x="316"/>
        <item x="141"/>
        <item x="103"/>
        <item x="317"/>
        <item x="328"/>
        <item x="104"/>
        <item x="284"/>
        <item x="240"/>
        <item x="331"/>
        <item x="367"/>
        <item x="89"/>
        <item x="192"/>
        <item x="33"/>
        <item x="364"/>
        <item x="1"/>
        <item x="4"/>
        <item x="74"/>
        <item x="232"/>
        <item x="28"/>
        <item x="342"/>
        <item x="326"/>
        <item x="2"/>
        <item x="201"/>
        <item x="199"/>
        <item x="330"/>
        <item x="360"/>
        <item x="36"/>
        <item x="145"/>
        <item x="300"/>
        <item x="320"/>
        <item x="146"/>
        <item x="265"/>
        <item x="102"/>
        <item x="32"/>
        <item x="311"/>
        <item x="353"/>
        <item x="6"/>
        <item x="293"/>
        <item x="362"/>
        <item x="338"/>
        <item x="105"/>
        <item x="363"/>
        <item x="37"/>
        <item x="251"/>
        <item x="340"/>
        <item x="164"/>
        <item x="12"/>
        <item x="34"/>
        <item x="198"/>
        <item x="194"/>
        <item x="3"/>
        <item x="314"/>
        <item x="119"/>
        <item x="355"/>
        <item x="26"/>
        <item x="160"/>
        <item x="118"/>
        <item x="120"/>
        <item x="147"/>
        <item x="371"/>
        <item x="318"/>
        <item x="205"/>
        <item x="306"/>
        <item x="129"/>
        <item x="339"/>
        <item x="39"/>
        <item x="130"/>
        <item x="351"/>
        <item x="7"/>
        <item x="334"/>
        <item x="335"/>
        <item x="144"/>
        <item x="90"/>
        <item x="121"/>
        <item x="165"/>
        <item x="350"/>
        <item x="5"/>
        <item x="124"/>
        <item x="131"/>
        <item x="322"/>
        <item x="356"/>
        <item x="180"/>
        <item x="148"/>
        <item x="106"/>
        <item x="25"/>
        <item x="333"/>
        <item x="126"/>
        <item x="337"/>
        <item x="127"/>
        <item x="352"/>
        <item x="332"/>
        <item x="372"/>
        <item x="132"/>
        <item x="122"/>
        <item x="200"/>
        <item x="42"/>
        <item x="321"/>
        <item x="15"/>
        <item x="203"/>
        <item x="161"/>
        <item x="204"/>
        <item x="44"/>
        <item x="128"/>
        <item x="14"/>
        <item x="30"/>
        <item x="17"/>
        <item x="21"/>
        <item x="373"/>
        <item x="20"/>
        <item x="182"/>
        <item x="181"/>
        <item x="18"/>
        <item x="19"/>
        <item x="16"/>
        <item x="125"/>
        <item x="8"/>
        <item x="0"/>
        <item t="default"/>
      </items>
    </pivotField>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s>
  <rowFields count="2">
    <field x="5"/>
    <field x="6"/>
  </rowFields>
  <rowItems count="59">
    <i>
      <x/>
    </i>
    <i r="1">
      <x v="6"/>
    </i>
    <i r="1">
      <x v="9"/>
    </i>
    <i r="1">
      <x v="10"/>
    </i>
    <i r="1">
      <x v="11"/>
    </i>
    <i r="1">
      <x v="17"/>
    </i>
    <i r="1">
      <x v="45"/>
    </i>
    <i>
      <x v="1"/>
    </i>
    <i r="1">
      <x v="7"/>
    </i>
    <i r="1">
      <x v="8"/>
    </i>
    <i r="1">
      <x v="29"/>
    </i>
    <i r="1">
      <x v="34"/>
    </i>
    <i r="1">
      <x v="36"/>
    </i>
    <i>
      <x v="2"/>
    </i>
    <i r="1">
      <x v="14"/>
    </i>
    <i r="1">
      <x v="25"/>
    </i>
    <i>
      <x v="3"/>
    </i>
    <i r="1">
      <x v="3"/>
    </i>
    <i r="1">
      <x v="5"/>
    </i>
    <i r="1">
      <x v="18"/>
    </i>
    <i r="1">
      <x v="19"/>
    </i>
    <i r="1">
      <x v="21"/>
    </i>
    <i r="1">
      <x v="22"/>
    </i>
    <i r="1">
      <x v="23"/>
    </i>
    <i r="1">
      <x v="31"/>
    </i>
    <i r="1">
      <x v="38"/>
    </i>
    <i r="1">
      <x v="39"/>
    </i>
    <i r="1">
      <x v="40"/>
    </i>
    <i>
      <x v="4"/>
    </i>
    <i r="1">
      <x v="2"/>
    </i>
    <i r="1">
      <x v="4"/>
    </i>
    <i r="1">
      <x v="28"/>
    </i>
    <i r="1">
      <x v="30"/>
    </i>
    <i r="1">
      <x v="35"/>
    </i>
    <i>
      <x v="5"/>
    </i>
    <i r="1">
      <x v="24"/>
    </i>
    <i r="1">
      <x v="37"/>
    </i>
    <i>
      <x v="6"/>
    </i>
    <i r="1">
      <x v="15"/>
    </i>
    <i r="1">
      <x v="41"/>
    </i>
    <i r="1">
      <x v="44"/>
    </i>
    <i>
      <x v="7"/>
    </i>
    <i r="1">
      <x/>
    </i>
    <i r="1">
      <x v="1"/>
    </i>
    <i r="1">
      <x v="16"/>
    </i>
    <i r="1">
      <x v="20"/>
    </i>
    <i r="1">
      <x v="32"/>
    </i>
    <i r="1">
      <x v="33"/>
    </i>
    <i>
      <x v="8"/>
    </i>
    <i r="1">
      <x v="12"/>
    </i>
    <i r="1">
      <x v="13"/>
    </i>
    <i r="1">
      <x v="26"/>
    </i>
    <i r="1">
      <x v="27"/>
    </i>
    <i r="1">
      <x v="43"/>
    </i>
    <i>
      <x v="9"/>
    </i>
    <i r="1">
      <x v="42"/>
    </i>
    <i>
      <x v="10"/>
    </i>
    <i r="1">
      <x v="46"/>
    </i>
    <i t="grand">
      <x/>
    </i>
  </rowItems>
  <colItems count="1">
    <i/>
  </colItems>
  <dataFields count="1">
    <dataField name="Sum of Estimated Cost₁ " fld="19" baseField="5" baseItem="0" numFmtId="165"/>
  </dataFields>
  <formats count="1">
    <format dxfId="928">
      <pivotArea outline="0" collapsedLevelsAreSubtotals="1" fieldPosition="0"/>
    </format>
  </formats>
  <pivotTableStyleInfo name="PivotStyleLight16" showRowHeaders="1" showColHeaders="1" showRowStripes="0" showColStripes="0" showLastColumn="1"/>
  <extLst>
    <ext xmlns:x14="http://schemas.microsoft.com/office/spreadsheetml/2009/9/main" uri="{962EF5D1-5CA2-4c93-8EF4-DBF5C05439D2}">
      <x14:pivotTableDefinition xmlns:xm="http://schemas.microsoft.com/office/excel/2006/main" hideValuesRow="1"/>
    </ext>
    <ext xmlns:xpdl="http://schemas.microsoft.com/office/spreadsheetml/2016/pivotdefaultlayout" uri="{747A6164-185A-40DC-8AA5-F01512510D54}">
      <xpdl:pivotTableDefinition16/>
    </ext>
  </extLst>
</pivotTableDefinition>
</file>

<file path=xl/pivotTables/pivotTable2.xml><?xml version="1.0" encoding="utf-8"?>
<pivotTableDefinition xmlns="http://schemas.openxmlformats.org/spreadsheetml/2006/main" xmlns:mc="http://schemas.openxmlformats.org/markup-compatibility/2006" xmlns:xr="http://schemas.microsoft.com/office/spreadsheetml/2014/revision" mc:Ignorable="xr" xr:uid="{10CFCF68-05E5-4BDA-878D-2170135B0A3A}" name="PivotTable1" cacheId="1" applyNumberFormats="0" applyBorderFormats="0" applyFontFormats="0" applyPatternFormats="0" applyAlignmentFormats="0" applyWidthHeightFormats="1" dataCaption="Values" updatedVersion="8" minRefreshableVersion="3" useAutoFormatting="1" itemPrintTitles="1" createdVersion="8" indent="0" outline="1" outlineData="1" multipleFieldFilters="0">
  <location ref="A3:H9" firstHeaderRow="1" firstDataRow="2" firstDataCol="1"/>
  <pivotFields count="15">
    <pivotField dataField="1" showAll="0"/>
    <pivotField showAll="0"/>
    <pivotField axis="axisCol" multipleItemSelectionAllowed="1" showAll="0">
      <items count="8">
        <item x="2"/>
        <item x="3"/>
        <item x="5"/>
        <item x="1"/>
        <item x="4"/>
        <item h="1" x="0"/>
        <item x="6"/>
        <item t="default"/>
      </items>
    </pivotField>
    <pivotField showAll="0"/>
    <pivotField showAll="0"/>
    <pivotField showAll="0"/>
    <pivotField numFmtId="164" showAll="0"/>
    <pivotField numFmtId="164" showAll="0"/>
    <pivotField numFmtId="164" showAll="0"/>
    <pivotField showAll="0"/>
    <pivotField showAll="0"/>
    <pivotField showAll="0"/>
    <pivotField showAll="0"/>
    <pivotField axis="axisRow" showAll="0">
      <items count="5">
        <item x="0"/>
        <item x="3"/>
        <item x="2"/>
        <item x="1"/>
        <item t="default"/>
      </items>
    </pivotField>
    <pivotField axis="axisRow" showAll="0">
      <items count="4">
        <item x="2"/>
        <item x="1"/>
        <item x="0"/>
        <item t="default"/>
      </items>
    </pivotField>
  </pivotFields>
  <rowFields count="2">
    <field x="13"/>
    <field x="14"/>
  </rowFields>
  <rowItems count="5">
    <i>
      <x/>
    </i>
    <i r="1">
      <x v="2"/>
    </i>
    <i>
      <x v="3"/>
    </i>
    <i r="1">
      <x/>
    </i>
    <i t="grand">
      <x/>
    </i>
  </rowItems>
  <colFields count="1">
    <field x="2"/>
  </colFields>
  <colItems count="7">
    <i>
      <x/>
    </i>
    <i>
      <x v="1"/>
    </i>
    <i>
      <x v="2"/>
    </i>
    <i>
      <x v="3"/>
    </i>
    <i>
      <x v="4"/>
    </i>
    <i>
      <x v="6"/>
    </i>
    <i t="grand">
      <x/>
    </i>
  </colItems>
  <dataFields count="1">
    <dataField name="Count of HGC IDP scheme reference" fld="0" subtotal="count" baseField="0" baseItem="0"/>
  </dataFields>
  <pivotTableStyleInfo name="PivotStyleLight16" showRowHeaders="1" showColHeaders="1" showRowStripes="0" showColStripes="0" showLastColumn="1"/>
  <extLst>
    <ext xmlns:x14="http://schemas.microsoft.com/office/spreadsheetml/2009/9/main" uri="{962EF5D1-5CA2-4c93-8EF4-DBF5C05439D2}">
      <x14:pivotTableDefinition xmlns:xm="http://schemas.microsoft.com/office/excel/2006/main" hideValuesRow="1"/>
    </ext>
    <ext xmlns:xpdl="http://schemas.microsoft.com/office/spreadsheetml/2016/pivotdefaultlayout" uri="{747A6164-185A-40DC-8AA5-F01512510D54}">
      <xpdl:pivotTableDefinition16/>
    </ext>
  </extLst>
</pivotTableDefinition>
</file>

<file path=xl/pivotTables/pivotTable3.xml><?xml version="1.0" encoding="utf-8"?>
<pivotTableDefinition xmlns="http://schemas.openxmlformats.org/spreadsheetml/2006/main" xmlns:mc="http://schemas.openxmlformats.org/markup-compatibility/2006" xmlns:xr="http://schemas.microsoft.com/office/spreadsheetml/2014/revision" mc:Ignorable="xr" xr:uid="{1246A6ED-ECB4-48E4-921F-780F5FA4B4D0}" name="PivotTable3" cacheId="0" applyNumberFormats="0" applyBorderFormats="0" applyFontFormats="0" applyPatternFormats="0" applyAlignmentFormats="0" applyWidthHeightFormats="1" dataCaption="Values" updatedVersion="8" minRefreshableVersion="3" useAutoFormatting="1" itemPrintTitles="1" createdVersion="8" indent="0" outline="1" outlineData="1" multipleFieldFilters="0">
  <location ref="A3:B26" firstHeaderRow="1" firstDataRow="1" firstDataCol="1"/>
  <pivotFields count="84">
    <pivotField dataField="1" showAll="0"/>
    <pivotField showAll="0">
      <items count="8">
        <item x="5"/>
        <item x="1"/>
        <item x="3"/>
        <item x="6"/>
        <item x="4"/>
        <item x="2"/>
        <item x="0"/>
        <item t="default"/>
      </items>
    </pivotField>
    <pivotField showAll="0"/>
    <pivotField showAll="0"/>
    <pivotField showAll="0"/>
    <pivotField showAll="0"/>
    <pivotField showAll="0">
      <items count="17">
        <item x="6"/>
        <item x="7"/>
        <item x="2"/>
        <item x="9"/>
        <item x="4"/>
        <item x="12"/>
        <item x="1"/>
        <item x="14"/>
        <item x="13"/>
        <item x="8"/>
        <item x="5"/>
        <item x="10"/>
        <item x="11"/>
        <item x="3"/>
        <item x="15"/>
        <item x="0"/>
        <item t="default"/>
      </items>
    </pivotField>
    <pivotField showAll="0">
      <items count="76">
        <item x="54"/>
        <item x="74"/>
        <item x="65"/>
        <item x="17"/>
        <item x="61"/>
        <item x="48"/>
        <item x="47"/>
        <item x="37"/>
        <item x="25"/>
        <item x="42"/>
        <item x="62"/>
        <item x="72"/>
        <item x="70"/>
        <item x="6"/>
        <item x="50"/>
        <item x="52"/>
        <item x="51"/>
        <item x="20"/>
        <item x="55"/>
        <item x="69"/>
        <item x="66"/>
        <item x="67"/>
        <item x="68"/>
        <item x="12"/>
        <item x="39"/>
        <item x="33"/>
        <item x="38"/>
        <item x="18"/>
        <item x="11"/>
        <item x="2"/>
        <item x="15"/>
        <item x="63"/>
        <item x="23"/>
        <item x="43"/>
        <item x="29"/>
        <item x="8"/>
        <item x="19"/>
        <item x="34"/>
        <item x="13"/>
        <item x="5"/>
        <item x="36"/>
        <item x="9"/>
        <item x="30"/>
        <item x="49"/>
        <item x="4"/>
        <item x="60"/>
        <item x="64"/>
        <item x="41"/>
        <item x="28"/>
        <item x="21"/>
        <item x="53"/>
        <item x="14"/>
        <item x="44"/>
        <item x="1"/>
        <item x="71"/>
        <item x="31"/>
        <item x="46"/>
        <item x="24"/>
        <item x="7"/>
        <item x="45"/>
        <item x="56"/>
        <item x="59"/>
        <item x="16"/>
        <item x="73"/>
        <item x="3"/>
        <item x="32"/>
        <item x="40"/>
        <item x="27"/>
        <item x="10"/>
        <item x="26"/>
        <item x="58"/>
        <item x="57"/>
        <item x="22"/>
        <item x="35"/>
        <item x="0"/>
        <item t="default"/>
      </items>
    </pivotField>
    <pivotField showAll="0">
      <items count="10">
        <item x="2"/>
        <item x="8"/>
        <item x="1"/>
        <item x="5"/>
        <item x="4"/>
        <item x="7"/>
        <item x="6"/>
        <item x="3"/>
        <item x="0"/>
        <item t="default"/>
      </items>
    </pivotField>
    <pivotField axis="axisRow" showAll="0">
      <items count="23">
        <item x="11"/>
        <item x="9"/>
        <item x="14"/>
        <item x="21"/>
        <item x="15"/>
        <item x="16"/>
        <item x="18"/>
        <item x="17"/>
        <item x="19"/>
        <item x="6"/>
        <item x="13"/>
        <item x="4"/>
        <item x="5"/>
        <item x="1"/>
        <item x="2"/>
        <item x="20"/>
        <item x="3"/>
        <item x="10"/>
        <item x="12"/>
        <item x="7"/>
        <item x="8"/>
        <item x="0"/>
        <item t="default"/>
      </items>
    </pivotField>
    <pivotField showAll="0">
      <items count="52">
        <item x="16"/>
        <item x="20"/>
        <item x="49"/>
        <item x="18"/>
        <item x="19"/>
        <item x="37"/>
        <item x="25"/>
        <item x="35"/>
        <item x="2"/>
        <item x="6"/>
        <item x="41"/>
        <item x="34"/>
        <item x="15"/>
        <item x="50"/>
        <item x="42"/>
        <item x="43"/>
        <item x="44"/>
        <item x="28"/>
        <item x="5"/>
        <item x="9"/>
        <item x="22"/>
        <item x="14"/>
        <item x="26"/>
        <item x="10"/>
        <item x="17"/>
        <item x="21"/>
        <item x="3"/>
        <item x="27"/>
        <item x="33"/>
        <item x="7"/>
        <item x="45"/>
        <item x="47"/>
        <item x="12"/>
        <item x="4"/>
        <item x="29"/>
        <item x="1"/>
        <item x="24"/>
        <item x="13"/>
        <item x="46"/>
        <item x="8"/>
        <item x="30"/>
        <item x="32"/>
        <item x="23"/>
        <item x="31"/>
        <item x="38"/>
        <item x="36"/>
        <item x="48"/>
        <item x="39"/>
        <item x="40"/>
        <item x="11"/>
        <item x="0"/>
        <item t="default"/>
      </items>
    </pivotField>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 showAll="0"/>
  </pivotFields>
  <rowFields count="1">
    <field x="9"/>
  </rowFields>
  <rowItems count="23">
    <i>
      <x/>
    </i>
    <i>
      <x v="1"/>
    </i>
    <i>
      <x v="2"/>
    </i>
    <i>
      <x v="3"/>
    </i>
    <i>
      <x v="4"/>
    </i>
    <i>
      <x v="5"/>
    </i>
    <i>
      <x v="6"/>
    </i>
    <i>
      <x v="7"/>
    </i>
    <i>
      <x v="8"/>
    </i>
    <i>
      <x v="9"/>
    </i>
    <i>
      <x v="10"/>
    </i>
    <i>
      <x v="11"/>
    </i>
    <i>
      <x v="12"/>
    </i>
    <i>
      <x v="13"/>
    </i>
    <i>
      <x v="14"/>
    </i>
    <i>
      <x v="15"/>
    </i>
    <i>
      <x v="16"/>
    </i>
    <i>
      <x v="17"/>
    </i>
    <i>
      <x v="18"/>
    </i>
    <i>
      <x v="19"/>
    </i>
    <i>
      <x v="20"/>
    </i>
    <i>
      <x v="21"/>
    </i>
    <i t="grand">
      <x/>
    </i>
  </rowItems>
  <colItems count="1">
    <i/>
  </colItems>
  <dataFields count="1">
    <dataField name="Count of Ref" fld="0" subtotal="count" baseField="1" baseItem="0"/>
  </dataFields>
  <pivotTableStyleInfo name="PivotStyleLight16" showRowHeaders="1" showColHeaders="1" showRowStripes="0" showColStripes="0" showLastColumn="1"/>
  <extLst>
    <ext xmlns:x14="http://schemas.microsoft.com/office/spreadsheetml/2009/9/main" uri="{962EF5D1-5CA2-4c93-8EF4-DBF5C05439D2}">
      <x14:pivotTableDefinition xmlns:xm="http://schemas.microsoft.com/office/excel/2006/main" hideValuesRow="1"/>
    </ext>
    <ext xmlns:xpdl="http://schemas.microsoft.com/office/spreadsheetml/2016/pivotdefaultlayout" uri="{747A6164-185A-40DC-8AA5-F01512510D54}">
      <xpdl:pivotTableDefinition16/>
    </ext>
  </extLst>
</pivotTableDefinition>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threadedComments/threadedComment1.xml><?xml version="1.0" encoding="utf-8"?>
<ThreadedComments xmlns="http://schemas.microsoft.com/office/spreadsheetml/2018/threadedcomments" xmlns:x="http://schemas.openxmlformats.org/spreadsheetml/2006/main">
  <threadedComment ref="BI9" dT="2025-04-07T13:29:53.69" personId="{52578CE1-63BE-4717-A80D-262B776109FA}" id="{DCD11DF7-6A50-4D23-8EBE-8816AE54BFB0}">
    <text xml:space="preserve">Could argue for earlier delivery if desired service frequency can be delivered earlier. </text>
  </threadedComment>
  <threadedComment ref="O10" dT="2025-04-07T06:35:52.27" personId="{52578CE1-63BE-4717-A80D-262B776109FA}" id="{48FF5868-9CE0-4B94-A5B2-975A47A8FFAB}">
    <text>Envisage a signalised T-junction. This will improve conditions for all modes however, including bus detection and new ped crossing over to the Nickey Line.</text>
  </threadedComment>
  <threadedComment ref="BI10" dT="2025-04-07T06:38:05.33" personId="{52578CE1-63BE-4717-A80D-262B776109FA}" id="{3C492D55-687D-49EC-A625-34C445178B5F}">
    <text>Post 2041 because additional growth around North Hemel will generate additional travel movements and necessitate (potentially) an increase in bus movements including potentially the 46 which routes in via Redbourn</text>
  </threadedComment>
  <threadedComment ref="BI18" dT="2025-04-07T13:30:39.79" personId="{52578CE1-63BE-4717-A80D-262B776109FA}" id="{3B855BBD-3E4B-4961-9160-54D3558428ED}">
    <text xml:space="preserve">Deliberately separated this out from bus lane on Leighton Buzzard Road as it could have different deliverability risks. Could argue for earlier delivery if desired service frequency can be delivered earlier. 
</text>
  </threadedComment>
  <threadedComment ref="H19" dT="2025-04-07T10:40:29.63" personId="{52578CE1-63BE-4717-A80D-262B776109FA}" id="{C91A1F22-BFEE-4D8B-82AB-A73B27C84D6D}">
    <text>Queues are northbound. Can’t cover full stretch because of various accesses at northern end. Assume widening of road on eastern side - shifting the carriageway median over to accommodate a bus lane on the western side. Bus gate could be tied into crossing for Nickey Line</text>
  </threadedComment>
  <threadedComment ref="X38" dT="2025-02-27T10:29:54.76" personId="{52578CE1-63BE-4717-A80D-262B776109FA}" id="{B6BF16E4-0ED7-4492-BE39-E645EFB8B087}">
    <text>HCC has queried if this can this be linked to other sites? Potentially Green Lane site but no others surely as it is specifically linking one part of East Hemel to another. Have clarified that this is M1 J8 Phase 2 scheme in case there was confusion</text>
  </threadedComment>
  <threadedComment ref="J42" dT="2025-04-07T09:26:01.31" personId="{52578CE1-63BE-4717-A80D-262B776109FA}" id="{9073FED0-8691-48BB-9B71-F4D30C18B06C}">
    <text>Assumed location of existing Blackwater Lane bus stop on A4147, served by 302 only.</text>
  </threadedComment>
  <threadedComment ref="P42" dT="2025-04-07T08:23:06.35" personId="{52578CE1-63BE-4717-A80D-262B776109FA}" id="{C1AB11DE-C4B4-4267-8998-556580A7F3FD}">
    <text>Uncertain if 721 will continue once HERT is introduced. Assume it will, but subject to review when more is known about HERT</text>
  </threadedComment>
  <threadedComment ref="BI42" dT="2025-04-07T09:18:42.80" personId="{52578CE1-63BE-4717-A80D-262B776109FA}" id="{5E45FED0-5AD4-4E62-9585-87A12977F0FF}">
    <text>A new stop may be required regardless. Could also consider re-routeing 721 through SE E Hemel. HERT may have an influence on what happens to this service</text>
  </threadedComment>
  <threadedComment ref="BJ42" dT="2025-04-07T08:42:28.51" personId="{52578CE1-63BE-4717-A80D-262B776109FA}" id="{85A52514-A322-415E-A2D1-7FF11C200294}">
    <text>Stop is located in Dacorum, service is cross-boundary</text>
  </threadedComment>
  <threadedComment ref="J43" dT="2025-04-07T09:15:15.26" personId="{52578CE1-63BE-4717-A80D-262B776109FA}" id="{ADBD0EDF-DD4D-4FF0-970D-C59407BD7C93}">
    <text>Location of crossing</text>
  </threadedComment>
  <threadedComment ref="H69" dT="2025-04-04T13:21:32.32" personId="{52578CE1-63BE-4717-A80D-262B776109FA}" id="{5ECD745F-66F9-4B1C-AF4E-A3B774C1B1D4}">
    <text>Amended the description to remove reference to the need for maintenance of the current curved bridge by the marina, and a more general proposal for bridge upgrades. I suggest the cost remains high as this could encompass improvements to existing bridges and/or a new bridge in the Apsley area</text>
  </threadedComment>
  <threadedComment ref="H95" dT="2025-02-27T11:55:28.16" personId="{52578CE1-63BE-4717-A80D-262B776109FA}" id="{2C11FB4C-8FFE-4851-BDA4-948D8B6883E3}">
    <text xml:space="preserve">To review in relation to HERT end-state
</text>
  </threadedComment>
  <threadedComment ref="BI95" dT="2025-04-07T14:07:38.39" personId="{52578CE1-63BE-4717-A80D-262B776109FA}" id="{C188F862-1102-4985-89A1-BD89B28917A2}">
    <text xml:space="preserve">Timeframe for delivery would assume an increase in services along this stretch of A414 ahead of HERT. Could slip to 2036/37-2040/41 however. </text>
  </threadedComment>
  <threadedComment ref="X166" dT="2025-06-20T14:47:21.28" personId="{52578CE1-63BE-4717-A80D-262B776109FA}" id="{7497B41B-AC97-41EA-B83A-B08DBF11F905}">
    <text>Flows to be re-checked 20th June 2025</text>
  </threadedComment>
  <threadedComment ref="H220" dT="2025-04-07T13:14:23.28" personId="{52578CE1-63BE-4717-A80D-262B776109FA}" id="{CBFAABA3-B0F3-4247-9C06-705AFC9F66F4}">
    <text>Updated to reflect HCC’s latest thinking - 090425</text>
  </threadedComment>
  <threadedComment ref="BI225" dT="2025-04-07T09:17:26.48" personId="{52578CE1-63BE-4717-A80D-262B776109FA}" id="{99A1ECDD-3C68-4BA6-B6B0-C03F59E69160}">
    <text xml:space="preserve">Even if STC is in place earlier, may be a struggle for a new orbital route to be commercially viable until more development has come forward after 2036. </text>
  </threadedComment>
  <threadedComment ref="H226" dT="2025-04-07T08:24:22.74" personId="{52578CE1-63BE-4717-A80D-262B776109FA}" id="{37586A13-5C90-4ED1-94FE-2B1C2224A2B5}">
    <text xml:space="preserve">Assume Up to 4 buses an hour between North Hemel and the Town Centre, plus extension to the station. Also assume an increase to 2 buses an hour extending on to Luton via Redbourn, Flamstead and Markyate. </text>
  </threadedComment>
  <threadedComment ref="BI228" dT="2025-04-07T09:17:26.48" personId="{52578CE1-63BE-4717-A80D-262B776109FA}" id="{95F367B2-747A-4B6B-86AE-97F87A2BF8E1}">
    <text>Linked to timing of EXT-13 orbital route</text>
  </threadedComment>
  <threadedComment ref="H230" dT="2025-04-07T09:56:29.19" personId="{52578CE1-63BE-4717-A80D-262B776109FA}" id="{D5263B09-FD39-4734-A5A6-A6A3154046FB}">
    <text xml:space="preserve">Is a scheme already proposed here? Noted from the modelling results there is a predicted big reduction in delays - is this attributed to a junction improvement? Otherwise seems counterintuitive. </text>
  </threadedComment>
</ThreadedComments>
</file>

<file path=xl/threadedComments/threadedComment2.xml><?xml version="1.0" encoding="utf-8"?>
<ThreadedComments xmlns="http://schemas.microsoft.com/office/spreadsheetml/2018/threadedcomments" xmlns:x="http://schemas.openxmlformats.org/spreadsheetml/2006/main">
  <threadedComment ref="H1" dT="2024-12-16T15:25:37.56" personId="{1B6A9983-40BC-42FF-A17B-6C2A9CE5E96F}" id="{109AA272-796C-4CBC-94FC-1555E534F685}">
    <text>Differences between categorisation of DBC and SADC</text>
  </threadedComment>
  <threadedComment ref="I1" dT="2024-12-16T15:25:42.28" personId="{1B6A9983-40BC-42FF-A17B-6C2A9CE5E96F}" id="{28DC1AF3-63D7-4A51-AA69-7E02E80D5E2A}">
    <text>Differences between categorisation of DBC and SADC</text>
  </threadedComment>
  <threadedComment ref="M1" dT="2024-12-16T15:23:19.07" personId="{1B6A9983-40BC-42FF-A17B-6C2A9CE5E96F}" id="{017BECE2-533A-499E-B997-8DC44A4FED20}">
    <text>I would like a more standard way to capture this information, as well as the parish info from SADC</text>
  </threadedComment>
  <threadedComment ref="N1" dT="2024-12-16T15:23:55.50" personId="{1B6A9983-40BC-42FF-A17B-6C2A9CE5E96F}" id="{B5CB832B-ADAA-412B-8018-6C2B15099CC6}">
    <text>As with location - need to make sure all sites are called accurate names from housing trajectory, and are standardised</text>
  </threadedComment>
</ThreadedComments>
</file>

<file path=xl/threadedComments/threadedComment3.xml><?xml version="1.0" encoding="utf-8"?>
<ThreadedComments xmlns="http://schemas.microsoft.com/office/spreadsheetml/2018/threadedcomments" xmlns:x="http://schemas.openxmlformats.org/spreadsheetml/2006/main">
  <threadedComment ref="H1" dT="2024-12-16T15:25:37.56" personId="{1B6A9983-40BC-42FF-A17B-6C2A9CE5E96F}" id="{EFE10E99-009C-40C8-87FB-2FA81D770E46}">
    <text>Differences between categorisation of DBC and SADC</text>
  </threadedComment>
  <threadedComment ref="I1" dT="2024-12-16T15:25:42.28" personId="{1B6A9983-40BC-42FF-A17B-6C2A9CE5E96F}" id="{BB5F496E-42C4-4716-B3AF-77F8F3FFB842}">
    <text>Differences between categorisation of DBC and SADC</text>
  </threadedComment>
  <threadedComment ref="M1" dT="2024-12-16T15:23:19.07" personId="{1B6A9983-40BC-42FF-A17B-6C2A9CE5E96F}" id="{7CDD7D59-1E7D-48D4-87F9-B1A9560981CA}">
    <text>I would like a more standard way to capture this information, as well as the parish info from SADC</text>
  </threadedComment>
  <threadedComment ref="N1" dT="2024-12-16T15:23:55.50" personId="{1B6A9983-40BC-42FF-A17B-6C2A9CE5E96F}" id="{7CADB88A-51FC-4C36-AAD0-138B81CA8CF6}">
    <text>As with location - need to make sure all sites are called accurate names from housing trajectory, and are standardised</text>
  </threadedComment>
</ThreadedComments>
</file>

<file path=xl/threadedComments/threadedComment4.xml><?xml version="1.0" encoding="utf-8"?>
<ThreadedComments xmlns="http://schemas.microsoft.com/office/spreadsheetml/2018/threadedcomments" xmlns:x="http://schemas.openxmlformats.org/spreadsheetml/2006/main">
  <threadedComment ref="G1" dT="2024-12-16T15:25:37.56" personId="{1B6A9983-40BC-42FF-A17B-6C2A9CE5E96F}" id="{8046B67B-374D-424F-B446-5932D44C3435}">
    <text>Differences between categorisation of DBC and SADC</text>
  </threadedComment>
  <threadedComment ref="H1" dT="2024-12-16T15:25:42.28" personId="{1B6A9983-40BC-42FF-A17B-6C2A9CE5E96F}" id="{BF8BDEB1-5517-4B32-9D78-AD95A375EF74}">
    <text>Differences between categorisation of DBC and SADC</text>
  </threadedComment>
  <threadedComment ref="L1" dT="2024-12-16T15:23:19.07" personId="{1B6A9983-40BC-42FF-A17B-6C2A9CE5E96F}" id="{59C39DD6-5C48-4508-AD10-0BEF1452A8AE}">
    <text>I would like a more standard way to capture this information, as well as the parish info from SADC</text>
  </threadedComment>
  <threadedComment ref="M1" dT="2024-12-16T15:23:55.50" personId="{1B6A9983-40BC-42FF-A17B-6C2A9CE5E96F}" id="{27BED3C5-B981-40EC-858E-08C8C49CD205}">
    <text>As with location - need to make sure all sites are called accurate names from housing trajectory, and are standardised</text>
  </threadedComment>
</ThreadedComments>
</file>

<file path=xl/threadedComments/threadedComment5.xml><?xml version="1.0" encoding="utf-8"?>
<ThreadedComments xmlns="http://schemas.microsoft.com/office/spreadsheetml/2018/threadedcomments" xmlns:x="http://schemas.openxmlformats.org/spreadsheetml/2006/main">
  <threadedComment ref="BA9" dT="2025-04-07T13:29:53.69" personId="{52578CE1-63BE-4717-A80D-262B776109FA}" id="{0085609A-C821-4833-A4CF-45F5FDCF3AD1}">
    <text xml:space="preserve">Could argue for earlier delivery if desired service frequency can be delivered earlier. </text>
  </threadedComment>
  <threadedComment ref="P10" dT="2025-04-07T06:35:52.27" personId="{52578CE1-63BE-4717-A80D-262B776109FA}" id="{47292B13-8061-47BB-A6F3-0270C5D5CE87}">
    <text>Envisage a signalised T-junction. This will improve conditions for all modes however, including bus detection and new ped crossing over to the Nickey Line.</text>
  </threadedComment>
  <threadedComment ref="BA10" dT="2025-04-07T06:38:05.33" personId="{52578CE1-63BE-4717-A80D-262B776109FA}" id="{14F8E59C-00AA-4837-9337-8A65BA456A29}">
    <text>Post 2041 because additional growth around North Hemel will generate additional travel movements and necessitate (potentially) an increase in bus movements including potentially the 46 which routes in via Redbourn</text>
  </threadedComment>
  <threadedComment ref="BA18" dT="2025-04-07T13:30:39.79" personId="{52578CE1-63BE-4717-A80D-262B776109FA}" id="{815565F5-1871-47F6-8443-F41D499DCF31}">
    <text xml:space="preserve">Deliberately separated this out from bus lane on Leighton Buzzard Road as it could have different deliverability risks. Could argue for earlier delivery if desired service frequency can be delivered earlier. 
</text>
  </threadedComment>
  <threadedComment ref="J19" dT="2025-04-07T10:40:29.63" personId="{52578CE1-63BE-4717-A80D-262B776109FA}" id="{39700E74-5EC9-4D86-8414-255B773FFEE7}">
    <text>Queues are northbound. Can’t cover full stretch because of various accesses at northern end. Assume widening of road on eastern side - shifting the carriageway median over to accommodate a bus lane on the western side. Bus gate could be tied into crossing for Nickey Line</text>
  </threadedComment>
  <threadedComment ref="Y38" dT="2025-02-27T10:29:54.76" personId="{52578CE1-63BE-4717-A80D-262B776109FA}" id="{759F9AD7-A7A4-4BEA-88F5-1D095D1E8E2B}">
    <text>HCC has queried if this can this be linked to other sites? Potentially Green Lane site but no others surely as it is specifically linking one part of East Hemel to another. Have clarified that this is M1 J8 Phase 2 scheme in case there was confusion</text>
  </threadedComment>
  <threadedComment ref="K42" dT="2025-04-07T09:26:01.31" personId="{52578CE1-63BE-4717-A80D-262B776109FA}" id="{F34EFA8E-7B97-4CAF-A4FB-4A4EB558581F}">
    <text>Assumed location of existing Blackwater Lane bus stop on A4147, served by 302 only.</text>
  </threadedComment>
  <threadedComment ref="Q42" dT="2025-04-07T08:23:06.35" personId="{52578CE1-63BE-4717-A80D-262B776109FA}" id="{B5C933B9-1F08-4A31-B35A-6C7C4259DAFB}">
    <text>Uncertain if 721 will continue once HERT is introduced. Assume it will, but subject to review when more is known about HERT</text>
  </threadedComment>
  <threadedComment ref="BA42" dT="2025-04-07T09:18:42.80" personId="{52578CE1-63BE-4717-A80D-262B776109FA}" id="{8D623028-F418-4E1F-81F0-9005DE74276F}">
    <text>A new stop may be required regardless. Could also consider re-routeing 721 through SE E Hemel. HERT may have an influence on what happens to this service</text>
  </threadedComment>
  <threadedComment ref="BB42" dT="2025-04-07T08:42:28.51" personId="{52578CE1-63BE-4717-A80D-262B776109FA}" id="{D780C4AB-3B4E-453D-A124-1153579C9CD7}">
    <text>Stop is located in Dacorum, service is cross-boundary</text>
  </threadedComment>
  <threadedComment ref="K43" dT="2025-04-07T09:15:15.26" personId="{52578CE1-63BE-4717-A80D-262B776109FA}" id="{E8DD7C19-9FC6-4C60-BAD6-9282D51DFEDE}">
    <text>Location of crossing</text>
  </threadedComment>
  <threadedComment ref="J69" dT="2025-04-04T13:21:32.32" personId="{52578CE1-63BE-4717-A80D-262B776109FA}" id="{B7F97002-0399-4D79-9CBA-E1DE436949B8}">
    <text>Amended the description to remove reference to the need for maintenance of the current curved bridge by the marina, and a more general proposal for bridge upgrades. I suggest the cost remains high as this could encompass improvements to existing bridges and/or a new bridge in the Apsley area</text>
  </threadedComment>
  <threadedComment ref="J95" dT="2025-02-27T11:55:28.16" personId="{52578CE1-63BE-4717-A80D-262B776109FA}" id="{067C0EFF-6DAD-440C-99C0-0802D28C0215}">
    <text xml:space="preserve">To review in relation to HERT end-state
</text>
  </threadedComment>
  <threadedComment ref="BA95" dT="2025-04-07T14:07:38.39" personId="{52578CE1-63BE-4717-A80D-262B776109FA}" id="{01DF56FA-3696-4FC3-920F-87683E3F46F7}">
    <text xml:space="preserve">Timeframe for delivery would assume an increase in services along this stretch of A414 ahead of HERT. Could slip to 2036/37-2040/41 however. </text>
  </threadedComment>
  <threadedComment ref="Y116" dT="2025-04-04T14:35:16.97" personId="{52578CE1-63BE-4717-A80D-262B776109FA}" id="{B27532EA-9831-46AC-9F79-2B7663F43C4F}">
    <text>Discussed with HGC 040425</text>
  </threadedComment>
  <threadedComment ref="Y142" dT="2025-02-27T10:51:07.41" personId="{52578CE1-63BE-4717-A80D-262B776109FA}" id="{1EA40721-D29A-41D8-BD55-2041D0CB0981}">
    <text>Also added Marchmont Farm and Grovehill Local Centre</text>
  </threadedComment>
  <threadedComment ref="Y143" dT="2025-02-27T10:51:11.49" personId="{52578CE1-63BE-4717-A80D-262B776109FA}" id="{60AB0723-9EF4-4BB4-B9FF-8F81422AF581}">
    <text>Also added Marchmont Farm and Grovehill Local Centre</text>
  </threadedComment>
  <threadedComment ref="Y144" dT="2025-02-27T10:51:17.34" personId="{52578CE1-63BE-4717-A80D-262B776109FA}" id="{51C28037-EF25-42AF-89E8-42799D63C8BC}">
    <text>Also added Marchmont Farm and Grovehill Local Centre</text>
  </threadedComment>
  <threadedComment ref="Y207" dT="2025-02-27T10:51:46.97" personId="{52578CE1-63BE-4717-A80D-262B776109FA}" id="{98ABCFD5-24AD-4E2D-B804-C1768CE68A17}">
    <text>Also added Marchmont Farm</text>
  </threadedComment>
  <threadedComment ref="J220" dT="2025-04-07T13:14:23.28" personId="{52578CE1-63BE-4717-A80D-262B776109FA}" id="{B116575C-A9A7-4A63-84B5-23015F19FB56}">
    <text>Updated to reflect HCC’s latest thinking - 090425</text>
  </threadedComment>
  <threadedComment ref="BA225" dT="2025-04-07T09:17:26.48" personId="{52578CE1-63BE-4717-A80D-262B776109FA}" id="{7392582A-F9A6-4D2C-BF6E-168EB1737BAB}">
    <text xml:space="preserve">Even if STC is in place earlier, may be a struggle for a new orbital route to be commercially viable until more development has come forward after 2036. </text>
  </threadedComment>
  <threadedComment ref="J226" dT="2025-04-07T08:24:22.74" personId="{52578CE1-63BE-4717-A80D-262B776109FA}" id="{0A72FB63-F83A-43C5-A471-B38F613E45A5}">
    <text xml:space="preserve">Assume Up to 4 buses an hour between North Hemel and the Town Centre, plus extension to the station. Also assume an increase to 2 buses an hour extending on to Luton via Redbourn, Flamstead and Markyate. </text>
  </threadedComment>
  <threadedComment ref="BA228" dT="2025-04-07T09:17:26.48" personId="{52578CE1-63BE-4717-A80D-262B776109FA}" id="{F102E757-0832-45B2-83B4-3DEFD2ED2B46}">
    <text>Linked to timing of EXT-13 orbital route</text>
  </threadedComment>
  <threadedComment ref="J230" dT="2025-04-07T09:56:29.19" personId="{52578CE1-63BE-4717-A80D-262B776109FA}" id="{3188DA51-B497-4A02-AAFC-F88B26693FEE}">
    <text xml:space="preserve">Is a scheme already proposed here? Noted from the modelling results there is a predicted big reduction in delays - is this attributed to a junction improvement? Otherwise seems counterintuitive. </text>
  </threadedComment>
</ThreadedComments>
</file>

<file path=xl/threadedComments/threadedComment6.xml><?xml version="1.0" encoding="utf-8"?>
<ThreadedComments xmlns="http://schemas.microsoft.com/office/spreadsheetml/2018/threadedcomments" xmlns:x="http://schemas.openxmlformats.org/spreadsheetml/2006/main">
  <threadedComment ref="AS4" dT="2025-04-07T13:29:53.69" personId="{52578CE1-63BE-4717-A80D-262B776109FA}" id="{5E1F1634-4316-484D-AFE2-503C11954559}">
    <text xml:space="preserve">Could argue for earlier delivery if desired service frequency can be delivered earlier. </text>
  </threadedComment>
  <threadedComment ref="V5" dT="2025-04-04T13:28:07.62" personId="{52578CE1-63BE-4717-A80D-262B776109FA}" id="{10C4EDEA-4E89-4D47-9212-47169B7F1737}">
    <text>Meeting 040425 - agreement that a third intervention is needed to consider highway-land related access requirements for the station, including buses (there is an existing bus layby). Will have some bearing on HERT. Could be delivered separate to forecourt improvements and station enhancements (LS-30 and LS-31)</text>
  </threadedComment>
  <threadedComment ref="H6" dT="2025-04-07T06:35:52.27" personId="{52578CE1-63BE-4717-A80D-262B776109FA}" id="{B4967BA1-77E5-4263-B5CF-3A759A97F9FB}">
    <text>Envisage a signalised T-junction. This will improve conditions for all modes however, including bus detection and new ped crossing over to the Nickey Line.</text>
  </threadedComment>
  <threadedComment ref="V6" dT="2025-04-07T08:56:41.91" personId="{52578CE1-63BE-4717-A80D-262B776109FA}" id="{000C0F03-5221-4DD5-B339-9508C81D9943}">
    <text xml:space="preserve">Flagged West Redbourn in SADC plan - a non-HGC site but would also benefit from improvements to junction and may even present a stronger case for necessitating improvements even without HGC sites
</text>
  </threadedComment>
  <threadedComment ref="AS6" dT="2025-04-07T06:38:05.33" personId="{52578CE1-63BE-4717-A80D-262B776109FA}" id="{D4748ED7-C655-4CF0-A6DE-9543197B8155}">
    <text>Post 2041 because additional growth around North Hemel will generate additional travel movements and necessitate (potentially) an increase in bus movements including potentially the 46 which routes in via Redbourn</text>
  </threadedComment>
  <threadedComment ref="V7" dT="2025-04-07T08:57:31.10" personId="{52578CE1-63BE-4717-A80D-262B776109FA}" id="{9BA5C4B9-CDEF-4F12-826B-23FFB1167FCC}">
    <text xml:space="preserve">Flagged West Redbourn in SADC plan - a non-HGC site but would also benefit from mobility hub on the Centrebus46 route (assuming 46 also increases in frequency). Also excluded Marchmont Farm as assumption is that 46 would not route all the way along Link Road unless route is changed.  </text>
  </threadedComment>
  <threadedComment ref="AS8" dT="2025-04-07T09:17:26.48" personId="{52578CE1-63BE-4717-A80D-262B776109FA}" id="{65B81E48-6499-4FF3-B1DE-26D200223F3F}">
    <text xml:space="preserve">Even if STC is in place earlier, may be a struggle for a new orbital route to be commercially viable until more development has come forward after 2036. </text>
  </threadedComment>
  <threadedComment ref="J9" dT="2025-04-07T08:24:22.74" personId="{52578CE1-63BE-4717-A80D-262B776109FA}" id="{B452DFC7-DE6B-4CF4-9E87-A2065C558BD0}">
    <text xml:space="preserve">Assume Up to 4 buses an hour between North Hemel and the Town Centre, plus extension to the station. Also assume an increase to 2 buses an hour extending on to Luton via Redbourn, Flamstead and Markyate. </text>
  </threadedComment>
  <threadedComment ref="K10" dT="2025-04-07T09:26:01.31" personId="{52578CE1-63BE-4717-A80D-262B776109FA}" id="{E0E99545-A699-467F-AE9D-14DAC19E1263}">
    <text>Assumed location of existing Blackwater Lane bus stop on A4147, served by 302 only.</text>
  </threadedComment>
  <threadedComment ref="P10" dT="2025-04-07T08:23:06.35" personId="{52578CE1-63BE-4717-A80D-262B776109FA}" id="{EF28E915-C3C1-46EE-A1F3-23F9D54087E3}">
    <text>Uncertain if 721 will continue once HERT is introduced. Assume it will, but subject to review when more is known about HERT</text>
  </threadedComment>
  <threadedComment ref="AS10" dT="2025-04-07T09:18:42.80" personId="{52578CE1-63BE-4717-A80D-262B776109FA}" id="{1D3500A9-DBF6-4C9C-832A-EE34CC3BEA49}">
    <text>A new stop may be required regardless. Could also consider re-routeing 721 through SE E Hemel. HERT may have an influence on what happens to this service</text>
  </threadedComment>
  <threadedComment ref="AT10" dT="2025-04-07T08:42:28.51" personId="{52578CE1-63BE-4717-A80D-262B776109FA}" id="{7C0073FC-8D27-4CE0-ADA0-246219492828}">
    <text>Stop is located in Dacorum, service is cross-boundary</text>
  </threadedComment>
  <threadedComment ref="AS11" dT="2025-04-07T09:17:26.48" personId="{52578CE1-63BE-4717-A80D-262B776109FA}" id="{0733CB48-8DBB-4268-B90E-8CBD56235AD5}">
    <text>Linked to timing of EXT-13 orbital route</text>
  </threadedComment>
  <threadedComment ref="K12" dT="2025-04-07T09:15:15.26" personId="{52578CE1-63BE-4717-A80D-262B776109FA}" id="{E314FB7A-FE67-486D-B7F1-11CA9A40342E}">
    <text>Location of crossing</text>
  </threadedComment>
  <threadedComment ref="J13" dT="2025-04-07T09:56:29.19" personId="{52578CE1-63BE-4717-A80D-262B776109FA}" id="{B00AECBD-4051-45F1-AD1D-01E4C3245990}">
    <text xml:space="preserve">Is a scheme already proposed here? Noted from the modelling results there is a predicted big reduction in delays - is this attributed to a junction improvement? Otherwise seems counterintuitive. </text>
  </threadedComment>
  <threadedComment ref="V13" dT="2025-04-07T08:57:31.10" personId="{52578CE1-63BE-4717-A80D-262B776109FA}" id="{0F1C0B34-A3DC-468C-BE27-FE758608D356}">
    <text xml:space="preserve">Flagged West Redbourn in SADC plan - a non-HGC site but would also benefit from mobility hub on the Centrebus46 route (assuming 46 also increases in frequency) </text>
  </threadedComment>
  <threadedComment ref="AS14" dT="2025-04-07T13:30:39.79" personId="{52578CE1-63BE-4717-A80D-262B776109FA}" id="{19786F14-A748-4810-848F-9A0E75A1EF94}">
    <text xml:space="preserve">Deliberately separated this out from bus lane on Leighton Buzzard Road as it could have different deliverability risks. Could argue for earlier delivery if desired service frequency can be delivered earlier. 
</text>
  </threadedComment>
  <threadedComment ref="J15" dT="2025-04-07T10:40:29.63" personId="{52578CE1-63BE-4717-A80D-262B776109FA}" id="{815D09AF-A0B1-494B-9BAF-05166CEE533A}">
    <text>Queues are northbound. Can’t cover full stretch because of various accesses at northern end. Assume widening of road on eastern side - shifting the carriageway median over to accommodate a bus lane on the western side. Bus gate could be tied into crossing for Nickey Line</text>
  </threadedComment>
  <threadedComment ref="V18" dT="2025-04-07T13:31:47.43" personId="{52578CE1-63BE-4717-A80D-262B776109FA}" id="{346ECD56-D92A-4BFE-A916-F9C517F3DDA7}">
    <text>Uncertain on timing of delivery and to what extent LP developments are expected to fund it</text>
  </threadedComment>
  <threadedComment ref="V19" dT="2025-04-07T13:32:10.34" personId="{52578CE1-63BE-4717-A80D-262B776109FA}" id="{6ED3157A-D2C3-4C9C-96B3-9FDF53C6FCB6}">
    <text xml:space="preserve">Uncertain on timing of delivery and to what extent LP developments are expected to fund it
</text>
  </threadedComment>
  <threadedComment ref="J20" dT="2025-04-07T13:14:23.28" personId="{52578CE1-63BE-4717-A80D-262B776109FA}" id="{EAE3F6ED-CCD0-45EA-B043-062FE15968B1}">
    <text>Updated to reflect HCC’s latest thinking - 090425</text>
  </threadedComment>
  <threadedComment ref="V20" dT="2025-04-07T13:32:15.46" personId="{52578CE1-63BE-4717-A80D-262B776109FA}" id="{987D80D4-08F8-4D92-A965-9AD04AE0DBD1}">
    <text xml:space="preserve">Uncertain on timing of delivery and to what extent LP developments are expected to fund it
</text>
  </threadedComment>
  <threadedComment ref="V23" dT="2025-02-27T10:27:48.80" personId="{52578CE1-63BE-4717-A80D-262B776109FA}" id="{606E1396-1F35-46BA-BB2E-3337F87E787B}">
    <text>Can this also be attributed to other sites?</text>
  </threadedComment>
  <threadedComment ref="V24" dT="2025-02-27T10:26:42.31" personId="{52578CE1-63BE-4717-A80D-262B776109FA}" id="{33F5D42A-175D-4582-9DE6-810E2BB8A91F}">
    <text>Removed Grovehill Local Centre site - was inputted in error</text>
  </threadedComment>
  <threadedComment ref="V25" dT="2025-02-27T10:28:13.55" personId="{52578CE1-63BE-4717-A80D-262B776109FA}" id="{E6EC9788-DF42-48DC-A21B-08DC4683BFC2}">
    <text>Can’t attribute to West Hemel as it has permission - can it be linked to other sites?</text>
  </threadedComment>
  <threadedComment ref="V33" dT="2025-02-27T10:28:44.35" personId="{52578CE1-63BE-4717-A80D-262B776109FA}" id="{6F357E99-D53A-4CCB-92FC-18D1FAFA2EAE}">
    <text>Can’t be linked to Marchmont Farm so no change</text>
  </threadedComment>
  <threadedComment ref="V34" dT="2025-02-27T10:28:48.67" personId="{52578CE1-63BE-4717-A80D-262B776109FA}" id="{60BEDD34-5B33-4588-B8FC-2C37CC110155}">
    <text>Also now linked to Marchmont Farm given it will be close by</text>
  </threadedComment>
  <threadedComment ref="V35" dT="2025-02-27T10:28:53.02" personId="{52578CE1-63BE-4717-A80D-262B776109FA}" id="{162B9EBA-9A3A-4B30-92D4-CCD109212268}">
    <text>Can’t be linked to Marchmont Farm so no change</text>
  </threadedComment>
  <threadedComment ref="V41" dT="2025-02-27T10:25:18.95" personId="{52578CE1-63BE-4717-A80D-262B776109FA}" id="{8FE0766C-9427-460A-BF59-9860D3D1A6BF}">
    <text>Also added Marchmont Farm</text>
  </threadedComment>
  <threadedComment ref="V42" dT="2025-04-04T14:04:14.93" personId="{52578CE1-63BE-4717-A80D-262B776109FA}" id="{4D18F31E-8E86-4C6F-908A-FB0F042AE604}">
    <text>Discussed at meeting on 040425. Acknowledged that all LP sites would benefit from this intervention.</text>
  </threadedComment>
  <threadedComment ref="V43" dT="2025-04-04T14:04:14.93" personId="{52578CE1-63BE-4717-A80D-262B776109FA}" id="{F91ABBFB-EB84-4766-9A54-0B2B72BA5DEF}">
    <text>Discussed at meeting on 040425. Acknowledged that all LP sites would benefit from this intervention.</text>
  </threadedComment>
  <threadedComment ref="V46" dT="2025-02-27T10:29:54.76" personId="{52578CE1-63BE-4717-A80D-262B776109FA}" id="{EEC0BF67-C790-46C6-B5A2-55ADC79D24AA}">
    <text>HCC has queried if this can this be linked to other sites? Potentially Green Lane site but no others surely as it is specifically linking one part of East Hemel to another. Have clarified that this is M1 J8 Phase 2 scheme in case there was confusion</text>
  </threadedComment>
  <threadedComment ref="V51" dT="2025-02-27T10:25:24.06" personId="{52578CE1-63BE-4717-A80D-262B776109FA}" id="{69FD8C74-68DC-47AC-A587-1F9C45E91FDF}">
    <text>Some distance from Marchmont Farm but accessible from northern parts of East Hemel so added this site</text>
  </threadedComment>
  <threadedComment ref="V68" dT="2025-02-27T10:36:57.89" personId="{52578CE1-63BE-4717-A80D-262B776109FA}" id="{D889C82F-AF3F-4973-B25E-802D33F25FEA}">
    <text>Retain Symbio Site as it is close by but remove National Grid site</text>
  </threadedComment>
  <threadedComment ref="V75" dT="2025-02-27T10:37:35.41" personId="{52578CE1-63BE-4717-A80D-262B776109FA}" id="{1794C739-8FBE-402C-A370-419C9A76247D}">
    <text>Look at cumulative impact from multiple sites on this location from COMET evidence</text>
  </threadedComment>
  <threadedComment ref="I76" dT="2025-04-07T14:16:16.93" personId="{52578CE1-63BE-4717-A80D-262B776109FA}" id="{3447BFEC-49AC-425D-95D3-31480ECCF548}">
    <text>Removed and replaced by EXT-14</text>
  </threadedComment>
  <threadedComment ref="V80" dT="2025-02-27T10:38:50.43" personId="{52578CE1-63BE-4717-A80D-262B776109FA}" id="{A6911774-CB35-42D6-91F8-32160C6CD50C}">
    <text>Previously attributed to West Hemel but this site already has planning permission. Could also be attributed to Polehanger Lane but uncertain this development would benefit from the mobility hub</text>
  </threadedComment>
  <threadedComment ref="J82" dT="2025-02-27T11:50:17.39" personId="{52578CE1-63BE-4717-A80D-262B776109FA}" id="{88522055-A707-4910-AF51-5D9CB1EDCC38}">
    <text xml:space="preserve">New to reconfirm feasibility - no space for widening. Needs to fit wider strategy for the A414 as part of the HERT scheme
</text>
  </threadedComment>
  <threadedComment ref="J84" dT="2025-02-27T11:55:28.16" personId="{52578CE1-63BE-4717-A80D-262B776109FA}" id="{D629821A-154A-4399-B83A-15E9A89E8EB9}">
    <text xml:space="preserve">To review in relation to HERT end-state
</text>
  </threadedComment>
  <threadedComment ref="AS84" dT="2025-04-07T14:07:38.39" personId="{52578CE1-63BE-4717-A80D-262B776109FA}" id="{C3B37309-2696-4414-ADCB-8F267A147CE9}">
    <text xml:space="preserve">Timeframe for delivery would assume an increase in services along this stretch of A414 ahead of HERT. Could slip to 2036/37-2040/41 however. </text>
  </threadedComment>
  <threadedComment ref="V86" dT="2025-03-06T11:45:36.92" personId="{52578CE1-63BE-4717-A80D-262B776109FA}" id="{4FD40842-B3B7-41AA-93ED-5FBED80827A5}">
    <text xml:space="preserve">Previously flagged as All LP Sites, however the access would only be required because of the Shendish Manor and Fairfields site. </text>
  </threadedComment>
  <threadedComment ref="J87" dT="2025-04-04T13:21:32.32" personId="{52578CE1-63BE-4717-A80D-262B776109FA}" id="{5EDDFF55-FDEF-476E-865A-6C3DBC6E1B9E}">
    <text>Amended the description to remove reference to the need for maintenance of the current curved bridge by the marina, and a more general proposal for bridge upgrades. I suggest the cost remains high as this could encompass improvements to existing bridges and/or a new bridge in the Apsley area</text>
  </threadedComment>
  <threadedComment ref="J87" dT="2025-04-15T10:32:51.65" personId="{0AF4C7A7-0062-423F-86C7-38553F940BAC}" id="{71CF52EB-D73D-4F28-9C32-31D005973762}" parentId="{5EDDFF55-FDEF-476E-865A-6C3DBC6E1B9E}">
    <text>Updated in IDP</text>
  </threadedComment>
  <threadedComment ref="V90" dT="2025-02-27T10:26:21.33" personId="{52578CE1-63BE-4717-A80D-262B776109FA}" id="{103963C6-3D7B-47EA-9B33-9394BB88AF3A}">
    <text>Also added Green Lane</text>
  </threadedComment>
  <threadedComment ref="V103" dT="2025-04-04T16:07:41.39" personId="{52578CE1-63BE-4717-A80D-262B776109FA}" id="{1F995411-FCAE-4856-BAED-E9E0B282666C}">
    <text>As discussed with HGC 040425</text>
  </threadedComment>
  <threadedComment ref="V113" dT="2025-02-27T10:50:59.60" personId="{52578CE1-63BE-4717-A80D-262B776109FA}" id="{8145114D-F4FA-4B7F-8A60-347FC4243677}">
    <text>Also added Marchmont Farm and Grovehill Local Centre</text>
  </threadedComment>
  <threadedComment ref="V114" dT="2025-02-27T10:51:03.50" personId="{52578CE1-63BE-4717-A80D-262B776109FA}" id="{FF1A9DCA-C8D4-4AC6-8183-0C34BBB99314}">
    <text>Also added Marchmont Farm and Grovehill Local Centre</text>
  </threadedComment>
  <threadedComment ref="V115" dT="2025-02-27T10:51:07.41" personId="{52578CE1-63BE-4717-A80D-262B776109FA}" id="{030387E1-AEA6-408E-B7AE-B4D0FCB677BF}">
    <text>Also added Marchmont Farm and Grovehill Local Centre</text>
  </threadedComment>
  <threadedComment ref="V116" dT="2025-02-27T10:51:11.49" personId="{52578CE1-63BE-4717-A80D-262B776109FA}" id="{850C8CB9-45BA-4BF2-907E-305098A47380}">
    <text>Also added Marchmont Farm and Grovehill Local Centre</text>
  </threadedComment>
  <threadedComment ref="V117" dT="2025-02-27T10:51:17.34" personId="{52578CE1-63BE-4717-A80D-262B776109FA}" id="{3CA5E352-80DF-4E3A-AC7D-60663C0EFDB5}">
    <text>Also added Marchmont Farm and Grovehill Local Centre</text>
  </threadedComment>
  <threadedComment ref="V162" dT="2025-04-04T16:07:35.85" personId="{52578CE1-63BE-4717-A80D-262B776109FA}" id="{FD062690-CB8C-44C4-A391-E0D8E4C1A6C7}">
    <text>As discussed with HGC 040425</text>
  </threadedComment>
  <threadedComment ref="V163" dT="2025-04-04T16:07:29.24" personId="{52578CE1-63BE-4717-A80D-262B776109FA}" id="{84F43FF9-6AC3-4231-B463-26BDA55DEE25}">
    <text>As discussed with HGC 040425</text>
  </threadedComment>
  <threadedComment ref="V165" dT="2025-04-04T16:07:23.90" personId="{52578CE1-63BE-4717-A80D-262B776109FA}" id="{EB8AE2E7-5368-4E1E-ACE4-E8E7F3C8EC5E}">
    <text>As discussed with HGC 040425</text>
  </threadedComment>
  <threadedComment ref="V173" dT="2025-04-04T16:07:19.19" personId="{52578CE1-63BE-4717-A80D-262B776109FA}" id="{07B628AD-D689-45C2-AEB2-354A7958D7A4}">
    <text>As discussed with HGC 040425</text>
  </threadedComment>
  <threadedComment ref="V180" dT="2025-03-06T11:21:21.43" personId="{52578CE1-63BE-4717-A80D-262B776109FA}" id="{0C44F108-4D02-43C2-8CE2-5EE2531B4DAA}">
    <text>Added Plots ⅔ Kier Park, Maylands Ave; Grovehill Local Centre; Marchmont Farm; North Hemel Hempstead</text>
  </threadedComment>
  <threadedComment ref="V181" dT="2025-03-06T11:21:21.43" personId="{52578CE1-63BE-4717-A80D-262B776109FA}" id="{6DA72E22-3ABC-45E7-B823-C2D2BBFBF9B8}">
    <text>Added Plots ⅔ Kier Park, Maylands Ave; Grovehill Local Centre; Marchmont Farm; North Hemel Hempstead</text>
  </threadedComment>
  <threadedComment ref="V182" dT="2025-03-06T11:21:21.43" personId="{52578CE1-63BE-4717-A80D-262B776109FA}" id="{4A418BAD-0ED4-4B87-9E7B-7EF1DCB6B888}">
    <text>Added Plots ⅔ Kier Park, Maylands Ave; Grovehill Local Centre; Marchmont Farm; North Hemel Hempstead</text>
  </threadedComment>
  <threadedComment ref="V183" dT="2025-03-06T11:21:21.43" personId="{52578CE1-63BE-4717-A80D-262B776109FA}" id="{69101740-283C-4E6B-9061-D30FA05CD275}">
    <text>Added Plots ⅔ Kier Park, Maylands Ave; Grovehill Local Centre; Marchmont Farm; North Hemel Hempstead</text>
  </threadedComment>
  <threadedComment ref="V184" dT="2025-03-06T11:21:21.43" personId="{52578CE1-63BE-4717-A80D-262B776109FA}" id="{14EBDF3C-AED4-482B-8199-77F03FF77478}">
    <text>Added Plots ⅔ Kier Park, Maylands Ave; Grovehill Local Centre; Marchmont Farm; North Hemel Hempstead</text>
  </threadedComment>
  <threadedComment ref="V185" dT="2025-03-06T11:21:21.43" personId="{52578CE1-63BE-4717-A80D-262B776109FA}" id="{084751A5-8C69-45BE-9AF8-6727662C2327}">
    <text>Added Plots ⅔ Kier Park, Maylands Ave; Grovehill Local Centre; Marchmont Farm; North Hemel Hempstead</text>
  </threadedComment>
  <threadedComment ref="V187" dT="2025-02-27T10:51:33.17" personId="{52578CE1-63BE-4717-A80D-262B776109FA}" id="{7B2B10BC-A137-43B2-9FF3-13FEBD021322}">
    <text>Also added Marchmont Farm; Grovehill Local Centre; Grovehill Local Centre</text>
  </threadedComment>
  <threadedComment ref="V188" dT="2025-02-27T10:51:37.25" personId="{52578CE1-63BE-4717-A80D-262B776109FA}" id="{AC578D90-C5AC-4CD4-9904-98BE132A0B22}">
    <text>Also added Marchmont Farm; Grovehill Local Centre</text>
  </threadedComment>
  <threadedComment ref="V189" dT="2025-02-27T10:51:41.91" personId="{52578CE1-63BE-4717-A80D-262B776109FA}" id="{9CF900F7-137E-4A94-859D-72898E5058D5}">
    <text>Also added Marchmont Farm</text>
  </threadedComment>
  <threadedComment ref="V190" dT="2025-02-27T10:51:46.97" personId="{52578CE1-63BE-4717-A80D-262B776109FA}" id="{2F04BE62-D349-479B-8251-6A37CC56959E}">
    <text>Also added Marchmont Farm</text>
  </threadedComment>
  <threadedComment ref="V191" dT="2025-02-27T10:51:51.03" personId="{52578CE1-63BE-4717-A80D-262B776109FA}" id="{575C9D9C-7C9D-4770-AA75-45901CA69D89}">
    <text>Also added Marchmont Farm</text>
  </threadedComment>
  <threadedComment ref="V192" dT="2025-02-27T10:51:57.55" personId="{52578CE1-63BE-4717-A80D-262B776109FA}" id="{80337D4E-1202-42C7-B259-62270BD419CB}">
    <text>Also added Marchmont Farm</text>
  </threadedComment>
  <threadedComment ref="V210" dT="2025-02-27T10:50:28.54" personId="{52578CE1-63BE-4717-A80D-262B776109FA}" id="{D5FBBE68-513D-40D6-9C61-448513AB02AC}">
    <text>No change</text>
  </threadedComment>
  <threadedComment ref="V211" dT="2025-02-27T10:50:34.85" personId="{52578CE1-63BE-4717-A80D-262B776109FA}" id="{124072DE-6DE6-4317-9236-0DE9939318AE}">
    <text>No change</text>
  </threadedComment>
  <threadedComment ref="V212" dT="2025-02-27T10:48:42.14" personId="{52578CE1-63BE-4717-A80D-262B776109FA}" id="{510FD902-1220-4198-9D65-C6768406A864}">
    <text>Remove National Grid and Symbio sites</text>
  </threadedComment>
  <threadedComment ref="V213" dT="2025-02-27T10:49:45.35" personId="{52578CE1-63BE-4717-A80D-262B776109FA}" id="{A68AD303-6288-44C0-BA01-82C983AC55AD}">
    <text>Remove National Grid and Symbio sites. Add Shendish Manor</text>
  </threadedComment>
  <threadedComment ref="V214" dT="2025-02-27T10:50:02.39" personId="{52578CE1-63BE-4717-A80D-262B776109FA}" id="{7F21FB4F-57FD-499B-A8CE-F7778810FE41}">
    <text>Remove National Grid and Symbio sites. Add Shendish Manor</text>
  </threadedComment>
  <threadedComment ref="V233" dT="2025-04-04T14:35:07.54" personId="{52578CE1-63BE-4717-A80D-262B776109FA}" id="{9E467F1F-26DD-4DC2-A2B8-A1AA69188878}">
    <text>Discussed with HGC 040425</text>
  </threadedComment>
  <threadedComment ref="V234" dT="2025-04-04T14:35:16.97" personId="{52578CE1-63BE-4717-A80D-262B776109FA}" id="{69721891-9827-443F-A8C0-DD9A7A04F9E6}">
    <text>Discussed with HGC 040425</text>
  </threadedComment>
</ThreadedComments>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11.xml.rels><?xml version="1.0" encoding="UTF-8" standalone="yes"?>
<Relationships xmlns="http://schemas.openxmlformats.org/package/2006/relationships"><Relationship Id="rId3" Type="http://schemas.microsoft.com/office/2017/10/relationships/threadedComment" Target="../threadedComments/threadedComment2.xml"/><Relationship Id="rId2" Type="http://schemas.openxmlformats.org/officeDocument/2006/relationships/comments" Target="../comments2.xml"/><Relationship Id="rId1" Type="http://schemas.openxmlformats.org/officeDocument/2006/relationships/vmlDrawing" Target="../drawings/vmlDrawing2.vml"/></Relationships>
</file>

<file path=xl/worksheets/_rels/sheet12.xml.rels><?xml version="1.0" encoding="UTF-8" standalone="yes"?>
<Relationships xmlns="http://schemas.openxmlformats.org/package/2006/relationships"><Relationship Id="rId3" Type="http://schemas.microsoft.com/office/2017/10/relationships/threadedComment" Target="../threadedComments/threadedComment3.xml"/><Relationship Id="rId2" Type="http://schemas.openxmlformats.org/officeDocument/2006/relationships/comments" Target="../comments3.xml"/><Relationship Id="rId1" Type="http://schemas.openxmlformats.org/officeDocument/2006/relationships/vmlDrawing" Target="../drawings/vmlDrawing3.vml"/></Relationships>
</file>

<file path=xl/worksheets/_rels/sheet13.xml.rels><?xml version="1.0" encoding="UTF-8" standalone="yes"?>
<Relationships xmlns="http://schemas.openxmlformats.org/package/2006/relationships"><Relationship Id="rId3" Type="http://schemas.openxmlformats.org/officeDocument/2006/relationships/comments" Target="../comments4.xml"/><Relationship Id="rId2" Type="http://schemas.openxmlformats.org/officeDocument/2006/relationships/vmlDrawing" Target="../drawings/vmlDrawing4.vml"/><Relationship Id="rId1" Type="http://schemas.openxmlformats.org/officeDocument/2006/relationships/printerSettings" Target="../printerSettings/printerSettings5.bin"/><Relationship Id="rId4" Type="http://schemas.microsoft.com/office/2017/10/relationships/threadedComment" Target="../threadedComments/threadedComment4.xml"/></Relationships>
</file>

<file path=xl/worksheets/_rels/sheet16.xml.rels><?xml version="1.0" encoding="UTF-8" standalone="yes"?>
<Relationships xmlns="http://schemas.openxmlformats.org/package/2006/relationships"><Relationship Id="rId1" Type="http://schemas.openxmlformats.org/officeDocument/2006/relationships/pivotTable" Target="../pivotTables/pivotTable3.xml"/></Relationships>
</file>

<file path=xl/worksheets/_rels/sheet18.xml.rels><?xml version="1.0" encoding="UTF-8" standalone="yes"?>
<Relationships xmlns="http://schemas.openxmlformats.org/package/2006/relationships"><Relationship Id="rId3" Type="http://schemas.microsoft.com/office/2017/10/relationships/threadedComment" Target="../threadedComments/threadedComment5.xml"/><Relationship Id="rId2" Type="http://schemas.openxmlformats.org/officeDocument/2006/relationships/comments" Target="../comments5.xml"/><Relationship Id="rId1" Type="http://schemas.openxmlformats.org/officeDocument/2006/relationships/vmlDrawing" Target="../drawings/vmlDrawing5.vml"/></Relationships>
</file>

<file path=xl/worksheets/_rels/sheet19.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2.xml.rels><?xml version="1.0" encoding="UTF-8" standalone="yes"?>
<Relationships xmlns="http://schemas.openxmlformats.org/package/2006/relationships"><Relationship Id="rId2" Type="http://schemas.openxmlformats.org/officeDocument/2006/relationships/printerSettings" Target="../printerSettings/printerSettings2.bin"/><Relationship Id="rId1" Type="http://schemas.openxmlformats.org/officeDocument/2006/relationships/hyperlink" Target="https://url.uk.m.mimecastprotect.com/s/9G-BCOJKxupqx31IEf7tG_RKh?domain=hertfordshire.gov.uk" TargetMode="External"/></Relationships>
</file>

<file path=xl/worksheets/_rels/sheet21.xml.rels><?xml version="1.0" encoding="UTF-8" standalone="yes"?>
<Relationships xmlns="http://schemas.openxmlformats.org/package/2006/relationships"><Relationship Id="rId3" Type="http://schemas.openxmlformats.org/officeDocument/2006/relationships/comments" Target="../comments6.xml"/><Relationship Id="rId2" Type="http://schemas.openxmlformats.org/officeDocument/2006/relationships/vmlDrawing" Target="../drawings/vmlDrawing6.vml"/><Relationship Id="rId1" Type="http://schemas.openxmlformats.org/officeDocument/2006/relationships/printerSettings" Target="../printerSettings/printerSettings7.bin"/><Relationship Id="rId4" Type="http://schemas.microsoft.com/office/2017/10/relationships/threadedComment" Target="../threadedComments/threadedComment6.xml"/></Relationships>
</file>

<file path=xl/worksheets/_rels/sheet22.xml.rels><?xml version="1.0" encoding="UTF-8" standalone="yes"?>
<Relationships xmlns="http://schemas.openxmlformats.org/package/2006/relationships"><Relationship Id="rId2" Type="http://schemas.microsoft.com/office/2019/04/relationships/namedSheetView" Target="../namedSheetViews/namedSheetView1.xml"/><Relationship Id="rId1" Type="http://schemas.openxmlformats.org/officeDocument/2006/relationships/printerSettings" Target="../printerSettings/printerSettings8.bin"/></Relationships>
</file>

<file path=xl/worksheets/_rels/sheet3.xml.rels><?xml version="1.0" encoding="UTF-8" standalone="yes"?>
<Relationships xmlns="http://schemas.openxmlformats.org/package/2006/relationships"><Relationship Id="rId1" Type="http://schemas.openxmlformats.org/officeDocument/2006/relationships/pivotTable" Target="../pivotTables/pivotTable1.xml"/></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8.xml.rels><?xml version="1.0" encoding="UTF-8" standalone="yes"?>
<Relationships xmlns="http://schemas.openxmlformats.org/package/2006/relationships"><Relationship Id="rId1" Type="http://schemas.openxmlformats.org/officeDocument/2006/relationships/pivotTable" Target="../pivotTables/pivotTable2.xml"/></Relationships>
</file>

<file path=xl/worksheets/_rels/sheet9.xml.rels><?xml version="1.0" encoding="UTF-8" standalone="yes"?>
<Relationships xmlns="http://schemas.openxmlformats.org/package/2006/relationships"><Relationship Id="rId3" Type="http://schemas.microsoft.com/office/2017/10/relationships/threadedComment" Target="../threadedComments/threadedComment1.xml"/><Relationship Id="rId2" Type="http://schemas.openxmlformats.org/officeDocument/2006/relationships/comments" Target="../comments1.xml"/><Relationship Id="rId1" Type="http://schemas.openxmlformats.org/officeDocument/2006/relationships/vmlDrawing" Target="../drawings/vmlDrawing1.v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D504E6-FF23-42EF-A4AB-971259469FAD}">
  <sheetPr codeName="Sheet1" filterMode="1"/>
  <dimension ref="A1:CF1421"/>
  <sheetViews>
    <sheetView workbookViewId="0"/>
  </sheetViews>
  <sheetFormatPr defaultRowHeight="56.1" customHeight="1" x14ac:dyDescent="0.2"/>
  <cols>
    <col min="1" max="1" width="9.625" style="92" customWidth="1"/>
    <col min="2" max="2" width="25.125" style="141" customWidth="1"/>
    <col min="3" max="3" width="25.125" customWidth="1"/>
    <col min="4" max="4" width="29.125" customWidth="1"/>
    <col min="5" max="5" width="29.125" style="34" customWidth="1"/>
    <col min="6" max="6" width="65.625" style="143" customWidth="1"/>
    <col min="7" max="11" width="18.125" customWidth="1"/>
    <col min="12" max="13" width="16.125" customWidth="1"/>
    <col min="14" max="14" width="18.125" style="149" customWidth="1"/>
    <col min="15" max="15" width="19.5" style="149" customWidth="1"/>
    <col min="16" max="16" width="16.125" customWidth="1"/>
    <col min="17" max="17" width="20.625" customWidth="1"/>
    <col min="18" max="50" width="16.625" customWidth="1"/>
    <col min="51" max="52" width="17.5" customWidth="1"/>
    <col min="53" max="65" width="24.625" customWidth="1"/>
    <col min="66" max="81" width="17.5" customWidth="1"/>
    <col min="82" max="83" width="40.125" customWidth="1"/>
    <col min="84" max="84" width="66.625" customWidth="1"/>
  </cols>
  <sheetData>
    <row r="1" spans="1:84" ht="91.5" customHeight="1" x14ac:dyDescent="0.2">
      <c r="A1" s="90" t="s">
        <v>0</v>
      </c>
      <c r="B1" s="5" t="s">
        <v>1</v>
      </c>
      <c r="C1" s="5" t="s">
        <v>2</v>
      </c>
      <c r="D1" s="5" t="s">
        <v>3</v>
      </c>
      <c r="E1" s="6" t="s">
        <v>4</v>
      </c>
      <c r="F1" s="6" t="s">
        <v>5</v>
      </c>
      <c r="G1" s="5" t="s">
        <v>6</v>
      </c>
      <c r="H1" s="5" t="s">
        <v>7</v>
      </c>
      <c r="I1" s="5" t="s">
        <v>8</v>
      </c>
      <c r="J1" s="7" t="s">
        <v>9</v>
      </c>
      <c r="K1" s="7" t="s">
        <v>10</v>
      </c>
      <c r="L1" s="8" t="s">
        <v>11</v>
      </c>
      <c r="M1" s="8" t="s">
        <v>12</v>
      </c>
      <c r="N1" s="145" t="s">
        <v>13</v>
      </c>
      <c r="O1" s="146" t="s">
        <v>14</v>
      </c>
      <c r="P1" s="20" t="s">
        <v>15</v>
      </c>
      <c r="Q1" s="21" t="s">
        <v>16</v>
      </c>
      <c r="R1" s="9" t="s">
        <v>17</v>
      </c>
      <c r="S1" s="9" t="s">
        <v>18</v>
      </c>
      <c r="T1" s="9" t="s">
        <v>19</v>
      </c>
      <c r="U1" s="9" t="s">
        <v>20</v>
      </c>
      <c r="V1" s="9" t="s">
        <v>21</v>
      </c>
      <c r="W1" s="9" t="s">
        <v>22</v>
      </c>
      <c r="X1" s="9" t="s">
        <v>23</v>
      </c>
      <c r="Y1" s="9" t="s">
        <v>24</v>
      </c>
      <c r="Z1" s="9" t="s">
        <v>25</v>
      </c>
      <c r="AA1" s="9" t="s">
        <v>26</v>
      </c>
      <c r="AB1" s="9" t="s">
        <v>27</v>
      </c>
      <c r="AC1" s="9" t="s">
        <v>28</v>
      </c>
      <c r="AD1" s="9" t="s">
        <v>29</v>
      </c>
      <c r="AE1" s="9" t="s">
        <v>30</v>
      </c>
      <c r="AF1" s="9" t="s">
        <v>31</v>
      </c>
      <c r="AG1" s="9" t="s">
        <v>32</v>
      </c>
      <c r="AH1" s="47" t="s">
        <v>33</v>
      </c>
      <c r="AI1" s="10" t="s">
        <v>34</v>
      </c>
      <c r="AJ1" s="10" t="s">
        <v>35</v>
      </c>
      <c r="AK1" s="10" t="s">
        <v>36</v>
      </c>
      <c r="AL1" s="48" t="s">
        <v>37</v>
      </c>
      <c r="AM1" s="11" t="s">
        <v>38</v>
      </c>
      <c r="AN1" s="11" t="s">
        <v>39</v>
      </c>
      <c r="AO1" s="11" t="s">
        <v>40</v>
      </c>
      <c r="AP1" s="49" t="s">
        <v>41</v>
      </c>
      <c r="AQ1" s="44" t="s">
        <v>42</v>
      </c>
      <c r="AR1" s="50" t="s">
        <v>43</v>
      </c>
      <c r="AS1" s="45" t="s">
        <v>44</v>
      </c>
      <c r="AT1" s="46" t="s">
        <v>45</v>
      </c>
      <c r="AU1" s="51" t="s">
        <v>46</v>
      </c>
      <c r="AV1" s="57" t="s">
        <v>47</v>
      </c>
      <c r="AW1" s="61" t="s">
        <v>48</v>
      </c>
      <c r="AX1" s="61" t="s">
        <v>49</v>
      </c>
      <c r="AY1" s="9" t="s">
        <v>17</v>
      </c>
      <c r="AZ1" s="9" t="s">
        <v>18</v>
      </c>
      <c r="BA1" s="9" t="s">
        <v>19</v>
      </c>
      <c r="BB1" s="9" t="s">
        <v>20</v>
      </c>
      <c r="BC1" s="9" t="s">
        <v>21</v>
      </c>
      <c r="BD1" s="9" t="s">
        <v>22</v>
      </c>
      <c r="BE1" s="9" t="s">
        <v>23</v>
      </c>
      <c r="BF1" s="9" t="s">
        <v>24</v>
      </c>
      <c r="BG1" s="9" t="s">
        <v>25</v>
      </c>
      <c r="BH1" s="9" t="s">
        <v>26</v>
      </c>
      <c r="BI1" s="9" t="s">
        <v>27</v>
      </c>
      <c r="BJ1" s="9" t="s">
        <v>28</v>
      </c>
      <c r="BK1" s="9" t="s">
        <v>29</v>
      </c>
      <c r="BL1" s="9" t="s">
        <v>30</v>
      </c>
      <c r="BM1" s="9" t="s">
        <v>31</v>
      </c>
      <c r="BN1" s="9" t="s">
        <v>32</v>
      </c>
      <c r="BO1" s="47" t="s">
        <v>33</v>
      </c>
      <c r="BP1" s="10" t="s">
        <v>34</v>
      </c>
      <c r="BQ1" s="10" t="s">
        <v>35</v>
      </c>
      <c r="BR1" s="10" t="s">
        <v>36</v>
      </c>
      <c r="BS1" s="48" t="s">
        <v>37</v>
      </c>
      <c r="BT1" s="11" t="s">
        <v>38</v>
      </c>
      <c r="BU1" s="11" t="s">
        <v>39</v>
      </c>
      <c r="BV1" s="11" t="s">
        <v>40</v>
      </c>
      <c r="BW1" s="49" t="s">
        <v>41</v>
      </c>
      <c r="BX1" s="44" t="s">
        <v>42</v>
      </c>
      <c r="BY1" s="50" t="s">
        <v>43</v>
      </c>
      <c r="BZ1" s="45" t="s">
        <v>44</v>
      </c>
      <c r="CA1" s="46" t="s">
        <v>45</v>
      </c>
      <c r="CB1" s="51" t="s">
        <v>46</v>
      </c>
      <c r="CC1" s="57" t="s">
        <v>47</v>
      </c>
      <c r="CD1" s="6" t="s">
        <v>50</v>
      </c>
      <c r="CE1" s="6" t="s">
        <v>51</v>
      </c>
      <c r="CF1" s="6" t="s">
        <v>52</v>
      </c>
    </row>
    <row r="2" spans="1:84" ht="32.1" hidden="1" customHeight="1" x14ac:dyDescent="0.2">
      <c r="A2" s="93"/>
      <c r="B2" s="2"/>
      <c r="C2" s="2"/>
      <c r="D2" s="2"/>
      <c r="E2" s="3"/>
      <c r="F2" s="3"/>
      <c r="G2" s="2"/>
      <c r="H2" s="2"/>
      <c r="I2" s="2"/>
      <c r="J2" s="1"/>
      <c r="K2" s="1"/>
      <c r="L2" s="16"/>
      <c r="M2" s="16"/>
      <c r="N2" s="147"/>
      <c r="O2" s="148"/>
      <c r="P2" s="4"/>
      <c r="Q2" s="18"/>
      <c r="R2" s="12">
        <v>1500</v>
      </c>
      <c r="S2" s="13">
        <v>200</v>
      </c>
      <c r="T2" s="13">
        <v>450</v>
      </c>
      <c r="U2" s="13">
        <v>350</v>
      </c>
      <c r="V2" s="13">
        <v>300</v>
      </c>
      <c r="W2" s="13">
        <v>480</v>
      </c>
      <c r="X2" s="13">
        <v>100</v>
      </c>
      <c r="Y2" s="13">
        <v>390</v>
      </c>
      <c r="Z2" s="13">
        <v>500</v>
      </c>
      <c r="AA2" s="13">
        <v>500</v>
      </c>
      <c r="AB2" s="13">
        <v>750</v>
      </c>
      <c r="AC2" s="13">
        <v>200</v>
      </c>
      <c r="AD2" s="13">
        <v>234</v>
      </c>
      <c r="AE2" s="13">
        <v>350</v>
      </c>
      <c r="AF2" s="13">
        <v>90</v>
      </c>
      <c r="AG2" s="13">
        <v>80</v>
      </c>
      <c r="AH2" s="12">
        <v>2385</v>
      </c>
      <c r="AI2" s="14">
        <v>775</v>
      </c>
      <c r="AJ2" s="14">
        <v>100</v>
      </c>
      <c r="AK2" s="14">
        <v>100</v>
      </c>
      <c r="AL2" s="14">
        <v>302</v>
      </c>
      <c r="AM2" s="15">
        <v>250</v>
      </c>
      <c r="AN2" s="15">
        <v>400</v>
      </c>
      <c r="AO2" s="55">
        <v>1400</v>
      </c>
      <c r="AP2" s="15">
        <v>201</v>
      </c>
      <c r="AQ2" s="52">
        <v>217</v>
      </c>
      <c r="AR2" s="52">
        <v>31</v>
      </c>
      <c r="AS2" s="53">
        <v>67</v>
      </c>
      <c r="AT2" s="54">
        <v>150</v>
      </c>
      <c r="AU2" s="54">
        <v>31</v>
      </c>
      <c r="AV2" s="56">
        <v>336</v>
      </c>
      <c r="AW2" s="62"/>
      <c r="AX2" s="62"/>
      <c r="AY2" s="12">
        <v>1500</v>
      </c>
      <c r="AZ2" s="13">
        <v>200</v>
      </c>
      <c r="BA2" s="13">
        <v>450</v>
      </c>
      <c r="BB2" s="13">
        <v>350</v>
      </c>
      <c r="BC2" s="13">
        <v>300</v>
      </c>
      <c r="BD2" s="13">
        <v>480</v>
      </c>
      <c r="BE2" s="13">
        <v>100</v>
      </c>
      <c r="BF2" s="13">
        <v>390</v>
      </c>
      <c r="BG2" s="13">
        <v>500</v>
      </c>
      <c r="BH2" s="13">
        <v>500</v>
      </c>
      <c r="BI2" s="13">
        <v>750</v>
      </c>
      <c r="BJ2" s="13">
        <v>200</v>
      </c>
      <c r="BK2" s="13">
        <v>234</v>
      </c>
      <c r="BL2" s="13">
        <v>350</v>
      </c>
      <c r="BM2" s="13">
        <v>90</v>
      </c>
      <c r="BN2" s="13">
        <v>80</v>
      </c>
      <c r="BO2" s="12">
        <v>2385</v>
      </c>
      <c r="BP2" s="14">
        <v>775</v>
      </c>
      <c r="BQ2" s="14">
        <v>100</v>
      </c>
      <c r="BR2" s="14">
        <v>100</v>
      </c>
      <c r="BS2" s="14">
        <v>302</v>
      </c>
      <c r="BT2" s="15">
        <v>250</v>
      </c>
      <c r="BU2" s="15">
        <v>400</v>
      </c>
      <c r="BV2" s="55">
        <v>1400</v>
      </c>
      <c r="BW2" s="15">
        <v>201</v>
      </c>
      <c r="BX2" s="52">
        <v>217</v>
      </c>
      <c r="BY2" s="52">
        <v>31</v>
      </c>
      <c r="BZ2" s="53">
        <v>67</v>
      </c>
      <c r="CA2" s="54">
        <v>150</v>
      </c>
      <c r="CB2" s="54">
        <v>31</v>
      </c>
      <c r="CC2" s="56">
        <v>336</v>
      </c>
      <c r="CD2" s="3"/>
      <c r="CE2" s="3"/>
      <c r="CF2" s="3"/>
    </row>
    <row r="3" spans="1:84" s="164" customFormat="1" ht="56.1" hidden="1" customHeight="1" x14ac:dyDescent="0.2">
      <c r="A3" s="154">
        <v>1</v>
      </c>
      <c r="B3" s="155" t="s">
        <v>53</v>
      </c>
      <c r="C3" s="155" t="s">
        <v>54</v>
      </c>
      <c r="D3" s="249" t="s">
        <v>55</v>
      </c>
      <c r="E3" s="156" t="s">
        <v>56</v>
      </c>
      <c r="F3" s="156" t="s">
        <v>57</v>
      </c>
      <c r="G3" s="156" t="s">
        <v>58</v>
      </c>
      <c r="H3" s="156" t="s">
        <v>59</v>
      </c>
      <c r="I3" s="156" t="s">
        <v>60</v>
      </c>
      <c r="J3" s="156" t="s">
        <v>61</v>
      </c>
      <c r="K3" s="156" t="s">
        <v>62</v>
      </c>
      <c r="L3" s="156" t="s">
        <v>63</v>
      </c>
      <c r="M3" s="156" t="s">
        <v>63</v>
      </c>
      <c r="N3" s="157">
        <v>51660180</v>
      </c>
      <c r="O3" s="157">
        <f>N3</f>
        <v>51660180</v>
      </c>
      <c r="P3" s="156" t="s">
        <v>64</v>
      </c>
      <c r="Q3" s="162" t="s">
        <v>65</v>
      </c>
      <c r="R3" s="161" t="s">
        <v>66</v>
      </c>
      <c r="S3" s="159"/>
      <c r="T3" s="159"/>
      <c r="U3" s="159"/>
      <c r="V3" s="159"/>
      <c r="W3" s="159"/>
      <c r="X3" s="159"/>
      <c r="Y3" s="159"/>
      <c r="Z3" s="159"/>
      <c r="AA3" s="159"/>
      <c r="AB3" s="159"/>
      <c r="AC3" s="159"/>
      <c r="AD3" s="159"/>
      <c r="AE3" s="159"/>
      <c r="AF3" s="159"/>
      <c r="AG3" s="159"/>
      <c r="AH3" s="159"/>
      <c r="AI3" s="159"/>
      <c r="AJ3" s="159"/>
      <c r="AK3" s="159"/>
      <c r="AL3" s="159"/>
      <c r="AM3" s="159"/>
      <c r="AN3" s="159"/>
      <c r="AO3" s="159"/>
      <c r="AP3" s="159"/>
      <c r="AQ3" s="159"/>
      <c r="AR3" s="159"/>
      <c r="AS3" s="159"/>
      <c r="AT3" s="159"/>
      <c r="AU3" s="159"/>
      <c r="AV3" s="159"/>
      <c r="AW3" s="160">
        <f>SUMIF(R3:AV3,"YES",$R$2:$AV$2)</f>
        <v>1500</v>
      </c>
      <c r="AX3" s="158">
        <f t="shared" ref="AX3" si="0">O3/AW3</f>
        <v>34440.120000000003</v>
      </c>
      <c r="AY3" s="161">
        <f t="shared" ref="AY3:AY66" si="1">IF(R3="yes",(R$2*$AX3),"")</f>
        <v>51660180.000000007</v>
      </c>
      <c r="AZ3" s="161" t="str">
        <f t="shared" ref="AZ3:AZ66" si="2">IF(S3="yes",(S$2*$AX3),"")</f>
        <v/>
      </c>
      <c r="BA3" s="161" t="str">
        <f t="shared" ref="BA3:BA66" si="3">IF(T3="yes",(T$2*$AX3),"")</f>
        <v/>
      </c>
      <c r="BB3" s="161" t="str">
        <f t="shared" ref="BB3:BB66" si="4">IF(U3="yes",(U$2*$AX3),"")</f>
        <v/>
      </c>
      <c r="BC3" s="161" t="str">
        <f t="shared" ref="BC3:BC66" si="5">IF(V3="yes",(V$2*$AX3),"")</f>
        <v/>
      </c>
      <c r="BD3" s="161" t="str">
        <f t="shared" ref="BD3:BD66" si="6">IF(W3="yes",(W$2*$AX3),"")</f>
        <v/>
      </c>
      <c r="BE3" s="161" t="str">
        <f t="shared" ref="BE3:BE66" si="7">IF(X3="yes",(X$2*$AX3),"")</f>
        <v/>
      </c>
      <c r="BF3" s="161" t="str">
        <f t="shared" ref="BF3:BF66" si="8">IF(Y3="yes",(Y$2*$AX3),"")</f>
        <v/>
      </c>
      <c r="BG3" s="161" t="str">
        <f t="shared" ref="BG3:BG66" si="9">IF(Z3="yes",(Z$2*$AX3),"")</f>
        <v/>
      </c>
      <c r="BH3" s="161" t="str">
        <f t="shared" ref="BH3:BH66" si="10">IF(AA3="yes",(AA$2*$AX3),"")</f>
        <v/>
      </c>
      <c r="BI3" s="161" t="str">
        <f t="shared" ref="BI3:BI66" si="11">IF(AB3="yes",(AB$2*$AX3),"")</f>
        <v/>
      </c>
      <c r="BJ3" s="161" t="str">
        <f t="shared" ref="BJ3:BJ66" si="12">IF(AC3="yes",(AC$2*$AX3),"")</f>
        <v/>
      </c>
      <c r="BK3" s="161" t="str">
        <f t="shared" ref="BK3:BK66" si="13">IF(AD3="yes",(AD$2*$AX3),"")</f>
        <v/>
      </c>
      <c r="BL3" s="161" t="str">
        <f t="shared" ref="BL3:BL66" si="14">IF(AE3="yes",(AE$2*$AX3),"")</f>
        <v/>
      </c>
      <c r="BM3" s="161" t="str">
        <f t="shared" ref="BM3:BM66" si="15">IF(AF3="yes",(AF$2*$AX3),"")</f>
        <v/>
      </c>
      <c r="BN3" s="161" t="str">
        <f t="shared" ref="BN3:BN66" si="16">IF(AG3="yes",(AG$2*$AX3),"")</f>
        <v/>
      </c>
      <c r="BO3" s="161" t="str">
        <f t="shared" ref="BO3:BO66" si="17">IF(AH3="yes",(AH$2*$AX3),"")</f>
        <v/>
      </c>
      <c r="BP3" s="161" t="str">
        <f t="shared" ref="BP3:BP66" si="18">IF(AI3="yes",(AI$2*$AX3),"")</f>
        <v/>
      </c>
      <c r="BQ3" s="161" t="str">
        <f t="shared" ref="BQ3:BQ66" si="19">IF(AJ3="yes",(AJ$2*$AX3),"")</f>
        <v/>
      </c>
      <c r="BR3" s="161" t="str">
        <f t="shared" ref="BR3:BR66" si="20">IF(AK3="yes",(AK$2*$AX3),"")</f>
        <v/>
      </c>
      <c r="BS3" s="161" t="str">
        <f t="shared" ref="BS3:BS66" si="21">IF(AL3="yes",(AL$2*$AX3),"")</f>
        <v/>
      </c>
      <c r="BT3" s="161" t="str">
        <f t="shared" ref="BT3:BT66" si="22">IF(AM3="yes",(AM$2*$AX3),"")</f>
        <v/>
      </c>
      <c r="BU3" s="161" t="str">
        <f t="shared" ref="BU3:BU66" si="23">IF(AN3="yes",(AN$2*$AX3),"")</f>
        <v/>
      </c>
      <c r="BV3" s="161" t="str">
        <f t="shared" ref="BV3:BV66" si="24">IF(AO3="yes",(AO$2*$AX3),"")</f>
        <v/>
      </c>
      <c r="BW3" s="161" t="str">
        <f t="shared" ref="BW3:BW66" si="25">IF(AP3="yes",(AP$2*$AX3),"")</f>
        <v/>
      </c>
      <c r="BX3" s="161" t="str">
        <f t="shared" ref="BX3:BX66" si="26">IF(AQ3="yes",(AQ$2*$AX3),"")</f>
        <v/>
      </c>
      <c r="BY3" s="161" t="str">
        <f t="shared" ref="BY3:BY66" si="27">IF(AR3="yes",(AR$2*$AX3),"")</f>
        <v/>
      </c>
      <c r="BZ3" s="161" t="str">
        <f t="shared" ref="BZ3:BZ66" si="28">IF(AS3="yes",(AS$2*$AX3),"")</f>
        <v/>
      </c>
      <c r="CA3" s="161" t="str">
        <f t="shared" ref="CA3:CA66" si="29">IF(AT3="yes",(AT$2*$AX3),"")</f>
        <v/>
      </c>
      <c r="CB3" s="161" t="str">
        <f t="shared" ref="CB3:CB66" si="30">IF(AU3="yes",(AU$2*$AX3),"")</f>
        <v/>
      </c>
      <c r="CC3" s="161" t="str">
        <f t="shared" ref="CC3:CC66" si="31">IF(AV3="yes",(AV$2*$AX3),"")</f>
        <v/>
      </c>
      <c r="CD3" s="156" t="s">
        <v>67</v>
      </c>
      <c r="CE3" s="156" t="s">
        <v>68</v>
      </c>
      <c r="CF3" s="163" t="s">
        <v>69</v>
      </c>
    </row>
    <row r="4" spans="1:84" s="164" customFormat="1" ht="56.1" hidden="1" customHeight="1" x14ac:dyDescent="0.2">
      <c r="A4" s="154">
        <v>2</v>
      </c>
      <c r="B4" s="155" t="s">
        <v>53</v>
      </c>
      <c r="C4" s="155" t="s">
        <v>54</v>
      </c>
      <c r="D4" s="156" t="s">
        <v>55</v>
      </c>
      <c r="E4" s="156" t="s">
        <v>56</v>
      </c>
      <c r="F4" s="156" t="s">
        <v>70</v>
      </c>
      <c r="G4" s="156" t="s">
        <v>58</v>
      </c>
      <c r="H4" s="156" t="s">
        <v>59</v>
      </c>
      <c r="I4" s="156" t="s">
        <v>60</v>
      </c>
      <c r="J4" s="156" t="s">
        <v>61</v>
      </c>
      <c r="K4" s="156" t="s">
        <v>71</v>
      </c>
      <c r="L4" s="156" t="s">
        <v>63</v>
      </c>
      <c r="M4" s="156" t="s">
        <v>63</v>
      </c>
      <c r="N4" s="157">
        <v>11480040</v>
      </c>
      <c r="O4" s="157">
        <f>N4</f>
        <v>11480040</v>
      </c>
      <c r="P4" s="156" t="s">
        <v>64</v>
      </c>
      <c r="Q4" s="162" t="s">
        <v>65</v>
      </c>
      <c r="R4" s="161" t="s">
        <v>66</v>
      </c>
      <c r="S4" s="159"/>
      <c r="T4" s="159"/>
      <c r="U4" s="159"/>
      <c r="V4" s="159"/>
      <c r="W4" s="159"/>
      <c r="X4" s="159"/>
      <c r="Y4" s="159"/>
      <c r="Z4" s="159"/>
      <c r="AA4" s="159"/>
      <c r="AB4" s="159"/>
      <c r="AC4" s="159"/>
      <c r="AD4" s="159"/>
      <c r="AE4" s="159"/>
      <c r="AF4" s="159"/>
      <c r="AG4" s="159"/>
      <c r="AH4" s="159"/>
      <c r="AI4" s="159"/>
      <c r="AJ4" s="159"/>
      <c r="AK4" s="159"/>
      <c r="AL4" s="159"/>
      <c r="AM4" s="159"/>
      <c r="AN4" s="159"/>
      <c r="AO4" s="159"/>
      <c r="AP4" s="159"/>
      <c r="AQ4" s="159"/>
      <c r="AR4" s="159"/>
      <c r="AS4" s="159"/>
      <c r="AT4" s="159"/>
      <c r="AU4" s="159"/>
      <c r="AV4" s="159"/>
      <c r="AW4" s="160">
        <f t="shared" ref="AW4:AW110" si="32">SUMIF(R4:AV4,"YES",$R$2:$AV$2)</f>
        <v>1500</v>
      </c>
      <c r="AX4" s="158">
        <f t="shared" ref="AX4:AX11" si="33">O4/AW4</f>
        <v>7653.36</v>
      </c>
      <c r="AY4" s="161">
        <f t="shared" si="1"/>
        <v>11480040</v>
      </c>
      <c r="AZ4" s="161" t="str">
        <f t="shared" si="2"/>
        <v/>
      </c>
      <c r="BA4" s="161" t="str">
        <f t="shared" si="3"/>
        <v/>
      </c>
      <c r="BB4" s="161" t="str">
        <f t="shared" si="4"/>
        <v/>
      </c>
      <c r="BC4" s="161" t="str">
        <f t="shared" si="5"/>
        <v/>
      </c>
      <c r="BD4" s="161" t="str">
        <f t="shared" si="6"/>
        <v/>
      </c>
      <c r="BE4" s="161" t="str">
        <f t="shared" si="7"/>
        <v/>
      </c>
      <c r="BF4" s="161" t="str">
        <f t="shared" si="8"/>
        <v/>
      </c>
      <c r="BG4" s="161" t="str">
        <f t="shared" si="9"/>
        <v/>
      </c>
      <c r="BH4" s="161" t="str">
        <f t="shared" si="10"/>
        <v/>
      </c>
      <c r="BI4" s="161" t="str">
        <f t="shared" si="11"/>
        <v/>
      </c>
      <c r="BJ4" s="161" t="str">
        <f t="shared" si="12"/>
        <v/>
      </c>
      <c r="BK4" s="161" t="str">
        <f t="shared" si="13"/>
        <v/>
      </c>
      <c r="BL4" s="161" t="str">
        <f t="shared" si="14"/>
        <v/>
      </c>
      <c r="BM4" s="161" t="str">
        <f t="shared" si="15"/>
        <v/>
      </c>
      <c r="BN4" s="161" t="str">
        <f t="shared" si="16"/>
        <v/>
      </c>
      <c r="BO4" s="161" t="str">
        <f t="shared" si="17"/>
        <v/>
      </c>
      <c r="BP4" s="161" t="str">
        <f t="shared" si="18"/>
        <v/>
      </c>
      <c r="BQ4" s="161" t="str">
        <f t="shared" si="19"/>
        <v/>
      </c>
      <c r="BR4" s="161" t="str">
        <f t="shared" si="20"/>
        <v/>
      </c>
      <c r="BS4" s="161" t="str">
        <f t="shared" si="21"/>
        <v/>
      </c>
      <c r="BT4" s="161" t="str">
        <f t="shared" si="22"/>
        <v/>
      </c>
      <c r="BU4" s="161" t="str">
        <f t="shared" si="23"/>
        <v/>
      </c>
      <c r="BV4" s="161" t="str">
        <f t="shared" si="24"/>
        <v/>
      </c>
      <c r="BW4" s="161" t="str">
        <f t="shared" si="25"/>
        <v/>
      </c>
      <c r="BX4" s="161" t="str">
        <f t="shared" si="26"/>
        <v/>
      </c>
      <c r="BY4" s="161" t="str">
        <f t="shared" si="27"/>
        <v/>
      </c>
      <c r="BZ4" s="161" t="str">
        <f t="shared" si="28"/>
        <v/>
      </c>
      <c r="CA4" s="161" t="str">
        <f t="shared" si="29"/>
        <v/>
      </c>
      <c r="CB4" s="161" t="str">
        <f t="shared" si="30"/>
        <v/>
      </c>
      <c r="CC4" s="161" t="str">
        <f t="shared" si="31"/>
        <v/>
      </c>
      <c r="CD4" s="162" t="s">
        <v>72</v>
      </c>
      <c r="CE4" s="156" t="s">
        <v>73</v>
      </c>
      <c r="CF4" s="163" t="s">
        <v>69</v>
      </c>
    </row>
    <row r="5" spans="1:84" s="217" customFormat="1" ht="56.1" hidden="1" customHeight="1" x14ac:dyDescent="0.2">
      <c r="A5" s="181">
        <v>3</v>
      </c>
      <c r="B5" s="182" t="s">
        <v>53</v>
      </c>
      <c r="C5" s="182" t="s">
        <v>54</v>
      </c>
      <c r="D5" s="214" t="s">
        <v>55</v>
      </c>
      <c r="E5" s="214" t="s">
        <v>74</v>
      </c>
      <c r="F5" s="214" t="s">
        <v>75</v>
      </c>
      <c r="G5" s="214" t="s">
        <v>58</v>
      </c>
      <c r="H5" s="214" t="s">
        <v>76</v>
      </c>
      <c r="I5" s="214" t="s">
        <v>60</v>
      </c>
      <c r="J5" s="214" t="s">
        <v>77</v>
      </c>
      <c r="K5" s="214" t="s">
        <v>71</v>
      </c>
      <c r="L5" s="214" t="s">
        <v>63</v>
      </c>
      <c r="M5" s="214" t="s">
        <v>63</v>
      </c>
      <c r="N5" s="215">
        <v>11480040</v>
      </c>
      <c r="O5" s="215">
        <v>11480040</v>
      </c>
      <c r="P5" s="214" t="s">
        <v>64</v>
      </c>
      <c r="Q5" s="197" t="s">
        <v>65</v>
      </c>
      <c r="R5" s="216"/>
      <c r="S5" s="216"/>
      <c r="T5" s="192" t="s">
        <v>66</v>
      </c>
      <c r="U5" s="216"/>
      <c r="V5" s="216"/>
      <c r="W5" s="216"/>
      <c r="X5" s="216"/>
      <c r="Y5" s="216"/>
      <c r="Z5" s="216"/>
      <c r="AA5" s="216"/>
      <c r="AB5" s="216"/>
      <c r="AC5" s="216"/>
      <c r="AD5" s="216"/>
      <c r="AE5" s="216"/>
      <c r="AF5" s="216"/>
      <c r="AG5" s="216"/>
      <c r="AH5" s="216"/>
      <c r="AI5" s="216"/>
      <c r="AJ5" s="216"/>
      <c r="AK5" s="216"/>
      <c r="AL5" s="216"/>
      <c r="AM5" s="216"/>
      <c r="AN5" s="216"/>
      <c r="AO5" s="216"/>
      <c r="AP5" s="216"/>
      <c r="AQ5" s="216"/>
      <c r="AR5" s="216"/>
      <c r="AS5" s="216"/>
      <c r="AT5" s="216"/>
      <c r="AU5" s="216"/>
      <c r="AV5" s="216"/>
      <c r="AW5" s="191">
        <f t="shared" si="32"/>
        <v>450</v>
      </c>
      <c r="AX5" s="187">
        <f t="shared" si="33"/>
        <v>25511.200000000001</v>
      </c>
      <c r="AY5" s="192" t="str">
        <f t="shared" si="1"/>
        <v/>
      </c>
      <c r="AZ5" s="192" t="str">
        <f t="shared" si="2"/>
        <v/>
      </c>
      <c r="BA5" s="192">
        <f t="shared" si="3"/>
        <v>11480040</v>
      </c>
      <c r="BB5" s="192" t="str">
        <f t="shared" si="4"/>
        <v/>
      </c>
      <c r="BC5" s="192" t="str">
        <f t="shared" si="5"/>
        <v/>
      </c>
      <c r="BD5" s="192" t="str">
        <f t="shared" si="6"/>
        <v/>
      </c>
      <c r="BE5" s="192" t="str">
        <f t="shared" si="7"/>
        <v/>
      </c>
      <c r="BF5" s="192" t="str">
        <f t="shared" si="8"/>
        <v/>
      </c>
      <c r="BG5" s="192" t="str">
        <f t="shared" si="9"/>
        <v/>
      </c>
      <c r="BH5" s="192" t="str">
        <f t="shared" si="10"/>
        <v/>
      </c>
      <c r="BI5" s="192" t="str">
        <f t="shared" si="11"/>
        <v/>
      </c>
      <c r="BJ5" s="192" t="str">
        <f t="shared" si="12"/>
        <v/>
      </c>
      <c r="BK5" s="192" t="str">
        <f t="shared" si="13"/>
        <v/>
      </c>
      <c r="BL5" s="192" t="str">
        <f t="shared" si="14"/>
        <v/>
      </c>
      <c r="BM5" s="192" t="str">
        <f t="shared" si="15"/>
        <v/>
      </c>
      <c r="BN5" s="192" t="str">
        <f t="shared" si="16"/>
        <v/>
      </c>
      <c r="BO5" s="192" t="str">
        <f t="shared" si="17"/>
        <v/>
      </c>
      <c r="BP5" s="192" t="str">
        <f t="shared" si="18"/>
        <v/>
      </c>
      <c r="BQ5" s="192" t="str">
        <f t="shared" si="19"/>
        <v/>
      </c>
      <c r="BR5" s="192" t="str">
        <f t="shared" si="20"/>
        <v/>
      </c>
      <c r="BS5" s="192" t="str">
        <f t="shared" si="21"/>
        <v/>
      </c>
      <c r="BT5" s="192" t="str">
        <f t="shared" si="22"/>
        <v/>
      </c>
      <c r="BU5" s="192" t="str">
        <f t="shared" si="23"/>
        <v/>
      </c>
      <c r="BV5" s="192" t="str">
        <f t="shared" si="24"/>
        <v/>
      </c>
      <c r="BW5" s="192" t="str">
        <f t="shared" si="25"/>
        <v/>
      </c>
      <c r="BX5" s="192" t="str">
        <f t="shared" si="26"/>
        <v/>
      </c>
      <c r="BY5" s="192" t="str">
        <f t="shared" si="27"/>
        <v/>
      </c>
      <c r="BZ5" s="192" t="str">
        <f t="shared" si="28"/>
        <v/>
      </c>
      <c r="CA5" s="192" t="str">
        <f t="shared" si="29"/>
        <v/>
      </c>
      <c r="CB5" s="192" t="str">
        <f t="shared" si="30"/>
        <v/>
      </c>
      <c r="CC5" s="192" t="str">
        <f t="shared" si="31"/>
        <v/>
      </c>
      <c r="CD5" s="197" t="s">
        <v>72</v>
      </c>
      <c r="CE5" s="214" t="s">
        <v>73</v>
      </c>
      <c r="CF5" s="186" t="s">
        <v>69</v>
      </c>
    </row>
    <row r="6" spans="1:84" s="164" customFormat="1" ht="56.1" hidden="1" customHeight="1" x14ac:dyDescent="0.2">
      <c r="A6" s="154">
        <v>4</v>
      </c>
      <c r="B6" s="155" t="s">
        <v>53</v>
      </c>
      <c r="C6" s="155" t="s">
        <v>54</v>
      </c>
      <c r="D6" s="156" t="s">
        <v>55</v>
      </c>
      <c r="E6" s="156" t="s">
        <v>78</v>
      </c>
      <c r="F6" s="156" t="s">
        <v>70</v>
      </c>
      <c r="G6" s="156" t="s">
        <v>58</v>
      </c>
      <c r="H6" s="156" t="s">
        <v>26</v>
      </c>
      <c r="I6" s="156" t="s">
        <v>60</v>
      </c>
      <c r="J6" s="156" t="s">
        <v>61</v>
      </c>
      <c r="K6" s="156" t="s">
        <v>71</v>
      </c>
      <c r="L6" s="156" t="s">
        <v>63</v>
      </c>
      <c r="M6" s="156" t="s">
        <v>63</v>
      </c>
      <c r="N6" s="157">
        <v>11480040</v>
      </c>
      <c r="O6" s="157">
        <f t="shared" ref="O6:O11" si="34">N6</f>
        <v>11480040</v>
      </c>
      <c r="P6" s="156" t="s">
        <v>64</v>
      </c>
      <c r="Q6" s="162" t="s">
        <v>65</v>
      </c>
      <c r="R6" s="159"/>
      <c r="S6" s="159"/>
      <c r="T6" s="159"/>
      <c r="U6" s="159"/>
      <c r="V6" s="159"/>
      <c r="W6" s="159"/>
      <c r="X6" s="159"/>
      <c r="Y6" s="159"/>
      <c r="Z6" s="159"/>
      <c r="AA6" s="161" t="s">
        <v>66</v>
      </c>
      <c r="AB6" s="159"/>
      <c r="AC6" s="159"/>
      <c r="AD6" s="159"/>
      <c r="AE6" s="159"/>
      <c r="AF6" s="159"/>
      <c r="AG6" s="159"/>
      <c r="AH6" s="159"/>
      <c r="AI6" s="159"/>
      <c r="AJ6" s="159"/>
      <c r="AK6" s="159"/>
      <c r="AL6" s="159"/>
      <c r="AM6" s="159"/>
      <c r="AN6" s="159"/>
      <c r="AO6" s="159"/>
      <c r="AP6" s="159"/>
      <c r="AQ6" s="159"/>
      <c r="AR6" s="159"/>
      <c r="AS6" s="159"/>
      <c r="AT6" s="159"/>
      <c r="AU6" s="159"/>
      <c r="AV6" s="159"/>
      <c r="AW6" s="160">
        <f t="shared" si="32"/>
        <v>500</v>
      </c>
      <c r="AX6" s="158">
        <f t="shared" si="33"/>
        <v>22960.080000000002</v>
      </c>
      <c r="AY6" s="161" t="str">
        <f t="shared" si="1"/>
        <v/>
      </c>
      <c r="AZ6" s="161" t="str">
        <f t="shared" si="2"/>
        <v/>
      </c>
      <c r="BA6" s="161" t="str">
        <f t="shared" si="3"/>
        <v/>
      </c>
      <c r="BB6" s="161" t="str">
        <f t="shared" si="4"/>
        <v/>
      </c>
      <c r="BC6" s="161" t="str">
        <f t="shared" si="5"/>
        <v/>
      </c>
      <c r="BD6" s="161" t="str">
        <f t="shared" si="6"/>
        <v/>
      </c>
      <c r="BE6" s="161" t="str">
        <f t="shared" si="7"/>
        <v/>
      </c>
      <c r="BF6" s="161" t="str">
        <f t="shared" si="8"/>
        <v/>
      </c>
      <c r="BG6" s="161" t="str">
        <f t="shared" si="9"/>
        <v/>
      </c>
      <c r="BH6" s="161">
        <f t="shared" si="10"/>
        <v>11480040</v>
      </c>
      <c r="BI6" s="161" t="str">
        <f t="shared" si="11"/>
        <v/>
      </c>
      <c r="BJ6" s="161" t="str">
        <f t="shared" si="12"/>
        <v/>
      </c>
      <c r="BK6" s="161" t="str">
        <f t="shared" si="13"/>
        <v/>
      </c>
      <c r="BL6" s="161" t="str">
        <f t="shared" si="14"/>
        <v/>
      </c>
      <c r="BM6" s="161" t="str">
        <f t="shared" si="15"/>
        <v/>
      </c>
      <c r="BN6" s="161" t="str">
        <f t="shared" si="16"/>
        <v/>
      </c>
      <c r="BO6" s="161" t="str">
        <f t="shared" si="17"/>
        <v/>
      </c>
      <c r="BP6" s="161" t="str">
        <f t="shared" si="18"/>
        <v/>
      </c>
      <c r="BQ6" s="161" t="str">
        <f t="shared" si="19"/>
        <v/>
      </c>
      <c r="BR6" s="161" t="str">
        <f t="shared" si="20"/>
        <v/>
      </c>
      <c r="BS6" s="161" t="str">
        <f t="shared" si="21"/>
        <v/>
      </c>
      <c r="BT6" s="161" t="str">
        <f t="shared" si="22"/>
        <v/>
      </c>
      <c r="BU6" s="161" t="str">
        <f t="shared" si="23"/>
        <v/>
      </c>
      <c r="BV6" s="161" t="str">
        <f t="shared" si="24"/>
        <v/>
      </c>
      <c r="BW6" s="161" t="str">
        <f t="shared" si="25"/>
        <v/>
      </c>
      <c r="BX6" s="161" t="str">
        <f t="shared" si="26"/>
        <v/>
      </c>
      <c r="BY6" s="161" t="str">
        <f t="shared" si="27"/>
        <v/>
      </c>
      <c r="BZ6" s="161" t="str">
        <f t="shared" si="28"/>
        <v/>
      </c>
      <c r="CA6" s="161" t="str">
        <f t="shared" si="29"/>
        <v/>
      </c>
      <c r="CB6" s="161" t="str">
        <f t="shared" si="30"/>
        <v/>
      </c>
      <c r="CC6" s="161" t="str">
        <f t="shared" si="31"/>
        <v/>
      </c>
      <c r="CD6" s="162" t="s">
        <v>72</v>
      </c>
      <c r="CE6" s="156" t="s">
        <v>73</v>
      </c>
      <c r="CF6" s="163" t="s">
        <v>69</v>
      </c>
    </row>
    <row r="7" spans="1:84" s="207" customFormat="1" ht="56.1" hidden="1" customHeight="1" x14ac:dyDescent="0.2">
      <c r="A7" s="198">
        <v>5</v>
      </c>
      <c r="B7" s="199" t="s">
        <v>53</v>
      </c>
      <c r="C7" s="199" t="s">
        <v>54</v>
      </c>
      <c r="D7" s="200" t="s">
        <v>55</v>
      </c>
      <c r="E7" s="200" t="s">
        <v>79</v>
      </c>
      <c r="F7" s="200" t="s">
        <v>80</v>
      </c>
      <c r="G7" s="200" t="s">
        <v>58</v>
      </c>
      <c r="H7" s="200" t="s">
        <v>63</v>
      </c>
      <c r="I7" s="200" t="s">
        <v>81</v>
      </c>
      <c r="J7" s="200" t="s">
        <v>61</v>
      </c>
      <c r="K7" s="200" t="s">
        <v>71</v>
      </c>
      <c r="L7" s="200" t="s">
        <v>63</v>
      </c>
      <c r="M7" s="200" t="s">
        <v>63</v>
      </c>
      <c r="N7" s="201">
        <v>4807688</v>
      </c>
      <c r="O7" s="201">
        <f t="shared" si="34"/>
        <v>4807688</v>
      </c>
      <c r="P7" s="200" t="s">
        <v>64</v>
      </c>
      <c r="Q7" s="263" t="s">
        <v>82</v>
      </c>
      <c r="R7" s="203" t="s">
        <v>66</v>
      </c>
      <c r="S7" s="203" t="s">
        <v>66</v>
      </c>
      <c r="T7" s="203" t="s">
        <v>66</v>
      </c>
      <c r="U7" s="203" t="s">
        <v>66</v>
      </c>
      <c r="V7" s="203" t="s">
        <v>66</v>
      </c>
      <c r="W7" s="203" t="s">
        <v>66</v>
      </c>
      <c r="X7" s="203" t="s">
        <v>66</v>
      </c>
      <c r="Y7" s="203" t="s">
        <v>66</v>
      </c>
      <c r="Z7" s="203" t="s">
        <v>66</v>
      </c>
      <c r="AA7" s="203" t="s">
        <v>66</v>
      </c>
      <c r="AB7" s="203" t="s">
        <v>66</v>
      </c>
      <c r="AC7" s="203" t="s">
        <v>66</v>
      </c>
      <c r="AD7" s="203" t="s">
        <v>66</v>
      </c>
      <c r="AE7" s="203" t="s">
        <v>66</v>
      </c>
      <c r="AF7" s="203" t="s">
        <v>66</v>
      </c>
      <c r="AG7" s="203" t="s">
        <v>66</v>
      </c>
      <c r="AH7" s="203" t="s">
        <v>66</v>
      </c>
      <c r="AI7" s="202"/>
      <c r="AJ7" s="202"/>
      <c r="AK7" s="202"/>
      <c r="AL7" s="202"/>
      <c r="AM7" s="202"/>
      <c r="AN7" s="202"/>
      <c r="AO7" s="202"/>
      <c r="AP7" s="202"/>
      <c r="AQ7" s="202"/>
      <c r="AR7" s="202"/>
      <c r="AS7" s="202"/>
      <c r="AT7" s="202"/>
      <c r="AU7" s="202"/>
      <c r="AV7" s="202"/>
      <c r="AW7" s="204">
        <f t="shared" si="32"/>
        <v>8859</v>
      </c>
      <c r="AX7" s="205">
        <f t="shared" si="33"/>
        <v>542.68969409639919</v>
      </c>
      <c r="AY7" s="203">
        <f t="shared" si="1"/>
        <v>814034.54114459874</v>
      </c>
      <c r="AZ7" s="203">
        <f t="shared" si="2"/>
        <v>108537.93881927984</v>
      </c>
      <c r="BA7" s="203">
        <f t="shared" si="3"/>
        <v>244210.36234337965</v>
      </c>
      <c r="BB7" s="203">
        <f t="shared" si="4"/>
        <v>189941.39293373973</v>
      </c>
      <c r="BC7" s="203">
        <f t="shared" si="5"/>
        <v>162806.90822891975</v>
      </c>
      <c r="BD7" s="203">
        <f t="shared" si="6"/>
        <v>260491.05316627162</v>
      </c>
      <c r="BE7" s="203">
        <f t="shared" si="7"/>
        <v>54268.969409639918</v>
      </c>
      <c r="BF7" s="203">
        <f t="shared" si="8"/>
        <v>211648.98069759569</v>
      </c>
      <c r="BG7" s="203">
        <f t="shared" si="9"/>
        <v>271344.84704819962</v>
      </c>
      <c r="BH7" s="203">
        <f t="shared" si="10"/>
        <v>271344.84704819962</v>
      </c>
      <c r="BI7" s="203">
        <f t="shared" si="11"/>
        <v>407017.27057229937</v>
      </c>
      <c r="BJ7" s="203">
        <f t="shared" si="12"/>
        <v>108537.93881927984</v>
      </c>
      <c r="BK7" s="203">
        <f t="shared" si="13"/>
        <v>126989.38841855741</v>
      </c>
      <c r="BL7" s="203">
        <f t="shared" si="14"/>
        <v>189941.39293373973</v>
      </c>
      <c r="BM7" s="203">
        <f t="shared" si="15"/>
        <v>48842.072468675928</v>
      </c>
      <c r="BN7" s="203">
        <f t="shared" si="16"/>
        <v>43415.175527711937</v>
      </c>
      <c r="BO7" s="203">
        <f t="shared" si="17"/>
        <v>1294314.9204199121</v>
      </c>
      <c r="BP7" s="203" t="str">
        <f t="shared" si="18"/>
        <v/>
      </c>
      <c r="BQ7" s="203" t="str">
        <f t="shared" si="19"/>
        <v/>
      </c>
      <c r="BR7" s="203" t="str">
        <f t="shared" si="20"/>
        <v/>
      </c>
      <c r="BS7" s="203" t="str">
        <f t="shared" si="21"/>
        <v/>
      </c>
      <c r="BT7" s="203" t="str">
        <f t="shared" si="22"/>
        <v/>
      </c>
      <c r="BU7" s="203" t="str">
        <f t="shared" si="23"/>
        <v/>
      </c>
      <c r="BV7" s="203" t="str">
        <f t="shared" si="24"/>
        <v/>
      </c>
      <c r="BW7" s="203" t="str">
        <f t="shared" si="25"/>
        <v/>
      </c>
      <c r="BX7" s="203" t="str">
        <f t="shared" si="26"/>
        <v/>
      </c>
      <c r="BY7" s="203" t="str">
        <f t="shared" si="27"/>
        <v/>
      </c>
      <c r="BZ7" s="203" t="str">
        <f t="shared" si="28"/>
        <v/>
      </c>
      <c r="CA7" s="203" t="str">
        <f t="shared" si="29"/>
        <v/>
      </c>
      <c r="CB7" s="203" t="str">
        <f t="shared" si="30"/>
        <v/>
      </c>
      <c r="CC7" s="203" t="str">
        <f t="shared" si="31"/>
        <v/>
      </c>
      <c r="CD7" s="200" t="s">
        <v>83</v>
      </c>
      <c r="CE7" s="200" t="s">
        <v>73</v>
      </c>
      <c r="CF7" s="206" t="s">
        <v>69</v>
      </c>
    </row>
    <row r="8" spans="1:84" s="311" customFormat="1" ht="56.1" hidden="1" customHeight="1" x14ac:dyDescent="0.2">
      <c r="A8" s="302">
        <v>6</v>
      </c>
      <c r="B8" s="24" t="s">
        <v>53</v>
      </c>
      <c r="C8" s="24" t="s">
        <v>54</v>
      </c>
      <c r="D8" s="303" t="s">
        <v>55</v>
      </c>
      <c r="E8" s="303" t="s">
        <v>84</v>
      </c>
      <c r="F8" s="303" t="s">
        <v>85</v>
      </c>
      <c r="G8" s="303" t="s">
        <v>86</v>
      </c>
      <c r="H8" s="303" t="s">
        <v>87</v>
      </c>
      <c r="I8" s="303" t="s">
        <v>60</v>
      </c>
      <c r="J8" s="303" t="s">
        <v>61</v>
      </c>
      <c r="K8" s="303" t="s">
        <v>71</v>
      </c>
      <c r="L8" s="303" t="s">
        <v>63</v>
      </c>
      <c r="M8" s="303" t="s">
        <v>63</v>
      </c>
      <c r="N8" s="304">
        <v>11480040</v>
      </c>
      <c r="O8" s="304">
        <f t="shared" si="34"/>
        <v>11480040</v>
      </c>
      <c r="P8" s="303" t="s">
        <v>64</v>
      </c>
      <c r="Q8" s="305" t="s">
        <v>65</v>
      </c>
      <c r="R8" s="306"/>
      <c r="S8" s="306"/>
      <c r="T8" s="306"/>
      <c r="U8" s="306"/>
      <c r="V8" s="306"/>
      <c r="W8" s="306"/>
      <c r="X8" s="306"/>
      <c r="Y8" s="306"/>
      <c r="Z8" s="306"/>
      <c r="AA8" s="306"/>
      <c r="AB8" s="306"/>
      <c r="AC8" s="306"/>
      <c r="AD8" s="306"/>
      <c r="AE8" s="306"/>
      <c r="AF8" s="306"/>
      <c r="AG8" s="306"/>
      <c r="AH8" s="306"/>
      <c r="AI8" s="307" t="s">
        <v>66</v>
      </c>
      <c r="AJ8" s="306"/>
      <c r="AK8" s="306"/>
      <c r="AL8" s="306"/>
      <c r="AM8" s="306"/>
      <c r="AN8" s="306"/>
      <c r="AO8" s="306"/>
      <c r="AP8" s="306"/>
      <c r="AQ8" s="306"/>
      <c r="AR8" s="306"/>
      <c r="AS8" s="306"/>
      <c r="AT8" s="306"/>
      <c r="AU8" s="306"/>
      <c r="AV8" s="306"/>
      <c r="AW8" s="308">
        <f t="shared" si="32"/>
        <v>775</v>
      </c>
      <c r="AX8" s="309">
        <f t="shared" si="33"/>
        <v>14812.954838709677</v>
      </c>
      <c r="AY8" s="307" t="str">
        <f t="shared" si="1"/>
        <v/>
      </c>
      <c r="AZ8" s="307" t="str">
        <f t="shared" si="2"/>
        <v/>
      </c>
      <c r="BA8" s="307" t="str">
        <f t="shared" si="3"/>
        <v/>
      </c>
      <c r="BB8" s="307" t="str">
        <f t="shared" si="4"/>
        <v/>
      </c>
      <c r="BC8" s="307" t="str">
        <f t="shared" si="5"/>
        <v/>
      </c>
      <c r="BD8" s="307" t="str">
        <f t="shared" si="6"/>
        <v/>
      </c>
      <c r="BE8" s="307" t="str">
        <f t="shared" si="7"/>
        <v/>
      </c>
      <c r="BF8" s="307" t="str">
        <f t="shared" si="8"/>
        <v/>
      </c>
      <c r="BG8" s="307" t="str">
        <f t="shared" si="9"/>
        <v/>
      </c>
      <c r="BH8" s="307" t="str">
        <f t="shared" si="10"/>
        <v/>
      </c>
      <c r="BI8" s="307" t="str">
        <f t="shared" si="11"/>
        <v/>
      </c>
      <c r="BJ8" s="307" t="str">
        <f t="shared" si="12"/>
        <v/>
      </c>
      <c r="BK8" s="307" t="str">
        <f t="shared" si="13"/>
        <v/>
      </c>
      <c r="BL8" s="307" t="str">
        <f t="shared" si="14"/>
        <v/>
      </c>
      <c r="BM8" s="307" t="str">
        <f t="shared" si="15"/>
        <v/>
      </c>
      <c r="BN8" s="307" t="str">
        <f t="shared" si="16"/>
        <v/>
      </c>
      <c r="BO8" s="307" t="str">
        <f t="shared" si="17"/>
        <v/>
      </c>
      <c r="BP8" s="307">
        <f t="shared" si="18"/>
        <v>11480040</v>
      </c>
      <c r="BQ8" s="307" t="str">
        <f t="shared" si="19"/>
        <v/>
      </c>
      <c r="BR8" s="307" t="str">
        <f t="shared" si="20"/>
        <v/>
      </c>
      <c r="BS8" s="307" t="str">
        <f t="shared" si="21"/>
        <v/>
      </c>
      <c r="BT8" s="307" t="str">
        <f t="shared" si="22"/>
        <v/>
      </c>
      <c r="BU8" s="307" t="str">
        <f t="shared" si="23"/>
        <v/>
      </c>
      <c r="BV8" s="307" t="str">
        <f t="shared" si="24"/>
        <v/>
      </c>
      <c r="BW8" s="307" t="str">
        <f t="shared" si="25"/>
        <v/>
      </c>
      <c r="BX8" s="307" t="str">
        <f t="shared" si="26"/>
        <v/>
      </c>
      <c r="BY8" s="307" t="str">
        <f t="shared" si="27"/>
        <v/>
      </c>
      <c r="BZ8" s="307" t="str">
        <f t="shared" si="28"/>
        <v/>
      </c>
      <c r="CA8" s="307" t="str">
        <f t="shared" si="29"/>
        <v/>
      </c>
      <c r="CB8" s="307" t="str">
        <f t="shared" si="30"/>
        <v/>
      </c>
      <c r="CC8" s="307" t="str">
        <f t="shared" si="31"/>
        <v/>
      </c>
      <c r="CD8" s="305" t="s">
        <v>72</v>
      </c>
      <c r="CE8" s="303" t="s">
        <v>73</v>
      </c>
      <c r="CF8" s="310" t="s">
        <v>69</v>
      </c>
    </row>
    <row r="9" spans="1:84" s="311" customFormat="1" ht="56.1" hidden="1" customHeight="1" x14ac:dyDescent="0.2">
      <c r="A9" s="302">
        <v>7</v>
      </c>
      <c r="B9" s="24" t="s">
        <v>53</v>
      </c>
      <c r="C9" s="24" t="s">
        <v>54</v>
      </c>
      <c r="D9" s="303" t="s">
        <v>55</v>
      </c>
      <c r="E9" s="303" t="s">
        <v>88</v>
      </c>
      <c r="F9" s="303" t="s">
        <v>89</v>
      </c>
      <c r="G9" s="303" t="s">
        <v>90</v>
      </c>
      <c r="H9" s="303" t="s">
        <v>38</v>
      </c>
      <c r="I9" s="303" t="s">
        <v>60</v>
      </c>
      <c r="J9" s="303" t="s">
        <v>61</v>
      </c>
      <c r="K9" s="303" t="s">
        <v>71</v>
      </c>
      <c r="L9" s="303" t="s">
        <v>63</v>
      </c>
      <c r="M9" s="303" t="s">
        <v>63</v>
      </c>
      <c r="N9" s="304">
        <v>11480040</v>
      </c>
      <c r="O9" s="304">
        <f t="shared" si="34"/>
        <v>11480040</v>
      </c>
      <c r="P9" s="303" t="s">
        <v>64</v>
      </c>
      <c r="Q9" s="305" t="s">
        <v>65</v>
      </c>
      <c r="R9" s="306"/>
      <c r="S9" s="306"/>
      <c r="T9" s="306"/>
      <c r="U9" s="306"/>
      <c r="V9" s="306"/>
      <c r="W9" s="306"/>
      <c r="X9" s="306"/>
      <c r="Y9" s="306"/>
      <c r="Z9" s="306"/>
      <c r="AA9" s="306"/>
      <c r="AB9" s="306"/>
      <c r="AC9" s="306"/>
      <c r="AD9" s="306"/>
      <c r="AE9" s="306"/>
      <c r="AF9" s="306"/>
      <c r="AG9" s="306"/>
      <c r="AH9" s="306"/>
      <c r="AI9" s="306"/>
      <c r="AJ9" s="306"/>
      <c r="AK9" s="306"/>
      <c r="AL9" s="306"/>
      <c r="AM9" s="307" t="s">
        <v>66</v>
      </c>
      <c r="AN9" s="306"/>
      <c r="AO9" s="306"/>
      <c r="AP9" s="306"/>
      <c r="AQ9" s="306"/>
      <c r="AR9" s="306"/>
      <c r="AS9" s="306"/>
      <c r="AT9" s="306"/>
      <c r="AU9" s="306"/>
      <c r="AV9" s="306"/>
      <c r="AW9" s="308">
        <f t="shared" si="32"/>
        <v>250</v>
      </c>
      <c r="AX9" s="309">
        <f t="shared" si="33"/>
        <v>45920.160000000003</v>
      </c>
      <c r="AY9" s="307" t="str">
        <f t="shared" si="1"/>
        <v/>
      </c>
      <c r="AZ9" s="307" t="str">
        <f t="shared" si="2"/>
        <v/>
      </c>
      <c r="BA9" s="307" t="str">
        <f t="shared" si="3"/>
        <v/>
      </c>
      <c r="BB9" s="307" t="str">
        <f t="shared" si="4"/>
        <v/>
      </c>
      <c r="BC9" s="307" t="str">
        <f t="shared" si="5"/>
        <v/>
      </c>
      <c r="BD9" s="307" t="str">
        <f t="shared" si="6"/>
        <v/>
      </c>
      <c r="BE9" s="307" t="str">
        <f t="shared" si="7"/>
        <v/>
      </c>
      <c r="BF9" s="307" t="str">
        <f t="shared" si="8"/>
        <v/>
      </c>
      <c r="BG9" s="307" t="str">
        <f t="shared" si="9"/>
        <v/>
      </c>
      <c r="BH9" s="307" t="str">
        <f t="shared" si="10"/>
        <v/>
      </c>
      <c r="BI9" s="307" t="str">
        <f t="shared" si="11"/>
        <v/>
      </c>
      <c r="BJ9" s="307" t="str">
        <f t="shared" si="12"/>
        <v/>
      </c>
      <c r="BK9" s="307" t="str">
        <f t="shared" si="13"/>
        <v/>
      </c>
      <c r="BL9" s="307" t="str">
        <f t="shared" si="14"/>
        <v/>
      </c>
      <c r="BM9" s="307" t="str">
        <f t="shared" si="15"/>
        <v/>
      </c>
      <c r="BN9" s="307" t="str">
        <f t="shared" si="16"/>
        <v/>
      </c>
      <c r="BO9" s="307" t="str">
        <f t="shared" si="17"/>
        <v/>
      </c>
      <c r="BP9" s="307" t="str">
        <f t="shared" si="18"/>
        <v/>
      </c>
      <c r="BQ9" s="307" t="str">
        <f t="shared" si="19"/>
        <v/>
      </c>
      <c r="BR9" s="307" t="str">
        <f t="shared" si="20"/>
        <v/>
      </c>
      <c r="BS9" s="307" t="str">
        <f t="shared" si="21"/>
        <v/>
      </c>
      <c r="BT9" s="307">
        <f t="shared" si="22"/>
        <v>11480040</v>
      </c>
      <c r="BU9" s="307" t="str">
        <f t="shared" si="23"/>
        <v/>
      </c>
      <c r="BV9" s="307" t="str">
        <f t="shared" si="24"/>
        <v/>
      </c>
      <c r="BW9" s="307" t="str">
        <f t="shared" si="25"/>
        <v/>
      </c>
      <c r="BX9" s="307" t="str">
        <f t="shared" si="26"/>
        <v/>
      </c>
      <c r="BY9" s="307" t="str">
        <f t="shared" si="27"/>
        <v/>
      </c>
      <c r="BZ9" s="307" t="str">
        <f t="shared" si="28"/>
        <v/>
      </c>
      <c r="CA9" s="307" t="str">
        <f t="shared" si="29"/>
        <v/>
      </c>
      <c r="CB9" s="307" t="str">
        <f t="shared" si="30"/>
        <v/>
      </c>
      <c r="CC9" s="307" t="str">
        <f t="shared" si="31"/>
        <v/>
      </c>
      <c r="CD9" s="305" t="s">
        <v>72</v>
      </c>
      <c r="CE9" s="303" t="s">
        <v>91</v>
      </c>
      <c r="CF9" s="310" t="s">
        <v>69</v>
      </c>
    </row>
    <row r="10" spans="1:84" s="311" customFormat="1" ht="56.1" hidden="1" customHeight="1" x14ac:dyDescent="0.2">
      <c r="A10" s="302">
        <v>8</v>
      </c>
      <c r="B10" s="24" t="s">
        <v>53</v>
      </c>
      <c r="C10" s="24" t="s">
        <v>54</v>
      </c>
      <c r="D10" s="303" t="s">
        <v>55</v>
      </c>
      <c r="E10" s="303" t="s">
        <v>79</v>
      </c>
      <c r="F10" s="303" t="s">
        <v>92</v>
      </c>
      <c r="G10" s="303" t="s">
        <v>93</v>
      </c>
      <c r="H10" s="303" t="s">
        <v>63</v>
      </c>
      <c r="I10" s="303" t="s">
        <v>81</v>
      </c>
      <c r="J10" s="303" t="s">
        <v>61</v>
      </c>
      <c r="K10" s="303" t="s">
        <v>71</v>
      </c>
      <c r="L10" s="303" t="s">
        <v>63</v>
      </c>
      <c r="M10" s="303" t="s">
        <v>63</v>
      </c>
      <c r="N10" s="304">
        <v>4807688</v>
      </c>
      <c r="O10" s="304">
        <f t="shared" si="34"/>
        <v>4807688</v>
      </c>
      <c r="P10" s="303" t="s">
        <v>64</v>
      </c>
      <c r="Q10" s="305" t="s">
        <v>82</v>
      </c>
      <c r="R10" s="306"/>
      <c r="S10" s="306"/>
      <c r="T10" s="306"/>
      <c r="U10" s="306"/>
      <c r="V10" s="306"/>
      <c r="W10" s="306"/>
      <c r="X10" s="306"/>
      <c r="Y10" s="306"/>
      <c r="Z10" s="306"/>
      <c r="AA10" s="306"/>
      <c r="AB10" s="306"/>
      <c r="AC10" s="306"/>
      <c r="AD10" s="306"/>
      <c r="AE10" s="306"/>
      <c r="AF10" s="306"/>
      <c r="AG10" s="306"/>
      <c r="AH10" s="306"/>
      <c r="AI10" s="306"/>
      <c r="AJ10" s="306"/>
      <c r="AK10" s="306"/>
      <c r="AL10" s="306"/>
      <c r="AM10" s="306"/>
      <c r="AN10" s="306"/>
      <c r="AO10" s="306"/>
      <c r="AP10" s="306"/>
      <c r="AQ10" s="307" t="s">
        <v>66</v>
      </c>
      <c r="AR10" s="307" t="s">
        <v>66</v>
      </c>
      <c r="AS10" s="306"/>
      <c r="AT10" s="306"/>
      <c r="AU10" s="306"/>
      <c r="AV10" s="306"/>
      <c r="AW10" s="308">
        <f t="shared" si="32"/>
        <v>248</v>
      </c>
      <c r="AX10" s="309">
        <f t="shared" si="33"/>
        <v>19385.83870967742</v>
      </c>
      <c r="AY10" s="307" t="str">
        <f t="shared" si="1"/>
        <v/>
      </c>
      <c r="AZ10" s="307" t="str">
        <f t="shared" si="2"/>
        <v/>
      </c>
      <c r="BA10" s="307" t="str">
        <f t="shared" si="3"/>
        <v/>
      </c>
      <c r="BB10" s="307" t="str">
        <f t="shared" si="4"/>
        <v/>
      </c>
      <c r="BC10" s="307" t="str">
        <f t="shared" si="5"/>
        <v/>
      </c>
      <c r="BD10" s="307" t="str">
        <f t="shared" si="6"/>
        <v/>
      </c>
      <c r="BE10" s="307" t="str">
        <f t="shared" si="7"/>
        <v/>
      </c>
      <c r="BF10" s="307" t="str">
        <f t="shared" si="8"/>
        <v/>
      </c>
      <c r="BG10" s="307" t="str">
        <f t="shared" si="9"/>
        <v/>
      </c>
      <c r="BH10" s="307" t="str">
        <f t="shared" si="10"/>
        <v/>
      </c>
      <c r="BI10" s="307" t="str">
        <f t="shared" si="11"/>
        <v/>
      </c>
      <c r="BJ10" s="307" t="str">
        <f t="shared" si="12"/>
        <v/>
      </c>
      <c r="BK10" s="307" t="str">
        <f t="shared" si="13"/>
        <v/>
      </c>
      <c r="BL10" s="307" t="str">
        <f t="shared" si="14"/>
        <v/>
      </c>
      <c r="BM10" s="307" t="str">
        <f t="shared" si="15"/>
        <v/>
      </c>
      <c r="BN10" s="307" t="str">
        <f t="shared" si="16"/>
        <v/>
      </c>
      <c r="BO10" s="307" t="str">
        <f t="shared" si="17"/>
        <v/>
      </c>
      <c r="BP10" s="307" t="str">
        <f t="shared" si="18"/>
        <v/>
      </c>
      <c r="BQ10" s="307" t="str">
        <f t="shared" si="19"/>
        <v/>
      </c>
      <c r="BR10" s="307" t="str">
        <f t="shared" si="20"/>
        <v/>
      </c>
      <c r="BS10" s="307" t="str">
        <f t="shared" si="21"/>
        <v/>
      </c>
      <c r="BT10" s="307" t="str">
        <f t="shared" si="22"/>
        <v/>
      </c>
      <c r="BU10" s="307" t="str">
        <f t="shared" si="23"/>
        <v/>
      </c>
      <c r="BV10" s="307" t="str">
        <f t="shared" si="24"/>
        <v/>
      </c>
      <c r="BW10" s="307" t="str">
        <f t="shared" si="25"/>
        <v/>
      </c>
      <c r="BX10" s="307">
        <f t="shared" si="26"/>
        <v>4206727</v>
      </c>
      <c r="BY10" s="307">
        <f t="shared" si="27"/>
        <v>600961</v>
      </c>
      <c r="BZ10" s="307" t="str">
        <f t="shared" si="28"/>
        <v/>
      </c>
      <c r="CA10" s="307" t="str">
        <f t="shared" si="29"/>
        <v/>
      </c>
      <c r="CB10" s="307" t="str">
        <f t="shared" si="30"/>
        <v/>
      </c>
      <c r="CC10" s="307" t="str">
        <f t="shared" si="31"/>
        <v/>
      </c>
      <c r="CD10" s="303" t="s">
        <v>83</v>
      </c>
      <c r="CE10" s="303" t="s">
        <v>73</v>
      </c>
      <c r="CF10" s="310" t="s">
        <v>69</v>
      </c>
    </row>
    <row r="11" spans="1:84" s="311" customFormat="1" ht="56.1" hidden="1" customHeight="1" x14ac:dyDescent="0.2">
      <c r="A11" s="302">
        <v>9</v>
      </c>
      <c r="B11" s="24" t="s">
        <v>53</v>
      </c>
      <c r="C11" s="24" t="s">
        <v>54</v>
      </c>
      <c r="D11" s="303" t="s">
        <v>55</v>
      </c>
      <c r="E11" s="303" t="s">
        <v>79</v>
      </c>
      <c r="F11" s="303" t="s">
        <v>94</v>
      </c>
      <c r="G11" s="303" t="s">
        <v>95</v>
      </c>
      <c r="H11" s="303" t="s">
        <v>63</v>
      </c>
      <c r="I11" s="303" t="s">
        <v>81</v>
      </c>
      <c r="J11" s="303" t="s">
        <v>61</v>
      </c>
      <c r="K11" s="303" t="s">
        <v>71</v>
      </c>
      <c r="L11" s="303" t="s">
        <v>63</v>
      </c>
      <c r="M11" s="303" t="s">
        <v>63</v>
      </c>
      <c r="N11" s="304">
        <v>4807688</v>
      </c>
      <c r="O11" s="304">
        <f t="shared" si="34"/>
        <v>4807688</v>
      </c>
      <c r="P11" s="303" t="s">
        <v>64</v>
      </c>
      <c r="Q11" s="305" t="s">
        <v>82</v>
      </c>
      <c r="R11" s="306"/>
      <c r="S11" s="306"/>
      <c r="T11" s="306"/>
      <c r="U11" s="306"/>
      <c r="V11" s="306"/>
      <c r="W11" s="306"/>
      <c r="X11" s="306"/>
      <c r="Y11" s="306"/>
      <c r="Z11" s="306"/>
      <c r="AA11" s="306"/>
      <c r="AB11" s="306"/>
      <c r="AC11" s="306"/>
      <c r="AD11" s="306"/>
      <c r="AE11" s="306"/>
      <c r="AF11" s="306"/>
      <c r="AG11" s="306"/>
      <c r="AH11" s="306"/>
      <c r="AI11" s="306"/>
      <c r="AJ11" s="306"/>
      <c r="AK11" s="306"/>
      <c r="AL11" s="306"/>
      <c r="AM11" s="306"/>
      <c r="AN11" s="306"/>
      <c r="AO11" s="306"/>
      <c r="AP11" s="306"/>
      <c r="AQ11" s="306"/>
      <c r="AR11" s="306"/>
      <c r="AS11" s="306"/>
      <c r="AT11" s="307" t="s">
        <v>66</v>
      </c>
      <c r="AU11" s="306" t="s">
        <v>66</v>
      </c>
      <c r="AV11" s="306"/>
      <c r="AW11" s="308">
        <f t="shared" si="32"/>
        <v>181</v>
      </c>
      <c r="AX11" s="309">
        <f t="shared" si="33"/>
        <v>26561.812154696134</v>
      </c>
      <c r="AY11" s="307" t="str">
        <f t="shared" si="1"/>
        <v/>
      </c>
      <c r="AZ11" s="307" t="str">
        <f t="shared" si="2"/>
        <v/>
      </c>
      <c r="BA11" s="307" t="str">
        <f t="shared" si="3"/>
        <v/>
      </c>
      <c r="BB11" s="307" t="str">
        <f t="shared" si="4"/>
        <v/>
      </c>
      <c r="BC11" s="307" t="str">
        <f t="shared" si="5"/>
        <v/>
      </c>
      <c r="BD11" s="307" t="str">
        <f t="shared" si="6"/>
        <v/>
      </c>
      <c r="BE11" s="307" t="str">
        <f t="shared" si="7"/>
        <v/>
      </c>
      <c r="BF11" s="307" t="str">
        <f t="shared" si="8"/>
        <v/>
      </c>
      <c r="BG11" s="307" t="str">
        <f t="shared" si="9"/>
        <v/>
      </c>
      <c r="BH11" s="307" t="str">
        <f t="shared" si="10"/>
        <v/>
      </c>
      <c r="BI11" s="307" t="str">
        <f t="shared" si="11"/>
        <v/>
      </c>
      <c r="BJ11" s="307" t="str">
        <f t="shared" si="12"/>
        <v/>
      </c>
      <c r="BK11" s="307" t="str">
        <f t="shared" si="13"/>
        <v/>
      </c>
      <c r="BL11" s="307" t="str">
        <f t="shared" si="14"/>
        <v/>
      </c>
      <c r="BM11" s="307" t="str">
        <f t="shared" si="15"/>
        <v/>
      </c>
      <c r="BN11" s="307" t="str">
        <f t="shared" si="16"/>
        <v/>
      </c>
      <c r="BO11" s="307" t="str">
        <f t="shared" si="17"/>
        <v/>
      </c>
      <c r="BP11" s="307" t="str">
        <f t="shared" si="18"/>
        <v/>
      </c>
      <c r="BQ11" s="307" t="str">
        <f t="shared" si="19"/>
        <v/>
      </c>
      <c r="BR11" s="307" t="str">
        <f t="shared" si="20"/>
        <v/>
      </c>
      <c r="BS11" s="307" t="str">
        <f t="shared" si="21"/>
        <v/>
      </c>
      <c r="BT11" s="307" t="str">
        <f t="shared" si="22"/>
        <v/>
      </c>
      <c r="BU11" s="307" t="str">
        <f t="shared" si="23"/>
        <v/>
      </c>
      <c r="BV11" s="307" t="str">
        <f t="shared" si="24"/>
        <v/>
      </c>
      <c r="BW11" s="307" t="str">
        <f t="shared" si="25"/>
        <v/>
      </c>
      <c r="BX11" s="307" t="str">
        <f t="shared" si="26"/>
        <v/>
      </c>
      <c r="BY11" s="307" t="str">
        <f t="shared" si="27"/>
        <v/>
      </c>
      <c r="BZ11" s="307" t="str">
        <f t="shared" si="28"/>
        <v/>
      </c>
      <c r="CA11" s="307">
        <f t="shared" si="29"/>
        <v>3984271.82320442</v>
      </c>
      <c r="CB11" s="307">
        <f t="shared" si="30"/>
        <v>823416.17679558019</v>
      </c>
      <c r="CC11" s="307" t="str">
        <f t="shared" si="31"/>
        <v/>
      </c>
      <c r="CD11" s="303" t="s">
        <v>83</v>
      </c>
      <c r="CE11" s="303" t="s">
        <v>73</v>
      </c>
      <c r="CF11" s="310" t="s">
        <v>69</v>
      </c>
    </row>
    <row r="12" spans="1:84" s="164" customFormat="1" ht="56.1" hidden="1" customHeight="1" x14ac:dyDescent="0.2">
      <c r="A12" s="154">
        <v>10</v>
      </c>
      <c r="B12" s="155" t="s">
        <v>53</v>
      </c>
      <c r="C12" s="155" t="s">
        <v>96</v>
      </c>
      <c r="D12" s="156" t="s">
        <v>55</v>
      </c>
      <c r="E12" s="156" t="s">
        <v>97</v>
      </c>
      <c r="F12" s="156" t="s">
        <v>98</v>
      </c>
      <c r="G12" s="156" t="s">
        <v>58</v>
      </c>
      <c r="H12" s="156" t="s">
        <v>27</v>
      </c>
      <c r="I12" s="156" t="s">
        <v>60</v>
      </c>
      <c r="J12" s="156" t="s">
        <v>77</v>
      </c>
      <c r="K12" s="156" t="s">
        <v>71</v>
      </c>
      <c r="L12" s="156" t="s">
        <v>63</v>
      </c>
      <c r="M12" s="156" t="s">
        <v>63</v>
      </c>
      <c r="N12" s="157">
        <v>11480040</v>
      </c>
      <c r="O12" s="157">
        <v>11480040</v>
      </c>
      <c r="P12" s="156" t="s">
        <v>64</v>
      </c>
      <c r="Q12" s="162" t="s">
        <v>65</v>
      </c>
      <c r="R12" s="159"/>
      <c r="S12" s="159"/>
      <c r="T12" s="159"/>
      <c r="U12" s="159"/>
      <c r="V12" s="159"/>
      <c r="W12" s="159"/>
      <c r="X12" s="159"/>
      <c r="Y12" s="159"/>
      <c r="Z12" s="159"/>
      <c r="AA12" s="159"/>
      <c r="AB12" s="159" t="s">
        <v>66</v>
      </c>
      <c r="AC12" s="159"/>
      <c r="AD12" s="159"/>
      <c r="AE12" s="159"/>
      <c r="AF12" s="159"/>
      <c r="AG12" s="159"/>
      <c r="AH12" s="159"/>
      <c r="AI12" s="159"/>
      <c r="AJ12" s="159"/>
      <c r="AK12" s="159"/>
      <c r="AL12" s="159"/>
      <c r="AM12" s="159"/>
      <c r="AN12" s="159"/>
      <c r="AO12" s="159"/>
      <c r="AP12" s="159"/>
      <c r="AQ12" s="159"/>
      <c r="AR12" s="159"/>
      <c r="AS12" s="159"/>
      <c r="AT12" s="159"/>
      <c r="AU12" s="159"/>
      <c r="AV12" s="159"/>
      <c r="AW12" s="160">
        <f t="shared" si="32"/>
        <v>750</v>
      </c>
      <c r="AX12" s="158"/>
      <c r="AY12" s="161" t="str">
        <f t="shared" si="1"/>
        <v/>
      </c>
      <c r="AZ12" s="161" t="str">
        <f t="shared" si="2"/>
        <v/>
      </c>
      <c r="BA12" s="161" t="str">
        <f t="shared" si="3"/>
        <v/>
      </c>
      <c r="BB12" s="161" t="str">
        <f t="shared" si="4"/>
        <v/>
      </c>
      <c r="BC12" s="161" t="str">
        <f t="shared" si="5"/>
        <v/>
      </c>
      <c r="BD12" s="161" t="str">
        <f t="shared" si="6"/>
        <v/>
      </c>
      <c r="BE12" s="161" t="str">
        <f t="shared" si="7"/>
        <v/>
      </c>
      <c r="BF12" s="161" t="str">
        <f t="shared" si="8"/>
        <v/>
      </c>
      <c r="BG12" s="161" t="str">
        <f t="shared" si="9"/>
        <v/>
      </c>
      <c r="BH12" s="161" t="str">
        <f t="shared" si="10"/>
        <v/>
      </c>
      <c r="BI12" s="161">
        <f t="shared" si="11"/>
        <v>0</v>
      </c>
      <c r="BJ12" s="161" t="str">
        <f t="shared" si="12"/>
        <v/>
      </c>
      <c r="BK12" s="161" t="str">
        <f t="shared" si="13"/>
        <v/>
      </c>
      <c r="BL12" s="161" t="str">
        <f t="shared" si="14"/>
        <v/>
      </c>
      <c r="BM12" s="161" t="str">
        <f t="shared" si="15"/>
        <v/>
      </c>
      <c r="BN12" s="161" t="str">
        <f t="shared" si="16"/>
        <v/>
      </c>
      <c r="BO12" s="161" t="str">
        <f t="shared" si="17"/>
        <v/>
      </c>
      <c r="BP12" s="161" t="str">
        <f t="shared" si="18"/>
        <v/>
      </c>
      <c r="BQ12" s="161" t="str">
        <f t="shared" si="19"/>
        <v/>
      </c>
      <c r="BR12" s="161" t="str">
        <f t="shared" si="20"/>
        <v/>
      </c>
      <c r="BS12" s="161" t="str">
        <f t="shared" si="21"/>
        <v/>
      </c>
      <c r="BT12" s="161" t="str">
        <f t="shared" si="22"/>
        <v/>
      </c>
      <c r="BU12" s="161" t="str">
        <f t="shared" si="23"/>
        <v/>
      </c>
      <c r="BV12" s="161" t="str">
        <f t="shared" si="24"/>
        <v/>
      </c>
      <c r="BW12" s="161" t="str">
        <f t="shared" si="25"/>
        <v/>
      </c>
      <c r="BX12" s="161" t="str">
        <f t="shared" si="26"/>
        <v/>
      </c>
      <c r="BY12" s="161" t="str">
        <f t="shared" si="27"/>
        <v/>
      </c>
      <c r="BZ12" s="161" t="str">
        <f t="shared" si="28"/>
        <v/>
      </c>
      <c r="CA12" s="161" t="str">
        <f t="shared" si="29"/>
        <v/>
      </c>
      <c r="CB12" s="161" t="str">
        <f t="shared" si="30"/>
        <v/>
      </c>
      <c r="CC12" s="161" t="str">
        <f t="shared" si="31"/>
        <v/>
      </c>
      <c r="CD12" s="156"/>
      <c r="CE12" s="156"/>
      <c r="CF12" s="163" t="s">
        <v>69</v>
      </c>
    </row>
    <row r="13" spans="1:84" s="311" customFormat="1" ht="56.1" hidden="1" customHeight="1" x14ac:dyDescent="0.2">
      <c r="A13" s="302">
        <v>11</v>
      </c>
      <c r="B13" s="24" t="s">
        <v>53</v>
      </c>
      <c r="C13" s="24" t="s">
        <v>96</v>
      </c>
      <c r="D13" s="303" t="s">
        <v>55</v>
      </c>
      <c r="E13" s="303" t="s">
        <v>99</v>
      </c>
      <c r="F13" s="303" t="s">
        <v>100</v>
      </c>
      <c r="G13" s="303" t="s">
        <v>90</v>
      </c>
      <c r="H13" s="303" t="s">
        <v>40</v>
      </c>
      <c r="I13" s="303" t="s">
        <v>60</v>
      </c>
      <c r="J13" s="303" t="s">
        <v>77</v>
      </c>
      <c r="K13" s="303" t="s">
        <v>101</v>
      </c>
      <c r="L13" s="303" t="s">
        <v>63</v>
      </c>
      <c r="M13" s="303" t="s">
        <v>63</v>
      </c>
      <c r="N13" s="304">
        <v>28700100</v>
      </c>
      <c r="O13" s="304">
        <v>28700100</v>
      </c>
      <c r="P13" s="303" t="s">
        <v>64</v>
      </c>
      <c r="Q13" s="305" t="s">
        <v>65</v>
      </c>
      <c r="R13" s="306"/>
      <c r="S13" s="306"/>
      <c r="T13" s="306"/>
      <c r="U13" s="306"/>
      <c r="V13" s="306"/>
      <c r="W13" s="306"/>
      <c r="X13" s="306"/>
      <c r="Y13" s="306"/>
      <c r="Z13" s="306"/>
      <c r="AA13" s="306"/>
      <c r="AB13" s="306"/>
      <c r="AC13" s="306"/>
      <c r="AD13" s="306"/>
      <c r="AE13" s="306"/>
      <c r="AF13" s="306"/>
      <c r="AG13" s="306"/>
      <c r="AH13" s="306"/>
      <c r="AI13" s="306"/>
      <c r="AJ13" s="306"/>
      <c r="AK13" s="306"/>
      <c r="AL13" s="306"/>
      <c r="AM13" s="306"/>
      <c r="AN13" s="306"/>
      <c r="AO13" s="306" t="s">
        <v>66</v>
      </c>
      <c r="AP13" s="306"/>
      <c r="AQ13" s="306"/>
      <c r="AR13" s="306"/>
      <c r="AS13" s="306"/>
      <c r="AT13" s="306"/>
      <c r="AU13" s="306"/>
      <c r="AV13" s="306"/>
      <c r="AW13" s="308">
        <f t="shared" si="32"/>
        <v>1400</v>
      </c>
      <c r="AX13" s="309"/>
      <c r="AY13" s="307" t="str">
        <f t="shared" si="1"/>
        <v/>
      </c>
      <c r="AZ13" s="307" t="str">
        <f t="shared" si="2"/>
        <v/>
      </c>
      <c r="BA13" s="307" t="str">
        <f t="shared" si="3"/>
        <v/>
      </c>
      <c r="BB13" s="307" t="str">
        <f t="shared" si="4"/>
        <v/>
      </c>
      <c r="BC13" s="307" t="str">
        <f t="shared" si="5"/>
        <v/>
      </c>
      <c r="BD13" s="307" t="str">
        <f t="shared" si="6"/>
        <v/>
      </c>
      <c r="BE13" s="307" t="str">
        <f t="shared" si="7"/>
        <v/>
      </c>
      <c r="BF13" s="307" t="str">
        <f t="shared" si="8"/>
        <v/>
      </c>
      <c r="BG13" s="307" t="str">
        <f t="shared" si="9"/>
        <v/>
      </c>
      <c r="BH13" s="307" t="str">
        <f t="shared" si="10"/>
        <v/>
      </c>
      <c r="BI13" s="307" t="str">
        <f t="shared" si="11"/>
        <v/>
      </c>
      <c r="BJ13" s="307" t="str">
        <f t="shared" si="12"/>
        <v/>
      </c>
      <c r="BK13" s="307" t="str">
        <f t="shared" si="13"/>
        <v/>
      </c>
      <c r="BL13" s="307" t="str">
        <f t="shared" si="14"/>
        <v/>
      </c>
      <c r="BM13" s="307" t="str">
        <f t="shared" si="15"/>
        <v/>
      </c>
      <c r="BN13" s="307" t="str">
        <f t="shared" si="16"/>
        <v/>
      </c>
      <c r="BO13" s="307" t="str">
        <f t="shared" si="17"/>
        <v/>
      </c>
      <c r="BP13" s="307" t="str">
        <f t="shared" si="18"/>
        <v/>
      </c>
      <c r="BQ13" s="307" t="str">
        <f t="shared" si="19"/>
        <v/>
      </c>
      <c r="BR13" s="307" t="str">
        <f t="shared" si="20"/>
        <v/>
      </c>
      <c r="BS13" s="307" t="str">
        <f t="shared" si="21"/>
        <v/>
      </c>
      <c r="BT13" s="307" t="str">
        <f t="shared" si="22"/>
        <v/>
      </c>
      <c r="BU13" s="307" t="str">
        <f t="shared" si="23"/>
        <v/>
      </c>
      <c r="BV13" s="307">
        <f t="shared" si="24"/>
        <v>0</v>
      </c>
      <c r="BW13" s="307" t="str">
        <f t="shared" si="25"/>
        <v/>
      </c>
      <c r="BX13" s="307" t="str">
        <f t="shared" si="26"/>
        <v/>
      </c>
      <c r="BY13" s="307" t="str">
        <f t="shared" si="27"/>
        <v/>
      </c>
      <c r="BZ13" s="307" t="str">
        <f t="shared" si="28"/>
        <v/>
      </c>
      <c r="CA13" s="307" t="str">
        <f t="shared" si="29"/>
        <v/>
      </c>
      <c r="CB13" s="307" t="str">
        <f t="shared" si="30"/>
        <v/>
      </c>
      <c r="CC13" s="307" t="str">
        <f t="shared" si="31"/>
        <v/>
      </c>
      <c r="CD13" s="303"/>
      <c r="CE13" s="303"/>
      <c r="CF13" s="310" t="s">
        <v>69</v>
      </c>
    </row>
    <row r="14" spans="1:84" s="164" customFormat="1" ht="56.1" hidden="1" customHeight="1" x14ac:dyDescent="0.2">
      <c r="A14" s="154">
        <v>12</v>
      </c>
      <c r="B14" s="155" t="s">
        <v>53</v>
      </c>
      <c r="C14" s="155" t="s">
        <v>54</v>
      </c>
      <c r="D14" s="156" t="s">
        <v>102</v>
      </c>
      <c r="E14" s="156" t="s">
        <v>103</v>
      </c>
      <c r="F14" s="156" t="s">
        <v>104</v>
      </c>
      <c r="G14" s="156" t="s">
        <v>58</v>
      </c>
      <c r="H14" s="156" t="s">
        <v>59</v>
      </c>
      <c r="I14" s="156" t="s">
        <v>60</v>
      </c>
      <c r="J14" s="156" t="s">
        <v>61</v>
      </c>
      <c r="K14" s="156" t="s">
        <v>71</v>
      </c>
      <c r="L14" s="156" t="s">
        <v>63</v>
      </c>
      <c r="M14" s="156" t="s">
        <v>63</v>
      </c>
      <c r="N14" s="157">
        <v>47471002</v>
      </c>
      <c r="O14" s="157">
        <f>N14</f>
        <v>47471002</v>
      </c>
      <c r="P14" s="156" t="s">
        <v>64</v>
      </c>
      <c r="Q14" s="162" t="s">
        <v>65</v>
      </c>
      <c r="R14" s="161" t="s">
        <v>66</v>
      </c>
      <c r="S14" s="159"/>
      <c r="T14" s="159"/>
      <c r="U14" s="159"/>
      <c r="V14" s="159"/>
      <c r="W14" s="159"/>
      <c r="X14" s="159"/>
      <c r="Y14" s="159"/>
      <c r="Z14" s="159"/>
      <c r="AA14" s="159"/>
      <c r="AB14" s="159"/>
      <c r="AC14" s="159"/>
      <c r="AD14" s="159"/>
      <c r="AE14" s="159"/>
      <c r="AF14" s="159"/>
      <c r="AG14" s="159"/>
      <c r="AH14" s="159"/>
      <c r="AI14" s="159"/>
      <c r="AJ14" s="159"/>
      <c r="AK14" s="159"/>
      <c r="AL14" s="159"/>
      <c r="AM14" s="159"/>
      <c r="AN14" s="159"/>
      <c r="AO14" s="159"/>
      <c r="AP14" s="159"/>
      <c r="AQ14" s="159"/>
      <c r="AR14" s="159"/>
      <c r="AS14" s="159"/>
      <c r="AT14" s="159"/>
      <c r="AU14" s="159"/>
      <c r="AV14" s="159"/>
      <c r="AW14" s="160">
        <f t="shared" si="32"/>
        <v>1500</v>
      </c>
      <c r="AX14" s="158">
        <f>O14/AW14</f>
        <v>31647.334666666666</v>
      </c>
      <c r="AY14" s="161">
        <f t="shared" si="1"/>
        <v>47471002</v>
      </c>
      <c r="AZ14" s="161" t="str">
        <f t="shared" si="2"/>
        <v/>
      </c>
      <c r="BA14" s="161" t="str">
        <f t="shared" si="3"/>
        <v/>
      </c>
      <c r="BB14" s="161" t="str">
        <f t="shared" si="4"/>
        <v/>
      </c>
      <c r="BC14" s="161" t="str">
        <f t="shared" si="5"/>
        <v/>
      </c>
      <c r="BD14" s="161" t="str">
        <f t="shared" si="6"/>
        <v/>
      </c>
      <c r="BE14" s="161" t="str">
        <f t="shared" si="7"/>
        <v/>
      </c>
      <c r="BF14" s="161" t="str">
        <f t="shared" si="8"/>
        <v/>
      </c>
      <c r="BG14" s="161" t="str">
        <f t="shared" si="9"/>
        <v/>
      </c>
      <c r="BH14" s="161" t="str">
        <f t="shared" si="10"/>
        <v/>
      </c>
      <c r="BI14" s="161" t="str">
        <f t="shared" si="11"/>
        <v/>
      </c>
      <c r="BJ14" s="161" t="str">
        <f t="shared" si="12"/>
        <v/>
      </c>
      <c r="BK14" s="161" t="str">
        <f t="shared" si="13"/>
        <v/>
      </c>
      <c r="BL14" s="161" t="str">
        <f t="shared" si="14"/>
        <v/>
      </c>
      <c r="BM14" s="161" t="str">
        <f t="shared" si="15"/>
        <v/>
      </c>
      <c r="BN14" s="161" t="str">
        <f t="shared" si="16"/>
        <v/>
      </c>
      <c r="BO14" s="161" t="str">
        <f t="shared" si="17"/>
        <v/>
      </c>
      <c r="BP14" s="161" t="str">
        <f t="shared" si="18"/>
        <v/>
      </c>
      <c r="BQ14" s="161" t="str">
        <f t="shared" si="19"/>
        <v/>
      </c>
      <c r="BR14" s="161" t="str">
        <f t="shared" si="20"/>
        <v/>
      </c>
      <c r="BS14" s="161" t="str">
        <f t="shared" si="21"/>
        <v/>
      </c>
      <c r="BT14" s="161" t="str">
        <f t="shared" si="22"/>
        <v/>
      </c>
      <c r="BU14" s="161" t="str">
        <f t="shared" si="23"/>
        <v/>
      </c>
      <c r="BV14" s="161" t="str">
        <f t="shared" si="24"/>
        <v/>
      </c>
      <c r="BW14" s="161" t="str">
        <f t="shared" si="25"/>
        <v/>
      </c>
      <c r="BX14" s="161" t="str">
        <f t="shared" si="26"/>
        <v/>
      </c>
      <c r="BY14" s="161" t="str">
        <f t="shared" si="27"/>
        <v/>
      </c>
      <c r="BZ14" s="161" t="str">
        <f t="shared" si="28"/>
        <v/>
      </c>
      <c r="CA14" s="161" t="str">
        <f t="shared" si="29"/>
        <v/>
      </c>
      <c r="CB14" s="161" t="str">
        <f t="shared" si="30"/>
        <v/>
      </c>
      <c r="CC14" s="161" t="str">
        <f t="shared" si="31"/>
        <v/>
      </c>
      <c r="CD14" s="162" t="s">
        <v>105</v>
      </c>
      <c r="CE14" s="156" t="s">
        <v>106</v>
      </c>
      <c r="CF14" s="163" t="s">
        <v>69</v>
      </c>
    </row>
    <row r="15" spans="1:84" s="207" customFormat="1" ht="56.1" hidden="1" customHeight="1" x14ac:dyDescent="0.2">
      <c r="A15" s="198">
        <v>13</v>
      </c>
      <c r="B15" s="199" t="s">
        <v>53</v>
      </c>
      <c r="C15" s="199" t="s">
        <v>54</v>
      </c>
      <c r="D15" s="200" t="s">
        <v>102</v>
      </c>
      <c r="E15" s="200" t="s">
        <v>107</v>
      </c>
      <c r="F15" s="200" t="s">
        <v>108</v>
      </c>
      <c r="G15" s="200" t="s">
        <v>58</v>
      </c>
      <c r="H15" s="200" t="s">
        <v>63</v>
      </c>
      <c r="I15" s="200" t="s">
        <v>81</v>
      </c>
      <c r="J15" s="200" t="s">
        <v>61</v>
      </c>
      <c r="K15" s="200" t="s">
        <v>71</v>
      </c>
      <c r="L15" s="200" t="s">
        <v>63</v>
      </c>
      <c r="M15" s="200" t="s">
        <v>63</v>
      </c>
      <c r="N15" s="201">
        <v>5642630</v>
      </c>
      <c r="O15" s="201">
        <f>N15</f>
        <v>5642630</v>
      </c>
      <c r="P15" s="200" t="s">
        <v>64</v>
      </c>
      <c r="Q15" s="263" t="s">
        <v>82</v>
      </c>
      <c r="R15" s="203" t="s">
        <v>66</v>
      </c>
      <c r="S15" s="203" t="s">
        <v>66</v>
      </c>
      <c r="T15" s="203" t="s">
        <v>66</v>
      </c>
      <c r="U15" s="203" t="s">
        <v>66</v>
      </c>
      <c r="V15" s="203" t="s">
        <v>66</v>
      </c>
      <c r="W15" s="203" t="s">
        <v>66</v>
      </c>
      <c r="X15" s="203" t="s">
        <v>66</v>
      </c>
      <c r="Y15" s="203" t="s">
        <v>66</v>
      </c>
      <c r="Z15" s="203" t="s">
        <v>66</v>
      </c>
      <c r="AA15" s="203" t="s">
        <v>66</v>
      </c>
      <c r="AB15" s="203" t="s">
        <v>66</v>
      </c>
      <c r="AC15" s="203" t="s">
        <v>66</v>
      </c>
      <c r="AD15" s="203" t="s">
        <v>66</v>
      </c>
      <c r="AE15" s="203" t="s">
        <v>66</v>
      </c>
      <c r="AF15" s="203" t="s">
        <v>66</v>
      </c>
      <c r="AG15" s="203" t="s">
        <v>66</v>
      </c>
      <c r="AH15" s="203" t="s">
        <v>66</v>
      </c>
      <c r="AI15" s="202"/>
      <c r="AJ15" s="202"/>
      <c r="AK15" s="202"/>
      <c r="AL15" s="202"/>
      <c r="AM15" s="202"/>
      <c r="AN15" s="202"/>
      <c r="AO15" s="202"/>
      <c r="AP15" s="202"/>
      <c r="AQ15" s="202"/>
      <c r="AR15" s="202"/>
      <c r="AS15" s="202"/>
      <c r="AT15" s="202"/>
      <c r="AU15" s="202"/>
      <c r="AV15" s="202"/>
      <c r="AW15" s="204">
        <f t="shared" si="32"/>
        <v>8859</v>
      </c>
      <c r="AX15" s="205">
        <f>O15/AW15</f>
        <v>636.93757760469578</v>
      </c>
      <c r="AY15" s="203">
        <f t="shared" si="1"/>
        <v>955406.36640704365</v>
      </c>
      <c r="AZ15" s="203">
        <f t="shared" si="2"/>
        <v>127387.51552093915</v>
      </c>
      <c r="BA15" s="203">
        <f t="shared" si="3"/>
        <v>286621.90992211312</v>
      </c>
      <c r="BB15" s="203">
        <f t="shared" si="4"/>
        <v>222928.15216164352</v>
      </c>
      <c r="BC15" s="203">
        <f t="shared" si="5"/>
        <v>191081.27328140874</v>
      </c>
      <c r="BD15" s="203">
        <f t="shared" si="6"/>
        <v>305730.03725025395</v>
      </c>
      <c r="BE15" s="203">
        <f t="shared" si="7"/>
        <v>63693.757760469576</v>
      </c>
      <c r="BF15" s="203">
        <f t="shared" si="8"/>
        <v>248405.65526583136</v>
      </c>
      <c r="BG15" s="203">
        <f t="shared" si="9"/>
        <v>318468.7888023479</v>
      </c>
      <c r="BH15" s="203">
        <f t="shared" si="10"/>
        <v>318468.7888023479</v>
      </c>
      <c r="BI15" s="203">
        <f t="shared" si="11"/>
        <v>477703.18320352182</v>
      </c>
      <c r="BJ15" s="203">
        <f t="shared" si="12"/>
        <v>127387.51552093915</v>
      </c>
      <c r="BK15" s="203">
        <f t="shared" si="13"/>
        <v>149043.39315949881</v>
      </c>
      <c r="BL15" s="203">
        <f t="shared" si="14"/>
        <v>222928.15216164352</v>
      </c>
      <c r="BM15" s="203">
        <f t="shared" si="15"/>
        <v>57324.381984422616</v>
      </c>
      <c r="BN15" s="203">
        <f t="shared" si="16"/>
        <v>50955.006208375664</v>
      </c>
      <c r="BO15" s="203">
        <f t="shared" si="17"/>
        <v>1519096.1225871993</v>
      </c>
      <c r="BP15" s="203" t="str">
        <f t="shared" si="18"/>
        <v/>
      </c>
      <c r="BQ15" s="203" t="str">
        <f t="shared" si="19"/>
        <v/>
      </c>
      <c r="BR15" s="203" t="str">
        <f t="shared" si="20"/>
        <v/>
      </c>
      <c r="BS15" s="203" t="str">
        <f t="shared" si="21"/>
        <v/>
      </c>
      <c r="BT15" s="203" t="str">
        <f t="shared" si="22"/>
        <v/>
      </c>
      <c r="BU15" s="203" t="str">
        <f t="shared" si="23"/>
        <v/>
      </c>
      <c r="BV15" s="203" t="str">
        <f t="shared" si="24"/>
        <v/>
      </c>
      <c r="BW15" s="203" t="str">
        <f t="shared" si="25"/>
        <v/>
      </c>
      <c r="BX15" s="203" t="str">
        <f t="shared" si="26"/>
        <v/>
      </c>
      <c r="BY15" s="203" t="str">
        <f t="shared" si="27"/>
        <v/>
      </c>
      <c r="BZ15" s="203" t="str">
        <f t="shared" si="28"/>
        <v/>
      </c>
      <c r="CA15" s="203" t="str">
        <f t="shared" si="29"/>
        <v/>
      </c>
      <c r="CB15" s="203" t="str">
        <f t="shared" si="30"/>
        <v/>
      </c>
      <c r="CC15" s="203" t="str">
        <f t="shared" si="31"/>
        <v/>
      </c>
      <c r="CD15" s="200" t="s">
        <v>83</v>
      </c>
      <c r="CE15" s="200" t="s">
        <v>73</v>
      </c>
      <c r="CF15" s="206" t="s">
        <v>69</v>
      </c>
    </row>
    <row r="16" spans="1:84" s="311" customFormat="1" ht="56.1" hidden="1" customHeight="1" x14ac:dyDescent="0.2">
      <c r="A16" s="302">
        <v>14</v>
      </c>
      <c r="B16" s="24" t="s">
        <v>53</v>
      </c>
      <c r="C16" s="24" t="s">
        <v>54</v>
      </c>
      <c r="D16" s="303" t="s">
        <v>102</v>
      </c>
      <c r="E16" s="303" t="s">
        <v>109</v>
      </c>
      <c r="F16" s="303" t="s">
        <v>110</v>
      </c>
      <c r="G16" s="303" t="s">
        <v>86</v>
      </c>
      <c r="H16" s="303" t="s">
        <v>63</v>
      </c>
      <c r="I16" s="303" t="s">
        <v>81</v>
      </c>
      <c r="J16" s="303" t="s">
        <v>61</v>
      </c>
      <c r="K16" s="303" t="s">
        <v>71</v>
      </c>
      <c r="L16" s="303" t="s">
        <v>63</v>
      </c>
      <c r="M16" s="303" t="s">
        <v>63</v>
      </c>
      <c r="N16" s="304">
        <v>11285260</v>
      </c>
      <c r="O16" s="304">
        <f>N16</f>
        <v>11285260</v>
      </c>
      <c r="P16" s="303" t="s">
        <v>64</v>
      </c>
      <c r="Q16" s="305" t="s">
        <v>65</v>
      </c>
      <c r="R16" s="306"/>
      <c r="S16" s="306"/>
      <c r="T16" s="306"/>
      <c r="U16" s="306"/>
      <c r="V16" s="306"/>
      <c r="W16" s="306"/>
      <c r="X16" s="306"/>
      <c r="Y16" s="306"/>
      <c r="Z16" s="306"/>
      <c r="AA16" s="306"/>
      <c r="AB16" s="306"/>
      <c r="AC16" s="306"/>
      <c r="AD16" s="306"/>
      <c r="AE16" s="306"/>
      <c r="AF16" s="306"/>
      <c r="AG16" s="306"/>
      <c r="AH16" s="306"/>
      <c r="AI16" s="307" t="s">
        <v>66</v>
      </c>
      <c r="AJ16" s="307" t="s">
        <v>66</v>
      </c>
      <c r="AK16" s="307" t="s">
        <v>66</v>
      </c>
      <c r="AL16" s="307" t="s">
        <v>66</v>
      </c>
      <c r="AM16" s="306"/>
      <c r="AN16" s="306"/>
      <c r="AO16" s="306"/>
      <c r="AP16" s="306"/>
      <c r="AQ16" s="306"/>
      <c r="AR16" s="306"/>
      <c r="AS16" s="306"/>
      <c r="AT16" s="306"/>
      <c r="AU16" s="306"/>
      <c r="AV16" s="306"/>
      <c r="AW16" s="308">
        <f t="shared" si="32"/>
        <v>1277</v>
      </c>
      <c r="AX16" s="309">
        <f>O16/AW16</f>
        <v>8837.3218480814412</v>
      </c>
      <c r="AY16" s="307" t="str">
        <f t="shared" si="1"/>
        <v/>
      </c>
      <c r="AZ16" s="307" t="str">
        <f t="shared" si="2"/>
        <v/>
      </c>
      <c r="BA16" s="307" t="str">
        <f t="shared" si="3"/>
        <v/>
      </c>
      <c r="BB16" s="307" t="str">
        <f t="shared" si="4"/>
        <v/>
      </c>
      <c r="BC16" s="307" t="str">
        <f t="shared" si="5"/>
        <v/>
      </c>
      <c r="BD16" s="307" t="str">
        <f t="shared" si="6"/>
        <v/>
      </c>
      <c r="BE16" s="307" t="str">
        <f t="shared" si="7"/>
        <v/>
      </c>
      <c r="BF16" s="307" t="str">
        <f t="shared" si="8"/>
        <v/>
      </c>
      <c r="BG16" s="307" t="str">
        <f t="shared" si="9"/>
        <v/>
      </c>
      <c r="BH16" s="307" t="str">
        <f t="shared" si="10"/>
        <v/>
      </c>
      <c r="BI16" s="307" t="str">
        <f t="shared" si="11"/>
        <v/>
      </c>
      <c r="BJ16" s="307" t="str">
        <f t="shared" si="12"/>
        <v/>
      </c>
      <c r="BK16" s="307" t="str">
        <f t="shared" si="13"/>
        <v/>
      </c>
      <c r="BL16" s="307" t="str">
        <f t="shared" si="14"/>
        <v/>
      </c>
      <c r="BM16" s="307" t="str">
        <f t="shared" si="15"/>
        <v/>
      </c>
      <c r="BN16" s="307" t="str">
        <f t="shared" si="16"/>
        <v/>
      </c>
      <c r="BO16" s="307" t="str">
        <f t="shared" si="17"/>
        <v/>
      </c>
      <c r="BP16" s="307">
        <f t="shared" si="18"/>
        <v>6848924.4322631173</v>
      </c>
      <c r="BQ16" s="307">
        <f t="shared" si="19"/>
        <v>883732.18480814411</v>
      </c>
      <c r="BR16" s="307">
        <f t="shared" si="20"/>
        <v>883732.18480814411</v>
      </c>
      <c r="BS16" s="307">
        <f t="shared" si="21"/>
        <v>2668871.1981205954</v>
      </c>
      <c r="BT16" s="307" t="str">
        <f t="shared" si="22"/>
        <v/>
      </c>
      <c r="BU16" s="307" t="str">
        <f t="shared" si="23"/>
        <v/>
      </c>
      <c r="BV16" s="307" t="str">
        <f t="shared" si="24"/>
        <v/>
      </c>
      <c r="BW16" s="307" t="str">
        <f t="shared" si="25"/>
        <v/>
      </c>
      <c r="BX16" s="307" t="str">
        <f t="shared" si="26"/>
        <v/>
      </c>
      <c r="BY16" s="307" t="str">
        <f t="shared" si="27"/>
        <v/>
      </c>
      <c r="BZ16" s="307" t="str">
        <f t="shared" si="28"/>
        <v/>
      </c>
      <c r="CA16" s="307" t="str">
        <f t="shared" si="29"/>
        <v/>
      </c>
      <c r="CB16" s="307" t="str">
        <f t="shared" si="30"/>
        <v/>
      </c>
      <c r="CC16" s="307" t="str">
        <f t="shared" si="31"/>
        <v/>
      </c>
      <c r="CD16" s="303" t="s">
        <v>111</v>
      </c>
      <c r="CE16" s="303" t="s">
        <v>73</v>
      </c>
      <c r="CF16" s="310" t="s">
        <v>69</v>
      </c>
    </row>
    <row r="17" spans="1:84" s="311" customFormat="1" ht="56.1" hidden="1" customHeight="1" x14ac:dyDescent="0.2">
      <c r="A17" s="302">
        <v>15</v>
      </c>
      <c r="B17" s="24" t="s">
        <v>53</v>
      </c>
      <c r="C17" s="24" t="s">
        <v>54</v>
      </c>
      <c r="D17" s="303" t="s">
        <v>102</v>
      </c>
      <c r="E17" s="303" t="s">
        <v>107</v>
      </c>
      <c r="F17" s="303" t="s">
        <v>112</v>
      </c>
      <c r="G17" s="303" t="s">
        <v>90</v>
      </c>
      <c r="H17" s="303" t="s">
        <v>63</v>
      </c>
      <c r="I17" s="303" t="s">
        <v>81</v>
      </c>
      <c r="J17" s="303" t="s">
        <v>61</v>
      </c>
      <c r="K17" s="303" t="s">
        <v>71</v>
      </c>
      <c r="L17" s="303" t="s">
        <v>63</v>
      </c>
      <c r="M17" s="303" t="s">
        <v>63</v>
      </c>
      <c r="N17" s="304">
        <v>11285260</v>
      </c>
      <c r="O17" s="304">
        <f>N17</f>
        <v>11285260</v>
      </c>
      <c r="P17" s="303" t="s">
        <v>64</v>
      </c>
      <c r="Q17" s="305" t="s">
        <v>65</v>
      </c>
      <c r="R17" s="306"/>
      <c r="S17" s="306"/>
      <c r="T17" s="306"/>
      <c r="U17" s="306"/>
      <c r="V17" s="306"/>
      <c r="W17" s="306"/>
      <c r="X17" s="306"/>
      <c r="Y17" s="306"/>
      <c r="Z17" s="306"/>
      <c r="AA17" s="306"/>
      <c r="AB17" s="306"/>
      <c r="AC17" s="306"/>
      <c r="AD17" s="306"/>
      <c r="AE17" s="306"/>
      <c r="AF17" s="306"/>
      <c r="AG17" s="306"/>
      <c r="AH17" s="306"/>
      <c r="AI17" s="306"/>
      <c r="AJ17" s="306"/>
      <c r="AK17" s="306"/>
      <c r="AL17" s="306"/>
      <c r="AM17" s="307" t="s">
        <v>66</v>
      </c>
      <c r="AN17" s="307" t="s">
        <v>66</v>
      </c>
      <c r="AO17" s="307" t="s">
        <v>66</v>
      </c>
      <c r="AP17" s="307" t="s">
        <v>66</v>
      </c>
      <c r="AQ17" s="306"/>
      <c r="AR17" s="306"/>
      <c r="AS17" s="306"/>
      <c r="AT17" s="306"/>
      <c r="AU17" s="306"/>
      <c r="AV17" s="306"/>
      <c r="AW17" s="308">
        <f t="shared" si="32"/>
        <v>2251</v>
      </c>
      <c r="AX17" s="309">
        <f>O17/AW17</f>
        <v>5013.4429142603285</v>
      </c>
      <c r="AY17" s="307" t="str">
        <f t="shared" si="1"/>
        <v/>
      </c>
      <c r="AZ17" s="307" t="str">
        <f t="shared" si="2"/>
        <v/>
      </c>
      <c r="BA17" s="307" t="str">
        <f t="shared" si="3"/>
        <v/>
      </c>
      <c r="BB17" s="307" t="str">
        <f t="shared" si="4"/>
        <v/>
      </c>
      <c r="BC17" s="307" t="str">
        <f t="shared" si="5"/>
        <v/>
      </c>
      <c r="BD17" s="307" t="str">
        <f t="shared" si="6"/>
        <v/>
      </c>
      <c r="BE17" s="307" t="str">
        <f t="shared" si="7"/>
        <v/>
      </c>
      <c r="BF17" s="307" t="str">
        <f t="shared" si="8"/>
        <v/>
      </c>
      <c r="BG17" s="307" t="str">
        <f t="shared" si="9"/>
        <v/>
      </c>
      <c r="BH17" s="307" t="str">
        <f t="shared" si="10"/>
        <v/>
      </c>
      <c r="BI17" s="307" t="str">
        <f t="shared" si="11"/>
        <v/>
      </c>
      <c r="BJ17" s="307" t="str">
        <f t="shared" si="12"/>
        <v/>
      </c>
      <c r="BK17" s="307" t="str">
        <f t="shared" si="13"/>
        <v/>
      </c>
      <c r="BL17" s="307" t="str">
        <f t="shared" si="14"/>
        <v/>
      </c>
      <c r="BM17" s="307" t="str">
        <f t="shared" si="15"/>
        <v/>
      </c>
      <c r="BN17" s="307" t="str">
        <f t="shared" si="16"/>
        <v/>
      </c>
      <c r="BO17" s="307" t="str">
        <f t="shared" si="17"/>
        <v/>
      </c>
      <c r="BP17" s="307" t="str">
        <f t="shared" si="18"/>
        <v/>
      </c>
      <c r="BQ17" s="307" t="str">
        <f t="shared" si="19"/>
        <v/>
      </c>
      <c r="BR17" s="307" t="str">
        <f t="shared" si="20"/>
        <v/>
      </c>
      <c r="BS17" s="307" t="str">
        <f t="shared" si="21"/>
        <v/>
      </c>
      <c r="BT17" s="307">
        <f t="shared" si="22"/>
        <v>1253360.7285650822</v>
      </c>
      <c r="BU17" s="307">
        <f t="shared" si="23"/>
        <v>2005377.1657041314</v>
      </c>
      <c r="BV17" s="307">
        <f t="shared" si="24"/>
        <v>7018820.0799644599</v>
      </c>
      <c r="BW17" s="307">
        <f t="shared" si="25"/>
        <v>1007702.025766326</v>
      </c>
      <c r="BX17" s="307" t="str">
        <f t="shared" si="26"/>
        <v/>
      </c>
      <c r="BY17" s="307" t="str">
        <f t="shared" si="27"/>
        <v/>
      </c>
      <c r="BZ17" s="307" t="str">
        <f t="shared" si="28"/>
        <v/>
      </c>
      <c r="CA17" s="307" t="str">
        <f t="shared" si="29"/>
        <v/>
      </c>
      <c r="CB17" s="307" t="str">
        <f t="shared" si="30"/>
        <v/>
      </c>
      <c r="CC17" s="307" t="str">
        <f t="shared" si="31"/>
        <v/>
      </c>
      <c r="CD17" s="303" t="s">
        <v>111</v>
      </c>
      <c r="CE17" s="303" t="s">
        <v>73</v>
      </c>
      <c r="CF17" s="310" t="s">
        <v>69</v>
      </c>
    </row>
    <row r="18" spans="1:84" s="311" customFormat="1" ht="56.1" hidden="1" customHeight="1" x14ac:dyDescent="0.2">
      <c r="A18" s="302">
        <v>16</v>
      </c>
      <c r="B18" s="24" t="s">
        <v>53</v>
      </c>
      <c r="C18" s="24" t="s">
        <v>96</v>
      </c>
      <c r="D18" s="303" t="s">
        <v>102</v>
      </c>
      <c r="E18" s="303" t="s">
        <v>113</v>
      </c>
      <c r="F18" s="303" t="s">
        <v>114</v>
      </c>
      <c r="G18" s="303" t="s">
        <v>90</v>
      </c>
      <c r="H18" s="303" t="s">
        <v>40</v>
      </c>
      <c r="I18" s="303" t="s">
        <v>60</v>
      </c>
      <c r="J18" s="303" t="s">
        <v>77</v>
      </c>
      <c r="K18" s="303" t="s">
        <v>101</v>
      </c>
      <c r="L18" s="303" t="s">
        <v>63</v>
      </c>
      <c r="M18" s="303" t="s">
        <v>63</v>
      </c>
      <c r="N18" s="304"/>
      <c r="O18" s="304"/>
      <c r="P18" s="303" t="s">
        <v>64</v>
      </c>
      <c r="Q18" s="305" t="s">
        <v>65</v>
      </c>
      <c r="R18" s="306"/>
      <c r="S18" s="306"/>
      <c r="T18" s="306"/>
      <c r="U18" s="306"/>
      <c r="V18" s="306"/>
      <c r="W18" s="306"/>
      <c r="X18" s="306"/>
      <c r="Y18" s="306"/>
      <c r="Z18" s="306"/>
      <c r="AA18" s="306"/>
      <c r="AB18" s="306"/>
      <c r="AC18" s="306"/>
      <c r="AD18" s="306"/>
      <c r="AE18" s="306"/>
      <c r="AF18" s="306"/>
      <c r="AG18" s="306"/>
      <c r="AH18" s="306"/>
      <c r="AI18" s="306"/>
      <c r="AJ18" s="306"/>
      <c r="AK18" s="306"/>
      <c r="AL18" s="306"/>
      <c r="AM18" s="306"/>
      <c r="AN18" s="306"/>
      <c r="AO18" s="306" t="s">
        <v>66</v>
      </c>
      <c r="AP18" s="306"/>
      <c r="AQ18" s="306"/>
      <c r="AR18" s="306"/>
      <c r="AS18" s="306"/>
      <c r="AT18" s="306"/>
      <c r="AU18" s="306"/>
      <c r="AV18" s="306"/>
      <c r="AW18" s="308">
        <f t="shared" si="32"/>
        <v>1400</v>
      </c>
      <c r="AX18" s="309"/>
      <c r="AY18" s="307" t="str">
        <f t="shared" si="1"/>
        <v/>
      </c>
      <c r="AZ18" s="307" t="str">
        <f t="shared" si="2"/>
        <v/>
      </c>
      <c r="BA18" s="307" t="str">
        <f t="shared" si="3"/>
        <v/>
      </c>
      <c r="BB18" s="307" t="str">
        <f t="shared" si="4"/>
        <v/>
      </c>
      <c r="BC18" s="307" t="str">
        <f t="shared" si="5"/>
        <v/>
      </c>
      <c r="BD18" s="307" t="str">
        <f t="shared" si="6"/>
        <v/>
      </c>
      <c r="BE18" s="307" t="str">
        <f t="shared" si="7"/>
        <v/>
      </c>
      <c r="BF18" s="307" t="str">
        <f t="shared" si="8"/>
        <v/>
      </c>
      <c r="BG18" s="307" t="str">
        <f t="shared" si="9"/>
        <v/>
      </c>
      <c r="BH18" s="307" t="str">
        <f t="shared" si="10"/>
        <v/>
      </c>
      <c r="BI18" s="307" t="str">
        <f t="shared" si="11"/>
        <v/>
      </c>
      <c r="BJ18" s="307" t="str">
        <f t="shared" si="12"/>
        <v/>
      </c>
      <c r="BK18" s="307" t="str">
        <f t="shared" si="13"/>
        <v/>
      </c>
      <c r="BL18" s="307" t="str">
        <f t="shared" si="14"/>
        <v/>
      </c>
      <c r="BM18" s="307" t="str">
        <f t="shared" si="15"/>
        <v/>
      </c>
      <c r="BN18" s="307" t="str">
        <f t="shared" si="16"/>
        <v/>
      </c>
      <c r="BO18" s="307" t="str">
        <f t="shared" si="17"/>
        <v/>
      </c>
      <c r="BP18" s="307" t="str">
        <f t="shared" si="18"/>
        <v/>
      </c>
      <c r="BQ18" s="307" t="str">
        <f t="shared" si="19"/>
        <v/>
      </c>
      <c r="BR18" s="307" t="str">
        <f t="shared" si="20"/>
        <v/>
      </c>
      <c r="BS18" s="307" t="str">
        <f t="shared" si="21"/>
        <v/>
      </c>
      <c r="BT18" s="307" t="str">
        <f t="shared" si="22"/>
        <v/>
      </c>
      <c r="BU18" s="307" t="str">
        <f t="shared" si="23"/>
        <v/>
      </c>
      <c r="BV18" s="307">
        <f t="shared" si="24"/>
        <v>0</v>
      </c>
      <c r="BW18" s="307" t="str">
        <f t="shared" si="25"/>
        <v/>
      </c>
      <c r="BX18" s="307" t="str">
        <f t="shared" si="26"/>
        <v/>
      </c>
      <c r="BY18" s="307" t="str">
        <f t="shared" si="27"/>
        <v/>
      </c>
      <c r="BZ18" s="307" t="str">
        <f t="shared" si="28"/>
        <v/>
      </c>
      <c r="CA18" s="307" t="str">
        <f t="shared" si="29"/>
        <v/>
      </c>
      <c r="CB18" s="307" t="str">
        <f t="shared" si="30"/>
        <v/>
      </c>
      <c r="CC18" s="307" t="str">
        <f t="shared" si="31"/>
        <v/>
      </c>
      <c r="CD18" s="303"/>
      <c r="CE18" s="303"/>
      <c r="CF18" s="310" t="s">
        <v>69</v>
      </c>
    </row>
    <row r="19" spans="1:84" s="207" customFormat="1" ht="56.1" hidden="1" customHeight="1" x14ac:dyDescent="0.2">
      <c r="A19" s="198">
        <v>17</v>
      </c>
      <c r="B19" s="199" t="s">
        <v>53</v>
      </c>
      <c r="C19" s="199" t="s">
        <v>54</v>
      </c>
      <c r="D19" s="200" t="s">
        <v>115</v>
      </c>
      <c r="E19" s="200" t="s">
        <v>116</v>
      </c>
      <c r="F19" s="200" t="s">
        <v>117</v>
      </c>
      <c r="G19" s="200" t="s">
        <v>58</v>
      </c>
      <c r="H19" s="200" t="s">
        <v>63</v>
      </c>
      <c r="I19" s="200" t="s">
        <v>81</v>
      </c>
      <c r="J19" s="200" t="s">
        <v>61</v>
      </c>
      <c r="K19" s="200" t="s">
        <v>71</v>
      </c>
      <c r="L19" s="200" t="s">
        <v>63</v>
      </c>
      <c r="M19" s="200" t="s">
        <v>63</v>
      </c>
      <c r="N19" s="201">
        <v>840000</v>
      </c>
      <c r="O19" s="201">
        <f t="shared" ref="O19:O29" si="35">N19</f>
        <v>840000</v>
      </c>
      <c r="P19" s="200" t="s">
        <v>64</v>
      </c>
      <c r="Q19" s="263" t="s">
        <v>82</v>
      </c>
      <c r="R19" s="203" t="s">
        <v>66</v>
      </c>
      <c r="S19" s="203" t="s">
        <v>66</v>
      </c>
      <c r="T19" s="203" t="s">
        <v>66</v>
      </c>
      <c r="U19" s="203" t="s">
        <v>66</v>
      </c>
      <c r="V19" s="203" t="s">
        <v>66</v>
      </c>
      <c r="W19" s="203" t="s">
        <v>66</v>
      </c>
      <c r="X19" s="203" t="s">
        <v>66</v>
      </c>
      <c r="Y19" s="203" t="s">
        <v>66</v>
      </c>
      <c r="Z19" s="203" t="s">
        <v>66</v>
      </c>
      <c r="AA19" s="203" t="s">
        <v>66</v>
      </c>
      <c r="AB19" s="203" t="s">
        <v>66</v>
      </c>
      <c r="AC19" s="203" t="s">
        <v>66</v>
      </c>
      <c r="AD19" s="203" t="s">
        <v>66</v>
      </c>
      <c r="AE19" s="203" t="s">
        <v>66</v>
      </c>
      <c r="AF19" s="203" t="s">
        <v>66</v>
      </c>
      <c r="AG19" s="203" t="s">
        <v>66</v>
      </c>
      <c r="AH19" s="203" t="s">
        <v>66</v>
      </c>
      <c r="AI19" s="202"/>
      <c r="AJ19" s="202"/>
      <c r="AK19" s="202"/>
      <c r="AL19" s="202"/>
      <c r="AM19" s="202"/>
      <c r="AN19" s="202"/>
      <c r="AO19" s="202"/>
      <c r="AP19" s="202"/>
      <c r="AQ19" s="202"/>
      <c r="AR19" s="202"/>
      <c r="AS19" s="202"/>
      <c r="AT19" s="202"/>
      <c r="AU19" s="202"/>
      <c r="AV19" s="202"/>
      <c r="AW19" s="204">
        <f t="shared" si="32"/>
        <v>8859</v>
      </c>
      <c r="AX19" s="205">
        <f t="shared" ref="AX19:AX29" si="36">O19/AW19</f>
        <v>94.818828310193027</v>
      </c>
      <c r="AY19" s="203">
        <f t="shared" si="1"/>
        <v>142228.24246528954</v>
      </c>
      <c r="AZ19" s="203">
        <f t="shared" si="2"/>
        <v>18963.765662038604</v>
      </c>
      <c r="BA19" s="203">
        <f t="shared" si="3"/>
        <v>42668.472739586861</v>
      </c>
      <c r="BB19" s="203">
        <f t="shared" si="4"/>
        <v>33186.589908567563</v>
      </c>
      <c r="BC19" s="203">
        <f t="shared" si="5"/>
        <v>28445.648493057906</v>
      </c>
      <c r="BD19" s="203">
        <f t="shared" si="6"/>
        <v>45513.03758889265</v>
      </c>
      <c r="BE19" s="203">
        <f t="shared" si="7"/>
        <v>9481.8828310193021</v>
      </c>
      <c r="BF19" s="203">
        <f t="shared" si="8"/>
        <v>36979.343040975284</v>
      </c>
      <c r="BG19" s="203">
        <f t="shared" si="9"/>
        <v>47409.414155096514</v>
      </c>
      <c r="BH19" s="203">
        <f t="shared" si="10"/>
        <v>47409.414155096514</v>
      </c>
      <c r="BI19" s="203">
        <f t="shared" si="11"/>
        <v>71114.121232644771</v>
      </c>
      <c r="BJ19" s="203">
        <f t="shared" si="12"/>
        <v>18963.765662038604</v>
      </c>
      <c r="BK19" s="203">
        <f t="shared" si="13"/>
        <v>22187.605824585167</v>
      </c>
      <c r="BL19" s="203">
        <f t="shared" si="14"/>
        <v>33186.589908567563</v>
      </c>
      <c r="BM19" s="203">
        <f t="shared" si="15"/>
        <v>8533.6945479173719</v>
      </c>
      <c r="BN19" s="203">
        <f t="shared" si="16"/>
        <v>7585.5062648154417</v>
      </c>
      <c r="BO19" s="203">
        <f t="shared" si="17"/>
        <v>226142.90551981036</v>
      </c>
      <c r="BP19" s="203" t="str">
        <f t="shared" si="18"/>
        <v/>
      </c>
      <c r="BQ19" s="203" t="str">
        <f t="shared" si="19"/>
        <v/>
      </c>
      <c r="BR19" s="203" t="str">
        <f t="shared" si="20"/>
        <v/>
      </c>
      <c r="BS19" s="203" t="str">
        <f t="shared" si="21"/>
        <v/>
      </c>
      <c r="BT19" s="203" t="str">
        <f t="shared" si="22"/>
        <v/>
      </c>
      <c r="BU19" s="203" t="str">
        <f t="shared" si="23"/>
        <v/>
      </c>
      <c r="BV19" s="203" t="str">
        <f t="shared" si="24"/>
        <v/>
      </c>
      <c r="BW19" s="203" t="str">
        <f t="shared" si="25"/>
        <v/>
      </c>
      <c r="BX19" s="203" t="str">
        <f t="shared" si="26"/>
        <v/>
      </c>
      <c r="BY19" s="203" t="str">
        <f t="shared" si="27"/>
        <v/>
      </c>
      <c r="BZ19" s="203" t="str">
        <f t="shared" si="28"/>
        <v/>
      </c>
      <c r="CA19" s="203" t="str">
        <f t="shared" si="29"/>
        <v/>
      </c>
      <c r="CB19" s="203" t="str">
        <f t="shared" si="30"/>
        <v/>
      </c>
      <c r="CC19" s="203" t="str">
        <f t="shared" si="31"/>
        <v/>
      </c>
      <c r="CD19" s="200" t="s">
        <v>118</v>
      </c>
      <c r="CE19" s="200"/>
      <c r="CF19" s="206" t="s">
        <v>69</v>
      </c>
    </row>
    <row r="20" spans="1:84" s="207" customFormat="1" ht="56.1" hidden="1" customHeight="1" x14ac:dyDescent="0.2">
      <c r="A20" s="198">
        <v>18</v>
      </c>
      <c r="B20" s="199" t="s">
        <v>53</v>
      </c>
      <c r="C20" s="199" t="s">
        <v>54</v>
      </c>
      <c r="D20" s="200" t="s">
        <v>119</v>
      </c>
      <c r="E20" s="200" t="s">
        <v>120</v>
      </c>
      <c r="F20" s="200" t="s">
        <v>121</v>
      </c>
      <c r="G20" s="200" t="s">
        <v>58</v>
      </c>
      <c r="H20" s="200" t="s">
        <v>63</v>
      </c>
      <c r="I20" s="200" t="s">
        <v>81</v>
      </c>
      <c r="J20" s="200" t="s">
        <v>61</v>
      </c>
      <c r="K20" s="200" t="s">
        <v>122</v>
      </c>
      <c r="L20" s="200" t="s">
        <v>63</v>
      </c>
      <c r="M20" s="200" t="s">
        <v>63</v>
      </c>
      <c r="N20" s="201">
        <v>1400000</v>
      </c>
      <c r="O20" s="201">
        <f t="shared" si="35"/>
        <v>1400000</v>
      </c>
      <c r="P20" s="200" t="s">
        <v>64</v>
      </c>
      <c r="Q20" s="263" t="s">
        <v>82</v>
      </c>
      <c r="R20" s="203" t="s">
        <v>66</v>
      </c>
      <c r="S20" s="203" t="s">
        <v>66</v>
      </c>
      <c r="T20" s="203" t="s">
        <v>66</v>
      </c>
      <c r="U20" s="203" t="s">
        <v>66</v>
      </c>
      <c r="V20" s="203" t="s">
        <v>66</v>
      </c>
      <c r="W20" s="203" t="s">
        <v>66</v>
      </c>
      <c r="X20" s="203" t="s">
        <v>66</v>
      </c>
      <c r="Y20" s="203" t="s">
        <v>66</v>
      </c>
      <c r="Z20" s="203" t="s">
        <v>66</v>
      </c>
      <c r="AA20" s="203" t="s">
        <v>66</v>
      </c>
      <c r="AB20" s="203" t="s">
        <v>66</v>
      </c>
      <c r="AC20" s="203" t="s">
        <v>66</v>
      </c>
      <c r="AD20" s="203" t="s">
        <v>66</v>
      </c>
      <c r="AE20" s="203" t="s">
        <v>66</v>
      </c>
      <c r="AF20" s="203" t="s">
        <v>66</v>
      </c>
      <c r="AG20" s="203" t="s">
        <v>66</v>
      </c>
      <c r="AH20" s="203" t="s">
        <v>66</v>
      </c>
      <c r="AI20" s="202"/>
      <c r="AJ20" s="202"/>
      <c r="AK20" s="202"/>
      <c r="AL20" s="202"/>
      <c r="AM20" s="202"/>
      <c r="AN20" s="202"/>
      <c r="AO20" s="202"/>
      <c r="AP20" s="202"/>
      <c r="AQ20" s="202"/>
      <c r="AR20" s="202"/>
      <c r="AS20" s="202"/>
      <c r="AT20" s="202"/>
      <c r="AU20" s="202"/>
      <c r="AV20" s="202"/>
      <c r="AW20" s="204">
        <f t="shared" si="32"/>
        <v>8859</v>
      </c>
      <c r="AX20" s="205">
        <f t="shared" si="36"/>
        <v>158.03138051698838</v>
      </c>
      <c r="AY20" s="203">
        <f t="shared" si="1"/>
        <v>237047.07077548257</v>
      </c>
      <c r="AZ20" s="203">
        <f t="shared" si="2"/>
        <v>31606.276103397675</v>
      </c>
      <c r="BA20" s="203">
        <f t="shared" si="3"/>
        <v>71114.121232644771</v>
      </c>
      <c r="BB20" s="203">
        <f t="shared" si="4"/>
        <v>55310.983180945936</v>
      </c>
      <c r="BC20" s="203">
        <f t="shared" si="5"/>
        <v>47409.414155096514</v>
      </c>
      <c r="BD20" s="203">
        <f t="shared" si="6"/>
        <v>75855.062648154417</v>
      </c>
      <c r="BE20" s="203">
        <f t="shared" si="7"/>
        <v>15803.138051698837</v>
      </c>
      <c r="BF20" s="203">
        <f t="shared" si="8"/>
        <v>61632.238401625465</v>
      </c>
      <c r="BG20" s="203">
        <f t="shared" si="9"/>
        <v>79015.690258494185</v>
      </c>
      <c r="BH20" s="203">
        <f t="shared" si="10"/>
        <v>79015.690258494185</v>
      </c>
      <c r="BI20" s="203">
        <f t="shared" si="11"/>
        <v>118523.53538774129</v>
      </c>
      <c r="BJ20" s="203">
        <f t="shared" si="12"/>
        <v>31606.276103397675</v>
      </c>
      <c r="BK20" s="203">
        <f t="shared" si="13"/>
        <v>36979.343040975284</v>
      </c>
      <c r="BL20" s="203">
        <f t="shared" si="14"/>
        <v>55310.983180945936</v>
      </c>
      <c r="BM20" s="203">
        <f t="shared" si="15"/>
        <v>14222.824246528953</v>
      </c>
      <c r="BN20" s="203">
        <f t="shared" si="16"/>
        <v>12642.510441359071</v>
      </c>
      <c r="BO20" s="203">
        <f t="shared" si="17"/>
        <v>376904.84253301728</v>
      </c>
      <c r="BP20" s="203" t="str">
        <f t="shared" si="18"/>
        <v/>
      </c>
      <c r="BQ20" s="203" t="str">
        <f t="shared" si="19"/>
        <v/>
      </c>
      <c r="BR20" s="203" t="str">
        <f t="shared" si="20"/>
        <v/>
      </c>
      <c r="BS20" s="203" t="str">
        <f t="shared" si="21"/>
        <v/>
      </c>
      <c r="BT20" s="203" t="str">
        <f t="shared" si="22"/>
        <v/>
      </c>
      <c r="BU20" s="203" t="str">
        <f t="shared" si="23"/>
        <v/>
      </c>
      <c r="BV20" s="203" t="str">
        <f t="shared" si="24"/>
        <v/>
      </c>
      <c r="BW20" s="203" t="str">
        <f t="shared" si="25"/>
        <v/>
      </c>
      <c r="BX20" s="203" t="str">
        <f t="shared" si="26"/>
        <v/>
      </c>
      <c r="BY20" s="203" t="str">
        <f t="shared" si="27"/>
        <v/>
      </c>
      <c r="BZ20" s="203" t="str">
        <f t="shared" si="28"/>
        <v/>
      </c>
      <c r="CA20" s="203" t="str">
        <f t="shared" si="29"/>
        <v/>
      </c>
      <c r="CB20" s="203" t="str">
        <f t="shared" si="30"/>
        <v/>
      </c>
      <c r="CC20" s="203" t="str">
        <f t="shared" si="31"/>
        <v/>
      </c>
      <c r="CD20" s="200" t="s">
        <v>123</v>
      </c>
      <c r="CE20" s="200"/>
      <c r="CF20" s="206" t="s">
        <v>69</v>
      </c>
    </row>
    <row r="21" spans="1:84" s="311" customFormat="1" ht="56.1" hidden="1" customHeight="1" x14ac:dyDescent="0.2">
      <c r="A21" s="302">
        <v>19</v>
      </c>
      <c r="B21" s="24" t="s">
        <v>53</v>
      </c>
      <c r="C21" s="24" t="s">
        <v>54</v>
      </c>
      <c r="D21" s="303" t="s">
        <v>115</v>
      </c>
      <c r="E21" s="303" t="s">
        <v>116</v>
      </c>
      <c r="F21" s="303" t="s">
        <v>117</v>
      </c>
      <c r="G21" s="303" t="s">
        <v>86</v>
      </c>
      <c r="H21" s="303" t="s">
        <v>63</v>
      </c>
      <c r="I21" s="303" t="s">
        <v>81</v>
      </c>
      <c r="J21" s="303" t="s">
        <v>61</v>
      </c>
      <c r="K21" s="303" t="s">
        <v>71</v>
      </c>
      <c r="L21" s="303" t="s">
        <v>63</v>
      </c>
      <c r="M21" s="303" t="s">
        <v>63</v>
      </c>
      <c r="N21" s="304">
        <v>840000</v>
      </c>
      <c r="O21" s="304">
        <f t="shared" si="35"/>
        <v>840000</v>
      </c>
      <c r="P21" s="303" t="s">
        <v>64</v>
      </c>
      <c r="Q21" s="305" t="s">
        <v>82</v>
      </c>
      <c r="R21" s="306"/>
      <c r="S21" s="306"/>
      <c r="T21" s="306"/>
      <c r="U21" s="306"/>
      <c r="V21" s="306"/>
      <c r="W21" s="306"/>
      <c r="X21" s="306"/>
      <c r="Y21" s="306"/>
      <c r="Z21" s="306"/>
      <c r="AA21" s="306"/>
      <c r="AB21" s="306"/>
      <c r="AC21" s="306"/>
      <c r="AD21" s="306"/>
      <c r="AE21" s="306"/>
      <c r="AF21" s="306"/>
      <c r="AG21" s="306"/>
      <c r="AH21" s="306"/>
      <c r="AI21" s="307" t="s">
        <v>66</v>
      </c>
      <c r="AJ21" s="307" t="s">
        <v>66</v>
      </c>
      <c r="AK21" s="307" t="s">
        <v>66</v>
      </c>
      <c r="AL21" s="307" t="s">
        <v>66</v>
      </c>
      <c r="AM21" s="306"/>
      <c r="AN21" s="306"/>
      <c r="AO21" s="306"/>
      <c r="AP21" s="306"/>
      <c r="AQ21" s="306"/>
      <c r="AR21" s="306"/>
      <c r="AS21" s="306"/>
      <c r="AT21" s="306"/>
      <c r="AU21" s="306"/>
      <c r="AV21" s="306"/>
      <c r="AW21" s="308">
        <f t="shared" si="32"/>
        <v>1277</v>
      </c>
      <c r="AX21" s="309">
        <f t="shared" si="36"/>
        <v>657.79169929522322</v>
      </c>
      <c r="AY21" s="307" t="str">
        <f t="shared" si="1"/>
        <v/>
      </c>
      <c r="AZ21" s="307" t="str">
        <f t="shared" si="2"/>
        <v/>
      </c>
      <c r="BA21" s="307" t="str">
        <f t="shared" si="3"/>
        <v/>
      </c>
      <c r="BB21" s="307" t="str">
        <f t="shared" si="4"/>
        <v/>
      </c>
      <c r="BC21" s="307" t="str">
        <f t="shared" si="5"/>
        <v/>
      </c>
      <c r="BD21" s="307" t="str">
        <f t="shared" si="6"/>
        <v/>
      </c>
      <c r="BE21" s="307" t="str">
        <f t="shared" si="7"/>
        <v/>
      </c>
      <c r="BF21" s="307" t="str">
        <f t="shared" si="8"/>
        <v/>
      </c>
      <c r="BG21" s="307" t="str">
        <f t="shared" si="9"/>
        <v/>
      </c>
      <c r="BH21" s="307" t="str">
        <f t="shared" si="10"/>
        <v/>
      </c>
      <c r="BI21" s="307" t="str">
        <f t="shared" si="11"/>
        <v/>
      </c>
      <c r="BJ21" s="307" t="str">
        <f t="shared" si="12"/>
        <v/>
      </c>
      <c r="BK21" s="307" t="str">
        <f t="shared" si="13"/>
        <v/>
      </c>
      <c r="BL21" s="307" t="str">
        <f t="shared" si="14"/>
        <v/>
      </c>
      <c r="BM21" s="307" t="str">
        <f t="shared" si="15"/>
        <v/>
      </c>
      <c r="BN21" s="307" t="str">
        <f t="shared" si="16"/>
        <v/>
      </c>
      <c r="BO21" s="307" t="str">
        <f t="shared" si="17"/>
        <v/>
      </c>
      <c r="BP21" s="307">
        <f t="shared" si="18"/>
        <v>509788.566953798</v>
      </c>
      <c r="BQ21" s="307">
        <f t="shared" si="19"/>
        <v>65779.169929522322</v>
      </c>
      <c r="BR21" s="307">
        <f t="shared" si="20"/>
        <v>65779.169929522322</v>
      </c>
      <c r="BS21" s="307">
        <f t="shared" si="21"/>
        <v>198653.09318715741</v>
      </c>
      <c r="BT21" s="307" t="str">
        <f t="shared" si="22"/>
        <v/>
      </c>
      <c r="BU21" s="307" t="str">
        <f t="shared" si="23"/>
        <v/>
      </c>
      <c r="BV21" s="307" t="str">
        <f t="shared" si="24"/>
        <v/>
      </c>
      <c r="BW21" s="307" t="str">
        <f t="shared" si="25"/>
        <v/>
      </c>
      <c r="BX21" s="307" t="str">
        <f t="shared" si="26"/>
        <v/>
      </c>
      <c r="BY21" s="307" t="str">
        <f t="shared" si="27"/>
        <v/>
      </c>
      <c r="BZ21" s="307" t="str">
        <f t="shared" si="28"/>
        <v/>
      </c>
      <c r="CA21" s="307" t="str">
        <f t="shared" si="29"/>
        <v/>
      </c>
      <c r="CB21" s="307" t="str">
        <f t="shared" si="30"/>
        <v/>
      </c>
      <c r="CC21" s="307" t="str">
        <f t="shared" si="31"/>
        <v/>
      </c>
      <c r="CD21" s="303" t="s">
        <v>118</v>
      </c>
      <c r="CE21" s="303"/>
      <c r="CF21" s="310" t="s">
        <v>69</v>
      </c>
    </row>
    <row r="22" spans="1:84" s="313" customFormat="1" ht="56.1" hidden="1" customHeight="1" x14ac:dyDescent="0.2">
      <c r="A22" s="302">
        <v>20</v>
      </c>
      <c r="B22" s="24" t="s">
        <v>53</v>
      </c>
      <c r="C22" s="24" t="s">
        <v>54</v>
      </c>
      <c r="D22" s="303" t="s">
        <v>115</v>
      </c>
      <c r="E22" s="303" t="s">
        <v>116</v>
      </c>
      <c r="F22" s="303" t="s">
        <v>117</v>
      </c>
      <c r="G22" s="303" t="s">
        <v>90</v>
      </c>
      <c r="H22" s="303" t="s">
        <v>63</v>
      </c>
      <c r="I22" s="303" t="s">
        <v>81</v>
      </c>
      <c r="J22" s="303" t="s">
        <v>61</v>
      </c>
      <c r="K22" s="303" t="s">
        <v>71</v>
      </c>
      <c r="L22" s="303" t="s">
        <v>63</v>
      </c>
      <c r="M22" s="303" t="s">
        <v>63</v>
      </c>
      <c r="N22" s="304">
        <v>840000</v>
      </c>
      <c r="O22" s="304">
        <f t="shared" si="35"/>
        <v>840000</v>
      </c>
      <c r="P22" s="303" t="s">
        <v>64</v>
      </c>
      <c r="Q22" s="305" t="s">
        <v>82</v>
      </c>
      <c r="R22" s="312"/>
      <c r="S22" s="312"/>
      <c r="T22" s="312"/>
      <c r="U22" s="312"/>
      <c r="V22" s="312"/>
      <c r="W22" s="312"/>
      <c r="X22" s="312"/>
      <c r="Y22" s="312"/>
      <c r="Z22" s="312"/>
      <c r="AA22" s="312"/>
      <c r="AB22" s="312"/>
      <c r="AC22" s="312"/>
      <c r="AD22" s="312"/>
      <c r="AE22" s="312"/>
      <c r="AF22" s="312"/>
      <c r="AG22" s="312"/>
      <c r="AH22" s="312"/>
      <c r="AI22" s="312"/>
      <c r="AJ22" s="312"/>
      <c r="AK22" s="312"/>
      <c r="AL22" s="312"/>
      <c r="AM22" s="307" t="s">
        <v>66</v>
      </c>
      <c r="AN22" s="307" t="s">
        <v>66</v>
      </c>
      <c r="AO22" s="307" t="s">
        <v>66</v>
      </c>
      <c r="AP22" s="307" t="s">
        <v>66</v>
      </c>
      <c r="AQ22" s="307"/>
      <c r="AR22" s="306"/>
      <c r="AS22" s="312"/>
      <c r="AT22" s="312"/>
      <c r="AU22" s="312"/>
      <c r="AV22" s="312"/>
      <c r="AW22" s="308">
        <f t="shared" si="32"/>
        <v>2251</v>
      </c>
      <c r="AX22" s="309">
        <f t="shared" si="36"/>
        <v>373.16748111950244</v>
      </c>
      <c r="AY22" s="307" t="str">
        <f t="shared" si="1"/>
        <v/>
      </c>
      <c r="AZ22" s="307" t="str">
        <f t="shared" si="2"/>
        <v/>
      </c>
      <c r="BA22" s="307" t="str">
        <f t="shared" si="3"/>
        <v/>
      </c>
      <c r="BB22" s="307" t="str">
        <f t="shared" si="4"/>
        <v/>
      </c>
      <c r="BC22" s="307" t="str">
        <f t="shared" si="5"/>
        <v/>
      </c>
      <c r="BD22" s="307" t="str">
        <f t="shared" si="6"/>
        <v/>
      </c>
      <c r="BE22" s="307" t="str">
        <f t="shared" si="7"/>
        <v/>
      </c>
      <c r="BF22" s="307" t="str">
        <f t="shared" si="8"/>
        <v/>
      </c>
      <c r="BG22" s="307" t="str">
        <f t="shared" si="9"/>
        <v/>
      </c>
      <c r="BH22" s="307" t="str">
        <f t="shared" si="10"/>
        <v/>
      </c>
      <c r="BI22" s="307" t="str">
        <f t="shared" si="11"/>
        <v/>
      </c>
      <c r="BJ22" s="307" t="str">
        <f t="shared" si="12"/>
        <v/>
      </c>
      <c r="BK22" s="307" t="str">
        <f t="shared" si="13"/>
        <v/>
      </c>
      <c r="BL22" s="307" t="str">
        <f t="shared" si="14"/>
        <v/>
      </c>
      <c r="BM22" s="307" t="str">
        <f t="shared" si="15"/>
        <v/>
      </c>
      <c r="BN22" s="307" t="str">
        <f t="shared" si="16"/>
        <v/>
      </c>
      <c r="BO22" s="307" t="str">
        <f t="shared" si="17"/>
        <v/>
      </c>
      <c r="BP22" s="307" t="str">
        <f t="shared" si="18"/>
        <v/>
      </c>
      <c r="BQ22" s="307" t="str">
        <f t="shared" si="19"/>
        <v/>
      </c>
      <c r="BR22" s="307" t="str">
        <f t="shared" si="20"/>
        <v/>
      </c>
      <c r="BS22" s="307" t="str">
        <f t="shared" si="21"/>
        <v/>
      </c>
      <c r="BT22" s="307">
        <f t="shared" si="22"/>
        <v>93291.870279875613</v>
      </c>
      <c r="BU22" s="307">
        <f t="shared" si="23"/>
        <v>149266.99244780096</v>
      </c>
      <c r="BV22" s="307">
        <f t="shared" si="24"/>
        <v>522434.47356730344</v>
      </c>
      <c r="BW22" s="307">
        <f t="shared" si="25"/>
        <v>75006.663705019993</v>
      </c>
      <c r="BX22" s="307" t="str">
        <f t="shared" si="26"/>
        <v/>
      </c>
      <c r="BY22" s="307" t="str">
        <f t="shared" si="27"/>
        <v/>
      </c>
      <c r="BZ22" s="307" t="str">
        <f t="shared" si="28"/>
        <v/>
      </c>
      <c r="CA22" s="307" t="str">
        <f t="shared" si="29"/>
        <v/>
      </c>
      <c r="CB22" s="307" t="str">
        <f t="shared" si="30"/>
        <v/>
      </c>
      <c r="CC22" s="307" t="str">
        <f t="shared" si="31"/>
        <v/>
      </c>
      <c r="CD22" s="303" t="s">
        <v>118</v>
      </c>
      <c r="CE22" s="303"/>
      <c r="CF22" s="310" t="s">
        <v>69</v>
      </c>
    </row>
    <row r="23" spans="1:84" s="227" customFormat="1" ht="56.1" hidden="1" customHeight="1" x14ac:dyDescent="0.2">
      <c r="A23" s="154">
        <v>21</v>
      </c>
      <c r="B23" s="155" t="s">
        <v>53</v>
      </c>
      <c r="C23" s="155" t="s">
        <v>54</v>
      </c>
      <c r="D23" s="156" t="s">
        <v>124</v>
      </c>
      <c r="E23" s="156" t="s">
        <v>125</v>
      </c>
      <c r="F23" s="156" t="s">
        <v>126</v>
      </c>
      <c r="G23" s="156" t="s">
        <v>58</v>
      </c>
      <c r="H23" s="156" t="s">
        <v>127</v>
      </c>
      <c r="I23" s="156" t="s">
        <v>60</v>
      </c>
      <c r="J23" s="156" t="s">
        <v>61</v>
      </c>
      <c r="K23" s="156" t="s">
        <v>71</v>
      </c>
      <c r="L23" s="156" t="s">
        <v>63</v>
      </c>
      <c r="M23" s="156" t="s">
        <v>63</v>
      </c>
      <c r="N23" s="157">
        <v>1023425</v>
      </c>
      <c r="O23" s="157">
        <f t="shared" si="35"/>
        <v>1023425</v>
      </c>
      <c r="P23" s="156" t="s">
        <v>64</v>
      </c>
      <c r="Q23" s="162" t="s">
        <v>65</v>
      </c>
      <c r="R23" s="226"/>
      <c r="S23" s="226"/>
      <c r="T23" s="226"/>
      <c r="U23" s="226"/>
      <c r="V23" s="226"/>
      <c r="W23" s="226"/>
      <c r="X23" s="226"/>
      <c r="Y23" s="226"/>
      <c r="Z23" s="226"/>
      <c r="AA23" s="226"/>
      <c r="AB23" s="226"/>
      <c r="AC23" s="226"/>
      <c r="AD23" s="226"/>
      <c r="AE23" s="161" t="s">
        <v>66</v>
      </c>
      <c r="AF23" s="226"/>
      <c r="AG23" s="226"/>
      <c r="AH23" s="226"/>
      <c r="AI23" s="226"/>
      <c r="AJ23" s="226"/>
      <c r="AK23" s="226"/>
      <c r="AL23" s="226"/>
      <c r="AM23" s="226"/>
      <c r="AN23" s="159"/>
      <c r="AO23" s="159"/>
      <c r="AP23" s="159"/>
      <c r="AQ23" s="159"/>
      <c r="AR23" s="159"/>
      <c r="AS23" s="226"/>
      <c r="AT23" s="226"/>
      <c r="AU23" s="226"/>
      <c r="AV23" s="226"/>
      <c r="AW23" s="160">
        <f t="shared" si="32"/>
        <v>350</v>
      </c>
      <c r="AX23" s="158">
        <f t="shared" si="36"/>
        <v>2924.0714285714284</v>
      </c>
      <c r="AY23" s="161" t="str">
        <f t="shared" si="1"/>
        <v/>
      </c>
      <c r="AZ23" s="161" t="str">
        <f t="shared" si="2"/>
        <v/>
      </c>
      <c r="BA23" s="161" t="str">
        <f t="shared" si="3"/>
        <v/>
      </c>
      <c r="BB23" s="161" t="str">
        <f t="shared" si="4"/>
        <v/>
      </c>
      <c r="BC23" s="161" t="str">
        <f t="shared" si="5"/>
        <v/>
      </c>
      <c r="BD23" s="161" t="str">
        <f t="shared" si="6"/>
        <v/>
      </c>
      <c r="BE23" s="161" t="str">
        <f t="shared" si="7"/>
        <v/>
      </c>
      <c r="BF23" s="161" t="str">
        <f t="shared" si="8"/>
        <v/>
      </c>
      <c r="BG23" s="161" t="str">
        <f t="shared" si="9"/>
        <v/>
      </c>
      <c r="BH23" s="161" t="str">
        <f t="shared" si="10"/>
        <v/>
      </c>
      <c r="BI23" s="161" t="str">
        <f t="shared" si="11"/>
        <v/>
      </c>
      <c r="BJ23" s="161" t="str">
        <f t="shared" si="12"/>
        <v/>
      </c>
      <c r="BK23" s="161" t="str">
        <f t="shared" si="13"/>
        <v/>
      </c>
      <c r="BL23" s="161">
        <f t="shared" si="14"/>
        <v>1023425</v>
      </c>
      <c r="BM23" s="161" t="str">
        <f t="shared" si="15"/>
        <v/>
      </c>
      <c r="BN23" s="161" t="str">
        <f t="shared" si="16"/>
        <v/>
      </c>
      <c r="BO23" s="161" t="str">
        <f t="shared" si="17"/>
        <v/>
      </c>
      <c r="BP23" s="161" t="str">
        <f t="shared" si="18"/>
        <v/>
      </c>
      <c r="BQ23" s="161" t="str">
        <f t="shared" si="19"/>
        <v/>
      </c>
      <c r="BR23" s="161" t="str">
        <f t="shared" si="20"/>
        <v/>
      </c>
      <c r="BS23" s="161" t="str">
        <f t="shared" si="21"/>
        <v/>
      </c>
      <c r="BT23" s="161" t="str">
        <f t="shared" si="22"/>
        <v/>
      </c>
      <c r="BU23" s="161" t="str">
        <f t="shared" si="23"/>
        <v/>
      </c>
      <c r="BV23" s="161" t="str">
        <f t="shared" si="24"/>
        <v/>
      </c>
      <c r="BW23" s="161" t="str">
        <f t="shared" si="25"/>
        <v/>
      </c>
      <c r="BX23" s="161" t="str">
        <f t="shared" si="26"/>
        <v/>
      </c>
      <c r="BY23" s="161" t="str">
        <f t="shared" si="27"/>
        <v/>
      </c>
      <c r="BZ23" s="161" t="str">
        <f t="shared" si="28"/>
        <v/>
      </c>
      <c r="CA23" s="161" t="str">
        <f t="shared" si="29"/>
        <v/>
      </c>
      <c r="CB23" s="161" t="str">
        <f t="shared" si="30"/>
        <v/>
      </c>
      <c r="CC23" s="161" t="str">
        <f t="shared" si="31"/>
        <v/>
      </c>
      <c r="CD23" s="162" t="s">
        <v>128</v>
      </c>
      <c r="CE23" s="156" t="s">
        <v>129</v>
      </c>
      <c r="CF23" s="163" t="s">
        <v>69</v>
      </c>
    </row>
    <row r="24" spans="1:84" s="223" customFormat="1" ht="56.1" hidden="1" customHeight="1" x14ac:dyDescent="0.2">
      <c r="A24" s="181">
        <v>22</v>
      </c>
      <c r="B24" s="182" t="s">
        <v>53</v>
      </c>
      <c r="C24" s="182" t="s">
        <v>54</v>
      </c>
      <c r="D24" s="214" t="s">
        <v>124</v>
      </c>
      <c r="E24" s="214" t="s">
        <v>130</v>
      </c>
      <c r="F24" s="214" t="s">
        <v>126</v>
      </c>
      <c r="G24" s="214" t="s">
        <v>58</v>
      </c>
      <c r="H24" s="214" t="s">
        <v>131</v>
      </c>
      <c r="I24" s="214" t="s">
        <v>60</v>
      </c>
      <c r="J24" s="214" t="s">
        <v>61</v>
      </c>
      <c r="K24" s="214" t="s">
        <v>71</v>
      </c>
      <c r="L24" s="214" t="s">
        <v>63</v>
      </c>
      <c r="M24" s="214" t="s">
        <v>63</v>
      </c>
      <c r="N24" s="215">
        <v>1023425</v>
      </c>
      <c r="O24" s="215">
        <f t="shared" si="35"/>
        <v>1023425</v>
      </c>
      <c r="P24" s="214" t="s">
        <v>64</v>
      </c>
      <c r="Q24" s="197" t="s">
        <v>65</v>
      </c>
      <c r="R24" s="222"/>
      <c r="S24" s="222"/>
      <c r="T24" s="222"/>
      <c r="U24" s="222"/>
      <c r="V24" s="222"/>
      <c r="W24" s="222"/>
      <c r="X24" s="222"/>
      <c r="Y24" s="192" t="s">
        <v>66</v>
      </c>
      <c r="Z24" s="222"/>
      <c r="AA24" s="222"/>
      <c r="AB24" s="222"/>
      <c r="AC24" s="222"/>
      <c r="AD24" s="222"/>
      <c r="AE24" s="222"/>
      <c r="AF24" s="222"/>
      <c r="AG24" s="222"/>
      <c r="AH24" s="222"/>
      <c r="AI24" s="222"/>
      <c r="AJ24" s="222"/>
      <c r="AK24" s="222"/>
      <c r="AL24" s="222"/>
      <c r="AM24" s="222"/>
      <c r="AN24" s="216"/>
      <c r="AO24" s="216"/>
      <c r="AP24" s="216"/>
      <c r="AQ24" s="216"/>
      <c r="AR24" s="216"/>
      <c r="AS24" s="222"/>
      <c r="AT24" s="222"/>
      <c r="AU24" s="222"/>
      <c r="AV24" s="222"/>
      <c r="AW24" s="191">
        <f>SUMIF(R24:AV24,"YES",$R$2:$AV$2)</f>
        <v>390</v>
      </c>
      <c r="AX24" s="187">
        <f t="shared" si="36"/>
        <v>2624.1666666666665</v>
      </c>
      <c r="AY24" s="192" t="str">
        <f t="shared" si="1"/>
        <v/>
      </c>
      <c r="AZ24" s="192" t="str">
        <f t="shared" si="2"/>
        <v/>
      </c>
      <c r="BA24" s="192" t="str">
        <f t="shared" si="3"/>
        <v/>
      </c>
      <c r="BB24" s="192" t="str">
        <f t="shared" si="4"/>
        <v/>
      </c>
      <c r="BC24" s="192" t="str">
        <f t="shared" si="5"/>
        <v/>
      </c>
      <c r="BD24" s="192" t="str">
        <f t="shared" si="6"/>
        <v/>
      </c>
      <c r="BE24" s="192" t="str">
        <f t="shared" si="7"/>
        <v/>
      </c>
      <c r="BF24" s="192">
        <f t="shared" si="8"/>
        <v>1023424.9999999999</v>
      </c>
      <c r="BG24" s="192" t="str">
        <f t="shared" si="9"/>
        <v/>
      </c>
      <c r="BH24" s="192" t="str">
        <f t="shared" si="10"/>
        <v/>
      </c>
      <c r="BI24" s="192" t="str">
        <f t="shared" si="11"/>
        <v/>
      </c>
      <c r="BJ24" s="192" t="str">
        <f t="shared" si="12"/>
        <v/>
      </c>
      <c r="BK24" s="192" t="str">
        <f t="shared" si="13"/>
        <v/>
      </c>
      <c r="BL24" s="192" t="str">
        <f t="shared" si="14"/>
        <v/>
      </c>
      <c r="BM24" s="192" t="str">
        <f t="shared" si="15"/>
        <v/>
      </c>
      <c r="BN24" s="192" t="str">
        <f t="shared" si="16"/>
        <v/>
      </c>
      <c r="BO24" s="192" t="str">
        <f t="shared" si="17"/>
        <v/>
      </c>
      <c r="BP24" s="192" t="str">
        <f t="shared" si="18"/>
        <v/>
      </c>
      <c r="BQ24" s="192" t="str">
        <f t="shared" si="19"/>
        <v/>
      </c>
      <c r="BR24" s="192" t="str">
        <f t="shared" si="20"/>
        <v/>
      </c>
      <c r="BS24" s="192" t="str">
        <f t="shared" si="21"/>
        <v/>
      </c>
      <c r="BT24" s="192" t="str">
        <f t="shared" si="22"/>
        <v/>
      </c>
      <c r="BU24" s="192" t="str">
        <f t="shared" si="23"/>
        <v/>
      </c>
      <c r="BV24" s="192" t="str">
        <f t="shared" si="24"/>
        <v/>
      </c>
      <c r="BW24" s="192" t="str">
        <f t="shared" si="25"/>
        <v/>
      </c>
      <c r="BX24" s="192" t="str">
        <f t="shared" si="26"/>
        <v/>
      </c>
      <c r="BY24" s="192" t="str">
        <f t="shared" si="27"/>
        <v/>
      </c>
      <c r="BZ24" s="192" t="str">
        <f t="shared" si="28"/>
        <v/>
      </c>
      <c r="CA24" s="192" t="str">
        <f t="shared" si="29"/>
        <v/>
      </c>
      <c r="CB24" s="192" t="str">
        <f t="shared" si="30"/>
        <v/>
      </c>
      <c r="CC24" s="192" t="str">
        <f t="shared" si="31"/>
        <v/>
      </c>
      <c r="CD24" s="197" t="s">
        <v>128</v>
      </c>
      <c r="CE24" s="214" t="s">
        <v>132</v>
      </c>
      <c r="CF24" s="186" t="s">
        <v>69</v>
      </c>
    </row>
    <row r="25" spans="1:84" s="227" customFormat="1" ht="56.1" hidden="1" customHeight="1" x14ac:dyDescent="0.2">
      <c r="A25" s="154">
        <v>23</v>
      </c>
      <c r="B25" s="155" t="s">
        <v>53</v>
      </c>
      <c r="C25" s="155" t="s">
        <v>54</v>
      </c>
      <c r="D25" s="156" t="s">
        <v>124</v>
      </c>
      <c r="E25" s="156" t="s">
        <v>133</v>
      </c>
      <c r="F25" s="156" t="s">
        <v>126</v>
      </c>
      <c r="G25" s="156" t="s">
        <v>58</v>
      </c>
      <c r="H25" s="156" t="s">
        <v>26</v>
      </c>
      <c r="I25" s="156" t="s">
        <v>60</v>
      </c>
      <c r="J25" s="156" t="s">
        <v>61</v>
      </c>
      <c r="K25" s="156" t="s">
        <v>71</v>
      </c>
      <c r="L25" s="156" t="s">
        <v>63</v>
      </c>
      <c r="M25" s="156" t="s">
        <v>63</v>
      </c>
      <c r="N25" s="157">
        <v>1023425</v>
      </c>
      <c r="O25" s="157">
        <f t="shared" si="35"/>
        <v>1023425</v>
      </c>
      <c r="P25" s="156" t="s">
        <v>64</v>
      </c>
      <c r="Q25" s="162" t="s">
        <v>65</v>
      </c>
      <c r="R25" s="226"/>
      <c r="S25" s="226"/>
      <c r="T25" s="226"/>
      <c r="U25" s="226"/>
      <c r="V25" s="226"/>
      <c r="W25" s="226"/>
      <c r="X25" s="226"/>
      <c r="Y25" s="226"/>
      <c r="Z25" s="226"/>
      <c r="AA25" s="161" t="s">
        <v>66</v>
      </c>
      <c r="AB25" s="226"/>
      <c r="AC25" s="226"/>
      <c r="AD25" s="226"/>
      <c r="AE25" s="226"/>
      <c r="AF25" s="226"/>
      <c r="AG25" s="226"/>
      <c r="AH25" s="226"/>
      <c r="AI25" s="226"/>
      <c r="AJ25" s="226"/>
      <c r="AK25" s="226"/>
      <c r="AL25" s="226"/>
      <c r="AM25" s="226"/>
      <c r="AN25" s="226"/>
      <c r="AO25" s="226"/>
      <c r="AP25" s="226"/>
      <c r="AQ25" s="226"/>
      <c r="AR25" s="226"/>
      <c r="AS25" s="226"/>
      <c r="AT25" s="226"/>
      <c r="AU25" s="226"/>
      <c r="AV25" s="226"/>
      <c r="AW25" s="160">
        <f>SUMIF(R25:AV25,"YES",$R$2:$AV$2)</f>
        <v>500</v>
      </c>
      <c r="AX25" s="158">
        <f t="shared" si="36"/>
        <v>2046.85</v>
      </c>
      <c r="AY25" s="161" t="str">
        <f t="shared" si="1"/>
        <v/>
      </c>
      <c r="AZ25" s="161" t="str">
        <f t="shared" si="2"/>
        <v/>
      </c>
      <c r="BA25" s="161" t="str">
        <f t="shared" si="3"/>
        <v/>
      </c>
      <c r="BB25" s="161" t="str">
        <f t="shared" si="4"/>
        <v/>
      </c>
      <c r="BC25" s="161" t="str">
        <f t="shared" si="5"/>
        <v/>
      </c>
      <c r="BD25" s="161" t="str">
        <f t="shared" si="6"/>
        <v/>
      </c>
      <c r="BE25" s="161" t="str">
        <f t="shared" si="7"/>
        <v/>
      </c>
      <c r="BF25" s="161" t="str">
        <f t="shared" si="8"/>
        <v/>
      </c>
      <c r="BG25" s="161" t="str">
        <f t="shared" si="9"/>
        <v/>
      </c>
      <c r="BH25" s="161">
        <f t="shared" si="10"/>
        <v>1023425</v>
      </c>
      <c r="BI25" s="161" t="str">
        <f t="shared" si="11"/>
        <v/>
      </c>
      <c r="BJ25" s="161" t="str">
        <f t="shared" si="12"/>
        <v/>
      </c>
      <c r="BK25" s="161" t="str">
        <f t="shared" si="13"/>
        <v/>
      </c>
      <c r="BL25" s="161" t="str">
        <f t="shared" si="14"/>
        <v/>
      </c>
      <c r="BM25" s="161" t="str">
        <f t="shared" si="15"/>
        <v/>
      </c>
      <c r="BN25" s="161" t="str">
        <f t="shared" si="16"/>
        <v/>
      </c>
      <c r="BO25" s="161" t="str">
        <f t="shared" si="17"/>
        <v/>
      </c>
      <c r="BP25" s="161" t="str">
        <f t="shared" si="18"/>
        <v/>
      </c>
      <c r="BQ25" s="161" t="str">
        <f t="shared" si="19"/>
        <v/>
      </c>
      <c r="BR25" s="161" t="str">
        <f t="shared" si="20"/>
        <v/>
      </c>
      <c r="BS25" s="161" t="str">
        <f t="shared" si="21"/>
        <v/>
      </c>
      <c r="BT25" s="161" t="str">
        <f t="shared" si="22"/>
        <v/>
      </c>
      <c r="BU25" s="161" t="str">
        <f t="shared" si="23"/>
        <v/>
      </c>
      <c r="BV25" s="161" t="str">
        <f t="shared" si="24"/>
        <v/>
      </c>
      <c r="BW25" s="161" t="str">
        <f t="shared" si="25"/>
        <v/>
      </c>
      <c r="BX25" s="161" t="str">
        <f t="shared" si="26"/>
        <v/>
      </c>
      <c r="BY25" s="161" t="str">
        <f t="shared" si="27"/>
        <v/>
      </c>
      <c r="BZ25" s="161" t="str">
        <f t="shared" si="28"/>
        <v/>
      </c>
      <c r="CA25" s="161" t="str">
        <f t="shared" si="29"/>
        <v/>
      </c>
      <c r="CB25" s="161" t="str">
        <f t="shared" si="30"/>
        <v/>
      </c>
      <c r="CC25" s="161" t="str">
        <f t="shared" si="31"/>
        <v/>
      </c>
      <c r="CD25" s="162" t="s">
        <v>128</v>
      </c>
      <c r="CE25" s="156" t="s">
        <v>134</v>
      </c>
      <c r="CF25" s="163" t="s">
        <v>69</v>
      </c>
    </row>
    <row r="26" spans="1:84" s="164" customFormat="1" ht="56.1" hidden="1" customHeight="1" x14ac:dyDescent="0.2">
      <c r="A26" s="154">
        <v>24</v>
      </c>
      <c r="B26" s="155" t="s">
        <v>53</v>
      </c>
      <c r="C26" s="155" t="s">
        <v>54</v>
      </c>
      <c r="D26" s="156" t="s">
        <v>124</v>
      </c>
      <c r="E26" s="156" t="s">
        <v>135</v>
      </c>
      <c r="F26" s="156" t="s">
        <v>136</v>
      </c>
      <c r="G26" s="156" t="s">
        <v>58</v>
      </c>
      <c r="H26" s="156" t="s">
        <v>59</v>
      </c>
      <c r="I26" s="156" t="s">
        <v>60</v>
      </c>
      <c r="J26" s="156" t="s">
        <v>61</v>
      </c>
      <c r="K26" s="156" t="s">
        <v>122</v>
      </c>
      <c r="L26" s="156" t="s">
        <v>63</v>
      </c>
      <c r="M26" s="156" t="s">
        <v>63</v>
      </c>
      <c r="N26" s="157">
        <v>2046850</v>
      </c>
      <c r="O26" s="157">
        <f t="shared" si="35"/>
        <v>2046850</v>
      </c>
      <c r="P26" s="156" t="s">
        <v>64</v>
      </c>
      <c r="Q26" s="162" t="s">
        <v>65</v>
      </c>
      <c r="R26" s="161" t="s">
        <v>66</v>
      </c>
      <c r="S26" s="159"/>
      <c r="T26" s="159"/>
      <c r="U26" s="159"/>
      <c r="V26" s="159"/>
      <c r="W26" s="159"/>
      <c r="X26" s="159"/>
      <c r="Y26" s="159"/>
      <c r="Z26" s="159"/>
      <c r="AA26" s="159"/>
      <c r="AB26" s="159"/>
      <c r="AC26" s="159"/>
      <c r="AD26" s="159"/>
      <c r="AE26" s="159"/>
      <c r="AF26" s="159"/>
      <c r="AG26" s="159"/>
      <c r="AH26" s="159"/>
      <c r="AI26" s="159"/>
      <c r="AJ26" s="159"/>
      <c r="AK26" s="159"/>
      <c r="AL26" s="159"/>
      <c r="AM26" s="159"/>
      <c r="AN26" s="159"/>
      <c r="AO26" s="159"/>
      <c r="AP26" s="159"/>
      <c r="AQ26" s="159"/>
      <c r="AR26" s="159"/>
      <c r="AS26" s="159"/>
      <c r="AT26" s="159"/>
      <c r="AU26" s="159"/>
      <c r="AV26" s="159"/>
      <c r="AW26" s="160">
        <f t="shared" si="32"/>
        <v>1500</v>
      </c>
      <c r="AX26" s="158">
        <f t="shared" si="36"/>
        <v>1364.5666666666666</v>
      </c>
      <c r="AY26" s="161">
        <f t="shared" si="1"/>
        <v>2046850</v>
      </c>
      <c r="AZ26" s="161" t="str">
        <f t="shared" si="2"/>
        <v/>
      </c>
      <c r="BA26" s="161" t="str">
        <f t="shared" si="3"/>
        <v/>
      </c>
      <c r="BB26" s="161" t="str">
        <f t="shared" si="4"/>
        <v/>
      </c>
      <c r="BC26" s="161" t="str">
        <f t="shared" si="5"/>
        <v/>
      </c>
      <c r="BD26" s="161" t="str">
        <f t="shared" si="6"/>
        <v/>
      </c>
      <c r="BE26" s="161" t="str">
        <f t="shared" si="7"/>
        <v/>
      </c>
      <c r="BF26" s="161" t="str">
        <f t="shared" si="8"/>
        <v/>
      </c>
      <c r="BG26" s="161" t="str">
        <f t="shared" si="9"/>
        <v/>
      </c>
      <c r="BH26" s="161" t="str">
        <f t="shared" si="10"/>
        <v/>
      </c>
      <c r="BI26" s="161" t="str">
        <f t="shared" si="11"/>
        <v/>
      </c>
      <c r="BJ26" s="161" t="str">
        <f t="shared" si="12"/>
        <v/>
      </c>
      <c r="BK26" s="161" t="str">
        <f t="shared" si="13"/>
        <v/>
      </c>
      <c r="BL26" s="161" t="str">
        <f t="shared" si="14"/>
        <v/>
      </c>
      <c r="BM26" s="161" t="str">
        <f t="shared" si="15"/>
        <v/>
      </c>
      <c r="BN26" s="161" t="str">
        <f t="shared" si="16"/>
        <v/>
      </c>
      <c r="BO26" s="161" t="str">
        <f t="shared" si="17"/>
        <v/>
      </c>
      <c r="BP26" s="161" t="str">
        <f t="shared" si="18"/>
        <v/>
      </c>
      <c r="BQ26" s="161" t="str">
        <f t="shared" si="19"/>
        <v/>
      </c>
      <c r="BR26" s="161" t="str">
        <f t="shared" si="20"/>
        <v/>
      </c>
      <c r="BS26" s="161" t="str">
        <f t="shared" si="21"/>
        <v/>
      </c>
      <c r="BT26" s="161" t="str">
        <f t="shared" si="22"/>
        <v/>
      </c>
      <c r="BU26" s="161" t="str">
        <f t="shared" si="23"/>
        <v/>
      </c>
      <c r="BV26" s="161" t="str">
        <f t="shared" si="24"/>
        <v/>
      </c>
      <c r="BW26" s="161" t="str">
        <f t="shared" si="25"/>
        <v/>
      </c>
      <c r="BX26" s="161" t="str">
        <f t="shared" si="26"/>
        <v/>
      </c>
      <c r="BY26" s="161" t="str">
        <f t="shared" si="27"/>
        <v/>
      </c>
      <c r="BZ26" s="161" t="str">
        <f t="shared" si="28"/>
        <v/>
      </c>
      <c r="CA26" s="161" t="str">
        <f t="shared" si="29"/>
        <v/>
      </c>
      <c r="CB26" s="161" t="str">
        <f t="shared" si="30"/>
        <v/>
      </c>
      <c r="CC26" s="161" t="str">
        <f t="shared" si="31"/>
        <v/>
      </c>
      <c r="CD26" s="156" t="s">
        <v>137</v>
      </c>
      <c r="CE26" s="156" t="s">
        <v>138</v>
      </c>
      <c r="CF26" s="163" t="s">
        <v>69</v>
      </c>
    </row>
    <row r="27" spans="1:84" s="217" customFormat="1" ht="56.1" hidden="1" customHeight="1" x14ac:dyDescent="0.2">
      <c r="A27" s="181">
        <v>25</v>
      </c>
      <c r="B27" s="182" t="s">
        <v>53</v>
      </c>
      <c r="C27" s="182" t="s">
        <v>54</v>
      </c>
      <c r="D27" s="214" t="s">
        <v>124</v>
      </c>
      <c r="E27" s="214" t="s">
        <v>139</v>
      </c>
      <c r="F27" s="214" t="s">
        <v>126</v>
      </c>
      <c r="G27" s="214" t="s">
        <v>58</v>
      </c>
      <c r="H27" s="214" t="s">
        <v>140</v>
      </c>
      <c r="I27" s="214" t="s">
        <v>60</v>
      </c>
      <c r="J27" s="214" t="s">
        <v>61</v>
      </c>
      <c r="K27" s="214" t="s">
        <v>122</v>
      </c>
      <c r="L27" s="214" t="s">
        <v>63</v>
      </c>
      <c r="M27" s="214" t="s">
        <v>63</v>
      </c>
      <c r="N27" s="215">
        <v>1023425</v>
      </c>
      <c r="O27" s="215">
        <f t="shared" si="35"/>
        <v>1023425</v>
      </c>
      <c r="P27" s="214" t="s">
        <v>64</v>
      </c>
      <c r="Q27" s="197" t="s">
        <v>65</v>
      </c>
      <c r="R27" s="216"/>
      <c r="S27" s="216"/>
      <c r="T27" s="192" t="s">
        <v>66</v>
      </c>
      <c r="U27" s="216"/>
      <c r="V27" s="216"/>
      <c r="W27" s="216"/>
      <c r="X27" s="216"/>
      <c r="Y27" s="216"/>
      <c r="Z27" s="216"/>
      <c r="AA27" s="216"/>
      <c r="AB27" s="216"/>
      <c r="AC27" s="216"/>
      <c r="AD27" s="216"/>
      <c r="AE27" s="216"/>
      <c r="AF27" s="216"/>
      <c r="AG27" s="216"/>
      <c r="AH27" s="216"/>
      <c r="AI27" s="216"/>
      <c r="AJ27" s="216"/>
      <c r="AK27" s="216"/>
      <c r="AL27" s="216"/>
      <c r="AM27" s="216"/>
      <c r="AN27" s="216"/>
      <c r="AO27" s="216"/>
      <c r="AP27" s="216"/>
      <c r="AQ27" s="216"/>
      <c r="AR27" s="216"/>
      <c r="AS27" s="216"/>
      <c r="AT27" s="216"/>
      <c r="AU27" s="216"/>
      <c r="AV27" s="216"/>
      <c r="AW27" s="191">
        <f t="shared" si="32"/>
        <v>450</v>
      </c>
      <c r="AX27" s="187">
        <f t="shared" si="36"/>
        <v>2274.2777777777778</v>
      </c>
      <c r="AY27" s="192" t="str">
        <f t="shared" si="1"/>
        <v/>
      </c>
      <c r="AZ27" s="192" t="str">
        <f t="shared" si="2"/>
        <v/>
      </c>
      <c r="BA27" s="192">
        <f t="shared" si="3"/>
        <v>1023425</v>
      </c>
      <c r="BB27" s="192" t="str">
        <f t="shared" si="4"/>
        <v/>
      </c>
      <c r="BC27" s="192" t="str">
        <f t="shared" si="5"/>
        <v/>
      </c>
      <c r="BD27" s="192" t="str">
        <f t="shared" si="6"/>
        <v/>
      </c>
      <c r="BE27" s="192" t="str">
        <f t="shared" si="7"/>
        <v/>
      </c>
      <c r="BF27" s="192" t="str">
        <f t="shared" si="8"/>
        <v/>
      </c>
      <c r="BG27" s="192" t="str">
        <f t="shared" si="9"/>
        <v/>
      </c>
      <c r="BH27" s="192" t="str">
        <f t="shared" si="10"/>
        <v/>
      </c>
      <c r="BI27" s="192" t="str">
        <f t="shared" si="11"/>
        <v/>
      </c>
      <c r="BJ27" s="192" t="str">
        <f t="shared" si="12"/>
        <v/>
      </c>
      <c r="BK27" s="192" t="str">
        <f t="shared" si="13"/>
        <v/>
      </c>
      <c r="BL27" s="192" t="str">
        <f t="shared" si="14"/>
        <v/>
      </c>
      <c r="BM27" s="192" t="str">
        <f t="shared" si="15"/>
        <v/>
      </c>
      <c r="BN27" s="192" t="str">
        <f t="shared" si="16"/>
        <v/>
      </c>
      <c r="BO27" s="192" t="str">
        <f t="shared" si="17"/>
        <v/>
      </c>
      <c r="BP27" s="192" t="str">
        <f t="shared" si="18"/>
        <v/>
      </c>
      <c r="BQ27" s="192" t="str">
        <f t="shared" si="19"/>
        <v/>
      </c>
      <c r="BR27" s="192" t="str">
        <f t="shared" si="20"/>
        <v/>
      </c>
      <c r="BS27" s="192" t="str">
        <f t="shared" si="21"/>
        <v/>
      </c>
      <c r="BT27" s="192" t="str">
        <f t="shared" si="22"/>
        <v/>
      </c>
      <c r="BU27" s="192" t="str">
        <f t="shared" si="23"/>
        <v/>
      </c>
      <c r="BV27" s="192" t="str">
        <f t="shared" si="24"/>
        <v/>
      </c>
      <c r="BW27" s="192" t="str">
        <f t="shared" si="25"/>
        <v/>
      </c>
      <c r="BX27" s="192" t="str">
        <f t="shared" si="26"/>
        <v/>
      </c>
      <c r="BY27" s="192" t="str">
        <f t="shared" si="27"/>
        <v/>
      </c>
      <c r="BZ27" s="192" t="str">
        <f t="shared" si="28"/>
        <v/>
      </c>
      <c r="CA27" s="192" t="str">
        <f t="shared" si="29"/>
        <v/>
      </c>
      <c r="CB27" s="192" t="str">
        <f t="shared" si="30"/>
        <v/>
      </c>
      <c r="CC27" s="192" t="str">
        <f t="shared" si="31"/>
        <v/>
      </c>
      <c r="CD27" s="197" t="s">
        <v>128</v>
      </c>
      <c r="CE27" s="214" t="s">
        <v>141</v>
      </c>
      <c r="CF27" s="186" t="s">
        <v>69</v>
      </c>
    </row>
    <row r="28" spans="1:84" s="311" customFormat="1" ht="56.1" hidden="1" customHeight="1" x14ac:dyDescent="0.2">
      <c r="A28" s="302">
        <v>26</v>
      </c>
      <c r="B28" s="24" t="s">
        <v>53</v>
      </c>
      <c r="C28" s="24" t="s">
        <v>54</v>
      </c>
      <c r="D28" s="303" t="s">
        <v>142</v>
      </c>
      <c r="E28" s="303" t="s">
        <v>143</v>
      </c>
      <c r="F28" s="303" t="s">
        <v>144</v>
      </c>
      <c r="G28" s="303" t="s">
        <v>145</v>
      </c>
      <c r="H28" s="303" t="s">
        <v>63</v>
      </c>
      <c r="I28" s="303" t="s">
        <v>81</v>
      </c>
      <c r="J28" s="303" t="s">
        <v>61</v>
      </c>
      <c r="K28" s="303" t="s">
        <v>71</v>
      </c>
      <c r="L28" s="303" t="s">
        <v>63</v>
      </c>
      <c r="M28" s="303" t="s">
        <v>63</v>
      </c>
      <c r="N28" s="304">
        <v>103625</v>
      </c>
      <c r="O28" s="304">
        <f t="shared" si="35"/>
        <v>103625</v>
      </c>
      <c r="P28" s="303" t="s">
        <v>64</v>
      </c>
      <c r="Q28" s="305" t="s">
        <v>65</v>
      </c>
      <c r="R28" s="306"/>
      <c r="S28" s="306"/>
      <c r="T28" s="306"/>
      <c r="U28" s="306"/>
      <c r="V28" s="306"/>
      <c r="W28" s="306"/>
      <c r="X28" s="306"/>
      <c r="Y28" s="306"/>
      <c r="Z28" s="306"/>
      <c r="AA28" s="306"/>
      <c r="AB28" s="306"/>
      <c r="AC28" s="306"/>
      <c r="AD28" s="306"/>
      <c r="AE28" s="306"/>
      <c r="AF28" s="306"/>
      <c r="AG28" s="306"/>
      <c r="AH28" s="306"/>
      <c r="AI28" s="307" t="s">
        <v>66</v>
      </c>
      <c r="AJ28" s="306"/>
      <c r="AK28" s="306"/>
      <c r="AL28" s="306"/>
      <c r="AM28" s="306"/>
      <c r="AN28" s="306"/>
      <c r="AO28" s="306"/>
      <c r="AP28" s="306"/>
      <c r="AQ28" s="306"/>
      <c r="AR28" s="306"/>
      <c r="AS28" s="306"/>
      <c r="AT28" s="306"/>
      <c r="AU28" s="306"/>
      <c r="AV28" s="306"/>
      <c r="AW28" s="308">
        <f t="shared" si="32"/>
        <v>775</v>
      </c>
      <c r="AX28" s="309">
        <f t="shared" si="36"/>
        <v>133.70967741935485</v>
      </c>
      <c r="AY28" s="307" t="str">
        <f t="shared" si="1"/>
        <v/>
      </c>
      <c r="AZ28" s="307" t="str">
        <f t="shared" si="2"/>
        <v/>
      </c>
      <c r="BA28" s="307" t="str">
        <f t="shared" si="3"/>
        <v/>
      </c>
      <c r="BB28" s="307" t="str">
        <f t="shared" si="4"/>
        <v/>
      </c>
      <c r="BC28" s="307" t="str">
        <f t="shared" si="5"/>
        <v/>
      </c>
      <c r="BD28" s="307" t="str">
        <f t="shared" si="6"/>
        <v/>
      </c>
      <c r="BE28" s="307" t="str">
        <f t="shared" si="7"/>
        <v/>
      </c>
      <c r="BF28" s="307" t="str">
        <f t="shared" si="8"/>
        <v/>
      </c>
      <c r="BG28" s="307" t="str">
        <f t="shared" si="9"/>
        <v/>
      </c>
      <c r="BH28" s="307" t="str">
        <f t="shared" si="10"/>
        <v/>
      </c>
      <c r="BI28" s="307" t="str">
        <f t="shared" si="11"/>
        <v/>
      </c>
      <c r="BJ28" s="307" t="str">
        <f t="shared" si="12"/>
        <v/>
      </c>
      <c r="BK28" s="307" t="str">
        <f t="shared" si="13"/>
        <v/>
      </c>
      <c r="BL28" s="307" t="str">
        <f t="shared" si="14"/>
        <v/>
      </c>
      <c r="BM28" s="307" t="str">
        <f t="shared" si="15"/>
        <v/>
      </c>
      <c r="BN28" s="307" t="str">
        <f t="shared" si="16"/>
        <v/>
      </c>
      <c r="BO28" s="307" t="str">
        <f t="shared" si="17"/>
        <v/>
      </c>
      <c r="BP28" s="307">
        <f t="shared" si="18"/>
        <v>103625</v>
      </c>
      <c r="BQ28" s="307" t="str">
        <f t="shared" si="19"/>
        <v/>
      </c>
      <c r="BR28" s="307" t="str">
        <f t="shared" si="20"/>
        <v/>
      </c>
      <c r="BS28" s="307" t="str">
        <f t="shared" si="21"/>
        <v/>
      </c>
      <c r="BT28" s="307" t="str">
        <f t="shared" si="22"/>
        <v/>
      </c>
      <c r="BU28" s="307" t="str">
        <f t="shared" si="23"/>
        <v/>
      </c>
      <c r="BV28" s="307" t="str">
        <f t="shared" si="24"/>
        <v/>
      </c>
      <c r="BW28" s="307" t="str">
        <f t="shared" si="25"/>
        <v/>
      </c>
      <c r="BX28" s="307" t="str">
        <f t="shared" si="26"/>
        <v/>
      </c>
      <c r="BY28" s="307" t="str">
        <f t="shared" si="27"/>
        <v/>
      </c>
      <c r="BZ28" s="307" t="str">
        <f t="shared" si="28"/>
        <v/>
      </c>
      <c r="CA28" s="307" t="str">
        <f t="shared" si="29"/>
        <v/>
      </c>
      <c r="CB28" s="307" t="str">
        <f t="shared" si="30"/>
        <v/>
      </c>
      <c r="CC28" s="307" t="str">
        <f t="shared" si="31"/>
        <v/>
      </c>
      <c r="CD28" s="303" t="s">
        <v>146</v>
      </c>
      <c r="CE28" s="303" t="s">
        <v>147</v>
      </c>
      <c r="CF28" s="310" t="s">
        <v>69</v>
      </c>
    </row>
    <row r="29" spans="1:84" s="274" customFormat="1" ht="56.1" hidden="1" customHeight="1" x14ac:dyDescent="0.2">
      <c r="A29" s="264">
        <v>27</v>
      </c>
      <c r="B29" s="265" t="s">
        <v>53</v>
      </c>
      <c r="C29" s="265" t="s">
        <v>54</v>
      </c>
      <c r="D29" s="266" t="s">
        <v>148</v>
      </c>
      <c r="E29" s="266" t="s">
        <v>149</v>
      </c>
      <c r="F29" s="266" t="s">
        <v>150</v>
      </c>
      <c r="G29" s="266" t="s">
        <v>151</v>
      </c>
      <c r="H29" s="266" t="s">
        <v>63</v>
      </c>
      <c r="I29" s="266" t="s">
        <v>81</v>
      </c>
      <c r="J29" s="266" t="s">
        <v>61</v>
      </c>
      <c r="K29" s="266" t="s">
        <v>71</v>
      </c>
      <c r="L29" s="266" t="s">
        <v>63</v>
      </c>
      <c r="M29" s="266" t="s">
        <v>63</v>
      </c>
      <c r="N29" s="267">
        <v>125292</v>
      </c>
      <c r="O29" s="267">
        <f t="shared" si="35"/>
        <v>125292</v>
      </c>
      <c r="P29" s="266" t="s">
        <v>64</v>
      </c>
      <c r="Q29" s="268" t="s">
        <v>65</v>
      </c>
      <c r="R29" s="269" t="s">
        <v>66</v>
      </c>
      <c r="S29" s="270"/>
      <c r="T29" s="270"/>
      <c r="U29" s="270"/>
      <c r="V29" s="270"/>
      <c r="W29" s="270"/>
      <c r="X29" s="270"/>
      <c r="Y29" s="270"/>
      <c r="Z29" s="270"/>
      <c r="AA29" s="270"/>
      <c r="AB29" s="270"/>
      <c r="AC29" s="270"/>
      <c r="AD29" s="270"/>
      <c r="AE29" s="270"/>
      <c r="AF29" s="270"/>
      <c r="AG29" s="270"/>
      <c r="AH29" s="270"/>
      <c r="AI29" s="270"/>
      <c r="AJ29" s="270"/>
      <c r="AK29" s="270"/>
      <c r="AL29" s="270"/>
      <c r="AM29" s="270"/>
      <c r="AN29" s="270"/>
      <c r="AO29" s="270"/>
      <c r="AP29" s="270"/>
      <c r="AQ29" s="270"/>
      <c r="AR29" s="270"/>
      <c r="AS29" s="270"/>
      <c r="AT29" s="270"/>
      <c r="AU29" s="270"/>
      <c r="AV29" s="270"/>
      <c r="AW29" s="271">
        <f t="shared" si="32"/>
        <v>1500</v>
      </c>
      <c r="AX29" s="272">
        <f t="shared" si="36"/>
        <v>83.528000000000006</v>
      </c>
      <c r="AY29" s="269">
        <f t="shared" si="1"/>
        <v>125292.00000000001</v>
      </c>
      <c r="AZ29" s="269" t="str">
        <f t="shared" si="2"/>
        <v/>
      </c>
      <c r="BA29" s="269" t="str">
        <f t="shared" si="3"/>
        <v/>
      </c>
      <c r="BB29" s="269" t="str">
        <f t="shared" si="4"/>
        <v/>
      </c>
      <c r="BC29" s="269" t="str">
        <f t="shared" si="5"/>
        <v/>
      </c>
      <c r="BD29" s="269" t="str">
        <f t="shared" si="6"/>
        <v/>
      </c>
      <c r="BE29" s="269" t="str">
        <f t="shared" si="7"/>
        <v/>
      </c>
      <c r="BF29" s="269" t="str">
        <f t="shared" si="8"/>
        <v/>
      </c>
      <c r="BG29" s="269" t="str">
        <f t="shared" si="9"/>
        <v/>
      </c>
      <c r="BH29" s="269" t="str">
        <f t="shared" si="10"/>
        <v/>
      </c>
      <c r="BI29" s="269" t="str">
        <f t="shared" si="11"/>
        <v/>
      </c>
      <c r="BJ29" s="269" t="str">
        <f t="shared" si="12"/>
        <v/>
      </c>
      <c r="BK29" s="269" t="str">
        <f t="shared" si="13"/>
        <v/>
      </c>
      <c r="BL29" s="269" t="str">
        <f t="shared" si="14"/>
        <v/>
      </c>
      <c r="BM29" s="269" t="str">
        <f t="shared" si="15"/>
        <v/>
      </c>
      <c r="BN29" s="269" t="str">
        <f t="shared" si="16"/>
        <v/>
      </c>
      <c r="BO29" s="269" t="str">
        <f t="shared" si="17"/>
        <v/>
      </c>
      <c r="BP29" s="269" t="str">
        <f t="shared" si="18"/>
        <v/>
      </c>
      <c r="BQ29" s="269" t="str">
        <f t="shared" si="19"/>
        <v/>
      </c>
      <c r="BR29" s="269" t="str">
        <f t="shared" si="20"/>
        <v/>
      </c>
      <c r="BS29" s="269" t="str">
        <f t="shared" si="21"/>
        <v/>
      </c>
      <c r="BT29" s="269" t="str">
        <f t="shared" si="22"/>
        <v/>
      </c>
      <c r="BU29" s="269" t="str">
        <f t="shared" si="23"/>
        <v/>
      </c>
      <c r="BV29" s="269" t="str">
        <f t="shared" si="24"/>
        <v/>
      </c>
      <c r="BW29" s="269" t="str">
        <f t="shared" si="25"/>
        <v/>
      </c>
      <c r="BX29" s="269" t="str">
        <f t="shared" si="26"/>
        <v/>
      </c>
      <c r="BY29" s="269" t="str">
        <f t="shared" si="27"/>
        <v/>
      </c>
      <c r="BZ29" s="269" t="str">
        <f t="shared" si="28"/>
        <v/>
      </c>
      <c r="CA29" s="269" t="str">
        <f t="shared" si="29"/>
        <v/>
      </c>
      <c r="CB29" s="269" t="str">
        <f t="shared" si="30"/>
        <v/>
      </c>
      <c r="CC29" s="269" t="str">
        <f t="shared" si="31"/>
        <v/>
      </c>
      <c r="CD29" s="266" t="s">
        <v>152</v>
      </c>
      <c r="CE29" s="266" t="s">
        <v>147</v>
      </c>
      <c r="CF29" s="273" t="s">
        <v>69</v>
      </c>
    </row>
    <row r="30" spans="1:84" s="311" customFormat="1" ht="56.1" hidden="1" customHeight="1" x14ac:dyDescent="0.2">
      <c r="A30" s="302">
        <v>28</v>
      </c>
      <c r="B30" s="24" t="s">
        <v>53</v>
      </c>
      <c r="C30" s="24" t="s">
        <v>153</v>
      </c>
      <c r="D30" s="303" t="s">
        <v>154</v>
      </c>
      <c r="E30" s="303" t="s">
        <v>155</v>
      </c>
      <c r="F30" s="303" t="s">
        <v>156</v>
      </c>
      <c r="G30" s="303" t="s">
        <v>157</v>
      </c>
      <c r="H30" s="303" t="s">
        <v>42</v>
      </c>
      <c r="I30" s="303" t="s">
        <v>81</v>
      </c>
      <c r="J30" s="303" t="s">
        <v>158</v>
      </c>
      <c r="K30" s="303" t="s">
        <v>159</v>
      </c>
      <c r="L30" s="303" t="s">
        <v>63</v>
      </c>
      <c r="M30" s="303" t="s">
        <v>63</v>
      </c>
      <c r="N30" s="304"/>
      <c r="O30" s="304"/>
      <c r="P30" s="303" t="s">
        <v>160</v>
      </c>
      <c r="Q30" s="305" t="s">
        <v>65</v>
      </c>
      <c r="R30" s="306"/>
      <c r="S30" s="306"/>
      <c r="T30" s="306"/>
      <c r="U30" s="306"/>
      <c r="V30" s="306"/>
      <c r="W30" s="306"/>
      <c r="X30" s="306"/>
      <c r="Y30" s="306"/>
      <c r="Z30" s="306"/>
      <c r="AA30" s="306"/>
      <c r="AB30" s="306"/>
      <c r="AC30" s="306"/>
      <c r="AD30" s="306"/>
      <c r="AE30" s="306"/>
      <c r="AF30" s="306"/>
      <c r="AG30" s="306"/>
      <c r="AH30" s="306"/>
      <c r="AI30" s="306"/>
      <c r="AJ30" s="306"/>
      <c r="AK30" s="306"/>
      <c r="AL30" s="306"/>
      <c r="AM30" s="306"/>
      <c r="AN30" s="306"/>
      <c r="AO30" s="306"/>
      <c r="AP30" s="306"/>
      <c r="AQ30" s="306"/>
      <c r="AR30" s="306"/>
      <c r="AS30" s="306" t="s">
        <v>66</v>
      </c>
      <c r="AT30" s="306"/>
      <c r="AU30" s="306"/>
      <c r="AV30" s="306"/>
      <c r="AW30" s="308">
        <f t="shared" si="32"/>
        <v>67</v>
      </c>
      <c r="AX30" s="309"/>
      <c r="AY30" s="307" t="str">
        <f t="shared" si="1"/>
        <v/>
      </c>
      <c r="AZ30" s="307" t="str">
        <f t="shared" si="2"/>
        <v/>
      </c>
      <c r="BA30" s="307" t="str">
        <f t="shared" si="3"/>
        <v/>
      </c>
      <c r="BB30" s="307" t="str">
        <f t="shared" si="4"/>
        <v/>
      </c>
      <c r="BC30" s="307" t="str">
        <f t="shared" si="5"/>
        <v/>
      </c>
      <c r="BD30" s="307" t="str">
        <f t="shared" si="6"/>
        <v/>
      </c>
      <c r="BE30" s="307" t="str">
        <f t="shared" si="7"/>
        <v/>
      </c>
      <c r="BF30" s="307" t="str">
        <f t="shared" si="8"/>
        <v/>
      </c>
      <c r="BG30" s="307" t="str">
        <f t="shared" si="9"/>
        <v/>
      </c>
      <c r="BH30" s="307" t="str">
        <f t="shared" si="10"/>
        <v/>
      </c>
      <c r="BI30" s="307" t="str">
        <f t="shared" si="11"/>
        <v/>
      </c>
      <c r="BJ30" s="307" t="str">
        <f t="shared" si="12"/>
        <v/>
      </c>
      <c r="BK30" s="307" t="str">
        <f t="shared" si="13"/>
        <v/>
      </c>
      <c r="BL30" s="307" t="str">
        <f t="shared" si="14"/>
        <v/>
      </c>
      <c r="BM30" s="307" t="str">
        <f t="shared" si="15"/>
        <v/>
      </c>
      <c r="BN30" s="307" t="str">
        <f t="shared" si="16"/>
        <v/>
      </c>
      <c r="BO30" s="307" t="str">
        <f t="shared" si="17"/>
        <v/>
      </c>
      <c r="BP30" s="307" t="str">
        <f t="shared" si="18"/>
        <v/>
      </c>
      <c r="BQ30" s="307" t="str">
        <f t="shared" si="19"/>
        <v/>
      </c>
      <c r="BR30" s="307" t="str">
        <f t="shared" si="20"/>
        <v/>
      </c>
      <c r="BS30" s="307" t="str">
        <f t="shared" si="21"/>
        <v/>
      </c>
      <c r="BT30" s="307" t="str">
        <f t="shared" si="22"/>
        <v/>
      </c>
      <c r="BU30" s="307" t="str">
        <f t="shared" si="23"/>
        <v/>
      </c>
      <c r="BV30" s="307" t="str">
        <f t="shared" si="24"/>
        <v/>
      </c>
      <c r="BW30" s="307" t="str">
        <f t="shared" si="25"/>
        <v/>
      </c>
      <c r="BX30" s="307" t="str">
        <f t="shared" si="26"/>
        <v/>
      </c>
      <c r="BY30" s="307" t="str">
        <f t="shared" si="27"/>
        <v/>
      </c>
      <c r="BZ30" s="307">
        <f t="shared" si="28"/>
        <v>0</v>
      </c>
      <c r="CA30" s="307" t="str">
        <f t="shared" si="29"/>
        <v/>
      </c>
      <c r="CB30" s="307" t="str">
        <f t="shared" si="30"/>
        <v/>
      </c>
      <c r="CC30" s="307" t="str">
        <f t="shared" si="31"/>
        <v/>
      </c>
      <c r="CD30" s="303"/>
      <c r="CE30" s="310" t="s">
        <v>161</v>
      </c>
      <c r="CF30" s="310" t="s">
        <v>162</v>
      </c>
    </row>
    <row r="31" spans="1:84" s="164" customFormat="1" ht="148.35" hidden="1" customHeight="1" x14ac:dyDescent="0.2">
      <c r="A31" s="154">
        <v>29</v>
      </c>
      <c r="B31" s="155" t="s">
        <v>53</v>
      </c>
      <c r="C31" s="155" t="s">
        <v>153</v>
      </c>
      <c r="D31" s="156" t="s">
        <v>154</v>
      </c>
      <c r="E31" s="156" t="s">
        <v>163</v>
      </c>
      <c r="F31" s="156" t="s">
        <v>164</v>
      </c>
      <c r="G31" s="156" t="s">
        <v>58</v>
      </c>
      <c r="H31" s="156" t="s">
        <v>127</v>
      </c>
      <c r="I31" s="156" t="s">
        <v>81</v>
      </c>
      <c r="J31" s="156" t="s">
        <v>158</v>
      </c>
      <c r="K31" s="156" t="s">
        <v>165</v>
      </c>
      <c r="L31" s="156" t="s">
        <v>63</v>
      </c>
      <c r="M31" s="156" t="s">
        <v>63</v>
      </c>
      <c r="N31" s="157"/>
      <c r="O31" s="157"/>
      <c r="P31" s="156" t="s">
        <v>160</v>
      </c>
      <c r="Q31" s="162" t="s">
        <v>65</v>
      </c>
      <c r="R31" s="159"/>
      <c r="S31" s="159"/>
      <c r="T31" s="159"/>
      <c r="U31" s="159"/>
      <c r="V31" s="159"/>
      <c r="W31" s="159"/>
      <c r="X31" s="159"/>
      <c r="Y31" s="159"/>
      <c r="Z31" s="159"/>
      <c r="AA31" s="159"/>
      <c r="AB31" s="159"/>
      <c r="AC31" s="159"/>
      <c r="AD31" s="159"/>
      <c r="AE31" s="159"/>
      <c r="AF31" s="159"/>
      <c r="AG31" s="159"/>
      <c r="AH31" s="159" t="s">
        <v>66</v>
      </c>
      <c r="AI31" s="159"/>
      <c r="AJ31" s="159"/>
      <c r="AK31" s="159"/>
      <c r="AL31" s="159"/>
      <c r="AM31" s="159"/>
      <c r="AN31" s="159"/>
      <c r="AO31" s="159"/>
      <c r="AP31" s="159"/>
      <c r="AQ31" s="159"/>
      <c r="AR31" s="159"/>
      <c r="AS31" s="159"/>
      <c r="AT31" s="159"/>
      <c r="AU31" s="159"/>
      <c r="AV31" s="159"/>
      <c r="AW31" s="160">
        <f t="shared" ref="AW31:AW40" si="37">SUMIF(R31:AV31,"YES",$R$2:$AV$2)</f>
        <v>2385</v>
      </c>
      <c r="AX31" s="158"/>
      <c r="AY31" s="161" t="str">
        <f t="shared" si="1"/>
        <v/>
      </c>
      <c r="AZ31" s="161" t="str">
        <f t="shared" si="2"/>
        <v/>
      </c>
      <c r="BA31" s="161" t="str">
        <f t="shared" si="3"/>
        <v/>
      </c>
      <c r="BB31" s="161" t="str">
        <f t="shared" si="4"/>
        <v/>
      </c>
      <c r="BC31" s="161" t="str">
        <f t="shared" si="5"/>
        <v/>
      </c>
      <c r="BD31" s="161" t="str">
        <f t="shared" si="6"/>
        <v/>
      </c>
      <c r="BE31" s="161" t="str">
        <f t="shared" si="7"/>
        <v/>
      </c>
      <c r="BF31" s="161" t="str">
        <f t="shared" si="8"/>
        <v/>
      </c>
      <c r="BG31" s="161" t="str">
        <f t="shared" si="9"/>
        <v/>
      </c>
      <c r="BH31" s="161" t="str">
        <f t="shared" si="10"/>
        <v/>
      </c>
      <c r="BI31" s="161" t="str">
        <f t="shared" si="11"/>
        <v/>
      </c>
      <c r="BJ31" s="161" t="str">
        <f t="shared" si="12"/>
        <v/>
      </c>
      <c r="BK31" s="161" t="str">
        <f t="shared" si="13"/>
        <v/>
      </c>
      <c r="BL31" s="161" t="str">
        <f t="shared" si="14"/>
        <v/>
      </c>
      <c r="BM31" s="161" t="str">
        <f t="shared" si="15"/>
        <v/>
      </c>
      <c r="BN31" s="161" t="str">
        <f t="shared" si="16"/>
        <v/>
      </c>
      <c r="BO31" s="161">
        <f t="shared" si="17"/>
        <v>0</v>
      </c>
      <c r="BP31" s="161" t="str">
        <f t="shared" si="18"/>
        <v/>
      </c>
      <c r="BQ31" s="161" t="str">
        <f t="shared" si="19"/>
        <v/>
      </c>
      <c r="BR31" s="161" t="str">
        <f t="shared" si="20"/>
        <v/>
      </c>
      <c r="BS31" s="161" t="str">
        <f t="shared" si="21"/>
        <v/>
      </c>
      <c r="BT31" s="161" t="str">
        <f t="shared" si="22"/>
        <v/>
      </c>
      <c r="BU31" s="161" t="str">
        <f t="shared" si="23"/>
        <v/>
      </c>
      <c r="BV31" s="161" t="str">
        <f t="shared" si="24"/>
        <v/>
      </c>
      <c r="BW31" s="161" t="str">
        <f t="shared" si="25"/>
        <v/>
      </c>
      <c r="BX31" s="161" t="str">
        <f t="shared" si="26"/>
        <v/>
      </c>
      <c r="BY31" s="161" t="str">
        <f t="shared" si="27"/>
        <v/>
      </c>
      <c r="BZ31" s="161" t="str">
        <f t="shared" si="28"/>
        <v/>
      </c>
      <c r="CA31" s="161" t="str">
        <f t="shared" si="29"/>
        <v/>
      </c>
      <c r="CB31" s="161" t="str">
        <f t="shared" si="30"/>
        <v/>
      </c>
      <c r="CC31" s="161" t="str">
        <f t="shared" si="31"/>
        <v/>
      </c>
      <c r="CD31" s="156"/>
      <c r="CE31" s="163"/>
      <c r="CF31" s="163" t="s">
        <v>162</v>
      </c>
    </row>
    <row r="32" spans="1:84" s="311" customFormat="1" ht="110.85" hidden="1" customHeight="1" x14ac:dyDescent="0.2">
      <c r="A32" s="302">
        <v>30</v>
      </c>
      <c r="B32" s="24" t="s">
        <v>53</v>
      </c>
      <c r="C32" s="24" t="s">
        <v>153</v>
      </c>
      <c r="D32" s="303" t="s">
        <v>154</v>
      </c>
      <c r="E32" s="303" t="s">
        <v>166</v>
      </c>
      <c r="F32" s="303" t="s">
        <v>167</v>
      </c>
      <c r="G32" s="303" t="s">
        <v>90</v>
      </c>
      <c r="H32" s="303" t="s">
        <v>168</v>
      </c>
      <c r="I32" s="303" t="s">
        <v>60</v>
      </c>
      <c r="J32" s="303" t="s">
        <v>158</v>
      </c>
      <c r="K32" s="303" t="s">
        <v>169</v>
      </c>
      <c r="L32" s="303" t="s">
        <v>63</v>
      </c>
      <c r="M32" s="303" t="s">
        <v>63</v>
      </c>
      <c r="N32" s="304">
        <v>1800000</v>
      </c>
      <c r="O32" s="304">
        <v>1800000</v>
      </c>
      <c r="P32" s="303" t="s">
        <v>160</v>
      </c>
      <c r="Q32" s="305" t="s">
        <v>65</v>
      </c>
      <c r="R32" s="306"/>
      <c r="S32" s="306"/>
      <c r="T32" s="306"/>
      <c r="U32" s="306"/>
      <c r="V32" s="306"/>
      <c r="W32" s="306"/>
      <c r="X32" s="306"/>
      <c r="Y32" s="306"/>
      <c r="Z32" s="306"/>
      <c r="AA32" s="306"/>
      <c r="AB32" s="306"/>
      <c r="AC32" s="306"/>
      <c r="AD32" s="306"/>
      <c r="AE32" s="306"/>
      <c r="AF32" s="306"/>
      <c r="AG32" s="306"/>
      <c r="AH32" s="306"/>
      <c r="AI32" s="306"/>
      <c r="AJ32" s="306"/>
      <c r="AK32" s="306"/>
      <c r="AL32" s="306"/>
      <c r="AM32" s="306"/>
      <c r="AN32" s="306"/>
      <c r="AO32" s="306" t="s">
        <v>66</v>
      </c>
      <c r="AP32" s="306"/>
      <c r="AQ32" s="306"/>
      <c r="AR32" s="306"/>
      <c r="AS32" s="306"/>
      <c r="AT32" s="306"/>
      <c r="AU32" s="306"/>
      <c r="AV32" s="306"/>
      <c r="AW32" s="308">
        <f t="shared" si="37"/>
        <v>1400</v>
      </c>
      <c r="AX32" s="309"/>
      <c r="AY32" s="307" t="str">
        <f t="shared" si="1"/>
        <v/>
      </c>
      <c r="AZ32" s="307" t="str">
        <f t="shared" si="2"/>
        <v/>
      </c>
      <c r="BA32" s="307" t="str">
        <f t="shared" si="3"/>
        <v/>
      </c>
      <c r="BB32" s="307" t="str">
        <f t="shared" si="4"/>
        <v/>
      </c>
      <c r="BC32" s="307" t="str">
        <f t="shared" si="5"/>
        <v/>
      </c>
      <c r="BD32" s="307" t="str">
        <f t="shared" si="6"/>
        <v/>
      </c>
      <c r="BE32" s="307" t="str">
        <f t="shared" si="7"/>
        <v/>
      </c>
      <c r="BF32" s="307" t="str">
        <f t="shared" si="8"/>
        <v/>
      </c>
      <c r="BG32" s="307" t="str">
        <f t="shared" si="9"/>
        <v/>
      </c>
      <c r="BH32" s="307" t="str">
        <f t="shared" si="10"/>
        <v/>
      </c>
      <c r="BI32" s="307" t="str">
        <f t="shared" si="11"/>
        <v/>
      </c>
      <c r="BJ32" s="307" t="str">
        <f t="shared" si="12"/>
        <v/>
      </c>
      <c r="BK32" s="307" t="str">
        <f t="shared" si="13"/>
        <v/>
      </c>
      <c r="BL32" s="307" t="str">
        <f t="shared" si="14"/>
        <v/>
      </c>
      <c r="BM32" s="307" t="str">
        <f t="shared" si="15"/>
        <v/>
      </c>
      <c r="BN32" s="307" t="str">
        <f t="shared" si="16"/>
        <v/>
      </c>
      <c r="BO32" s="307" t="str">
        <f t="shared" si="17"/>
        <v/>
      </c>
      <c r="BP32" s="307" t="str">
        <f t="shared" si="18"/>
        <v/>
      </c>
      <c r="BQ32" s="307" t="str">
        <f t="shared" si="19"/>
        <v/>
      </c>
      <c r="BR32" s="307" t="str">
        <f t="shared" si="20"/>
        <v/>
      </c>
      <c r="BS32" s="307" t="str">
        <f t="shared" si="21"/>
        <v/>
      </c>
      <c r="BT32" s="307" t="str">
        <f t="shared" si="22"/>
        <v/>
      </c>
      <c r="BU32" s="307" t="str">
        <f t="shared" si="23"/>
        <v/>
      </c>
      <c r="BV32" s="307">
        <f t="shared" si="24"/>
        <v>0</v>
      </c>
      <c r="BW32" s="307" t="str">
        <f t="shared" si="25"/>
        <v/>
      </c>
      <c r="BX32" s="307" t="str">
        <f t="shared" si="26"/>
        <v/>
      </c>
      <c r="BY32" s="307" t="str">
        <f t="shared" si="27"/>
        <v/>
      </c>
      <c r="BZ32" s="307" t="str">
        <f t="shared" si="28"/>
        <v/>
      </c>
      <c r="CA32" s="307" t="str">
        <f t="shared" si="29"/>
        <v/>
      </c>
      <c r="CB32" s="307" t="str">
        <f t="shared" si="30"/>
        <v/>
      </c>
      <c r="CC32" s="307" t="str">
        <f t="shared" si="31"/>
        <v/>
      </c>
      <c r="CD32" s="303"/>
      <c r="CE32" s="310" t="s">
        <v>170</v>
      </c>
      <c r="CF32" s="310" t="s">
        <v>162</v>
      </c>
    </row>
    <row r="33" spans="1:84" s="164" customFormat="1" ht="93.6" hidden="1" customHeight="1" x14ac:dyDescent="0.2">
      <c r="A33" s="154">
        <v>31</v>
      </c>
      <c r="B33" s="155" t="s">
        <v>53</v>
      </c>
      <c r="C33" s="155" t="s">
        <v>153</v>
      </c>
      <c r="D33" s="156" t="s">
        <v>154</v>
      </c>
      <c r="E33" s="156" t="s">
        <v>171</v>
      </c>
      <c r="F33" s="156" t="s">
        <v>172</v>
      </c>
      <c r="G33" s="156" t="s">
        <v>58</v>
      </c>
      <c r="H33" s="156" t="s">
        <v>173</v>
      </c>
      <c r="I33" s="156" t="s">
        <v>60</v>
      </c>
      <c r="J33" s="156" t="s">
        <v>158</v>
      </c>
      <c r="K33" s="156" t="s">
        <v>62</v>
      </c>
      <c r="L33" s="156" t="s">
        <v>63</v>
      </c>
      <c r="M33" s="156" t="s">
        <v>63</v>
      </c>
      <c r="N33" s="157"/>
      <c r="O33" s="157"/>
      <c r="P33" s="156" t="s">
        <v>160</v>
      </c>
      <c r="Q33" s="162" t="s">
        <v>65</v>
      </c>
      <c r="R33" s="159" t="s">
        <v>66</v>
      </c>
      <c r="S33" s="159"/>
      <c r="T33" s="159"/>
      <c r="U33" s="159"/>
      <c r="V33" s="159"/>
      <c r="W33" s="159"/>
      <c r="X33" s="159"/>
      <c r="Y33" s="159"/>
      <c r="Z33" s="159"/>
      <c r="AA33" s="159"/>
      <c r="AB33" s="159"/>
      <c r="AC33" s="159"/>
      <c r="AD33" s="159"/>
      <c r="AE33" s="159"/>
      <c r="AF33" s="159"/>
      <c r="AG33" s="159"/>
      <c r="AH33" s="159"/>
      <c r="AI33" s="159"/>
      <c r="AJ33" s="159"/>
      <c r="AK33" s="159"/>
      <c r="AL33" s="159"/>
      <c r="AM33" s="159"/>
      <c r="AN33" s="159"/>
      <c r="AO33" s="159"/>
      <c r="AP33" s="159"/>
      <c r="AQ33" s="159"/>
      <c r="AR33" s="159"/>
      <c r="AS33" s="159"/>
      <c r="AT33" s="159"/>
      <c r="AU33" s="159"/>
      <c r="AV33" s="159"/>
      <c r="AW33" s="160">
        <f t="shared" si="37"/>
        <v>1500</v>
      </c>
      <c r="AX33" s="158">
        <f>O33/AW33</f>
        <v>0</v>
      </c>
      <c r="AY33" s="161">
        <f t="shared" si="1"/>
        <v>0</v>
      </c>
      <c r="AZ33" s="161" t="str">
        <f t="shared" si="2"/>
        <v/>
      </c>
      <c r="BA33" s="161" t="str">
        <f t="shared" si="3"/>
        <v/>
      </c>
      <c r="BB33" s="161" t="str">
        <f t="shared" si="4"/>
        <v/>
      </c>
      <c r="BC33" s="161" t="str">
        <f t="shared" si="5"/>
        <v/>
      </c>
      <c r="BD33" s="161" t="str">
        <f t="shared" si="6"/>
        <v/>
      </c>
      <c r="BE33" s="161" t="str">
        <f t="shared" si="7"/>
        <v/>
      </c>
      <c r="BF33" s="161" t="str">
        <f t="shared" si="8"/>
        <v/>
      </c>
      <c r="BG33" s="161" t="str">
        <f t="shared" si="9"/>
        <v/>
      </c>
      <c r="BH33" s="161" t="str">
        <f t="shared" si="10"/>
        <v/>
      </c>
      <c r="BI33" s="161" t="str">
        <f t="shared" si="11"/>
        <v/>
      </c>
      <c r="BJ33" s="161" t="str">
        <f t="shared" si="12"/>
        <v/>
      </c>
      <c r="BK33" s="161" t="str">
        <f t="shared" si="13"/>
        <v/>
      </c>
      <c r="BL33" s="161" t="str">
        <f t="shared" si="14"/>
        <v/>
      </c>
      <c r="BM33" s="161" t="str">
        <f t="shared" si="15"/>
        <v/>
      </c>
      <c r="BN33" s="161" t="str">
        <f t="shared" si="16"/>
        <v/>
      </c>
      <c r="BO33" s="161" t="str">
        <f t="shared" si="17"/>
        <v/>
      </c>
      <c r="BP33" s="161" t="str">
        <f t="shared" si="18"/>
        <v/>
      </c>
      <c r="BQ33" s="161" t="str">
        <f t="shared" si="19"/>
        <v/>
      </c>
      <c r="BR33" s="161" t="str">
        <f t="shared" si="20"/>
        <v/>
      </c>
      <c r="BS33" s="161" t="str">
        <f t="shared" si="21"/>
        <v/>
      </c>
      <c r="BT33" s="161" t="str">
        <f t="shared" si="22"/>
        <v/>
      </c>
      <c r="BU33" s="161" t="str">
        <f t="shared" si="23"/>
        <v/>
      </c>
      <c r="BV33" s="161" t="str">
        <f t="shared" si="24"/>
        <v/>
      </c>
      <c r="BW33" s="161" t="str">
        <f t="shared" si="25"/>
        <v/>
      </c>
      <c r="BX33" s="161" t="str">
        <f t="shared" si="26"/>
        <v/>
      </c>
      <c r="BY33" s="161" t="str">
        <f t="shared" si="27"/>
        <v/>
      </c>
      <c r="BZ33" s="161" t="str">
        <f t="shared" si="28"/>
        <v/>
      </c>
      <c r="CA33" s="161" t="str">
        <f t="shared" si="29"/>
        <v/>
      </c>
      <c r="CB33" s="161" t="str">
        <f t="shared" si="30"/>
        <v/>
      </c>
      <c r="CC33" s="161" t="str">
        <f t="shared" si="31"/>
        <v/>
      </c>
      <c r="CD33" s="156" t="s">
        <v>174</v>
      </c>
      <c r="CE33" s="163" t="s">
        <v>175</v>
      </c>
      <c r="CF33" s="163" t="s">
        <v>162</v>
      </c>
    </row>
    <row r="34" spans="1:84" s="164" customFormat="1" ht="56.1" hidden="1" customHeight="1" x14ac:dyDescent="0.2">
      <c r="A34" s="154">
        <v>32</v>
      </c>
      <c r="B34" s="155" t="s">
        <v>53</v>
      </c>
      <c r="C34" s="155" t="s">
        <v>153</v>
      </c>
      <c r="D34" s="156" t="s">
        <v>154</v>
      </c>
      <c r="E34" s="156" t="s">
        <v>176</v>
      </c>
      <c r="F34" s="156" t="s">
        <v>177</v>
      </c>
      <c r="G34" s="156" t="s">
        <v>58</v>
      </c>
      <c r="H34" s="156" t="s">
        <v>26</v>
      </c>
      <c r="I34" s="156" t="s">
        <v>60</v>
      </c>
      <c r="J34" s="156" t="s">
        <v>158</v>
      </c>
      <c r="K34" s="156" t="s">
        <v>159</v>
      </c>
      <c r="L34" s="156" t="s">
        <v>63</v>
      </c>
      <c r="M34" s="156" t="s">
        <v>63</v>
      </c>
      <c r="N34" s="157"/>
      <c r="O34" s="157"/>
      <c r="P34" s="156" t="s">
        <v>160</v>
      </c>
      <c r="Q34" s="162" t="s">
        <v>65</v>
      </c>
      <c r="R34" s="159"/>
      <c r="S34" s="159"/>
      <c r="T34" s="159"/>
      <c r="U34" s="159"/>
      <c r="V34" s="159"/>
      <c r="W34" s="159"/>
      <c r="X34" s="159"/>
      <c r="Y34" s="159"/>
      <c r="Z34" s="159"/>
      <c r="AA34" s="159" t="s">
        <v>66</v>
      </c>
      <c r="AB34" s="159"/>
      <c r="AC34" s="159"/>
      <c r="AD34" s="159"/>
      <c r="AE34" s="159"/>
      <c r="AF34" s="159"/>
      <c r="AG34" s="159"/>
      <c r="AH34" s="159"/>
      <c r="AI34" s="159"/>
      <c r="AJ34" s="159"/>
      <c r="AK34" s="159"/>
      <c r="AL34" s="159"/>
      <c r="AM34" s="159"/>
      <c r="AN34" s="159"/>
      <c r="AO34" s="159"/>
      <c r="AP34" s="159"/>
      <c r="AQ34" s="159"/>
      <c r="AR34" s="159"/>
      <c r="AS34" s="159"/>
      <c r="AT34" s="159"/>
      <c r="AU34" s="159"/>
      <c r="AV34" s="159"/>
      <c r="AW34" s="160">
        <f t="shared" si="37"/>
        <v>500</v>
      </c>
      <c r="AX34" s="158">
        <f>O34/AW34</f>
        <v>0</v>
      </c>
      <c r="AY34" s="161" t="str">
        <f t="shared" si="1"/>
        <v/>
      </c>
      <c r="AZ34" s="161" t="str">
        <f t="shared" si="2"/>
        <v/>
      </c>
      <c r="BA34" s="161" t="str">
        <f t="shared" si="3"/>
        <v/>
      </c>
      <c r="BB34" s="161" t="str">
        <f t="shared" si="4"/>
        <v/>
      </c>
      <c r="BC34" s="161" t="str">
        <f t="shared" si="5"/>
        <v/>
      </c>
      <c r="BD34" s="161" t="str">
        <f t="shared" si="6"/>
        <v/>
      </c>
      <c r="BE34" s="161" t="str">
        <f t="shared" si="7"/>
        <v/>
      </c>
      <c r="BF34" s="161" t="str">
        <f t="shared" si="8"/>
        <v/>
      </c>
      <c r="BG34" s="161" t="str">
        <f t="shared" si="9"/>
        <v/>
      </c>
      <c r="BH34" s="161">
        <f t="shared" si="10"/>
        <v>0</v>
      </c>
      <c r="BI34" s="161" t="str">
        <f t="shared" si="11"/>
        <v/>
      </c>
      <c r="BJ34" s="161" t="str">
        <f t="shared" si="12"/>
        <v/>
      </c>
      <c r="BK34" s="161" t="str">
        <f t="shared" si="13"/>
        <v/>
      </c>
      <c r="BL34" s="161" t="str">
        <f t="shared" si="14"/>
        <v/>
      </c>
      <c r="BM34" s="161" t="str">
        <f t="shared" si="15"/>
        <v/>
      </c>
      <c r="BN34" s="161" t="str">
        <f t="shared" si="16"/>
        <v/>
      </c>
      <c r="BO34" s="161" t="str">
        <f t="shared" si="17"/>
        <v/>
      </c>
      <c r="BP34" s="161" t="str">
        <f t="shared" si="18"/>
        <v/>
      </c>
      <c r="BQ34" s="161" t="str">
        <f t="shared" si="19"/>
        <v/>
      </c>
      <c r="BR34" s="161" t="str">
        <f t="shared" si="20"/>
        <v/>
      </c>
      <c r="BS34" s="161" t="str">
        <f t="shared" si="21"/>
        <v/>
      </c>
      <c r="BT34" s="161" t="str">
        <f t="shared" si="22"/>
        <v/>
      </c>
      <c r="BU34" s="161" t="str">
        <f t="shared" si="23"/>
        <v/>
      </c>
      <c r="BV34" s="161" t="str">
        <f t="shared" si="24"/>
        <v/>
      </c>
      <c r="BW34" s="161" t="str">
        <f t="shared" si="25"/>
        <v/>
      </c>
      <c r="BX34" s="161" t="str">
        <f t="shared" si="26"/>
        <v/>
      </c>
      <c r="BY34" s="161" t="str">
        <f t="shared" si="27"/>
        <v/>
      </c>
      <c r="BZ34" s="161" t="str">
        <f t="shared" si="28"/>
        <v/>
      </c>
      <c r="CA34" s="161" t="str">
        <f t="shared" si="29"/>
        <v/>
      </c>
      <c r="CB34" s="161" t="str">
        <f t="shared" si="30"/>
        <v/>
      </c>
      <c r="CC34" s="161" t="str">
        <f t="shared" si="31"/>
        <v/>
      </c>
      <c r="CD34" s="156" t="s">
        <v>174</v>
      </c>
      <c r="CE34" s="163"/>
      <c r="CF34" s="163" t="s">
        <v>162</v>
      </c>
    </row>
    <row r="35" spans="1:84" s="217" customFormat="1" ht="56.1" hidden="1" customHeight="1" x14ac:dyDescent="0.2">
      <c r="A35" s="181">
        <v>33</v>
      </c>
      <c r="B35" s="182" t="s">
        <v>53</v>
      </c>
      <c r="C35" s="182" t="s">
        <v>153</v>
      </c>
      <c r="D35" s="214" t="s">
        <v>154</v>
      </c>
      <c r="E35" s="214" t="s">
        <v>178</v>
      </c>
      <c r="F35" s="214" t="s">
        <v>179</v>
      </c>
      <c r="G35" s="214" t="s">
        <v>58</v>
      </c>
      <c r="H35" s="214" t="s">
        <v>180</v>
      </c>
      <c r="I35" s="214" t="s">
        <v>60</v>
      </c>
      <c r="J35" s="214" t="s">
        <v>158</v>
      </c>
      <c r="K35" s="214" t="s">
        <v>181</v>
      </c>
      <c r="L35" s="214" t="s">
        <v>63</v>
      </c>
      <c r="M35" s="214" t="s">
        <v>63</v>
      </c>
      <c r="N35" s="215"/>
      <c r="O35" s="215"/>
      <c r="P35" s="214" t="s">
        <v>160</v>
      </c>
      <c r="Q35" s="197" t="s">
        <v>65</v>
      </c>
      <c r="R35" s="216"/>
      <c r="S35" s="216"/>
      <c r="T35" s="216"/>
      <c r="U35" s="216"/>
      <c r="V35" s="216"/>
      <c r="W35" s="216"/>
      <c r="X35" s="216"/>
      <c r="Y35" s="216" t="s">
        <v>66</v>
      </c>
      <c r="Z35" s="216"/>
      <c r="AA35" s="216"/>
      <c r="AB35" s="216"/>
      <c r="AC35" s="216"/>
      <c r="AD35" s="216"/>
      <c r="AE35" s="216"/>
      <c r="AF35" s="216"/>
      <c r="AG35" s="216"/>
      <c r="AH35" s="216"/>
      <c r="AI35" s="216"/>
      <c r="AJ35" s="216"/>
      <c r="AK35" s="216"/>
      <c r="AL35" s="216"/>
      <c r="AM35" s="216"/>
      <c r="AN35" s="216"/>
      <c r="AO35" s="216"/>
      <c r="AP35" s="216"/>
      <c r="AQ35" s="216"/>
      <c r="AR35" s="216"/>
      <c r="AS35" s="216"/>
      <c r="AT35" s="216"/>
      <c r="AU35" s="216"/>
      <c r="AV35" s="216"/>
      <c r="AW35" s="191">
        <f t="shared" si="37"/>
        <v>390</v>
      </c>
      <c r="AX35" s="187">
        <f>O35/AW35</f>
        <v>0</v>
      </c>
      <c r="AY35" s="192" t="str">
        <f t="shared" si="1"/>
        <v/>
      </c>
      <c r="AZ35" s="192" t="str">
        <f t="shared" si="2"/>
        <v/>
      </c>
      <c r="BA35" s="192" t="str">
        <f t="shared" si="3"/>
        <v/>
      </c>
      <c r="BB35" s="192" t="str">
        <f t="shared" si="4"/>
        <v/>
      </c>
      <c r="BC35" s="192" t="str">
        <f t="shared" si="5"/>
        <v/>
      </c>
      <c r="BD35" s="192" t="str">
        <f t="shared" si="6"/>
        <v/>
      </c>
      <c r="BE35" s="192" t="str">
        <f t="shared" si="7"/>
        <v/>
      </c>
      <c r="BF35" s="192">
        <f t="shared" si="8"/>
        <v>0</v>
      </c>
      <c r="BG35" s="192" t="str">
        <f t="shared" si="9"/>
        <v/>
      </c>
      <c r="BH35" s="192" t="str">
        <f t="shared" si="10"/>
        <v/>
      </c>
      <c r="BI35" s="192" t="str">
        <f t="shared" si="11"/>
        <v/>
      </c>
      <c r="BJ35" s="192" t="str">
        <f t="shared" si="12"/>
        <v/>
      </c>
      <c r="BK35" s="192" t="str">
        <f t="shared" si="13"/>
        <v/>
      </c>
      <c r="BL35" s="192" t="str">
        <f t="shared" si="14"/>
        <v/>
      </c>
      <c r="BM35" s="192" t="str">
        <f t="shared" si="15"/>
        <v/>
      </c>
      <c r="BN35" s="192" t="str">
        <f t="shared" si="16"/>
        <v/>
      </c>
      <c r="BO35" s="192" t="str">
        <f t="shared" si="17"/>
        <v/>
      </c>
      <c r="BP35" s="192" t="str">
        <f t="shared" si="18"/>
        <v/>
      </c>
      <c r="BQ35" s="192" t="str">
        <f t="shared" si="19"/>
        <v/>
      </c>
      <c r="BR35" s="192" t="str">
        <f t="shared" si="20"/>
        <v/>
      </c>
      <c r="BS35" s="192" t="str">
        <f t="shared" si="21"/>
        <v/>
      </c>
      <c r="BT35" s="192" t="str">
        <f t="shared" si="22"/>
        <v/>
      </c>
      <c r="BU35" s="192" t="str">
        <f t="shared" si="23"/>
        <v/>
      </c>
      <c r="BV35" s="192" t="str">
        <f t="shared" si="24"/>
        <v/>
      </c>
      <c r="BW35" s="192" t="str">
        <f t="shared" si="25"/>
        <v/>
      </c>
      <c r="BX35" s="192" t="str">
        <f t="shared" si="26"/>
        <v/>
      </c>
      <c r="BY35" s="192" t="str">
        <f t="shared" si="27"/>
        <v/>
      </c>
      <c r="BZ35" s="192" t="str">
        <f t="shared" si="28"/>
        <v/>
      </c>
      <c r="CA35" s="192" t="str">
        <f t="shared" si="29"/>
        <v/>
      </c>
      <c r="CB35" s="192" t="str">
        <f t="shared" si="30"/>
        <v/>
      </c>
      <c r="CC35" s="192" t="str">
        <f t="shared" si="31"/>
        <v/>
      </c>
      <c r="CD35" s="214" t="s">
        <v>174</v>
      </c>
      <c r="CE35" s="186"/>
      <c r="CF35" s="186" t="s">
        <v>162</v>
      </c>
    </row>
    <row r="36" spans="1:84" s="311" customFormat="1" ht="56.1" hidden="1" customHeight="1" x14ac:dyDescent="0.2">
      <c r="A36" s="302">
        <v>34</v>
      </c>
      <c r="B36" s="24" t="s">
        <v>53</v>
      </c>
      <c r="C36" s="24" t="s">
        <v>153</v>
      </c>
      <c r="D36" s="303" t="s">
        <v>154</v>
      </c>
      <c r="E36" s="303" t="s">
        <v>182</v>
      </c>
      <c r="F36" s="303" t="s">
        <v>183</v>
      </c>
      <c r="G36" s="303" t="s">
        <v>86</v>
      </c>
      <c r="H36" s="303" t="s">
        <v>87</v>
      </c>
      <c r="I36" s="303" t="s">
        <v>60</v>
      </c>
      <c r="J36" s="303" t="s">
        <v>158</v>
      </c>
      <c r="K36" s="303" t="s">
        <v>184</v>
      </c>
      <c r="L36" s="303" t="s">
        <v>63</v>
      </c>
      <c r="M36" s="303" t="s">
        <v>63</v>
      </c>
      <c r="N36" s="304"/>
      <c r="O36" s="304"/>
      <c r="P36" s="303" t="s">
        <v>160</v>
      </c>
      <c r="Q36" s="305" t="s">
        <v>65</v>
      </c>
      <c r="R36" s="306"/>
      <c r="S36" s="306"/>
      <c r="T36" s="306"/>
      <c r="U36" s="306"/>
      <c r="V36" s="306"/>
      <c r="W36" s="306"/>
      <c r="X36" s="306"/>
      <c r="Y36" s="306"/>
      <c r="Z36" s="306"/>
      <c r="AA36" s="306"/>
      <c r="AB36" s="306"/>
      <c r="AC36" s="306"/>
      <c r="AD36" s="306"/>
      <c r="AF36" s="306"/>
      <c r="AG36" s="306"/>
      <c r="AH36" s="306"/>
      <c r="AI36" s="306" t="s">
        <v>66</v>
      </c>
      <c r="AJ36" s="306"/>
      <c r="AK36" s="306"/>
      <c r="AL36" s="306"/>
      <c r="AM36" s="306"/>
      <c r="AN36" s="306"/>
      <c r="AO36" s="306"/>
      <c r="AP36" s="306"/>
      <c r="AQ36" s="306"/>
      <c r="AR36" s="306"/>
      <c r="AS36" s="306"/>
      <c r="AT36" s="306"/>
      <c r="AU36" s="306"/>
      <c r="AV36" s="306"/>
      <c r="AW36" s="308">
        <f t="shared" si="37"/>
        <v>775</v>
      </c>
      <c r="AX36" s="309">
        <f>O36/AW36</f>
        <v>0</v>
      </c>
      <c r="AY36" s="307" t="str">
        <f t="shared" si="1"/>
        <v/>
      </c>
      <c r="AZ36" s="307" t="str">
        <f t="shared" si="2"/>
        <v/>
      </c>
      <c r="BA36" s="307" t="str">
        <f t="shared" si="3"/>
        <v/>
      </c>
      <c r="BB36" s="307" t="str">
        <f t="shared" si="4"/>
        <v/>
      </c>
      <c r="BC36" s="307" t="str">
        <f t="shared" si="5"/>
        <v/>
      </c>
      <c r="BD36" s="307" t="str">
        <f t="shared" si="6"/>
        <v/>
      </c>
      <c r="BE36" s="307" t="str">
        <f t="shared" si="7"/>
        <v/>
      </c>
      <c r="BF36" s="307" t="str">
        <f t="shared" si="8"/>
        <v/>
      </c>
      <c r="BG36" s="307" t="str">
        <f t="shared" si="9"/>
        <v/>
      </c>
      <c r="BH36" s="307" t="str">
        <f t="shared" si="10"/>
        <v/>
      </c>
      <c r="BI36" s="307" t="str">
        <f t="shared" si="11"/>
        <v/>
      </c>
      <c r="BJ36" s="307" t="str">
        <f t="shared" si="12"/>
        <v/>
      </c>
      <c r="BK36" s="307" t="str">
        <f t="shared" si="13"/>
        <v/>
      </c>
      <c r="BL36" s="307" t="str">
        <f t="shared" si="14"/>
        <v/>
      </c>
      <c r="BM36" s="307" t="str">
        <f t="shared" si="15"/>
        <v/>
      </c>
      <c r="BN36" s="307" t="str">
        <f t="shared" si="16"/>
        <v/>
      </c>
      <c r="BO36" s="307" t="str">
        <f t="shared" si="17"/>
        <v/>
      </c>
      <c r="BP36" s="307">
        <f t="shared" si="18"/>
        <v>0</v>
      </c>
      <c r="BQ36" s="307" t="str">
        <f t="shared" si="19"/>
        <v/>
      </c>
      <c r="BR36" s="307" t="str">
        <f t="shared" si="20"/>
        <v/>
      </c>
      <c r="BS36" s="307" t="str">
        <f t="shared" si="21"/>
        <v/>
      </c>
      <c r="BT36" s="307" t="str">
        <f t="shared" si="22"/>
        <v/>
      </c>
      <c r="BU36" s="307" t="str">
        <f t="shared" si="23"/>
        <v/>
      </c>
      <c r="BV36" s="307" t="str">
        <f t="shared" si="24"/>
        <v/>
      </c>
      <c r="BW36" s="307" t="str">
        <f t="shared" si="25"/>
        <v/>
      </c>
      <c r="BX36" s="307" t="str">
        <f t="shared" si="26"/>
        <v/>
      </c>
      <c r="BY36" s="307" t="str">
        <f t="shared" si="27"/>
        <v/>
      </c>
      <c r="BZ36" s="307" t="str">
        <f t="shared" si="28"/>
        <v/>
      </c>
      <c r="CA36" s="307" t="str">
        <f t="shared" si="29"/>
        <v/>
      </c>
      <c r="CB36" s="307" t="str">
        <f t="shared" si="30"/>
        <v/>
      </c>
      <c r="CC36" s="307" t="str">
        <f t="shared" si="31"/>
        <v/>
      </c>
      <c r="CD36" s="303" t="s">
        <v>174</v>
      </c>
      <c r="CE36" s="310"/>
      <c r="CF36" s="310" t="s">
        <v>162</v>
      </c>
    </row>
    <row r="37" spans="1:84" s="164" customFormat="1" ht="56.1" hidden="1" customHeight="1" x14ac:dyDescent="0.2">
      <c r="A37" s="154">
        <v>35</v>
      </c>
      <c r="B37" s="155" t="s">
        <v>53</v>
      </c>
      <c r="C37" s="155" t="s">
        <v>153</v>
      </c>
      <c r="D37" s="156" t="s">
        <v>154</v>
      </c>
      <c r="E37" s="156" t="s">
        <v>185</v>
      </c>
      <c r="F37" s="156" t="s">
        <v>186</v>
      </c>
      <c r="G37" s="156" t="s">
        <v>58</v>
      </c>
      <c r="H37" s="156" t="s">
        <v>127</v>
      </c>
      <c r="I37" s="156" t="s">
        <v>60</v>
      </c>
      <c r="J37" s="156" t="s">
        <v>158</v>
      </c>
      <c r="K37" s="156" t="s">
        <v>187</v>
      </c>
      <c r="L37" s="156" t="s">
        <v>63</v>
      </c>
      <c r="M37" s="156" t="s">
        <v>63</v>
      </c>
      <c r="N37" s="157"/>
      <c r="O37" s="157"/>
      <c r="P37" s="156" t="s">
        <v>160</v>
      </c>
      <c r="Q37" s="162" t="s">
        <v>65</v>
      </c>
      <c r="R37" s="159"/>
      <c r="S37" s="159"/>
      <c r="T37" s="159"/>
      <c r="U37" s="159"/>
      <c r="V37" s="159"/>
      <c r="W37" s="159"/>
      <c r="X37" s="159"/>
      <c r="Y37" s="159"/>
      <c r="Z37" s="159"/>
      <c r="AA37" s="159"/>
      <c r="AB37" s="159"/>
      <c r="AC37" s="159"/>
      <c r="AD37" s="159"/>
      <c r="AE37" s="159" t="s">
        <v>66</v>
      </c>
      <c r="AF37" s="159"/>
      <c r="AG37" s="159"/>
      <c r="AH37" s="159"/>
      <c r="AI37" s="159"/>
      <c r="AJ37" s="159"/>
      <c r="AK37" s="159"/>
      <c r="AL37" s="159"/>
      <c r="AM37" s="159"/>
      <c r="AN37" s="159"/>
      <c r="AO37" s="159"/>
      <c r="AP37" s="159"/>
      <c r="AQ37" s="159"/>
      <c r="AR37" s="159"/>
      <c r="AS37" s="159"/>
      <c r="AT37" s="159"/>
      <c r="AU37" s="159"/>
      <c r="AV37" s="159"/>
      <c r="AW37" s="160">
        <f t="shared" si="37"/>
        <v>350</v>
      </c>
      <c r="AX37" s="158">
        <f>O37/AW37</f>
        <v>0</v>
      </c>
      <c r="AY37" s="161" t="str">
        <f t="shared" si="1"/>
        <v/>
      </c>
      <c r="AZ37" s="161" t="str">
        <f t="shared" si="2"/>
        <v/>
      </c>
      <c r="BA37" s="161" t="str">
        <f t="shared" si="3"/>
        <v/>
      </c>
      <c r="BB37" s="161" t="str">
        <f t="shared" si="4"/>
        <v/>
      </c>
      <c r="BC37" s="161" t="str">
        <f t="shared" si="5"/>
        <v/>
      </c>
      <c r="BD37" s="161" t="str">
        <f t="shared" si="6"/>
        <v/>
      </c>
      <c r="BE37" s="161" t="str">
        <f t="shared" si="7"/>
        <v/>
      </c>
      <c r="BF37" s="161" t="str">
        <f t="shared" si="8"/>
        <v/>
      </c>
      <c r="BG37" s="161" t="str">
        <f t="shared" si="9"/>
        <v/>
      </c>
      <c r="BH37" s="161" t="str">
        <f t="shared" si="10"/>
        <v/>
      </c>
      <c r="BI37" s="161" t="str">
        <f t="shared" si="11"/>
        <v/>
      </c>
      <c r="BJ37" s="161" t="str">
        <f t="shared" si="12"/>
        <v/>
      </c>
      <c r="BK37" s="161" t="str">
        <f t="shared" si="13"/>
        <v/>
      </c>
      <c r="BL37" s="161">
        <f t="shared" si="14"/>
        <v>0</v>
      </c>
      <c r="BM37" s="161" t="str">
        <f t="shared" si="15"/>
        <v/>
      </c>
      <c r="BN37" s="161" t="str">
        <f t="shared" si="16"/>
        <v/>
      </c>
      <c r="BO37" s="161" t="str">
        <f t="shared" si="17"/>
        <v/>
      </c>
      <c r="BP37" s="161" t="str">
        <f t="shared" si="18"/>
        <v/>
      </c>
      <c r="BQ37" s="161" t="str">
        <f t="shared" si="19"/>
        <v/>
      </c>
      <c r="BR37" s="161" t="str">
        <f t="shared" si="20"/>
        <v/>
      </c>
      <c r="BS37" s="161" t="str">
        <f t="shared" si="21"/>
        <v/>
      </c>
      <c r="BT37" s="161" t="str">
        <f t="shared" si="22"/>
        <v/>
      </c>
      <c r="BU37" s="161" t="str">
        <f t="shared" si="23"/>
        <v/>
      </c>
      <c r="BV37" s="161" t="str">
        <f t="shared" si="24"/>
        <v/>
      </c>
      <c r="BW37" s="161" t="str">
        <f t="shared" si="25"/>
        <v/>
      </c>
      <c r="BX37" s="161" t="str">
        <f t="shared" si="26"/>
        <v/>
      </c>
      <c r="BY37" s="161" t="str">
        <f t="shared" si="27"/>
        <v/>
      </c>
      <c r="BZ37" s="161" t="str">
        <f t="shared" si="28"/>
        <v/>
      </c>
      <c r="CA37" s="161" t="str">
        <f t="shared" si="29"/>
        <v/>
      </c>
      <c r="CB37" s="161" t="str">
        <f t="shared" si="30"/>
        <v/>
      </c>
      <c r="CC37" s="161" t="str">
        <f t="shared" si="31"/>
        <v/>
      </c>
      <c r="CD37" s="156" t="s">
        <v>174</v>
      </c>
      <c r="CE37" s="163"/>
      <c r="CF37" s="163" t="s">
        <v>162</v>
      </c>
    </row>
    <row r="38" spans="1:84" s="217" customFormat="1" ht="56.1" hidden="1" customHeight="1" x14ac:dyDescent="0.2">
      <c r="A38" s="181">
        <v>36</v>
      </c>
      <c r="B38" s="182" t="s">
        <v>53</v>
      </c>
      <c r="C38" s="182" t="s">
        <v>153</v>
      </c>
      <c r="D38" s="214" t="s">
        <v>188</v>
      </c>
      <c r="E38" s="214" t="s">
        <v>189</v>
      </c>
      <c r="F38" s="214" t="s">
        <v>190</v>
      </c>
      <c r="G38" s="214" t="s">
        <v>58</v>
      </c>
      <c r="H38" s="214" t="s">
        <v>180</v>
      </c>
      <c r="I38" s="214" t="s">
        <v>60</v>
      </c>
      <c r="J38" s="214" t="s">
        <v>158</v>
      </c>
      <c r="K38" s="214" t="s">
        <v>191</v>
      </c>
      <c r="L38" s="214" t="s">
        <v>63</v>
      </c>
      <c r="M38" s="214" t="s">
        <v>63</v>
      </c>
      <c r="N38" s="215"/>
      <c r="O38" s="215"/>
      <c r="P38" s="214" t="s">
        <v>191</v>
      </c>
      <c r="Q38" s="197" t="s">
        <v>65</v>
      </c>
      <c r="R38" s="216"/>
      <c r="S38" s="216"/>
      <c r="T38" s="216"/>
      <c r="U38" s="216"/>
      <c r="V38" s="216"/>
      <c r="W38" s="216"/>
      <c r="X38" s="216"/>
      <c r="Y38" s="216"/>
      <c r="Z38" s="216"/>
      <c r="AA38" s="216"/>
      <c r="AB38" s="216"/>
      <c r="AC38" s="216"/>
      <c r="AD38" s="216"/>
      <c r="AE38" s="216"/>
      <c r="AF38" s="216"/>
      <c r="AG38" s="216"/>
      <c r="AH38" s="216"/>
      <c r="AI38" s="216"/>
      <c r="AJ38" s="216"/>
      <c r="AK38" s="216"/>
      <c r="AL38" s="216"/>
      <c r="AM38" s="216"/>
      <c r="AN38" s="216"/>
      <c r="AO38" s="216"/>
      <c r="AP38" s="216"/>
      <c r="AQ38" s="216"/>
      <c r="AR38" s="216"/>
      <c r="AS38" s="216"/>
      <c r="AT38" s="216"/>
      <c r="AU38" s="216"/>
      <c r="AV38" s="216"/>
      <c r="AW38" s="191">
        <f t="shared" si="37"/>
        <v>0</v>
      </c>
      <c r="AX38" s="187"/>
      <c r="AY38" s="192" t="str">
        <f t="shared" si="1"/>
        <v/>
      </c>
      <c r="AZ38" s="192" t="str">
        <f t="shared" si="2"/>
        <v/>
      </c>
      <c r="BA38" s="192" t="str">
        <f t="shared" si="3"/>
        <v/>
      </c>
      <c r="BB38" s="192" t="str">
        <f t="shared" si="4"/>
        <v/>
      </c>
      <c r="BC38" s="192" t="str">
        <f t="shared" si="5"/>
        <v/>
      </c>
      <c r="BD38" s="192" t="str">
        <f t="shared" si="6"/>
        <v/>
      </c>
      <c r="BE38" s="192" t="str">
        <f t="shared" si="7"/>
        <v/>
      </c>
      <c r="BF38" s="192" t="str">
        <f t="shared" si="8"/>
        <v/>
      </c>
      <c r="BG38" s="192" t="str">
        <f t="shared" si="9"/>
        <v/>
      </c>
      <c r="BH38" s="192" t="str">
        <f t="shared" si="10"/>
        <v/>
      </c>
      <c r="BI38" s="192" t="str">
        <f t="shared" si="11"/>
        <v/>
      </c>
      <c r="BJ38" s="192" t="str">
        <f t="shared" si="12"/>
        <v/>
      </c>
      <c r="BK38" s="192" t="str">
        <f t="shared" si="13"/>
        <v/>
      </c>
      <c r="BL38" s="192" t="str">
        <f t="shared" si="14"/>
        <v/>
      </c>
      <c r="BM38" s="192" t="str">
        <f t="shared" si="15"/>
        <v/>
      </c>
      <c r="BN38" s="192" t="str">
        <f t="shared" si="16"/>
        <v/>
      </c>
      <c r="BO38" s="192" t="str">
        <f t="shared" si="17"/>
        <v/>
      </c>
      <c r="BP38" s="192" t="str">
        <f t="shared" si="18"/>
        <v/>
      </c>
      <c r="BQ38" s="192" t="str">
        <f t="shared" si="19"/>
        <v/>
      </c>
      <c r="BR38" s="192" t="str">
        <f t="shared" si="20"/>
        <v/>
      </c>
      <c r="BS38" s="192" t="str">
        <f t="shared" si="21"/>
        <v/>
      </c>
      <c r="BT38" s="192" t="str">
        <f t="shared" si="22"/>
        <v/>
      </c>
      <c r="BU38" s="192" t="str">
        <f t="shared" si="23"/>
        <v/>
      </c>
      <c r="BV38" s="192" t="str">
        <f t="shared" si="24"/>
        <v/>
      </c>
      <c r="BW38" s="192" t="str">
        <f t="shared" si="25"/>
        <v/>
      </c>
      <c r="BX38" s="192" t="str">
        <f t="shared" si="26"/>
        <v/>
      </c>
      <c r="BY38" s="192" t="str">
        <f t="shared" si="27"/>
        <v/>
      </c>
      <c r="BZ38" s="192" t="str">
        <f t="shared" si="28"/>
        <v/>
      </c>
      <c r="CA38" s="192" t="str">
        <f t="shared" si="29"/>
        <v/>
      </c>
      <c r="CB38" s="192" t="str">
        <f t="shared" si="30"/>
        <v/>
      </c>
      <c r="CC38" s="192" t="str">
        <f t="shared" si="31"/>
        <v/>
      </c>
      <c r="CD38" s="214"/>
      <c r="CE38" s="186"/>
      <c r="CF38" s="186"/>
    </row>
    <row r="39" spans="1:84" s="311" customFormat="1" ht="56.1" hidden="1" customHeight="1" x14ac:dyDescent="0.2">
      <c r="A39" s="302">
        <v>37</v>
      </c>
      <c r="B39" s="24" t="s">
        <v>53</v>
      </c>
      <c r="C39" s="24" t="s">
        <v>153</v>
      </c>
      <c r="D39" s="303" t="s">
        <v>192</v>
      </c>
      <c r="E39" s="303" t="s">
        <v>193</v>
      </c>
      <c r="F39" s="303" t="s">
        <v>194</v>
      </c>
      <c r="G39" s="303" t="s">
        <v>86</v>
      </c>
      <c r="H39" s="303" t="s">
        <v>87</v>
      </c>
      <c r="I39" s="303" t="s">
        <v>60</v>
      </c>
      <c r="J39" s="303" t="s">
        <v>195</v>
      </c>
      <c r="K39" s="303" t="s">
        <v>184</v>
      </c>
      <c r="L39" s="303" t="s">
        <v>63</v>
      </c>
      <c r="M39" s="303" t="s">
        <v>63</v>
      </c>
      <c r="N39" s="304"/>
      <c r="O39" s="304"/>
      <c r="P39" s="303" t="s">
        <v>64</v>
      </c>
      <c r="Q39" s="305" t="s">
        <v>65</v>
      </c>
      <c r="R39" s="314"/>
      <c r="S39" s="306"/>
      <c r="T39" s="306"/>
      <c r="U39" s="306"/>
      <c r="V39" s="306"/>
      <c r="W39" s="306"/>
      <c r="X39" s="306"/>
      <c r="Y39" s="306"/>
      <c r="Z39" s="306"/>
      <c r="AA39" s="306"/>
      <c r="AB39" s="306"/>
      <c r="AC39" s="306"/>
      <c r="AD39" s="306"/>
      <c r="AE39" s="306"/>
      <c r="AF39" s="306"/>
      <c r="AG39" s="306"/>
      <c r="AH39" s="306"/>
      <c r="AI39" s="306" t="s">
        <v>66</v>
      </c>
      <c r="AJ39" s="306"/>
      <c r="AK39" s="306"/>
      <c r="AL39" s="306"/>
      <c r="AM39" s="306"/>
      <c r="AN39" s="306"/>
      <c r="AO39" s="306"/>
      <c r="AP39" s="306"/>
      <c r="AQ39" s="306"/>
      <c r="AR39" s="306"/>
      <c r="AS39" s="306"/>
      <c r="AT39" s="306"/>
      <c r="AU39" s="306"/>
      <c r="AV39" s="306"/>
      <c r="AW39" s="308">
        <f t="shared" si="37"/>
        <v>775</v>
      </c>
      <c r="AX39" s="309"/>
      <c r="AY39" s="307" t="str">
        <f t="shared" si="1"/>
        <v/>
      </c>
      <c r="AZ39" s="307" t="str">
        <f t="shared" si="2"/>
        <v/>
      </c>
      <c r="BA39" s="307" t="str">
        <f t="shared" si="3"/>
        <v/>
      </c>
      <c r="BB39" s="307" t="str">
        <f t="shared" si="4"/>
        <v/>
      </c>
      <c r="BC39" s="307" t="str">
        <f t="shared" si="5"/>
        <v/>
      </c>
      <c r="BD39" s="307" t="str">
        <f t="shared" si="6"/>
        <v/>
      </c>
      <c r="BE39" s="307" t="str">
        <f t="shared" si="7"/>
        <v/>
      </c>
      <c r="BF39" s="307" t="str">
        <f t="shared" si="8"/>
        <v/>
      </c>
      <c r="BG39" s="307" t="str">
        <f t="shared" si="9"/>
        <v/>
      </c>
      <c r="BH39" s="307" t="str">
        <f t="shared" si="10"/>
        <v/>
      </c>
      <c r="BI39" s="307" t="str">
        <f t="shared" si="11"/>
        <v/>
      </c>
      <c r="BJ39" s="307" t="str">
        <f t="shared" si="12"/>
        <v/>
      </c>
      <c r="BK39" s="307" t="str">
        <f t="shared" si="13"/>
        <v/>
      </c>
      <c r="BL39" s="307" t="str">
        <f t="shared" si="14"/>
        <v/>
      </c>
      <c r="BM39" s="307" t="str">
        <f t="shared" si="15"/>
        <v/>
      </c>
      <c r="BN39" s="307" t="str">
        <f t="shared" si="16"/>
        <v/>
      </c>
      <c r="BO39" s="307" t="str">
        <f t="shared" si="17"/>
        <v/>
      </c>
      <c r="BP39" s="307">
        <f t="shared" si="18"/>
        <v>0</v>
      </c>
      <c r="BQ39" s="307" t="str">
        <f t="shared" si="19"/>
        <v/>
      </c>
      <c r="BR39" s="307" t="str">
        <f t="shared" si="20"/>
        <v/>
      </c>
      <c r="BS39" s="307" t="str">
        <f t="shared" si="21"/>
        <v/>
      </c>
      <c r="BT39" s="307" t="str">
        <f t="shared" si="22"/>
        <v/>
      </c>
      <c r="BU39" s="307" t="str">
        <f t="shared" si="23"/>
        <v/>
      </c>
      <c r="BV39" s="307" t="str">
        <f t="shared" si="24"/>
        <v/>
      </c>
      <c r="BW39" s="307" t="str">
        <f t="shared" si="25"/>
        <v/>
      </c>
      <c r="BX39" s="307" t="str">
        <f t="shared" si="26"/>
        <v/>
      </c>
      <c r="BY39" s="307" t="str">
        <f t="shared" si="27"/>
        <v/>
      </c>
      <c r="BZ39" s="307" t="str">
        <f t="shared" si="28"/>
        <v/>
      </c>
      <c r="CA39" s="307" t="str">
        <f t="shared" si="29"/>
        <v/>
      </c>
      <c r="CB39" s="307" t="str">
        <f t="shared" si="30"/>
        <v/>
      </c>
      <c r="CC39" s="307" t="str">
        <f t="shared" si="31"/>
        <v/>
      </c>
      <c r="CD39" s="303"/>
      <c r="CE39" s="303"/>
      <c r="CF39" s="310" t="s">
        <v>196</v>
      </c>
    </row>
    <row r="40" spans="1:84" s="164" customFormat="1" ht="56.1" hidden="1" customHeight="1" x14ac:dyDescent="0.2">
      <c r="A40" s="154">
        <v>38</v>
      </c>
      <c r="B40" s="155" t="s">
        <v>53</v>
      </c>
      <c r="C40" s="155" t="s">
        <v>153</v>
      </c>
      <c r="D40" s="156" t="s">
        <v>192</v>
      </c>
      <c r="E40" s="156" t="s">
        <v>197</v>
      </c>
      <c r="F40" s="156" t="s">
        <v>198</v>
      </c>
      <c r="G40" s="156" t="s">
        <v>58</v>
      </c>
      <c r="H40" s="156" t="s">
        <v>173</v>
      </c>
      <c r="I40" s="156" t="s">
        <v>60</v>
      </c>
      <c r="J40" s="156" t="s">
        <v>195</v>
      </c>
      <c r="K40" s="156" t="s">
        <v>62</v>
      </c>
      <c r="L40" s="156" t="s">
        <v>63</v>
      </c>
      <c r="M40" s="156" t="s">
        <v>63</v>
      </c>
      <c r="N40" s="157"/>
      <c r="O40" s="157"/>
      <c r="P40" s="156" t="s">
        <v>64</v>
      </c>
      <c r="Q40" s="158" t="s">
        <v>65</v>
      </c>
      <c r="R40" s="159" t="s">
        <v>66</v>
      </c>
      <c r="S40" s="159"/>
      <c r="T40" s="159"/>
      <c r="U40" s="159"/>
      <c r="V40" s="159"/>
      <c r="W40" s="159"/>
      <c r="X40" s="159"/>
      <c r="Y40" s="159"/>
      <c r="Z40" s="159"/>
      <c r="AA40" s="159"/>
      <c r="AB40" s="159"/>
      <c r="AC40" s="159"/>
      <c r="AD40" s="159"/>
      <c r="AE40" s="159"/>
      <c r="AF40" s="159"/>
      <c r="AG40" s="159"/>
      <c r="AH40" s="159"/>
      <c r="AI40" s="159"/>
      <c r="AJ40" s="159"/>
      <c r="AK40" s="159"/>
      <c r="AL40" s="159"/>
      <c r="AM40" s="159"/>
      <c r="AN40" s="159"/>
      <c r="AO40" s="159"/>
      <c r="AP40" s="159"/>
      <c r="AQ40" s="159"/>
      <c r="AR40" s="159"/>
      <c r="AS40" s="159"/>
      <c r="AT40" s="159"/>
      <c r="AU40" s="159"/>
      <c r="AV40" s="159"/>
      <c r="AW40" s="160">
        <f t="shared" si="37"/>
        <v>1500</v>
      </c>
      <c r="AX40" s="158"/>
      <c r="AY40" s="161">
        <f t="shared" si="1"/>
        <v>0</v>
      </c>
      <c r="AZ40" s="161" t="str">
        <f t="shared" si="2"/>
        <v/>
      </c>
      <c r="BA40" s="161" t="str">
        <f t="shared" si="3"/>
        <v/>
      </c>
      <c r="BB40" s="161" t="str">
        <f t="shared" si="4"/>
        <v/>
      </c>
      <c r="BC40" s="161" t="str">
        <f t="shared" si="5"/>
        <v/>
      </c>
      <c r="BD40" s="161" t="str">
        <f t="shared" si="6"/>
        <v/>
      </c>
      <c r="BE40" s="161" t="str">
        <f t="shared" si="7"/>
        <v/>
      </c>
      <c r="BF40" s="161" t="str">
        <f t="shared" si="8"/>
        <v/>
      </c>
      <c r="BG40" s="161" t="str">
        <f t="shared" si="9"/>
        <v/>
      </c>
      <c r="BH40" s="161" t="str">
        <f t="shared" si="10"/>
        <v/>
      </c>
      <c r="BI40" s="161" t="str">
        <f t="shared" si="11"/>
        <v/>
      </c>
      <c r="BJ40" s="161" t="str">
        <f t="shared" si="12"/>
        <v/>
      </c>
      <c r="BK40" s="161" t="str">
        <f t="shared" si="13"/>
        <v/>
      </c>
      <c r="BL40" s="161" t="str">
        <f t="shared" si="14"/>
        <v/>
      </c>
      <c r="BM40" s="161" t="str">
        <f t="shared" si="15"/>
        <v/>
      </c>
      <c r="BN40" s="161" t="str">
        <f t="shared" si="16"/>
        <v/>
      </c>
      <c r="BO40" s="161" t="str">
        <f t="shared" si="17"/>
        <v/>
      </c>
      <c r="BP40" s="161" t="str">
        <f t="shared" si="18"/>
        <v/>
      </c>
      <c r="BQ40" s="161" t="str">
        <f t="shared" si="19"/>
        <v/>
      </c>
      <c r="BR40" s="161" t="str">
        <f t="shared" si="20"/>
        <v/>
      </c>
      <c r="BS40" s="161" t="str">
        <f t="shared" si="21"/>
        <v/>
      </c>
      <c r="BT40" s="161" t="str">
        <f t="shared" si="22"/>
        <v/>
      </c>
      <c r="BU40" s="161" t="str">
        <f t="shared" si="23"/>
        <v/>
      </c>
      <c r="BV40" s="161" t="str">
        <f t="shared" si="24"/>
        <v/>
      </c>
      <c r="BW40" s="161" t="str">
        <f t="shared" si="25"/>
        <v/>
      </c>
      <c r="BX40" s="161" t="str">
        <f t="shared" si="26"/>
        <v/>
      </c>
      <c r="BY40" s="161" t="str">
        <f t="shared" si="27"/>
        <v/>
      </c>
      <c r="BZ40" s="161" t="str">
        <f t="shared" si="28"/>
        <v/>
      </c>
      <c r="CA40" s="161" t="str">
        <f t="shared" si="29"/>
        <v/>
      </c>
      <c r="CB40" s="161" t="str">
        <f t="shared" si="30"/>
        <v/>
      </c>
      <c r="CC40" s="161" t="str">
        <f t="shared" si="31"/>
        <v/>
      </c>
      <c r="CD40" s="158"/>
      <c r="CE40" s="162"/>
      <c r="CF40" s="163" t="s">
        <v>199</v>
      </c>
    </row>
    <row r="41" spans="1:84" s="217" customFormat="1" ht="56.1" hidden="1" customHeight="1" x14ac:dyDescent="0.2">
      <c r="A41" s="181">
        <v>39</v>
      </c>
      <c r="B41" s="182" t="s">
        <v>53</v>
      </c>
      <c r="C41" s="182" t="s">
        <v>153</v>
      </c>
      <c r="D41" s="214" t="s">
        <v>192</v>
      </c>
      <c r="E41" s="214" t="s">
        <v>200</v>
      </c>
      <c r="F41" s="214" t="s">
        <v>201</v>
      </c>
      <c r="G41" s="214" t="s">
        <v>58</v>
      </c>
      <c r="H41" s="214" t="s">
        <v>76</v>
      </c>
      <c r="I41" s="214" t="s">
        <v>60</v>
      </c>
      <c r="J41" s="214" t="s">
        <v>195</v>
      </c>
      <c r="K41" s="214" t="s">
        <v>181</v>
      </c>
      <c r="L41" s="214" t="s">
        <v>63</v>
      </c>
      <c r="M41" s="214" t="s">
        <v>63</v>
      </c>
      <c r="N41" s="215"/>
      <c r="O41" s="215"/>
      <c r="P41" s="214" t="s">
        <v>64</v>
      </c>
      <c r="Q41" s="187" t="s">
        <v>65</v>
      </c>
      <c r="R41" s="216"/>
      <c r="S41" s="216"/>
      <c r="T41" s="216" t="s">
        <v>66</v>
      </c>
      <c r="U41" s="216"/>
      <c r="V41" s="216"/>
      <c r="W41" s="216"/>
      <c r="X41" s="216"/>
      <c r="Y41" s="216"/>
      <c r="Z41" s="216"/>
      <c r="AA41" s="216"/>
      <c r="AB41" s="216"/>
      <c r="AC41" s="216"/>
      <c r="AD41" s="216"/>
      <c r="AE41" s="216"/>
      <c r="AF41" s="216"/>
      <c r="AG41" s="216"/>
      <c r="AH41" s="216"/>
      <c r="AI41" s="216"/>
      <c r="AJ41" s="216"/>
      <c r="AK41" s="216"/>
      <c r="AL41" s="216"/>
      <c r="AM41" s="216"/>
      <c r="AN41" s="216"/>
      <c r="AO41" s="216"/>
      <c r="AP41" s="216"/>
      <c r="AQ41" s="216"/>
      <c r="AR41" s="216"/>
      <c r="AS41" s="216"/>
      <c r="AT41" s="216"/>
      <c r="AU41" s="216"/>
      <c r="AV41" s="216"/>
      <c r="AW41" s="191">
        <f t="shared" si="32"/>
        <v>450</v>
      </c>
      <c r="AX41" s="187"/>
      <c r="AY41" s="192" t="str">
        <f t="shared" si="1"/>
        <v/>
      </c>
      <c r="AZ41" s="192" t="str">
        <f t="shared" si="2"/>
        <v/>
      </c>
      <c r="BA41" s="192">
        <f t="shared" si="3"/>
        <v>0</v>
      </c>
      <c r="BB41" s="192" t="str">
        <f t="shared" si="4"/>
        <v/>
      </c>
      <c r="BC41" s="192" t="str">
        <f t="shared" si="5"/>
        <v/>
      </c>
      <c r="BD41" s="192" t="str">
        <f t="shared" si="6"/>
        <v/>
      </c>
      <c r="BE41" s="192" t="str">
        <f t="shared" si="7"/>
        <v/>
      </c>
      <c r="BF41" s="192" t="str">
        <f t="shared" si="8"/>
        <v/>
      </c>
      <c r="BG41" s="192" t="str">
        <f t="shared" si="9"/>
        <v/>
      </c>
      <c r="BH41" s="192" t="str">
        <f t="shared" si="10"/>
        <v/>
      </c>
      <c r="BI41" s="192" t="str">
        <f t="shared" si="11"/>
        <v/>
      </c>
      <c r="BJ41" s="192" t="str">
        <f t="shared" si="12"/>
        <v/>
      </c>
      <c r="BK41" s="192" t="str">
        <f t="shared" si="13"/>
        <v/>
      </c>
      <c r="BL41" s="192" t="str">
        <f t="shared" si="14"/>
        <v/>
      </c>
      <c r="BM41" s="192" t="str">
        <f t="shared" si="15"/>
        <v/>
      </c>
      <c r="BN41" s="192" t="str">
        <f t="shared" si="16"/>
        <v/>
      </c>
      <c r="BO41" s="192" t="str">
        <f t="shared" si="17"/>
        <v/>
      </c>
      <c r="BP41" s="192" t="str">
        <f t="shared" si="18"/>
        <v/>
      </c>
      <c r="BQ41" s="192" t="str">
        <f t="shared" si="19"/>
        <v/>
      </c>
      <c r="BR41" s="192" t="str">
        <f t="shared" si="20"/>
        <v/>
      </c>
      <c r="BS41" s="192" t="str">
        <f t="shared" si="21"/>
        <v/>
      </c>
      <c r="BT41" s="192" t="str">
        <f t="shared" si="22"/>
        <v/>
      </c>
      <c r="BU41" s="192" t="str">
        <f t="shared" si="23"/>
        <v/>
      </c>
      <c r="BV41" s="192" t="str">
        <f t="shared" si="24"/>
        <v/>
      </c>
      <c r="BW41" s="192" t="str">
        <f t="shared" si="25"/>
        <v/>
      </c>
      <c r="BX41" s="192" t="str">
        <f t="shared" si="26"/>
        <v/>
      </c>
      <c r="BY41" s="192" t="str">
        <f t="shared" si="27"/>
        <v/>
      </c>
      <c r="BZ41" s="192" t="str">
        <f t="shared" si="28"/>
        <v/>
      </c>
      <c r="CA41" s="192" t="str">
        <f t="shared" si="29"/>
        <v/>
      </c>
      <c r="CB41" s="192" t="str">
        <f t="shared" si="30"/>
        <v/>
      </c>
      <c r="CC41" s="192" t="str">
        <f t="shared" si="31"/>
        <v/>
      </c>
      <c r="CD41" s="191"/>
      <c r="CE41" s="197"/>
      <c r="CF41" s="186" t="s">
        <v>199</v>
      </c>
    </row>
    <row r="42" spans="1:84" s="164" customFormat="1" ht="56.1" hidden="1" customHeight="1" x14ac:dyDescent="0.2">
      <c r="A42" s="154">
        <v>40</v>
      </c>
      <c r="B42" s="155" t="s">
        <v>53</v>
      </c>
      <c r="C42" s="155" t="s">
        <v>153</v>
      </c>
      <c r="D42" s="156" t="s">
        <v>192</v>
      </c>
      <c r="E42" s="156" t="s">
        <v>202</v>
      </c>
      <c r="F42" s="156" t="s">
        <v>203</v>
      </c>
      <c r="G42" s="156" t="s">
        <v>58</v>
      </c>
      <c r="H42" s="156" t="s">
        <v>21</v>
      </c>
      <c r="I42" s="156" t="s">
        <v>60</v>
      </c>
      <c r="J42" s="156" t="s">
        <v>195</v>
      </c>
      <c r="K42" s="156" t="s">
        <v>204</v>
      </c>
      <c r="L42" s="156" t="s">
        <v>63</v>
      </c>
      <c r="M42" s="156" t="s">
        <v>63</v>
      </c>
      <c r="N42" s="157"/>
      <c r="O42" s="157"/>
      <c r="P42" s="156" t="s">
        <v>64</v>
      </c>
      <c r="Q42" s="158" t="s">
        <v>65</v>
      </c>
      <c r="R42" s="159"/>
      <c r="S42" s="159"/>
      <c r="T42" s="159"/>
      <c r="U42" s="159"/>
      <c r="V42" s="159" t="s">
        <v>66</v>
      </c>
      <c r="W42" s="159"/>
      <c r="X42" s="159"/>
      <c r="Y42" s="159"/>
      <c r="Z42" s="159"/>
      <c r="AA42" s="159"/>
      <c r="AB42" s="159"/>
      <c r="AC42" s="159"/>
      <c r="AD42" s="159"/>
      <c r="AE42" s="159"/>
      <c r="AF42" s="159"/>
      <c r="AG42" s="159"/>
      <c r="AH42" s="159"/>
      <c r="AI42" s="159"/>
      <c r="AJ42" s="159"/>
      <c r="AK42" s="159"/>
      <c r="AL42" s="159"/>
      <c r="AM42" s="159"/>
      <c r="AN42" s="159"/>
      <c r="AO42" s="159"/>
      <c r="AP42" s="159"/>
      <c r="AQ42" s="159"/>
      <c r="AR42" s="159"/>
      <c r="AS42" s="159"/>
      <c r="AT42" s="159"/>
      <c r="AU42" s="159"/>
      <c r="AV42" s="159"/>
      <c r="AW42" s="160">
        <f t="shared" si="32"/>
        <v>300</v>
      </c>
      <c r="AX42" s="158"/>
      <c r="AY42" s="161" t="str">
        <f t="shared" si="1"/>
        <v/>
      </c>
      <c r="AZ42" s="161" t="str">
        <f t="shared" si="2"/>
        <v/>
      </c>
      <c r="BA42" s="161" t="str">
        <f t="shared" si="3"/>
        <v/>
      </c>
      <c r="BB42" s="161" t="str">
        <f t="shared" si="4"/>
        <v/>
      </c>
      <c r="BC42" s="161">
        <f t="shared" si="5"/>
        <v>0</v>
      </c>
      <c r="BD42" s="161" t="str">
        <f t="shared" si="6"/>
        <v/>
      </c>
      <c r="BE42" s="161" t="str">
        <f t="shared" si="7"/>
        <v/>
      </c>
      <c r="BF42" s="161" t="str">
        <f t="shared" si="8"/>
        <v/>
      </c>
      <c r="BG42" s="161" t="str">
        <f t="shared" si="9"/>
        <v/>
      </c>
      <c r="BH42" s="161" t="str">
        <f t="shared" si="10"/>
        <v/>
      </c>
      <c r="BI42" s="161" t="str">
        <f t="shared" si="11"/>
        <v/>
      </c>
      <c r="BJ42" s="161" t="str">
        <f t="shared" si="12"/>
        <v/>
      </c>
      <c r="BK42" s="161" t="str">
        <f t="shared" si="13"/>
        <v/>
      </c>
      <c r="BL42" s="161" t="str">
        <f t="shared" si="14"/>
        <v/>
      </c>
      <c r="BM42" s="161" t="str">
        <f t="shared" si="15"/>
        <v/>
      </c>
      <c r="BN42" s="161" t="str">
        <f t="shared" si="16"/>
        <v/>
      </c>
      <c r="BO42" s="161" t="str">
        <f t="shared" si="17"/>
        <v/>
      </c>
      <c r="BP42" s="161" t="str">
        <f t="shared" si="18"/>
        <v/>
      </c>
      <c r="BQ42" s="161" t="str">
        <f t="shared" si="19"/>
        <v/>
      </c>
      <c r="BR42" s="161" t="str">
        <f t="shared" si="20"/>
        <v/>
      </c>
      <c r="BS42" s="161" t="str">
        <f t="shared" si="21"/>
        <v/>
      </c>
      <c r="BT42" s="161" t="str">
        <f t="shared" si="22"/>
        <v/>
      </c>
      <c r="BU42" s="161" t="str">
        <f t="shared" si="23"/>
        <v/>
      </c>
      <c r="BV42" s="161" t="str">
        <f t="shared" si="24"/>
        <v/>
      </c>
      <c r="BW42" s="161" t="str">
        <f t="shared" si="25"/>
        <v/>
      </c>
      <c r="BX42" s="161" t="str">
        <f t="shared" si="26"/>
        <v/>
      </c>
      <c r="BY42" s="161" t="str">
        <f t="shared" si="27"/>
        <v/>
      </c>
      <c r="BZ42" s="161" t="str">
        <f t="shared" si="28"/>
        <v/>
      </c>
      <c r="CA42" s="161" t="str">
        <f t="shared" si="29"/>
        <v/>
      </c>
      <c r="CB42" s="161" t="str">
        <f t="shared" si="30"/>
        <v/>
      </c>
      <c r="CC42" s="161" t="str">
        <f t="shared" si="31"/>
        <v/>
      </c>
      <c r="CD42" s="160"/>
      <c r="CE42" s="162"/>
      <c r="CF42" s="163" t="s">
        <v>199</v>
      </c>
    </row>
    <row r="43" spans="1:84" s="164" customFormat="1" ht="56.1" hidden="1" customHeight="1" x14ac:dyDescent="0.2">
      <c r="A43" s="154">
        <v>41</v>
      </c>
      <c r="B43" s="155" t="s">
        <v>53</v>
      </c>
      <c r="C43" s="155" t="s">
        <v>153</v>
      </c>
      <c r="D43" s="156" t="s">
        <v>192</v>
      </c>
      <c r="E43" s="156" t="s">
        <v>205</v>
      </c>
      <c r="F43" s="156" t="s">
        <v>206</v>
      </c>
      <c r="G43" s="156" t="s">
        <v>58</v>
      </c>
      <c r="H43" s="156" t="s">
        <v>207</v>
      </c>
      <c r="I43" s="156" t="s">
        <v>60</v>
      </c>
      <c r="J43" s="156" t="s">
        <v>195</v>
      </c>
      <c r="K43" s="156" t="s">
        <v>208</v>
      </c>
      <c r="L43" s="156" t="s">
        <v>63</v>
      </c>
      <c r="M43" s="156" t="s">
        <v>63</v>
      </c>
      <c r="N43" s="157"/>
      <c r="O43" s="157"/>
      <c r="P43" s="156" t="s">
        <v>64</v>
      </c>
      <c r="Q43" s="158" t="s">
        <v>65</v>
      </c>
      <c r="R43" s="159"/>
      <c r="S43" s="159"/>
      <c r="T43" s="159"/>
      <c r="U43" s="159"/>
      <c r="V43" s="159"/>
      <c r="W43" s="159"/>
      <c r="X43" s="159"/>
      <c r="Y43" s="159"/>
      <c r="Z43" s="159" t="s">
        <v>66</v>
      </c>
      <c r="AA43" s="159"/>
      <c r="AB43" s="159"/>
      <c r="AC43" s="159"/>
      <c r="AD43" s="159"/>
      <c r="AE43" s="159"/>
      <c r="AF43" s="159"/>
      <c r="AG43" s="159"/>
      <c r="AH43" s="159"/>
      <c r="AI43" s="159"/>
      <c r="AJ43" s="159"/>
      <c r="AK43" s="159"/>
      <c r="AL43" s="159"/>
      <c r="AM43" s="159"/>
      <c r="AN43" s="159"/>
      <c r="AO43" s="159"/>
      <c r="AP43" s="159"/>
      <c r="AQ43" s="159"/>
      <c r="AR43" s="159"/>
      <c r="AS43" s="159"/>
      <c r="AT43" s="159"/>
      <c r="AU43" s="159"/>
      <c r="AV43" s="159"/>
      <c r="AW43" s="160">
        <f t="shared" si="32"/>
        <v>500</v>
      </c>
      <c r="AX43" s="158"/>
      <c r="AY43" s="161" t="str">
        <f t="shared" si="1"/>
        <v/>
      </c>
      <c r="AZ43" s="161" t="str">
        <f t="shared" si="2"/>
        <v/>
      </c>
      <c r="BA43" s="161" t="str">
        <f t="shared" si="3"/>
        <v/>
      </c>
      <c r="BB43" s="161" t="str">
        <f t="shared" si="4"/>
        <v/>
      </c>
      <c r="BC43" s="161" t="str">
        <f t="shared" si="5"/>
        <v/>
      </c>
      <c r="BD43" s="161" t="str">
        <f t="shared" si="6"/>
        <v/>
      </c>
      <c r="BE43" s="161" t="str">
        <f t="shared" si="7"/>
        <v/>
      </c>
      <c r="BF43" s="161" t="str">
        <f t="shared" si="8"/>
        <v/>
      </c>
      <c r="BG43" s="161">
        <f t="shared" si="9"/>
        <v>0</v>
      </c>
      <c r="BH43" s="161" t="str">
        <f t="shared" si="10"/>
        <v/>
      </c>
      <c r="BI43" s="161" t="str">
        <f t="shared" si="11"/>
        <v/>
      </c>
      <c r="BJ43" s="161" t="str">
        <f t="shared" si="12"/>
        <v/>
      </c>
      <c r="BK43" s="161" t="str">
        <f t="shared" si="13"/>
        <v/>
      </c>
      <c r="BL43" s="161" t="str">
        <f t="shared" si="14"/>
        <v/>
      </c>
      <c r="BM43" s="161" t="str">
        <f t="shared" si="15"/>
        <v/>
      </c>
      <c r="BN43" s="161" t="str">
        <f t="shared" si="16"/>
        <v/>
      </c>
      <c r="BO43" s="161" t="str">
        <f t="shared" si="17"/>
        <v/>
      </c>
      <c r="BP43" s="161" t="str">
        <f t="shared" si="18"/>
        <v/>
      </c>
      <c r="BQ43" s="161" t="str">
        <f t="shared" si="19"/>
        <v/>
      </c>
      <c r="BR43" s="161" t="str">
        <f t="shared" si="20"/>
        <v/>
      </c>
      <c r="BS43" s="161" t="str">
        <f t="shared" si="21"/>
        <v/>
      </c>
      <c r="BT43" s="161" t="str">
        <f t="shared" si="22"/>
        <v/>
      </c>
      <c r="BU43" s="161" t="str">
        <f t="shared" si="23"/>
        <v/>
      </c>
      <c r="BV43" s="161" t="str">
        <f t="shared" si="24"/>
        <v/>
      </c>
      <c r="BW43" s="161" t="str">
        <f t="shared" si="25"/>
        <v/>
      </c>
      <c r="BX43" s="161" t="str">
        <f t="shared" si="26"/>
        <v/>
      </c>
      <c r="BY43" s="161" t="str">
        <f t="shared" si="27"/>
        <v/>
      </c>
      <c r="BZ43" s="161" t="str">
        <f t="shared" si="28"/>
        <v/>
      </c>
      <c r="CA43" s="161" t="str">
        <f t="shared" si="29"/>
        <v/>
      </c>
      <c r="CB43" s="161" t="str">
        <f t="shared" si="30"/>
        <v/>
      </c>
      <c r="CC43" s="161" t="str">
        <f t="shared" si="31"/>
        <v/>
      </c>
      <c r="CD43" s="160"/>
      <c r="CE43" s="162"/>
      <c r="CF43" s="163" t="s">
        <v>199</v>
      </c>
    </row>
    <row r="44" spans="1:84" s="164" customFormat="1" ht="56.1" hidden="1" customHeight="1" x14ac:dyDescent="0.2">
      <c r="A44" s="154">
        <v>42</v>
      </c>
      <c r="B44" s="155" t="s">
        <v>53</v>
      </c>
      <c r="C44" s="155" t="s">
        <v>153</v>
      </c>
      <c r="D44" s="156" t="s">
        <v>192</v>
      </c>
      <c r="E44" s="156" t="s">
        <v>209</v>
      </c>
      <c r="F44" s="156" t="s">
        <v>210</v>
      </c>
      <c r="G44" s="156" t="s">
        <v>58</v>
      </c>
      <c r="H44" s="156" t="s">
        <v>26</v>
      </c>
      <c r="I44" s="156" t="s">
        <v>60</v>
      </c>
      <c r="J44" s="156" t="s">
        <v>195</v>
      </c>
      <c r="K44" s="156" t="s">
        <v>159</v>
      </c>
      <c r="L44" s="156" t="s">
        <v>63</v>
      </c>
      <c r="M44" s="156" t="s">
        <v>63</v>
      </c>
      <c r="N44" s="157"/>
      <c r="O44" s="157"/>
      <c r="P44" s="156" t="s">
        <v>64</v>
      </c>
      <c r="Q44" s="158" t="s">
        <v>65</v>
      </c>
      <c r="R44" s="159"/>
      <c r="S44" s="159"/>
      <c r="T44" s="159"/>
      <c r="U44" s="159"/>
      <c r="V44" s="159"/>
      <c r="W44" s="159"/>
      <c r="X44" s="159"/>
      <c r="Y44" s="159"/>
      <c r="Z44" s="159"/>
      <c r="AA44" s="159" t="s">
        <v>66</v>
      </c>
      <c r="AB44" s="159"/>
      <c r="AC44" s="159"/>
      <c r="AD44" s="159"/>
      <c r="AE44" s="159"/>
      <c r="AF44" s="159"/>
      <c r="AG44" s="159"/>
      <c r="AH44" s="159"/>
      <c r="AI44" s="159"/>
      <c r="AJ44" s="159"/>
      <c r="AK44" s="159"/>
      <c r="AL44" s="159"/>
      <c r="AM44" s="159"/>
      <c r="AN44" s="159"/>
      <c r="AO44" s="159"/>
      <c r="AP44" s="159"/>
      <c r="AQ44" s="159"/>
      <c r="AR44" s="159"/>
      <c r="AS44" s="159"/>
      <c r="AT44" s="159"/>
      <c r="AU44" s="159"/>
      <c r="AV44" s="159"/>
      <c r="AW44" s="160">
        <f t="shared" si="32"/>
        <v>500</v>
      </c>
      <c r="AX44" s="158"/>
      <c r="AY44" s="161" t="str">
        <f t="shared" si="1"/>
        <v/>
      </c>
      <c r="AZ44" s="161" t="str">
        <f t="shared" si="2"/>
        <v/>
      </c>
      <c r="BA44" s="161" t="str">
        <f t="shared" si="3"/>
        <v/>
      </c>
      <c r="BB44" s="161" t="str">
        <f t="shared" si="4"/>
        <v/>
      </c>
      <c r="BC44" s="161" t="str">
        <f t="shared" si="5"/>
        <v/>
      </c>
      <c r="BD44" s="161" t="str">
        <f t="shared" si="6"/>
        <v/>
      </c>
      <c r="BE44" s="161" t="str">
        <f t="shared" si="7"/>
        <v/>
      </c>
      <c r="BF44" s="161" t="str">
        <f t="shared" si="8"/>
        <v/>
      </c>
      <c r="BG44" s="161" t="str">
        <f t="shared" si="9"/>
        <v/>
      </c>
      <c r="BH44" s="161">
        <f t="shared" si="10"/>
        <v>0</v>
      </c>
      <c r="BI44" s="161" t="str">
        <f t="shared" si="11"/>
        <v/>
      </c>
      <c r="BJ44" s="161" t="str">
        <f t="shared" si="12"/>
        <v/>
      </c>
      <c r="BK44" s="161" t="str">
        <f t="shared" si="13"/>
        <v/>
      </c>
      <c r="BL44" s="161" t="str">
        <f t="shared" si="14"/>
        <v/>
      </c>
      <c r="BM44" s="161" t="str">
        <f t="shared" si="15"/>
        <v/>
      </c>
      <c r="BN44" s="161" t="str">
        <f t="shared" si="16"/>
        <v/>
      </c>
      <c r="BO44" s="161" t="str">
        <f t="shared" si="17"/>
        <v/>
      </c>
      <c r="BP44" s="161" t="str">
        <f t="shared" si="18"/>
        <v/>
      </c>
      <c r="BQ44" s="161" t="str">
        <f t="shared" si="19"/>
        <v/>
      </c>
      <c r="BR44" s="161" t="str">
        <f t="shared" si="20"/>
        <v/>
      </c>
      <c r="BS44" s="161" t="str">
        <f t="shared" si="21"/>
        <v/>
      </c>
      <c r="BT44" s="161" t="str">
        <f t="shared" si="22"/>
        <v/>
      </c>
      <c r="BU44" s="161" t="str">
        <f t="shared" si="23"/>
        <v/>
      </c>
      <c r="BV44" s="161" t="str">
        <f t="shared" si="24"/>
        <v/>
      </c>
      <c r="BW44" s="161" t="str">
        <f t="shared" si="25"/>
        <v/>
      </c>
      <c r="BX44" s="161" t="str">
        <f t="shared" si="26"/>
        <v/>
      </c>
      <c r="BY44" s="161" t="str">
        <f t="shared" si="27"/>
        <v/>
      </c>
      <c r="BZ44" s="161" t="str">
        <f t="shared" si="28"/>
        <v/>
      </c>
      <c r="CA44" s="161" t="str">
        <f t="shared" si="29"/>
        <v/>
      </c>
      <c r="CB44" s="161" t="str">
        <f t="shared" si="30"/>
        <v/>
      </c>
      <c r="CC44" s="161" t="str">
        <f t="shared" si="31"/>
        <v/>
      </c>
      <c r="CD44" s="160"/>
      <c r="CE44" s="162"/>
      <c r="CF44" s="163" t="s">
        <v>199</v>
      </c>
    </row>
    <row r="45" spans="1:84" s="274" customFormat="1" ht="56.1" hidden="1" customHeight="1" x14ac:dyDescent="0.2">
      <c r="A45" s="264">
        <v>43</v>
      </c>
      <c r="B45" s="265" t="s">
        <v>53</v>
      </c>
      <c r="C45" s="265" t="s">
        <v>211</v>
      </c>
      <c r="D45" s="266" t="s">
        <v>212</v>
      </c>
      <c r="E45" s="266" t="s">
        <v>213</v>
      </c>
      <c r="F45" s="266" t="s">
        <v>214</v>
      </c>
      <c r="G45" s="266" t="s">
        <v>215</v>
      </c>
      <c r="H45" s="266" t="s">
        <v>63</v>
      </c>
      <c r="I45" s="266" t="s">
        <v>81</v>
      </c>
      <c r="J45" s="266" t="s">
        <v>216</v>
      </c>
      <c r="K45" s="266" t="s">
        <v>191</v>
      </c>
      <c r="L45" s="266" t="s">
        <v>63</v>
      </c>
      <c r="M45" s="266" t="s">
        <v>63</v>
      </c>
      <c r="N45" s="267">
        <v>994952</v>
      </c>
      <c r="O45" s="267">
        <f t="shared" ref="O45:O52" si="38">N45</f>
        <v>994952</v>
      </c>
      <c r="P45" s="266" t="s">
        <v>217</v>
      </c>
      <c r="Q45" s="268" t="s">
        <v>65</v>
      </c>
      <c r="R45" s="269" t="s">
        <v>66</v>
      </c>
      <c r="S45" s="269" t="s">
        <v>66</v>
      </c>
      <c r="T45" s="269" t="s">
        <v>66</v>
      </c>
      <c r="U45" s="269" t="s">
        <v>66</v>
      </c>
      <c r="V45" s="269" t="s">
        <v>66</v>
      </c>
      <c r="W45" s="269" t="s">
        <v>66</v>
      </c>
      <c r="X45" s="269" t="s">
        <v>66</v>
      </c>
      <c r="Y45" s="269" t="s">
        <v>66</v>
      </c>
      <c r="Z45" s="269" t="s">
        <v>66</v>
      </c>
      <c r="AA45" s="269" t="s">
        <v>66</v>
      </c>
      <c r="AB45" s="269" t="s">
        <v>66</v>
      </c>
      <c r="AC45" s="269" t="s">
        <v>66</v>
      </c>
      <c r="AD45" s="269" t="s">
        <v>66</v>
      </c>
      <c r="AE45" s="269" t="s">
        <v>66</v>
      </c>
      <c r="AF45" s="269" t="s">
        <v>66</v>
      </c>
      <c r="AG45" s="269" t="s">
        <v>66</v>
      </c>
      <c r="AH45" s="269" t="s">
        <v>66</v>
      </c>
      <c r="AI45" s="269" t="s">
        <v>66</v>
      </c>
      <c r="AJ45" s="269" t="s">
        <v>66</v>
      </c>
      <c r="AK45" s="269" t="s">
        <v>66</v>
      </c>
      <c r="AL45" s="269" t="s">
        <v>66</v>
      </c>
      <c r="AM45" s="269" t="s">
        <v>66</v>
      </c>
      <c r="AN45" s="269" t="s">
        <v>66</v>
      </c>
      <c r="AO45" s="269" t="s">
        <v>66</v>
      </c>
      <c r="AP45" s="269" t="s">
        <v>66</v>
      </c>
      <c r="AQ45" s="269" t="s">
        <v>66</v>
      </c>
      <c r="AR45" s="269" t="s">
        <v>66</v>
      </c>
      <c r="AS45" s="269" t="s">
        <v>66</v>
      </c>
      <c r="AT45" s="269" t="s">
        <v>66</v>
      </c>
      <c r="AU45" s="269" t="s">
        <v>66</v>
      </c>
      <c r="AV45" s="269" t="s">
        <v>66</v>
      </c>
      <c r="AW45" s="271">
        <f t="shared" si="32"/>
        <v>13219</v>
      </c>
      <c r="AX45" s="272">
        <f t="shared" ref="AX45:AX52" si="39">O45/AW45</f>
        <v>75.266812920795829</v>
      </c>
      <c r="AY45" s="269">
        <f t="shared" si="1"/>
        <v>112900.21938119375</v>
      </c>
      <c r="AZ45" s="269">
        <f t="shared" si="2"/>
        <v>15053.362584159166</v>
      </c>
      <c r="BA45" s="269">
        <f t="shared" si="3"/>
        <v>33870.065814358124</v>
      </c>
      <c r="BB45" s="269">
        <f t="shared" si="4"/>
        <v>26343.384522278538</v>
      </c>
      <c r="BC45" s="269">
        <f t="shared" si="5"/>
        <v>22580.043876238749</v>
      </c>
      <c r="BD45" s="269">
        <f t="shared" si="6"/>
        <v>36128.070201981995</v>
      </c>
      <c r="BE45" s="269">
        <f t="shared" si="7"/>
        <v>7526.6812920795828</v>
      </c>
      <c r="BF45" s="269">
        <f t="shared" si="8"/>
        <v>29354.057039110372</v>
      </c>
      <c r="BG45" s="269">
        <f t="shared" si="9"/>
        <v>37633.406460397913</v>
      </c>
      <c r="BH45" s="269">
        <f t="shared" si="10"/>
        <v>37633.406460397913</v>
      </c>
      <c r="BI45" s="269">
        <f t="shared" si="11"/>
        <v>56450.109690596873</v>
      </c>
      <c r="BJ45" s="269">
        <f t="shared" si="12"/>
        <v>15053.362584159166</v>
      </c>
      <c r="BK45" s="269">
        <f t="shared" si="13"/>
        <v>17612.434223466225</v>
      </c>
      <c r="BL45" s="269">
        <f t="shared" si="14"/>
        <v>26343.384522278538</v>
      </c>
      <c r="BM45" s="269">
        <f t="shared" si="15"/>
        <v>6774.0131628716244</v>
      </c>
      <c r="BN45" s="269">
        <f t="shared" si="16"/>
        <v>6021.3450336636661</v>
      </c>
      <c r="BO45" s="269">
        <f t="shared" si="17"/>
        <v>179511.34881609806</v>
      </c>
      <c r="BP45" s="269">
        <f t="shared" si="18"/>
        <v>58331.780013616764</v>
      </c>
      <c r="BQ45" s="269">
        <f t="shared" si="19"/>
        <v>7526.6812920795828</v>
      </c>
      <c r="BR45" s="269">
        <f t="shared" si="20"/>
        <v>7526.6812920795828</v>
      </c>
      <c r="BS45" s="269">
        <f t="shared" si="21"/>
        <v>22730.577502080341</v>
      </c>
      <c r="BT45" s="269">
        <f t="shared" si="22"/>
        <v>18816.703230198957</v>
      </c>
      <c r="BU45" s="269">
        <f t="shared" si="23"/>
        <v>30106.725168318331</v>
      </c>
      <c r="BV45" s="269">
        <f t="shared" si="24"/>
        <v>105373.53808911415</v>
      </c>
      <c r="BW45" s="269">
        <f t="shared" si="25"/>
        <v>15128.629397079962</v>
      </c>
      <c r="BX45" s="269">
        <f t="shared" si="26"/>
        <v>16332.898403812695</v>
      </c>
      <c r="BY45" s="269">
        <f t="shared" si="27"/>
        <v>2333.2712005446706</v>
      </c>
      <c r="BZ45" s="269">
        <f t="shared" si="28"/>
        <v>5042.8764656933208</v>
      </c>
      <c r="CA45" s="269">
        <f t="shared" si="29"/>
        <v>11290.021938119375</v>
      </c>
      <c r="CB45" s="269">
        <f t="shared" si="30"/>
        <v>2333.2712005446706</v>
      </c>
      <c r="CC45" s="269">
        <f t="shared" si="31"/>
        <v>25289.649141387399</v>
      </c>
      <c r="CD45" s="266"/>
      <c r="CE45" s="266"/>
      <c r="CF45" s="273" t="s">
        <v>218</v>
      </c>
    </row>
    <row r="46" spans="1:84" s="274" customFormat="1" ht="56.1" hidden="1" customHeight="1" x14ac:dyDescent="0.2">
      <c r="A46" s="264">
        <v>44</v>
      </c>
      <c r="B46" s="265" t="s">
        <v>53</v>
      </c>
      <c r="C46" s="265" t="s">
        <v>211</v>
      </c>
      <c r="D46" s="266" t="s">
        <v>212</v>
      </c>
      <c r="E46" s="266" t="s">
        <v>219</v>
      </c>
      <c r="F46" s="266" t="s">
        <v>220</v>
      </c>
      <c r="G46" s="266" t="s">
        <v>215</v>
      </c>
      <c r="H46" s="266" t="s">
        <v>63</v>
      </c>
      <c r="I46" s="266" t="s">
        <v>81</v>
      </c>
      <c r="J46" s="266" t="s">
        <v>216</v>
      </c>
      <c r="K46" s="266" t="s">
        <v>221</v>
      </c>
      <c r="L46" s="266" t="s">
        <v>63</v>
      </c>
      <c r="M46" s="266" t="s">
        <v>63</v>
      </c>
      <c r="N46" s="267">
        <v>382483</v>
      </c>
      <c r="O46" s="267">
        <f t="shared" si="38"/>
        <v>382483</v>
      </c>
      <c r="P46" s="266" t="s">
        <v>191</v>
      </c>
      <c r="Q46" s="268" t="s">
        <v>65</v>
      </c>
      <c r="R46" s="269" t="s">
        <v>66</v>
      </c>
      <c r="S46" s="269" t="s">
        <v>66</v>
      </c>
      <c r="T46" s="269" t="s">
        <v>66</v>
      </c>
      <c r="U46" s="269" t="s">
        <v>66</v>
      </c>
      <c r="V46" s="269" t="s">
        <v>66</v>
      </c>
      <c r="W46" s="269" t="s">
        <v>66</v>
      </c>
      <c r="X46" s="269" t="s">
        <v>66</v>
      </c>
      <c r="Y46" s="269" t="s">
        <v>66</v>
      </c>
      <c r="Z46" s="269" t="s">
        <v>66</v>
      </c>
      <c r="AA46" s="269" t="s">
        <v>66</v>
      </c>
      <c r="AB46" s="269" t="s">
        <v>66</v>
      </c>
      <c r="AC46" s="269" t="s">
        <v>66</v>
      </c>
      <c r="AD46" s="269" t="s">
        <v>66</v>
      </c>
      <c r="AE46" s="269" t="s">
        <v>66</v>
      </c>
      <c r="AF46" s="269" t="s">
        <v>66</v>
      </c>
      <c r="AG46" s="269" t="s">
        <v>66</v>
      </c>
      <c r="AH46" s="269" t="s">
        <v>66</v>
      </c>
      <c r="AI46" s="269" t="s">
        <v>66</v>
      </c>
      <c r="AJ46" s="269" t="s">
        <v>66</v>
      </c>
      <c r="AK46" s="269" t="s">
        <v>66</v>
      </c>
      <c r="AL46" s="269" t="s">
        <v>66</v>
      </c>
      <c r="AM46" s="269" t="s">
        <v>66</v>
      </c>
      <c r="AN46" s="269" t="s">
        <v>66</v>
      </c>
      <c r="AO46" s="269" t="s">
        <v>66</v>
      </c>
      <c r="AP46" s="269" t="s">
        <v>66</v>
      </c>
      <c r="AQ46" s="269" t="s">
        <v>66</v>
      </c>
      <c r="AR46" s="269" t="s">
        <v>66</v>
      </c>
      <c r="AS46" s="269" t="s">
        <v>66</v>
      </c>
      <c r="AT46" s="269" t="s">
        <v>66</v>
      </c>
      <c r="AU46" s="269" t="s">
        <v>66</v>
      </c>
      <c r="AV46" s="269" t="s">
        <v>66</v>
      </c>
      <c r="AW46" s="271">
        <f t="shared" si="32"/>
        <v>13219</v>
      </c>
      <c r="AX46" s="272">
        <f t="shared" si="39"/>
        <v>28.934336939254106</v>
      </c>
      <c r="AY46" s="269">
        <f t="shared" si="1"/>
        <v>43401.505408881159</v>
      </c>
      <c r="AZ46" s="269">
        <f t="shared" si="2"/>
        <v>5786.8673878508207</v>
      </c>
      <c r="BA46" s="269">
        <f t="shared" si="3"/>
        <v>13020.451622664348</v>
      </c>
      <c r="BB46" s="269">
        <f t="shared" si="4"/>
        <v>10127.017928738936</v>
      </c>
      <c r="BC46" s="269">
        <f t="shared" si="5"/>
        <v>8680.3010817762315</v>
      </c>
      <c r="BD46" s="269">
        <f t="shared" si="6"/>
        <v>13888.481730841972</v>
      </c>
      <c r="BE46" s="269">
        <f t="shared" si="7"/>
        <v>2893.4336939254104</v>
      </c>
      <c r="BF46" s="269">
        <f t="shared" si="8"/>
        <v>11284.391406309102</v>
      </c>
      <c r="BG46" s="269">
        <f t="shared" si="9"/>
        <v>14467.168469627053</v>
      </c>
      <c r="BH46" s="269">
        <f t="shared" si="10"/>
        <v>14467.168469627053</v>
      </c>
      <c r="BI46" s="269">
        <f t="shared" si="11"/>
        <v>21700.75270444058</v>
      </c>
      <c r="BJ46" s="269">
        <f t="shared" si="12"/>
        <v>5786.8673878508207</v>
      </c>
      <c r="BK46" s="269">
        <f t="shared" si="13"/>
        <v>6770.6348437854604</v>
      </c>
      <c r="BL46" s="269">
        <f t="shared" si="14"/>
        <v>10127.017928738936</v>
      </c>
      <c r="BM46" s="269">
        <f t="shared" si="15"/>
        <v>2604.0903245328695</v>
      </c>
      <c r="BN46" s="269">
        <f t="shared" si="16"/>
        <v>2314.7469551403283</v>
      </c>
      <c r="BO46" s="269">
        <f t="shared" si="17"/>
        <v>69008.393600121039</v>
      </c>
      <c r="BP46" s="269">
        <f t="shared" si="18"/>
        <v>22424.111127921933</v>
      </c>
      <c r="BQ46" s="269">
        <f t="shared" si="19"/>
        <v>2893.4336939254104</v>
      </c>
      <c r="BR46" s="269">
        <f t="shared" si="20"/>
        <v>2893.4336939254104</v>
      </c>
      <c r="BS46" s="269">
        <f t="shared" si="21"/>
        <v>8738.1697556547406</v>
      </c>
      <c r="BT46" s="269">
        <f t="shared" si="22"/>
        <v>7233.5842348135266</v>
      </c>
      <c r="BU46" s="269">
        <f t="shared" si="23"/>
        <v>11573.734775701641</v>
      </c>
      <c r="BV46" s="269">
        <f t="shared" si="24"/>
        <v>40508.071714955746</v>
      </c>
      <c r="BW46" s="269">
        <f t="shared" si="25"/>
        <v>5815.8017247900752</v>
      </c>
      <c r="BX46" s="269">
        <f t="shared" si="26"/>
        <v>6278.7511158181405</v>
      </c>
      <c r="BY46" s="269">
        <f t="shared" si="27"/>
        <v>896.9644451168773</v>
      </c>
      <c r="BZ46" s="269">
        <f t="shared" si="28"/>
        <v>1938.600574930025</v>
      </c>
      <c r="CA46" s="269">
        <f t="shared" si="29"/>
        <v>4340.1505408881158</v>
      </c>
      <c r="CB46" s="269">
        <f t="shared" si="30"/>
        <v>896.9644451168773</v>
      </c>
      <c r="CC46" s="269">
        <f t="shared" si="31"/>
        <v>9721.9372115893802</v>
      </c>
      <c r="CD46" s="267"/>
      <c r="CE46" s="266"/>
      <c r="CF46" s="273" t="s">
        <v>218</v>
      </c>
    </row>
    <row r="47" spans="1:84" s="274" customFormat="1" ht="71.099999999999994" hidden="1" customHeight="1" x14ac:dyDescent="0.2">
      <c r="A47" s="264">
        <v>45</v>
      </c>
      <c r="B47" s="265" t="s">
        <v>53</v>
      </c>
      <c r="C47" s="265" t="s">
        <v>211</v>
      </c>
      <c r="D47" s="266" t="s">
        <v>222</v>
      </c>
      <c r="E47" s="266" t="s">
        <v>223</v>
      </c>
      <c r="F47" s="266" t="s">
        <v>224</v>
      </c>
      <c r="G47" s="266" t="s">
        <v>215</v>
      </c>
      <c r="H47" s="266" t="s">
        <v>63</v>
      </c>
      <c r="I47" s="266" t="s">
        <v>81</v>
      </c>
      <c r="J47" s="266" t="s">
        <v>61</v>
      </c>
      <c r="K47" s="266" t="s">
        <v>225</v>
      </c>
      <c r="L47" s="266" t="s">
        <v>63</v>
      </c>
      <c r="M47" s="266" t="s">
        <v>63</v>
      </c>
      <c r="N47" s="267">
        <v>322800</v>
      </c>
      <c r="O47" s="267">
        <f t="shared" si="38"/>
        <v>322800</v>
      </c>
      <c r="P47" s="266" t="s">
        <v>226</v>
      </c>
      <c r="Q47" s="268" t="s">
        <v>65</v>
      </c>
      <c r="R47" s="269" t="s">
        <v>66</v>
      </c>
      <c r="S47" s="269" t="s">
        <v>66</v>
      </c>
      <c r="T47" s="269" t="s">
        <v>66</v>
      </c>
      <c r="U47" s="269" t="s">
        <v>66</v>
      </c>
      <c r="V47" s="269" t="s">
        <v>66</v>
      </c>
      <c r="W47" s="269" t="s">
        <v>66</v>
      </c>
      <c r="X47" s="269" t="s">
        <v>66</v>
      </c>
      <c r="Y47" s="269" t="s">
        <v>66</v>
      </c>
      <c r="Z47" s="269" t="s">
        <v>66</v>
      </c>
      <c r="AA47" s="269" t="s">
        <v>66</v>
      </c>
      <c r="AB47" s="269" t="s">
        <v>66</v>
      </c>
      <c r="AC47" s="269" t="s">
        <v>66</v>
      </c>
      <c r="AD47" s="269" t="s">
        <v>66</v>
      </c>
      <c r="AE47" s="269" t="s">
        <v>66</v>
      </c>
      <c r="AF47" s="269" t="s">
        <v>66</v>
      </c>
      <c r="AG47" s="269" t="s">
        <v>66</v>
      </c>
      <c r="AH47" s="269" t="s">
        <v>66</v>
      </c>
      <c r="AI47" s="270"/>
      <c r="AJ47" s="270"/>
      <c r="AK47" s="270"/>
      <c r="AL47" s="270"/>
      <c r="AM47" s="270"/>
      <c r="AN47" s="270"/>
      <c r="AO47" s="270"/>
      <c r="AP47" s="270"/>
      <c r="AQ47" s="270"/>
      <c r="AR47" s="270"/>
      <c r="AS47" s="270"/>
      <c r="AT47" s="270"/>
      <c r="AU47" s="270"/>
      <c r="AV47" s="270"/>
      <c r="AW47" s="271">
        <f t="shared" si="32"/>
        <v>8859</v>
      </c>
      <c r="AX47" s="272">
        <f t="shared" si="39"/>
        <v>36.437521164917037</v>
      </c>
      <c r="AY47" s="269">
        <f t="shared" si="1"/>
        <v>54656.281747375557</v>
      </c>
      <c r="AZ47" s="269">
        <f t="shared" si="2"/>
        <v>7287.5042329834077</v>
      </c>
      <c r="BA47" s="269">
        <f t="shared" si="3"/>
        <v>16396.884524212666</v>
      </c>
      <c r="BB47" s="269">
        <f t="shared" si="4"/>
        <v>12753.132407720963</v>
      </c>
      <c r="BC47" s="269">
        <f t="shared" si="5"/>
        <v>10931.25634947511</v>
      </c>
      <c r="BD47" s="269">
        <f t="shared" si="6"/>
        <v>17490.010159160178</v>
      </c>
      <c r="BE47" s="269">
        <f t="shared" si="7"/>
        <v>3643.7521164917039</v>
      </c>
      <c r="BF47" s="269">
        <f t="shared" si="8"/>
        <v>14210.633254317645</v>
      </c>
      <c r="BG47" s="269">
        <f t="shared" si="9"/>
        <v>18218.760582458519</v>
      </c>
      <c r="BH47" s="269">
        <f t="shared" si="10"/>
        <v>18218.760582458519</v>
      </c>
      <c r="BI47" s="269">
        <f t="shared" si="11"/>
        <v>27328.140873687778</v>
      </c>
      <c r="BJ47" s="269">
        <f t="shared" si="12"/>
        <v>7287.5042329834077</v>
      </c>
      <c r="BK47" s="269">
        <f t="shared" si="13"/>
        <v>8526.379952590587</v>
      </c>
      <c r="BL47" s="269">
        <f t="shared" si="14"/>
        <v>12753.132407720963</v>
      </c>
      <c r="BM47" s="269">
        <f t="shared" si="15"/>
        <v>3279.3769048425333</v>
      </c>
      <c r="BN47" s="269">
        <f t="shared" si="16"/>
        <v>2915.0016931933628</v>
      </c>
      <c r="BO47" s="269">
        <f t="shared" si="17"/>
        <v>86903.487978327132</v>
      </c>
      <c r="BP47" s="269" t="str">
        <f t="shared" si="18"/>
        <v/>
      </c>
      <c r="BQ47" s="269" t="str">
        <f t="shared" si="19"/>
        <v/>
      </c>
      <c r="BR47" s="269" t="str">
        <f t="shared" si="20"/>
        <v/>
      </c>
      <c r="BS47" s="269" t="str">
        <f t="shared" si="21"/>
        <v/>
      </c>
      <c r="BT47" s="269" t="str">
        <f t="shared" si="22"/>
        <v/>
      </c>
      <c r="BU47" s="269" t="str">
        <f t="shared" si="23"/>
        <v/>
      </c>
      <c r="BV47" s="269" t="str">
        <f t="shared" si="24"/>
        <v/>
      </c>
      <c r="BW47" s="269" t="str">
        <f t="shared" si="25"/>
        <v/>
      </c>
      <c r="BX47" s="269" t="str">
        <f t="shared" si="26"/>
        <v/>
      </c>
      <c r="BY47" s="269" t="str">
        <f t="shared" si="27"/>
        <v/>
      </c>
      <c r="BZ47" s="269" t="str">
        <f t="shared" si="28"/>
        <v/>
      </c>
      <c r="CA47" s="269" t="str">
        <f t="shared" si="29"/>
        <v/>
      </c>
      <c r="CB47" s="269" t="str">
        <f t="shared" si="30"/>
        <v/>
      </c>
      <c r="CC47" s="269" t="str">
        <f t="shared" si="31"/>
        <v/>
      </c>
      <c r="CD47" s="266"/>
      <c r="CE47" s="266"/>
      <c r="CF47" s="273" t="s">
        <v>196</v>
      </c>
    </row>
    <row r="48" spans="1:84" s="207" customFormat="1" ht="142.5" hidden="1" x14ac:dyDescent="0.2">
      <c r="A48" s="198">
        <v>46</v>
      </c>
      <c r="B48" s="199" t="s">
        <v>53</v>
      </c>
      <c r="C48" s="199" t="s">
        <v>153</v>
      </c>
      <c r="D48" s="200" t="s">
        <v>227</v>
      </c>
      <c r="E48" s="200" t="s">
        <v>228</v>
      </c>
      <c r="F48" s="200" t="s">
        <v>229</v>
      </c>
      <c r="G48" s="200" t="s">
        <v>58</v>
      </c>
      <c r="H48" s="200" t="s">
        <v>63</v>
      </c>
      <c r="I48" s="200" t="s">
        <v>81</v>
      </c>
      <c r="J48" s="200" t="s">
        <v>230</v>
      </c>
      <c r="K48" s="200" t="s">
        <v>191</v>
      </c>
      <c r="L48" s="200" t="s">
        <v>63</v>
      </c>
      <c r="M48" s="200" t="s">
        <v>63</v>
      </c>
      <c r="N48" s="201">
        <v>3585640</v>
      </c>
      <c r="O48" s="201">
        <f t="shared" si="38"/>
        <v>3585640</v>
      </c>
      <c r="P48" s="200" t="s">
        <v>217</v>
      </c>
      <c r="Q48" s="263" t="s">
        <v>65</v>
      </c>
      <c r="R48" s="203" t="s">
        <v>66</v>
      </c>
      <c r="S48" s="203" t="s">
        <v>66</v>
      </c>
      <c r="T48" s="203" t="s">
        <v>66</v>
      </c>
      <c r="U48" s="203" t="s">
        <v>66</v>
      </c>
      <c r="V48" s="203" t="s">
        <v>66</v>
      </c>
      <c r="W48" s="203" t="s">
        <v>66</v>
      </c>
      <c r="X48" s="203" t="s">
        <v>66</v>
      </c>
      <c r="Y48" s="203" t="s">
        <v>66</v>
      </c>
      <c r="Z48" s="203" t="s">
        <v>66</v>
      </c>
      <c r="AA48" s="203" t="s">
        <v>66</v>
      </c>
      <c r="AB48" s="203" t="s">
        <v>66</v>
      </c>
      <c r="AC48" s="203" t="s">
        <v>66</v>
      </c>
      <c r="AD48" s="203" t="s">
        <v>66</v>
      </c>
      <c r="AE48" s="203" t="s">
        <v>66</v>
      </c>
      <c r="AF48" s="203" t="s">
        <v>66</v>
      </c>
      <c r="AG48" s="203" t="s">
        <v>66</v>
      </c>
      <c r="AH48" s="203" t="s">
        <v>66</v>
      </c>
      <c r="AI48" s="202"/>
      <c r="AJ48" s="202"/>
      <c r="AK48" s="202"/>
      <c r="AL48" s="202"/>
      <c r="AM48" s="202"/>
      <c r="AN48" s="202"/>
      <c r="AO48" s="202"/>
      <c r="AP48" s="202"/>
      <c r="AQ48" s="202"/>
      <c r="AR48" s="202"/>
      <c r="AS48" s="202"/>
      <c r="AT48" s="202"/>
      <c r="AU48" s="202"/>
      <c r="AV48" s="202"/>
      <c r="AW48" s="204">
        <f t="shared" si="32"/>
        <v>8859</v>
      </c>
      <c r="AX48" s="205">
        <f t="shared" si="39"/>
        <v>404.74545659781012</v>
      </c>
      <c r="AY48" s="203">
        <f t="shared" si="1"/>
        <v>607118.18489671522</v>
      </c>
      <c r="AZ48" s="203">
        <f t="shared" si="2"/>
        <v>80949.091319562023</v>
      </c>
      <c r="BA48" s="203">
        <f t="shared" si="3"/>
        <v>182135.45546901456</v>
      </c>
      <c r="BB48" s="203">
        <f t="shared" si="4"/>
        <v>141660.90980923353</v>
      </c>
      <c r="BC48" s="203">
        <f t="shared" si="5"/>
        <v>121423.63697934303</v>
      </c>
      <c r="BD48" s="203">
        <f t="shared" si="6"/>
        <v>194277.81916694884</v>
      </c>
      <c r="BE48" s="203">
        <f t="shared" si="7"/>
        <v>40474.545659781012</v>
      </c>
      <c r="BF48" s="203">
        <f t="shared" si="8"/>
        <v>157850.72807314593</v>
      </c>
      <c r="BG48" s="203">
        <f t="shared" si="9"/>
        <v>202372.72829890507</v>
      </c>
      <c r="BH48" s="203">
        <f t="shared" si="10"/>
        <v>202372.72829890507</v>
      </c>
      <c r="BI48" s="203">
        <f t="shared" si="11"/>
        <v>303559.09244835761</v>
      </c>
      <c r="BJ48" s="203">
        <f t="shared" si="12"/>
        <v>80949.091319562023</v>
      </c>
      <c r="BK48" s="203">
        <f t="shared" si="13"/>
        <v>94710.436843887568</v>
      </c>
      <c r="BL48" s="203">
        <f t="shared" si="14"/>
        <v>141660.90980923353</v>
      </c>
      <c r="BM48" s="203">
        <f t="shared" si="15"/>
        <v>36427.091093802912</v>
      </c>
      <c r="BN48" s="203">
        <f t="shared" si="16"/>
        <v>32379.636527824809</v>
      </c>
      <c r="BO48" s="203">
        <f t="shared" si="17"/>
        <v>965317.91398577718</v>
      </c>
      <c r="BP48" s="203" t="str">
        <f t="shared" si="18"/>
        <v/>
      </c>
      <c r="BQ48" s="203" t="str">
        <f t="shared" si="19"/>
        <v/>
      </c>
      <c r="BR48" s="203" t="str">
        <f t="shared" si="20"/>
        <v/>
      </c>
      <c r="BS48" s="203" t="str">
        <f t="shared" si="21"/>
        <v/>
      </c>
      <c r="BT48" s="203" t="str">
        <f t="shared" si="22"/>
        <v/>
      </c>
      <c r="BU48" s="203" t="str">
        <f t="shared" si="23"/>
        <v/>
      </c>
      <c r="BV48" s="203" t="str">
        <f t="shared" si="24"/>
        <v/>
      </c>
      <c r="BW48" s="203" t="str">
        <f t="shared" si="25"/>
        <v/>
      </c>
      <c r="BX48" s="203" t="str">
        <f t="shared" si="26"/>
        <v/>
      </c>
      <c r="BY48" s="203" t="str">
        <f t="shared" si="27"/>
        <v/>
      </c>
      <c r="BZ48" s="203" t="str">
        <f t="shared" si="28"/>
        <v/>
      </c>
      <c r="CA48" s="203" t="str">
        <f t="shared" si="29"/>
        <v/>
      </c>
      <c r="CB48" s="203" t="str">
        <f t="shared" si="30"/>
        <v/>
      </c>
      <c r="CC48" s="203" t="str">
        <f t="shared" si="31"/>
        <v/>
      </c>
      <c r="CD48" s="200"/>
      <c r="CE48" s="200"/>
      <c r="CF48" s="206" t="s">
        <v>231</v>
      </c>
    </row>
    <row r="49" spans="1:84" s="311" customFormat="1" ht="142.5" hidden="1" x14ac:dyDescent="0.2">
      <c r="A49" s="302">
        <v>47</v>
      </c>
      <c r="B49" s="24" t="s">
        <v>53</v>
      </c>
      <c r="C49" s="24" t="s">
        <v>153</v>
      </c>
      <c r="D49" s="303" t="s">
        <v>227</v>
      </c>
      <c r="E49" s="303" t="s">
        <v>232</v>
      </c>
      <c r="F49" s="303" t="s">
        <v>229</v>
      </c>
      <c r="G49" s="303" t="s">
        <v>86</v>
      </c>
      <c r="H49" s="303" t="s">
        <v>63</v>
      </c>
      <c r="I49" s="303" t="s">
        <v>81</v>
      </c>
      <c r="J49" s="303" t="s">
        <v>230</v>
      </c>
      <c r="K49" s="303" t="s">
        <v>191</v>
      </c>
      <c r="L49" s="303" t="s">
        <v>63</v>
      </c>
      <c r="M49" s="303" t="s">
        <v>63</v>
      </c>
      <c r="N49" s="304">
        <v>289000</v>
      </c>
      <c r="O49" s="304">
        <f t="shared" si="38"/>
        <v>289000</v>
      </c>
      <c r="P49" s="303" t="s">
        <v>217</v>
      </c>
      <c r="Q49" s="305" t="s">
        <v>65</v>
      </c>
      <c r="R49" s="306"/>
      <c r="S49" s="306"/>
      <c r="T49" s="306"/>
      <c r="U49" s="306"/>
      <c r="V49" s="306"/>
      <c r="W49" s="306"/>
      <c r="X49" s="306"/>
      <c r="Y49" s="306"/>
      <c r="Z49" s="306"/>
      <c r="AA49" s="306"/>
      <c r="AB49" s="306"/>
      <c r="AC49" s="306"/>
      <c r="AD49" s="306"/>
      <c r="AE49" s="306"/>
      <c r="AF49" s="306"/>
      <c r="AG49" s="306"/>
      <c r="AH49" s="306"/>
      <c r="AI49" s="307" t="s">
        <v>66</v>
      </c>
      <c r="AJ49" s="307" t="s">
        <v>66</v>
      </c>
      <c r="AK49" s="307" t="s">
        <v>66</v>
      </c>
      <c r="AL49" s="307" t="s">
        <v>66</v>
      </c>
      <c r="AM49" s="306"/>
      <c r="AN49" s="306"/>
      <c r="AO49" s="306"/>
      <c r="AP49" s="306"/>
      <c r="AQ49" s="306"/>
      <c r="AR49" s="306"/>
      <c r="AS49" s="306"/>
      <c r="AT49" s="306"/>
      <c r="AU49" s="306"/>
      <c r="AV49" s="306"/>
      <c r="AW49" s="308">
        <f t="shared" si="32"/>
        <v>1277</v>
      </c>
      <c r="AX49" s="309">
        <f t="shared" si="39"/>
        <v>226.31166797180893</v>
      </c>
      <c r="AY49" s="307" t="str">
        <f t="shared" si="1"/>
        <v/>
      </c>
      <c r="AZ49" s="307" t="str">
        <f t="shared" si="2"/>
        <v/>
      </c>
      <c r="BA49" s="307" t="str">
        <f t="shared" si="3"/>
        <v/>
      </c>
      <c r="BB49" s="307" t="str">
        <f t="shared" si="4"/>
        <v/>
      </c>
      <c r="BC49" s="307" t="str">
        <f t="shared" si="5"/>
        <v/>
      </c>
      <c r="BD49" s="307" t="str">
        <f t="shared" si="6"/>
        <v/>
      </c>
      <c r="BE49" s="307" t="str">
        <f t="shared" si="7"/>
        <v/>
      </c>
      <c r="BF49" s="307" t="str">
        <f t="shared" si="8"/>
        <v/>
      </c>
      <c r="BG49" s="307" t="str">
        <f t="shared" si="9"/>
        <v/>
      </c>
      <c r="BH49" s="307" t="str">
        <f t="shared" si="10"/>
        <v/>
      </c>
      <c r="BI49" s="307" t="str">
        <f t="shared" si="11"/>
        <v/>
      </c>
      <c r="BJ49" s="307" t="str">
        <f t="shared" si="12"/>
        <v/>
      </c>
      <c r="BK49" s="307" t="str">
        <f t="shared" si="13"/>
        <v/>
      </c>
      <c r="BL49" s="307" t="str">
        <f t="shared" si="14"/>
        <v/>
      </c>
      <c r="BM49" s="307" t="str">
        <f t="shared" si="15"/>
        <v/>
      </c>
      <c r="BN49" s="307" t="str">
        <f t="shared" si="16"/>
        <v/>
      </c>
      <c r="BO49" s="307" t="str">
        <f t="shared" si="17"/>
        <v/>
      </c>
      <c r="BP49" s="307">
        <f t="shared" si="18"/>
        <v>175391.54267815192</v>
      </c>
      <c r="BQ49" s="307">
        <f t="shared" si="19"/>
        <v>22631.166797180893</v>
      </c>
      <c r="BR49" s="307">
        <f t="shared" si="20"/>
        <v>22631.166797180893</v>
      </c>
      <c r="BS49" s="307">
        <f t="shared" si="21"/>
        <v>68346.123727486294</v>
      </c>
      <c r="BT49" s="307" t="str">
        <f t="shared" si="22"/>
        <v/>
      </c>
      <c r="BU49" s="307" t="str">
        <f t="shared" si="23"/>
        <v/>
      </c>
      <c r="BV49" s="307" t="str">
        <f t="shared" si="24"/>
        <v/>
      </c>
      <c r="BW49" s="307" t="str">
        <f t="shared" si="25"/>
        <v/>
      </c>
      <c r="BX49" s="307" t="str">
        <f t="shared" si="26"/>
        <v/>
      </c>
      <c r="BY49" s="307" t="str">
        <f t="shared" si="27"/>
        <v/>
      </c>
      <c r="BZ49" s="307" t="str">
        <f t="shared" si="28"/>
        <v/>
      </c>
      <c r="CA49" s="307" t="str">
        <f t="shared" si="29"/>
        <v/>
      </c>
      <c r="CB49" s="307" t="str">
        <f t="shared" si="30"/>
        <v/>
      </c>
      <c r="CC49" s="307" t="str">
        <f t="shared" si="31"/>
        <v/>
      </c>
      <c r="CD49" s="303"/>
      <c r="CE49" s="303"/>
      <c r="CF49" s="310" t="s">
        <v>231</v>
      </c>
    </row>
    <row r="50" spans="1:84" s="311" customFormat="1" ht="56.1" hidden="1" customHeight="1" x14ac:dyDescent="0.2">
      <c r="A50" s="302">
        <v>48</v>
      </c>
      <c r="B50" s="24" t="s">
        <v>53</v>
      </c>
      <c r="C50" s="24" t="s">
        <v>153</v>
      </c>
      <c r="D50" s="303" t="s">
        <v>227</v>
      </c>
      <c r="E50" s="303" t="s">
        <v>233</v>
      </c>
      <c r="F50" s="303" t="s">
        <v>229</v>
      </c>
      <c r="G50" s="303" t="s">
        <v>90</v>
      </c>
      <c r="H50" s="303" t="s">
        <v>63</v>
      </c>
      <c r="I50" s="303" t="s">
        <v>81</v>
      </c>
      <c r="J50" s="303" t="s">
        <v>230</v>
      </c>
      <c r="K50" s="303" t="s">
        <v>191</v>
      </c>
      <c r="L50" s="303" t="s">
        <v>63</v>
      </c>
      <c r="M50" s="303" t="s">
        <v>63</v>
      </c>
      <c r="N50" s="304">
        <v>85000</v>
      </c>
      <c r="O50" s="304">
        <f t="shared" si="38"/>
        <v>85000</v>
      </c>
      <c r="P50" s="303" t="s">
        <v>217</v>
      </c>
      <c r="Q50" s="305" t="s">
        <v>65</v>
      </c>
      <c r="R50" s="306"/>
      <c r="S50" s="306"/>
      <c r="T50" s="306"/>
      <c r="U50" s="306"/>
      <c r="V50" s="306"/>
      <c r="W50" s="306"/>
      <c r="X50" s="306"/>
      <c r="Y50" s="306"/>
      <c r="Z50" s="306"/>
      <c r="AA50" s="306"/>
      <c r="AB50" s="306"/>
      <c r="AC50" s="306"/>
      <c r="AD50" s="306"/>
      <c r="AE50" s="306"/>
      <c r="AF50" s="306"/>
      <c r="AG50" s="306"/>
      <c r="AH50" s="306"/>
      <c r="AI50" s="306"/>
      <c r="AJ50" s="306"/>
      <c r="AK50" s="306"/>
      <c r="AL50" s="306"/>
      <c r="AM50" s="307" t="s">
        <v>66</v>
      </c>
      <c r="AN50" s="307" t="s">
        <v>66</v>
      </c>
      <c r="AO50" s="307" t="s">
        <v>66</v>
      </c>
      <c r="AP50" s="307" t="s">
        <v>66</v>
      </c>
      <c r="AQ50" s="306"/>
      <c r="AR50" s="306"/>
      <c r="AS50" s="306"/>
      <c r="AT50" s="306"/>
      <c r="AU50" s="306"/>
      <c r="AV50" s="306"/>
      <c r="AW50" s="308">
        <f t="shared" si="32"/>
        <v>2251</v>
      </c>
      <c r="AX50" s="309">
        <f t="shared" si="39"/>
        <v>37.760995113282988</v>
      </c>
      <c r="AY50" s="307" t="str">
        <f t="shared" si="1"/>
        <v/>
      </c>
      <c r="AZ50" s="307" t="str">
        <f t="shared" si="2"/>
        <v/>
      </c>
      <c r="BA50" s="307" t="str">
        <f t="shared" si="3"/>
        <v/>
      </c>
      <c r="BB50" s="307" t="str">
        <f t="shared" si="4"/>
        <v/>
      </c>
      <c r="BC50" s="307" t="str">
        <f t="shared" si="5"/>
        <v/>
      </c>
      <c r="BD50" s="307" t="str">
        <f t="shared" si="6"/>
        <v/>
      </c>
      <c r="BE50" s="307" t="str">
        <f t="shared" si="7"/>
        <v/>
      </c>
      <c r="BF50" s="307" t="str">
        <f t="shared" si="8"/>
        <v/>
      </c>
      <c r="BG50" s="307" t="str">
        <f t="shared" si="9"/>
        <v/>
      </c>
      <c r="BH50" s="307" t="str">
        <f t="shared" si="10"/>
        <v/>
      </c>
      <c r="BI50" s="307" t="str">
        <f t="shared" si="11"/>
        <v/>
      </c>
      <c r="BJ50" s="307" t="str">
        <f t="shared" si="12"/>
        <v/>
      </c>
      <c r="BK50" s="307" t="str">
        <f t="shared" si="13"/>
        <v/>
      </c>
      <c r="BL50" s="307" t="str">
        <f t="shared" si="14"/>
        <v/>
      </c>
      <c r="BM50" s="307" t="str">
        <f t="shared" si="15"/>
        <v/>
      </c>
      <c r="BN50" s="307" t="str">
        <f t="shared" si="16"/>
        <v/>
      </c>
      <c r="BO50" s="307" t="str">
        <f t="shared" si="17"/>
        <v/>
      </c>
      <c r="BP50" s="307" t="str">
        <f t="shared" si="18"/>
        <v/>
      </c>
      <c r="BQ50" s="307" t="str">
        <f t="shared" si="19"/>
        <v/>
      </c>
      <c r="BR50" s="307" t="str">
        <f t="shared" si="20"/>
        <v/>
      </c>
      <c r="BS50" s="307" t="str">
        <f t="shared" si="21"/>
        <v/>
      </c>
      <c r="BT50" s="307">
        <f t="shared" si="22"/>
        <v>9440.2487783207471</v>
      </c>
      <c r="BU50" s="307">
        <f t="shared" si="23"/>
        <v>15104.398045313195</v>
      </c>
      <c r="BV50" s="307">
        <f t="shared" si="24"/>
        <v>52865.393158596184</v>
      </c>
      <c r="BW50" s="307">
        <f t="shared" si="25"/>
        <v>7589.9600177698803</v>
      </c>
      <c r="BX50" s="307" t="str">
        <f t="shared" si="26"/>
        <v/>
      </c>
      <c r="BY50" s="307" t="str">
        <f t="shared" si="27"/>
        <v/>
      </c>
      <c r="BZ50" s="307" t="str">
        <f t="shared" si="28"/>
        <v/>
      </c>
      <c r="CA50" s="307" t="str">
        <f t="shared" si="29"/>
        <v/>
      </c>
      <c r="CB50" s="307" t="str">
        <f t="shared" si="30"/>
        <v/>
      </c>
      <c r="CC50" s="307" t="str">
        <f t="shared" si="31"/>
        <v/>
      </c>
      <c r="CD50" s="303" t="s">
        <v>234</v>
      </c>
      <c r="CE50" s="303"/>
      <c r="CF50" s="310" t="s">
        <v>231</v>
      </c>
    </row>
    <row r="51" spans="1:84" s="311" customFormat="1" ht="56.1" hidden="1" customHeight="1" x14ac:dyDescent="0.2">
      <c r="A51" s="302">
        <v>49</v>
      </c>
      <c r="B51" s="24" t="s">
        <v>53</v>
      </c>
      <c r="C51" s="24" t="s">
        <v>153</v>
      </c>
      <c r="D51" s="303" t="s">
        <v>227</v>
      </c>
      <c r="E51" s="303" t="s">
        <v>235</v>
      </c>
      <c r="F51" s="303" t="s">
        <v>229</v>
      </c>
      <c r="G51" s="303" t="s">
        <v>93</v>
      </c>
      <c r="H51" s="303" t="s">
        <v>63</v>
      </c>
      <c r="I51" s="303" t="s">
        <v>81</v>
      </c>
      <c r="J51" s="303" t="s">
        <v>230</v>
      </c>
      <c r="K51" s="303" t="s">
        <v>191</v>
      </c>
      <c r="L51" s="303" t="s">
        <v>63</v>
      </c>
      <c r="M51" s="303" t="s">
        <v>63</v>
      </c>
      <c r="N51" s="304">
        <v>63600</v>
      </c>
      <c r="O51" s="304">
        <f t="shared" si="38"/>
        <v>63600</v>
      </c>
      <c r="P51" s="303" t="s">
        <v>217</v>
      </c>
      <c r="Q51" s="305" t="s">
        <v>65</v>
      </c>
      <c r="R51" s="306"/>
      <c r="S51" s="306"/>
      <c r="T51" s="306"/>
      <c r="U51" s="306"/>
      <c r="V51" s="306"/>
      <c r="W51" s="306"/>
      <c r="X51" s="306"/>
      <c r="Y51" s="306"/>
      <c r="Z51" s="306"/>
      <c r="AA51" s="306"/>
      <c r="AB51" s="306"/>
      <c r="AC51" s="306"/>
      <c r="AD51" s="306"/>
      <c r="AE51" s="306"/>
      <c r="AF51" s="306"/>
      <c r="AG51" s="306"/>
      <c r="AH51" s="306"/>
      <c r="AI51" s="306"/>
      <c r="AJ51" s="306"/>
      <c r="AK51" s="306"/>
      <c r="AL51" s="306"/>
      <c r="AM51" s="306"/>
      <c r="AN51" s="306"/>
      <c r="AO51" s="306"/>
      <c r="AP51" s="306"/>
      <c r="AQ51" s="307" t="s">
        <v>66</v>
      </c>
      <c r="AR51" s="307" t="s">
        <v>66</v>
      </c>
      <c r="AS51" s="306"/>
      <c r="AT51" s="306"/>
      <c r="AU51" s="306"/>
      <c r="AV51" s="306"/>
      <c r="AW51" s="308">
        <f t="shared" si="32"/>
        <v>248</v>
      </c>
      <c r="AX51" s="309">
        <f t="shared" si="39"/>
        <v>256.45161290322579</v>
      </c>
      <c r="AY51" s="307" t="str">
        <f t="shared" si="1"/>
        <v/>
      </c>
      <c r="AZ51" s="307" t="str">
        <f t="shared" si="2"/>
        <v/>
      </c>
      <c r="BA51" s="307" t="str">
        <f t="shared" si="3"/>
        <v/>
      </c>
      <c r="BB51" s="307" t="str">
        <f t="shared" si="4"/>
        <v/>
      </c>
      <c r="BC51" s="307" t="str">
        <f t="shared" si="5"/>
        <v/>
      </c>
      <c r="BD51" s="307" t="str">
        <f t="shared" si="6"/>
        <v/>
      </c>
      <c r="BE51" s="307" t="str">
        <f t="shared" si="7"/>
        <v/>
      </c>
      <c r="BF51" s="307" t="str">
        <f t="shared" si="8"/>
        <v/>
      </c>
      <c r="BG51" s="307" t="str">
        <f t="shared" si="9"/>
        <v/>
      </c>
      <c r="BH51" s="307" t="str">
        <f t="shared" si="10"/>
        <v/>
      </c>
      <c r="BI51" s="307" t="str">
        <f t="shared" si="11"/>
        <v/>
      </c>
      <c r="BJ51" s="307" t="str">
        <f t="shared" si="12"/>
        <v/>
      </c>
      <c r="BK51" s="307" t="str">
        <f t="shared" si="13"/>
        <v/>
      </c>
      <c r="BL51" s="307" t="str">
        <f t="shared" si="14"/>
        <v/>
      </c>
      <c r="BM51" s="307" t="str">
        <f t="shared" si="15"/>
        <v/>
      </c>
      <c r="BN51" s="307" t="str">
        <f t="shared" si="16"/>
        <v/>
      </c>
      <c r="BO51" s="307" t="str">
        <f t="shared" si="17"/>
        <v/>
      </c>
      <c r="BP51" s="307" t="str">
        <f t="shared" si="18"/>
        <v/>
      </c>
      <c r="BQ51" s="307" t="str">
        <f t="shared" si="19"/>
        <v/>
      </c>
      <c r="BR51" s="307" t="str">
        <f t="shared" si="20"/>
        <v/>
      </c>
      <c r="BS51" s="307" t="str">
        <f t="shared" si="21"/>
        <v/>
      </c>
      <c r="BT51" s="307" t="str">
        <f t="shared" si="22"/>
        <v/>
      </c>
      <c r="BU51" s="307" t="str">
        <f t="shared" si="23"/>
        <v/>
      </c>
      <c r="BV51" s="307" t="str">
        <f t="shared" si="24"/>
        <v/>
      </c>
      <c r="BW51" s="307" t="str">
        <f t="shared" si="25"/>
        <v/>
      </c>
      <c r="BX51" s="307">
        <f t="shared" si="26"/>
        <v>55650</v>
      </c>
      <c r="BY51" s="307">
        <f t="shared" si="27"/>
        <v>7950</v>
      </c>
      <c r="BZ51" s="307" t="str">
        <f t="shared" si="28"/>
        <v/>
      </c>
      <c r="CA51" s="307" t="str">
        <f t="shared" si="29"/>
        <v/>
      </c>
      <c r="CB51" s="307" t="str">
        <f t="shared" si="30"/>
        <v/>
      </c>
      <c r="CC51" s="307" t="str">
        <f t="shared" si="31"/>
        <v/>
      </c>
      <c r="CD51" s="303" t="s">
        <v>236</v>
      </c>
      <c r="CE51" s="303"/>
      <c r="CF51" s="310" t="s">
        <v>231</v>
      </c>
    </row>
    <row r="52" spans="1:84" s="311" customFormat="1" ht="56.1" hidden="1" customHeight="1" x14ac:dyDescent="0.2">
      <c r="A52" s="302">
        <v>50</v>
      </c>
      <c r="B52" s="24" t="s">
        <v>53</v>
      </c>
      <c r="C52" s="24" t="s">
        <v>153</v>
      </c>
      <c r="D52" s="303" t="s">
        <v>227</v>
      </c>
      <c r="E52" s="303" t="s">
        <v>237</v>
      </c>
      <c r="F52" s="303" t="s">
        <v>229</v>
      </c>
      <c r="G52" s="303" t="s">
        <v>95</v>
      </c>
      <c r="H52" s="303" t="s">
        <v>63</v>
      </c>
      <c r="I52" s="303" t="s">
        <v>81</v>
      </c>
      <c r="J52" s="303" t="s">
        <v>230</v>
      </c>
      <c r="K52" s="303" t="s">
        <v>191</v>
      </c>
      <c r="L52" s="303" t="s">
        <v>63</v>
      </c>
      <c r="M52" s="303" t="s">
        <v>63</v>
      </c>
      <c r="N52" s="304">
        <v>6800</v>
      </c>
      <c r="O52" s="304">
        <f t="shared" si="38"/>
        <v>6800</v>
      </c>
      <c r="P52" s="303" t="s">
        <v>217</v>
      </c>
      <c r="Q52" s="305" t="s">
        <v>65</v>
      </c>
      <c r="R52" s="306"/>
      <c r="S52" s="306"/>
      <c r="T52" s="306"/>
      <c r="U52" s="306"/>
      <c r="V52" s="306"/>
      <c r="W52" s="306"/>
      <c r="X52" s="306"/>
      <c r="Y52" s="306"/>
      <c r="Z52" s="306"/>
      <c r="AA52" s="306"/>
      <c r="AB52" s="306"/>
      <c r="AC52" s="306"/>
      <c r="AD52" s="306"/>
      <c r="AE52" s="306"/>
      <c r="AF52" s="306"/>
      <c r="AG52" s="306"/>
      <c r="AH52" s="306"/>
      <c r="AI52" s="306"/>
      <c r="AJ52" s="306"/>
      <c r="AK52" s="306"/>
      <c r="AL52" s="306"/>
      <c r="AM52" s="306"/>
      <c r="AN52" s="306"/>
      <c r="AO52" s="306"/>
      <c r="AP52" s="306"/>
      <c r="AQ52" s="306"/>
      <c r="AR52" s="306"/>
      <c r="AS52" s="306"/>
      <c r="AT52" s="307" t="s">
        <v>66</v>
      </c>
      <c r="AU52" s="307" t="s">
        <v>66</v>
      </c>
      <c r="AV52" s="306"/>
      <c r="AW52" s="308">
        <f t="shared" si="32"/>
        <v>181</v>
      </c>
      <c r="AX52" s="309">
        <f t="shared" si="39"/>
        <v>37.569060773480665</v>
      </c>
      <c r="AY52" s="307" t="str">
        <f t="shared" si="1"/>
        <v/>
      </c>
      <c r="AZ52" s="307" t="str">
        <f t="shared" si="2"/>
        <v/>
      </c>
      <c r="BA52" s="307" t="str">
        <f t="shared" si="3"/>
        <v/>
      </c>
      <c r="BB52" s="307" t="str">
        <f t="shared" si="4"/>
        <v/>
      </c>
      <c r="BC52" s="307" t="str">
        <f t="shared" si="5"/>
        <v/>
      </c>
      <c r="BD52" s="307" t="str">
        <f t="shared" si="6"/>
        <v/>
      </c>
      <c r="BE52" s="307" t="str">
        <f t="shared" si="7"/>
        <v/>
      </c>
      <c r="BF52" s="307" t="str">
        <f t="shared" si="8"/>
        <v/>
      </c>
      <c r="BG52" s="307" t="str">
        <f t="shared" si="9"/>
        <v/>
      </c>
      <c r="BH52" s="307" t="str">
        <f t="shared" si="10"/>
        <v/>
      </c>
      <c r="BI52" s="307" t="str">
        <f t="shared" si="11"/>
        <v/>
      </c>
      <c r="BJ52" s="307" t="str">
        <f t="shared" si="12"/>
        <v/>
      </c>
      <c r="BK52" s="307" t="str">
        <f t="shared" si="13"/>
        <v/>
      </c>
      <c r="BL52" s="307" t="str">
        <f t="shared" si="14"/>
        <v/>
      </c>
      <c r="BM52" s="307" t="str">
        <f t="shared" si="15"/>
        <v/>
      </c>
      <c r="BN52" s="307" t="str">
        <f t="shared" si="16"/>
        <v/>
      </c>
      <c r="BO52" s="307" t="str">
        <f t="shared" si="17"/>
        <v/>
      </c>
      <c r="BP52" s="307" t="str">
        <f t="shared" si="18"/>
        <v/>
      </c>
      <c r="BQ52" s="307" t="str">
        <f t="shared" si="19"/>
        <v/>
      </c>
      <c r="BR52" s="307" t="str">
        <f t="shared" si="20"/>
        <v/>
      </c>
      <c r="BS52" s="307" t="str">
        <f t="shared" si="21"/>
        <v/>
      </c>
      <c r="BT52" s="307" t="str">
        <f t="shared" si="22"/>
        <v/>
      </c>
      <c r="BU52" s="307" t="str">
        <f t="shared" si="23"/>
        <v/>
      </c>
      <c r="BV52" s="307" t="str">
        <f t="shared" si="24"/>
        <v/>
      </c>
      <c r="BW52" s="307" t="str">
        <f t="shared" si="25"/>
        <v/>
      </c>
      <c r="BX52" s="307" t="str">
        <f t="shared" si="26"/>
        <v/>
      </c>
      <c r="BY52" s="307" t="str">
        <f t="shared" si="27"/>
        <v/>
      </c>
      <c r="BZ52" s="307" t="str">
        <f t="shared" si="28"/>
        <v/>
      </c>
      <c r="CA52" s="307">
        <f t="shared" si="29"/>
        <v>5635.3591160220994</v>
      </c>
      <c r="CB52" s="307">
        <f t="shared" si="30"/>
        <v>1164.6408839779006</v>
      </c>
      <c r="CC52" s="307" t="str">
        <f t="shared" si="31"/>
        <v/>
      </c>
      <c r="CD52" s="303"/>
      <c r="CE52" s="303"/>
      <c r="CF52" s="310" t="s">
        <v>231</v>
      </c>
    </row>
    <row r="53" spans="1:84" s="207" customFormat="1" ht="56.1" hidden="1" customHeight="1" x14ac:dyDescent="0.2">
      <c r="A53" s="198">
        <v>51</v>
      </c>
      <c r="B53" s="199" t="s">
        <v>53</v>
      </c>
      <c r="C53" s="199" t="s">
        <v>238</v>
      </c>
      <c r="D53" s="200" t="s">
        <v>239</v>
      </c>
      <c r="E53" s="200" t="s">
        <v>240</v>
      </c>
      <c r="F53" s="200" t="s">
        <v>241</v>
      </c>
      <c r="G53" s="200" t="s">
        <v>58</v>
      </c>
      <c r="H53" s="200" t="s">
        <v>63</v>
      </c>
      <c r="I53" s="200" t="s">
        <v>81</v>
      </c>
      <c r="J53" s="200" t="s">
        <v>242</v>
      </c>
      <c r="K53" s="200" t="s">
        <v>243</v>
      </c>
      <c r="L53" s="200" t="s">
        <v>63</v>
      </c>
      <c r="M53" s="200" t="s">
        <v>63</v>
      </c>
      <c r="N53" s="201"/>
      <c r="O53" s="201"/>
      <c r="P53" s="200" t="s">
        <v>244</v>
      </c>
      <c r="Q53" s="205" t="s">
        <v>245</v>
      </c>
      <c r="R53" s="202"/>
      <c r="S53" s="202"/>
      <c r="T53" s="202"/>
      <c r="U53" s="202"/>
      <c r="V53" s="202"/>
      <c r="W53" s="202"/>
      <c r="X53" s="202"/>
      <c r="Y53" s="202"/>
      <c r="Z53" s="202"/>
      <c r="AA53" s="202"/>
      <c r="AB53" s="202"/>
      <c r="AC53" s="202"/>
      <c r="AD53" s="202"/>
      <c r="AE53" s="202"/>
      <c r="AF53" s="202"/>
      <c r="AG53" s="202"/>
      <c r="AH53" s="202"/>
      <c r="AI53" s="202"/>
      <c r="AJ53" s="202"/>
      <c r="AK53" s="202"/>
      <c r="AL53" s="202"/>
      <c r="AM53" s="202"/>
      <c r="AN53" s="202"/>
      <c r="AO53" s="202"/>
      <c r="AP53" s="202"/>
      <c r="AQ53" s="202"/>
      <c r="AR53" s="202"/>
      <c r="AS53" s="202"/>
      <c r="AT53" s="202"/>
      <c r="AU53" s="202"/>
      <c r="AV53" s="202"/>
      <c r="AW53" s="204">
        <f>SUMIF(R53:AV53,"YES",$R$2:$AV$2)</f>
        <v>0</v>
      </c>
      <c r="AX53" s="205"/>
      <c r="AY53" s="203" t="str">
        <f t="shared" si="1"/>
        <v/>
      </c>
      <c r="AZ53" s="203" t="str">
        <f t="shared" si="2"/>
        <v/>
      </c>
      <c r="BA53" s="203" t="str">
        <f t="shared" si="3"/>
        <v/>
      </c>
      <c r="BB53" s="203" t="str">
        <f t="shared" si="4"/>
        <v/>
      </c>
      <c r="BC53" s="203" t="str">
        <f t="shared" si="5"/>
        <v/>
      </c>
      <c r="BD53" s="203" t="str">
        <f t="shared" si="6"/>
        <v/>
      </c>
      <c r="BE53" s="203" t="str">
        <f t="shared" si="7"/>
        <v/>
      </c>
      <c r="BF53" s="203" t="str">
        <f t="shared" si="8"/>
        <v/>
      </c>
      <c r="BG53" s="203" t="str">
        <f t="shared" si="9"/>
        <v/>
      </c>
      <c r="BH53" s="203" t="str">
        <f t="shared" si="10"/>
        <v/>
      </c>
      <c r="BI53" s="203" t="str">
        <f t="shared" si="11"/>
        <v/>
      </c>
      <c r="BJ53" s="203" t="str">
        <f t="shared" si="12"/>
        <v/>
      </c>
      <c r="BK53" s="203" t="str">
        <f t="shared" si="13"/>
        <v/>
      </c>
      <c r="BL53" s="203" t="str">
        <f t="shared" si="14"/>
        <v/>
      </c>
      <c r="BM53" s="203" t="str">
        <f t="shared" si="15"/>
        <v/>
      </c>
      <c r="BN53" s="203" t="str">
        <f t="shared" si="16"/>
        <v/>
      </c>
      <c r="BO53" s="203" t="str">
        <f t="shared" si="17"/>
        <v/>
      </c>
      <c r="BP53" s="203" t="str">
        <f t="shared" si="18"/>
        <v/>
      </c>
      <c r="BQ53" s="203" t="str">
        <f t="shared" si="19"/>
        <v/>
      </c>
      <c r="BR53" s="203" t="str">
        <f t="shared" si="20"/>
        <v/>
      </c>
      <c r="BS53" s="203" t="str">
        <f t="shared" si="21"/>
        <v/>
      </c>
      <c r="BT53" s="203" t="str">
        <f t="shared" si="22"/>
        <v/>
      </c>
      <c r="BU53" s="203" t="str">
        <f t="shared" si="23"/>
        <v/>
      </c>
      <c r="BV53" s="203" t="str">
        <f t="shared" si="24"/>
        <v/>
      </c>
      <c r="BW53" s="203" t="str">
        <f t="shared" si="25"/>
        <v/>
      </c>
      <c r="BX53" s="203" t="str">
        <f t="shared" si="26"/>
        <v/>
      </c>
      <c r="BY53" s="203" t="str">
        <f t="shared" si="27"/>
        <v/>
      </c>
      <c r="BZ53" s="203" t="str">
        <f t="shared" si="28"/>
        <v/>
      </c>
      <c r="CA53" s="203" t="str">
        <f t="shared" si="29"/>
        <v/>
      </c>
      <c r="CB53" s="203" t="str">
        <f t="shared" si="30"/>
        <v/>
      </c>
      <c r="CC53" s="203" t="str">
        <f t="shared" si="31"/>
        <v/>
      </c>
      <c r="CD53" s="200"/>
      <c r="CE53" s="200"/>
      <c r="CF53" s="206"/>
    </row>
    <row r="54" spans="1:84" s="311" customFormat="1" ht="56.1" hidden="1" customHeight="1" x14ac:dyDescent="0.2">
      <c r="A54" s="302">
        <v>52</v>
      </c>
      <c r="B54" s="24" t="s">
        <v>53</v>
      </c>
      <c r="C54" s="24" t="s">
        <v>238</v>
      </c>
      <c r="D54" s="303" t="s">
        <v>239</v>
      </c>
      <c r="E54" s="303" t="s">
        <v>246</v>
      </c>
      <c r="F54" s="303" t="s">
        <v>247</v>
      </c>
      <c r="G54" s="303" t="s">
        <v>86</v>
      </c>
      <c r="H54" s="303" t="s">
        <v>63</v>
      </c>
      <c r="I54" s="303" t="s">
        <v>81</v>
      </c>
      <c r="J54" s="303" t="s">
        <v>248</v>
      </c>
      <c r="K54" s="303" t="s">
        <v>249</v>
      </c>
      <c r="L54" s="303" t="s">
        <v>63</v>
      </c>
      <c r="M54" s="303" t="s">
        <v>63</v>
      </c>
      <c r="N54" s="304"/>
      <c r="O54" s="304"/>
      <c r="P54" s="303" t="s">
        <v>244</v>
      </c>
      <c r="Q54" s="309" t="s">
        <v>245</v>
      </c>
      <c r="R54" s="306"/>
      <c r="S54" s="306"/>
      <c r="T54" s="306"/>
      <c r="U54" s="306"/>
      <c r="V54" s="306"/>
      <c r="W54" s="306"/>
      <c r="X54" s="306"/>
      <c r="Y54" s="306"/>
      <c r="Z54" s="306"/>
      <c r="AA54" s="306"/>
      <c r="AB54" s="306"/>
      <c r="AC54" s="306"/>
      <c r="AD54" s="306"/>
      <c r="AE54" s="306"/>
      <c r="AF54" s="306"/>
      <c r="AG54" s="306"/>
      <c r="AH54" s="306"/>
      <c r="AI54" s="306"/>
      <c r="AJ54" s="306"/>
      <c r="AK54" s="306"/>
      <c r="AL54" s="306"/>
      <c r="AM54" s="306"/>
      <c r="AN54" s="306"/>
      <c r="AO54" s="306"/>
      <c r="AP54" s="306"/>
      <c r="AQ54" s="306"/>
      <c r="AR54" s="306"/>
      <c r="AS54" s="306"/>
      <c r="AT54" s="306"/>
      <c r="AU54" s="306"/>
      <c r="AV54" s="306"/>
      <c r="AW54" s="308">
        <f>SUMIF(R54:AV54,"YES",$R$2:$AV$2)</f>
        <v>0</v>
      </c>
      <c r="AX54" s="309"/>
      <c r="AY54" s="307" t="str">
        <f t="shared" si="1"/>
        <v/>
      </c>
      <c r="AZ54" s="307" t="str">
        <f t="shared" si="2"/>
        <v/>
      </c>
      <c r="BA54" s="307" t="str">
        <f t="shared" si="3"/>
        <v/>
      </c>
      <c r="BB54" s="307" t="str">
        <f t="shared" si="4"/>
        <v/>
      </c>
      <c r="BC54" s="307" t="str">
        <f t="shared" si="5"/>
        <v/>
      </c>
      <c r="BD54" s="307" t="str">
        <f t="shared" si="6"/>
        <v/>
      </c>
      <c r="BE54" s="307" t="str">
        <f t="shared" si="7"/>
        <v/>
      </c>
      <c r="BF54" s="307" t="str">
        <f t="shared" si="8"/>
        <v/>
      </c>
      <c r="BG54" s="307" t="str">
        <f t="shared" si="9"/>
        <v/>
      </c>
      <c r="BH54" s="307" t="str">
        <f t="shared" si="10"/>
        <v/>
      </c>
      <c r="BI54" s="307" t="str">
        <f t="shared" si="11"/>
        <v/>
      </c>
      <c r="BJ54" s="307" t="str">
        <f t="shared" si="12"/>
        <v/>
      </c>
      <c r="BK54" s="307" t="str">
        <f t="shared" si="13"/>
        <v/>
      </c>
      <c r="BL54" s="307" t="str">
        <f t="shared" si="14"/>
        <v/>
      </c>
      <c r="BM54" s="307" t="str">
        <f t="shared" si="15"/>
        <v/>
      </c>
      <c r="BN54" s="307" t="str">
        <f t="shared" si="16"/>
        <v/>
      </c>
      <c r="BO54" s="307" t="str">
        <f t="shared" si="17"/>
        <v/>
      </c>
      <c r="BP54" s="307" t="str">
        <f t="shared" si="18"/>
        <v/>
      </c>
      <c r="BQ54" s="307" t="str">
        <f t="shared" si="19"/>
        <v/>
      </c>
      <c r="BR54" s="307" t="str">
        <f t="shared" si="20"/>
        <v/>
      </c>
      <c r="BS54" s="307" t="str">
        <f t="shared" si="21"/>
        <v/>
      </c>
      <c r="BT54" s="307" t="str">
        <f t="shared" si="22"/>
        <v/>
      </c>
      <c r="BU54" s="307" t="str">
        <f t="shared" si="23"/>
        <v/>
      </c>
      <c r="BV54" s="307" t="str">
        <f t="shared" si="24"/>
        <v/>
      </c>
      <c r="BW54" s="307" t="str">
        <f t="shared" si="25"/>
        <v/>
      </c>
      <c r="BX54" s="307" t="str">
        <f t="shared" si="26"/>
        <v/>
      </c>
      <c r="BY54" s="307" t="str">
        <f t="shared" si="27"/>
        <v/>
      </c>
      <c r="BZ54" s="307" t="str">
        <f t="shared" si="28"/>
        <v/>
      </c>
      <c r="CA54" s="307" t="str">
        <f t="shared" si="29"/>
        <v/>
      </c>
      <c r="CB54" s="307" t="str">
        <f t="shared" si="30"/>
        <v/>
      </c>
      <c r="CC54" s="307" t="str">
        <f t="shared" si="31"/>
        <v/>
      </c>
      <c r="CD54" s="303"/>
      <c r="CE54" s="303"/>
      <c r="CF54" s="310"/>
    </row>
    <row r="55" spans="1:84" s="276" customFormat="1" ht="56.1" hidden="1" customHeight="1" x14ac:dyDescent="0.2">
      <c r="A55" s="198">
        <v>53</v>
      </c>
      <c r="B55" s="199" t="s">
        <v>53</v>
      </c>
      <c r="C55" s="199" t="s">
        <v>238</v>
      </c>
      <c r="D55" s="200" t="s">
        <v>250</v>
      </c>
      <c r="E55" s="200" t="s">
        <v>251</v>
      </c>
      <c r="F55" s="200" t="s">
        <v>252</v>
      </c>
      <c r="G55" s="200" t="s">
        <v>253</v>
      </c>
      <c r="H55" s="200" t="s">
        <v>254</v>
      </c>
      <c r="I55" s="200" t="s">
        <v>60</v>
      </c>
      <c r="J55" s="200" t="s">
        <v>255</v>
      </c>
      <c r="K55" s="200" t="s">
        <v>256</v>
      </c>
      <c r="L55" s="200">
        <v>1000000</v>
      </c>
      <c r="M55" s="200">
        <v>2000000</v>
      </c>
      <c r="N55" s="201">
        <v>1500000</v>
      </c>
      <c r="O55" s="201">
        <f>N55</f>
        <v>1500000</v>
      </c>
      <c r="P55" s="200" t="s">
        <v>257</v>
      </c>
      <c r="Q55" s="205" t="s">
        <v>245</v>
      </c>
      <c r="R55" s="275"/>
      <c r="S55" s="275"/>
      <c r="T55" s="275"/>
      <c r="U55" s="275"/>
      <c r="V55" s="202"/>
      <c r="W55" s="202"/>
      <c r="X55" s="202"/>
      <c r="Y55" s="275"/>
      <c r="Z55" s="275"/>
      <c r="AA55" s="275"/>
      <c r="AB55" s="275"/>
      <c r="AC55" s="275"/>
      <c r="AD55" s="275"/>
      <c r="AE55" s="275"/>
      <c r="AF55" s="275"/>
      <c r="AG55" s="275"/>
      <c r="AH55" s="275"/>
      <c r="AI55" s="275"/>
      <c r="AJ55" s="275"/>
      <c r="AK55" s="275"/>
      <c r="AL55" s="275"/>
      <c r="AM55" s="275"/>
      <c r="AN55" s="275"/>
      <c r="AO55" s="275"/>
      <c r="AP55" s="275"/>
      <c r="AQ55" s="275"/>
      <c r="AR55" s="275"/>
      <c r="AS55" s="275"/>
      <c r="AT55" s="275"/>
      <c r="AU55" s="275"/>
      <c r="AV55" s="275"/>
      <c r="AW55" s="204">
        <f t="shared" si="32"/>
        <v>0</v>
      </c>
      <c r="AX55" s="205"/>
      <c r="AY55" s="203" t="str">
        <f t="shared" si="1"/>
        <v/>
      </c>
      <c r="AZ55" s="203" t="str">
        <f t="shared" si="2"/>
        <v/>
      </c>
      <c r="BA55" s="203" t="str">
        <f t="shared" si="3"/>
        <v/>
      </c>
      <c r="BB55" s="203" t="str">
        <f t="shared" si="4"/>
        <v/>
      </c>
      <c r="BC55" s="203" t="str">
        <f t="shared" si="5"/>
        <v/>
      </c>
      <c r="BD55" s="203" t="str">
        <f t="shared" si="6"/>
        <v/>
      </c>
      <c r="BE55" s="203" t="str">
        <f t="shared" si="7"/>
        <v/>
      </c>
      <c r="BF55" s="203" t="str">
        <f t="shared" si="8"/>
        <v/>
      </c>
      <c r="BG55" s="203" t="str">
        <f t="shared" si="9"/>
        <v/>
      </c>
      <c r="BH55" s="203" t="str">
        <f t="shared" si="10"/>
        <v/>
      </c>
      <c r="BI55" s="203" t="str">
        <f t="shared" si="11"/>
        <v/>
      </c>
      <c r="BJ55" s="203" t="str">
        <f t="shared" si="12"/>
        <v/>
      </c>
      <c r="BK55" s="203" t="str">
        <f t="shared" si="13"/>
        <v/>
      </c>
      <c r="BL55" s="203" t="str">
        <f t="shared" si="14"/>
        <v/>
      </c>
      <c r="BM55" s="203" t="str">
        <f t="shared" si="15"/>
        <v/>
      </c>
      <c r="BN55" s="203" t="str">
        <f t="shared" si="16"/>
        <v/>
      </c>
      <c r="BO55" s="203" t="str">
        <f t="shared" si="17"/>
        <v/>
      </c>
      <c r="BP55" s="203" t="str">
        <f t="shared" si="18"/>
        <v/>
      </c>
      <c r="BQ55" s="203" t="str">
        <f t="shared" si="19"/>
        <v/>
      </c>
      <c r="BR55" s="203" t="str">
        <f t="shared" si="20"/>
        <v/>
      </c>
      <c r="BS55" s="203" t="str">
        <f t="shared" si="21"/>
        <v/>
      </c>
      <c r="BT55" s="203" t="str">
        <f t="shared" si="22"/>
        <v/>
      </c>
      <c r="BU55" s="203" t="str">
        <f t="shared" si="23"/>
        <v/>
      </c>
      <c r="BV55" s="203" t="str">
        <f t="shared" si="24"/>
        <v/>
      </c>
      <c r="BW55" s="203" t="str">
        <f t="shared" si="25"/>
        <v/>
      </c>
      <c r="BX55" s="203" t="str">
        <f t="shared" si="26"/>
        <v/>
      </c>
      <c r="BY55" s="203" t="str">
        <f t="shared" si="27"/>
        <v/>
      </c>
      <c r="BZ55" s="203" t="str">
        <f t="shared" si="28"/>
        <v/>
      </c>
      <c r="CA55" s="203" t="str">
        <f t="shared" si="29"/>
        <v/>
      </c>
      <c r="CB55" s="203" t="str">
        <f t="shared" si="30"/>
        <v/>
      </c>
      <c r="CC55" s="203" t="str">
        <f t="shared" si="31"/>
        <v/>
      </c>
      <c r="CD55" s="206"/>
      <c r="CE55" s="206"/>
      <c r="CF55" s="206"/>
    </row>
    <row r="56" spans="1:84" s="315" customFormat="1" ht="56.1" hidden="1" customHeight="1" x14ac:dyDescent="0.2">
      <c r="A56" s="302">
        <v>54</v>
      </c>
      <c r="B56" s="24" t="s">
        <v>53</v>
      </c>
      <c r="C56" s="24" t="s">
        <v>238</v>
      </c>
      <c r="D56" s="303" t="s">
        <v>250</v>
      </c>
      <c r="E56" s="303" t="s">
        <v>258</v>
      </c>
      <c r="F56" s="303" t="s">
        <v>259</v>
      </c>
      <c r="G56" s="303" t="s">
        <v>90</v>
      </c>
      <c r="H56" s="303" t="s">
        <v>260</v>
      </c>
      <c r="I56" s="303" t="s">
        <v>60</v>
      </c>
      <c r="J56" s="303" t="s">
        <v>261</v>
      </c>
      <c r="K56" s="303" t="s">
        <v>225</v>
      </c>
      <c r="L56" s="303" t="s">
        <v>191</v>
      </c>
      <c r="M56" s="303" t="s">
        <v>191</v>
      </c>
      <c r="N56" s="304"/>
      <c r="O56" s="304"/>
      <c r="P56" s="303" t="s">
        <v>262</v>
      </c>
      <c r="Q56" s="309" t="s">
        <v>245</v>
      </c>
      <c r="R56" s="314"/>
      <c r="S56" s="314"/>
      <c r="T56" s="314"/>
      <c r="U56" s="314"/>
      <c r="V56" s="306"/>
      <c r="W56" s="306"/>
      <c r="X56" s="306"/>
      <c r="Y56" s="314"/>
      <c r="Z56" s="314"/>
      <c r="AA56" s="314"/>
      <c r="AB56" s="314"/>
      <c r="AC56" s="314"/>
      <c r="AD56" s="314"/>
      <c r="AE56" s="314"/>
      <c r="AF56" s="314"/>
      <c r="AG56" s="314"/>
      <c r="AH56" s="314"/>
      <c r="AI56" s="314"/>
      <c r="AJ56" s="314"/>
      <c r="AK56" s="314"/>
      <c r="AL56" s="314"/>
      <c r="AM56" s="314"/>
      <c r="AN56" s="314"/>
      <c r="AO56" s="314"/>
      <c r="AP56" s="314"/>
      <c r="AQ56" s="314"/>
      <c r="AR56" s="314"/>
      <c r="AS56" s="314"/>
      <c r="AT56" s="314"/>
      <c r="AU56" s="314"/>
      <c r="AV56" s="314"/>
      <c r="AW56" s="308">
        <f>SUMIF(R56:AV56,"YES",$R$2:$AV$2)</f>
        <v>0</v>
      </c>
      <c r="AX56" s="309"/>
      <c r="AY56" s="307" t="str">
        <f t="shared" si="1"/>
        <v/>
      </c>
      <c r="AZ56" s="307" t="str">
        <f t="shared" si="2"/>
        <v/>
      </c>
      <c r="BA56" s="307" t="str">
        <f t="shared" si="3"/>
        <v/>
      </c>
      <c r="BB56" s="307" t="str">
        <f t="shared" si="4"/>
        <v/>
      </c>
      <c r="BC56" s="307" t="str">
        <f t="shared" si="5"/>
        <v/>
      </c>
      <c r="BD56" s="307" t="str">
        <f t="shared" si="6"/>
        <v/>
      </c>
      <c r="BE56" s="307" t="str">
        <f t="shared" si="7"/>
        <v/>
      </c>
      <c r="BF56" s="307" t="str">
        <f t="shared" si="8"/>
        <v/>
      </c>
      <c r="BG56" s="307" t="str">
        <f t="shared" si="9"/>
        <v/>
      </c>
      <c r="BH56" s="307" t="str">
        <f t="shared" si="10"/>
        <v/>
      </c>
      <c r="BI56" s="307" t="str">
        <f t="shared" si="11"/>
        <v/>
      </c>
      <c r="BJ56" s="307" t="str">
        <f t="shared" si="12"/>
        <v/>
      </c>
      <c r="BK56" s="307" t="str">
        <f t="shared" si="13"/>
        <v/>
      </c>
      <c r="BL56" s="307" t="str">
        <f t="shared" si="14"/>
        <v/>
      </c>
      <c r="BM56" s="307" t="str">
        <f t="shared" si="15"/>
        <v/>
      </c>
      <c r="BN56" s="307" t="str">
        <f t="shared" si="16"/>
        <v/>
      </c>
      <c r="BO56" s="307" t="str">
        <f t="shared" si="17"/>
        <v/>
      </c>
      <c r="BP56" s="307" t="str">
        <f t="shared" si="18"/>
        <v/>
      </c>
      <c r="BQ56" s="307" t="str">
        <f t="shared" si="19"/>
        <v/>
      </c>
      <c r="BR56" s="307" t="str">
        <f t="shared" si="20"/>
        <v/>
      </c>
      <c r="BS56" s="307" t="str">
        <f t="shared" si="21"/>
        <v/>
      </c>
      <c r="BT56" s="307" t="str">
        <f t="shared" si="22"/>
        <v/>
      </c>
      <c r="BU56" s="307" t="str">
        <f t="shared" si="23"/>
        <v/>
      </c>
      <c r="BV56" s="307" t="str">
        <f t="shared" si="24"/>
        <v/>
      </c>
      <c r="BW56" s="307" t="str">
        <f t="shared" si="25"/>
        <v/>
      </c>
      <c r="BX56" s="307" t="str">
        <f t="shared" si="26"/>
        <v/>
      </c>
      <c r="BY56" s="307" t="str">
        <f t="shared" si="27"/>
        <v/>
      </c>
      <c r="BZ56" s="307" t="str">
        <f t="shared" si="28"/>
        <v/>
      </c>
      <c r="CA56" s="307" t="str">
        <f t="shared" si="29"/>
        <v/>
      </c>
      <c r="CB56" s="307" t="str">
        <f t="shared" si="30"/>
        <v/>
      </c>
      <c r="CC56" s="307" t="str">
        <f t="shared" si="31"/>
        <v/>
      </c>
      <c r="CD56" s="310"/>
      <c r="CE56" s="310"/>
      <c r="CF56" s="310"/>
    </row>
    <row r="57" spans="1:84" s="274" customFormat="1" ht="56.1" hidden="1" customHeight="1" x14ac:dyDescent="0.2">
      <c r="A57" s="264">
        <v>55</v>
      </c>
      <c r="B57" s="265" t="s">
        <v>53</v>
      </c>
      <c r="C57" s="265" t="s">
        <v>238</v>
      </c>
      <c r="D57" s="266" t="s">
        <v>263</v>
      </c>
      <c r="E57" s="266" t="s">
        <v>264</v>
      </c>
      <c r="F57" s="266" t="s">
        <v>265</v>
      </c>
      <c r="G57" s="266" t="s">
        <v>215</v>
      </c>
      <c r="H57" s="266" t="s">
        <v>63</v>
      </c>
      <c r="I57" s="266" t="s">
        <v>81</v>
      </c>
      <c r="J57" s="266" t="s">
        <v>266</v>
      </c>
      <c r="K57" s="266" t="s">
        <v>225</v>
      </c>
      <c r="L57" s="266" t="s">
        <v>63</v>
      </c>
      <c r="M57" s="266" t="s">
        <v>63</v>
      </c>
      <c r="N57" s="267"/>
      <c r="O57" s="267"/>
      <c r="P57" s="266" t="s">
        <v>267</v>
      </c>
      <c r="Q57" s="272" t="s">
        <v>245</v>
      </c>
      <c r="R57" s="270"/>
      <c r="S57" s="270"/>
      <c r="T57" s="270"/>
      <c r="U57" s="270"/>
      <c r="V57" s="270"/>
      <c r="W57" s="270"/>
      <c r="X57" s="270"/>
      <c r="Y57" s="270"/>
      <c r="Z57" s="270"/>
      <c r="AA57" s="270"/>
      <c r="AB57" s="270"/>
      <c r="AC57" s="270"/>
      <c r="AD57" s="270"/>
      <c r="AE57" s="270"/>
      <c r="AF57" s="270"/>
      <c r="AG57" s="270"/>
      <c r="AH57" s="270"/>
      <c r="AI57" s="270"/>
      <c r="AJ57" s="270"/>
      <c r="AK57" s="270"/>
      <c r="AL57" s="270"/>
      <c r="AM57" s="270"/>
      <c r="AN57" s="270"/>
      <c r="AO57" s="270"/>
      <c r="AP57" s="270"/>
      <c r="AQ57" s="270"/>
      <c r="AR57" s="270"/>
      <c r="AS57" s="270"/>
      <c r="AT57" s="270"/>
      <c r="AU57" s="270"/>
      <c r="AV57" s="270"/>
      <c r="AW57" s="271">
        <f>SUMIF(R57:AV57,"YES",$R$2:$AV$2)</f>
        <v>0</v>
      </c>
      <c r="AX57" s="272"/>
      <c r="AY57" s="269" t="str">
        <f t="shared" si="1"/>
        <v/>
      </c>
      <c r="AZ57" s="269" t="str">
        <f t="shared" si="2"/>
        <v/>
      </c>
      <c r="BA57" s="269" t="str">
        <f t="shared" si="3"/>
        <v/>
      </c>
      <c r="BB57" s="269" t="str">
        <f t="shared" si="4"/>
        <v/>
      </c>
      <c r="BC57" s="269" t="str">
        <f t="shared" si="5"/>
        <v/>
      </c>
      <c r="BD57" s="269" t="str">
        <f t="shared" si="6"/>
        <v/>
      </c>
      <c r="BE57" s="269" t="str">
        <f t="shared" si="7"/>
        <v/>
      </c>
      <c r="BF57" s="269" t="str">
        <f t="shared" si="8"/>
        <v/>
      </c>
      <c r="BG57" s="269" t="str">
        <f t="shared" si="9"/>
        <v/>
      </c>
      <c r="BH57" s="269" t="str">
        <f t="shared" si="10"/>
        <v/>
      </c>
      <c r="BI57" s="269" t="str">
        <f t="shared" si="11"/>
        <v/>
      </c>
      <c r="BJ57" s="269" t="str">
        <f t="shared" si="12"/>
        <v/>
      </c>
      <c r="BK57" s="269" t="str">
        <f t="shared" si="13"/>
        <v/>
      </c>
      <c r="BL57" s="269" t="str">
        <f t="shared" si="14"/>
        <v/>
      </c>
      <c r="BM57" s="269" t="str">
        <f t="shared" si="15"/>
        <v/>
      </c>
      <c r="BN57" s="269" t="str">
        <f t="shared" si="16"/>
        <v/>
      </c>
      <c r="BO57" s="269" t="str">
        <f t="shared" si="17"/>
        <v/>
      </c>
      <c r="BP57" s="269" t="str">
        <f t="shared" si="18"/>
        <v/>
      </c>
      <c r="BQ57" s="269" t="str">
        <f t="shared" si="19"/>
        <v/>
      </c>
      <c r="BR57" s="269" t="str">
        <f t="shared" si="20"/>
        <v/>
      </c>
      <c r="BS57" s="269" t="str">
        <f t="shared" si="21"/>
        <v/>
      </c>
      <c r="BT57" s="269" t="str">
        <f t="shared" si="22"/>
        <v/>
      </c>
      <c r="BU57" s="269" t="str">
        <f t="shared" si="23"/>
        <v/>
      </c>
      <c r="BV57" s="269" t="str">
        <f t="shared" si="24"/>
        <v/>
      </c>
      <c r="BW57" s="269" t="str">
        <f t="shared" si="25"/>
        <v/>
      </c>
      <c r="BX57" s="269" t="str">
        <f t="shared" si="26"/>
        <v/>
      </c>
      <c r="BY57" s="269" t="str">
        <f t="shared" si="27"/>
        <v/>
      </c>
      <c r="BZ57" s="269" t="str">
        <f t="shared" si="28"/>
        <v/>
      </c>
      <c r="CA57" s="269" t="str">
        <f t="shared" si="29"/>
        <v/>
      </c>
      <c r="CB57" s="269" t="str">
        <f t="shared" si="30"/>
        <v/>
      </c>
      <c r="CC57" s="269" t="str">
        <f t="shared" si="31"/>
        <v/>
      </c>
      <c r="CD57" s="266"/>
      <c r="CE57" s="266"/>
      <c r="CF57" s="273"/>
    </row>
    <row r="58" spans="1:84" s="217" customFormat="1" ht="56.1" hidden="1" customHeight="1" x14ac:dyDescent="0.2">
      <c r="A58" s="181">
        <v>56</v>
      </c>
      <c r="B58" s="182" t="s">
        <v>53</v>
      </c>
      <c r="C58" s="182" t="s">
        <v>238</v>
      </c>
      <c r="D58" s="214" t="s">
        <v>268</v>
      </c>
      <c r="E58" s="214" t="s">
        <v>269</v>
      </c>
      <c r="F58" s="214" t="s">
        <v>270</v>
      </c>
      <c r="G58" s="214" t="s">
        <v>215</v>
      </c>
      <c r="H58" s="214" t="s">
        <v>271</v>
      </c>
      <c r="I58" s="214" t="s">
        <v>81</v>
      </c>
      <c r="J58" s="214" t="s">
        <v>272</v>
      </c>
      <c r="K58" s="214" t="s">
        <v>191</v>
      </c>
      <c r="L58" s="214" t="s">
        <v>63</v>
      </c>
      <c r="M58" s="214" t="s">
        <v>63</v>
      </c>
      <c r="N58" s="215"/>
      <c r="O58" s="215"/>
      <c r="P58" s="214" t="s">
        <v>272</v>
      </c>
      <c r="Q58" s="187" t="s">
        <v>245</v>
      </c>
      <c r="R58" s="216"/>
      <c r="S58" s="216"/>
      <c r="T58" s="216"/>
      <c r="U58" s="216"/>
      <c r="V58" s="216"/>
      <c r="W58" s="216"/>
      <c r="X58" s="216"/>
      <c r="Y58" s="216"/>
      <c r="Z58" s="216"/>
      <c r="AA58" s="216"/>
      <c r="AB58" s="216"/>
      <c r="AC58" s="216"/>
      <c r="AD58" s="216"/>
      <c r="AE58" s="216"/>
      <c r="AF58" s="216"/>
      <c r="AG58" s="216"/>
      <c r="AH58" s="216"/>
      <c r="AI58" s="216"/>
      <c r="AJ58" s="216"/>
      <c r="AK58" s="216"/>
      <c r="AL58" s="216"/>
      <c r="AM58" s="216"/>
      <c r="AN58" s="216"/>
      <c r="AO58" s="216"/>
      <c r="AP58" s="216"/>
      <c r="AQ58" s="216"/>
      <c r="AR58" s="216"/>
      <c r="AS58" s="216"/>
      <c r="AT58" s="216"/>
      <c r="AU58" s="216"/>
      <c r="AV58" s="216"/>
      <c r="AW58" s="191">
        <f>SUMIF(R58:AV58,"YES",$R$2:$AV$2)</f>
        <v>0</v>
      </c>
      <c r="AX58" s="187"/>
      <c r="AY58" s="192" t="str">
        <f t="shared" si="1"/>
        <v/>
      </c>
      <c r="AZ58" s="192" t="str">
        <f t="shared" si="2"/>
        <v/>
      </c>
      <c r="BA58" s="192" t="str">
        <f t="shared" si="3"/>
        <v/>
      </c>
      <c r="BB58" s="192" t="str">
        <f t="shared" si="4"/>
        <v/>
      </c>
      <c r="BC58" s="192" t="str">
        <f t="shared" si="5"/>
        <v/>
      </c>
      <c r="BD58" s="192" t="str">
        <f t="shared" si="6"/>
        <v/>
      </c>
      <c r="BE58" s="192" t="str">
        <f t="shared" si="7"/>
        <v/>
      </c>
      <c r="BF58" s="192" t="str">
        <f t="shared" si="8"/>
        <v/>
      </c>
      <c r="BG58" s="192" t="str">
        <f t="shared" si="9"/>
        <v/>
      </c>
      <c r="BH58" s="192" t="str">
        <f t="shared" si="10"/>
        <v/>
      </c>
      <c r="BI58" s="192" t="str">
        <f t="shared" si="11"/>
        <v/>
      </c>
      <c r="BJ58" s="192" t="str">
        <f t="shared" si="12"/>
        <v/>
      </c>
      <c r="BK58" s="192" t="str">
        <f t="shared" si="13"/>
        <v/>
      </c>
      <c r="BL58" s="192" t="str">
        <f t="shared" si="14"/>
        <v/>
      </c>
      <c r="BM58" s="192" t="str">
        <f t="shared" si="15"/>
        <v/>
      </c>
      <c r="BN58" s="192" t="str">
        <f t="shared" si="16"/>
        <v/>
      </c>
      <c r="BO58" s="192" t="str">
        <f t="shared" si="17"/>
        <v/>
      </c>
      <c r="BP58" s="192" t="str">
        <f t="shared" si="18"/>
        <v/>
      </c>
      <c r="BQ58" s="192" t="str">
        <f t="shared" si="19"/>
        <v/>
      </c>
      <c r="BR58" s="192" t="str">
        <f t="shared" si="20"/>
        <v/>
      </c>
      <c r="BS58" s="192" t="str">
        <f t="shared" si="21"/>
        <v/>
      </c>
      <c r="BT58" s="192" t="str">
        <f t="shared" si="22"/>
        <v/>
      </c>
      <c r="BU58" s="192" t="str">
        <f t="shared" si="23"/>
        <v/>
      </c>
      <c r="BV58" s="192" t="str">
        <f t="shared" si="24"/>
        <v/>
      </c>
      <c r="BW58" s="192" t="str">
        <f t="shared" si="25"/>
        <v/>
      </c>
      <c r="BX58" s="192" t="str">
        <f t="shared" si="26"/>
        <v/>
      </c>
      <c r="BY58" s="192" t="str">
        <f t="shared" si="27"/>
        <v/>
      </c>
      <c r="BZ58" s="192" t="str">
        <f t="shared" si="28"/>
        <v/>
      </c>
      <c r="CA58" s="192" t="str">
        <f t="shared" si="29"/>
        <v/>
      </c>
      <c r="CB58" s="192" t="str">
        <f t="shared" si="30"/>
        <v/>
      </c>
      <c r="CC58" s="192" t="str">
        <f t="shared" si="31"/>
        <v/>
      </c>
      <c r="CD58" s="214"/>
      <c r="CE58" s="214"/>
      <c r="CF58" s="186"/>
    </row>
    <row r="59" spans="1:84" s="274" customFormat="1" ht="56.1" hidden="1" customHeight="1" x14ac:dyDescent="0.2">
      <c r="A59" s="264">
        <v>57</v>
      </c>
      <c r="B59" s="265" t="s">
        <v>53</v>
      </c>
      <c r="C59" s="265" t="s">
        <v>273</v>
      </c>
      <c r="D59" s="266" t="s">
        <v>274</v>
      </c>
      <c r="E59" s="277" t="s">
        <v>275</v>
      </c>
      <c r="F59" s="278" t="s">
        <v>275</v>
      </c>
      <c r="G59" s="266" t="s">
        <v>215</v>
      </c>
      <c r="H59" s="266" t="s">
        <v>63</v>
      </c>
      <c r="I59" s="266" t="s">
        <v>8</v>
      </c>
      <c r="J59" s="266" t="s">
        <v>276</v>
      </c>
      <c r="K59" s="266" t="s">
        <v>225</v>
      </c>
      <c r="L59" s="266" t="s">
        <v>63</v>
      </c>
      <c r="M59" s="266" t="s">
        <v>63</v>
      </c>
      <c r="N59" s="267"/>
      <c r="O59" s="267"/>
      <c r="P59" s="266" t="s">
        <v>277</v>
      </c>
      <c r="Q59" s="272" t="s">
        <v>245</v>
      </c>
      <c r="R59" s="270"/>
      <c r="S59" s="270"/>
      <c r="T59" s="270"/>
      <c r="U59" s="270"/>
      <c r="V59" s="270"/>
      <c r="W59" s="270"/>
      <c r="X59" s="270"/>
      <c r="Y59" s="270"/>
      <c r="Z59" s="270"/>
      <c r="AA59" s="270"/>
      <c r="AB59" s="270"/>
      <c r="AC59" s="270"/>
      <c r="AD59" s="270"/>
      <c r="AE59" s="270"/>
      <c r="AF59" s="270"/>
      <c r="AG59" s="270"/>
      <c r="AH59" s="270"/>
      <c r="AI59" s="270"/>
      <c r="AJ59" s="270"/>
      <c r="AK59" s="270"/>
      <c r="AL59" s="270"/>
      <c r="AM59" s="270"/>
      <c r="AN59" s="270"/>
      <c r="AO59" s="270"/>
      <c r="AP59" s="270"/>
      <c r="AQ59" s="270"/>
      <c r="AR59" s="270"/>
      <c r="AS59" s="270"/>
      <c r="AT59" s="270"/>
      <c r="AU59" s="270"/>
      <c r="AV59" s="270"/>
      <c r="AW59" s="271">
        <f>SUMIF(R59:AV59,"YES",$R$2:$AV$2)</f>
        <v>0</v>
      </c>
      <c r="AX59" s="272"/>
      <c r="AY59" s="269" t="str">
        <f t="shared" si="1"/>
        <v/>
      </c>
      <c r="AZ59" s="269" t="str">
        <f t="shared" si="2"/>
        <v/>
      </c>
      <c r="BA59" s="269" t="str">
        <f t="shared" si="3"/>
        <v/>
      </c>
      <c r="BB59" s="269" t="str">
        <f t="shared" si="4"/>
        <v/>
      </c>
      <c r="BC59" s="269" t="str">
        <f t="shared" si="5"/>
        <v/>
      </c>
      <c r="BD59" s="269" t="str">
        <f t="shared" si="6"/>
        <v/>
      </c>
      <c r="BE59" s="269" t="str">
        <f t="shared" si="7"/>
        <v/>
      </c>
      <c r="BF59" s="269" t="str">
        <f t="shared" si="8"/>
        <v/>
      </c>
      <c r="BG59" s="269" t="str">
        <f t="shared" si="9"/>
        <v/>
      </c>
      <c r="BH59" s="269" t="str">
        <f t="shared" si="10"/>
        <v/>
      </c>
      <c r="BI59" s="269" t="str">
        <f t="shared" si="11"/>
        <v/>
      </c>
      <c r="BJ59" s="269" t="str">
        <f t="shared" si="12"/>
        <v/>
      </c>
      <c r="BK59" s="269" t="str">
        <f t="shared" si="13"/>
        <v/>
      </c>
      <c r="BL59" s="269" t="str">
        <f t="shared" si="14"/>
        <v/>
      </c>
      <c r="BM59" s="269" t="str">
        <f t="shared" si="15"/>
        <v/>
      </c>
      <c r="BN59" s="269" t="str">
        <f t="shared" si="16"/>
        <v/>
      </c>
      <c r="BO59" s="269" t="str">
        <f t="shared" si="17"/>
        <v/>
      </c>
      <c r="BP59" s="269" t="str">
        <f t="shared" si="18"/>
        <v/>
      </c>
      <c r="BQ59" s="269" t="str">
        <f t="shared" si="19"/>
        <v/>
      </c>
      <c r="BR59" s="269" t="str">
        <f t="shared" si="20"/>
        <v/>
      </c>
      <c r="BS59" s="269" t="str">
        <f t="shared" si="21"/>
        <v/>
      </c>
      <c r="BT59" s="269" t="str">
        <f t="shared" si="22"/>
        <v/>
      </c>
      <c r="BU59" s="269" t="str">
        <f t="shared" si="23"/>
        <v/>
      </c>
      <c r="BV59" s="269" t="str">
        <f t="shared" si="24"/>
        <v/>
      </c>
      <c r="BW59" s="269" t="str">
        <f t="shared" si="25"/>
        <v/>
      </c>
      <c r="BX59" s="269" t="str">
        <f t="shared" si="26"/>
        <v/>
      </c>
      <c r="BY59" s="269" t="str">
        <f t="shared" si="27"/>
        <v/>
      </c>
      <c r="BZ59" s="269" t="str">
        <f t="shared" si="28"/>
        <v/>
      </c>
      <c r="CA59" s="269" t="str">
        <f t="shared" si="29"/>
        <v/>
      </c>
      <c r="CB59" s="269" t="str">
        <f t="shared" si="30"/>
        <v/>
      </c>
      <c r="CC59" s="269" t="str">
        <f t="shared" si="31"/>
        <v/>
      </c>
      <c r="CD59" s="266"/>
      <c r="CE59" s="266"/>
      <c r="CF59" s="273"/>
    </row>
    <row r="60" spans="1:84" s="207" customFormat="1" ht="56.1" hidden="1" customHeight="1" x14ac:dyDescent="0.2">
      <c r="A60" s="198">
        <v>58</v>
      </c>
      <c r="B60" s="199" t="s">
        <v>278</v>
      </c>
      <c r="C60" s="199" t="s">
        <v>279</v>
      </c>
      <c r="D60" s="200" t="s">
        <v>280</v>
      </c>
      <c r="E60" s="200" t="s">
        <v>281</v>
      </c>
      <c r="F60" s="200" t="s">
        <v>282</v>
      </c>
      <c r="G60" s="200" t="s">
        <v>58</v>
      </c>
      <c r="H60" s="200" t="s">
        <v>63</v>
      </c>
      <c r="I60" s="200" t="s">
        <v>81</v>
      </c>
      <c r="J60" s="200" t="s">
        <v>77</v>
      </c>
      <c r="K60" s="200" t="s">
        <v>165</v>
      </c>
      <c r="L60" s="200" t="s">
        <v>63</v>
      </c>
      <c r="M60" s="200" t="s">
        <v>63</v>
      </c>
      <c r="N60" s="201">
        <v>7705572</v>
      </c>
      <c r="O60" s="201">
        <f>N60</f>
        <v>7705572</v>
      </c>
      <c r="P60" s="200" t="s">
        <v>283</v>
      </c>
      <c r="Q60" s="205" t="s">
        <v>65</v>
      </c>
      <c r="R60" s="203" t="s">
        <v>66</v>
      </c>
      <c r="S60" s="203" t="s">
        <v>66</v>
      </c>
      <c r="T60" s="203" t="s">
        <v>66</v>
      </c>
      <c r="U60" s="203" t="s">
        <v>66</v>
      </c>
      <c r="V60" s="203" t="s">
        <v>66</v>
      </c>
      <c r="W60" s="203" t="s">
        <v>66</v>
      </c>
      <c r="X60" s="203" t="s">
        <v>66</v>
      </c>
      <c r="Y60" s="203" t="s">
        <v>66</v>
      </c>
      <c r="Z60" s="203" t="s">
        <v>66</v>
      </c>
      <c r="AA60" s="203" t="s">
        <v>66</v>
      </c>
      <c r="AB60" s="203" t="s">
        <v>66</v>
      </c>
      <c r="AC60" s="203" t="s">
        <v>66</v>
      </c>
      <c r="AD60" s="203" t="s">
        <v>66</v>
      </c>
      <c r="AE60" s="203" t="s">
        <v>66</v>
      </c>
      <c r="AF60" s="203" t="s">
        <v>66</v>
      </c>
      <c r="AG60" s="203" t="s">
        <v>66</v>
      </c>
      <c r="AH60" s="203" t="s">
        <v>66</v>
      </c>
      <c r="AI60" s="202"/>
      <c r="AJ60" s="202"/>
      <c r="AK60" s="202"/>
      <c r="AL60" s="202"/>
      <c r="AM60" s="202"/>
      <c r="AN60" s="202"/>
      <c r="AO60" s="202"/>
      <c r="AP60" s="202"/>
      <c r="AQ60" s="202"/>
      <c r="AR60" s="202"/>
      <c r="AS60" s="202"/>
      <c r="AT60" s="202"/>
      <c r="AU60" s="202"/>
      <c r="AV60" s="202"/>
      <c r="AW60" s="204">
        <f t="shared" si="32"/>
        <v>8859</v>
      </c>
      <c r="AX60" s="205">
        <f>O60/AW60</f>
        <v>869.80155773789363</v>
      </c>
      <c r="AY60" s="203">
        <f t="shared" si="1"/>
        <v>1304702.3366068404</v>
      </c>
      <c r="AZ60" s="203">
        <f t="shared" si="2"/>
        <v>173960.31154757872</v>
      </c>
      <c r="BA60" s="203">
        <f t="shared" si="3"/>
        <v>391410.70098205213</v>
      </c>
      <c r="BB60" s="203">
        <f t="shared" si="4"/>
        <v>304430.54520826275</v>
      </c>
      <c r="BC60" s="203">
        <f t="shared" si="5"/>
        <v>260940.46732136808</v>
      </c>
      <c r="BD60" s="203">
        <f t="shared" si="6"/>
        <v>417504.74771418894</v>
      </c>
      <c r="BE60" s="203">
        <f t="shared" si="7"/>
        <v>86980.15577378936</v>
      </c>
      <c r="BF60" s="203">
        <f t="shared" si="8"/>
        <v>339222.60751777852</v>
      </c>
      <c r="BG60" s="203">
        <f t="shared" si="9"/>
        <v>434900.77886894683</v>
      </c>
      <c r="BH60" s="203">
        <f t="shared" si="10"/>
        <v>434900.77886894683</v>
      </c>
      <c r="BI60" s="203">
        <f t="shared" si="11"/>
        <v>652351.16830342019</v>
      </c>
      <c r="BJ60" s="203">
        <f t="shared" si="12"/>
        <v>173960.31154757872</v>
      </c>
      <c r="BK60" s="203">
        <f t="shared" si="13"/>
        <v>203533.56451066711</v>
      </c>
      <c r="BL60" s="203">
        <f t="shared" si="14"/>
        <v>304430.54520826275</v>
      </c>
      <c r="BM60" s="203">
        <f t="shared" si="15"/>
        <v>78282.14019641043</v>
      </c>
      <c r="BN60" s="203">
        <f t="shared" si="16"/>
        <v>69584.124619031485</v>
      </c>
      <c r="BO60" s="203">
        <f t="shared" si="17"/>
        <v>2074476.7152048764</v>
      </c>
      <c r="BP60" s="203" t="str">
        <f t="shared" si="18"/>
        <v/>
      </c>
      <c r="BQ60" s="203" t="str">
        <f t="shared" si="19"/>
        <v/>
      </c>
      <c r="BR60" s="203" t="str">
        <f t="shared" si="20"/>
        <v/>
      </c>
      <c r="BS60" s="203" t="str">
        <f t="shared" si="21"/>
        <v/>
      </c>
      <c r="BT60" s="203" t="str">
        <f t="shared" si="22"/>
        <v/>
      </c>
      <c r="BU60" s="203" t="str">
        <f t="shared" si="23"/>
        <v/>
      </c>
      <c r="BV60" s="203" t="str">
        <f t="shared" si="24"/>
        <v/>
      </c>
      <c r="BW60" s="203" t="str">
        <f t="shared" si="25"/>
        <v/>
      </c>
      <c r="BX60" s="203" t="str">
        <f t="shared" si="26"/>
        <v/>
      </c>
      <c r="BY60" s="203" t="str">
        <f t="shared" si="27"/>
        <v/>
      </c>
      <c r="BZ60" s="203" t="str">
        <f t="shared" si="28"/>
        <v/>
      </c>
      <c r="CA60" s="203" t="str">
        <f t="shared" si="29"/>
        <v/>
      </c>
      <c r="CB60" s="203" t="str">
        <f t="shared" si="30"/>
        <v/>
      </c>
      <c r="CC60" s="203" t="str">
        <f t="shared" si="31"/>
        <v/>
      </c>
      <c r="CD60" s="200"/>
      <c r="CE60" s="200"/>
      <c r="CF60" s="206" t="s">
        <v>196</v>
      </c>
    </row>
    <row r="61" spans="1:84" s="274" customFormat="1" ht="56.1" hidden="1" customHeight="1" x14ac:dyDescent="0.2">
      <c r="A61" s="264">
        <v>59</v>
      </c>
      <c r="B61" s="265" t="s">
        <v>53</v>
      </c>
      <c r="C61" s="265" t="s">
        <v>279</v>
      </c>
      <c r="D61" s="266" t="s">
        <v>280</v>
      </c>
      <c r="E61" s="266" t="s">
        <v>284</v>
      </c>
      <c r="F61" s="266" t="s">
        <v>285</v>
      </c>
      <c r="G61" s="266" t="s">
        <v>215</v>
      </c>
      <c r="H61" s="266" t="s">
        <v>63</v>
      </c>
      <c r="I61" s="266" t="s">
        <v>81</v>
      </c>
      <c r="J61" s="266" t="s">
        <v>77</v>
      </c>
      <c r="K61" s="266" t="s">
        <v>286</v>
      </c>
      <c r="L61" s="266" t="s">
        <v>63</v>
      </c>
      <c r="M61" s="266" t="s">
        <v>63</v>
      </c>
      <c r="N61" s="267">
        <v>18000000</v>
      </c>
      <c r="O61" s="267">
        <f t="shared" ref="O61" si="40">N61</f>
        <v>18000000</v>
      </c>
      <c r="P61" s="266" t="s">
        <v>287</v>
      </c>
      <c r="Q61" s="272" t="s">
        <v>65</v>
      </c>
      <c r="R61" s="269"/>
      <c r="S61" s="269"/>
      <c r="T61" s="269"/>
      <c r="U61" s="269"/>
      <c r="V61" s="269"/>
      <c r="W61" s="269"/>
      <c r="X61" s="269"/>
      <c r="Y61" s="269"/>
      <c r="Z61" s="269"/>
      <c r="AA61" s="269"/>
      <c r="AB61" s="269"/>
      <c r="AC61" s="269"/>
      <c r="AD61" s="269"/>
      <c r="AE61" s="269"/>
      <c r="AF61" s="269"/>
      <c r="AG61" s="269"/>
      <c r="AH61" s="269"/>
      <c r="AI61" s="270"/>
      <c r="AJ61" s="270"/>
      <c r="AK61" s="270"/>
      <c r="AL61" s="270"/>
      <c r="AM61" s="270"/>
      <c r="AN61" s="270"/>
      <c r="AO61" s="270"/>
      <c r="AP61" s="270"/>
      <c r="AQ61" s="270"/>
      <c r="AR61" s="270"/>
      <c r="AS61" s="270"/>
      <c r="AT61" s="270"/>
      <c r="AU61" s="270"/>
      <c r="AV61" s="270"/>
      <c r="AW61" s="271">
        <f>SUMIF(R61:AV61,"YES",$R$2:$AV$2)</f>
        <v>0</v>
      </c>
      <c r="AX61" s="272"/>
      <c r="AY61" s="269" t="str">
        <f t="shared" si="1"/>
        <v/>
      </c>
      <c r="AZ61" s="269" t="str">
        <f t="shared" si="2"/>
        <v/>
      </c>
      <c r="BA61" s="269" t="str">
        <f t="shared" si="3"/>
        <v/>
      </c>
      <c r="BB61" s="269" t="str">
        <f t="shared" si="4"/>
        <v/>
      </c>
      <c r="BC61" s="269" t="str">
        <f t="shared" si="5"/>
        <v/>
      </c>
      <c r="BD61" s="269" t="str">
        <f t="shared" si="6"/>
        <v/>
      </c>
      <c r="BE61" s="269" t="str">
        <f t="shared" si="7"/>
        <v/>
      </c>
      <c r="BF61" s="269" t="str">
        <f t="shared" si="8"/>
        <v/>
      </c>
      <c r="BG61" s="269" t="str">
        <f t="shared" si="9"/>
        <v/>
      </c>
      <c r="BH61" s="269" t="str">
        <f t="shared" si="10"/>
        <v/>
      </c>
      <c r="BI61" s="269" t="str">
        <f t="shared" si="11"/>
        <v/>
      </c>
      <c r="BJ61" s="269" t="str">
        <f t="shared" si="12"/>
        <v/>
      </c>
      <c r="BK61" s="269" t="str">
        <f t="shared" si="13"/>
        <v/>
      </c>
      <c r="BL61" s="269" t="str">
        <f t="shared" si="14"/>
        <v/>
      </c>
      <c r="BM61" s="269" t="str">
        <f t="shared" si="15"/>
        <v/>
      </c>
      <c r="BN61" s="269" t="str">
        <f t="shared" si="16"/>
        <v/>
      </c>
      <c r="BO61" s="269" t="str">
        <f t="shared" si="17"/>
        <v/>
      </c>
      <c r="BP61" s="269" t="str">
        <f t="shared" si="18"/>
        <v/>
      </c>
      <c r="BQ61" s="269" t="str">
        <f t="shared" si="19"/>
        <v/>
      </c>
      <c r="BR61" s="269" t="str">
        <f t="shared" si="20"/>
        <v/>
      </c>
      <c r="BS61" s="269" t="str">
        <f t="shared" si="21"/>
        <v/>
      </c>
      <c r="BT61" s="269" t="str">
        <f t="shared" si="22"/>
        <v/>
      </c>
      <c r="BU61" s="269" t="str">
        <f t="shared" si="23"/>
        <v/>
      </c>
      <c r="BV61" s="269" t="str">
        <f t="shared" si="24"/>
        <v/>
      </c>
      <c r="BW61" s="269" t="str">
        <f t="shared" si="25"/>
        <v/>
      </c>
      <c r="BX61" s="269" t="str">
        <f t="shared" si="26"/>
        <v/>
      </c>
      <c r="BY61" s="269" t="str">
        <f t="shared" si="27"/>
        <v/>
      </c>
      <c r="BZ61" s="269" t="str">
        <f t="shared" si="28"/>
        <v/>
      </c>
      <c r="CA61" s="269" t="str">
        <f t="shared" si="29"/>
        <v/>
      </c>
      <c r="CB61" s="269" t="str">
        <f t="shared" si="30"/>
        <v/>
      </c>
      <c r="CC61" s="269" t="str">
        <f t="shared" si="31"/>
        <v/>
      </c>
      <c r="CD61" s="266" t="s">
        <v>288</v>
      </c>
      <c r="CE61" s="266"/>
      <c r="CF61" s="273"/>
    </row>
    <row r="62" spans="1:84" s="274" customFormat="1" ht="56.1" hidden="1" customHeight="1" x14ac:dyDescent="0.2">
      <c r="A62" s="264">
        <v>60</v>
      </c>
      <c r="B62" s="265" t="s">
        <v>53</v>
      </c>
      <c r="C62" s="265" t="s">
        <v>279</v>
      </c>
      <c r="D62" s="266" t="s">
        <v>280</v>
      </c>
      <c r="E62" s="266" t="s">
        <v>289</v>
      </c>
      <c r="F62" s="266" t="s">
        <v>290</v>
      </c>
      <c r="G62" s="266" t="s">
        <v>215</v>
      </c>
      <c r="H62" s="266" t="s">
        <v>63</v>
      </c>
      <c r="I62" s="266" t="s">
        <v>81</v>
      </c>
      <c r="J62" s="266" t="s">
        <v>291</v>
      </c>
      <c r="K62" s="266" t="s">
        <v>191</v>
      </c>
      <c r="L62" s="266" t="s">
        <v>63</v>
      </c>
      <c r="M62" s="266" t="s">
        <v>63</v>
      </c>
      <c r="N62" s="267"/>
      <c r="O62" s="267"/>
      <c r="P62" s="266" t="s">
        <v>191</v>
      </c>
      <c r="Q62" s="272" t="s">
        <v>65</v>
      </c>
      <c r="R62" s="269"/>
      <c r="S62" s="269"/>
      <c r="T62" s="269"/>
      <c r="U62" s="269"/>
      <c r="V62" s="269"/>
      <c r="W62" s="269"/>
      <c r="X62" s="269"/>
      <c r="Y62" s="269"/>
      <c r="Z62" s="269"/>
      <c r="AA62" s="269"/>
      <c r="AB62" s="269"/>
      <c r="AC62" s="269"/>
      <c r="AD62" s="269"/>
      <c r="AE62" s="269"/>
      <c r="AF62" s="269"/>
      <c r="AG62" s="269"/>
      <c r="AH62" s="269"/>
      <c r="AI62" s="270"/>
      <c r="AJ62" s="270"/>
      <c r="AK62" s="270"/>
      <c r="AL62" s="270"/>
      <c r="AM62" s="270"/>
      <c r="AN62" s="270"/>
      <c r="AO62" s="270"/>
      <c r="AP62" s="270"/>
      <c r="AQ62" s="270"/>
      <c r="AR62" s="270"/>
      <c r="AS62" s="270"/>
      <c r="AT62" s="270"/>
      <c r="AU62" s="270"/>
      <c r="AV62" s="270"/>
      <c r="AW62" s="271">
        <f>SUMIF(R62:AV62,"YES",$R$2:$AV$2)</f>
        <v>0</v>
      </c>
      <c r="AX62" s="272"/>
      <c r="AY62" s="269" t="str">
        <f t="shared" si="1"/>
        <v/>
      </c>
      <c r="AZ62" s="269" t="str">
        <f t="shared" si="2"/>
        <v/>
      </c>
      <c r="BA62" s="269" t="str">
        <f t="shared" si="3"/>
        <v/>
      </c>
      <c r="BB62" s="269" t="str">
        <f t="shared" si="4"/>
        <v/>
      </c>
      <c r="BC62" s="269" t="str">
        <f t="shared" si="5"/>
        <v/>
      </c>
      <c r="BD62" s="269" t="str">
        <f t="shared" si="6"/>
        <v/>
      </c>
      <c r="BE62" s="269" t="str">
        <f t="shared" si="7"/>
        <v/>
      </c>
      <c r="BF62" s="269" t="str">
        <f t="shared" si="8"/>
        <v/>
      </c>
      <c r="BG62" s="269" t="str">
        <f t="shared" si="9"/>
        <v/>
      </c>
      <c r="BH62" s="269" t="str">
        <f t="shared" si="10"/>
        <v/>
      </c>
      <c r="BI62" s="269" t="str">
        <f t="shared" si="11"/>
        <v/>
      </c>
      <c r="BJ62" s="269" t="str">
        <f t="shared" si="12"/>
        <v/>
      </c>
      <c r="BK62" s="269" t="str">
        <f t="shared" si="13"/>
        <v/>
      </c>
      <c r="BL62" s="269" t="str">
        <f t="shared" si="14"/>
        <v/>
      </c>
      <c r="BM62" s="269" t="str">
        <f t="shared" si="15"/>
        <v/>
      </c>
      <c r="BN62" s="269" t="str">
        <f t="shared" si="16"/>
        <v/>
      </c>
      <c r="BO62" s="269" t="str">
        <f t="shared" si="17"/>
        <v/>
      </c>
      <c r="BP62" s="269" t="str">
        <f t="shared" si="18"/>
        <v/>
      </c>
      <c r="BQ62" s="269" t="str">
        <f t="shared" si="19"/>
        <v/>
      </c>
      <c r="BR62" s="269" t="str">
        <f t="shared" si="20"/>
        <v/>
      </c>
      <c r="BS62" s="269" t="str">
        <f t="shared" si="21"/>
        <v/>
      </c>
      <c r="BT62" s="269" t="str">
        <f t="shared" si="22"/>
        <v/>
      </c>
      <c r="BU62" s="269" t="str">
        <f t="shared" si="23"/>
        <v/>
      </c>
      <c r="BV62" s="269" t="str">
        <f t="shared" si="24"/>
        <v/>
      </c>
      <c r="BW62" s="269" t="str">
        <f t="shared" si="25"/>
        <v/>
      </c>
      <c r="BX62" s="269" t="str">
        <f t="shared" si="26"/>
        <v/>
      </c>
      <c r="BY62" s="269" t="str">
        <f t="shared" si="27"/>
        <v/>
      </c>
      <c r="BZ62" s="269" t="str">
        <f t="shared" si="28"/>
        <v/>
      </c>
      <c r="CA62" s="269" t="str">
        <f t="shared" si="29"/>
        <v/>
      </c>
      <c r="CB62" s="269" t="str">
        <f t="shared" si="30"/>
        <v/>
      </c>
      <c r="CC62" s="269" t="str">
        <f t="shared" si="31"/>
        <v/>
      </c>
      <c r="CD62" s="266"/>
      <c r="CE62" s="266"/>
      <c r="CF62" s="273"/>
    </row>
    <row r="63" spans="1:84" s="311" customFormat="1" ht="56.1" hidden="1" customHeight="1" x14ac:dyDescent="0.2">
      <c r="A63" s="302">
        <v>61</v>
      </c>
      <c r="B63" s="24" t="s">
        <v>53</v>
      </c>
      <c r="C63" s="24" t="s">
        <v>279</v>
      </c>
      <c r="D63" s="303" t="s">
        <v>280</v>
      </c>
      <c r="E63" s="303" t="s">
        <v>292</v>
      </c>
      <c r="F63" s="303" t="s">
        <v>293</v>
      </c>
      <c r="G63" s="303" t="s">
        <v>86</v>
      </c>
      <c r="H63" s="303" t="s">
        <v>63</v>
      </c>
      <c r="I63" s="303" t="s">
        <v>81</v>
      </c>
      <c r="J63" s="303" t="s">
        <v>77</v>
      </c>
      <c r="K63" s="303" t="s">
        <v>294</v>
      </c>
      <c r="L63" s="303" t="s">
        <v>63</v>
      </c>
      <c r="M63" s="303" t="s">
        <v>63</v>
      </c>
      <c r="N63" s="304">
        <v>445000</v>
      </c>
      <c r="O63" s="304">
        <v>235573</v>
      </c>
      <c r="P63" s="303" t="s">
        <v>283</v>
      </c>
      <c r="Q63" s="309" t="s">
        <v>65</v>
      </c>
      <c r="R63" s="306"/>
      <c r="S63" s="306"/>
      <c r="T63" s="306"/>
      <c r="U63" s="306"/>
      <c r="V63" s="306"/>
      <c r="W63" s="306"/>
      <c r="X63" s="306"/>
      <c r="Y63" s="306"/>
      <c r="Z63" s="306"/>
      <c r="AA63" s="306"/>
      <c r="AB63" s="306"/>
      <c r="AC63" s="306"/>
      <c r="AD63" s="306"/>
      <c r="AE63" s="306"/>
      <c r="AF63" s="306"/>
      <c r="AG63" s="306"/>
      <c r="AH63" s="306"/>
      <c r="AI63" s="307" t="s">
        <v>66</v>
      </c>
      <c r="AJ63" s="307" t="s">
        <v>66</v>
      </c>
      <c r="AK63" s="307" t="s">
        <v>66</v>
      </c>
      <c r="AL63" s="307" t="s">
        <v>66</v>
      </c>
      <c r="AM63" s="307"/>
      <c r="AN63" s="306"/>
      <c r="AO63" s="306"/>
      <c r="AP63" s="306"/>
      <c r="AQ63" s="306"/>
      <c r="AR63" s="306"/>
      <c r="AS63" s="306"/>
      <c r="AT63" s="306"/>
      <c r="AU63" s="306"/>
      <c r="AV63" s="306"/>
      <c r="AW63" s="308">
        <f t="shared" si="32"/>
        <v>1277</v>
      </c>
      <c r="AX63" s="309">
        <f t="shared" ref="AX63:AX94" si="41">O63/AW63</f>
        <v>184.47376664056381</v>
      </c>
      <c r="AY63" s="307" t="str">
        <f t="shared" si="1"/>
        <v/>
      </c>
      <c r="AZ63" s="307" t="str">
        <f t="shared" si="2"/>
        <v/>
      </c>
      <c r="BA63" s="307" t="str">
        <f t="shared" si="3"/>
        <v/>
      </c>
      <c r="BB63" s="307" t="str">
        <f t="shared" si="4"/>
        <v/>
      </c>
      <c r="BC63" s="307" t="str">
        <f t="shared" si="5"/>
        <v/>
      </c>
      <c r="BD63" s="307" t="str">
        <f t="shared" si="6"/>
        <v/>
      </c>
      <c r="BE63" s="307" t="str">
        <f t="shared" si="7"/>
        <v/>
      </c>
      <c r="BF63" s="307" t="str">
        <f t="shared" si="8"/>
        <v/>
      </c>
      <c r="BG63" s="307" t="str">
        <f t="shared" si="9"/>
        <v/>
      </c>
      <c r="BH63" s="307" t="str">
        <f t="shared" si="10"/>
        <v/>
      </c>
      <c r="BI63" s="307" t="str">
        <f t="shared" si="11"/>
        <v/>
      </c>
      <c r="BJ63" s="307" t="str">
        <f t="shared" si="12"/>
        <v/>
      </c>
      <c r="BK63" s="307" t="str">
        <f t="shared" si="13"/>
        <v/>
      </c>
      <c r="BL63" s="307" t="str">
        <f t="shared" si="14"/>
        <v/>
      </c>
      <c r="BM63" s="307" t="str">
        <f t="shared" si="15"/>
        <v/>
      </c>
      <c r="BN63" s="307" t="str">
        <f t="shared" si="16"/>
        <v/>
      </c>
      <c r="BO63" s="307" t="str">
        <f t="shared" si="17"/>
        <v/>
      </c>
      <c r="BP63" s="307">
        <f t="shared" si="18"/>
        <v>142967.16914643697</v>
      </c>
      <c r="BQ63" s="307">
        <f t="shared" si="19"/>
        <v>18447.376664056381</v>
      </c>
      <c r="BR63" s="307">
        <f t="shared" si="20"/>
        <v>18447.376664056381</v>
      </c>
      <c r="BS63" s="307">
        <f t="shared" si="21"/>
        <v>55711.077525450273</v>
      </c>
      <c r="BT63" s="307" t="str">
        <f t="shared" si="22"/>
        <v/>
      </c>
      <c r="BU63" s="307" t="str">
        <f t="shared" si="23"/>
        <v/>
      </c>
      <c r="BV63" s="307" t="str">
        <f t="shared" si="24"/>
        <v/>
      </c>
      <c r="BW63" s="307" t="str">
        <f t="shared" si="25"/>
        <v/>
      </c>
      <c r="BX63" s="307" t="str">
        <f t="shared" si="26"/>
        <v/>
      </c>
      <c r="BY63" s="307" t="str">
        <f t="shared" si="27"/>
        <v/>
      </c>
      <c r="BZ63" s="307" t="str">
        <f t="shared" si="28"/>
        <v/>
      </c>
      <c r="CA63" s="307" t="str">
        <f t="shared" si="29"/>
        <v/>
      </c>
      <c r="CB63" s="307" t="str">
        <f t="shared" si="30"/>
        <v/>
      </c>
      <c r="CC63" s="307" t="str">
        <f t="shared" si="31"/>
        <v/>
      </c>
      <c r="CD63" s="303" t="s">
        <v>288</v>
      </c>
      <c r="CE63" s="303"/>
      <c r="CF63" s="310" t="s">
        <v>196</v>
      </c>
    </row>
    <row r="64" spans="1:84" s="311" customFormat="1" ht="56.1" hidden="1" customHeight="1" x14ac:dyDescent="0.2">
      <c r="A64" s="302">
        <v>62</v>
      </c>
      <c r="B64" s="24" t="s">
        <v>53</v>
      </c>
      <c r="C64" s="24" t="s">
        <v>295</v>
      </c>
      <c r="D64" s="303" t="s">
        <v>296</v>
      </c>
      <c r="E64" s="303" t="s">
        <v>297</v>
      </c>
      <c r="F64" s="303" t="s">
        <v>298</v>
      </c>
      <c r="G64" s="303" t="s">
        <v>90</v>
      </c>
      <c r="H64" s="303" t="s">
        <v>38</v>
      </c>
      <c r="I64" s="303" t="s">
        <v>81</v>
      </c>
      <c r="J64" s="303" t="s">
        <v>299</v>
      </c>
      <c r="K64" s="303" t="s">
        <v>225</v>
      </c>
      <c r="L64" s="303" t="s">
        <v>63</v>
      </c>
      <c r="M64" s="303" t="s">
        <v>63</v>
      </c>
      <c r="N64" s="304">
        <v>1515700</v>
      </c>
      <c r="O64" s="304">
        <v>1515700</v>
      </c>
      <c r="P64" s="303" t="s">
        <v>64</v>
      </c>
      <c r="Q64" s="303" t="s">
        <v>82</v>
      </c>
      <c r="R64" s="306"/>
      <c r="S64" s="306"/>
      <c r="T64" s="306"/>
      <c r="U64" s="306"/>
      <c r="V64" s="306"/>
      <c r="W64" s="306"/>
      <c r="X64" s="306"/>
      <c r="Y64" s="306"/>
      <c r="Z64" s="306"/>
      <c r="AA64" s="306"/>
      <c r="AB64" s="306"/>
      <c r="AC64" s="306"/>
      <c r="AD64" s="306"/>
      <c r="AE64" s="306"/>
      <c r="AF64" s="306"/>
      <c r="AG64" s="306"/>
      <c r="AH64" s="306"/>
      <c r="AI64" s="306"/>
      <c r="AJ64" s="306"/>
      <c r="AK64" s="306"/>
      <c r="AL64" s="306"/>
      <c r="AM64" s="307" t="s">
        <v>66</v>
      </c>
      <c r="AN64" s="306"/>
      <c r="AO64" s="306"/>
      <c r="AP64" s="306"/>
      <c r="AQ64" s="306"/>
      <c r="AR64" s="306"/>
      <c r="AS64" s="306"/>
      <c r="AT64" s="306"/>
      <c r="AU64" s="306"/>
      <c r="AV64" s="306"/>
      <c r="AW64" s="308">
        <f t="shared" si="32"/>
        <v>250</v>
      </c>
      <c r="AX64" s="309">
        <f t="shared" si="41"/>
        <v>6062.8</v>
      </c>
      <c r="AY64" s="307" t="str">
        <f t="shared" si="1"/>
        <v/>
      </c>
      <c r="AZ64" s="307" t="str">
        <f t="shared" si="2"/>
        <v/>
      </c>
      <c r="BA64" s="307" t="str">
        <f t="shared" si="3"/>
        <v/>
      </c>
      <c r="BB64" s="307" t="str">
        <f t="shared" si="4"/>
        <v/>
      </c>
      <c r="BC64" s="307" t="str">
        <f t="shared" si="5"/>
        <v/>
      </c>
      <c r="BD64" s="307" t="str">
        <f t="shared" si="6"/>
        <v/>
      </c>
      <c r="BE64" s="307" t="str">
        <f t="shared" si="7"/>
        <v/>
      </c>
      <c r="BF64" s="307" t="str">
        <f t="shared" si="8"/>
        <v/>
      </c>
      <c r="BG64" s="307" t="str">
        <f t="shared" si="9"/>
        <v/>
      </c>
      <c r="BH64" s="307" t="str">
        <f t="shared" si="10"/>
        <v/>
      </c>
      <c r="BI64" s="307" t="str">
        <f t="shared" si="11"/>
        <v/>
      </c>
      <c r="BJ64" s="307" t="str">
        <f t="shared" si="12"/>
        <v/>
      </c>
      <c r="BK64" s="307" t="str">
        <f t="shared" si="13"/>
        <v/>
      </c>
      <c r="BL64" s="307" t="str">
        <f t="shared" si="14"/>
        <v/>
      </c>
      <c r="BM64" s="307" t="str">
        <f t="shared" si="15"/>
        <v/>
      </c>
      <c r="BN64" s="307" t="str">
        <f t="shared" si="16"/>
        <v/>
      </c>
      <c r="BO64" s="307" t="str">
        <f t="shared" si="17"/>
        <v/>
      </c>
      <c r="BP64" s="307" t="str">
        <f t="shared" si="18"/>
        <v/>
      </c>
      <c r="BQ64" s="307" t="str">
        <f t="shared" si="19"/>
        <v/>
      </c>
      <c r="BR64" s="307" t="str">
        <f t="shared" si="20"/>
        <v/>
      </c>
      <c r="BS64" s="307" t="str">
        <f t="shared" si="21"/>
        <v/>
      </c>
      <c r="BT64" s="307">
        <f t="shared" si="22"/>
        <v>1515700</v>
      </c>
      <c r="BU64" s="307" t="str">
        <f t="shared" si="23"/>
        <v/>
      </c>
      <c r="BV64" s="307" t="str">
        <f t="shared" si="24"/>
        <v/>
      </c>
      <c r="BW64" s="307" t="str">
        <f t="shared" si="25"/>
        <v/>
      </c>
      <c r="BX64" s="307" t="str">
        <f t="shared" si="26"/>
        <v/>
      </c>
      <c r="BY64" s="307" t="str">
        <f t="shared" si="27"/>
        <v/>
      </c>
      <c r="BZ64" s="307" t="str">
        <f t="shared" si="28"/>
        <v/>
      </c>
      <c r="CA64" s="307" t="str">
        <f t="shared" si="29"/>
        <v/>
      </c>
      <c r="CB64" s="307" t="str">
        <f t="shared" si="30"/>
        <v/>
      </c>
      <c r="CC64" s="307" t="str">
        <f t="shared" si="31"/>
        <v/>
      </c>
      <c r="CD64" s="303" t="s">
        <v>300</v>
      </c>
      <c r="CE64" s="303"/>
      <c r="CF64" s="310"/>
    </row>
    <row r="65" spans="1:84" s="311" customFormat="1" ht="56.1" hidden="1" customHeight="1" x14ac:dyDescent="0.2">
      <c r="A65" s="302">
        <v>63</v>
      </c>
      <c r="B65" s="24" t="s">
        <v>53</v>
      </c>
      <c r="C65" s="24" t="s">
        <v>295</v>
      </c>
      <c r="D65" s="303" t="s">
        <v>301</v>
      </c>
      <c r="E65" s="303" t="s">
        <v>302</v>
      </c>
      <c r="F65" s="303" t="s">
        <v>303</v>
      </c>
      <c r="G65" s="303" t="s">
        <v>90</v>
      </c>
      <c r="H65" s="303" t="s">
        <v>38</v>
      </c>
      <c r="I65" s="303" t="s">
        <v>81</v>
      </c>
      <c r="J65" s="303" t="s">
        <v>304</v>
      </c>
      <c r="K65" s="303" t="s">
        <v>225</v>
      </c>
      <c r="L65" s="303" t="s">
        <v>63</v>
      </c>
      <c r="M65" s="303" t="s">
        <v>63</v>
      </c>
      <c r="N65" s="304">
        <v>59310</v>
      </c>
      <c r="O65" s="304">
        <v>59310</v>
      </c>
      <c r="P65" s="303" t="s">
        <v>64</v>
      </c>
      <c r="Q65" s="303" t="s">
        <v>82</v>
      </c>
      <c r="R65" s="306"/>
      <c r="S65" s="306"/>
      <c r="T65" s="306"/>
      <c r="U65" s="306"/>
      <c r="V65" s="306"/>
      <c r="W65" s="306"/>
      <c r="X65" s="306"/>
      <c r="Y65" s="306"/>
      <c r="Z65" s="306"/>
      <c r="AA65" s="306"/>
      <c r="AB65" s="306"/>
      <c r="AC65" s="306"/>
      <c r="AD65" s="306"/>
      <c r="AE65" s="306"/>
      <c r="AF65" s="306"/>
      <c r="AG65" s="306"/>
      <c r="AH65" s="306"/>
      <c r="AI65" s="306"/>
      <c r="AJ65" s="306"/>
      <c r="AK65" s="306"/>
      <c r="AL65" s="306"/>
      <c r="AM65" s="307" t="s">
        <v>66</v>
      </c>
      <c r="AN65" s="306"/>
      <c r="AO65" s="306"/>
      <c r="AP65" s="306"/>
      <c r="AQ65" s="306"/>
      <c r="AR65" s="306"/>
      <c r="AS65" s="306"/>
      <c r="AT65" s="306"/>
      <c r="AU65" s="306"/>
      <c r="AV65" s="306"/>
      <c r="AW65" s="308">
        <f t="shared" si="32"/>
        <v>250</v>
      </c>
      <c r="AX65" s="309">
        <f t="shared" si="41"/>
        <v>237.24</v>
      </c>
      <c r="AY65" s="307" t="str">
        <f t="shared" si="1"/>
        <v/>
      </c>
      <c r="AZ65" s="307" t="str">
        <f t="shared" si="2"/>
        <v/>
      </c>
      <c r="BA65" s="307" t="str">
        <f t="shared" si="3"/>
        <v/>
      </c>
      <c r="BB65" s="307" t="str">
        <f t="shared" si="4"/>
        <v/>
      </c>
      <c r="BC65" s="307" t="str">
        <f t="shared" si="5"/>
        <v/>
      </c>
      <c r="BD65" s="307" t="str">
        <f t="shared" si="6"/>
        <v/>
      </c>
      <c r="BE65" s="307" t="str">
        <f t="shared" si="7"/>
        <v/>
      </c>
      <c r="BF65" s="307" t="str">
        <f t="shared" si="8"/>
        <v/>
      </c>
      <c r="BG65" s="307" t="str">
        <f t="shared" si="9"/>
        <v/>
      </c>
      <c r="BH65" s="307" t="str">
        <f t="shared" si="10"/>
        <v/>
      </c>
      <c r="BI65" s="307" t="str">
        <f t="shared" si="11"/>
        <v/>
      </c>
      <c r="BJ65" s="307" t="str">
        <f t="shared" si="12"/>
        <v/>
      </c>
      <c r="BK65" s="307" t="str">
        <f t="shared" si="13"/>
        <v/>
      </c>
      <c r="BL65" s="307" t="str">
        <f t="shared" si="14"/>
        <v/>
      </c>
      <c r="BM65" s="307" t="str">
        <f t="shared" si="15"/>
        <v/>
      </c>
      <c r="BN65" s="307" t="str">
        <f t="shared" si="16"/>
        <v/>
      </c>
      <c r="BO65" s="307" t="str">
        <f t="shared" si="17"/>
        <v/>
      </c>
      <c r="BP65" s="307" t="str">
        <f t="shared" si="18"/>
        <v/>
      </c>
      <c r="BQ65" s="307" t="str">
        <f t="shared" si="19"/>
        <v/>
      </c>
      <c r="BR65" s="307" t="str">
        <f t="shared" si="20"/>
        <v/>
      </c>
      <c r="BS65" s="307" t="str">
        <f t="shared" si="21"/>
        <v/>
      </c>
      <c r="BT65" s="307">
        <f t="shared" si="22"/>
        <v>59310</v>
      </c>
      <c r="BU65" s="307" t="str">
        <f t="shared" si="23"/>
        <v/>
      </c>
      <c r="BV65" s="307" t="str">
        <f t="shared" si="24"/>
        <v/>
      </c>
      <c r="BW65" s="307" t="str">
        <f t="shared" si="25"/>
        <v/>
      </c>
      <c r="BX65" s="307" t="str">
        <f t="shared" si="26"/>
        <v/>
      </c>
      <c r="BY65" s="307" t="str">
        <f t="shared" si="27"/>
        <v/>
      </c>
      <c r="BZ65" s="307" t="str">
        <f t="shared" si="28"/>
        <v/>
      </c>
      <c r="CA65" s="307" t="str">
        <f t="shared" si="29"/>
        <v/>
      </c>
      <c r="CB65" s="307" t="str">
        <f t="shared" si="30"/>
        <v/>
      </c>
      <c r="CC65" s="307" t="str">
        <f t="shared" si="31"/>
        <v/>
      </c>
      <c r="CD65" s="303" t="s">
        <v>300</v>
      </c>
      <c r="CE65" s="303"/>
      <c r="CF65" s="310"/>
    </row>
    <row r="66" spans="1:84" s="311" customFormat="1" ht="56.1" hidden="1" customHeight="1" x14ac:dyDescent="0.2">
      <c r="A66" s="302">
        <v>64</v>
      </c>
      <c r="B66" s="24" t="s">
        <v>53</v>
      </c>
      <c r="C66" s="24" t="s">
        <v>295</v>
      </c>
      <c r="D66" s="303" t="s">
        <v>296</v>
      </c>
      <c r="E66" s="303" t="s">
        <v>297</v>
      </c>
      <c r="F66" s="303" t="s">
        <v>298</v>
      </c>
      <c r="G66" s="303" t="s">
        <v>90</v>
      </c>
      <c r="H66" s="303" t="s">
        <v>39</v>
      </c>
      <c r="I66" s="303" t="s">
        <v>81</v>
      </c>
      <c r="J66" s="303" t="s">
        <v>299</v>
      </c>
      <c r="K66" s="303" t="s">
        <v>225</v>
      </c>
      <c r="L66" s="303" t="s">
        <v>63</v>
      </c>
      <c r="M66" s="303" t="s">
        <v>63</v>
      </c>
      <c r="N66" s="304">
        <v>1515700</v>
      </c>
      <c r="O66" s="304">
        <v>1515700</v>
      </c>
      <c r="P66" s="303" t="s">
        <v>305</v>
      </c>
      <c r="Q66" s="303" t="s">
        <v>82</v>
      </c>
      <c r="R66" s="306"/>
      <c r="S66" s="306"/>
      <c r="T66" s="306"/>
      <c r="U66" s="306"/>
      <c r="V66" s="306"/>
      <c r="W66" s="306"/>
      <c r="X66" s="306"/>
      <c r="Y66" s="306"/>
      <c r="Z66" s="306"/>
      <c r="AA66" s="306"/>
      <c r="AB66" s="306"/>
      <c r="AC66" s="306"/>
      <c r="AD66" s="306"/>
      <c r="AE66" s="306"/>
      <c r="AF66" s="306"/>
      <c r="AG66" s="306"/>
      <c r="AH66" s="306"/>
      <c r="AI66" s="306"/>
      <c r="AJ66" s="306"/>
      <c r="AK66" s="306"/>
      <c r="AL66" s="306"/>
      <c r="AM66" s="307"/>
      <c r="AN66" s="307" t="s">
        <v>66</v>
      </c>
      <c r="AO66" s="306"/>
      <c r="AP66" s="306"/>
      <c r="AQ66" s="306"/>
      <c r="AR66" s="306"/>
      <c r="AS66" s="306"/>
      <c r="AT66" s="306"/>
      <c r="AU66" s="306"/>
      <c r="AV66" s="306"/>
      <c r="AW66" s="308">
        <f t="shared" si="32"/>
        <v>400</v>
      </c>
      <c r="AX66" s="309">
        <f t="shared" si="41"/>
        <v>3789.25</v>
      </c>
      <c r="AY66" s="307" t="str">
        <f t="shared" si="1"/>
        <v/>
      </c>
      <c r="AZ66" s="307" t="str">
        <f t="shared" si="2"/>
        <v/>
      </c>
      <c r="BA66" s="307" t="str">
        <f t="shared" si="3"/>
        <v/>
      </c>
      <c r="BB66" s="307" t="str">
        <f t="shared" si="4"/>
        <v/>
      </c>
      <c r="BC66" s="307" t="str">
        <f t="shared" si="5"/>
        <v/>
      </c>
      <c r="BD66" s="307" t="str">
        <f t="shared" si="6"/>
        <v/>
      </c>
      <c r="BE66" s="307" t="str">
        <f t="shared" si="7"/>
        <v/>
      </c>
      <c r="BF66" s="307" t="str">
        <f t="shared" si="8"/>
        <v/>
      </c>
      <c r="BG66" s="307" t="str">
        <f t="shared" si="9"/>
        <v/>
      </c>
      <c r="BH66" s="307" t="str">
        <f t="shared" si="10"/>
        <v/>
      </c>
      <c r="BI66" s="307" t="str">
        <f t="shared" si="11"/>
        <v/>
      </c>
      <c r="BJ66" s="307" t="str">
        <f t="shared" si="12"/>
        <v/>
      </c>
      <c r="BK66" s="307" t="str">
        <f t="shared" si="13"/>
        <v/>
      </c>
      <c r="BL66" s="307" t="str">
        <f t="shared" si="14"/>
        <v/>
      </c>
      <c r="BM66" s="307" t="str">
        <f t="shared" si="15"/>
        <v/>
      </c>
      <c r="BN66" s="307" t="str">
        <f t="shared" si="16"/>
        <v/>
      </c>
      <c r="BO66" s="307" t="str">
        <f t="shared" si="17"/>
        <v/>
      </c>
      <c r="BP66" s="307" t="str">
        <f t="shared" si="18"/>
        <v/>
      </c>
      <c r="BQ66" s="307" t="str">
        <f t="shared" si="19"/>
        <v/>
      </c>
      <c r="BR66" s="307" t="str">
        <f t="shared" si="20"/>
        <v/>
      </c>
      <c r="BS66" s="307" t="str">
        <f t="shared" si="21"/>
        <v/>
      </c>
      <c r="BT66" s="307" t="str">
        <f t="shared" si="22"/>
        <v/>
      </c>
      <c r="BU66" s="307">
        <f t="shared" si="23"/>
        <v>1515700</v>
      </c>
      <c r="BV66" s="307" t="str">
        <f t="shared" si="24"/>
        <v/>
      </c>
      <c r="BW66" s="307" t="str">
        <f t="shared" si="25"/>
        <v/>
      </c>
      <c r="BX66" s="307" t="str">
        <f t="shared" si="26"/>
        <v/>
      </c>
      <c r="BY66" s="307" t="str">
        <f t="shared" si="27"/>
        <v/>
      </c>
      <c r="BZ66" s="307" t="str">
        <f t="shared" si="28"/>
        <v/>
      </c>
      <c r="CA66" s="307" t="str">
        <f t="shared" si="29"/>
        <v/>
      </c>
      <c r="CB66" s="307" t="str">
        <f t="shared" si="30"/>
        <v/>
      </c>
      <c r="CC66" s="307" t="str">
        <f t="shared" si="31"/>
        <v/>
      </c>
      <c r="CD66" s="303" t="s">
        <v>300</v>
      </c>
      <c r="CE66" s="303"/>
      <c r="CF66" s="310"/>
    </row>
    <row r="67" spans="1:84" s="311" customFormat="1" ht="56.1" hidden="1" customHeight="1" x14ac:dyDescent="0.2">
      <c r="A67" s="302">
        <v>65</v>
      </c>
      <c r="B67" s="24" t="s">
        <v>53</v>
      </c>
      <c r="C67" s="24" t="s">
        <v>295</v>
      </c>
      <c r="D67" s="303" t="s">
        <v>301</v>
      </c>
      <c r="E67" s="303" t="s">
        <v>302</v>
      </c>
      <c r="F67" s="303" t="s">
        <v>303</v>
      </c>
      <c r="G67" s="303" t="s">
        <v>90</v>
      </c>
      <c r="H67" s="303" t="s">
        <v>39</v>
      </c>
      <c r="I67" s="303" t="s">
        <v>81</v>
      </c>
      <c r="J67" s="303" t="s">
        <v>304</v>
      </c>
      <c r="K67" s="303" t="s">
        <v>225</v>
      </c>
      <c r="L67" s="303" t="s">
        <v>63</v>
      </c>
      <c r="M67" s="303" t="s">
        <v>63</v>
      </c>
      <c r="N67" s="304">
        <v>59310</v>
      </c>
      <c r="O67" s="304">
        <v>59310</v>
      </c>
      <c r="P67" s="303" t="s">
        <v>64</v>
      </c>
      <c r="Q67" s="303" t="s">
        <v>82</v>
      </c>
      <c r="R67" s="306"/>
      <c r="S67" s="306"/>
      <c r="T67" s="306"/>
      <c r="U67" s="306"/>
      <c r="V67" s="306"/>
      <c r="W67" s="306"/>
      <c r="X67" s="306"/>
      <c r="Y67" s="306"/>
      <c r="Z67" s="306"/>
      <c r="AA67" s="306"/>
      <c r="AB67" s="306"/>
      <c r="AC67" s="306"/>
      <c r="AD67" s="306"/>
      <c r="AE67" s="306"/>
      <c r="AF67" s="306"/>
      <c r="AG67" s="306"/>
      <c r="AH67" s="306"/>
      <c r="AI67" s="306"/>
      <c r="AJ67" s="306"/>
      <c r="AK67" s="306"/>
      <c r="AL67" s="306"/>
      <c r="AM67" s="307"/>
      <c r="AN67" s="307" t="s">
        <v>66</v>
      </c>
      <c r="AO67" s="306"/>
      <c r="AP67" s="306"/>
      <c r="AQ67" s="306"/>
      <c r="AR67" s="306"/>
      <c r="AS67" s="306"/>
      <c r="AT67" s="306"/>
      <c r="AU67" s="306"/>
      <c r="AV67" s="306"/>
      <c r="AW67" s="308">
        <f t="shared" si="32"/>
        <v>400</v>
      </c>
      <c r="AX67" s="309">
        <f t="shared" si="41"/>
        <v>148.27500000000001</v>
      </c>
      <c r="AY67" s="307" t="str">
        <f t="shared" ref="AY67:AY130" si="42">IF(R67="yes",(R$2*$AX67),"")</f>
        <v/>
      </c>
      <c r="AZ67" s="307" t="str">
        <f t="shared" ref="AZ67:AZ130" si="43">IF(S67="yes",(S$2*$AX67),"")</f>
        <v/>
      </c>
      <c r="BA67" s="307" t="str">
        <f t="shared" ref="BA67:BA130" si="44">IF(T67="yes",(T$2*$AX67),"")</f>
        <v/>
      </c>
      <c r="BB67" s="307" t="str">
        <f t="shared" ref="BB67:BB130" si="45">IF(U67="yes",(U$2*$AX67),"")</f>
        <v/>
      </c>
      <c r="BC67" s="307" t="str">
        <f t="shared" ref="BC67:BC130" si="46">IF(V67="yes",(V$2*$AX67),"")</f>
        <v/>
      </c>
      <c r="BD67" s="307" t="str">
        <f t="shared" ref="BD67:BD130" si="47">IF(W67="yes",(W$2*$AX67),"")</f>
        <v/>
      </c>
      <c r="BE67" s="307" t="str">
        <f t="shared" ref="BE67:BE130" si="48">IF(X67="yes",(X$2*$AX67),"")</f>
        <v/>
      </c>
      <c r="BF67" s="307" t="str">
        <f t="shared" ref="BF67:BF130" si="49">IF(Y67="yes",(Y$2*$AX67),"")</f>
        <v/>
      </c>
      <c r="BG67" s="307" t="str">
        <f t="shared" ref="BG67:BG130" si="50">IF(Z67="yes",(Z$2*$AX67),"")</f>
        <v/>
      </c>
      <c r="BH67" s="307" t="str">
        <f t="shared" ref="BH67:BH130" si="51">IF(AA67="yes",(AA$2*$AX67),"")</f>
        <v/>
      </c>
      <c r="BI67" s="307" t="str">
        <f t="shared" ref="BI67:BI130" si="52">IF(AB67="yes",(AB$2*$AX67),"")</f>
        <v/>
      </c>
      <c r="BJ67" s="307" t="str">
        <f t="shared" ref="BJ67:BJ130" si="53">IF(AC67="yes",(AC$2*$AX67),"")</f>
        <v/>
      </c>
      <c r="BK67" s="307" t="str">
        <f t="shared" ref="BK67:BK130" si="54">IF(AD67="yes",(AD$2*$AX67),"")</f>
        <v/>
      </c>
      <c r="BL67" s="307" t="str">
        <f t="shared" ref="BL67:BL130" si="55">IF(AE67="yes",(AE$2*$AX67),"")</f>
        <v/>
      </c>
      <c r="BM67" s="307" t="str">
        <f t="shared" ref="BM67:BM130" si="56">IF(AF67="yes",(AF$2*$AX67),"")</f>
        <v/>
      </c>
      <c r="BN67" s="307" t="str">
        <f t="shared" ref="BN67:BN130" si="57">IF(AG67="yes",(AG$2*$AX67),"")</f>
        <v/>
      </c>
      <c r="BO67" s="307" t="str">
        <f t="shared" ref="BO67:BO130" si="58">IF(AH67="yes",(AH$2*$AX67),"")</f>
        <v/>
      </c>
      <c r="BP67" s="307" t="str">
        <f t="shared" ref="BP67:BP130" si="59">IF(AI67="yes",(AI$2*$AX67),"")</f>
        <v/>
      </c>
      <c r="BQ67" s="307" t="str">
        <f t="shared" ref="BQ67:BQ130" si="60">IF(AJ67="yes",(AJ$2*$AX67),"")</f>
        <v/>
      </c>
      <c r="BR67" s="307" t="str">
        <f t="shared" ref="BR67:BR130" si="61">IF(AK67="yes",(AK$2*$AX67),"")</f>
        <v/>
      </c>
      <c r="BS67" s="307" t="str">
        <f t="shared" ref="BS67:BS130" si="62">IF(AL67="yes",(AL$2*$AX67),"")</f>
        <v/>
      </c>
      <c r="BT67" s="307" t="str">
        <f t="shared" ref="BT67:BT130" si="63">IF(AM67="yes",(AM$2*$AX67),"")</f>
        <v/>
      </c>
      <c r="BU67" s="307">
        <f t="shared" ref="BU67:BU130" si="64">IF(AN67="yes",(AN$2*$AX67),"")</f>
        <v>59310</v>
      </c>
      <c r="BV67" s="307" t="str">
        <f t="shared" ref="BV67:BV130" si="65">IF(AO67="yes",(AO$2*$AX67),"")</f>
        <v/>
      </c>
      <c r="BW67" s="307" t="str">
        <f t="shared" ref="BW67:BW130" si="66">IF(AP67="yes",(AP$2*$AX67),"")</f>
        <v/>
      </c>
      <c r="BX67" s="307" t="str">
        <f t="shared" ref="BX67:BX130" si="67">IF(AQ67="yes",(AQ$2*$AX67),"")</f>
        <v/>
      </c>
      <c r="BY67" s="307" t="str">
        <f t="shared" ref="BY67:BY130" si="68">IF(AR67="yes",(AR$2*$AX67),"")</f>
        <v/>
      </c>
      <c r="BZ67" s="307" t="str">
        <f t="shared" ref="BZ67:BZ130" si="69">IF(AS67="yes",(AS$2*$AX67),"")</f>
        <v/>
      </c>
      <c r="CA67" s="307" t="str">
        <f t="shared" ref="CA67:CA130" si="70">IF(AT67="yes",(AT$2*$AX67),"")</f>
        <v/>
      </c>
      <c r="CB67" s="307" t="str">
        <f t="shared" ref="CB67:CB130" si="71">IF(AU67="yes",(AU$2*$AX67),"")</f>
        <v/>
      </c>
      <c r="CC67" s="307" t="str">
        <f t="shared" ref="CC67:CC130" si="72">IF(AV67="yes",(AV$2*$AX67),"")</f>
        <v/>
      </c>
      <c r="CD67" s="303" t="s">
        <v>300</v>
      </c>
      <c r="CE67" s="303"/>
      <c r="CF67" s="310"/>
    </row>
    <row r="68" spans="1:84" s="311" customFormat="1" ht="56.1" hidden="1" customHeight="1" x14ac:dyDescent="0.2">
      <c r="A68" s="302">
        <v>66</v>
      </c>
      <c r="B68" s="24" t="s">
        <v>53</v>
      </c>
      <c r="C68" s="24" t="s">
        <v>295</v>
      </c>
      <c r="D68" s="303" t="s">
        <v>296</v>
      </c>
      <c r="E68" s="303" t="s">
        <v>306</v>
      </c>
      <c r="F68" s="303" t="s">
        <v>307</v>
      </c>
      <c r="G68" s="303" t="s">
        <v>90</v>
      </c>
      <c r="H68" s="303" t="s">
        <v>260</v>
      </c>
      <c r="I68" s="303" t="s">
        <v>60</v>
      </c>
      <c r="J68" s="303" t="s">
        <v>299</v>
      </c>
      <c r="K68" s="303" t="s">
        <v>225</v>
      </c>
      <c r="L68" s="303" t="s">
        <v>63</v>
      </c>
      <c r="M68" s="303" t="s">
        <v>63</v>
      </c>
      <c r="N68" s="304">
        <v>1515700</v>
      </c>
      <c r="O68" s="304">
        <v>1515700</v>
      </c>
      <c r="P68" s="303" t="s">
        <v>64</v>
      </c>
      <c r="Q68" s="303" t="s">
        <v>82</v>
      </c>
      <c r="R68" s="306"/>
      <c r="S68" s="306"/>
      <c r="T68" s="306"/>
      <c r="U68" s="306"/>
      <c r="V68" s="306"/>
      <c r="W68" s="306"/>
      <c r="X68" s="306"/>
      <c r="Y68" s="306"/>
      <c r="Z68" s="306"/>
      <c r="AA68" s="306"/>
      <c r="AB68" s="306"/>
      <c r="AC68" s="306"/>
      <c r="AD68" s="306"/>
      <c r="AE68" s="306"/>
      <c r="AF68" s="306"/>
      <c r="AG68" s="306"/>
      <c r="AH68" s="306"/>
      <c r="AI68" s="306"/>
      <c r="AJ68" s="306"/>
      <c r="AK68" s="306"/>
      <c r="AL68" s="306"/>
      <c r="AM68" s="307"/>
      <c r="AN68" s="306"/>
      <c r="AO68" s="307" t="s">
        <v>66</v>
      </c>
      <c r="AP68" s="306"/>
      <c r="AQ68" s="306"/>
      <c r="AR68" s="306"/>
      <c r="AS68" s="306"/>
      <c r="AT68" s="306"/>
      <c r="AU68" s="306"/>
      <c r="AV68" s="306"/>
      <c r="AW68" s="308">
        <f t="shared" si="32"/>
        <v>1400</v>
      </c>
      <c r="AX68" s="309">
        <f t="shared" si="41"/>
        <v>1082.6428571428571</v>
      </c>
      <c r="AY68" s="307" t="str">
        <f t="shared" si="42"/>
        <v/>
      </c>
      <c r="AZ68" s="307" t="str">
        <f t="shared" si="43"/>
        <v/>
      </c>
      <c r="BA68" s="307" t="str">
        <f t="shared" si="44"/>
        <v/>
      </c>
      <c r="BB68" s="307" t="str">
        <f t="shared" si="45"/>
        <v/>
      </c>
      <c r="BC68" s="307" t="str">
        <f t="shared" si="46"/>
        <v/>
      </c>
      <c r="BD68" s="307" t="str">
        <f t="shared" si="47"/>
        <v/>
      </c>
      <c r="BE68" s="307" t="str">
        <f t="shared" si="48"/>
        <v/>
      </c>
      <c r="BF68" s="307" t="str">
        <f t="shared" si="49"/>
        <v/>
      </c>
      <c r="BG68" s="307" t="str">
        <f t="shared" si="50"/>
        <v/>
      </c>
      <c r="BH68" s="307" t="str">
        <f t="shared" si="51"/>
        <v/>
      </c>
      <c r="BI68" s="307" t="str">
        <f t="shared" si="52"/>
        <v/>
      </c>
      <c r="BJ68" s="307" t="str">
        <f t="shared" si="53"/>
        <v/>
      </c>
      <c r="BK68" s="307" t="str">
        <f t="shared" si="54"/>
        <v/>
      </c>
      <c r="BL68" s="307" t="str">
        <f t="shared" si="55"/>
        <v/>
      </c>
      <c r="BM68" s="307" t="str">
        <f t="shared" si="56"/>
        <v/>
      </c>
      <c r="BN68" s="307" t="str">
        <f t="shared" si="57"/>
        <v/>
      </c>
      <c r="BO68" s="307" t="str">
        <f t="shared" si="58"/>
        <v/>
      </c>
      <c r="BP68" s="307" t="str">
        <f t="shared" si="59"/>
        <v/>
      </c>
      <c r="BQ68" s="307" t="str">
        <f t="shared" si="60"/>
        <v/>
      </c>
      <c r="BR68" s="307" t="str">
        <f t="shared" si="61"/>
        <v/>
      </c>
      <c r="BS68" s="307" t="str">
        <f t="shared" si="62"/>
        <v/>
      </c>
      <c r="BT68" s="307" t="str">
        <f t="shared" si="63"/>
        <v/>
      </c>
      <c r="BU68" s="307" t="str">
        <f t="shared" si="64"/>
        <v/>
      </c>
      <c r="BV68" s="307">
        <f t="shared" si="65"/>
        <v>1515700</v>
      </c>
      <c r="BW68" s="307" t="str">
        <f t="shared" si="66"/>
        <v/>
      </c>
      <c r="BX68" s="307" t="str">
        <f t="shared" si="67"/>
        <v/>
      </c>
      <c r="BY68" s="307" t="str">
        <f t="shared" si="68"/>
        <v/>
      </c>
      <c r="BZ68" s="307" t="str">
        <f t="shared" si="69"/>
        <v/>
      </c>
      <c r="CA68" s="307" t="str">
        <f t="shared" si="70"/>
        <v/>
      </c>
      <c r="CB68" s="307" t="str">
        <f t="shared" si="71"/>
        <v/>
      </c>
      <c r="CC68" s="307" t="str">
        <f t="shared" si="72"/>
        <v/>
      </c>
      <c r="CD68" s="303" t="s">
        <v>300</v>
      </c>
      <c r="CE68" s="303"/>
      <c r="CF68" s="310"/>
    </row>
    <row r="69" spans="1:84" s="311" customFormat="1" ht="56.1" hidden="1" customHeight="1" x14ac:dyDescent="0.2">
      <c r="A69" s="302">
        <v>67</v>
      </c>
      <c r="B69" s="24" t="s">
        <v>53</v>
      </c>
      <c r="C69" s="24" t="s">
        <v>295</v>
      </c>
      <c r="D69" s="303" t="s">
        <v>301</v>
      </c>
      <c r="E69" s="303" t="s">
        <v>308</v>
      </c>
      <c r="F69" s="303" t="s">
        <v>308</v>
      </c>
      <c r="G69" s="303" t="s">
        <v>90</v>
      </c>
      <c r="H69" s="303" t="s">
        <v>260</v>
      </c>
      <c r="I69" s="303" t="s">
        <v>60</v>
      </c>
      <c r="J69" s="303" t="s">
        <v>304</v>
      </c>
      <c r="K69" s="303" t="s">
        <v>225</v>
      </c>
      <c r="L69" s="303" t="s">
        <v>63</v>
      </c>
      <c r="M69" s="303" t="s">
        <v>63</v>
      </c>
      <c r="N69" s="304">
        <v>59310</v>
      </c>
      <c r="O69" s="304">
        <v>59310</v>
      </c>
      <c r="P69" s="303" t="s">
        <v>64</v>
      </c>
      <c r="Q69" s="303" t="s">
        <v>82</v>
      </c>
      <c r="R69" s="306"/>
      <c r="S69" s="306"/>
      <c r="T69" s="306"/>
      <c r="U69" s="306"/>
      <c r="V69" s="306"/>
      <c r="W69" s="306"/>
      <c r="X69" s="306"/>
      <c r="Y69" s="306"/>
      <c r="Z69" s="306"/>
      <c r="AA69" s="306"/>
      <c r="AB69" s="306"/>
      <c r="AC69" s="306"/>
      <c r="AD69" s="306"/>
      <c r="AE69" s="306"/>
      <c r="AF69" s="306"/>
      <c r="AG69" s="306"/>
      <c r="AH69" s="306"/>
      <c r="AI69" s="306"/>
      <c r="AJ69" s="306"/>
      <c r="AK69" s="306"/>
      <c r="AL69" s="306"/>
      <c r="AM69" s="307"/>
      <c r="AN69" s="306"/>
      <c r="AO69" s="307" t="s">
        <v>66</v>
      </c>
      <c r="AP69" s="306"/>
      <c r="AQ69" s="306"/>
      <c r="AR69" s="306"/>
      <c r="AS69" s="306"/>
      <c r="AT69" s="306"/>
      <c r="AU69" s="306"/>
      <c r="AV69" s="306"/>
      <c r="AW69" s="308">
        <f t="shared" si="32"/>
        <v>1400</v>
      </c>
      <c r="AX69" s="309">
        <f t="shared" si="41"/>
        <v>42.364285714285714</v>
      </c>
      <c r="AY69" s="307" t="str">
        <f t="shared" si="42"/>
        <v/>
      </c>
      <c r="AZ69" s="307" t="str">
        <f t="shared" si="43"/>
        <v/>
      </c>
      <c r="BA69" s="307" t="str">
        <f t="shared" si="44"/>
        <v/>
      </c>
      <c r="BB69" s="307" t="str">
        <f t="shared" si="45"/>
        <v/>
      </c>
      <c r="BC69" s="307" t="str">
        <f t="shared" si="46"/>
        <v/>
      </c>
      <c r="BD69" s="307" t="str">
        <f t="shared" si="47"/>
        <v/>
      </c>
      <c r="BE69" s="307" t="str">
        <f t="shared" si="48"/>
        <v/>
      </c>
      <c r="BF69" s="307" t="str">
        <f t="shared" si="49"/>
        <v/>
      </c>
      <c r="BG69" s="307" t="str">
        <f t="shared" si="50"/>
        <v/>
      </c>
      <c r="BH69" s="307" t="str">
        <f t="shared" si="51"/>
        <v/>
      </c>
      <c r="BI69" s="307" t="str">
        <f t="shared" si="52"/>
        <v/>
      </c>
      <c r="BJ69" s="307" t="str">
        <f t="shared" si="53"/>
        <v/>
      </c>
      <c r="BK69" s="307" t="str">
        <f t="shared" si="54"/>
        <v/>
      </c>
      <c r="BL69" s="307" t="str">
        <f t="shared" si="55"/>
        <v/>
      </c>
      <c r="BM69" s="307" t="str">
        <f t="shared" si="56"/>
        <v/>
      </c>
      <c r="BN69" s="307" t="str">
        <f t="shared" si="57"/>
        <v/>
      </c>
      <c r="BO69" s="307" t="str">
        <f t="shared" si="58"/>
        <v/>
      </c>
      <c r="BP69" s="307" t="str">
        <f t="shared" si="59"/>
        <v/>
      </c>
      <c r="BQ69" s="307" t="str">
        <f t="shared" si="60"/>
        <v/>
      </c>
      <c r="BR69" s="307" t="str">
        <f t="shared" si="61"/>
        <v/>
      </c>
      <c r="BS69" s="307" t="str">
        <f t="shared" si="62"/>
        <v/>
      </c>
      <c r="BT69" s="307" t="str">
        <f t="shared" si="63"/>
        <v/>
      </c>
      <c r="BU69" s="307" t="str">
        <f t="shared" si="64"/>
        <v/>
      </c>
      <c r="BV69" s="307">
        <f t="shared" si="65"/>
        <v>59310</v>
      </c>
      <c r="BW69" s="307" t="str">
        <f t="shared" si="66"/>
        <v/>
      </c>
      <c r="BX69" s="307" t="str">
        <f t="shared" si="67"/>
        <v/>
      </c>
      <c r="BY69" s="307" t="str">
        <f t="shared" si="68"/>
        <v/>
      </c>
      <c r="BZ69" s="307" t="str">
        <f t="shared" si="69"/>
        <v/>
      </c>
      <c r="CA69" s="307" t="str">
        <f t="shared" si="70"/>
        <v/>
      </c>
      <c r="CB69" s="307" t="str">
        <f t="shared" si="71"/>
        <v/>
      </c>
      <c r="CC69" s="307" t="str">
        <f t="shared" si="72"/>
        <v/>
      </c>
      <c r="CD69" s="303" t="s">
        <v>300</v>
      </c>
      <c r="CE69" s="303"/>
      <c r="CF69" s="310"/>
    </row>
    <row r="70" spans="1:84" s="311" customFormat="1" ht="56.1" hidden="1" customHeight="1" x14ac:dyDescent="0.2">
      <c r="A70" s="302">
        <v>68</v>
      </c>
      <c r="B70" s="24" t="s">
        <v>53</v>
      </c>
      <c r="C70" s="24" t="s">
        <v>295</v>
      </c>
      <c r="D70" s="303" t="s">
        <v>296</v>
      </c>
      <c r="E70" s="303" t="s">
        <v>309</v>
      </c>
      <c r="F70" s="303" t="s">
        <v>309</v>
      </c>
      <c r="G70" s="303" t="s">
        <v>90</v>
      </c>
      <c r="H70" s="303" t="s">
        <v>310</v>
      </c>
      <c r="I70" s="303" t="s">
        <v>81</v>
      </c>
      <c r="J70" s="303" t="s">
        <v>299</v>
      </c>
      <c r="K70" s="303" t="s">
        <v>225</v>
      </c>
      <c r="L70" s="303" t="s">
        <v>63</v>
      </c>
      <c r="M70" s="303" t="s">
        <v>63</v>
      </c>
      <c r="N70" s="304">
        <v>1515700</v>
      </c>
      <c r="O70" s="304">
        <v>1515700</v>
      </c>
      <c r="P70" s="303" t="s">
        <v>64</v>
      </c>
      <c r="Q70" s="303" t="s">
        <v>82</v>
      </c>
      <c r="R70" s="306"/>
      <c r="S70" s="306"/>
      <c r="T70" s="306"/>
      <c r="U70" s="306"/>
      <c r="V70" s="306"/>
      <c r="W70" s="306"/>
      <c r="X70" s="306"/>
      <c r="Y70" s="306"/>
      <c r="Z70" s="306"/>
      <c r="AA70" s="306"/>
      <c r="AB70" s="306"/>
      <c r="AC70" s="306"/>
      <c r="AD70" s="306"/>
      <c r="AE70" s="306"/>
      <c r="AF70" s="306"/>
      <c r="AG70" s="306"/>
      <c r="AH70" s="306"/>
      <c r="AI70" s="306"/>
      <c r="AJ70" s="306"/>
      <c r="AK70" s="306"/>
      <c r="AL70" s="306"/>
      <c r="AM70" s="307"/>
      <c r="AN70" s="306"/>
      <c r="AO70" s="306"/>
      <c r="AP70" s="307" t="s">
        <v>66</v>
      </c>
      <c r="AQ70" s="306"/>
      <c r="AR70" s="306"/>
      <c r="AS70" s="306"/>
      <c r="AT70" s="306"/>
      <c r="AU70" s="306"/>
      <c r="AV70" s="306"/>
      <c r="AW70" s="308">
        <f t="shared" si="32"/>
        <v>201</v>
      </c>
      <c r="AX70" s="309">
        <f t="shared" si="41"/>
        <v>7540.7960199004974</v>
      </c>
      <c r="AY70" s="307" t="str">
        <f t="shared" si="42"/>
        <v/>
      </c>
      <c r="AZ70" s="307" t="str">
        <f t="shared" si="43"/>
        <v/>
      </c>
      <c r="BA70" s="307" t="str">
        <f t="shared" si="44"/>
        <v/>
      </c>
      <c r="BB70" s="307" t="str">
        <f t="shared" si="45"/>
        <v/>
      </c>
      <c r="BC70" s="307" t="str">
        <f t="shared" si="46"/>
        <v/>
      </c>
      <c r="BD70" s="307" t="str">
        <f t="shared" si="47"/>
        <v/>
      </c>
      <c r="BE70" s="307" t="str">
        <f t="shared" si="48"/>
        <v/>
      </c>
      <c r="BF70" s="307" t="str">
        <f t="shared" si="49"/>
        <v/>
      </c>
      <c r="BG70" s="307" t="str">
        <f t="shared" si="50"/>
        <v/>
      </c>
      <c r="BH70" s="307" t="str">
        <f t="shared" si="51"/>
        <v/>
      </c>
      <c r="BI70" s="307" t="str">
        <f t="shared" si="52"/>
        <v/>
      </c>
      <c r="BJ70" s="307" t="str">
        <f t="shared" si="53"/>
        <v/>
      </c>
      <c r="BK70" s="307" t="str">
        <f t="shared" si="54"/>
        <v/>
      </c>
      <c r="BL70" s="307" t="str">
        <f t="shared" si="55"/>
        <v/>
      </c>
      <c r="BM70" s="307" t="str">
        <f t="shared" si="56"/>
        <v/>
      </c>
      <c r="BN70" s="307" t="str">
        <f t="shared" si="57"/>
        <v/>
      </c>
      <c r="BO70" s="307" t="str">
        <f t="shared" si="58"/>
        <v/>
      </c>
      <c r="BP70" s="307" t="str">
        <f t="shared" si="59"/>
        <v/>
      </c>
      <c r="BQ70" s="307" t="str">
        <f t="shared" si="60"/>
        <v/>
      </c>
      <c r="BR70" s="307" t="str">
        <f t="shared" si="61"/>
        <v/>
      </c>
      <c r="BS70" s="307" t="str">
        <f t="shared" si="62"/>
        <v/>
      </c>
      <c r="BT70" s="307" t="str">
        <f t="shared" si="63"/>
        <v/>
      </c>
      <c r="BU70" s="307" t="str">
        <f t="shared" si="64"/>
        <v/>
      </c>
      <c r="BV70" s="307" t="str">
        <f t="shared" si="65"/>
        <v/>
      </c>
      <c r="BW70" s="307">
        <f t="shared" si="66"/>
        <v>1515700</v>
      </c>
      <c r="BX70" s="307" t="str">
        <f t="shared" si="67"/>
        <v/>
      </c>
      <c r="BY70" s="307" t="str">
        <f t="shared" si="68"/>
        <v/>
      </c>
      <c r="BZ70" s="307" t="str">
        <f t="shared" si="69"/>
        <v/>
      </c>
      <c r="CA70" s="307" t="str">
        <f t="shared" si="70"/>
        <v/>
      </c>
      <c r="CB70" s="307" t="str">
        <f t="shared" si="71"/>
        <v/>
      </c>
      <c r="CC70" s="307" t="str">
        <f t="shared" si="72"/>
        <v/>
      </c>
      <c r="CD70" s="303" t="s">
        <v>300</v>
      </c>
      <c r="CE70" s="303"/>
      <c r="CF70" s="310"/>
    </row>
    <row r="71" spans="1:84" s="311" customFormat="1" ht="56.1" hidden="1" customHeight="1" x14ac:dyDescent="0.2">
      <c r="A71" s="302">
        <v>69</v>
      </c>
      <c r="B71" s="24" t="s">
        <v>53</v>
      </c>
      <c r="C71" s="24" t="s">
        <v>295</v>
      </c>
      <c r="D71" s="303" t="s">
        <v>301</v>
      </c>
      <c r="E71" s="303" t="s">
        <v>311</v>
      </c>
      <c r="F71" s="303" t="s">
        <v>312</v>
      </c>
      <c r="G71" s="303" t="s">
        <v>90</v>
      </c>
      <c r="H71" s="303" t="s">
        <v>310</v>
      </c>
      <c r="I71" s="303" t="s">
        <v>81</v>
      </c>
      <c r="J71" s="303" t="s">
        <v>304</v>
      </c>
      <c r="K71" s="303" t="s">
        <v>225</v>
      </c>
      <c r="L71" s="303" t="s">
        <v>63</v>
      </c>
      <c r="M71" s="303" t="s">
        <v>63</v>
      </c>
      <c r="N71" s="304">
        <v>59310</v>
      </c>
      <c r="O71" s="304">
        <v>59310</v>
      </c>
      <c r="P71" s="303" t="s">
        <v>64</v>
      </c>
      <c r="Q71" s="303" t="s">
        <v>82</v>
      </c>
      <c r="R71" s="306"/>
      <c r="S71" s="306"/>
      <c r="T71" s="306"/>
      <c r="U71" s="306"/>
      <c r="V71" s="306"/>
      <c r="W71" s="306"/>
      <c r="X71" s="306"/>
      <c r="Y71" s="306"/>
      <c r="Z71" s="306"/>
      <c r="AA71" s="306"/>
      <c r="AB71" s="306"/>
      <c r="AC71" s="306"/>
      <c r="AD71" s="306"/>
      <c r="AE71" s="306"/>
      <c r="AF71" s="306"/>
      <c r="AG71" s="306"/>
      <c r="AH71" s="306"/>
      <c r="AI71" s="306"/>
      <c r="AJ71" s="306"/>
      <c r="AK71" s="306"/>
      <c r="AL71" s="306"/>
      <c r="AM71" s="307"/>
      <c r="AN71" s="306"/>
      <c r="AO71" s="306"/>
      <c r="AP71" s="307" t="s">
        <v>66</v>
      </c>
      <c r="AQ71" s="306"/>
      <c r="AR71" s="306"/>
      <c r="AS71" s="306"/>
      <c r="AT71" s="306"/>
      <c r="AU71" s="306"/>
      <c r="AV71" s="306"/>
      <c r="AW71" s="308">
        <f t="shared" si="32"/>
        <v>201</v>
      </c>
      <c r="AX71" s="309">
        <f t="shared" si="41"/>
        <v>295.07462686567163</v>
      </c>
      <c r="AY71" s="307" t="str">
        <f t="shared" si="42"/>
        <v/>
      </c>
      <c r="AZ71" s="307" t="str">
        <f t="shared" si="43"/>
        <v/>
      </c>
      <c r="BA71" s="307" t="str">
        <f t="shared" si="44"/>
        <v/>
      </c>
      <c r="BB71" s="307" t="str">
        <f t="shared" si="45"/>
        <v/>
      </c>
      <c r="BC71" s="307" t="str">
        <f t="shared" si="46"/>
        <v/>
      </c>
      <c r="BD71" s="307" t="str">
        <f t="shared" si="47"/>
        <v/>
      </c>
      <c r="BE71" s="307" t="str">
        <f t="shared" si="48"/>
        <v/>
      </c>
      <c r="BF71" s="307" t="str">
        <f t="shared" si="49"/>
        <v/>
      </c>
      <c r="BG71" s="307" t="str">
        <f t="shared" si="50"/>
        <v/>
      </c>
      <c r="BH71" s="307" t="str">
        <f t="shared" si="51"/>
        <v/>
      </c>
      <c r="BI71" s="307" t="str">
        <f t="shared" si="52"/>
        <v/>
      </c>
      <c r="BJ71" s="307" t="str">
        <f t="shared" si="53"/>
        <v/>
      </c>
      <c r="BK71" s="307" t="str">
        <f t="shared" si="54"/>
        <v/>
      </c>
      <c r="BL71" s="307" t="str">
        <f t="shared" si="55"/>
        <v/>
      </c>
      <c r="BM71" s="307" t="str">
        <f t="shared" si="56"/>
        <v/>
      </c>
      <c r="BN71" s="307" t="str">
        <f t="shared" si="57"/>
        <v/>
      </c>
      <c r="BO71" s="307" t="str">
        <f t="shared" si="58"/>
        <v/>
      </c>
      <c r="BP71" s="307" t="str">
        <f t="shared" si="59"/>
        <v/>
      </c>
      <c r="BQ71" s="307" t="str">
        <f t="shared" si="60"/>
        <v/>
      </c>
      <c r="BR71" s="307" t="str">
        <f t="shared" si="61"/>
        <v/>
      </c>
      <c r="BS71" s="307" t="str">
        <f t="shared" si="62"/>
        <v/>
      </c>
      <c r="BT71" s="307" t="str">
        <f t="shared" si="63"/>
        <v/>
      </c>
      <c r="BU71" s="307" t="str">
        <f t="shared" si="64"/>
        <v/>
      </c>
      <c r="BV71" s="307" t="str">
        <f t="shared" si="65"/>
        <v/>
      </c>
      <c r="BW71" s="307">
        <f t="shared" si="66"/>
        <v>59310</v>
      </c>
      <c r="BX71" s="307" t="str">
        <f t="shared" si="67"/>
        <v/>
      </c>
      <c r="BY71" s="307" t="str">
        <f t="shared" si="68"/>
        <v/>
      </c>
      <c r="BZ71" s="307" t="str">
        <f t="shared" si="69"/>
        <v/>
      </c>
      <c r="CA71" s="307" t="str">
        <f t="shared" si="70"/>
        <v/>
      </c>
      <c r="CB71" s="307" t="str">
        <f t="shared" si="71"/>
        <v/>
      </c>
      <c r="CC71" s="307" t="str">
        <f t="shared" si="72"/>
        <v/>
      </c>
      <c r="CD71" s="303" t="s">
        <v>300</v>
      </c>
      <c r="CE71" s="303"/>
      <c r="CF71" s="310"/>
    </row>
    <row r="72" spans="1:84" s="164" customFormat="1" ht="56.1" hidden="1" customHeight="1" x14ac:dyDescent="0.2">
      <c r="A72" s="154">
        <v>70</v>
      </c>
      <c r="B72" s="155" t="s">
        <v>53</v>
      </c>
      <c r="C72" s="155" t="s">
        <v>295</v>
      </c>
      <c r="D72" s="156" t="s">
        <v>296</v>
      </c>
      <c r="E72" s="156" t="s">
        <v>313</v>
      </c>
      <c r="F72" s="156" t="s">
        <v>314</v>
      </c>
      <c r="G72" s="156" t="s">
        <v>58</v>
      </c>
      <c r="H72" s="156" t="s">
        <v>173</v>
      </c>
      <c r="I72" s="156" t="s">
        <v>60</v>
      </c>
      <c r="J72" s="156" t="s">
        <v>299</v>
      </c>
      <c r="K72" s="156" t="s">
        <v>62</v>
      </c>
      <c r="L72" s="156" t="s">
        <v>63</v>
      </c>
      <c r="M72" s="156" t="s">
        <v>63</v>
      </c>
      <c r="N72" s="157">
        <v>1515700</v>
      </c>
      <c r="O72" s="157">
        <v>1515700</v>
      </c>
      <c r="P72" s="156" t="s">
        <v>64</v>
      </c>
      <c r="Q72" s="156" t="s">
        <v>82</v>
      </c>
      <c r="R72" s="161" t="s">
        <v>66</v>
      </c>
      <c r="S72" s="159"/>
      <c r="T72" s="159"/>
      <c r="U72" s="159"/>
      <c r="V72" s="159"/>
      <c r="W72" s="159"/>
      <c r="X72" s="159"/>
      <c r="Y72" s="159"/>
      <c r="Z72" s="159"/>
      <c r="AA72" s="159"/>
      <c r="AB72" s="159"/>
      <c r="AC72" s="159"/>
      <c r="AD72" s="159"/>
      <c r="AE72" s="159"/>
      <c r="AF72" s="159"/>
      <c r="AG72" s="159"/>
      <c r="AH72" s="159"/>
      <c r="AI72" s="159"/>
      <c r="AJ72" s="159"/>
      <c r="AK72" s="159"/>
      <c r="AL72" s="159"/>
      <c r="AM72" s="161"/>
      <c r="AN72" s="159"/>
      <c r="AO72" s="159"/>
      <c r="AP72" s="159"/>
      <c r="AQ72" s="159"/>
      <c r="AR72" s="159"/>
      <c r="AS72" s="159"/>
      <c r="AT72" s="159"/>
      <c r="AU72" s="159"/>
      <c r="AV72" s="159"/>
      <c r="AW72" s="160">
        <f t="shared" si="32"/>
        <v>1500</v>
      </c>
      <c r="AX72" s="158">
        <f t="shared" si="41"/>
        <v>1010.4666666666667</v>
      </c>
      <c r="AY72" s="161">
        <f t="shared" si="42"/>
        <v>1515700</v>
      </c>
      <c r="AZ72" s="161" t="str">
        <f t="shared" si="43"/>
        <v/>
      </c>
      <c r="BA72" s="161" t="str">
        <f t="shared" si="44"/>
        <v/>
      </c>
      <c r="BB72" s="161" t="str">
        <f t="shared" si="45"/>
        <v/>
      </c>
      <c r="BC72" s="161" t="str">
        <f t="shared" si="46"/>
        <v/>
      </c>
      <c r="BD72" s="161" t="str">
        <f t="shared" si="47"/>
        <v/>
      </c>
      <c r="BE72" s="161" t="str">
        <f t="shared" si="48"/>
        <v/>
      </c>
      <c r="BF72" s="161" t="str">
        <f t="shared" si="49"/>
        <v/>
      </c>
      <c r="BG72" s="161" t="str">
        <f t="shared" si="50"/>
        <v/>
      </c>
      <c r="BH72" s="161" t="str">
        <f t="shared" si="51"/>
        <v/>
      </c>
      <c r="BI72" s="161" t="str">
        <f t="shared" si="52"/>
        <v/>
      </c>
      <c r="BJ72" s="161" t="str">
        <f t="shared" si="53"/>
        <v/>
      </c>
      <c r="BK72" s="161" t="str">
        <f t="shared" si="54"/>
        <v/>
      </c>
      <c r="BL72" s="161" t="str">
        <f t="shared" si="55"/>
        <v/>
      </c>
      <c r="BM72" s="161" t="str">
        <f t="shared" si="56"/>
        <v/>
      </c>
      <c r="BN72" s="161" t="str">
        <f t="shared" si="57"/>
        <v/>
      </c>
      <c r="BO72" s="161" t="str">
        <f t="shared" si="58"/>
        <v/>
      </c>
      <c r="BP72" s="161" t="str">
        <f t="shared" si="59"/>
        <v/>
      </c>
      <c r="BQ72" s="161" t="str">
        <f t="shared" si="60"/>
        <v/>
      </c>
      <c r="BR72" s="161" t="str">
        <f t="shared" si="61"/>
        <v/>
      </c>
      <c r="BS72" s="161" t="str">
        <f t="shared" si="62"/>
        <v/>
      </c>
      <c r="BT72" s="161" t="str">
        <f t="shared" si="63"/>
        <v/>
      </c>
      <c r="BU72" s="161" t="str">
        <f t="shared" si="64"/>
        <v/>
      </c>
      <c r="BV72" s="161" t="str">
        <f t="shared" si="65"/>
        <v/>
      </c>
      <c r="BW72" s="161" t="str">
        <f t="shared" si="66"/>
        <v/>
      </c>
      <c r="BX72" s="161" t="str">
        <f t="shared" si="67"/>
        <v/>
      </c>
      <c r="BY72" s="161" t="str">
        <f t="shared" si="68"/>
        <v/>
      </c>
      <c r="BZ72" s="161" t="str">
        <f t="shared" si="69"/>
        <v/>
      </c>
      <c r="CA72" s="161" t="str">
        <f t="shared" si="70"/>
        <v/>
      </c>
      <c r="CB72" s="161" t="str">
        <f t="shared" si="71"/>
        <v/>
      </c>
      <c r="CC72" s="161" t="str">
        <f t="shared" si="72"/>
        <v/>
      </c>
      <c r="CD72" s="156"/>
      <c r="CE72" s="156"/>
      <c r="CF72" s="163"/>
    </row>
    <row r="73" spans="1:84" s="164" customFormat="1" ht="56.1" hidden="1" customHeight="1" x14ac:dyDescent="0.2">
      <c r="A73" s="154">
        <v>71</v>
      </c>
      <c r="B73" s="155" t="s">
        <v>53</v>
      </c>
      <c r="C73" s="155" t="s">
        <v>295</v>
      </c>
      <c r="D73" s="156" t="s">
        <v>301</v>
      </c>
      <c r="E73" s="156" t="s">
        <v>315</v>
      </c>
      <c r="F73" s="156" t="s">
        <v>316</v>
      </c>
      <c r="G73" s="156" t="s">
        <v>58</v>
      </c>
      <c r="H73" s="156" t="s">
        <v>173</v>
      </c>
      <c r="I73" s="156" t="s">
        <v>60</v>
      </c>
      <c r="J73" s="156" t="s">
        <v>304</v>
      </c>
      <c r="K73" s="156" t="s">
        <v>62</v>
      </c>
      <c r="L73" s="156" t="s">
        <v>63</v>
      </c>
      <c r="M73" s="156" t="s">
        <v>63</v>
      </c>
      <c r="N73" s="157">
        <v>59310</v>
      </c>
      <c r="O73" s="157">
        <v>59310</v>
      </c>
      <c r="P73" s="156" t="s">
        <v>64</v>
      </c>
      <c r="Q73" s="156" t="s">
        <v>82</v>
      </c>
      <c r="R73" s="161" t="s">
        <v>66</v>
      </c>
      <c r="S73" s="159"/>
      <c r="T73" s="159"/>
      <c r="U73" s="159"/>
      <c r="V73" s="159"/>
      <c r="W73" s="159"/>
      <c r="X73" s="159"/>
      <c r="Y73" s="159"/>
      <c r="Z73" s="159"/>
      <c r="AA73" s="159"/>
      <c r="AB73" s="159"/>
      <c r="AC73" s="159"/>
      <c r="AD73" s="159"/>
      <c r="AE73" s="159"/>
      <c r="AF73" s="159"/>
      <c r="AG73" s="159"/>
      <c r="AH73" s="159"/>
      <c r="AI73" s="159"/>
      <c r="AJ73" s="159"/>
      <c r="AK73" s="159"/>
      <c r="AL73" s="159"/>
      <c r="AM73" s="161"/>
      <c r="AN73" s="159"/>
      <c r="AO73" s="159"/>
      <c r="AP73" s="159"/>
      <c r="AQ73" s="159"/>
      <c r="AR73" s="159"/>
      <c r="AS73" s="159"/>
      <c r="AT73" s="159"/>
      <c r="AU73" s="159"/>
      <c r="AV73" s="159"/>
      <c r="AW73" s="160">
        <f t="shared" si="32"/>
        <v>1500</v>
      </c>
      <c r="AX73" s="158">
        <f t="shared" si="41"/>
        <v>39.54</v>
      </c>
      <c r="AY73" s="161">
        <f t="shared" si="42"/>
        <v>59310</v>
      </c>
      <c r="AZ73" s="161" t="str">
        <f t="shared" si="43"/>
        <v/>
      </c>
      <c r="BA73" s="161" t="str">
        <f t="shared" si="44"/>
        <v/>
      </c>
      <c r="BB73" s="161" t="str">
        <f t="shared" si="45"/>
        <v/>
      </c>
      <c r="BC73" s="161" t="str">
        <f t="shared" si="46"/>
        <v/>
      </c>
      <c r="BD73" s="161" t="str">
        <f t="shared" si="47"/>
        <v/>
      </c>
      <c r="BE73" s="161" t="str">
        <f t="shared" si="48"/>
        <v/>
      </c>
      <c r="BF73" s="161" t="str">
        <f t="shared" si="49"/>
        <v/>
      </c>
      <c r="BG73" s="161" t="str">
        <f t="shared" si="50"/>
        <v/>
      </c>
      <c r="BH73" s="161" t="str">
        <f t="shared" si="51"/>
        <v/>
      </c>
      <c r="BI73" s="161" t="str">
        <f t="shared" si="52"/>
        <v/>
      </c>
      <c r="BJ73" s="161" t="str">
        <f t="shared" si="53"/>
        <v/>
      </c>
      <c r="BK73" s="161" t="str">
        <f t="shared" si="54"/>
        <v/>
      </c>
      <c r="BL73" s="161" t="str">
        <f t="shared" si="55"/>
        <v/>
      </c>
      <c r="BM73" s="161" t="str">
        <f t="shared" si="56"/>
        <v/>
      </c>
      <c r="BN73" s="161" t="str">
        <f t="shared" si="57"/>
        <v/>
      </c>
      <c r="BO73" s="161" t="str">
        <f t="shared" si="58"/>
        <v/>
      </c>
      <c r="BP73" s="161" t="str">
        <f t="shared" si="59"/>
        <v/>
      </c>
      <c r="BQ73" s="161" t="str">
        <f t="shared" si="60"/>
        <v/>
      </c>
      <c r="BR73" s="161" t="str">
        <f t="shared" si="61"/>
        <v/>
      </c>
      <c r="BS73" s="161" t="str">
        <f t="shared" si="62"/>
        <v/>
      </c>
      <c r="BT73" s="161" t="str">
        <f t="shared" si="63"/>
        <v/>
      </c>
      <c r="BU73" s="161" t="str">
        <f t="shared" si="64"/>
        <v/>
      </c>
      <c r="BV73" s="161" t="str">
        <f t="shared" si="65"/>
        <v/>
      </c>
      <c r="BW73" s="161" t="str">
        <f t="shared" si="66"/>
        <v/>
      </c>
      <c r="BX73" s="161" t="str">
        <f t="shared" si="67"/>
        <v/>
      </c>
      <c r="BY73" s="161" t="str">
        <f t="shared" si="68"/>
        <v/>
      </c>
      <c r="BZ73" s="161" t="str">
        <f t="shared" si="69"/>
        <v/>
      </c>
      <c r="CA73" s="161" t="str">
        <f t="shared" si="70"/>
        <v/>
      </c>
      <c r="CB73" s="161" t="str">
        <f t="shared" si="71"/>
        <v/>
      </c>
      <c r="CC73" s="161" t="str">
        <f t="shared" si="72"/>
        <v/>
      </c>
      <c r="CD73" s="156"/>
      <c r="CE73" s="156"/>
      <c r="CF73" s="163"/>
    </row>
    <row r="74" spans="1:84" s="217" customFormat="1" ht="56.1" hidden="1" customHeight="1" x14ac:dyDescent="0.2">
      <c r="A74" s="181">
        <v>72</v>
      </c>
      <c r="B74" s="182" t="s">
        <v>53</v>
      </c>
      <c r="C74" s="182" t="s">
        <v>295</v>
      </c>
      <c r="D74" s="214" t="s">
        <v>296</v>
      </c>
      <c r="E74" s="214" t="s">
        <v>317</v>
      </c>
      <c r="F74" s="214" t="s">
        <v>318</v>
      </c>
      <c r="G74" s="214" t="s">
        <v>58</v>
      </c>
      <c r="H74" s="214" t="s">
        <v>319</v>
      </c>
      <c r="I74" s="214" t="s">
        <v>81</v>
      </c>
      <c r="J74" s="214" t="s">
        <v>299</v>
      </c>
      <c r="K74" s="214" t="s">
        <v>225</v>
      </c>
      <c r="L74" s="214" t="s">
        <v>63</v>
      </c>
      <c r="M74" s="214" t="s">
        <v>63</v>
      </c>
      <c r="N74" s="215">
        <v>9094200</v>
      </c>
      <c r="O74" s="215">
        <v>9094200</v>
      </c>
      <c r="P74" s="214" t="s">
        <v>64</v>
      </c>
      <c r="Q74" s="214" t="s">
        <v>82</v>
      </c>
      <c r="R74" s="216"/>
      <c r="S74" s="216"/>
      <c r="T74" s="192" t="s">
        <v>66</v>
      </c>
      <c r="U74" s="216"/>
      <c r="V74" s="216"/>
      <c r="W74" s="216"/>
      <c r="X74" s="216"/>
      <c r="Y74" s="216"/>
      <c r="Z74" s="216"/>
      <c r="AA74" s="216"/>
      <c r="AB74" s="216"/>
      <c r="AC74" s="216"/>
      <c r="AD74" s="216"/>
      <c r="AE74" s="216"/>
      <c r="AF74" s="216"/>
      <c r="AG74" s="216"/>
      <c r="AH74" s="216"/>
      <c r="AI74" s="216"/>
      <c r="AJ74" s="216"/>
      <c r="AK74" s="216"/>
      <c r="AL74" s="216"/>
      <c r="AM74" s="192"/>
      <c r="AN74" s="216"/>
      <c r="AO74" s="216"/>
      <c r="AP74" s="216"/>
      <c r="AQ74" s="216"/>
      <c r="AR74" s="216"/>
      <c r="AS74" s="216"/>
      <c r="AT74" s="216"/>
      <c r="AU74" s="216"/>
      <c r="AV74" s="216"/>
      <c r="AW74" s="191">
        <f t="shared" si="32"/>
        <v>450</v>
      </c>
      <c r="AX74" s="187">
        <f t="shared" si="41"/>
        <v>20209.333333333332</v>
      </c>
      <c r="AY74" s="192" t="str">
        <f t="shared" si="42"/>
        <v/>
      </c>
      <c r="AZ74" s="192" t="str">
        <f t="shared" si="43"/>
        <v/>
      </c>
      <c r="BA74" s="192">
        <f t="shared" si="44"/>
        <v>9094200</v>
      </c>
      <c r="BB74" s="192" t="str">
        <f t="shared" si="45"/>
        <v/>
      </c>
      <c r="BC74" s="192" t="str">
        <f t="shared" si="46"/>
        <v/>
      </c>
      <c r="BD74" s="192" t="str">
        <f t="shared" si="47"/>
        <v/>
      </c>
      <c r="BE74" s="192" t="str">
        <f t="shared" si="48"/>
        <v/>
      </c>
      <c r="BF74" s="192" t="str">
        <f t="shared" si="49"/>
        <v/>
      </c>
      <c r="BG74" s="192" t="str">
        <f t="shared" si="50"/>
        <v/>
      </c>
      <c r="BH74" s="192" t="str">
        <f t="shared" si="51"/>
        <v/>
      </c>
      <c r="BI74" s="192" t="str">
        <f t="shared" si="52"/>
        <v/>
      </c>
      <c r="BJ74" s="192" t="str">
        <f t="shared" si="53"/>
        <v/>
      </c>
      <c r="BK74" s="192" t="str">
        <f t="shared" si="54"/>
        <v/>
      </c>
      <c r="BL74" s="192" t="str">
        <f t="shared" si="55"/>
        <v/>
      </c>
      <c r="BM74" s="192" t="str">
        <f t="shared" si="56"/>
        <v/>
      </c>
      <c r="BN74" s="192" t="str">
        <f t="shared" si="57"/>
        <v/>
      </c>
      <c r="BO74" s="192" t="str">
        <f t="shared" si="58"/>
        <v/>
      </c>
      <c r="BP74" s="192" t="str">
        <f t="shared" si="59"/>
        <v/>
      </c>
      <c r="BQ74" s="192" t="str">
        <f t="shared" si="60"/>
        <v/>
      </c>
      <c r="BR74" s="192" t="str">
        <f t="shared" si="61"/>
        <v/>
      </c>
      <c r="BS74" s="192" t="str">
        <f t="shared" si="62"/>
        <v/>
      </c>
      <c r="BT74" s="192" t="str">
        <f t="shared" si="63"/>
        <v/>
      </c>
      <c r="BU74" s="192" t="str">
        <f t="shared" si="64"/>
        <v/>
      </c>
      <c r="BV74" s="192" t="str">
        <f t="shared" si="65"/>
        <v/>
      </c>
      <c r="BW74" s="192" t="str">
        <f t="shared" si="66"/>
        <v/>
      </c>
      <c r="BX74" s="192" t="str">
        <f t="shared" si="67"/>
        <v/>
      </c>
      <c r="BY74" s="192" t="str">
        <f t="shared" si="68"/>
        <v/>
      </c>
      <c r="BZ74" s="192" t="str">
        <f t="shared" si="69"/>
        <v/>
      </c>
      <c r="CA74" s="192" t="str">
        <f t="shared" si="70"/>
        <v/>
      </c>
      <c r="CB74" s="192" t="str">
        <f t="shared" si="71"/>
        <v/>
      </c>
      <c r="CC74" s="192" t="str">
        <f t="shared" si="72"/>
        <v/>
      </c>
      <c r="CD74" s="214" t="s">
        <v>300</v>
      </c>
      <c r="CE74" s="214"/>
      <c r="CF74" s="186"/>
    </row>
    <row r="75" spans="1:84" s="217" customFormat="1" ht="56.1" hidden="1" customHeight="1" x14ac:dyDescent="0.2">
      <c r="A75" s="181">
        <v>73</v>
      </c>
      <c r="B75" s="182" t="s">
        <v>53</v>
      </c>
      <c r="C75" s="182" t="s">
        <v>295</v>
      </c>
      <c r="D75" s="214" t="s">
        <v>301</v>
      </c>
      <c r="E75" s="214" t="s">
        <v>320</v>
      </c>
      <c r="F75" s="214" t="s">
        <v>321</v>
      </c>
      <c r="G75" s="214" t="s">
        <v>58</v>
      </c>
      <c r="H75" s="214" t="s">
        <v>319</v>
      </c>
      <c r="I75" s="214" t="s">
        <v>81</v>
      </c>
      <c r="J75" s="214" t="s">
        <v>304</v>
      </c>
      <c r="K75" s="214" t="s">
        <v>225</v>
      </c>
      <c r="L75" s="214" t="s">
        <v>63</v>
      </c>
      <c r="M75" s="214" t="s">
        <v>63</v>
      </c>
      <c r="N75" s="215">
        <v>355860</v>
      </c>
      <c r="O75" s="215">
        <v>355860</v>
      </c>
      <c r="P75" s="214" t="s">
        <v>64</v>
      </c>
      <c r="Q75" s="214" t="s">
        <v>82</v>
      </c>
      <c r="R75" s="216"/>
      <c r="S75" s="216"/>
      <c r="T75" s="192" t="s">
        <v>66</v>
      </c>
      <c r="U75" s="216"/>
      <c r="V75" s="216"/>
      <c r="W75" s="216"/>
      <c r="X75" s="216"/>
      <c r="Y75" s="216"/>
      <c r="Z75" s="216"/>
      <c r="AA75" s="216"/>
      <c r="AB75" s="216"/>
      <c r="AC75" s="216"/>
      <c r="AD75" s="216"/>
      <c r="AE75" s="216"/>
      <c r="AF75" s="216"/>
      <c r="AG75" s="216"/>
      <c r="AH75" s="216"/>
      <c r="AI75" s="216"/>
      <c r="AJ75" s="216"/>
      <c r="AK75" s="216"/>
      <c r="AL75" s="216"/>
      <c r="AM75" s="192"/>
      <c r="AN75" s="216"/>
      <c r="AO75" s="216"/>
      <c r="AP75" s="216"/>
      <c r="AQ75" s="216"/>
      <c r="AR75" s="216"/>
      <c r="AS75" s="216"/>
      <c r="AT75" s="216"/>
      <c r="AU75" s="216"/>
      <c r="AV75" s="216"/>
      <c r="AW75" s="191">
        <f t="shared" si="32"/>
        <v>450</v>
      </c>
      <c r="AX75" s="187">
        <f t="shared" si="41"/>
        <v>790.8</v>
      </c>
      <c r="AY75" s="192" t="str">
        <f t="shared" si="42"/>
        <v/>
      </c>
      <c r="AZ75" s="192" t="str">
        <f t="shared" si="43"/>
        <v/>
      </c>
      <c r="BA75" s="192">
        <f t="shared" si="44"/>
        <v>355860</v>
      </c>
      <c r="BB75" s="192" t="str">
        <f t="shared" si="45"/>
        <v/>
      </c>
      <c r="BC75" s="192" t="str">
        <f t="shared" si="46"/>
        <v/>
      </c>
      <c r="BD75" s="192" t="str">
        <f t="shared" si="47"/>
        <v/>
      </c>
      <c r="BE75" s="192" t="str">
        <f t="shared" si="48"/>
        <v/>
      </c>
      <c r="BF75" s="192" t="str">
        <f t="shared" si="49"/>
        <v/>
      </c>
      <c r="BG75" s="192" t="str">
        <f t="shared" si="50"/>
        <v/>
      </c>
      <c r="BH75" s="192" t="str">
        <f t="shared" si="51"/>
        <v/>
      </c>
      <c r="BI75" s="192" t="str">
        <f t="shared" si="52"/>
        <v/>
      </c>
      <c r="BJ75" s="192" t="str">
        <f t="shared" si="53"/>
        <v/>
      </c>
      <c r="BK75" s="192" t="str">
        <f t="shared" si="54"/>
        <v/>
      </c>
      <c r="BL75" s="192" t="str">
        <f t="shared" si="55"/>
        <v/>
      </c>
      <c r="BM75" s="192" t="str">
        <f t="shared" si="56"/>
        <v/>
      </c>
      <c r="BN75" s="192" t="str">
        <f t="shared" si="57"/>
        <v/>
      </c>
      <c r="BO75" s="192" t="str">
        <f t="shared" si="58"/>
        <v/>
      </c>
      <c r="BP75" s="192" t="str">
        <f t="shared" si="59"/>
        <v/>
      </c>
      <c r="BQ75" s="192" t="str">
        <f t="shared" si="60"/>
        <v/>
      </c>
      <c r="BR75" s="192" t="str">
        <f t="shared" si="61"/>
        <v/>
      </c>
      <c r="BS75" s="192" t="str">
        <f t="shared" si="62"/>
        <v/>
      </c>
      <c r="BT75" s="192" t="str">
        <f t="shared" si="63"/>
        <v/>
      </c>
      <c r="BU75" s="192" t="str">
        <f t="shared" si="64"/>
        <v/>
      </c>
      <c r="BV75" s="192" t="str">
        <f t="shared" si="65"/>
        <v/>
      </c>
      <c r="BW75" s="192" t="str">
        <f t="shared" si="66"/>
        <v/>
      </c>
      <c r="BX75" s="192" t="str">
        <f t="shared" si="67"/>
        <v/>
      </c>
      <c r="BY75" s="192" t="str">
        <f t="shared" si="68"/>
        <v/>
      </c>
      <c r="BZ75" s="192" t="str">
        <f t="shared" si="69"/>
        <v/>
      </c>
      <c r="CA75" s="192" t="str">
        <f t="shared" si="70"/>
        <v/>
      </c>
      <c r="CB75" s="192" t="str">
        <f t="shared" si="71"/>
        <v/>
      </c>
      <c r="CC75" s="192" t="str">
        <f t="shared" si="72"/>
        <v/>
      </c>
      <c r="CD75" s="214" t="s">
        <v>300</v>
      </c>
      <c r="CE75" s="214"/>
      <c r="CF75" s="186"/>
    </row>
    <row r="76" spans="1:84" s="164" customFormat="1" ht="56.1" hidden="1" customHeight="1" x14ac:dyDescent="0.2">
      <c r="A76" s="154">
        <v>74</v>
      </c>
      <c r="B76" s="155" t="s">
        <v>53</v>
      </c>
      <c r="C76" s="155" t="s">
        <v>295</v>
      </c>
      <c r="D76" s="156" t="s">
        <v>296</v>
      </c>
      <c r="E76" s="156" t="s">
        <v>317</v>
      </c>
      <c r="F76" s="156" t="s">
        <v>318</v>
      </c>
      <c r="G76" s="156" t="s">
        <v>58</v>
      </c>
      <c r="H76" s="156" t="s">
        <v>20</v>
      </c>
      <c r="I76" s="156" t="s">
        <v>81</v>
      </c>
      <c r="J76" s="156" t="s">
        <v>299</v>
      </c>
      <c r="K76" s="156" t="s">
        <v>225</v>
      </c>
      <c r="L76" s="156" t="s">
        <v>63</v>
      </c>
      <c r="M76" s="156" t="s">
        <v>63</v>
      </c>
      <c r="N76" s="157">
        <v>9094200</v>
      </c>
      <c r="O76" s="157">
        <v>9094200</v>
      </c>
      <c r="P76" s="156" t="s">
        <v>64</v>
      </c>
      <c r="Q76" s="156" t="s">
        <v>82</v>
      </c>
      <c r="R76" s="159"/>
      <c r="S76" s="159"/>
      <c r="T76" s="159"/>
      <c r="U76" s="161" t="s">
        <v>66</v>
      </c>
      <c r="V76" s="159"/>
      <c r="W76" s="159"/>
      <c r="X76" s="159"/>
      <c r="Y76" s="159"/>
      <c r="Z76" s="159"/>
      <c r="AA76" s="159"/>
      <c r="AB76" s="159"/>
      <c r="AC76" s="159"/>
      <c r="AD76" s="159"/>
      <c r="AE76" s="159"/>
      <c r="AF76" s="159"/>
      <c r="AG76" s="159"/>
      <c r="AH76" s="159"/>
      <c r="AI76" s="159"/>
      <c r="AJ76" s="159"/>
      <c r="AK76" s="159"/>
      <c r="AL76" s="159"/>
      <c r="AM76" s="161"/>
      <c r="AN76" s="159"/>
      <c r="AO76" s="159"/>
      <c r="AP76" s="159"/>
      <c r="AQ76" s="159"/>
      <c r="AR76" s="159"/>
      <c r="AS76" s="159"/>
      <c r="AT76" s="159"/>
      <c r="AU76" s="159"/>
      <c r="AV76" s="159"/>
      <c r="AW76" s="160">
        <f t="shared" si="32"/>
        <v>350</v>
      </c>
      <c r="AX76" s="158">
        <f t="shared" si="41"/>
        <v>25983.428571428572</v>
      </c>
      <c r="AY76" s="161" t="str">
        <f t="shared" si="42"/>
        <v/>
      </c>
      <c r="AZ76" s="161" t="str">
        <f t="shared" si="43"/>
        <v/>
      </c>
      <c r="BA76" s="161" t="str">
        <f t="shared" si="44"/>
        <v/>
      </c>
      <c r="BB76" s="161">
        <f t="shared" si="45"/>
        <v>9094200</v>
      </c>
      <c r="BC76" s="161" t="str">
        <f t="shared" si="46"/>
        <v/>
      </c>
      <c r="BD76" s="161" t="str">
        <f t="shared" si="47"/>
        <v/>
      </c>
      <c r="BE76" s="161" t="str">
        <f t="shared" si="48"/>
        <v/>
      </c>
      <c r="BF76" s="161" t="str">
        <f t="shared" si="49"/>
        <v/>
      </c>
      <c r="BG76" s="161" t="str">
        <f t="shared" si="50"/>
        <v/>
      </c>
      <c r="BH76" s="161" t="str">
        <f t="shared" si="51"/>
        <v/>
      </c>
      <c r="BI76" s="161" t="str">
        <f t="shared" si="52"/>
        <v/>
      </c>
      <c r="BJ76" s="161" t="str">
        <f t="shared" si="53"/>
        <v/>
      </c>
      <c r="BK76" s="161" t="str">
        <f t="shared" si="54"/>
        <v/>
      </c>
      <c r="BL76" s="161" t="str">
        <f t="shared" si="55"/>
        <v/>
      </c>
      <c r="BM76" s="161" t="str">
        <f t="shared" si="56"/>
        <v/>
      </c>
      <c r="BN76" s="161" t="str">
        <f t="shared" si="57"/>
        <v/>
      </c>
      <c r="BO76" s="161" t="str">
        <f t="shared" si="58"/>
        <v/>
      </c>
      <c r="BP76" s="161" t="str">
        <f t="shared" si="59"/>
        <v/>
      </c>
      <c r="BQ76" s="161" t="str">
        <f t="shared" si="60"/>
        <v/>
      </c>
      <c r="BR76" s="161" t="str">
        <f t="shared" si="61"/>
        <v/>
      </c>
      <c r="BS76" s="161" t="str">
        <f t="shared" si="62"/>
        <v/>
      </c>
      <c r="BT76" s="161" t="str">
        <f t="shared" si="63"/>
        <v/>
      </c>
      <c r="BU76" s="161" t="str">
        <f t="shared" si="64"/>
        <v/>
      </c>
      <c r="BV76" s="161" t="str">
        <f t="shared" si="65"/>
        <v/>
      </c>
      <c r="BW76" s="161" t="str">
        <f t="shared" si="66"/>
        <v/>
      </c>
      <c r="BX76" s="161" t="str">
        <f t="shared" si="67"/>
        <v/>
      </c>
      <c r="BY76" s="161" t="str">
        <f t="shared" si="68"/>
        <v/>
      </c>
      <c r="BZ76" s="161" t="str">
        <f t="shared" si="69"/>
        <v/>
      </c>
      <c r="CA76" s="161" t="str">
        <f t="shared" si="70"/>
        <v/>
      </c>
      <c r="CB76" s="161" t="str">
        <f t="shared" si="71"/>
        <v/>
      </c>
      <c r="CC76" s="161" t="str">
        <f t="shared" si="72"/>
        <v/>
      </c>
      <c r="CD76" s="156" t="s">
        <v>300</v>
      </c>
      <c r="CE76" s="156"/>
      <c r="CF76" s="163"/>
    </row>
    <row r="77" spans="1:84" s="164" customFormat="1" ht="56.1" hidden="1" customHeight="1" x14ac:dyDescent="0.2">
      <c r="A77" s="154">
        <v>75</v>
      </c>
      <c r="B77" s="155" t="s">
        <v>53</v>
      </c>
      <c r="C77" s="155" t="s">
        <v>295</v>
      </c>
      <c r="D77" s="156" t="s">
        <v>301</v>
      </c>
      <c r="E77" s="156" t="s">
        <v>320</v>
      </c>
      <c r="F77" s="156" t="s">
        <v>321</v>
      </c>
      <c r="G77" s="156" t="s">
        <v>58</v>
      </c>
      <c r="H77" s="156" t="s">
        <v>20</v>
      </c>
      <c r="I77" s="156" t="s">
        <v>81</v>
      </c>
      <c r="J77" s="156" t="s">
        <v>304</v>
      </c>
      <c r="K77" s="156" t="s">
        <v>225</v>
      </c>
      <c r="L77" s="156" t="s">
        <v>63</v>
      </c>
      <c r="M77" s="156" t="s">
        <v>63</v>
      </c>
      <c r="N77" s="157">
        <v>355860</v>
      </c>
      <c r="O77" s="157">
        <v>355860</v>
      </c>
      <c r="P77" s="156" t="s">
        <v>64</v>
      </c>
      <c r="Q77" s="156" t="s">
        <v>82</v>
      </c>
      <c r="R77" s="159"/>
      <c r="S77" s="159"/>
      <c r="T77" s="159"/>
      <c r="U77" s="161" t="s">
        <v>66</v>
      </c>
      <c r="V77" s="159"/>
      <c r="W77" s="159"/>
      <c r="X77" s="159"/>
      <c r="Y77" s="159"/>
      <c r="Z77" s="159"/>
      <c r="AA77" s="159"/>
      <c r="AB77" s="159"/>
      <c r="AC77" s="159"/>
      <c r="AD77" s="159"/>
      <c r="AE77" s="159"/>
      <c r="AF77" s="159"/>
      <c r="AG77" s="159"/>
      <c r="AH77" s="159"/>
      <c r="AI77" s="159"/>
      <c r="AJ77" s="159"/>
      <c r="AK77" s="159"/>
      <c r="AL77" s="159"/>
      <c r="AM77" s="161"/>
      <c r="AN77" s="159"/>
      <c r="AO77" s="159"/>
      <c r="AP77" s="159"/>
      <c r="AQ77" s="159"/>
      <c r="AR77" s="159"/>
      <c r="AS77" s="159"/>
      <c r="AT77" s="159"/>
      <c r="AU77" s="159"/>
      <c r="AV77" s="159"/>
      <c r="AW77" s="160">
        <f t="shared" si="32"/>
        <v>350</v>
      </c>
      <c r="AX77" s="158">
        <f t="shared" si="41"/>
        <v>1016.7428571428571</v>
      </c>
      <c r="AY77" s="161" t="str">
        <f t="shared" si="42"/>
        <v/>
      </c>
      <c r="AZ77" s="161" t="str">
        <f t="shared" si="43"/>
        <v/>
      </c>
      <c r="BA77" s="161" t="str">
        <f t="shared" si="44"/>
        <v/>
      </c>
      <c r="BB77" s="161">
        <f t="shared" si="45"/>
        <v>355860</v>
      </c>
      <c r="BC77" s="161" t="str">
        <f t="shared" si="46"/>
        <v/>
      </c>
      <c r="BD77" s="161" t="str">
        <f t="shared" si="47"/>
        <v/>
      </c>
      <c r="BE77" s="161" t="str">
        <f t="shared" si="48"/>
        <v/>
      </c>
      <c r="BF77" s="161" t="str">
        <f t="shared" si="49"/>
        <v/>
      </c>
      <c r="BG77" s="161" t="str">
        <f t="shared" si="50"/>
        <v/>
      </c>
      <c r="BH77" s="161" t="str">
        <f t="shared" si="51"/>
        <v/>
      </c>
      <c r="BI77" s="161" t="str">
        <f t="shared" si="52"/>
        <v/>
      </c>
      <c r="BJ77" s="161" t="str">
        <f t="shared" si="53"/>
        <v/>
      </c>
      <c r="BK77" s="161" t="str">
        <f t="shared" si="54"/>
        <v/>
      </c>
      <c r="BL77" s="161" t="str">
        <f t="shared" si="55"/>
        <v/>
      </c>
      <c r="BM77" s="161" t="str">
        <f t="shared" si="56"/>
        <v/>
      </c>
      <c r="BN77" s="161" t="str">
        <f t="shared" si="57"/>
        <v/>
      </c>
      <c r="BO77" s="161" t="str">
        <f t="shared" si="58"/>
        <v/>
      </c>
      <c r="BP77" s="161" t="str">
        <f t="shared" si="59"/>
        <v/>
      </c>
      <c r="BQ77" s="161" t="str">
        <f t="shared" si="60"/>
        <v/>
      </c>
      <c r="BR77" s="161" t="str">
        <f t="shared" si="61"/>
        <v/>
      </c>
      <c r="BS77" s="161" t="str">
        <f t="shared" si="62"/>
        <v/>
      </c>
      <c r="BT77" s="161" t="str">
        <f t="shared" si="63"/>
        <v/>
      </c>
      <c r="BU77" s="161" t="str">
        <f t="shared" si="64"/>
        <v/>
      </c>
      <c r="BV77" s="161" t="str">
        <f t="shared" si="65"/>
        <v/>
      </c>
      <c r="BW77" s="161" t="str">
        <f t="shared" si="66"/>
        <v/>
      </c>
      <c r="BX77" s="161" t="str">
        <f t="shared" si="67"/>
        <v/>
      </c>
      <c r="BY77" s="161" t="str">
        <f t="shared" si="68"/>
        <v/>
      </c>
      <c r="BZ77" s="161" t="str">
        <f t="shared" si="69"/>
        <v/>
      </c>
      <c r="CA77" s="161" t="str">
        <f t="shared" si="70"/>
        <v/>
      </c>
      <c r="CB77" s="161" t="str">
        <f t="shared" si="71"/>
        <v/>
      </c>
      <c r="CC77" s="161" t="str">
        <f t="shared" si="72"/>
        <v/>
      </c>
      <c r="CD77" s="156" t="s">
        <v>300</v>
      </c>
      <c r="CE77" s="156"/>
      <c r="CF77" s="163"/>
    </row>
    <row r="78" spans="1:84" s="207" customFormat="1" ht="56.1" hidden="1" customHeight="1" x14ac:dyDescent="0.2">
      <c r="A78" s="198">
        <v>76</v>
      </c>
      <c r="B78" s="199" t="s">
        <v>53</v>
      </c>
      <c r="C78" s="199" t="s">
        <v>295</v>
      </c>
      <c r="D78" s="200" t="s">
        <v>296</v>
      </c>
      <c r="E78" s="200" t="s">
        <v>317</v>
      </c>
      <c r="F78" s="200" t="s">
        <v>318</v>
      </c>
      <c r="G78" s="200" t="s">
        <v>58</v>
      </c>
      <c r="H78" s="200" t="s">
        <v>322</v>
      </c>
      <c r="I78" s="200" t="s">
        <v>81</v>
      </c>
      <c r="J78" s="200" t="s">
        <v>299</v>
      </c>
      <c r="K78" s="200" t="s">
        <v>225</v>
      </c>
      <c r="L78" s="200" t="s">
        <v>63</v>
      </c>
      <c r="M78" s="200" t="s">
        <v>63</v>
      </c>
      <c r="N78" s="201">
        <v>9094200</v>
      </c>
      <c r="O78" s="201">
        <v>9094200</v>
      </c>
      <c r="P78" s="200" t="s">
        <v>64</v>
      </c>
      <c r="Q78" s="200" t="s">
        <v>82</v>
      </c>
      <c r="R78" s="202"/>
      <c r="S78" s="203" t="s">
        <v>66</v>
      </c>
      <c r="T78" s="202"/>
      <c r="U78" s="202"/>
      <c r="V78" s="202"/>
      <c r="W78" s="202"/>
      <c r="X78" s="202"/>
      <c r="Y78" s="202"/>
      <c r="Z78" s="202"/>
      <c r="AA78" s="202"/>
      <c r="AB78" s="202"/>
      <c r="AC78" s="202"/>
      <c r="AD78" s="202"/>
      <c r="AE78" s="202"/>
      <c r="AF78" s="202"/>
      <c r="AG78" s="202"/>
      <c r="AH78" s="202"/>
      <c r="AI78" s="202"/>
      <c r="AJ78" s="202"/>
      <c r="AK78" s="202"/>
      <c r="AL78" s="202"/>
      <c r="AM78" s="203"/>
      <c r="AN78" s="202"/>
      <c r="AO78" s="202"/>
      <c r="AP78" s="202"/>
      <c r="AQ78" s="202"/>
      <c r="AR78" s="202"/>
      <c r="AS78" s="202"/>
      <c r="AT78" s="202"/>
      <c r="AU78" s="202"/>
      <c r="AV78" s="202"/>
      <c r="AW78" s="204">
        <f t="shared" si="32"/>
        <v>200</v>
      </c>
      <c r="AX78" s="205">
        <f t="shared" si="41"/>
        <v>45471</v>
      </c>
      <c r="AY78" s="203" t="str">
        <f t="shared" si="42"/>
        <v/>
      </c>
      <c r="AZ78" s="203">
        <f t="shared" si="43"/>
        <v>9094200</v>
      </c>
      <c r="BA78" s="203" t="str">
        <f t="shared" si="44"/>
        <v/>
      </c>
      <c r="BB78" s="203" t="str">
        <f t="shared" si="45"/>
        <v/>
      </c>
      <c r="BC78" s="203" t="str">
        <f t="shared" si="46"/>
        <v/>
      </c>
      <c r="BD78" s="203" t="str">
        <f t="shared" si="47"/>
        <v/>
      </c>
      <c r="BE78" s="203" t="str">
        <f t="shared" si="48"/>
        <v/>
      </c>
      <c r="BF78" s="203" t="str">
        <f t="shared" si="49"/>
        <v/>
      </c>
      <c r="BG78" s="203" t="str">
        <f t="shared" si="50"/>
        <v/>
      </c>
      <c r="BH78" s="203" t="str">
        <f t="shared" si="51"/>
        <v/>
      </c>
      <c r="BI78" s="203" t="str">
        <f t="shared" si="52"/>
        <v/>
      </c>
      <c r="BJ78" s="203" t="str">
        <f t="shared" si="53"/>
        <v/>
      </c>
      <c r="BK78" s="203" t="str">
        <f t="shared" si="54"/>
        <v/>
      </c>
      <c r="BL78" s="203" t="str">
        <f t="shared" si="55"/>
        <v/>
      </c>
      <c r="BM78" s="203" t="str">
        <f t="shared" si="56"/>
        <v/>
      </c>
      <c r="BN78" s="203" t="str">
        <f t="shared" si="57"/>
        <v/>
      </c>
      <c r="BO78" s="203" t="str">
        <f t="shared" si="58"/>
        <v/>
      </c>
      <c r="BP78" s="203" t="str">
        <f t="shared" si="59"/>
        <v/>
      </c>
      <c r="BQ78" s="203" t="str">
        <f t="shared" si="60"/>
        <v/>
      </c>
      <c r="BR78" s="203" t="str">
        <f t="shared" si="61"/>
        <v/>
      </c>
      <c r="BS78" s="203" t="str">
        <f t="shared" si="62"/>
        <v/>
      </c>
      <c r="BT78" s="203" t="str">
        <f t="shared" si="63"/>
        <v/>
      </c>
      <c r="BU78" s="203" t="str">
        <f t="shared" si="64"/>
        <v/>
      </c>
      <c r="BV78" s="203" t="str">
        <f t="shared" si="65"/>
        <v/>
      </c>
      <c r="BW78" s="203" t="str">
        <f t="shared" si="66"/>
        <v/>
      </c>
      <c r="BX78" s="203" t="str">
        <f t="shared" si="67"/>
        <v/>
      </c>
      <c r="BY78" s="203" t="str">
        <f t="shared" si="68"/>
        <v/>
      </c>
      <c r="BZ78" s="203" t="str">
        <f t="shared" si="69"/>
        <v/>
      </c>
      <c r="CA78" s="203" t="str">
        <f t="shared" si="70"/>
        <v/>
      </c>
      <c r="CB78" s="203" t="str">
        <f t="shared" si="71"/>
        <v/>
      </c>
      <c r="CC78" s="203" t="str">
        <f t="shared" si="72"/>
        <v/>
      </c>
      <c r="CD78" s="200" t="s">
        <v>300</v>
      </c>
      <c r="CE78" s="200"/>
      <c r="CF78" s="206"/>
    </row>
    <row r="79" spans="1:84" s="207" customFormat="1" ht="56.1" hidden="1" customHeight="1" x14ac:dyDescent="0.2">
      <c r="A79" s="198">
        <v>77</v>
      </c>
      <c r="B79" s="199" t="s">
        <v>53</v>
      </c>
      <c r="C79" s="199" t="s">
        <v>295</v>
      </c>
      <c r="D79" s="200" t="s">
        <v>301</v>
      </c>
      <c r="E79" s="200" t="s">
        <v>320</v>
      </c>
      <c r="F79" s="200" t="s">
        <v>321</v>
      </c>
      <c r="G79" s="200" t="s">
        <v>58</v>
      </c>
      <c r="H79" s="200" t="s">
        <v>322</v>
      </c>
      <c r="I79" s="200" t="s">
        <v>81</v>
      </c>
      <c r="J79" s="200" t="s">
        <v>304</v>
      </c>
      <c r="K79" s="200" t="s">
        <v>225</v>
      </c>
      <c r="L79" s="200" t="s">
        <v>63</v>
      </c>
      <c r="M79" s="200" t="s">
        <v>63</v>
      </c>
      <c r="N79" s="201">
        <v>355860</v>
      </c>
      <c r="O79" s="201">
        <v>355860</v>
      </c>
      <c r="P79" s="200" t="s">
        <v>64</v>
      </c>
      <c r="Q79" s="200" t="s">
        <v>82</v>
      </c>
      <c r="R79" s="202"/>
      <c r="S79" s="203" t="s">
        <v>66</v>
      </c>
      <c r="T79" s="202"/>
      <c r="U79" s="202"/>
      <c r="V79" s="202"/>
      <c r="W79" s="202"/>
      <c r="X79" s="202"/>
      <c r="Y79" s="202"/>
      <c r="Z79" s="202"/>
      <c r="AA79" s="202"/>
      <c r="AB79" s="202"/>
      <c r="AC79" s="202"/>
      <c r="AD79" s="202"/>
      <c r="AE79" s="202"/>
      <c r="AF79" s="202"/>
      <c r="AG79" s="202"/>
      <c r="AH79" s="202"/>
      <c r="AI79" s="202"/>
      <c r="AJ79" s="202"/>
      <c r="AK79" s="202"/>
      <c r="AL79" s="202"/>
      <c r="AM79" s="203"/>
      <c r="AN79" s="202"/>
      <c r="AO79" s="202"/>
      <c r="AP79" s="202"/>
      <c r="AQ79" s="202"/>
      <c r="AR79" s="202"/>
      <c r="AS79" s="202"/>
      <c r="AT79" s="202"/>
      <c r="AU79" s="202"/>
      <c r="AV79" s="202"/>
      <c r="AW79" s="204">
        <f t="shared" si="32"/>
        <v>200</v>
      </c>
      <c r="AX79" s="205">
        <f t="shared" si="41"/>
        <v>1779.3</v>
      </c>
      <c r="AY79" s="203" t="str">
        <f t="shared" si="42"/>
        <v/>
      </c>
      <c r="AZ79" s="203">
        <f t="shared" si="43"/>
        <v>355860</v>
      </c>
      <c r="BA79" s="203" t="str">
        <f t="shared" si="44"/>
        <v/>
      </c>
      <c r="BB79" s="203" t="str">
        <f t="shared" si="45"/>
        <v/>
      </c>
      <c r="BC79" s="203" t="str">
        <f t="shared" si="46"/>
        <v/>
      </c>
      <c r="BD79" s="203" t="str">
        <f t="shared" si="47"/>
        <v/>
      </c>
      <c r="BE79" s="203" t="str">
        <f t="shared" si="48"/>
        <v/>
      </c>
      <c r="BF79" s="203" t="str">
        <f t="shared" si="49"/>
        <v/>
      </c>
      <c r="BG79" s="203" t="str">
        <f t="shared" si="50"/>
        <v/>
      </c>
      <c r="BH79" s="203" t="str">
        <f t="shared" si="51"/>
        <v/>
      </c>
      <c r="BI79" s="203" t="str">
        <f t="shared" si="52"/>
        <v/>
      </c>
      <c r="BJ79" s="203" t="str">
        <f t="shared" si="53"/>
        <v/>
      </c>
      <c r="BK79" s="203" t="str">
        <f t="shared" si="54"/>
        <v/>
      </c>
      <c r="BL79" s="203" t="str">
        <f t="shared" si="55"/>
        <v/>
      </c>
      <c r="BM79" s="203" t="str">
        <f t="shared" si="56"/>
        <v/>
      </c>
      <c r="BN79" s="203" t="str">
        <f t="shared" si="57"/>
        <v/>
      </c>
      <c r="BO79" s="203" t="str">
        <f t="shared" si="58"/>
        <v/>
      </c>
      <c r="BP79" s="203" t="str">
        <f t="shared" si="59"/>
        <v/>
      </c>
      <c r="BQ79" s="203" t="str">
        <f t="shared" si="60"/>
        <v/>
      </c>
      <c r="BR79" s="203" t="str">
        <f t="shared" si="61"/>
        <v/>
      </c>
      <c r="BS79" s="203" t="str">
        <f t="shared" si="62"/>
        <v/>
      </c>
      <c r="BT79" s="203" t="str">
        <f t="shared" si="63"/>
        <v/>
      </c>
      <c r="BU79" s="203" t="str">
        <f t="shared" si="64"/>
        <v/>
      </c>
      <c r="BV79" s="203" t="str">
        <f t="shared" si="65"/>
        <v/>
      </c>
      <c r="BW79" s="203" t="str">
        <f t="shared" si="66"/>
        <v/>
      </c>
      <c r="BX79" s="203" t="str">
        <f t="shared" si="67"/>
        <v/>
      </c>
      <c r="BY79" s="203" t="str">
        <f t="shared" si="68"/>
        <v/>
      </c>
      <c r="BZ79" s="203" t="str">
        <f t="shared" si="69"/>
        <v/>
      </c>
      <c r="CA79" s="203" t="str">
        <f t="shared" si="70"/>
        <v/>
      </c>
      <c r="CB79" s="203" t="str">
        <f t="shared" si="71"/>
        <v/>
      </c>
      <c r="CC79" s="203" t="str">
        <f t="shared" si="72"/>
        <v/>
      </c>
      <c r="CD79" s="200" t="s">
        <v>300</v>
      </c>
      <c r="CE79" s="200"/>
      <c r="CF79" s="206"/>
    </row>
    <row r="80" spans="1:84" s="164" customFormat="1" ht="56.1" hidden="1" customHeight="1" x14ac:dyDescent="0.2">
      <c r="A80" s="154">
        <v>78</v>
      </c>
      <c r="B80" s="155" t="s">
        <v>53</v>
      </c>
      <c r="C80" s="155" t="s">
        <v>295</v>
      </c>
      <c r="D80" s="156" t="s">
        <v>296</v>
      </c>
      <c r="E80" s="156" t="s">
        <v>317</v>
      </c>
      <c r="F80" s="156" t="s">
        <v>318</v>
      </c>
      <c r="G80" s="156" t="s">
        <v>58</v>
      </c>
      <c r="H80" s="156" t="s">
        <v>21</v>
      </c>
      <c r="I80" s="156" t="s">
        <v>81</v>
      </c>
      <c r="J80" s="156" t="s">
        <v>299</v>
      </c>
      <c r="K80" s="156" t="s">
        <v>225</v>
      </c>
      <c r="L80" s="156" t="s">
        <v>63</v>
      </c>
      <c r="M80" s="156" t="s">
        <v>63</v>
      </c>
      <c r="N80" s="157">
        <v>9094200</v>
      </c>
      <c r="O80" s="157">
        <v>9094200</v>
      </c>
      <c r="P80" s="156" t="s">
        <v>64</v>
      </c>
      <c r="Q80" s="156" t="s">
        <v>82</v>
      </c>
      <c r="R80" s="159"/>
      <c r="S80" s="159"/>
      <c r="T80" s="159"/>
      <c r="U80" s="159"/>
      <c r="V80" s="161" t="s">
        <v>66</v>
      </c>
      <c r="W80" s="159"/>
      <c r="X80" s="159"/>
      <c r="Y80" s="159"/>
      <c r="Z80" s="159"/>
      <c r="AA80" s="159"/>
      <c r="AB80" s="159"/>
      <c r="AC80" s="159"/>
      <c r="AD80" s="159"/>
      <c r="AE80" s="159"/>
      <c r="AF80" s="159"/>
      <c r="AG80" s="159"/>
      <c r="AH80" s="159"/>
      <c r="AI80" s="159"/>
      <c r="AJ80" s="159"/>
      <c r="AK80" s="159"/>
      <c r="AL80" s="159"/>
      <c r="AM80" s="161"/>
      <c r="AN80" s="159"/>
      <c r="AO80" s="159"/>
      <c r="AP80" s="159"/>
      <c r="AQ80" s="159"/>
      <c r="AR80" s="159"/>
      <c r="AS80" s="159"/>
      <c r="AT80" s="159"/>
      <c r="AU80" s="159"/>
      <c r="AV80" s="159"/>
      <c r="AW80" s="160">
        <f t="shared" si="32"/>
        <v>300</v>
      </c>
      <c r="AX80" s="158">
        <f t="shared" si="41"/>
        <v>30314</v>
      </c>
      <c r="AY80" s="161" t="str">
        <f t="shared" si="42"/>
        <v/>
      </c>
      <c r="AZ80" s="161" t="str">
        <f t="shared" si="43"/>
        <v/>
      </c>
      <c r="BA80" s="161" t="str">
        <f t="shared" si="44"/>
        <v/>
      </c>
      <c r="BB80" s="161" t="str">
        <f t="shared" si="45"/>
        <v/>
      </c>
      <c r="BC80" s="161">
        <f t="shared" si="46"/>
        <v>9094200</v>
      </c>
      <c r="BD80" s="161" t="str">
        <f t="shared" si="47"/>
        <v/>
      </c>
      <c r="BE80" s="161" t="str">
        <f t="shared" si="48"/>
        <v/>
      </c>
      <c r="BF80" s="161" t="str">
        <f t="shared" si="49"/>
        <v/>
      </c>
      <c r="BG80" s="161" t="str">
        <f t="shared" si="50"/>
        <v/>
      </c>
      <c r="BH80" s="161" t="str">
        <f t="shared" si="51"/>
        <v/>
      </c>
      <c r="BI80" s="161" t="str">
        <f t="shared" si="52"/>
        <v/>
      </c>
      <c r="BJ80" s="161" t="str">
        <f t="shared" si="53"/>
        <v/>
      </c>
      <c r="BK80" s="161" t="str">
        <f t="shared" si="54"/>
        <v/>
      </c>
      <c r="BL80" s="161" t="str">
        <f t="shared" si="55"/>
        <v/>
      </c>
      <c r="BM80" s="161" t="str">
        <f t="shared" si="56"/>
        <v/>
      </c>
      <c r="BN80" s="161" t="str">
        <f t="shared" si="57"/>
        <v/>
      </c>
      <c r="BO80" s="161" t="str">
        <f t="shared" si="58"/>
        <v/>
      </c>
      <c r="BP80" s="161" t="str">
        <f t="shared" si="59"/>
        <v/>
      </c>
      <c r="BQ80" s="161" t="str">
        <f t="shared" si="60"/>
        <v/>
      </c>
      <c r="BR80" s="161" t="str">
        <f t="shared" si="61"/>
        <v/>
      </c>
      <c r="BS80" s="161" t="str">
        <f t="shared" si="62"/>
        <v/>
      </c>
      <c r="BT80" s="161" t="str">
        <f t="shared" si="63"/>
        <v/>
      </c>
      <c r="BU80" s="161" t="str">
        <f t="shared" si="64"/>
        <v/>
      </c>
      <c r="BV80" s="161" t="str">
        <f t="shared" si="65"/>
        <v/>
      </c>
      <c r="BW80" s="161" t="str">
        <f t="shared" si="66"/>
        <v/>
      </c>
      <c r="BX80" s="161" t="str">
        <f t="shared" si="67"/>
        <v/>
      </c>
      <c r="BY80" s="161" t="str">
        <f t="shared" si="68"/>
        <v/>
      </c>
      <c r="BZ80" s="161" t="str">
        <f t="shared" si="69"/>
        <v/>
      </c>
      <c r="CA80" s="161" t="str">
        <f t="shared" si="70"/>
        <v/>
      </c>
      <c r="CB80" s="161" t="str">
        <f t="shared" si="71"/>
        <v/>
      </c>
      <c r="CC80" s="161" t="str">
        <f t="shared" si="72"/>
        <v/>
      </c>
      <c r="CD80" s="156" t="s">
        <v>300</v>
      </c>
      <c r="CE80" s="156"/>
      <c r="CF80" s="163"/>
    </row>
    <row r="81" spans="1:84" s="164" customFormat="1" ht="56.1" hidden="1" customHeight="1" x14ac:dyDescent="0.2">
      <c r="A81" s="154">
        <v>79</v>
      </c>
      <c r="B81" s="155" t="s">
        <v>53</v>
      </c>
      <c r="C81" s="155" t="s">
        <v>295</v>
      </c>
      <c r="D81" s="156" t="s">
        <v>301</v>
      </c>
      <c r="E81" s="156" t="s">
        <v>320</v>
      </c>
      <c r="F81" s="156" t="s">
        <v>321</v>
      </c>
      <c r="G81" s="156" t="s">
        <v>58</v>
      </c>
      <c r="H81" s="156" t="s">
        <v>21</v>
      </c>
      <c r="I81" s="156" t="s">
        <v>81</v>
      </c>
      <c r="J81" s="156" t="s">
        <v>304</v>
      </c>
      <c r="K81" s="156" t="s">
        <v>225</v>
      </c>
      <c r="L81" s="156" t="s">
        <v>63</v>
      </c>
      <c r="M81" s="156" t="s">
        <v>63</v>
      </c>
      <c r="N81" s="157">
        <v>355860</v>
      </c>
      <c r="O81" s="157">
        <v>355860</v>
      </c>
      <c r="P81" s="156" t="s">
        <v>64</v>
      </c>
      <c r="Q81" s="156" t="s">
        <v>82</v>
      </c>
      <c r="R81" s="159"/>
      <c r="S81" s="159"/>
      <c r="T81" s="159"/>
      <c r="U81" s="159"/>
      <c r="V81" s="161" t="s">
        <v>66</v>
      </c>
      <c r="W81" s="159"/>
      <c r="X81" s="159"/>
      <c r="Y81" s="159"/>
      <c r="Z81" s="159"/>
      <c r="AA81" s="159"/>
      <c r="AB81" s="159"/>
      <c r="AC81" s="159"/>
      <c r="AD81" s="159"/>
      <c r="AE81" s="159"/>
      <c r="AF81" s="159"/>
      <c r="AG81" s="159"/>
      <c r="AH81" s="159"/>
      <c r="AI81" s="159"/>
      <c r="AJ81" s="159"/>
      <c r="AK81" s="159"/>
      <c r="AL81" s="159"/>
      <c r="AM81" s="161"/>
      <c r="AN81" s="159"/>
      <c r="AO81" s="159"/>
      <c r="AP81" s="159"/>
      <c r="AQ81" s="159"/>
      <c r="AR81" s="159"/>
      <c r="AS81" s="159"/>
      <c r="AT81" s="159"/>
      <c r="AU81" s="159"/>
      <c r="AV81" s="159"/>
      <c r="AW81" s="160">
        <f t="shared" si="32"/>
        <v>300</v>
      </c>
      <c r="AX81" s="158">
        <f t="shared" si="41"/>
        <v>1186.2</v>
      </c>
      <c r="AY81" s="161" t="str">
        <f t="shared" si="42"/>
        <v/>
      </c>
      <c r="AZ81" s="161" t="str">
        <f t="shared" si="43"/>
        <v/>
      </c>
      <c r="BA81" s="161" t="str">
        <f t="shared" si="44"/>
        <v/>
      </c>
      <c r="BB81" s="161" t="str">
        <f t="shared" si="45"/>
        <v/>
      </c>
      <c r="BC81" s="161">
        <f t="shared" si="46"/>
        <v>355860</v>
      </c>
      <c r="BD81" s="161" t="str">
        <f t="shared" si="47"/>
        <v/>
      </c>
      <c r="BE81" s="161" t="str">
        <f t="shared" si="48"/>
        <v/>
      </c>
      <c r="BF81" s="161" t="str">
        <f t="shared" si="49"/>
        <v/>
      </c>
      <c r="BG81" s="161" t="str">
        <f t="shared" si="50"/>
        <v/>
      </c>
      <c r="BH81" s="161" t="str">
        <f t="shared" si="51"/>
        <v/>
      </c>
      <c r="BI81" s="161" t="str">
        <f t="shared" si="52"/>
        <v/>
      </c>
      <c r="BJ81" s="161" t="str">
        <f t="shared" si="53"/>
        <v/>
      </c>
      <c r="BK81" s="161" t="str">
        <f t="shared" si="54"/>
        <v/>
      </c>
      <c r="BL81" s="161" t="str">
        <f t="shared" si="55"/>
        <v/>
      </c>
      <c r="BM81" s="161" t="str">
        <f t="shared" si="56"/>
        <v/>
      </c>
      <c r="BN81" s="161" t="str">
        <f t="shared" si="57"/>
        <v/>
      </c>
      <c r="BO81" s="161" t="str">
        <f t="shared" si="58"/>
        <v/>
      </c>
      <c r="BP81" s="161" t="str">
        <f t="shared" si="59"/>
        <v/>
      </c>
      <c r="BQ81" s="161" t="str">
        <f t="shared" si="60"/>
        <v/>
      </c>
      <c r="BR81" s="161" t="str">
        <f t="shared" si="61"/>
        <v/>
      </c>
      <c r="BS81" s="161" t="str">
        <f t="shared" si="62"/>
        <v/>
      </c>
      <c r="BT81" s="161" t="str">
        <f t="shared" si="63"/>
        <v/>
      </c>
      <c r="BU81" s="161" t="str">
        <f t="shared" si="64"/>
        <v/>
      </c>
      <c r="BV81" s="161" t="str">
        <f t="shared" si="65"/>
        <v/>
      </c>
      <c r="BW81" s="161" t="str">
        <f t="shared" si="66"/>
        <v/>
      </c>
      <c r="BX81" s="161" t="str">
        <f t="shared" si="67"/>
        <v/>
      </c>
      <c r="BY81" s="161" t="str">
        <f t="shared" si="68"/>
        <v/>
      </c>
      <c r="BZ81" s="161" t="str">
        <f t="shared" si="69"/>
        <v/>
      </c>
      <c r="CA81" s="161" t="str">
        <f t="shared" si="70"/>
        <v/>
      </c>
      <c r="CB81" s="161" t="str">
        <f t="shared" si="71"/>
        <v/>
      </c>
      <c r="CC81" s="161" t="str">
        <f t="shared" si="72"/>
        <v/>
      </c>
      <c r="CD81" s="156" t="s">
        <v>300</v>
      </c>
      <c r="CE81" s="156"/>
      <c r="CF81" s="163"/>
    </row>
    <row r="82" spans="1:84" s="164" customFormat="1" ht="56.1" hidden="1" customHeight="1" x14ac:dyDescent="0.2">
      <c r="A82" s="154">
        <v>80</v>
      </c>
      <c r="B82" s="155" t="s">
        <v>53</v>
      </c>
      <c r="C82" s="155" t="s">
        <v>295</v>
      </c>
      <c r="D82" s="156" t="s">
        <v>296</v>
      </c>
      <c r="E82" s="156" t="s">
        <v>317</v>
      </c>
      <c r="F82" s="156" t="s">
        <v>318</v>
      </c>
      <c r="G82" s="156" t="s">
        <v>58</v>
      </c>
      <c r="H82" s="156" t="s">
        <v>323</v>
      </c>
      <c r="I82" s="156" t="s">
        <v>81</v>
      </c>
      <c r="J82" s="156" t="s">
        <v>299</v>
      </c>
      <c r="K82" s="156" t="s">
        <v>225</v>
      </c>
      <c r="L82" s="156" t="s">
        <v>63</v>
      </c>
      <c r="M82" s="156" t="s">
        <v>63</v>
      </c>
      <c r="N82" s="157">
        <v>9094200</v>
      </c>
      <c r="O82" s="157">
        <v>9094200</v>
      </c>
      <c r="P82" s="156" t="s">
        <v>64</v>
      </c>
      <c r="Q82" s="156" t="s">
        <v>82</v>
      </c>
      <c r="R82" s="159"/>
      <c r="S82" s="159"/>
      <c r="T82" s="159"/>
      <c r="U82" s="159"/>
      <c r="V82" s="159"/>
      <c r="W82" s="159"/>
      <c r="X82" s="161" t="s">
        <v>66</v>
      </c>
      <c r="Y82" s="159"/>
      <c r="Z82" s="159"/>
      <c r="AA82" s="159"/>
      <c r="AB82" s="159"/>
      <c r="AC82" s="159"/>
      <c r="AD82" s="159"/>
      <c r="AE82" s="159"/>
      <c r="AF82" s="159"/>
      <c r="AG82" s="159"/>
      <c r="AH82" s="159"/>
      <c r="AI82" s="159"/>
      <c r="AJ82" s="159"/>
      <c r="AK82" s="159"/>
      <c r="AL82" s="159"/>
      <c r="AM82" s="161"/>
      <c r="AN82" s="159"/>
      <c r="AO82" s="159"/>
      <c r="AP82" s="159"/>
      <c r="AQ82" s="159"/>
      <c r="AR82" s="159"/>
      <c r="AS82" s="159"/>
      <c r="AT82" s="159"/>
      <c r="AU82" s="159"/>
      <c r="AV82" s="159"/>
      <c r="AW82" s="160">
        <f t="shared" si="32"/>
        <v>100</v>
      </c>
      <c r="AX82" s="158">
        <f t="shared" si="41"/>
        <v>90942</v>
      </c>
      <c r="AY82" s="161" t="str">
        <f t="shared" si="42"/>
        <v/>
      </c>
      <c r="AZ82" s="161" t="str">
        <f t="shared" si="43"/>
        <v/>
      </c>
      <c r="BA82" s="161" t="str">
        <f t="shared" si="44"/>
        <v/>
      </c>
      <c r="BB82" s="161" t="str">
        <f t="shared" si="45"/>
        <v/>
      </c>
      <c r="BC82" s="161" t="str">
        <f t="shared" si="46"/>
        <v/>
      </c>
      <c r="BD82" s="161" t="str">
        <f t="shared" si="47"/>
        <v/>
      </c>
      <c r="BE82" s="161">
        <f t="shared" si="48"/>
        <v>9094200</v>
      </c>
      <c r="BF82" s="161" t="str">
        <f t="shared" si="49"/>
        <v/>
      </c>
      <c r="BG82" s="161" t="str">
        <f t="shared" si="50"/>
        <v/>
      </c>
      <c r="BH82" s="161" t="str">
        <f t="shared" si="51"/>
        <v/>
      </c>
      <c r="BI82" s="161" t="str">
        <f t="shared" si="52"/>
        <v/>
      </c>
      <c r="BJ82" s="161" t="str">
        <f t="shared" si="53"/>
        <v/>
      </c>
      <c r="BK82" s="161" t="str">
        <f t="shared" si="54"/>
        <v/>
      </c>
      <c r="BL82" s="161" t="str">
        <f t="shared" si="55"/>
        <v/>
      </c>
      <c r="BM82" s="161" t="str">
        <f t="shared" si="56"/>
        <v/>
      </c>
      <c r="BN82" s="161" t="str">
        <f t="shared" si="57"/>
        <v/>
      </c>
      <c r="BO82" s="161" t="str">
        <f t="shared" si="58"/>
        <v/>
      </c>
      <c r="BP82" s="161" t="str">
        <f t="shared" si="59"/>
        <v/>
      </c>
      <c r="BQ82" s="161" t="str">
        <f t="shared" si="60"/>
        <v/>
      </c>
      <c r="BR82" s="161" t="str">
        <f t="shared" si="61"/>
        <v/>
      </c>
      <c r="BS82" s="161" t="str">
        <f t="shared" si="62"/>
        <v/>
      </c>
      <c r="BT82" s="161" t="str">
        <f t="shared" si="63"/>
        <v/>
      </c>
      <c r="BU82" s="161" t="str">
        <f t="shared" si="64"/>
        <v/>
      </c>
      <c r="BV82" s="161" t="str">
        <f t="shared" si="65"/>
        <v/>
      </c>
      <c r="BW82" s="161" t="str">
        <f t="shared" si="66"/>
        <v/>
      </c>
      <c r="BX82" s="161" t="str">
        <f t="shared" si="67"/>
        <v/>
      </c>
      <c r="BY82" s="161" t="str">
        <f t="shared" si="68"/>
        <v/>
      </c>
      <c r="BZ82" s="161" t="str">
        <f t="shared" si="69"/>
        <v/>
      </c>
      <c r="CA82" s="161" t="str">
        <f t="shared" si="70"/>
        <v/>
      </c>
      <c r="CB82" s="161" t="str">
        <f t="shared" si="71"/>
        <v/>
      </c>
      <c r="CC82" s="161" t="str">
        <f t="shared" si="72"/>
        <v/>
      </c>
      <c r="CD82" s="156" t="s">
        <v>300</v>
      </c>
      <c r="CE82" s="156"/>
      <c r="CF82" s="163"/>
    </row>
    <row r="83" spans="1:84" s="164" customFormat="1" ht="56.1" hidden="1" customHeight="1" x14ac:dyDescent="0.2">
      <c r="A83" s="154">
        <v>81</v>
      </c>
      <c r="B83" s="155" t="s">
        <v>53</v>
      </c>
      <c r="C83" s="155" t="s">
        <v>295</v>
      </c>
      <c r="D83" s="156" t="s">
        <v>301</v>
      </c>
      <c r="E83" s="156" t="s">
        <v>320</v>
      </c>
      <c r="F83" s="156" t="s">
        <v>321</v>
      </c>
      <c r="G83" s="156" t="s">
        <v>58</v>
      </c>
      <c r="H83" s="156" t="s">
        <v>323</v>
      </c>
      <c r="I83" s="156" t="s">
        <v>81</v>
      </c>
      <c r="J83" s="156" t="s">
        <v>304</v>
      </c>
      <c r="K83" s="156" t="s">
        <v>225</v>
      </c>
      <c r="L83" s="156" t="s">
        <v>63</v>
      </c>
      <c r="M83" s="156" t="s">
        <v>63</v>
      </c>
      <c r="N83" s="157">
        <v>355860</v>
      </c>
      <c r="O83" s="157">
        <v>355860</v>
      </c>
      <c r="P83" s="156" t="s">
        <v>64</v>
      </c>
      <c r="Q83" s="156" t="s">
        <v>82</v>
      </c>
      <c r="R83" s="159"/>
      <c r="S83" s="159"/>
      <c r="T83" s="159"/>
      <c r="U83" s="159"/>
      <c r="V83" s="159"/>
      <c r="W83" s="159"/>
      <c r="X83" s="161" t="s">
        <v>66</v>
      </c>
      <c r="Y83" s="159"/>
      <c r="Z83" s="159"/>
      <c r="AA83" s="159"/>
      <c r="AB83" s="159"/>
      <c r="AC83" s="159"/>
      <c r="AD83" s="159"/>
      <c r="AE83" s="159"/>
      <c r="AF83" s="159"/>
      <c r="AG83" s="159"/>
      <c r="AH83" s="159"/>
      <c r="AI83" s="159"/>
      <c r="AJ83" s="159"/>
      <c r="AK83" s="159"/>
      <c r="AL83" s="159"/>
      <c r="AM83" s="161"/>
      <c r="AN83" s="159"/>
      <c r="AO83" s="159"/>
      <c r="AP83" s="159"/>
      <c r="AQ83" s="159"/>
      <c r="AR83" s="159"/>
      <c r="AS83" s="159"/>
      <c r="AT83" s="159"/>
      <c r="AU83" s="159"/>
      <c r="AV83" s="159"/>
      <c r="AW83" s="160">
        <f t="shared" si="32"/>
        <v>100</v>
      </c>
      <c r="AX83" s="158">
        <f t="shared" si="41"/>
        <v>3558.6</v>
      </c>
      <c r="AY83" s="161" t="str">
        <f t="shared" si="42"/>
        <v/>
      </c>
      <c r="AZ83" s="161" t="str">
        <f t="shared" si="43"/>
        <v/>
      </c>
      <c r="BA83" s="161" t="str">
        <f t="shared" si="44"/>
        <v/>
      </c>
      <c r="BB83" s="161" t="str">
        <f t="shared" si="45"/>
        <v/>
      </c>
      <c r="BC83" s="161" t="str">
        <f t="shared" si="46"/>
        <v/>
      </c>
      <c r="BD83" s="161" t="str">
        <f t="shared" si="47"/>
        <v/>
      </c>
      <c r="BE83" s="161">
        <f t="shared" si="48"/>
        <v>355860</v>
      </c>
      <c r="BF83" s="161" t="str">
        <f t="shared" si="49"/>
        <v/>
      </c>
      <c r="BG83" s="161" t="str">
        <f t="shared" si="50"/>
        <v/>
      </c>
      <c r="BH83" s="161" t="str">
        <f t="shared" si="51"/>
        <v/>
      </c>
      <c r="BI83" s="161" t="str">
        <f t="shared" si="52"/>
        <v/>
      </c>
      <c r="BJ83" s="161" t="str">
        <f t="shared" si="53"/>
        <v/>
      </c>
      <c r="BK83" s="161" t="str">
        <f t="shared" si="54"/>
        <v/>
      </c>
      <c r="BL83" s="161" t="str">
        <f t="shared" si="55"/>
        <v/>
      </c>
      <c r="BM83" s="161" t="str">
        <f t="shared" si="56"/>
        <v/>
      </c>
      <c r="BN83" s="161" t="str">
        <f t="shared" si="57"/>
        <v/>
      </c>
      <c r="BO83" s="161" t="str">
        <f t="shared" si="58"/>
        <v/>
      </c>
      <c r="BP83" s="161" t="str">
        <f t="shared" si="59"/>
        <v/>
      </c>
      <c r="BQ83" s="161" t="str">
        <f t="shared" si="60"/>
        <v/>
      </c>
      <c r="BR83" s="161" t="str">
        <f t="shared" si="61"/>
        <v/>
      </c>
      <c r="BS83" s="161" t="str">
        <f t="shared" si="62"/>
        <v/>
      </c>
      <c r="BT83" s="161" t="str">
        <f t="shared" si="63"/>
        <v/>
      </c>
      <c r="BU83" s="161" t="str">
        <f t="shared" si="64"/>
        <v/>
      </c>
      <c r="BV83" s="161" t="str">
        <f t="shared" si="65"/>
        <v/>
      </c>
      <c r="BW83" s="161" t="str">
        <f t="shared" si="66"/>
        <v/>
      </c>
      <c r="BX83" s="161" t="str">
        <f t="shared" si="67"/>
        <v/>
      </c>
      <c r="BY83" s="161" t="str">
        <f t="shared" si="68"/>
        <v/>
      </c>
      <c r="BZ83" s="161" t="str">
        <f t="shared" si="69"/>
        <v/>
      </c>
      <c r="CA83" s="161" t="str">
        <f t="shared" si="70"/>
        <v/>
      </c>
      <c r="CB83" s="161" t="str">
        <f t="shared" si="71"/>
        <v/>
      </c>
      <c r="CC83" s="161" t="str">
        <f t="shared" si="72"/>
        <v/>
      </c>
      <c r="CD83" s="156" t="s">
        <v>300</v>
      </c>
      <c r="CE83" s="156"/>
      <c r="CF83" s="163"/>
    </row>
    <row r="84" spans="1:84" s="164" customFormat="1" ht="56.1" hidden="1" customHeight="1" x14ac:dyDescent="0.2">
      <c r="A84" s="154">
        <v>82</v>
      </c>
      <c r="B84" s="155" t="s">
        <v>53</v>
      </c>
      <c r="C84" s="155" t="s">
        <v>295</v>
      </c>
      <c r="D84" s="156" t="s">
        <v>296</v>
      </c>
      <c r="E84" s="156" t="s">
        <v>317</v>
      </c>
      <c r="F84" s="156" t="s">
        <v>318</v>
      </c>
      <c r="G84" s="156" t="s">
        <v>58</v>
      </c>
      <c r="H84" s="156" t="s">
        <v>324</v>
      </c>
      <c r="I84" s="156" t="s">
        <v>81</v>
      </c>
      <c r="J84" s="156" t="s">
        <v>299</v>
      </c>
      <c r="K84" s="156" t="s">
        <v>225</v>
      </c>
      <c r="L84" s="156" t="s">
        <v>63</v>
      </c>
      <c r="M84" s="156" t="s">
        <v>63</v>
      </c>
      <c r="N84" s="157">
        <v>9094200</v>
      </c>
      <c r="O84" s="157">
        <v>9094200</v>
      </c>
      <c r="P84" s="156" t="s">
        <v>64</v>
      </c>
      <c r="Q84" s="156" t="s">
        <v>82</v>
      </c>
      <c r="R84" s="159"/>
      <c r="S84" s="159"/>
      <c r="T84" s="159"/>
      <c r="U84" s="159"/>
      <c r="V84" s="159"/>
      <c r="W84" s="159"/>
      <c r="X84" s="159"/>
      <c r="Y84" s="161" t="s">
        <v>66</v>
      </c>
      <c r="Z84" s="159"/>
      <c r="AA84" s="159"/>
      <c r="AB84" s="159"/>
      <c r="AC84" s="159"/>
      <c r="AD84" s="159"/>
      <c r="AE84" s="159"/>
      <c r="AF84" s="159"/>
      <c r="AG84" s="159"/>
      <c r="AH84" s="159"/>
      <c r="AI84" s="159"/>
      <c r="AJ84" s="159"/>
      <c r="AK84" s="159"/>
      <c r="AL84" s="159"/>
      <c r="AM84" s="161"/>
      <c r="AN84" s="159"/>
      <c r="AO84" s="159"/>
      <c r="AP84" s="159"/>
      <c r="AQ84" s="159"/>
      <c r="AR84" s="159"/>
      <c r="AS84" s="159"/>
      <c r="AT84" s="159"/>
      <c r="AU84" s="159"/>
      <c r="AV84" s="159"/>
      <c r="AW84" s="160">
        <f t="shared" si="32"/>
        <v>390</v>
      </c>
      <c r="AX84" s="158">
        <f t="shared" si="41"/>
        <v>23318.461538461539</v>
      </c>
      <c r="AY84" s="161" t="str">
        <f t="shared" si="42"/>
        <v/>
      </c>
      <c r="AZ84" s="161" t="str">
        <f t="shared" si="43"/>
        <v/>
      </c>
      <c r="BA84" s="161" t="str">
        <f t="shared" si="44"/>
        <v/>
      </c>
      <c r="BB84" s="161" t="str">
        <f t="shared" si="45"/>
        <v/>
      </c>
      <c r="BC84" s="161" t="str">
        <f t="shared" si="46"/>
        <v/>
      </c>
      <c r="BD84" s="161" t="str">
        <f t="shared" si="47"/>
        <v/>
      </c>
      <c r="BE84" s="161" t="str">
        <f t="shared" si="48"/>
        <v/>
      </c>
      <c r="BF84" s="161">
        <f t="shared" si="49"/>
        <v>9094200</v>
      </c>
      <c r="BG84" s="161" t="str">
        <f t="shared" si="50"/>
        <v/>
      </c>
      <c r="BH84" s="161" t="str">
        <f t="shared" si="51"/>
        <v/>
      </c>
      <c r="BI84" s="161" t="str">
        <f t="shared" si="52"/>
        <v/>
      </c>
      <c r="BJ84" s="161" t="str">
        <f t="shared" si="53"/>
        <v/>
      </c>
      <c r="BK84" s="161" t="str">
        <f t="shared" si="54"/>
        <v/>
      </c>
      <c r="BL84" s="161" t="str">
        <f t="shared" si="55"/>
        <v/>
      </c>
      <c r="BM84" s="161" t="str">
        <f t="shared" si="56"/>
        <v/>
      </c>
      <c r="BN84" s="161" t="str">
        <f t="shared" si="57"/>
        <v/>
      </c>
      <c r="BO84" s="161" t="str">
        <f t="shared" si="58"/>
        <v/>
      </c>
      <c r="BP84" s="161" t="str">
        <f t="shared" si="59"/>
        <v/>
      </c>
      <c r="BQ84" s="161" t="str">
        <f t="shared" si="60"/>
        <v/>
      </c>
      <c r="BR84" s="161" t="str">
        <f t="shared" si="61"/>
        <v/>
      </c>
      <c r="BS84" s="161" t="str">
        <f t="shared" si="62"/>
        <v/>
      </c>
      <c r="BT84" s="161" t="str">
        <f t="shared" si="63"/>
        <v/>
      </c>
      <c r="BU84" s="161" t="str">
        <f t="shared" si="64"/>
        <v/>
      </c>
      <c r="BV84" s="161" t="str">
        <f t="shared" si="65"/>
        <v/>
      </c>
      <c r="BW84" s="161" t="str">
        <f t="shared" si="66"/>
        <v/>
      </c>
      <c r="BX84" s="161" t="str">
        <f t="shared" si="67"/>
        <v/>
      </c>
      <c r="BY84" s="161" t="str">
        <f t="shared" si="68"/>
        <v/>
      </c>
      <c r="BZ84" s="161" t="str">
        <f t="shared" si="69"/>
        <v/>
      </c>
      <c r="CA84" s="161" t="str">
        <f t="shared" si="70"/>
        <v/>
      </c>
      <c r="CB84" s="161" t="str">
        <f t="shared" si="71"/>
        <v/>
      </c>
      <c r="CC84" s="161" t="str">
        <f t="shared" si="72"/>
        <v/>
      </c>
      <c r="CD84" s="156" t="s">
        <v>300</v>
      </c>
      <c r="CE84" s="156"/>
      <c r="CF84" s="163"/>
    </row>
    <row r="85" spans="1:84" s="164" customFormat="1" ht="56.1" hidden="1" customHeight="1" x14ac:dyDescent="0.2">
      <c r="A85" s="154">
        <v>83</v>
      </c>
      <c r="B85" s="155" t="s">
        <v>53</v>
      </c>
      <c r="C85" s="155" t="s">
        <v>295</v>
      </c>
      <c r="D85" s="156" t="s">
        <v>301</v>
      </c>
      <c r="E85" s="156" t="s">
        <v>320</v>
      </c>
      <c r="F85" s="156" t="s">
        <v>321</v>
      </c>
      <c r="G85" s="156" t="s">
        <v>58</v>
      </c>
      <c r="H85" s="156" t="s">
        <v>324</v>
      </c>
      <c r="I85" s="156" t="s">
        <v>81</v>
      </c>
      <c r="J85" s="156" t="s">
        <v>304</v>
      </c>
      <c r="K85" s="156" t="s">
        <v>225</v>
      </c>
      <c r="L85" s="156" t="s">
        <v>63</v>
      </c>
      <c r="M85" s="156" t="s">
        <v>63</v>
      </c>
      <c r="N85" s="157">
        <v>355860</v>
      </c>
      <c r="O85" s="157">
        <v>355860</v>
      </c>
      <c r="P85" s="156" t="s">
        <v>64</v>
      </c>
      <c r="Q85" s="156" t="s">
        <v>82</v>
      </c>
      <c r="R85" s="159"/>
      <c r="S85" s="159"/>
      <c r="T85" s="159"/>
      <c r="U85" s="159"/>
      <c r="V85" s="159"/>
      <c r="W85" s="159"/>
      <c r="X85" s="159"/>
      <c r="Y85" s="161" t="s">
        <v>66</v>
      </c>
      <c r="Z85" s="159"/>
      <c r="AA85" s="159"/>
      <c r="AB85" s="159"/>
      <c r="AC85" s="159"/>
      <c r="AD85" s="159"/>
      <c r="AE85" s="159"/>
      <c r="AF85" s="159"/>
      <c r="AG85" s="159"/>
      <c r="AH85" s="159"/>
      <c r="AI85" s="159"/>
      <c r="AJ85" s="159"/>
      <c r="AK85" s="159"/>
      <c r="AL85" s="159"/>
      <c r="AM85" s="161"/>
      <c r="AN85" s="159"/>
      <c r="AO85" s="159"/>
      <c r="AP85" s="159"/>
      <c r="AQ85" s="159"/>
      <c r="AR85" s="159"/>
      <c r="AS85" s="159"/>
      <c r="AT85" s="159"/>
      <c r="AU85" s="159"/>
      <c r="AV85" s="159"/>
      <c r="AW85" s="160">
        <f t="shared" si="32"/>
        <v>390</v>
      </c>
      <c r="AX85" s="158">
        <f t="shared" si="41"/>
        <v>912.46153846153845</v>
      </c>
      <c r="AY85" s="161" t="str">
        <f t="shared" si="42"/>
        <v/>
      </c>
      <c r="AZ85" s="161" t="str">
        <f t="shared" si="43"/>
        <v/>
      </c>
      <c r="BA85" s="161" t="str">
        <f t="shared" si="44"/>
        <v/>
      </c>
      <c r="BB85" s="161" t="str">
        <f t="shared" si="45"/>
        <v/>
      </c>
      <c r="BC85" s="161" t="str">
        <f t="shared" si="46"/>
        <v/>
      </c>
      <c r="BD85" s="161" t="str">
        <f t="shared" si="47"/>
        <v/>
      </c>
      <c r="BE85" s="161" t="str">
        <f t="shared" si="48"/>
        <v/>
      </c>
      <c r="BF85" s="161">
        <f t="shared" si="49"/>
        <v>355860</v>
      </c>
      <c r="BG85" s="161" t="str">
        <f t="shared" si="50"/>
        <v/>
      </c>
      <c r="BH85" s="161" t="str">
        <f t="shared" si="51"/>
        <v/>
      </c>
      <c r="BI85" s="161" t="str">
        <f t="shared" si="52"/>
        <v/>
      </c>
      <c r="BJ85" s="161" t="str">
        <f t="shared" si="53"/>
        <v/>
      </c>
      <c r="BK85" s="161" t="str">
        <f t="shared" si="54"/>
        <v/>
      </c>
      <c r="BL85" s="161" t="str">
        <f t="shared" si="55"/>
        <v/>
      </c>
      <c r="BM85" s="161" t="str">
        <f t="shared" si="56"/>
        <v/>
      </c>
      <c r="BN85" s="161" t="str">
        <f t="shared" si="57"/>
        <v/>
      </c>
      <c r="BO85" s="161" t="str">
        <f t="shared" si="58"/>
        <v/>
      </c>
      <c r="BP85" s="161" t="str">
        <f t="shared" si="59"/>
        <v/>
      </c>
      <c r="BQ85" s="161" t="str">
        <f t="shared" si="60"/>
        <v/>
      </c>
      <c r="BR85" s="161" t="str">
        <f t="shared" si="61"/>
        <v/>
      </c>
      <c r="BS85" s="161" t="str">
        <f t="shared" si="62"/>
        <v/>
      </c>
      <c r="BT85" s="161" t="str">
        <f t="shared" si="63"/>
        <v/>
      </c>
      <c r="BU85" s="161" t="str">
        <f t="shared" si="64"/>
        <v/>
      </c>
      <c r="BV85" s="161" t="str">
        <f t="shared" si="65"/>
        <v/>
      </c>
      <c r="BW85" s="161" t="str">
        <f t="shared" si="66"/>
        <v/>
      </c>
      <c r="BX85" s="161" t="str">
        <f t="shared" si="67"/>
        <v/>
      </c>
      <c r="BY85" s="161" t="str">
        <f t="shared" si="68"/>
        <v/>
      </c>
      <c r="BZ85" s="161" t="str">
        <f t="shared" si="69"/>
        <v/>
      </c>
      <c r="CA85" s="161" t="str">
        <f t="shared" si="70"/>
        <v/>
      </c>
      <c r="CB85" s="161" t="str">
        <f t="shared" si="71"/>
        <v/>
      </c>
      <c r="CC85" s="161" t="str">
        <f t="shared" si="72"/>
        <v/>
      </c>
      <c r="CD85" s="156" t="s">
        <v>300</v>
      </c>
      <c r="CE85" s="156"/>
      <c r="CF85" s="163"/>
    </row>
    <row r="86" spans="1:84" s="207" customFormat="1" ht="56.1" hidden="1" customHeight="1" x14ac:dyDescent="0.2">
      <c r="A86" s="198">
        <v>84</v>
      </c>
      <c r="B86" s="199" t="s">
        <v>53</v>
      </c>
      <c r="C86" s="199" t="s">
        <v>295</v>
      </c>
      <c r="D86" s="200" t="s">
        <v>296</v>
      </c>
      <c r="E86" s="200" t="s">
        <v>317</v>
      </c>
      <c r="F86" s="200" t="s">
        <v>318</v>
      </c>
      <c r="G86" s="200" t="s">
        <v>58</v>
      </c>
      <c r="H86" s="200" t="s">
        <v>325</v>
      </c>
      <c r="I86" s="200" t="s">
        <v>81</v>
      </c>
      <c r="J86" s="200" t="s">
        <v>299</v>
      </c>
      <c r="K86" s="200" t="s">
        <v>225</v>
      </c>
      <c r="L86" s="200" t="s">
        <v>63</v>
      </c>
      <c r="M86" s="200" t="s">
        <v>63</v>
      </c>
      <c r="N86" s="201">
        <v>9094200</v>
      </c>
      <c r="O86" s="201">
        <v>9094200</v>
      </c>
      <c r="P86" s="200" t="s">
        <v>64</v>
      </c>
      <c r="Q86" s="200" t="s">
        <v>82</v>
      </c>
      <c r="R86" s="202"/>
      <c r="S86" s="202"/>
      <c r="T86" s="202"/>
      <c r="U86" s="202"/>
      <c r="V86" s="202"/>
      <c r="W86" s="203" t="s">
        <v>66</v>
      </c>
      <c r="X86" s="202"/>
      <c r="Y86" s="202"/>
      <c r="Z86" s="202"/>
      <c r="AA86" s="202"/>
      <c r="AB86" s="202"/>
      <c r="AC86" s="202"/>
      <c r="AD86" s="202"/>
      <c r="AE86" s="202"/>
      <c r="AF86" s="202"/>
      <c r="AG86" s="202"/>
      <c r="AH86" s="202"/>
      <c r="AI86" s="202"/>
      <c r="AJ86" s="202"/>
      <c r="AK86" s="202"/>
      <c r="AL86" s="202"/>
      <c r="AM86" s="203"/>
      <c r="AN86" s="202"/>
      <c r="AO86" s="202"/>
      <c r="AP86" s="202"/>
      <c r="AQ86" s="202"/>
      <c r="AR86" s="202"/>
      <c r="AS86" s="202"/>
      <c r="AT86" s="202"/>
      <c r="AU86" s="202"/>
      <c r="AV86" s="202"/>
      <c r="AW86" s="204">
        <f t="shared" si="32"/>
        <v>480</v>
      </c>
      <c r="AX86" s="205">
        <f t="shared" si="41"/>
        <v>18946.25</v>
      </c>
      <c r="AY86" s="203" t="str">
        <f t="shared" si="42"/>
        <v/>
      </c>
      <c r="AZ86" s="203" t="str">
        <f t="shared" si="43"/>
        <v/>
      </c>
      <c r="BA86" s="203" t="str">
        <f t="shared" si="44"/>
        <v/>
      </c>
      <c r="BB86" s="203" t="str">
        <f t="shared" si="45"/>
        <v/>
      </c>
      <c r="BC86" s="203" t="str">
        <f t="shared" si="46"/>
        <v/>
      </c>
      <c r="BD86" s="203">
        <f t="shared" si="47"/>
        <v>9094200</v>
      </c>
      <c r="BE86" s="203" t="str">
        <f t="shared" si="48"/>
        <v/>
      </c>
      <c r="BF86" s="203" t="str">
        <f t="shared" si="49"/>
        <v/>
      </c>
      <c r="BG86" s="203" t="str">
        <f t="shared" si="50"/>
        <v/>
      </c>
      <c r="BH86" s="203" t="str">
        <f t="shared" si="51"/>
        <v/>
      </c>
      <c r="BI86" s="203" t="str">
        <f t="shared" si="52"/>
        <v/>
      </c>
      <c r="BJ86" s="203" t="str">
        <f t="shared" si="53"/>
        <v/>
      </c>
      <c r="BK86" s="203" t="str">
        <f t="shared" si="54"/>
        <v/>
      </c>
      <c r="BL86" s="203" t="str">
        <f t="shared" si="55"/>
        <v/>
      </c>
      <c r="BM86" s="203" t="str">
        <f t="shared" si="56"/>
        <v/>
      </c>
      <c r="BN86" s="203" t="str">
        <f t="shared" si="57"/>
        <v/>
      </c>
      <c r="BO86" s="203" t="str">
        <f t="shared" si="58"/>
        <v/>
      </c>
      <c r="BP86" s="203" t="str">
        <f t="shared" si="59"/>
        <v/>
      </c>
      <c r="BQ86" s="203" t="str">
        <f t="shared" si="60"/>
        <v/>
      </c>
      <c r="BR86" s="203" t="str">
        <f t="shared" si="61"/>
        <v/>
      </c>
      <c r="BS86" s="203" t="str">
        <f t="shared" si="62"/>
        <v/>
      </c>
      <c r="BT86" s="203" t="str">
        <f t="shared" si="63"/>
        <v/>
      </c>
      <c r="BU86" s="203" t="str">
        <f t="shared" si="64"/>
        <v/>
      </c>
      <c r="BV86" s="203" t="str">
        <f t="shared" si="65"/>
        <v/>
      </c>
      <c r="BW86" s="203" t="str">
        <f t="shared" si="66"/>
        <v/>
      </c>
      <c r="BX86" s="203" t="str">
        <f t="shared" si="67"/>
        <v/>
      </c>
      <c r="BY86" s="203" t="str">
        <f t="shared" si="68"/>
        <v/>
      </c>
      <c r="BZ86" s="203" t="str">
        <f t="shared" si="69"/>
        <v/>
      </c>
      <c r="CA86" s="203" t="str">
        <f t="shared" si="70"/>
        <v/>
      </c>
      <c r="CB86" s="203" t="str">
        <f t="shared" si="71"/>
        <v/>
      </c>
      <c r="CC86" s="203" t="str">
        <f t="shared" si="72"/>
        <v/>
      </c>
      <c r="CD86" s="200" t="s">
        <v>300</v>
      </c>
      <c r="CE86" s="200"/>
      <c r="CF86" s="206"/>
    </row>
    <row r="87" spans="1:84" s="207" customFormat="1" ht="56.1" hidden="1" customHeight="1" x14ac:dyDescent="0.2">
      <c r="A87" s="198">
        <v>85</v>
      </c>
      <c r="B87" s="199" t="s">
        <v>53</v>
      </c>
      <c r="C87" s="199" t="s">
        <v>295</v>
      </c>
      <c r="D87" s="200" t="s">
        <v>301</v>
      </c>
      <c r="E87" s="200" t="s">
        <v>320</v>
      </c>
      <c r="F87" s="200" t="s">
        <v>321</v>
      </c>
      <c r="G87" s="200" t="s">
        <v>58</v>
      </c>
      <c r="H87" s="200" t="s">
        <v>325</v>
      </c>
      <c r="I87" s="200" t="s">
        <v>81</v>
      </c>
      <c r="J87" s="200" t="s">
        <v>304</v>
      </c>
      <c r="K87" s="200" t="s">
        <v>225</v>
      </c>
      <c r="L87" s="200" t="s">
        <v>63</v>
      </c>
      <c r="M87" s="200" t="s">
        <v>63</v>
      </c>
      <c r="N87" s="201">
        <v>355860</v>
      </c>
      <c r="O87" s="201">
        <v>355860</v>
      </c>
      <c r="P87" s="200" t="s">
        <v>64</v>
      </c>
      <c r="Q87" s="200" t="s">
        <v>82</v>
      </c>
      <c r="R87" s="202"/>
      <c r="S87" s="202"/>
      <c r="T87" s="202"/>
      <c r="U87" s="202"/>
      <c r="V87" s="202"/>
      <c r="W87" s="203" t="s">
        <v>66</v>
      </c>
      <c r="X87" s="202"/>
      <c r="Y87" s="202"/>
      <c r="Z87" s="202"/>
      <c r="AA87" s="202"/>
      <c r="AB87" s="202"/>
      <c r="AC87" s="202"/>
      <c r="AD87" s="202"/>
      <c r="AE87" s="202"/>
      <c r="AF87" s="202"/>
      <c r="AG87" s="202"/>
      <c r="AH87" s="202"/>
      <c r="AI87" s="202"/>
      <c r="AJ87" s="202"/>
      <c r="AK87" s="202"/>
      <c r="AL87" s="202"/>
      <c r="AM87" s="203"/>
      <c r="AN87" s="202"/>
      <c r="AO87" s="202"/>
      <c r="AP87" s="202"/>
      <c r="AQ87" s="202"/>
      <c r="AR87" s="202"/>
      <c r="AS87" s="202"/>
      <c r="AT87" s="202"/>
      <c r="AU87" s="202"/>
      <c r="AV87" s="202"/>
      <c r="AW87" s="204">
        <f t="shared" si="32"/>
        <v>480</v>
      </c>
      <c r="AX87" s="205">
        <f t="shared" si="41"/>
        <v>741.375</v>
      </c>
      <c r="AY87" s="203" t="str">
        <f t="shared" si="42"/>
        <v/>
      </c>
      <c r="AZ87" s="203" t="str">
        <f t="shared" si="43"/>
        <v/>
      </c>
      <c r="BA87" s="203" t="str">
        <f t="shared" si="44"/>
        <v/>
      </c>
      <c r="BB87" s="203" t="str">
        <f t="shared" si="45"/>
        <v/>
      </c>
      <c r="BC87" s="203" t="str">
        <f t="shared" si="46"/>
        <v/>
      </c>
      <c r="BD87" s="203">
        <f t="shared" si="47"/>
        <v>355860</v>
      </c>
      <c r="BE87" s="203" t="str">
        <f t="shared" si="48"/>
        <v/>
      </c>
      <c r="BF87" s="203" t="str">
        <f t="shared" si="49"/>
        <v/>
      </c>
      <c r="BG87" s="203" t="str">
        <f t="shared" si="50"/>
        <v/>
      </c>
      <c r="BH87" s="203" t="str">
        <f t="shared" si="51"/>
        <v/>
      </c>
      <c r="BI87" s="203" t="str">
        <f t="shared" si="52"/>
        <v/>
      </c>
      <c r="BJ87" s="203" t="str">
        <f t="shared" si="53"/>
        <v/>
      </c>
      <c r="BK87" s="203" t="str">
        <f t="shared" si="54"/>
        <v/>
      </c>
      <c r="BL87" s="203" t="str">
        <f t="shared" si="55"/>
        <v/>
      </c>
      <c r="BM87" s="203" t="str">
        <f t="shared" si="56"/>
        <v/>
      </c>
      <c r="BN87" s="203" t="str">
        <f t="shared" si="57"/>
        <v/>
      </c>
      <c r="BO87" s="203" t="str">
        <f t="shared" si="58"/>
        <v/>
      </c>
      <c r="BP87" s="203" t="str">
        <f t="shared" si="59"/>
        <v/>
      </c>
      <c r="BQ87" s="203" t="str">
        <f t="shared" si="60"/>
        <v/>
      </c>
      <c r="BR87" s="203" t="str">
        <f t="shared" si="61"/>
        <v/>
      </c>
      <c r="BS87" s="203" t="str">
        <f t="shared" si="62"/>
        <v/>
      </c>
      <c r="BT87" s="203" t="str">
        <f t="shared" si="63"/>
        <v/>
      </c>
      <c r="BU87" s="203" t="str">
        <f t="shared" si="64"/>
        <v/>
      </c>
      <c r="BV87" s="203" t="str">
        <f t="shared" si="65"/>
        <v/>
      </c>
      <c r="BW87" s="203" t="str">
        <f t="shared" si="66"/>
        <v/>
      </c>
      <c r="BX87" s="203" t="str">
        <f t="shared" si="67"/>
        <v/>
      </c>
      <c r="BY87" s="203" t="str">
        <f t="shared" si="68"/>
        <v/>
      </c>
      <c r="BZ87" s="203" t="str">
        <f t="shared" si="69"/>
        <v/>
      </c>
      <c r="CA87" s="203" t="str">
        <f t="shared" si="70"/>
        <v/>
      </c>
      <c r="CB87" s="203" t="str">
        <f t="shared" si="71"/>
        <v/>
      </c>
      <c r="CC87" s="203" t="str">
        <f t="shared" si="72"/>
        <v/>
      </c>
      <c r="CD87" s="200" t="s">
        <v>300</v>
      </c>
      <c r="CE87" s="200"/>
      <c r="CF87" s="206"/>
    </row>
    <row r="88" spans="1:84" s="164" customFormat="1" ht="56.1" hidden="1" customHeight="1" x14ac:dyDescent="0.2">
      <c r="A88" s="154">
        <v>86</v>
      </c>
      <c r="B88" s="155" t="s">
        <v>53</v>
      </c>
      <c r="C88" s="155" t="s">
        <v>295</v>
      </c>
      <c r="D88" s="156" t="s">
        <v>296</v>
      </c>
      <c r="E88" s="156" t="s">
        <v>317</v>
      </c>
      <c r="F88" s="156" t="s">
        <v>318</v>
      </c>
      <c r="G88" s="156" t="s">
        <v>58</v>
      </c>
      <c r="H88" s="156" t="s">
        <v>207</v>
      </c>
      <c r="I88" s="156" t="s">
        <v>81</v>
      </c>
      <c r="J88" s="156" t="s">
        <v>299</v>
      </c>
      <c r="K88" s="156" t="s">
        <v>225</v>
      </c>
      <c r="L88" s="156" t="s">
        <v>63</v>
      </c>
      <c r="M88" s="156" t="s">
        <v>63</v>
      </c>
      <c r="N88" s="157">
        <v>9094200</v>
      </c>
      <c r="O88" s="157">
        <v>9094200</v>
      </c>
      <c r="P88" s="156" t="s">
        <v>64</v>
      </c>
      <c r="Q88" s="156" t="s">
        <v>82</v>
      </c>
      <c r="R88" s="159"/>
      <c r="S88" s="159"/>
      <c r="T88" s="159"/>
      <c r="U88" s="159"/>
      <c r="V88" s="159"/>
      <c r="W88" s="159"/>
      <c r="X88" s="159"/>
      <c r="Y88" s="159"/>
      <c r="Z88" s="161" t="s">
        <v>66</v>
      </c>
      <c r="AA88" s="159"/>
      <c r="AB88" s="159"/>
      <c r="AC88" s="159"/>
      <c r="AD88" s="159"/>
      <c r="AE88" s="159"/>
      <c r="AF88" s="159"/>
      <c r="AG88" s="159"/>
      <c r="AH88" s="159"/>
      <c r="AI88" s="159"/>
      <c r="AJ88" s="159"/>
      <c r="AK88" s="159"/>
      <c r="AL88" s="159"/>
      <c r="AM88" s="161"/>
      <c r="AN88" s="159"/>
      <c r="AO88" s="159"/>
      <c r="AP88" s="159"/>
      <c r="AQ88" s="159"/>
      <c r="AR88" s="159"/>
      <c r="AS88" s="159"/>
      <c r="AT88" s="159"/>
      <c r="AU88" s="159"/>
      <c r="AV88" s="159"/>
      <c r="AW88" s="160">
        <f t="shared" si="32"/>
        <v>500</v>
      </c>
      <c r="AX88" s="158">
        <f t="shared" si="41"/>
        <v>18188.400000000001</v>
      </c>
      <c r="AY88" s="161" t="str">
        <f t="shared" si="42"/>
        <v/>
      </c>
      <c r="AZ88" s="161" t="str">
        <f t="shared" si="43"/>
        <v/>
      </c>
      <c r="BA88" s="161" t="str">
        <f t="shared" si="44"/>
        <v/>
      </c>
      <c r="BB88" s="161" t="str">
        <f t="shared" si="45"/>
        <v/>
      </c>
      <c r="BC88" s="161" t="str">
        <f t="shared" si="46"/>
        <v/>
      </c>
      <c r="BD88" s="161" t="str">
        <f t="shared" si="47"/>
        <v/>
      </c>
      <c r="BE88" s="161" t="str">
        <f t="shared" si="48"/>
        <v/>
      </c>
      <c r="BF88" s="161" t="str">
        <f t="shared" si="49"/>
        <v/>
      </c>
      <c r="BG88" s="161">
        <f t="shared" si="50"/>
        <v>9094200</v>
      </c>
      <c r="BH88" s="161" t="str">
        <f t="shared" si="51"/>
        <v/>
      </c>
      <c r="BI88" s="161" t="str">
        <f t="shared" si="52"/>
        <v/>
      </c>
      <c r="BJ88" s="161" t="str">
        <f t="shared" si="53"/>
        <v/>
      </c>
      <c r="BK88" s="161" t="str">
        <f t="shared" si="54"/>
        <v/>
      </c>
      <c r="BL88" s="161" t="str">
        <f t="shared" si="55"/>
        <v/>
      </c>
      <c r="BM88" s="161" t="str">
        <f t="shared" si="56"/>
        <v/>
      </c>
      <c r="BN88" s="161" t="str">
        <f t="shared" si="57"/>
        <v/>
      </c>
      <c r="BO88" s="161" t="str">
        <f t="shared" si="58"/>
        <v/>
      </c>
      <c r="BP88" s="161" t="str">
        <f t="shared" si="59"/>
        <v/>
      </c>
      <c r="BQ88" s="161" t="str">
        <f t="shared" si="60"/>
        <v/>
      </c>
      <c r="BR88" s="161" t="str">
        <f t="shared" si="61"/>
        <v/>
      </c>
      <c r="BS88" s="161" t="str">
        <f t="shared" si="62"/>
        <v/>
      </c>
      <c r="BT88" s="161" t="str">
        <f t="shared" si="63"/>
        <v/>
      </c>
      <c r="BU88" s="161" t="str">
        <f t="shared" si="64"/>
        <v/>
      </c>
      <c r="BV88" s="161" t="str">
        <f t="shared" si="65"/>
        <v/>
      </c>
      <c r="BW88" s="161" t="str">
        <f t="shared" si="66"/>
        <v/>
      </c>
      <c r="BX88" s="161" t="str">
        <f t="shared" si="67"/>
        <v/>
      </c>
      <c r="BY88" s="161" t="str">
        <f t="shared" si="68"/>
        <v/>
      </c>
      <c r="BZ88" s="161" t="str">
        <f t="shared" si="69"/>
        <v/>
      </c>
      <c r="CA88" s="161" t="str">
        <f t="shared" si="70"/>
        <v/>
      </c>
      <c r="CB88" s="161" t="str">
        <f t="shared" si="71"/>
        <v/>
      </c>
      <c r="CC88" s="161" t="str">
        <f t="shared" si="72"/>
        <v/>
      </c>
      <c r="CD88" s="156" t="s">
        <v>300</v>
      </c>
      <c r="CE88" s="156"/>
      <c r="CF88" s="163"/>
    </row>
    <row r="89" spans="1:84" s="164" customFormat="1" ht="56.1" hidden="1" customHeight="1" x14ac:dyDescent="0.2">
      <c r="A89" s="154">
        <v>87</v>
      </c>
      <c r="B89" s="155" t="s">
        <v>53</v>
      </c>
      <c r="C89" s="155" t="s">
        <v>295</v>
      </c>
      <c r="D89" s="156" t="s">
        <v>301</v>
      </c>
      <c r="E89" s="156" t="s">
        <v>320</v>
      </c>
      <c r="F89" s="156" t="s">
        <v>321</v>
      </c>
      <c r="G89" s="156" t="s">
        <v>58</v>
      </c>
      <c r="H89" s="156" t="s">
        <v>207</v>
      </c>
      <c r="I89" s="156" t="s">
        <v>81</v>
      </c>
      <c r="J89" s="156" t="s">
        <v>304</v>
      </c>
      <c r="K89" s="156" t="s">
        <v>225</v>
      </c>
      <c r="L89" s="156" t="s">
        <v>63</v>
      </c>
      <c r="M89" s="156" t="s">
        <v>63</v>
      </c>
      <c r="N89" s="157">
        <v>355860</v>
      </c>
      <c r="O89" s="157">
        <v>355860</v>
      </c>
      <c r="P89" s="156" t="s">
        <v>64</v>
      </c>
      <c r="Q89" s="156" t="s">
        <v>82</v>
      </c>
      <c r="R89" s="159"/>
      <c r="S89" s="159"/>
      <c r="T89" s="159"/>
      <c r="U89" s="159"/>
      <c r="V89" s="159"/>
      <c r="W89" s="159"/>
      <c r="X89" s="159"/>
      <c r="Y89" s="159"/>
      <c r="Z89" s="161" t="s">
        <v>66</v>
      </c>
      <c r="AA89" s="159"/>
      <c r="AB89" s="159"/>
      <c r="AC89" s="159"/>
      <c r="AD89" s="159"/>
      <c r="AE89" s="159"/>
      <c r="AF89" s="159"/>
      <c r="AG89" s="159"/>
      <c r="AH89" s="159"/>
      <c r="AI89" s="159"/>
      <c r="AJ89" s="159"/>
      <c r="AK89" s="159"/>
      <c r="AL89" s="159"/>
      <c r="AM89" s="161"/>
      <c r="AN89" s="159"/>
      <c r="AO89" s="159"/>
      <c r="AP89" s="159"/>
      <c r="AQ89" s="159"/>
      <c r="AR89" s="159"/>
      <c r="AS89" s="159"/>
      <c r="AT89" s="159"/>
      <c r="AU89" s="159"/>
      <c r="AV89" s="159"/>
      <c r="AW89" s="160">
        <f t="shared" si="32"/>
        <v>500</v>
      </c>
      <c r="AX89" s="158">
        <f t="shared" si="41"/>
        <v>711.72</v>
      </c>
      <c r="AY89" s="161" t="str">
        <f t="shared" si="42"/>
        <v/>
      </c>
      <c r="AZ89" s="161" t="str">
        <f t="shared" si="43"/>
        <v/>
      </c>
      <c r="BA89" s="161" t="str">
        <f t="shared" si="44"/>
        <v/>
      </c>
      <c r="BB89" s="161" t="str">
        <f t="shared" si="45"/>
        <v/>
      </c>
      <c r="BC89" s="161" t="str">
        <f t="shared" si="46"/>
        <v/>
      </c>
      <c r="BD89" s="161" t="str">
        <f t="shared" si="47"/>
        <v/>
      </c>
      <c r="BE89" s="161" t="str">
        <f t="shared" si="48"/>
        <v/>
      </c>
      <c r="BF89" s="161" t="str">
        <f t="shared" si="49"/>
        <v/>
      </c>
      <c r="BG89" s="161">
        <f t="shared" si="50"/>
        <v>355860</v>
      </c>
      <c r="BH89" s="161" t="str">
        <f t="shared" si="51"/>
        <v/>
      </c>
      <c r="BI89" s="161" t="str">
        <f t="shared" si="52"/>
        <v/>
      </c>
      <c r="BJ89" s="161" t="str">
        <f t="shared" si="53"/>
        <v/>
      </c>
      <c r="BK89" s="161" t="str">
        <f t="shared" si="54"/>
        <v/>
      </c>
      <c r="BL89" s="161" t="str">
        <f t="shared" si="55"/>
        <v/>
      </c>
      <c r="BM89" s="161" t="str">
        <f t="shared" si="56"/>
        <v/>
      </c>
      <c r="BN89" s="161" t="str">
        <f t="shared" si="57"/>
        <v/>
      </c>
      <c r="BO89" s="161" t="str">
        <f t="shared" si="58"/>
        <v/>
      </c>
      <c r="BP89" s="161" t="str">
        <f t="shared" si="59"/>
        <v/>
      </c>
      <c r="BQ89" s="161" t="str">
        <f t="shared" si="60"/>
        <v/>
      </c>
      <c r="BR89" s="161" t="str">
        <f t="shared" si="61"/>
        <v/>
      </c>
      <c r="BS89" s="161" t="str">
        <f t="shared" si="62"/>
        <v/>
      </c>
      <c r="BT89" s="161" t="str">
        <f t="shared" si="63"/>
        <v/>
      </c>
      <c r="BU89" s="161" t="str">
        <f t="shared" si="64"/>
        <v/>
      </c>
      <c r="BV89" s="161" t="str">
        <f t="shared" si="65"/>
        <v/>
      </c>
      <c r="BW89" s="161" t="str">
        <f t="shared" si="66"/>
        <v/>
      </c>
      <c r="BX89" s="161" t="str">
        <f t="shared" si="67"/>
        <v/>
      </c>
      <c r="BY89" s="161" t="str">
        <f t="shared" si="68"/>
        <v/>
      </c>
      <c r="BZ89" s="161" t="str">
        <f t="shared" si="69"/>
        <v/>
      </c>
      <c r="CA89" s="161" t="str">
        <f t="shared" si="70"/>
        <v/>
      </c>
      <c r="CB89" s="161" t="str">
        <f t="shared" si="71"/>
        <v/>
      </c>
      <c r="CC89" s="161" t="str">
        <f t="shared" si="72"/>
        <v/>
      </c>
      <c r="CD89" s="156" t="s">
        <v>300</v>
      </c>
      <c r="CE89" s="156"/>
      <c r="CF89" s="163"/>
    </row>
    <row r="90" spans="1:84" s="207" customFormat="1" ht="56.1" hidden="1" customHeight="1" x14ac:dyDescent="0.2">
      <c r="A90" s="198">
        <v>88</v>
      </c>
      <c r="B90" s="199" t="s">
        <v>53</v>
      </c>
      <c r="C90" s="199" t="s">
        <v>295</v>
      </c>
      <c r="D90" s="200" t="s">
        <v>296</v>
      </c>
      <c r="E90" s="200" t="s">
        <v>317</v>
      </c>
      <c r="F90" s="200" t="s">
        <v>318</v>
      </c>
      <c r="G90" s="200" t="s">
        <v>58</v>
      </c>
      <c r="H90" s="200" t="s">
        <v>326</v>
      </c>
      <c r="I90" s="200" t="s">
        <v>81</v>
      </c>
      <c r="J90" s="200" t="s">
        <v>299</v>
      </c>
      <c r="K90" s="200" t="s">
        <v>225</v>
      </c>
      <c r="L90" s="200" t="s">
        <v>63</v>
      </c>
      <c r="M90" s="200" t="s">
        <v>63</v>
      </c>
      <c r="N90" s="201">
        <v>9094200</v>
      </c>
      <c r="O90" s="201">
        <v>9094200</v>
      </c>
      <c r="P90" s="200" t="s">
        <v>64</v>
      </c>
      <c r="Q90" s="200" t="s">
        <v>82</v>
      </c>
      <c r="R90" s="202"/>
      <c r="S90" s="202"/>
      <c r="T90" s="202"/>
      <c r="U90" s="202"/>
      <c r="V90" s="202"/>
      <c r="W90" s="202"/>
      <c r="X90" s="202"/>
      <c r="Y90" s="202"/>
      <c r="Z90" s="202"/>
      <c r="AA90" s="202"/>
      <c r="AB90" s="202"/>
      <c r="AC90" s="202"/>
      <c r="AD90" s="203" t="s">
        <v>66</v>
      </c>
      <c r="AE90" s="202"/>
      <c r="AF90" s="202"/>
      <c r="AG90" s="202"/>
      <c r="AH90" s="202"/>
      <c r="AI90" s="202"/>
      <c r="AJ90" s="202"/>
      <c r="AK90" s="202"/>
      <c r="AL90" s="202"/>
      <c r="AM90" s="203"/>
      <c r="AN90" s="202"/>
      <c r="AO90" s="202"/>
      <c r="AP90" s="202"/>
      <c r="AQ90" s="202"/>
      <c r="AR90" s="202"/>
      <c r="AS90" s="202"/>
      <c r="AT90" s="202"/>
      <c r="AU90" s="202"/>
      <c r="AV90" s="202"/>
      <c r="AW90" s="204">
        <f t="shared" si="32"/>
        <v>234</v>
      </c>
      <c r="AX90" s="205">
        <f t="shared" si="41"/>
        <v>38864.102564102563</v>
      </c>
      <c r="AY90" s="203" t="str">
        <f t="shared" si="42"/>
        <v/>
      </c>
      <c r="AZ90" s="203" t="str">
        <f t="shared" si="43"/>
        <v/>
      </c>
      <c r="BA90" s="203" t="str">
        <f t="shared" si="44"/>
        <v/>
      </c>
      <c r="BB90" s="203" t="str">
        <f t="shared" si="45"/>
        <v/>
      </c>
      <c r="BC90" s="203" t="str">
        <f t="shared" si="46"/>
        <v/>
      </c>
      <c r="BD90" s="203" t="str">
        <f t="shared" si="47"/>
        <v/>
      </c>
      <c r="BE90" s="203" t="str">
        <f t="shared" si="48"/>
        <v/>
      </c>
      <c r="BF90" s="203" t="str">
        <f t="shared" si="49"/>
        <v/>
      </c>
      <c r="BG90" s="203" t="str">
        <f t="shared" si="50"/>
        <v/>
      </c>
      <c r="BH90" s="203" t="str">
        <f t="shared" si="51"/>
        <v/>
      </c>
      <c r="BI90" s="203" t="str">
        <f t="shared" si="52"/>
        <v/>
      </c>
      <c r="BJ90" s="203" t="str">
        <f t="shared" si="53"/>
        <v/>
      </c>
      <c r="BK90" s="203">
        <f t="shared" si="54"/>
        <v>9094200</v>
      </c>
      <c r="BL90" s="203" t="str">
        <f t="shared" si="55"/>
        <v/>
      </c>
      <c r="BM90" s="203" t="str">
        <f t="shared" si="56"/>
        <v/>
      </c>
      <c r="BN90" s="203" t="str">
        <f t="shared" si="57"/>
        <v/>
      </c>
      <c r="BO90" s="203" t="str">
        <f t="shared" si="58"/>
        <v/>
      </c>
      <c r="BP90" s="203" t="str">
        <f t="shared" si="59"/>
        <v/>
      </c>
      <c r="BQ90" s="203" t="str">
        <f t="shared" si="60"/>
        <v/>
      </c>
      <c r="BR90" s="203" t="str">
        <f t="shared" si="61"/>
        <v/>
      </c>
      <c r="BS90" s="203" t="str">
        <f t="shared" si="62"/>
        <v/>
      </c>
      <c r="BT90" s="203" t="str">
        <f t="shared" si="63"/>
        <v/>
      </c>
      <c r="BU90" s="203" t="str">
        <f t="shared" si="64"/>
        <v/>
      </c>
      <c r="BV90" s="203" t="str">
        <f t="shared" si="65"/>
        <v/>
      </c>
      <c r="BW90" s="203" t="str">
        <f t="shared" si="66"/>
        <v/>
      </c>
      <c r="BX90" s="203" t="str">
        <f t="shared" si="67"/>
        <v/>
      </c>
      <c r="BY90" s="203" t="str">
        <f t="shared" si="68"/>
        <v/>
      </c>
      <c r="BZ90" s="203" t="str">
        <f t="shared" si="69"/>
        <v/>
      </c>
      <c r="CA90" s="203" t="str">
        <f t="shared" si="70"/>
        <v/>
      </c>
      <c r="CB90" s="203" t="str">
        <f t="shared" si="71"/>
        <v/>
      </c>
      <c r="CC90" s="203" t="str">
        <f t="shared" si="72"/>
        <v/>
      </c>
      <c r="CD90" s="200" t="s">
        <v>300</v>
      </c>
      <c r="CE90" s="200"/>
      <c r="CF90" s="206"/>
    </row>
    <row r="91" spans="1:84" s="207" customFormat="1" ht="56.1" hidden="1" customHeight="1" x14ac:dyDescent="0.2">
      <c r="A91" s="198">
        <v>89</v>
      </c>
      <c r="B91" s="199" t="s">
        <v>53</v>
      </c>
      <c r="C91" s="199" t="s">
        <v>295</v>
      </c>
      <c r="D91" s="200" t="s">
        <v>301</v>
      </c>
      <c r="E91" s="200" t="s">
        <v>320</v>
      </c>
      <c r="F91" s="200" t="s">
        <v>321</v>
      </c>
      <c r="G91" s="200" t="s">
        <v>58</v>
      </c>
      <c r="H91" s="200" t="s">
        <v>326</v>
      </c>
      <c r="I91" s="200" t="s">
        <v>81</v>
      </c>
      <c r="J91" s="200" t="s">
        <v>304</v>
      </c>
      <c r="K91" s="200" t="s">
        <v>225</v>
      </c>
      <c r="L91" s="200" t="s">
        <v>63</v>
      </c>
      <c r="M91" s="200" t="s">
        <v>63</v>
      </c>
      <c r="N91" s="201">
        <v>355860</v>
      </c>
      <c r="O91" s="201">
        <v>355860</v>
      </c>
      <c r="P91" s="200" t="s">
        <v>64</v>
      </c>
      <c r="Q91" s="200" t="s">
        <v>82</v>
      </c>
      <c r="R91" s="202"/>
      <c r="S91" s="202"/>
      <c r="T91" s="202"/>
      <c r="U91" s="202"/>
      <c r="V91" s="202"/>
      <c r="W91" s="202"/>
      <c r="X91" s="202"/>
      <c r="Y91" s="202"/>
      <c r="Z91" s="202"/>
      <c r="AA91" s="202"/>
      <c r="AB91" s="202"/>
      <c r="AC91" s="202"/>
      <c r="AD91" s="203" t="s">
        <v>66</v>
      </c>
      <c r="AE91" s="202"/>
      <c r="AF91" s="202"/>
      <c r="AG91" s="202"/>
      <c r="AH91" s="202"/>
      <c r="AI91" s="202"/>
      <c r="AJ91" s="202"/>
      <c r="AK91" s="202"/>
      <c r="AL91" s="202"/>
      <c r="AM91" s="203"/>
      <c r="AN91" s="202"/>
      <c r="AO91" s="202"/>
      <c r="AP91" s="202"/>
      <c r="AQ91" s="202"/>
      <c r="AR91" s="202"/>
      <c r="AS91" s="202"/>
      <c r="AT91" s="202"/>
      <c r="AU91" s="202"/>
      <c r="AV91" s="202"/>
      <c r="AW91" s="204">
        <f t="shared" si="32"/>
        <v>234</v>
      </c>
      <c r="AX91" s="205">
        <f t="shared" si="41"/>
        <v>1520.7692307692307</v>
      </c>
      <c r="AY91" s="203" t="str">
        <f t="shared" si="42"/>
        <v/>
      </c>
      <c r="AZ91" s="203" t="str">
        <f t="shared" si="43"/>
        <v/>
      </c>
      <c r="BA91" s="203" t="str">
        <f t="shared" si="44"/>
        <v/>
      </c>
      <c r="BB91" s="203" t="str">
        <f t="shared" si="45"/>
        <v/>
      </c>
      <c r="BC91" s="203" t="str">
        <f t="shared" si="46"/>
        <v/>
      </c>
      <c r="BD91" s="203" t="str">
        <f t="shared" si="47"/>
        <v/>
      </c>
      <c r="BE91" s="203" t="str">
        <f t="shared" si="48"/>
        <v/>
      </c>
      <c r="BF91" s="203" t="str">
        <f t="shared" si="49"/>
        <v/>
      </c>
      <c r="BG91" s="203" t="str">
        <f t="shared" si="50"/>
        <v/>
      </c>
      <c r="BH91" s="203" t="str">
        <f t="shared" si="51"/>
        <v/>
      </c>
      <c r="BI91" s="203" t="str">
        <f t="shared" si="52"/>
        <v/>
      </c>
      <c r="BJ91" s="203" t="str">
        <f t="shared" si="53"/>
        <v/>
      </c>
      <c r="BK91" s="203">
        <f t="shared" si="54"/>
        <v>355860</v>
      </c>
      <c r="BL91" s="203" t="str">
        <f t="shared" si="55"/>
        <v/>
      </c>
      <c r="BM91" s="203" t="str">
        <f t="shared" si="56"/>
        <v/>
      </c>
      <c r="BN91" s="203" t="str">
        <f t="shared" si="57"/>
        <v/>
      </c>
      <c r="BO91" s="203" t="str">
        <f t="shared" si="58"/>
        <v/>
      </c>
      <c r="BP91" s="203" t="str">
        <f t="shared" si="59"/>
        <v/>
      </c>
      <c r="BQ91" s="203" t="str">
        <f t="shared" si="60"/>
        <v/>
      </c>
      <c r="BR91" s="203" t="str">
        <f t="shared" si="61"/>
        <v/>
      </c>
      <c r="BS91" s="203" t="str">
        <f t="shared" si="62"/>
        <v/>
      </c>
      <c r="BT91" s="203" t="str">
        <f t="shared" si="63"/>
        <v/>
      </c>
      <c r="BU91" s="203" t="str">
        <f t="shared" si="64"/>
        <v/>
      </c>
      <c r="BV91" s="203" t="str">
        <f t="shared" si="65"/>
        <v/>
      </c>
      <c r="BW91" s="203" t="str">
        <f t="shared" si="66"/>
        <v/>
      </c>
      <c r="BX91" s="203" t="str">
        <f t="shared" si="67"/>
        <v/>
      </c>
      <c r="BY91" s="203" t="str">
        <f t="shared" si="68"/>
        <v/>
      </c>
      <c r="BZ91" s="203" t="str">
        <f t="shared" si="69"/>
        <v/>
      </c>
      <c r="CA91" s="203" t="str">
        <f t="shared" si="70"/>
        <v/>
      </c>
      <c r="CB91" s="203" t="str">
        <f t="shared" si="71"/>
        <v/>
      </c>
      <c r="CC91" s="203" t="str">
        <f t="shared" si="72"/>
        <v/>
      </c>
      <c r="CD91" s="200" t="s">
        <v>300</v>
      </c>
      <c r="CE91" s="200"/>
      <c r="CF91" s="206"/>
    </row>
    <row r="92" spans="1:84" s="164" customFormat="1" ht="56.1" hidden="1" customHeight="1" x14ac:dyDescent="0.2">
      <c r="A92" s="154">
        <v>90</v>
      </c>
      <c r="B92" s="155" t="s">
        <v>53</v>
      </c>
      <c r="C92" s="155" t="s">
        <v>295</v>
      </c>
      <c r="D92" s="156" t="s">
        <v>296</v>
      </c>
      <c r="E92" s="156" t="s">
        <v>317</v>
      </c>
      <c r="F92" s="156" t="s">
        <v>318</v>
      </c>
      <c r="G92" s="156" t="s">
        <v>58</v>
      </c>
      <c r="H92" s="156" t="s">
        <v>26</v>
      </c>
      <c r="I92" s="156" t="s">
        <v>81</v>
      </c>
      <c r="J92" s="156" t="s">
        <v>299</v>
      </c>
      <c r="K92" s="156" t="s">
        <v>225</v>
      </c>
      <c r="L92" s="156" t="s">
        <v>63</v>
      </c>
      <c r="M92" s="156" t="s">
        <v>63</v>
      </c>
      <c r="N92" s="157">
        <v>9094200</v>
      </c>
      <c r="O92" s="157">
        <v>9094200</v>
      </c>
      <c r="P92" s="156" t="s">
        <v>64</v>
      </c>
      <c r="Q92" s="156" t="s">
        <v>82</v>
      </c>
      <c r="R92" s="159"/>
      <c r="S92" s="159"/>
      <c r="T92" s="159"/>
      <c r="U92" s="159"/>
      <c r="V92" s="159"/>
      <c r="W92" s="159"/>
      <c r="X92" s="159"/>
      <c r="Y92" s="159"/>
      <c r="Z92" s="159"/>
      <c r="AA92" s="161" t="s">
        <v>66</v>
      </c>
      <c r="AB92" s="159"/>
      <c r="AC92" s="159"/>
      <c r="AD92" s="159"/>
      <c r="AE92" s="159"/>
      <c r="AF92" s="159"/>
      <c r="AG92" s="159"/>
      <c r="AH92" s="159"/>
      <c r="AI92" s="159"/>
      <c r="AJ92" s="159"/>
      <c r="AK92" s="159"/>
      <c r="AL92" s="159"/>
      <c r="AM92" s="161"/>
      <c r="AN92" s="159"/>
      <c r="AO92" s="159"/>
      <c r="AP92" s="159"/>
      <c r="AQ92" s="159"/>
      <c r="AR92" s="159"/>
      <c r="AS92" s="159"/>
      <c r="AT92" s="159"/>
      <c r="AU92" s="159"/>
      <c r="AV92" s="159"/>
      <c r="AW92" s="160">
        <f t="shared" si="32"/>
        <v>500</v>
      </c>
      <c r="AX92" s="158">
        <f t="shared" si="41"/>
        <v>18188.400000000001</v>
      </c>
      <c r="AY92" s="161" t="str">
        <f t="shared" si="42"/>
        <v/>
      </c>
      <c r="AZ92" s="161" t="str">
        <f t="shared" si="43"/>
        <v/>
      </c>
      <c r="BA92" s="161" t="str">
        <f t="shared" si="44"/>
        <v/>
      </c>
      <c r="BB92" s="161" t="str">
        <f t="shared" si="45"/>
        <v/>
      </c>
      <c r="BC92" s="161" t="str">
        <f t="shared" si="46"/>
        <v/>
      </c>
      <c r="BD92" s="161" t="str">
        <f t="shared" si="47"/>
        <v/>
      </c>
      <c r="BE92" s="161" t="str">
        <f t="shared" si="48"/>
        <v/>
      </c>
      <c r="BF92" s="161" t="str">
        <f t="shared" si="49"/>
        <v/>
      </c>
      <c r="BG92" s="161" t="str">
        <f t="shared" si="50"/>
        <v/>
      </c>
      <c r="BH92" s="161">
        <f t="shared" si="51"/>
        <v>9094200</v>
      </c>
      <c r="BI92" s="161" t="str">
        <f t="shared" si="52"/>
        <v/>
      </c>
      <c r="BJ92" s="161" t="str">
        <f t="shared" si="53"/>
        <v/>
      </c>
      <c r="BK92" s="161" t="str">
        <f t="shared" si="54"/>
        <v/>
      </c>
      <c r="BL92" s="161" t="str">
        <f t="shared" si="55"/>
        <v/>
      </c>
      <c r="BM92" s="161" t="str">
        <f t="shared" si="56"/>
        <v/>
      </c>
      <c r="BN92" s="161" t="str">
        <f t="shared" si="57"/>
        <v/>
      </c>
      <c r="BO92" s="161" t="str">
        <f t="shared" si="58"/>
        <v/>
      </c>
      <c r="BP92" s="161" t="str">
        <f t="shared" si="59"/>
        <v/>
      </c>
      <c r="BQ92" s="161" t="str">
        <f t="shared" si="60"/>
        <v/>
      </c>
      <c r="BR92" s="161" t="str">
        <f t="shared" si="61"/>
        <v/>
      </c>
      <c r="BS92" s="161" t="str">
        <f t="shared" si="62"/>
        <v/>
      </c>
      <c r="BT92" s="161" t="str">
        <f t="shared" si="63"/>
        <v/>
      </c>
      <c r="BU92" s="161" t="str">
        <f t="shared" si="64"/>
        <v/>
      </c>
      <c r="BV92" s="161" t="str">
        <f t="shared" si="65"/>
        <v/>
      </c>
      <c r="BW92" s="161" t="str">
        <f t="shared" si="66"/>
        <v/>
      </c>
      <c r="BX92" s="161" t="str">
        <f t="shared" si="67"/>
        <v/>
      </c>
      <c r="BY92" s="161" t="str">
        <f t="shared" si="68"/>
        <v/>
      </c>
      <c r="BZ92" s="161" t="str">
        <f t="shared" si="69"/>
        <v/>
      </c>
      <c r="CA92" s="161" t="str">
        <f t="shared" si="70"/>
        <v/>
      </c>
      <c r="CB92" s="161" t="str">
        <f t="shared" si="71"/>
        <v/>
      </c>
      <c r="CC92" s="161" t="str">
        <f t="shared" si="72"/>
        <v/>
      </c>
      <c r="CD92" s="156" t="s">
        <v>300</v>
      </c>
      <c r="CE92" s="156"/>
      <c r="CF92" s="163"/>
    </row>
    <row r="93" spans="1:84" s="164" customFormat="1" ht="56.1" hidden="1" customHeight="1" x14ac:dyDescent="0.2">
      <c r="A93" s="154">
        <v>91</v>
      </c>
      <c r="B93" s="155" t="s">
        <v>53</v>
      </c>
      <c r="C93" s="155" t="s">
        <v>295</v>
      </c>
      <c r="D93" s="156" t="s">
        <v>301</v>
      </c>
      <c r="E93" s="156" t="s">
        <v>320</v>
      </c>
      <c r="F93" s="156" t="s">
        <v>321</v>
      </c>
      <c r="G93" s="156" t="s">
        <v>58</v>
      </c>
      <c r="H93" s="156" t="s">
        <v>26</v>
      </c>
      <c r="I93" s="156" t="s">
        <v>81</v>
      </c>
      <c r="J93" s="156" t="s">
        <v>304</v>
      </c>
      <c r="K93" s="156" t="s">
        <v>225</v>
      </c>
      <c r="L93" s="156" t="s">
        <v>63</v>
      </c>
      <c r="M93" s="156" t="s">
        <v>63</v>
      </c>
      <c r="N93" s="157">
        <v>355860</v>
      </c>
      <c r="O93" s="157">
        <v>355860</v>
      </c>
      <c r="P93" s="156" t="s">
        <v>64</v>
      </c>
      <c r="Q93" s="156" t="s">
        <v>82</v>
      </c>
      <c r="R93" s="159"/>
      <c r="S93" s="159"/>
      <c r="T93" s="159"/>
      <c r="U93" s="159"/>
      <c r="V93" s="159"/>
      <c r="W93" s="159"/>
      <c r="X93" s="159"/>
      <c r="Y93" s="159"/>
      <c r="Z93" s="159"/>
      <c r="AA93" s="161" t="s">
        <v>66</v>
      </c>
      <c r="AB93" s="159"/>
      <c r="AC93" s="159"/>
      <c r="AD93" s="159"/>
      <c r="AE93" s="159"/>
      <c r="AF93" s="159"/>
      <c r="AG93" s="159"/>
      <c r="AH93" s="159"/>
      <c r="AI93" s="159"/>
      <c r="AJ93" s="159"/>
      <c r="AK93" s="159"/>
      <c r="AL93" s="159"/>
      <c r="AM93" s="161"/>
      <c r="AN93" s="159"/>
      <c r="AO93" s="159"/>
      <c r="AP93" s="159"/>
      <c r="AQ93" s="159"/>
      <c r="AR93" s="159"/>
      <c r="AS93" s="159"/>
      <c r="AT93" s="159"/>
      <c r="AU93" s="159"/>
      <c r="AV93" s="159"/>
      <c r="AW93" s="160">
        <f t="shared" si="32"/>
        <v>500</v>
      </c>
      <c r="AX93" s="158">
        <f t="shared" si="41"/>
        <v>711.72</v>
      </c>
      <c r="AY93" s="161" t="str">
        <f t="shared" si="42"/>
        <v/>
      </c>
      <c r="AZ93" s="161" t="str">
        <f t="shared" si="43"/>
        <v/>
      </c>
      <c r="BA93" s="161" t="str">
        <f t="shared" si="44"/>
        <v/>
      </c>
      <c r="BB93" s="161" t="str">
        <f t="shared" si="45"/>
        <v/>
      </c>
      <c r="BC93" s="161" t="str">
        <f t="shared" si="46"/>
        <v/>
      </c>
      <c r="BD93" s="161" t="str">
        <f t="shared" si="47"/>
        <v/>
      </c>
      <c r="BE93" s="161" t="str">
        <f t="shared" si="48"/>
        <v/>
      </c>
      <c r="BF93" s="161" t="str">
        <f t="shared" si="49"/>
        <v/>
      </c>
      <c r="BG93" s="161" t="str">
        <f t="shared" si="50"/>
        <v/>
      </c>
      <c r="BH93" s="161">
        <f t="shared" si="51"/>
        <v>355860</v>
      </c>
      <c r="BI93" s="161" t="str">
        <f t="shared" si="52"/>
        <v/>
      </c>
      <c r="BJ93" s="161" t="str">
        <f t="shared" si="53"/>
        <v/>
      </c>
      <c r="BK93" s="161" t="str">
        <f t="shared" si="54"/>
        <v/>
      </c>
      <c r="BL93" s="161" t="str">
        <f t="shared" si="55"/>
        <v/>
      </c>
      <c r="BM93" s="161" t="str">
        <f t="shared" si="56"/>
        <v/>
      </c>
      <c r="BN93" s="161" t="str">
        <f t="shared" si="57"/>
        <v/>
      </c>
      <c r="BO93" s="161" t="str">
        <f t="shared" si="58"/>
        <v/>
      </c>
      <c r="BP93" s="161" t="str">
        <f t="shared" si="59"/>
        <v/>
      </c>
      <c r="BQ93" s="161" t="str">
        <f t="shared" si="60"/>
        <v/>
      </c>
      <c r="BR93" s="161" t="str">
        <f t="shared" si="61"/>
        <v/>
      </c>
      <c r="BS93" s="161" t="str">
        <f t="shared" si="62"/>
        <v/>
      </c>
      <c r="BT93" s="161" t="str">
        <f t="shared" si="63"/>
        <v/>
      </c>
      <c r="BU93" s="161" t="str">
        <f t="shared" si="64"/>
        <v/>
      </c>
      <c r="BV93" s="161" t="str">
        <f t="shared" si="65"/>
        <v/>
      </c>
      <c r="BW93" s="161" t="str">
        <f t="shared" si="66"/>
        <v/>
      </c>
      <c r="BX93" s="161" t="str">
        <f t="shared" si="67"/>
        <v/>
      </c>
      <c r="BY93" s="161" t="str">
        <f t="shared" si="68"/>
        <v/>
      </c>
      <c r="BZ93" s="161" t="str">
        <f t="shared" si="69"/>
        <v/>
      </c>
      <c r="CA93" s="161" t="str">
        <f t="shared" si="70"/>
        <v/>
      </c>
      <c r="CB93" s="161" t="str">
        <f t="shared" si="71"/>
        <v/>
      </c>
      <c r="CC93" s="161" t="str">
        <f t="shared" si="72"/>
        <v/>
      </c>
      <c r="CD93" s="156" t="s">
        <v>300</v>
      </c>
      <c r="CE93" s="156"/>
      <c r="CF93" s="163"/>
    </row>
    <row r="94" spans="1:84" s="164" customFormat="1" ht="56.1" hidden="1" customHeight="1" x14ac:dyDescent="0.2">
      <c r="A94" s="154">
        <v>92</v>
      </c>
      <c r="B94" s="155" t="s">
        <v>53</v>
      </c>
      <c r="C94" s="155" t="s">
        <v>295</v>
      </c>
      <c r="D94" s="156" t="s">
        <v>296</v>
      </c>
      <c r="E94" s="156" t="s">
        <v>317</v>
      </c>
      <c r="F94" s="156" t="s">
        <v>318</v>
      </c>
      <c r="G94" s="156" t="s">
        <v>58</v>
      </c>
      <c r="H94" s="156" t="s">
        <v>27</v>
      </c>
      <c r="I94" s="156" t="s">
        <v>81</v>
      </c>
      <c r="J94" s="156" t="s">
        <v>299</v>
      </c>
      <c r="K94" s="156" t="s">
        <v>225</v>
      </c>
      <c r="L94" s="156" t="s">
        <v>63</v>
      </c>
      <c r="M94" s="156" t="s">
        <v>63</v>
      </c>
      <c r="N94" s="157">
        <v>9094200</v>
      </c>
      <c r="O94" s="157">
        <v>9094200</v>
      </c>
      <c r="P94" s="156" t="s">
        <v>64</v>
      </c>
      <c r="Q94" s="156" t="s">
        <v>82</v>
      </c>
      <c r="R94" s="159"/>
      <c r="S94" s="159"/>
      <c r="T94" s="159"/>
      <c r="U94" s="159"/>
      <c r="V94" s="159"/>
      <c r="W94" s="159"/>
      <c r="X94" s="159"/>
      <c r="Y94" s="159"/>
      <c r="Z94" s="159"/>
      <c r="AA94" s="159"/>
      <c r="AB94" s="161" t="s">
        <v>66</v>
      </c>
      <c r="AC94" s="159"/>
      <c r="AD94" s="159"/>
      <c r="AE94" s="159"/>
      <c r="AF94" s="159"/>
      <c r="AG94" s="159"/>
      <c r="AH94" s="159"/>
      <c r="AI94" s="159"/>
      <c r="AJ94" s="159"/>
      <c r="AK94" s="159"/>
      <c r="AL94" s="159"/>
      <c r="AM94" s="161"/>
      <c r="AN94" s="159"/>
      <c r="AO94" s="159"/>
      <c r="AP94" s="159"/>
      <c r="AQ94" s="159"/>
      <c r="AR94" s="159"/>
      <c r="AS94" s="159"/>
      <c r="AT94" s="159"/>
      <c r="AU94" s="159"/>
      <c r="AV94" s="159"/>
      <c r="AW94" s="160">
        <f t="shared" si="32"/>
        <v>750</v>
      </c>
      <c r="AX94" s="158">
        <f t="shared" si="41"/>
        <v>12125.6</v>
      </c>
      <c r="AY94" s="161" t="str">
        <f t="shared" si="42"/>
        <v/>
      </c>
      <c r="AZ94" s="161" t="str">
        <f t="shared" si="43"/>
        <v/>
      </c>
      <c r="BA94" s="161" t="str">
        <f t="shared" si="44"/>
        <v/>
      </c>
      <c r="BB94" s="161" t="str">
        <f t="shared" si="45"/>
        <v/>
      </c>
      <c r="BC94" s="161" t="str">
        <f t="shared" si="46"/>
        <v/>
      </c>
      <c r="BD94" s="161" t="str">
        <f t="shared" si="47"/>
        <v/>
      </c>
      <c r="BE94" s="161" t="str">
        <f t="shared" si="48"/>
        <v/>
      </c>
      <c r="BF94" s="161" t="str">
        <f t="shared" si="49"/>
        <v/>
      </c>
      <c r="BG94" s="161" t="str">
        <f t="shared" si="50"/>
        <v/>
      </c>
      <c r="BH94" s="161" t="str">
        <f t="shared" si="51"/>
        <v/>
      </c>
      <c r="BI94" s="161">
        <f t="shared" si="52"/>
        <v>9094200</v>
      </c>
      <c r="BJ94" s="161" t="str">
        <f t="shared" si="53"/>
        <v/>
      </c>
      <c r="BK94" s="161" t="str">
        <f t="shared" si="54"/>
        <v/>
      </c>
      <c r="BL94" s="161" t="str">
        <f t="shared" si="55"/>
        <v/>
      </c>
      <c r="BM94" s="161" t="str">
        <f t="shared" si="56"/>
        <v/>
      </c>
      <c r="BN94" s="161" t="str">
        <f t="shared" si="57"/>
        <v/>
      </c>
      <c r="BO94" s="161" t="str">
        <f t="shared" si="58"/>
        <v/>
      </c>
      <c r="BP94" s="161" t="str">
        <f t="shared" si="59"/>
        <v/>
      </c>
      <c r="BQ94" s="161" t="str">
        <f t="shared" si="60"/>
        <v/>
      </c>
      <c r="BR94" s="161" t="str">
        <f t="shared" si="61"/>
        <v/>
      </c>
      <c r="BS94" s="161" t="str">
        <f t="shared" si="62"/>
        <v/>
      </c>
      <c r="BT94" s="161" t="str">
        <f t="shared" si="63"/>
        <v/>
      </c>
      <c r="BU94" s="161" t="str">
        <f t="shared" si="64"/>
        <v/>
      </c>
      <c r="BV94" s="161" t="str">
        <f t="shared" si="65"/>
        <v/>
      </c>
      <c r="BW94" s="161" t="str">
        <f t="shared" si="66"/>
        <v/>
      </c>
      <c r="BX94" s="161" t="str">
        <f t="shared" si="67"/>
        <v/>
      </c>
      <c r="BY94" s="161" t="str">
        <f t="shared" si="68"/>
        <v/>
      </c>
      <c r="BZ94" s="161" t="str">
        <f t="shared" si="69"/>
        <v/>
      </c>
      <c r="CA94" s="161" t="str">
        <f t="shared" si="70"/>
        <v/>
      </c>
      <c r="CB94" s="161" t="str">
        <f t="shared" si="71"/>
        <v/>
      </c>
      <c r="CC94" s="161" t="str">
        <f t="shared" si="72"/>
        <v/>
      </c>
      <c r="CD94" s="156" t="s">
        <v>300</v>
      </c>
      <c r="CE94" s="156"/>
      <c r="CF94" s="163"/>
    </row>
    <row r="95" spans="1:84" s="164" customFormat="1" ht="56.1" hidden="1" customHeight="1" x14ac:dyDescent="0.2">
      <c r="A95" s="154">
        <v>93</v>
      </c>
      <c r="B95" s="155" t="s">
        <v>53</v>
      </c>
      <c r="C95" s="155" t="s">
        <v>295</v>
      </c>
      <c r="D95" s="156" t="s">
        <v>301</v>
      </c>
      <c r="E95" s="156" t="s">
        <v>320</v>
      </c>
      <c r="F95" s="156" t="s">
        <v>321</v>
      </c>
      <c r="G95" s="156" t="s">
        <v>58</v>
      </c>
      <c r="H95" s="156" t="s">
        <v>27</v>
      </c>
      <c r="I95" s="156" t="s">
        <v>81</v>
      </c>
      <c r="J95" s="156" t="s">
        <v>304</v>
      </c>
      <c r="K95" s="156" t="s">
        <v>225</v>
      </c>
      <c r="L95" s="156" t="s">
        <v>63</v>
      </c>
      <c r="M95" s="156" t="s">
        <v>63</v>
      </c>
      <c r="N95" s="157">
        <v>355860</v>
      </c>
      <c r="O95" s="157">
        <v>355860</v>
      </c>
      <c r="P95" s="156" t="s">
        <v>64</v>
      </c>
      <c r="Q95" s="156" t="s">
        <v>82</v>
      </c>
      <c r="R95" s="159"/>
      <c r="S95" s="159"/>
      <c r="T95" s="159"/>
      <c r="U95" s="159"/>
      <c r="V95" s="159"/>
      <c r="W95" s="159"/>
      <c r="X95" s="159"/>
      <c r="Y95" s="159"/>
      <c r="Z95" s="159"/>
      <c r="AA95" s="159"/>
      <c r="AB95" s="161" t="s">
        <v>66</v>
      </c>
      <c r="AC95" s="159"/>
      <c r="AD95" s="159"/>
      <c r="AE95" s="159"/>
      <c r="AF95" s="159"/>
      <c r="AG95" s="159"/>
      <c r="AH95" s="159"/>
      <c r="AI95" s="159"/>
      <c r="AJ95" s="159"/>
      <c r="AK95" s="159"/>
      <c r="AL95" s="159"/>
      <c r="AM95" s="161"/>
      <c r="AN95" s="159"/>
      <c r="AO95" s="159"/>
      <c r="AP95" s="159"/>
      <c r="AQ95" s="159"/>
      <c r="AR95" s="159"/>
      <c r="AS95" s="159"/>
      <c r="AT95" s="159"/>
      <c r="AU95" s="159"/>
      <c r="AV95" s="159"/>
      <c r="AW95" s="160">
        <f t="shared" si="32"/>
        <v>750</v>
      </c>
      <c r="AX95" s="158">
        <f t="shared" ref="AX95:AX126" si="73">O95/AW95</f>
        <v>474.48</v>
      </c>
      <c r="AY95" s="161" t="str">
        <f t="shared" si="42"/>
        <v/>
      </c>
      <c r="AZ95" s="161" t="str">
        <f t="shared" si="43"/>
        <v/>
      </c>
      <c r="BA95" s="161" t="str">
        <f t="shared" si="44"/>
        <v/>
      </c>
      <c r="BB95" s="161" t="str">
        <f t="shared" si="45"/>
        <v/>
      </c>
      <c r="BC95" s="161" t="str">
        <f t="shared" si="46"/>
        <v/>
      </c>
      <c r="BD95" s="161" t="str">
        <f t="shared" si="47"/>
        <v/>
      </c>
      <c r="BE95" s="161" t="str">
        <f t="shared" si="48"/>
        <v/>
      </c>
      <c r="BF95" s="161" t="str">
        <f t="shared" si="49"/>
        <v/>
      </c>
      <c r="BG95" s="161" t="str">
        <f t="shared" si="50"/>
        <v/>
      </c>
      <c r="BH95" s="161" t="str">
        <f t="shared" si="51"/>
        <v/>
      </c>
      <c r="BI95" s="161">
        <f t="shared" si="52"/>
        <v>355860</v>
      </c>
      <c r="BJ95" s="161" t="str">
        <f t="shared" si="53"/>
        <v/>
      </c>
      <c r="BK95" s="161" t="str">
        <f t="shared" si="54"/>
        <v/>
      </c>
      <c r="BL95" s="161" t="str">
        <f t="shared" si="55"/>
        <v/>
      </c>
      <c r="BM95" s="161" t="str">
        <f t="shared" si="56"/>
        <v/>
      </c>
      <c r="BN95" s="161" t="str">
        <f t="shared" si="57"/>
        <v/>
      </c>
      <c r="BO95" s="161" t="str">
        <f t="shared" si="58"/>
        <v/>
      </c>
      <c r="BP95" s="161" t="str">
        <f t="shared" si="59"/>
        <v/>
      </c>
      <c r="BQ95" s="161" t="str">
        <f t="shared" si="60"/>
        <v/>
      </c>
      <c r="BR95" s="161" t="str">
        <f t="shared" si="61"/>
        <v/>
      </c>
      <c r="BS95" s="161" t="str">
        <f t="shared" si="62"/>
        <v/>
      </c>
      <c r="BT95" s="161" t="str">
        <f t="shared" si="63"/>
        <v/>
      </c>
      <c r="BU95" s="161" t="str">
        <f t="shared" si="64"/>
        <v/>
      </c>
      <c r="BV95" s="161" t="str">
        <f t="shared" si="65"/>
        <v/>
      </c>
      <c r="BW95" s="161" t="str">
        <f t="shared" si="66"/>
        <v/>
      </c>
      <c r="BX95" s="161" t="str">
        <f t="shared" si="67"/>
        <v/>
      </c>
      <c r="BY95" s="161" t="str">
        <f t="shared" si="68"/>
        <v/>
      </c>
      <c r="BZ95" s="161" t="str">
        <f t="shared" si="69"/>
        <v/>
      </c>
      <c r="CA95" s="161" t="str">
        <f t="shared" si="70"/>
        <v/>
      </c>
      <c r="CB95" s="161" t="str">
        <f t="shared" si="71"/>
        <v/>
      </c>
      <c r="CC95" s="161" t="str">
        <f t="shared" si="72"/>
        <v/>
      </c>
      <c r="CD95" s="156" t="s">
        <v>300</v>
      </c>
      <c r="CE95" s="156"/>
      <c r="CF95" s="163"/>
    </row>
    <row r="96" spans="1:84" s="164" customFormat="1" ht="56.1" hidden="1" customHeight="1" x14ac:dyDescent="0.2">
      <c r="A96" s="154">
        <v>94</v>
      </c>
      <c r="B96" s="155" t="s">
        <v>53</v>
      </c>
      <c r="C96" s="155" t="s">
        <v>295</v>
      </c>
      <c r="D96" s="156" t="s">
        <v>296</v>
      </c>
      <c r="E96" s="156" t="s">
        <v>317</v>
      </c>
      <c r="F96" s="156" t="s">
        <v>318</v>
      </c>
      <c r="G96" s="156" t="s">
        <v>58</v>
      </c>
      <c r="H96" s="156" t="s">
        <v>127</v>
      </c>
      <c r="I96" s="156" t="s">
        <v>81</v>
      </c>
      <c r="J96" s="156" t="s">
        <v>299</v>
      </c>
      <c r="K96" s="156" t="s">
        <v>225</v>
      </c>
      <c r="L96" s="156" t="s">
        <v>63</v>
      </c>
      <c r="M96" s="156" t="s">
        <v>63</v>
      </c>
      <c r="N96" s="157">
        <v>9094200</v>
      </c>
      <c r="O96" s="157">
        <v>9094200</v>
      </c>
      <c r="P96" s="156" t="s">
        <v>64</v>
      </c>
      <c r="Q96" s="156" t="s">
        <v>82</v>
      </c>
      <c r="R96" s="159"/>
      <c r="S96" s="159"/>
      <c r="T96" s="159"/>
      <c r="U96" s="159"/>
      <c r="V96" s="159"/>
      <c r="W96" s="159"/>
      <c r="X96" s="159"/>
      <c r="Y96" s="159"/>
      <c r="Z96" s="159"/>
      <c r="AA96" s="159"/>
      <c r="AB96" s="159"/>
      <c r="AC96" s="159"/>
      <c r="AD96" s="159"/>
      <c r="AE96" s="161" t="s">
        <v>66</v>
      </c>
      <c r="AF96" s="159"/>
      <c r="AG96" s="159"/>
      <c r="AH96" s="159"/>
      <c r="AI96" s="159"/>
      <c r="AJ96" s="159"/>
      <c r="AK96" s="159"/>
      <c r="AL96" s="159"/>
      <c r="AM96" s="161"/>
      <c r="AN96" s="159"/>
      <c r="AO96" s="159"/>
      <c r="AP96" s="159"/>
      <c r="AQ96" s="159"/>
      <c r="AR96" s="159"/>
      <c r="AS96" s="159"/>
      <c r="AT96" s="159"/>
      <c r="AU96" s="159"/>
      <c r="AV96" s="159"/>
      <c r="AW96" s="160">
        <f t="shared" si="32"/>
        <v>350</v>
      </c>
      <c r="AX96" s="158">
        <f t="shared" si="73"/>
        <v>25983.428571428572</v>
      </c>
      <c r="AY96" s="161" t="str">
        <f t="shared" si="42"/>
        <v/>
      </c>
      <c r="AZ96" s="161" t="str">
        <f t="shared" si="43"/>
        <v/>
      </c>
      <c r="BA96" s="161" t="str">
        <f t="shared" si="44"/>
        <v/>
      </c>
      <c r="BB96" s="161" t="str">
        <f t="shared" si="45"/>
        <v/>
      </c>
      <c r="BC96" s="161" t="str">
        <f t="shared" si="46"/>
        <v/>
      </c>
      <c r="BD96" s="161" t="str">
        <f t="shared" si="47"/>
        <v/>
      </c>
      <c r="BE96" s="161" t="str">
        <f t="shared" si="48"/>
        <v/>
      </c>
      <c r="BF96" s="161" t="str">
        <f t="shared" si="49"/>
        <v/>
      </c>
      <c r="BG96" s="161" t="str">
        <f t="shared" si="50"/>
        <v/>
      </c>
      <c r="BH96" s="161" t="str">
        <f t="shared" si="51"/>
        <v/>
      </c>
      <c r="BI96" s="161" t="str">
        <f t="shared" si="52"/>
        <v/>
      </c>
      <c r="BJ96" s="161" t="str">
        <f t="shared" si="53"/>
        <v/>
      </c>
      <c r="BK96" s="161" t="str">
        <f t="shared" si="54"/>
        <v/>
      </c>
      <c r="BL96" s="161">
        <f t="shared" si="55"/>
        <v>9094200</v>
      </c>
      <c r="BM96" s="161" t="str">
        <f t="shared" si="56"/>
        <v/>
      </c>
      <c r="BN96" s="161" t="str">
        <f t="shared" si="57"/>
        <v/>
      </c>
      <c r="BO96" s="161" t="str">
        <f t="shared" si="58"/>
        <v/>
      </c>
      <c r="BP96" s="161" t="str">
        <f t="shared" si="59"/>
        <v/>
      </c>
      <c r="BQ96" s="161" t="str">
        <f t="shared" si="60"/>
        <v/>
      </c>
      <c r="BR96" s="161" t="str">
        <f t="shared" si="61"/>
        <v/>
      </c>
      <c r="BS96" s="161" t="str">
        <f t="shared" si="62"/>
        <v/>
      </c>
      <c r="BT96" s="161" t="str">
        <f t="shared" si="63"/>
        <v/>
      </c>
      <c r="BU96" s="161" t="str">
        <f t="shared" si="64"/>
        <v/>
      </c>
      <c r="BV96" s="161" t="str">
        <f t="shared" si="65"/>
        <v/>
      </c>
      <c r="BW96" s="161" t="str">
        <f t="shared" si="66"/>
        <v/>
      </c>
      <c r="BX96" s="161" t="str">
        <f t="shared" si="67"/>
        <v/>
      </c>
      <c r="BY96" s="161" t="str">
        <f t="shared" si="68"/>
        <v/>
      </c>
      <c r="BZ96" s="161" t="str">
        <f t="shared" si="69"/>
        <v/>
      </c>
      <c r="CA96" s="161" t="str">
        <f t="shared" si="70"/>
        <v/>
      </c>
      <c r="CB96" s="161" t="str">
        <f t="shared" si="71"/>
        <v/>
      </c>
      <c r="CC96" s="161" t="str">
        <f t="shared" si="72"/>
        <v/>
      </c>
      <c r="CD96" s="156" t="s">
        <v>300</v>
      </c>
      <c r="CE96" s="156"/>
      <c r="CF96" s="163"/>
    </row>
    <row r="97" spans="1:84" s="164" customFormat="1" ht="56.1" hidden="1" customHeight="1" x14ac:dyDescent="0.2">
      <c r="A97" s="154">
        <v>95</v>
      </c>
      <c r="B97" s="155" t="s">
        <v>53</v>
      </c>
      <c r="C97" s="155" t="s">
        <v>295</v>
      </c>
      <c r="D97" s="156" t="s">
        <v>301</v>
      </c>
      <c r="E97" s="156" t="s">
        <v>320</v>
      </c>
      <c r="F97" s="156" t="s">
        <v>321</v>
      </c>
      <c r="G97" s="156" t="s">
        <v>58</v>
      </c>
      <c r="H97" s="156" t="s">
        <v>30</v>
      </c>
      <c r="I97" s="156" t="s">
        <v>81</v>
      </c>
      <c r="J97" s="156" t="s">
        <v>304</v>
      </c>
      <c r="K97" s="156" t="s">
        <v>225</v>
      </c>
      <c r="L97" s="156" t="s">
        <v>63</v>
      </c>
      <c r="M97" s="156" t="s">
        <v>63</v>
      </c>
      <c r="N97" s="157">
        <v>355860</v>
      </c>
      <c r="O97" s="157">
        <v>355860</v>
      </c>
      <c r="P97" s="156" t="s">
        <v>64</v>
      </c>
      <c r="Q97" s="156" t="s">
        <v>82</v>
      </c>
      <c r="R97" s="159"/>
      <c r="S97" s="159"/>
      <c r="T97" s="159"/>
      <c r="U97" s="159"/>
      <c r="V97" s="159"/>
      <c r="W97" s="159"/>
      <c r="X97" s="159"/>
      <c r="Y97" s="159"/>
      <c r="Z97" s="159"/>
      <c r="AA97" s="159"/>
      <c r="AB97" s="159"/>
      <c r="AC97" s="159"/>
      <c r="AD97" s="159"/>
      <c r="AE97" s="161" t="s">
        <v>66</v>
      </c>
      <c r="AF97" s="159"/>
      <c r="AG97" s="159"/>
      <c r="AH97" s="159"/>
      <c r="AI97" s="159"/>
      <c r="AJ97" s="159"/>
      <c r="AK97" s="159"/>
      <c r="AL97" s="159"/>
      <c r="AM97" s="161"/>
      <c r="AN97" s="159"/>
      <c r="AO97" s="159"/>
      <c r="AP97" s="159"/>
      <c r="AQ97" s="159"/>
      <c r="AR97" s="159"/>
      <c r="AS97" s="159"/>
      <c r="AT97" s="159"/>
      <c r="AU97" s="159"/>
      <c r="AV97" s="159"/>
      <c r="AW97" s="160">
        <f t="shared" si="32"/>
        <v>350</v>
      </c>
      <c r="AX97" s="158">
        <f t="shared" si="73"/>
        <v>1016.7428571428571</v>
      </c>
      <c r="AY97" s="161" t="str">
        <f t="shared" si="42"/>
        <v/>
      </c>
      <c r="AZ97" s="161" t="str">
        <f t="shared" si="43"/>
        <v/>
      </c>
      <c r="BA97" s="161" t="str">
        <f t="shared" si="44"/>
        <v/>
      </c>
      <c r="BB97" s="161" t="str">
        <f t="shared" si="45"/>
        <v/>
      </c>
      <c r="BC97" s="161" t="str">
        <f t="shared" si="46"/>
        <v/>
      </c>
      <c r="BD97" s="161" t="str">
        <f t="shared" si="47"/>
        <v/>
      </c>
      <c r="BE97" s="161" t="str">
        <f t="shared" si="48"/>
        <v/>
      </c>
      <c r="BF97" s="161" t="str">
        <f t="shared" si="49"/>
        <v/>
      </c>
      <c r="BG97" s="161" t="str">
        <f t="shared" si="50"/>
        <v/>
      </c>
      <c r="BH97" s="161" t="str">
        <f t="shared" si="51"/>
        <v/>
      </c>
      <c r="BI97" s="161" t="str">
        <f t="shared" si="52"/>
        <v/>
      </c>
      <c r="BJ97" s="161" t="str">
        <f t="shared" si="53"/>
        <v/>
      </c>
      <c r="BK97" s="161" t="str">
        <f t="shared" si="54"/>
        <v/>
      </c>
      <c r="BL97" s="161">
        <f t="shared" si="55"/>
        <v>355860</v>
      </c>
      <c r="BM97" s="161" t="str">
        <f t="shared" si="56"/>
        <v/>
      </c>
      <c r="BN97" s="161" t="str">
        <f t="shared" si="57"/>
        <v/>
      </c>
      <c r="BO97" s="161" t="str">
        <f t="shared" si="58"/>
        <v/>
      </c>
      <c r="BP97" s="161" t="str">
        <f t="shared" si="59"/>
        <v/>
      </c>
      <c r="BQ97" s="161" t="str">
        <f t="shared" si="60"/>
        <v/>
      </c>
      <c r="BR97" s="161" t="str">
        <f t="shared" si="61"/>
        <v/>
      </c>
      <c r="BS97" s="161" t="str">
        <f t="shared" si="62"/>
        <v/>
      </c>
      <c r="BT97" s="161" t="str">
        <f t="shared" si="63"/>
        <v/>
      </c>
      <c r="BU97" s="161" t="str">
        <f t="shared" si="64"/>
        <v/>
      </c>
      <c r="BV97" s="161" t="str">
        <f t="shared" si="65"/>
        <v/>
      </c>
      <c r="BW97" s="161" t="str">
        <f t="shared" si="66"/>
        <v/>
      </c>
      <c r="BX97" s="161" t="str">
        <f t="shared" si="67"/>
        <v/>
      </c>
      <c r="BY97" s="161" t="str">
        <f t="shared" si="68"/>
        <v/>
      </c>
      <c r="BZ97" s="161" t="str">
        <f t="shared" si="69"/>
        <v/>
      </c>
      <c r="CA97" s="161" t="str">
        <f t="shared" si="70"/>
        <v/>
      </c>
      <c r="CB97" s="161" t="str">
        <f t="shared" si="71"/>
        <v/>
      </c>
      <c r="CC97" s="161" t="str">
        <f t="shared" si="72"/>
        <v/>
      </c>
      <c r="CD97" s="156" t="s">
        <v>300</v>
      </c>
      <c r="CE97" s="156"/>
      <c r="CF97" s="163"/>
    </row>
    <row r="98" spans="1:84" s="164" customFormat="1" ht="56.1" hidden="1" customHeight="1" x14ac:dyDescent="0.2">
      <c r="A98" s="154">
        <v>96</v>
      </c>
      <c r="B98" s="155" t="s">
        <v>53</v>
      </c>
      <c r="C98" s="155" t="s">
        <v>295</v>
      </c>
      <c r="D98" s="156" t="s">
        <v>296</v>
      </c>
      <c r="E98" s="156" t="s">
        <v>317</v>
      </c>
      <c r="F98" s="156" t="s">
        <v>318</v>
      </c>
      <c r="G98" s="156" t="s">
        <v>58</v>
      </c>
      <c r="H98" s="156" t="s">
        <v>31</v>
      </c>
      <c r="I98" s="156" t="s">
        <v>81</v>
      </c>
      <c r="J98" s="156" t="s">
        <v>299</v>
      </c>
      <c r="K98" s="156" t="s">
        <v>225</v>
      </c>
      <c r="L98" s="156" t="s">
        <v>63</v>
      </c>
      <c r="M98" s="156" t="s">
        <v>63</v>
      </c>
      <c r="N98" s="157">
        <v>9094200</v>
      </c>
      <c r="O98" s="157">
        <v>9094200</v>
      </c>
      <c r="P98" s="156" t="s">
        <v>64</v>
      </c>
      <c r="Q98" s="156" t="s">
        <v>82</v>
      </c>
      <c r="R98" s="159"/>
      <c r="S98" s="159"/>
      <c r="T98" s="159"/>
      <c r="U98" s="159"/>
      <c r="V98" s="159"/>
      <c r="W98" s="159"/>
      <c r="X98" s="159"/>
      <c r="Y98" s="159"/>
      <c r="Z98" s="159"/>
      <c r="AA98" s="159"/>
      <c r="AB98" s="159"/>
      <c r="AC98" s="159"/>
      <c r="AD98" s="159"/>
      <c r="AE98" s="159"/>
      <c r="AF98" s="161" t="s">
        <v>66</v>
      </c>
      <c r="AG98" s="159"/>
      <c r="AH98" s="159"/>
      <c r="AI98" s="159"/>
      <c r="AJ98" s="159"/>
      <c r="AK98" s="159"/>
      <c r="AL98" s="159"/>
      <c r="AM98" s="161"/>
      <c r="AN98" s="159"/>
      <c r="AO98" s="159"/>
      <c r="AP98" s="159"/>
      <c r="AQ98" s="159"/>
      <c r="AR98" s="159"/>
      <c r="AS98" s="159"/>
      <c r="AT98" s="159"/>
      <c r="AU98" s="159"/>
      <c r="AV98" s="159"/>
      <c r="AW98" s="160">
        <f t="shared" si="32"/>
        <v>90</v>
      </c>
      <c r="AX98" s="158">
        <f t="shared" si="73"/>
        <v>101046.66666666667</v>
      </c>
      <c r="AY98" s="161" t="str">
        <f t="shared" si="42"/>
        <v/>
      </c>
      <c r="AZ98" s="161" t="str">
        <f t="shared" si="43"/>
        <v/>
      </c>
      <c r="BA98" s="161" t="str">
        <f t="shared" si="44"/>
        <v/>
      </c>
      <c r="BB98" s="161" t="str">
        <f t="shared" si="45"/>
        <v/>
      </c>
      <c r="BC98" s="161" t="str">
        <f t="shared" si="46"/>
        <v/>
      </c>
      <c r="BD98" s="161" t="str">
        <f t="shared" si="47"/>
        <v/>
      </c>
      <c r="BE98" s="161" t="str">
        <f t="shared" si="48"/>
        <v/>
      </c>
      <c r="BF98" s="161" t="str">
        <f t="shared" si="49"/>
        <v/>
      </c>
      <c r="BG98" s="161" t="str">
        <f t="shared" si="50"/>
        <v/>
      </c>
      <c r="BH98" s="161" t="str">
        <f t="shared" si="51"/>
        <v/>
      </c>
      <c r="BI98" s="161" t="str">
        <f t="shared" si="52"/>
        <v/>
      </c>
      <c r="BJ98" s="161" t="str">
        <f t="shared" si="53"/>
        <v/>
      </c>
      <c r="BK98" s="161" t="str">
        <f t="shared" si="54"/>
        <v/>
      </c>
      <c r="BL98" s="161" t="str">
        <f t="shared" si="55"/>
        <v/>
      </c>
      <c r="BM98" s="161">
        <f t="shared" si="56"/>
        <v>9094200</v>
      </c>
      <c r="BN98" s="161" t="str">
        <f t="shared" si="57"/>
        <v/>
      </c>
      <c r="BO98" s="161" t="str">
        <f t="shared" si="58"/>
        <v/>
      </c>
      <c r="BP98" s="161" t="str">
        <f t="shared" si="59"/>
        <v/>
      </c>
      <c r="BQ98" s="161" t="str">
        <f t="shared" si="60"/>
        <v/>
      </c>
      <c r="BR98" s="161" t="str">
        <f t="shared" si="61"/>
        <v/>
      </c>
      <c r="BS98" s="161" t="str">
        <f t="shared" si="62"/>
        <v/>
      </c>
      <c r="BT98" s="161" t="str">
        <f t="shared" si="63"/>
        <v/>
      </c>
      <c r="BU98" s="161" t="str">
        <f t="shared" si="64"/>
        <v/>
      </c>
      <c r="BV98" s="161" t="str">
        <f t="shared" si="65"/>
        <v/>
      </c>
      <c r="BW98" s="161" t="str">
        <f t="shared" si="66"/>
        <v/>
      </c>
      <c r="BX98" s="161" t="str">
        <f t="shared" si="67"/>
        <v/>
      </c>
      <c r="BY98" s="161" t="str">
        <f t="shared" si="68"/>
        <v/>
      </c>
      <c r="BZ98" s="161" t="str">
        <f t="shared" si="69"/>
        <v/>
      </c>
      <c r="CA98" s="161" t="str">
        <f t="shared" si="70"/>
        <v/>
      </c>
      <c r="CB98" s="161" t="str">
        <f t="shared" si="71"/>
        <v/>
      </c>
      <c r="CC98" s="161" t="str">
        <f t="shared" si="72"/>
        <v/>
      </c>
      <c r="CD98" s="156" t="s">
        <v>300</v>
      </c>
      <c r="CE98" s="156"/>
      <c r="CF98" s="163"/>
    </row>
    <row r="99" spans="1:84" s="164" customFormat="1" ht="56.1" hidden="1" customHeight="1" x14ac:dyDescent="0.2">
      <c r="A99" s="154">
        <v>97</v>
      </c>
      <c r="B99" s="155" t="s">
        <v>53</v>
      </c>
      <c r="C99" s="155" t="s">
        <v>295</v>
      </c>
      <c r="D99" s="156" t="s">
        <v>301</v>
      </c>
      <c r="E99" s="156" t="s">
        <v>320</v>
      </c>
      <c r="F99" s="156" t="s">
        <v>321</v>
      </c>
      <c r="G99" s="156" t="s">
        <v>58</v>
      </c>
      <c r="H99" s="156" t="s">
        <v>31</v>
      </c>
      <c r="I99" s="156" t="s">
        <v>81</v>
      </c>
      <c r="J99" s="156" t="s">
        <v>304</v>
      </c>
      <c r="K99" s="156" t="s">
        <v>225</v>
      </c>
      <c r="L99" s="156" t="s">
        <v>63</v>
      </c>
      <c r="M99" s="156" t="s">
        <v>63</v>
      </c>
      <c r="N99" s="157">
        <v>355860</v>
      </c>
      <c r="O99" s="157">
        <v>355860</v>
      </c>
      <c r="P99" s="156" t="s">
        <v>64</v>
      </c>
      <c r="Q99" s="156" t="s">
        <v>82</v>
      </c>
      <c r="R99" s="159"/>
      <c r="S99" s="159"/>
      <c r="T99" s="159"/>
      <c r="U99" s="159"/>
      <c r="V99" s="159"/>
      <c r="W99" s="159"/>
      <c r="X99" s="159"/>
      <c r="Y99" s="159"/>
      <c r="Z99" s="159"/>
      <c r="AA99" s="159"/>
      <c r="AB99" s="159"/>
      <c r="AC99" s="159"/>
      <c r="AD99" s="159"/>
      <c r="AE99" s="159"/>
      <c r="AF99" s="161" t="s">
        <v>66</v>
      </c>
      <c r="AG99" s="159"/>
      <c r="AH99" s="159"/>
      <c r="AI99" s="159"/>
      <c r="AJ99" s="159"/>
      <c r="AK99" s="159"/>
      <c r="AL99" s="159"/>
      <c r="AM99" s="161"/>
      <c r="AN99" s="159"/>
      <c r="AO99" s="159"/>
      <c r="AP99" s="159"/>
      <c r="AQ99" s="159"/>
      <c r="AR99" s="159"/>
      <c r="AS99" s="159"/>
      <c r="AT99" s="159"/>
      <c r="AU99" s="159"/>
      <c r="AV99" s="159"/>
      <c r="AW99" s="160">
        <f t="shared" si="32"/>
        <v>90</v>
      </c>
      <c r="AX99" s="158">
        <f t="shared" si="73"/>
        <v>3954</v>
      </c>
      <c r="AY99" s="161" t="str">
        <f t="shared" si="42"/>
        <v/>
      </c>
      <c r="AZ99" s="161" t="str">
        <f t="shared" si="43"/>
        <v/>
      </c>
      <c r="BA99" s="161" t="str">
        <f t="shared" si="44"/>
        <v/>
      </c>
      <c r="BB99" s="161" t="str">
        <f t="shared" si="45"/>
        <v/>
      </c>
      <c r="BC99" s="161" t="str">
        <f t="shared" si="46"/>
        <v/>
      </c>
      <c r="BD99" s="161" t="str">
        <f t="shared" si="47"/>
        <v/>
      </c>
      <c r="BE99" s="161" t="str">
        <f t="shared" si="48"/>
        <v/>
      </c>
      <c r="BF99" s="161" t="str">
        <f t="shared" si="49"/>
        <v/>
      </c>
      <c r="BG99" s="161" t="str">
        <f t="shared" si="50"/>
        <v/>
      </c>
      <c r="BH99" s="161" t="str">
        <f t="shared" si="51"/>
        <v/>
      </c>
      <c r="BI99" s="161" t="str">
        <f t="shared" si="52"/>
        <v/>
      </c>
      <c r="BJ99" s="161" t="str">
        <f t="shared" si="53"/>
        <v/>
      </c>
      <c r="BK99" s="161" t="str">
        <f t="shared" si="54"/>
        <v/>
      </c>
      <c r="BL99" s="161" t="str">
        <f t="shared" si="55"/>
        <v/>
      </c>
      <c r="BM99" s="161">
        <f t="shared" si="56"/>
        <v>355860</v>
      </c>
      <c r="BN99" s="161" t="str">
        <f t="shared" si="57"/>
        <v/>
      </c>
      <c r="BO99" s="161" t="str">
        <f t="shared" si="58"/>
        <v/>
      </c>
      <c r="BP99" s="161" t="str">
        <f t="shared" si="59"/>
        <v/>
      </c>
      <c r="BQ99" s="161" t="str">
        <f t="shared" si="60"/>
        <v/>
      </c>
      <c r="BR99" s="161" t="str">
        <f t="shared" si="61"/>
        <v/>
      </c>
      <c r="BS99" s="161" t="str">
        <f t="shared" si="62"/>
        <v/>
      </c>
      <c r="BT99" s="161" t="str">
        <f t="shared" si="63"/>
        <v/>
      </c>
      <c r="BU99" s="161" t="str">
        <f t="shared" si="64"/>
        <v/>
      </c>
      <c r="BV99" s="161" t="str">
        <f t="shared" si="65"/>
        <v/>
      </c>
      <c r="BW99" s="161" t="str">
        <f t="shared" si="66"/>
        <v/>
      </c>
      <c r="BX99" s="161" t="str">
        <f t="shared" si="67"/>
        <v/>
      </c>
      <c r="BY99" s="161" t="str">
        <f t="shared" si="68"/>
        <v/>
      </c>
      <c r="BZ99" s="161" t="str">
        <f t="shared" si="69"/>
        <v/>
      </c>
      <c r="CA99" s="161" t="str">
        <f t="shared" si="70"/>
        <v/>
      </c>
      <c r="CB99" s="161" t="str">
        <f t="shared" si="71"/>
        <v/>
      </c>
      <c r="CC99" s="161" t="str">
        <f t="shared" si="72"/>
        <v/>
      </c>
      <c r="CD99" s="156" t="s">
        <v>300</v>
      </c>
      <c r="CE99" s="156"/>
      <c r="CF99" s="163"/>
    </row>
    <row r="100" spans="1:84" s="164" customFormat="1" ht="56.1" hidden="1" customHeight="1" x14ac:dyDescent="0.2">
      <c r="A100" s="154">
        <v>98</v>
      </c>
      <c r="B100" s="155" t="s">
        <v>53</v>
      </c>
      <c r="C100" s="155" t="s">
        <v>295</v>
      </c>
      <c r="D100" s="156" t="s">
        <v>296</v>
      </c>
      <c r="E100" s="156" t="s">
        <v>317</v>
      </c>
      <c r="F100" s="156" t="s">
        <v>318</v>
      </c>
      <c r="G100" s="156" t="s">
        <v>58</v>
      </c>
      <c r="H100" s="156" t="s">
        <v>327</v>
      </c>
      <c r="I100" s="156" t="s">
        <v>81</v>
      </c>
      <c r="J100" s="156" t="s">
        <v>299</v>
      </c>
      <c r="K100" s="156" t="s">
        <v>225</v>
      </c>
      <c r="L100" s="156" t="s">
        <v>63</v>
      </c>
      <c r="M100" s="156" t="s">
        <v>63</v>
      </c>
      <c r="N100" s="157">
        <v>9094200</v>
      </c>
      <c r="O100" s="157">
        <v>9094200</v>
      </c>
      <c r="P100" s="156" t="s">
        <v>64</v>
      </c>
      <c r="Q100" s="156" t="s">
        <v>82</v>
      </c>
      <c r="R100" s="159"/>
      <c r="S100" s="159"/>
      <c r="T100" s="159"/>
      <c r="U100" s="159"/>
      <c r="V100" s="159"/>
      <c r="W100" s="159"/>
      <c r="X100" s="159"/>
      <c r="Y100" s="159"/>
      <c r="Z100" s="159"/>
      <c r="AA100" s="159"/>
      <c r="AB100" s="159"/>
      <c r="AC100" s="159"/>
      <c r="AD100" s="159"/>
      <c r="AE100" s="159"/>
      <c r="AF100" s="159"/>
      <c r="AG100" s="161" t="s">
        <v>66</v>
      </c>
      <c r="AH100" s="159"/>
      <c r="AI100" s="159"/>
      <c r="AJ100" s="159"/>
      <c r="AK100" s="159"/>
      <c r="AL100" s="159"/>
      <c r="AM100" s="161"/>
      <c r="AN100" s="159"/>
      <c r="AO100" s="159"/>
      <c r="AP100" s="159"/>
      <c r="AQ100" s="159"/>
      <c r="AR100" s="159"/>
      <c r="AS100" s="159"/>
      <c r="AT100" s="159"/>
      <c r="AU100" s="159"/>
      <c r="AV100" s="159"/>
      <c r="AW100" s="160">
        <f t="shared" si="32"/>
        <v>80</v>
      </c>
      <c r="AX100" s="158">
        <f t="shared" si="73"/>
        <v>113677.5</v>
      </c>
      <c r="AY100" s="161" t="str">
        <f t="shared" si="42"/>
        <v/>
      </c>
      <c r="AZ100" s="161" t="str">
        <f t="shared" si="43"/>
        <v/>
      </c>
      <c r="BA100" s="161" t="str">
        <f t="shared" si="44"/>
        <v/>
      </c>
      <c r="BB100" s="161" t="str">
        <f t="shared" si="45"/>
        <v/>
      </c>
      <c r="BC100" s="161" t="str">
        <f t="shared" si="46"/>
        <v/>
      </c>
      <c r="BD100" s="161" t="str">
        <f t="shared" si="47"/>
        <v/>
      </c>
      <c r="BE100" s="161" t="str">
        <f t="shared" si="48"/>
        <v/>
      </c>
      <c r="BF100" s="161" t="str">
        <f t="shared" si="49"/>
        <v/>
      </c>
      <c r="BG100" s="161" t="str">
        <f t="shared" si="50"/>
        <v/>
      </c>
      <c r="BH100" s="161" t="str">
        <f t="shared" si="51"/>
        <v/>
      </c>
      <c r="BI100" s="161" t="str">
        <f t="shared" si="52"/>
        <v/>
      </c>
      <c r="BJ100" s="161" t="str">
        <f t="shared" si="53"/>
        <v/>
      </c>
      <c r="BK100" s="161" t="str">
        <f t="shared" si="54"/>
        <v/>
      </c>
      <c r="BL100" s="161" t="str">
        <f t="shared" si="55"/>
        <v/>
      </c>
      <c r="BM100" s="161" t="str">
        <f t="shared" si="56"/>
        <v/>
      </c>
      <c r="BN100" s="161">
        <f t="shared" si="57"/>
        <v>9094200</v>
      </c>
      <c r="BO100" s="161" t="str">
        <f t="shared" si="58"/>
        <v/>
      </c>
      <c r="BP100" s="161" t="str">
        <f t="shared" si="59"/>
        <v/>
      </c>
      <c r="BQ100" s="161" t="str">
        <f t="shared" si="60"/>
        <v/>
      </c>
      <c r="BR100" s="161" t="str">
        <f t="shared" si="61"/>
        <v/>
      </c>
      <c r="BS100" s="161" t="str">
        <f t="shared" si="62"/>
        <v/>
      </c>
      <c r="BT100" s="161" t="str">
        <f t="shared" si="63"/>
        <v/>
      </c>
      <c r="BU100" s="161" t="str">
        <f t="shared" si="64"/>
        <v/>
      </c>
      <c r="BV100" s="161" t="str">
        <f t="shared" si="65"/>
        <v/>
      </c>
      <c r="BW100" s="161" t="str">
        <f t="shared" si="66"/>
        <v/>
      </c>
      <c r="BX100" s="161" t="str">
        <f t="shared" si="67"/>
        <v/>
      </c>
      <c r="BY100" s="161" t="str">
        <f t="shared" si="68"/>
        <v/>
      </c>
      <c r="BZ100" s="161" t="str">
        <f t="shared" si="69"/>
        <v/>
      </c>
      <c r="CA100" s="161" t="str">
        <f t="shared" si="70"/>
        <v/>
      </c>
      <c r="CB100" s="161" t="str">
        <f t="shared" si="71"/>
        <v/>
      </c>
      <c r="CC100" s="161" t="str">
        <f t="shared" si="72"/>
        <v/>
      </c>
      <c r="CD100" s="156" t="s">
        <v>300</v>
      </c>
      <c r="CE100" s="156"/>
      <c r="CF100" s="163"/>
    </row>
    <row r="101" spans="1:84" s="164" customFormat="1" ht="56.1" hidden="1" customHeight="1" x14ac:dyDescent="0.2">
      <c r="A101" s="154">
        <v>99</v>
      </c>
      <c r="B101" s="155" t="s">
        <v>53</v>
      </c>
      <c r="C101" s="155" t="s">
        <v>295</v>
      </c>
      <c r="D101" s="156" t="s">
        <v>301</v>
      </c>
      <c r="E101" s="156" t="s">
        <v>320</v>
      </c>
      <c r="F101" s="156" t="s">
        <v>321</v>
      </c>
      <c r="G101" s="156" t="s">
        <v>58</v>
      </c>
      <c r="H101" s="156" t="s">
        <v>327</v>
      </c>
      <c r="I101" s="156" t="s">
        <v>81</v>
      </c>
      <c r="J101" s="156" t="s">
        <v>304</v>
      </c>
      <c r="K101" s="156" t="s">
        <v>225</v>
      </c>
      <c r="L101" s="156" t="s">
        <v>63</v>
      </c>
      <c r="M101" s="156" t="s">
        <v>63</v>
      </c>
      <c r="N101" s="157">
        <v>355860</v>
      </c>
      <c r="O101" s="157">
        <v>355860</v>
      </c>
      <c r="P101" s="156" t="s">
        <v>64</v>
      </c>
      <c r="Q101" s="156" t="s">
        <v>82</v>
      </c>
      <c r="R101" s="159"/>
      <c r="S101" s="159"/>
      <c r="T101" s="159"/>
      <c r="U101" s="159"/>
      <c r="V101" s="159"/>
      <c r="W101" s="159"/>
      <c r="X101" s="159"/>
      <c r="Y101" s="159"/>
      <c r="Z101" s="159"/>
      <c r="AA101" s="159"/>
      <c r="AB101" s="159"/>
      <c r="AC101" s="159"/>
      <c r="AD101" s="159"/>
      <c r="AE101" s="159"/>
      <c r="AF101" s="159"/>
      <c r="AG101" s="161" t="s">
        <v>66</v>
      </c>
      <c r="AH101" s="159"/>
      <c r="AI101" s="159"/>
      <c r="AJ101" s="159"/>
      <c r="AK101" s="159"/>
      <c r="AL101" s="159"/>
      <c r="AM101" s="161"/>
      <c r="AN101" s="159"/>
      <c r="AO101" s="159"/>
      <c r="AP101" s="159"/>
      <c r="AQ101" s="159"/>
      <c r="AR101" s="159"/>
      <c r="AS101" s="159"/>
      <c r="AT101" s="159"/>
      <c r="AU101" s="159"/>
      <c r="AV101" s="159"/>
      <c r="AW101" s="160">
        <f t="shared" si="32"/>
        <v>80</v>
      </c>
      <c r="AX101" s="158">
        <f t="shared" si="73"/>
        <v>4448.25</v>
      </c>
      <c r="AY101" s="161" t="str">
        <f t="shared" si="42"/>
        <v/>
      </c>
      <c r="AZ101" s="161" t="str">
        <f t="shared" si="43"/>
        <v/>
      </c>
      <c r="BA101" s="161" t="str">
        <f t="shared" si="44"/>
        <v/>
      </c>
      <c r="BB101" s="161" t="str">
        <f t="shared" si="45"/>
        <v/>
      </c>
      <c r="BC101" s="161" t="str">
        <f t="shared" si="46"/>
        <v/>
      </c>
      <c r="BD101" s="161" t="str">
        <f t="shared" si="47"/>
        <v/>
      </c>
      <c r="BE101" s="161" t="str">
        <f t="shared" si="48"/>
        <v/>
      </c>
      <c r="BF101" s="161" t="str">
        <f t="shared" si="49"/>
        <v/>
      </c>
      <c r="BG101" s="161" t="str">
        <f t="shared" si="50"/>
        <v/>
      </c>
      <c r="BH101" s="161" t="str">
        <f t="shared" si="51"/>
        <v/>
      </c>
      <c r="BI101" s="161" t="str">
        <f t="shared" si="52"/>
        <v/>
      </c>
      <c r="BJ101" s="161" t="str">
        <f t="shared" si="53"/>
        <v/>
      </c>
      <c r="BK101" s="161" t="str">
        <f t="shared" si="54"/>
        <v/>
      </c>
      <c r="BL101" s="161" t="str">
        <f t="shared" si="55"/>
        <v/>
      </c>
      <c r="BM101" s="161" t="str">
        <f t="shared" si="56"/>
        <v/>
      </c>
      <c r="BN101" s="161">
        <f t="shared" si="57"/>
        <v>355860</v>
      </c>
      <c r="BO101" s="161" t="str">
        <f t="shared" si="58"/>
        <v/>
      </c>
      <c r="BP101" s="161" t="str">
        <f t="shared" si="59"/>
        <v/>
      </c>
      <c r="BQ101" s="161" t="str">
        <f t="shared" si="60"/>
        <v/>
      </c>
      <c r="BR101" s="161" t="str">
        <f t="shared" si="61"/>
        <v/>
      </c>
      <c r="BS101" s="161" t="str">
        <f t="shared" si="62"/>
        <v/>
      </c>
      <c r="BT101" s="161" t="str">
        <f t="shared" si="63"/>
        <v/>
      </c>
      <c r="BU101" s="161" t="str">
        <f t="shared" si="64"/>
        <v/>
      </c>
      <c r="BV101" s="161" t="str">
        <f t="shared" si="65"/>
        <v/>
      </c>
      <c r="BW101" s="161" t="str">
        <f t="shared" si="66"/>
        <v/>
      </c>
      <c r="BX101" s="161" t="str">
        <f t="shared" si="67"/>
        <v/>
      </c>
      <c r="BY101" s="161" t="str">
        <f t="shared" si="68"/>
        <v/>
      </c>
      <c r="BZ101" s="161" t="str">
        <f t="shared" si="69"/>
        <v/>
      </c>
      <c r="CA101" s="161" t="str">
        <f t="shared" si="70"/>
        <v/>
      </c>
      <c r="CB101" s="161" t="str">
        <f t="shared" si="71"/>
        <v/>
      </c>
      <c r="CC101" s="161" t="str">
        <f t="shared" si="72"/>
        <v/>
      </c>
      <c r="CD101" s="156" t="s">
        <v>300</v>
      </c>
      <c r="CE101" s="156"/>
      <c r="CF101" s="163"/>
    </row>
    <row r="102" spans="1:84" s="164" customFormat="1" ht="56.1" hidden="1" customHeight="1" x14ac:dyDescent="0.2">
      <c r="A102" s="154">
        <v>100</v>
      </c>
      <c r="B102" s="155" t="s">
        <v>53</v>
      </c>
      <c r="C102" s="155" t="s">
        <v>295</v>
      </c>
      <c r="D102" s="156" t="s">
        <v>296</v>
      </c>
      <c r="E102" s="156" t="s">
        <v>317</v>
      </c>
      <c r="F102" s="156" t="s">
        <v>318</v>
      </c>
      <c r="G102" s="156" t="s">
        <v>58</v>
      </c>
      <c r="H102" s="156" t="s">
        <v>328</v>
      </c>
      <c r="I102" s="156" t="s">
        <v>81</v>
      </c>
      <c r="J102" s="156" t="s">
        <v>299</v>
      </c>
      <c r="K102" s="156" t="s">
        <v>225</v>
      </c>
      <c r="L102" s="156" t="s">
        <v>63</v>
      </c>
      <c r="M102" s="156" t="s">
        <v>63</v>
      </c>
      <c r="N102" s="157">
        <v>9094200</v>
      </c>
      <c r="O102" s="157">
        <v>9094200</v>
      </c>
      <c r="P102" s="156" t="s">
        <v>64</v>
      </c>
      <c r="Q102" s="156" t="s">
        <v>82</v>
      </c>
      <c r="R102" s="159"/>
      <c r="S102" s="159"/>
      <c r="T102" s="159"/>
      <c r="U102" s="159"/>
      <c r="V102" s="159"/>
      <c r="W102" s="159"/>
      <c r="X102" s="159"/>
      <c r="Y102" s="159"/>
      <c r="Z102" s="159"/>
      <c r="AA102" s="159"/>
      <c r="AB102" s="159"/>
      <c r="AC102" s="161" t="s">
        <v>66</v>
      </c>
      <c r="AD102" s="159"/>
      <c r="AE102" s="159"/>
      <c r="AF102" s="159"/>
      <c r="AG102" s="159"/>
      <c r="AH102" s="159"/>
      <c r="AI102" s="159"/>
      <c r="AJ102" s="159"/>
      <c r="AK102" s="159"/>
      <c r="AL102" s="159"/>
      <c r="AM102" s="161"/>
      <c r="AN102" s="159"/>
      <c r="AO102" s="159"/>
      <c r="AP102" s="159"/>
      <c r="AQ102" s="159"/>
      <c r="AR102" s="159"/>
      <c r="AS102" s="159"/>
      <c r="AT102" s="159"/>
      <c r="AU102" s="159"/>
      <c r="AV102" s="159"/>
      <c r="AW102" s="160">
        <f t="shared" si="32"/>
        <v>200</v>
      </c>
      <c r="AX102" s="158">
        <f t="shared" si="73"/>
        <v>45471</v>
      </c>
      <c r="AY102" s="161" t="str">
        <f t="shared" si="42"/>
        <v/>
      </c>
      <c r="AZ102" s="161" t="str">
        <f t="shared" si="43"/>
        <v/>
      </c>
      <c r="BA102" s="161" t="str">
        <f t="shared" si="44"/>
        <v/>
      </c>
      <c r="BB102" s="161" t="str">
        <f t="shared" si="45"/>
        <v/>
      </c>
      <c r="BC102" s="161" t="str">
        <f t="shared" si="46"/>
        <v/>
      </c>
      <c r="BD102" s="161" t="str">
        <f t="shared" si="47"/>
        <v/>
      </c>
      <c r="BE102" s="161" t="str">
        <f t="shared" si="48"/>
        <v/>
      </c>
      <c r="BF102" s="161" t="str">
        <f t="shared" si="49"/>
        <v/>
      </c>
      <c r="BG102" s="161" t="str">
        <f t="shared" si="50"/>
        <v/>
      </c>
      <c r="BH102" s="161" t="str">
        <f t="shared" si="51"/>
        <v/>
      </c>
      <c r="BI102" s="161" t="str">
        <f t="shared" si="52"/>
        <v/>
      </c>
      <c r="BJ102" s="161">
        <f t="shared" si="53"/>
        <v>9094200</v>
      </c>
      <c r="BK102" s="161" t="str">
        <f t="shared" si="54"/>
        <v/>
      </c>
      <c r="BL102" s="161" t="str">
        <f t="shared" si="55"/>
        <v/>
      </c>
      <c r="BM102" s="161" t="str">
        <f t="shared" si="56"/>
        <v/>
      </c>
      <c r="BN102" s="161" t="str">
        <f t="shared" si="57"/>
        <v/>
      </c>
      <c r="BO102" s="161" t="str">
        <f t="shared" si="58"/>
        <v/>
      </c>
      <c r="BP102" s="161" t="str">
        <f t="shared" si="59"/>
        <v/>
      </c>
      <c r="BQ102" s="161" t="str">
        <f t="shared" si="60"/>
        <v/>
      </c>
      <c r="BR102" s="161" t="str">
        <f t="shared" si="61"/>
        <v/>
      </c>
      <c r="BS102" s="161" t="str">
        <f t="shared" si="62"/>
        <v/>
      </c>
      <c r="BT102" s="161" t="str">
        <f t="shared" si="63"/>
        <v/>
      </c>
      <c r="BU102" s="161" t="str">
        <f t="shared" si="64"/>
        <v/>
      </c>
      <c r="BV102" s="161" t="str">
        <f t="shared" si="65"/>
        <v/>
      </c>
      <c r="BW102" s="161" t="str">
        <f t="shared" si="66"/>
        <v/>
      </c>
      <c r="BX102" s="161" t="str">
        <f t="shared" si="67"/>
        <v/>
      </c>
      <c r="BY102" s="161" t="str">
        <f t="shared" si="68"/>
        <v/>
      </c>
      <c r="BZ102" s="161" t="str">
        <f t="shared" si="69"/>
        <v/>
      </c>
      <c r="CA102" s="161" t="str">
        <f t="shared" si="70"/>
        <v/>
      </c>
      <c r="CB102" s="161" t="str">
        <f t="shared" si="71"/>
        <v/>
      </c>
      <c r="CC102" s="161" t="str">
        <f t="shared" si="72"/>
        <v/>
      </c>
      <c r="CD102" s="156" t="s">
        <v>300</v>
      </c>
      <c r="CE102" s="156"/>
      <c r="CF102" s="163"/>
    </row>
    <row r="103" spans="1:84" s="164" customFormat="1" ht="56.1" hidden="1" customHeight="1" x14ac:dyDescent="0.2">
      <c r="A103" s="154">
        <v>101</v>
      </c>
      <c r="B103" s="155" t="s">
        <v>53</v>
      </c>
      <c r="C103" s="155" t="s">
        <v>295</v>
      </c>
      <c r="D103" s="156" t="s">
        <v>301</v>
      </c>
      <c r="E103" s="156" t="s">
        <v>320</v>
      </c>
      <c r="F103" s="156" t="s">
        <v>321</v>
      </c>
      <c r="G103" s="156" t="s">
        <v>58</v>
      </c>
      <c r="H103" s="156" t="s">
        <v>328</v>
      </c>
      <c r="I103" s="156" t="s">
        <v>81</v>
      </c>
      <c r="J103" s="156" t="s">
        <v>304</v>
      </c>
      <c r="K103" s="156" t="s">
        <v>225</v>
      </c>
      <c r="L103" s="156" t="s">
        <v>63</v>
      </c>
      <c r="M103" s="156" t="s">
        <v>63</v>
      </c>
      <c r="N103" s="157">
        <v>355860</v>
      </c>
      <c r="O103" s="157">
        <v>355860</v>
      </c>
      <c r="P103" s="156" t="s">
        <v>64</v>
      </c>
      <c r="Q103" s="156" t="s">
        <v>82</v>
      </c>
      <c r="R103" s="159"/>
      <c r="S103" s="159"/>
      <c r="T103" s="159"/>
      <c r="U103" s="159"/>
      <c r="V103" s="159"/>
      <c r="W103" s="159"/>
      <c r="X103" s="159"/>
      <c r="Y103" s="159"/>
      <c r="Z103" s="159"/>
      <c r="AA103" s="159"/>
      <c r="AB103" s="159"/>
      <c r="AC103" s="161" t="s">
        <v>66</v>
      </c>
      <c r="AD103" s="159"/>
      <c r="AE103" s="159"/>
      <c r="AF103" s="159"/>
      <c r="AG103" s="159"/>
      <c r="AH103" s="159"/>
      <c r="AI103" s="159"/>
      <c r="AJ103" s="159"/>
      <c r="AK103" s="159"/>
      <c r="AL103" s="159"/>
      <c r="AM103" s="161"/>
      <c r="AN103" s="159"/>
      <c r="AO103" s="159"/>
      <c r="AP103" s="159"/>
      <c r="AQ103" s="159"/>
      <c r="AR103" s="159"/>
      <c r="AS103" s="159"/>
      <c r="AT103" s="159"/>
      <c r="AU103" s="159"/>
      <c r="AV103" s="159"/>
      <c r="AW103" s="160">
        <f t="shared" si="32"/>
        <v>200</v>
      </c>
      <c r="AX103" s="158">
        <f t="shared" si="73"/>
        <v>1779.3</v>
      </c>
      <c r="AY103" s="161" t="str">
        <f t="shared" si="42"/>
        <v/>
      </c>
      <c r="AZ103" s="161" t="str">
        <f t="shared" si="43"/>
        <v/>
      </c>
      <c r="BA103" s="161" t="str">
        <f t="shared" si="44"/>
        <v/>
      </c>
      <c r="BB103" s="161" t="str">
        <f t="shared" si="45"/>
        <v/>
      </c>
      <c r="BC103" s="161" t="str">
        <f t="shared" si="46"/>
        <v/>
      </c>
      <c r="BD103" s="161" t="str">
        <f t="shared" si="47"/>
        <v/>
      </c>
      <c r="BE103" s="161" t="str">
        <f t="shared" si="48"/>
        <v/>
      </c>
      <c r="BF103" s="161" t="str">
        <f t="shared" si="49"/>
        <v/>
      </c>
      <c r="BG103" s="161" t="str">
        <f t="shared" si="50"/>
        <v/>
      </c>
      <c r="BH103" s="161" t="str">
        <f t="shared" si="51"/>
        <v/>
      </c>
      <c r="BI103" s="161" t="str">
        <f t="shared" si="52"/>
        <v/>
      </c>
      <c r="BJ103" s="161">
        <f t="shared" si="53"/>
        <v>355860</v>
      </c>
      <c r="BK103" s="161" t="str">
        <f t="shared" si="54"/>
        <v/>
      </c>
      <c r="BL103" s="161" t="str">
        <f t="shared" si="55"/>
        <v/>
      </c>
      <c r="BM103" s="161" t="str">
        <f t="shared" si="56"/>
        <v/>
      </c>
      <c r="BN103" s="161" t="str">
        <f t="shared" si="57"/>
        <v/>
      </c>
      <c r="BO103" s="161" t="str">
        <f t="shared" si="58"/>
        <v/>
      </c>
      <c r="BP103" s="161" t="str">
        <f t="shared" si="59"/>
        <v/>
      </c>
      <c r="BQ103" s="161" t="str">
        <f t="shared" si="60"/>
        <v/>
      </c>
      <c r="BR103" s="161" t="str">
        <f t="shared" si="61"/>
        <v/>
      </c>
      <c r="BS103" s="161" t="str">
        <f t="shared" si="62"/>
        <v/>
      </c>
      <c r="BT103" s="161" t="str">
        <f t="shared" si="63"/>
        <v/>
      </c>
      <c r="BU103" s="161" t="str">
        <f t="shared" si="64"/>
        <v/>
      </c>
      <c r="BV103" s="161" t="str">
        <f t="shared" si="65"/>
        <v/>
      </c>
      <c r="BW103" s="161" t="str">
        <f t="shared" si="66"/>
        <v/>
      </c>
      <c r="BX103" s="161" t="str">
        <f t="shared" si="67"/>
        <v/>
      </c>
      <c r="BY103" s="161" t="str">
        <f t="shared" si="68"/>
        <v/>
      </c>
      <c r="BZ103" s="161" t="str">
        <f t="shared" si="69"/>
        <v/>
      </c>
      <c r="CA103" s="161" t="str">
        <f t="shared" si="70"/>
        <v/>
      </c>
      <c r="CB103" s="161" t="str">
        <f t="shared" si="71"/>
        <v/>
      </c>
      <c r="CC103" s="161" t="str">
        <f t="shared" si="72"/>
        <v/>
      </c>
      <c r="CD103" s="156" t="s">
        <v>300</v>
      </c>
      <c r="CE103" s="156"/>
      <c r="CF103" s="163"/>
    </row>
    <row r="104" spans="1:84" s="207" customFormat="1" ht="56.1" hidden="1" customHeight="1" x14ac:dyDescent="0.2">
      <c r="A104" s="198">
        <v>102</v>
      </c>
      <c r="B104" s="199" t="s">
        <v>53</v>
      </c>
      <c r="C104" s="199" t="s">
        <v>295</v>
      </c>
      <c r="D104" s="200" t="s">
        <v>296</v>
      </c>
      <c r="E104" s="200" t="s">
        <v>317</v>
      </c>
      <c r="F104" s="200" t="s">
        <v>318</v>
      </c>
      <c r="G104" s="200" t="s">
        <v>58</v>
      </c>
      <c r="H104" s="200" t="s">
        <v>310</v>
      </c>
      <c r="I104" s="200" t="s">
        <v>81</v>
      </c>
      <c r="J104" s="200" t="s">
        <v>299</v>
      </c>
      <c r="K104" s="200" t="s">
        <v>225</v>
      </c>
      <c r="L104" s="200" t="s">
        <v>63</v>
      </c>
      <c r="M104" s="200" t="s">
        <v>63</v>
      </c>
      <c r="N104" s="201">
        <v>9094200</v>
      </c>
      <c r="O104" s="201">
        <v>9094200</v>
      </c>
      <c r="P104" s="200" t="s">
        <v>64</v>
      </c>
      <c r="Q104" s="200" t="s">
        <v>82</v>
      </c>
      <c r="R104" s="202"/>
      <c r="S104" s="202"/>
      <c r="T104" s="202"/>
      <c r="U104" s="202"/>
      <c r="V104" s="202"/>
      <c r="W104" s="202"/>
      <c r="X104" s="202"/>
      <c r="Y104" s="202"/>
      <c r="Z104" s="202"/>
      <c r="AA104" s="202"/>
      <c r="AB104" s="202"/>
      <c r="AC104" s="202"/>
      <c r="AD104" s="202"/>
      <c r="AE104" s="202"/>
      <c r="AF104" s="202"/>
      <c r="AG104" s="202"/>
      <c r="AH104" s="203" t="s">
        <v>66</v>
      </c>
      <c r="AI104" s="202"/>
      <c r="AJ104" s="202"/>
      <c r="AK104" s="202"/>
      <c r="AL104" s="202"/>
      <c r="AM104" s="203"/>
      <c r="AN104" s="202"/>
      <c r="AO104" s="202"/>
      <c r="AP104" s="202"/>
      <c r="AQ104" s="202"/>
      <c r="AR104" s="202"/>
      <c r="AS104" s="202"/>
      <c r="AT104" s="202"/>
      <c r="AU104" s="202"/>
      <c r="AV104" s="202"/>
      <c r="AW104" s="204">
        <f t="shared" si="32"/>
        <v>2385</v>
      </c>
      <c r="AX104" s="205">
        <f t="shared" si="73"/>
        <v>3813.0817610062895</v>
      </c>
      <c r="AY104" s="203" t="str">
        <f t="shared" si="42"/>
        <v/>
      </c>
      <c r="AZ104" s="203" t="str">
        <f t="shared" si="43"/>
        <v/>
      </c>
      <c r="BA104" s="203" t="str">
        <f t="shared" si="44"/>
        <v/>
      </c>
      <c r="BB104" s="203" t="str">
        <f t="shared" si="45"/>
        <v/>
      </c>
      <c r="BC104" s="203" t="str">
        <f t="shared" si="46"/>
        <v/>
      </c>
      <c r="BD104" s="203" t="str">
        <f t="shared" si="47"/>
        <v/>
      </c>
      <c r="BE104" s="203" t="str">
        <f t="shared" si="48"/>
        <v/>
      </c>
      <c r="BF104" s="203" t="str">
        <f t="shared" si="49"/>
        <v/>
      </c>
      <c r="BG104" s="203" t="str">
        <f t="shared" si="50"/>
        <v/>
      </c>
      <c r="BH104" s="203" t="str">
        <f t="shared" si="51"/>
        <v/>
      </c>
      <c r="BI104" s="203" t="str">
        <f t="shared" si="52"/>
        <v/>
      </c>
      <c r="BJ104" s="203" t="str">
        <f t="shared" si="53"/>
        <v/>
      </c>
      <c r="BK104" s="203" t="str">
        <f t="shared" si="54"/>
        <v/>
      </c>
      <c r="BL104" s="203" t="str">
        <f t="shared" si="55"/>
        <v/>
      </c>
      <c r="BM104" s="203" t="str">
        <f t="shared" si="56"/>
        <v/>
      </c>
      <c r="BN104" s="203" t="str">
        <f t="shared" si="57"/>
        <v/>
      </c>
      <c r="BO104" s="203">
        <f t="shared" si="58"/>
        <v>9094200</v>
      </c>
      <c r="BP104" s="203" t="str">
        <f t="shared" si="59"/>
        <v/>
      </c>
      <c r="BQ104" s="203" t="str">
        <f t="shared" si="60"/>
        <v/>
      </c>
      <c r="BR104" s="203" t="str">
        <f t="shared" si="61"/>
        <v/>
      </c>
      <c r="BS104" s="203" t="str">
        <f t="shared" si="62"/>
        <v/>
      </c>
      <c r="BT104" s="203" t="str">
        <f t="shared" si="63"/>
        <v/>
      </c>
      <c r="BU104" s="203" t="str">
        <f t="shared" si="64"/>
        <v/>
      </c>
      <c r="BV104" s="203" t="str">
        <f t="shared" si="65"/>
        <v/>
      </c>
      <c r="BW104" s="203" t="str">
        <f t="shared" si="66"/>
        <v/>
      </c>
      <c r="BX104" s="203" t="str">
        <f t="shared" si="67"/>
        <v/>
      </c>
      <c r="BY104" s="203" t="str">
        <f t="shared" si="68"/>
        <v/>
      </c>
      <c r="BZ104" s="203" t="str">
        <f t="shared" si="69"/>
        <v/>
      </c>
      <c r="CA104" s="203" t="str">
        <f t="shared" si="70"/>
        <v/>
      </c>
      <c r="CB104" s="203" t="str">
        <f t="shared" si="71"/>
        <v/>
      </c>
      <c r="CC104" s="203" t="str">
        <f t="shared" si="72"/>
        <v/>
      </c>
      <c r="CD104" s="200" t="s">
        <v>300</v>
      </c>
      <c r="CE104" s="200"/>
      <c r="CF104" s="206"/>
    </row>
    <row r="105" spans="1:84" s="207" customFormat="1" ht="56.1" hidden="1" customHeight="1" x14ac:dyDescent="0.2">
      <c r="A105" s="198">
        <v>103</v>
      </c>
      <c r="B105" s="199" t="s">
        <v>53</v>
      </c>
      <c r="C105" s="199" t="s">
        <v>295</v>
      </c>
      <c r="D105" s="200" t="s">
        <v>301</v>
      </c>
      <c r="E105" s="200" t="s">
        <v>320</v>
      </c>
      <c r="F105" s="200" t="s">
        <v>321</v>
      </c>
      <c r="G105" s="200" t="s">
        <v>58</v>
      </c>
      <c r="H105" s="200" t="s">
        <v>310</v>
      </c>
      <c r="I105" s="200" t="s">
        <v>81</v>
      </c>
      <c r="J105" s="200" t="s">
        <v>304</v>
      </c>
      <c r="K105" s="200" t="s">
        <v>225</v>
      </c>
      <c r="L105" s="200" t="s">
        <v>63</v>
      </c>
      <c r="M105" s="200" t="s">
        <v>63</v>
      </c>
      <c r="N105" s="201">
        <v>355860</v>
      </c>
      <c r="O105" s="201">
        <v>355860</v>
      </c>
      <c r="P105" s="200" t="s">
        <v>64</v>
      </c>
      <c r="Q105" s="200" t="s">
        <v>82</v>
      </c>
      <c r="R105" s="202"/>
      <c r="S105" s="202"/>
      <c r="T105" s="202"/>
      <c r="U105" s="202"/>
      <c r="V105" s="202"/>
      <c r="W105" s="202"/>
      <c r="X105" s="202"/>
      <c r="Y105" s="202"/>
      <c r="Z105" s="202"/>
      <c r="AA105" s="202"/>
      <c r="AB105" s="202"/>
      <c r="AC105" s="202"/>
      <c r="AD105" s="202"/>
      <c r="AE105" s="202"/>
      <c r="AF105" s="202"/>
      <c r="AG105" s="202"/>
      <c r="AH105" s="203" t="s">
        <v>66</v>
      </c>
      <c r="AI105" s="202"/>
      <c r="AJ105" s="202"/>
      <c r="AK105" s="202"/>
      <c r="AL105" s="202"/>
      <c r="AM105" s="203"/>
      <c r="AN105" s="202"/>
      <c r="AO105" s="202"/>
      <c r="AP105" s="202"/>
      <c r="AQ105" s="202"/>
      <c r="AR105" s="202"/>
      <c r="AS105" s="202"/>
      <c r="AT105" s="202"/>
      <c r="AU105" s="202"/>
      <c r="AV105" s="202"/>
      <c r="AW105" s="204">
        <f t="shared" si="32"/>
        <v>2385</v>
      </c>
      <c r="AX105" s="205">
        <f t="shared" si="73"/>
        <v>149.20754716981133</v>
      </c>
      <c r="AY105" s="203" t="str">
        <f t="shared" si="42"/>
        <v/>
      </c>
      <c r="AZ105" s="203" t="str">
        <f t="shared" si="43"/>
        <v/>
      </c>
      <c r="BA105" s="203" t="str">
        <f t="shared" si="44"/>
        <v/>
      </c>
      <c r="BB105" s="203" t="str">
        <f t="shared" si="45"/>
        <v/>
      </c>
      <c r="BC105" s="203" t="str">
        <f t="shared" si="46"/>
        <v/>
      </c>
      <c r="BD105" s="203" t="str">
        <f t="shared" si="47"/>
        <v/>
      </c>
      <c r="BE105" s="203" t="str">
        <f t="shared" si="48"/>
        <v/>
      </c>
      <c r="BF105" s="203" t="str">
        <f t="shared" si="49"/>
        <v/>
      </c>
      <c r="BG105" s="203" t="str">
        <f t="shared" si="50"/>
        <v/>
      </c>
      <c r="BH105" s="203" t="str">
        <f t="shared" si="51"/>
        <v/>
      </c>
      <c r="BI105" s="203" t="str">
        <f t="shared" si="52"/>
        <v/>
      </c>
      <c r="BJ105" s="203" t="str">
        <f t="shared" si="53"/>
        <v/>
      </c>
      <c r="BK105" s="203" t="str">
        <f t="shared" si="54"/>
        <v/>
      </c>
      <c r="BL105" s="203" t="str">
        <f t="shared" si="55"/>
        <v/>
      </c>
      <c r="BM105" s="203" t="str">
        <f t="shared" si="56"/>
        <v/>
      </c>
      <c r="BN105" s="203" t="str">
        <f t="shared" si="57"/>
        <v/>
      </c>
      <c r="BO105" s="203">
        <f t="shared" si="58"/>
        <v>355860.00000000006</v>
      </c>
      <c r="BP105" s="203" t="str">
        <f t="shared" si="59"/>
        <v/>
      </c>
      <c r="BQ105" s="203" t="str">
        <f t="shared" si="60"/>
        <v/>
      </c>
      <c r="BR105" s="203" t="str">
        <f t="shared" si="61"/>
        <v/>
      </c>
      <c r="BS105" s="203" t="str">
        <f t="shared" si="62"/>
        <v/>
      </c>
      <c r="BT105" s="203" t="str">
        <f t="shared" si="63"/>
        <v/>
      </c>
      <c r="BU105" s="203" t="str">
        <f t="shared" si="64"/>
        <v/>
      </c>
      <c r="BV105" s="203" t="str">
        <f t="shared" si="65"/>
        <v/>
      </c>
      <c r="BW105" s="203" t="str">
        <f t="shared" si="66"/>
        <v/>
      </c>
      <c r="BX105" s="203" t="str">
        <f t="shared" si="67"/>
        <v/>
      </c>
      <c r="BY105" s="203" t="str">
        <f t="shared" si="68"/>
        <v/>
      </c>
      <c r="BZ105" s="203" t="str">
        <f t="shared" si="69"/>
        <v/>
      </c>
      <c r="CA105" s="203" t="str">
        <f t="shared" si="70"/>
        <v/>
      </c>
      <c r="CB105" s="203" t="str">
        <f t="shared" si="71"/>
        <v/>
      </c>
      <c r="CC105" s="203" t="str">
        <f t="shared" si="72"/>
        <v/>
      </c>
      <c r="CD105" s="200" t="s">
        <v>300</v>
      </c>
      <c r="CE105" s="200"/>
      <c r="CF105" s="206"/>
    </row>
    <row r="106" spans="1:84" s="261" customFormat="1" ht="56.1" customHeight="1" x14ac:dyDescent="0.2">
      <c r="A106" s="228">
        <v>104</v>
      </c>
      <c r="B106" s="229" t="s">
        <v>53</v>
      </c>
      <c r="C106" s="230" t="s">
        <v>329</v>
      </c>
      <c r="D106" s="258" t="s">
        <v>330</v>
      </c>
      <c r="E106" s="258" t="s">
        <v>331</v>
      </c>
      <c r="F106" s="259" t="s">
        <v>332</v>
      </c>
      <c r="G106" s="258" t="s">
        <v>333</v>
      </c>
      <c r="H106" s="258" t="s">
        <v>63</v>
      </c>
      <c r="I106" s="258" t="s">
        <v>81</v>
      </c>
      <c r="J106" s="258" t="s">
        <v>334</v>
      </c>
      <c r="K106" s="258" t="s">
        <v>225</v>
      </c>
      <c r="L106" s="258" t="s">
        <v>63</v>
      </c>
      <c r="M106" s="258" t="s">
        <v>63</v>
      </c>
      <c r="N106" s="260">
        <v>145164</v>
      </c>
      <c r="O106" s="260">
        <f t="shared" ref="O106:O145" si="74">N106</f>
        <v>145164</v>
      </c>
      <c r="P106" s="258" t="s">
        <v>226</v>
      </c>
      <c r="Q106" s="258" t="s">
        <v>82</v>
      </c>
      <c r="R106" s="239" t="s">
        <v>66</v>
      </c>
      <c r="S106" s="239" t="s">
        <v>66</v>
      </c>
      <c r="T106" s="239" t="s">
        <v>66</v>
      </c>
      <c r="U106" s="239" t="s">
        <v>66</v>
      </c>
      <c r="V106" s="239" t="s">
        <v>66</v>
      </c>
      <c r="W106" s="239" t="s">
        <v>66</v>
      </c>
      <c r="X106" s="239" t="s">
        <v>66</v>
      </c>
      <c r="Y106" s="239" t="s">
        <v>66</v>
      </c>
      <c r="Z106" s="239" t="s">
        <v>66</v>
      </c>
      <c r="AA106" s="239" t="s">
        <v>66</v>
      </c>
      <c r="AB106" s="239" t="s">
        <v>66</v>
      </c>
      <c r="AC106" s="239" t="s">
        <v>66</v>
      </c>
      <c r="AD106" s="239" t="s">
        <v>66</v>
      </c>
      <c r="AE106" s="239" t="s">
        <v>66</v>
      </c>
      <c r="AF106" s="239" t="s">
        <v>66</v>
      </c>
      <c r="AG106" s="239" t="s">
        <v>66</v>
      </c>
      <c r="AH106" s="239" t="s">
        <v>66</v>
      </c>
      <c r="AI106" s="239" t="s">
        <v>66</v>
      </c>
      <c r="AJ106" s="239" t="s">
        <v>66</v>
      </c>
      <c r="AK106" s="239" t="s">
        <v>66</v>
      </c>
      <c r="AL106" s="239" t="s">
        <v>66</v>
      </c>
      <c r="AM106" s="239" t="s">
        <v>66</v>
      </c>
      <c r="AN106" s="239" t="s">
        <v>66</v>
      </c>
      <c r="AO106" s="239" t="s">
        <v>66</v>
      </c>
      <c r="AP106" s="239" t="s">
        <v>66</v>
      </c>
      <c r="AQ106" s="239" t="s">
        <v>66</v>
      </c>
      <c r="AR106" s="239" t="s">
        <v>66</v>
      </c>
      <c r="AS106" s="239" t="s">
        <v>66</v>
      </c>
      <c r="AT106" s="239" t="s">
        <v>66</v>
      </c>
      <c r="AU106" s="239" t="s">
        <v>66</v>
      </c>
      <c r="AV106" s="239" t="s">
        <v>66</v>
      </c>
      <c r="AW106" s="238">
        <f t="shared" si="32"/>
        <v>13219</v>
      </c>
      <c r="AX106" s="84">
        <f t="shared" si="73"/>
        <v>10.981466071563659</v>
      </c>
      <c r="AY106" s="239">
        <f t="shared" si="42"/>
        <v>16472.199107345488</v>
      </c>
      <c r="AZ106" s="239">
        <f t="shared" si="43"/>
        <v>2196.2932143127318</v>
      </c>
      <c r="BA106" s="239">
        <f t="shared" si="44"/>
        <v>4941.6597322036469</v>
      </c>
      <c r="BB106" s="239">
        <f t="shared" si="45"/>
        <v>3843.5131250472805</v>
      </c>
      <c r="BC106" s="239">
        <f t="shared" si="46"/>
        <v>3294.4398214690978</v>
      </c>
      <c r="BD106" s="239">
        <f t="shared" si="47"/>
        <v>5271.1037143505564</v>
      </c>
      <c r="BE106" s="239">
        <f t="shared" si="48"/>
        <v>1098.1466071563659</v>
      </c>
      <c r="BF106" s="239">
        <f t="shared" si="49"/>
        <v>4282.7717679098268</v>
      </c>
      <c r="BG106" s="239">
        <f t="shared" si="50"/>
        <v>5490.73303578183</v>
      </c>
      <c r="BH106" s="239">
        <f t="shared" si="51"/>
        <v>5490.73303578183</v>
      </c>
      <c r="BI106" s="239">
        <f t="shared" si="52"/>
        <v>8236.0995536727442</v>
      </c>
      <c r="BJ106" s="239">
        <f t="shared" si="53"/>
        <v>2196.2932143127318</v>
      </c>
      <c r="BK106" s="239">
        <f t="shared" si="54"/>
        <v>2569.6630607458965</v>
      </c>
      <c r="BL106" s="239">
        <f t="shared" si="55"/>
        <v>3843.5131250472805</v>
      </c>
      <c r="BM106" s="239">
        <f t="shared" si="56"/>
        <v>988.33194644072933</v>
      </c>
      <c r="BN106" s="239">
        <f t="shared" si="57"/>
        <v>878.51728572509273</v>
      </c>
      <c r="BO106" s="239">
        <f t="shared" si="58"/>
        <v>26190.796580679325</v>
      </c>
      <c r="BP106" s="239">
        <f t="shared" si="59"/>
        <v>8510.6362054618367</v>
      </c>
      <c r="BQ106" s="239">
        <f t="shared" si="60"/>
        <v>1098.1466071563659</v>
      </c>
      <c r="BR106" s="239">
        <f t="shared" si="61"/>
        <v>1098.1466071563659</v>
      </c>
      <c r="BS106" s="239">
        <f t="shared" si="62"/>
        <v>3316.4027536122248</v>
      </c>
      <c r="BT106" s="239">
        <f t="shared" si="63"/>
        <v>2745.366517890915</v>
      </c>
      <c r="BU106" s="239">
        <f t="shared" si="64"/>
        <v>4392.5864286254637</v>
      </c>
      <c r="BV106" s="239">
        <f t="shared" si="65"/>
        <v>15374.052500189122</v>
      </c>
      <c r="BW106" s="239">
        <f t="shared" si="66"/>
        <v>2207.2746803842956</v>
      </c>
      <c r="BX106" s="239">
        <f t="shared" si="67"/>
        <v>2382.9781375293142</v>
      </c>
      <c r="BY106" s="239">
        <f t="shared" si="68"/>
        <v>340.42544821847343</v>
      </c>
      <c r="BZ106" s="239">
        <f t="shared" si="69"/>
        <v>735.75822679476516</v>
      </c>
      <c r="CA106" s="239">
        <f t="shared" si="70"/>
        <v>1647.2199107345489</v>
      </c>
      <c r="CB106" s="239">
        <f t="shared" si="71"/>
        <v>340.42544821847343</v>
      </c>
      <c r="CC106" s="239">
        <f t="shared" si="72"/>
        <v>3689.7726000453895</v>
      </c>
      <c r="CD106" s="258"/>
      <c r="CE106" s="258" t="s">
        <v>335</v>
      </c>
      <c r="CF106" s="258" t="s">
        <v>336</v>
      </c>
    </row>
    <row r="107" spans="1:84" s="318" customFormat="1" ht="56.1" hidden="1" customHeight="1" x14ac:dyDescent="0.2">
      <c r="A107" s="302">
        <v>105</v>
      </c>
      <c r="B107" s="24" t="s">
        <v>53</v>
      </c>
      <c r="C107" s="35" t="s">
        <v>329</v>
      </c>
      <c r="D107" s="303" t="s">
        <v>330</v>
      </c>
      <c r="E107" s="303" t="s">
        <v>337</v>
      </c>
      <c r="F107" s="316" t="s">
        <v>338</v>
      </c>
      <c r="G107" s="303" t="s">
        <v>90</v>
      </c>
      <c r="H107" s="303" t="s">
        <v>38</v>
      </c>
      <c r="I107" s="303" t="s">
        <v>60</v>
      </c>
      <c r="J107" s="303" t="s">
        <v>334</v>
      </c>
      <c r="K107" s="303" t="s">
        <v>339</v>
      </c>
      <c r="L107" s="303" t="s">
        <v>63</v>
      </c>
      <c r="M107" s="303" t="s">
        <v>63</v>
      </c>
      <c r="N107" s="304">
        <v>108063</v>
      </c>
      <c r="O107" s="304">
        <f t="shared" si="74"/>
        <v>108063</v>
      </c>
      <c r="P107" s="303" t="s">
        <v>226</v>
      </c>
      <c r="Q107" s="303" t="s">
        <v>82</v>
      </c>
      <c r="R107" s="317"/>
      <c r="S107" s="317"/>
      <c r="T107" s="317"/>
      <c r="U107" s="317"/>
      <c r="V107" s="317"/>
      <c r="W107" s="317"/>
      <c r="X107" s="317"/>
      <c r="Y107" s="317"/>
      <c r="Z107" s="317"/>
      <c r="AA107" s="317"/>
      <c r="AB107" s="317"/>
      <c r="AC107" s="317"/>
      <c r="AD107" s="317"/>
      <c r="AE107" s="317"/>
      <c r="AF107" s="317"/>
      <c r="AG107" s="317"/>
      <c r="AH107" s="317"/>
      <c r="AI107" s="317"/>
      <c r="AJ107" s="317"/>
      <c r="AK107" s="317"/>
      <c r="AL107" s="317"/>
      <c r="AM107" s="307" t="s">
        <v>66</v>
      </c>
      <c r="AN107" s="317"/>
      <c r="AO107" s="317"/>
      <c r="AP107" s="317"/>
      <c r="AQ107" s="317"/>
      <c r="AR107" s="317"/>
      <c r="AS107" s="317"/>
      <c r="AT107" s="317"/>
      <c r="AU107" s="317"/>
      <c r="AV107" s="317"/>
      <c r="AW107" s="308">
        <f t="shared" si="32"/>
        <v>250</v>
      </c>
      <c r="AX107" s="309">
        <f t="shared" si="73"/>
        <v>432.25200000000001</v>
      </c>
      <c r="AY107" s="307" t="str">
        <f t="shared" si="42"/>
        <v/>
      </c>
      <c r="AZ107" s="307" t="str">
        <f t="shared" si="43"/>
        <v/>
      </c>
      <c r="BA107" s="307" t="str">
        <f t="shared" si="44"/>
        <v/>
      </c>
      <c r="BB107" s="307" t="str">
        <f t="shared" si="45"/>
        <v/>
      </c>
      <c r="BC107" s="307" t="str">
        <f t="shared" si="46"/>
        <v/>
      </c>
      <c r="BD107" s="307" t="str">
        <f t="shared" si="47"/>
        <v/>
      </c>
      <c r="BE107" s="307" t="str">
        <f t="shared" si="48"/>
        <v/>
      </c>
      <c r="BF107" s="307" t="str">
        <f t="shared" si="49"/>
        <v/>
      </c>
      <c r="BG107" s="307" t="str">
        <f t="shared" si="50"/>
        <v/>
      </c>
      <c r="BH107" s="307" t="str">
        <f t="shared" si="51"/>
        <v/>
      </c>
      <c r="BI107" s="307" t="str">
        <f t="shared" si="52"/>
        <v/>
      </c>
      <c r="BJ107" s="307" t="str">
        <f t="shared" si="53"/>
        <v/>
      </c>
      <c r="BK107" s="307" t="str">
        <f t="shared" si="54"/>
        <v/>
      </c>
      <c r="BL107" s="307" t="str">
        <f t="shared" si="55"/>
        <v/>
      </c>
      <c r="BM107" s="307" t="str">
        <f t="shared" si="56"/>
        <v/>
      </c>
      <c r="BN107" s="307" t="str">
        <f t="shared" si="57"/>
        <v/>
      </c>
      <c r="BO107" s="307" t="str">
        <f t="shared" si="58"/>
        <v/>
      </c>
      <c r="BP107" s="307" t="str">
        <f t="shared" si="59"/>
        <v/>
      </c>
      <c r="BQ107" s="307" t="str">
        <f t="shared" si="60"/>
        <v/>
      </c>
      <c r="BR107" s="307" t="str">
        <f t="shared" si="61"/>
        <v/>
      </c>
      <c r="BS107" s="307" t="str">
        <f t="shared" si="62"/>
        <v/>
      </c>
      <c r="BT107" s="307">
        <f t="shared" si="63"/>
        <v>108063</v>
      </c>
      <c r="BU107" s="307" t="str">
        <f t="shared" si="64"/>
        <v/>
      </c>
      <c r="BV107" s="307" t="str">
        <f t="shared" si="65"/>
        <v/>
      </c>
      <c r="BW107" s="307" t="str">
        <f t="shared" si="66"/>
        <v/>
      </c>
      <c r="BX107" s="307" t="str">
        <f t="shared" si="67"/>
        <v/>
      </c>
      <c r="BY107" s="307" t="str">
        <f t="shared" si="68"/>
        <v/>
      </c>
      <c r="BZ107" s="307" t="str">
        <f t="shared" si="69"/>
        <v/>
      </c>
      <c r="CA107" s="307" t="str">
        <f t="shared" si="70"/>
        <v/>
      </c>
      <c r="CB107" s="307" t="str">
        <f t="shared" si="71"/>
        <v/>
      </c>
      <c r="CC107" s="307" t="str">
        <f t="shared" si="72"/>
        <v/>
      </c>
      <c r="CD107" s="303"/>
      <c r="CE107" s="303" t="s">
        <v>340</v>
      </c>
      <c r="CF107" s="303" t="s">
        <v>336</v>
      </c>
    </row>
    <row r="108" spans="1:84" s="318" customFormat="1" ht="56.1" hidden="1" customHeight="1" x14ac:dyDescent="0.2">
      <c r="A108" s="302">
        <v>106</v>
      </c>
      <c r="B108" s="24" t="s">
        <v>53</v>
      </c>
      <c r="C108" s="35" t="s">
        <v>329</v>
      </c>
      <c r="D108" s="303" t="s">
        <v>330</v>
      </c>
      <c r="E108" s="303" t="s">
        <v>337</v>
      </c>
      <c r="F108" s="316" t="s">
        <v>341</v>
      </c>
      <c r="G108" s="303" t="s">
        <v>90</v>
      </c>
      <c r="H108" s="303" t="s">
        <v>39</v>
      </c>
      <c r="I108" s="303" t="s">
        <v>81</v>
      </c>
      <c r="J108" s="303" t="s">
        <v>334</v>
      </c>
      <c r="K108" s="303" t="s">
        <v>342</v>
      </c>
      <c r="L108" s="303" t="s">
        <v>63</v>
      </c>
      <c r="M108" s="303" t="s">
        <v>63</v>
      </c>
      <c r="N108" s="304">
        <v>172895</v>
      </c>
      <c r="O108" s="304">
        <f t="shared" si="74"/>
        <v>172895</v>
      </c>
      <c r="P108" s="303" t="s">
        <v>226</v>
      </c>
      <c r="Q108" s="303" t="s">
        <v>82</v>
      </c>
      <c r="R108" s="317"/>
      <c r="S108" s="317"/>
      <c r="T108" s="317"/>
      <c r="U108" s="317"/>
      <c r="V108" s="317"/>
      <c r="W108" s="317"/>
      <c r="X108" s="317"/>
      <c r="Y108" s="317"/>
      <c r="Z108" s="317"/>
      <c r="AA108" s="317"/>
      <c r="AB108" s="317"/>
      <c r="AC108" s="317"/>
      <c r="AD108" s="317"/>
      <c r="AE108" s="317"/>
      <c r="AF108" s="317"/>
      <c r="AG108" s="317"/>
      <c r="AH108" s="317"/>
      <c r="AI108" s="317"/>
      <c r="AJ108" s="317"/>
      <c r="AK108" s="317"/>
      <c r="AL108" s="317"/>
      <c r="AM108" s="317"/>
      <c r="AN108" s="307" t="s">
        <v>66</v>
      </c>
      <c r="AO108" s="317"/>
      <c r="AP108" s="317"/>
      <c r="AQ108" s="317"/>
      <c r="AR108" s="317"/>
      <c r="AS108" s="317"/>
      <c r="AT108" s="317"/>
      <c r="AU108" s="317"/>
      <c r="AV108" s="317"/>
      <c r="AW108" s="308">
        <f t="shared" si="32"/>
        <v>400</v>
      </c>
      <c r="AX108" s="309">
        <f t="shared" si="73"/>
        <v>432.23750000000001</v>
      </c>
      <c r="AY108" s="307" t="str">
        <f t="shared" si="42"/>
        <v/>
      </c>
      <c r="AZ108" s="307" t="str">
        <f t="shared" si="43"/>
        <v/>
      </c>
      <c r="BA108" s="307" t="str">
        <f t="shared" si="44"/>
        <v/>
      </c>
      <c r="BB108" s="307" t="str">
        <f t="shared" si="45"/>
        <v/>
      </c>
      <c r="BC108" s="307" t="str">
        <f t="shared" si="46"/>
        <v/>
      </c>
      <c r="BD108" s="307" t="str">
        <f t="shared" si="47"/>
        <v/>
      </c>
      <c r="BE108" s="307" t="str">
        <f t="shared" si="48"/>
        <v/>
      </c>
      <c r="BF108" s="307" t="str">
        <f t="shared" si="49"/>
        <v/>
      </c>
      <c r="BG108" s="307" t="str">
        <f t="shared" si="50"/>
        <v/>
      </c>
      <c r="BH108" s="307" t="str">
        <f t="shared" si="51"/>
        <v/>
      </c>
      <c r="BI108" s="307" t="str">
        <f t="shared" si="52"/>
        <v/>
      </c>
      <c r="BJ108" s="307" t="str">
        <f t="shared" si="53"/>
        <v/>
      </c>
      <c r="BK108" s="307" t="str">
        <f t="shared" si="54"/>
        <v/>
      </c>
      <c r="BL108" s="307" t="str">
        <f t="shared" si="55"/>
        <v/>
      </c>
      <c r="BM108" s="307" t="str">
        <f t="shared" si="56"/>
        <v/>
      </c>
      <c r="BN108" s="307" t="str">
        <f t="shared" si="57"/>
        <v/>
      </c>
      <c r="BO108" s="307" t="str">
        <f t="shared" si="58"/>
        <v/>
      </c>
      <c r="BP108" s="307" t="str">
        <f t="shared" si="59"/>
        <v/>
      </c>
      <c r="BQ108" s="307" t="str">
        <f t="shared" si="60"/>
        <v/>
      </c>
      <c r="BR108" s="307" t="str">
        <f t="shared" si="61"/>
        <v/>
      </c>
      <c r="BS108" s="307" t="str">
        <f t="shared" si="62"/>
        <v/>
      </c>
      <c r="BT108" s="307" t="str">
        <f t="shared" si="63"/>
        <v/>
      </c>
      <c r="BU108" s="307">
        <f t="shared" si="64"/>
        <v>172895</v>
      </c>
      <c r="BV108" s="307" t="str">
        <f t="shared" si="65"/>
        <v/>
      </c>
      <c r="BW108" s="307" t="str">
        <f t="shared" si="66"/>
        <v/>
      </c>
      <c r="BX108" s="307" t="str">
        <f t="shared" si="67"/>
        <v/>
      </c>
      <c r="BY108" s="307" t="str">
        <f t="shared" si="68"/>
        <v/>
      </c>
      <c r="BZ108" s="307" t="str">
        <f t="shared" si="69"/>
        <v/>
      </c>
      <c r="CA108" s="307" t="str">
        <f t="shared" si="70"/>
        <v/>
      </c>
      <c r="CB108" s="307" t="str">
        <f t="shared" si="71"/>
        <v/>
      </c>
      <c r="CC108" s="307" t="str">
        <f t="shared" si="72"/>
        <v/>
      </c>
      <c r="CD108" s="303"/>
      <c r="CE108" s="303" t="s">
        <v>343</v>
      </c>
      <c r="CF108" s="303" t="s">
        <v>336</v>
      </c>
    </row>
    <row r="109" spans="1:84" s="318" customFormat="1" ht="56.1" hidden="1" customHeight="1" x14ac:dyDescent="0.2">
      <c r="A109" s="302">
        <v>107</v>
      </c>
      <c r="B109" s="24" t="s">
        <v>53</v>
      </c>
      <c r="C109" s="35" t="s">
        <v>329</v>
      </c>
      <c r="D109" s="303" t="s">
        <v>330</v>
      </c>
      <c r="E109" s="303" t="s">
        <v>337</v>
      </c>
      <c r="F109" s="316" t="s">
        <v>344</v>
      </c>
      <c r="G109" s="303" t="s">
        <v>90</v>
      </c>
      <c r="H109" s="303" t="s">
        <v>345</v>
      </c>
      <c r="I109" s="303" t="s">
        <v>8</v>
      </c>
      <c r="J109" s="303" t="s">
        <v>334</v>
      </c>
      <c r="K109" s="303" t="s">
        <v>169</v>
      </c>
      <c r="L109" s="303" t="s">
        <v>63</v>
      </c>
      <c r="M109" s="303" t="s">
        <v>63</v>
      </c>
      <c r="N109" s="304">
        <v>605124</v>
      </c>
      <c r="O109" s="304">
        <f t="shared" si="74"/>
        <v>605124</v>
      </c>
      <c r="P109" s="303" t="s">
        <v>226</v>
      </c>
      <c r="Q109" s="303" t="s">
        <v>82</v>
      </c>
      <c r="R109" s="317"/>
      <c r="S109" s="317"/>
      <c r="T109" s="317"/>
      <c r="U109" s="317"/>
      <c r="V109" s="317"/>
      <c r="W109" s="317"/>
      <c r="X109" s="317"/>
      <c r="Y109" s="317"/>
      <c r="Z109" s="317"/>
      <c r="AA109" s="317"/>
      <c r="AB109" s="317"/>
      <c r="AC109" s="317"/>
      <c r="AD109" s="317"/>
      <c r="AE109" s="317"/>
      <c r="AF109" s="317"/>
      <c r="AG109" s="317"/>
      <c r="AH109" s="317"/>
      <c r="AI109" s="317"/>
      <c r="AJ109" s="317"/>
      <c r="AK109" s="317"/>
      <c r="AL109" s="317"/>
      <c r="AM109" s="317"/>
      <c r="AN109" s="317"/>
      <c r="AO109" s="307" t="s">
        <v>66</v>
      </c>
      <c r="AP109" s="317"/>
      <c r="AQ109" s="317"/>
      <c r="AR109" s="317"/>
      <c r="AS109" s="317"/>
      <c r="AT109" s="317"/>
      <c r="AU109" s="317"/>
      <c r="AV109" s="317"/>
      <c r="AW109" s="308">
        <f t="shared" si="32"/>
        <v>1400</v>
      </c>
      <c r="AX109" s="309">
        <f t="shared" si="73"/>
        <v>432.23142857142858</v>
      </c>
      <c r="AY109" s="307" t="str">
        <f t="shared" si="42"/>
        <v/>
      </c>
      <c r="AZ109" s="307" t="str">
        <f t="shared" si="43"/>
        <v/>
      </c>
      <c r="BA109" s="307" t="str">
        <f t="shared" si="44"/>
        <v/>
      </c>
      <c r="BB109" s="307" t="str">
        <f t="shared" si="45"/>
        <v/>
      </c>
      <c r="BC109" s="307" t="str">
        <f t="shared" si="46"/>
        <v/>
      </c>
      <c r="BD109" s="307" t="str">
        <f t="shared" si="47"/>
        <v/>
      </c>
      <c r="BE109" s="307" t="str">
        <f t="shared" si="48"/>
        <v/>
      </c>
      <c r="BF109" s="307" t="str">
        <f t="shared" si="49"/>
        <v/>
      </c>
      <c r="BG109" s="307" t="str">
        <f t="shared" si="50"/>
        <v/>
      </c>
      <c r="BH109" s="307" t="str">
        <f t="shared" si="51"/>
        <v/>
      </c>
      <c r="BI109" s="307" t="str">
        <f t="shared" si="52"/>
        <v/>
      </c>
      <c r="BJ109" s="307" t="str">
        <f t="shared" si="53"/>
        <v/>
      </c>
      <c r="BK109" s="307" t="str">
        <f t="shared" si="54"/>
        <v/>
      </c>
      <c r="BL109" s="307" t="str">
        <f t="shared" si="55"/>
        <v/>
      </c>
      <c r="BM109" s="307" t="str">
        <f t="shared" si="56"/>
        <v/>
      </c>
      <c r="BN109" s="307" t="str">
        <f t="shared" si="57"/>
        <v/>
      </c>
      <c r="BO109" s="307" t="str">
        <f t="shared" si="58"/>
        <v/>
      </c>
      <c r="BP109" s="307" t="str">
        <f t="shared" si="59"/>
        <v/>
      </c>
      <c r="BQ109" s="307" t="str">
        <f t="shared" si="60"/>
        <v/>
      </c>
      <c r="BR109" s="307" t="str">
        <f t="shared" si="61"/>
        <v/>
      </c>
      <c r="BS109" s="307" t="str">
        <f t="shared" si="62"/>
        <v/>
      </c>
      <c r="BT109" s="307" t="str">
        <f t="shared" si="63"/>
        <v/>
      </c>
      <c r="BU109" s="307" t="str">
        <f t="shared" si="64"/>
        <v/>
      </c>
      <c r="BV109" s="307">
        <f t="shared" si="65"/>
        <v>605124</v>
      </c>
      <c r="BW109" s="307" t="str">
        <f t="shared" si="66"/>
        <v/>
      </c>
      <c r="BX109" s="307" t="str">
        <f t="shared" si="67"/>
        <v/>
      </c>
      <c r="BY109" s="307" t="str">
        <f t="shared" si="68"/>
        <v/>
      </c>
      <c r="BZ109" s="307" t="str">
        <f t="shared" si="69"/>
        <v/>
      </c>
      <c r="CA109" s="307" t="str">
        <f t="shared" si="70"/>
        <v/>
      </c>
      <c r="CB109" s="307" t="str">
        <f t="shared" si="71"/>
        <v/>
      </c>
      <c r="CC109" s="307" t="str">
        <f t="shared" si="72"/>
        <v/>
      </c>
      <c r="CD109" s="303"/>
      <c r="CE109" s="303" t="s">
        <v>340</v>
      </c>
      <c r="CF109" s="303" t="s">
        <v>336</v>
      </c>
    </row>
    <row r="110" spans="1:84" s="318" customFormat="1" ht="56.1" hidden="1" customHeight="1" x14ac:dyDescent="0.2">
      <c r="A110" s="302">
        <v>108</v>
      </c>
      <c r="B110" s="24" t="s">
        <v>53</v>
      </c>
      <c r="C110" s="35" t="s">
        <v>329</v>
      </c>
      <c r="D110" s="303" t="s">
        <v>330</v>
      </c>
      <c r="E110" s="303" t="s">
        <v>337</v>
      </c>
      <c r="F110" s="316" t="s">
        <v>346</v>
      </c>
      <c r="G110" s="303" t="s">
        <v>90</v>
      </c>
      <c r="H110" s="303" t="s">
        <v>347</v>
      </c>
      <c r="I110" s="303" t="s">
        <v>81</v>
      </c>
      <c r="J110" s="303" t="s">
        <v>334</v>
      </c>
      <c r="K110" s="303" t="s">
        <v>225</v>
      </c>
      <c r="L110" s="303" t="s">
        <v>63</v>
      </c>
      <c r="M110" s="303" t="s">
        <v>63</v>
      </c>
      <c r="N110" s="304">
        <v>86786</v>
      </c>
      <c r="O110" s="304">
        <f t="shared" si="74"/>
        <v>86786</v>
      </c>
      <c r="P110" s="303" t="s">
        <v>226</v>
      </c>
      <c r="Q110" s="303" t="s">
        <v>82</v>
      </c>
      <c r="R110" s="317"/>
      <c r="S110" s="317"/>
      <c r="T110" s="317"/>
      <c r="U110" s="317"/>
      <c r="V110" s="317"/>
      <c r="W110" s="317"/>
      <c r="X110" s="317"/>
      <c r="Y110" s="317"/>
      <c r="Z110" s="317"/>
      <c r="AA110" s="317"/>
      <c r="AB110" s="317"/>
      <c r="AC110" s="317"/>
      <c r="AD110" s="317"/>
      <c r="AE110" s="317"/>
      <c r="AF110" s="317"/>
      <c r="AG110" s="317"/>
      <c r="AH110" s="317"/>
      <c r="AI110" s="317"/>
      <c r="AJ110" s="317"/>
      <c r="AK110" s="317"/>
      <c r="AL110" s="317"/>
      <c r="AM110" s="317"/>
      <c r="AN110" s="317"/>
      <c r="AO110" s="317"/>
      <c r="AP110" s="307" t="s">
        <v>66</v>
      </c>
      <c r="AQ110" s="317"/>
      <c r="AR110" s="317"/>
      <c r="AS110" s="317"/>
      <c r="AT110" s="317"/>
      <c r="AU110" s="317"/>
      <c r="AV110" s="317"/>
      <c r="AW110" s="308">
        <f t="shared" si="32"/>
        <v>201</v>
      </c>
      <c r="AX110" s="309">
        <f t="shared" si="73"/>
        <v>431.77114427860698</v>
      </c>
      <c r="AY110" s="307" t="str">
        <f t="shared" si="42"/>
        <v/>
      </c>
      <c r="AZ110" s="307" t="str">
        <f t="shared" si="43"/>
        <v/>
      </c>
      <c r="BA110" s="307" t="str">
        <f t="shared" si="44"/>
        <v/>
      </c>
      <c r="BB110" s="307" t="str">
        <f t="shared" si="45"/>
        <v/>
      </c>
      <c r="BC110" s="307" t="str">
        <f t="shared" si="46"/>
        <v/>
      </c>
      <c r="BD110" s="307" t="str">
        <f t="shared" si="47"/>
        <v/>
      </c>
      <c r="BE110" s="307" t="str">
        <f t="shared" si="48"/>
        <v/>
      </c>
      <c r="BF110" s="307" t="str">
        <f t="shared" si="49"/>
        <v/>
      </c>
      <c r="BG110" s="307" t="str">
        <f t="shared" si="50"/>
        <v/>
      </c>
      <c r="BH110" s="307" t="str">
        <f t="shared" si="51"/>
        <v/>
      </c>
      <c r="BI110" s="307" t="str">
        <f t="shared" si="52"/>
        <v/>
      </c>
      <c r="BJ110" s="307" t="str">
        <f t="shared" si="53"/>
        <v/>
      </c>
      <c r="BK110" s="307" t="str">
        <f t="shared" si="54"/>
        <v/>
      </c>
      <c r="BL110" s="307" t="str">
        <f t="shared" si="55"/>
        <v/>
      </c>
      <c r="BM110" s="307" t="str">
        <f t="shared" si="56"/>
        <v/>
      </c>
      <c r="BN110" s="307" t="str">
        <f t="shared" si="57"/>
        <v/>
      </c>
      <c r="BO110" s="307" t="str">
        <f t="shared" si="58"/>
        <v/>
      </c>
      <c r="BP110" s="307" t="str">
        <f t="shared" si="59"/>
        <v/>
      </c>
      <c r="BQ110" s="307" t="str">
        <f t="shared" si="60"/>
        <v/>
      </c>
      <c r="BR110" s="307" t="str">
        <f t="shared" si="61"/>
        <v/>
      </c>
      <c r="BS110" s="307" t="str">
        <f t="shared" si="62"/>
        <v/>
      </c>
      <c r="BT110" s="307" t="str">
        <f t="shared" si="63"/>
        <v/>
      </c>
      <c r="BU110" s="307" t="str">
        <f t="shared" si="64"/>
        <v/>
      </c>
      <c r="BV110" s="307" t="str">
        <f t="shared" si="65"/>
        <v/>
      </c>
      <c r="BW110" s="307">
        <f t="shared" si="66"/>
        <v>86786</v>
      </c>
      <c r="BX110" s="307" t="str">
        <f t="shared" si="67"/>
        <v/>
      </c>
      <c r="BY110" s="307" t="str">
        <f t="shared" si="68"/>
        <v/>
      </c>
      <c r="BZ110" s="307" t="str">
        <f t="shared" si="69"/>
        <v/>
      </c>
      <c r="CA110" s="307" t="str">
        <f t="shared" si="70"/>
        <v/>
      </c>
      <c r="CB110" s="307" t="str">
        <f t="shared" si="71"/>
        <v/>
      </c>
      <c r="CC110" s="307" t="str">
        <f t="shared" si="72"/>
        <v/>
      </c>
      <c r="CD110" s="303"/>
      <c r="CE110" s="303" t="s">
        <v>340</v>
      </c>
      <c r="CF110" s="303" t="s">
        <v>336</v>
      </c>
    </row>
    <row r="111" spans="1:84" s="318" customFormat="1" ht="56.1" hidden="1" customHeight="1" x14ac:dyDescent="0.2">
      <c r="A111" s="302">
        <v>109</v>
      </c>
      <c r="B111" s="24" t="s">
        <v>53</v>
      </c>
      <c r="C111" s="35" t="s">
        <v>329</v>
      </c>
      <c r="D111" s="303" t="s">
        <v>330</v>
      </c>
      <c r="E111" s="303" t="s">
        <v>348</v>
      </c>
      <c r="F111" s="316" t="s">
        <v>349</v>
      </c>
      <c r="G111" s="303" t="s">
        <v>86</v>
      </c>
      <c r="H111" s="303" t="s">
        <v>350</v>
      </c>
      <c r="I111" s="303" t="s">
        <v>351</v>
      </c>
      <c r="J111" s="303" t="s">
        <v>334</v>
      </c>
      <c r="K111" s="303" t="s">
        <v>184</v>
      </c>
      <c r="L111" s="303" t="s">
        <v>63</v>
      </c>
      <c r="M111" s="303" t="s">
        <v>63</v>
      </c>
      <c r="N111" s="304">
        <v>334961</v>
      </c>
      <c r="O111" s="304">
        <f t="shared" si="74"/>
        <v>334961</v>
      </c>
      <c r="P111" s="303" t="s">
        <v>226</v>
      </c>
      <c r="Q111" s="303" t="s">
        <v>82</v>
      </c>
      <c r="R111" s="317"/>
      <c r="S111" s="317"/>
      <c r="T111" s="317"/>
      <c r="U111" s="317"/>
      <c r="V111" s="317"/>
      <c r="W111" s="317"/>
      <c r="X111" s="317"/>
      <c r="Y111" s="317"/>
      <c r="Z111" s="317"/>
      <c r="AA111" s="317"/>
      <c r="AB111" s="317"/>
      <c r="AC111" s="317"/>
      <c r="AD111" s="317"/>
      <c r="AE111" s="317"/>
      <c r="AF111" s="317"/>
      <c r="AG111" s="317"/>
      <c r="AH111" s="317"/>
      <c r="AI111" s="307" t="s">
        <v>66</v>
      </c>
      <c r="AJ111" s="317"/>
      <c r="AK111" s="317"/>
      <c r="AL111" s="317"/>
      <c r="AM111" s="317"/>
      <c r="AN111" s="317"/>
      <c r="AO111" s="317"/>
      <c r="AP111" s="317"/>
      <c r="AQ111" s="317"/>
      <c r="AR111" s="317"/>
      <c r="AS111" s="317"/>
      <c r="AT111" s="317"/>
      <c r="AU111" s="317"/>
      <c r="AV111" s="317"/>
      <c r="AW111" s="308">
        <f t="shared" ref="AW111:AW190" si="75">SUMIF(R111:AV111,"YES",$R$2:$AV$2)</f>
        <v>775</v>
      </c>
      <c r="AX111" s="309">
        <f t="shared" si="73"/>
        <v>432.20774193548385</v>
      </c>
      <c r="AY111" s="307" t="str">
        <f t="shared" si="42"/>
        <v/>
      </c>
      <c r="AZ111" s="307" t="str">
        <f t="shared" si="43"/>
        <v/>
      </c>
      <c r="BA111" s="307" t="str">
        <f t="shared" si="44"/>
        <v/>
      </c>
      <c r="BB111" s="307" t="str">
        <f t="shared" si="45"/>
        <v/>
      </c>
      <c r="BC111" s="307" t="str">
        <f t="shared" si="46"/>
        <v/>
      </c>
      <c r="BD111" s="307" t="str">
        <f t="shared" si="47"/>
        <v/>
      </c>
      <c r="BE111" s="307" t="str">
        <f t="shared" si="48"/>
        <v/>
      </c>
      <c r="BF111" s="307" t="str">
        <f t="shared" si="49"/>
        <v/>
      </c>
      <c r="BG111" s="307" t="str">
        <f t="shared" si="50"/>
        <v/>
      </c>
      <c r="BH111" s="307" t="str">
        <f t="shared" si="51"/>
        <v/>
      </c>
      <c r="BI111" s="307" t="str">
        <f t="shared" si="52"/>
        <v/>
      </c>
      <c r="BJ111" s="307" t="str">
        <f t="shared" si="53"/>
        <v/>
      </c>
      <c r="BK111" s="307" t="str">
        <f t="shared" si="54"/>
        <v/>
      </c>
      <c r="BL111" s="307" t="str">
        <f t="shared" si="55"/>
        <v/>
      </c>
      <c r="BM111" s="307" t="str">
        <f t="shared" si="56"/>
        <v/>
      </c>
      <c r="BN111" s="307" t="str">
        <f t="shared" si="57"/>
        <v/>
      </c>
      <c r="BO111" s="307" t="str">
        <f t="shared" si="58"/>
        <v/>
      </c>
      <c r="BP111" s="307">
        <f t="shared" si="59"/>
        <v>334961</v>
      </c>
      <c r="BQ111" s="307" t="str">
        <f t="shared" si="60"/>
        <v/>
      </c>
      <c r="BR111" s="307" t="str">
        <f t="shared" si="61"/>
        <v/>
      </c>
      <c r="BS111" s="307" t="str">
        <f t="shared" si="62"/>
        <v/>
      </c>
      <c r="BT111" s="307" t="str">
        <f t="shared" si="63"/>
        <v/>
      </c>
      <c r="BU111" s="307" t="str">
        <f t="shared" si="64"/>
        <v/>
      </c>
      <c r="BV111" s="307" t="str">
        <f t="shared" si="65"/>
        <v/>
      </c>
      <c r="BW111" s="307" t="str">
        <f t="shared" si="66"/>
        <v/>
      </c>
      <c r="BX111" s="307" t="str">
        <f t="shared" si="67"/>
        <v/>
      </c>
      <c r="BY111" s="307" t="str">
        <f t="shared" si="68"/>
        <v/>
      </c>
      <c r="BZ111" s="307" t="str">
        <f t="shared" si="69"/>
        <v/>
      </c>
      <c r="CA111" s="307" t="str">
        <f t="shared" si="70"/>
        <v/>
      </c>
      <c r="CB111" s="307" t="str">
        <f t="shared" si="71"/>
        <v/>
      </c>
      <c r="CC111" s="307" t="str">
        <f t="shared" si="72"/>
        <v/>
      </c>
      <c r="CD111" s="303"/>
      <c r="CE111" s="303" t="s">
        <v>352</v>
      </c>
      <c r="CF111" s="303" t="s">
        <v>336</v>
      </c>
    </row>
    <row r="112" spans="1:84" s="318" customFormat="1" ht="56.1" hidden="1" customHeight="1" x14ac:dyDescent="0.2">
      <c r="A112" s="302">
        <v>110</v>
      </c>
      <c r="B112" s="24" t="s">
        <v>53</v>
      </c>
      <c r="C112" s="35" t="s">
        <v>329</v>
      </c>
      <c r="D112" s="303" t="s">
        <v>330</v>
      </c>
      <c r="E112" s="303" t="s">
        <v>353</v>
      </c>
      <c r="F112" s="316" t="s">
        <v>354</v>
      </c>
      <c r="G112" s="303" t="s">
        <v>86</v>
      </c>
      <c r="H112" s="303" t="s">
        <v>36</v>
      </c>
      <c r="I112" s="303" t="s">
        <v>81</v>
      </c>
      <c r="J112" s="303" t="s">
        <v>334</v>
      </c>
      <c r="K112" s="303" t="s">
        <v>355</v>
      </c>
      <c r="L112" s="303" t="s">
        <v>63</v>
      </c>
      <c r="M112" s="303" t="s">
        <v>63</v>
      </c>
      <c r="N112" s="304">
        <v>43229</v>
      </c>
      <c r="O112" s="304">
        <f t="shared" si="74"/>
        <v>43229</v>
      </c>
      <c r="P112" s="303" t="s">
        <v>226</v>
      </c>
      <c r="Q112" s="303" t="s">
        <v>82</v>
      </c>
      <c r="R112" s="317"/>
      <c r="S112" s="317"/>
      <c r="T112" s="317"/>
      <c r="U112" s="317"/>
      <c r="V112" s="317"/>
      <c r="W112" s="317"/>
      <c r="X112" s="317"/>
      <c r="Y112" s="317"/>
      <c r="Z112" s="317"/>
      <c r="AA112" s="317"/>
      <c r="AB112" s="317"/>
      <c r="AC112" s="317"/>
      <c r="AD112" s="317"/>
      <c r="AE112" s="317"/>
      <c r="AF112" s="317"/>
      <c r="AG112" s="317"/>
      <c r="AH112" s="317"/>
      <c r="AI112" s="317"/>
      <c r="AJ112" s="317"/>
      <c r="AK112" s="307" t="s">
        <v>66</v>
      </c>
      <c r="AL112" s="317"/>
      <c r="AM112" s="317"/>
      <c r="AN112" s="317"/>
      <c r="AO112" s="317"/>
      <c r="AP112" s="317"/>
      <c r="AQ112" s="317"/>
      <c r="AR112" s="317"/>
      <c r="AS112" s="317"/>
      <c r="AT112" s="317"/>
      <c r="AU112" s="317"/>
      <c r="AV112" s="317"/>
      <c r="AW112" s="308">
        <f t="shared" si="75"/>
        <v>100</v>
      </c>
      <c r="AX112" s="309">
        <f t="shared" si="73"/>
        <v>432.29</v>
      </c>
      <c r="AY112" s="307" t="str">
        <f t="shared" si="42"/>
        <v/>
      </c>
      <c r="AZ112" s="307" t="str">
        <f t="shared" si="43"/>
        <v/>
      </c>
      <c r="BA112" s="307" t="str">
        <f t="shared" si="44"/>
        <v/>
      </c>
      <c r="BB112" s="307" t="str">
        <f t="shared" si="45"/>
        <v/>
      </c>
      <c r="BC112" s="307" t="str">
        <f t="shared" si="46"/>
        <v/>
      </c>
      <c r="BD112" s="307" t="str">
        <f t="shared" si="47"/>
        <v/>
      </c>
      <c r="BE112" s="307" t="str">
        <f t="shared" si="48"/>
        <v/>
      </c>
      <c r="BF112" s="307" t="str">
        <f t="shared" si="49"/>
        <v/>
      </c>
      <c r="BG112" s="307" t="str">
        <f t="shared" si="50"/>
        <v/>
      </c>
      <c r="BH112" s="307" t="str">
        <f t="shared" si="51"/>
        <v/>
      </c>
      <c r="BI112" s="307" t="str">
        <f t="shared" si="52"/>
        <v/>
      </c>
      <c r="BJ112" s="307" t="str">
        <f t="shared" si="53"/>
        <v/>
      </c>
      <c r="BK112" s="307" t="str">
        <f t="shared" si="54"/>
        <v/>
      </c>
      <c r="BL112" s="307" t="str">
        <f t="shared" si="55"/>
        <v/>
      </c>
      <c r="BM112" s="307" t="str">
        <f t="shared" si="56"/>
        <v/>
      </c>
      <c r="BN112" s="307" t="str">
        <f t="shared" si="57"/>
        <v/>
      </c>
      <c r="BO112" s="307" t="str">
        <f t="shared" si="58"/>
        <v/>
      </c>
      <c r="BP112" s="307" t="str">
        <f t="shared" si="59"/>
        <v/>
      </c>
      <c r="BQ112" s="307" t="str">
        <f t="shared" si="60"/>
        <v/>
      </c>
      <c r="BR112" s="307">
        <f t="shared" si="61"/>
        <v>43229</v>
      </c>
      <c r="BS112" s="307" t="str">
        <f t="shared" si="62"/>
        <v/>
      </c>
      <c r="BT112" s="307" t="str">
        <f t="shared" si="63"/>
        <v/>
      </c>
      <c r="BU112" s="307" t="str">
        <f t="shared" si="64"/>
        <v/>
      </c>
      <c r="BV112" s="307" t="str">
        <f t="shared" si="65"/>
        <v/>
      </c>
      <c r="BW112" s="307" t="str">
        <f t="shared" si="66"/>
        <v/>
      </c>
      <c r="BX112" s="307" t="str">
        <f t="shared" si="67"/>
        <v/>
      </c>
      <c r="BY112" s="307" t="str">
        <f t="shared" si="68"/>
        <v/>
      </c>
      <c r="BZ112" s="307" t="str">
        <f t="shared" si="69"/>
        <v/>
      </c>
      <c r="CA112" s="307" t="str">
        <f t="shared" si="70"/>
        <v/>
      </c>
      <c r="CB112" s="307" t="str">
        <f t="shared" si="71"/>
        <v/>
      </c>
      <c r="CC112" s="307" t="str">
        <f t="shared" si="72"/>
        <v/>
      </c>
      <c r="CD112" s="303"/>
      <c r="CE112" s="303" t="s">
        <v>352</v>
      </c>
      <c r="CF112" s="303" t="s">
        <v>336</v>
      </c>
    </row>
    <row r="113" spans="1:84" s="318" customFormat="1" ht="56.1" hidden="1" customHeight="1" x14ac:dyDescent="0.2">
      <c r="A113" s="302">
        <v>111</v>
      </c>
      <c r="B113" s="24" t="s">
        <v>53</v>
      </c>
      <c r="C113" s="35" t="s">
        <v>329</v>
      </c>
      <c r="D113" s="303" t="s">
        <v>330</v>
      </c>
      <c r="E113" s="303" t="s">
        <v>348</v>
      </c>
      <c r="F113" s="316" t="s">
        <v>356</v>
      </c>
      <c r="G113" s="303" t="s">
        <v>86</v>
      </c>
      <c r="H113" s="303" t="s">
        <v>35</v>
      </c>
      <c r="I113" s="303" t="s">
        <v>60</v>
      </c>
      <c r="J113" s="303" t="s">
        <v>334</v>
      </c>
      <c r="K113" s="303" t="s">
        <v>357</v>
      </c>
      <c r="L113" s="303" t="s">
        <v>63</v>
      </c>
      <c r="M113" s="303" t="s">
        <v>63</v>
      </c>
      <c r="N113" s="304">
        <v>43229</v>
      </c>
      <c r="O113" s="304">
        <f t="shared" si="74"/>
        <v>43229</v>
      </c>
      <c r="P113" s="303" t="s">
        <v>226</v>
      </c>
      <c r="Q113" s="303" t="s">
        <v>82</v>
      </c>
      <c r="R113" s="317"/>
      <c r="S113" s="317"/>
      <c r="T113" s="317"/>
      <c r="U113" s="317"/>
      <c r="V113" s="317"/>
      <c r="W113" s="317"/>
      <c r="X113" s="317"/>
      <c r="Y113" s="317"/>
      <c r="Z113" s="317"/>
      <c r="AA113" s="317"/>
      <c r="AB113" s="317"/>
      <c r="AC113" s="317"/>
      <c r="AD113" s="317"/>
      <c r="AE113" s="317"/>
      <c r="AF113" s="317"/>
      <c r="AG113" s="317"/>
      <c r="AH113" s="317"/>
      <c r="AI113" s="317"/>
      <c r="AJ113" s="307" t="s">
        <v>66</v>
      </c>
      <c r="AK113" s="317"/>
      <c r="AL113" s="317"/>
      <c r="AM113" s="317"/>
      <c r="AN113" s="317"/>
      <c r="AO113" s="317"/>
      <c r="AP113" s="317"/>
      <c r="AQ113" s="317"/>
      <c r="AR113" s="317"/>
      <c r="AS113" s="317"/>
      <c r="AT113" s="317"/>
      <c r="AU113" s="317"/>
      <c r="AV113" s="317"/>
      <c r="AW113" s="308">
        <f t="shared" si="75"/>
        <v>100</v>
      </c>
      <c r="AX113" s="309">
        <f t="shared" si="73"/>
        <v>432.29</v>
      </c>
      <c r="AY113" s="307" t="str">
        <f t="shared" si="42"/>
        <v/>
      </c>
      <c r="AZ113" s="307" t="str">
        <f t="shared" si="43"/>
        <v/>
      </c>
      <c r="BA113" s="307" t="str">
        <f t="shared" si="44"/>
        <v/>
      </c>
      <c r="BB113" s="307" t="str">
        <f t="shared" si="45"/>
        <v/>
      </c>
      <c r="BC113" s="307" t="str">
        <f t="shared" si="46"/>
        <v/>
      </c>
      <c r="BD113" s="307" t="str">
        <f t="shared" si="47"/>
        <v/>
      </c>
      <c r="BE113" s="307" t="str">
        <f t="shared" si="48"/>
        <v/>
      </c>
      <c r="BF113" s="307" t="str">
        <f t="shared" si="49"/>
        <v/>
      </c>
      <c r="BG113" s="307" t="str">
        <f t="shared" si="50"/>
        <v/>
      </c>
      <c r="BH113" s="307" t="str">
        <f t="shared" si="51"/>
        <v/>
      </c>
      <c r="BI113" s="307" t="str">
        <f t="shared" si="52"/>
        <v/>
      </c>
      <c r="BJ113" s="307" t="str">
        <f t="shared" si="53"/>
        <v/>
      </c>
      <c r="BK113" s="307" t="str">
        <f t="shared" si="54"/>
        <v/>
      </c>
      <c r="BL113" s="307" t="str">
        <f t="shared" si="55"/>
        <v/>
      </c>
      <c r="BM113" s="307" t="str">
        <f t="shared" si="56"/>
        <v/>
      </c>
      <c r="BN113" s="307" t="str">
        <f t="shared" si="57"/>
        <v/>
      </c>
      <c r="BO113" s="307" t="str">
        <f t="shared" si="58"/>
        <v/>
      </c>
      <c r="BP113" s="307" t="str">
        <f t="shared" si="59"/>
        <v/>
      </c>
      <c r="BQ113" s="307">
        <f t="shared" si="60"/>
        <v>43229</v>
      </c>
      <c r="BR113" s="307" t="str">
        <f t="shared" si="61"/>
        <v/>
      </c>
      <c r="BS113" s="307" t="str">
        <f t="shared" si="62"/>
        <v/>
      </c>
      <c r="BT113" s="307" t="str">
        <f t="shared" si="63"/>
        <v/>
      </c>
      <c r="BU113" s="307" t="str">
        <f t="shared" si="64"/>
        <v/>
      </c>
      <c r="BV113" s="307" t="str">
        <f t="shared" si="65"/>
        <v/>
      </c>
      <c r="BW113" s="307" t="str">
        <f t="shared" si="66"/>
        <v/>
      </c>
      <c r="BX113" s="307" t="str">
        <f t="shared" si="67"/>
        <v/>
      </c>
      <c r="BY113" s="307" t="str">
        <f t="shared" si="68"/>
        <v/>
      </c>
      <c r="BZ113" s="307" t="str">
        <f t="shared" si="69"/>
        <v/>
      </c>
      <c r="CA113" s="307" t="str">
        <f t="shared" si="70"/>
        <v/>
      </c>
      <c r="CB113" s="307" t="str">
        <f t="shared" si="71"/>
        <v/>
      </c>
      <c r="CC113" s="307" t="str">
        <f t="shared" si="72"/>
        <v/>
      </c>
      <c r="CD113" s="303"/>
      <c r="CE113" s="303" t="s">
        <v>352</v>
      </c>
      <c r="CF113" s="303" t="s">
        <v>336</v>
      </c>
    </row>
    <row r="114" spans="1:84" s="318" customFormat="1" ht="56.1" hidden="1" customHeight="1" x14ac:dyDescent="0.2">
      <c r="A114" s="302">
        <v>112</v>
      </c>
      <c r="B114" s="24" t="s">
        <v>53</v>
      </c>
      <c r="C114" s="35" t="s">
        <v>329</v>
      </c>
      <c r="D114" s="303" t="s">
        <v>330</v>
      </c>
      <c r="E114" s="303" t="s">
        <v>358</v>
      </c>
      <c r="F114" s="316" t="s">
        <v>359</v>
      </c>
      <c r="G114" s="303" t="s">
        <v>86</v>
      </c>
      <c r="H114" s="303" t="s">
        <v>347</v>
      </c>
      <c r="I114" s="303" t="s">
        <v>81</v>
      </c>
      <c r="J114" s="303" t="s">
        <v>334</v>
      </c>
      <c r="K114" s="303" t="s">
        <v>225</v>
      </c>
      <c r="L114" s="303" t="s">
        <v>63</v>
      </c>
      <c r="M114" s="303" t="s">
        <v>63</v>
      </c>
      <c r="N114" s="304">
        <v>130555.02</v>
      </c>
      <c r="O114" s="304">
        <f t="shared" si="74"/>
        <v>130555.02</v>
      </c>
      <c r="P114" s="303" t="s">
        <v>226</v>
      </c>
      <c r="Q114" s="303" t="s">
        <v>82</v>
      </c>
      <c r="R114" s="317"/>
      <c r="S114" s="317"/>
      <c r="T114" s="317"/>
      <c r="U114" s="317"/>
      <c r="V114" s="317"/>
      <c r="W114" s="317"/>
      <c r="X114" s="317"/>
      <c r="Y114" s="317"/>
      <c r="Z114" s="317"/>
      <c r="AA114" s="317"/>
      <c r="AB114" s="317"/>
      <c r="AC114" s="317"/>
      <c r="AD114" s="317"/>
      <c r="AE114" s="317"/>
      <c r="AF114" s="317"/>
      <c r="AG114" s="317"/>
      <c r="AH114" s="317"/>
      <c r="AI114" s="317"/>
      <c r="AJ114" s="317"/>
      <c r="AK114" s="317"/>
      <c r="AL114" s="307" t="s">
        <v>66</v>
      </c>
      <c r="AM114" s="317"/>
      <c r="AN114" s="317"/>
      <c r="AO114" s="317"/>
      <c r="AP114" s="317"/>
      <c r="AQ114" s="317"/>
      <c r="AR114" s="317"/>
      <c r="AS114" s="317"/>
      <c r="AT114" s="317"/>
      <c r="AU114" s="317"/>
      <c r="AV114" s="317"/>
      <c r="AW114" s="308">
        <f t="shared" si="75"/>
        <v>302</v>
      </c>
      <c r="AX114" s="309">
        <f t="shared" si="73"/>
        <v>432.30139072847686</v>
      </c>
      <c r="AY114" s="307" t="str">
        <f t="shared" si="42"/>
        <v/>
      </c>
      <c r="AZ114" s="307" t="str">
        <f t="shared" si="43"/>
        <v/>
      </c>
      <c r="BA114" s="307" t="str">
        <f t="shared" si="44"/>
        <v/>
      </c>
      <c r="BB114" s="307" t="str">
        <f t="shared" si="45"/>
        <v/>
      </c>
      <c r="BC114" s="307" t="str">
        <f t="shared" si="46"/>
        <v/>
      </c>
      <c r="BD114" s="307" t="str">
        <f t="shared" si="47"/>
        <v/>
      </c>
      <c r="BE114" s="307" t="str">
        <f t="shared" si="48"/>
        <v/>
      </c>
      <c r="BF114" s="307" t="str">
        <f t="shared" si="49"/>
        <v/>
      </c>
      <c r="BG114" s="307" t="str">
        <f t="shared" si="50"/>
        <v/>
      </c>
      <c r="BH114" s="307" t="str">
        <f t="shared" si="51"/>
        <v/>
      </c>
      <c r="BI114" s="307" t="str">
        <f t="shared" si="52"/>
        <v/>
      </c>
      <c r="BJ114" s="307" t="str">
        <f t="shared" si="53"/>
        <v/>
      </c>
      <c r="BK114" s="307" t="str">
        <f t="shared" si="54"/>
        <v/>
      </c>
      <c r="BL114" s="307" t="str">
        <f t="shared" si="55"/>
        <v/>
      </c>
      <c r="BM114" s="307" t="str">
        <f t="shared" si="56"/>
        <v/>
      </c>
      <c r="BN114" s="307" t="str">
        <f t="shared" si="57"/>
        <v/>
      </c>
      <c r="BO114" s="307" t="str">
        <f t="shared" si="58"/>
        <v/>
      </c>
      <c r="BP114" s="307" t="str">
        <f t="shared" si="59"/>
        <v/>
      </c>
      <c r="BQ114" s="307" t="str">
        <f t="shared" si="60"/>
        <v/>
      </c>
      <c r="BR114" s="307" t="str">
        <f t="shared" si="61"/>
        <v/>
      </c>
      <c r="BS114" s="307">
        <f t="shared" si="62"/>
        <v>130555.02000000002</v>
      </c>
      <c r="BT114" s="307" t="str">
        <f t="shared" si="63"/>
        <v/>
      </c>
      <c r="BU114" s="307" t="str">
        <f t="shared" si="64"/>
        <v/>
      </c>
      <c r="BV114" s="307" t="str">
        <f t="shared" si="65"/>
        <v/>
      </c>
      <c r="BW114" s="307" t="str">
        <f t="shared" si="66"/>
        <v/>
      </c>
      <c r="BX114" s="307" t="str">
        <f t="shared" si="67"/>
        <v/>
      </c>
      <c r="BY114" s="307" t="str">
        <f t="shared" si="68"/>
        <v/>
      </c>
      <c r="BZ114" s="307" t="str">
        <f t="shared" si="69"/>
        <v/>
      </c>
      <c r="CA114" s="307" t="str">
        <f t="shared" si="70"/>
        <v/>
      </c>
      <c r="CB114" s="307" t="str">
        <f t="shared" si="71"/>
        <v/>
      </c>
      <c r="CC114" s="307" t="str">
        <f t="shared" si="72"/>
        <v/>
      </c>
      <c r="CD114" s="303"/>
      <c r="CE114" s="303" t="s">
        <v>340</v>
      </c>
      <c r="CF114" s="303" t="s">
        <v>336</v>
      </c>
    </row>
    <row r="115" spans="1:84" s="318" customFormat="1" ht="56.1" hidden="1" customHeight="1" x14ac:dyDescent="0.2">
      <c r="A115" s="302">
        <v>113</v>
      </c>
      <c r="B115" s="24" t="s">
        <v>53</v>
      </c>
      <c r="C115" s="35" t="s">
        <v>329</v>
      </c>
      <c r="D115" s="303" t="s">
        <v>330</v>
      </c>
      <c r="E115" s="303" t="s">
        <v>360</v>
      </c>
      <c r="F115" s="316" t="s">
        <v>361</v>
      </c>
      <c r="G115" s="303" t="s">
        <v>362</v>
      </c>
      <c r="H115" s="303" t="s">
        <v>347</v>
      </c>
      <c r="I115" s="303" t="s">
        <v>81</v>
      </c>
      <c r="J115" s="303" t="s">
        <v>334</v>
      </c>
      <c r="K115" s="303" t="s">
        <v>225</v>
      </c>
      <c r="L115" s="303" t="s">
        <v>63</v>
      </c>
      <c r="M115" s="303" t="s">
        <v>63</v>
      </c>
      <c r="N115" s="304">
        <v>13343</v>
      </c>
      <c r="O115" s="304">
        <f t="shared" si="74"/>
        <v>13343</v>
      </c>
      <c r="P115" s="303" t="s">
        <v>226</v>
      </c>
      <c r="Q115" s="303" t="s">
        <v>82</v>
      </c>
      <c r="R115" s="317"/>
      <c r="S115" s="317"/>
      <c r="T115" s="317"/>
      <c r="U115" s="317"/>
      <c r="V115" s="317"/>
      <c r="W115" s="317"/>
      <c r="X115" s="317"/>
      <c r="Y115" s="317"/>
      <c r="Z115" s="317"/>
      <c r="AA115" s="317"/>
      <c r="AB115" s="317"/>
      <c r="AC115" s="317"/>
      <c r="AD115" s="317"/>
      <c r="AE115" s="317"/>
      <c r="AF115" s="317"/>
      <c r="AG115" s="317"/>
      <c r="AH115" s="317"/>
      <c r="AI115" s="317"/>
      <c r="AJ115" s="317"/>
      <c r="AK115" s="317"/>
      <c r="AL115" s="317"/>
      <c r="AM115" s="317"/>
      <c r="AN115" s="317"/>
      <c r="AO115" s="317"/>
      <c r="AP115" s="317"/>
      <c r="AQ115" s="317"/>
      <c r="AR115" s="307" t="s">
        <v>66</v>
      </c>
      <c r="AS115" s="317"/>
      <c r="AT115" s="317"/>
      <c r="AU115" s="317"/>
      <c r="AV115" s="317"/>
      <c r="AW115" s="308">
        <f t="shared" si="75"/>
        <v>31</v>
      </c>
      <c r="AX115" s="309">
        <f t="shared" si="73"/>
        <v>430.41935483870969</v>
      </c>
      <c r="AY115" s="307" t="str">
        <f t="shared" si="42"/>
        <v/>
      </c>
      <c r="AZ115" s="307" t="str">
        <f t="shared" si="43"/>
        <v/>
      </c>
      <c r="BA115" s="307" t="str">
        <f t="shared" si="44"/>
        <v/>
      </c>
      <c r="BB115" s="307" t="str">
        <f t="shared" si="45"/>
        <v/>
      </c>
      <c r="BC115" s="307" t="str">
        <f t="shared" si="46"/>
        <v/>
      </c>
      <c r="BD115" s="307" t="str">
        <f t="shared" si="47"/>
        <v/>
      </c>
      <c r="BE115" s="307" t="str">
        <f t="shared" si="48"/>
        <v/>
      </c>
      <c r="BF115" s="307" t="str">
        <f t="shared" si="49"/>
        <v/>
      </c>
      <c r="BG115" s="307" t="str">
        <f t="shared" si="50"/>
        <v/>
      </c>
      <c r="BH115" s="307" t="str">
        <f t="shared" si="51"/>
        <v/>
      </c>
      <c r="BI115" s="307" t="str">
        <f t="shared" si="52"/>
        <v/>
      </c>
      <c r="BJ115" s="307" t="str">
        <f t="shared" si="53"/>
        <v/>
      </c>
      <c r="BK115" s="307" t="str">
        <f t="shared" si="54"/>
        <v/>
      </c>
      <c r="BL115" s="307" t="str">
        <f t="shared" si="55"/>
        <v/>
      </c>
      <c r="BM115" s="307" t="str">
        <f t="shared" si="56"/>
        <v/>
      </c>
      <c r="BN115" s="307" t="str">
        <f t="shared" si="57"/>
        <v/>
      </c>
      <c r="BO115" s="307" t="str">
        <f t="shared" si="58"/>
        <v/>
      </c>
      <c r="BP115" s="307" t="str">
        <f t="shared" si="59"/>
        <v/>
      </c>
      <c r="BQ115" s="307" t="str">
        <f t="shared" si="60"/>
        <v/>
      </c>
      <c r="BR115" s="307" t="str">
        <f t="shared" si="61"/>
        <v/>
      </c>
      <c r="BS115" s="307" t="str">
        <f t="shared" si="62"/>
        <v/>
      </c>
      <c r="BT115" s="307" t="str">
        <f t="shared" si="63"/>
        <v/>
      </c>
      <c r="BU115" s="307" t="str">
        <f t="shared" si="64"/>
        <v/>
      </c>
      <c r="BV115" s="307" t="str">
        <f t="shared" si="65"/>
        <v/>
      </c>
      <c r="BW115" s="307" t="str">
        <f t="shared" si="66"/>
        <v/>
      </c>
      <c r="BX115" s="307" t="str">
        <f t="shared" si="67"/>
        <v/>
      </c>
      <c r="BY115" s="307">
        <f t="shared" si="68"/>
        <v>13343</v>
      </c>
      <c r="BZ115" s="307" t="str">
        <f t="shared" si="69"/>
        <v/>
      </c>
      <c r="CA115" s="307" t="str">
        <f t="shared" si="70"/>
        <v/>
      </c>
      <c r="CB115" s="307" t="str">
        <f t="shared" si="71"/>
        <v/>
      </c>
      <c r="CC115" s="307" t="str">
        <f t="shared" si="72"/>
        <v/>
      </c>
      <c r="CD115" s="303"/>
      <c r="CE115" s="303" t="s">
        <v>340</v>
      </c>
      <c r="CF115" s="303" t="s">
        <v>336</v>
      </c>
    </row>
    <row r="116" spans="1:84" s="318" customFormat="1" ht="56.1" hidden="1" customHeight="1" x14ac:dyDescent="0.2">
      <c r="A116" s="302">
        <v>114</v>
      </c>
      <c r="B116" s="24" t="s">
        <v>53</v>
      </c>
      <c r="C116" s="35" t="s">
        <v>329</v>
      </c>
      <c r="D116" s="303" t="s">
        <v>330</v>
      </c>
      <c r="E116" s="303" t="s">
        <v>360</v>
      </c>
      <c r="F116" s="316" t="s">
        <v>363</v>
      </c>
      <c r="G116" s="303" t="s">
        <v>362</v>
      </c>
      <c r="H116" s="303" t="s">
        <v>364</v>
      </c>
      <c r="I116" s="303" t="s">
        <v>81</v>
      </c>
      <c r="J116" s="303" t="s">
        <v>334</v>
      </c>
      <c r="K116" s="303" t="s">
        <v>71</v>
      </c>
      <c r="L116" s="303" t="s">
        <v>63</v>
      </c>
      <c r="M116" s="303" t="s">
        <v>63</v>
      </c>
      <c r="N116" s="304">
        <v>93836</v>
      </c>
      <c r="O116" s="304">
        <f t="shared" si="74"/>
        <v>93836</v>
      </c>
      <c r="P116" s="303" t="s">
        <v>226</v>
      </c>
      <c r="Q116" s="303" t="s">
        <v>82</v>
      </c>
      <c r="R116" s="317"/>
      <c r="S116" s="317"/>
      <c r="T116" s="317"/>
      <c r="U116" s="317"/>
      <c r="V116" s="317"/>
      <c r="W116" s="317"/>
      <c r="X116" s="317"/>
      <c r="Y116" s="317"/>
      <c r="Z116" s="317"/>
      <c r="AA116" s="317"/>
      <c r="AB116" s="317"/>
      <c r="AC116" s="317"/>
      <c r="AD116" s="317"/>
      <c r="AE116" s="317"/>
      <c r="AF116" s="317"/>
      <c r="AG116" s="317"/>
      <c r="AH116" s="317"/>
      <c r="AI116" s="317"/>
      <c r="AJ116" s="317"/>
      <c r="AK116" s="317"/>
      <c r="AL116" s="317"/>
      <c r="AM116" s="317"/>
      <c r="AN116" s="317"/>
      <c r="AO116" s="317"/>
      <c r="AP116" s="317"/>
      <c r="AQ116" s="307" t="s">
        <v>66</v>
      </c>
      <c r="AR116" s="317"/>
      <c r="AS116" s="317"/>
      <c r="AT116" s="317"/>
      <c r="AU116" s="317"/>
      <c r="AV116" s="317"/>
      <c r="AW116" s="308">
        <f t="shared" si="75"/>
        <v>217</v>
      </c>
      <c r="AX116" s="309">
        <f t="shared" si="73"/>
        <v>432.42396313364054</v>
      </c>
      <c r="AY116" s="307" t="str">
        <f t="shared" si="42"/>
        <v/>
      </c>
      <c r="AZ116" s="307" t="str">
        <f t="shared" si="43"/>
        <v/>
      </c>
      <c r="BA116" s="307" t="str">
        <f t="shared" si="44"/>
        <v/>
      </c>
      <c r="BB116" s="307" t="str">
        <f t="shared" si="45"/>
        <v/>
      </c>
      <c r="BC116" s="307" t="str">
        <f t="shared" si="46"/>
        <v/>
      </c>
      <c r="BD116" s="307" t="str">
        <f t="shared" si="47"/>
        <v/>
      </c>
      <c r="BE116" s="307" t="str">
        <f t="shared" si="48"/>
        <v/>
      </c>
      <c r="BF116" s="307" t="str">
        <f t="shared" si="49"/>
        <v/>
      </c>
      <c r="BG116" s="307" t="str">
        <f t="shared" si="50"/>
        <v/>
      </c>
      <c r="BH116" s="307" t="str">
        <f t="shared" si="51"/>
        <v/>
      </c>
      <c r="BI116" s="307" t="str">
        <f t="shared" si="52"/>
        <v/>
      </c>
      <c r="BJ116" s="307" t="str">
        <f t="shared" si="53"/>
        <v/>
      </c>
      <c r="BK116" s="307" t="str">
        <f t="shared" si="54"/>
        <v/>
      </c>
      <c r="BL116" s="307" t="str">
        <f t="shared" si="55"/>
        <v/>
      </c>
      <c r="BM116" s="307" t="str">
        <f t="shared" si="56"/>
        <v/>
      </c>
      <c r="BN116" s="307" t="str">
        <f t="shared" si="57"/>
        <v/>
      </c>
      <c r="BO116" s="307" t="str">
        <f t="shared" si="58"/>
        <v/>
      </c>
      <c r="BP116" s="307" t="str">
        <f t="shared" si="59"/>
        <v/>
      </c>
      <c r="BQ116" s="307" t="str">
        <f t="shared" si="60"/>
        <v/>
      </c>
      <c r="BR116" s="307" t="str">
        <f t="shared" si="61"/>
        <v/>
      </c>
      <c r="BS116" s="307" t="str">
        <f t="shared" si="62"/>
        <v/>
      </c>
      <c r="BT116" s="307" t="str">
        <f t="shared" si="63"/>
        <v/>
      </c>
      <c r="BU116" s="307" t="str">
        <f t="shared" si="64"/>
        <v/>
      </c>
      <c r="BV116" s="307" t="str">
        <f t="shared" si="65"/>
        <v/>
      </c>
      <c r="BW116" s="307" t="str">
        <f t="shared" si="66"/>
        <v/>
      </c>
      <c r="BX116" s="307">
        <f t="shared" si="67"/>
        <v>93836</v>
      </c>
      <c r="BY116" s="307" t="str">
        <f t="shared" si="68"/>
        <v/>
      </c>
      <c r="BZ116" s="307" t="str">
        <f t="shared" si="69"/>
        <v/>
      </c>
      <c r="CA116" s="307" t="str">
        <f t="shared" si="70"/>
        <v/>
      </c>
      <c r="CB116" s="307" t="str">
        <f t="shared" si="71"/>
        <v/>
      </c>
      <c r="CC116" s="307" t="str">
        <f t="shared" si="72"/>
        <v/>
      </c>
      <c r="CD116" s="303"/>
      <c r="CE116" s="303" t="s">
        <v>340</v>
      </c>
      <c r="CF116" s="303" t="s">
        <v>336</v>
      </c>
    </row>
    <row r="117" spans="1:84" s="318" customFormat="1" ht="56.1" hidden="1" customHeight="1" x14ac:dyDescent="0.2">
      <c r="A117" s="302">
        <v>115</v>
      </c>
      <c r="B117" s="24" t="s">
        <v>53</v>
      </c>
      <c r="C117" s="35" t="s">
        <v>329</v>
      </c>
      <c r="D117" s="303" t="s">
        <v>330</v>
      </c>
      <c r="E117" s="303" t="s">
        <v>360</v>
      </c>
      <c r="F117" s="316" t="s">
        <v>365</v>
      </c>
      <c r="G117" s="303" t="s">
        <v>157</v>
      </c>
      <c r="H117" s="303" t="s">
        <v>347</v>
      </c>
      <c r="I117" s="303"/>
      <c r="J117" s="303" t="s">
        <v>334</v>
      </c>
      <c r="K117" s="303" t="s">
        <v>225</v>
      </c>
      <c r="L117" s="303" t="s">
        <v>63</v>
      </c>
      <c r="M117" s="303" t="s">
        <v>63</v>
      </c>
      <c r="N117" s="304">
        <v>28986</v>
      </c>
      <c r="O117" s="304">
        <f t="shared" si="74"/>
        <v>28986</v>
      </c>
      <c r="P117" s="303" t="s">
        <v>226</v>
      </c>
      <c r="Q117" s="303" t="s">
        <v>82</v>
      </c>
      <c r="R117" s="317"/>
      <c r="S117" s="317"/>
      <c r="T117" s="317"/>
      <c r="U117" s="317"/>
      <c r="V117" s="317"/>
      <c r="W117" s="317"/>
      <c r="X117" s="317"/>
      <c r="Y117" s="317"/>
      <c r="Z117" s="317"/>
      <c r="AA117" s="317"/>
      <c r="AB117" s="317"/>
      <c r="AC117" s="317"/>
      <c r="AD117" s="317"/>
      <c r="AE117" s="317"/>
      <c r="AF117" s="317"/>
      <c r="AG117" s="317"/>
      <c r="AH117" s="317"/>
      <c r="AI117" s="317"/>
      <c r="AJ117" s="317"/>
      <c r="AK117" s="317"/>
      <c r="AL117" s="317"/>
      <c r="AM117" s="317"/>
      <c r="AN117" s="317"/>
      <c r="AO117" s="317"/>
      <c r="AP117" s="317"/>
      <c r="AQ117" s="317"/>
      <c r="AR117" s="317"/>
      <c r="AS117" s="317" t="s">
        <v>66</v>
      </c>
      <c r="AT117" s="317"/>
      <c r="AU117" s="317"/>
      <c r="AV117" s="317"/>
      <c r="AW117" s="308">
        <f t="shared" si="75"/>
        <v>67</v>
      </c>
      <c r="AX117" s="309">
        <f t="shared" si="73"/>
        <v>432.62686567164178</v>
      </c>
      <c r="AY117" s="307" t="str">
        <f t="shared" si="42"/>
        <v/>
      </c>
      <c r="AZ117" s="307" t="str">
        <f t="shared" si="43"/>
        <v/>
      </c>
      <c r="BA117" s="307" t="str">
        <f t="shared" si="44"/>
        <v/>
      </c>
      <c r="BB117" s="307" t="str">
        <f t="shared" si="45"/>
        <v/>
      </c>
      <c r="BC117" s="307" t="str">
        <f t="shared" si="46"/>
        <v/>
      </c>
      <c r="BD117" s="307" t="str">
        <f t="shared" si="47"/>
        <v/>
      </c>
      <c r="BE117" s="307" t="str">
        <f t="shared" si="48"/>
        <v/>
      </c>
      <c r="BF117" s="307" t="str">
        <f t="shared" si="49"/>
        <v/>
      </c>
      <c r="BG117" s="307" t="str">
        <f t="shared" si="50"/>
        <v/>
      </c>
      <c r="BH117" s="307" t="str">
        <f t="shared" si="51"/>
        <v/>
      </c>
      <c r="BI117" s="307" t="str">
        <f t="shared" si="52"/>
        <v/>
      </c>
      <c r="BJ117" s="307" t="str">
        <f t="shared" si="53"/>
        <v/>
      </c>
      <c r="BK117" s="307" t="str">
        <f t="shared" si="54"/>
        <v/>
      </c>
      <c r="BL117" s="307" t="str">
        <f t="shared" si="55"/>
        <v/>
      </c>
      <c r="BM117" s="307" t="str">
        <f t="shared" si="56"/>
        <v/>
      </c>
      <c r="BN117" s="307" t="str">
        <f t="shared" si="57"/>
        <v/>
      </c>
      <c r="BO117" s="307" t="str">
        <f t="shared" si="58"/>
        <v/>
      </c>
      <c r="BP117" s="307" t="str">
        <f t="shared" si="59"/>
        <v/>
      </c>
      <c r="BQ117" s="307" t="str">
        <f t="shared" si="60"/>
        <v/>
      </c>
      <c r="BR117" s="307" t="str">
        <f t="shared" si="61"/>
        <v/>
      </c>
      <c r="BS117" s="307" t="str">
        <f t="shared" si="62"/>
        <v/>
      </c>
      <c r="BT117" s="307" t="str">
        <f t="shared" si="63"/>
        <v/>
      </c>
      <c r="BU117" s="307" t="str">
        <f t="shared" si="64"/>
        <v/>
      </c>
      <c r="BV117" s="307" t="str">
        <f t="shared" si="65"/>
        <v/>
      </c>
      <c r="BW117" s="307" t="str">
        <f t="shared" si="66"/>
        <v/>
      </c>
      <c r="BX117" s="307" t="str">
        <f t="shared" si="67"/>
        <v/>
      </c>
      <c r="BY117" s="307" t="str">
        <f t="shared" si="68"/>
        <v/>
      </c>
      <c r="BZ117" s="307">
        <f t="shared" si="69"/>
        <v>28986</v>
      </c>
      <c r="CA117" s="307" t="str">
        <f t="shared" si="70"/>
        <v/>
      </c>
      <c r="CB117" s="307" t="str">
        <f t="shared" si="71"/>
        <v/>
      </c>
      <c r="CC117" s="307" t="str">
        <f t="shared" si="72"/>
        <v/>
      </c>
      <c r="CD117" s="303"/>
      <c r="CE117" s="303" t="s">
        <v>340</v>
      </c>
      <c r="CF117" s="303" t="s">
        <v>336</v>
      </c>
    </row>
    <row r="118" spans="1:84" s="318" customFormat="1" ht="56.1" hidden="1" customHeight="1" x14ac:dyDescent="0.2">
      <c r="A118" s="302">
        <v>116</v>
      </c>
      <c r="B118" s="24" t="s">
        <v>53</v>
      </c>
      <c r="C118" s="35" t="s">
        <v>329</v>
      </c>
      <c r="D118" s="303" t="s">
        <v>330</v>
      </c>
      <c r="E118" s="303" t="s">
        <v>366</v>
      </c>
      <c r="F118" s="316" t="s">
        <v>361</v>
      </c>
      <c r="G118" s="303" t="s">
        <v>95</v>
      </c>
      <c r="H118" s="303" t="s">
        <v>347</v>
      </c>
      <c r="I118" s="303"/>
      <c r="J118" s="303" t="s">
        <v>334</v>
      </c>
      <c r="K118" s="303" t="s">
        <v>225</v>
      </c>
      <c r="L118" s="303" t="s">
        <v>63</v>
      </c>
      <c r="M118" s="303" t="s">
        <v>63</v>
      </c>
      <c r="N118" s="304">
        <v>13343</v>
      </c>
      <c r="O118" s="304">
        <f t="shared" si="74"/>
        <v>13343</v>
      </c>
      <c r="P118" s="303" t="s">
        <v>226</v>
      </c>
      <c r="Q118" s="303" t="s">
        <v>82</v>
      </c>
      <c r="R118" s="317"/>
      <c r="S118" s="317"/>
      <c r="T118" s="317"/>
      <c r="U118" s="317"/>
      <c r="V118" s="317"/>
      <c r="W118" s="317"/>
      <c r="X118" s="317"/>
      <c r="Y118" s="317"/>
      <c r="Z118" s="317"/>
      <c r="AA118" s="317"/>
      <c r="AB118" s="317"/>
      <c r="AC118" s="317"/>
      <c r="AD118" s="317"/>
      <c r="AE118" s="317"/>
      <c r="AF118" s="317"/>
      <c r="AG118" s="317"/>
      <c r="AH118" s="317"/>
      <c r="AI118" s="317"/>
      <c r="AJ118" s="317"/>
      <c r="AK118" s="317"/>
      <c r="AL118" s="317"/>
      <c r="AM118" s="317"/>
      <c r="AN118" s="317"/>
      <c r="AO118" s="317"/>
      <c r="AP118" s="317"/>
      <c r="AQ118" s="317"/>
      <c r="AR118" s="317"/>
      <c r="AS118" s="317"/>
      <c r="AT118" s="317"/>
      <c r="AU118" s="306" t="s">
        <v>66</v>
      </c>
      <c r="AV118" s="317"/>
      <c r="AW118" s="308">
        <f t="shared" si="75"/>
        <v>31</v>
      </c>
      <c r="AX118" s="309">
        <f t="shared" si="73"/>
        <v>430.41935483870969</v>
      </c>
      <c r="AY118" s="307" t="str">
        <f t="shared" si="42"/>
        <v/>
      </c>
      <c r="AZ118" s="307" t="str">
        <f t="shared" si="43"/>
        <v/>
      </c>
      <c r="BA118" s="307" t="str">
        <f t="shared" si="44"/>
        <v/>
      </c>
      <c r="BB118" s="307" t="str">
        <f t="shared" si="45"/>
        <v/>
      </c>
      <c r="BC118" s="307" t="str">
        <f t="shared" si="46"/>
        <v/>
      </c>
      <c r="BD118" s="307" t="str">
        <f t="shared" si="47"/>
        <v/>
      </c>
      <c r="BE118" s="307" t="str">
        <f t="shared" si="48"/>
        <v/>
      </c>
      <c r="BF118" s="307" t="str">
        <f t="shared" si="49"/>
        <v/>
      </c>
      <c r="BG118" s="307" t="str">
        <f t="shared" si="50"/>
        <v/>
      </c>
      <c r="BH118" s="307" t="str">
        <f t="shared" si="51"/>
        <v/>
      </c>
      <c r="BI118" s="307" t="str">
        <f t="shared" si="52"/>
        <v/>
      </c>
      <c r="BJ118" s="307" t="str">
        <f t="shared" si="53"/>
        <v/>
      </c>
      <c r="BK118" s="307" t="str">
        <f t="shared" si="54"/>
        <v/>
      </c>
      <c r="BL118" s="307" t="str">
        <f t="shared" si="55"/>
        <v/>
      </c>
      <c r="BM118" s="307" t="str">
        <f t="shared" si="56"/>
        <v/>
      </c>
      <c r="BN118" s="307" t="str">
        <f t="shared" si="57"/>
        <v/>
      </c>
      <c r="BO118" s="307" t="str">
        <f t="shared" si="58"/>
        <v/>
      </c>
      <c r="BP118" s="307" t="str">
        <f t="shared" si="59"/>
        <v/>
      </c>
      <c r="BQ118" s="307" t="str">
        <f t="shared" si="60"/>
        <v/>
      </c>
      <c r="BR118" s="307" t="str">
        <f t="shared" si="61"/>
        <v/>
      </c>
      <c r="BS118" s="307" t="str">
        <f t="shared" si="62"/>
        <v/>
      </c>
      <c r="BT118" s="307" t="str">
        <f t="shared" si="63"/>
        <v/>
      </c>
      <c r="BU118" s="307" t="str">
        <f t="shared" si="64"/>
        <v/>
      </c>
      <c r="BV118" s="307" t="str">
        <f t="shared" si="65"/>
        <v/>
      </c>
      <c r="BW118" s="307" t="str">
        <f t="shared" si="66"/>
        <v/>
      </c>
      <c r="BX118" s="307" t="str">
        <f t="shared" si="67"/>
        <v/>
      </c>
      <c r="BY118" s="307" t="str">
        <f t="shared" si="68"/>
        <v/>
      </c>
      <c r="BZ118" s="307" t="str">
        <f t="shared" si="69"/>
        <v/>
      </c>
      <c r="CA118" s="307" t="str">
        <f t="shared" si="70"/>
        <v/>
      </c>
      <c r="CB118" s="307">
        <f t="shared" si="71"/>
        <v>13343</v>
      </c>
      <c r="CC118" s="307" t="str">
        <f t="shared" si="72"/>
        <v/>
      </c>
      <c r="CD118" s="303"/>
      <c r="CE118" s="303" t="s">
        <v>340</v>
      </c>
      <c r="CF118" s="303" t="s">
        <v>336</v>
      </c>
    </row>
    <row r="119" spans="1:84" s="211" customFormat="1" ht="56.1" hidden="1" customHeight="1" x14ac:dyDescent="0.2">
      <c r="A119" s="198">
        <v>117</v>
      </c>
      <c r="B119" s="199" t="s">
        <v>53</v>
      </c>
      <c r="C119" s="208" t="s">
        <v>329</v>
      </c>
      <c r="D119" s="200" t="s">
        <v>330</v>
      </c>
      <c r="E119" s="200" t="s">
        <v>366</v>
      </c>
      <c r="F119" s="209" t="s">
        <v>367</v>
      </c>
      <c r="G119" s="200" t="s">
        <v>95</v>
      </c>
      <c r="H119" s="200" t="s">
        <v>368</v>
      </c>
      <c r="I119" s="200" t="s">
        <v>81</v>
      </c>
      <c r="J119" s="200" t="s">
        <v>334</v>
      </c>
      <c r="K119" s="200" t="s">
        <v>181</v>
      </c>
      <c r="L119" s="200" t="s">
        <v>63</v>
      </c>
      <c r="M119" s="200" t="s">
        <v>63</v>
      </c>
      <c r="N119" s="201">
        <v>64842</v>
      </c>
      <c r="O119" s="201">
        <f t="shared" si="74"/>
        <v>64842</v>
      </c>
      <c r="P119" s="200" t="s">
        <v>226</v>
      </c>
      <c r="Q119" s="200" t="s">
        <v>82</v>
      </c>
      <c r="R119" s="210"/>
      <c r="S119" s="210"/>
      <c r="T119" s="210"/>
      <c r="U119" s="210"/>
      <c r="V119" s="210"/>
      <c r="W119" s="210"/>
      <c r="X119" s="210"/>
      <c r="Y119" s="210"/>
      <c r="Z119" s="210"/>
      <c r="AA119" s="210"/>
      <c r="AB119" s="210"/>
      <c r="AC119" s="210"/>
      <c r="AD119" s="210"/>
      <c r="AE119" s="210"/>
      <c r="AF119" s="210"/>
      <c r="AG119" s="210"/>
      <c r="AH119" s="210"/>
      <c r="AI119" s="210"/>
      <c r="AJ119" s="210"/>
      <c r="AK119" s="210"/>
      <c r="AL119" s="210"/>
      <c r="AM119" s="210"/>
      <c r="AN119" s="210"/>
      <c r="AO119" s="210"/>
      <c r="AP119" s="210"/>
      <c r="AQ119" s="210"/>
      <c r="AR119" s="210"/>
      <c r="AS119" s="210"/>
      <c r="AT119" s="203" t="s">
        <v>66</v>
      </c>
      <c r="AU119" s="210"/>
      <c r="AV119" s="210"/>
      <c r="AW119" s="204">
        <f t="shared" si="75"/>
        <v>150</v>
      </c>
      <c r="AX119" s="205">
        <f t="shared" si="73"/>
        <v>432.28</v>
      </c>
      <c r="AY119" s="203" t="str">
        <f t="shared" si="42"/>
        <v/>
      </c>
      <c r="AZ119" s="203" t="str">
        <f t="shared" si="43"/>
        <v/>
      </c>
      <c r="BA119" s="203" t="str">
        <f t="shared" si="44"/>
        <v/>
      </c>
      <c r="BB119" s="203" t="str">
        <f t="shared" si="45"/>
        <v/>
      </c>
      <c r="BC119" s="203" t="str">
        <f t="shared" si="46"/>
        <v/>
      </c>
      <c r="BD119" s="203" t="str">
        <f t="shared" si="47"/>
        <v/>
      </c>
      <c r="BE119" s="203" t="str">
        <f t="shared" si="48"/>
        <v/>
      </c>
      <c r="BF119" s="203" t="str">
        <f t="shared" si="49"/>
        <v/>
      </c>
      <c r="BG119" s="203" t="str">
        <f t="shared" si="50"/>
        <v/>
      </c>
      <c r="BH119" s="203" t="str">
        <f t="shared" si="51"/>
        <v/>
      </c>
      <c r="BI119" s="203" t="str">
        <f t="shared" si="52"/>
        <v/>
      </c>
      <c r="BJ119" s="203" t="str">
        <f t="shared" si="53"/>
        <v/>
      </c>
      <c r="BK119" s="203" t="str">
        <f t="shared" si="54"/>
        <v/>
      </c>
      <c r="BL119" s="203" t="str">
        <f t="shared" si="55"/>
        <v/>
      </c>
      <c r="BM119" s="203" t="str">
        <f t="shared" si="56"/>
        <v/>
      </c>
      <c r="BN119" s="203" t="str">
        <f t="shared" si="57"/>
        <v/>
      </c>
      <c r="BO119" s="203" t="str">
        <f t="shared" si="58"/>
        <v/>
      </c>
      <c r="BP119" s="203" t="str">
        <f t="shared" si="59"/>
        <v/>
      </c>
      <c r="BQ119" s="203" t="str">
        <f t="shared" si="60"/>
        <v/>
      </c>
      <c r="BR119" s="203" t="str">
        <f t="shared" si="61"/>
        <v/>
      </c>
      <c r="BS119" s="203" t="str">
        <f t="shared" si="62"/>
        <v/>
      </c>
      <c r="BT119" s="203" t="str">
        <f t="shared" si="63"/>
        <v/>
      </c>
      <c r="BU119" s="203" t="str">
        <f t="shared" si="64"/>
        <v/>
      </c>
      <c r="BV119" s="203" t="str">
        <f t="shared" si="65"/>
        <v/>
      </c>
      <c r="BW119" s="203" t="str">
        <f t="shared" si="66"/>
        <v/>
      </c>
      <c r="BX119" s="203" t="str">
        <f t="shared" si="67"/>
        <v/>
      </c>
      <c r="BY119" s="203" t="str">
        <f t="shared" si="68"/>
        <v/>
      </c>
      <c r="BZ119" s="203" t="str">
        <f t="shared" si="69"/>
        <v/>
      </c>
      <c r="CA119" s="203">
        <f t="shared" si="70"/>
        <v>64841.999999999993</v>
      </c>
      <c r="CB119" s="203" t="str">
        <f t="shared" si="71"/>
        <v/>
      </c>
      <c r="CC119" s="203" t="str">
        <f t="shared" si="72"/>
        <v/>
      </c>
      <c r="CD119" s="200"/>
      <c r="CE119" s="200" t="s">
        <v>340</v>
      </c>
      <c r="CF119" s="200" t="s">
        <v>336</v>
      </c>
    </row>
    <row r="120" spans="1:84" s="211" customFormat="1" ht="56.1" hidden="1" customHeight="1" x14ac:dyDescent="0.2">
      <c r="A120" s="198">
        <v>118</v>
      </c>
      <c r="B120" s="199" t="s">
        <v>53</v>
      </c>
      <c r="C120" s="208" t="s">
        <v>329</v>
      </c>
      <c r="D120" s="200" t="s">
        <v>330</v>
      </c>
      <c r="E120" s="200" t="s">
        <v>369</v>
      </c>
      <c r="F120" s="209" t="s">
        <v>370</v>
      </c>
      <c r="G120" s="200" t="s">
        <v>58</v>
      </c>
      <c r="H120" s="200" t="s">
        <v>347</v>
      </c>
      <c r="I120" s="200"/>
      <c r="J120" s="200" t="s">
        <v>334</v>
      </c>
      <c r="K120" s="200" t="s">
        <v>225</v>
      </c>
      <c r="L120" s="200" t="s">
        <v>63</v>
      </c>
      <c r="M120" s="200" t="s">
        <v>63</v>
      </c>
      <c r="N120" s="201">
        <v>1030852</v>
      </c>
      <c r="O120" s="201">
        <f t="shared" si="74"/>
        <v>1030852</v>
      </c>
      <c r="P120" s="200" t="s">
        <v>226</v>
      </c>
      <c r="Q120" s="200" t="s">
        <v>82</v>
      </c>
      <c r="R120" s="210"/>
      <c r="S120" s="210"/>
      <c r="T120" s="210"/>
      <c r="U120" s="210"/>
      <c r="V120" s="210"/>
      <c r="W120" s="210"/>
      <c r="X120" s="210"/>
      <c r="Y120" s="210"/>
      <c r="Z120" s="210"/>
      <c r="AA120" s="210"/>
      <c r="AB120" s="210"/>
      <c r="AC120" s="210"/>
      <c r="AD120" s="210"/>
      <c r="AE120" s="210"/>
      <c r="AF120" s="210"/>
      <c r="AG120" s="210"/>
      <c r="AH120" s="203" t="s">
        <v>66</v>
      </c>
      <c r="AI120" s="210"/>
      <c r="AJ120" s="210"/>
      <c r="AK120" s="210"/>
      <c r="AL120" s="210"/>
      <c r="AM120" s="210"/>
      <c r="AN120" s="210"/>
      <c r="AO120" s="210"/>
      <c r="AP120" s="210"/>
      <c r="AQ120" s="210"/>
      <c r="AR120" s="210"/>
      <c r="AS120" s="210"/>
      <c r="AT120" s="210"/>
      <c r="AU120" s="210"/>
      <c r="AV120" s="210"/>
      <c r="AW120" s="204">
        <f t="shared" si="75"/>
        <v>2385</v>
      </c>
      <c r="AX120" s="205">
        <f t="shared" si="73"/>
        <v>432.22306079664571</v>
      </c>
      <c r="AY120" s="203" t="str">
        <f t="shared" si="42"/>
        <v/>
      </c>
      <c r="AZ120" s="203" t="str">
        <f t="shared" si="43"/>
        <v/>
      </c>
      <c r="BA120" s="203" t="str">
        <f t="shared" si="44"/>
        <v/>
      </c>
      <c r="BB120" s="203" t="str">
        <f t="shared" si="45"/>
        <v/>
      </c>
      <c r="BC120" s="203" t="str">
        <f t="shared" si="46"/>
        <v/>
      </c>
      <c r="BD120" s="203" t="str">
        <f t="shared" si="47"/>
        <v/>
      </c>
      <c r="BE120" s="203" t="str">
        <f t="shared" si="48"/>
        <v/>
      </c>
      <c r="BF120" s="203" t="str">
        <f t="shared" si="49"/>
        <v/>
      </c>
      <c r="BG120" s="203" t="str">
        <f t="shared" si="50"/>
        <v/>
      </c>
      <c r="BH120" s="203" t="str">
        <f t="shared" si="51"/>
        <v/>
      </c>
      <c r="BI120" s="203" t="str">
        <f t="shared" si="52"/>
        <v/>
      </c>
      <c r="BJ120" s="203" t="str">
        <f t="shared" si="53"/>
        <v/>
      </c>
      <c r="BK120" s="203" t="str">
        <f t="shared" si="54"/>
        <v/>
      </c>
      <c r="BL120" s="203" t="str">
        <f t="shared" si="55"/>
        <v/>
      </c>
      <c r="BM120" s="203" t="str">
        <f t="shared" si="56"/>
        <v/>
      </c>
      <c r="BN120" s="203" t="str">
        <f t="shared" si="57"/>
        <v/>
      </c>
      <c r="BO120" s="203">
        <f t="shared" si="58"/>
        <v>1030852</v>
      </c>
      <c r="BP120" s="203" t="str">
        <f t="shared" si="59"/>
        <v/>
      </c>
      <c r="BQ120" s="203" t="str">
        <f t="shared" si="60"/>
        <v/>
      </c>
      <c r="BR120" s="203" t="str">
        <f t="shared" si="61"/>
        <v/>
      </c>
      <c r="BS120" s="203" t="str">
        <f t="shared" si="62"/>
        <v/>
      </c>
      <c r="BT120" s="203" t="str">
        <f t="shared" si="63"/>
        <v/>
      </c>
      <c r="BU120" s="203" t="str">
        <f t="shared" si="64"/>
        <v/>
      </c>
      <c r="BV120" s="203" t="str">
        <f t="shared" si="65"/>
        <v/>
      </c>
      <c r="BW120" s="203" t="str">
        <f t="shared" si="66"/>
        <v/>
      </c>
      <c r="BX120" s="203" t="str">
        <f t="shared" si="67"/>
        <v/>
      </c>
      <c r="BY120" s="203" t="str">
        <f t="shared" si="68"/>
        <v/>
      </c>
      <c r="BZ120" s="203" t="str">
        <f t="shared" si="69"/>
        <v/>
      </c>
      <c r="CA120" s="203" t="str">
        <f t="shared" si="70"/>
        <v/>
      </c>
      <c r="CB120" s="203" t="str">
        <f t="shared" si="71"/>
        <v/>
      </c>
      <c r="CC120" s="203" t="str">
        <f t="shared" si="72"/>
        <v/>
      </c>
      <c r="CD120" s="200"/>
      <c r="CE120" s="200" t="s">
        <v>340</v>
      </c>
      <c r="CF120" s="200" t="s">
        <v>336</v>
      </c>
    </row>
    <row r="121" spans="1:84" s="168" customFormat="1" ht="56.1" hidden="1" customHeight="1" x14ac:dyDescent="0.2">
      <c r="A121" s="154">
        <v>119</v>
      </c>
      <c r="B121" s="155" t="s">
        <v>53</v>
      </c>
      <c r="C121" s="165" t="s">
        <v>329</v>
      </c>
      <c r="D121" s="156" t="s">
        <v>330</v>
      </c>
      <c r="E121" s="156" t="s">
        <v>371</v>
      </c>
      <c r="F121" s="166" t="s">
        <v>372</v>
      </c>
      <c r="G121" s="156" t="s">
        <v>58</v>
      </c>
      <c r="H121" s="156" t="s">
        <v>173</v>
      </c>
      <c r="I121" s="156" t="s">
        <v>60</v>
      </c>
      <c r="J121" s="156" t="s">
        <v>334</v>
      </c>
      <c r="K121" s="156" t="s">
        <v>62</v>
      </c>
      <c r="L121" s="156" t="s">
        <v>63</v>
      </c>
      <c r="M121" s="156" t="s">
        <v>63</v>
      </c>
      <c r="N121" s="157">
        <v>648343</v>
      </c>
      <c r="O121" s="157">
        <f t="shared" si="74"/>
        <v>648343</v>
      </c>
      <c r="P121" s="156" t="s">
        <v>226</v>
      </c>
      <c r="Q121" s="156" t="s">
        <v>82</v>
      </c>
      <c r="R121" s="161" t="s">
        <v>66</v>
      </c>
      <c r="S121" s="167"/>
      <c r="T121" s="167"/>
      <c r="U121" s="167"/>
      <c r="V121" s="167"/>
      <c r="W121" s="167"/>
      <c r="X121" s="167"/>
      <c r="Y121" s="167"/>
      <c r="Z121" s="167"/>
      <c r="AA121" s="167"/>
      <c r="AB121" s="167"/>
      <c r="AC121" s="167"/>
      <c r="AD121" s="167"/>
      <c r="AE121" s="167"/>
      <c r="AF121" s="167"/>
      <c r="AG121" s="167"/>
      <c r="AH121" s="167"/>
      <c r="AI121" s="167"/>
      <c r="AJ121" s="167"/>
      <c r="AK121" s="167"/>
      <c r="AL121" s="167"/>
      <c r="AM121" s="167"/>
      <c r="AN121" s="167"/>
      <c r="AO121" s="167"/>
      <c r="AP121" s="167"/>
      <c r="AQ121" s="167"/>
      <c r="AR121" s="167"/>
      <c r="AS121" s="167"/>
      <c r="AT121" s="167"/>
      <c r="AU121" s="167"/>
      <c r="AV121" s="167"/>
      <c r="AW121" s="160">
        <f t="shared" si="75"/>
        <v>1500</v>
      </c>
      <c r="AX121" s="158">
        <f t="shared" si="73"/>
        <v>432.22866666666664</v>
      </c>
      <c r="AY121" s="161">
        <f t="shared" si="42"/>
        <v>648343</v>
      </c>
      <c r="AZ121" s="161" t="str">
        <f t="shared" si="43"/>
        <v/>
      </c>
      <c r="BA121" s="161" t="str">
        <f t="shared" si="44"/>
        <v/>
      </c>
      <c r="BB121" s="161" t="str">
        <f t="shared" si="45"/>
        <v/>
      </c>
      <c r="BC121" s="161" t="str">
        <f t="shared" si="46"/>
        <v/>
      </c>
      <c r="BD121" s="161" t="str">
        <f t="shared" si="47"/>
        <v/>
      </c>
      <c r="BE121" s="161" t="str">
        <f t="shared" si="48"/>
        <v/>
      </c>
      <c r="BF121" s="161" t="str">
        <f t="shared" si="49"/>
        <v/>
      </c>
      <c r="BG121" s="161" t="str">
        <f t="shared" si="50"/>
        <v/>
      </c>
      <c r="BH121" s="161" t="str">
        <f t="shared" si="51"/>
        <v/>
      </c>
      <c r="BI121" s="161" t="str">
        <f t="shared" si="52"/>
        <v/>
      </c>
      <c r="BJ121" s="161" t="str">
        <f t="shared" si="53"/>
        <v/>
      </c>
      <c r="BK121" s="161" t="str">
        <f t="shared" si="54"/>
        <v/>
      </c>
      <c r="BL121" s="161" t="str">
        <f t="shared" si="55"/>
        <v/>
      </c>
      <c r="BM121" s="161" t="str">
        <f t="shared" si="56"/>
        <v/>
      </c>
      <c r="BN121" s="161" t="str">
        <f t="shared" si="57"/>
        <v/>
      </c>
      <c r="BO121" s="161" t="str">
        <f t="shared" si="58"/>
        <v/>
      </c>
      <c r="BP121" s="161" t="str">
        <f t="shared" si="59"/>
        <v/>
      </c>
      <c r="BQ121" s="161" t="str">
        <f t="shared" si="60"/>
        <v/>
      </c>
      <c r="BR121" s="161" t="str">
        <f t="shared" si="61"/>
        <v/>
      </c>
      <c r="BS121" s="161" t="str">
        <f t="shared" si="62"/>
        <v/>
      </c>
      <c r="BT121" s="161" t="str">
        <f t="shared" si="63"/>
        <v/>
      </c>
      <c r="BU121" s="161" t="str">
        <f t="shared" si="64"/>
        <v/>
      </c>
      <c r="BV121" s="161" t="str">
        <f t="shared" si="65"/>
        <v/>
      </c>
      <c r="BW121" s="161" t="str">
        <f t="shared" si="66"/>
        <v/>
      </c>
      <c r="BX121" s="161" t="str">
        <f t="shared" si="67"/>
        <v/>
      </c>
      <c r="BY121" s="161" t="str">
        <f t="shared" si="68"/>
        <v/>
      </c>
      <c r="BZ121" s="161" t="str">
        <f t="shared" si="69"/>
        <v/>
      </c>
      <c r="CA121" s="161" t="str">
        <f t="shared" si="70"/>
        <v/>
      </c>
      <c r="CB121" s="161" t="str">
        <f t="shared" si="71"/>
        <v/>
      </c>
      <c r="CC121" s="161" t="str">
        <f t="shared" si="72"/>
        <v/>
      </c>
      <c r="CD121" s="156"/>
      <c r="CE121" s="156" t="s">
        <v>340</v>
      </c>
      <c r="CF121" s="156" t="s">
        <v>336</v>
      </c>
    </row>
    <row r="122" spans="1:84" s="220" customFormat="1" ht="56.1" hidden="1" customHeight="1" x14ac:dyDescent="0.2">
      <c r="A122" s="181">
        <v>120</v>
      </c>
      <c r="B122" s="182" t="s">
        <v>53</v>
      </c>
      <c r="C122" s="183" t="s">
        <v>329</v>
      </c>
      <c r="D122" s="214" t="s">
        <v>330</v>
      </c>
      <c r="E122" s="214" t="s">
        <v>369</v>
      </c>
      <c r="F122" s="218" t="s">
        <v>373</v>
      </c>
      <c r="G122" s="214" t="s">
        <v>58</v>
      </c>
      <c r="H122" s="214" t="s">
        <v>319</v>
      </c>
      <c r="I122" s="214" t="s">
        <v>81</v>
      </c>
      <c r="J122" s="214" t="s">
        <v>334</v>
      </c>
      <c r="K122" s="214" t="s">
        <v>181</v>
      </c>
      <c r="L122" s="214" t="s">
        <v>63</v>
      </c>
      <c r="M122" s="214" t="s">
        <v>63</v>
      </c>
      <c r="N122" s="215">
        <v>194517</v>
      </c>
      <c r="O122" s="215">
        <f t="shared" si="74"/>
        <v>194517</v>
      </c>
      <c r="P122" s="214" t="s">
        <v>226</v>
      </c>
      <c r="Q122" s="214" t="s">
        <v>82</v>
      </c>
      <c r="R122" s="219"/>
      <c r="S122" s="219"/>
      <c r="T122" s="192" t="s">
        <v>66</v>
      </c>
      <c r="U122" s="219"/>
      <c r="V122" s="219"/>
      <c r="W122" s="219"/>
      <c r="X122" s="219"/>
      <c r="Y122" s="219"/>
      <c r="Z122" s="219"/>
      <c r="AA122" s="219"/>
      <c r="AB122" s="219"/>
      <c r="AC122" s="219"/>
      <c r="AD122" s="219"/>
      <c r="AE122" s="219"/>
      <c r="AF122" s="219"/>
      <c r="AG122" s="219"/>
      <c r="AH122" s="219"/>
      <c r="AI122" s="219"/>
      <c r="AJ122" s="219"/>
      <c r="AK122" s="219"/>
      <c r="AL122" s="219"/>
      <c r="AM122" s="219"/>
      <c r="AN122" s="219"/>
      <c r="AO122" s="219"/>
      <c r="AP122" s="219"/>
      <c r="AQ122" s="219"/>
      <c r="AR122" s="219"/>
      <c r="AS122" s="219"/>
      <c r="AT122" s="219"/>
      <c r="AU122" s="219"/>
      <c r="AV122" s="219"/>
      <c r="AW122" s="191">
        <f t="shared" si="75"/>
        <v>450</v>
      </c>
      <c r="AX122" s="187">
        <f t="shared" si="73"/>
        <v>432.26</v>
      </c>
      <c r="AY122" s="192" t="str">
        <f t="shared" si="42"/>
        <v/>
      </c>
      <c r="AZ122" s="192" t="str">
        <f t="shared" si="43"/>
        <v/>
      </c>
      <c r="BA122" s="192">
        <f t="shared" si="44"/>
        <v>194517</v>
      </c>
      <c r="BB122" s="192" t="str">
        <f t="shared" si="45"/>
        <v/>
      </c>
      <c r="BC122" s="192" t="str">
        <f t="shared" si="46"/>
        <v/>
      </c>
      <c r="BD122" s="192" t="str">
        <f t="shared" si="47"/>
        <v/>
      </c>
      <c r="BE122" s="192" t="str">
        <f t="shared" si="48"/>
        <v/>
      </c>
      <c r="BF122" s="192" t="str">
        <f t="shared" si="49"/>
        <v/>
      </c>
      <c r="BG122" s="192" t="str">
        <f t="shared" si="50"/>
        <v/>
      </c>
      <c r="BH122" s="192" t="str">
        <f t="shared" si="51"/>
        <v/>
      </c>
      <c r="BI122" s="192" t="str">
        <f t="shared" si="52"/>
        <v/>
      </c>
      <c r="BJ122" s="192" t="str">
        <f t="shared" si="53"/>
        <v/>
      </c>
      <c r="BK122" s="192" t="str">
        <f t="shared" si="54"/>
        <v/>
      </c>
      <c r="BL122" s="192" t="str">
        <f t="shared" si="55"/>
        <v/>
      </c>
      <c r="BM122" s="192" t="str">
        <f t="shared" si="56"/>
        <v/>
      </c>
      <c r="BN122" s="192" t="str">
        <f t="shared" si="57"/>
        <v/>
      </c>
      <c r="BO122" s="192" t="str">
        <f t="shared" si="58"/>
        <v/>
      </c>
      <c r="BP122" s="192" t="str">
        <f t="shared" si="59"/>
        <v/>
      </c>
      <c r="BQ122" s="192" t="str">
        <f t="shared" si="60"/>
        <v/>
      </c>
      <c r="BR122" s="192" t="str">
        <f t="shared" si="61"/>
        <v/>
      </c>
      <c r="BS122" s="192" t="str">
        <f t="shared" si="62"/>
        <v/>
      </c>
      <c r="BT122" s="192" t="str">
        <f t="shared" si="63"/>
        <v/>
      </c>
      <c r="BU122" s="192" t="str">
        <f t="shared" si="64"/>
        <v/>
      </c>
      <c r="BV122" s="192" t="str">
        <f t="shared" si="65"/>
        <v/>
      </c>
      <c r="BW122" s="192" t="str">
        <f t="shared" si="66"/>
        <v/>
      </c>
      <c r="BX122" s="192" t="str">
        <f t="shared" si="67"/>
        <v/>
      </c>
      <c r="BY122" s="192" t="str">
        <f t="shared" si="68"/>
        <v/>
      </c>
      <c r="BZ122" s="192" t="str">
        <f t="shared" si="69"/>
        <v/>
      </c>
      <c r="CA122" s="192" t="str">
        <f t="shared" si="70"/>
        <v/>
      </c>
      <c r="CB122" s="192" t="str">
        <f t="shared" si="71"/>
        <v/>
      </c>
      <c r="CC122" s="192" t="str">
        <f t="shared" si="72"/>
        <v/>
      </c>
      <c r="CD122" s="214"/>
      <c r="CE122" s="214" t="s">
        <v>340</v>
      </c>
      <c r="CF122" s="214" t="s">
        <v>336</v>
      </c>
    </row>
    <row r="123" spans="1:84" s="168" customFormat="1" ht="56.1" hidden="1" customHeight="1" x14ac:dyDescent="0.2">
      <c r="A123" s="154">
        <v>121</v>
      </c>
      <c r="B123" s="155" t="s">
        <v>53</v>
      </c>
      <c r="C123" s="165" t="s">
        <v>329</v>
      </c>
      <c r="D123" s="156" t="s">
        <v>330</v>
      </c>
      <c r="E123" s="156" t="s">
        <v>369</v>
      </c>
      <c r="F123" s="166" t="s">
        <v>374</v>
      </c>
      <c r="G123" s="156" t="s">
        <v>58</v>
      </c>
      <c r="H123" s="156" t="s">
        <v>20</v>
      </c>
      <c r="I123" s="156" t="s">
        <v>81</v>
      </c>
      <c r="J123" s="156" t="s">
        <v>334</v>
      </c>
      <c r="K123" s="156" t="s">
        <v>375</v>
      </c>
      <c r="L123" s="156" t="s">
        <v>63</v>
      </c>
      <c r="M123" s="156" t="s">
        <v>63</v>
      </c>
      <c r="N123" s="157">
        <v>151297</v>
      </c>
      <c r="O123" s="157">
        <f t="shared" si="74"/>
        <v>151297</v>
      </c>
      <c r="P123" s="156" t="s">
        <v>226</v>
      </c>
      <c r="Q123" s="156" t="s">
        <v>82</v>
      </c>
      <c r="R123" s="167"/>
      <c r="S123" s="167"/>
      <c r="T123" s="167"/>
      <c r="U123" s="161" t="s">
        <v>66</v>
      </c>
      <c r="V123" s="167"/>
      <c r="W123" s="167"/>
      <c r="X123" s="167"/>
      <c r="Y123" s="167"/>
      <c r="Z123" s="167"/>
      <c r="AA123" s="167"/>
      <c r="AB123" s="167"/>
      <c r="AC123" s="167"/>
      <c r="AD123" s="167"/>
      <c r="AE123" s="167"/>
      <c r="AF123" s="167"/>
      <c r="AG123" s="167"/>
      <c r="AH123" s="167"/>
      <c r="AI123" s="167"/>
      <c r="AJ123" s="167"/>
      <c r="AK123" s="167"/>
      <c r="AL123" s="167"/>
      <c r="AM123" s="167"/>
      <c r="AN123" s="167"/>
      <c r="AO123" s="167"/>
      <c r="AP123" s="167"/>
      <c r="AQ123" s="167"/>
      <c r="AR123" s="167"/>
      <c r="AS123" s="167"/>
      <c r="AT123" s="167"/>
      <c r="AU123" s="167"/>
      <c r="AV123" s="167"/>
      <c r="AW123" s="160">
        <f t="shared" si="75"/>
        <v>350</v>
      </c>
      <c r="AX123" s="158">
        <f t="shared" si="73"/>
        <v>432.27714285714285</v>
      </c>
      <c r="AY123" s="161" t="str">
        <f t="shared" si="42"/>
        <v/>
      </c>
      <c r="AZ123" s="161" t="str">
        <f t="shared" si="43"/>
        <v/>
      </c>
      <c r="BA123" s="161" t="str">
        <f t="shared" si="44"/>
        <v/>
      </c>
      <c r="BB123" s="161">
        <f t="shared" si="45"/>
        <v>151297</v>
      </c>
      <c r="BC123" s="161" t="str">
        <f t="shared" si="46"/>
        <v/>
      </c>
      <c r="BD123" s="161" t="str">
        <f t="shared" si="47"/>
        <v/>
      </c>
      <c r="BE123" s="161" t="str">
        <f t="shared" si="48"/>
        <v/>
      </c>
      <c r="BF123" s="161" t="str">
        <f t="shared" si="49"/>
        <v/>
      </c>
      <c r="BG123" s="161" t="str">
        <f t="shared" si="50"/>
        <v/>
      </c>
      <c r="BH123" s="161" t="str">
        <f t="shared" si="51"/>
        <v/>
      </c>
      <c r="BI123" s="161" t="str">
        <f t="shared" si="52"/>
        <v/>
      </c>
      <c r="BJ123" s="161" t="str">
        <f t="shared" si="53"/>
        <v/>
      </c>
      <c r="BK123" s="161" t="str">
        <f t="shared" si="54"/>
        <v/>
      </c>
      <c r="BL123" s="161" t="str">
        <f t="shared" si="55"/>
        <v/>
      </c>
      <c r="BM123" s="161" t="str">
        <f t="shared" si="56"/>
        <v/>
      </c>
      <c r="BN123" s="161" t="str">
        <f t="shared" si="57"/>
        <v/>
      </c>
      <c r="BO123" s="161" t="str">
        <f t="shared" si="58"/>
        <v/>
      </c>
      <c r="BP123" s="161" t="str">
        <f t="shared" si="59"/>
        <v/>
      </c>
      <c r="BQ123" s="161" t="str">
        <f t="shared" si="60"/>
        <v/>
      </c>
      <c r="BR123" s="161" t="str">
        <f t="shared" si="61"/>
        <v/>
      </c>
      <c r="BS123" s="161" t="str">
        <f t="shared" si="62"/>
        <v/>
      </c>
      <c r="BT123" s="161" t="str">
        <f t="shared" si="63"/>
        <v/>
      </c>
      <c r="BU123" s="161" t="str">
        <f t="shared" si="64"/>
        <v/>
      </c>
      <c r="BV123" s="161" t="str">
        <f t="shared" si="65"/>
        <v/>
      </c>
      <c r="BW123" s="161" t="str">
        <f t="shared" si="66"/>
        <v/>
      </c>
      <c r="BX123" s="161" t="str">
        <f t="shared" si="67"/>
        <v/>
      </c>
      <c r="BY123" s="161" t="str">
        <f t="shared" si="68"/>
        <v/>
      </c>
      <c r="BZ123" s="161" t="str">
        <f t="shared" si="69"/>
        <v/>
      </c>
      <c r="CA123" s="161" t="str">
        <f t="shared" si="70"/>
        <v/>
      </c>
      <c r="CB123" s="161" t="str">
        <f t="shared" si="71"/>
        <v/>
      </c>
      <c r="CC123" s="161" t="str">
        <f t="shared" si="72"/>
        <v/>
      </c>
      <c r="CD123" s="156"/>
      <c r="CE123" s="156" t="s">
        <v>340</v>
      </c>
      <c r="CF123" s="156" t="s">
        <v>336</v>
      </c>
    </row>
    <row r="124" spans="1:84" s="211" customFormat="1" ht="56.1" hidden="1" customHeight="1" x14ac:dyDescent="0.2">
      <c r="A124" s="198">
        <v>122</v>
      </c>
      <c r="B124" s="199" t="s">
        <v>53</v>
      </c>
      <c r="C124" s="208" t="s">
        <v>329</v>
      </c>
      <c r="D124" s="200" t="s">
        <v>330</v>
      </c>
      <c r="E124" s="200" t="s">
        <v>369</v>
      </c>
      <c r="F124" s="209" t="s">
        <v>376</v>
      </c>
      <c r="G124" s="200" t="s">
        <v>58</v>
      </c>
      <c r="H124" s="200" t="s">
        <v>322</v>
      </c>
      <c r="I124" s="200" t="s">
        <v>81</v>
      </c>
      <c r="J124" s="200" t="s">
        <v>334</v>
      </c>
      <c r="K124" s="200" t="s">
        <v>377</v>
      </c>
      <c r="L124" s="200" t="s">
        <v>63</v>
      </c>
      <c r="M124" s="200" t="s">
        <v>63</v>
      </c>
      <c r="N124" s="201">
        <v>86444</v>
      </c>
      <c r="O124" s="201">
        <f t="shared" si="74"/>
        <v>86444</v>
      </c>
      <c r="P124" s="200" t="s">
        <v>226</v>
      </c>
      <c r="Q124" s="200" t="s">
        <v>82</v>
      </c>
      <c r="R124" s="210"/>
      <c r="S124" s="203" t="s">
        <v>66</v>
      </c>
      <c r="T124" s="210"/>
      <c r="U124" s="210"/>
      <c r="V124" s="210"/>
      <c r="W124" s="210"/>
      <c r="X124" s="210"/>
      <c r="Y124" s="210"/>
      <c r="Z124" s="210"/>
      <c r="AA124" s="210"/>
      <c r="AB124" s="210"/>
      <c r="AC124" s="210"/>
      <c r="AD124" s="210"/>
      <c r="AE124" s="210"/>
      <c r="AF124" s="210"/>
      <c r="AG124" s="210"/>
      <c r="AH124" s="210"/>
      <c r="AI124" s="210"/>
      <c r="AJ124" s="210"/>
      <c r="AK124" s="210"/>
      <c r="AL124" s="210"/>
      <c r="AM124" s="210"/>
      <c r="AN124" s="210"/>
      <c r="AO124" s="210"/>
      <c r="AP124" s="210"/>
      <c r="AQ124" s="210"/>
      <c r="AR124" s="210"/>
      <c r="AS124" s="210"/>
      <c r="AT124" s="210"/>
      <c r="AU124" s="210"/>
      <c r="AV124" s="210"/>
      <c r="AW124" s="204">
        <f t="shared" si="75"/>
        <v>200</v>
      </c>
      <c r="AX124" s="205">
        <f t="shared" si="73"/>
        <v>432.22</v>
      </c>
      <c r="AY124" s="203" t="str">
        <f t="shared" si="42"/>
        <v/>
      </c>
      <c r="AZ124" s="203">
        <f t="shared" si="43"/>
        <v>86444</v>
      </c>
      <c r="BA124" s="203" t="str">
        <f t="shared" si="44"/>
        <v/>
      </c>
      <c r="BB124" s="203" t="str">
        <f t="shared" si="45"/>
        <v/>
      </c>
      <c r="BC124" s="203" t="str">
        <f t="shared" si="46"/>
        <v/>
      </c>
      <c r="BD124" s="203" t="str">
        <f t="shared" si="47"/>
        <v/>
      </c>
      <c r="BE124" s="203" t="str">
        <f t="shared" si="48"/>
        <v/>
      </c>
      <c r="BF124" s="203" t="str">
        <f t="shared" si="49"/>
        <v/>
      </c>
      <c r="BG124" s="203" t="str">
        <f t="shared" si="50"/>
        <v/>
      </c>
      <c r="BH124" s="203" t="str">
        <f t="shared" si="51"/>
        <v/>
      </c>
      <c r="BI124" s="203" t="str">
        <f t="shared" si="52"/>
        <v/>
      </c>
      <c r="BJ124" s="203" t="str">
        <f t="shared" si="53"/>
        <v/>
      </c>
      <c r="BK124" s="203" t="str">
        <f t="shared" si="54"/>
        <v/>
      </c>
      <c r="BL124" s="203" t="str">
        <f t="shared" si="55"/>
        <v/>
      </c>
      <c r="BM124" s="203" t="str">
        <f t="shared" si="56"/>
        <v/>
      </c>
      <c r="BN124" s="203" t="str">
        <f t="shared" si="57"/>
        <v/>
      </c>
      <c r="BO124" s="203" t="str">
        <f t="shared" si="58"/>
        <v/>
      </c>
      <c r="BP124" s="203" t="str">
        <f t="shared" si="59"/>
        <v/>
      </c>
      <c r="BQ124" s="203" t="str">
        <f t="shared" si="60"/>
        <v/>
      </c>
      <c r="BR124" s="203" t="str">
        <f t="shared" si="61"/>
        <v/>
      </c>
      <c r="BS124" s="203" t="str">
        <f t="shared" si="62"/>
        <v/>
      </c>
      <c r="BT124" s="203" t="str">
        <f t="shared" si="63"/>
        <v/>
      </c>
      <c r="BU124" s="203" t="str">
        <f t="shared" si="64"/>
        <v/>
      </c>
      <c r="BV124" s="203" t="str">
        <f t="shared" si="65"/>
        <v/>
      </c>
      <c r="BW124" s="203" t="str">
        <f t="shared" si="66"/>
        <v/>
      </c>
      <c r="BX124" s="203" t="str">
        <f t="shared" si="67"/>
        <v/>
      </c>
      <c r="BY124" s="203" t="str">
        <f t="shared" si="68"/>
        <v/>
      </c>
      <c r="BZ124" s="203" t="str">
        <f t="shared" si="69"/>
        <v/>
      </c>
      <c r="CA124" s="203" t="str">
        <f t="shared" si="70"/>
        <v/>
      </c>
      <c r="CB124" s="203" t="str">
        <f t="shared" si="71"/>
        <v/>
      </c>
      <c r="CC124" s="203" t="str">
        <f t="shared" si="72"/>
        <v/>
      </c>
      <c r="CD124" s="200"/>
      <c r="CE124" s="200" t="s">
        <v>340</v>
      </c>
      <c r="CF124" s="200" t="s">
        <v>336</v>
      </c>
    </row>
    <row r="125" spans="1:84" s="168" customFormat="1" ht="56.1" hidden="1" customHeight="1" x14ac:dyDescent="0.2">
      <c r="A125" s="154">
        <v>123</v>
      </c>
      <c r="B125" s="155" t="s">
        <v>53</v>
      </c>
      <c r="C125" s="165" t="s">
        <v>329</v>
      </c>
      <c r="D125" s="156" t="s">
        <v>330</v>
      </c>
      <c r="E125" s="156" t="s">
        <v>369</v>
      </c>
      <c r="F125" s="166" t="s">
        <v>378</v>
      </c>
      <c r="G125" s="156" t="s">
        <v>58</v>
      </c>
      <c r="H125" s="156" t="s">
        <v>21</v>
      </c>
      <c r="I125" s="156" t="s">
        <v>81</v>
      </c>
      <c r="J125" s="156" t="s">
        <v>334</v>
      </c>
      <c r="K125" s="156" t="s">
        <v>204</v>
      </c>
      <c r="L125" s="156" t="s">
        <v>63</v>
      </c>
      <c r="M125" s="156" t="s">
        <v>63</v>
      </c>
      <c r="N125" s="157">
        <v>129681</v>
      </c>
      <c r="O125" s="157">
        <f t="shared" si="74"/>
        <v>129681</v>
      </c>
      <c r="P125" s="156" t="s">
        <v>226</v>
      </c>
      <c r="Q125" s="156" t="s">
        <v>82</v>
      </c>
      <c r="R125" s="167"/>
      <c r="S125" s="167"/>
      <c r="T125" s="167"/>
      <c r="U125" s="167"/>
      <c r="V125" s="161" t="s">
        <v>66</v>
      </c>
      <c r="W125" s="167"/>
      <c r="X125" s="167"/>
      <c r="Y125" s="167"/>
      <c r="Z125" s="167"/>
      <c r="AA125" s="167"/>
      <c r="AB125" s="167"/>
      <c r="AC125" s="167"/>
      <c r="AD125" s="167"/>
      <c r="AE125" s="167"/>
      <c r="AF125" s="167"/>
      <c r="AG125" s="167"/>
      <c r="AH125" s="167"/>
      <c r="AI125" s="167"/>
      <c r="AJ125" s="167"/>
      <c r="AK125" s="167"/>
      <c r="AL125" s="167"/>
      <c r="AM125" s="167"/>
      <c r="AN125" s="167"/>
      <c r="AO125" s="167"/>
      <c r="AP125" s="167"/>
      <c r="AQ125" s="167"/>
      <c r="AR125" s="167"/>
      <c r="AS125" s="167"/>
      <c r="AT125" s="167"/>
      <c r="AU125" s="167"/>
      <c r="AV125" s="167"/>
      <c r="AW125" s="160">
        <f t="shared" si="75"/>
        <v>300</v>
      </c>
      <c r="AX125" s="158">
        <f t="shared" si="73"/>
        <v>432.27</v>
      </c>
      <c r="AY125" s="161" t="str">
        <f t="shared" si="42"/>
        <v/>
      </c>
      <c r="AZ125" s="161" t="str">
        <f t="shared" si="43"/>
        <v/>
      </c>
      <c r="BA125" s="161" t="str">
        <f t="shared" si="44"/>
        <v/>
      </c>
      <c r="BB125" s="161" t="str">
        <f t="shared" si="45"/>
        <v/>
      </c>
      <c r="BC125" s="161">
        <f t="shared" si="46"/>
        <v>129681</v>
      </c>
      <c r="BD125" s="161" t="str">
        <f t="shared" si="47"/>
        <v/>
      </c>
      <c r="BE125" s="161" t="str">
        <f t="shared" si="48"/>
        <v/>
      </c>
      <c r="BF125" s="161" t="str">
        <f t="shared" si="49"/>
        <v/>
      </c>
      <c r="BG125" s="161" t="str">
        <f t="shared" si="50"/>
        <v/>
      </c>
      <c r="BH125" s="161" t="str">
        <f t="shared" si="51"/>
        <v/>
      </c>
      <c r="BI125" s="161" t="str">
        <f t="shared" si="52"/>
        <v/>
      </c>
      <c r="BJ125" s="161" t="str">
        <f t="shared" si="53"/>
        <v/>
      </c>
      <c r="BK125" s="161" t="str">
        <f t="shared" si="54"/>
        <v/>
      </c>
      <c r="BL125" s="161" t="str">
        <f t="shared" si="55"/>
        <v/>
      </c>
      <c r="BM125" s="161" t="str">
        <f t="shared" si="56"/>
        <v/>
      </c>
      <c r="BN125" s="161" t="str">
        <f t="shared" si="57"/>
        <v/>
      </c>
      <c r="BO125" s="161" t="str">
        <f t="shared" si="58"/>
        <v/>
      </c>
      <c r="BP125" s="161" t="str">
        <f t="shared" si="59"/>
        <v/>
      </c>
      <c r="BQ125" s="161" t="str">
        <f t="shared" si="60"/>
        <v/>
      </c>
      <c r="BR125" s="161" t="str">
        <f t="shared" si="61"/>
        <v/>
      </c>
      <c r="BS125" s="161" t="str">
        <f t="shared" si="62"/>
        <v/>
      </c>
      <c r="BT125" s="161" t="str">
        <f t="shared" si="63"/>
        <v/>
      </c>
      <c r="BU125" s="161" t="str">
        <f t="shared" si="64"/>
        <v/>
      </c>
      <c r="BV125" s="161" t="str">
        <f t="shared" si="65"/>
        <v/>
      </c>
      <c r="BW125" s="161" t="str">
        <f t="shared" si="66"/>
        <v/>
      </c>
      <c r="BX125" s="161" t="str">
        <f t="shared" si="67"/>
        <v/>
      </c>
      <c r="BY125" s="161" t="str">
        <f t="shared" si="68"/>
        <v/>
      </c>
      <c r="BZ125" s="161" t="str">
        <f t="shared" si="69"/>
        <v/>
      </c>
      <c r="CA125" s="161" t="str">
        <f t="shared" si="70"/>
        <v/>
      </c>
      <c r="CB125" s="161" t="str">
        <f t="shared" si="71"/>
        <v/>
      </c>
      <c r="CC125" s="161" t="str">
        <f t="shared" si="72"/>
        <v/>
      </c>
      <c r="CD125" s="156"/>
      <c r="CE125" s="156" t="s">
        <v>340</v>
      </c>
      <c r="CF125" s="156" t="s">
        <v>336</v>
      </c>
    </row>
    <row r="126" spans="1:84" s="168" customFormat="1" ht="56.1" hidden="1" customHeight="1" x14ac:dyDescent="0.2">
      <c r="A126" s="154">
        <v>124</v>
      </c>
      <c r="B126" s="155" t="s">
        <v>53</v>
      </c>
      <c r="C126" s="165" t="s">
        <v>329</v>
      </c>
      <c r="D126" s="156" t="s">
        <v>330</v>
      </c>
      <c r="E126" s="156" t="s">
        <v>369</v>
      </c>
      <c r="F126" s="166" t="s">
        <v>379</v>
      </c>
      <c r="G126" s="156" t="s">
        <v>58</v>
      </c>
      <c r="H126" s="156" t="s">
        <v>323</v>
      </c>
      <c r="I126" s="156" t="s">
        <v>81</v>
      </c>
      <c r="J126" s="156" t="s">
        <v>334</v>
      </c>
      <c r="K126" s="156" t="s">
        <v>380</v>
      </c>
      <c r="L126" s="156" t="s">
        <v>63</v>
      </c>
      <c r="M126" s="156" t="s">
        <v>63</v>
      </c>
      <c r="N126" s="157">
        <v>43229</v>
      </c>
      <c r="O126" s="157">
        <f t="shared" si="74"/>
        <v>43229</v>
      </c>
      <c r="P126" s="156" t="s">
        <v>226</v>
      </c>
      <c r="Q126" s="156" t="s">
        <v>82</v>
      </c>
      <c r="R126" s="167"/>
      <c r="S126" s="167"/>
      <c r="T126" s="167"/>
      <c r="U126" s="167"/>
      <c r="V126" s="167"/>
      <c r="W126" s="167"/>
      <c r="X126" s="161" t="s">
        <v>66</v>
      </c>
      <c r="Y126" s="167"/>
      <c r="Z126" s="167"/>
      <c r="AA126" s="167"/>
      <c r="AB126" s="167"/>
      <c r="AC126" s="167"/>
      <c r="AD126" s="167"/>
      <c r="AE126" s="167"/>
      <c r="AF126" s="167"/>
      <c r="AG126" s="167"/>
      <c r="AH126" s="167"/>
      <c r="AI126" s="167"/>
      <c r="AJ126" s="167"/>
      <c r="AK126" s="167"/>
      <c r="AL126" s="167"/>
      <c r="AM126" s="167"/>
      <c r="AN126" s="167"/>
      <c r="AO126" s="167"/>
      <c r="AP126" s="167"/>
      <c r="AQ126" s="167"/>
      <c r="AR126" s="167"/>
      <c r="AS126" s="167"/>
      <c r="AT126" s="167"/>
      <c r="AU126" s="167"/>
      <c r="AV126" s="167"/>
      <c r="AW126" s="160">
        <f t="shared" si="75"/>
        <v>100</v>
      </c>
      <c r="AX126" s="158">
        <f t="shared" si="73"/>
        <v>432.29</v>
      </c>
      <c r="AY126" s="161" t="str">
        <f t="shared" si="42"/>
        <v/>
      </c>
      <c r="AZ126" s="161" t="str">
        <f t="shared" si="43"/>
        <v/>
      </c>
      <c r="BA126" s="161" t="str">
        <f t="shared" si="44"/>
        <v/>
      </c>
      <c r="BB126" s="161" t="str">
        <f t="shared" si="45"/>
        <v/>
      </c>
      <c r="BC126" s="161" t="str">
        <f t="shared" si="46"/>
        <v/>
      </c>
      <c r="BD126" s="161" t="str">
        <f t="shared" si="47"/>
        <v/>
      </c>
      <c r="BE126" s="161">
        <f t="shared" si="48"/>
        <v>43229</v>
      </c>
      <c r="BF126" s="161" t="str">
        <f t="shared" si="49"/>
        <v/>
      </c>
      <c r="BG126" s="161" t="str">
        <f t="shared" si="50"/>
        <v/>
      </c>
      <c r="BH126" s="161" t="str">
        <f t="shared" si="51"/>
        <v/>
      </c>
      <c r="BI126" s="161" t="str">
        <f t="shared" si="52"/>
        <v/>
      </c>
      <c r="BJ126" s="161" t="str">
        <f t="shared" si="53"/>
        <v/>
      </c>
      <c r="BK126" s="161" t="str">
        <f t="shared" si="54"/>
        <v/>
      </c>
      <c r="BL126" s="161" t="str">
        <f t="shared" si="55"/>
        <v/>
      </c>
      <c r="BM126" s="161" t="str">
        <f t="shared" si="56"/>
        <v/>
      </c>
      <c r="BN126" s="161" t="str">
        <f t="shared" si="57"/>
        <v/>
      </c>
      <c r="BO126" s="161" t="str">
        <f t="shared" si="58"/>
        <v/>
      </c>
      <c r="BP126" s="161" t="str">
        <f t="shared" si="59"/>
        <v/>
      </c>
      <c r="BQ126" s="161" t="str">
        <f t="shared" si="60"/>
        <v/>
      </c>
      <c r="BR126" s="161" t="str">
        <f t="shared" si="61"/>
        <v/>
      </c>
      <c r="BS126" s="161" t="str">
        <f t="shared" si="62"/>
        <v/>
      </c>
      <c r="BT126" s="161" t="str">
        <f t="shared" si="63"/>
        <v/>
      </c>
      <c r="BU126" s="161" t="str">
        <f t="shared" si="64"/>
        <v/>
      </c>
      <c r="BV126" s="161" t="str">
        <f t="shared" si="65"/>
        <v/>
      </c>
      <c r="BW126" s="161" t="str">
        <f t="shared" si="66"/>
        <v/>
      </c>
      <c r="BX126" s="161" t="str">
        <f t="shared" si="67"/>
        <v/>
      </c>
      <c r="BY126" s="161" t="str">
        <f t="shared" si="68"/>
        <v/>
      </c>
      <c r="BZ126" s="161" t="str">
        <f t="shared" si="69"/>
        <v/>
      </c>
      <c r="CA126" s="161" t="str">
        <f t="shared" si="70"/>
        <v/>
      </c>
      <c r="CB126" s="161" t="str">
        <f t="shared" si="71"/>
        <v/>
      </c>
      <c r="CC126" s="161" t="str">
        <f t="shared" si="72"/>
        <v/>
      </c>
      <c r="CD126" s="156"/>
      <c r="CE126" s="156" t="s">
        <v>340</v>
      </c>
      <c r="CF126" s="156" t="s">
        <v>336</v>
      </c>
    </row>
    <row r="127" spans="1:84" s="168" customFormat="1" ht="56.1" hidden="1" customHeight="1" x14ac:dyDescent="0.2">
      <c r="A127" s="154">
        <v>125</v>
      </c>
      <c r="B127" s="155" t="s">
        <v>53</v>
      </c>
      <c r="C127" s="165" t="s">
        <v>329</v>
      </c>
      <c r="D127" s="156" t="s">
        <v>330</v>
      </c>
      <c r="E127" s="156" t="s">
        <v>369</v>
      </c>
      <c r="F127" s="166" t="s">
        <v>381</v>
      </c>
      <c r="G127" s="156" t="s">
        <v>58</v>
      </c>
      <c r="H127" s="156" t="s">
        <v>324</v>
      </c>
      <c r="I127" s="156" t="s">
        <v>81</v>
      </c>
      <c r="J127" s="156" t="s">
        <v>334</v>
      </c>
      <c r="K127" s="156" t="s">
        <v>382</v>
      </c>
      <c r="L127" s="156" t="s">
        <v>63</v>
      </c>
      <c r="M127" s="156" t="s">
        <v>63</v>
      </c>
      <c r="N127" s="157">
        <v>168563</v>
      </c>
      <c r="O127" s="157">
        <f t="shared" si="74"/>
        <v>168563</v>
      </c>
      <c r="P127" s="156" t="s">
        <v>226</v>
      </c>
      <c r="Q127" s="156" t="s">
        <v>82</v>
      </c>
      <c r="R127" s="167"/>
      <c r="S127" s="167"/>
      <c r="T127" s="167"/>
      <c r="U127" s="167"/>
      <c r="V127" s="167"/>
      <c r="W127" s="167"/>
      <c r="X127" s="167"/>
      <c r="Y127" s="161" t="s">
        <v>66</v>
      </c>
      <c r="Z127" s="167"/>
      <c r="AA127" s="167"/>
      <c r="AB127" s="167"/>
      <c r="AC127" s="167"/>
      <c r="AD127" s="167"/>
      <c r="AE127" s="167"/>
      <c r="AF127" s="167"/>
      <c r="AG127" s="167"/>
      <c r="AH127" s="167"/>
      <c r="AI127" s="167"/>
      <c r="AJ127" s="167"/>
      <c r="AK127" s="167"/>
      <c r="AL127" s="167"/>
      <c r="AM127" s="167"/>
      <c r="AN127" s="167"/>
      <c r="AO127" s="167"/>
      <c r="AP127" s="167"/>
      <c r="AQ127" s="167"/>
      <c r="AR127" s="167"/>
      <c r="AS127" s="167"/>
      <c r="AT127" s="167"/>
      <c r="AU127" s="167"/>
      <c r="AV127" s="167"/>
      <c r="AW127" s="160">
        <f t="shared" si="75"/>
        <v>390</v>
      </c>
      <c r="AX127" s="158">
        <f t="shared" ref="AX127:AX158" si="76">O127/AW127</f>
        <v>432.21282051282049</v>
      </c>
      <c r="AY127" s="161" t="str">
        <f t="shared" si="42"/>
        <v/>
      </c>
      <c r="AZ127" s="161" t="str">
        <f t="shared" si="43"/>
        <v/>
      </c>
      <c r="BA127" s="161" t="str">
        <f t="shared" si="44"/>
        <v/>
      </c>
      <c r="BB127" s="161" t="str">
        <f t="shared" si="45"/>
        <v/>
      </c>
      <c r="BC127" s="161" t="str">
        <f t="shared" si="46"/>
        <v/>
      </c>
      <c r="BD127" s="161" t="str">
        <f t="shared" si="47"/>
        <v/>
      </c>
      <c r="BE127" s="161" t="str">
        <f t="shared" si="48"/>
        <v/>
      </c>
      <c r="BF127" s="161">
        <f t="shared" si="49"/>
        <v>168563</v>
      </c>
      <c r="BG127" s="161" t="str">
        <f t="shared" si="50"/>
        <v/>
      </c>
      <c r="BH127" s="161" t="str">
        <f t="shared" si="51"/>
        <v/>
      </c>
      <c r="BI127" s="161" t="str">
        <f t="shared" si="52"/>
        <v/>
      </c>
      <c r="BJ127" s="161" t="str">
        <f t="shared" si="53"/>
        <v/>
      </c>
      <c r="BK127" s="161" t="str">
        <f t="shared" si="54"/>
        <v/>
      </c>
      <c r="BL127" s="161" t="str">
        <f t="shared" si="55"/>
        <v/>
      </c>
      <c r="BM127" s="161" t="str">
        <f t="shared" si="56"/>
        <v/>
      </c>
      <c r="BN127" s="161" t="str">
        <f t="shared" si="57"/>
        <v/>
      </c>
      <c r="BO127" s="161" t="str">
        <f t="shared" si="58"/>
        <v/>
      </c>
      <c r="BP127" s="161" t="str">
        <f t="shared" si="59"/>
        <v/>
      </c>
      <c r="BQ127" s="161" t="str">
        <f t="shared" si="60"/>
        <v/>
      </c>
      <c r="BR127" s="161" t="str">
        <f t="shared" si="61"/>
        <v/>
      </c>
      <c r="BS127" s="161" t="str">
        <f t="shared" si="62"/>
        <v/>
      </c>
      <c r="BT127" s="161" t="str">
        <f t="shared" si="63"/>
        <v/>
      </c>
      <c r="BU127" s="161" t="str">
        <f t="shared" si="64"/>
        <v/>
      </c>
      <c r="BV127" s="161" t="str">
        <f t="shared" si="65"/>
        <v/>
      </c>
      <c r="BW127" s="161" t="str">
        <f t="shared" si="66"/>
        <v/>
      </c>
      <c r="BX127" s="161" t="str">
        <f t="shared" si="67"/>
        <v/>
      </c>
      <c r="BY127" s="161" t="str">
        <f t="shared" si="68"/>
        <v/>
      </c>
      <c r="BZ127" s="161" t="str">
        <f t="shared" si="69"/>
        <v/>
      </c>
      <c r="CA127" s="161" t="str">
        <f t="shared" si="70"/>
        <v/>
      </c>
      <c r="CB127" s="161" t="str">
        <f t="shared" si="71"/>
        <v/>
      </c>
      <c r="CC127" s="161" t="str">
        <f t="shared" si="72"/>
        <v/>
      </c>
      <c r="CD127" s="156"/>
      <c r="CE127" s="156" t="s">
        <v>340</v>
      </c>
      <c r="CF127" s="156" t="s">
        <v>336</v>
      </c>
    </row>
    <row r="128" spans="1:84" s="211" customFormat="1" ht="56.1" hidden="1" customHeight="1" x14ac:dyDescent="0.2">
      <c r="A128" s="198">
        <v>126</v>
      </c>
      <c r="B128" s="199" t="s">
        <v>53</v>
      </c>
      <c r="C128" s="208" t="s">
        <v>329</v>
      </c>
      <c r="D128" s="200" t="s">
        <v>330</v>
      </c>
      <c r="E128" s="200" t="s">
        <v>369</v>
      </c>
      <c r="F128" s="209" t="s">
        <v>383</v>
      </c>
      <c r="G128" s="200" t="s">
        <v>58</v>
      </c>
      <c r="H128" s="200" t="s">
        <v>384</v>
      </c>
      <c r="I128" s="200" t="s">
        <v>81</v>
      </c>
      <c r="J128" s="200" t="s">
        <v>334</v>
      </c>
      <c r="K128" s="200" t="s">
        <v>187</v>
      </c>
      <c r="L128" s="200" t="s">
        <v>63</v>
      </c>
      <c r="M128" s="200" t="s">
        <v>63</v>
      </c>
      <c r="N128" s="201">
        <v>207472</v>
      </c>
      <c r="O128" s="201">
        <f t="shared" si="74"/>
        <v>207472</v>
      </c>
      <c r="P128" s="200" t="s">
        <v>226</v>
      </c>
      <c r="Q128" s="200" t="s">
        <v>82</v>
      </c>
      <c r="R128" s="210"/>
      <c r="S128" s="210"/>
      <c r="T128" s="210"/>
      <c r="U128" s="210"/>
      <c r="V128" s="210"/>
      <c r="W128" s="203" t="s">
        <v>66</v>
      </c>
      <c r="X128" s="210"/>
      <c r="Y128" s="210"/>
      <c r="Z128" s="210"/>
      <c r="AA128" s="210"/>
      <c r="AB128" s="210"/>
      <c r="AC128" s="210"/>
      <c r="AD128" s="210"/>
      <c r="AE128" s="210"/>
      <c r="AF128" s="210"/>
      <c r="AG128" s="210"/>
      <c r="AH128" s="210"/>
      <c r="AI128" s="210"/>
      <c r="AJ128" s="210"/>
      <c r="AK128" s="210"/>
      <c r="AL128" s="210"/>
      <c r="AM128" s="210"/>
      <c r="AN128" s="210"/>
      <c r="AO128" s="210"/>
      <c r="AP128" s="210"/>
      <c r="AQ128" s="210"/>
      <c r="AR128" s="210"/>
      <c r="AS128" s="210"/>
      <c r="AT128" s="210"/>
      <c r="AU128" s="210"/>
      <c r="AV128" s="210"/>
      <c r="AW128" s="204">
        <f t="shared" si="75"/>
        <v>480</v>
      </c>
      <c r="AX128" s="205">
        <f t="shared" si="76"/>
        <v>432.23333333333335</v>
      </c>
      <c r="AY128" s="203" t="str">
        <f t="shared" si="42"/>
        <v/>
      </c>
      <c r="AZ128" s="203" t="str">
        <f t="shared" si="43"/>
        <v/>
      </c>
      <c r="BA128" s="203" t="str">
        <f t="shared" si="44"/>
        <v/>
      </c>
      <c r="BB128" s="203" t="str">
        <f t="shared" si="45"/>
        <v/>
      </c>
      <c r="BC128" s="203" t="str">
        <f t="shared" si="46"/>
        <v/>
      </c>
      <c r="BD128" s="203">
        <f t="shared" si="47"/>
        <v>207472</v>
      </c>
      <c r="BE128" s="203" t="str">
        <f t="shared" si="48"/>
        <v/>
      </c>
      <c r="BF128" s="203" t="str">
        <f t="shared" si="49"/>
        <v/>
      </c>
      <c r="BG128" s="203" t="str">
        <f t="shared" si="50"/>
        <v/>
      </c>
      <c r="BH128" s="203" t="str">
        <f t="shared" si="51"/>
        <v/>
      </c>
      <c r="BI128" s="203" t="str">
        <f t="shared" si="52"/>
        <v/>
      </c>
      <c r="BJ128" s="203" t="str">
        <f t="shared" si="53"/>
        <v/>
      </c>
      <c r="BK128" s="203" t="str">
        <f t="shared" si="54"/>
        <v/>
      </c>
      <c r="BL128" s="203" t="str">
        <f t="shared" si="55"/>
        <v/>
      </c>
      <c r="BM128" s="203" t="str">
        <f t="shared" si="56"/>
        <v/>
      </c>
      <c r="BN128" s="203" t="str">
        <f t="shared" si="57"/>
        <v/>
      </c>
      <c r="BO128" s="203" t="str">
        <f t="shared" si="58"/>
        <v/>
      </c>
      <c r="BP128" s="203" t="str">
        <f t="shared" si="59"/>
        <v/>
      </c>
      <c r="BQ128" s="203" t="str">
        <f t="shared" si="60"/>
        <v/>
      </c>
      <c r="BR128" s="203" t="str">
        <f t="shared" si="61"/>
        <v/>
      </c>
      <c r="BS128" s="203" t="str">
        <f t="shared" si="62"/>
        <v/>
      </c>
      <c r="BT128" s="203" t="str">
        <f t="shared" si="63"/>
        <v/>
      </c>
      <c r="BU128" s="203" t="str">
        <f t="shared" si="64"/>
        <v/>
      </c>
      <c r="BV128" s="203" t="str">
        <f t="shared" si="65"/>
        <v/>
      </c>
      <c r="BW128" s="203" t="str">
        <f t="shared" si="66"/>
        <v/>
      </c>
      <c r="BX128" s="203" t="str">
        <f t="shared" si="67"/>
        <v/>
      </c>
      <c r="BY128" s="203" t="str">
        <f t="shared" si="68"/>
        <v/>
      </c>
      <c r="BZ128" s="203" t="str">
        <f t="shared" si="69"/>
        <v/>
      </c>
      <c r="CA128" s="203" t="str">
        <f t="shared" si="70"/>
        <v/>
      </c>
      <c r="CB128" s="203" t="str">
        <f t="shared" si="71"/>
        <v/>
      </c>
      <c r="CC128" s="203" t="str">
        <f t="shared" si="72"/>
        <v/>
      </c>
      <c r="CD128" s="200"/>
      <c r="CE128" s="200" t="s">
        <v>340</v>
      </c>
      <c r="CF128" s="200" t="s">
        <v>336</v>
      </c>
    </row>
    <row r="129" spans="1:84" s="168" customFormat="1" ht="56.1" hidden="1" customHeight="1" x14ac:dyDescent="0.2">
      <c r="A129" s="154">
        <v>127</v>
      </c>
      <c r="B129" s="155" t="s">
        <v>53</v>
      </c>
      <c r="C129" s="165" t="s">
        <v>329</v>
      </c>
      <c r="D129" s="156" t="s">
        <v>330</v>
      </c>
      <c r="E129" s="156" t="s">
        <v>369</v>
      </c>
      <c r="F129" s="166" t="s">
        <v>385</v>
      </c>
      <c r="G129" s="156" t="s">
        <v>58</v>
      </c>
      <c r="H129" s="156" t="s">
        <v>207</v>
      </c>
      <c r="I129" s="156" t="s">
        <v>81</v>
      </c>
      <c r="J129" s="156" t="s">
        <v>334</v>
      </c>
      <c r="K129" s="156" t="s">
        <v>208</v>
      </c>
      <c r="L129" s="156" t="s">
        <v>63</v>
      </c>
      <c r="M129" s="156" t="s">
        <v>63</v>
      </c>
      <c r="N129" s="157">
        <v>216143.73045718172</v>
      </c>
      <c r="O129" s="157">
        <f t="shared" si="74"/>
        <v>216143.73045718172</v>
      </c>
      <c r="P129" s="156" t="s">
        <v>226</v>
      </c>
      <c r="Q129" s="156" t="s">
        <v>82</v>
      </c>
      <c r="R129" s="167"/>
      <c r="S129" s="167"/>
      <c r="T129" s="167"/>
      <c r="U129" s="167"/>
      <c r="V129" s="167"/>
      <c r="W129" s="161"/>
      <c r="X129" s="167"/>
      <c r="Y129" s="167"/>
      <c r="Z129" s="167" t="s">
        <v>66</v>
      </c>
      <c r="AA129" s="167"/>
      <c r="AB129" s="167"/>
      <c r="AC129" s="167"/>
      <c r="AD129" s="167"/>
      <c r="AE129" s="167"/>
      <c r="AF129" s="167"/>
      <c r="AG129" s="167"/>
      <c r="AH129" s="167"/>
      <c r="AI129" s="167"/>
      <c r="AJ129" s="167"/>
      <c r="AK129" s="167"/>
      <c r="AL129" s="167"/>
      <c r="AM129" s="167"/>
      <c r="AN129" s="167"/>
      <c r="AO129" s="167"/>
      <c r="AP129" s="167"/>
      <c r="AQ129" s="167"/>
      <c r="AR129" s="167"/>
      <c r="AS129" s="167"/>
      <c r="AT129" s="167"/>
      <c r="AU129" s="167"/>
      <c r="AV129" s="167"/>
      <c r="AW129" s="160">
        <f t="shared" ref="AW129:AW136" si="77">SUMIF(R129:AV129,"YES",$R$2:$AV$2)</f>
        <v>500</v>
      </c>
      <c r="AX129" s="158">
        <f t="shared" si="76"/>
        <v>432.28746091436346</v>
      </c>
      <c r="AY129" s="161" t="str">
        <f t="shared" si="42"/>
        <v/>
      </c>
      <c r="AZ129" s="161" t="str">
        <f t="shared" si="43"/>
        <v/>
      </c>
      <c r="BA129" s="161" t="str">
        <f t="shared" si="44"/>
        <v/>
      </c>
      <c r="BB129" s="161" t="str">
        <f t="shared" si="45"/>
        <v/>
      </c>
      <c r="BC129" s="161" t="str">
        <f t="shared" si="46"/>
        <v/>
      </c>
      <c r="BD129" s="161" t="str">
        <f t="shared" si="47"/>
        <v/>
      </c>
      <c r="BE129" s="161" t="str">
        <f t="shared" si="48"/>
        <v/>
      </c>
      <c r="BF129" s="161" t="str">
        <f t="shared" si="49"/>
        <v/>
      </c>
      <c r="BG129" s="161">
        <f t="shared" si="50"/>
        <v>216143.73045718172</v>
      </c>
      <c r="BH129" s="161" t="str">
        <f t="shared" si="51"/>
        <v/>
      </c>
      <c r="BI129" s="161" t="str">
        <f t="shared" si="52"/>
        <v/>
      </c>
      <c r="BJ129" s="161" t="str">
        <f t="shared" si="53"/>
        <v/>
      </c>
      <c r="BK129" s="161" t="str">
        <f t="shared" si="54"/>
        <v/>
      </c>
      <c r="BL129" s="161" t="str">
        <f t="shared" si="55"/>
        <v/>
      </c>
      <c r="BM129" s="161" t="str">
        <f t="shared" si="56"/>
        <v/>
      </c>
      <c r="BN129" s="161" t="str">
        <f t="shared" si="57"/>
        <v/>
      </c>
      <c r="BO129" s="161" t="str">
        <f t="shared" si="58"/>
        <v/>
      </c>
      <c r="BP129" s="161" t="str">
        <f t="shared" si="59"/>
        <v/>
      </c>
      <c r="BQ129" s="161" t="str">
        <f t="shared" si="60"/>
        <v/>
      </c>
      <c r="BR129" s="161" t="str">
        <f t="shared" si="61"/>
        <v/>
      </c>
      <c r="BS129" s="161" t="str">
        <f t="shared" si="62"/>
        <v/>
      </c>
      <c r="BT129" s="161" t="str">
        <f t="shared" si="63"/>
        <v/>
      </c>
      <c r="BU129" s="161" t="str">
        <f t="shared" si="64"/>
        <v/>
      </c>
      <c r="BV129" s="161" t="str">
        <f t="shared" si="65"/>
        <v/>
      </c>
      <c r="BW129" s="161" t="str">
        <f t="shared" si="66"/>
        <v/>
      </c>
      <c r="BX129" s="161" t="str">
        <f t="shared" si="67"/>
        <v/>
      </c>
      <c r="BY129" s="161" t="str">
        <f t="shared" si="68"/>
        <v/>
      </c>
      <c r="BZ129" s="161" t="str">
        <f t="shared" si="69"/>
        <v/>
      </c>
      <c r="CA129" s="161" t="str">
        <f t="shared" si="70"/>
        <v/>
      </c>
      <c r="CB129" s="161" t="str">
        <f t="shared" si="71"/>
        <v/>
      </c>
      <c r="CC129" s="161" t="str">
        <f t="shared" si="72"/>
        <v/>
      </c>
      <c r="CD129" s="156"/>
      <c r="CE129" s="156"/>
      <c r="CF129" s="156"/>
    </row>
    <row r="130" spans="1:84" s="211" customFormat="1" ht="56.1" hidden="1" customHeight="1" x14ac:dyDescent="0.2">
      <c r="A130" s="198">
        <v>128</v>
      </c>
      <c r="B130" s="199" t="s">
        <v>53</v>
      </c>
      <c r="C130" s="208" t="s">
        <v>329</v>
      </c>
      <c r="D130" s="200" t="s">
        <v>330</v>
      </c>
      <c r="E130" s="200" t="s">
        <v>369</v>
      </c>
      <c r="F130" s="209" t="s">
        <v>386</v>
      </c>
      <c r="G130" s="200" t="s">
        <v>58</v>
      </c>
      <c r="H130" s="200" t="s">
        <v>326</v>
      </c>
      <c r="I130" s="200" t="s">
        <v>81</v>
      </c>
      <c r="J130" s="200" t="s">
        <v>334</v>
      </c>
      <c r="K130" s="200" t="s">
        <v>71</v>
      </c>
      <c r="L130" s="200" t="s">
        <v>63</v>
      </c>
      <c r="M130" s="200" t="s">
        <v>63</v>
      </c>
      <c r="N130" s="201">
        <v>101199.44859739553</v>
      </c>
      <c r="O130" s="201">
        <f t="shared" si="74"/>
        <v>101199.44859739553</v>
      </c>
      <c r="P130" s="200" t="s">
        <v>226</v>
      </c>
      <c r="Q130" s="200" t="s">
        <v>82</v>
      </c>
      <c r="R130" s="210"/>
      <c r="S130" s="210"/>
      <c r="T130" s="210"/>
      <c r="U130" s="210"/>
      <c r="V130" s="210"/>
      <c r="W130" s="203"/>
      <c r="X130" s="210"/>
      <c r="Y130" s="210"/>
      <c r="Z130" s="210"/>
      <c r="AA130" s="210"/>
      <c r="AB130" s="210"/>
      <c r="AC130" s="210"/>
      <c r="AD130" s="210" t="s">
        <v>66</v>
      </c>
      <c r="AE130" s="210"/>
      <c r="AF130" s="210"/>
      <c r="AG130" s="210"/>
      <c r="AH130" s="210"/>
      <c r="AI130" s="210"/>
      <c r="AJ130" s="210"/>
      <c r="AK130" s="210"/>
      <c r="AL130" s="210"/>
      <c r="AM130" s="210"/>
      <c r="AN130" s="210"/>
      <c r="AO130" s="210"/>
      <c r="AP130" s="210"/>
      <c r="AQ130" s="210"/>
      <c r="AR130" s="210"/>
      <c r="AS130" s="210"/>
      <c r="AT130" s="210"/>
      <c r="AU130" s="210"/>
      <c r="AV130" s="210"/>
      <c r="AW130" s="204">
        <f t="shared" si="77"/>
        <v>234</v>
      </c>
      <c r="AX130" s="205">
        <f t="shared" si="76"/>
        <v>432.47627605724585</v>
      </c>
      <c r="AY130" s="203" t="str">
        <f t="shared" si="42"/>
        <v/>
      </c>
      <c r="AZ130" s="203" t="str">
        <f t="shared" si="43"/>
        <v/>
      </c>
      <c r="BA130" s="203" t="str">
        <f t="shared" si="44"/>
        <v/>
      </c>
      <c r="BB130" s="203" t="str">
        <f t="shared" si="45"/>
        <v/>
      </c>
      <c r="BC130" s="203" t="str">
        <f t="shared" si="46"/>
        <v/>
      </c>
      <c r="BD130" s="203" t="str">
        <f t="shared" si="47"/>
        <v/>
      </c>
      <c r="BE130" s="203" t="str">
        <f t="shared" si="48"/>
        <v/>
      </c>
      <c r="BF130" s="203" t="str">
        <f t="shared" si="49"/>
        <v/>
      </c>
      <c r="BG130" s="203" t="str">
        <f t="shared" si="50"/>
        <v/>
      </c>
      <c r="BH130" s="203" t="str">
        <f t="shared" si="51"/>
        <v/>
      </c>
      <c r="BI130" s="203" t="str">
        <f t="shared" si="52"/>
        <v/>
      </c>
      <c r="BJ130" s="203" t="str">
        <f t="shared" si="53"/>
        <v/>
      </c>
      <c r="BK130" s="203">
        <f t="shared" si="54"/>
        <v>101199.44859739553</v>
      </c>
      <c r="BL130" s="203" t="str">
        <f t="shared" si="55"/>
        <v/>
      </c>
      <c r="BM130" s="203" t="str">
        <f t="shared" si="56"/>
        <v/>
      </c>
      <c r="BN130" s="203" t="str">
        <f t="shared" si="57"/>
        <v/>
      </c>
      <c r="BO130" s="203" t="str">
        <f t="shared" si="58"/>
        <v/>
      </c>
      <c r="BP130" s="203" t="str">
        <f t="shared" si="59"/>
        <v/>
      </c>
      <c r="BQ130" s="203" t="str">
        <f t="shared" si="60"/>
        <v/>
      </c>
      <c r="BR130" s="203" t="str">
        <f t="shared" si="61"/>
        <v/>
      </c>
      <c r="BS130" s="203" t="str">
        <f t="shared" si="62"/>
        <v/>
      </c>
      <c r="BT130" s="203" t="str">
        <f t="shared" si="63"/>
        <v/>
      </c>
      <c r="BU130" s="203" t="str">
        <f t="shared" si="64"/>
        <v/>
      </c>
      <c r="BV130" s="203" t="str">
        <f t="shared" si="65"/>
        <v/>
      </c>
      <c r="BW130" s="203" t="str">
        <f t="shared" si="66"/>
        <v/>
      </c>
      <c r="BX130" s="203" t="str">
        <f t="shared" si="67"/>
        <v/>
      </c>
      <c r="BY130" s="203" t="str">
        <f t="shared" si="68"/>
        <v/>
      </c>
      <c r="BZ130" s="203" t="str">
        <f t="shared" si="69"/>
        <v/>
      </c>
      <c r="CA130" s="203" t="str">
        <f t="shared" si="70"/>
        <v/>
      </c>
      <c r="CB130" s="203" t="str">
        <f t="shared" si="71"/>
        <v/>
      </c>
      <c r="CC130" s="203" t="str">
        <f t="shared" si="72"/>
        <v/>
      </c>
      <c r="CD130" s="200"/>
      <c r="CE130" s="200"/>
      <c r="CF130" s="200"/>
    </row>
    <row r="131" spans="1:84" s="168" customFormat="1" ht="56.1" hidden="1" customHeight="1" x14ac:dyDescent="0.2">
      <c r="A131" s="154">
        <v>129</v>
      </c>
      <c r="B131" s="155" t="s">
        <v>53</v>
      </c>
      <c r="C131" s="165" t="s">
        <v>329</v>
      </c>
      <c r="D131" s="156" t="s">
        <v>330</v>
      </c>
      <c r="E131" s="156" t="s">
        <v>369</v>
      </c>
      <c r="F131" s="166" t="s">
        <v>387</v>
      </c>
      <c r="G131" s="156" t="s">
        <v>58</v>
      </c>
      <c r="H131" s="156" t="s">
        <v>26</v>
      </c>
      <c r="I131" s="156" t="s">
        <v>388</v>
      </c>
      <c r="J131" s="156" t="s">
        <v>334</v>
      </c>
      <c r="K131" s="156" t="s">
        <v>159</v>
      </c>
      <c r="L131" s="156" t="s">
        <v>63</v>
      </c>
      <c r="M131" s="156" t="s">
        <v>63</v>
      </c>
      <c r="N131" s="157">
        <v>216143.73045718172</v>
      </c>
      <c r="O131" s="157">
        <f t="shared" si="74"/>
        <v>216143.73045718172</v>
      </c>
      <c r="P131" s="156" t="s">
        <v>226</v>
      </c>
      <c r="Q131" s="156" t="s">
        <v>82</v>
      </c>
      <c r="R131" s="167"/>
      <c r="S131" s="167"/>
      <c r="T131" s="167"/>
      <c r="U131" s="167"/>
      <c r="V131" s="167"/>
      <c r="W131" s="161"/>
      <c r="X131" s="167"/>
      <c r="Y131" s="167"/>
      <c r="Z131" s="167"/>
      <c r="AA131" s="167" t="s">
        <v>66</v>
      </c>
      <c r="AB131" s="167"/>
      <c r="AC131" s="167"/>
      <c r="AD131" s="167"/>
      <c r="AE131" s="167"/>
      <c r="AF131" s="167"/>
      <c r="AG131" s="167"/>
      <c r="AH131" s="167"/>
      <c r="AI131" s="167"/>
      <c r="AJ131" s="167"/>
      <c r="AK131" s="167"/>
      <c r="AL131" s="167"/>
      <c r="AM131" s="167"/>
      <c r="AN131" s="167"/>
      <c r="AO131" s="167"/>
      <c r="AP131" s="167"/>
      <c r="AQ131" s="167"/>
      <c r="AR131" s="167"/>
      <c r="AS131" s="167"/>
      <c r="AT131" s="167"/>
      <c r="AU131" s="167"/>
      <c r="AV131" s="167"/>
      <c r="AW131" s="160">
        <f t="shared" si="77"/>
        <v>500</v>
      </c>
      <c r="AX131" s="158">
        <f t="shared" si="76"/>
        <v>432.28746091436346</v>
      </c>
      <c r="AY131" s="161" t="str">
        <f t="shared" ref="AY131:AY194" si="78">IF(R131="yes",(R$2*$AX131),"")</f>
        <v/>
      </c>
      <c r="AZ131" s="161" t="str">
        <f t="shared" ref="AZ131:AZ194" si="79">IF(S131="yes",(S$2*$AX131),"")</f>
        <v/>
      </c>
      <c r="BA131" s="161" t="str">
        <f t="shared" ref="BA131:BA194" si="80">IF(T131="yes",(T$2*$AX131),"")</f>
        <v/>
      </c>
      <c r="BB131" s="161" t="str">
        <f t="shared" ref="BB131:BB194" si="81">IF(U131="yes",(U$2*$AX131),"")</f>
        <v/>
      </c>
      <c r="BC131" s="161" t="str">
        <f t="shared" ref="BC131:BC194" si="82">IF(V131="yes",(V$2*$AX131),"")</f>
        <v/>
      </c>
      <c r="BD131" s="161" t="str">
        <f t="shared" ref="BD131:BD194" si="83">IF(W131="yes",(W$2*$AX131),"")</f>
        <v/>
      </c>
      <c r="BE131" s="161" t="str">
        <f t="shared" ref="BE131:BE194" si="84">IF(X131="yes",(X$2*$AX131),"")</f>
        <v/>
      </c>
      <c r="BF131" s="161" t="str">
        <f t="shared" ref="BF131:BF194" si="85">IF(Y131="yes",(Y$2*$AX131),"")</f>
        <v/>
      </c>
      <c r="BG131" s="161" t="str">
        <f t="shared" ref="BG131:BG194" si="86">IF(Z131="yes",(Z$2*$AX131),"")</f>
        <v/>
      </c>
      <c r="BH131" s="161">
        <f t="shared" ref="BH131:BH194" si="87">IF(AA131="yes",(AA$2*$AX131),"")</f>
        <v>216143.73045718172</v>
      </c>
      <c r="BI131" s="161" t="str">
        <f t="shared" ref="BI131:BI194" si="88">IF(AB131="yes",(AB$2*$AX131),"")</f>
        <v/>
      </c>
      <c r="BJ131" s="161" t="str">
        <f t="shared" ref="BJ131:BJ194" si="89">IF(AC131="yes",(AC$2*$AX131),"")</f>
        <v/>
      </c>
      <c r="BK131" s="161" t="str">
        <f t="shared" ref="BK131:BK194" si="90">IF(AD131="yes",(AD$2*$AX131),"")</f>
        <v/>
      </c>
      <c r="BL131" s="161" t="str">
        <f t="shared" ref="BL131:BL194" si="91">IF(AE131="yes",(AE$2*$AX131),"")</f>
        <v/>
      </c>
      <c r="BM131" s="161" t="str">
        <f t="shared" ref="BM131:BM194" si="92">IF(AF131="yes",(AF$2*$AX131),"")</f>
        <v/>
      </c>
      <c r="BN131" s="161" t="str">
        <f t="shared" ref="BN131:BN194" si="93">IF(AG131="yes",(AG$2*$AX131),"")</f>
        <v/>
      </c>
      <c r="BO131" s="161" t="str">
        <f t="shared" ref="BO131:BO194" si="94">IF(AH131="yes",(AH$2*$AX131),"")</f>
        <v/>
      </c>
      <c r="BP131" s="161" t="str">
        <f t="shared" ref="BP131:BP194" si="95">IF(AI131="yes",(AI$2*$AX131),"")</f>
        <v/>
      </c>
      <c r="BQ131" s="161" t="str">
        <f t="shared" ref="BQ131:BQ194" si="96">IF(AJ131="yes",(AJ$2*$AX131),"")</f>
        <v/>
      </c>
      <c r="BR131" s="161" t="str">
        <f t="shared" ref="BR131:BR194" si="97">IF(AK131="yes",(AK$2*$AX131),"")</f>
        <v/>
      </c>
      <c r="BS131" s="161" t="str">
        <f t="shared" ref="BS131:BS194" si="98">IF(AL131="yes",(AL$2*$AX131),"")</f>
        <v/>
      </c>
      <c r="BT131" s="161" t="str">
        <f t="shared" ref="BT131:BT194" si="99">IF(AM131="yes",(AM$2*$AX131),"")</f>
        <v/>
      </c>
      <c r="BU131" s="161" t="str">
        <f t="shared" ref="BU131:BU194" si="100">IF(AN131="yes",(AN$2*$AX131),"")</f>
        <v/>
      </c>
      <c r="BV131" s="161" t="str">
        <f t="shared" ref="BV131:BV194" si="101">IF(AO131="yes",(AO$2*$AX131),"")</f>
        <v/>
      </c>
      <c r="BW131" s="161" t="str">
        <f t="shared" ref="BW131:BW194" si="102">IF(AP131="yes",(AP$2*$AX131),"")</f>
        <v/>
      </c>
      <c r="BX131" s="161" t="str">
        <f t="shared" ref="BX131:BX194" si="103">IF(AQ131="yes",(AQ$2*$AX131),"")</f>
        <v/>
      </c>
      <c r="BY131" s="161" t="str">
        <f t="shared" ref="BY131:BY194" si="104">IF(AR131="yes",(AR$2*$AX131),"")</f>
        <v/>
      </c>
      <c r="BZ131" s="161" t="str">
        <f t="shared" ref="BZ131:BZ194" si="105">IF(AS131="yes",(AS$2*$AX131),"")</f>
        <v/>
      </c>
      <c r="CA131" s="161" t="str">
        <f t="shared" ref="CA131:CA194" si="106">IF(AT131="yes",(AT$2*$AX131),"")</f>
        <v/>
      </c>
      <c r="CB131" s="161" t="str">
        <f t="shared" ref="CB131:CB194" si="107">IF(AU131="yes",(AU$2*$AX131),"")</f>
        <v/>
      </c>
      <c r="CC131" s="161" t="str">
        <f t="shared" ref="CC131:CC194" si="108">IF(AV131="yes",(AV$2*$AX131),"")</f>
        <v/>
      </c>
      <c r="CD131" s="156"/>
      <c r="CE131" s="156"/>
      <c r="CF131" s="156"/>
    </row>
    <row r="132" spans="1:84" s="168" customFormat="1" ht="56.1" hidden="1" customHeight="1" x14ac:dyDescent="0.2">
      <c r="A132" s="154">
        <v>130</v>
      </c>
      <c r="B132" s="155" t="s">
        <v>53</v>
      </c>
      <c r="C132" s="165" t="s">
        <v>329</v>
      </c>
      <c r="D132" s="156" t="s">
        <v>330</v>
      </c>
      <c r="E132" s="156" t="s">
        <v>369</v>
      </c>
      <c r="F132" s="166" t="s">
        <v>389</v>
      </c>
      <c r="G132" s="156" t="s">
        <v>58</v>
      </c>
      <c r="H132" s="156" t="s">
        <v>27</v>
      </c>
      <c r="I132" s="156" t="s">
        <v>388</v>
      </c>
      <c r="J132" s="156" t="s">
        <v>334</v>
      </c>
      <c r="K132" s="156" t="s">
        <v>390</v>
      </c>
      <c r="L132" s="156" t="s">
        <v>63</v>
      </c>
      <c r="M132" s="156" t="s">
        <v>63</v>
      </c>
      <c r="N132" s="157">
        <f>'[1]Hemel Hempstead'!$BD$8</f>
        <v>324170.75914883986</v>
      </c>
      <c r="O132" s="157">
        <f t="shared" si="74"/>
        <v>324170.75914883986</v>
      </c>
      <c r="P132" s="156" t="s">
        <v>226</v>
      </c>
      <c r="Q132" s="156" t="s">
        <v>82</v>
      </c>
      <c r="R132" s="167"/>
      <c r="S132" s="167"/>
      <c r="T132" s="167"/>
      <c r="U132" s="167"/>
      <c r="V132" s="167"/>
      <c r="W132" s="161"/>
      <c r="X132" s="167"/>
      <c r="Y132" s="167"/>
      <c r="Z132" s="167"/>
      <c r="AA132" s="167"/>
      <c r="AB132" s="167" t="s">
        <v>66</v>
      </c>
      <c r="AC132" s="167"/>
      <c r="AD132" s="167"/>
      <c r="AE132" s="167"/>
      <c r="AF132" s="167"/>
      <c r="AG132" s="167"/>
      <c r="AH132" s="167"/>
      <c r="AI132" s="167"/>
      <c r="AJ132" s="167"/>
      <c r="AK132" s="167"/>
      <c r="AL132" s="167"/>
      <c r="AM132" s="167"/>
      <c r="AN132" s="167"/>
      <c r="AO132" s="167"/>
      <c r="AP132" s="167"/>
      <c r="AQ132" s="167"/>
      <c r="AR132" s="167"/>
      <c r="AS132" s="167"/>
      <c r="AT132" s="167"/>
      <c r="AU132" s="167"/>
      <c r="AV132" s="167"/>
      <c r="AW132" s="160">
        <f t="shared" si="77"/>
        <v>750</v>
      </c>
      <c r="AX132" s="158">
        <f t="shared" si="76"/>
        <v>432.2276788651198</v>
      </c>
      <c r="AY132" s="161" t="str">
        <f t="shared" si="78"/>
        <v/>
      </c>
      <c r="AZ132" s="161" t="str">
        <f t="shared" si="79"/>
        <v/>
      </c>
      <c r="BA132" s="161" t="str">
        <f t="shared" si="80"/>
        <v/>
      </c>
      <c r="BB132" s="161" t="str">
        <f t="shared" si="81"/>
        <v/>
      </c>
      <c r="BC132" s="161" t="str">
        <f t="shared" si="82"/>
        <v/>
      </c>
      <c r="BD132" s="161" t="str">
        <f t="shared" si="83"/>
        <v/>
      </c>
      <c r="BE132" s="161" t="str">
        <f t="shared" si="84"/>
        <v/>
      </c>
      <c r="BF132" s="161" t="str">
        <f t="shared" si="85"/>
        <v/>
      </c>
      <c r="BG132" s="161" t="str">
        <f t="shared" si="86"/>
        <v/>
      </c>
      <c r="BH132" s="161" t="str">
        <f t="shared" si="87"/>
        <v/>
      </c>
      <c r="BI132" s="161">
        <f t="shared" si="88"/>
        <v>324170.75914883986</v>
      </c>
      <c r="BJ132" s="161" t="str">
        <f t="shared" si="89"/>
        <v/>
      </c>
      <c r="BK132" s="161" t="str">
        <f t="shared" si="90"/>
        <v/>
      </c>
      <c r="BL132" s="161" t="str">
        <f t="shared" si="91"/>
        <v/>
      </c>
      <c r="BM132" s="161" t="str">
        <f t="shared" si="92"/>
        <v/>
      </c>
      <c r="BN132" s="161" t="str">
        <f t="shared" si="93"/>
        <v/>
      </c>
      <c r="BO132" s="161" t="str">
        <f t="shared" si="94"/>
        <v/>
      </c>
      <c r="BP132" s="161" t="str">
        <f t="shared" si="95"/>
        <v/>
      </c>
      <c r="BQ132" s="161" t="str">
        <f t="shared" si="96"/>
        <v/>
      </c>
      <c r="BR132" s="161" t="str">
        <f t="shared" si="97"/>
        <v/>
      </c>
      <c r="BS132" s="161" t="str">
        <f t="shared" si="98"/>
        <v/>
      </c>
      <c r="BT132" s="161" t="str">
        <f t="shared" si="99"/>
        <v/>
      </c>
      <c r="BU132" s="161" t="str">
        <f t="shared" si="100"/>
        <v/>
      </c>
      <c r="BV132" s="161" t="str">
        <f t="shared" si="101"/>
        <v/>
      </c>
      <c r="BW132" s="161" t="str">
        <f t="shared" si="102"/>
        <v/>
      </c>
      <c r="BX132" s="161" t="str">
        <f t="shared" si="103"/>
        <v/>
      </c>
      <c r="BY132" s="161" t="str">
        <f t="shared" si="104"/>
        <v/>
      </c>
      <c r="BZ132" s="161" t="str">
        <f t="shared" si="105"/>
        <v/>
      </c>
      <c r="CA132" s="161" t="str">
        <f t="shared" si="106"/>
        <v/>
      </c>
      <c r="CB132" s="161" t="str">
        <f t="shared" si="107"/>
        <v/>
      </c>
      <c r="CC132" s="161" t="str">
        <f t="shared" si="108"/>
        <v/>
      </c>
      <c r="CD132" s="156"/>
      <c r="CE132" s="156"/>
      <c r="CF132" s="156"/>
    </row>
    <row r="133" spans="1:84" s="168" customFormat="1" ht="56.1" hidden="1" customHeight="1" x14ac:dyDescent="0.2">
      <c r="A133" s="154">
        <v>131</v>
      </c>
      <c r="B133" s="155" t="s">
        <v>53</v>
      </c>
      <c r="C133" s="165" t="s">
        <v>329</v>
      </c>
      <c r="D133" s="156" t="s">
        <v>330</v>
      </c>
      <c r="E133" s="156" t="s">
        <v>369</v>
      </c>
      <c r="F133" s="166" t="s">
        <v>374</v>
      </c>
      <c r="G133" s="156" t="s">
        <v>58</v>
      </c>
      <c r="H133" s="156" t="s">
        <v>127</v>
      </c>
      <c r="I133" s="156" t="s">
        <v>81</v>
      </c>
      <c r="J133" s="156" t="s">
        <v>334</v>
      </c>
      <c r="K133" s="156" t="s">
        <v>187</v>
      </c>
      <c r="L133" s="156" t="s">
        <v>63</v>
      </c>
      <c r="M133" s="156" t="s">
        <v>63</v>
      </c>
      <c r="N133" s="157">
        <f>'[1]Hemel Hempstead'!$BN$8</f>
        <v>151297.24743382912</v>
      </c>
      <c r="O133" s="157">
        <f t="shared" si="74"/>
        <v>151297.24743382912</v>
      </c>
      <c r="P133" s="156" t="s">
        <v>226</v>
      </c>
      <c r="Q133" s="156" t="s">
        <v>82</v>
      </c>
      <c r="R133" s="167"/>
      <c r="S133" s="167"/>
      <c r="T133" s="167"/>
      <c r="U133" s="167"/>
      <c r="V133" s="167"/>
      <c r="W133" s="161"/>
      <c r="X133" s="167"/>
      <c r="Y133" s="167"/>
      <c r="Z133" s="167"/>
      <c r="AA133" s="167"/>
      <c r="AB133" s="167"/>
      <c r="AC133" s="167"/>
      <c r="AD133" s="167"/>
      <c r="AE133" s="167" t="s">
        <v>66</v>
      </c>
      <c r="AF133" s="167"/>
      <c r="AG133" s="167"/>
      <c r="AH133" s="167"/>
      <c r="AI133" s="167"/>
      <c r="AJ133" s="167"/>
      <c r="AK133" s="167"/>
      <c r="AL133" s="167"/>
      <c r="AM133" s="167"/>
      <c r="AN133" s="167"/>
      <c r="AO133" s="167"/>
      <c r="AP133" s="167"/>
      <c r="AQ133" s="167"/>
      <c r="AR133" s="167"/>
      <c r="AS133" s="167"/>
      <c r="AT133" s="167"/>
      <c r="AU133" s="167"/>
      <c r="AV133" s="167"/>
      <c r="AW133" s="160">
        <f t="shared" si="77"/>
        <v>350</v>
      </c>
      <c r="AX133" s="158">
        <f t="shared" si="76"/>
        <v>432.27784981094032</v>
      </c>
      <c r="AY133" s="161" t="str">
        <f t="shared" si="78"/>
        <v/>
      </c>
      <c r="AZ133" s="161" t="str">
        <f t="shared" si="79"/>
        <v/>
      </c>
      <c r="BA133" s="161" t="str">
        <f t="shared" si="80"/>
        <v/>
      </c>
      <c r="BB133" s="161" t="str">
        <f t="shared" si="81"/>
        <v/>
      </c>
      <c r="BC133" s="161" t="str">
        <f t="shared" si="82"/>
        <v/>
      </c>
      <c r="BD133" s="161" t="str">
        <f t="shared" si="83"/>
        <v/>
      </c>
      <c r="BE133" s="161" t="str">
        <f t="shared" si="84"/>
        <v/>
      </c>
      <c r="BF133" s="161" t="str">
        <f t="shared" si="85"/>
        <v/>
      </c>
      <c r="BG133" s="161" t="str">
        <f t="shared" si="86"/>
        <v/>
      </c>
      <c r="BH133" s="161" t="str">
        <f t="shared" si="87"/>
        <v/>
      </c>
      <c r="BI133" s="161" t="str">
        <f t="shared" si="88"/>
        <v/>
      </c>
      <c r="BJ133" s="161" t="str">
        <f t="shared" si="89"/>
        <v/>
      </c>
      <c r="BK133" s="161" t="str">
        <f t="shared" si="90"/>
        <v/>
      </c>
      <c r="BL133" s="161">
        <f t="shared" si="91"/>
        <v>151297.24743382912</v>
      </c>
      <c r="BM133" s="161" t="str">
        <f t="shared" si="92"/>
        <v/>
      </c>
      <c r="BN133" s="161" t="str">
        <f t="shared" si="93"/>
        <v/>
      </c>
      <c r="BO133" s="161" t="str">
        <f t="shared" si="94"/>
        <v/>
      </c>
      <c r="BP133" s="161" t="str">
        <f t="shared" si="95"/>
        <v/>
      </c>
      <c r="BQ133" s="161" t="str">
        <f t="shared" si="96"/>
        <v/>
      </c>
      <c r="BR133" s="161" t="str">
        <f t="shared" si="97"/>
        <v/>
      </c>
      <c r="BS133" s="161" t="str">
        <f t="shared" si="98"/>
        <v/>
      </c>
      <c r="BT133" s="161" t="str">
        <f t="shared" si="99"/>
        <v/>
      </c>
      <c r="BU133" s="161" t="str">
        <f t="shared" si="100"/>
        <v/>
      </c>
      <c r="BV133" s="161" t="str">
        <f t="shared" si="101"/>
        <v/>
      </c>
      <c r="BW133" s="161" t="str">
        <f t="shared" si="102"/>
        <v/>
      </c>
      <c r="BX133" s="161" t="str">
        <f t="shared" si="103"/>
        <v/>
      </c>
      <c r="BY133" s="161" t="str">
        <f t="shared" si="104"/>
        <v/>
      </c>
      <c r="BZ133" s="161" t="str">
        <f t="shared" si="105"/>
        <v/>
      </c>
      <c r="CA133" s="161" t="str">
        <f t="shared" si="106"/>
        <v/>
      </c>
      <c r="CB133" s="161" t="str">
        <f t="shared" si="107"/>
        <v/>
      </c>
      <c r="CC133" s="161" t="str">
        <f t="shared" si="108"/>
        <v/>
      </c>
      <c r="CD133" s="156"/>
      <c r="CE133" s="156"/>
      <c r="CF133" s="156"/>
    </row>
    <row r="134" spans="1:84" s="168" customFormat="1" ht="56.1" hidden="1" customHeight="1" x14ac:dyDescent="0.2">
      <c r="A134" s="154">
        <v>132</v>
      </c>
      <c r="B134" s="155" t="s">
        <v>53</v>
      </c>
      <c r="C134" s="165" t="s">
        <v>329</v>
      </c>
      <c r="D134" s="156" t="s">
        <v>330</v>
      </c>
      <c r="E134" s="156" t="s">
        <v>369</v>
      </c>
      <c r="F134" s="166" t="s">
        <v>391</v>
      </c>
      <c r="G134" s="156" t="s">
        <v>58</v>
      </c>
      <c r="H134" s="156" t="s">
        <v>31</v>
      </c>
      <c r="I134" s="156" t="s">
        <v>81</v>
      </c>
      <c r="J134" s="156" t="s">
        <v>334</v>
      </c>
      <c r="K134" s="156" t="s">
        <v>392</v>
      </c>
      <c r="L134" s="156" t="s">
        <v>63</v>
      </c>
      <c r="M134" s="156" t="s">
        <v>63</v>
      </c>
      <c r="N134" s="157">
        <f>'[1]Hemel Hempstead'!$BS$8</f>
        <v>38928.607474378281</v>
      </c>
      <c r="O134" s="157">
        <f t="shared" si="74"/>
        <v>38928.607474378281</v>
      </c>
      <c r="P134" s="156" t="s">
        <v>226</v>
      </c>
      <c r="Q134" s="156" t="s">
        <v>82</v>
      </c>
      <c r="R134" s="167"/>
      <c r="S134" s="167"/>
      <c r="T134" s="167"/>
      <c r="U134" s="167"/>
      <c r="V134" s="167"/>
      <c r="W134" s="161"/>
      <c r="X134" s="167"/>
      <c r="Y134" s="167"/>
      <c r="Z134" s="167"/>
      <c r="AA134" s="167"/>
      <c r="AB134" s="167"/>
      <c r="AC134" s="167"/>
      <c r="AD134" s="167"/>
      <c r="AE134" s="167"/>
      <c r="AF134" s="167" t="s">
        <v>66</v>
      </c>
      <c r="AG134" s="167"/>
      <c r="AH134" s="167"/>
      <c r="AI134" s="167"/>
      <c r="AJ134" s="167"/>
      <c r="AK134" s="167"/>
      <c r="AL134" s="167"/>
      <c r="AM134" s="167"/>
      <c r="AN134" s="167"/>
      <c r="AO134" s="167"/>
      <c r="AP134" s="167"/>
      <c r="AQ134" s="167"/>
      <c r="AR134" s="167"/>
      <c r="AS134" s="167"/>
      <c r="AT134" s="167"/>
      <c r="AU134" s="167"/>
      <c r="AV134" s="167"/>
      <c r="AW134" s="160">
        <f t="shared" si="77"/>
        <v>90</v>
      </c>
      <c r="AX134" s="158">
        <f t="shared" si="76"/>
        <v>432.54008304864755</v>
      </c>
      <c r="AY134" s="161" t="str">
        <f t="shared" si="78"/>
        <v/>
      </c>
      <c r="AZ134" s="161" t="str">
        <f t="shared" si="79"/>
        <v/>
      </c>
      <c r="BA134" s="161" t="str">
        <f t="shared" si="80"/>
        <v/>
      </c>
      <c r="BB134" s="161" t="str">
        <f t="shared" si="81"/>
        <v/>
      </c>
      <c r="BC134" s="161" t="str">
        <f t="shared" si="82"/>
        <v/>
      </c>
      <c r="BD134" s="161" t="str">
        <f t="shared" si="83"/>
        <v/>
      </c>
      <c r="BE134" s="161" t="str">
        <f t="shared" si="84"/>
        <v/>
      </c>
      <c r="BF134" s="161" t="str">
        <f t="shared" si="85"/>
        <v/>
      </c>
      <c r="BG134" s="161" t="str">
        <f t="shared" si="86"/>
        <v/>
      </c>
      <c r="BH134" s="161" t="str">
        <f t="shared" si="87"/>
        <v/>
      </c>
      <c r="BI134" s="161" t="str">
        <f t="shared" si="88"/>
        <v/>
      </c>
      <c r="BJ134" s="161" t="str">
        <f t="shared" si="89"/>
        <v/>
      </c>
      <c r="BK134" s="161" t="str">
        <f t="shared" si="90"/>
        <v/>
      </c>
      <c r="BL134" s="161" t="str">
        <f t="shared" si="91"/>
        <v/>
      </c>
      <c r="BM134" s="161">
        <f t="shared" si="92"/>
        <v>38928.607474378281</v>
      </c>
      <c r="BN134" s="161" t="str">
        <f t="shared" si="93"/>
        <v/>
      </c>
      <c r="BO134" s="161" t="str">
        <f t="shared" si="94"/>
        <v/>
      </c>
      <c r="BP134" s="161" t="str">
        <f t="shared" si="95"/>
        <v/>
      </c>
      <c r="BQ134" s="161" t="str">
        <f t="shared" si="96"/>
        <v/>
      </c>
      <c r="BR134" s="161" t="str">
        <f t="shared" si="97"/>
        <v/>
      </c>
      <c r="BS134" s="161" t="str">
        <f t="shared" si="98"/>
        <v/>
      </c>
      <c r="BT134" s="161" t="str">
        <f t="shared" si="99"/>
        <v/>
      </c>
      <c r="BU134" s="161" t="str">
        <f t="shared" si="100"/>
        <v/>
      </c>
      <c r="BV134" s="161" t="str">
        <f t="shared" si="101"/>
        <v/>
      </c>
      <c r="BW134" s="161" t="str">
        <f t="shared" si="102"/>
        <v/>
      </c>
      <c r="BX134" s="161" t="str">
        <f t="shared" si="103"/>
        <v/>
      </c>
      <c r="BY134" s="161" t="str">
        <f t="shared" si="104"/>
        <v/>
      </c>
      <c r="BZ134" s="161" t="str">
        <f t="shared" si="105"/>
        <v/>
      </c>
      <c r="CA134" s="161" t="str">
        <f t="shared" si="106"/>
        <v/>
      </c>
      <c r="CB134" s="161" t="str">
        <f t="shared" si="107"/>
        <v/>
      </c>
      <c r="CC134" s="161" t="str">
        <f t="shared" si="108"/>
        <v/>
      </c>
      <c r="CD134" s="156"/>
      <c r="CE134" s="156"/>
      <c r="CF134" s="156"/>
    </row>
    <row r="135" spans="1:84" s="168" customFormat="1" ht="56.1" hidden="1" customHeight="1" x14ac:dyDescent="0.2">
      <c r="A135" s="154">
        <v>133</v>
      </c>
      <c r="B135" s="155" t="s">
        <v>53</v>
      </c>
      <c r="C135" s="165" t="s">
        <v>329</v>
      </c>
      <c r="D135" s="156" t="s">
        <v>330</v>
      </c>
      <c r="E135" s="156" t="s">
        <v>369</v>
      </c>
      <c r="F135" s="166" t="s">
        <v>393</v>
      </c>
      <c r="G135" s="156" t="s">
        <v>58</v>
      </c>
      <c r="H135" s="156" t="s">
        <v>327</v>
      </c>
      <c r="I135" s="156" t="s">
        <v>81</v>
      </c>
      <c r="J135" s="156" t="s">
        <v>334</v>
      </c>
      <c r="K135" s="156" t="s">
        <v>377</v>
      </c>
      <c r="L135" s="156" t="s">
        <v>63</v>
      </c>
      <c r="M135" s="156" t="s">
        <v>63</v>
      </c>
      <c r="N135" s="157">
        <f>'[1]Hemel Hempstead'!$BX$8</f>
        <v>34585.40423337571</v>
      </c>
      <c r="O135" s="157">
        <f t="shared" si="74"/>
        <v>34585.40423337571</v>
      </c>
      <c r="P135" s="156" t="s">
        <v>226</v>
      </c>
      <c r="Q135" s="156" t="s">
        <v>82</v>
      </c>
      <c r="R135" s="167"/>
      <c r="S135" s="167"/>
      <c r="T135" s="167"/>
      <c r="U135" s="167"/>
      <c r="V135" s="167"/>
      <c r="W135" s="161"/>
      <c r="X135" s="167"/>
      <c r="Y135" s="167"/>
      <c r="Z135" s="167"/>
      <c r="AA135" s="167"/>
      <c r="AB135" s="167"/>
      <c r="AC135" s="167"/>
      <c r="AD135" s="167"/>
      <c r="AE135" s="167"/>
      <c r="AF135" s="167"/>
      <c r="AG135" s="167" t="s">
        <v>66</v>
      </c>
      <c r="AH135" s="167"/>
      <c r="AI135" s="167"/>
      <c r="AJ135" s="167"/>
      <c r="AK135" s="167"/>
      <c r="AL135" s="167"/>
      <c r="AM135" s="167"/>
      <c r="AN135" s="167"/>
      <c r="AO135" s="167"/>
      <c r="AP135" s="167"/>
      <c r="AQ135" s="167"/>
      <c r="AR135" s="167"/>
      <c r="AS135" s="167"/>
      <c r="AT135" s="167"/>
      <c r="AU135" s="167"/>
      <c r="AV135" s="167"/>
      <c r="AW135" s="160">
        <f t="shared" si="77"/>
        <v>80</v>
      </c>
      <c r="AX135" s="158">
        <f t="shared" si="76"/>
        <v>432.31755291719639</v>
      </c>
      <c r="AY135" s="161" t="str">
        <f t="shared" si="78"/>
        <v/>
      </c>
      <c r="AZ135" s="161" t="str">
        <f t="shared" si="79"/>
        <v/>
      </c>
      <c r="BA135" s="161" t="str">
        <f t="shared" si="80"/>
        <v/>
      </c>
      <c r="BB135" s="161" t="str">
        <f t="shared" si="81"/>
        <v/>
      </c>
      <c r="BC135" s="161" t="str">
        <f t="shared" si="82"/>
        <v/>
      </c>
      <c r="BD135" s="161" t="str">
        <f t="shared" si="83"/>
        <v/>
      </c>
      <c r="BE135" s="161" t="str">
        <f t="shared" si="84"/>
        <v/>
      </c>
      <c r="BF135" s="161" t="str">
        <f t="shared" si="85"/>
        <v/>
      </c>
      <c r="BG135" s="161" t="str">
        <f t="shared" si="86"/>
        <v/>
      </c>
      <c r="BH135" s="161" t="str">
        <f t="shared" si="87"/>
        <v/>
      </c>
      <c r="BI135" s="161" t="str">
        <f t="shared" si="88"/>
        <v/>
      </c>
      <c r="BJ135" s="161" t="str">
        <f t="shared" si="89"/>
        <v/>
      </c>
      <c r="BK135" s="161" t="str">
        <f t="shared" si="90"/>
        <v/>
      </c>
      <c r="BL135" s="161" t="str">
        <f t="shared" si="91"/>
        <v/>
      </c>
      <c r="BM135" s="161" t="str">
        <f t="shared" si="92"/>
        <v/>
      </c>
      <c r="BN135" s="161">
        <f t="shared" si="93"/>
        <v>34585.40423337571</v>
      </c>
      <c r="BO135" s="161" t="str">
        <f t="shared" si="94"/>
        <v/>
      </c>
      <c r="BP135" s="161" t="str">
        <f t="shared" si="95"/>
        <v/>
      </c>
      <c r="BQ135" s="161" t="str">
        <f t="shared" si="96"/>
        <v/>
      </c>
      <c r="BR135" s="161" t="str">
        <f t="shared" si="97"/>
        <v/>
      </c>
      <c r="BS135" s="161" t="str">
        <f t="shared" si="98"/>
        <v/>
      </c>
      <c r="BT135" s="161" t="str">
        <f t="shared" si="99"/>
        <v/>
      </c>
      <c r="BU135" s="161" t="str">
        <f t="shared" si="100"/>
        <v/>
      </c>
      <c r="BV135" s="161" t="str">
        <f t="shared" si="101"/>
        <v/>
      </c>
      <c r="BW135" s="161" t="str">
        <f t="shared" si="102"/>
        <v/>
      </c>
      <c r="BX135" s="161" t="str">
        <f t="shared" si="103"/>
        <v/>
      </c>
      <c r="BY135" s="161" t="str">
        <f t="shared" si="104"/>
        <v/>
      </c>
      <c r="BZ135" s="161" t="str">
        <f t="shared" si="105"/>
        <v/>
      </c>
      <c r="CA135" s="161" t="str">
        <f t="shared" si="106"/>
        <v/>
      </c>
      <c r="CB135" s="161" t="str">
        <f t="shared" si="107"/>
        <v/>
      </c>
      <c r="CC135" s="161" t="str">
        <f t="shared" si="108"/>
        <v/>
      </c>
      <c r="CD135" s="156"/>
      <c r="CE135" s="156"/>
      <c r="CF135" s="156"/>
    </row>
    <row r="136" spans="1:84" s="168" customFormat="1" ht="56.1" hidden="1" customHeight="1" x14ac:dyDescent="0.2">
      <c r="A136" s="154">
        <v>134</v>
      </c>
      <c r="B136" s="155" t="s">
        <v>53</v>
      </c>
      <c r="C136" s="165" t="s">
        <v>329</v>
      </c>
      <c r="D136" s="156" t="s">
        <v>330</v>
      </c>
      <c r="E136" s="156" t="s">
        <v>369</v>
      </c>
      <c r="F136" s="166" t="s">
        <v>394</v>
      </c>
      <c r="G136" s="156" t="s">
        <v>58</v>
      </c>
      <c r="H136" s="156" t="s">
        <v>328</v>
      </c>
      <c r="I136" s="156" t="s">
        <v>81</v>
      </c>
      <c r="J136" s="156" t="s">
        <v>334</v>
      </c>
      <c r="K136" s="156" t="s">
        <v>395</v>
      </c>
      <c r="L136" s="156" t="s">
        <v>63</v>
      </c>
      <c r="M136" s="156" t="s">
        <v>63</v>
      </c>
      <c r="N136" s="157">
        <f>'[1]Hemel Hempstead'!$CC$8</f>
        <v>86444.095912961799</v>
      </c>
      <c r="O136" s="157">
        <f t="shared" si="74"/>
        <v>86444.095912961799</v>
      </c>
      <c r="P136" s="156" t="s">
        <v>226</v>
      </c>
      <c r="Q136" s="156" t="s">
        <v>82</v>
      </c>
      <c r="R136" s="167"/>
      <c r="S136" s="167"/>
      <c r="T136" s="167"/>
      <c r="U136" s="167"/>
      <c r="V136" s="167"/>
      <c r="W136" s="161"/>
      <c r="X136" s="167"/>
      <c r="Y136" s="167"/>
      <c r="Z136" s="167"/>
      <c r="AA136" s="167"/>
      <c r="AB136" s="167"/>
      <c r="AC136" s="167" t="s">
        <v>66</v>
      </c>
      <c r="AD136" s="167"/>
      <c r="AE136" s="167"/>
      <c r="AF136" s="167"/>
      <c r="AG136" s="167"/>
      <c r="AH136" s="167"/>
      <c r="AI136" s="167"/>
      <c r="AJ136" s="167"/>
      <c r="AK136" s="167"/>
      <c r="AL136" s="167"/>
      <c r="AM136" s="167"/>
      <c r="AN136" s="167"/>
      <c r="AO136" s="167"/>
      <c r="AP136" s="167"/>
      <c r="AQ136" s="167"/>
      <c r="AR136" s="167"/>
      <c r="AS136" s="167"/>
      <c r="AT136" s="167"/>
      <c r="AU136" s="167"/>
      <c r="AV136" s="167"/>
      <c r="AW136" s="160">
        <f t="shared" si="77"/>
        <v>200</v>
      </c>
      <c r="AX136" s="158">
        <f t="shared" si="76"/>
        <v>432.22047956480901</v>
      </c>
      <c r="AY136" s="161" t="str">
        <f t="shared" si="78"/>
        <v/>
      </c>
      <c r="AZ136" s="161" t="str">
        <f t="shared" si="79"/>
        <v/>
      </c>
      <c r="BA136" s="161" t="str">
        <f t="shared" si="80"/>
        <v/>
      </c>
      <c r="BB136" s="161" t="str">
        <f t="shared" si="81"/>
        <v/>
      </c>
      <c r="BC136" s="161" t="str">
        <f t="shared" si="82"/>
        <v/>
      </c>
      <c r="BD136" s="161" t="str">
        <f t="shared" si="83"/>
        <v/>
      </c>
      <c r="BE136" s="161" t="str">
        <f t="shared" si="84"/>
        <v/>
      </c>
      <c r="BF136" s="161" t="str">
        <f t="shared" si="85"/>
        <v/>
      </c>
      <c r="BG136" s="161" t="str">
        <f t="shared" si="86"/>
        <v/>
      </c>
      <c r="BH136" s="161" t="str">
        <f t="shared" si="87"/>
        <v/>
      </c>
      <c r="BI136" s="161" t="str">
        <f t="shared" si="88"/>
        <v/>
      </c>
      <c r="BJ136" s="161">
        <f t="shared" si="89"/>
        <v>86444.095912961799</v>
      </c>
      <c r="BK136" s="161" t="str">
        <f t="shared" si="90"/>
        <v/>
      </c>
      <c r="BL136" s="161" t="str">
        <f t="shared" si="91"/>
        <v/>
      </c>
      <c r="BM136" s="161" t="str">
        <f t="shared" si="92"/>
        <v/>
      </c>
      <c r="BN136" s="161" t="str">
        <f t="shared" si="93"/>
        <v/>
      </c>
      <c r="BO136" s="161" t="str">
        <f t="shared" si="94"/>
        <v/>
      </c>
      <c r="BP136" s="161" t="str">
        <f t="shared" si="95"/>
        <v/>
      </c>
      <c r="BQ136" s="161" t="str">
        <f t="shared" si="96"/>
        <v/>
      </c>
      <c r="BR136" s="161" t="str">
        <f t="shared" si="97"/>
        <v/>
      </c>
      <c r="BS136" s="161" t="str">
        <f t="shared" si="98"/>
        <v/>
      </c>
      <c r="BT136" s="161" t="str">
        <f t="shared" si="99"/>
        <v/>
      </c>
      <c r="BU136" s="161" t="str">
        <f t="shared" si="100"/>
        <v/>
      </c>
      <c r="BV136" s="161" t="str">
        <f t="shared" si="101"/>
        <v/>
      </c>
      <c r="BW136" s="161" t="str">
        <f t="shared" si="102"/>
        <v/>
      </c>
      <c r="BX136" s="161" t="str">
        <f t="shared" si="103"/>
        <v/>
      </c>
      <c r="BY136" s="161" t="str">
        <f t="shared" si="104"/>
        <v/>
      </c>
      <c r="BZ136" s="161" t="str">
        <f t="shared" si="105"/>
        <v/>
      </c>
      <c r="CA136" s="161" t="str">
        <f t="shared" si="106"/>
        <v/>
      </c>
      <c r="CB136" s="161" t="str">
        <f t="shared" si="107"/>
        <v/>
      </c>
      <c r="CC136" s="161" t="str">
        <f t="shared" si="108"/>
        <v/>
      </c>
      <c r="CD136" s="156"/>
      <c r="CE136" s="156"/>
      <c r="CF136" s="156"/>
    </row>
    <row r="137" spans="1:84" s="261" customFormat="1" ht="56.1" customHeight="1" x14ac:dyDescent="0.2">
      <c r="A137" s="228">
        <v>135</v>
      </c>
      <c r="B137" s="229" t="s">
        <v>53</v>
      </c>
      <c r="C137" s="230" t="s">
        <v>329</v>
      </c>
      <c r="D137" s="258" t="s">
        <v>396</v>
      </c>
      <c r="E137" s="258" t="s">
        <v>397</v>
      </c>
      <c r="F137" s="259" t="s">
        <v>398</v>
      </c>
      <c r="G137" s="258" t="s">
        <v>333</v>
      </c>
      <c r="H137" s="258" t="s">
        <v>63</v>
      </c>
      <c r="I137" s="258" t="s">
        <v>81</v>
      </c>
      <c r="J137" s="258" t="s">
        <v>334</v>
      </c>
      <c r="K137" s="258" t="s">
        <v>225</v>
      </c>
      <c r="L137" s="258" t="s">
        <v>63</v>
      </c>
      <c r="M137" s="258" t="s">
        <v>63</v>
      </c>
      <c r="N137" s="260">
        <v>286634</v>
      </c>
      <c r="O137" s="260">
        <f t="shared" si="74"/>
        <v>286634</v>
      </c>
      <c r="P137" s="258" t="s">
        <v>226</v>
      </c>
      <c r="Q137" s="258" t="s">
        <v>82</v>
      </c>
      <c r="R137" s="239" t="s">
        <v>66</v>
      </c>
      <c r="S137" s="262"/>
      <c r="T137" s="262"/>
      <c r="U137" s="262"/>
      <c r="V137" s="262"/>
      <c r="W137" s="262"/>
      <c r="X137" s="262"/>
      <c r="Y137" s="262"/>
      <c r="Z137" s="262"/>
      <c r="AA137" s="262"/>
      <c r="AB137" s="262"/>
      <c r="AC137" s="262"/>
      <c r="AD137" s="262"/>
      <c r="AE137" s="262"/>
      <c r="AF137" s="262"/>
      <c r="AG137" s="262"/>
      <c r="AH137" s="262"/>
      <c r="AI137" s="262"/>
      <c r="AJ137" s="262"/>
      <c r="AK137" s="262"/>
      <c r="AL137" s="262"/>
      <c r="AM137" s="262"/>
      <c r="AN137" s="262"/>
      <c r="AO137" s="262"/>
      <c r="AP137" s="262"/>
      <c r="AQ137" s="262"/>
      <c r="AR137" s="262"/>
      <c r="AS137" s="262"/>
      <c r="AT137" s="262"/>
      <c r="AU137" s="262"/>
      <c r="AV137" s="262"/>
      <c r="AW137" s="238">
        <f t="shared" si="75"/>
        <v>1500</v>
      </c>
      <c r="AX137" s="84">
        <f t="shared" si="76"/>
        <v>191.08933333333334</v>
      </c>
      <c r="AY137" s="239">
        <f t="shared" si="78"/>
        <v>286634</v>
      </c>
      <c r="AZ137" s="239" t="str">
        <f t="shared" si="79"/>
        <v/>
      </c>
      <c r="BA137" s="239" t="str">
        <f t="shared" si="80"/>
        <v/>
      </c>
      <c r="BB137" s="239" t="str">
        <f t="shared" si="81"/>
        <v/>
      </c>
      <c r="BC137" s="239" t="str">
        <f t="shared" si="82"/>
        <v/>
      </c>
      <c r="BD137" s="239" t="str">
        <f t="shared" si="83"/>
        <v/>
      </c>
      <c r="BE137" s="239" t="str">
        <f t="shared" si="84"/>
        <v/>
      </c>
      <c r="BF137" s="239" t="str">
        <f t="shared" si="85"/>
        <v/>
      </c>
      <c r="BG137" s="239" t="str">
        <f t="shared" si="86"/>
        <v/>
      </c>
      <c r="BH137" s="239" t="str">
        <f t="shared" si="87"/>
        <v/>
      </c>
      <c r="BI137" s="239" t="str">
        <f t="shared" si="88"/>
        <v/>
      </c>
      <c r="BJ137" s="239" t="str">
        <f t="shared" si="89"/>
        <v/>
      </c>
      <c r="BK137" s="239" t="str">
        <f t="shared" si="90"/>
        <v/>
      </c>
      <c r="BL137" s="239" t="str">
        <f t="shared" si="91"/>
        <v/>
      </c>
      <c r="BM137" s="239" t="str">
        <f t="shared" si="92"/>
        <v/>
      </c>
      <c r="BN137" s="239" t="str">
        <f t="shared" si="93"/>
        <v/>
      </c>
      <c r="BO137" s="239" t="str">
        <f t="shared" si="94"/>
        <v/>
      </c>
      <c r="BP137" s="239" t="str">
        <f t="shared" si="95"/>
        <v/>
      </c>
      <c r="BQ137" s="239" t="str">
        <f t="shared" si="96"/>
        <v/>
      </c>
      <c r="BR137" s="239" t="str">
        <f t="shared" si="97"/>
        <v/>
      </c>
      <c r="BS137" s="239" t="str">
        <f t="shared" si="98"/>
        <v/>
      </c>
      <c r="BT137" s="239" t="str">
        <f t="shared" si="99"/>
        <v/>
      </c>
      <c r="BU137" s="239" t="str">
        <f t="shared" si="100"/>
        <v/>
      </c>
      <c r="BV137" s="239" t="str">
        <f t="shared" si="101"/>
        <v/>
      </c>
      <c r="BW137" s="239" t="str">
        <f t="shared" si="102"/>
        <v/>
      </c>
      <c r="BX137" s="239" t="str">
        <f t="shared" si="103"/>
        <v/>
      </c>
      <c r="BY137" s="239" t="str">
        <f t="shared" si="104"/>
        <v/>
      </c>
      <c r="BZ137" s="239" t="str">
        <f t="shared" si="105"/>
        <v/>
      </c>
      <c r="CA137" s="239" t="str">
        <f t="shared" si="106"/>
        <v/>
      </c>
      <c r="CB137" s="239" t="str">
        <f t="shared" si="107"/>
        <v/>
      </c>
      <c r="CC137" s="239" t="str">
        <f t="shared" si="108"/>
        <v/>
      </c>
      <c r="CD137" s="258"/>
      <c r="CE137" s="258" t="s">
        <v>399</v>
      </c>
      <c r="CF137" s="258" t="s">
        <v>336</v>
      </c>
    </row>
    <row r="138" spans="1:84" s="318" customFormat="1" ht="56.1" hidden="1" customHeight="1" x14ac:dyDescent="0.2">
      <c r="A138" s="302">
        <v>136</v>
      </c>
      <c r="B138" s="24" t="s">
        <v>53</v>
      </c>
      <c r="C138" s="35" t="s">
        <v>329</v>
      </c>
      <c r="D138" s="303" t="s">
        <v>396</v>
      </c>
      <c r="E138" s="303" t="s">
        <v>400</v>
      </c>
      <c r="F138" s="316" t="s">
        <v>401</v>
      </c>
      <c r="G138" s="303" t="s">
        <v>90</v>
      </c>
      <c r="H138" s="303" t="s">
        <v>38</v>
      </c>
      <c r="I138" s="303" t="s">
        <v>60</v>
      </c>
      <c r="J138" s="303" t="s">
        <v>334</v>
      </c>
      <c r="K138" s="303" t="s">
        <v>339</v>
      </c>
      <c r="L138" s="303" t="s">
        <v>63</v>
      </c>
      <c r="M138" s="303" t="s">
        <v>63</v>
      </c>
      <c r="N138" s="304">
        <v>213345</v>
      </c>
      <c r="O138" s="304">
        <f t="shared" si="74"/>
        <v>213345</v>
      </c>
      <c r="P138" s="303" t="s">
        <v>226</v>
      </c>
      <c r="Q138" s="303" t="s">
        <v>82</v>
      </c>
      <c r="R138" s="317"/>
      <c r="S138" s="317"/>
      <c r="T138" s="317"/>
      <c r="U138" s="317"/>
      <c r="V138" s="317"/>
      <c r="W138" s="317"/>
      <c r="X138" s="317"/>
      <c r="Y138" s="317"/>
      <c r="Z138" s="317"/>
      <c r="AA138" s="317"/>
      <c r="AB138" s="317"/>
      <c r="AC138" s="317"/>
      <c r="AD138" s="317"/>
      <c r="AE138" s="317"/>
      <c r="AF138" s="317"/>
      <c r="AG138" s="317"/>
      <c r="AH138" s="317"/>
      <c r="AI138" s="317"/>
      <c r="AJ138" s="317"/>
      <c r="AK138" s="317"/>
      <c r="AL138" s="317"/>
      <c r="AM138" s="307" t="s">
        <v>66</v>
      </c>
      <c r="AN138" s="317"/>
      <c r="AO138" s="317"/>
      <c r="AP138" s="317"/>
      <c r="AQ138" s="317"/>
      <c r="AR138" s="317"/>
      <c r="AS138" s="317"/>
      <c r="AT138" s="317"/>
      <c r="AU138" s="317"/>
      <c r="AV138" s="317"/>
      <c r="AW138" s="308">
        <f t="shared" si="75"/>
        <v>250</v>
      </c>
      <c r="AX138" s="309">
        <f t="shared" si="76"/>
        <v>853.38</v>
      </c>
      <c r="AY138" s="307" t="str">
        <f t="shared" si="78"/>
        <v/>
      </c>
      <c r="AZ138" s="307" t="str">
        <f t="shared" si="79"/>
        <v/>
      </c>
      <c r="BA138" s="307" t="str">
        <f t="shared" si="80"/>
        <v/>
      </c>
      <c r="BB138" s="307" t="str">
        <f t="shared" si="81"/>
        <v/>
      </c>
      <c r="BC138" s="307" t="str">
        <f t="shared" si="82"/>
        <v/>
      </c>
      <c r="BD138" s="307" t="str">
        <f t="shared" si="83"/>
        <v/>
      </c>
      <c r="BE138" s="307" t="str">
        <f t="shared" si="84"/>
        <v/>
      </c>
      <c r="BF138" s="307" t="str">
        <f t="shared" si="85"/>
        <v/>
      </c>
      <c r="BG138" s="307" t="str">
        <f t="shared" si="86"/>
        <v/>
      </c>
      <c r="BH138" s="307" t="str">
        <f t="shared" si="87"/>
        <v/>
      </c>
      <c r="BI138" s="307" t="str">
        <f t="shared" si="88"/>
        <v/>
      </c>
      <c r="BJ138" s="307" t="str">
        <f t="shared" si="89"/>
        <v/>
      </c>
      <c r="BK138" s="307" t="str">
        <f t="shared" si="90"/>
        <v/>
      </c>
      <c r="BL138" s="307" t="str">
        <f t="shared" si="91"/>
        <v/>
      </c>
      <c r="BM138" s="307" t="str">
        <f t="shared" si="92"/>
        <v/>
      </c>
      <c r="BN138" s="307" t="str">
        <f t="shared" si="93"/>
        <v/>
      </c>
      <c r="BO138" s="307" t="str">
        <f t="shared" si="94"/>
        <v/>
      </c>
      <c r="BP138" s="307" t="str">
        <f t="shared" si="95"/>
        <v/>
      </c>
      <c r="BQ138" s="307" t="str">
        <f t="shared" si="96"/>
        <v/>
      </c>
      <c r="BR138" s="307" t="str">
        <f t="shared" si="97"/>
        <v/>
      </c>
      <c r="BS138" s="307" t="str">
        <f t="shared" si="98"/>
        <v/>
      </c>
      <c r="BT138" s="307">
        <f t="shared" si="99"/>
        <v>213345</v>
      </c>
      <c r="BU138" s="307" t="str">
        <f t="shared" si="100"/>
        <v/>
      </c>
      <c r="BV138" s="307" t="str">
        <f t="shared" si="101"/>
        <v/>
      </c>
      <c r="BW138" s="307" t="str">
        <f t="shared" si="102"/>
        <v/>
      </c>
      <c r="BX138" s="307" t="str">
        <f t="shared" si="103"/>
        <v/>
      </c>
      <c r="BY138" s="307" t="str">
        <f t="shared" si="104"/>
        <v/>
      </c>
      <c r="BZ138" s="307" t="str">
        <f t="shared" si="105"/>
        <v/>
      </c>
      <c r="CA138" s="307" t="str">
        <f t="shared" si="106"/>
        <v/>
      </c>
      <c r="CB138" s="307" t="str">
        <f t="shared" si="107"/>
        <v/>
      </c>
      <c r="CC138" s="307" t="str">
        <f t="shared" si="108"/>
        <v/>
      </c>
      <c r="CD138" s="303"/>
      <c r="CE138" s="303" t="s">
        <v>399</v>
      </c>
      <c r="CF138" s="303" t="s">
        <v>336</v>
      </c>
    </row>
    <row r="139" spans="1:84" s="318" customFormat="1" ht="56.1" hidden="1" customHeight="1" x14ac:dyDescent="0.2">
      <c r="A139" s="302">
        <v>137</v>
      </c>
      <c r="B139" s="24" t="s">
        <v>53</v>
      </c>
      <c r="C139" s="35" t="s">
        <v>329</v>
      </c>
      <c r="D139" s="303" t="s">
        <v>396</v>
      </c>
      <c r="E139" s="303" t="s">
        <v>400</v>
      </c>
      <c r="F139" s="316" t="s">
        <v>402</v>
      </c>
      <c r="G139" s="303" t="s">
        <v>90</v>
      </c>
      <c r="H139" s="303" t="s">
        <v>39</v>
      </c>
      <c r="I139" s="303" t="s">
        <v>60</v>
      </c>
      <c r="J139" s="303" t="s">
        <v>334</v>
      </c>
      <c r="K139" s="303" t="s">
        <v>122</v>
      </c>
      <c r="L139" s="303" t="s">
        <v>63</v>
      </c>
      <c r="M139" s="303" t="s">
        <v>63</v>
      </c>
      <c r="N139" s="304">
        <v>341385</v>
      </c>
      <c r="O139" s="304">
        <f t="shared" si="74"/>
        <v>341385</v>
      </c>
      <c r="P139" s="303" t="s">
        <v>226</v>
      </c>
      <c r="Q139" s="303" t="s">
        <v>82</v>
      </c>
      <c r="R139" s="317"/>
      <c r="S139" s="317"/>
      <c r="T139" s="317"/>
      <c r="U139" s="317"/>
      <c r="V139" s="317"/>
      <c r="W139" s="317"/>
      <c r="X139" s="317"/>
      <c r="Y139" s="317"/>
      <c r="Z139" s="317"/>
      <c r="AA139" s="317"/>
      <c r="AB139" s="317"/>
      <c r="AC139" s="317"/>
      <c r="AD139" s="317"/>
      <c r="AE139" s="317"/>
      <c r="AF139" s="317"/>
      <c r="AG139" s="317"/>
      <c r="AH139" s="317"/>
      <c r="AI139" s="317"/>
      <c r="AJ139" s="317"/>
      <c r="AK139" s="317"/>
      <c r="AL139" s="317"/>
      <c r="AM139" s="317"/>
      <c r="AN139" s="307" t="s">
        <v>66</v>
      </c>
      <c r="AO139" s="317"/>
      <c r="AP139" s="317"/>
      <c r="AQ139" s="317"/>
      <c r="AR139" s="317"/>
      <c r="AS139" s="317"/>
      <c r="AT139" s="317"/>
      <c r="AU139" s="317"/>
      <c r="AV139" s="317"/>
      <c r="AW139" s="308">
        <f t="shared" si="75"/>
        <v>400</v>
      </c>
      <c r="AX139" s="309">
        <f t="shared" si="76"/>
        <v>853.46249999999998</v>
      </c>
      <c r="AY139" s="307" t="str">
        <f t="shared" si="78"/>
        <v/>
      </c>
      <c r="AZ139" s="307" t="str">
        <f t="shared" si="79"/>
        <v/>
      </c>
      <c r="BA139" s="307" t="str">
        <f t="shared" si="80"/>
        <v/>
      </c>
      <c r="BB139" s="307" t="str">
        <f t="shared" si="81"/>
        <v/>
      </c>
      <c r="BC139" s="307" t="str">
        <f t="shared" si="82"/>
        <v/>
      </c>
      <c r="BD139" s="307" t="str">
        <f t="shared" si="83"/>
        <v/>
      </c>
      <c r="BE139" s="307" t="str">
        <f t="shared" si="84"/>
        <v/>
      </c>
      <c r="BF139" s="307" t="str">
        <f t="shared" si="85"/>
        <v/>
      </c>
      <c r="BG139" s="307" t="str">
        <f t="shared" si="86"/>
        <v/>
      </c>
      <c r="BH139" s="307" t="str">
        <f t="shared" si="87"/>
        <v/>
      </c>
      <c r="BI139" s="307" t="str">
        <f t="shared" si="88"/>
        <v/>
      </c>
      <c r="BJ139" s="307" t="str">
        <f t="shared" si="89"/>
        <v/>
      </c>
      <c r="BK139" s="307" t="str">
        <f t="shared" si="90"/>
        <v/>
      </c>
      <c r="BL139" s="307" t="str">
        <f t="shared" si="91"/>
        <v/>
      </c>
      <c r="BM139" s="307" t="str">
        <f t="shared" si="92"/>
        <v/>
      </c>
      <c r="BN139" s="307" t="str">
        <f t="shared" si="93"/>
        <v/>
      </c>
      <c r="BO139" s="307" t="str">
        <f t="shared" si="94"/>
        <v/>
      </c>
      <c r="BP139" s="307" t="str">
        <f t="shared" si="95"/>
        <v/>
      </c>
      <c r="BQ139" s="307" t="str">
        <f t="shared" si="96"/>
        <v/>
      </c>
      <c r="BR139" s="307" t="str">
        <f t="shared" si="97"/>
        <v/>
      </c>
      <c r="BS139" s="307" t="str">
        <f t="shared" si="98"/>
        <v/>
      </c>
      <c r="BT139" s="307" t="str">
        <f t="shared" si="99"/>
        <v/>
      </c>
      <c r="BU139" s="307">
        <f t="shared" si="100"/>
        <v>341385</v>
      </c>
      <c r="BV139" s="307" t="str">
        <f t="shared" si="101"/>
        <v/>
      </c>
      <c r="BW139" s="307" t="str">
        <f t="shared" si="102"/>
        <v/>
      </c>
      <c r="BX139" s="307" t="str">
        <f t="shared" si="103"/>
        <v/>
      </c>
      <c r="BY139" s="307" t="str">
        <f t="shared" si="104"/>
        <v/>
      </c>
      <c r="BZ139" s="307" t="str">
        <f t="shared" si="105"/>
        <v/>
      </c>
      <c r="CA139" s="307" t="str">
        <f t="shared" si="106"/>
        <v/>
      </c>
      <c r="CB139" s="307" t="str">
        <f t="shared" si="107"/>
        <v/>
      </c>
      <c r="CC139" s="307" t="str">
        <f t="shared" si="108"/>
        <v/>
      </c>
      <c r="CD139" s="303"/>
      <c r="CE139" s="303" t="s">
        <v>399</v>
      </c>
      <c r="CF139" s="303" t="s">
        <v>336</v>
      </c>
    </row>
    <row r="140" spans="1:84" s="318" customFormat="1" ht="56.1" hidden="1" customHeight="1" x14ac:dyDescent="0.2">
      <c r="A140" s="302">
        <v>138</v>
      </c>
      <c r="B140" s="24" t="s">
        <v>53</v>
      </c>
      <c r="C140" s="35" t="s">
        <v>329</v>
      </c>
      <c r="D140" s="303" t="s">
        <v>396</v>
      </c>
      <c r="E140" s="303" t="s">
        <v>400</v>
      </c>
      <c r="F140" s="316" t="s">
        <v>403</v>
      </c>
      <c r="G140" s="303" t="s">
        <v>90</v>
      </c>
      <c r="H140" s="303" t="s">
        <v>40</v>
      </c>
      <c r="I140" s="303" t="s">
        <v>60</v>
      </c>
      <c r="J140" s="303" t="s">
        <v>334</v>
      </c>
      <c r="K140" s="303" t="s">
        <v>169</v>
      </c>
      <c r="L140" s="303" t="s">
        <v>63</v>
      </c>
      <c r="M140" s="303" t="s">
        <v>63</v>
      </c>
      <c r="N140" s="304">
        <v>1194847</v>
      </c>
      <c r="O140" s="304">
        <f t="shared" si="74"/>
        <v>1194847</v>
      </c>
      <c r="P140" s="303" t="s">
        <v>226</v>
      </c>
      <c r="Q140" s="303" t="s">
        <v>82</v>
      </c>
      <c r="R140" s="317"/>
      <c r="S140" s="317"/>
      <c r="T140" s="317"/>
      <c r="U140" s="317"/>
      <c r="V140" s="317"/>
      <c r="W140" s="317"/>
      <c r="X140" s="317"/>
      <c r="Y140" s="317"/>
      <c r="Z140" s="317"/>
      <c r="AA140" s="317"/>
      <c r="AB140" s="317"/>
      <c r="AC140" s="317"/>
      <c r="AD140" s="317"/>
      <c r="AE140" s="317"/>
      <c r="AF140" s="317"/>
      <c r="AG140" s="317"/>
      <c r="AH140" s="317"/>
      <c r="AI140" s="317"/>
      <c r="AJ140" s="317"/>
      <c r="AK140" s="317"/>
      <c r="AL140" s="317"/>
      <c r="AM140" s="317"/>
      <c r="AN140" s="317"/>
      <c r="AO140" s="307" t="s">
        <v>66</v>
      </c>
      <c r="AP140" s="317"/>
      <c r="AQ140" s="317"/>
      <c r="AR140" s="317"/>
      <c r="AS140" s="317"/>
      <c r="AT140" s="317"/>
      <c r="AU140" s="317"/>
      <c r="AV140" s="317"/>
      <c r="AW140" s="308">
        <f t="shared" si="75"/>
        <v>1400</v>
      </c>
      <c r="AX140" s="309">
        <f t="shared" si="76"/>
        <v>853.46214285714291</v>
      </c>
      <c r="AY140" s="307" t="str">
        <f t="shared" si="78"/>
        <v/>
      </c>
      <c r="AZ140" s="307" t="str">
        <f t="shared" si="79"/>
        <v/>
      </c>
      <c r="BA140" s="307" t="str">
        <f t="shared" si="80"/>
        <v/>
      </c>
      <c r="BB140" s="307" t="str">
        <f t="shared" si="81"/>
        <v/>
      </c>
      <c r="BC140" s="307" t="str">
        <f t="shared" si="82"/>
        <v/>
      </c>
      <c r="BD140" s="307" t="str">
        <f t="shared" si="83"/>
        <v/>
      </c>
      <c r="BE140" s="307" t="str">
        <f t="shared" si="84"/>
        <v/>
      </c>
      <c r="BF140" s="307" t="str">
        <f t="shared" si="85"/>
        <v/>
      </c>
      <c r="BG140" s="307" t="str">
        <f t="shared" si="86"/>
        <v/>
      </c>
      <c r="BH140" s="307" t="str">
        <f t="shared" si="87"/>
        <v/>
      </c>
      <c r="BI140" s="307" t="str">
        <f t="shared" si="88"/>
        <v/>
      </c>
      <c r="BJ140" s="307" t="str">
        <f t="shared" si="89"/>
        <v/>
      </c>
      <c r="BK140" s="307" t="str">
        <f t="shared" si="90"/>
        <v/>
      </c>
      <c r="BL140" s="307" t="str">
        <f t="shared" si="91"/>
        <v/>
      </c>
      <c r="BM140" s="307" t="str">
        <f t="shared" si="92"/>
        <v/>
      </c>
      <c r="BN140" s="307" t="str">
        <f t="shared" si="93"/>
        <v/>
      </c>
      <c r="BO140" s="307" t="str">
        <f t="shared" si="94"/>
        <v/>
      </c>
      <c r="BP140" s="307" t="str">
        <f t="shared" si="95"/>
        <v/>
      </c>
      <c r="BQ140" s="307" t="str">
        <f t="shared" si="96"/>
        <v/>
      </c>
      <c r="BR140" s="307" t="str">
        <f t="shared" si="97"/>
        <v/>
      </c>
      <c r="BS140" s="307" t="str">
        <f t="shared" si="98"/>
        <v/>
      </c>
      <c r="BT140" s="307" t="str">
        <f t="shared" si="99"/>
        <v/>
      </c>
      <c r="BU140" s="307" t="str">
        <f t="shared" si="100"/>
        <v/>
      </c>
      <c r="BV140" s="307">
        <f t="shared" si="101"/>
        <v>1194847</v>
      </c>
      <c r="BW140" s="307" t="str">
        <f t="shared" si="102"/>
        <v/>
      </c>
      <c r="BX140" s="307" t="str">
        <f t="shared" si="103"/>
        <v/>
      </c>
      <c r="BY140" s="307" t="str">
        <f t="shared" si="104"/>
        <v/>
      </c>
      <c r="BZ140" s="307" t="str">
        <f t="shared" si="105"/>
        <v/>
      </c>
      <c r="CA140" s="307" t="str">
        <f t="shared" si="106"/>
        <v/>
      </c>
      <c r="CB140" s="307" t="str">
        <f t="shared" si="107"/>
        <v/>
      </c>
      <c r="CC140" s="307" t="str">
        <f t="shared" si="108"/>
        <v/>
      </c>
      <c r="CD140" s="303"/>
      <c r="CE140" s="303" t="s">
        <v>399</v>
      </c>
      <c r="CF140" s="303" t="s">
        <v>336</v>
      </c>
    </row>
    <row r="141" spans="1:84" s="318" customFormat="1" ht="56.1" hidden="1" customHeight="1" x14ac:dyDescent="0.2">
      <c r="A141" s="302">
        <v>139</v>
      </c>
      <c r="B141" s="24" t="s">
        <v>53</v>
      </c>
      <c r="C141" s="35" t="s">
        <v>329</v>
      </c>
      <c r="D141" s="303" t="s">
        <v>396</v>
      </c>
      <c r="E141" s="303" t="s">
        <v>400</v>
      </c>
      <c r="F141" s="316" t="s">
        <v>404</v>
      </c>
      <c r="G141" s="303" t="s">
        <v>90</v>
      </c>
      <c r="H141" s="303" t="s">
        <v>310</v>
      </c>
      <c r="I141" s="303" t="s">
        <v>81</v>
      </c>
      <c r="J141" s="303" t="s">
        <v>334</v>
      </c>
      <c r="K141" s="303" t="s">
        <v>225</v>
      </c>
      <c r="L141" s="303" t="s">
        <v>63</v>
      </c>
      <c r="M141" s="303" t="s">
        <v>63</v>
      </c>
      <c r="N141" s="304">
        <v>171358</v>
      </c>
      <c r="O141" s="304">
        <f t="shared" si="74"/>
        <v>171358</v>
      </c>
      <c r="P141" s="303" t="s">
        <v>226</v>
      </c>
      <c r="Q141" s="303" t="s">
        <v>82</v>
      </c>
      <c r="R141" s="317"/>
      <c r="S141" s="317"/>
      <c r="T141" s="317"/>
      <c r="U141" s="317"/>
      <c r="V141" s="317"/>
      <c r="W141" s="317"/>
      <c r="X141" s="317"/>
      <c r="Y141" s="317"/>
      <c r="Z141" s="317"/>
      <c r="AA141" s="317"/>
      <c r="AB141" s="317"/>
      <c r="AC141" s="317"/>
      <c r="AD141" s="317"/>
      <c r="AE141" s="317"/>
      <c r="AF141" s="317"/>
      <c r="AG141" s="317"/>
      <c r="AH141" s="317"/>
      <c r="AI141" s="317"/>
      <c r="AJ141" s="317"/>
      <c r="AK141" s="317"/>
      <c r="AL141" s="317"/>
      <c r="AM141" s="317"/>
      <c r="AN141" s="317"/>
      <c r="AO141" s="317"/>
      <c r="AP141" s="307" t="s">
        <v>66</v>
      </c>
      <c r="AQ141" s="317"/>
      <c r="AR141" s="317"/>
      <c r="AS141" s="317"/>
      <c r="AT141" s="317"/>
      <c r="AU141" s="317"/>
      <c r="AV141" s="317"/>
      <c r="AW141" s="308">
        <f t="shared" si="75"/>
        <v>201</v>
      </c>
      <c r="AX141" s="309">
        <f t="shared" si="76"/>
        <v>852.5273631840796</v>
      </c>
      <c r="AY141" s="307" t="str">
        <f t="shared" si="78"/>
        <v/>
      </c>
      <c r="AZ141" s="307" t="str">
        <f t="shared" si="79"/>
        <v/>
      </c>
      <c r="BA141" s="307" t="str">
        <f t="shared" si="80"/>
        <v/>
      </c>
      <c r="BB141" s="307" t="str">
        <f t="shared" si="81"/>
        <v/>
      </c>
      <c r="BC141" s="307" t="str">
        <f t="shared" si="82"/>
        <v/>
      </c>
      <c r="BD141" s="307" t="str">
        <f t="shared" si="83"/>
        <v/>
      </c>
      <c r="BE141" s="307" t="str">
        <f t="shared" si="84"/>
        <v/>
      </c>
      <c r="BF141" s="307" t="str">
        <f t="shared" si="85"/>
        <v/>
      </c>
      <c r="BG141" s="307" t="str">
        <f t="shared" si="86"/>
        <v/>
      </c>
      <c r="BH141" s="307" t="str">
        <f t="shared" si="87"/>
        <v/>
      </c>
      <c r="BI141" s="307" t="str">
        <f t="shared" si="88"/>
        <v/>
      </c>
      <c r="BJ141" s="307" t="str">
        <f t="shared" si="89"/>
        <v/>
      </c>
      <c r="BK141" s="307" t="str">
        <f t="shared" si="90"/>
        <v/>
      </c>
      <c r="BL141" s="307" t="str">
        <f t="shared" si="91"/>
        <v/>
      </c>
      <c r="BM141" s="307" t="str">
        <f t="shared" si="92"/>
        <v/>
      </c>
      <c r="BN141" s="307" t="str">
        <f t="shared" si="93"/>
        <v/>
      </c>
      <c r="BO141" s="307" t="str">
        <f t="shared" si="94"/>
        <v/>
      </c>
      <c r="BP141" s="307" t="str">
        <f t="shared" si="95"/>
        <v/>
      </c>
      <c r="BQ141" s="307" t="str">
        <f t="shared" si="96"/>
        <v/>
      </c>
      <c r="BR141" s="307" t="str">
        <f t="shared" si="97"/>
        <v/>
      </c>
      <c r="BS141" s="307" t="str">
        <f t="shared" si="98"/>
        <v/>
      </c>
      <c r="BT141" s="307" t="str">
        <f t="shared" si="99"/>
        <v/>
      </c>
      <c r="BU141" s="307" t="str">
        <f t="shared" si="100"/>
        <v/>
      </c>
      <c r="BV141" s="307" t="str">
        <f t="shared" si="101"/>
        <v/>
      </c>
      <c r="BW141" s="307">
        <f t="shared" si="102"/>
        <v>171358</v>
      </c>
      <c r="BX141" s="307" t="str">
        <f t="shared" si="103"/>
        <v/>
      </c>
      <c r="BY141" s="307" t="str">
        <f t="shared" si="104"/>
        <v/>
      </c>
      <c r="BZ141" s="307" t="str">
        <f t="shared" si="105"/>
        <v/>
      </c>
      <c r="CA141" s="307" t="str">
        <f t="shared" si="106"/>
        <v/>
      </c>
      <c r="CB141" s="307" t="str">
        <f t="shared" si="107"/>
        <v/>
      </c>
      <c r="CC141" s="307" t="str">
        <f t="shared" si="108"/>
        <v/>
      </c>
      <c r="CD141" s="303"/>
      <c r="CE141" s="303" t="s">
        <v>399</v>
      </c>
      <c r="CF141" s="303" t="s">
        <v>336</v>
      </c>
    </row>
    <row r="142" spans="1:84" s="318" customFormat="1" ht="56.1" hidden="1" customHeight="1" x14ac:dyDescent="0.2">
      <c r="A142" s="302">
        <v>140</v>
      </c>
      <c r="B142" s="24" t="s">
        <v>53</v>
      </c>
      <c r="C142" s="35" t="s">
        <v>329</v>
      </c>
      <c r="D142" s="303" t="s">
        <v>396</v>
      </c>
      <c r="E142" s="303" t="s">
        <v>405</v>
      </c>
      <c r="F142" s="316" t="s">
        <v>406</v>
      </c>
      <c r="G142" s="303" t="s">
        <v>86</v>
      </c>
      <c r="H142" s="303" t="s">
        <v>87</v>
      </c>
      <c r="I142" s="303" t="s">
        <v>351</v>
      </c>
      <c r="J142" s="303" t="s">
        <v>334</v>
      </c>
      <c r="K142" s="303" t="s">
        <v>184</v>
      </c>
      <c r="L142" s="303" t="s">
        <v>63</v>
      </c>
      <c r="M142" s="303" t="s">
        <v>63</v>
      </c>
      <c r="N142" s="304">
        <v>661371</v>
      </c>
      <c r="O142" s="304">
        <f t="shared" si="74"/>
        <v>661371</v>
      </c>
      <c r="P142" s="303" t="s">
        <v>226</v>
      </c>
      <c r="Q142" s="303" t="s">
        <v>82</v>
      </c>
      <c r="R142" s="317"/>
      <c r="S142" s="317"/>
      <c r="T142" s="317"/>
      <c r="U142" s="317"/>
      <c r="V142" s="317"/>
      <c r="W142" s="317"/>
      <c r="X142" s="317"/>
      <c r="Y142" s="317"/>
      <c r="Z142" s="317"/>
      <c r="AA142" s="317"/>
      <c r="AB142" s="317"/>
      <c r="AC142" s="317"/>
      <c r="AD142" s="317"/>
      <c r="AE142" s="317"/>
      <c r="AF142" s="317"/>
      <c r="AG142" s="317"/>
      <c r="AH142" s="317"/>
      <c r="AI142" s="307" t="s">
        <v>66</v>
      </c>
      <c r="AJ142" s="317"/>
      <c r="AK142" s="317"/>
      <c r="AL142" s="317"/>
      <c r="AM142" s="317"/>
      <c r="AN142" s="317"/>
      <c r="AO142" s="317"/>
      <c r="AP142" s="317"/>
      <c r="AQ142" s="317"/>
      <c r="AR142" s="317"/>
      <c r="AS142" s="317"/>
      <c r="AT142" s="317"/>
      <c r="AU142" s="317"/>
      <c r="AV142" s="317"/>
      <c r="AW142" s="308">
        <f t="shared" si="75"/>
        <v>775</v>
      </c>
      <c r="AX142" s="309">
        <f t="shared" si="76"/>
        <v>853.38193548387096</v>
      </c>
      <c r="AY142" s="307" t="str">
        <f t="shared" si="78"/>
        <v/>
      </c>
      <c r="AZ142" s="307" t="str">
        <f t="shared" si="79"/>
        <v/>
      </c>
      <c r="BA142" s="307" t="str">
        <f t="shared" si="80"/>
        <v/>
      </c>
      <c r="BB142" s="307" t="str">
        <f t="shared" si="81"/>
        <v/>
      </c>
      <c r="BC142" s="307" t="str">
        <f t="shared" si="82"/>
        <v/>
      </c>
      <c r="BD142" s="307" t="str">
        <f t="shared" si="83"/>
        <v/>
      </c>
      <c r="BE142" s="307" t="str">
        <f t="shared" si="84"/>
        <v/>
      </c>
      <c r="BF142" s="307" t="str">
        <f t="shared" si="85"/>
        <v/>
      </c>
      <c r="BG142" s="307" t="str">
        <f t="shared" si="86"/>
        <v/>
      </c>
      <c r="BH142" s="307" t="str">
        <f t="shared" si="87"/>
        <v/>
      </c>
      <c r="BI142" s="307" t="str">
        <f t="shared" si="88"/>
        <v/>
      </c>
      <c r="BJ142" s="307" t="str">
        <f t="shared" si="89"/>
        <v/>
      </c>
      <c r="BK142" s="307" t="str">
        <f t="shared" si="90"/>
        <v/>
      </c>
      <c r="BL142" s="307" t="str">
        <f t="shared" si="91"/>
        <v/>
      </c>
      <c r="BM142" s="307" t="str">
        <f t="shared" si="92"/>
        <v/>
      </c>
      <c r="BN142" s="307" t="str">
        <f t="shared" si="93"/>
        <v/>
      </c>
      <c r="BO142" s="307" t="str">
        <f t="shared" si="94"/>
        <v/>
      </c>
      <c r="BP142" s="307">
        <f t="shared" si="95"/>
        <v>661371</v>
      </c>
      <c r="BQ142" s="307" t="str">
        <f t="shared" si="96"/>
        <v/>
      </c>
      <c r="BR142" s="307" t="str">
        <f t="shared" si="97"/>
        <v/>
      </c>
      <c r="BS142" s="307" t="str">
        <f t="shared" si="98"/>
        <v/>
      </c>
      <c r="BT142" s="307" t="str">
        <f t="shared" si="99"/>
        <v/>
      </c>
      <c r="BU142" s="307" t="str">
        <f t="shared" si="100"/>
        <v/>
      </c>
      <c r="BV142" s="307" t="str">
        <f t="shared" si="101"/>
        <v/>
      </c>
      <c r="BW142" s="307" t="str">
        <f t="shared" si="102"/>
        <v/>
      </c>
      <c r="BX142" s="307" t="str">
        <f t="shared" si="103"/>
        <v/>
      </c>
      <c r="BY142" s="307" t="str">
        <f t="shared" si="104"/>
        <v/>
      </c>
      <c r="BZ142" s="307" t="str">
        <f t="shared" si="105"/>
        <v/>
      </c>
      <c r="CA142" s="307" t="str">
        <f t="shared" si="106"/>
        <v/>
      </c>
      <c r="CB142" s="307" t="str">
        <f t="shared" si="107"/>
        <v/>
      </c>
      <c r="CC142" s="307" t="str">
        <f t="shared" si="108"/>
        <v/>
      </c>
      <c r="CD142" s="303"/>
      <c r="CE142" s="303" t="s">
        <v>399</v>
      </c>
      <c r="CF142" s="303" t="s">
        <v>336</v>
      </c>
    </row>
    <row r="143" spans="1:84" s="318" customFormat="1" ht="56.1" hidden="1" customHeight="1" x14ac:dyDescent="0.2">
      <c r="A143" s="302">
        <v>141</v>
      </c>
      <c r="B143" s="24" t="s">
        <v>53</v>
      </c>
      <c r="C143" s="35" t="s">
        <v>329</v>
      </c>
      <c r="D143" s="303" t="s">
        <v>396</v>
      </c>
      <c r="E143" s="303" t="s">
        <v>405</v>
      </c>
      <c r="F143" s="316" t="s">
        <v>407</v>
      </c>
      <c r="G143" s="303" t="s">
        <v>86</v>
      </c>
      <c r="H143" s="303" t="s">
        <v>36</v>
      </c>
      <c r="I143" s="303" t="s">
        <v>81</v>
      </c>
      <c r="J143" s="303" t="s">
        <v>334</v>
      </c>
      <c r="K143" s="303" t="s">
        <v>408</v>
      </c>
      <c r="L143" s="303" t="s">
        <v>63</v>
      </c>
      <c r="M143" s="303" t="s">
        <v>63</v>
      </c>
      <c r="N143" s="304">
        <v>85372</v>
      </c>
      <c r="O143" s="304">
        <f t="shared" si="74"/>
        <v>85372</v>
      </c>
      <c r="P143" s="303" t="s">
        <v>226</v>
      </c>
      <c r="Q143" s="303" t="s">
        <v>82</v>
      </c>
      <c r="R143" s="317"/>
      <c r="S143" s="317"/>
      <c r="T143" s="317"/>
      <c r="U143" s="317"/>
      <c r="V143" s="317"/>
      <c r="W143" s="317"/>
      <c r="X143" s="317"/>
      <c r="Y143" s="317"/>
      <c r="Z143" s="317"/>
      <c r="AA143" s="317"/>
      <c r="AB143" s="317"/>
      <c r="AC143" s="317"/>
      <c r="AD143" s="317"/>
      <c r="AE143" s="317"/>
      <c r="AF143" s="317"/>
      <c r="AG143" s="317"/>
      <c r="AH143" s="317"/>
      <c r="AI143" s="317"/>
      <c r="AJ143" s="317"/>
      <c r="AK143" s="307" t="s">
        <v>66</v>
      </c>
      <c r="AL143" s="317"/>
      <c r="AM143" s="317"/>
      <c r="AN143" s="317"/>
      <c r="AO143" s="317"/>
      <c r="AP143" s="317"/>
      <c r="AQ143" s="317"/>
      <c r="AR143" s="317"/>
      <c r="AS143" s="317"/>
      <c r="AT143" s="317"/>
      <c r="AU143" s="317"/>
      <c r="AV143" s="317"/>
      <c r="AW143" s="308">
        <f t="shared" si="75"/>
        <v>100</v>
      </c>
      <c r="AX143" s="309">
        <f t="shared" si="76"/>
        <v>853.72</v>
      </c>
      <c r="AY143" s="307" t="str">
        <f t="shared" si="78"/>
        <v/>
      </c>
      <c r="AZ143" s="307" t="str">
        <f t="shared" si="79"/>
        <v/>
      </c>
      <c r="BA143" s="307" t="str">
        <f t="shared" si="80"/>
        <v/>
      </c>
      <c r="BB143" s="307" t="str">
        <f t="shared" si="81"/>
        <v/>
      </c>
      <c r="BC143" s="307" t="str">
        <f t="shared" si="82"/>
        <v/>
      </c>
      <c r="BD143" s="307" t="str">
        <f t="shared" si="83"/>
        <v/>
      </c>
      <c r="BE143" s="307" t="str">
        <f t="shared" si="84"/>
        <v/>
      </c>
      <c r="BF143" s="307" t="str">
        <f t="shared" si="85"/>
        <v/>
      </c>
      <c r="BG143" s="307" t="str">
        <f t="shared" si="86"/>
        <v/>
      </c>
      <c r="BH143" s="307" t="str">
        <f t="shared" si="87"/>
        <v/>
      </c>
      <c r="BI143" s="307" t="str">
        <f t="shared" si="88"/>
        <v/>
      </c>
      <c r="BJ143" s="307" t="str">
        <f t="shared" si="89"/>
        <v/>
      </c>
      <c r="BK143" s="307" t="str">
        <f t="shared" si="90"/>
        <v/>
      </c>
      <c r="BL143" s="307" t="str">
        <f t="shared" si="91"/>
        <v/>
      </c>
      <c r="BM143" s="307" t="str">
        <f t="shared" si="92"/>
        <v/>
      </c>
      <c r="BN143" s="307" t="str">
        <f t="shared" si="93"/>
        <v/>
      </c>
      <c r="BO143" s="307" t="str">
        <f t="shared" si="94"/>
        <v/>
      </c>
      <c r="BP143" s="307" t="str">
        <f t="shared" si="95"/>
        <v/>
      </c>
      <c r="BQ143" s="307" t="str">
        <f t="shared" si="96"/>
        <v/>
      </c>
      <c r="BR143" s="307">
        <f t="shared" si="97"/>
        <v>85372</v>
      </c>
      <c r="BS143" s="307" t="str">
        <f t="shared" si="98"/>
        <v/>
      </c>
      <c r="BT143" s="307" t="str">
        <f t="shared" si="99"/>
        <v/>
      </c>
      <c r="BU143" s="307" t="str">
        <f t="shared" si="100"/>
        <v/>
      </c>
      <c r="BV143" s="307" t="str">
        <f t="shared" si="101"/>
        <v/>
      </c>
      <c r="BW143" s="307" t="str">
        <f t="shared" si="102"/>
        <v/>
      </c>
      <c r="BX143" s="307" t="str">
        <f t="shared" si="103"/>
        <v/>
      </c>
      <c r="BY143" s="307" t="str">
        <f t="shared" si="104"/>
        <v/>
      </c>
      <c r="BZ143" s="307" t="str">
        <f t="shared" si="105"/>
        <v/>
      </c>
      <c r="CA143" s="307" t="str">
        <f t="shared" si="106"/>
        <v/>
      </c>
      <c r="CB143" s="307" t="str">
        <f t="shared" si="107"/>
        <v/>
      </c>
      <c r="CC143" s="307" t="str">
        <f t="shared" si="108"/>
        <v/>
      </c>
      <c r="CD143" s="303"/>
      <c r="CE143" s="303" t="s">
        <v>399</v>
      </c>
      <c r="CF143" s="303" t="s">
        <v>336</v>
      </c>
    </row>
    <row r="144" spans="1:84" s="318" customFormat="1" ht="56.1" hidden="1" customHeight="1" x14ac:dyDescent="0.2">
      <c r="A144" s="302">
        <v>142</v>
      </c>
      <c r="B144" s="24" t="s">
        <v>53</v>
      </c>
      <c r="C144" s="35" t="s">
        <v>329</v>
      </c>
      <c r="D144" s="303" t="s">
        <v>396</v>
      </c>
      <c r="E144" s="303" t="s">
        <v>405</v>
      </c>
      <c r="F144" s="316" t="s">
        <v>407</v>
      </c>
      <c r="G144" s="303" t="s">
        <v>86</v>
      </c>
      <c r="H144" s="303" t="s">
        <v>35</v>
      </c>
      <c r="I144" s="303" t="s">
        <v>60</v>
      </c>
      <c r="J144" s="303" t="s">
        <v>334</v>
      </c>
      <c r="K144" s="303" t="s">
        <v>357</v>
      </c>
      <c r="L144" s="303" t="s">
        <v>63</v>
      </c>
      <c r="M144" s="303" t="s">
        <v>63</v>
      </c>
      <c r="N144" s="304">
        <v>85372</v>
      </c>
      <c r="O144" s="304">
        <f t="shared" si="74"/>
        <v>85372</v>
      </c>
      <c r="P144" s="303" t="s">
        <v>226</v>
      </c>
      <c r="Q144" s="303" t="s">
        <v>82</v>
      </c>
      <c r="R144" s="317"/>
      <c r="S144" s="317"/>
      <c r="T144" s="317"/>
      <c r="U144" s="317"/>
      <c r="V144" s="317"/>
      <c r="W144" s="317"/>
      <c r="X144" s="317"/>
      <c r="Y144" s="317"/>
      <c r="Z144" s="317"/>
      <c r="AA144" s="317"/>
      <c r="AB144" s="317"/>
      <c r="AC144" s="317"/>
      <c r="AD144" s="317"/>
      <c r="AE144" s="317"/>
      <c r="AF144" s="317"/>
      <c r="AG144" s="317"/>
      <c r="AH144" s="317"/>
      <c r="AI144" s="317"/>
      <c r="AJ144" s="307" t="s">
        <v>66</v>
      </c>
      <c r="AK144" s="317"/>
      <c r="AL144" s="317"/>
      <c r="AM144" s="317"/>
      <c r="AN144" s="317"/>
      <c r="AO144" s="317"/>
      <c r="AP144" s="317"/>
      <c r="AQ144" s="317"/>
      <c r="AR144" s="317"/>
      <c r="AS144" s="317"/>
      <c r="AT144" s="317"/>
      <c r="AU144" s="317"/>
      <c r="AV144" s="317"/>
      <c r="AW144" s="308">
        <f t="shared" si="75"/>
        <v>100</v>
      </c>
      <c r="AX144" s="309">
        <f t="shared" si="76"/>
        <v>853.72</v>
      </c>
      <c r="AY144" s="307" t="str">
        <f t="shared" si="78"/>
        <v/>
      </c>
      <c r="AZ144" s="307" t="str">
        <f t="shared" si="79"/>
        <v/>
      </c>
      <c r="BA144" s="307" t="str">
        <f t="shared" si="80"/>
        <v/>
      </c>
      <c r="BB144" s="307" t="str">
        <f t="shared" si="81"/>
        <v/>
      </c>
      <c r="BC144" s="307" t="str">
        <f t="shared" si="82"/>
        <v/>
      </c>
      <c r="BD144" s="307" t="str">
        <f t="shared" si="83"/>
        <v/>
      </c>
      <c r="BE144" s="307" t="str">
        <f t="shared" si="84"/>
        <v/>
      </c>
      <c r="BF144" s="307" t="str">
        <f t="shared" si="85"/>
        <v/>
      </c>
      <c r="BG144" s="307" t="str">
        <f t="shared" si="86"/>
        <v/>
      </c>
      <c r="BH144" s="307" t="str">
        <f t="shared" si="87"/>
        <v/>
      </c>
      <c r="BI144" s="307" t="str">
        <f t="shared" si="88"/>
        <v/>
      </c>
      <c r="BJ144" s="307" t="str">
        <f t="shared" si="89"/>
        <v/>
      </c>
      <c r="BK144" s="307" t="str">
        <f t="shared" si="90"/>
        <v/>
      </c>
      <c r="BL144" s="307" t="str">
        <f t="shared" si="91"/>
        <v/>
      </c>
      <c r="BM144" s="307" t="str">
        <f t="shared" si="92"/>
        <v/>
      </c>
      <c r="BN144" s="307" t="str">
        <f t="shared" si="93"/>
        <v/>
      </c>
      <c r="BO144" s="307" t="str">
        <f t="shared" si="94"/>
        <v/>
      </c>
      <c r="BP144" s="307" t="str">
        <f t="shared" si="95"/>
        <v/>
      </c>
      <c r="BQ144" s="307">
        <f t="shared" si="96"/>
        <v>85372</v>
      </c>
      <c r="BR144" s="307" t="str">
        <f t="shared" si="97"/>
        <v/>
      </c>
      <c r="BS144" s="307" t="str">
        <f t="shared" si="98"/>
        <v/>
      </c>
      <c r="BT144" s="307" t="str">
        <f t="shared" si="99"/>
        <v/>
      </c>
      <c r="BU144" s="307" t="str">
        <f t="shared" si="100"/>
        <v/>
      </c>
      <c r="BV144" s="307" t="str">
        <f t="shared" si="101"/>
        <v/>
      </c>
      <c r="BW144" s="307" t="str">
        <f t="shared" si="102"/>
        <v/>
      </c>
      <c r="BX144" s="307" t="str">
        <f t="shared" si="103"/>
        <v/>
      </c>
      <c r="BY144" s="307" t="str">
        <f t="shared" si="104"/>
        <v/>
      </c>
      <c r="BZ144" s="307" t="str">
        <f t="shared" si="105"/>
        <v/>
      </c>
      <c r="CA144" s="307" t="str">
        <f t="shared" si="106"/>
        <v/>
      </c>
      <c r="CB144" s="307" t="str">
        <f t="shared" si="107"/>
        <v/>
      </c>
      <c r="CC144" s="307" t="str">
        <f t="shared" si="108"/>
        <v/>
      </c>
      <c r="CD144" s="303"/>
      <c r="CE144" s="303" t="s">
        <v>399</v>
      </c>
      <c r="CF144" s="303" t="s">
        <v>336</v>
      </c>
    </row>
    <row r="145" spans="1:84" s="318" customFormat="1" ht="56.1" hidden="1" customHeight="1" x14ac:dyDescent="0.2">
      <c r="A145" s="302">
        <v>143</v>
      </c>
      <c r="B145" s="24" t="s">
        <v>53</v>
      </c>
      <c r="C145" s="35" t="s">
        <v>329</v>
      </c>
      <c r="D145" s="303" t="s">
        <v>396</v>
      </c>
      <c r="E145" s="303" t="s">
        <v>405</v>
      </c>
      <c r="F145" s="316" t="s">
        <v>409</v>
      </c>
      <c r="G145" s="303" t="s">
        <v>86</v>
      </c>
      <c r="H145" s="303" t="s">
        <v>310</v>
      </c>
      <c r="I145" s="303" t="s">
        <v>81</v>
      </c>
      <c r="J145" s="303" t="s">
        <v>334</v>
      </c>
      <c r="K145" s="303" t="s">
        <v>225</v>
      </c>
      <c r="L145" s="303" t="s">
        <v>63</v>
      </c>
      <c r="M145" s="303" t="s">
        <v>63</v>
      </c>
      <c r="N145" s="304">
        <v>257770.06</v>
      </c>
      <c r="O145" s="304">
        <f t="shared" si="74"/>
        <v>257770.06</v>
      </c>
      <c r="P145" s="303" t="s">
        <v>226</v>
      </c>
      <c r="Q145" s="303" t="s">
        <v>82</v>
      </c>
      <c r="R145" s="317"/>
      <c r="S145" s="317"/>
      <c r="T145" s="317"/>
      <c r="U145" s="317"/>
      <c r="V145" s="317"/>
      <c r="W145" s="317"/>
      <c r="X145" s="317"/>
      <c r="Y145" s="317"/>
      <c r="Z145" s="317"/>
      <c r="AA145" s="317"/>
      <c r="AB145" s="317"/>
      <c r="AC145" s="317"/>
      <c r="AD145" s="317"/>
      <c r="AE145" s="317"/>
      <c r="AF145" s="317"/>
      <c r="AG145" s="317"/>
      <c r="AH145" s="317"/>
      <c r="AI145" s="317"/>
      <c r="AJ145" s="317"/>
      <c r="AK145" s="317"/>
      <c r="AL145" s="307" t="s">
        <v>66</v>
      </c>
      <c r="AM145" s="317"/>
      <c r="AN145" s="317"/>
      <c r="AO145" s="317"/>
      <c r="AP145" s="317"/>
      <c r="AQ145" s="317"/>
      <c r="AR145" s="317"/>
      <c r="AS145" s="317"/>
      <c r="AT145" s="317"/>
      <c r="AU145" s="317"/>
      <c r="AV145" s="317"/>
      <c r="AW145" s="308">
        <f t="shared" si="75"/>
        <v>302</v>
      </c>
      <c r="AX145" s="309">
        <f t="shared" si="76"/>
        <v>853.54324503311261</v>
      </c>
      <c r="AY145" s="307" t="str">
        <f t="shared" si="78"/>
        <v/>
      </c>
      <c r="AZ145" s="307" t="str">
        <f t="shared" si="79"/>
        <v/>
      </c>
      <c r="BA145" s="307" t="str">
        <f t="shared" si="80"/>
        <v/>
      </c>
      <c r="BB145" s="307" t="str">
        <f t="shared" si="81"/>
        <v/>
      </c>
      <c r="BC145" s="307" t="str">
        <f t="shared" si="82"/>
        <v/>
      </c>
      <c r="BD145" s="307" t="str">
        <f t="shared" si="83"/>
        <v/>
      </c>
      <c r="BE145" s="307" t="str">
        <f t="shared" si="84"/>
        <v/>
      </c>
      <c r="BF145" s="307" t="str">
        <f t="shared" si="85"/>
        <v/>
      </c>
      <c r="BG145" s="307" t="str">
        <f t="shared" si="86"/>
        <v/>
      </c>
      <c r="BH145" s="307" t="str">
        <f t="shared" si="87"/>
        <v/>
      </c>
      <c r="BI145" s="307" t="str">
        <f t="shared" si="88"/>
        <v/>
      </c>
      <c r="BJ145" s="307" t="str">
        <f t="shared" si="89"/>
        <v/>
      </c>
      <c r="BK145" s="307" t="str">
        <f t="shared" si="90"/>
        <v/>
      </c>
      <c r="BL145" s="307" t="str">
        <f t="shared" si="91"/>
        <v/>
      </c>
      <c r="BM145" s="307" t="str">
        <f t="shared" si="92"/>
        <v/>
      </c>
      <c r="BN145" s="307" t="str">
        <f t="shared" si="93"/>
        <v/>
      </c>
      <c r="BO145" s="307" t="str">
        <f t="shared" si="94"/>
        <v/>
      </c>
      <c r="BP145" s="307" t="str">
        <f t="shared" si="95"/>
        <v/>
      </c>
      <c r="BQ145" s="307" t="str">
        <f t="shared" si="96"/>
        <v/>
      </c>
      <c r="BR145" s="307" t="str">
        <f t="shared" si="97"/>
        <v/>
      </c>
      <c r="BS145" s="307">
        <f t="shared" si="98"/>
        <v>257770.06</v>
      </c>
      <c r="BT145" s="307" t="str">
        <f t="shared" si="99"/>
        <v/>
      </c>
      <c r="BU145" s="307" t="str">
        <f t="shared" si="100"/>
        <v/>
      </c>
      <c r="BV145" s="307" t="str">
        <f t="shared" si="101"/>
        <v/>
      </c>
      <c r="BW145" s="307" t="str">
        <f t="shared" si="102"/>
        <v/>
      </c>
      <c r="BX145" s="307" t="str">
        <f t="shared" si="103"/>
        <v/>
      </c>
      <c r="BY145" s="307" t="str">
        <f t="shared" si="104"/>
        <v/>
      </c>
      <c r="BZ145" s="307" t="str">
        <f t="shared" si="105"/>
        <v/>
      </c>
      <c r="CA145" s="307" t="str">
        <f t="shared" si="106"/>
        <v/>
      </c>
      <c r="CB145" s="307" t="str">
        <f t="shared" si="107"/>
        <v/>
      </c>
      <c r="CC145" s="307" t="str">
        <f t="shared" si="108"/>
        <v/>
      </c>
      <c r="CD145" s="303"/>
      <c r="CE145" s="303" t="s">
        <v>399</v>
      </c>
      <c r="CF145" s="303" t="s">
        <v>336</v>
      </c>
    </row>
    <row r="146" spans="1:84" s="318" customFormat="1" ht="56.1" hidden="1" customHeight="1" x14ac:dyDescent="0.2">
      <c r="A146" s="302">
        <v>144</v>
      </c>
      <c r="B146" s="24" t="s">
        <v>53</v>
      </c>
      <c r="C146" s="35" t="s">
        <v>329</v>
      </c>
      <c r="D146" s="303" t="s">
        <v>396</v>
      </c>
      <c r="E146" s="303" t="s">
        <v>360</v>
      </c>
      <c r="F146" s="316" t="s">
        <v>410</v>
      </c>
      <c r="G146" s="303" t="s">
        <v>93</v>
      </c>
      <c r="H146" s="303" t="s">
        <v>310</v>
      </c>
      <c r="I146" s="303" t="s">
        <v>81</v>
      </c>
      <c r="J146" s="303" t="s">
        <v>334</v>
      </c>
      <c r="K146" s="303" t="s">
        <v>225</v>
      </c>
      <c r="L146" s="303" t="s">
        <v>63</v>
      </c>
      <c r="M146" s="303" t="s">
        <v>63</v>
      </c>
      <c r="N146" s="304">
        <v>26354</v>
      </c>
      <c r="O146" s="304">
        <f t="shared" ref="O146:O185" si="109">N146</f>
        <v>26354</v>
      </c>
      <c r="P146" s="303" t="s">
        <v>226</v>
      </c>
      <c r="Q146" s="303" t="s">
        <v>82</v>
      </c>
      <c r="R146" s="317"/>
      <c r="S146" s="317"/>
      <c r="T146" s="317"/>
      <c r="U146" s="317"/>
      <c r="V146" s="317"/>
      <c r="W146" s="317"/>
      <c r="X146" s="317"/>
      <c r="Y146" s="317"/>
      <c r="Z146" s="317"/>
      <c r="AA146" s="317"/>
      <c r="AB146" s="317"/>
      <c r="AC146" s="317"/>
      <c r="AD146" s="317"/>
      <c r="AE146" s="317"/>
      <c r="AF146" s="317"/>
      <c r="AG146" s="317"/>
      <c r="AH146" s="317"/>
      <c r="AI146" s="317"/>
      <c r="AJ146" s="317"/>
      <c r="AK146" s="317"/>
      <c r="AL146" s="317"/>
      <c r="AM146" s="317"/>
      <c r="AN146" s="317"/>
      <c r="AO146" s="317"/>
      <c r="AP146" s="317"/>
      <c r="AQ146" s="317"/>
      <c r="AR146" s="307" t="s">
        <v>66</v>
      </c>
      <c r="AS146" s="317"/>
      <c r="AT146" s="317"/>
      <c r="AU146" s="317"/>
      <c r="AV146" s="317"/>
      <c r="AW146" s="308">
        <f t="shared" si="75"/>
        <v>31</v>
      </c>
      <c r="AX146" s="309">
        <f t="shared" si="76"/>
        <v>850.12903225806451</v>
      </c>
      <c r="AY146" s="307" t="str">
        <f t="shared" si="78"/>
        <v/>
      </c>
      <c r="AZ146" s="307" t="str">
        <f t="shared" si="79"/>
        <v/>
      </c>
      <c r="BA146" s="307" t="str">
        <f t="shared" si="80"/>
        <v/>
      </c>
      <c r="BB146" s="307" t="str">
        <f t="shared" si="81"/>
        <v/>
      </c>
      <c r="BC146" s="307" t="str">
        <f t="shared" si="82"/>
        <v/>
      </c>
      <c r="BD146" s="307" t="str">
        <f t="shared" si="83"/>
        <v/>
      </c>
      <c r="BE146" s="307" t="str">
        <f t="shared" si="84"/>
        <v/>
      </c>
      <c r="BF146" s="307" t="str">
        <f t="shared" si="85"/>
        <v/>
      </c>
      <c r="BG146" s="307" t="str">
        <f t="shared" si="86"/>
        <v/>
      </c>
      <c r="BH146" s="307" t="str">
        <f t="shared" si="87"/>
        <v/>
      </c>
      <c r="BI146" s="307" t="str">
        <f t="shared" si="88"/>
        <v/>
      </c>
      <c r="BJ146" s="307" t="str">
        <f t="shared" si="89"/>
        <v/>
      </c>
      <c r="BK146" s="307" t="str">
        <f t="shared" si="90"/>
        <v/>
      </c>
      <c r="BL146" s="307" t="str">
        <f t="shared" si="91"/>
        <v/>
      </c>
      <c r="BM146" s="307" t="str">
        <f t="shared" si="92"/>
        <v/>
      </c>
      <c r="BN146" s="307" t="str">
        <f t="shared" si="93"/>
        <v/>
      </c>
      <c r="BO146" s="307" t="str">
        <f t="shared" si="94"/>
        <v/>
      </c>
      <c r="BP146" s="307" t="str">
        <f t="shared" si="95"/>
        <v/>
      </c>
      <c r="BQ146" s="307" t="str">
        <f t="shared" si="96"/>
        <v/>
      </c>
      <c r="BR146" s="307" t="str">
        <f t="shared" si="97"/>
        <v/>
      </c>
      <c r="BS146" s="307" t="str">
        <f t="shared" si="98"/>
        <v/>
      </c>
      <c r="BT146" s="307" t="str">
        <f t="shared" si="99"/>
        <v/>
      </c>
      <c r="BU146" s="307" t="str">
        <f t="shared" si="100"/>
        <v/>
      </c>
      <c r="BV146" s="307" t="str">
        <f t="shared" si="101"/>
        <v/>
      </c>
      <c r="BW146" s="307" t="str">
        <f t="shared" si="102"/>
        <v/>
      </c>
      <c r="BX146" s="307" t="str">
        <f t="shared" si="103"/>
        <v/>
      </c>
      <c r="BY146" s="307">
        <f t="shared" si="104"/>
        <v>26354</v>
      </c>
      <c r="BZ146" s="307" t="str">
        <f t="shared" si="105"/>
        <v/>
      </c>
      <c r="CA146" s="307" t="str">
        <f t="shared" si="106"/>
        <v/>
      </c>
      <c r="CB146" s="307" t="str">
        <f t="shared" si="107"/>
        <v/>
      </c>
      <c r="CC146" s="307" t="str">
        <f t="shared" si="108"/>
        <v/>
      </c>
      <c r="CD146" s="303"/>
      <c r="CE146" s="303" t="s">
        <v>399</v>
      </c>
      <c r="CF146" s="303" t="s">
        <v>336</v>
      </c>
    </row>
    <row r="147" spans="1:84" s="318" customFormat="1" ht="56.1" hidden="1" customHeight="1" x14ac:dyDescent="0.2">
      <c r="A147" s="302">
        <v>145</v>
      </c>
      <c r="B147" s="24" t="s">
        <v>53</v>
      </c>
      <c r="C147" s="35" t="s">
        <v>329</v>
      </c>
      <c r="D147" s="303" t="s">
        <v>396</v>
      </c>
      <c r="E147" s="303" t="s">
        <v>360</v>
      </c>
      <c r="F147" s="316" t="s">
        <v>411</v>
      </c>
      <c r="G147" s="303" t="s">
        <v>93</v>
      </c>
      <c r="H147" s="303" t="s">
        <v>364</v>
      </c>
      <c r="I147" s="303" t="s">
        <v>81</v>
      </c>
      <c r="J147" s="303" t="s">
        <v>334</v>
      </c>
      <c r="K147" s="303" t="s">
        <v>71</v>
      </c>
      <c r="L147" s="303" t="s">
        <v>63</v>
      </c>
      <c r="M147" s="303" t="s">
        <v>63</v>
      </c>
      <c r="N147" s="304">
        <v>185282</v>
      </c>
      <c r="O147" s="304">
        <f t="shared" si="109"/>
        <v>185282</v>
      </c>
      <c r="P147" s="303" t="s">
        <v>226</v>
      </c>
      <c r="Q147" s="303" t="s">
        <v>82</v>
      </c>
      <c r="R147" s="317"/>
      <c r="S147" s="317"/>
      <c r="T147" s="317"/>
      <c r="U147" s="317"/>
      <c r="V147" s="317"/>
      <c r="W147" s="317"/>
      <c r="X147" s="317"/>
      <c r="Y147" s="317"/>
      <c r="Z147" s="317"/>
      <c r="AA147" s="317"/>
      <c r="AB147" s="317"/>
      <c r="AC147" s="317"/>
      <c r="AD147" s="317"/>
      <c r="AE147" s="317"/>
      <c r="AF147" s="317"/>
      <c r="AG147" s="317"/>
      <c r="AH147" s="317"/>
      <c r="AI147" s="317"/>
      <c r="AJ147" s="317"/>
      <c r="AK147" s="317"/>
      <c r="AL147" s="317"/>
      <c r="AM147" s="317"/>
      <c r="AN147" s="317"/>
      <c r="AO147" s="317"/>
      <c r="AP147" s="317"/>
      <c r="AQ147" s="307" t="s">
        <v>66</v>
      </c>
      <c r="AR147" s="317"/>
      <c r="AS147" s="317"/>
      <c r="AT147" s="317"/>
      <c r="AU147" s="317"/>
      <c r="AV147" s="317"/>
      <c r="AW147" s="308">
        <f t="shared" si="75"/>
        <v>217</v>
      </c>
      <c r="AX147" s="309">
        <f t="shared" si="76"/>
        <v>853.83410138248848</v>
      </c>
      <c r="AY147" s="307" t="str">
        <f t="shared" si="78"/>
        <v/>
      </c>
      <c r="AZ147" s="307" t="str">
        <f t="shared" si="79"/>
        <v/>
      </c>
      <c r="BA147" s="307" t="str">
        <f t="shared" si="80"/>
        <v/>
      </c>
      <c r="BB147" s="307" t="str">
        <f t="shared" si="81"/>
        <v/>
      </c>
      <c r="BC147" s="307" t="str">
        <f t="shared" si="82"/>
        <v/>
      </c>
      <c r="BD147" s="307" t="str">
        <f t="shared" si="83"/>
        <v/>
      </c>
      <c r="BE147" s="307" t="str">
        <f t="shared" si="84"/>
        <v/>
      </c>
      <c r="BF147" s="307" t="str">
        <f t="shared" si="85"/>
        <v/>
      </c>
      <c r="BG147" s="307" t="str">
        <f t="shared" si="86"/>
        <v/>
      </c>
      <c r="BH147" s="307" t="str">
        <f t="shared" si="87"/>
        <v/>
      </c>
      <c r="BI147" s="307" t="str">
        <f t="shared" si="88"/>
        <v/>
      </c>
      <c r="BJ147" s="307" t="str">
        <f t="shared" si="89"/>
        <v/>
      </c>
      <c r="BK147" s="307" t="str">
        <f t="shared" si="90"/>
        <v/>
      </c>
      <c r="BL147" s="307" t="str">
        <f t="shared" si="91"/>
        <v/>
      </c>
      <c r="BM147" s="307" t="str">
        <f t="shared" si="92"/>
        <v/>
      </c>
      <c r="BN147" s="307" t="str">
        <f t="shared" si="93"/>
        <v/>
      </c>
      <c r="BO147" s="307" t="str">
        <f t="shared" si="94"/>
        <v/>
      </c>
      <c r="BP147" s="307" t="str">
        <f t="shared" si="95"/>
        <v/>
      </c>
      <c r="BQ147" s="307" t="str">
        <f t="shared" si="96"/>
        <v/>
      </c>
      <c r="BR147" s="307" t="str">
        <f t="shared" si="97"/>
        <v/>
      </c>
      <c r="BS147" s="307" t="str">
        <f t="shared" si="98"/>
        <v/>
      </c>
      <c r="BT147" s="307" t="str">
        <f t="shared" si="99"/>
        <v/>
      </c>
      <c r="BU147" s="307" t="str">
        <f t="shared" si="100"/>
        <v/>
      </c>
      <c r="BV147" s="307" t="str">
        <f t="shared" si="101"/>
        <v/>
      </c>
      <c r="BW147" s="307" t="str">
        <f t="shared" si="102"/>
        <v/>
      </c>
      <c r="BX147" s="307">
        <f t="shared" si="103"/>
        <v>185282</v>
      </c>
      <c r="BY147" s="307" t="str">
        <f t="shared" si="104"/>
        <v/>
      </c>
      <c r="BZ147" s="307" t="str">
        <f t="shared" si="105"/>
        <v/>
      </c>
      <c r="CA147" s="307" t="str">
        <f t="shared" si="106"/>
        <v/>
      </c>
      <c r="CB147" s="307" t="str">
        <f t="shared" si="107"/>
        <v/>
      </c>
      <c r="CC147" s="307" t="str">
        <f t="shared" si="108"/>
        <v/>
      </c>
      <c r="CD147" s="303"/>
      <c r="CE147" s="303" t="s">
        <v>399</v>
      </c>
      <c r="CF147" s="303" t="s">
        <v>336</v>
      </c>
    </row>
    <row r="148" spans="1:84" s="318" customFormat="1" ht="56.1" hidden="1" customHeight="1" x14ac:dyDescent="0.2">
      <c r="A148" s="302">
        <v>146</v>
      </c>
      <c r="B148" s="24" t="s">
        <v>53</v>
      </c>
      <c r="C148" s="35" t="s">
        <v>329</v>
      </c>
      <c r="D148" s="303" t="s">
        <v>396</v>
      </c>
      <c r="E148" s="303" t="s">
        <v>360</v>
      </c>
      <c r="F148" s="316" t="s">
        <v>412</v>
      </c>
      <c r="G148" s="303" t="s">
        <v>413</v>
      </c>
      <c r="H148" s="303" t="s">
        <v>310</v>
      </c>
      <c r="I148" s="303" t="s">
        <v>81</v>
      </c>
      <c r="J148" s="303" t="s">
        <v>334</v>
      </c>
      <c r="K148" s="303" t="s">
        <v>225</v>
      </c>
      <c r="L148" s="303" t="s">
        <v>63</v>
      </c>
      <c r="M148" s="303" t="s">
        <v>63</v>
      </c>
      <c r="N148" s="304">
        <v>57252</v>
      </c>
      <c r="O148" s="304">
        <f t="shared" si="109"/>
        <v>57252</v>
      </c>
      <c r="P148" s="303" t="s">
        <v>226</v>
      </c>
      <c r="Q148" s="303" t="s">
        <v>82</v>
      </c>
      <c r="R148" s="317"/>
      <c r="S148" s="317"/>
      <c r="T148" s="317"/>
      <c r="U148" s="317"/>
      <c r="V148" s="317"/>
      <c r="W148" s="317"/>
      <c r="X148" s="317"/>
      <c r="Y148" s="317"/>
      <c r="Z148" s="317"/>
      <c r="AA148" s="317"/>
      <c r="AB148" s="317"/>
      <c r="AC148" s="317"/>
      <c r="AD148" s="317"/>
      <c r="AE148" s="317"/>
      <c r="AF148" s="317"/>
      <c r="AG148" s="317"/>
      <c r="AH148" s="317"/>
      <c r="AI148" s="317"/>
      <c r="AJ148" s="317"/>
      <c r="AK148" s="317"/>
      <c r="AL148" s="317"/>
      <c r="AM148" s="317"/>
      <c r="AN148" s="317"/>
      <c r="AO148" s="317"/>
      <c r="AP148" s="317"/>
      <c r="AQ148" s="317"/>
      <c r="AR148" s="317"/>
      <c r="AS148" s="317" t="s">
        <v>66</v>
      </c>
      <c r="AT148" s="317"/>
      <c r="AU148" s="317"/>
      <c r="AV148" s="317"/>
      <c r="AW148" s="308">
        <f t="shared" si="75"/>
        <v>67</v>
      </c>
      <c r="AX148" s="309">
        <f t="shared" si="76"/>
        <v>854.50746268656712</v>
      </c>
      <c r="AY148" s="307" t="str">
        <f t="shared" si="78"/>
        <v/>
      </c>
      <c r="AZ148" s="307" t="str">
        <f t="shared" si="79"/>
        <v/>
      </c>
      <c r="BA148" s="307" t="str">
        <f t="shared" si="80"/>
        <v/>
      </c>
      <c r="BB148" s="307" t="str">
        <f t="shared" si="81"/>
        <v/>
      </c>
      <c r="BC148" s="307" t="str">
        <f t="shared" si="82"/>
        <v/>
      </c>
      <c r="BD148" s="307" t="str">
        <f t="shared" si="83"/>
        <v/>
      </c>
      <c r="BE148" s="307" t="str">
        <f t="shared" si="84"/>
        <v/>
      </c>
      <c r="BF148" s="307" t="str">
        <f t="shared" si="85"/>
        <v/>
      </c>
      <c r="BG148" s="307" t="str">
        <f t="shared" si="86"/>
        <v/>
      </c>
      <c r="BH148" s="307" t="str">
        <f t="shared" si="87"/>
        <v/>
      </c>
      <c r="BI148" s="307" t="str">
        <f t="shared" si="88"/>
        <v/>
      </c>
      <c r="BJ148" s="307" t="str">
        <f t="shared" si="89"/>
        <v/>
      </c>
      <c r="BK148" s="307" t="str">
        <f t="shared" si="90"/>
        <v/>
      </c>
      <c r="BL148" s="307" t="str">
        <f t="shared" si="91"/>
        <v/>
      </c>
      <c r="BM148" s="307" t="str">
        <f t="shared" si="92"/>
        <v/>
      </c>
      <c r="BN148" s="307" t="str">
        <f t="shared" si="93"/>
        <v/>
      </c>
      <c r="BO148" s="307" t="str">
        <f t="shared" si="94"/>
        <v/>
      </c>
      <c r="BP148" s="307" t="str">
        <f t="shared" si="95"/>
        <v/>
      </c>
      <c r="BQ148" s="307" t="str">
        <f t="shared" si="96"/>
        <v/>
      </c>
      <c r="BR148" s="307" t="str">
        <f t="shared" si="97"/>
        <v/>
      </c>
      <c r="BS148" s="307" t="str">
        <f t="shared" si="98"/>
        <v/>
      </c>
      <c r="BT148" s="307" t="str">
        <f t="shared" si="99"/>
        <v/>
      </c>
      <c r="BU148" s="307" t="str">
        <f t="shared" si="100"/>
        <v/>
      </c>
      <c r="BV148" s="307" t="str">
        <f t="shared" si="101"/>
        <v/>
      </c>
      <c r="BW148" s="307" t="str">
        <f t="shared" si="102"/>
        <v/>
      </c>
      <c r="BX148" s="307" t="str">
        <f t="shared" si="103"/>
        <v/>
      </c>
      <c r="BY148" s="307" t="str">
        <f t="shared" si="104"/>
        <v/>
      </c>
      <c r="BZ148" s="307">
        <f t="shared" si="105"/>
        <v>57252</v>
      </c>
      <c r="CA148" s="307" t="str">
        <f t="shared" si="106"/>
        <v/>
      </c>
      <c r="CB148" s="307" t="str">
        <f t="shared" si="107"/>
        <v/>
      </c>
      <c r="CC148" s="307" t="str">
        <f t="shared" si="108"/>
        <v/>
      </c>
      <c r="CD148" s="303"/>
      <c r="CE148" s="303" t="s">
        <v>399</v>
      </c>
      <c r="CF148" s="303" t="s">
        <v>336</v>
      </c>
    </row>
    <row r="149" spans="1:84" s="318" customFormat="1" ht="56.1" hidden="1" customHeight="1" x14ac:dyDescent="0.2">
      <c r="A149" s="302">
        <v>147</v>
      </c>
      <c r="B149" s="24" t="s">
        <v>53</v>
      </c>
      <c r="C149" s="35" t="s">
        <v>329</v>
      </c>
      <c r="D149" s="303" t="s">
        <v>396</v>
      </c>
      <c r="E149" s="303" t="s">
        <v>414</v>
      </c>
      <c r="F149" s="316" t="s">
        <v>410</v>
      </c>
      <c r="G149" s="303" t="s">
        <v>95</v>
      </c>
      <c r="H149" s="303" t="s">
        <v>347</v>
      </c>
      <c r="I149" s="303" t="s">
        <v>81</v>
      </c>
      <c r="J149" s="303" t="s">
        <v>334</v>
      </c>
      <c r="K149" s="303" t="s">
        <v>225</v>
      </c>
      <c r="L149" s="303" t="s">
        <v>63</v>
      </c>
      <c r="M149" s="303" t="s">
        <v>63</v>
      </c>
      <c r="N149" s="304">
        <v>26354</v>
      </c>
      <c r="O149" s="304">
        <f t="shared" si="109"/>
        <v>26354</v>
      </c>
      <c r="P149" s="303" t="s">
        <v>226</v>
      </c>
      <c r="Q149" s="303" t="s">
        <v>82</v>
      </c>
      <c r="R149" s="317"/>
      <c r="S149" s="317"/>
      <c r="T149" s="317"/>
      <c r="U149" s="317"/>
      <c r="V149" s="317"/>
      <c r="W149" s="317"/>
      <c r="X149" s="317"/>
      <c r="Y149" s="317"/>
      <c r="Z149" s="317"/>
      <c r="AA149" s="317"/>
      <c r="AB149" s="317"/>
      <c r="AC149" s="317"/>
      <c r="AD149" s="317"/>
      <c r="AE149" s="317"/>
      <c r="AF149" s="317"/>
      <c r="AG149" s="317"/>
      <c r="AH149" s="317"/>
      <c r="AI149" s="317"/>
      <c r="AJ149" s="317"/>
      <c r="AK149" s="317"/>
      <c r="AL149" s="317"/>
      <c r="AM149" s="317"/>
      <c r="AN149" s="317"/>
      <c r="AO149" s="317"/>
      <c r="AP149" s="317"/>
      <c r="AQ149" s="317"/>
      <c r="AR149" s="317"/>
      <c r="AS149" s="317"/>
      <c r="AT149" s="317"/>
      <c r="AU149" s="306" t="s">
        <v>66</v>
      </c>
      <c r="AV149" s="317"/>
      <c r="AW149" s="308">
        <f t="shared" si="75"/>
        <v>31</v>
      </c>
      <c r="AX149" s="309">
        <f t="shared" si="76"/>
        <v>850.12903225806451</v>
      </c>
      <c r="AY149" s="307" t="str">
        <f t="shared" si="78"/>
        <v/>
      </c>
      <c r="AZ149" s="307" t="str">
        <f t="shared" si="79"/>
        <v/>
      </c>
      <c r="BA149" s="307" t="str">
        <f t="shared" si="80"/>
        <v/>
      </c>
      <c r="BB149" s="307" t="str">
        <f t="shared" si="81"/>
        <v/>
      </c>
      <c r="BC149" s="307" t="str">
        <f t="shared" si="82"/>
        <v/>
      </c>
      <c r="BD149" s="307" t="str">
        <f t="shared" si="83"/>
        <v/>
      </c>
      <c r="BE149" s="307" t="str">
        <f t="shared" si="84"/>
        <v/>
      </c>
      <c r="BF149" s="307" t="str">
        <f t="shared" si="85"/>
        <v/>
      </c>
      <c r="BG149" s="307" t="str">
        <f t="shared" si="86"/>
        <v/>
      </c>
      <c r="BH149" s="307" t="str">
        <f t="shared" si="87"/>
        <v/>
      </c>
      <c r="BI149" s="307" t="str">
        <f t="shared" si="88"/>
        <v/>
      </c>
      <c r="BJ149" s="307" t="str">
        <f t="shared" si="89"/>
        <v/>
      </c>
      <c r="BK149" s="307" t="str">
        <f t="shared" si="90"/>
        <v/>
      </c>
      <c r="BL149" s="307" t="str">
        <f t="shared" si="91"/>
        <v/>
      </c>
      <c r="BM149" s="307" t="str">
        <f t="shared" si="92"/>
        <v/>
      </c>
      <c r="BN149" s="307" t="str">
        <f t="shared" si="93"/>
        <v/>
      </c>
      <c r="BO149" s="307" t="str">
        <f t="shared" si="94"/>
        <v/>
      </c>
      <c r="BP149" s="307" t="str">
        <f t="shared" si="95"/>
        <v/>
      </c>
      <c r="BQ149" s="307" t="str">
        <f t="shared" si="96"/>
        <v/>
      </c>
      <c r="BR149" s="307" t="str">
        <f t="shared" si="97"/>
        <v/>
      </c>
      <c r="BS149" s="307" t="str">
        <f t="shared" si="98"/>
        <v/>
      </c>
      <c r="BT149" s="307" t="str">
        <f t="shared" si="99"/>
        <v/>
      </c>
      <c r="BU149" s="307" t="str">
        <f t="shared" si="100"/>
        <v/>
      </c>
      <c r="BV149" s="307" t="str">
        <f t="shared" si="101"/>
        <v/>
      </c>
      <c r="BW149" s="307" t="str">
        <f t="shared" si="102"/>
        <v/>
      </c>
      <c r="BX149" s="307" t="str">
        <f t="shared" si="103"/>
        <v/>
      </c>
      <c r="BY149" s="307" t="str">
        <f t="shared" si="104"/>
        <v/>
      </c>
      <c r="BZ149" s="307" t="str">
        <f t="shared" si="105"/>
        <v/>
      </c>
      <c r="CA149" s="307" t="str">
        <f t="shared" si="106"/>
        <v/>
      </c>
      <c r="CB149" s="307">
        <f t="shared" si="107"/>
        <v>26354</v>
      </c>
      <c r="CC149" s="307" t="str">
        <f t="shared" si="108"/>
        <v/>
      </c>
      <c r="CD149" s="303"/>
      <c r="CE149" s="303" t="s">
        <v>399</v>
      </c>
      <c r="CF149" s="303" t="s">
        <v>336</v>
      </c>
    </row>
    <row r="150" spans="1:84" s="211" customFormat="1" ht="56.1" hidden="1" customHeight="1" x14ac:dyDescent="0.2">
      <c r="A150" s="198">
        <v>148</v>
      </c>
      <c r="B150" s="199" t="s">
        <v>53</v>
      </c>
      <c r="C150" s="208" t="s">
        <v>329</v>
      </c>
      <c r="D150" s="200" t="s">
        <v>396</v>
      </c>
      <c r="E150" s="200" t="s">
        <v>414</v>
      </c>
      <c r="F150" s="209" t="s">
        <v>415</v>
      </c>
      <c r="G150" s="200" t="s">
        <v>95</v>
      </c>
      <c r="H150" s="200" t="s">
        <v>368</v>
      </c>
      <c r="I150" s="200" t="s">
        <v>81</v>
      </c>
      <c r="J150" s="200" t="s">
        <v>334</v>
      </c>
      <c r="K150" s="200" t="s">
        <v>122</v>
      </c>
      <c r="L150" s="200" t="s">
        <v>63</v>
      </c>
      <c r="M150" s="200" t="s">
        <v>63</v>
      </c>
      <c r="N150" s="201">
        <v>128014</v>
      </c>
      <c r="O150" s="201">
        <f t="shared" si="109"/>
        <v>128014</v>
      </c>
      <c r="P150" s="200" t="s">
        <v>226</v>
      </c>
      <c r="Q150" s="200" t="s">
        <v>82</v>
      </c>
      <c r="R150" s="210"/>
      <c r="S150" s="210"/>
      <c r="T150" s="210"/>
      <c r="U150" s="210"/>
      <c r="V150" s="210"/>
      <c r="W150" s="210"/>
      <c r="X150" s="210"/>
      <c r="Y150" s="210"/>
      <c r="Z150" s="210"/>
      <c r="AA150" s="210"/>
      <c r="AB150" s="210"/>
      <c r="AC150" s="210"/>
      <c r="AD150" s="210"/>
      <c r="AE150" s="210"/>
      <c r="AF150" s="210"/>
      <c r="AG150" s="210"/>
      <c r="AH150" s="210"/>
      <c r="AI150" s="210"/>
      <c r="AJ150" s="210"/>
      <c r="AK150" s="210"/>
      <c r="AL150" s="210"/>
      <c r="AM150" s="210"/>
      <c r="AN150" s="210"/>
      <c r="AO150" s="210"/>
      <c r="AP150" s="210"/>
      <c r="AQ150" s="210"/>
      <c r="AR150" s="210"/>
      <c r="AS150" s="210"/>
      <c r="AT150" s="203" t="s">
        <v>66</v>
      </c>
      <c r="AU150" s="210"/>
      <c r="AV150" s="210"/>
      <c r="AW150" s="204">
        <f t="shared" si="75"/>
        <v>150</v>
      </c>
      <c r="AX150" s="205">
        <f t="shared" si="76"/>
        <v>853.42666666666662</v>
      </c>
      <c r="AY150" s="203" t="str">
        <f t="shared" si="78"/>
        <v/>
      </c>
      <c r="AZ150" s="203" t="str">
        <f t="shared" si="79"/>
        <v/>
      </c>
      <c r="BA150" s="203" t="str">
        <f t="shared" si="80"/>
        <v/>
      </c>
      <c r="BB150" s="203" t="str">
        <f t="shared" si="81"/>
        <v/>
      </c>
      <c r="BC150" s="203" t="str">
        <f t="shared" si="82"/>
        <v/>
      </c>
      <c r="BD150" s="203" t="str">
        <f t="shared" si="83"/>
        <v/>
      </c>
      <c r="BE150" s="203" t="str">
        <f t="shared" si="84"/>
        <v/>
      </c>
      <c r="BF150" s="203" t="str">
        <f t="shared" si="85"/>
        <v/>
      </c>
      <c r="BG150" s="203" t="str">
        <f t="shared" si="86"/>
        <v/>
      </c>
      <c r="BH150" s="203" t="str">
        <f t="shared" si="87"/>
        <v/>
      </c>
      <c r="BI150" s="203" t="str">
        <f t="shared" si="88"/>
        <v/>
      </c>
      <c r="BJ150" s="203" t="str">
        <f t="shared" si="89"/>
        <v/>
      </c>
      <c r="BK150" s="203" t="str">
        <f t="shared" si="90"/>
        <v/>
      </c>
      <c r="BL150" s="203" t="str">
        <f t="shared" si="91"/>
        <v/>
      </c>
      <c r="BM150" s="203" t="str">
        <f t="shared" si="92"/>
        <v/>
      </c>
      <c r="BN150" s="203" t="str">
        <f t="shared" si="93"/>
        <v/>
      </c>
      <c r="BO150" s="203" t="str">
        <f t="shared" si="94"/>
        <v/>
      </c>
      <c r="BP150" s="203" t="str">
        <f t="shared" si="95"/>
        <v/>
      </c>
      <c r="BQ150" s="203" t="str">
        <f t="shared" si="96"/>
        <v/>
      </c>
      <c r="BR150" s="203" t="str">
        <f t="shared" si="97"/>
        <v/>
      </c>
      <c r="BS150" s="203" t="str">
        <f t="shared" si="98"/>
        <v/>
      </c>
      <c r="BT150" s="203" t="str">
        <f t="shared" si="99"/>
        <v/>
      </c>
      <c r="BU150" s="203" t="str">
        <f t="shared" si="100"/>
        <v/>
      </c>
      <c r="BV150" s="203" t="str">
        <f t="shared" si="101"/>
        <v/>
      </c>
      <c r="BW150" s="203" t="str">
        <f t="shared" si="102"/>
        <v/>
      </c>
      <c r="BX150" s="203" t="str">
        <f t="shared" si="103"/>
        <v/>
      </c>
      <c r="BY150" s="203" t="str">
        <f t="shared" si="104"/>
        <v/>
      </c>
      <c r="BZ150" s="203" t="str">
        <f t="shared" si="105"/>
        <v/>
      </c>
      <c r="CA150" s="203">
        <f t="shared" si="106"/>
        <v>128014</v>
      </c>
      <c r="CB150" s="203" t="str">
        <f t="shared" si="107"/>
        <v/>
      </c>
      <c r="CC150" s="203" t="str">
        <f t="shared" si="108"/>
        <v/>
      </c>
      <c r="CD150" s="200"/>
      <c r="CE150" s="200" t="s">
        <v>399</v>
      </c>
      <c r="CF150" s="200" t="s">
        <v>336</v>
      </c>
    </row>
    <row r="151" spans="1:84" s="211" customFormat="1" ht="56.1" hidden="1" customHeight="1" x14ac:dyDescent="0.2">
      <c r="A151" s="198">
        <v>149</v>
      </c>
      <c r="B151" s="199" t="s">
        <v>53</v>
      </c>
      <c r="C151" s="208" t="s">
        <v>329</v>
      </c>
      <c r="D151" s="200" t="s">
        <v>396</v>
      </c>
      <c r="E151" s="200" t="s">
        <v>369</v>
      </c>
      <c r="F151" s="209" t="s">
        <v>416</v>
      </c>
      <c r="G151" s="200" t="s">
        <v>58</v>
      </c>
      <c r="H151" s="200" t="s">
        <v>347</v>
      </c>
      <c r="I151" s="200" t="s">
        <v>81</v>
      </c>
      <c r="J151" s="200" t="s">
        <v>334</v>
      </c>
      <c r="K151" s="200" t="s">
        <v>225</v>
      </c>
      <c r="L151" s="200" t="s">
        <v>63</v>
      </c>
      <c r="M151" s="200" t="s">
        <v>63</v>
      </c>
      <c r="N151" s="201">
        <v>2035466</v>
      </c>
      <c r="O151" s="201">
        <f t="shared" si="109"/>
        <v>2035466</v>
      </c>
      <c r="P151" s="200" t="s">
        <v>226</v>
      </c>
      <c r="Q151" s="200" t="s">
        <v>82</v>
      </c>
      <c r="R151" s="210"/>
      <c r="S151" s="210"/>
      <c r="T151" s="210"/>
      <c r="U151" s="210"/>
      <c r="V151" s="210"/>
      <c r="W151" s="210"/>
      <c r="X151" s="210"/>
      <c r="Y151" s="210"/>
      <c r="Z151" s="210"/>
      <c r="AA151" s="210"/>
      <c r="AB151" s="210"/>
      <c r="AC151" s="210"/>
      <c r="AD151" s="210"/>
      <c r="AE151" s="210"/>
      <c r="AF151" s="210"/>
      <c r="AG151" s="210"/>
      <c r="AH151" s="203" t="s">
        <v>66</v>
      </c>
      <c r="AI151" s="210"/>
      <c r="AJ151" s="210"/>
      <c r="AK151" s="210"/>
      <c r="AL151" s="210"/>
      <c r="AM151" s="210"/>
      <c r="AN151" s="210"/>
      <c r="AO151" s="210"/>
      <c r="AP151" s="210"/>
      <c r="AQ151" s="210"/>
      <c r="AR151" s="210"/>
      <c r="AS151" s="210"/>
      <c r="AT151" s="210"/>
      <c r="AU151" s="210"/>
      <c r="AV151" s="210"/>
      <c r="AW151" s="204">
        <f t="shared" si="75"/>
        <v>2385</v>
      </c>
      <c r="AX151" s="205">
        <f t="shared" si="76"/>
        <v>853.44486373165614</v>
      </c>
      <c r="AY151" s="203" t="str">
        <f t="shared" si="78"/>
        <v/>
      </c>
      <c r="AZ151" s="203" t="str">
        <f t="shared" si="79"/>
        <v/>
      </c>
      <c r="BA151" s="203" t="str">
        <f t="shared" si="80"/>
        <v/>
      </c>
      <c r="BB151" s="203" t="str">
        <f t="shared" si="81"/>
        <v/>
      </c>
      <c r="BC151" s="203" t="str">
        <f t="shared" si="82"/>
        <v/>
      </c>
      <c r="BD151" s="203" t="str">
        <f t="shared" si="83"/>
        <v/>
      </c>
      <c r="BE151" s="203" t="str">
        <f t="shared" si="84"/>
        <v/>
      </c>
      <c r="BF151" s="203" t="str">
        <f t="shared" si="85"/>
        <v/>
      </c>
      <c r="BG151" s="203" t="str">
        <f t="shared" si="86"/>
        <v/>
      </c>
      <c r="BH151" s="203" t="str">
        <f t="shared" si="87"/>
        <v/>
      </c>
      <c r="BI151" s="203" t="str">
        <f t="shared" si="88"/>
        <v/>
      </c>
      <c r="BJ151" s="203" t="str">
        <f t="shared" si="89"/>
        <v/>
      </c>
      <c r="BK151" s="203" t="str">
        <f t="shared" si="90"/>
        <v/>
      </c>
      <c r="BL151" s="203" t="str">
        <f t="shared" si="91"/>
        <v/>
      </c>
      <c r="BM151" s="203" t="str">
        <f t="shared" si="92"/>
        <v/>
      </c>
      <c r="BN151" s="203" t="str">
        <f t="shared" si="93"/>
        <v/>
      </c>
      <c r="BO151" s="203">
        <f t="shared" si="94"/>
        <v>2035466</v>
      </c>
      <c r="BP151" s="203" t="str">
        <f t="shared" si="95"/>
        <v/>
      </c>
      <c r="BQ151" s="203" t="str">
        <f t="shared" si="96"/>
        <v/>
      </c>
      <c r="BR151" s="203" t="str">
        <f t="shared" si="97"/>
        <v/>
      </c>
      <c r="BS151" s="203" t="str">
        <f t="shared" si="98"/>
        <v/>
      </c>
      <c r="BT151" s="203" t="str">
        <f t="shared" si="99"/>
        <v/>
      </c>
      <c r="BU151" s="203" t="str">
        <f t="shared" si="100"/>
        <v/>
      </c>
      <c r="BV151" s="203" t="str">
        <f t="shared" si="101"/>
        <v/>
      </c>
      <c r="BW151" s="203" t="str">
        <f t="shared" si="102"/>
        <v/>
      </c>
      <c r="BX151" s="203" t="str">
        <f t="shared" si="103"/>
        <v/>
      </c>
      <c r="BY151" s="203" t="str">
        <f t="shared" si="104"/>
        <v/>
      </c>
      <c r="BZ151" s="203" t="str">
        <f t="shared" si="105"/>
        <v/>
      </c>
      <c r="CA151" s="203" t="str">
        <f t="shared" si="106"/>
        <v/>
      </c>
      <c r="CB151" s="203" t="str">
        <f t="shared" si="107"/>
        <v/>
      </c>
      <c r="CC151" s="203" t="str">
        <f t="shared" si="108"/>
        <v/>
      </c>
      <c r="CD151" s="200"/>
      <c r="CE151" s="200" t="s">
        <v>399</v>
      </c>
      <c r="CF151" s="200" t="s">
        <v>336</v>
      </c>
    </row>
    <row r="152" spans="1:84" s="168" customFormat="1" ht="56.1" hidden="1" customHeight="1" x14ac:dyDescent="0.2">
      <c r="A152" s="154">
        <v>150</v>
      </c>
      <c r="B152" s="155" t="s">
        <v>53</v>
      </c>
      <c r="C152" s="165" t="s">
        <v>329</v>
      </c>
      <c r="D152" s="156" t="s">
        <v>396</v>
      </c>
      <c r="E152" s="156" t="s">
        <v>369</v>
      </c>
      <c r="F152" s="166" t="s">
        <v>417</v>
      </c>
      <c r="G152" s="156" t="s">
        <v>58</v>
      </c>
      <c r="H152" s="156" t="s">
        <v>173</v>
      </c>
      <c r="I152" s="156" t="s">
        <v>60</v>
      </c>
      <c r="J152" s="156" t="s">
        <v>334</v>
      </c>
      <c r="K152" s="156" t="s">
        <v>62</v>
      </c>
      <c r="L152" s="156" t="s">
        <v>63</v>
      </c>
      <c r="M152" s="156" t="s">
        <v>63</v>
      </c>
      <c r="N152" s="157">
        <v>1280209</v>
      </c>
      <c r="O152" s="157">
        <f t="shared" si="109"/>
        <v>1280209</v>
      </c>
      <c r="P152" s="156" t="s">
        <v>226</v>
      </c>
      <c r="Q152" s="156" t="s">
        <v>82</v>
      </c>
      <c r="R152" s="161" t="s">
        <v>66</v>
      </c>
      <c r="S152" s="167"/>
      <c r="T152" s="167"/>
      <c r="U152" s="167"/>
      <c r="V152" s="167"/>
      <c r="W152" s="167"/>
      <c r="X152" s="167"/>
      <c r="Y152" s="167"/>
      <c r="Z152" s="167"/>
      <c r="AA152" s="167"/>
      <c r="AB152" s="167"/>
      <c r="AC152" s="167"/>
      <c r="AD152" s="167"/>
      <c r="AE152" s="167"/>
      <c r="AF152" s="167"/>
      <c r="AG152" s="167"/>
      <c r="AH152" s="167"/>
      <c r="AI152" s="167"/>
      <c r="AJ152" s="167"/>
      <c r="AK152" s="167"/>
      <c r="AL152" s="167"/>
      <c r="AM152" s="167"/>
      <c r="AN152" s="167"/>
      <c r="AO152" s="167"/>
      <c r="AP152" s="167"/>
      <c r="AQ152" s="167"/>
      <c r="AR152" s="167"/>
      <c r="AS152" s="167"/>
      <c r="AT152" s="167"/>
      <c r="AU152" s="167"/>
      <c r="AV152" s="167"/>
      <c r="AW152" s="160">
        <f t="shared" si="75"/>
        <v>1500</v>
      </c>
      <c r="AX152" s="158">
        <f t="shared" si="76"/>
        <v>853.47266666666667</v>
      </c>
      <c r="AY152" s="161">
        <f t="shared" si="78"/>
        <v>1280209</v>
      </c>
      <c r="AZ152" s="161" t="str">
        <f t="shared" si="79"/>
        <v/>
      </c>
      <c r="BA152" s="161" t="str">
        <f t="shared" si="80"/>
        <v/>
      </c>
      <c r="BB152" s="161" t="str">
        <f t="shared" si="81"/>
        <v/>
      </c>
      <c r="BC152" s="161" t="str">
        <f t="shared" si="82"/>
        <v/>
      </c>
      <c r="BD152" s="161" t="str">
        <f t="shared" si="83"/>
        <v/>
      </c>
      <c r="BE152" s="161" t="str">
        <f t="shared" si="84"/>
        <v/>
      </c>
      <c r="BF152" s="161" t="str">
        <f t="shared" si="85"/>
        <v/>
      </c>
      <c r="BG152" s="161" t="str">
        <f t="shared" si="86"/>
        <v/>
      </c>
      <c r="BH152" s="161" t="str">
        <f t="shared" si="87"/>
        <v/>
      </c>
      <c r="BI152" s="161" t="str">
        <f t="shared" si="88"/>
        <v/>
      </c>
      <c r="BJ152" s="161" t="str">
        <f t="shared" si="89"/>
        <v/>
      </c>
      <c r="BK152" s="161" t="str">
        <f t="shared" si="90"/>
        <v/>
      </c>
      <c r="BL152" s="161" t="str">
        <f t="shared" si="91"/>
        <v/>
      </c>
      <c r="BM152" s="161" t="str">
        <f t="shared" si="92"/>
        <v/>
      </c>
      <c r="BN152" s="161" t="str">
        <f t="shared" si="93"/>
        <v/>
      </c>
      <c r="BO152" s="161" t="str">
        <f t="shared" si="94"/>
        <v/>
      </c>
      <c r="BP152" s="161" t="str">
        <f t="shared" si="95"/>
        <v/>
      </c>
      <c r="BQ152" s="161" t="str">
        <f t="shared" si="96"/>
        <v/>
      </c>
      <c r="BR152" s="161" t="str">
        <f t="shared" si="97"/>
        <v/>
      </c>
      <c r="BS152" s="161" t="str">
        <f t="shared" si="98"/>
        <v/>
      </c>
      <c r="BT152" s="161" t="str">
        <f t="shared" si="99"/>
        <v/>
      </c>
      <c r="BU152" s="161" t="str">
        <f t="shared" si="100"/>
        <v/>
      </c>
      <c r="BV152" s="161" t="str">
        <f t="shared" si="101"/>
        <v/>
      </c>
      <c r="BW152" s="161" t="str">
        <f t="shared" si="102"/>
        <v/>
      </c>
      <c r="BX152" s="161" t="str">
        <f t="shared" si="103"/>
        <v/>
      </c>
      <c r="BY152" s="161" t="str">
        <f t="shared" si="104"/>
        <v/>
      </c>
      <c r="BZ152" s="161" t="str">
        <f t="shared" si="105"/>
        <v/>
      </c>
      <c r="CA152" s="161" t="str">
        <f t="shared" si="106"/>
        <v/>
      </c>
      <c r="CB152" s="161" t="str">
        <f t="shared" si="107"/>
        <v/>
      </c>
      <c r="CC152" s="161" t="str">
        <f t="shared" si="108"/>
        <v/>
      </c>
      <c r="CD152" s="156"/>
      <c r="CE152" s="156" t="s">
        <v>399</v>
      </c>
      <c r="CF152" s="156" t="s">
        <v>336</v>
      </c>
    </row>
    <row r="153" spans="1:84" s="168" customFormat="1" ht="56.1" hidden="1" customHeight="1" x14ac:dyDescent="0.2">
      <c r="A153" s="154">
        <v>151</v>
      </c>
      <c r="B153" s="155" t="s">
        <v>53</v>
      </c>
      <c r="C153" s="165" t="s">
        <v>329</v>
      </c>
      <c r="D153" s="156" t="s">
        <v>396</v>
      </c>
      <c r="E153" s="156" t="s">
        <v>369</v>
      </c>
      <c r="F153" s="166" t="s">
        <v>418</v>
      </c>
      <c r="G153" s="156" t="s">
        <v>58</v>
      </c>
      <c r="H153" s="156" t="s">
        <v>20</v>
      </c>
      <c r="I153" s="156" t="s">
        <v>81</v>
      </c>
      <c r="J153" s="156" t="s">
        <v>334</v>
      </c>
      <c r="K153" s="156" t="s">
        <v>375</v>
      </c>
      <c r="L153" s="156" t="s">
        <v>63</v>
      </c>
      <c r="M153" s="156" t="s">
        <v>63</v>
      </c>
      <c r="N153" s="157">
        <v>384096</v>
      </c>
      <c r="O153" s="157">
        <f t="shared" si="109"/>
        <v>384096</v>
      </c>
      <c r="P153" s="156" t="s">
        <v>226</v>
      </c>
      <c r="Q153" s="156" t="s">
        <v>82</v>
      </c>
      <c r="R153" s="167"/>
      <c r="S153" s="167"/>
      <c r="T153" s="161" t="s">
        <v>66</v>
      </c>
      <c r="U153" s="167"/>
      <c r="V153" s="167"/>
      <c r="W153" s="167"/>
      <c r="X153" s="167"/>
      <c r="Y153" s="167"/>
      <c r="Z153" s="167"/>
      <c r="AA153" s="167"/>
      <c r="AB153" s="167"/>
      <c r="AC153" s="167"/>
      <c r="AD153" s="167"/>
      <c r="AE153" s="167"/>
      <c r="AF153" s="167"/>
      <c r="AG153" s="167"/>
      <c r="AH153" s="167"/>
      <c r="AI153" s="167"/>
      <c r="AJ153" s="167"/>
      <c r="AK153" s="167"/>
      <c r="AL153" s="167"/>
      <c r="AM153" s="167"/>
      <c r="AN153" s="167"/>
      <c r="AO153" s="167"/>
      <c r="AP153" s="167"/>
      <c r="AQ153" s="167"/>
      <c r="AR153" s="167"/>
      <c r="AS153" s="167"/>
      <c r="AT153" s="167"/>
      <c r="AU153" s="167"/>
      <c r="AV153" s="167"/>
      <c r="AW153" s="160">
        <f t="shared" si="75"/>
        <v>450</v>
      </c>
      <c r="AX153" s="158">
        <f t="shared" si="76"/>
        <v>853.54666666666662</v>
      </c>
      <c r="AY153" s="161" t="str">
        <f t="shared" si="78"/>
        <v/>
      </c>
      <c r="AZ153" s="161" t="str">
        <f t="shared" si="79"/>
        <v/>
      </c>
      <c r="BA153" s="161">
        <f t="shared" si="80"/>
        <v>384096</v>
      </c>
      <c r="BB153" s="161" t="str">
        <f t="shared" si="81"/>
        <v/>
      </c>
      <c r="BC153" s="161" t="str">
        <f t="shared" si="82"/>
        <v/>
      </c>
      <c r="BD153" s="161" t="str">
        <f t="shared" si="83"/>
        <v/>
      </c>
      <c r="BE153" s="161" t="str">
        <f t="shared" si="84"/>
        <v/>
      </c>
      <c r="BF153" s="161" t="str">
        <f t="shared" si="85"/>
        <v/>
      </c>
      <c r="BG153" s="161" t="str">
        <f t="shared" si="86"/>
        <v/>
      </c>
      <c r="BH153" s="161" t="str">
        <f t="shared" si="87"/>
        <v/>
      </c>
      <c r="BI153" s="161" t="str">
        <f t="shared" si="88"/>
        <v/>
      </c>
      <c r="BJ153" s="161" t="str">
        <f t="shared" si="89"/>
        <v/>
      </c>
      <c r="BK153" s="161" t="str">
        <f t="shared" si="90"/>
        <v/>
      </c>
      <c r="BL153" s="161" t="str">
        <f t="shared" si="91"/>
        <v/>
      </c>
      <c r="BM153" s="161" t="str">
        <f t="shared" si="92"/>
        <v/>
      </c>
      <c r="BN153" s="161" t="str">
        <f t="shared" si="93"/>
        <v/>
      </c>
      <c r="BO153" s="161" t="str">
        <f t="shared" si="94"/>
        <v/>
      </c>
      <c r="BP153" s="161" t="str">
        <f t="shared" si="95"/>
        <v/>
      </c>
      <c r="BQ153" s="161" t="str">
        <f t="shared" si="96"/>
        <v/>
      </c>
      <c r="BR153" s="161" t="str">
        <f t="shared" si="97"/>
        <v/>
      </c>
      <c r="BS153" s="161" t="str">
        <f t="shared" si="98"/>
        <v/>
      </c>
      <c r="BT153" s="161" t="str">
        <f t="shared" si="99"/>
        <v/>
      </c>
      <c r="BU153" s="161" t="str">
        <f t="shared" si="100"/>
        <v/>
      </c>
      <c r="BV153" s="161" t="str">
        <f t="shared" si="101"/>
        <v/>
      </c>
      <c r="BW153" s="161" t="str">
        <f t="shared" si="102"/>
        <v/>
      </c>
      <c r="BX153" s="161" t="str">
        <f t="shared" si="103"/>
        <v/>
      </c>
      <c r="BY153" s="161" t="str">
        <f t="shared" si="104"/>
        <v/>
      </c>
      <c r="BZ153" s="161" t="str">
        <f t="shared" si="105"/>
        <v/>
      </c>
      <c r="CA153" s="161" t="str">
        <f t="shared" si="106"/>
        <v/>
      </c>
      <c r="CB153" s="161" t="str">
        <f t="shared" si="107"/>
        <v/>
      </c>
      <c r="CC153" s="161" t="str">
        <f t="shared" si="108"/>
        <v/>
      </c>
      <c r="CD153" s="156"/>
      <c r="CE153" s="156" t="s">
        <v>399</v>
      </c>
      <c r="CF153" s="156" t="s">
        <v>336</v>
      </c>
    </row>
    <row r="154" spans="1:84" s="220" customFormat="1" ht="56.1" hidden="1" customHeight="1" x14ac:dyDescent="0.2">
      <c r="A154" s="181">
        <v>152</v>
      </c>
      <c r="B154" s="182" t="s">
        <v>53</v>
      </c>
      <c r="C154" s="183" t="s">
        <v>329</v>
      </c>
      <c r="D154" s="214" t="s">
        <v>396</v>
      </c>
      <c r="E154" s="214" t="s">
        <v>369</v>
      </c>
      <c r="F154" s="218" t="s">
        <v>419</v>
      </c>
      <c r="G154" s="214" t="s">
        <v>58</v>
      </c>
      <c r="H154" s="214" t="s">
        <v>319</v>
      </c>
      <c r="I154" s="214" t="s">
        <v>81</v>
      </c>
      <c r="J154" s="214" t="s">
        <v>334</v>
      </c>
      <c r="K154" s="214" t="s">
        <v>181</v>
      </c>
      <c r="L154" s="214" t="s">
        <v>63</v>
      </c>
      <c r="M154" s="214" t="s">
        <v>63</v>
      </c>
      <c r="N154" s="215">
        <v>298743</v>
      </c>
      <c r="O154" s="215">
        <f t="shared" si="109"/>
        <v>298743</v>
      </c>
      <c r="P154" s="214" t="s">
        <v>226</v>
      </c>
      <c r="Q154" s="214" t="s">
        <v>82</v>
      </c>
      <c r="R154" s="219"/>
      <c r="S154" s="219"/>
      <c r="T154" s="219"/>
      <c r="U154" s="192" t="s">
        <v>66</v>
      </c>
      <c r="V154" s="219"/>
      <c r="W154" s="219"/>
      <c r="X154" s="219"/>
      <c r="Y154" s="219"/>
      <c r="Z154" s="219"/>
      <c r="AA154" s="219"/>
      <c r="AB154" s="219"/>
      <c r="AC154" s="219"/>
      <c r="AD154" s="219"/>
      <c r="AE154" s="219"/>
      <c r="AF154" s="219"/>
      <c r="AG154" s="219"/>
      <c r="AH154" s="219"/>
      <c r="AI154" s="219"/>
      <c r="AJ154" s="219"/>
      <c r="AK154" s="219"/>
      <c r="AL154" s="219"/>
      <c r="AM154" s="219"/>
      <c r="AN154" s="219"/>
      <c r="AO154" s="219"/>
      <c r="AP154" s="219"/>
      <c r="AQ154" s="219"/>
      <c r="AR154" s="219"/>
      <c r="AS154" s="219"/>
      <c r="AT154" s="219"/>
      <c r="AU154" s="219"/>
      <c r="AV154" s="219"/>
      <c r="AW154" s="191">
        <f t="shared" si="75"/>
        <v>350</v>
      </c>
      <c r="AX154" s="187">
        <f t="shared" si="76"/>
        <v>853.55142857142857</v>
      </c>
      <c r="AY154" s="192" t="str">
        <f t="shared" si="78"/>
        <v/>
      </c>
      <c r="AZ154" s="192" t="str">
        <f t="shared" si="79"/>
        <v/>
      </c>
      <c r="BA154" s="192" t="str">
        <f t="shared" si="80"/>
        <v/>
      </c>
      <c r="BB154" s="192">
        <f t="shared" si="81"/>
        <v>298743</v>
      </c>
      <c r="BC154" s="192" t="str">
        <f t="shared" si="82"/>
        <v/>
      </c>
      <c r="BD154" s="192" t="str">
        <f t="shared" si="83"/>
        <v/>
      </c>
      <c r="BE154" s="192" t="str">
        <f t="shared" si="84"/>
        <v/>
      </c>
      <c r="BF154" s="192" t="str">
        <f t="shared" si="85"/>
        <v/>
      </c>
      <c r="BG154" s="192" t="str">
        <f t="shared" si="86"/>
        <v/>
      </c>
      <c r="BH154" s="192" t="str">
        <f t="shared" si="87"/>
        <v/>
      </c>
      <c r="BI154" s="192" t="str">
        <f t="shared" si="88"/>
        <v/>
      </c>
      <c r="BJ154" s="192" t="str">
        <f t="shared" si="89"/>
        <v/>
      </c>
      <c r="BK154" s="192" t="str">
        <f t="shared" si="90"/>
        <v/>
      </c>
      <c r="BL154" s="192" t="str">
        <f t="shared" si="91"/>
        <v/>
      </c>
      <c r="BM154" s="192" t="str">
        <f t="shared" si="92"/>
        <v/>
      </c>
      <c r="BN154" s="192" t="str">
        <f t="shared" si="93"/>
        <v/>
      </c>
      <c r="BO154" s="192" t="str">
        <f t="shared" si="94"/>
        <v/>
      </c>
      <c r="BP154" s="192" t="str">
        <f t="shared" si="95"/>
        <v/>
      </c>
      <c r="BQ154" s="192" t="str">
        <f t="shared" si="96"/>
        <v/>
      </c>
      <c r="BR154" s="192" t="str">
        <f t="shared" si="97"/>
        <v/>
      </c>
      <c r="BS154" s="192" t="str">
        <f t="shared" si="98"/>
        <v/>
      </c>
      <c r="BT154" s="192" t="str">
        <f t="shared" si="99"/>
        <v/>
      </c>
      <c r="BU154" s="192" t="str">
        <f t="shared" si="100"/>
        <v/>
      </c>
      <c r="BV154" s="192" t="str">
        <f t="shared" si="101"/>
        <v/>
      </c>
      <c r="BW154" s="192" t="str">
        <f t="shared" si="102"/>
        <v/>
      </c>
      <c r="BX154" s="192" t="str">
        <f t="shared" si="103"/>
        <v/>
      </c>
      <c r="BY154" s="192" t="str">
        <f t="shared" si="104"/>
        <v/>
      </c>
      <c r="BZ154" s="192" t="str">
        <f t="shared" si="105"/>
        <v/>
      </c>
      <c r="CA154" s="192" t="str">
        <f t="shared" si="106"/>
        <v/>
      </c>
      <c r="CB154" s="192" t="str">
        <f t="shared" si="107"/>
        <v/>
      </c>
      <c r="CC154" s="192" t="str">
        <f t="shared" si="108"/>
        <v/>
      </c>
      <c r="CD154" s="214"/>
      <c r="CE154" s="214" t="s">
        <v>399</v>
      </c>
      <c r="CF154" s="214" t="s">
        <v>336</v>
      </c>
    </row>
    <row r="155" spans="1:84" s="211" customFormat="1" ht="56.1" hidden="1" customHeight="1" x14ac:dyDescent="0.2">
      <c r="A155" s="198">
        <v>153</v>
      </c>
      <c r="B155" s="199" t="s">
        <v>53</v>
      </c>
      <c r="C155" s="208" t="s">
        <v>329</v>
      </c>
      <c r="D155" s="200" t="s">
        <v>396</v>
      </c>
      <c r="E155" s="200" t="s">
        <v>369</v>
      </c>
      <c r="F155" s="209" t="s">
        <v>404</v>
      </c>
      <c r="G155" s="200" t="s">
        <v>58</v>
      </c>
      <c r="H155" s="200" t="s">
        <v>322</v>
      </c>
      <c r="I155" s="200" t="s">
        <v>81</v>
      </c>
      <c r="J155" s="200" t="s">
        <v>334</v>
      </c>
      <c r="K155" s="200" t="s">
        <v>377</v>
      </c>
      <c r="L155" s="200" t="s">
        <v>63</v>
      </c>
      <c r="M155" s="200" t="s">
        <v>63</v>
      </c>
      <c r="N155" s="201">
        <v>170699</v>
      </c>
      <c r="O155" s="201">
        <f t="shared" si="109"/>
        <v>170699</v>
      </c>
      <c r="P155" s="200" t="s">
        <v>226</v>
      </c>
      <c r="Q155" s="200" t="s">
        <v>82</v>
      </c>
      <c r="R155" s="210"/>
      <c r="S155" s="203" t="s">
        <v>66</v>
      </c>
      <c r="T155" s="210"/>
      <c r="U155" s="210"/>
      <c r="V155" s="210"/>
      <c r="W155" s="210"/>
      <c r="X155" s="210"/>
      <c r="Y155" s="210"/>
      <c r="Z155" s="210"/>
      <c r="AA155" s="210"/>
      <c r="AB155" s="210"/>
      <c r="AC155" s="210"/>
      <c r="AD155" s="210"/>
      <c r="AE155" s="210"/>
      <c r="AF155" s="210"/>
      <c r="AG155" s="210"/>
      <c r="AH155" s="210"/>
      <c r="AI155" s="210"/>
      <c r="AJ155" s="210"/>
      <c r="AK155" s="210"/>
      <c r="AL155" s="210"/>
      <c r="AM155" s="210"/>
      <c r="AN155" s="210"/>
      <c r="AO155" s="210"/>
      <c r="AP155" s="210"/>
      <c r="AQ155" s="210"/>
      <c r="AR155" s="210"/>
      <c r="AS155" s="210"/>
      <c r="AT155" s="210"/>
      <c r="AU155" s="210"/>
      <c r="AV155" s="210"/>
      <c r="AW155" s="204">
        <f t="shared" si="75"/>
        <v>200</v>
      </c>
      <c r="AX155" s="205">
        <f t="shared" si="76"/>
        <v>853.495</v>
      </c>
      <c r="AY155" s="203" t="str">
        <f t="shared" si="78"/>
        <v/>
      </c>
      <c r="AZ155" s="203">
        <f t="shared" si="79"/>
        <v>170699</v>
      </c>
      <c r="BA155" s="203" t="str">
        <f t="shared" si="80"/>
        <v/>
      </c>
      <c r="BB155" s="203" t="str">
        <f t="shared" si="81"/>
        <v/>
      </c>
      <c r="BC155" s="203" t="str">
        <f t="shared" si="82"/>
        <v/>
      </c>
      <c r="BD155" s="203" t="str">
        <f t="shared" si="83"/>
        <v/>
      </c>
      <c r="BE155" s="203" t="str">
        <f t="shared" si="84"/>
        <v/>
      </c>
      <c r="BF155" s="203" t="str">
        <f t="shared" si="85"/>
        <v/>
      </c>
      <c r="BG155" s="203" t="str">
        <f t="shared" si="86"/>
        <v/>
      </c>
      <c r="BH155" s="203" t="str">
        <f t="shared" si="87"/>
        <v/>
      </c>
      <c r="BI155" s="203" t="str">
        <f t="shared" si="88"/>
        <v/>
      </c>
      <c r="BJ155" s="203" t="str">
        <f t="shared" si="89"/>
        <v/>
      </c>
      <c r="BK155" s="203" t="str">
        <f t="shared" si="90"/>
        <v/>
      </c>
      <c r="BL155" s="203" t="str">
        <f t="shared" si="91"/>
        <v/>
      </c>
      <c r="BM155" s="203" t="str">
        <f t="shared" si="92"/>
        <v/>
      </c>
      <c r="BN155" s="203" t="str">
        <f t="shared" si="93"/>
        <v/>
      </c>
      <c r="BO155" s="203" t="str">
        <f t="shared" si="94"/>
        <v/>
      </c>
      <c r="BP155" s="203" t="str">
        <f t="shared" si="95"/>
        <v/>
      </c>
      <c r="BQ155" s="203" t="str">
        <f t="shared" si="96"/>
        <v/>
      </c>
      <c r="BR155" s="203" t="str">
        <f t="shared" si="97"/>
        <v/>
      </c>
      <c r="BS155" s="203" t="str">
        <f t="shared" si="98"/>
        <v/>
      </c>
      <c r="BT155" s="203" t="str">
        <f t="shared" si="99"/>
        <v/>
      </c>
      <c r="BU155" s="203" t="str">
        <f t="shared" si="100"/>
        <v/>
      </c>
      <c r="BV155" s="203" t="str">
        <f t="shared" si="101"/>
        <v/>
      </c>
      <c r="BW155" s="203" t="str">
        <f t="shared" si="102"/>
        <v/>
      </c>
      <c r="BX155" s="203" t="str">
        <f t="shared" si="103"/>
        <v/>
      </c>
      <c r="BY155" s="203" t="str">
        <f t="shared" si="104"/>
        <v/>
      </c>
      <c r="BZ155" s="203" t="str">
        <f t="shared" si="105"/>
        <v/>
      </c>
      <c r="CA155" s="203" t="str">
        <f t="shared" si="106"/>
        <v/>
      </c>
      <c r="CB155" s="203" t="str">
        <f t="shared" si="107"/>
        <v/>
      </c>
      <c r="CC155" s="203" t="str">
        <f t="shared" si="108"/>
        <v/>
      </c>
      <c r="CD155" s="200"/>
      <c r="CE155" s="200" t="s">
        <v>399</v>
      </c>
      <c r="CF155" s="200" t="s">
        <v>336</v>
      </c>
    </row>
    <row r="156" spans="1:84" s="168" customFormat="1" ht="56.1" hidden="1" customHeight="1" x14ac:dyDescent="0.2">
      <c r="A156" s="154">
        <v>154</v>
      </c>
      <c r="B156" s="155" t="s">
        <v>53</v>
      </c>
      <c r="C156" s="165" t="s">
        <v>329</v>
      </c>
      <c r="D156" s="156" t="s">
        <v>396</v>
      </c>
      <c r="E156" s="156" t="s">
        <v>369</v>
      </c>
      <c r="F156" s="166" t="s">
        <v>420</v>
      </c>
      <c r="G156" s="156" t="s">
        <v>58</v>
      </c>
      <c r="H156" s="156" t="s">
        <v>21</v>
      </c>
      <c r="I156" s="156" t="s">
        <v>81</v>
      </c>
      <c r="J156" s="156" t="s">
        <v>334</v>
      </c>
      <c r="K156" s="156" t="s">
        <v>204</v>
      </c>
      <c r="L156" s="156" t="s">
        <v>63</v>
      </c>
      <c r="M156" s="156" t="s">
        <v>63</v>
      </c>
      <c r="N156" s="157">
        <v>256055</v>
      </c>
      <c r="O156" s="157">
        <f t="shared" si="109"/>
        <v>256055</v>
      </c>
      <c r="P156" s="156" t="s">
        <v>226</v>
      </c>
      <c r="Q156" s="156" t="s">
        <v>82</v>
      </c>
      <c r="R156" s="167"/>
      <c r="S156" s="167"/>
      <c r="T156" s="167"/>
      <c r="U156" s="167"/>
      <c r="V156" s="161" t="s">
        <v>66</v>
      </c>
      <c r="W156" s="167"/>
      <c r="X156" s="167"/>
      <c r="Y156" s="167"/>
      <c r="Z156" s="167"/>
      <c r="AA156" s="167"/>
      <c r="AB156" s="167"/>
      <c r="AC156" s="167"/>
      <c r="AD156" s="167"/>
      <c r="AE156" s="167"/>
      <c r="AF156" s="167"/>
      <c r="AG156" s="167"/>
      <c r="AH156" s="167"/>
      <c r="AI156" s="167"/>
      <c r="AJ156" s="167"/>
      <c r="AK156" s="167"/>
      <c r="AL156" s="167"/>
      <c r="AM156" s="167"/>
      <c r="AN156" s="167"/>
      <c r="AO156" s="167"/>
      <c r="AP156" s="167"/>
      <c r="AQ156" s="167"/>
      <c r="AR156" s="167"/>
      <c r="AS156" s="167"/>
      <c r="AT156" s="167"/>
      <c r="AU156" s="167"/>
      <c r="AV156" s="167"/>
      <c r="AW156" s="160">
        <f t="shared" si="75"/>
        <v>300</v>
      </c>
      <c r="AX156" s="158">
        <f t="shared" si="76"/>
        <v>853.51666666666665</v>
      </c>
      <c r="AY156" s="161" t="str">
        <f t="shared" si="78"/>
        <v/>
      </c>
      <c r="AZ156" s="161" t="str">
        <f t="shared" si="79"/>
        <v/>
      </c>
      <c r="BA156" s="161" t="str">
        <f t="shared" si="80"/>
        <v/>
      </c>
      <c r="BB156" s="161" t="str">
        <f t="shared" si="81"/>
        <v/>
      </c>
      <c r="BC156" s="161">
        <f t="shared" si="82"/>
        <v>256055</v>
      </c>
      <c r="BD156" s="161" t="str">
        <f t="shared" si="83"/>
        <v/>
      </c>
      <c r="BE156" s="161" t="str">
        <f t="shared" si="84"/>
        <v/>
      </c>
      <c r="BF156" s="161" t="str">
        <f t="shared" si="85"/>
        <v/>
      </c>
      <c r="BG156" s="161" t="str">
        <f t="shared" si="86"/>
        <v/>
      </c>
      <c r="BH156" s="161" t="str">
        <f t="shared" si="87"/>
        <v/>
      </c>
      <c r="BI156" s="161" t="str">
        <f t="shared" si="88"/>
        <v/>
      </c>
      <c r="BJ156" s="161" t="str">
        <f t="shared" si="89"/>
        <v/>
      </c>
      <c r="BK156" s="161" t="str">
        <f t="shared" si="90"/>
        <v/>
      </c>
      <c r="BL156" s="161" t="str">
        <f t="shared" si="91"/>
        <v/>
      </c>
      <c r="BM156" s="161" t="str">
        <f t="shared" si="92"/>
        <v/>
      </c>
      <c r="BN156" s="161" t="str">
        <f t="shared" si="93"/>
        <v/>
      </c>
      <c r="BO156" s="161" t="str">
        <f t="shared" si="94"/>
        <v/>
      </c>
      <c r="BP156" s="161" t="str">
        <f t="shared" si="95"/>
        <v/>
      </c>
      <c r="BQ156" s="161" t="str">
        <f t="shared" si="96"/>
        <v/>
      </c>
      <c r="BR156" s="161" t="str">
        <f t="shared" si="97"/>
        <v/>
      </c>
      <c r="BS156" s="161" t="str">
        <f t="shared" si="98"/>
        <v/>
      </c>
      <c r="BT156" s="161" t="str">
        <f t="shared" si="99"/>
        <v/>
      </c>
      <c r="BU156" s="161" t="str">
        <f t="shared" si="100"/>
        <v/>
      </c>
      <c r="BV156" s="161" t="str">
        <f t="shared" si="101"/>
        <v/>
      </c>
      <c r="BW156" s="161" t="str">
        <f t="shared" si="102"/>
        <v/>
      </c>
      <c r="BX156" s="161" t="str">
        <f t="shared" si="103"/>
        <v/>
      </c>
      <c r="BY156" s="161" t="str">
        <f t="shared" si="104"/>
        <v/>
      </c>
      <c r="BZ156" s="161" t="str">
        <f t="shared" si="105"/>
        <v/>
      </c>
      <c r="CA156" s="161" t="str">
        <f t="shared" si="106"/>
        <v/>
      </c>
      <c r="CB156" s="161" t="str">
        <f t="shared" si="107"/>
        <v/>
      </c>
      <c r="CC156" s="161" t="str">
        <f t="shared" si="108"/>
        <v/>
      </c>
      <c r="CD156" s="156"/>
      <c r="CE156" s="156" t="s">
        <v>399</v>
      </c>
      <c r="CF156" s="156" t="s">
        <v>336</v>
      </c>
    </row>
    <row r="157" spans="1:84" s="168" customFormat="1" ht="56.1" hidden="1" customHeight="1" x14ac:dyDescent="0.2">
      <c r="A157" s="154">
        <v>155</v>
      </c>
      <c r="B157" s="155" t="s">
        <v>53</v>
      </c>
      <c r="C157" s="165" t="s">
        <v>329</v>
      </c>
      <c r="D157" s="156" t="s">
        <v>396</v>
      </c>
      <c r="E157" s="156" t="s">
        <v>369</v>
      </c>
      <c r="F157" s="166" t="s">
        <v>407</v>
      </c>
      <c r="G157" s="156" t="s">
        <v>58</v>
      </c>
      <c r="H157" s="156" t="s">
        <v>323</v>
      </c>
      <c r="I157" s="156" t="s">
        <v>81</v>
      </c>
      <c r="J157" s="156" t="s">
        <v>334</v>
      </c>
      <c r="K157" s="156" t="s">
        <v>380</v>
      </c>
      <c r="L157" s="156" t="s">
        <v>63</v>
      </c>
      <c r="M157" s="156" t="s">
        <v>63</v>
      </c>
      <c r="N157" s="157">
        <v>85372</v>
      </c>
      <c r="O157" s="157">
        <f t="shared" si="109"/>
        <v>85372</v>
      </c>
      <c r="P157" s="156" t="s">
        <v>226</v>
      </c>
      <c r="Q157" s="156" t="s">
        <v>82</v>
      </c>
      <c r="R157" s="167"/>
      <c r="S157" s="167"/>
      <c r="T157" s="167"/>
      <c r="U157" s="167"/>
      <c r="V157" s="167"/>
      <c r="W157" s="167"/>
      <c r="X157" s="161" t="s">
        <v>66</v>
      </c>
      <c r="Y157" s="167"/>
      <c r="Z157" s="167"/>
      <c r="AA157" s="167"/>
      <c r="AB157" s="167"/>
      <c r="AC157" s="167"/>
      <c r="AD157" s="167"/>
      <c r="AE157" s="167"/>
      <c r="AF157" s="167"/>
      <c r="AG157" s="167"/>
      <c r="AH157" s="167"/>
      <c r="AI157" s="167"/>
      <c r="AJ157" s="167"/>
      <c r="AK157" s="167"/>
      <c r="AL157" s="167"/>
      <c r="AM157" s="167"/>
      <c r="AN157" s="167"/>
      <c r="AO157" s="167"/>
      <c r="AP157" s="167"/>
      <c r="AQ157" s="167"/>
      <c r="AR157" s="167"/>
      <c r="AS157" s="167"/>
      <c r="AT157" s="167"/>
      <c r="AU157" s="167"/>
      <c r="AV157" s="167"/>
      <c r="AW157" s="160">
        <f t="shared" si="75"/>
        <v>100</v>
      </c>
      <c r="AX157" s="158">
        <f t="shared" si="76"/>
        <v>853.72</v>
      </c>
      <c r="AY157" s="161" t="str">
        <f t="shared" si="78"/>
        <v/>
      </c>
      <c r="AZ157" s="161" t="str">
        <f t="shared" si="79"/>
        <v/>
      </c>
      <c r="BA157" s="161" t="str">
        <f t="shared" si="80"/>
        <v/>
      </c>
      <c r="BB157" s="161" t="str">
        <f t="shared" si="81"/>
        <v/>
      </c>
      <c r="BC157" s="161" t="str">
        <f t="shared" si="82"/>
        <v/>
      </c>
      <c r="BD157" s="161" t="str">
        <f t="shared" si="83"/>
        <v/>
      </c>
      <c r="BE157" s="161">
        <f t="shared" si="84"/>
        <v>85372</v>
      </c>
      <c r="BF157" s="161" t="str">
        <f t="shared" si="85"/>
        <v/>
      </c>
      <c r="BG157" s="161" t="str">
        <f t="shared" si="86"/>
        <v/>
      </c>
      <c r="BH157" s="161" t="str">
        <f t="shared" si="87"/>
        <v/>
      </c>
      <c r="BI157" s="161" t="str">
        <f t="shared" si="88"/>
        <v/>
      </c>
      <c r="BJ157" s="161" t="str">
        <f t="shared" si="89"/>
        <v/>
      </c>
      <c r="BK157" s="161" t="str">
        <f t="shared" si="90"/>
        <v/>
      </c>
      <c r="BL157" s="161" t="str">
        <f t="shared" si="91"/>
        <v/>
      </c>
      <c r="BM157" s="161" t="str">
        <f t="shared" si="92"/>
        <v/>
      </c>
      <c r="BN157" s="161" t="str">
        <f t="shared" si="93"/>
        <v/>
      </c>
      <c r="BO157" s="161" t="str">
        <f t="shared" si="94"/>
        <v/>
      </c>
      <c r="BP157" s="161" t="str">
        <f t="shared" si="95"/>
        <v/>
      </c>
      <c r="BQ157" s="161" t="str">
        <f t="shared" si="96"/>
        <v/>
      </c>
      <c r="BR157" s="161" t="str">
        <f t="shared" si="97"/>
        <v/>
      </c>
      <c r="BS157" s="161" t="str">
        <f t="shared" si="98"/>
        <v/>
      </c>
      <c r="BT157" s="161" t="str">
        <f t="shared" si="99"/>
        <v/>
      </c>
      <c r="BU157" s="161" t="str">
        <f t="shared" si="100"/>
        <v/>
      </c>
      <c r="BV157" s="161" t="str">
        <f t="shared" si="101"/>
        <v/>
      </c>
      <c r="BW157" s="161" t="str">
        <f t="shared" si="102"/>
        <v/>
      </c>
      <c r="BX157" s="161" t="str">
        <f t="shared" si="103"/>
        <v/>
      </c>
      <c r="BY157" s="161" t="str">
        <f t="shared" si="104"/>
        <v/>
      </c>
      <c r="BZ157" s="161" t="str">
        <f t="shared" si="105"/>
        <v/>
      </c>
      <c r="CA157" s="161" t="str">
        <f t="shared" si="106"/>
        <v/>
      </c>
      <c r="CB157" s="161" t="str">
        <f t="shared" si="107"/>
        <v/>
      </c>
      <c r="CC157" s="161" t="str">
        <f t="shared" si="108"/>
        <v/>
      </c>
      <c r="CD157" s="156"/>
      <c r="CE157" s="156" t="s">
        <v>399</v>
      </c>
      <c r="CF157" s="156" t="s">
        <v>336</v>
      </c>
    </row>
    <row r="158" spans="1:84" s="168" customFormat="1" ht="56.1" hidden="1" customHeight="1" x14ac:dyDescent="0.2">
      <c r="A158" s="154">
        <v>156</v>
      </c>
      <c r="B158" s="155" t="s">
        <v>53</v>
      </c>
      <c r="C158" s="165" t="s">
        <v>329</v>
      </c>
      <c r="D158" s="156" t="s">
        <v>396</v>
      </c>
      <c r="E158" s="156" t="s">
        <v>369</v>
      </c>
      <c r="F158" s="166" t="s">
        <v>421</v>
      </c>
      <c r="G158" s="156" t="s">
        <v>58</v>
      </c>
      <c r="H158" s="156" t="s">
        <v>324</v>
      </c>
      <c r="I158" s="156" t="s">
        <v>81</v>
      </c>
      <c r="J158" s="156" t="s">
        <v>334</v>
      </c>
      <c r="K158" s="156" t="s">
        <v>382</v>
      </c>
      <c r="L158" s="156" t="s">
        <v>63</v>
      </c>
      <c r="M158" s="156" t="s">
        <v>63</v>
      </c>
      <c r="N158" s="157">
        <v>332829</v>
      </c>
      <c r="O158" s="157">
        <f t="shared" si="109"/>
        <v>332829</v>
      </c>
      <c r="P158" s="156" t="s">
        <v>226</v>
      </c>
      <c r="Q158" s="156" t="s">
        <v>82</v>
      </c>
      <c r="R158" s="167"/>
      <c r="S158" s="167"/>
      <c r="T158" s="167"/>
      <c r="U158" s="167"/>
      <c r="V158" s="167"/>
      <c r="W158" s="167"/>
      <c r="X158" s="167"/>
      <c r="Y158" s="161" t="s">
        <v>66</v>
      </c>
      <c r="Z158" s="167"/>
      <c r="AA158" s="167"/>
      <c r="AB158" s="167"/>
      <c r="AC158" s="167"/>
      <c r="AD158" s="167"/>
      <c r="AE158" s="167"/>
      <c r="AF158" s="167"/>
      <c r="AG158" s="167"/>
      <c r="AH158" s="167"/>
      <c r="AI158" s="167"/>
      <c r="AJ158" s="167"/>
      <c r="AK158" s="167"/>
      <c r="AL158" s="167"/>
      <c r="AM158" s="167"/>
      <c r="AN158" s="167"/>
      <c r="AO158" s="167"/>
      <c r="AP158" s="167"/>
      <c r="AQ158" s="167"/>
      <c r="AR158" s="167"/>
      <c r="AS158" s="167"/>
      <c r="AT158" s="167"/>
      <c r="AU158" s="167"/>
      <c r="AV158" s="167"/>
      <c r="AW158" s="160">
        <f t="shared" si="75"/>
        <v>390</v>
      </c>
      <c r="AX158" s="158">
        <f t="shared" si="76"/>
        <v>853.40769230769229</v>
      </c>
      <c r="AY158" s="161" t="str">
        <f t="shared" si="78"/>
        <v/>
      </c>
      <c r="AZ158" s="161" t="str">
        <f t="shared" si="79"/>
        <v/>
      </c>
      <c r="BA158" s="161" t="str">
        <f t="shared" si="80"/>
        <v/>
      </c>
      <c r="BB158" s="161" t="str">
        <f t="shared" si="81"/>
        <v/>
      </c>
      <c r="BC158" s="161" t="str">
        <f t="shared" si="82"/>
        <v/>
      </c>
      <c r="BD158" s="161" t="str">
        <f t="shared" si="83"/>
        <v/>
      </c>
      <c r="BE158" s="161" t="str">
        <f t="shared" si="84"/>
        <v/>
      </c>
      <c r="BF158" s="161">
        <f t="shared" si="85"/>
        <v>332829</v>
      </c>
      <c r="BG158" s="161" t="str">
        <f t="shared" si="86"/>
        <v/>
      </c>
      <c r="BH158" s="161" t="str">
        <f t="shared" si="87"/>
        <v/>
      </c>
      <c r="BI158" s="161" t="str">
        <f t="shared" si="88"/>
        <v/>
      </c>
      <c r="BJ158" s="161" t="str">
        <f t="shared" si="89"/>
        <v/>
      </c>
      <c r="BK158" s="161" t="str">
        <f t="shared" si="90"/>
        <v/>
      </c>
      <c r="BL158" s="161" t="str">
        <f t="shared" si="91"/>
        <v/>
      </c>
      <c r="BM158" s="161" t="str">
        <f t="shared" si="92"/>
        <v/>
      </c>
      <c r="BN158" s="161" t="str">
        <f t="shared" si="93"/>
        <v/>
      </c>
      <c r="BO158" s="161" t="str">
        <f t="shared" si="94"/>
        <v/>
      </c>
      <c r="BP158" s="161" t="str">
        <f t="shared" si="95"/>
        <v/>
      </c>
      <c r="BQ158" s="161" t="str">
        <f t="shared" si="96"/>
        <v/>
      </c>
      <c r="BR158" s="161" t="str">
        <f t="shared" si="97"/>
        <v/>
      </c>
      <c r="BS158" s="161" t="str">
        <f t="shared" si="98"/>
        <v/>
      </c>
      <c r="BT158" s="161" t="str">
        <f t="shared" si="99"/>
        <v/>
      </c>
      <c r="BU158" s="161" t="str">
        <f t="shared" si="100"/>
        <v/>
      </c>
      <c r="BV158" s="161" t="str">
        <f t="shared" si="101"/>
        <v/>
      </c>
      <c r="BW158" s="161" t="str">
        <f t="shared" si="102"/>
        <v/>
      </c>
      <c r="BX158" s="161" t="str">
        <f t="shared" si="103"/>
        <v/>
      </c>
      <c r="BY158" s="161" t="str">
        <f t="shared" si="104"/>
        <v/>
      </c>
      <c r="BZ158" s="161" t="str">
        <f t="shared" si="105"/>
        <v/>
      </c>
      <c r="CA158" s="161" t="str">
        <f t="shared" si="106"/>
        <v/>
      </c>
      <c r="CB158" s="161" t="str">
        <f t="shared" si="107"/>
        <v/>
      </c>
      <c r="CC158" s="161" t="str">
        <f t="shared" si="108"/>
        <v/>
      </c>
      <c r="CD158" s="156"/>
      <c r="CE158" s="156" t="s">
        <v>399</v>
      </c>
      <c r="CF158" s="156" t="s">
        <v>336</v>
      </c>
    </row>
    <row r="159" spans="1:84" s="211" customFormat="1" ht="56.1" hidden="1" customHeight="1" x14ac:dyDescent="0.2">
      <c r="A159" s="198">
        <v>157</v>
      </c>
      <c r="B159" s="199" t="s">
        <v>53</v>
      </c>
      <c r="C159" s="208" t="s">
        <v>329</v>
      </c>
      <c r="D159" s="200" t="s">
        <v>396</v>
      </c>
      <c r="E159" s="200" t="s">
        <v>369</v>
      </c>
      <c r="F159" s="209" t="s">
        <v>422</v>
      </c>
      <c r="G159" s="200" t="s">
        <v>58</v>
      </c>
      <c r="H159" s="200" t="s">
        <v>384</v>
      </c>
      <c r="I159" s="200" t="s">
        <v>81</v>
      </c>
      <c r="J159" s="200" t="s">
        <v>334</v>
      </c>
      <c r="K159" s="200" t="s">
        <v>187</v>
      </c>
      <c r="L159" s="200" t="s">
        <v>63</v>
      </c>
      <c r="M159" s="200" t="s">
        <v>63</v>
      </c>
      <c r="N159" s="201">
        <v>409674</v>
      </c>
      <c r="O159" s="201">
        <f t="shared" si="109"/>
        <v>409674</v>
      </c>
      <c r="P159" s="200" t="s">
        <v>226</v>
      </c>
      <c r="Q159" s="200" t="s">
        <v>82</v>
      </c>
      <c r="R159" s="210"/>
      <c r="S159" s="210"/>
      <c r="T159" s="210"/>
      <c r="U159" s="210"/>
      <c r="V159" s="210"/>
      <c r="W159" s="210"/>
      <c r="X159" s="203" t="s">
        <v>66</v>
      </c>
      <c r="Y159" s="210"/>
      <c r="Z159" s="210"/>
      <c r="AA159" s="210"/>
      <c r="AB159" s="210"/>
      <c r="AC159" s="210"/>
      <c r="AD159" s="210"/>
      <c r="AE159" s="210"/>
      <c r="AF159" s="210"/>
      <c r="AG159" s="210"/>
      <c r="AH159" s="210"/>
      <c r="AI159" s="210"/>
      <c r="AJ159" s="210"/>
      <c r="AK159" s="210"/>
      <c r="AL159" s="210"/>
      <c r="AM159" s="210"/>
      <c r="AN159" s="210"/>
      <c r="AO159" s="210"/>
      <c r="AP159" s="210"/>
      <c r="AQ159" s="210"/>
      <c r="AR159" s="210"/>
      <c r="AS159" s="210"/>
      <c r="AT159" s="210"/>
      <c r="AU159" s="210"/>
      <c r="AV159" s="210"/>
      <c r="AW159" s="204">
        <f t="shared" si="75"/>
        <v>100</v>
      </c>
      <c r="AX159" s="205">
        <f t="shared" ref="AX159:AX190" si="110">O159/AW159</f>
        <v>4096.74</v>
      </c>
      <c r="AY159" s="203" t="str">
        <f t="shared" si="78"/>
        <v/>
      </c>
      <c r="AZ159" s="203" t="str">
        <f t="shared" si="79"/>
        <v/>
      </c>
      <c r="BA159" s="203" t="str">
        <f t="shared" si="80"/>
        <v/>
      </c>
      <c r="BB159" s="203" t="str">
        <f t="shared" si="81"/>
        <v/>
      </c>
      <c r="BC159" s="203" t="str">
        <f t="shared" si="82"/>
        <v/>
      </c>
      <c r="BD159" s="203" t="str">
        <f t="shared" si="83"/>
        <v/>
      </c>
      <c r="BE159" s="203">
        <f t="shared" si="84"/>
        <v>409674</v>
      </c>
      <c r="BF159" s="203" t="str">
        <f t="shared" si="85"/>
        <v/>
      </c>
      <c r="BG159" s="203" t="str">
        <f t="shared" si="86"/>
        <v/>
      </c>
      <c r="BH159" s="203" t="str">
        <f t="shared" si="87"/>
        <v/>
      </c>
      <c r="BI159" s="203" t="str">
        <f t="shared" si="88"/>
        <v/>
      </c>
      <c r="BJ159" s="203" t="str">
        <f t="shared" si="89"/>
        <v/>
      </c>
      <c r="BK159" s="203" t="str">
        <f t="shared" si="90"/>
        <v/>
      </c>
      <c r="BL159" s="203" t="str">
        <f t="shared" si="91"/>
        <v/>
      </c>
      <c r="BM159" s="203" t="str">
        <f t="shared" si="92"/>
        <v/>
      </c>
      <c r="BN159" s="203" t="str">
        <f t="shared" si="93"/>
        <v/>
      </c>
      <c r="BO159" s="203" t="str">
        <f t="shared" si="94"/>
        <v/>
      </c>
      <c r="BP159" s="203" t="str">
        <f t="shared" si="95"/>
        <v/>
      </c>
      <c r="BQ159" s="203" t="str">
        <f t="shared" si="96"/>
        <v/>
      </c>
      <c r="BR159" s="203" t="str">
        <f t="shared" si="97"/>
        <v/>
      </c>
      <c r="BS159" s="203" t="str">
        <f t="shared" si="98"/>
        <v/>
      </c>
      <c r="BT159" s="203" t="str">
        <f t="shared" si="99"/>
        <v/>
      </c>
      <c r="BU159" s="203" t="str">
        <f t="shared" si="100"/>
        <v/>
      </c>
      <c r="BV159" s="203" t="str">
        <f t="shared" si="101"/>
        <v/>
      </c>
      <c r="BW159" s="203" t="str">
        <f t="shared" si="102"/>
        <v/>
      </c>
      <c r="BX159" s="203" t="str">
        <f t="shared" si="103"/>
        <v/>
      </c>
      <c r="BY159" s="203" t="str">
        <f t="shared" si="104"/>
        <v/>
      </c>
      <c r="BZ159" s="203" t="str">
        <f t="shared" si="105"/>
        <v/>
      </c>
      <c r="CA159" s="203" t="str">
        <f t="shared" si="106"/>
        <v/>
      </c>
      <c r="CB159" s="203" t="str">
        <f t="shared" si="107"/>
        <v/>
      </c>
      <c r="CC159" s="203" t="str">
        <f t="shared" si="108"/>
        <v/>
      </c>
      <c r="CD159" s="200"/>
      <c r="CE159" s="200" t="s">
        <v>399</v>
      </c>
      <c r="CF159" s="200" t="s">
        <v>336</v>
      </c>
    </row>
    <row r="160" spans="1:84" s="168" customFormat="1" ht="56.1" hidden="1" customHeight="1" x14ac:dyDescent="0.2">
      <c r="A160" s="154">
        <v>158</v>
      </c>
      <c r="B160" s="155" t="s">
        <v>53</v>
      </c>
      <c r="C160" s="165" t="s">
        <v>329</v>
      </c>
      <c r="D160" s="156" t="s">
        <v>396</v>
      </c>
      <c r="E160" s="156" t="s">
        <v>369</v>
      </c>
      <c r="F160" s="166" t="s">
        <v>423</v>
      </c>
      <c r="G160" s="156" t="s">
        <v>58</v>
      </c>
      <c r="H160" s="156" t="s">
        <v>207</v>
      </c>
      <c r="I160" s="156" t="s">
        <v>81</v>
      </c>
      <c r="J160" s="156" t="s">
        <v>334</v>
      </c>
      <c r="K160" s="156" t="s">
        <v>208</v>
      </c>
      <c r="L160" s="156" t="s">
        <v>63</v>
      </c>
      <c r="M160" s="156" t="s">
        <v>63</v>
      </c>
      <c r="N160" s="157">
        <f>'[1]Hemel Hempstead'!$AW$8</f>
        <v>426826.81814821647</v>
      </c>
      <c r="O160" s="157">
        <f t="shared" si="109"/>
        <v>426826.81814821647</v>
      </c>
      <c r="P160" s="156" t="s">
        <v>226</v>
      </c>
      <c r="Q160" s="156" t="s">
        <v>82</v>
      </c>
      <c r="R160" s="167"/>
      <c r="S160" s="167"/>
      <c r="T160" s="167"/>
      <c r="U160" s="167"/>
      <c r="V160" s="167"/>
      <c r="W160" s="161"/>
      <c r="X160" s="167"/>
      <c r="Y160" s="167"/>
      <c r="Z160" s="167" t="s">
        <v>66</v>
      </c>
      <c r="AA160" s="167"/>
      <c r="AB160" s="167"/>
      <c r="AC160" s="167"/>
      <c r="AD160" s="167"/>
      <c r="AE160" s="167"/>
      <c r="AF160" s="167"/>
      <c r="AG160" s="167"/>
      <c r="AH160" s="167"/>
      <c r="AI160" s="167"/>
      <c r="AJ160" s="167"/>
      <c r="AK160" s="167"/>
      <c r="AL160" s="167"/>
      <c r="AM160" s="167"/>
      <c r="AN160" s="167"/>
      <c r="AO160" s="167"/>
      <c r="AP160" s="167"/>
      <c r="AQ160" s="167"/>
      <c r="AR160" s="167"/>
      <c r="AS160" s="167"/>
      <c r="AT160" s="167"/>
      <c r="AU160" s="167"/>
      <c r="AV160" s="167"/>
      <c r="AW160" s="160">
        <f t="shared" ref="AW160:AW167" si="111">SUMIF(R160:AV160,"YES",$R$2:$AV$2)</f>
        <v>500</v>
      </c>
      <c r="AX160" s="158">
        <f t="shared" si="110"/>
        <v>853.65363629643298</v>
      </c>
      <c r="AY160" s="161" t="str">
        <f t="shared" si="78"/>
        <v/>
      </c>
      <c r="AZ160" s="161" t="str">
        <f t="shared" si="79"/>
        <v/>
      </c>
      <c r="BA160" s="161" t="str">
        <f t="shared" si="80"/>
        <v/>
      </c>
      <c r="BB160" s="161" t="str">
        <f t="shared" si="81"/>
        <v/>
      </c>
      <c r="BC160" s="161" t="str">
        <f t="shared" si="82"/>
        <v/>
      </c>
      <c r="BD160" s="161" t="str">
        <f t="shared" si="83"/>
        <v/>
      </c>
      <c r="BE160" s="161" t="str">
        <f t="shared" si="84"/>
        <v/>
      </c>
      <c r="BF160" s="161" t="str">
        <f t="shared" si="85"/>
        <v/>
      </c>
      <c r="BG160" s="161">
        <f t="shared" si="86"/>
        <v>426826.81814821647</v>
      </c>
      <c r="BH160" s="161" t="str">
        <f t="shared" si="87"/>
        <v/>
      </c>
      <c r="BI160" s="161" t="str">
        <f t="shared" si="88"/>
        <v/>
      </c>
      <c r="BJ160" s="161" t="str">
        <f t="shared" si="89"/>
        <v/>
      </c>
      <c r="BK160" s="161" t="str">
        <f t="shared" si="90"/>
        <v/>
      </c>
      <c r="BL160" s="161" t="str">
        <f t="shared" si="91"/>
        <v/>
      </c>
      <c r="BM160" s="161" t="str">
        <f t="shared" si="92"/>
        <v/>
      </c>
      <c r="BN160" s="161" t="str">
        <f t="shared" si="93"/>
        <v/>
      </c>
      <c r="BO160" s="161" t="str">
        <f t="shared" si="94"/>
        <v/>
      </c>
      <c r="BP160" s="161" t="str">
        <f t="shared" si="95"/>
        <v/>
      </c>
      <c r="BQ160" s="161" t="str">
        <f t="shared" si="96"/>
        <v/>
      </c>
      <c r="BR160" s="161" t="str">
        <f t="shared" si="97"/>
        <v/>
      </c>
      <c r="BS160" s="161" t="str">
        <f t="shared" si="98"/>
        <v/>
      </c>
      <c r="BT160" s="161" t="str">
        <f t="shared" si="99"/>
        <v/>
      </c>
      <c r="BU160" s="161" t="str">
        <f t="shared" si="100"/>
        <v/>
      </c>
      <c r="BV160" s="161" t="str">
        <f t="shared" si="101"/>
        <v/>
      </c>
      <c r="BW160" s="161" t="str">
        <f t="shared" si="102"/>
        <v/>
      </c>
      <c r="BX160" s="161" t="str">
        <f t="shared" si="103"/>
        <v/>
      </c>
      <c r="BY160" s="161" t="str">
        <f t="shared" si="104"/>
        <v/>
      </c>
      <c r="BZ160" s="161" t="str">
        <f t="shared" si="105"/>
        <v/>
      </c>
      <c r="CA160" s="161" t="str">
        <f t="shared" si="106"/>
        <v/>
      </c>
      <c r="CB160" s="161" t="str">
        <f t="shared" si="107"/>
        <v/>
      </c>
      <c r="CC160" s="161" t="str">
        <f t="shared" si="108"/>
        <v/>
      </c>
      <c r="CD160" s="156"/>
      <c r="CE160" s="156"/>
      <c r="CF160" s="156"/>
    </row>
    <row r="161" spans="1:84" s="211" customFormat="1" ht="56.1" hidden="1" customHeight="1" x14ac:dyDescent="0.2">
      <c r="A161" s="198">
        <v>159</v>
      </c>
      <c r="B161" s="199" t="s">
        <v>53</v>
      </c>
      <c r="C161" s="208" t="s">
        <v>329</v>
      </c>
      <c r="D161" s="200" t="s">
        <v>396</v>
      </c>
      <c r="E161" s="200" t="s">
        <v>369</v>
      </c>
      <c r="F161" s="209" t="s">
        <v>424</v>
      </c>
      <c r="G161" s="200" t="s">
        <v>58</v>
      </c>
      <c r="H161" s="200" t="s">
        <v>326</v>
      </c>
      <c r="I161" s="200" t="s">
        <v>81</v>
      </c>
      <c r="J161" s="200" t="s">
        <v>334</v>
      </c>
      <c r="K161" s="200" t="s">
        <v>71</v>
      </c>
      <c r="L161" s="200" t="s">
        <v>63</v>
      </c>
      <c r="M161" s="200" t="s">
        <v>63</v>
      </c>
      <c r="N161" s="201">
        <f>'[1]Hemel Hempstead'!$CK$8</f>
        <v>199856.77630181715</v>
      </c>
      <c r="O161" s="201">
        <f t="shared" si="109"/>
        <v>199856.77630181715</v>
      </c>
      <c r="P161" s="200" t="s">
        <v>226</v>
      </c>
      <c r="Q161" s="200" t="s">
        <v>82</v>
      </c>
      <c r="R161" s="210"/>
      <c r="S161" s="210"/>
      <c r="T161" s="210"/>
      <c r="U161" s="210"/>
      <c r="V161" s="210"/>
      <c r="W161" s="203"/>
      <c r="X161" s="210"/>
      <c r="Y161" s="210"/>
      <c r="Z161" s="210"/>
      <c r="AA161" s="210"/>
      <c r="AB161" s="210"/>
      <c r="AC161" s="210"/>
      <c r="AD161" s="210" t="s">
        <v>66</v>
      </c>
      <c r="AE161" s="210"/>
      <c r="AF161" s="210"/>
      <c r="AG161" s="210"/>
      <c r="AH161" s="210"/>
      <c r="AI161" s="210"/>
      <c r="AJ161" s="210"/>
      <c r="AK161" s="210"/>
      <c r="AL161" s="210"/>
      <c r="AM161" s="210"/>
      <c r="AN161" s="210"/>
      <c r="AO161" s="210"/>
      <c r="AP161" s="210"/>
      <c r="AQ161" s="210"/>
      <c r="AR161" s="210"/>
      <c r="AS161" s="210"/>
      <c r="AT161" s="210"/>
      <c r="AU161" s="210"/>
      <c r="AV161" s="210"/>
      <c r="AW161" s="204">
        <f t="shared" si="111"/>
        <v>234</v>
      </c>
      <c r="AX161" s="205">
        <f t="shared" si="110"/>
        <v>854.08878761460323</v>
      </c>
      <c r="AY161" s="203" t="str">
        <f t="shared" si="78"/>
        <v/>
      </c>
      <c r="AZ161" s="203" t="str">
        <f t="shared" si="79"/>
        <v/>
      </c>
      <c r="BA161" s="203" t="str">
        <f t="shared" si="80"/>
        <v/>
      </c>
      <c r="BB161" s="203" t="str">
        <f t="shared" si="81"/>
        <v/>
      </c>
      <c r="BC161" s="203" t="str">
        <f t="shared" si="82"/>
        <v/>
      </c>
      <c r="BD161" s="203" t="str">
        <f t="shared" si="83"/>
        <v/>
      </c>
      <c r="BE161" s="203" t="str">
        <f t="shared" si="84"/>
        <v/>
      </c>
      <c r="BF161" s="203" t="str">
        <f t="shared" si="85"/>
        <v/>
      </c>
      <c r="BG161" s="203" t="str">
        <f t="shared" si="86"/>
        <v/>
      </c>
      <c r="BH161" s="203" t="str">
        <f t="shared" si="87"/>
        <v/>
      </c>
      <c r="BI161" s="203" t="str">
        <f t="shared" si="88"/>
        <v/>
      </c>
      <c r="BJ161" s="203" t="str">
        <f t="shared" si="89"/>
        <v/>
      </c>
      <c r="BK161" s="203">
        <f t="shared" si="90"/>
        <v>199856.77630181715</v>
      </c>
      <c r="BL161" s="203" t="str">
        <f t="shared" si="91"/>
        <v/>
      </c>
      <c r="BM161" s="203" t="str">
        <f t="shared" si="92"/>
        <v/>
      </c>
      <c r="BN161" s="203" t="str">
        <f t="shared" si="93"/>
        <v/>
      </c>
      <c r="BO161" s="203" t="str">
        <f t="shared" si="94"/>
        <v/>
      </c>
      <c r="BP161" s="203" t="str">
        <f t="shared" si="95"/>
        <v/>
      </c>
      <c r="BQ161" s="203" t="str">
        <f t="shared" si="96"/>
        <v/>
      </c>
      <c r="BR161" s="203" t="str">
        <f t="shared" si="97"/>
        <v/>
      </c>
      <c r="BS161" s="203" t="str">
        <f t="shared" si="98"/>
        <v/>
      </c>
      <c r="BT161" s="203" t="str">
        <f t="shared" si="99"/>
        <v/>
      </c>
      <c r="BU161" s="203" t="str">
        <f t="shared" si="100"/>
        <v/>
      </c>
      <c r="BV161" s="203" t="str">
        <f t="shared" si="101"/>
        <v/>
      </c>
      <c r="BW161" s="203" t="str">
        <f t="shared" si="102"/>
        <v/>
      </c>
      <c r="BX161" s="203" t="str">
        <f t="shared" si="103"/>
        <v/>
      </c>
      <c r="BY161" s="203" t="str">
        <f t="shared" si="104"/>
        <v/>
      </c>
      <c r="BZ161" s="203" t="str">
        <f t="shared" si="105"/>
        <v/>
      </c>
      <c r="CA161" s="203" t="str">
        <f t="shared" si="106"/>
        <v/>
      </c>
      <c r="CB161" s="203" t="str">
        <f t="shared" si="107"/>
        <v/>
      </c>
      <c r="CC161" s="203" t="str">
        <f t="shared" si="108"/>
        <v/>
      </c>
      <c r="CD161" s="200"/>
      <c r="CE161" s="200"/>
      <c r="CF161" s="200"/>
    </row>
    <row r="162" spans="1:84" s="168" customFormat="1" ht="56.1" hidden="1" customHeight="1" x14ac:dyDescent="0.2">
      <c r="A162" s="154">
        <v>160</v>
      </c>
      <c r="B162" s="155" t="s">
        <v>53</v>
      </c>
      <c r="C162" s="165" t="s">
        <v>329</v>
      </c>
      <c r="D162" s="156" t="s">
        <v>396</v>
      </c>
      <c r="E162" s="156" t="s">
        <v>369</v>
      </c>
      <c r="F162" s="166" t="s">
        <v>423</v>
      </c>
      <c r="G162" s="156" t="s">
        <v>58</v>
      </c>
      <c r="H162" s="156" t="s">
        <v>26</v>
      </c>
      <c r="I162" s="156" t="s">
        <v>60</v>
      </c>
      <c r="J162" s="156" t="s">
        <v>334</v>
      </c>
      <c r="K162" s="156" t="s">
        <v>159</v>
      </c>
      <c r="L162" s="156" t="s">
        <v>63</v>
      </c>
      <c r="M162" s="156" t="s">
        <v>63</v>
      </c>
      <c r="N162" s="157">
        <f>'[1]Hemel Hempstead'!$BL$8</f>
        <v>426826.81814821647</v>
      </c>
      <c r="O162" s="157">
        <f t="shared" si="109"/>
        <v>426826.81814821647</v>
      </c>
      <c r="P162" s="156" t="s">
        <v>226</v>
      </c>
      <c r="Q162" s="156" t="s">
        <v>82</v>
      </c>
      <c r="R162" s="167"/>
      <c r="S162" s="167"/>
      <c r="T162" s="167"/>
      <c r="U162" s="167"/>
      <c r="V162" s="167"/>
      <c r="W162" s="161"/>
      <c r="X162" s="167"/>
      <c r="Y162" s="167"/>
      <c r="Z162" s="167"/>
      <c r="AA162" s="167" t="s">
        <v>66</v>
      </c>
      <c r="AB162" s="167"/>
      <c r="AC162" s="167"/>
      <c r="AD162" s="167"/>
      <c r="AE162" s="167"/>
      <c r="AF162" s="167"/>
      <c r="AG162" s="167"/>
      <c r="AH162" s="167"/>
      <c r="AI162" s="167"/>
      <c r="AJ162" s="167"/>
      <c r="AK162" s="167"/>
      <c r="AL162" s="167"/>
      <c r="AM162" s="167"/>
      <c r="AN162" s="167"/>
      <c r="AO162" s="167"/>
      <c r="AP162" s="167"/>
      <c r="AQ162" s="167"/>
      <c r="AR162" s="167"/>
      <c r="AS162" s="167"/>
      <c r="AT162" s="167"/>
      <c r="AU162" s="167"/>
      <c r="AV162" s="167"/>
      <c r="AW162" s="160">
        <f t="shared" si="111"/>
        <v>500</v>
      </c>
      <c r="AX162" s="158">
        <f t="shared" si="110"/>
        <v>853.65363629643298</v>
      </c>
      <c r="AY162" s="161" t="str">
        <f t="shared" si="78"/>
        <v/>
      </c>
      <c r="AZ162" s="161" t="str">
        <f t="shared" si="79"/>
        <v/>
      </c>
      <c r="BA162" s="161" t="str">
        <f t="shared" si="80"/>
        <v/>
      </c>
      <c r="BB162" s="161" t="str">
        <f t="shared" si="81"/>
        <v/>
      </c>
      <c r="BC162" s="161" t="str">
        <f t="shared" si="82"/>
        <v/>
      </c>
      <c r="BD162" s="161" t="str">
        <f t="shared" si="83"/>
        <v/>
      </c>
      <c r="BE162" s="161" t="str">
        <f t="shared" si="84"/>
        <v/>
      </c>
      <c r="BF162" s="161" t="str">
        <f t="shared" si="85"/>
        <v/>
      </c>
      <c r="BG162" s="161" t="str">
        <f t="shared" si="86"/>
        <v/>
      </c>
      <c r="BH162" s="161">
        <f t="shared" si="87"/>
        <v>426826.81814821647</v>
      </c>
      <c r="BI162" s="161" t="str">
        <f t="shared" si="88"/>
        <v/>
      </c>
      <c r="BJ162" s="161" t="str">
        <f t="shared" si="89"/>
        <v/>
      </c>
      <c r="BK162" s="161" t="str">
        <f t="shared" si="90"/>
        <v/>
      </c>
      <c r="BL162" s="161" t="str">
        <f t="shared" si="91"/>
        <v/>
      </c>
      <c r="BM162" s="161" t="str">
        <f t="shared" si="92"/>
        <v/>
      </c>
      <c r="BN162" s="161" t="str">
        <f t="shared" si="93"/>
        <v/>
      </c>
      <c r="BO162" s="161" t="str">
        <f t="shared" si="94"/>
        <v/>
      </c>
      <c r="BP162" s="161" t="str">
        <f t="shared" si="95"/>
        <v/>
      </c>
      <c r="BQ162" s="161" t="str">
        <f t="shared" si="96"/>
        <v/>
      </c>
      <c r="BR162" s="161" t="str">
        <f t="shared" si="97"/>
        <v/>
      </c>
      <c r="BS162" s="161" t="str">
        <f t="shared" si="98"/>
        <v/>
      </c>
      <c r="BT162" s="161" t="str">
        <f t="shared" si="99"/>
        <v/>
      </c>
      <c r="BU162" s="161" t="str">
        <f t="shared" si="100"/>
        <v/>
      </c>
      <c r="BV162" s="161" t="str">
        <f t="shared" si="101"/>
        <v/>
      </c>
      <c r="BW162" s="161" t="str">
        <f t="shared" si="102"/>
        <v/>
      </c>
      <c r="BX162" s="161" t="str">
        <f t="shared" si="103"/>
        <v/>
      </c>
      <c r="BY162" s="161" t="str">
        <f t="shared" si="104"/>
        <v/>
      </c>
      <c r="BZ162" s="161" t="str">
        <f t="shared" si="105"/>
        <v/>
      </c>
      <c r="CA162" s="161" t="str">
        <f t="shared" si="106"/>
        <v/>
      </c>
      <c r="CB162" s="161" t="str">
        <f t="shared" si="107"/>
        <v/>
      </c>
      <c r="CC162" s="161" t="str">
        <f t="shared" si="108"/>
        <v/>
      </c>
      <c r="CD162" s="156"/>
      <c r="CE162" s="156"/>
      <c r="CF162" s="156"/>
    </row>
    <row r="163" spans="1:84" s="168" customFormat="1" ht="56.1" hidden="1" customHeight="1" x14ac:dyDescent="0.2">
      <c r="A163" s="154">
        <v>161</v>
      </c>
      <c r="B163" s="155" t="s">
        <v>53</v>
      </c>
      <c r="C163" s="165" t="s">
        <v>329</v>
      </c>
      <c r="D163" s="156" t="s">
        <v>396</v>
      </c>
      <c r="E163" s="156" t="s">
        <v>369</v>
      </c>
      <c r="F163" s="166" t="s">
        <v>425</v>
      </c>
      <c r="G163" s="156" t="s">
        <v>58</v>
      </c>
      <c r="H163" s="156" t="s">
        <v>27</v>
      </c>
      <c r="I163" s="156" t="s">
        <v>60</v>
      </c>
      <c r="J163" s="156" t="s">
        <v>334</v>
      </c>
      <c r="K163" s="156" t="s">
        <v>390</v>
      </c>
      <c r="L163" s="156" t="s">
        <v>63</v>
      </c>
      <c r="M163" s="156" t="s">
        <v>63</v>
      </c>
      <c r="N163" s="157">
        <f>'[1]Hemel Hempstead'!$BG$8</f>
        <v>640051.01031426154</v>
      </c>
      <c r="O163" s="157">
        <f t="shared" si="109"/>
        <v>640051.01031426154</v>
      </c>
      <c r="P163" s="156" t="s">
        <v>226</v>
      </c>
      <c r="Q163" s="156" t="s">
        <v>82</v>
      </c>
      <c r="R163" s="167"/>
      <c r="S163" s="167"/>
      <c r="T163" s="167"/>
      <c r="U163" s="167"/>
      <c r="V163" s="167"/>
      <c r="W163" s="161"/>
      <c r="X163" s="167"/>
      <c r="Y163" s="167"/>
      <c r="Z163" s="167"/>
      <c r="AA163" s="167"/>
      <c r="AB163" s="167" t="s">
        <v>66</v>
      </c>
      <c r="AC163" s="167"/>
      <c r="AD163" s="167"/>
      <c r="AE163" s="167"/>
      <c r="AF163" s="167"/>
      <c r="AG163" s="167"/>
      <c r="AH163" s="167"/>
      <c r="AI163" s="167"/>
      <c r="AJ163" s="167"/>
      <c r="AK163" s="167"/>
      <c r="AL163" s="167"/>
      <c r="AM163" s="167"/>
      <c r="AN163" s="167"/>
      <c r="AO163" s="167"/>
      <c r="AP163" s="167"/>
      <c r="AQ163" s="167"/>
      <c r="AR163" s="167"/>
      <c r="AS163" s="167"/>
      <c r="AT163" s="167"/>
      <c r="AU163" s="167"/>
      <c r="AV163" s="167"/>
      <c r="AW163" s="160">
        <f t="shared" si="111"/>
        <v>750</v>
      </c>
      <c r="AX163" s="158">
        <f t="shared" si="110"/>
        <v>853.401347085682</v>
      </c>
      <c r="AY163" s="161" t="str">
        <f t="shared" si="78"/>
        <v/>
      </c>
      <c r="AZ163" s="161" t="str">
        <f t="shared" si="79"/>
        <v/>
      </c>
      <c r="BA163" s="161" t="str">
        <f t="shared" si="80"/>
        <v/>
      </c>
      <c r="BB163" s="161" t="str">
        <f t="shared" si="81"/>
        <v/>
      </c>
      <c r="BC163" s="161" t="str">
        <f t="shared" si="82"/>
        <v/>
      </c>
      <c r="BD163" s="161" t="str">
        <f t="shared" si="83"/>
        <v/>
      </c>
      <c r="BE163" s="161" t="str">
        <f t="shared" si="84"/>
        <v/>
      </c>
      <c r="BF163" s="161" t="str">
        <f t="shared" si="85"/>
        <v/>
      </c>
      <c r="BG163" s="161" t="str">
        <f t="shared" si="86"/>
        <v/>
      </c>
      <c r="BH163" s="161" t="str">
        <f t="shared" si="87"/>
        <v/>
      </c>
      <c r="BI163" s="161">
        <f t="shared" si="88"/>
        <v>640051.01031426154</v>
      </c>
      <c r="BJ163" s="161" t="str">
        <f t="shared" si="89"/>
        <v/>
      </c>
      <c r="BK163" s="161" t="str">
        <f t="shared" si="90"/>
        <v/>
      </c>
      <c r="BL163" s="161" t="str">
        <f t="shared" si="91"/>
        <v/>
      </c>
      <c r="BM163" s="161" t="str">
        <f t="shared" si="92"/>
        <v/>
      </c>
      <c r="BN163" s="161" t="str">
        <f t="shared" si="93"/>
        <v/>
      </c>
      <c r="BO163" s="161" t="str">
        <f t="shared" si="94"/>
        <v/>
      </c>
      <c r="BP163" s="161" t="str">
        <f t="shared" si="95"/>
        <v/>
      </c>
      <c r="BQ163" s="161" t="str">
        <f t="shared" si="96"/>
        <v/>
      </c>
      <c r="BR163" s="161" t="str">
        <f t="shared" si="97"/>
        <v/>
      </c>
      <c r="BS163" s="161" t="str">
        <f t="shared" si="98"/>
        <v/>
      </c>
      <c r="BT163" s="161" t="str">
        <f t="shared" si="99"/>
        <v/>
      </c>
      <c r="BU163" s="161" t="str">
        <f t="shared" si="100"/>
        <v/>
      </c>
      <c r="BV163" s="161" t="str">
        <f t="shared" si="101"/>
        <v/>
      </c>
      <c r="BW163" s="161" t="str">
        <f t="shared" si="102"/>
        <v/>
      </c>
      <c r="BX163" s="161" t="str">
        <f t="shared" si="103"/>
        <v/>
      </c>
      <c r="BY163" s="161" t="str">
        <f t="shared" si="104"/>
        <v/>
      </c>
      <c r="BZ163" s="161" t="str">
        <f t="shared" si="105"/>
        <v/>
      </c>
      <c r="CA163" s="161" t="str">
        <f t="shared" si="106"/>
        <v/>
      </c>
      <c r="CB163" s="161" t="str">
        <f t="shared" si="107"/>
        <v/>
      </c>
      <c r="CC163" s="161" t="str">
        <f t="shared" si="108"/>
        <v/>
      </c>
      <c r="CD163" s="156"/>
      <c r="CE163" s="156"/>
      <c r="CF163" s="156"/>
    </row>
    <row r="164" spans="1:84" s="168" customFormat="1" ht="56.1" hidden="1" customHeight="1" x14ac:dyDescent="0.2">
      <c r="A164" s="154">
        <v>162</v>
      </c>
      <c r="B164" s="155" t="s">
        <v>53</v>
      </c>
      <c r="C164" s="165" t="s">
        <v>329</v>
      </c>
      <c r="D164" s="156" t="s">
        <v>396</v>
      </c>
      <c r="E164" s="156" t="s">
        <v>369</v>
      </c>
      <c r="F164" s="166" t="s">
        <v>419</v>
      </c>
      <c r="G164" s="156" t="s">
        <v>58</v>
      </c>
      <c r="H164" s="156" t="s">
        <v>127</v>
      </c>
      <c r="I164" s="156" t="s">
        <v>81</v>
      </c>
      <c r="J164" s="156" t="s">
        <v>334</v>
      </c>
      <c r="K164" s="156" t="s">
        <v>187</v>
      </c>
      <c r="L164" s="156" t="s">
        <v>63</v>
      </c>
      <c r="M164" s="156" t="s">
        <v>63</v>
      </c>
      <c r="N164" s="157">
        <f>'[1]Hemel Hempstead'!$BQ$8</f>
        <v>298742.61216643895</v>
      </c>
      <c r="O164" s="157">
        <f t="shared" si="109"/>
        <v>298742.61216643895</v>
      </c>
      <c r="P164" s="156" t="s">
        <v>226</v>
      </c>
      <c r="Q164" s="156" t="s">
        <v>82</v>
      </c>
      <c r="R164" s="167"/>
      <c r="S164" s="167"/>
      <c r="T164" s="167"/>
      <c r="U164" s="167"/>
      <c r="V164" s="167"/>
      <c r="W164" s="161"/>
      <c r="X164" s="167"/>
      <c r="Y164" s="167"/>
      <c r="Z164" s="167"/>
      <c r="AA164" s="167"/>
      <c r="AB164" s="167"/>
      <c r="AC164" s="167"/>
      <c r="AD164" s="167"/>
      <c r="AE164" s="167" t="s">
        <v>66</v>
      </c>
      <c r="AF164" s="167"/>
      <c r="AG164" s="167"/>
      <c r="AH164" s="167"/>
      <c r="AI164" s="167"/>
      <c r="AJ164" s="167"/>
      <c r="AK164" s="167"/>
      <c r="AL164" s="167"/>
      <c r="AM164" s="167"/>
      <c r="AN164" s="167"/>
      <c r="AO164" s="167"/>
      <c r="AP164" s="167"/>
      <c r="AQ164" s="167"/>
      <c r="AR164" s="167"/>
      <c r="AS164" s="167"/>
      <c r="AT164" s="167"/>
      <c r="AU164" s="167"/>
      <c r="AV164" s="167"/>
      <c r="AW164" s="160">
        <f t="shared" si="111"/>
        <v>350</v>
      </c>
      <c r="AX164" s="158">
        <f t="shared" si="110"/>
        <v>853.55032047553982</v>
      </c>
      <c r="AY164" s="161" t="str">
        <f t="shared" si="78"/>
        <v/>
      </c>
      <c r="AZ164" s="161" t="str">
        <f t="shared" si="79"/>
        <v/>
      </c>
      <c r="BA164" s="161" t="str">
        <f t="shared" si="80"/>
        <v/>
      </c>
      <c r="BB164" s="161" t="str">
        <f t="shared" si="81"/>
        <v/>
      </c>
      <c r="BC164" s="161" t="str">
        <f t="shared" si="82"/>
        <v/>
      </c>
      <c r="BD164" s="161" t="str">
        <f t="shared" si="83"/>
        <v/>
      </c>
      <c r="BE164" s="161" t="str">
        <f t="shared" si="84"/>
        <v/>
      </c>
      <c r="BF164" s="161" t="str">
        <f t="shared" si="85"/>
        <v/>
      </c>
      <c r="BG164" s="161" t="str">
        <f t="shared" si="86"/>
        <v/>
      </c>
      <c r="BH164" s="161" t="str">
        <f t="shared" si="87"/>
        <v/>
      </c>
      <c r="BI164" s="161" t="str">
        <f t="shared" si="88"/>
        <v/>
      </c>
      <c r="BJ164" s="161" t="str">
        <f t="shared" si="89"/>
        <v/>
      </c>
      <c r="BK164" s="161" t="str">
        <f t="shared" si="90"/>
        <v/>
      </c>
      <c r="BL164" s="161">
        <f t="shared" si="91"/>
        <v>298742.61216643895</v>
      </c>
      <c r="BM164" s="161" t="str">
        <f t="shared" si="92"/>
        <v/>
      </c>
      <c r="BN164" s="161" t="str">
        <f t="shared" si="93"/>
        <v/>
      </c>
      <c r="BO164" s="161" t="str">
        <f t="shared" si="94"/>
        <v/>
      </c>
      <c r="BP164" s="161" t="str">
        <f t="shared" si="95"/>
        <v/>
      </c>
      <c r="BQ164" s="161" t="str">
        <f t="shared" si="96"/>
        <v/>
      </c>
      <c r="BR164" s="161" t="str">
        <f t="shared" si="97"/>
        <v/>
      </c>
      <c r="BS164" s="161" t="str">
        <f t="shared" si="98"/>
        <v/>
      </c>
      <c r="BT164" s="161" t="str">
        <f t="shared" si="99"/>
        <v/>
      </c>
      <c r="BU164" s="161" t="str">
        <f t="shared" si="100"/>
        <v/>
      </c>
      <c r="BV164" s="161" t="str">
        <f t="shared" si="101"/>
        <v/>
      </c>
      <c r="BW164" s="161" t="str">
        <f t="shared" si="102"/>
        <v/>
      </c>
      <c r="BX164" s="161" t="str">
        <f t="shared" si="103"/>
        <v/>
      </c>
      <c r="BY164" s="161" t="str">
        <f t="shared" si="104"/>
        <v/>
      </c>
      <c r="BZ164" s="161" t="str">
        <f t="shared" si="105"/>
        <v/>
      </c>
      <c r="CA164" s="161" t="str">
        <f t="shared" si="106"/>
        <v/>
      </c>
      <c r="CB164" s="161" t="str">
        <f t="shared" si="107"/>
        <v/>
      </c>
      <c r="CC164" s="161" t="str">
        <f t="shared" si="108"/>
        <v/>
      </c>
      <c r="CD164" s="156"/>
      <c r="CE164" s="156"/>
      <c r="CF164" s="156"/>
    </row>
    <row r="165" spans="1:84" s="168" customFormat="1" ht="56.1" hidden="1" customHeight="1" x14ac:dyDescent="0.2">
      <c r="A165" s="154">
        <v>163</v>
      </c>
      <c r="B165" s="155" t="s">
        <v>53</v>
      </c>
      <c r="C165" s="165" t="s">
        <v>329</v>
      </c>
      <c r="D165" s="156" t="s">
        <v>396</v>
      </c>
      <c r="E165" s="156" t="s">
        <v>369</v>
      </c>
      <c r="F165" s="166" t="s">
        <v>426</v>
      </c>
      <c r="G165" s="156" t="s">
        <v>58</v>
      </c>
      <c r="H165" s="156" t="s">
        <v>31</v>
      </c>
      <c r="I165" s="156" t="s">
        <v>81</v>
      </c>
      <c r="J165" s="156" t="s">
        <v>334</v>
      </c>
      <c r="K165" s="156" t="s">
        <v>392</v>
      </c>
      <c r="L165" s="156" t="s">
        <v>63</v>
      </c>
      <c r="M165" s="156" t="s">
        <v>63</v>
      </c>
      <c r="N165" s="157">
        <f>'[1]Hemel Hempstead'!$BV$8</f>
        <v>76869.108639504266</v>
      </c>
      <c r="O165" s="157">
        <f t="shared" si="109"/>
        <v>76869.108639504266</v>
      </c>
      <c r="P165" s="156" t="s">
        <v>226</v>
      </c>
      <c r="Q165" s="156" t="s">
        <v>82</v>
      </c>
      <c r="R165" s="167"/>
      <c r="S165" s="167"/>
      <c r="T165" s="167"/>
      <c r="U165" s="167"/>
      <c r="V165" s="167"/>
      <c r="W165" s="161"/>
      <c r="X165" s="167"/>
      <c r="Y165" s="167"/>
      <c r="Z165" s="167"/>
      <c r="AA165" s="167"/>
      <c r="AB165" s="167"/>
      <c r="AC165" s="167"/>
      <c r="AD165" s="167"/>
      <c r="AE165" s="167"/>
      <c r="AF165" s="167" t="s">
        <v>66</v>
      </c>
      <c r="AG165" s="167"/>
      <c r="AH165" s="167"/>
      <c r="AI165" s="167"/>
      <c r="AJ165" s="167"/>
      <c r="AK165" s="167"/>
      <c r="AL165" s="167"/>
      <c r="AM165" s="167"/>
      <c r="AN165" s="167"/>
      <c r="AO165" s="167"/>
      <c r="AP165" s="167"/>
      <c r="AQ165" s="167"/>
      <c r="AR165" s="167"/>
      <c r="AS165" s="167"/>
      <c r="AT165" s="167"/>
      <c r="AU165" s="167"/>
      <c r="AV165" s="167"/>
      <c r="AW165" s="160">
        <f t="shared" si="111"/>
        <v>90</v>
      </c>
      <c r="AX165" s="158">
        <f t="shared" si="110"/>
        <v>854.10120710560295</v>
      </c>
      <c r="AY165" s="161" t="str">
        <f t="shared" si="78"/>
        <v/>
      </c>
      <c r="AZ165" s="161" t="str">
        <f t="shared" si="79"/>
        <v/>
      </c>
      <c r="BA165" s="161" t="str">
        <f t="shared" si="80"/>
        <v/>
      </c>
      <c r="BB165" s="161" t="str">
        <f t="shared" si="81"/>
        <v/>
      </c>
      <c r="BC165" s="161" t="str">
        <f t="shared" si="82"/>
        <v/>
      </c>
      <c r="BD165" s="161" t="str">
        <f t="shared" si="83"/>
        <v/>
      </c>
      <c r="BE165" s="161" t="str">
        <f t="shared" si="84"/>
        <v/>
      </c>
      <c r="BF165" s="161" t="str">
        <f t="shared" si="85"/>
        <v/>
      </c>
      <c r="BG165" s="161" t="str">
        <f t="shared" si="86"/>
        <v/>
      </c>
      <c r="BH165" s="161" t="str">
        <f t="shared" si="87"/>
        <v/>
      </c>
      <c r="BI165" s="161" t="str">
        <f t="shared" si="88"/>
        <v/>
      </c>
      <c r="BJ165" s="161" t="str">
        <f t="shared" si="89"/>
        <v/>
      </c>
      <c r="BK165" s="161" t="str">
        <f t="shared" si="90"/>
        <v/>
      </c>
      <c r="BL165" s="161" t="str">
        <f t="shared" si="91"/>
        <v/>
      </c>
      <c r="BM165" s="161">
        <f t="shared" si="92"/>
        <v>76869.108639504266</v>
      </c>
      <c r="BN165" s="161" t="str">
        <f t="shared" si="93"/>
        <v/>
      </c>
      <c r="BO165" s="161" t="str">
        <f t="shared" si="94"/>
        <v/>
      </c>
      <c r="BP165" s="161" t="str">
        <f t="shared" si="95"/>
        <v/>
      </c>
      <c r="BQ165" s="161" t="str">
        <f t="shared" si="96"/>
        <v/>
      </c>
      <c r="BR165" s="161" t="str">
        <f t="shared" si="97"/>
        <v/>
      </c>
      <c r="BS165" s="161" t="str">
        <f t="shared" si="98"/>
        <v/>
      </c>
      <c r="BT165" s="161" t="str">
        <f t="shared" si="99"/>
        <v/>
      </c>
      <c r="BU165" s="161" t="str">
        <f t="shared" si="100"/>
        <v/>
      </c>
      <c r="BV165" s="161" t="str">
        <f t="shared" si="101"/>
        <v/>
      </c>
      <c r="BW165" s="161" t="str">
        <f t="shared" si="102"/>
        <v/>
      </c>
      <c r="BX165" s="161" t="str">
        <f t="shared" si="103"/>
        <v/>
      </c>
      <c r="BY165" s="161" t="str">
        <f t="shared" si="104"/>
        <v/>
      </c>
      <c r="BZ165" s="161" t="str">
        <f t="shared" si="105"/>
        <v/>
      </c>
      <c r="CA165" s="161" t="str">
        <f t="shared" si="106"/>
        <v/>
      </c>
      <c r="CB165" s="161" t="str">
        <f t="shared" si="107"/>
        <v/>
      </c>
      <c r="CC165" s="161" t="str">
        <f t="shared" si="108"/>
        <v/>
      </c>
      <c r="CD165" s="156"/>
      <c r="CE165" s="156"/>
      <c r="CF165" s="156"/>
    </row>
    <row r="166" spans="1:84" s="168" customFormat="1" ht="56.1" hidden="1" customHeight="1" x14ac:dyDescent="0.2">
      <c r="A166" s="154">
        <v>164</v>
      </c>
      <c r="B166" s="155" t="s">
        <v>53</v>
      </c>
      <c r="C166" s="165" t="s">
        <v>329</v>
      </c>
      <c r="D166" s="156" t="s">
        <v>396</v>
      </c>
      <c r="E166" s="156" t="s">
        <v>369</v>
      </c>
      <c r="F166" s="166" t="s">
        <v>427</v>
      </c>
      <c r="G166" s="156" t="s">
        <v>58</v>
      </c>
      <c r="H166" s="156" t="s">
        <v>327</v>
      </c>
      <c r="I166" s="156" t="s">
        <v>81</v>
      </c>
      <c r="J166" s="156" t="s">
        <v>334</v>
      </c>
      <c r="K166" s="156" t="s">
        <v>377</v>
      </c>
      <c r="L166" s="156" t="s">
        <v>63</v>
      </c>
      <c r="M166" s="156" t="s">
        <v>63</v>
      </c>
      <c r="N166" s="157">
        <f>'[1]Hemel Hempstead'!$CA$8</f>
        <v>68287.96094557266</v>
      </c>
      <c r="O166" s="157">
        <f t="shared" si="109"/>
        <v>68287.96094557266</v>
      </c>
      <c r="P166" s="156" t="s">
        <v>226</v>
      </c>
      <c r="Q166" s="156" t="s">
        <v>82</v>
      </c>
      <c r="R166" s="167"/>
      <c r="S166" s="167"/>
      <c r="T166" s="167"/>
      <c r="U166" s="167"/>
      <c r="V166" s="167"/>
      <c r="W166" s="161"/>
      <c r="X166" s="167"/>
      <c r="Y166" s="167"/>
      <c r="Z166" s="167"/>
      <c r="AA166" s="167"/>
      <c r="AB166" s="167"/>
      <c r="AC166" s="167"/>
      <c r="AD166" s="167"/>
      <c r="AE166" s="167"/>
      <c r="AF166" s="167"/>
      <c r="AG166" s="167" t="s">
        <v>66</v>
      </c>
      <c r="AH166" s="167"/>
      <c r="AI166" s="167"/>
      <c r="AJ166" s="167"/>
      <c r="AK166" s="167"/>
      <c r="AL166" s="167"/>
      <c r="AM166" s="167"/>
      <c r="AN166" s="167"/>
      <c r="AO166" s="167"/>
      <c r="AP166" s="167"/>
      <c r="AQ166" s="167"/>
      <c r="AR166" s="167"/>
      <c r="AS166" s="167"/>
      <c r="AT166" s="167"/>
      <c r="AU166" s="167"/>
      <c r="AV166" s="167"/>
      <c r="AW166" s="160">
        <f t="shared" si="111"/>
        <v>80</v>
      </c>
      <c r="AX166" s="158">
        <f t="shared" si="110"/>
        <v>853.59951181965823</v>
      </c>
      <c r="AY166" s="161" t="str">
        <f t="shared" si="78"/>
        <v/>
      </c>
      <c r="AZ166" s="161" t="str">
        <f t="shared" si="79"/>
        <v/>
      </c>
      <c r="BA166" s="161" t="str">
        <f t="shared" si="80"/>
        <v/>
      </c>
      <c r="BB166" s="161" t="str">
        <f t="shared" si="81"/>
        <v/>
      </c>
      <c r="BC166" s="161" t="str">
        <f t="shared" si="82"/>
        <v/>
      </c>
      <c r="BD166" s="161" t="str">
        <f t="shared" si="83"/>
        <v/>
      </c>
      <c r="BE166" s="161" t="str">
        <f t="shared" si="84"/>
        <v/>
      </c>
      <c r="BF166" s="161" t="str">
        <f t="shared" si="85"/>
        <v/>
      </c>
      <c r="BG166" s="161" t="str">
        <f t="shared" si="86"/>
        <v/>
      </c>
      <c r="BH166" s="161" t="str">
        <f t="shared" si="87"/>
        <v/>
      </c>
      <c r="BI166" s="161" t="str">
        <f t="shared" si="88"/>
        <v/>
      </c>
      <c r="BJ166" s="161" t="str">
        <f t="shared" si="89"/>
        <v/>
      </c>
      <c r="BK166" s="161" t="str">
        <f t="shared" si="90"/>
        <v/>
      </c>
      <c r="BL166" s="161" t="str">
        <f t="shared" si="91"/>
        <v/>
      </c>
      <c r="BM166" s="161" t="str">
        <f t="shared" si="92"/>
        <v/>
      </c>
      <c r="BN166" s="161">
        <f t="shared" si="93"/>
        <v>68287.96094557266</v>
      </c>
      <c r="BO166" s="161" t="str">
        <f t="shared" si="94"/>
        <v/>
      </c>
      <c r="BP166" s="161" t="str">
        <f t="shared" si="95"/>
        <v/>
      </c>
      <c r="BQ166" s="161" t="str">
        <f t="shared" si="96"/>
        <v/>
      </c>
      <c r="BR166" s="161" t="str">
        <f t="shared" si="97"/>
        <v/>
      </c>
      <c r="BS166" s="161" t="str">
        <f t="shared" si="98"/>
        <v/>
      </c>
      <c r="BT166" s="161" t="str">
        <f t="shared" si="99"/>
        <v/>
      </c>
      <c r="BU166" s="161" t="str">
        <f t="shared" si="100"/>
        <v/>
      </c>
      <c r="BV166" s="161" t="str">
        <f t="shared" si="101"/>
        <v/>
      </c>
      <c r="BW166" s="161" t="str">
        <f t="shared" si="102"/>
        <v/>
      </c>
      <c r="BX166" s="161" t="str">
        <f t="shared" si="103"/>
        <v/>
      </c>
      <c r="BY166" s="161" t="str">
        <f t="shared" si="104"/>
        <v/>
      </c>
      <c r="BZ166" s="161" t="str">
        <f t="shared" si="105"/>
        <v/>
      </c>
      <c r="CA166" s="161" t="str">
        <f t="shared" si="106"/>
        <v/>
      </c>
      <c r="CB166" s="161" t="str">
        <f t="shared" si="107"/>
        <v/>
      </c>
      <c r="CC166" s="161" t="str">
        <f t="shared" si="108"/>
        <v/>
      </c>
      <c r="CD166" s="156"/>
      <c r="CE166" s="156"/>
      <c r="CF166" s="156"/>
    </row>
    <row r="167" spans="1:84" s="168" customFormat="1" ht="56.1" hidden="1" customHeight="1" x14ac:dyDescent="0.2">
      <c r="A167" s="154">
        <v>165</v>
      </c>
      <c r="B167" s="155" t="s">
        <v>53</v>
      </c>
      <c r="C167" s="165" t="s">
        <v>329</v>
      </c>
      <c r="D167" s="156" t="s">
        <v>396</v>
      </c>
      <c r="E167" s="156" t="s">
        <v>369</v>
      </c>
      <c r="F167" s="166" t="s">
        <v>404</v>
      </c>
      <c r="G167" s="156" t="s">
        <v>58</v>
      </c>
      <c r="H167" s="156" t="s">
        <v>328</v>
      </c>
      <c r="I167" s="156" t="s">
        <v>81</v>
      </c>
      <c r="J167" s="156" t="s">
        <v>334</v>
      </c>
      <c r="K167" s="156" t="s">
        <v>395</v>
      </c>
      <c r="L167" s="156" t="s">
        <v>63</v>
      </c>
      <c r="M167" s="156" t="s">
        <v>63</v>
      </c>
      <c r="N167" s="157">
        <f>'[1]Hemel Hempstead'!$CF$8</f>
        <v>170699.15265480435</v>
      </c>
      <c r="O167" s="157">
        <f t="shared" si="109"/>
        <v>170699.15265480435</v>
      </c>
      <c r="P167" s="156" t="s">
        <v>226</v>
      </c>
      <c r="Q167" s="156" t="s">
        <v>82</v>
      </c>
      <c r="R167" s="167"/>
      <c r="S167" s="167"/>
      <c r="T167" s="167"/>
      <c r="U167" s="167"/>
      <c r="V167" s="167"/>
      <c r="W167" s="161"/>
      <c r="X167" s="167"/>
      <c r="Y167" s="167"/>
      <c r="Z167" s="167"/>
      <c r="AA167" s="167"/>
      <c r="AB167" s="167"/>
      <c r="AC167" s="167" t="s">
        <v>66</v>
      </c>
      <c r="AD167" s="167"/>
      <c r="AE167" s="167"/>
      <c r="AF167" s="167"/>
      <c r="AG167" s="167"/>
      <c r="AH167" s="167"/>
      <c r="AI167" s="167"/>
      <c r="AJ167" s="167"/>
      <c r="AK167" s="167"/>
      <c r="AL167" s="167"/>
      <c r="AM167" s="167"/>
      <c r="AN167" s="167"/>
      <c r="AO167" s="167"/>
      <c r="AP167" s="167"/>
      <c r="AQ167" s="167"/>
      <c r="AR167" s="167"/>
      <c r="AS167" s="167"/>
      <c r="AT167" s="167"/>
      <c r="AU167" s="167"/>
      <c r="AV167" s="167"/>
      <c r="AW167" s="160">
        <f t="shared" si="111"/>
        <v>200</v>
      </c>
      <c r="AX167" s="158">
        <f t="shared" si="110"/>
        <v>853.49576327402178</v>
      </c>
      <c r="AY167" s="161" t="str">
        <f t="shared" si="78"/>
        <v/>
      </c>
      <c r="AZ167" s="161" t="str">
        <f t="shared" si="79"/>
        <v/>
      </c>
      <c r="BA167" s="161" t="str">
        <f t="shared" si="80"/>
        <v/>
      </c>
      <c r="BB167" s="161" t="str">
        <f t="shared" si="81"/>
        <v/>
      </c>
      <c r="BC167" s="161" t="str">
        <f t="shared" si="82"/>
        <v/>
      </c>
      <c r="BD167" s="161" t="str">
        <f t="shared" si="83"/>
        <v/>
      </c>
      <c r="BE167" s="161" t="str">
        <f t="shared" si="84"/>
        <v/>
      </c>
      <c r="BF167" s="161" t="str">
        <f t="shared" si="85"/>
        <v/>
      </c>
      <c r="BG167" s="161" t="str">
        <f t="shared" si="86"/>
        <v/>
      </c>
      <c r="BH167" s="161" t="str">
        <f t="shared" si="87"/>
        <v/>
      </c>
      <c r="BI167" s="161" t="str">
        <f t="shared" si="88"/>
        <v/>
      </c>
      <c r="BJ167" s="161">
        <f t="shared" si="89"/>
        <v>170699.15265480435</v>
      </c>
      <c r="BK167" s="161" t="str">
        <f t="shared" si="90"/>
        <v/>
      </c>
      <c r="BL167" s="161" t="str">
        <f t="shared" si="91"/>
        <v/>
      </c>
      <c r="BM167" s="161" t="str">
        <f t="shared" si="92"/>
        <v/>
      </c>
      <c r="BN167" s="161" t="str">
        <f t="shared" si="93"/>
        <v/>
      </c>
      <c r="BO167" s="161" t="str">
        <f t="shared" si="94"/>
        <v/>
      </c>
      <c r="BP167" s="161" t="str">
        <f t="shared" si="95"/>
        <v/>
      </c>
      <c r="BQ167" s="161" t="str">
        <f t="shared" si="96"/>
        <v/>
      </c>
      <c r="BR167" s="161" t="str">
        <f t="shared" si="97"/>
        <v/>
      </c>
      <c r="BS167" s="161" t="str">
        <f t="shared" si="98"/>
        <v/>
      </c>
      <c r="BT167" s="161" t="str">
        <f t="shared" si="99"/>
        <v/>
      </c>
      <c r="BU167" s="161" t="str">
        <f t="shared" si="100"/>
        <v/>
      </c>
      <c r="BV167" s="161" t="str">
        <f t="shared" si="101"/>
        <v/>
      </c>
      <c r="BW167" s="161" t="str">
        <f t="shared" si="102"/>
        <v/>
      </c>
      <c r="BX167" s="161" t="str">
        <f t="shared" si="103"/>
        <v/>
      </c>
      <c r="BY167" s="161" t="str">
        <f t="shared" si="104"/>
        <v/>
      </c>
      <c r="BZ167" s="161" t="str">
        <f t="shared" si="105"/>
        <v/>
      </c>
      <c r="CA167" s="161" t="str">
        <f t="shared" si="106"/>
        <v/>
      </c>
      <c r="CB167" s="161" t="str">
        <f t="shared" si="107"/>
        <v/>
      </c>
      <c r="CC167" s="161" t="str">
        <f t="shared" si="108"/>
        <v/>
      </c>
      <c r="CD167" s="156"/>
      <c r="CE167" s="156"/>
      <c r="CF167" s="156"/>
    </row>
    <row r="168" spans="1:84" s="261" customFormat="1" ht="56.1" customHeight="1" x14ac:dyDescent="0.2">
      <c r="A168" s="228">
        <v>166</v>
      </c>
      <c r="B168" s="229" t="s">
        <v>53</v>
      </c>
      <c r="C168" s="230" t="s">
        <v>329</v>
      </c>
      <c r="D168" s="258" t="s">
        <v>428</v>
      </c>
      <c r="E168" s="258" t="s">
        <v>429</v>
      </c>
      <c r="F168" s="259" t="s">
        <v>430</v>
      </c>
      <c r="G168" s="258" t="s">
        <v>333</v>
      </c>
      <c r="H168" s="258" t="s">
        <v>63</v>
      </c>
      <c r="I168" s="258" t="s">
        <v>81</v>
      </c>
      <c r="J168" s="258" t="s">
        <v>334</v>
      </c>
      <c r="K168" s="258" t="s">
        <v>225</v>
      </c>
      <c r="L168" s="258" t="s">
        <v>63</v>
      </c>
      <c r="M168" s="258" t="s">
        <v>63</v>
      </c>
      <c r="N168" s="260">
        <v>77984</v>
      </c>
      <c r="O168" s="260">
        <f t="shared" si="109"/>
        <v>77984</v>
      </c>
      <c r="P168" s="258" t="s">
        <v>226</v>
      </c>
      <c r="Q168" s="258" t="s">
        <v>82</v>
      </c>
      <c r="R168" s="239" t="s">
        <v>66</v>
      </c>
      <c r="S168" s="262"/>
      <c r="T168" s="262"/>
      <c r="U168" s="262"/>
      <c r="V168" s="262"/>
      <c r="W168" s="262"/>
      <c r="X168" s="262"/>
      <c r="Y168" s="262"/>
      <c r="Z168" s="262"/>
      <c r="AA168" s="262"/>
      <c r="AB168" s="262"/>
      <c r="AC168" s="262"/>
      <c r="AD168" s="262"/>
      <c r="AE168" s="262"/>
      <c r="AF168" s="262"/>
      <c r="AG168" s="262"/>
      <c r="AH168" s="262"/>
      <c r="AI168" s="262"/>
      <c r="AJ168" s="262"/>
      <c r="AK168" s="262"/>
      <c r="AL168" s="262"/>
      <c r="AM168" s="262"/>
      <c r="AN168" s="262"/>
      <c r="AO168" s="262"/>
      <c r="AP168" s="262"/>
      <c r="AQ168" s="262"/>
      <c r="AR168" s="262"/>
      <c r="AS168" s="262"/>
      <c r="AT168" s="262"/>
      <c r="AU168" s="262"/>
      <c r="AV168" s="262"/>
      <c r="AW168" s="238">
        <f t="shared" si="75"/>
        <v>1500</v>
      </c>
      <c r="AX168" s="84">
        <f t="shared" si="110"/>
        <v>51.989333333333335</v>
      </c>
      <c r="AY168" s="239">
        <f t="shared" si="78"/>
        <v>77984</v>
      </c>
      <c r="AZ168" s="239" t="str">
        <f t="shared" si="79"/>
        <v/>
      </c>
      <c r="BA168" s="239" t="str">
        <f t="shared" si="80"/>
        <v/>
      </c>
      <c r="BB168" s="239" t="str">
        <f t="shared" si="81"/>
        <v/>
      </c>
      <c r="BC168" s="239" t="str">
        <f t="shared" si="82"/>
        <v/>
      </c>
      <c r="BD168" s="239" t="str">
        <f t="shared" si="83"/>
        <v/>
      </c>
      <c r="BE168" s="239" t="str">
        <f t="shared" si="84"/>
        <v/>
      </c>
      <c r="BF168" s="239" t="str">
        <f t="shared" si="85"/>
        <v/>
      </c>
      <c r="BG168" s="239" t="str">
        <f t="shared" si="86"/>
        <v/>
      </c>
      <c r="BH168" s="239" t="str">
        <f t="shared" si="87"/>
        <v/>
      </c>
      <c r="BI168" s="239" t="str">
        <f t="shared" si="88"/>
        <v/>
      </c>
      <c r="BJ168" s="239" t="str">
        <f t="shared" si="89"/>
        <v/>
      </c>
      <c r="BK168" s="239" t="str">
        <f t="shared" si="90"/>
        <v/>
      </c>
      <c r="BL168" s="239" t="str">
        <f t="shared" si="91"/>
        <v/>
      </c>
      <c r="BM168" s="239" t="str">
        <f t="shared" si="92"/>
        <v/>
      </c>
      <c r="BN168" s="239" t="str">
        <f t="shared" si="93"/>
        <v/>
      </c>
      <c r="BO168" s="239" t="str">
        <f t="shared" si="94"/>
        <v/>
      </c>
      <c r="BP168" s="239" t="str">
        <f t="shared" si="95"/>
        <v/>
      </c>
      <c r="BQ168" s="239" t="str">
        <f t="shared" si="96"/>
        <v/>
      </c>
      <c r="BR168" s="239" t="str">
        <f t="shared" si="97"/>
        <v/>
      </c>
      <c r="BS168" s="239" t="str">
        <f t="shared" si="98"/>
        <v/>
      </c>
      <c r="BT168" s="239" t="str">
        <f t="shared" si="99"/>
        <v/>
      </c>
      <c r="BU168" s="239" t="str">
        <f t="shared" si="100"/>
        <v/>
      </c>
      <c r="BV168" s="239" t="str">
        <f t="shared" si="101"/>
        <v/>
      </c>
      <c r="BW168" s="239" t="str">
        <f t="shared" si="102"/>
        <v/>
      </c>
      <c r="BX168" s="239" t="str">
        <f t="shared" si="103"/>
        <v/>
      </c>
      <c r="BY168" s="239" t="str">
        <f t="shared" si="104"/>
        <v/>
      </c>
      <c r="BZ168" s="239" t="str">
        <f t="shared" si="105"/>
        <v/>
      </c>
      <c r="CA168" s="239" t="str">
        <f t="shared" si="106"/>
        <v/>
      </c>
      <c r="CB168" s="239" t="str">
        <f t="shared" si="107"/>
        <v/>
      </c>
      <c r="CC168" s="239" t="str">
        <f t="shared" si="108"/>
        <v/>
      </c>
      <c r="CD168" s="258"/>
      <c r="CE168" s="258" t="s">
        <v>335</v>
      </c>
      <c r="CF168" s="258" t="s">
        <v>336</v>
      </c>
    </row>
    <row r="169" spans="1:84" s="318" customFormat="1" ht="56.1" hidden="1" customHeight="1" x14ac:dyDescent="0.2">
      <c r="A169" s="302">
        <v>167</v>
      </c>
      <c r="B169" s="24" t="s">
        <v>53</v>
      </c>
      <c r="C169" s="35" t="s">
        <v>329</v>
      </c>
      <c r="D169" s="303" t="s">
        <v>428</v>
      </c>
      <c r="E169" s="303" t="s">
        <v>431</v>
      </c>
      <c r="F169" s="316" t="s">
        <v>432</v>
      </c>
      <c r="G169" s="303" t="s">
        <v>90</v>
      </c>
      <c r="H169" s="303" t="s">
        <v>38</v>
      </c>
      <c r="I169" s="303" t="s">
        <v>81</v>
      </c>
      <c r="J169" s="303" t="s">
        <v>334</v>
      </c>
      <c r="K169" s="303" t="s">
        <v>339</v>
      </c>
      <c r="L169" s="303" t="s">
        <v>63</v>
      </c>
      <c r="M169" s="303" t="s">
        <v>63</v>
      </c>
      <c r="N169" s="304">
        <v>58062</v>
      </c>
      <c r="O169" s="304">
        <f t="shared" si="109"/>
        <v>58062</v>
      </c>
      <c r="P169" s="303" t="s">
        <v>226</v>
      </c>
      <c r="Q169" s="303" t="s">
        <v>82</v>
      </c>
      <c r="R169" s="317"/>
      <c r="S169" s="317"/>
      <c r="T169" s="317"/>
      <c r="U169" s="317"/>
      <c r="V169" s="317"/>
      <c r="W169" s="317"/>
      <c r="X169" s="317"/>
      <c r="Y169" s="317"/>
      <c r="Z169" s="317"/>
      <c r="AA169" s="317"/>
      <c r="AB169" s="317"/>
      <c r="AC169" s="317"/>
      <c r="AD169" s="317"/>
      <c r="AE169" s="317"/>
      <c r="AF169" s="317"/>
      <c r="AG169" s="317"/>
      <c r="AH169" s="317"/>
      <c r="AI169" s="317"/>
      <c r="AJ169" s="317"/>
      <c r="AK169" s="317"/>
      <c r="AL169" s="317"/>
      <c r="AM169" s="307" t="s">
        <v>66</v>
      </c>
      <c r="AN169" s="317"/>
      <c r="AO169" s="317"/>
      <c r="AP169" s="317"/>
      <c r="AQ169" s="317"/>
      <c r="AR169" s="317"/>
      <c r="AS169" s="317"/>
      <c r="AT169" s="317"/>
      <c r="AU169" s="317"/>
      <c r="AV169" s="317"/>
      <c r="AW169" s="308">
        <f t="shared" si="75"/>
        <v>250</v>
      </c>
      <c r="AX169" s="309">
        <f t="shared" si="110"/>
        <v>232.24799999999999</v>
      </c>
      <c r="AY169" s="307" t="str">
        <f t="shared" si="78"/>
        <v/>
      </c>
      <c r="AZ169" s="307" t="str">
        <f t="shared" si="79"/>
        <v/>
      </c>
      <c r="BA169" s="307" t="str">
        <f t="shared" si="80"/>
        <v/>
      </c>
      <c r="BB169" s="307" t="str">
        <f t="shared" si="81"/>
        <v/>
      </c>
      <c r="BC169" s="307" t="str">
        <f t="shared" si="82"/>
        <v/>
      </c>
      <c r="BD169" s="307" t="str">
        <f t="shared" si="83"/>
        <v/>
      </c>
      <c r="BE169" s="307" t="str">
        <f t="shared" si="84"/>
        <v/>
      </c>
      <c r="BF169" s="307" t="str">
        <f t="shared" si="85"/>
        <v/>
      </c>
      <c r="BG169" s="307" t="str">
        <f t="shared" si="86"/>
        <v/>
      </c>
      <c r="BH169" s="307" t="str">
        <f t="shared" si="87"/>
        <v/>
      </c>
      <c r="BI169" s="307" t="str">
        <f t="shared" si="88"/>
        <v/>
      </c>
      <c r="BJ169" s="307" t="str">
        <f t="shared" si="89"/>
        <v/>
      </c>
      <c r="BK169" s="307" t="str">
        <f t="shared" si="90"/>
        <v/>
      </c>
      <c r="BL169" s="307" t="str">
        <f t="shared" si="91"/>
        <v/>
      </c>
      <c r="BM169" s="307" t="str">
        <f t="shared" si="92"/>
        <v/>
      </c>
      <c r="BN169" s="307" t="str">
        <f t="shared" si="93"/>
        <v/>
      </c>
      <c r="BO169" s="307" t="str">
        <f t="shared" si="94"/>
        <v/>
      </c>
      <c r="BP169" s="307" t="str">
        <f t="shared" si="95"/>
        <v/>
      </c>
      <c r="BQ169" s="307" t="str">
        <f t="shared" si="96"/>
        <v/>
      </c>
      <c r="BR169" s="307" t="str">
        <f t="shared" si="97"/>
        <v/>
      </c>
      <c r="BS169" s="307" t="str">
        <f t="shared" si="98"/>
        <v/>
      </c>
      <c r="BT169" s="307">
        <f t="shared" si="99"/>
        <v>58062</v>
      </c>
      <c r="BU169" s="307" t="str">
        <f t="shared" si="100"/>
        <v/>
      </c>
      <c r="BV169" s="307" t="str">
        <f t="shared" si="101"/>
        <v/>
      </c>
      <c r="BW169" s="307" t="str">
        <f t="shared" si="102"/>
        <v/>
      </c>
      <c r="BX169" s="307" t="str">
        <f t="shared" si="103"/>
        <v/>
      </c>
      <c r="BY169" s="307" t="str">
        <f t="shared" si="104"/>
        <v/>
      </c>
      <c r="BZ169" s="307" t="str">
        <f t="shared" si="105"/>
        <v/>
      </c>
      <c r="CA169" s="307" t="str">
        <f t="shared" si="106"/>
        <v/>
      </c>
      <c r="CB169" s="307" t="str">
        <f t="shared" si="107"/>
        <v/>
      </c>
      <c r="CC169" s="307" t="str">
        <f t="shared" si="108"/>
        <v/>
      </c>
      <c r="CD169" s="303"/>
      <c r="CE169" s="303" t="s">
        <v>340</v>
      </c>
      <c r="CF169" s="303" t="s">
        <v>336</v>
      </c>
    </row>
    <row r="170" spans="1:84" s="318" customFormat="1" ht="56.1" hidden="1" customHeight="1" x14ac:dyDescent="0.2">
      <c r="A170" s="302">
        <v>168</v>
      </c>
      <c r="B170" s="24" t="s">
        <v>53</v>
      </c>
      <c r="C170" s="35" t="s">
        <v>329</v>
      </c>
      <c r="D170" s="303" t="s">
        <v>428</v>
      </c>
      <c r="E170" s="303" t="s">
        <v>431</v>
      </c>
      <c r="F170" s="316" t="s">
        <v>433</v>
      </c>
      <c r="G170" s="303" t="s">
        <v>90</v>
      </c>
      <c r="H170" s="303" t="s">
        <v>39</v>
      </c>
      <c r="I170" s="303" t="s">
        <v>81</v>
      </c>
      <c r="J170" s="303" t="s">
        <v>334</v>
      </c>
      <c r="K170" s="303" t="s">
        <v>122</v>
      </c>
      <c r="L170" s="303" t="s">
        <v>63</v>
      </c>
      <c r="M170" s="303" t="s">
        <v>63</v>
      </c>
      <c r="N170" s="304">
        <v>92882</v>
      </c>
      <c r="O170" s="304">
        <f t="shared" si="109"/>
        <v>92882</v>
      </c>
      <c r="P170" s="303" t="s">
        <v>226</v>
      </c>
      <c r="Q170" s="303" t="s">
        <v>82</v>
      </c>
      <c r="R170" s="317"/>
      <c r="S170" s="317"/>
      <c r="T170" s="317"/>
      <c r="U170" s="317"/>
      <c r="V170" s="317"/>
      <c r="W170" s="317"/>
      <c r="X170" s="317"/>
      <c r="Y170" s="317"/>
      <c r="Z170" s="317"/>
      <c r="AA170" s="317"/>
      <c r="AB170" s="317"/>
      <c r="AC170" s="317"/>
      <c r="AD170" s="317"/>
      <c r="AE170" s="317"/>
      <c r="AF170" s="317"/>
      <c r="AG170" s="317"/>
      <c r="AH170" s="317"/>
      <c r="AI170" s="317"/>
      <c r="AJ170" s="317"/>
      <c r="AK170" s="317"/>
      <c r="AL170" s="317"/>
      <c r="AM170" s="317"/>
      <c r="AN170" s="307" t="s">
        <v>66</v>
      </c>
      <c r="AO170" s="317"/>
      <c r="AP170" s="317"/>
      <c r="AQ170" s="317"/>
      <c r="AR170" s="317"/>
      <c r="AS170" s="317"/>
      <c r="AT170" s="317"/>
      <c r="AU170" s="317"/>
      <c r="AV170" s="317"/>
      <c r="AW170" s="308">
        <f t="shared" si="75"/>
        <v>400</v>
      </c>
      <c r="AX170" s="309">
        <f t="shared" si="110"/>
        <v>232.20500000000001</v>
      </c>
      <c r="AY170" s="307" t="str">
        <f t="shared" si="78"/>
        <v/>
      </c>
      <c r="AZ170" s="307" t="str">
        <f t="shared" si="79"/>
        <v/>
      </c>
      <c r="BA170" s="307" t="str">
        <f t="shared" si="80"/>
        <v/>
      </c>
      <c r="BB170" s="307" t="str">
        <f t="shared" si="81"/>
        <v/>
      </c>
      <c r="BC170" s="307" t="str">
        <f t="shared" si="82"/>
        <v/>
      </c>
      <c r="BD170" s="307" t="str">
        <f t="shared" si="83"/>
        <v/>
      </c>
      <c r="BE170" s="307" t="str">
        <f t="shared" si="84"/>
        <v/>
      </c>
      <c r="BF170" s="307" t="str">
        <f t="shared" si="85"/>
        <v/>
      </c>
      <c r="BG170" s="307" t="str">
        <f t="shared" si="86"/>
        <v/>
      </c>
      <c r="BH170" s="307" t="str">
        <f t="shared" si="87"/>
        <v/>
      </c>
      <c r="BI170" s="307" t="str">
        <f t="shared" si="88"/>
        <v/>
      </c>
      <c r="BJ170" s="307" t="str">
        <f t="shared" si="89"/>
        <v/>
      </c>
      <c r="BK170" s="307" t="str">
        <f t="shared" si="90"/>
        <v/>
      </c>
      <c r="BL170" s="307" t="str">
        <f t="shared" si="91"/>
        <v/>
      </c>
      <c r="BM170" s="307" t="str">
        <f t="shared" si="92"/>
        <v/>
      </c>
      <c r="BN170" s="307" t="str">
        <f t="shared" si="93"/>
        <v/>
      </c>
      <c r="BO170" s="307" t="str">
        <f t="shared" si="94"/>
        <v/>
      </c>
      <c r="BP170" s="307" t="str">
        <f t="shared" si="95"/>
        <v/>
      </c>
      <c r="BQ170" s="307" t="str">
        <f t="shared" si="96"/>
        <v/>
      </c>
      <c r="BR170" s="307" t="str">
        <f t="shared" si="97"/>
        <v/>
      </c>
      <c r="BS170" s="307" t="str">
        <f t="shared" si="98"/>
        <v/>
      </c>
      <c r="BT170" s="307" t="str">
        <f t="shared" si="99"/>
        <v/>
      </c>
      <c r="BU170" s="307">
        <f t="shared" si="100"/>
        <v>92882</v>
      </c>
      <c r="BV170" s="307" t="str">
        <f t="shared" si="101"/>
        <v/>
      </c>
      <c r="BW170" s="307" t="str">
        <f t="shared" si="102"/>
        <v/>
      </c>
      <c r="BX170" s="307" t="str">
        <f t="shared" si="103"/>
        <v/>
      </c>
      <c r="BY170" s="307" t="str">
        <f t="shared" si="104"/>
        <v/>
      </c>
      <c r="BZ170" s="307" t="str">
        <f t="shared" si="105"/>
        <v/>
      </c>
      <c r="CA170" s="307" t="str">
        <f t="shared" si="106"/>
        <v/>
      </c>
      <c r="CB170" s="307" t="str">
        <f t="shared" si="107"/>
        <v/>
      </c>
      <c r="CC170" s="307" t="str">
        <f t="shared" si="108"/>
        <v/>
      </c>
      <c r="CD170" s="303"/>
      <c r="CE170" s="303" t="s">
        <v>340</v>
      </c>
      <c r="CF170" s="303" t="s">
        <v>336</v>
      </c>
    </row>
    <row r="171" spans="1:84" s="318" customFormat="1" ht="56.1" hidden="1" customHeight="1" x14ac:dyDescent="0.2">
      <c r="A171" s="302">
        <v>169</v>
      </c>
      <c r="B171" s="24" t="s">
        <v>53</v>
      </c>
      <c r="C171" s="35" t="s">
        <v>329</v>
      </c>
      <c r="D171" s="303" t="s">
        <v>428</v>
      </c>
      <c r="E171" s="303" t="s">
        <v>431</v>
      </c>
      <c r="F171" s="316" t="s">
        <v>434</v>
      </c>
      <c r="G171" s="303" t="s">
        <v>90</v>
      </c>
      <c r="H171" s="303" t="s">
        <v>260</v>
      </c>
      <c r="I171" s="303" t="s">
        <v>81</v>
      </c>
      <c r="J171" s="303" t="s">
        <v>334</v>
      </c>
      <c r="K171" s="303" t="s">
        <v>169</v>
      </c>
      <c r="L171" s="303" t="s">
        <v>63</v>
      </c>
      <c r="M171" s="303" t="s">
        <v>63</v>
      </c>
      <c r="N171" s="304">
        <v>325102</v>
      </c>
      <c r="O171" s="304">
        <f t="shared" si="109"/>
        <v>325102</v>
      </c>
      <c r="P171" s="303" t="s">
        <v>226</v>
      </c>
      <c r="Q171" s="303" t="s">
        <v>82</v>
      </c>
      <c r="R171" s="317"/>
      <c r="S171" s="317"/>
      <c r="T171" s="317"/>
      <c r="U171" s="317"/>
      <c r="V171" s="317"/>
      <c r="W171" s="317"/>
      <c r="X171" s="317"/>
      <c r="Y171" s="317"/>
      <c r="Z171" s="317"/>
      <c r="AA171" s="317"/>
      <c r="AB171" s="317"/>
      <c r="AC171" s="317"/>
      <c r="AD171" s="317"/>
      <c r="AE171" s="317"/>
      <c r="AF171" s="317"/>
      <c r="AG171" s="317"/>
      <c r="AH171" s="317"/>
      <c r="AI171" s="317"/>
      <c r="AJ171" s="317"/>
      <c r="AK171" s="317"/>
      <c r="AL171" s="317"/>
      <c r="AM171" s="317"/>
      <c r="AN171" s="317"/>
      <c r="AO171" s="307" t="s">
        <v>66</v>
      </c>
      <c r="AP171" s="317"/>
      <c r="AQ171" s="317"/>
      <c r="AR171" s="317"/>
      <c r="AS171" s="317"/>
      <c r="AT171" s="317"/>
      <c r="AU171" s="317"/>
      <c r="AV171" s="317"/>
      <c r="AW171" s="308">
        <f t="shared" si="75"/>
        <v>1400</v>
      </c>
      <c r="AX171" s="309">
        <f t="shared" si="110"/>
        <v>232.21571428571428</v>
      </c>
      <c r="AY171" s="307" t="str">
        <f t="shared" si="78"/>
        <v/>
      </c>
      <c r="AZ171" s="307" t="str">
        <f t="shared" si="79"/>
        <v/>
      </c>
      <c r="BA171" s="307" t="str">
        <f t="shared" si="80"/>
        <v/>
      </c>
      <c r="BB171" s="307" t="str">
        <f t="shared" si="81"/>
        <v/>
      </c>
      <c r="BC171" s="307" t="str">
        <f t="shared" si="82"/>
        <v/>
      </c>
      <c r="BD171" s="307" t="str">
        <f t="shared" si="83"/>
        <v/>
      </c>
      <c r="BE171" s="307" t="str">
        <f t="shared" si="84"/>
        <v/>
      </c>
      <c r="BF171" s="307" t="str">
        <f t="shared" si="85"/>
        <v/>
      </c>
      <c r="BG171" s="307" t="str">
        <f t="shared" si="86"/>
        <v/>
      </c>
      <c r="BH171" s="307" t="str">
        <f t="shared" si="87"/>
        <v/>
      </c>
      <c r="BI171" s="307" t="str">
        <f t="shared" si="88"/>
        <v/>
      </c>
      <c r="BJ171" s="307" t="str">
        <f t="shared" si="89"/>
        <v/>
      </c>
      <c r="BK171" s="307" t="str">
        <f t="shared" si="90"/>
        <v/>
      </c>
      <c r="BL171" s="307" t="str">
        <f t="shared" si="91"/>
        <v/>
      </c>
      <c r="BM171" s="307" t="str">
        <f t="shared" si="92"/>
        <v/>
      </c>
      <c r="BN171" s="307" t="str">
        <f t="shared" si="93"/>
        <v/>
      </c>
      <c r="BO171" s="307" t="str">
        <f t="shared" si="94"/>
        <v/>
      </c>
      <c r="BP171" s="307" t="str">
        <f t="shared" si="95"/>
        <v/>
      </c>
      <c r="BQ171" s="307" t="str">
        <f t="shared" si="96"/>
        <v/>
      </c>
      <c r="BR171" s="307" t="str">
        <f t="shared" si="97"/>
        <v/>
      </c>
      <c r="BS171" s="307" t="str">
        <f t="shared" si="98"/>
        <v/>
      </c>
      <c r="BT171" s="307" t="str">
        <f t="shared" si="99"/>
        <v/>
      </c>
      <c r="BU171" s="307" t="str">
        <f t="shared" si="100"/>
        <v/>
      </c>
      <c r="BV171" s="307">
        <f t="shared" si="101"/>
        <v>325102</v>
      </c>
      <c r="BW171" s="307" t="str">
        <f t="shared" si="102"/>
        <v/>
      </c>
      <c r="BX171" s="307" t="str">
        <f t="shared" si="103"/>
        <v/>
      </c>
      <c r="BY171" s="307" t="str">
        <f t="shared" si="104"/>
        <v/>
      </c>
      <c r="BZ171" s="307" t="str">
        <f t="shared" si="105"/>
        <v/>
      </c>
      <c r="CA171" s="307" t="str">
        <f t="shared" si="106"/>
        <v/>
      </c>
      <c r="CB171" s="307" t="str">
        <f t="shared" si="107"/>
        <v/>
      </c>
      <c r="CC171" s="307" t="str">
        <f t="shared" si="108"/>
        <v/>
      </c>
      <c r="CD171" s="303"/>
      <c r="CE171" s="303" t="s">
        <v>340</v>
      </c>
      <c r="CF171" s="303" t="s">
        <v>336</v>
      </c>
    </row>
    <row r="172" spans="1:84" s="318" customFormat="1" ht="56.1" hidden="1" customHeight="1" x14ac:dyDescent="0.2">
      <c r="A172" s="302">
        <v>170</v>
      </c>
      <c r="B172" s="24" t="s">
        <v>53</v>
      </c>
      <c r="C172" s="35" t="s">
        <v>329</v>
      </c>
      <c r="D172" s="303" t="s">
        <v>428</v>
      </c>
      <c r="E172" s="303" t="s">
        <v>431</v>
      </c>
      <c r="F172" s="316" t="s">
        <v>435</v>
      </c>
      <c r="G172" s="303" t="s">
        <v>90</v>
      </c>
      <c r="H172" s="303" t="s">
        <v>310</v>
      </c>
      <c r="I172" s="303" t="s">
        <v>81</v>
      </c>
      <c r="J172" s="303" t="s">
        <v>334</v>
      </c>
      <c r="K172" s="303" t="s">
        <v>225</v>
      </c>
      <c r="L172" s="303" t="s">
        <v>63</v>
      </c>
      <c r="M172" s="303" t="s">
        <v>63</v>
      </c>
      <c r="N172" s="304">
        <v>46621</v>
      </c>
      <c r="O172" s="304">
        <f t="shared" si="109"/>
        <v>46621</v>
      </c>
      <c r="P172" s="303" t="s">
        <v>226</v>
      </c>
      <c r="Q172" s="303" t="s">
        <v>82</v>
      </c>
      <c r="R172" s="317"/>
      <c r="S172" s="317"/>
      <c r="T172" s="317"/>
      <c r="U172" s="317"/>
      <c r="V172" s="317"/>
      <c r="W172" s="317"/>
      <c r="X172" s="317"/>
      <c r="Y172" s="317"/>
      <c r="Z172" s="317"/>
      <c r="AA172" s="317"/>
      <c r="AB172" s="317"/>
      <c r="AC172" s="317"/>
      <c r="AD172" s="317"/>
      <c r="AE172" s="317"/>
      <c r="AF172" s="317"/>
      <c r="AG172" s="317"/>
      <c r="AH172" s="317"/>
      <c r="AI172" s="317"/>
      <c r="AJ172" s="317"/>
      <c r="AK172" s="317"/>
      <c r="AL172" s="317"/>
      <c r="AM172" s="317"/>
      <c r="AN172" s="317"/>
      <c r="AO172" s="317"/>
      <c r="AP172" s="307" t="s">
        <v>66</v>
      </c>
      <c r="AQ172" s="317"/>
      <c r="AR172" s="317"/>
      <c r="AS172" s="317"/>
      <c r="AT172" s="317"/>
      <c r="AU172" s="317"/>
      <c r="AV172" s="317"/>
      <c r="AW172" s="308">
        <f t="shared" si="75"/>
        <v>201</v>
      </c>
      <c r="AX172" s="309">
        <f t="shared" si="110"/>
        <v>231.94527363184079</v>
      </c>
      <c r="AY172" s="307" t="str">
        <f t="shared" si="78"/>
        <v/>
      </c>
      <c r="AZ172" s="307" t="str">
        <f t="shared" si="79"/>
        <v/>
      </c>
      <c r="BA172" s="307" t="str">
        <f t="shared" si="80"/>
        <v/>
      </c>
      <c r="BB172" s="307" t="str">
        <f t="shared" si="81"/>
        <v/>
      </c>
      <c r="BC172" s="307" t="str">
        <f t="shared" si="82"/>
        <v/>
      </c>
      <c r="BD172" s="307" t="str">
        <f t="shared" si="83"/>
        <v/>
      </c>
      <c r="BE172" s="307" t="str">
        <f t="shared" si="84"/>
        <v/>
      </c>
      <c r="BF172" s="307" t="str">
        <f t="shared" si="85"/>
        <v/>
      </c>
      <c r="BG172" s="307" t="str">
        <f t="shared" si="86"/>
        <v/>
      </c>
      <c r="BH172" s="307" t="str">
        <f t="shared" si="87"/>
        <v/>
      </c>
      <c r="BI172" s="307" t="str">
        <f t="shared" si="88"/>
        <v/>
      </c>
      <c r="BJ172" s="307" t="str">
        <f t="shared" si="89"/>
        <v/>
      </c>
      <c r="BK172" s="307" t="str">
        <f t="shared" si="90"/>
        <v/>
      </c>
      <c r="BL172" s="307" t="str">
        <f t="shared" si="91"/>
        <v/>
      </c>
      <c r="BM172" s="307" t="str">
        <f t="shared" si="92"/>
        <v/>
      </c>
      <c r="BN172" s="307" t="str">
        <f t="shared" si="93"/>
        <v/>
      </c>
      <c r="BO172" s="307" t="str">
        <f t="shared" si="94"/>
        <v/>
      </c>
      <c r="BP172" s="307" t="str">
        <f t="shared" si="95"/>
        <v/>
      </c>
      <c r="BQ172" s="307" t="str">
        <f t="shared" si="96"/>
        <v/>
      </c>
      <c r="BR172" s="307" t="str">
        <f t="shared" si="97"/>
        <v/>
      </c>
      <c r="BS172" s="307" t="str">
        <f t="shared" si="98"/>
        <v/>
      </c>
      <c r="BT172" s="307" t="str">
        <f t="shared" si="99"/>
        <v/>
      </c>
      <c r="BU172" s="307" t="str">
        <f t="shared" si="100"/>
        <v/>
      </c>
      <c r="BV172" s="307" t="str">
        <f t="shared" si="101"/>
        <v/>
      </c>
      <c r="BW172" s="307">
        <f t="shared" si="102"/>
        <v>46621</v>
      </c>
      <c r="BX172" s="307" t="str">
        <f t="shared" si="103"/>
        <v/>
      </c>
      <c r="BY172" s="307" t="str">
        <f t="shared" si="104"/>
        <v/>
      </c>
      <c r="BZ172" s="307" t="str">
        <f t="shared" si="105"/>
        <v/>
      </c>
      <c r="CA172" s="307" t="str">
        <f t="shared" si="106"/>
        <v/>
      </c>
      <c r="CB172" s="307" t="str">
        <f t="shared" si="107"/>
        <v/>
      </c>
      <c r="CC172" s="307" t="str">
        <f t="shared" si="108"/>
        <v/>
      </c>
      <c r="CD172" s="303"/>
      <c r="CE172" s="303" t="s">
        <v>340</v>
      </c>
      <c r="CF172" s="303" t="s">
        <v>336</v>
      </c>
    </row>
    <row r="173" spans="1:84" s="318" customFormat="1" ht="56.1" hidden="1" customHeight="1" x14ac:dyDescent="0.2">
      <c r="A173" s="302">
        <v>171</v>
      </c>
      <c r="B173" s="24" t="s">
        <v>53</v>
      </c>
      <c r="C173" s="35" t="s">
        <v>329</v>
      </c>
      <c r="D173" s="303" t="s">
        <v>428</v>
      </c>
      <c r="E173" s="303" t="s">
        <v>436</v>
      </c>
      <c r="F173" s="316" t="s">
        <v>437</v>
      </c>
      <c r="G173" s="303" t="s">
        <v>86</v>
      </c>
      <c r="H173" s="303" t="s">
        <v>87</v>
      </c>
      <c r="I173" s="303" t="s">
        <v>81</v>
      </c>
      <c r="J173" s="303" t="s">
        <v>334</v>
      </c>
      <c r="K173" s="303" t="s">
        <v>184</v>
      </c>
      <c r="L173" s="303" t="s">
        <v>63</v>
      </c>
      <c r="M173" s="303" t="s">
        <v>63</v>
      </c>
      <c r="N173" s="304">
        <v>179957</v>
      </c>
      <c r="O173" s="304">
        <f t="shared" si="109"/>
        <v>179957</v>
      </c>
      <c r="P173" s="303" t="s">
        <v>226</v>
      </c>
      <c r="Q173" s="303" t="s">
        <v>82</v>
      </c>
      <c r="R173" s="317"/>
      <c r="S173" s="317"/>
      <c r="T173" s="317"/>
      <c r="U173" s="317"/>
      <c r="V173" s="317"/>
      <c r="W173" s="317"/>
      <c r="X173" s="317"/>
      <c r="Y173" s="317"/>
      <c r="Z173" s="317"/>
      <c r="AA173" s="317"/>
      <c r="AB173" s="317"/>
      <c r="AC173" s="317"/>
      <c r="AD173" s="317"/>
      <c r="AE173" s="317"/>
      <c r="AF173" s="317"/>
      <c r="AG173" s="317"/>
      <c r="AH173" s="317"/>
      <c r="AI173" s="307" t="s">
        <v>66</v>
      </c>
      <c r="AJ173" s="317"/>
      <c r="AK173" s="317"/>
      <c r="AL173" s="317"/>
      <c r="AM173" s="317"/>
      <c r="AN173" s="317"/>
      <c r="AO173" s="317"/>
      <c r="AP173" s="317"/>
      <c r="AQ173" s="317"/>
      <c r="AR173" s="317"/>
      <c r="AS173" s="317"/>
      <c r="AT173" s="317"/>
      <c r="AU173" s="317"/>
      <c r="AV173" s="317"/>
      <c r="AW173" s="308">
        <f t="shared" si="75"/>
        <v>775</v>
      </c>
      <c r="AX173" s="309">
        <f t="shared" si="110"/>
        <v>232.20258064516128</v>
      </c>
      <c r="AY173" s="307" t="str">
        <f t="shared" si="78"/>
        <v/>
      </c>
      <c r="AZ173" s="307" t="str">
        <f t="shared" si="79"/>
        <v/>
      </c>
      <c r="BA173" s="307" t="str">
        <f t="shared" si="80"/>
        <v/>
      </c>
      <c r="BB173" s="307" t="str">
        <f t="shared" si="81"/>
        <v/>
      </c>
      <c r="BC173" s="307" t="str">
        <f t="shared" si="82"/>
        <v/>
      </c>
      <c r="BD173" s="307" t="str">
        <f t="shared" si="83"/>
        <v/>
      </c>
      <c r="BE173" s="307" t="str">
        <f t="shared" si="84"/>
        <v/>
      </c>
      <c r="BF173" s="307" t="str">
        <f t="shared" si="85"/>
        <v/>
      </c>
      <c r="BG173" s="307" t="str">
        <f t="shared" si="86"/>
        <v/>
      </c>
      <c r="BH173" s="307" t="str">
        <f t="shared" si="87"/>
        <v/>
      </c>
      <c r="BI173" s="307" t="str">
        <f t="shared" si="88"/>
        <v/>
      </c>
      <c r="BJ173" s="307" t="str">
        <f t="shared" si="89"/>
        <v/>
      </c>
      <c r="BK173" s="307" t="str">
        <f t="shared" si="90"/>
        <v/>
      </c>
      <c r="BL173" s="307" t="str">
        <f t="shared" si="91"/>
        <v/>
      </c>
      <c r="BM173" s="307" t="str">
        <f t="shared" si="92"/>
        <v/>
      </c>
      <c r="BN173" s="307" t="str">
        <f t="shared" si="93"/>
        <v/>
      </c>
      <c r="BO173" s="307" t="str">
        <f t="shared" si="94"/>
        <v/>
      </c>
      <c r="BP173" s="307">
        <f t="shared" si="95"/>
        <v>179957</v>
      </c>
      <c r="BQ173" s="307" t="str">
        <f t="shared" si="96"/>
        <v/>
      </c>
      <c r="BR173" s="307" t="str">
        <f t="shared" si="97"/>
        <v/>
      </c>
      <c r="BS173" s="307" t="str">
        <f t="shared" si="98"/>
        <v/>
      </c>
      <c r="BT173" s="307" t="str">
        <f t="shared" si="99"/>
        <v/>
      </c>
      <c r="BU173" s="307" t="str">
        <f t="shared" si="100"/>
        <v/>
      </c>
      <c r="BV173" s="307" t="str">
        <f t="shared" si="101"/>
        <v/>
      </c>
      <c r="BW173" s="307" t="str">
        <f t="shared" si="102"/>
        <v/>
      </c>
      <c r="BX173" s="307" t="str">
        <f t="shared" si="103"/>
        <v/>
      </c>
      <c r="BY173" s="307" t="str">
        <f t="shared" si="104"/>
        <v/>
      </c>
      <c r="BZ173" s="307" t="str">
        <f t="shared" si="105"/>
        <v/>
      </c>
      <c r="CA173" s="307" t="str">
        <f t="shared" si="106"/>
        <v/>
      </c>
      <c r="CB173" s="307" t="str">
        <f t="shared" si="107"/>
        <v/>
      </c>
      <c r="CC173" s="307" t="str">
        <f t="shared" si="108"/>
        <v/>
      </c>
      <c r="CD173" s="303"/>
      <c r="CE173" s="303" t="s">
        <v>340</v>
      </c>
      <c r="CF173" s="303" t="s">
        <v>336</v>
      </c>
    </row>
    <row r="174" spans="1:84" s="318" customFormat="1" ht="56.1" hidden="1" customHeight="1" x14ac:dyDescent="0.2">
      <c r="A174" s="302">
        <v>172</v>
      </c>
      <c r="B174" s="24" t="s">
        <v>53</v>
      </c>
      <c r="C174" s="35" t="s">
        <v>329</v>
      </c>
      <c r="D174" s="303" t="s">
        <v>428</v>
      </c>
      <c r="E174" s="303" t="s">
        <v>358</v>
      </c>
      <c r="F174" s="316" t="s">
        <v>438</v>
      </c>
      <c r="G174" s="303" t="s">
        <v>86</v>
      </c>
      <c r="H174" s="303" t="s">
        <v>36</v>
      </c>
      <c r="I174" s="303" t="s">
        <v>81</v>
      </c>
      <c r="J174" s="303" t="s">
        <v>334</v>
      </c>
      <c r="K174" s="303" t="s">
        <v>408</v>
      </c>
      <c r="L174" s="303" t="s">
        <v>63</v>
      </c>
      <c r="M174" s="303" t="s">
        <v>63</v>
      </c>
      <c r="N174" s="304">
        <v>23224</v>
      </c>
      <c r="O174" s="304">
        <f t="shared" si="109"/>
        <v>23224</v>
      </c>
      <c r="P174" s="303" t="s">
        <v>226</v>
      </c>
      <c r="Q174" s="303" t="s">
        <v>82</v>
      </c>
      <c r="R174" s="317"/>
      <c r="S174" s="317"/>
      <c r="T174" s="317"/>
      <c r="U174" s="317"/>
      <c r="V174" s="317"/>
      <c r="W174" s="317"/>
      <c r="X174" s="317"/>
      <c r="Y174" s="317"/>
      <c r="Z174" s="317"/>
      <c r="AA174" s="317"/>
      <c r="AB174" s="317"/>
      <c r="AC174" s="317"/>
      <c r="AD174" s="317"/>
      <c r="AE174" s="317"/>
      <c r="AF174" s="317"/>
      <c r="AG174" s="317"/>
      <c r="AH174" s="317"/>
      <c r="AI174" s="317"/>
      <c r="AJ174" s="317"/>
      <c r="AK174" s="307" t="s">
        <v>66</v>
      </c>
      <c r="AL174" s="317"/>
      <c r="AM174" s="317"/>
      <c r="AN174" s="317"/>
      <c r="AO174" s="317"/>
      <c r="AP174" s="317"/>
      <c r="AQ174" s="317"/>
      <c r="AR174" s="317"/>
      <c r="AS174" s="317"/>
      <c r="AT174" s="317"/>
      <c r="AU174" s="317"/>
      <c r="AV174" s="317"/>
      <c r="AW174" s="308">
        <f t="shared" si="75"/>
        <v>100</v>
      </c>
      <c r="AX174" s="309">
        <f t="shared" si="110"/>
        <v>232.24</v>
      </c>
      <c r="AY174" s="307" t="str">
        <f t="shared" si="78"/>
        <v/>
      </c>
      <c r="AZ174" s="307" t="str">
        <f t="shared" si="79"/>
        <v/>
      </c>
      <c r="BA174" s="307" t="str">
        <f t="shared" si="80"/>
        <v/>
      </c>
      <c r="BB174" s="307" t="str">
        <f t="shared" si="81"/>
        <v/>
      </c>
      <c r="BC174" s="307" t="str">
        <f t="shared" si="82"/>
        <v/>
      </c>
      <c r="BD174" s="307" t="str">
        <f t="shared" si="83"/>
        <v/>
      </c>
      <c r="BE174" s="307" t="str">
        <f t="shared" si="84"/>
        <v/>
      </c>
      <c r="BF174" s="307" t="str">
        <f t="shared" si="85"/>
        <v/>
      </c>
      <c r="BG174" s="307" t="str">
        <f t="shared" si="86"/>
        <v/>
      </c>
      <c r="BH174" s="307" t="str">
        <f t="shared" si="87"/>
        <v/>
      </c>
      <c r="BI174" s="307" t="str">
        <f t="shared" si="88"/>
        <v/>
      </c>
      <c r="BJ174" s="307" t="str">
        <f t="shared" si="89"/>
        <v/>
      </c>
      <c r="BK174" s="307" t="str">
        <f t="shared" si="90"/>
        <v/>
      </c>
      <c r="BL174" s="307" t="str">
        <f t="shared" si="91"/>
        <v/>
      </c>
      <c r="BM174" s="307" t="str">
        <f t="shared" si="92"/>
        <v/>
      </c>
      <c r="BN174" s="307" t="str">
        <f t="shared" si="93"/>
        <v/>
      </c>
      <c r="BO174" s="307" t="str">
        <f t="shared" si="94"/>
        <v/>
      </c>
      <c r="BP174" s="307" t="str">
        <f t="shared" si="95"/>
        <v/>
      </c>
      <c r="BQ174" s="307" t="str">
        <f t="shared" si="96"/>
        <v/>
      </c>
      <c r="BR174" s="307">
        <f t="shared" si="97"/>
        <v>23224</v>
      </c>
      <c r="BS174" s="307" t="str">
        <f t="shared" si="98"/>
        <v/>
      </c>
      <c r="BT174" s="307" t="str">
        <f t="shared" si="99"/>
        <v/>
      </c>
      <c r="BU174" s="307" t="str">
        <f t="shared" si="100"/>
        <v/>
      </c>
      <c r="BV174" s="307" t="str">
        <f t="shared" si="101"/>
        <v/>
      </c>
      <c r="BW174" s="307" t="str">
        <f t="shared" si="102"/>
        <v/>
      </c>
      <c r="BX174" s="307" t="str">
        <f t="shared" si="103"/>
        <v/>
      </c>
      <c r="BY174" s="307" t="str">
        <f t="shared" si="104"/>
        <v/>
      </c>
      <c r="BZ174" s="307" t="str">
        <f t="shared" si="105"/>
        <v/>
      </c>
      <c r="CA174" s="307" t="str">
        <f t="shared" si="106"/>
        <v/>
      </c>
      <c r="CB174" s="307" t="str">
        <f t="shared" si="107"/>
        <v/>
      </c>
      <c r="CC174" s="307" t="str">
        <f t="shared" si="108"/>
        <v/>
      </c>
      <c r="CD174" s="303"/>
      <c r="CE174" s="303" t="s">
        <v>340</v>
      </c>
      <c r="CF174" s="303" t="s">
        <v>336</v>
      </c>
    </row>
    <row r="175" spans="1:84" s="318" customFormat="1" ht="56.1" hidden="1" customHeight="1" x14ac:dyDescent="0.2">
      <c r="A175" s="302">
        <v>173</v>
      </c>
      <c r="B175" s="24" t="s">
        <v>53</v>
      </c>
      <c r="C175" s="35" t="s">
        <v>329</v>
      </c>
      <c r="D175" s="303" t="s">
        <v>428</v>
      </c>
      <c r="E175" s="303" t="s">
        <v>358</v>
      </c>
      <c r="F175" s="316" t="s">
        <v>438</v>
      </c>
      <c r="G175" s="303" t="s">
        <v>86</v>
      </c>
      <c r="H175" s="303" t="s">
        <v>35</v>
      </c>
      <c r="I175" s="303" t="s">
        <v>60</v>
      </c>
      <c r="J175" s="303" t="s">
        <v>334</v>
      </c>
      <c r="K175" s="303" t="s">
        <v>357</v>
      </c>
      <c r="L175" s="303" t="s">
        <v>63</v>
      </c>
      <c r="M175" s="303" t="s">
        <v>63</v>
      </c>
      <c r="N175" s="304">
        <v>23224</v>
      </c>
      <c r="O175" s="304">
        <f t="shared" si="109"/>
        <v>23224</v>
      </c>
      <c r="P175" s="303" t="s">
        <v>226</v>
      </c>
      <c r="Q175" s="303" t="s">
        <v>82</v>
      </c>
      <c r="R175" s="317"/>
      <c r="S175" s="317"/>
      <c r="T175" s="317"/>
      <c r="U175" s="317"/>
      <c r="V175" s="317"/>
      <c r="W175" s="317"/>
      <c r="X175" s="317"/>
      <c r="Y175" s="317"/>
      <c r="Z175" s="317"/>
      <c r="AA175" s="317"/>
      <c r="AB175" s="317"/>
      <c r="AC175" s="317"/>
      <c r="AD175" s="317"/>
      <c r="AE175" s="317"/>
      <c r="AF175" s="317"/>
      <c r="AG175" s="317"/>
      <c r="AH175" s="317"/>
      <c r="AI175" s="317"/>
      <c r="AJ175" s="307" t="s">
        <v>66</v>
      </c>
      <c r="AK175" s="317"/>
      <c r="AL175" s="317"/>
      <c r="AM175" s="317"/>
      <c r="AN175" s="317"/>
      <c r="AO175" s="317"/>
      <c r="AP175" s="317"/>
      <c r="AQ175" s="317"/>
      <c r="AR175" s="317"/>
      <c r="AS175" s="317"/>
      <c r="AT175" s="317"/>
      <c r="AU175" s="317"/>
      <c r="AV175" s="317"/>
      <c r="AW175" s="308">
        <f t="shared" si="75"/>
        <v>100</v>
      </c>
      <c r="AX175" s="309">
        <f t="shared" si="110"/>
        <v>232.24</v>
      </c>
      <c r="AY175" s="307" t="str">
        <f t="shared" si="78"/>
        <v/>
      </c>
      <c r="AZ175" s="307" t="str">
        <f t="shared" si="79"/>
        <v/>
      </c>
      <c r="BA175" s="307" t="str">
        <f t="shared" si="80"/>
        <v/>
      </c>
      <c r="BB175" s="307" t="str">
        <f t="shared" si="81"/>
        <v/>
      </c>
      <c r="BC175" s="307" t="str">
        <f t="shared" si="82"/>
        <v/>
      </c>
      <c r="BD175" s="307" t="str">
        <f t="shared" si="83"/>
        <v/>
      </c>
      <c r="BE175" s="307" t="str">
        <f t="shared" si="84"/>
        <v/>
      </c>
      <c r="BF175" s="307" t="str">
        <f t="shared" si="85"/>
        <v/>
      </c>
      <c r="BG175" s="307" t="str">
        <f t="shared" si="86"/>
        <v/>
      </c>
      <c r="BH175" s="307" t="str">
        <f t="shared" si="87"/>
        <v/>
      </c>
      <c r="BI175" s="307" t="str">
        <f t="shared" si="88"/>
        <v/>
      </c>
      <c r="BJ175" s="307" t="str">
        <f t="shared" si="89"/>
        <v/>
      </c>
      <c r="BK175" s="307" t="str">
        <f t="shared" si="90"/>
        <v/>
      </c>
      <c r="BL175" s="307" t="str">
        <f t="shared" si="91"/>
        <v/>
      </c>
      <c r="BM175" s="307" t="str">
        <f t="shared" si="92"/>
        <v/>
      </c>
      <c r="BN175" s="307" t="str">
        <f t="shared" si="93"/>
        <v/>
      </c>
      <c r="BO175" s="307" t="str">
        <f t="shared" si="94"/>
        <v/>
      </c>
      <c r="BP175" s="307" t="str">
        <f t="shared" si="95"/>
        <v/>
      </c>
      <c r="BQ175" s="307">
        <f t="shared" si="96"/>
        <v>23224</v>
      </c>
      <c r="BR175" s="307" t="str">
        <f t="shared" si="97"/>
        <v/>
      </c>
      <c r="BS175" s="307" t="str">
        <f t="shared" si="98"/>
        <v/>
      </c>
      <c r="BT175" s="307" t="str">
        <f t="shared" si="99"/>
        <v/>
      </c>
      <c r="BU175" s="307" t="str">
        <f t="shared" si="100"/>
        <v/>
      </c>
      <c r="BV175" s="307" t="str">
        <f t="shared" si="101"/>
        <v/>
      </c>
      <c r="BW175" s="307" t="str">
        <f t="shared" si="102"/>
        <v/>
      </c>
      <c r="BX175" s="307" t="str">
        <f t="shared" si="103"/>
        <v/>
      </c>
      <c r="BY175" s="307" t="str">
        <f t="shared" si="104"/>
        <v/>
      </c>
      <c r="BZ175" s="307" t="str">
        <f t="shared" si="105"/>
        <v/>
      </c>
      <c r="CA175" s="307" t="str">
        <f t="shared" si="106"/>
        <v/>
      </c>
      <c r="CB175" s="307" t="str">
        <f t="shared" si="107"/>
        <v/>
      </c>
      <c r="CC175" s="307" t="str">
        <f t="shared" si="108"/>
        <v/>
      </c>
      <c r="CD175" s="303"/>
      <c r="CE175" s="303" t="s">
        <v>340</v>
      </c>
      <c r="CF175" s="303" t="s">
        <v>336</v>
      </c>
    </row>
    <row r="176" spans="1:84" s="318" customFormat="1" ht="56.1" hidden="1" customHeight="1" x14ac:dyDescent="0.2">
      <c r="A176" s="302">
        <v>174</v>
      </c>
      <c r="B176" s="24" t="s">
        <v>53</v>
      </c>
      <c r="C176" s="35" t="s">
        <v>329</v>
      </c>
      <c r="D176" s="303" t="s">
        <v>428</v>
      </c>
      <c r="E176" s="303" t="s">
        <v>358</v>
      </c>
      <c r="F176" s="316" t="s">
        <v>439</v>
      </c>
      <c r="G176" s="303" t="s">
        <v>86</v>
      </c>
      <c r="H176" s="303" t="s">
        <v>310</v>
      </c>
      <c r="I176" s="303" t="s">
        <v>81</v>
      </c>
      <c r="J176" s="303" t="s">
        <v>334</v>
      </c>
      <c r="K176" s="303" t="s">
        <v>225</v>
      </c>
      <c r="L176" s="303" t="s">
        <v>63</v>
      </c>
      <c r="M176" s="303" t="s">
        <v>63</v>
      </c>
      <c r="N176" s="304">
        <v>70145.740000000005</v>
      </c>
      <c r="O176" s="304">
        <f t="shared" si="109"/>
        <v>70145.740000000005</v>
      </c>
      <c r="P176" s="303" t="s">
        <v>226</v>
      </c>
      <c r="Q176" s="303" t="s">
        <v>82</v>
      </c>
      <c r="R176" s="317"/>
      <c r="S176" s="317"/>
      <c r="T176" s="317"/>
      <c r="U176" s="317"/>
      <c r="V176" s="317"/>
      <c r="W176" s="317"/>
      <c r="X176" s="317"/>
      <c r="Y176" s="317"/>
      <c r="Z176" s="317"/>
      <c r="AA176" s="317"/>
      <c r="AB176" s="317"/>
      <c r="AC176" s="317"/>
      <c r="AD176" s="317"/>
      <c r="AE176" s="317"/>
      <c r="AF176" s="317"/>
      <c r="AG176" s="317"/>
      <c r="AH176" s="317"/>
      <c r="AI176" s="317"/>
      <c r="AJ176" s="317"/>
      <c r="AK176" s="317"/>
      <c r="AL176" s="307" t="s">
        <v>66</v>
      </c>
      <c r="AM176" s="317"/>
      <c r="AN176" s="317"/>
      <c r="AO176" s="317"/>
      <c r="AP176" s="317"/>
      <c r="AQ176" s="317"/>
      <c r="AR176" s="317"/>
      <c r="AS176" s="317"/>
      <c r="AT176" s="317"/>
      <c r="AU176" s="317"/>
      <c r="AV176" s="317"/>
      <c r="AW176" s="308">
        <f t="shared" si="75"/>
        <v>302</v>
      </c>
      <c r="AX176" s="309">
        <f t="shared" si="110"/>
        <v>232.27066225165564</v>
      </c>
      <c r="AY176" s="307" t="str">
        <f t="shared" si="78"/>
        <v/>
      </c>
      <c r="AZ176" s="307" t="str">
        <f t="shared" si="79"/>
        <v/>
      </c>
      <c r="BA176" s="307" t="str">
        <f t="shared" si="80"/>
        <v/>
      </c>
      <c r="BB176" s="307" t="str">
        <f t="shared" si="81"/>
        <v/>
      </c>
      <c r="BC176" s="307" t="str">
        <f t="shared" si="82"/>
        <v/>
      </c>
      <c r="BD176" s="307" t="str">
        <f t="shared" si="83"/>
        <v/>
      </c>
      <c r="BE176" s="307" t="str">
        <f t="shared" si="84"/>
        <v/>
      </c>
      <c r="BF176" s="307" t="str">
        <f t="shared" si="85"/>
        <v/>
      </c>
      <c r="BG176" s="307" t="str">
        <f t="shared" si="86"/>
        <v/>
      </c>
      <c r="BH176" s="307" t="str">
        <f t="shared" si="87"/>
        <v/>
      </c>
      <c r="BI176" s="307" t="str">
        <f t="shared" si="88"/>
        <v/>
      </c>
      <c r="BJ176" s="307" t="str">
        <f t="shared" si="89"/>
        <v/>
      </c>
      <c r="BK176" s="307" t="str">
        <f t="shared" si="90"/>
        <v/>
      </c>
      <c r="BL176" s="307" t="str">
        <f t="shared" si="91"/>
        <v/>
      </c>
      <c r="BM176" s="307" t="str">
        <f t="shared" si="92"/>
        <v/>
      </c>
      <c r="BN176" s="307" t="str">
        <f t="shared" si="93"/>
        <v/>
      </c>
      <c r="BO176" s="307" t="str">
        <f t="shared" si="94"/>
        <v/>
      </c>
      <c r="BP176" s="307" t="str">
        <f t="shared" si="95"/>
        <v/>
      </c>
      <c r="BQ176" s="307" t="str">
        <f t="shared" si="96"/>
        <v/>
      </c>
      <c r="BR176" s="307" t="str">
        <f t="shared" si="97"/>
        <v/>
      </c>
      <c r="BS176" s="307">
        <f t="shared" si="98"/>
        <v>70145.740000000005</v>
      </c>
      <c r="BT176" s="307" t="str">
        <f t="shared" si="99"/>
        <v/>
      </c>
      <c r="BU176" s="307" t="str">
        <f t="shared" si="100"/>
        <v/>
      </c>
      <c r="BV176" s="307" t="str">
        <f t="shared" si="101"/>
        <v/>
      </c>
      <c r="BW176" s="307" t="str">
        <f t="shared" si="102"/>
        <v/>
      </c>
      <c r="BX176" s="307" t="str">
        <f t="shared" si="103"/>
        <v/>
      </c>
      <c r="BY176" s="307" t="str">
        <f t="shared" si="104"/>
        <v/>
      </c>
      <c r="BZ176" s="307" t="str">
        <f t="shared" si="105"/>
        <v/>
      </c>
      <c r="CA176" s="307" t="str">
        <f t="shared" si="106"/>
        <v/>
      </c>
      <c r="CB176" s="307" t="str">
        <f t="shared" si="107"/>
        <v/>
      </c>
      <c r="CC176" s="307" t="str">
        <f t="shared" si="108"/>
        <v/>
      </c>
      <c r="CD176" s="303"/>
      <c r="CE176" s="303" t="s">
        <v>340</v>
      </c>
      <c r="CF176" s="303" t="s">
        <v>336</v>
      </c>
    </row>
    <row r="177" spans="1:84" s="318" customFormat="1" ht="56.1" hidden="1" customHeight="1" x14ac:dyDescent="0.2">
      <c r="A177" s="302">
        <v>175</v>
      </c>
      <c r="B177" s="24" t="s">
        <v>53</v>
      </c>
      <c r="C177" s="35" t="s">
        <v>329</v>
      </c>
      <c r="D177" s="303" t="s">
        <v>428</v>
      </c>
      <c r="E177" s="303" t="s">
        <v>360</v>
      </c>
      <c r="F177" s="316" t="s">
        <v>440</v>
      </c>
      <c r="G177" s="303" t="s">
        <v>93</v>
      </c>
      <c r="H177" s="303" t="s">
        <v>310</v>
      </c>
      <c r="I177" s="303" t="s">
        <v>81</v>
      </c>
      <c r="J177" s="303" t="s">
        <v>334</v>
      </c>
      <c r="K177" s="303" t="s">
        <v>225</v>
      </c>
      <c r="L177" s="303" t="s">
        <v>63</v>
      </c>
      <c r="M177" s="303" t="s">
        <v>63</v>
      </c>
      <c r="N177" s="304">
        <v>7168</v>
      </c>
      <c r="O177" s="304">
        <f t="shared" si="109"/>
        <v>7168</v>
      </c>
      <c r="P177" s="303" t="s">
        <v>226</v>
      </c>
      <c r="Q177" s="303" t="s">
        <v>82</v>
      </c>
      <c r="R177" s="317"/>
      <c r="S177" s="317"/>
      <c r="T177" s="317"/>
      <c r="U177" s="317"/>
      <c r="V177" s="317"/>
      <c r="W177" s="317"/>
      <c r="X177" s="317"/>
      <c r="Y177" s="317"/>
      <c r="Z177" s="317"/>
      <c r="AA177" s="317"/>
      <c r="AB177" s="317"/>
      <c r="AC177" s="317"/>
      <c r="AD177" s="317"/>
      <c r="AE177" s="317"/>
      <c r="AF177" s="317"/>
      <c r="AG177" s="317"/>
      <c r="AH177" s="317"/>
      <c r="AI177" s="317"/>
      <c r="AJ177" s="317"/>
      <c r="AK177" s="317"/>
      <c r="AL177" s="317"/>
      <c r="AM177" s="317"/>
      <c r="AN177" s="317"/>
      <c r="AO177" s="317"/>
      <c r="AP177" s="317"/>
      <c r="AQ177" s="317"/>
      <c r="AR177" s="307" t="s">
        <v>66</v>
      </c>
      <c r="AS177" s="317"/>
      <c r="AT177" s="317"/>
      <c r="AU177" s="317"/>
      <c r="AV177" s="317"/>
      <c r="AW177" s="308">
        <f t="shared" si="75"/>
        <v>31</v>
      </c>
      <c r="AX177" s="309">
        <f t="shared" si="110"/>
        <v>231.2258064516129</v>
      </c>
      <c r="AY177" s="307" t="str">
        <f t="shared" si="78"/>
        <v/>
      </c>
      <c r="AZ177" s="307" t="str">
        <f t="shared" si="79"/>
        <v/>
      </c>
      <c r="BA177" s="307" t="str">
        <f t="shared" si="80"/>
        <v/>
      </c>
      <c r="BB177" s="307" t="str">
        <f t="shared" si="81"/>
        <v/>
      </c>
      <c r="BC177" s="307" t="str">
        <f t="shared" si="82"/>
        <v/>
      </c>
      <c r="BD177" s="307" t="str">
        <f t="shared" si="83"/>
        <v/>
      </c>
      <c r="BE177" s="307" t="str">
        <f t="shared" si="84"/>
        <v/>
      </c>
      <c r="BF177" s="307" t="str">
        <f t="shared" si="85"/>
        <v/>
      </c>
      <c r="BG177" s="307" t="str">
        <f t="shared" si="86"/>
        <v/>
      </c>
      <c r="BH177" s="307" t="str">
        <f t="shared" si="87"/>
        <v/>
      </c>
      <c r="BI177" s="307" t="str">
        <f t="shared" si="88"/>
        <v/>
      </c>
      <c r="BJ177" s="307" t="str">
        <f t="shared" si="89"/>
        <v/>
      </c>
      <c r="BK177" s="307" t="str">
        <f t="shared" si="90"/>
        <v/>
      </c>
      <c r="BL177" s="307" t="str">
        <f t="shared" si="91"/>
        <v/>
      </c>
      <c r="BM177" s="307" t="str">
        <f t="shared" si="92"/>
        <v/>
      </c>
      <c r="BN177" s="307" t="str">
        <f t="shared" si="93"/>
        <v/>
      </c>
      <c r="BO177" s="307" t="str">
        <f t="shared" si="94"/>
        <v/>
      </c>
      <c r="BP177" s="307" t="str">
        <f t="shared" si="95"/>
        <v/>
      </c>
      <c r="BQ177" s="307" t="str">
        <f t="shared" si="96"/>
        <v/>
      </c>
      <c r="BR177" s="307" t="str">
        <f t="shared" si="97"/>
        <v/>
      </c>
      <c r="BS177" s="307" t="str">
        <f t="shared" si="98"/>
        <v/>
      </c>
      <c r="BT177" s="307" t="str">
        <f t="shared" si="99"/>
        <v/>
      </c>
      <c r="BU177" s="307" t="str">
        <f t="shared" si="100"/>
        <v/>
      </c>
      <c r="BV177" s="307" t="str">
        <f t="shared" si="101"/>
        <v/>
      </c>
      <c r="BW177" s="307" t="str">
        <f t="shared" si="102"/>
        <v/>
      </c>
      <c r="BX177" s="307" t="str">
        <f t="shared" si="103"/>
        <v/>
      </c>
      <c r="BY177" s="307">
        <f t="shared" si="104"/>
        <v>7168</v>
      </c>
      <c r="BZ177" s="307" t="str">
        <f t="shared" si="105"/>
        <v/>
      </c>
      <c r="CA177" s="307" t="str">
        <f t="shared" si="106"/>
        <v/>
      </c>
      <c r="CB177" s="307" t="str">
        <f t="shared" si="107"/>
        <v/>
      </c>
      <c r="CC177" s="307" t="str">
        <f t="shared" si="108"/>
        <v/>
      </c>
      <c r="CD177" s="303"/>
      <c r="CE177" s="303" t="s">
        <v>340</v>
      </c>
      <c r="CF177" s="303" t="s">
        <v>336</v>
      </c>
    </row>
    <row r="178" spans="1:84" s="318" customFormat="1" ht="56.1" hidden="1" customHeight="1" x14ac:dyDescent="0.2">
      <c r="A178" s="302">
        <v>176</v>
      </c>
      <c r="B178" s="24" t="s">
        <v>53</v>
      </c>
      <c r="C178" s="35" t="s">
        <v>329</v>
      </c>
      <c r="D178" s="303" t="s">
        <v>428</v>
      </c>
      <c r="E178" s="303" t="s">
        <v>360</v>
      </c>
      <c r="F178" s="316" t="s">
        <v>441</v>
      </c>
      <c r="G178" s="303" t="s">
        <v>93</v>
      </c>
      <c r="H178" s="303" t="s">
        <v>42</v>
      </c>
      <c r="I178" s="303" t="s">
        <v>81</v>
      </c>
      <c r="J178" s="303" t="s">
        <v>334</v>
      </c>
      <c r="K178" s="303" t="s">
        <v>71</v>
      </c>
      <c r="L178" s="303" t="s">
        <v>63</v>
      </c>
      <c r="M178" s="303" t="s">
        <v>63</v>
      </c>
      <c r="N178" s="304">
        <v>50411</v>
      </c>
      <c r="O178" s="304">
        <f t="shared" si="109"/>
        <v>50411</v>
      </c>
      <c r="P178" s="303" t="s">
        <v>226</v>
      </c>
      <c r="Q178" s="303" t="s">
        <v>82</v>
      </c>
      <c r="R178" s="317"/>
      <c r="S178" s="317"/>
      <c r="T178" s="317"/>
      <c r="U178" s="317"/>
      <c r="V178" s="317"/>
      <c r="W178" s="317"/>
      <c r="X178" s="317"/>
      <c r="Y178" s="317"/>
      <c r="Z178" s="317"/>
      <c r="AA178" s="317"/>
      <c r="AB178" s="317"/>
      <c r="AC178" s="317"/>
      <c r="AD178" s="317"/>
      <c r="AE178" s="317"/>
      <c r="AF178" s="317"/>
      <c r="AG178" s="317"/>
      <c r="AH178" s="317"/>
      <c r="AI178" s="317"/>
      <c r="AJ178" s="317"/>
      <c r="AK178" s="317"/>
      <c r="AL178" s="317"/>
      <c r="AM178" s="317"/>
      <c r="AN178" s="317"/>
      <c r="AO178" s="317"/>
      <c r="AP178" s="317"/>
      <c r="AQ178" s="307" t="s">
        <v>66</v>
      </c>
      <c r="AR178" s="317"/>
      <c r="AS178" s="317"/>
      <c r="AT178" s="317"/>
      <c r="AU178" s="317"/>
      <c r="AV178" s="317"/>
      <c r="AW178" s="308">
        <f t="shared" si="75"/>
        <v>217</v>
      </c>
      <c r="AX178" s="309">
        <f t="shared" si="110"/>
        <v>232.30875576036865</v>
      </c>
      <c r="AY178" s="307" t="str">
        <f t="shared" si="78"/>
        <v/>
      </c>
      <c r="AZ178" s="307" t="str">
        <f t="shared" si="79"/>
        <v/>
      </c>
      <c r="BA178" s="307" t="str">
        <f t="shared" si="80"/>
        <v/>
      </c>
      <c r="BB178" s="307" t="str">
        <f t="shared" si="81"/>
        <v/>
      </c>
      <c r="BC178" s="307" t="str">
        <f t="shared" si="82"/>
        <v/>
      </c>
      <c r="BD178" s="307" t="str">
        <f t="shared" si="83"/>
        <v/>
      </c>
      <c r="BE178" s="307" t="str">
        <f t="shared" si="84"/>
        <v/>
      </c>
      <c r="BF178" s="307" t="str">
        <f t="shared" si="85"/>
        <v/>
      </c>
      <c r="BG178" s="307" t="str">
        <f t="shared" si="86"/>
        <v/>
      </c>
      <c r="BH178" s="307" t="str">
        <f t="shared" si="87"/>
        <v/>
      </c>
      <c r="BI178" s="307" t="str">
        <f t="shared" si="88"/>
        <v/>
      </c>
      <c r="BJ178" s="307" t="str">
        <f t="shared" si="89"/>
        <v/>
      </c>
      <c r="BK178" s="307" t="str">
        <f t="shared" si="90"/>
        <v/>
      </c>
      <c r="BL178" s="307" t="str">
        <f t="shared" si="91"/>
        <v/>
      </c>
      <c r="BM178" s="307" t="str">
        <f t="shared" si="92"/>
        <v/>
      </c>
      <c r="BN178" s="307" t="str">
        <f t="shared" si="93"/>
        <v/>
      </c>
      <c r="BO178" s="307" t="str">
        <f t="shared" si="94"/>
        <v/>
      </c>
      <c r="BP178" s="307" t="str">
        <f t="shared" si="95"/>
        <v/>
      </c>
      <c r="BQ178" s="307" t="str">
        <f t="shared" si="96"/>
        <v/>
      </c>
      <c r="BR178" s="307" t="str">
        <f t="shared" si="97"/>
        <v/>
      </c>
      <c r="BS178" s="307" t="str">
        <f t="shared" si="98"/>
        <v/>
      </c>
      <c r="BT178" s="307" t="str">
        <f t="shared" si="99"/>
        <v/>
      </c>
      <c r="BU178" s="307" t="str">
        <f t="shared" si="100"/>
        <v/>
      </c>
      <c r="BV178" s="307" t="str">
        <f t="shared" si="101"/>
        <v/>
      </c>
      <c r="BW178" s="307" t="str">
        <f t="shared" si="102"/>
        <v/>
      </c>
      <c r="BX178" s="307">
        <f t="shared" si="103"/>
        <v>50411</v>
      </c>
      <c r="BY178" s="307" t="str">
        <f t="shared" si="104"/>
        <v/>
      </c>
      <c r="BZ178" s="307" t="str">
        <f t="shared" si="105"/>
        <v/>
      </c>
      <c r="CA178" s="307" t="str">
        <f t="shared" si="106"/>
        <v/>
      </c>
      <c r="CB178" s="307" t="str">
        <f t="shared" si="107"/>
        <v/>
      </c>
      <c r="CC178" s="307" t="str">
        <f t="shared" si="108"/>
        <v/>
      </c>
      <c r="CD178" s="303"/>
      <c r="CE178" s="303" t="s">
        <v>340</v>
      </c>
      <c r="CF178" s="303" t="s">
        <v>336</v>
      </c>
    </row>
    <row r="179" spans="1:84" s="318" customFormat="1" ht="56.1" hidden="1" customHeight="1" x14ac:dyDescent="0.2">
      <c r="A179" s="302">
        <v>177</v>
      </c>
      <c r="B179" s="24" t="s">
        <v>53</v>
      </c>
      <c r="C179" s="35" t="s">
        <v>329</v>
      </c>
      <c r="D179" s="303" t="s">
        <v>428</v>
      </c>
      <c r="E179" s="303" t="s">
        <v>360</v>
      </c>
      <c r="F179" s="316" t="s">
        <v>440</v>
      </c>
      <c r="G179" s="303" t="s">
        <v>413</v>
      </c>
      <c r="H179" s="303" t="s">
        <v>310</v>
      </c>
      <c r="I179" s="303" t="s">
        <v>81</v>
      </c>
      <c r="J179" s="303" t="s">
        <v>334</v>
      </c>
      <c r="K179" s="303" t="s">
        <v>225</v>
      </c>
      <c r="L179" s="303" t="s">
        <v>63</v>
      </c>
      <c r="M179" s="303" t="s">
        <v>63</v>
      </c>
      <c r="N179" s="304">
        <v>5482</v>
      </c>
      <c r="O179" s="304">
        <f t="shared" si="109"/>
        <v>5482</v>
      </c>
      <c r="P179" s="303" t="s">
        <v>226</v>
      </c>
      <c r="Q179" s="303" t="s">
        <v>82</v>
      </c>
      <c r="R179" s="317"/>
      <c r="S179" s="317"/>
      <c r="T179" s="317"/>
      <c r="U179" s="317"/>
      <c r="V179" s="317"/>
      <c r="W179" s="317"/>
      <c r="X179" s="317"/>
      <c r="Y179" s="317"/>
      <c r="Z179" s="317"/>
      <c r="AA179" s="317"/>
      <c r="AB179" s="317"/>
      <c r="AC179" s="317"/>
      <c r="AD179" s="317"/>
      <c r="AE179" s="317"/>
      <c r="AF179" s="317"/>
      <c r="AG179" s="317"/>
      <c r="AH179" s="317"/>
      <c r="AI179" s="317"/>
      <c r="AJ179" s="317"/>
      <c r="AK179" s="317"/>
      <c r="AL179" s="317"/>
      <c r="AM179" s="317"/>
      <c r="AN179" s="317"/>
      <c r="AO179" s="317"/>
      <c r="AP179" s="317"/>
      <c r="AQ179" s="317"/>
      <c r="AR179" s="317"/>
      <c r="AS179" s="317" t="s">
        <v>66</v>
      </c>
      <c r="AT179" s="317"/>
      <c r="AU179" s="317"/>
      <c r="AV179" s="317"/>
      <c r="AW179" s="308">
        <f t="shared" si="75"/>
        <v>67</v>
      </c>
      <c r="AX179" s="309">
        <f t="shared" si="110"/>
        <v>81.820895522388057</v>
      </c>
      <c r="AY179" s="307" t="str">
        <f t="shared" si="78"/>
        <v/>
      </c>
      <c r="AZ179" s="307" t="str">
        <f t="shared" si="79"/>
        <v/>
      </c>
      <c r="BA179" s="307" t="str">
        <f t="shared" si="80"/>
        <v/>
      </c>
      <c r="BB179" s="307" t="str">
        <f t="shared" si="81"/>
        <v/>
      </c>
      <c r="BC179" s="307" t="str">
        <f t="shared" si="82"/>
        <v/>
      </c>
      <c r="BD179" s="307" t="str">
        <f t="shared" si="83"/>
        <v/>
      </c>
      <c r="BE179" s="307" t="str">
        <f t="shared" si="84"/>
        <v/>
      </c>
      <c r="BF179" s="307" t="str">
        <f t="shared" si="85"/>
        <v/>
      </c>
      <c r="BG179" s="307" t="str">
        <f t="shared" si="86"/>
        <v/>
      </c>
      <c r="BH179" s="307" t="str">
        <f t="shared" si="87"/>
        <v/>
      </c>
      <c r="BI179" s="307" t="str">
        <f t="shared" si="88"/>
        <v/>
      </c>
      <c r="BJ179" s="307" t="str">
        <f t="shared" si="89"/>
        <v/>
      </c>
      <c r="BK179" s="307" t="str">
        <f t="shared" si="90"/>
        <v/>
      </c>
      <c r="BL179" s="307" t="str">
        <f t="shared" si="91"/>
        <v/>
      </c>
      <c r="BM179" s="307" t="str">
        <f t="shared" si="92"/>
        <v/>
      </c>
      <c r="BN179" s="307" t="str">
        <f t="shared" si="93"/>
        <v/>
      </c>
      <c r="BO179" s="307" t="str">
        <f t="shared" si="94"/>
        <v/>
      </c>
      <c r="BP179" s="307" t="str">
        <f t="shared" si="95"/>
        <v/>
      </c>
      <c r="BQ179" s="307" t="str">
        <f t="shared" si="96"/>
        <v/>
      </c>
      <c r="BR179" s="307" t="str">
        <f t="shared" si="97"/>
        <v/>
      </c>
      <c r="BS179" s="307" t="str">
        <f t="shared" si="98"/>
        <v/>
      </c>
      <c r="BT179" s="307" t="str">
        <f t="shared" si="99"/>
        <v/>
      </c>
      <c r="BU179" s="307" t="str">
        <f t="shared" si="100"/>
        <v/>
      </c>
      <c r="BV179" s="307" t="str">
        <f t="shared" si="101"/>
        <v/>
      </c>
      <c r="BW179" s="307" t="str">
        <f t="shared" si="102"/>
        <v/>
      </c>
      <c r="BX179" s="307" t="str">
        <f t="shared" si="103"/>
        <v/>
      </c>
      <c r="BY179" s="307" t="str">
        <f t="shared" si="104"/>
        <v/>
      </c>
      <c r="BZ179" s="307">
        <f t="shared" si="105"/>
        <v>5482</v>
      </c>
      <c r="CA179" s="307" t="str">
        <f t="shared" si="106"/>
        <v/>
      </c>
      <c r="CB179" s="307" t="str">
        <f t="shared" si="107"/>
        <v/>
      </c>
      <c r="CC179" s="307" t="str">
        <f t="shared" si="108"/>
        <v/>
      </c>
      <c r="CD179" s="303"/>
      <c r="CE179" s="303" t="s">
        <v>340</v>
      </c>
      <c r="CF179" s="303" t="s">
        <v>336</v>
      </c>
    </row>
    <row r="180" spans="1:84" s="318" customFormat="1" ht="56.1" hidden="1" customHeight="1" x14ac:dyDescent="0.2">
      <c r="A180" s="302">
        <v>178</v>
      </c>
      <c r="B180" s="24" t="s">
        <v>53</v>
      </c>
      <c r="C180" s="35" t="s">
        <v>329</v>
      </c>
      <c r="D180" s="303" t="s">
        <v>428</v>
      </c>
      <c r="E180" s="303" t="s">
        <v>414</v>
      </c>
      <c r="F180" s="316" t="s">
        <v>440</v>
      </c>
      <c r="G180" s="303" t="s">
        <v>95</v>
      </c>
      <c r="H180" s="303" t="s">
        <v>347</v>
      </c>
      <c r="I180" s="303" t="s">
        <v>81</v>
      </c>
      <c r="J180" s="303" t="s">
        <v>334</v>
      </c>
      <c r="K180" s="303" t="s">
        <v>225</v>
      </c>
      <c r="L180" s="303" t="s">
        <v>63</v>
      </c>
      <c r="M180" s="303" t="s">
        <v>63</v>
      </c>
      <c r="N180" s="304">
        <v>7168</v>
      </c>
      <c r="O180" s="304">
        <f t="shared" si="109"/>
        <v>7168</v>
      </c>
      <c r="P180" s="303" t="s">
        <v>226</v>
      </c>
      <c r="Q180" s="303" t="s">
        <v>82</v>
      </c>
      <c r="R180" s="317"/>
      <c r="S180" s="317"/>
      <c r="T180" s="317"/>
      <c r="U180" s="317"/>
      <c r="V180" s="317"/>
      <c r="W180" s="317"/>
      <c r="X180" s="317"/>
      <c r="Y180" s="317"/>
      <c r="Z180" s="317"/>
      <c r="AA180" s="317"/>
      <c r="AB180" s="317"/>
      <c r="AC180" s="317"/>
      <c r="AD180" s="317"/>
      <c r="AE180" s="317"/>
      <c r="AF180" s="317"/>
      <c r="AG180" s="317"/>
      <c r="AH180" s="317"/>
      <c r="AI180" s="317"/>
      <c r="AJ180" s="317"/>
      <c r="AK180" s="317"/>
      <c r="AL180" s="317"/>
      <c r="AM180" s="317"/>
      <c r="AN180" s="317"/>
      <c r="AO180" s="317"/>
      <c r="AP180" s="317"/>
      <c r="AQ180" s="317"/>
      <c r="AR180" s="317"/>
      <c r="AS180" s="317"/>
      <c r="AT180" s="317"/>
      <c r="AU180" s="306" t="s">
        <v>66</v>
      </c>
      <c r="AV180" s="317"/>
      <c r="AW180" s="308">
        <f t="shared" si="75"/>
        <v>31</v>
      </c>
      <c r="AX180" s="309">
        <f t="shared" si="110"/>
        <v>231.2258064516129</v>
      </c>
      <c r="AY180" s="307" t="str">
        <f t="shared" si="78"/>
        <v/>
      </c>
      <c r="AZ180" s="307" t="str">
        <f t="shared" si="79"/>
        <v/>
      </c>
      <c r="BA180" s="307" t="str">
        <f t="shared" si="80"/>
        <v/>
      </c>
      <c r="BB180" s="307" t="str">
        <f t="shared" si="81"/>
        <v/>
      </c>
      <c r="BC180" s="307" t="str">
        <f t="shared" si="82"/>
        <v/>
      </c>
      <c r="BD180" s="307" t="str">
        <f t="shared" si="83"/>
        <v/>
      </c>
      <c r="BE180" s="307" t="str">
        <f t="shared" si="84"/>
        <v/>
      </c>
      <c r="BF180" s="307" t="str">
        <f t="shared" si="85"/>
        <v/>
      </c>
      <c r="BG180" s="307" t="str">
        <f t="shared" si="86"/>
        <v/>
      </c>
      <c r="BH180" s="307" t="str">
        <f t="shared" si="87"/>
        <v/>
      </c>
      <c r="BI180" s="307" t="str">
        <f t="shared" si="88"/>
        <v/>
      </c>
      <c r="BJ180" s="307" t="str">
        <f t="shared" si="89"/>
        <v/>
      </c>
      <c r="BK180" s="307" t="str">
        <f t="shared" si="90"/>
        <v/>
      </c>
      <c r="BL180" s="307" t="str">
        <f t="shared" si="91"/>
        <v/>
      </c>
      <c r="BM180" s="307" t="str">
        <f t="shared" si="92"/>
        <v/>
      </c>
      <c r="BN180" s="307" t="str">
        <f t="shared" si="93"/>
        <v/>
      </c>
      <c r="BO180" s="307" t="str">
        <f t="shared" si="94"/>
        <v/>
      </c>
      <c r="BP180" s="307" t="str">
        <f t="shared" si="95"/>
        <v/>
      </c>
      <c r="BQ180" s="307" t="str">
        <f t="shared" si="96"/>
        <v/>
      </c>
      <c r="BR180" s="307" t="str">
        <f t="shared" si="97"/>
        <v/>
      </c>
      <c r="BS180" s="307" t="str">
        <f t="shared" si="98"/>
        <v/>
      </c>
      <c r="BT180" s="307" t="str">
        <f t="shared" si="99"/>
        <v/>
      </c>
      <c r="BU180" s="307" t="str">
        <f t="shared" si="100"/>
        <v/>
      </c>
      <c r="BV180" s="307" t="str">
        <f t="shared" si="101"/>
        <v/>
      </c>
      <c r="BW180" s="307" t="str">
        <f t="shared" si="102"/>
        <v/>
      </c>
      <c r="BX180" s="307" t="str">
        <f t="shared" si="103"/>
        <v/>
      </c>
      <c r="BY180" s="307" t="str">
        <f t="shared" si="104"/>
        <v/>
      </c>
      <c r="BZ180" s="307" t="str">
        <f t="shared" si="105"/>
        <v/>
      </c>
      <c r="CA180" s="307" t="str">
        <f t="shared" si="106"/>
        <v/>
      </c>
      <c r="CB180" s="307">
        <f t="shared" si="107"/>
        <v>7168</v>
      </c>
      <c r="CC180" s="307" t="str">
        <f t="shared" si="108"/>
        <v/>
      </c>
      <c r="CD180" s="303"/>
      <c r="CE180" s="303" t="s">
        <v>340</v>
      </c>
      <c r="CF180" s="303" t="s">
        <v>336</v>
      </c>
    </row>
    <row r="181" spans="1:84" s="211" customFormat="1" ht="56.1" hidden="1" customHeight="1" x14ac:dyDescent="0.2">
      <c r="A181" s="198">
        <v>179</v>
      </c>
      <c r="B181" s="199" t="s">
        <v>53</v>
      </c>
      <c r="C181" s="208" t="s">
        <v>329</v>
      </c>
      <c r="D181" s="200" t="s">
        <v>428</v>
      </c>
      <c r="E181" s="200" t="s">
        <v>414</v>
      </c>
      <c r="F181" s="209" t="s">
        <v>442</v>
      </c>
      <c r="G181" s="200" t="s">
        <v>95</v>
      </c>
      <c r="H181" s="200" t="s">
        <v>368</v>
      </c>
      <c r="I181" s="200" t="s">
        <v>81</v>
      </c>
      <c r="J181" s="200" t="s">
        <v>334</v>
      </c>
      <c r="K181" s="200" t="s">
        <v>122</v>
      </c>
      <c r="L181" s="200" t="s">
        <v>63</v>
      </c>
      <c r="M181" s="200" t="s">
        <v>63</v>
      </c>
      <c r="N181" s="201">
        <v>34838</v>
      </c>
      <c r="O181" s="201">
        <f t="shared" si="109"/>
        <v>34838</v>
      </c>
      <c r="P181" s="200" t="s">
        <v>226</v>
      </c>
      <c r="Q181" s="200" t="s">
        <v>82</v>
      </c>
      <c r="R181" s="210"/>
      <c r="S181" s="210"/>
      <c r="T181" s="210"/>
      <c r="U181" s="210"/>
      <c r="V181" s="210"/>
      <c r="W181" s="210"/>
      <c r="X181" s="210"/>
      <c r="Y181" s="210"/>
      <c r="Z181" s="210"/>
      <c r="AA181" s="210"/>
      <c r="AB181" s="210"/>
      <c r="AC181" s="210"/>
      <c r="AD181" s="210"/>
      <c r="AE181" s="210"/>
      <c r="AF181" s="210"/>
      <c r="AG181" s="210"/>
      <c r="AH181" s="210"/>
      <c r="AI181" s="210"/>
      <c r="AJ181" s="210"/>
      <c r="AK181" s="210"/>
      <c r="AL181" s="210"/>
      <c r="AM181" s="210"/>
      <c r="AN181" s="210"/>
      <c r="AO181" s="210"/>
      <c r="AP181" s="210"/>
      <c r="AQ181" s="210"/>
      <c r="AR181" s="210"/>
      <c r="AS181" s="210"/>
      <c r="AT181" s="203" t="s">
        <v>66</v>
      </c>
      <c r="AU181" s="210"/>
      <c r="AV181" s="210"/>
      <c r="AW181" s="204">
        <f t="shared" si="75"/>
        <v>150</v>
      </c>
      <c r="AX181" s="205">
        <f t="shared" si="110"/>
        <v>232.25333333333333</v>
      </c>
      <c r="AY181" s="203" t="str">
        <f t="shared" si="78"/>
        <v/>
      </c>
      <c r="AZ181" s="203" t="str">
        <f t="shared" si="79"/>
        <v/>
      </c>
      <c r="BA181" s="203" t="str">
        <f t="shared" si="80"/>
        <v/>
      </c>
      <c r="BB181" s="203" t="str">
        <f t="shared" si="81"/>
        <v/>
      </c>
      <c r="BC181" s="203" t="str">
        <f t="shared" si="82"/>
        <v/>
      </c>
      <c r="BD181" s="203" t="str">
        <f t="shared" si="83"/>
        <v/>
      </c>
      <c r="BE181" s="203" t="str">
        <f t="shared" si="84"/>
        <v/>
      </c>
      <c r="BF181" s="203" t="str">
        <f t="shared" si="85"/>
        <v/>
      </c>
      <c r="BG181" s="203" t="str">
        <f t="shared" si="86"/>
        <v/>
      </c>
      <c r="BH181" s="203" t="str">
        <f t="shared" si="87"/>
        <v/>
      </c>
      <c r="BI181" s="203" t="str">
        <f t="shared" si="88"/>
        <v/>
      </c>
      <c r="BJ181" s="203" t="str">
        <f t="shared" si="89"/>
        <v/>
      </c>
      <c r="BK181" s="203" t="str">
        <f t="shared" si="90"/>
        <v/>
      </c>
      <c r="BL181" s="203" t="str">
        <f t="shared" si="91"/>
        <v/>
      </c>
      <c r="BM181" s="203" t="str">
        <f t="shared" si="92"/>
        <v/>
      </c>
      <c r="BN181" s="203" t="str">
        <f t="shared" si="93"/>
        <v/>
      </c>
      <c r="BO181" s="203" t="str">
        <f t="shared" si="94"/>
        <v/>
      </c>
      <c r="BP181" s="203" t="str">
        <f t="shared" si="95"/>
        <v/>
      </c>
      <c r="BQ181" s="203" t="str">
        <f t="shared" si="96"/>
        <v/>
      </c>
      <c r="BR181" s="203" t="str">
        <f t="shared" si="97"/>
        <v/>
      </c>
      <c r="BS181" s="203" t="str">
        <f t="shared" si="98"/>
        <v/>
      </c>
      <c r="BT181" s="203" t="str">
        <f t="shared" si="99"/>
        <v/>
      </c>
      <c r="BU181" s="203" t="str">
        <f t="shared" si="100"/>
        <v/>
      </c>
      <c r="BV181" s="203" t="str">
        <f t="shared" si="101"/>
        <v/>
      </c>
      <c r="BW181" s="203" t="str">
        <f t="shared" si="102"/>
        <v/>
      </c>
      <c r="BX181" s="203" t="str">
        <f t="shared" si="103"/>
        <v/>
      </c>
      <c r="BY181" s="203" t="str">
        <f t="shared" si="104"/>
        <v/>
      </c>
      <c r="BZ181" s="203" t="str">
        <f t="shared" si="105"/>
        <v/>
      </c>
      <c r="CA181" s="203">
        <f t="shared" si="106"/>
        <v>34838</v>
      </c>
      <c r="CB181" s="203" t="str">
        <f t="shared" si="107"/>
        <v/>
      </c>
      <c r="CC181" s="203" t="str">
        <f t="shared" si="108"/>
        <v/>
      </c>
      <c r="CD181" s="200"/>
      <c r="CE181" s="200" t="s">
        <v>340</v>
      </c>
      <c r="CF181" s="200" t="s">
        <v>336</v>
      </c>
    </row>
    <row r="182" spans="1:84" s="211" customFormat="1" ht="56.1" hidden="1" customHeight="1" x14ac:dyDescent="0.2">
      <c r="A182" s="198">
        <v>180</v>
      </c>
      <c r="B182" s="199" t="s">
        <v>53</v>
      </c>
      <c r="C182" s="208" t="s">
        <v>329</v>
      </c>
      <c r="D182" s="200" t="s">
        <v>428</v>
      </c>
      <c r="E182" s="200" t="s">
        <v>369</v>
      </c>
      <c r="F182" s="209" t="s">
        <v>443</v>
      </c>
      <c r="G182" s="200" t="s">
        <v>58</v>
      </c>
      <c r="H182" s="200" t="s">
        <v>347</v>
      </c>
      <c r="I182" s="200" t="s">
        <v>81</v>
      </c>
      <c r="J182" s="200" t="s">
        <v>334</v>
      </c>
      <c r="K182" s="200" t="s">
        <v>225</v>
      </c>
      <c r="L182" s="200" t="s">
        <v>63</v>
      </c>
      <c r="M182" s="200" t="s">
        <v>63</v>
      </c>
      <c r="N182" s="201">
        <v>553819</v>
      </c>
      <c r="O182" s="201">
        <f t="shared" si="109"/>
        <v>553819</v>
      </c>
      <c r="P182" s="200" t="s">
        <v>226</v>
      </c>
      <c r="Q182" s="200" t="s">
        <v>82</v>
      </c>
      <c r="R182" s="210"/>
      <c r="S182" s="210"/>
      <c r="T182" s="210"/>
      <c r="U182" s="210"/>
      <c r="V182" s="210"/>
      <c r="W182" s="210"/>
      <c r="X182" s="210"/>
      <c r="Y182" s="210"/>
      <c r="Z182" s="210"/>
      <c r="AA182" s="210"/>
      <c r="AB182" s="210"/>
      <c r="AC182" s="210"/>
      <c r="AD182" s="210"/>
      <c r="AE182" s="210"/>
      <c r="AF182" s="210"/>
      <c r="AG182" s="210"/>
      <c r="AH182" s="203" t="s">
        <v>66</v>
      </c>
      <c r="AI182" s="210"/>
      <c r="AJ182" s="210"/>
      <c r="AK182" s="210"/>
      <c r="AL182" s="210"/>
      <c r="AM182" s="210"/>
      <c r="AN182" s="210"/>
      <c r="AO182" s="210"/>
      <c r="AP182" s="210"/>
      <c r="AQ182" s="210"/>
      <c r="AR182" s="210"/>
      <c r="AS182" s="210"/>
      <c r="AT182" s="210"/>
      <c r="AU182" s="210"/>
      <c r="AV182" s="210"/>
      <c r="AW182" s="204">
        <f t="shared" si="75"/>
        <v>2385</v>
      </c>
      <c r="AX182" s="205">
        <f t="shared" si="110"/>
        <v>232.20922431865827</v>
      </c>
      <c r="AY182" s="203" t="str">
        <f t="shared" si="78"/>
        <v/>
      </c>
      <c r="AZ182" s="203" t="str">
        <f t="shared" si="79"/>
        <v/>
      </c>
      <c r="BA182" s="203" t="str">
        <f t="shared" si="80"/>
        <v/>
      </c>
      <c r="BB182" s="203" t="str">
        <f t="shared" si="81"/>
        <v/>
      </c>
      <c r="BC182" s="203" t="str">
        <f t="shared" si="82"/>
        <v/>
      </c>
      <c r="BD182" s="203" t="str">
        <f t="shared" si="83"/>
        <v/>
      </c>
      <c r="BE182" s="203" t="str">
        <f t="shared" si="84"/>
        <v/>
      </c>
      <c r="BF182" s="203" t="str">
        <f t="shared" si="85"/>
        <v/>
      </c>
      <c r="BG182" s="203" t="str">
        <f t="shared" si="86"/>
        <v/>
      </c>
      <c r="BH182" s="203" t="str">
        <f t="shared" si="87"/>
        <v/>
      </c>
      <c r="BI182" s="203" t="str">
        <f t="shared" si="88"/>
        <v/>
      </c>
      <c r="BJ182" s="203" t="str">
        <f t="shared" si="89"/>
        <v/>
      </c>
      <c r="BK182" s="203" t="str">
        <f t="shared" si="90"/>
        <v/>
      </c>
      <c r="BL182" s="203" t="str">
        <f t="shared" si="91"/>
        <v/>
      </c>
      <c r="BM182" s="203" t="str">
        <f t="shared" si="92"/>
        <v/>
      </c>
      <c r="BN182" s="203" t="str">
        <f t="shared" si="93"/>
        <v/>
      </c>
      <c r="BO182" s="203">
        <f t="shared" si="94"/>
        <v>553819</v>
      </c>
      <c r="BP182" s="203" t="str">
        <f t="shared" si="95"/>
        <v/>
      </c>
      <c r="BQ182" s="203" t="str">
        <f t="shared" si="96"/>
        <v/>
      </c>
      <c r="BR182" s="203" t="str">
        <f t="shared" si="97"/>
        <v/>
      </c>
      <c r="BS182" s="203" t="str">
        <f t="shared" si="98"/>
        <v/>
      </c>
      <c r="BT182" s="203" t="str">
        <f t="shared" si="99"/>
        <v/>
      </c>
      <c r="BU182" s="203" t="str">
        <f t="shared" si="100"/>
        <v/>
      </c>
      <c r="BV182" s="203" t="str">
        <f t="shared" si="101"/>
        <v/>
      </c>
      <c r="BW182" s="203" t="str">
        <f t="shared" si="102"/>
        <v/>
      </c>
      <c r="BX182" s="203" t="str">
        <f t="shared" si="103"/>
        <v/>
      </c>
      <c r="BY182" s="203" t="str">
        <f t="shared" si="104"/>
        <v/>
      </c>
      <c r="BZ182" s="203" t="str">
        <f t="shared" si="105"/>
        <v/>
      </c>
      <c r="CA182" s="203" t="str">
        <f t="shared" si="106"/>
        <v/>
      </c>
      <c r="CB182" s="203" t="str">
        <f t="shared" si="107"/>
        <v/>
      </c>
      <c r="CC182" s="203" t="str">
        <f t="shared" si="108"/>
        <v/>
      </c>
      <c r="CD182" s="200"/>
      <c r="CE182" s="200" t="s">
        <v>340</v>
      </c>
      <c r="CF182" s="200" t="s">
        <v>336</v>
      </c>
    </row>
    <row r="183" spans="1:84" s="168" customFormat="1" ht="56.1" hidden="1" customHeight="1" x14ac:dyDescent="0.2">
      <c r="A183" s="154">
        <v>181</v>
      </c>
      <c r="B183" s="155" t="s">
        <v>53</v>
      </c>
      <c r="C183" s="165" t="s">
        <v>329</v>
      </c>
      <c r="D183" s="156" t="s">
        <v>428</v>
      </c>
      <c r="E183" s="156" t="s">
        <v>369</v>
      </c>
      <c r="F183" s="166" t="s">
        <v>444</v>
      </c>
      <c r="G183" s="156" t="s">
        <v>58</v>
      </c>
      <c r="H183" s="156" t="s">
        <v>173</v>
      </c>
      <c r="I183" s="156" t="s">
        <v>60</v>
      </c>
      <c r="J183" s="156" t="s">
        <v>334</v>
      </c>
      <c r="K183" s="156" t="s">
        <v>62</v>
      </c>
      <c r="L183" s="156" t="s">
        <v>63</v>
      </c>
      <c r="M183" s="156" t="s">
        <v>63</v>
      </c>
      <c r="N183" s="157">
        <v>348318</v>
      </c>
      <c r="O183" s="157">
        <f t="shared" si="109"/>
        <v>348318</v>
      </c>
      <c r="P183" s="156" t="s">
        <v>226</v>
      </c>
      <c r="Q183" s="156" t="s">
        <v>82</v>
      </c>
      <c r="R183" s="161" t="s">
        <v>66</v>
      </c>
      <c r="S183" s="167"/>
      <c r="T183" s="167"/>
      <c r="U183" s="167"/>
      <c r="V183" s="167"/>
      <c r="W183" s="167"/>
      <c r="X183" s="167"/>
      <c r="Y183" s="167"/>
      <c r="Z183" s="167"/>
      <c r="AA183" s="167"/>
      <c r="AB183" s="167"/>
      <c r="AC183" s="167"/>
      <c r="AD183" s="167"/>
      <c r="AE183" s="167"/>
      <c r="AF183" s="167"/>
      <c r="AG183" s="167"/>
      <c r="AH183" s="167"/>
      <c r="AI183" s="167"/>
      <c r="AJ183" s="167"/>
      <c r="AK183" s="167"/>
      <c r="AL183" s="167"/>
      <c r="AM183" s="167"/>
      <c r="AN183" s="167"/>
      <c r="AO183" s="167"/>
      <c r="AP183" s="167"/>
      <c r="AQ183" s="167"/>
      <c r="AR183" s="167"/>
      <c r="AS183" s="167"/>
      <c r="AT183" s="167"/>
      <c r="AU183" s="167"/>
      <c r="AV183" s="167"/>
      <c r="AW183" s="160">
        <f t="shared" si="75"/>
        <v>1500</v>
      </c>
      <c r="AX183" s="158">
        <f t="shared" si="110"/>
        <v>232.21199999999999</v>
      </c>
      <c r="AY183" s="161">
        <f t="shared" si="78"/>
        <v>348318</v>
      </c>
      <c r="AZ183" s="161" t="str">
        <f t="shared" si="79"/>
        <v/>
      </c>
      <c r="BA183" s="161" t="str">
        <f t="shared" si="80"/>
        <v/>
      </c>
      <c r="BB183" s="161" t="str">
        <f t="shared" si="81"/>
        <v/>
      </c>
      <c r="BC183" s="161" t="str">
        <f t="shared" si="82"/>
        <v/>
      </c>
      <c r="BD183" s="161" t="str">
        <f t="shared" si="83"/>
        <v/>
      </c>
      <c r="BE183" s="161" t="str">
        <f t="shared" si="84"/>
        <v/>
      </c>
      <c r="BF183" s="161" t="str">
        <f t="shared" si="85"/>
        <v/>
      </c>
      <c r="BG183" s="161" t="str">
        <f t="shared" si="86"/>
        <v/>
      </c>
      <c r="BH183" s="161" t="str">
        <f t="shared" si="87"/>
        <v/>
      </c>
      <c r="BI183" s="161" t="str">
        <f t="shared" si="88"/>
        <v/>
      </c>
      <c r="BJ183" s="161" t="str">
        <f t="shared" si="89"/>
        <v/>
      </c>
      <c r="BK183" s="161" t="str">
        <f t="shared" si="90"/>
        <v/>
      </c>
      <c r="BL183" s="161" t="str">
        <f t="shared" si="91"/>
        <v/>
      </c>
      <c r="BM183" s="161" t="str">
        <f t="shared" si="92"/>
        <v/>
      </c>
      <c r="BN183" s="161" t="str">
        <f t="shared" si="93"/>
        <v/>
      </c>
      <c r="BO183" s="161" t="str">
        <f t="shared" si="94"/>
        <v/>
      </c>
      <c r="BP183" s="161" t="str">
        <f t="shared" si="95"/>
        <v/>
      </c>
      <c r="BQ183" s="161" t="str">
        <f t="shared" si="96"/>
        <v/>
      </c>
      <c r="BR183" s="161" t="str">
        <f t="shared" si="97"/>
        <v/>
      </c>
      <c r="BS183" s="161" t="str">
        <f t="shared" si="98"/>
        <v/>
      </c>
      <c r="BT183" s="161" t="str">
        <f t="shared" si="99"/>
        <v/>
      </c>
      <c r="BU183" s="161" t="str">
        <f t="shared" si="100"/>
        <v/>
      </c>
      <c r="BV183" s="161" t="str">
        <f t="shared" si="101"/>
        <v/>
      </c>
      <c r="BW183" s="161" t="str">
        <f t="shared" si="102"/>
        <v/>
      </c>
      <c r="BX183" s="161" t="str">
        <f t="shared" si="103"/>
        <v/>
      </c>
      <c r="BY183" s="161" t="str">
        <f t="shared" si="104"/>
        <v/>
      </c>
      <c r="BZ183" s="161" t="str">
        <f t="shared" si="105"/>
        <v/>
      </c>
      <c r="CA183" s="161" t="str">
        <f t="shared" si="106"/>
        <v/>
      </c>
      <c r="CB183" s="161" t="str">
        <f t="shared" si="107"/>
        <v/>
      </c>
      <c r="CC183" s="161" t="str">
        <f t="shared" si="108"/>
        <v/>
      </c>
      <c r="CD183" s="156"/>
      <c r="CE183" s="156" t="s">
        <v>340</v>
      </c>
      <c r="CF183" s="156" t="s">
        <v>336</v>
      </c>
    </row>
    <row r="184" spans="1:84" s="220" customFormat="1" ht="56.1" hidden="1" customHeight="1" x14ac:dyDescent="0.2">
      <c r="A184" s="181">
        <v>182</v>
      </c>
      <c r="B184" s="182" t="s">
        <v>53</v>
      </c>
      <c r="C184" s="183" t="s">
        <v>329</v>
      </c>
      <c r="D184" s="214" t="s">
        <v>428</v>
      </c>
      <c r="E184" s="214" t="s">
        <v>369</v>
      </c>
      <c r="F184" s="218" t="s">
        <v>445</v>
      </c>
      <c r="G184" s="214" t="s">
        <v>58</v>
      </c>
      <c r="H184" s="214" t="s">
        <v>319</v>
      </c>
      <c r="I184" s="214" t="s">
        <v>81</v>
      </c>
      <c r="J184" s="214" t="s">
        <v>334</v>
      </c>
      <c r="K184" s="214" t="s">
        <v>181</v>
      </c>
      <c r="L184" s="214" t="s">
        <v>63</v>
      </c>
      <c r="M184" s="214" t="s">
        <v>63</v>
      </c>
      <c r="N184" s="215">
        <v>104499</v>
      </c>
      <c r="O184" s="215">
        <f t="shared" si="109"/>
        <v>104499</v>
      </c>
      <c r="P184" s="214" t="s">
        <v>226</v>
      </c>
      <c r="Q184" s="214" t="s">
        <v>82</v>
      </c>
      <c r="R184" s="219"/>
      <c r="S184" s="219"/>
      <c r="T184" s="192" t="s">
        <v>66</v>
      </c>
      <c r="U184" s="219"/>
      <c r="V184" s="219"/>
      <c r="W184" s="219"/>
      <c r="X184" s="219"/>
      <c r="Y184" s="219"/>
      <c r="Z184" s="219"/>
      <c r="AA184" s="219"/>
      <c r="AB184" s="219"/>
      <c r="AC184" s="219"/>
      <c r="AD184" s="219"/>
      <c r="AE184" s="219"/>
      <c r="AF184" s="219"/>
      <c r="AG184" s="219"/>
      <c r="AH184" s="219"/>
      <c r="AI184" s="219"/>
      <c r="AJ184" s="219"/>
      <c r="AK184" s="219"/>
      <c r="AL184" s="219"/>
      <c r="AM184" s="219"/>
      <c r="AN184" s="219"/>
      <c r="AO184" s="219"/>
      <c r="AP184" s="219"/>
      <c r="AQ184" s="219"/>
      <c r="AR184" s="219"/>
      <c r="AS184" s="219"/>
      <c r="AT184" s="219"/>
      <c r="AU184" s="219"/>
      <c r="AV184" s="219"/>
      <c r="AW184" s="191">
        <f t="shared" si="75"/>
        <v>450</v>
      </c>
      <c r="AX184" s="187">
        <f t="shared" si="110"/>
        <v>232.22</v>
      </c>
      <c r="AY184" s="192" t="str">
        <f t="shared" si="78"/>
        <v/>
      </c>
      <c r="AZ184" s="192" t="str">
        <f t="shared" si="79"/>
        <v/>
      </c>
      <c r="BA184" s="192">
        <f t="shared" si="80"/>
        <v>104499</v>
      </c>
      <c r="BB184" s="192" t="str">
        <f t="shared" si="81"/>
        <v/>
      </c>
      <c r="BC184" s="192" t="str">
        <f t="shared" si="82"/>
        <v/>
      </c>
      <c r="BD184" s="192" t="str">
        <f t="shared" si="83"/>
        <v/>
      </c>
      <c r="BE184" s="192" t="str">
        <f t="shared" si="84"/>
        <v/>
      </c>
      <c r="BF184" s="192" t="str">
        <f t="shared" si="85"/>
        <v/>
      </c>
      <c r="BG184" s="192" t="str">
        <f t="shared" si="86"/>
        <v/>
      </c>
      <c r="BH184" s="192" t="str">
        <f t="shared" si="87"/>
        <v/>
      </c>
      <c r="BI184" s="192" t="str">
        <f t="shared" si="88"/>
        <v/>
      </c>
      <c r="BJ184" s="192" t="str">
        <f t="shared" si="89"/>
        <v/>
      </c>
      <c r="BK184" s="192" t="str">
        <f t="shared" si="90"/>
        <v/>
      </c>
      <c r="BL184" s="192" t="str">
        <f t="shared" si="91"/>
        <v/>
      </c>
      <c r="BM184" s="192" t="str">
        <f t="shared" si="92"/>
        <v/>
      </c>
      <c r="BN184" s="192" t="str">
        <f t="shared" si="93"/>
        <v/>
      </c>
      <c r="BO184" s="192" t="str">
        <f t="shared" si="94"/>
        <v/>
      </c>
      <c r="BP184" s="192" t="str">
        <f t="shared" si="95"/>
        <v/>
      </c>
      <c r="BQ184" s="192" t="str">
        <f t="shared" si="96"/>
        <v/>
      </c>
      <c r="BR184" s="192" t="str">
        <f t="shared" si="97"/>
        <v/>
      </c>
      <c r="BS184" s="192" t="str">
        <f t="shared" si="98"/>
        <v/>
      </c>
      <c r="BT184" s="192" t="str">
        <f t="shared" si="99"/>
        <v/>
      </c>
      <c r="BU184" s="192" t="str">
        <f t="shared" si="100"/>
        <v/>
      </c>
      <c r="BV184" s="192" t="str">
        <f t="shared" si="101"/>
        <v/>
      </c>
      <c r="BW184" s="192" t="str">
        <f t="shared" si="102"/>
        <v/>
      </c>
      <c r="BX184" s="192" t="str">
        <f t="shared" si="103"/>
        <v/>
      </c>
      <c r="BY184" s="192" t="str">
        <f t="shared" si="104"/>
        <v/>
      </c>
      <c r="BZ184" s="192" t="str">
        <f t="shared" si="105"/>
        <v/>
      </c>
      <c r="CA184" s="192" t="str">
        <f t="shared" si="106"/>
        <v/>
      </c>
      <c r="CB184" s="192" t="str">
        <f t="shared" si="107"/>
        <v/>
      </c>
      <c r="CC184" s="192" t="str">
        <f t="shared" si="108"/>
        <v/>
      </c>
      <c r="CD184" s="214"/>
      <c r="CE184" s="214" t="s">
        <v>340</v>
      </c>
      <c r="CF184" s="214" t="s">
        <v>336</v>
      </c>
    </row>
    <row r="185" spans="1:84" s="168" customFormat="1" ht="56.1" hidden="1" customHeight="1" x14ac:dyDescent="0.2">
      <c r="A185" s="154">
        <v>183</v>
      </c>
      <c r="B185" s="155" t="s">
        <v>53</v>
      </c>
      <c r="C185" s="165" t="s">
        <v>329</v>
      </c>
      <c r="D185" s="156" t="s">
        <v>428</v>
      </c>
      <c r="E185" s="156" t="s">
        <v>369</v>
      </c>
      <c r="F185" s="166" t="s">
        <v>446</v>
      </c>
      <c r="G185" s="156" t="s">
        <v>58</v>
      </c>
      <c r="H185" s="156" t="s">
        <v>20</v>
      </c>
      <c r="I185" s="156" t="s">
        <v>81</v>
      </c>
      <c r="J185" s="156" t="s">
        <v>334</v>
      </c>
      <c r="K185" s="156" t="s">
        <v>375</v>
      </c>
      <c r="L185" s="156" t="s">
        <v>63</v>
      </c>
      <c r="M185" s="156" t="s">
        <v>63</v>
      </c>
      <c r="N185" s="157">
        <v>81282</v>
      </c>
      <c r="O185" s="157">
        <f t="shared" si="109"/>
        <v>81282</v>
      </c>
      <c r="P185" s="156" t="s">
        <v>226</v>
      </c>
      <c r="Q185" s="156" t="s">
        <v>82</v>
      </c>
      <c r="R185" s="167"/>
      <c r="S185" s="167"/>
      <c r="T185" s="167"/>
      <c r="U185" s="161" t="s">
        <v>66</v>
      </c>
      <c r="V185" s="167"/>
      <c r="W185" s="167"/>
      <c r="X185" s="167"/>
      <c r="Y185" s="167"/>
      <c r="Z185" s="167"/>
      <c r="AA185" s="167"/>
      <c r="AB185" s="167"/>
      <c r="AC185" s="167"/>
      <c r="AD185" s="167"/>
      <c r="AE185" s="167"/>
      <c r="AF185" s="167"/>
      <c r="AG185" s="167"/>
      <c r="AH185" s="167"/>
      <c r="AI185" s="167"/>
      <c r="AJ185" s="167"/>
      <c r="AK185" s="167"/>
      <c r="AL185" s="167"/>
      <c r="AM185" s="167"/>
      <c r="AN185" s="167"/>
      <c r="AO185" s="167"/>
      <c r="AP185" s="167"/>
      <c r="AQ185" s="167"/>
      <c r="AR185" s="167"/>
      <c r="AS185" s="167"/>
      <c r="AT185" s="167"/>
      <c r="AU185" s="167"/>
      <c r="AV185" s="167"/>
      <c r="AW185" s="160">
        <f t="shared" si="75"/>
        <v>350</v>
      </c>
      <c r="AX185" s="158">
        <f t="shared" si="110"/>
        <v>232.2342857142857</v>
      </c>
      <c r="AY185" s="161" t="str">
        <f t="shared" si="78"/>
        <v/>
      </c>
      <c r="AZ185" s="161" t="str">
        <f t="shared" si="79"/>
        <v/>
      </c>
      <c r="BA185" s="161" t="str">
        <f t="shared" si="80"/>
        <v/>
      </c>
      <c r="BB185" s="161">
        <f t="shared" si="81"/>
        <v>81282</v>
      </c>
      <c r="BC185" s="161" t="str">
        <f t="shared" si="82"/>
        <v/>
      </c>
      <c r="BD185" s="161" t="str">
        <f t="shared" si="83"/>
        <v/>
      </c>
      <c r="BE185" s="161" t="str">
        <f t="shared" si="84"/>
        <v/>
      </c>
      <c r="BF185" s="161" t="str">
        <f t="shared" si="85"/>
        <v/>
      </c>
      <c r="BG185" s="161" t="str">
        <f t="shared" si="86"/>
        <v/>
      </c>
      <c r="BH185" s="161" t="str">
        <f t="shared" si="87"/>
        <v/>
      </c>
      <c r="BI185" s="161" t="str">
        <f t="shared" si="88"/>
        <v/>
      </c>
      <c r="BJ185" s="161" t="str">
        <f t="shared" si="89"/>
        <v/>
      </c>
      <c r="BK185" s="161" t="str">
        <f t="shared" si="90"/>
        <v/>
      </c>
      <c r="BL185" s="161" t="str">
        <f t="shared" si="91"/>
        <v/>
      </c>
      <c r="BM185" s="161" t="str">
        <f t="shared" si="92"/>
        <v/>
      </c>
      <c r="BN185" s="161" t="str">
        <f t="shared" si="93"/>
        <v/>
      </c>
      <c r="BO185" s="161" t="str">
        <f t="shared" si="94"/>
        <v/>
      </c>
      <c r="BP185" s="161" t="str">
        <f t="shared" si="95"/>
        <v/>
      </c>
      <c r="BQ185" s="161" t="str">
        <f t="shared" si="96"/>
        <v/>
      </c>
      <c r="BR185" s="161" t="str">
        <f t="shared" si="97"/>
        <v/>
      </c>
      <c r="BS185" s="161" t="str">
        <f t="shared" si="98"/>
        <v/>
      </c>
      <c r="BT185" s="161" t="str">
        <f t="shared" si="99"/>
        <v/>
      </c>
      <c r="BU185" s="161" t="str">
        <f t="shared" si="100"/>
        <v/>
      </c>
      <c r="BV185" s="161" t="str">
        <f t="shared" si="101"/>
        <v/>
      </c>
      <c r="BW185" s="161" t="str">
        <f t="shared" si="102"/>
        <v/>
      </c>
      <c r="BX185" s="161" t="str">
        <f t="shared" si="103"/>
        <v/>
      </c>
      <c r="BY185" s="161" t="str">
        <f t="shared" si="104"/>
        <v/>
      </c>
      <c r="BZ185" s="161" t="str">
        <f t="shared" si="105"/>
        <v/>
      </c>
      <c r="CA185" s="161" t="str">
        <f t="shared" si="106"/>
        <v/>
      </c>
      <c r="CB185" s="161" t="str">
        <f t="shared" si="107"/>
        <v/>
      </c>
      <c r="CC185" s="161" t="str">
        <f t="shared" si="108"/>
        <v/>
      </c>
      <c r="CD185" s="156"/>
      <c r="CE185" s="156" t="s">
        <v>340</v>
      </c>
      <c r="CF185" s="156" t="s">
        <v>336</v>
      </c>
    </row>
    <row r="186" spans="1:84" s="211" customFormat="1" ht="56.1" hidden="1" customHeight="1" x14ac:dyDescent="0.2">
      <c r="A186" s="198">
        <v>184</v>
      </c>
      <c r="B186" s="199" t="s">
        <v>53</v>
      </c>
      <c r="C186" s="208" t="s">
        <v>329</v>
      </c>
      <c r="D186" s="200" t="s">
        <v>428</v>
      </c>
      <c r="E186" s="200" t="s">
        <v>369</v>
      </c>
      <c r="F186" s="209" t="s">
        <v>447</v>
      </c>
      <c r="G186" s="200" t="s">
        <v>58</v>
      </c>
      <c r="H186" s="200" t="s">
        <v>448</v>
      </c>
      <c r="I186" s="200" t="s">
        <v>81</v>
      </c>
      <c r="J186" s="200" t="s">
        <v>334</v>
      </c>
      <c r="K186" s="200" t="s">
        <v>377</v>
      </c>
      <c r="L186" s="200" t="s">
        <v>63</v>
      </c>
      <c r="M186" s="200" t="s">
        <v>63</v>
      </c>
      <c r="N186" s="201">
        <v>46443</v>
      </c>
      <c r="O186" s="201">
        <f t="shared" ref="O186:O233" si="112">N186</f>
        <v>46443</v>
      </c>
      <c r="P186" s="200" t="s">
        <v>226</v>
      </c>
      <c r="Q186" s="200" t="s">
        <v>82</v>
      </c>
      <c r="R186" s="210"/>
      <c r="S186" s="203" t="s">
        <v>66</v>
      </c>
      <c r="T186" s="210"/>
      <c r="U186" s="210"/>
      <c r="V186" s="210"/>
      <c r="W186" s="210"/>
      <c r="X186" s="210"/>
      <c r="Y186" s="210"/>
      <c r="Z186" s="210"/>
      <c r="AA186" s="210"/>
      <c r="AB186" s="210"/>
      <c r="AC186" s="210"/>
      <c r="AD186" s="210"/>
      <c r="AE186" s="210"/>
      <c r="AF186" s="210"/>
      <c r="AG186" s="210"/>
      <c r="AH186" s="210"/>
      <c r="AI186" s="210"/>
      <c r="AJ186" s="210"/>
      <c r="AK186" s="210"/>
      <c r="AL186" s="210"/>
      <c r="AM186" s="210"/>
      <c r="AN186" s="210"/>
      <c r="AO186" s="210"/>
      <c r="AP186" s="210"/>
      <c r="AQ186" s="210"/>
      <c r="AR186" s="210"/>
      <c r="AS186" s="210"/>
      <c r="AT186" s="210"/>
      <c r="AU186" s="210"/>
      <c r="AV186" s="210"/>
      <c r="AW186" s="204">
        <f t="shared" si="75"/>
        <v>200</v>
      </c>
      <c r="AX186" s="205">
        <f t="shared" si="110"/>
        <v>232.215</v>
      </c>
      <c r="AY186" s="203" t="str">
        <f t="shared" si="78"/>
        <v/>
      </c>
      <c r="AZ186" s="203">
        <f t="shared" si="79"/>
        <v>46443</v>
      </c>
      <c r="BA186" s="203" t="str">
        <f t="shared" si="80"/>
        <v/>
      </c>
      <c r="BB186" s="203" t="str">
        <f t="shared" si="81"/>
        <v/>
      </c>
      <c r="BC186" s="203" t="str">
        <f t="shared" si="82"/>
        <v/>
      </c>
      <c r="BD186" s="203" t="str">
        <f t="shared" si="83"/>
        <v/>
      </c>
      <c r="BE186" s="203" t="str">
        <f t="shared" si="84"/>
        <v/>
      </c>
      <c r="BF186" s="203" t="str">
        <f t="shared" si="85"/>
        <v/>
      </c>
      <c r="BG186" s="203" t="str">
        <f t="shared" si="86"/>
        <v/>
      </c>
      <c r="BH186" s="203" t="str">
        <f t="shared" si="87"/>
        <v/>
      </c>
      <c r="BI186" s="203" t="str">
        <f t="shared" si="88"/>
        <v/>
      </c>
      <c r="BJ186" s="203" t="str">
        <f t="shared" si="89"/>
        <v/>
      </c>
      <c r="BK186" s="203" t="str">
        <f t="shared" si="90"/>
        <v/>
      </c>
      <c r="BL186" s="203" t="str">
        <f t="shared" si="91"/>
        <v/>
      </c>
      <c r="BM186" s="203" t="str">
        <f t="shared" si="92"/>
        <v/>
      </c>
      <c r="BN186" s="203" t="str">
        <f t="shared" si="93"/>
        <v/>
      </c>
      <c r="BO186" s="203" t="str">
        <f t="shared" si="94"/>
        <v/>
      </c>
      <c r="BP186" s="203" t="str">
        <f t="shared" si="95"/>
        <v/>
      </c>
      <c r="BQ186" s="203" t="str">
        <f t="shared" si="96"/>
        <v/>
      </c>
      <c r="BR186" s="203" t="str">
        <f t="shared" si="97"/>
        <v/>
      </c>
      <c r="BS186" s="203" t="str">
        <f t="shared" si="98"/>
        <v/>
      </c>
      <c r="BT186" s="203" t="str">
        <f t="shared" si="99"/>
        <v/>
      </c>
      <c r="BU186" s="203" t="str">
        <f t="shared" si="100"/>
        <v/>
      </c>
      <c r="BV186" s="203" t="str">
        <f t="shared" si="101"/>
        <v/>
      </c>
      <c r="BW186" s="203" t="str">
        <f t="shared" si="102"/>
        <v/>
      </c>
      <c r="BX186" s="203" t="str">
        <f t="shared" si="103"/>
        <v/>
      </c>
      <c r="BY186" s="203" t="str">
        <f t="shared" si="104"/>
        <v/>
      </c>
      <c r="BZ186" s="203" t="str">
        <f t="shared" si="105"/>
        <v/>
      </c>
      <c r="CA186" s="203" t="str">
        <f t="shared" si="106"/>
        <v/>
      </c>
      <c r="CB186" s="203" t="str">
        <f t="shared" si="107"/>
        <v/>
      </c>
      <c r="CC186" s="203" t="str">
        <f t="shared" si="108"/>
        <v/>
      </c>
      <c r="CD186" s="200"/>
      <c r="CE186" s="200" t="s">
        <v>340</v>
      </c>
      <c r="CF186" s="200" t="s">
        <v>336</v>
      </c>
    </row>
    <row r="187" spans="1:84" s="168" customFormat="1" ht="56.1" hidden="1" customHeight="1" x14ac:dyDescent="0.2">
      <c r="A187" s="154">
        <v>185</v>
      </c>
      <c r="B187" s="155" t="s">
        <v>53</v>
      </c>
      <c r="C187" s="165" t="s">
        <v>329</v>
      </c>
      <c r="D187" s="156" t="s">
        <v>428</v>
      </c>
      <c r="E187" s="156" t="s">
        <v>369</v>
      </c>
      <c r="F187" s="166" t="s">
        <v>449</v>
      </c>
      <c r="G187" s="156" t="s">
        <v>58</v>
      </c>
      <c r="H187" s="156" t="s">
        <v>21</v>
      </c>
      <c r="I187" s="156" t="s">
        <v>81</v>
      </c>
      <c r="J187" s="156" t="s">
        <v>334</v>
      </c>
      <c r="K187" s="156" t="s">
        <v>204</v>
      </c>
      <c r="L187" s="156" t="s">
        <v>63</v>
      </c>
      <c r="M187" s="156" t="s">
        <v>63</v>
      </c>
      <c r="N187" s="157">
        <v>69671</v>
      </c>
      <c r="O187" s="157">
        <f t="shared" si="112"/>
        <v>69671</v>
      </c>
      <c r="P187" s="156" t="s">
        <v>226</v>
      </c>
      <c r="Q187" s="156" t="s">
        <v>82</v>
      </c>
      <c r="R187" s="167"/>
      <c r="S187" s="167"/>
      <c r="T187" s="167"/>
      <c r="U187" s="167"/>
      <c r="V187" s="161" t="s">
        <v>66</v>
      </c>
      <c r="W187" s="167"/>
      <c r="X187" s="167"/>
      <c r="Y187" s="167"/>
      <c r="Z187" s="167"/>
      <c r="AA187" s="167"/>
      <c r="AB187" s="167"/>
      <c r="AC187" s="167"/>
      <c r="AD187" s="167"/>
      <c r="AE187" s="167"/>
      <c r="AF187" s="167"/>
      <c r="AG187" s="167"/>
      <c r="AH187" s="167"/>
      <c r="AI187" s="167"/>
      <c r="AJ187" s="167"/>
      <c r="AK187" s="167"/>
      <c r="AL187" s="167"/>
      <c r="AM187" s="167"/>
      <c r="AN187" s="167"/>
      <c r="AO187" s="167"/>
      <c r="AP187" s="167"/>
      <c r="AQ187" s="167"/>
      <c r="AR187" s="167"/>
      <c r="AS187" s="167"/>
      <c r="AT187" s="167"/>
      <c r="AU187" s="167"/>
      <c r="AV187" s="167"/>
      <c r="AW187" s="160">
        <f t="shared" si="75"/>
        <v>300</v>
      </c>
      <c r="AX187" s="158">
        <f t="shared" si="110"/>
        <v>232.23666666666668</v>
      </c>
      <c r="AY187" s="161" t="str">
        <f t="shared" si="78"/>
        <v/>
      </c>
      <c r="AZ187" s="161" t="str">
        <f t="shared" si="79"/>
        <v/>
      </c>
      <c r="BA187" s="161" t="str">
        <f t="shared" si="80"/>
        <v/>
      </c>
      <c r="BB187" s="161" t="str">
        <f t="shared" si="81"/>
        <v/>
      </c>
      <c r="BC187" s="161">
        <f t="shared" si="82"/>
        <v>69671</v>
      </c>
      <c r="BD187" s="161" t="str">
        <f t="shared" si="83"/>
        <v/>
      </c>
      <c r="BE187" s="161" t="str">
        <f t="shared" si="84"/>
        <v/>
      </c>
      <c r="BF187" s="161" t="str">
        <f t="shared" si="85"/>
        <v/>
      </c>
      <c r="BG187" s="161" t="str">
        <f t="shared" si="86"/>
        <v/>
      </c>
      <c r="BH187" s="161" t="str">
        <f t="shared" si="87"/>
        <v/>
      </c>
      <c r="BI187" s="161" t="str">
        <f t="shared" si="88"/>
        <v/>
      </c>
      <c r="BJ187" s="161" t="str">
        <f t="shared" si="89"/>
        <v/>
      </c>
      <c r="BK187" s="161" t="str">
        <f t="shared" si="90"/>
        <v/>
      </c>
      <c r="BL187" s="161" t="str">
        <f t="shared" si="91"/>
        <v/>
      </c>
      <c r="BM187" s="161" t="str">
        <f t="shared" si="92"/>
        <v/>
      </c>
      <c r="BN187" s="161" t="str">
        <f t="shared" si="93"/>
        <v/>
      </c>
      <c r="BO187" s="161" t="str">
        <f t="shared" si="94"/>
        <v/>
      </c>
      <c r="BP187" s="161" t="str">
        <f t="shared" si="95"/>
        <v/>
      </c>
      <c r="BQ187" s="161" t="str">
        <f t="shared" si="96"/>
        <v/>
      </c>
      <c r="BR187" s="161" t="str">
        <f t="shared" si="97"/>
        <v/>
      </c>
      <c r="BS187" s="161" t="str">
        <f t="shared" si="98"/>
        <v/>
      </c>
      <c r="BT187" s="161" t="str">
        <f t="shared" si="99"/>
        <v/>
      </c>
      <c r="BU187" s="161" t="str">
        <f t="shared" si="100"/>
        <v/>
      </c>
      <c r="BV187" s="161" t="str">
        <f t="shared" si="101"/>
        <v/>
      </c>
      <c r="BW187" s="161" t="str">
        <f t="shared" si="102"/>
        <v/>
      </c>
      <c r="BX187" s="161" t="str">
        <f t="shared" si="103"/>
        <v/>
      </c>
      <c r="BY187" s="161" t="str">
        <f t="shared" si="104"/>
        <v/>
      </c>
      <c r="BZ187" s="161" t="str">
        <f t="shared" si="105"/>
        <v/>
      </c>
      <c r="CA187" s="161" t="str">
        <f t="shared" si="106"/>
        <v/>
      </c>
      <c r="CB187" s="161" t="str">
        <f t="shared" si="107"/>
        <v/>
      </c>
      <c r="CC187" s="161" t="str">
        <f t="shared" si="108"/>
        <v/>
      </c>
      <c r="CD187" s="156"/>
      <c r="CE187" s="156" t="s">
        <v>340</v>
      </c>
      <c r="CF187" s="156" t="s">
        <v>336</v>
      </c>
    </row>
    <row r="188" spans="1:84" s="168" customFormat="1" ht="56.1" hidden="1" customHeight="1" x14ac:dyDescent="0.2">
      <c r="A188" s="154">
        <v>186</v>
      </c>
      <c r="B188" s="155" t="s">
        <v>53</v>
      </c>
      <c r="C188" s="165" t="s">
        <v>329</v>
      </c>
      <c r="D188" s="156" t="s">
        <v>428</v>
      </c>
      <c r="E188" s="156" t="s">
        <v>369</v>
      </c>
      <c r="F188" s="166" t="s">
        <v>450</v>
      </c>
      <c r="G188" s="156" t="s">
        <v>58</v>
      </c>
      <c r="H188" s="156" t="s">
        <v>323</v>
      </c>
      <c r="I188" s="156" t="s">
        <v>81</v>
      </c>
      <c r="J188" s="156" t="s">
        <v>334</v>
      </c>
      <c r="K188" s="156" t="s">
        <v>380</v>
      </c>
      <c r="L188" s="156" t="s">
        <v>63</v>
      </c>
      <c r="M188" s="156" t="s">
        <v>63</v>
      </c>
      <c r="N188" s="157">
        <v>23224</v>
      </c>
      <c r="O188" s="157">
        <f t="shared" si="112"/>
        <v>23224</v>
      </c>
      <c r="P188" s="156" t="s">
        <v>226</v>
      </c>
      <c r="Q188" s="156" t="s">
        <v>82</v>
      </c>
      <c r="R188" s="167"/>
      <c r="S188" s="167"/>
      <c r="T188" s="167"/>
      <c r="U188" s="167"/>
      <c r="V188" s="167"/>
      <c r="W188" s="167"/>
      <c r="X188" s="161" t="s">
        <v>66</v>
      </c>
      <c r="Y188" s="167"/>
      <c r="Z188" s="167"/>
      <c r="AA188" s="167"/>
      <c r="AB188" s="167"/>
      <c r="AC188" s="167"/>
      <c r="AD188" s="167"/>
      <c r="AE188" s="167"/>
      <c r="AF188" s="167"/>
      <c r="AG188" s="167"/>
      <c r="AH188" s="167"/>
      <c r="AI188" s="167"/>
      <c r="AJ188" s="167"/>
      <c r="AK188" s="167"/>
      <c r="AL188" s="167"/>
      <c r="AM188" s="167"/>
      <c r="AN188" s="167"/>
      <c r="AO188" s="167"/>
      <c r="AP188" s="167"/>
      <c r="AQ188" s="167"/>
      <c r="AR188" s="167"/>
      <c r="AS188" s="167"/>
      <c r="AT188" s="167"/>
      <c r="AU188" s="167"/>
      <c r="AV188" s="167"/>
      <c r="AW188" s="160">
        <f t="shared" si="75"/>
        <v>100</v>
      </c>
      <c r="AX188" s="158">
        <f t="shared" si="110"/>
        <v>232.24</v>
      </c>
      <c r="AY188" s="161" t="str">
        <f t="shared" si="78"/>
        <v/>
      </c>
      <c r="AZ188" s="161" t="str">
        <f t="shared" si="79"/>
        <v/>
      </c>
      <c r="BA188" s="161" t="str">
        <f t="shared" si="80"/>
        <v/>
      </c>
      <c r="BB188" s="161" t="str">
        <f t="shared" si="81"/>
        <v/>
      </c>
      <c r="BC188" s="161" t="str">
        <f t="shared" si="82"/>
        <v/>
      </c>
      <c r="BD188" s="161" t="str">
        <f t="shared" si="83"/>
        <v/>
      </c>
      <c r="BE188" s="161">
        <f t="shared" si="84"/>
        <v>23224</v>
      </c>
      <c r="BF188" s="161" t="str">
        <f t="shared" si="85"/>
        <v/>
      </c>
      <c r="BG188" s="161" t="str">
        <f t="shared" si="86"/>
        <v/>
      </c>
      <c r="BH188" s="161" t="str">
        <f t="shared" si="87"/>
        <v/>
      </c>
      <c r="BI188" s="161" t="str">
        <f t="shared" si="88"/>
        <v/>
      </c>
      <c r="BJ188" s="161" t="str">
        <f t="shared" si="89"/>
        <v/>
      </c>
      <c r="BK188" s="161" t="str">
        <f t="shared" si="90"/>
        <v/>
      </c>
      <c r="BL188" s="161" t="str">
        <f t="shared" si="91"/>
        <v/>
      </c>
      <c r="BM188" s="161" t="str">
        <f t="shared" si="92"/>
        <v/>
      </c>
      <c r="BN188" s="161" t="str">
        <f t="shared" si="93"/>
        <v/>
      </c>
      <c r="BO188" s="161" t="str">
        <f t="shared" si="94"/>
        <v/>
      </c>
      <c r="BP188" s="161" t="str">
        <f t="shared" si="95"/>
        <v/>
      </c>
      <c r="BQ188" s="161" t="str">
        <f t="shared" si="96"/>
        <v/>
      </c>
      <c r="BR188" s="161" t="str">
        <f t="shared" si="97"/>
        <v/>
      </c>
      <c r="BS188" s="161" t="str">
        <f t="shared" si="98"/>
        <v/>
      </c>
      <c r="BT188" s="161" t="str">
        <f t="shared" si="99"/>
        <v/>
      </c>
      <c r="BU188" s="161" t="str">
        <f t="shared" si="100"/>
        <v/>
      </c>
      <c r="BV188" s="161" t="str">
        <f t="shared" si="101"/>
        <v/>
      </c>
      <c r="BW188" s="161" t="str">
        <f t="shared" si="102"/>
        <v/>
      </c>
      <c r="BX188" s="161" t="str">
        <f t="shared" si="103"/>
        <v/>
      </c>
      <c r="BY188" s="161" t="str">
        <f t="shared" si="104"/>
        <v/>
      </c>
      <c r="BZ188" s="161" t="str">
        <f t="shared" si="105"/>
        <v/>
      </c>
      <c r="CA188" s="161" t="str">
        <f t="shared" si="106"/>
        <v/>
      </c>
      <c r="CB188" s="161" t="str">
        <f t="shared" si="107"/>
        <v/>
      </c>
      <c r="CC188" s="161" t="str">
        <f t="shared" si="108"/>
        <v/>
      </c>
      <c r="CD188" s="156"/>
      <c r="CE188" s="156" t="s">
        <v>340</v>
      </c>
      <c r="CF188" s="156" t="s">
        <v>336</v>
      </c>
    </row>
    <row r="189" spans="1:84" s="168" customFormat="1" ht="56.1" hidden="1" customHeight="1" x14ac:dyDescent="0.2">
      <c r="A189" s="154">
        <v>187</v>
      </c>
      <c r="B189" s="155" t="s">
        <v>53</v>
      </c>
      <c r="C189" s="165" t="s">
        <v>329</v>
      </c>
      <c r="D189" s="156" t="s">
        <v>428</v>
      </c>
      <c r="E189" s="156" t="s">
        <v>369</v>
      </c>
      <c r="F189" s="166" t="s">
        <v>451</v>
      </c>
      <c r="G189" s="156" t="s">
        <v>58</v>
      </c>
      <c r="H189" s="156" t="s">
        <v>324</v>
      </c>
      <c r="I189" s="156" t="s">
        <v>81</v>
      </c>
      <c r="J189" s="156" t="s">
        <v>334</v>
      </c>
      <c r="K189" s="156" t="s">
        <v>382</v>
      </c>
      <c r="L189" s="156" t="s">
        <v>63</v>
      </c>
      <c r="M189" s="156" t="s">
        <v>63</v>
      </c>
      <c r="N189" s="157">
        <v>90562</v>
      </c>
      <c r="O189" s="157">
        <f t="shared" si="112"/>
        <v>90562</v>
      </c>
      <c r="P189" s="156" t="s">
        <v>226</v>
      </c>
      <c r="Q189" s="156" t="s">
        <v>82</v>
      </c>
      <c r="R189" s="167"/>
      <c r="S189" s="167"/>
      <c r="T189" s="167"/>
      <c r="U189" s="167"/>
      <c r="V189" s="167"/>
      <c r="W189" s="167"/>
      <c r="X189" s="167"/>
      <c r="Y189" s="161" t="s">
        <v>66</v>
      </c>
      <c r="Z189" s="167"/>
      <c r="AA189" s="167"/>
      <c r="AB189" s="167"/>
      <c r="AC189" s="167"/>
      <c r="AD189" s="167"/>
      <c r="AE189" s="167"/>
      <c r="AF189" s="167"/>
      <c r="AG189" s="167"/>
      <c r="AH189" s="167"/>
      <c r="AI189" s="167"/>
      <c r="AJ189" s="167"/>
      <c r="AK189" s="167"/>
      <c r="AL189" s="167"/>
      <c r="AM189" s="167"/>
      <c r="AN189" s="167"/>
      <c r="AO189" s="167"/>
      <c r="AP189" s="167"/>
      <c r="AQ189" s="167"/>
      <c r="AR189" s="167"/>
      <c r="AS189" s="167"/>
      <c r="AT189" s="167"/>
      <c r="AU189" s="167"/>
      <c r="AV189" s="167"/>
      <c r="AW189" s="160">
        <f t="shared" si="75"/>
        <v>390</v>
      </c>
      <c r="AX189" s="158">
        <f t="shared" si="110"/>
        <v>232.21025641025642</v>
      </c>
      <c r="AY189" s="161" t="str">
        <f t="shared" si="78"/>
        <v/>
      </c>
      <c r="AZ189" s="161" t="str">
        <f t="shared" si="79"/>
        <v/>
      </c>
      <c r="BA189" s="161" t="str">
        <f t="shared" si="80"/>
        <v/>
      </c>
      <c r="BB189" s="161" t="str">
        <f t="shared" si="81"/>
        <v/>
      </c>
      <c r="BC189" s="161" t="str">
        <f t="shared" si="82"/>
        <v/>
      </c>
      <c r="BD189" s="161" t="str">
        <f t="shared" si="83"/>
        <v/>
      </c>
      <c r="BE189" s="161" t="str">
        <f t="shared" si="84"/>
        <v/>
      </c>
      <c r="BF189" s="161">
        <f t="shared" si="85"/>
        <v>90562</v>
      </c>
      <c r="BG189" s="161" t="str">
        <f t="shared" si="86"/>
        <v/>
      </c>
      <c r="BH189" s="161" t="str">
        <f t="shared" si="87"/>
        <v/>
      </c>
      <c r="BI189" s="161" t="str">
        <f t="shared" si="88"/>
        <v/>
      </c>
      <c r="BJ189" s="161" t="str">
        <f t="shared" si="89"/>
        <v/>
      </c>
      <c r="BK189" s="161" t="str">
        <f t="shared" si="90"/>
        <v/>
      </c>
      <c r="BL189" s="161" t="str">
        <f t="shared" si="91"/>
        <v/>
      </c>
      <c r="BM189" s="161" t="str">
        <f t="shared" si="92"/>
        <v/>
      </c>
      <c r="BN189" s="161" t="str">
        <f t="shared" si="93"/>
        <v/>
      </c>
      <c r="BO189" s="161" t="str">
        <f t="shared" si="94"/>
        <v/>
      </c>
      <c r="BP189" s="161" t="str">
        <f t="shared" si="95"/>
        <v/>
      </c>
      <c r="BQ189" s="161" t="str">
        <f t="shared" si="96"/>
        <v/>
      </c>
      <c r="BR189" s="161" t="str">
        <f t="shared" si="97"/>
        <v/>
      </c>
      <c r="BS189" s="161" t="str">
        <f t="shared" si="98"/>
        <v/>
      </c>
      <c r="BT189" s="161" t="str">
        <f t="shared" si="99"/>
        <v/>
      </c>
      <c r="BU189" s="161" t="str">
        <f t="shared" si="100"/>
        <v/>
      </c>
      <c r="BV189" s="161" t="str">
        <f t="shared" si="101"/>
        <v/>
      </c>
      <c r="BW189" s="161" t="str">
        <f t="shared" si="102"/>
        <v/>
      </c>
      <c r="BX189" s="161" t="str">
        <f t="shared" si="103"/>
        <v/>
      </c>
      <c r="BY189" s="161" t="str">
        <f t="shared" si="104"/>
        <v/>
      </c>
      <c r="BZ189" s="161" t="str">
        <f t="shared" si="105"/>
        <v/>
      </c>
      <c r="CA189" s="161" t="str">
        <f t="shared" si="106"/>
        <v/>
      </c>
      <c r="CB189" s="161" t="str">
        <f t="shared" si="107"/>
        <v/>
      </c>
      <c r="CC189" s="161" t="str">
        <f t="shared" si="108"/>
        <v/>
      </c>
      <c r="CD189" s="156"/>
      <c r="CE189" s="156" t="s">
        <v>340</v>
      </c>
      <c r="CF189" s="156" t="s">
        <v>336</v>
      </c>
    </row>
    <row r="190" spans="1:84" s="211" customFormat="1" ht="56.1" hidden="1" customHeight="1" x14ac:dyDescent="0.2">
      <c r="A190" s="198">
        <v>188</v>
      </c>
      <c r="B190" s="199" t="s">
        <v>53</v>
      </c>
      <c r="C190" s="208" t="s">
        <v>329</v>
      </c>
      <c r="D190" s="200" t="s">
        <v>428</v>
      </c>
      <c r="E190" s="200" t="s">
        <v>369</v>
      </c>
      <c r="F190" s="209" t="s">
        <v>452</v>
      </c>
      <c r="G190" s="200" t="s">
        <v>58</v>
      </c>
      <c r="H190" s="200" t="s">
        <v>384</v>
      </c>
      <c r="I190" s="200" t="s">
        <v>81</v>
      </c>
      <c r="J190" s="200" t="s">
        <v>334</v>
      </c>
      <c r="K190" s="200" t="s">
        <v>187</v>
      </c>
      <c r="L190" s="200" t="s">
        <v>63</v>
      </c>
      <c r="M190" s="200" t="s">
        <v>63</v>
      </c>
      <c r="N190" s="201">
        <v>111459</v>
      </c>
      <c r="O190" s="201">
        <f t="shared" si="112"/>
        <v>111459</v>
      </c>
      <c r="P190" s="200" t="s">
        <v>226</v>
      </c>
      <c r="Q190" s="200" t="s">
        <v>82</v>
      </c>
      <c r="R190" s="210"/>
      <c r="S190" s="210"/>
      <c r="T190" s="210"/>
      <c r="U190" s="210"/>
      <c r="V190" s="210"/>
      <c r="W190" s="203" t="s">
        <v>66</v>
      </c>
      <c r="X190" s="210"/>
      <c r="Y190" s="210"/>
      <c r="Z190" s="210"/>
      <c r="AA190" s="210"/>
      <c r="AB190" s="210"/>
      <c r="AC190" s="210"/>
      <c r="AD190" s="210"/>
      <c r="AE190" s="210"/>
      <c r="AF190" s="210"/>
      <c r="AG190" s="210"/>
      <c r="AH190" s="210"/>
      <c r="AI190" s="210"/>
      <c r="AJ190" s="210"/>
      <c r="AK190" s="210"/>
      <c r="AL190" s="210"/>
      <c r="AM190" s="210"/>
      <c r="AN190" s="210"/>
      <c r="AO190" s="210"/>
      <c r="AP190" s="210"/>
      <c r="AQ190" s="210"/>
      <c r="AR190" s="210"/>
      <c r="AS190" s="210"/>
      <c r="AT190" s="210"/>
      <c r="AU190" s="210"/>
      <c r="AV190" s="210"/>
      <c r="AW190" s="204">
        <f t="shared" si="75"/>
        <v>480</v>
      </c>
      <c r="AX190" s="205">
        <f t="shared" si="110"/>
        <v>232.20625000000001</v>
      </c>
      <c r="AY190" s="203" t="str">
        <f t="shared" si="78"/>
        <v/>
      </c>
      <c r="AZ190" s="203" t="str">
        <f t="shared" si="79"/>
        <v/>
      </c>
      <c r="BA190" s="203" t="str">
        <f t="shared" si="80"/>
        <v/>
      </c>
      <c r="BB190" s="203" t="str">
        <f t="shared" si="81"/>
        <v/>
      </c>
      <c r="BC190" s="203" t="str">
        <f t="shared" si="82"/>
        <v/>
      </c>
      <c r="BD190" s="203">
        <f t="shared" si="83"/>
        <v>111459</v>
      </c>
      <c r="BE190" s="203" t="str">
        <f t="shared" si="84"/>
        <v/>
      </c>
      <c r="BF190" s="203" t="str">
        <f t="shared" si="85"/>
        <v/>
      </c>
      <c r="BG190" s="203" t="str">
        <f t="shared" si="86"/>
        <v/>
      </c>
      <c r="BH190" s="203" t="str">
        <f t="shared" si="87"/>
        <v/>
      </c>
      <c r="BI190" s="203" t="str">
        <f t="shared" si="88"/>
        <v/>
      </c>
      <c r="BJ190" s="203" t="str">
        <f t="shared" si="89"/>
        <v/>
      </c>
      <c r="BK190" s="203" t="str">
        <f t="shared" si="90"/>
        <v/>
      </c>
      <c r="BL190" s="203" t="str">
        <f t="shared" si="91"/>
        <v/>
      </c>
      <c r="BM190" s="203" t="str">
        <f t="shared" si="92"/>
        <v/>
      </c>
      <c r="BN190" s="203" t="str">
        <f t="shared" si="93"/>
        <v/>
      </c>
      <c r="BO190" s="203" t="str">
        <f t="shared" si="94"/>
        <v/>
      </c>
      <c r="BP190" s="203" t="str">
        <f t="shared" si="95"/>
        <v/>
      </c>
      <c r="BQ190" s="203" t="str">
        <f t="shared" si="96"/>
        <v/>
      </c>
      <c r="BR190" s="203" t="str">
        <f t="shared" si="97"/>
        <v/>
      </c>
      <c r="BS190" s="203" t="str">
        <f t="shared" si="98"/>
        <v/>
      </c>
      <c r="BT190" s="203" t="str">
        <f t="shared" si="99"/>
        <v/>
      </c>
      <c r="BU190" s="203" t="str">
        <f t="shared" si="100"/>
        <v/>
      </c>
      <c r="BV190" s="203" t="str">
        <f t="shared" si="101"/>
        <v/>
      </c>
      <c r="BW190" s="203" t="str">
        <f t="shared" si="102"/>
        <v/>
      </c>
      <c r="BX190" s="203" t="str">
        <f t="shared" si="103"/>
        <v/>
      </c>
      <c r="BY190" s="203" t="str">
        <f t="shared" si="104"/>
        <v/>
      </c>
      <c r="BZ190" s="203" t="str">
        <f t="shared" si="105"/>
        <v/>
      </c>
      <c r="CA190" s="203" t="str">
        <f t="shared" si="106"/>
        <v/>
      </c>
      <c r="CB190" s="203" t="str">
        <f t="shared" si="107"/>
        <v/>
      </c>
      <c r="CC190" s="203" t="str">
        <f t="shared" si="108"/>
        <v/>
      </c>
      <c r="CD190" s="200"/>
      <c r="CE190" s="200" t="s">
        <v>340</v>
      </c>
      <c r="CF190" s="200" t="s">
        <v>336</v>
      </c>
    </row>
    <row r="191" spans="1:84" s="168" customFormat="1" ht="56.1" hidden="1" customHeight="1" x14ac:dyDescent="0.2">
      <c r="A191" s="154">
        <v>189</v>
      </c>
      <c r="B191" s="155" t="s">
        <v>53</v>
      </c>
      <c r="C191" s="165" t="s">
        <v>329</v>
      </c>
      <c r="D191" s="156" t="s">
        <v>428</v>
      </c>
      <c r="E191" s="156" t="s">
        <v>369</v>
      </c>
      <c r="F191" s="166" t="s">
        <v>452</v>
      </c>
      <c r="G191" s="156" t="s">
        <v>58</v>
      </c>
      <c r="H191" s="156" t="s">
        <v>207</v>
      </c>
      <c r="I191" s="156" t="s">
        <v>81</v>
      </c>
      <c r="J191" s="156" t="s">
        <v>334</v>
      </c>
      <c r="K191" s="156" t="s">
        <v>208</v>
      </c>
      <c r="L191" s="156" t="s">
        <v>63</v>
      </c>
      <c r="M191" s="156" t="s">
        <v>63</v>
      </c>
      <c r="N191" s="157">
        <f>'[1]Hemel Hempstead'!$AT$16</f>
        <v>116115.15377720933</v>
      </c>
      <c r="O191" s="157">
        <f t="shared" si="112"/>
        <v>116115.15377720933</v>
      </c>
      <c r="P191" s="156" t="s">
        <v>226</v>
      </c>
      <c r="Q191" s="156" t="s">
        <v>82</v>
      </c>
      <c r="R191" s="167"/>
      <c r="S191" s="167"/>
      <c r="T191" s="167"/>
      <c r="U191" s="167"/>
      <c r="V191" s="167"/>
      <c r="W191" s="161"/>
      <c r="X191" s="167"/>
      <c r="Y191" s="167"/>
      <c r="Z191" s="167" t="s">
        <v>66</v>
      </c>
      <c r="AA191" s="167"/>
      <c r="AB191" s="167"/>
      <c r="AC191" s="167"/>
      <c r="AD191" s="167"/>
      <c r="AE191" s="167"/>
      <c r="AF191" s="167"/>
      <c r="AG191" s="167"/>
      <c r="AH191" s="167"/>
      <c r="AI191" s="167"/>
      <c r="AJ191" s="167"/>
      <c r="AK191" s="167"/>
      <c r="AL191" s="167"/>
      <c r="AM191" s="167"/>
      <c r="AN191" s="167"/>
      <c r="AO191" s="167"/>
      <c r="AP191" s="167"/>
      <c r="AQ191" s="167"/>
      <c r="AR191" s="167"/>
      <c r="AS191" s="167"/>
      <c r="AT191" s="167"/>
      <c r="AU191" s="167"/>
      <c r="AV191" s="167"/>
      <c r="AW191" s="160">
        <f t="shared" ref="AW191:AW254" si="113">SUMIF(R191:AV191,"YES",$R$2:$AV$2)</f>
        <v>500</v>
      </c>
      <c r="AX191" s="158">
        <f t="shared" ref="AX191:AX192" si="114">O191/AW191</f>
        <v>232.23030755441866</v>
      </c>
      <c r="AY191" s="161" t="str">
        <f t="shared" si="78"/>
        <v/>
      </c>
      <c r="AZ191" s="161" t="str">
        <f t="shared" si="79"/>
        <v/>
      </c>
      <c r="BA191" s="161" t="str">
        <f t="shared" si="80"/>
        <v/>
      </c>
      <c r="BB191" s="161" t="str">
        <f t="shared" si="81"/>
        <v/>
      </c>
      <c r="BC191" s="161" t="str">
        <f t="shared" si="82"/>
        <v/>
      </c>
      <c r="BD191" s="161" t="str">
        <f t="shared" si="83"/>
        <v/>
      </c>
      <c r="BE191" s="161" t="str">
        <f t="shared" si="84"/>
        <v/>
      </c>
      <c r="BF191" s="161" t="str">
        <f t="shared" si="85"/>
        <v/>
      </c>
      <c r="BG191" s="161">
        <f t="shared" si="86"/>
        <v>116115.15377720933</v>
      </c>
      <c r="BH191" s="161" t="str">
        <f t="shared" si="87"/>
        <v/>
      </c>
      <c r="BI191" s="161" t="str">
        <f t="shared" si="88"/>
        <v/>
      </c>
      <c r="BJ191" s="161" t="str">
        <f t="shared" si="89"/>
        <v/>
      </c>
      <c r="BK191" s="161" t="str">
        <f t="shared" si="90"/>
        <v/>
      </c>
      <c r="BL191" s="161" t="str">
        <f t="shared" si="91"/>
        <v/>
      </c>
      <c r="BM191" s="161" t="str">
        <f t="shared" si="92"/>
        <v/>
      </c>
      <c r="BN191" s="161" t="str">
        <f t="shared" si="93"/>
        <v/>
      </c>
      <c r="BO191" s="161" t="str">
        <f t="shared" si="94"/>
        <v/>
      </c>
      <c r="BP191" s="161" t="str">
        <f t="shared" si="95"/>
        <v/>
      </c>
      <c r="BQ191" s="161" t="str">
        <f t="shared" si="96"/>
        <v/>
      </c>
      <c r="BR191" s="161" t="str">
        <f t="shared" si="97"/>
        <v/>
      </c>
      <c r="BS191" s="161" t="str">
        <f t="shared" si="98"/>
        <v/>
      </c>
      <c r="BT191" s="161" t="str">
        <f t="shared" si="99"/>
        <v/>
      </c>
      <c r="BU191" s="161" t="str">
        <f t="shared" si="100"/>
        <v/>
      </c>
      <c r="BV191" s="161" t="str">
        <f t="shared" si="101"/>
        <v/>
      </c>
      <c r="BW191" s="161" t="str">
        <f t="shared" si="102"/>
        <v/>
      </c>
      <c r="BX191" s="161" t="str">
        <f t="shared" si="103"/>
        <v/>
      </c>
      <c r="BY191" s="161" t="str">
        <f t="shared" si="104"/>
        <v/>
      </c>
      <c r="BZ191" s="161" t="str">
        <f t="shared" si="105"/>
        <v/>
      </c>
      <c r="CA191" s="161" t="str">
        <f t="shared" si="106"/>
        <v/>
      </c>
      <c r="CB191" s="161" t="str">
        <f t="shared" si="107"/>
        <v/>
      </c>
      <c r="CC191" s="161" t="str">
        <f t="shared" si="108"/>
        <v/>
      </c>
      <c r="CD191" s="156"/>
      <c r="CE191" s="156"/>
      <c r="CF191" s="156"/>
    </row>
    <row r="192" spans="1:84" s="211" customFormat="1" ht="56.1" hidden="1" customHeight="1" x14ac:dyDescent="0.2">
      <c r="A192" s="198">
        <v>190</v>
      </c>
      <c r="B192" s="199" t="s">
        <v>53</v>
      </c>
      <c r="C192" s="208" t="s">
        <v>329</v>
      </c>
      <c r="D192" s="200" t="s">
        <v>428</v>
      </c>
      <c r="E192" s="200" t="s">
        <v>369</v>
      </c>
      <c r="F192" s="209" t="s">
        <v>453</v>
      </c>
      <c r="G192" s="200" t="s">
        <v>58</v>
      </c>
      <c r="H192" s="200" t="s">
        <v>326</v>
      </c>
      <c r="I192" s="200" t="s">
        <v>81</v>
      </c>
      <c r="J192" s="200" t="s">
        <v>334</v>
      </c>
      <c r="K192" s="200" t="s">
        <v>71</v>
      </c>
      <c r="L192" s="200" t="s">
        <v>63</v>
      </c>
      <c r="M192" s="200" t="s">
        <v>63</v>
      </c>
      <c r="N192" s="201">
        <f>'[1]Hemel Hempstead'!$CH$16</f>
        <v>54359.652135744109</v>
      </c>
      <c r="O192" s="201">
        <f t="shared" si="112"/>
        <v>54359.652135744109</v>
      </c>
      <c r="P192" s="200" t="s">
        <v>226</v>
      </c>
      <c r="Q192" s="200" t="s">
        <v>82</v>
      </c>
      <c r="R192" s="210"/>
      <c r="S192" s="210"/>
      <c r="T192" s="210"/>
      <c r="U192" s="210"/>
      <c r="V192" s="210"/>
      <c r="W192" s="203"/>
      <c r="X192" s="210"/>
      <c r="Y192" s="210"/>
      <c r="Z192" s="210"/>
      <c r="AA192" s="210"/>
      <c r="AB192" s="210"/>
      <c r="AC192" s="210"/>
      <c r="AD192" s="210" t="s">
        <v>66</v>
      </c>
      <c r="AE192" s="210"/>
      <c r="AF192" s="210"/>
      <c r="AG192" s="210"/>
      <c r="AH192" s="210"/>
      <c r="AI192" s="210"/>
      <c r="AJ192" s="210"/>
      <c r="AK192" s="210"/>
      <c r="AL192" s="210"/>
      <c r="AM192" s="210"/>
      <c r="AN192" s="210"/>
      <c r="AO192" s="210"/>
      <c r="AP192" s="210"/>
      <c r="AQ192" s="210"/>
      <c r="AR192" s="210"/>
      <c r="AS192" s="210"/>
      <c r="AT192" s="210"/>
      <c r="AU192" s="210"/>
      <c r="AV192" s="210"/>
      <c r="AW192" s="204">
        <f t="shared" si="113"/>
        <v>234</v>
      </c>
      <c r="AX192" s="205">
        <f t="shared" si="114"/>
        <v>232.30620570830817</v>
      </c>
      <c r="AY192" s="203" t="str">
        <f t="shared" si="78"/>
        <v/>
      </c>
      <c r="AZ192" s="203" t="str">
        <f t="shared" si="79"/>
        <v/>
      </c>
      <c r="BA192" s="203" t="str">
        <f t="shared" si="80"/>
        <v/>
      </c>
      <c r="BB192" s="203" t="str">
        <f t="shared" si="81"/>
        <v/>
      </c>
      <c r="BC192" s="203" t="str">
        <f t="shared" si="82"/>
        <v/>
      </c>
      <c r="BD192" s="203" t="str">
        <f t="shared" si="83"/>
        <v/>
      </c>
      <c r="BE192" s="203" t="str">
        <f t="shared" si="84"/>
        <v/>
      </c>
      <c r="BF192" s="203" t="str">
        <f t="shared" si="85"/>
        <v/>
      </c>
      <c r="BG192" s="203" t="str">
        <f t="shared" si="86"/>
        <v/>
      </c>
      <c r="BH192" s="203" t="str">
        <f t="shared" si="87"/>
        <v/>
      </c>
      <c r="BI192" s="203" t="str">
        <f t="shared" si="88"/>
        <v/>
      </c>
      <c r="BJ192" s="203" t="str">
        <f t="shared" si="89"/>
        <v/>
      </c>
      <c r="BK192" s="203">
        <f t="shared" si="90"/>
        <v>54359.652135744109</v>
      </c>
      <c r="BL192" s="203" t="str">
        <f t="shared" si="91"/>
        <v/>
      </c>
      <c r="BM192" s="203" t="str">
        <f t="shared" si="92"/>
        <v/>
      </c>
      <c r="BN192" s="203" t="str">
        <f t="shared" si="93"/>
        <v/>
      </c>
      <c r="BO192" s="203" t="str">
        <f t="shared" si="94"/>
        <v/>
      </c>
      <c r="BP192" s="203" t="str">
        <f t="shared" si="95"/>
        <v/>
      </c>
      <c r="BQ192" s="203" t="str">
        <f t="shared" si="96"/>
        <v/>
      </c>
      <c r="BR192" s="203" t="str">
        <f t="shared" si="97"/>
        <v/>
      </c>
      <c r="BS192" s="203" t="str">
        <f t="shared" si="98"/>
        <v/>
      </c>
      <c r="BT192" s="203" t="str">
        <f t="shared" si="99"/>
        <v/>
      </c>
      <c r="BU192" s="203" t="str">
        <f t="shared" si="100"/>
        <v/>
      </c>
      <c r="BV192" s="203" t="str">
        <f t="shared" si="101"/>
        <v/>
      </c>
      <c r="BW192" s="203" t="str">
        <f t="shared" si="102"/>
        <v/>
      </c>
      <c r="BX192" s="203" t="str">
        <f t="shared" si="103"/>
        <v/>
      </c>
      <c r="BY192" s="203" t="str">
        <f t="shared" si="104"/>
        <v/>
      </c>
      <c r="BZ192" s="203" t="str">
        <f t="shared" si="105"/>
        <v/>
      </c>
      <c r="CA192" s="203" t="str">
        <f t="shared" si="106"/>
        <v/>
      </c>
      <c r="CB192" s="203" t="str">
        <f t="shared" si="107"/>
        <v/>
      </c>
      <c r="CC192" s="203" t="str">
        <f t="shared" si="108"/>
        <v/>
      </c>
      <c r="CD192" s="200"/>
      <c r="CE192" s="200"/>
      <c r="CF192" s="200"/>
    </row>
    <row r="193" spans="1:84" s="168" customFormat="1" ht="56.1" hidden="1" customHeight="1" x14ac:dyDescent="0.2">
      <c r="A193" s="154">
        <v>191</v>
      </c>
      <c r="B193" s="155" t="s">
        <v>53</v>
      </c>
      <c r="C193" s="165" t="s">
        <v>329</v>
      </c>
      <c r="D193" s="156" t="s">
        <v>428</v>
      </c>
      <c r="E193" s="156" t="s">
        <v>369</v>
      </c>
      <c r="F193" s="166" t="s">
        <v>454</v>
      </c>
      <c r="G193" s="156" t="s">
        <v>58</v>
      </c>
      <c r="H193" s="156" t="s">
        <v>26</v>
      </c>
      <c r="I193" s="156" t="s">
        <v>81</v>
      </c>
      <c r="J193" s="156" t="s">
        <v>334</v>
      </c>
      <c r="K193" s="156" t="s">
        <v>159</v>
      </c>
      <c r="L193" s="156" t="s">
        <v>63</v>
      </c>
      <c r="M193" s="156" t="s">
        <v>63</v>
      </c>
      <c r="N193" s="157">
        <f>'[1]Hemel Hempstead'!$BI$16</f>
        <v>116115.15377720933</v>
      </c>
      <c r="O193" s="157">
        <f t="shared" si="112"/>
        <v>116115.15377720933</v>
      </c>
      <c r="P193" s="156" t="s">
        <v>226</v>
      </c>
      <c r="Q193" s="156" t="s">
        <v>82</v>
      </c>
      <c r="R193" s="167"/>
      <c r="S193" s="167"/>
      <c r="T193" s="167"/>
      <c r="U193" s="167"/>
      <c r="V193" s="167"/>
      <c r="W193" s="161"/>
      <c r="X193" s="167"/>
      <c r="Y193" s="167"/>
      <c r="Z193" s="167"/>
      <c r="AA193" s="167"/>
      <c r="AB193" s="167"/>
      <c r="AC193" s="167"/>
      <c r="AD193" s="167"/>
      <c r="AE193" s="167"/>
      <c r="AF193" s="167"/>
      <c r="AG193" s="167"/>
      <c r="AH193" s="167"/>
      <c r="AI193" s="167"/>
      <c r="AJ193" s="167"/>
      <c r="AK193" s="167"/>
      <c r="AL193" s="167"/>
      <c r="AM193" s="167"/>
      <c r="AN193" s="167"/>
      <c r="AO193" s="167"/>
      <c r="AP193" s="167"/>
      <c r="AQ193" s="167"/>
      <c r="AR193" s="167"/>
      <c r="AS193" s="167"/>
      <c r="AT193" s="167"/>
      <c r="AU193" s="167"/>
      <c r="AV193" s="167"/>
      <c r="AW193" s="160">
        <f t="shared" si="113"/>
        <v>0</v>
      </c>
      <c r="AX193" s="158"/>
      <c r="AY193" s="161" t="str">
        <f t="shared" si="78"/>
        <v/>
      </c>
      <c r="AZ193" s="161" t="str">
        <f t="shared" si="79"/>
        <v/>
      </c>
      <c r="BA193" s="161" t="str">
        <f t="shared" si="80"/>
        <v/>
      </c>
      <c r="BB193" s="161" t="str">
        <f t="shared" si="81"/>
        <v/>
      </c>
      <c r="BC193" s="161" t="str">
        <f t="shared" si="82"/>
        <v/>
      </c>
      <c r="BD193" s="161" t="str">
        <f t="shared" si="83"/>
        <v/>
      </c>
      <c r="BE193" s="161" t="str">
        <f t="shared" si="84"/>
        <v/>
      </c>
      <c r="BF193" s="161" t="str">
        <f t="shared" si="85"/>
        <v/>
      </c>
      <c r="BG193" s="161" t="str">
        <f t="shared" si="86"/>
        <v/>
      </c>
      <c r="BH193" s="161" t="str">
        <f t="shared" si="87"/>
        <v/>
      </c>
      <c r="BI193" s="161" t="str">
        <f t="shared" si="88"/>
        <v/>
      </c>
      <c r="BJ193" s="161" t="str">
        <f t="shared" si="89"/>
        <v/>
      </c>
      <c r="BK193" s="161" t="str">
        <f t="shared" si="90"/>
        <v/>
      </c>
      <c r="BL193" s="161" t="str">
        <f t="shared" si="91"/>
        <v/>
      </c>
      <c r="BM193" s="161" t="str">
        <f t="shared" si="92"/>
        <v/>
      </c>
      <c r="BN193" s="161" t="str">
        <f t="shared" si="93"/>
        <v/>
      </c>
      <c r="BO193" s="161" t="str">
        <f t="shared" si="94"/>
        <v/>
      </c>
      <c r="BP193" s="161" t="str">
        <f t="shared" si="95"/>
        <v/>
      </c>
      <c r="BQ193" s="161" t="str">
        <f t="shared" si="96"/>
        <v/>
      </c>
      <c r="BR193" s="161" t="str">
        <f t="shared" si="97"/>
        <v/>
      </c>
      <c r="BS193" s="161" t="str">
        <f t="shared" si="98"/>
        <v/>
      </c>
      <c r="BT193" s="161" t="str">
        <f t="shared" si="99"/>
        <v/>
      </c>
      <c r="BU193" s="161" t="str">
        <f t="shared" si="100"/>
        <v/>
      </c>
      <c r="BV193" s="161" t="str">
        <f t="shared" si="101"/>
        <v/>
      </c>
      <c r="BW193" s="161" t="str">
        <f t="shared" si="102"/>
        <v/>
      </c>
      <c r="BX193" s="161" t="str">
        <f t="shared" si="103"/>
        <v/>
      </c>
      <c r="BY193" s="161" t="str">
        <f t="shared" si="104"/>
        <v/>
      </c>
      <c r="BZ193" s="161" t="str">
        <f t="shared" si="105"/>
        <v/>
      </c>
      <c r="CA193" s="161" t="str">
        <f t="shared" si="106"/>
        <v/>
      </c>
      <c r="CB193" s="161" t="str">
        <f t="shared" si="107"/>
        <v/>
      </c>
      <c r="CC193" s="161" t="str">
        <f t="shared" si="108"/>
        <v/>
      </c>
      <c r="CD193" s="156"/>
      <c r="CE193" s="156"/>
      <c r="CF193" s="156"/>
    </row>
    <row r="194" spans="1:84" s="168" customFormat="1" ht="56.1" hidden="1" customHeight="1" x14ac:dyDescent="0.2">
      <c r="A194" s="154">
        <v>192</v>
      </c>
      <c r="B194" s="155" t="s">
        <v>53</v>
      </c>
      <c r="C194" s="165" t="s">
        <v>329</v>
      </c>
      <c r="D194" s="156" t="s">
        <v>428</v>
      </c>
      <c r="E194" s="156" t="s">
        <v>369</v>
      </c>
      <c r="F194" s="166" t="s">
        <v>455</v>
      </c>
      <c r="G194" s="156" t="s">
        <v>58</v>
      </c>
      <c r="H194" s="156" t="s">
        <v>27</v>
      </c>
      <c r="I194" s="156" t="s">
        <v>81</v>
      </c>
      <c r="J194" s="156" t="s">
        <v>334</v>
      </c>
      <c r="K194" s="156" t="s">
        <v>390</v>
      </c>
      <c r="L194" s="156" t="s">
        <v>63</v>
      </c>
      <c r="M194" s="156" t="s">
        <v>63</v>
      </c>
      <c r="N194" s="157">
        <f>'[1]Hemel Hempstead'!$BD$16</f>
        <v>174162.46250449176</v>
      </c>
      <c r="O194" s="157">
        <f t="shared" si="112"/>
        <v>174162.46250449176</v>
      </c>
      <c r="P194" s="156" t="s">
        <v>226</v>
      </c>
      <c r="Q194" s="156" t="s">
        <v>82</v>
      </c>
      <c r="R194" s="167"/>
      <c r="S194" s="167"/>
      <c r="T194" s="167"/>
      <c r="U194" s="167"/>
      <c r="V194" s="167"/>
      <c r="W194" s="161"/>
      <c r="X194" s="167"/>
      <c r="Y194" s="167"/>
      <c r="Z194" s="167"/>
      <c r="AA194" s="167"/>
      <c r="AB194" s="167"/>
      <c r="AC194" s="167"/>
      <c r="AD194" s="167"/>
      <c r="AE194" s="167"/>
      <c r="AF194" s="167"/>
      <c r="AG194" s="167"/>
      <c r="AH194" s="167"/>
      <c r="AI194" s="167"/>
      <c r="AJ194" s="167"/>
      <c r="AK194" s="167"/>
      <c r="AL194" s="167"/>
      <c r="AM194" s="167"/>
      <c r="AN194" s="167"/>
      <c r="AO194" s="167"/>
      <c r="AP194" s="167"/>
      <c r="AQ194" s="167"/>
      <c r="AR194" s="167"/>
      <c r="AS194" s="167"/>
      <c r="AT194" s="167"/>
      <c r="AU194" s="167"/>
      <c r="AV194" s="167"/>
      <c r="AW194" s="160">
        <f t="shared" si="113"/>
        <v>0</v>
      </c>
      <c r="AX194" s="158"/>
      <c r="AY194" s="161" t="str">
        <f t="shared" si="78"/>
        <v/>
      </c>
      <c r="AZ194" s="161" t="str">
        <f t="shared" si="79"/>
        <v/>
      </c>
      <c r="BA194" s="161" t="str">
        <f t="shared" si="80"/>
        <v/>
      </c>
      <c r="BB194" s="161" t="str">
        <f t="shared" si="81"/>
        <v/>
      </c>
      <c r="BC194" s="161" t="str">
        <f t="shared" si="82"/>
        <v/>
      </c>
      <c r="BD194" s="161" t="str">
        <f t="shared" si="83"/>
        <v/>
      </c>
      <c r="BE194" s="161" t="str">
        <f t="shared" si="84"/>
        <v/>
      </c>
      <c r="BF194" s="161" t="str">
        <f t="shared" si="85"/>
        <v/>
      </c>
      <c r="BG194" s="161" t="str">
        <f t="shared" si="86"/>
        <v/>
      </c>
      <c r="BH194" s="161" t="str">
        <f t="shared" si="87"/>
        <v/>
      </c>
      <c r="BI194" s="161" t="str">
        <f t="shared" si="88"/>
        <v/>
      </c>
      <c r="BJ194" s="161" t="str">
        <f t="shared" si="89"/>
        <v/>
      </c>
      <c r="BK194" s="161" t="str">
        <f t="shared" si="90"/>
        <v/>
      </c>
      <c r="BL194" s="161" t="str">
        <f t="shared" si="91"/>
        <v/>
      </c>
      <c r="BM194" s="161" t="str">
        <f t="shared" si="92"/>
        <v/>
      </c>
      <c r="BN194" s="161" t="str">
        <f t="shared" si="93"/>
        <v/>
      </c>
      <c r="BO194" s="161" t="str">
        <f t="shared" si="94"/>
        <v/>
      </c>
      <c r="BP194" s="161" t="str">
        <f t="shared" si="95"/>
        <v/>
      </c>
      <c r="BQ194" s="161" t="str">
        <f t="shared" si="96"/>
        <v/>
      </c>
      <c r="BR194" s="161" t="str">
        <f t="shared" si="97"/>
        <v/>
      </c>
      <c r="BS194" s="161" t="str">
        <f t="shared" si="98"/>
        <v/>
      </c>
      <c r="BT194" s="161" t="str">
        <f t="shared" si="99"/>
        <v/>
      </c>
      <c r="BU194" s="161" t="str">
        <f t="shared" si="100"/>
        <v/>
      </c>
      <c r="BV194" s="161" t="str">
        <f t="shared" si="101"/>
        <v/>
      </c>
      <c r="BW194" s="161" t="str">
        <f t="shared" si="102"/>
        <v/>
      </c>
      <c r="BX194" s="161" t="str">
        <f t="shared" si="103"/>
        <v/>
      </c>
      <c r="BY194" s="161" t="str">
        <f t="shared" si="104"/>
        <v/>
      </c>
      <c r="BZ194" s="161" t="str">
        <f t="shared" si="105"/>
        <v/>
      </c>
      <c r="CA194" s="161" t="str">
        <f t="shared" si="106"/>
        <v/>
      </c>
      <c r="CB194" s="161" t="str">
        <f t="shared" si="107"/>
        <v/>
      </c>
      <c r="CC194" s="161" t="str">
        <f t="shared" si="108"/>
        <v/>
      </c>
      <c r="CD194" s="156"/>
      <c r="CE194" s="156"/>
      <c r="CF194" s="156"/>
    </row>
    <row r="195" spans="1:84" s="168" customFormat="1" ht="56.1" hidden="1" customHeight="1" x14ac:dyDescent="0.2">
      <c r="A195" s="154">
        <v>193</v>
      </c>
      <c r="B195" s="155" t="s">
        <v>53</v>
      </c>
      <c r="C195" s="165" t="s">
        <v>329</v>
      </c>
      <c r="D195" s="156" t="s">
        <v>428</v>
      </c>
      <c r="E195" s="156" t="s">
        <v>369</v>
      </c>
      <c r="F195" s="166" t="s">
        <v>446</v>
      </c>
      <c r="G195" s="156" t="s">
        <v>58</v>
      </c>
      <c r="H195" s="156" t="s">
        <v>127</v>
      </c>
      <c r="I195" s="156" t="s">
        <v>81</v>
      </c>
      <c r="J195" s="156" t="s">
        <v>334</v>
      </c>
      <c r="K195" s="156" t="s">
        <v>187</v>
      </c>
      <c r="L195" s="156" t="s">
        <v>63</v>
      </c>
      <c r="M195" s="156" t="s">
        <v>63</v>
      </c>
      <c r="N195" s="157">
        <f>'[1]Hemel Hempstead'!$BN$16</f>
        <v>81281.574877273233</v>
      </c>
      <c r="O195" s="157">
        <f t="shared" si="112"/>
        <v>81281.574877273233</v>
      </c>
      <c r="P195" s="156" t="s">
        <v>226</v>
      </c>
      <c r="Q195" s="156" t="s">
        <v>82</v>
      </c>
      <c r="R195" s="167"/>
      <c r="S195" s="167"/>
      <c r="T195" s="167"/>
      <c r="U195" s="167"/>
      <c r="V195" s="167"/>
      <c r="W195" s="161"/>
      <c r="X195" s="167"/>
      <c r="Y195" s="167"/>
      <c r="Z195" s="167"/>
      <c r="AA195" s="167"/>
      <c r="AB195" s="167"/>
      <c r="AC195" s="167"/>
      <c r="AD195" s="167"/>
      <c r="AE195" s="167" t="s">
        <v>66</v>
      </c>
      <c r="AF195" s="167"/>
      <c r="AG195" s="167"/>
      <c r="AH195" s="167"/>
      <c r="AI195" s="167"/>
      <c r="AJ195" s="167"/>
      <c r="AK195" s="167"/>
      <c r="AL195" s="167"/>
      <c r="AM195" s="167"/>
      <c r="AN195" s="167"/>
      <c r="AO195" s="167"/>
      <c r="AP195" s="167"/>
      <c r="AQ195" s="167"/>
      <c r="AR195" s="167"/>
      <c r="AS195" s="167"/>
      <c r="AT195" s="167"/>
      <c r="AU195" s="167"/>
      <c r="AV195" s="167"/>
      <c r="AW195" s="160">
        <f t="shared" si="113"/>
        <v>350</v>
      </c>
      <c r="AX195" s="158">
        <f t="shared" ref="AX195:AX226" si="115">O195/AW195</f>
        <v>232.23307107792351</v>
      </c>
      <c r="AY195" s="161" t="str">
        <f t="shared" ref="AY195:AY258" si="116">IF(R195="yes",(R$2*$AX195),"")</f>
        <v/>
      </c>
      <c r="AZ195" s="161" t="str">
        <f t="shared" ref="AZ195:AZ258" si="117">IF(S195="yes",(S$2*$AX195),"")</f>
        <v/>
      </c>
      <c r="BA195" s="161" t="str">
        <f t="shared" ref="BA195:BA258" si="118">IF(T195="yes",(T$2*$AX195),"")</f>
        <v/>
      </c>
      <c r="BB195" s="161" t="str">
        <f t="shared" ref="BB195:BB258" si="119">IF(U195="yes",(U$2*$AX195),"")</f>
        <v/>
      </c>
      <c r="BC195" s="161" t="str">
        <f t="shared" ref="BC195:BC258" si="120">IF(V195="yes",(V$2*$AX195),"")</f>
        <v/>
      </c>
      <c r="BD195" s="161" t="str">
        <f t="shared" ref="BD195:BD258" si="121">IF(W195="yes",(W$2*$AX195),"")</f>
        <v/>
      </c>
      <c r="BE195" s="161" t="str">
        <f t="shared" ref="BE195:BE258" si="122">IF(X195="yes",(X$2*$AX195),"")</f>
        <v/>
      </c>
      <c r="BF195" s="161" t="str">
        <f t="shared" ref="BF195:BF258" si="123">IF(Y195="yes",(Y$2*$AX195),"")</f>
        <v/>
      </c>
      <c r="BG195" s="161" t="str">
        <f t="shared" ref="BG195:BG258" si="124">IF(Z195="yes",(Z$2*$AX195),"")</f>
        <v/>
      </c>
      <c r="BH195" s="161" t="str">
        <f t="shared" ref="BH195:BH258" si="125">IF(AA195="yes",(AA$2*$AX195),"")</f>
        <v/>
      </c>
      <c r="BI195" s="161" t="str">
        <f t="shared" ref="BI195:BI258" si="126">IF(AB195="yes",(AB$2*$AX195),"")</f>
        <v/>
      </c>
      <c r="BJ195" s="161" t="str">
        <f t="shared" ref="BJ195:BJ258" si="127">IF(AC195="yes",(AC$2*$AX195),"")</f>
        <v/>
      </c>
      <c r="BK195" s="161" t="str">
        <f t="shared" ref="BK195:BK258" si="128">IF(AD195="yes",(AD$2*$AX195),"")</f>
        <v/>
      </c>
      <c r="BL195" s="161">
        <f t="shared" ref="BL195:BL258" si="129">IF(AE195="yes",(AE$2*$AX195),"")</f>
        <v>81281.574877273233</v>
      </c>
      <c r="BM195" s="161" t="str">
        <f t="shared" ref="BM195:BM258" si="130">IF(AF195="yes",(AF$2*$AX195),"")</f>
        <v/>
      </c>
      <c r="BN195" s="161" t="str">
        <f t="shared" ref="BN195:BN258" si="131">IF(AG195="yes",(AG$2*$AX195),"")</f>
        <v/>
      </c>
      <c r="BO195" s="161" t="str">
        <f t="shared" ref="BO195:BO258" si="132">IF(AH195="yes",(AH$2*$AX195),"")</f>
        <v/>
      </c>
      <c r="BP195" s="161" t="str">
        <f t="shared" ref="BP195:BP258" si="133">IF(AI195="yes",(AI$2*$AX195),"")</f>
        <v/>
      </c>
      <c r="BQ195" s="161" t="str">
        <f t="shared" ref="BQ195:BQ258" si="134">IF(AJ195="yes",(AJ$2*$AX195),"")</f>
        <v/>
      </c>
      <c r="BR195" s="161" t="str">
        <f t="shared" ref="BR195:BR258" si="135">IF(AK195="yes",(AK$2*$AX195),"")</f>
        <v/>
      </c>
      <c r="BS195" s="161" t="str">
        <f t="shared" ref="BS195:BS258" si="136">IF(AL195="yes",(AL$2*$AX195),"")</f>
        <v/>
      </c>
      <c r="BT195" s="161" t="str">
        <f t="shared" ref="BT195:BT258" si="137">IF(AM195="yes",(AM$2*$AX195),"")</f>
        <v/>
      </c>
      <c r="BU195" s="161" t="str">
        <f t="shared" ref="BU195:BU258" si="138">IF(AN195="yes",(AN$2*$AX195),"")</f>
        <v/>
      </c>
      <c r="BV195" s="161" t="str">
        <f t="shared" ref="BV195:BV258" si="139">IF(AO195="yes",(AO$2*$AX195),"")</f>
        <v/>
      </c>
      <c r="BW195" s="161" t="str">
        <f t="shared" ref="BW195:BW258" si="140">IF(AP195="yes",(AP$2*$AX195),"")</f>
        <v/>
      </c>
      <c r="BX195" s="161" t="str">
        <f t="shared" ref="BX195:BX258" si="141">IF(AQ195="yes",(AQ$2*$AX195),"")</f>
        <v/>
      </c>
      <c r="BY195" s="161" t="str">
        <f t="shared" ref="BY195:BY258" si="142">IF(AR195="yes",(AR$2*$AX195),"")</f>
        <v/>
      </c>
      <c r="BZ195" s="161" t="str">
        <f t="shared" ref="BZ195:BZ258" si="143">IF(AS195="yes",(AS$2*$AX195),"")</f>
        <v/>
      </c>
      <c r="CA195" s="161" t="str">
        <f t="shared" ref="CA195:CA258" si="144">IF(AT195="yes",(AT$2*$AX195),"")</f>
        <v/>
      </c>
      <c r="CB195" s="161" t="str">
        <f t="shared" ref="CB195:CB258" si="145">IF(AU195="yes",(AU$2*$AX195),"")</f>
        <v/>
      </c>
      <c r="CC195" s="161" t="str">
        <f t="shared" ref="CC195:CC258" si="146">IF(AV195="yes",(AV$2*$AX195),"")</f>
        <v/>
      </c>
      <c r="CD195" s="156"/>
      <c r="CE195" s="156"/>
      <c r="CF195" s="156"/>
    </row>
    <row r="196" spans="1:84" s="168" customFormat="1" ht="56.1" hidden="1" customHeight="1" x14ac:dyDescent="0.2">
      <c r="A196" s="154">
        <v>194</v>
      </c>
      <c r="B196" s="155" t="s">
        <v>53</v>
      </c>
      <c r="C196" s="165" t="s">
        <v>329</v>
      </c>
      <c r="D196" s="156" t="s">
        <v>428</v>
      </c>
      <c r="E196" s="156" t="s">
        <v>369</v>
      </c>
      <c r="F196" s="166" t="s">
        <v>450</v>
      </c>
      <c r="G196" s="156" t="s">
        <v>58</v>
      </c>
      <c r="H196" s="156" t="s">
        <v>31</v>
      </c>
      <c r="I196" s="156" t="s">
        <v>81</v>
      </c>
      <c r="J196" s="156" t="s">
        <v>334</v>
      </c>
      <c r="K196" s="156" t="s">
        <v>392</v>
      </c>
      <c r="L196" s="156" t="s">
        <v>63</v>
      </c>
      <c r="M196" s="156" t="s">
        <v>63</v>
      </c>
      <c r="N196" s="157">
        <f>'[1]Hemel Hempstead'!$BS$16</f>
        <v>20914.071633126616</v>
      </c>
      <c r="O196" s="157">
        <f t="shared" si="112"/>
        <v>20914.071633126616</v>
      </c>
      <c r="P196" s="156" t="s">
        <v>226</v>
      </c>
      <c r="Q196" s="156" t="s">
        <v>82</v>
      </c>
      <c r="R196" s="167"/>
      <c r="S196" s="167"/>
      <c r="T196" s="167"/>
      <c r="U196" s="167"/>
      <c r="V196" s="167"/>
      <c r="W196" s="161"/>
      <c r="X196" s="167"/>
      <c r="Y196" s="167"/>
      <c r="Z196" s="167"/>
      <c r="AA196" s="167"/>
      <c r="AB196" s="167"/>
      <c r="AC196" s="167"/>
      <c r="AD196" s="167"/>
      <c r="AE196" s="167"/>
      <c r="AF196" s="167" t="s">
        <v>66</v>
      </c>
      <c r="AG196" s="167"/>
      <c r="AH196" s="167"/>
      <c r="AI196" s="167"/>
      <c r="AJ196" s="167"/>
      <c r="AK196" s="167"/>
      <c r="AL196" s="167"/>
      <c r="AM196" s="167"/>
      <c r="AN196" s="167"/>
      <c r="AO196" s="167"/>
      <c r="AP196" s="167"/>
      <c r="AQ196" s="167"/>
      <c r="AR196" s="167"/>
      <c r="AS196" s="167"/>
      <c r="AT196" s="167"/>
      <c r="AU196" s="167"/>
      <c r="AV196" s="167"/>
      <c r="AW196" s="160">
        <f t="shared" si="113"/>
        <v>90</v>
      </c>
      <c r="AX196" s="158">
        <f t="shared" si="115"/>
        <v>232.37857370140685</v>
      </c>
      <c r="AY196" s="161" t="str">
        <f t="shared" si="116"/>
        <v/>
      </c>
      <c r="AZ196" s="161" t="str">
        <f t="shared" si="117"/>
        <v/>
      </c>
      <c r="BA196" s="161" t="str">
        <f t="shared" si="118"/>
        <v/>
      </c>
      <c r="BB196" s="161" t="str">
        <f t="shared" si="119"/>
        <v/>
      </c>
      <c r="BC196" s="161" t="str">
        <f t="shared" si="120"/>
        <v/>
      </c>
      <c r="BD196" s="161" t="str">
        <f t="shared" si="121"/>
        <v/>
      </c>
      <c r="BE196" s="161" t="str">
        <f t="shared" si="122"/>
        <v/>
      </c>
      <c r="BF196" s="161" t="str">
        <f t="shared" si="123"/>
        <v/>
      </c>
      <c r="BG196" s="161" t="str">
        <f t="shared" si="124"/>
        <v/>
      </c>
      <c r="BH196" s="161" t="str">
        <f t="shared" si="125"/>
        <v/>
      </c>
      <c r="BI196" s="161" t="str">
        <f t="shared" si="126"/>
        <v/>
      </c>
      <c r="BJ196" s="161" t="str">
        <f t="shared" si="127"/>
        <v/>
      </c>
      <c r="BK196" s="161" t="str">
        <f t="shared" si="128"/>
        <v/>
      </c>
      <c r="BL196" s="161" t="str">
        <f t="shared" si="129"/>
        <v/>
      </c>
      <c r="BM196" s="161">
        <f t="shared" si="130"/>
        <v>20914.071633126616</v>
      </c>
      <c r="BN196" s="161" t="str">
        <f t="shared" si="131"/>
        <v/>
      </c>
      <c r="BO196" s="161" t="str">
        <f t="shared" si="132"/>
        <v/>
      </c>
      <c r="BP196" s="161" t="str">
        <f t="shared" si="133"/>
        <v/>
      </c>
      <c r="BQ196" s="161" t="str">
        <f t="shared" si="134"/>
        <v/>
      </c>
      <c r="BR196" s="161" t="str">
        <f t="shared" si="135"/>
        <v/>
      </c>
      <c r="BS196" s="161" t="str">
        <f t="shared" si="136"/>
        <v/>
      </c>
      <c r="BT196" s="161" t="str">
        <f t="shared" si="137"/>
        <v/>
      </c>
      <c r="BU196" s="161" t="str">
        <f t="shared" si="138"/>
        <v/>
      </c>
      <c r="BV196" s="161" t="str">
        <f t="shared" si="139"/>
        <v/>
      </c>
      <c r="BW196" s="161" t="str">
        <f t="shared" si="140"/>
        <v/>
      </c>
      <c r="BX196" s="161" t="str">
        <f t="shared" si="141"/>
        <v/>
      </c>
      <c r="BY196" s="161" t="str">
        <f t="shared" si="142"/>
        <v/>
      </c>
      <c r="BZ196" s="161" t="str">
        <f t="shared" si="143"/>
        <v/>
      </c>
      <c r="CA196" s="161" t="str">
        <f t="shared" si="144"/>
        <v/>
      </c>
      <c r="CB196" s="161" t="str">
        <f t="shared" si="145"/>
        <v/>
      </c>
      <c r="CC196" s="161" t="str">
        <f t="shared" si="146"/>
        <v/>
      </c>
      <c r="CD196" s="156"/>
      <c r="CE196" s="156"/>
      <c r="CF196" s="156"/>
    </row>
    <row r="197" spans="1:84" s="168" customFormat="1" ht="56.1" hidden="1" customHeight="1" x14ac:dyDescent="0.2">
      <c r="A197" s="154">
        <v>195</v>
      </c>
      <c r="B197" s="155" t="s">
        <v>53</v>
      </c>
      <c r="C197" s="165" t="s">
        <v>329</v>
      </c>
      <c r="D197" s="156" t="s">
        <v>428</v>
      </c>
      <c r="E197" s="156" t="s">
        <v>369</v>
      </c>
      <c r="F197" s="166" t="s">
        <v>450</v>
      </c>
      <c r="G197" s="156" t="s">
        <v>58</v>
      </c>
      <c r="H197" s="156" t="s">
        <v>327</v>
      </c>
      <c r="I197" s="156" t="s">
        <v>81</v>
      </c>
      <c r="J197" s="156" t="s">
        <v>334</v>
      </c>
      <c r="K197" s="156" t="s">
        <v>377</v>
      </c>
      <c r="L197" s="156" t="s">
        <v>63</v>
      </c>
      <c r="M197" s="156" t="s">
        <v>63</v>
      </c>
      <c r="N197" s="157">
        <f>'[1]Hemel Hempstead'!$BX$16</f>
        <v>18583.894111410096</v>
      </c>
      <c r="O197" s="157">
        <f t="shared" si="112"/>
        <v>18583.894111410096</v>
      </c>
      <c r="P197" s="156" t="s">
        <v>226</v>
      </c>
      <c r="Q197" s="156" t="s">
        <v>82</v>
      </c>
      <c r="R197" s="167"/>
      <c r="S197" s="167"/>
      <c r="T197" s="167"/>
      <c r="U197" s="167"/>
      <c r="V197" s="167"/>
      <c r="W197" s="161"/>
      <c r="X197" s="167"/>
      <c r="Y197" s="167"/>
      <c r="Z197" s="167"/>
      <c r="AA197" s="167"/>
      <c r="AB197" s="167"/>
      <c r="AC197" s="167"/>
      <c r="AD197" s="167"/>
      <c r="AE197" s="167"/>
      <c r="AF197" s="167"/>
      <c r="AG197" s="167" t="s">
        <v>66</v>
      </c>
      <c r="AH197" s="167"/>
      <c r="AI197" s="167"/>
      <c r="AJ197" s="167"/>
      <c r="AK197" s="167"/>
      <c r="AL197" s="167"/>
      <c r="AM197" s="167"/>
      <c r="AN197" s="167"/>
      <c r="AO197" s="167"/>
      <c r="AP197" s="167"/>
      <c r="AQ197" s="167"/>
      <c r="AR197" s="167"/>
      <c r="AS197" s="167"/>
      <c r="AT197" s="167"/>
      <c r="AU197" s="167"/>
      <c r="AV197" s="167"/>
      <c r="AW197" s="160">
        <f t="shared" si="113"/>
        <v>80</v>
      </c>
      <c r="AX197" s="158">
        <f t="shared" si="115"/>
        <v>232.29867639262619</v>
      </c>
      <c r="AY197" s="161" t="str">
        <f t="shared" si="116"/>
        <v/>
      </c>
      <c r="AZ197" s="161" t="str">
        <f t="shared" si="117"/>
        <v/>
      </c>
      <c r="BA197" s="161" t="str">
        <f t="shared" si="118"/>
        <v/>
      </c>
      <c r="BB197" s="161" t="str">
        <f t="shared" si="119"/>
        <v/>
      </c>
      <c r="BC197" s="161" t="str">
        <f t="shared" si="120"/>
        <v/>
      </c>
      <c r="BD197" s="161" t="str">
        <f t="shared" si="121"/>
        <v/>
      </c>
      <c r="BE197" s="161" t="str">
        <f t="shared" si="122"/>
        <v/>
      </c>
      <c r="BF197" s="161" t="str">
        <f t="shared" si="123"/>
        <v/>
      </c>
      <c r="BG197" s="161" t="str">
        <f t="shared" si="124"/>
        <v/>
      </c>
      <c r="BH197" s="161" t="str">
        <f t="shared" si="125"/>
        <v/>
      </c>
      <c r="BI197" s="161" t="str">
        <f t="shared" si="126"/>
        <v/>
      </c>
      <c r="BJ197" s="161" t="str">
        <f t="shared" si="127"/>
        <v/>
      </c>
      <c r="BK197" s="161" t="str">
        <f t="shared" si="128"/>
        <v/>
      </c>
      <c r="BL197" s="161" t="str">
        <f t="shared" si="129"/>
        <v/>
      </c>
      <c r="BM197" s="161" t="str">
        <f t="shared" si="130"/>
        <v/>
      </c>
      <c r="BN197" s="161">
        <f t="shared" si="131"/>
        <v>18583.894111410096</v>
      </c>
      <c r="BO197" s="161" t="str">
        <f t="shared" si="132"/>
        <v/>
      </c>
      <c r="BP197" s="161" t="str">
        <f t="shared" si="133"/>
        <v/>
      </c>
      <c r="BQ197" s="161" t="str">
        <f t="shared" si="134"/>
        <v/>
      </c>
      <c r="BR197" s="161" t="str">
        <f t="shared" si="135"/>
        <v/>
      </c>
      <c r="BS197" s="161" t="str">
        <f t="shared" si="136"/>
        <v/>
      </c>
      <c r="BT197" s="161" t="str">
        <f t="shared" si="137"/>
        <v/>
      </c>
      <c r="BU197" s="161" t="str">
        <f t="shared" si="138"/>
        <v/>
      </c>
      <c r="BV197" s="161" t="str">
        <f t="shared" si="139"/>
        <v/>
      </c>
      <c r="BW197" s="161" t="str">
        <f t="shared" si="140"/>
        <v/>
      </c>
      <c r="BX197" s="161" t="str">
        <f t="shared" si="141"/>
        <v/>
      </c>
      <c r="BY197" s="161" t="str">
        <f t="shared" si="142"/>
        <v/>
      </c>
      <c r="BZ197" s="161" t="str">
        <f t="shared" si="143"/>
        <v/>
      </c>
      <c r="CA197" s="161" t="str">
        <f t="shared" si="144"/>
        <v/>
      </c>
      <c r="CB197" s="161" t="str">
        <f t="shared" si="145"/>
        <v/>
      </c>
      <c r="CC197" s="161" t="str">
        <f t="shared" si="146"/>
        <v/>
      </c>
      <c r="CD197" s="156"/>
      <c r="CE197" s="156"/>
      <c r="CF197" s="156"/>
    </row>
    <row r="198" spans="1:84" s="168" customFormat="1" ht="56.1" hidden="1" customHeight="1" x14ac:dyDescent="0.2">
      <c r="A198" s="154">
        <v>196</v>
      </c>
      <c r="B198" s="155" t="s">
        <v>53</v>
      </c>
      <c r="C198" s="165" t="s">
        <v>329</v>
      </c>
      <c r="D198" s="156" t="s">
        <v>428</v>
      </c>
      <c r="E198" s="156" t="s">
        <v>369</v>
      </c>
      <c r="F198" s="166" t="s">
        <v>447</v>
      </c>
      <c r="G198" s="156" t="s">
        <v>58</v>
      </c>
      <c r="H198" s="156" t="s">
        <v>328</v>
      </c>
      <c r="I198" s="156" t="s">
        <v>81</v>
      </c>
      <c r="J198" s="156" t="s">
        <v>334</v>
      </c>
      <c r="K198" s="156" t="s">
        <v>395</v>
      </c>
      <c r="L198" s="156" t="s">
        <v>63</v>
      </c>
      <c r="M198" s="156" t="s">
        <v>63</v>
      </c>
      <c r="N198" s="157">
        <f>'[1]Hemel Hempstead'!$CC$16</f>
        <v>46443.178172771302</v>
      </c>
      <c r="O198" s="157">
        <f t="shared" si="112"/>
        <v>46443.178172771302</v>
      </c>
      <c r="P198" s="156" t="s">
        <v>226</v>
      </c>
      <c r="Q198" s="156" t="s">
        <v>82</v>
      </c>
      <c r="R198" s="167"/>
      <c r="S198" s="167"/>
      <c r="T198" s="167"/>
      <c r="U198" s="167"/>
      <c r="V198" s="167"/>
      <c r="W198" s="161"/>
      <c r="X198" s="167"/>
      <c r="Y198" s="167"/>
      <c r="Z198" s="167"/>
      <c r="AA198" s="167"/>
      <c r="AB198" s="167"/>
      <c r="AC198" s="167" t="s">
        <v>66</v>
      </c>
      <c r="AD198" s="167"/>
      <c r="AE198" s="167"/>
      <c r="AF198" s="167"/>
      <c r="AG198" s="167"/>
      <c r="AH198" s="167"/>
      <c r="AI198" s="167"/>
      <c r="AJ198" s="167"/>
      <c r="AK198" s="167"/>
      <c r="AL198" s="167"/>
      <c r="AM198" s="167"/>
      <c r="AN198" s="167"/>
      <c r="AO198" s="167"/>
      <c r="AP198" s="167"/>
      <c r="AQ198" s="167"/>
      <c r="AR198" s="167"/>
      <c r="AS198" s="167"/>
      <c r="AT198" s="167"/>
      <c r="AU198" s="167"/>
      <c r="AV198" s="167"/>
      <c r="AW198" s="160">
        <f t="shared" si="113"/>
        <v>200</v>
      </c>
      <c r="AX198" s="158">
        <f t="shared" si="115"/>
        <v>232.21589086385652</v>
      </c>
      <c r="AY198" s="161" t="str">
        <f t="shared" si="116"/>
        <v/>
      </c>
      <c r="AZ198" s="161" t="str">
        <f t="shared" si="117"/>
        <v/>
      </c>
      <c r="BA198" s="161" t="str">
        <f t="shared" si="118"/>
        <v/>
      </c>
      <c r="BB198" s="161" t="str">
        <f t="shared" si="119"/>
        <v/>
      </c>
      <c r="BC198" s="161" t="str">
        <f t="shared" si="120"/>
        <v/>
      </c>
      <c r="BD198" s="161" t="str">
        <f t="shared" si="121"/>
        <v/>
      </c>
      <c r="BE198" s="161" t="str">
        <f t="shared" si="122"/>
        <v/>
      </c>
      <c r="BF198" s="161" t="str">
        <f t="shared" si="123"/>
        <v/>
      </c>
      <c r="BG198" s="161" t="str">
        <f t="shared" si="124"/>
        <v/>
      </c>
      <c r="BH198" s="161" t="str">
        <f t="shared" si="125"/>
        <v/>
      </c>
      <c r="BI198" s="161" t="str">
        <f t="shared" si="126"/>
        <v/>
      </c>
      <c r="BJ198" s="161">
        <f t="shared" si="127"/>
        <v>46443.178172771302</v>
      </c>
      <c r="BK198" s="161" t="str">
        <f t="shared" si="128"/>
        <v/>
      </c>
      <c r="BL198" s="161" t="str">
        <f t="shared" si="129"/>
        <v/>
      </c>
      <c r="BM198" s="161" t="str">
        <f t="shared" si="130"/>
        <v/>
      </c>
      <c r="BN198" s="161" t="str">
        <f t="shared" si="131"/>
        <v/>
      </c>
      <c r="BO198" s="161" t="str">
        <f t="shared" si="132"/>
        <v/>
      </c>
      <c r="BP198" s="161" t="str">
        <f t="shared" si="133"/>
        <v/>
      </c>
      <c r="BQ198" s="161" t="str">
        <f t="shared" si="134"/>
        <v/>
      </c>
      <c r="BR198" s="161" t="str">
        <f t="shared" si="135"/>
        <v/>
      </c>
      <c r="BS198" s="161" t="str">
        <f t="shared" si="136"/>
        <v/>
      </c>
      <c r="BT198" s="161" t="str">
        <f t="shared" si="137"/>
        <v/>
      </c>
      <c r="BU198" s="161" t="str">
        <f t="shared" si="138"/>
        <v/>
      </c>
      <c r="BV198" s="161" t="str">
        <f t="shared" si="139"/>
        <v/>
      </c>
      <c r="BW198" s="161" t="str">
        <f t="shared" si="140"/>
        <v/>
      </c>
      <c r="BX198" s="161" t="str">
        <f t="shared" si="141"/>
        <v/>
      </c>
      <c r="BY198" s="161" t="str">
        <f t="shared" si="142"/>
        <v/>
      </c>
      <c r="BZ198" s="161" t="str">
        <f t="shared" si="143"/>
        <v/>
      </c>
      <c r="CA198" s="161" t="str">
        <f t="shared" si="144"/>
        <v/>
      </c>
      <c r="CB198" s="161" t="str">
        <f t="shared" si="145"/>
        <v/>
      </c>
      <c r="CC198" s="161" t="str">
        <f t="shared" si="146"/>
        <v/>
      </c>
      <c r="CD198" s="156"/>
      <c r="CE198" s="156"/>
      <c r="CF198" s="156"/>
    </row>
    <row r="199" spans="1:84" s="261" customFormat="1" ht="56.1" customHeight="1" x14ac:dyDescent="0.2">
      <c r="A199" s="228">
        <v>197</v>
      </c>
      <c r="B199" s="229" t="s">
        <v>53</v>
      </c>
      <c r="C199" s="230" t="s">
        <v>329</v>
      </c>
      <c r="D199" s="258" t="s">
        <v>456</v>
      </c>
      <c r="E199" s="258" t="s">
        <v>457</v>
      </c>
      <c r="F199" s="259" t="s">
        <v>458</v>
      </c>
      <c r="G199" s="258" t="s">
        <v>333</v>
      </c>
      <c r="H199" s="258" t="s">
        <v>63</v>
      </c>
      <c r="I199" s="258" t="s">
        <v>81</v>
      </c>
      <c r="J199" s="258" t="s">
        <v>334</v>
      </c>
      <c r="K199" s="258" t="s">
        <v>225</v>
      </c>
      <c r="L199" s="258" t="s">
        <v>63</v>
      </c>
      <c r="M199" s="258" t="s">
        <v>63</v>
      </c>
      <c r="N199" s="260">
        <v>27454</v>
      </c>
      <c r="O199" s="260">
        <f t="shared" si="112"/>
        <v>27454</v>
      </c>
      <c r="P199" s="258" t="s">
        <v>226</v>
      </c>
      <c r="Q199" s="258" t="s">
        <v>82</v>
      </c>
      <c r="R199" s="239" t="s">
        <v>66</v>
      </c>
      <c r="S199" s="262"/>
      <c r="T199" s="262"/>
      <c r="U199" s="262"/>
      <c r="V199" s="262"/>
      <c r="W199" s="262"/>
      <c r="X199" s="262"/>
      <c r="Y199" s="262"/>
      <c r="Z199" s="262"/>
      <c r="AA199" s="262"/>
      <c r="AB199" s="262"/>
      <c r="AC199" s="262"/>
      <c r="AD199" s="262"/>
      <c r="AE199" s="262"/>
      <c r="AF199" s="262"/>
      <c r="AG199" s="262"/>
      <c r="AH199" s="262"/>
      <c r="AI199" s="262"/>
      <c r="AJ199" s="262"/>
      <c r="AK199" s="262"/>
      <c r="AL199" s="262"/>
      <c r="AM199" s="262"/>
      <c r="AN199" s="262"/>
      <c r="AO199" s="262"/>
      <c r="AP199" s="262"/>
      <c r="AQ199" s="262"/>
      <c r="AR199" s="262"/>
      <c r="AS199" s="262"/>
      <c r="AT199" s="262"/>
      <c r="AU199" s="262"/>
      <c r="AV199" s="262"/>
      <c r="AW199" s="238">
        <f t="shared" si="113"/>
        <v>1500</v>
      </c>
      <c r="AX199" s="84">
        <f t="shared" si="115"/>
        <v>18.302666666666667</v>
      </c>
      <c r="AY199" s="239">
        <f t="shared" si="116"/>
        <v>27454</v>
      </c>
      <c r="AZ199" s="239" t="str">
        <f t="shared" si="117"/>
        <v/>
      </c>
      <c r="BA199" s="239" t="str">
        <f t="shared" si="118"/>
        <v/>
      </c>
      <c r="BB199" s="239" t="str">
        <f t="shared" si="119"/>
        <v/>
      </c>
      <c r="BC199" s="239" t="str">
        <f t="shared" si="120"/>
        <v/>
      </c>
      <c r="BD199" s="239" t="str">
        <f t="shared" si="121"/>
        <v/>
      </c>
      <c r="BE199" s="239" t="str">
        <f t="shared" si="122"/>
        <v/>
      </c>
      <c r="BF199" s="239" t="str">
        <f t="shared" si="123"/>
        <v/>
      </c>
      <c r="BG199" s="239" t="str">
        <f t="shared" si="124"/>
        <v/>
      </c>
      <c r="BH199" s="239" t="str">
        <f t="shared" si="125"/>
        <v/>
      </c>
      <c r="BI199" s="239" t="str">
        <f t="shared" si="126"/>
        <v/>
      </c>
      <c r="BJ199" s="239" t="str">
        <f t="shared" si="127"/>
        <v/>
      </c>
      <c r="BK199" s="239" t="str">
        <f t="shared" si="128"/>
        <v/>
      </c>
      <c r="BL199" s="239" t="str">
        <f t="shared" si="129"/>
        <v/>
      </c>
      <c r="BM199" s="239" t="str">
        <f t="shared" si="130"/>
        <v/>
      </c>
      <c r="BN199" s="239" t="str">
        <f t="shared" si="131"/>
        <v/>
      </c>
      <c r="BO199" s="239" t="str">
        <f t="shared" si="132"/>
        <v/>
      </c>
      <c r="BP199" s="239" t="str">
        <f t="shared" si="133"/>
        <v/>
      </c>
      <c r="BQ199" s="239" t="str">
        <f t="shared" si="134"/>
        <v/>
      </c>
      <c r="BR199" s="239" t="str">
        <f t="shared" si="135"/>
        <v/>
      </c>
      <c r="BS199" s="239" t="str">
        <f t="shared" si="136"/>
        <v/>
      </c>
      <c r="BT199" s="239" t="str">
        <f t="shared" si="137"/>
        <v/>
      </c>
      <c r="BU199" s="239" t="str">
        <f t="shared" si="138"/>
        <v/>
      </c>
      <c r="BV199" s="239" t="str">
        <f t="shared" si="139"/>
        <v/>
      </c>
      <c r="BW199" s="239" t="str">
        <f t="shared" si="140"/>
        <v/>
      </c>
      <c r="BX199" s="239" t="str">
        <f t="shared" si="141"/>
        <v/>
      </c>
      <c r="BY199" s="239" t="str">
        <f t="shared" si="142"/>
        <v/>
      </c>
      <c r="BZ199" s="239" t="str">
        <f t="shared" si="143"/>
        <v/>
      </c>
      <c r="CA199" s="239" t="str">
        <f t="shared" si="144"/>
        <v/>
      </c>
      <c r="CB199" s="239" t="str">
        <f t="shared" si="145"/>
        <v/>
      </c>
      <c r="CC199" s="239" t="str">
        <f t="shared" si="146"/>
        <v/>
      </c>
      <c r="CD199" s="258"/>
      <c r="CE199" s="258" t="s">
        <v>459</v>
      </c>
      <c r="CF199" s="258" t="s">
        <v>336</v>
      </c>
    </row>
    <row r="200" spans="1:84" s="318" customFormat="1" ht="56.1" hidden="1" customHeight="1" x14ac:dyDescent="0.2">
      <c r="A200" s="302">
        <v>198</v>
      </c>
      <c r="B200" s="24" t="s">
        <v>53</v>
      </c>
      <c r="C200" s="35" t="s">
        <v>329</v>
      </c>
      <c r="D200" s="303" t="s">
        <v>456</v>
      </c>
      <c r="E200" s="303" t="s">
        <v>460</v>
      </c>
      <c r="F200" s="316" t="s">
        <v>461</v>
      </c>
      <c r="G200" s="303" t="s">
        <v>90</v>
      </c>
      <c r="H200" s="303" t="s">
        <v>38</v>
      </c>
      <c r="I200" s="303" t="s">
        <v>81</v>
      </c>
      <c r="J200" s="303" t="s">
        <v>334</v>
      </c>
      <c r="K200" s="303" t="s">
        <v>339</v>
      </c>
      <c r="L200" s="303" t="s">
        <v>63</v>
      </c>
      <c r="M200" s="303" t="s">
        <v>63</v>
      </c>
      <c r="N200" s="304">
        <v>20440</v>
      </c>
      <c r="O200" s="304">
        <f t="shared" si="112"/>
        <v>20440</v>
      </c>
      <c r="P200" s="303" t="s">
        <v>226</v>
      </c>
      <c r="Q200" s="303" t="s">
        <v>82</v>
      </c>
      <c r="R200" s="317"/>
      <c r="S200" s="317"/>
      <c r="T200" s="317"/>
      <c r="U200" s="317"/>
      <c r="V200" s="317"/>
      <c r="W200" s="317"/>
      <c r="X200" s="317"/>
      <c r="Y200" s="317"/>
      <c r="Z200" s="317"/>
      <c r="AA200" s="317"/>
      <c r="AB200" s="317"/>
      <c r="AC200" s="317"/>
      <c r="AD200" s="317"/>
      <c r="AE200" s="317"/>
      <c r="AF200" s="317"/>
      <c r="AG200" s="317"/>
      <c r="AH200" s="317"/>
      <c r="AI200" s="317"/>
      <c r="AJ200" s="317"/>
      <c r="AK200" s="317"/>
      <c r="AL200" s="317"/>
      <c r="AM200" s="307" t="s">
        <v>66</v>
      </c>
      <c r="AN200" s="317"/>
      <c r="AO200" s="317"/>
      <c r="AP200" s="317"/>
      <c r="AQ200" s="317"/>
      <c r="AR200" s="317"/>
      <c r="AS200" s="317"/>
      <c r="AT200" s="317"/>
      <c r="AU200" s="317"/>
      <c r="AV200" s="317"/>
      <c r="AW200" s="308">
        <f t="shared" si="113"/>
        <v>250</v>
      </c>
      <c r="AX200" s="309">
        <f t="shared" si="115"/>
        <v>81.760000000000005</v>
      </c>
      <c r="AY200" s="307" t="str">
        <f t="shared" si="116"/>
        <v/>
      </c>
      <c r="AZ200" s="307" t="str">
        <f t="shared" si="117"/>
        <v/>
      </c>
      <c r="BA200" s="307" t="str">
        <f t="shared" si="118"/>
        <v/>
      </c>
      <c r="BB200" s="307" t="str">
        <f t="shared" si="119"/>
        <v/>
      </c>
      <c r="BC200" s="307" t="str">
        <f t="shared" si="120"/>
        <v/>
      </c>
      <c r="BD200" s="307" t="str">
        <f t="shared" si="121"/>
        <v/>
      </c>
      <c r="BE200" s="307" t="str">
        <f t="shared" si="122"/>
        <v/>
      </c>
      <c r="BF200" s="307" t="str">
        <f t="shared" si="123"/>
        <v/>
      </c>
      <c r="BG200" s="307" t="str">
        <f t="shared" si="124"/>
        <v/>
      </c>
      <c r="BH200" s="307" t="str">
        <f t="shared" si="125"/>
        <v/>
      </c>
      <c r="BI200" s="307" t="str">
        <f t="shared" si="126"/>
        <v/>
      </c>
      <c r="BJ200" s="307" t="str">
        <f t="shared" si="127"/>
        <v/>
      </c>
      <c r="BK200" s="307" t="str">
        <f t="shared" si="128"/>
        <v/>
      </c>
      <c r="BL200" s="307" t="str">
        <f t="shared" si="129"/>
        <v/>
      </c>
      <c r="BM200" s="307" t="str">
        <f t="shared" si="130"/>
        <v/>
      </c>
      <c r="BN200" s="307" t="str">
        <f t="shared" si="131"/>
        <v/>
      </c>
      <c r="BO200" s="307" t="str">
        <f t="shared" si="132"/>
        <v/>
      </c>
      <c r="BP200" s="307" t="str">
        <f t="shared" si="133"/>
        <v/>
      </c>
      <c r="BQ200" s="307" t="str">
        <f t="shared" si="134"/>
        <v/>
      </c>
      <c r="BR200" s="307" t="str">
        <f t="shared" si="135"/>
        <v/>
      </c>
      <c r="BS200" s="307" t="str">
        <f t="shared" si="136"/>
        <v/>
      </c>
      <c r="BT200" s="307">
        <f t="shared" si="137"/>
        <v>20440</v>
      </c>
      <c r="BU200" s="307" t="str">
        <f t="shared" si="138"/>
        <v/>
      </c>
      <c r="BV200" s="307" t="str">
        <f t="shared" si="139"/>
        <v/>
      </c>
      <c r="BW200" s="307" t="str">
        <f t="shared" si="140"/>
        <v/>
      </c>
      <c r="BX200" s="307" t="str">
        <f t="shared" si="141"/>
        <v/>
      </c>
      <c r="BY200" s="307" t="str">
        <f t="shared" si="142"/>
        <v/>
      </c>
      <c r="BZ200" s="307" t="str">
        <f t="shared" si="143"/>
        <v/>
      </c>
      <c r="CA200" s="307" t="str">
        <f t="shared" si="144"/>
        <v/>
      </c>
      <c r="CB200" s="307" t="str">
        <f t="shared" si="145"/>
        <v/>
      </c>
      <c r="CC200" s="307" t="str">
        <f t="shared" si="146"/>
        <v/>
      </c>
      <c r="CD200" s="303"/>
      <c r="CE200" s="303" t="s">
        <v>462</v>
      </c>
      <c r="CF200" s="303" t="s">
        <v>336</v>
      </c>
    </row>
    <row r="201" spans="1:84" s="318" customFormat="1" ht="56.1" hidden="1" customHeight="1" x14ac:dyDescent="0.2">
      <c r="A201" s="302">
        <v>199</v>
      </c>
      <c r="B201" s="24" t="s">
        <v>53</v>
      </c>
      <c r="C201" s="35" t="s">
        <v>329</v>
      </c>
      <c r="D201" s="303" t="s">
        <v>456</v>
      </c>
      <c r="E201" s="303" t="s">
        <v>460</v>
      </c>
      <c r="F201" s="316" t="s">
        <v>463</v>
      </c>
      <c r="G201" s="303" t="s">
        <v>90</v>
      </c>
      <c r="H201" s="303" t="s">
        <v>39</v>
      </c>
      <c r="I201" s="303" t="s">
        <v>81</v>
      </c>
      <c r="J201" s="303" t="s">
        <v>334</v>
      </c>
      <c r="K201" s="303" t="s">
        <v>122</v>
      </c>
      <c r="L201" s="303" t="s">
        <v>63</v>
      </c>
      <c r="M201" s="303" t="s">
        <v>63</v>
      </c>
      <c r="N201" s="304">
        <v>32698</v>
      </c>
      <c r="O201" s="304">
        <f t="shared" si="112"/>
        <v>32698</v>
      </c>
      <c r="P201" s="303" t="s">
        <v>226</v>
      </c>
      <c r="Q201" s="303" t="s">
        <v>82</v>
      </c>
      <c r="R201" s="317"/>
      <c r="S201" s="317"/>
      <c r="T201" s="317"/>
      <c r="U201" s="317"/>
      <c r="V201" s="317"/>
      <c r="W201" s="317"/>
      <c r="X201" s="317"/>
      <c r="Y201" s="317"/>
      <c r="Z201" s="317"/>
      <c r="AA201" s="317"/>
      <c r="AB201" s="317"/>
      <c r="AC201" s="317"/>
      <c r="AD201" s="317"/>
      <c r="AE201" s="317"/>
      <c r="AF201" s="317"/>
      <c r="AG201" s="317"/>
      <c r="AH201" s="317"/>
      <c r="AI201" s="317"/>
      <c r="AJ201" s="317"/>
      <c r="AK201" s="317"/>
      <c r="AL201" s="317"/>
      <c r="AM201" s="317"/>
      <c r="AN201" s="307" t="s">
        <v>66</v>
      </c>
      <c r="AO201" s="317"/>
      <c r="AP201" s="317"/>
      <c r="AQ201" s="317"/>
      <c r="AR201" s="317"/>
      <c r="AS201" s="317"/>
      <c r="AT201" s="317"/>
      <c r="AU201" s="317"/>
      <c r="AV201" s="317"/>
      <c r="AW201" s="308">
        <f t="shared" si="113"/>
        <v>400</v>
      </c>
      <c r="AX201" s="309">
        <f t="shared" si="115"/>
        <v>81.745000000000005</v>
      </c>
      <c r="AY201" s="307" t="str">
        <f t="shared" si="116"/>
        <v/>
      </c>
      <c r="AZ201" s="307" t="str">
        <f t="shared" si="117"/>
        <v/>
      </c>
      <c r="BA201" s="307" t="str">
        <f t="shared" si="118"/>
        <v/>
      </c>
      <c r="BB201" s="307" t="str">
        <f t="shared" si="119"/>
        <v/>
      </c>
      <c r="BC201" s="307" t="str">
        <f t="shared" si="120"/>
        <v/>
      </c>
      <c r="BD201" s="307" t="str">
        <f t="shared" si="121"/>
        <v/>
      </c>
      <c r="BE201" s="307" t="str">
        <f t="shared" si="122"/>
        <v/>
      </c>
      <c r="BF201" s="307" t="str">
        <f t="shared" si="123"/>
        <v/>
      </c>
      <c r="BG201" s="307" t="str">
        <f t="shared" si="124"/>
        <v/>
      </c>
      <c r="BH201" s="307" t="str">
        <f t="shared" si="125"/>
        <v/>
      </c>
      <c r="BI201" s="307" t="str">
        <f t="shared" si="126"/>
        <v/>
      </c>
      <c r="BJ201" s="307" t="str">
        <f t="shared" si="127"/>
        <v/>
      </c>
      <c r="BK201" s="307" t="str">
        <f t="shared" si="128"/>
        <v/>
      </c>
      <c r="BL201" s="307" t="str">
        <f t="shared" si="129"/>
        <v/>
      </c>
      <c r="BM201" s="307" t="str">
        <f t="shared" si="130"/>
        <v/>
      </c>
      <c r="BN201" s="307" t="str">
        <f t="shared" si="131"/>
        <v/>
      </c>
      <c r="BO201" s="307" t="str">
        <f t="shared" si="132"/>
        <v/>
      </c>
      <c r="BP201" s="307" t="str">
        <f t="shared" si="133"/>
        <v/>
      </c>
      <c r="BQ201" s="307" t="str">
        <f t="shared" si="134"/>
        <v/>
      </c>
      <c r="BR201" s="307" t="str">
        <f t="shared" si="135"/>
        <v/>
      </c>
      <c r="BS201" s="307" t="str">
        <f t="shared" si="136"/>
        <v/>
      </c>
      <c r="BT201" s="307" t="str">
        <f t="shared" si="137"/>
        <v/>
      </c>
      <c r="BU201" s="307">
        <f t="shared" si="138"/>
        <v>32698</v>
      </c>
      <c r="BV201" s="307" t="str">
        <f t="shared" si="139"/>
        <v/>
      </c>
      <c r="BW201" s="307" t="str">
        <f t="shared" si="140"/>
        <v/>
      </c>
      <c r="BX201" s="307" t="str">
        <f t="shared" si="141"/>
        <v/>
      </c>
      <c r="BY201" s="307" t="str">
        <f t="shared" si="142"/>
        <v/>
      </c>
      <c r="BZ201" s="307" t="str">
        <f t="shared" si="143"/>
        <v/>
      </c>
      <c r="CA201" s="307" t="str">
        <f t="shared" si="144"/>
        <v/>
      </c>
      <c r="CB201" s="307" t="str">
        <f t="shared" si="145"/>
        <v/>
      </c>
      <c r="CC201" s="307" t="str">
        <f t="shared" si="146"/>
        <v/>
      </c>
      <c r="CD201" s="303"/>
      <c r="CE201" s="303" t="s">
        <v>462</v>
      </c>
      <c r="CF201" s="303" t="s">
        <v>336</v>
      </c>
    </row>
    <row r="202" spans="1:84" s="318" customFormat="1" ht="56.1" hidden="1" customHeight="1" x14ac:dyDescent="0.2">
      <c r="A202" s="302">
        <v>200</v>
      </c>
      <c r="B202" s="24" t="s">
        <v>53</v>
      </c>
      <c r="C202" s="35" t="s">
        <v>329</v>
      </c>
      <c r="D202" s="303" t="s">
        <v>456</v>
      </c>
      <c r="E202" s="303" t="s">
        <v>460</v>
      </c>
      <c r="F202" s="316" t="s">
        <v>464</v>
      </c>
      <c r="G202" s="303" t="s">
        <v>90</v>
      </c>
      <c r="H202" s="303" t="s">
        <v>40</v>
      </c>
      <c r="I202" s="303" t="s">
        <v>81</v>
      </c>
      <c r="J202" s="303" t="s">
        <v>334</v>
      </c>
      <c r="K202" s="303" t="s">
        <v>169</v>
      </c>
      <c r="L202" s="303" t="s">
        <v>63</v>
      </c>
      <c r="M202" s="303" t="s">
        <v>63</v>
      </c>
      <c r="N202" s="304">
        <v>114449</v>
      </c>
      <c r="O202" s="304">
        <f t="shared" si="112"/>
        <v>114449</v>
      </c>
      <c r="P202" s="303" t="s">
        <v>226</v>
      </c>
      <c r="Q202" s="303" t="s">
        <v>82</v>
      </c>
      <c r="R202" s="317"/>
      <c r="S202" s="317"/>
      <c r="T202" s="317"/>
      <c r="U202" s="317"/>
      <c r="V202" s="317"/>
      <c r="W202" s="317"/>
      <c r="X202" s="317"/>
      <c r="Y202" s="317"/>
      <c r="Z202" s="317"/>
      <c r="AA202" s="317"/>
      <c r="AB202" s="317"/>
      <c r="AC202" s="317"/>
      <c r="AD202" s="317"/>
      <c r="AE202" s="317"/>
      <c r="AF202" s="317"/>
      <c r="AG202" s="317"/>
      <c r="AH202" s="317"/>
      <c r="AI202" s="317"/>
      <c r="AJ202" s="317"/>
      <c r="AK202" s="317"/>
      <c r="AL202" s="317"/>
      <c r="AM202" s="317"/>
      <c r="AN202" s="317"/>
      <c r="AO202" s="307" t="s">
        <v>66</v>
      </c>
      <c r="AP202" s="317"/>
      <c r="AQ202" s="317"/>
      <c r="AR202" s="317"/>
      <c r="AS202" s="317"/>
      <c r="AT202" s="317"/>
      <c r="AU202" s="317"/>
      <c r="AV202" s="317"/>
      <c r="AW202" s="308">
        <f t="shared" si="113"/>
        <v>1400</v>
      </c>
      <c r="AX202" s="309">
        <f t="shared" si="115"/>
        <v>81.749285714285719</v>
      </c>
      <c r="AY202" s="307" t="str">
        <f t="shared" si="116"/>
        <v/>
      </c>
      <c r="AZ202" s="307" t="str">
        <f t="shared" si="117"/>
        <v/>
      </c>
      <c r="BA202" s="307" t="str">
        <f t="shared" si="118"/>
        <v/>
      </c>
      <c r="BB202" s="307" t="str">
        <f t="shared" si="119"/>
        <v/>
      </c>
      <c r="BC202" s="307" t="str">
        <f t="shared" si="120"/>
        <v/>
      </c>
      <c r="BD202" s="307" t="str">
        <f t="shared" si="121"/>
        <v/>
      </c>
      <c r="BE202" s="307" t="str">
        <f t="shared" si="122"/>
        <v/>
      </c>
      <c r="BF202" s="307" t="str">
        <f t="shared" si="123"/>
        <v/>
      </c>
      <c r="BG202" s="307" t="str">
        <f t="shared" si="124"/>
        <v/>
      </c>
      <c r="BH202" s="307" t="str">
        <f t="shared" si="125"/>
        <v/>
      </c>
      <c r="BI202" s="307" t="str">
        <f t="shared" si="126"/>
        <v/>
      </c>
      <c r="BJ202" s="307" t="str">
        <f t="shared" si="127"/>
        <v/>
      </c>
      <c r="BK202" s="307" t="str">
        <f t="shared" si="128"/>
        <v/>
      </c>
      <c r="BL202" s="307" t="str">
        <f t="shared" si="129"/>
        <v/>
      </c>
      <c r="BM202" s="307" t="str">
        <f t="shared" si="130"/>
        <v/>
      </c>
      <c r="BN202" s="307" t="str">
        <f t="shared" si="131"/>
        <v/>
      </c>
      <c r="BO202" s="307" t="str">
        <f t="shared" si="132"/>
        <v/>
      </c>
      <c r="BP202" s="307" t="str">
        <f t="shared" si="133"/>
        <v/>
      </c>
      <c r="BQ202" s="307" t="str">
        <f t="shared" si="134"/>
        <v/>
      </c>
      <c r="BR202" s="307" t="str">
        <f t="shared" si="135"/>
        <v/>
      </c>
      <c r="BS202" s="307" t="str">
        <f t="shared" si="136"/>
        <v/>
      </c>
      <c r="BT202" s="307" t="str">
        <f t="shared" si="137"/>
        <v/>
      </c>
      <c r="BU202" s="307" t="str">
        <f t="shared" si="138"/>
        <v/>
      </c>
      <c r="BV202" s="307">
        <f t="shared" si="139"/>
        <v>114449</v>
      </c>
      <c r="BW202" s="307" t="str">
        <f t="shared" si="140"/>
        <v/>
      </c>
      <c r="BX202" s="307" t="str">
        <f t="shared" si="141"/>
        <v/>
      </c>
      <c r="BY202" s="307" t="str">
        <f t="shared" si="142"/>
        <v/>
      </c>
      <c r="BZ202" s="307" t="str">
        <f t="shared" si="143"/>
        <v/>
      </c>
      <c r="CA202" s="307" t="str">
        <f t="shared" si="144"/>
        <v/>
      </c>
      <c r="CB202" s="307" t="str">
        <f t="shared" si="145"/>
        <v/>
      </c>
      <c r="CC202" s="307" t="str">
        <f t="shared" si="146"/>
        <v/>
      </c>
      <c r="CD202" s="303"/>
      <c r="CE202" s="303" t="s">
        <v>462</v>
      </c>
      <c r="CF202" s="303" t="s">
        <v>336</v>
      </c>
    </row>
    <row r="203" spans="1:84" s="318" customFormat="1" ht="56.1" hidden="1" customHeight="1" x14ac:dyDescent="0.2">
      <c r="A203" s="302">
        <v>201</v>
      </c>
      <c r="B203" s="24" t="s">
        <v>53</v>
      </c>
      <c r="C203" s="35" t="s">
        <v>329</v>
      </c>
      <c r="D203" s="303" t="s">
        <v>456</v>
      </c>
      <c r="E203" s="303" t="s">
        <v>460</v>
      </c>
      <c r="F203" s="316" t="s">
        <v>465</v>
      </c>
      <c r="G203" s="303" t="s">
        <v>90</v>
      </c>
      <c r="H203" s="303" t="s">
        <v>310</v>
      </c>
      <c r="I203" s="303" t="s">
        <v>81</v>
      </c>
      <c r="J203" s="303" t="s">
        <v>334</v>
      </c>
      <c r="K203" s="303" t="s">
        <v>225</v>
      </c>
      <c r="L203" s="303" t="s">
        <v>63</v>
      </c>
      <c r="M203" s="303" t="s">
        <v>63</v>
      </c>
      <c r="N203" s="304">
        <v>16413</v>
      </c>
      <c r="O203" s="304">
        <f t="shared" si="112"/>
        <v>16413</v>
      </c>
      <c r="P203" s="303" t="s">
        <v>226</v>
      </c>
      <c r="Q203" s="303" t="s">
        <v>82</v>
      </c>
      <c r="R203" s="317"/>
      <c r="S203" s="317"/>
      <c r="T203" s="317"/>
      <c r="U203" s="317"/>
      <c r="V203" s="317"/>
      <c r="W203" s="317"/>
      <c r="X203" s="317"/>
      <c r="Y203" s="317"/>
      <c r="Z203" s="317"/>
      <c r="AA203" s="317"/>
      <c r="AB203" s="317"/>
      <c r="AC203" s="317"/>
      <c r="AD203" s="317"/>
      <c r="AE203" s="317"/>
      <c r="AF203" s="317"/>
      <c r="AG203" s="317"/>
      <c r="AH203" s="317"/>
      <c r="AI203" s="317"/>
      <c r="AJ203" s="317"/>
      <c r="AK203" s="317"/>
      <c r="AL203" s="317"/>
      <c r="AM203" s="317"/>
      <c r="AN203" s="317"/>
      <c r="AO203" s="317"/>
      <c r="AP203" s="307" t="s">
        <v>66</v>
      </c>
      <c r="AQ203" s="317"/>
      <c r="AR203" s="317"/>
      <c r="AS203" s="317"/>
      <c r="AT203" s="317"/>
      <c r="AU203" s="317"/>
      <c r="AV203" s="317"/>
      <c r="AW203" s="308">
        <f t="shared" si="113"/>
        <v>201</v>
      </c>
      <c r="AX203" s="309">
        <f t="shared" si="115"/>
        <v>81.656716417910445</v>
      </c>
      <c r="AY203" s="307" t="str">
        <f t="shared" si="116"/>
        <v/>
      </c>
      <c r="AZ203" s="307" t="str">
        <f t="shared" si="117"/>
        <v/>
      </c>
      <c r="BA203" s="307" t="str">
        <f t="shared" si="118"/>
        <v/>
      </c>
      <c r="BB203" s="307" t="str">
        <f t="shared" si="119"/>
        <v/>
      </c>
      <c r="BC203" s="307" t="str">
        <f t="shared" si="120"/>
        <v/>
      </c>
      <c r="BD203" s="307" t="str">
        <f t="shared" si="121"/>
        <v/>
      </c>
      <c r="BE203" s="307" t="str">
        <f t="shared" si="122"/>
        <v/>
      </c>
      <c r="BF203" s="307" t="str">
        <f t="shared" si="123"/>
        <v/>
      </c>
      <c r="BG203" s="307" t="str">
        <f t="shared" si="124"/>
        <v/>
      </c>
      <c r="BH203" s="307" t="str">
        <f t="shared" si="125"/>
        <v/>
      </c>
      <c r="BI203" s="307" t="str">
        <f t="shared" si="126"/>
        <v/>
      </c>
      <c r="BJ203" s="307" t="str">
        <f t="shared" si="127"/>
        <v/>
      </c>
      <c r="BK203" s="307" t="str">
        <f t="shared" si="128"/>
        <v/>
      </c>
      <c r="BL203" s="307" t="str">
        <f t="shared" si="129"/>
        <v/>
      </c>
      <c r="BM203" s="307" t="str">
        <f t="shared" si="130"/>
        <v/>
      </c>
      <c r="BN203" s="307" t="str">
        <f t="shared" si="131"/>
        <v/>
      </c>
      <c r="BO203" s="307" t="str">
        <f t="shared" si="132"/>
        <v/>
      </c>
      <c r="BP203" s="307" t="str">
        <f t="shared" si="133"/>
        <v/>
      </c>
      <c r="BQ203" s="307" t="str">
        <f t="shared" si="134"/>
        <v/>
      </c>
      <c r="BR203" s="307" t="str">
        <f t="shared" si="135"/>
        <v/>
      </c>
      <c r="BS203" s="307" t="str">
        <f t="shared" si="136"/>
        <v/>
      </c>
      <c r="BT203" s="307" t="str">
        <f t="shared" si="137"/>
        <v/>
      </c>
      <c r="BU203" s="307" t="str">
        <f t="shared" si="138"/>
        <v/>
      </c>
      <c r="BV203" s="307" t="str">
        <f t="shared" si="139"/>
        <v/>
      </c>
      <c r="BW203" s="307">
        <f t="shared" si="140"/>
        <v>16413</v>
      </c>
      <c r="BX203" s="307" t="str">
        <f t="shared" si="141"/>
        <v/>
      </c>
      <c r="BY203" s="307" t="str">
        <f t="shared" si="142"/>
        <v/>
      </c>
      <c r="BZ203" s="307" t="str">
        <f t="shared" si="143"/>
        <v/>
      </c>
      <c r="CA203" s="307" t="str">
        <f t="shared" si="144"/>
        <v/>
      </c>
      <c r="CB203" s="307" t="str">
        <f t="shared" si="145"/>
        <v/>
      </c>
      <c r="CC203" s="307" t="str">
        <f t="shared" si="146"/>
        <v/>
      </c>
      <c r="CD203" s="303"/>
      <c r="CE203" s="303" t="s">
        <v>462</v>
      </c>
      <c r="CF203" s="303" t="s">
        <v>336</v>
      </c>
    </row>
    <row r="204" spans="1:84" s="318" customFormat="1" ht="56.1" hidden="1" customHeight="1" x14ac:dyDescent="0.2">
      <c r="A204" s="302">
        <v>202</v>
      </c>
      <c r="B204" s="24" t="s">
        <v>53</v>
      </c>
      <c r="C204" s="35" t="s">
        <v>329</v>
      </c>
      <c r="D204" s="303" t="s">
        <v>456</v>
      </c>
      <c r="E204" s="303" t="s">
        <v>466</v>
      </c>
      <c r="F204" s="316" t="s">
        <v>467</v>
      </c>
      <c r="G204" s="303" t="s">
        <v>86</v>
      </c>
      <c r="H204" s="303" t="s">
        <v>87</v>
      </c>
      <c r="I204" s="303" t="s">
        <v>81</v>
      </c>
      <c r="J204" s="303" t="s">
        <v>334</v>
      </c>
      <c r="K204" s="303" t="s">
        <v>184</v>
      </c>
      <c r="L204" s="303" t="s">
        <v>63</v>
      </c>
      <c r="M204" s="303" t="s">
        <v>63</v>
      </c>
      <c r="N204" s="304">
        <v>63352</v>
      </c>
      <c r="O204" s="304">
        <f t="shared" si="112"/>
        <v>63352</v>
      </c>
      <c r="P204" s="303" t="s">
        <v>226</v>
      </c>
      <c r="Q204" s="303" t="s">
        <v>82</v>
      </c>
      <c r="R204" s="317"/>
      <c r="S204" s="317"/>
      <c r="T204" s="317"/>
      <c r="U204" s="317"/>
      <c r="V204" s="317"/>
      <c r="W204" s="317"/>
      <c r="X204" s="317"/>
      <c r="Y204" s="317"/>
      <c r="Z204" s="317"/>
      <c r="AA204" s="317"/>
      <c r="AB204" s="317"/>
      <c r="AC204" s="317"/>
      <c r="AD204" s="317"/>
      <c r="AE204" s="317"/>
      <c r="AF204" s="317"/>
      <c r="AG204" s="317"/>
      <c r="AH204" s="317"/>
      <c r="AI204" s="307" t="s">
        <v>66</v>
      </c>
      <c r="AJ204" s="317"/>
      <c r="AK204" s="317"/>
      <c r="AL204" s="317"/>
      <c r="AM204" s="317"/>
      <c r="AN204" s="317"/>
      <c r="AO204" s="317"/>
      <c r="AP204" s="317"/>
      <c r="AQ204" s="317"/>
      <c r="AR204" s="317"/>
      <c r="AS204" s="317"/>
      <c r="AT204" s="317"/>
      <c r="AU204" s="317"/>
      <c r="AV204" s="317"/>
      <c r="AW204" s="308">
        <f t="shared" si="113"/>
        <v>775</v>
      </c>
      <c r="AX204" s="309">
        <f t="shared" si="115"/>
        <v>81.744516129032263</v>
      </c>
      <c r="AY204" s="307" t="str">
        <f t="shared" si="116"/>
        <v/>
      </c>
      <c r="AZ204" s="307" t="str">
        <f t="shared" si="117"/>
        <v/>
      </c>
      <c r="BA204" s="307" t="str">
        <f t="shared" si="118"/>
        <v/>
      </c>
      <c r="BB204" s="307" t="str">
        <f t="shared" si="119"/>
        <v/>
      </c>
      <c r="BC204" s="307" t="str">
        <f t="shared" si="120"/>
        <v/>
      </c>
      <c r="BD204" s="307" t="str">
        <f t="shared" si="121"/>
        <v/>
      </c>
      <c r="BE204" s="307" t="str">
        <f t="shared" si="122"/>
        <v/>
      </c>
      <c r="BF204" s="307" t="str">
        <f t="shared" si="123"/>
        <v/>
      </c>
      <c r="BG204" s="307" t="str">
        <f t="shared" si="124"/>
        <v/>
      </c>
      <c r="BH204" s="307" t="str">
        <f t="shared" si="125"/>
        <v/>
      </c>
      <c r="BI204" s="307" t="str">
        <f t="shared" si="126"/>
        <v/>
      </c>
      <c r="BJ204" s="307" t="str">
        <f t="shared" si="127"/>
        <v/>
      </c>
      <c r="BK204" s="307" t="str">
        <f t="shared" si="128"/>
        <v/>
      </c>
      <c r="BL204" s="307" t="str">
        <f t="shared" si="129"/>
        <v/>
      </c>
      <c r="BM204" s="307" t="str">
        <f t="shared" si="130"/>
        <v/>
      </c>
      <c r="BN204" s="307" t="str">
        <f t="shared" si="131"/>
        <v/>
      </c>
      <c r="BO204" s="307" t="str">
        <f t="shared" si="132"/>
        <v/>
      </c>
      <c r="BP204" s="307">
        <f t="shared" si="133"/>
        <v>63352.000000000007</v>
      </c>
      <c r="BQ204" s="307" t="str">
        <f t="shared" si="134"/>
        <v/>
      </c>
      <c r="BR204" s="307" t="str">
        <f t="shared" si="135"/>
        <v/>
      </c>
      <c r="BS204" s="307" t="str">
        <f t="shared" si="136"/>
        <v/>
      </c>
      <c r="BT204" s="307" t="str">
        <f t="shared" si="137"/>
        <v/>
      </c>
      <c r="BU204" s="307" t="str">
        <f t="shared" si="138"/>
        <v/>
      </c>
      <c r="BV204" s="307" t="str">
        <f t="shared" si="139"/>
        <v/>
      </c>
      <c r="BW204" s="307" t="str">
        <f t="shared" si="140"/>
        <v/>
      </c>
      <c r="BX204" s="307" t="str">
        <f t="shared" si="141"/>
        <v/>
      </c>
      <c r="BY204" s="307" t="str">
        <f t="shared" si="142"/>
        <v/>
      </c>
      <c r="BZ204" s="307" t="str">
        <f t="shared" si="143"/>
        <v/>
      </c>
      <c r="CA204" s="307" t="str">
        <f t="shared" si="144"/>
        <v/>
      </c>
      <c r="CB204" s="307" t="str">
        <f t="shared" si="145"/>
        <v/>
      </c>
      <c r="CC204" s="307" t="str">
        <f t="shared" si="146"/>
        <v/>
      </c>
      <c r="CD204" s="303"/>
      <c r="CE204" s="303" t="s">
        <v>462</v>
      </c>
      <c r="CF204" s="303" t="s">
        <v>336</v>
      </c>
    </row>
    <row r="205" spans="1:84" s="318" customFormat="1" ht="56.1" hidden="1" customHeight="1" x14ac:dyDescent="0.2">
      <c r="A205" s="302">
        <v>203</v>
      </c>
      <c r="B205" s="24" t="s">
        <v>53</v>
      </c>
      <c r="C205" s="35" t="s">
        <v>329</v>
      </c>
      <c r="D205" s="303" t="s">
        <v>456</v>
      </c>
      <c r="E205" s="303" t="s">
        <v>466</v>
      </c>
      <c r="F205" s="316" t="s">
        <v>468</v>
      </c>
      <c r="G205" s="303" t="s">
        <v>86</v>
      </c>
      <c r="H205" s="303" t="s">
        <v>36</v>
      </c>
      <c r="I205" s="303" t="s">
        <v>81</v>
      </c>
      <c r="J205" s="303" t="s">
        <v>334</v>
      </c>
      <c r="K205" s="303" t="s">
        <v>408</v>
      </c>
      <c r="L205" s="303" t="s">
        <v>63</v>
      </c>
      <c r="M205" s="303" t="s">
        <v>63</v>
      </c>
      <c r="N205" s="304">
        <v>8176</v>
      </c>
      <c r="O205" s="304">
        <f t="shared" si="112"/>
        <v>8176</v>
      </c>
      <c r="P205" s="303" t="s">
        <v>226</v>
      </c>
      <c r="Q205" s="303" t="s">
        <v>82</v>
      </c>
      <c r="R205" s="317"/>
      <c r="S205" s="317"/>
      <c r="T205" s="317"/>
      <c r="U205" s="317"/>
      <c r="V205" s="317"/>
      <c r="W205" s="317"/>
      <c r="X205" s="317"/>
      <c r="Y205" s="317"/>
      <c r="Z205" s="317"/>
      <c r="AA205" s="317"/>
      <c r="AB205" s="317"/>
      <c r="AC205" s="317"/>
      <c r="AD205" s="317"/>
      <c r="AE205" s="317"/>
      <c r="AF205" s="317"/>
      <c r="AG205" s="317"/>
      <c r="AH205" s="317"/>
      <c r="AI205" s="317"/>
      <c r="AJ205" s="317"/>
      <c r="AK205" s="307" t="s">
        <v>66</v>
      </c>
      <c r="AL205" s="317"/>
      <c r="AM205" s="317"/>
      <c r="AN205" s="317"/>
      <c r="AO205" s="317"/>
      <c r="AP205" s="317"/>
      <c r="AQ205" s="317"/>
      <c r="AR205" s="317"/>
      <c r="AS205" s="317"/>
      <c r="AT205" s="317"/>
      <c r="AU205" s="317"/>
      <c r="AV205" s="317"/>
      <c r="AW205" s="308">
        <f t="shared" si="113"/>
        <v>100</v>
      </c>
      <c r="AX205" s="309">
        <f t="shared" si="115"/>
        <v>81.760000000000005</v>
      </c>
      <c r="AY205" s="307" t="str">
        <f t="shared" si="116"/>
        <v/>
      </c>
      <c r="AZ205" s="307" t="str">
        <f t="shared" si="117"/>
        <v/>
      </c>
      <c r="BA205" s="307" t="str">
        <f t="shared" si="118"/>
        <v/>
      </c>
      <c r="BB205" s="307" t="str">
        <f t="shared" si="119"/>
        <v/>
      </c>
      <c r="BC205" s="307" t="str">
        <f t="shared" si="120"/>
        <v/>
      </c>
      <c r="BD205" s="307" t="str">
        <f t="shared" si="121"/>
        <v/>
      </c>
      <c r="BE205" s="307" t="str">
        <f t="shared" si="122"/>
        <v/>
      </c>
      <c r="BF205" s="307" t="str">
        <f t="shared" si="123"/>
        <v/>
      </c>
      <c r="BG205" s="307" t="str">
        <f t="shared" si="124"/>
        <v/>
      </c>
      <c r="BH205" s="307" t="str">
        <f t="shared" si="125"/>
        <v/>
      </c>
      <c r="BI205" s="307" t="str">
        <f t="shared" si="126"/>
        <v/>
      </c>
      <c r="BJ205" s="307" t="str">
        <f t="shared" si="127"/>
        <v/>
      </c>
      <c r="BK205" s="307" t="str">
        <f t="shared" si="128"/>
        <v/>
      </c>
      <c r="BL205" s="307" t="str">
        <f t="shared" si="129"/>
        <v/>
      </c>
      <c r="BM205" s="307" t="str">
        <f t="shared" si="130"/>
        <v/>
      </c>
      <c r="BN205" s="307" t="str">
        <f t="shared" si="131"/>
        <v/>
      </c>
      <c r="BO205" s="307" t="str">
        <f t="shared" si="132"/>
        <v/>
      </c>
      <c r="BP205" s="307" t="str">
        <f t="shared" si="133"/>
        <v/>
      </c>
      <c r="BQ205" s="307" t="str">
        <f t="shared" si="134"/>
        <v/>
      </c>
      <c r="BR205" s="307">
        <f t="shared" si="135"/>
        <v>8176.0000000000009</v>
      </c>
      <c r="BS205" s="307" t="str">
        <f t="shared" si="136"/>
        <v/>
      </c>
      <c r="BT205" s="307" t="str">
        <f t="shared" si="137"/>
        <v/>
      </c>
      <c r="BU205" s="307" t="str">
        <f t="shared" si="138"/>
        <v/>
      </c>
      <c r="BV205" s="307" t="str">
        <f t="shared" si="139"/>
        <v/>
      </c>
      <c r="BW205" s="307" t="str">
        <f t="shared" si="140"/>
        <v/>
      </c>
      <c r="BX205" s="307" t="str">
        <f t="shared" si="141"/>
        <v/>
      </c>
      <c r="BY205" s="307" t="str">
        <f t="shared" si="142"/>
        <v/>
      </c>
      <c r="BZ205" s="307" t="str">
        <f t="shared" si="143"/>
        <v/>
      </c>
      <c r="CA205" s="307" t="str">
        <f t="shared" si="144"/>
        <v/>
      </c>
      <c r="CB205" s="307" t="str">
        <f t="shared" si="145"/>
        <v/>
      </c>
      <c r="CC205" s="307" t="str">
        <f t="shared" si="146"/>
        <v/>
      </c>
      <c r="CD205" s="303"/>
      <c r="CE205" s="303" t="s">
        <v>462</v>
      </c>
      <c r="CF205" s="303" t="s">
        <v>336</v>
      </c>
    </row>
    <row r="206" spans="1:84" s="318" customFormat="1" ht="56.1" hidden="1" customHeight="1" x14ac:dyDescent="0.2">
      <c r="A206" s="302">
        <v>204</v>
      </c>
      <c r="B206" s="24" t="s">
        <v>53</v>
      </c>
      <c r="C206" s="35" t="s">
        <v>329</v>
      </c>
      <c r="D206" s="303" t="s">
        <v>456</v>
      </c>
      <c r="E206" s="303" t="s">
        <v>466</v>
      </c>
      <c r="F206" s="316" t="s">
        <v>468</v>
      </c>
      <c r="G206" s="303" t="s">
        <v>86</v>
      </c>
      <c r="H206" s="303" t="s">
        <v>35</v>
      </c>
      <c r="I206" s="303" t="s">
        <v>60</v>
      </c>
      <c r="J206" s="303" t="s">
        <v>334</v>
      </c>
      <c r="K206" s="303" t="s">
        <v>357</v>
      </c>
      <c r="L206" s="303" t="s">
        <v>63</v>
      </c>
      <c r="M206" s="303" t="s">
        <v>63</v>
      </c>
      <c r="N206" s="304">
        <v>8176</v>
      </c>
      <c r="O206" s="304">
        <f t="shared" si="112"/>
        <v>8176</v>
      </c>
      <c r="P206" s="303" t="s">
        <v>226</v>
      </c>
      <c r="Q206" s="303" t="s">
        <v>82</v>
      </c>
      <c r="R206" s="317"/>
      <c r="S206" s="317"/>
      <c r="T206" s="317"/>
      <c r="U206" s="317"/>
      <c r="V206" s="317"/>
      <c r="W206" s="317"/>
      <c r="X206" s="317"/>
      <c r="Y206" s="317"/>
      <c r="Z206" s="317"/>
      <c r="AA206" s="317"/>
      <c r="AB206" s="317"/>
      <c r="AC206" s="317"/>
      <c r="AD206" s="317"/>
      <c r="AE206" s="317"/>
      <c r="AF206" s="317"/>
      <c r="AG206" s="317"/>
      <c r="AH206" s="317"/>
      <c r="AI206" s="317"/>
      <c r="AJ206" s="307" t="s">
        <v>66</v>
      </c>
      <c r="AK206" s="317"/>
      <c r="AL206" s="317"/>
      <c r="AM206" s="317"/>
      <c r="AN206" s="317"/>
      <c r="AO206" s="317"/>
      <c r="AP206" s="317"/>
      <c r="AQ206" s="317"/>
      <c r="AR206" s="317"/>
      <c r="AS206" s="317"/>
      <c r="AT206" s="317"/>
      <c r="AU206" s="317"/>
      <c r="AV206" s="317"/>
      <c r="AW206" s="308">
        <f t="shared" si="113"/>
        <v>100</v>
      </c>
      <c r="AX206" s="309">
        <f t="shared" si="115"/>
        <v>81.760000000000005</v>
      </c>
      <c r="AY206" s="307" t="str">
        <f t="shared" si="116"/>
        <v/>
      </c>
      <c r="AZ206" s="307" t="str">
        <f t="shared" si="117"/>
        <v/>
      </c>
      <c r="BA206" s="307" t="str">
        <f t="shared" si="118"/>
        <v/>
      </c>
      <c r="BB206" s="307" t="str">
        <f t="shared" si="119"/>
        <v/>
      </c>
      <c r="BC206" s="307" t="str">
        <f t="shared" si="120"/>
        <v/>
      </c>
      <c r="BD206" s="307" t="str">
        <f t="shared" si="121"/>
        <v/>
      </c>
      <c r="BE206" s="307" t="str">
        <f t="shared" si="122"/>
        <v/>
      </c>
      <c r="BF206" s="307" t="str">
        <f t="shared" si="123"/>
        <v/>
      </c>
      <c r="BG206" s="307" t="str">
        <f t="shared" si="124"/>
        <v/>
      </c>
      <c r="BH206" s="307" t="str">
        <f t="shared" si="125"/>
        <v/>
      </c>
      <c r="BI206" s="307" t="str">
        <f t="shared" si="126"/>
        <v/>
      </c>
      <c r="BJ206" s="307" t="str">
        <f t="shared" si="127"/>
        <v/>
      </c>
      <c r="BK206" s="307" t="str">
        <f t="shared" si="128"/>
        <v/>
      </c>
      <c r="BL206" s="307" t="str">
        <f t="shared" si="129"/>
        <v/>
      </c>
      <c r="BM206" s="307" t="str">
        <f t="shared" si="130"/>
        <v/>
      </c>
      <c r="BN206" s="307" t="str">
        <f t="shared" si="131"/>
        <v/>
      </c>
      <c r="BO206" s="307" t="str">
        <f t="shared" si="132"/>
        <v/>
      </c>
      <c r="BP206" s="307" t="str">
        <f t="shared" si="133"/>
        <v/>
      </c>
      <c r="BQ206" s="307">
        <f t="shared" si="134"/>
        <v>8176.0000000000009</v>
      </c>
      <c r="BR206" s="307" t="str">
        <f t="shared" si="135"/>
        <v/>
      </c>
      <c r="BS206" s="307" t="str">
        <f t="shared" si="136"/>
        <v/>
      </c>
      <c r="BT206" s="307" t="str">
        <f t="shared" si="137"/>
        <v/>
      </c>
      <c r="BU206" s="307" t="str">
        <f t="shared" si="138"/>
        <v/>
      </c>
      <c r="BV206" s="307" t="str">
        <f t="shared" si="139"/>
        <v/>
      </c>
      <c r="BW206" s="307" t="str">
        <f t="shared" si="140"/>
        <v/>
      </c>
      <c r="BX206" s="307" t="str">
        <f t="shared" si="141"/>
        <v/>
      </c>
      <c r="BY206" s="307" t="str">
        <f t="shared" si="142"/>
        <v/>
      </c>
      <c r="BZ206" s="307" t="str">
        <f t="shared" si="143"/>
        <v/>
      </c>
      <c r="CA206" s="307" t="str">
        <f t="shared" si="144"/>
        <v/>
      </c>
      <c r="CB206" s="307" t="str">
        <f t="shared" si="145"/>
        <v/>
      </c>
      <c r="CC206" s="307" t="str">
        <f t="shared" si="146"/>
        <v/>
      </c>
      <c r="CD206" s="303"/>
      <c r="CE206" s="303" t="s">
        <v>462</v>
      </c>
      <c r="CF206" s="303" t="s">
        <v>336</v>
      </c>
    </row>
    <row r="207" spans="1:84" s="318" customFormat="1" ht="56.1" hidden="1" customHeight="1" x14ac:dyDescent="0.2">
      <c r="A207" s="302">
        <v>205</v>
      </c>
      <c r="B207" s="24" t="s">
        <v>53</v>
      </c>
      <c r="C207" s="35" t="s">
        <v>329</v>
      </c>
      <c r="D207" s="303" t="s">
        <v>456</v>
      </c>
      <c r="E207" s="303" t="s">
        <v>466</v>
      </c>
      <c r="F207" s="316" t="s">
        <v>469</v>
      </c>
      <c r="G207" s="303" t="s">
        <v>86</v>
      </c>
      <c r="H207" s="303" t="s">
        <v>310</v>
      </c>
      <c r="I207" s="303" t="s">
        <v>81</v>
      </c>
      <c r="J207" s="303" t="s">
        <v>334</v>
      </c>
      <c r="K207" s="303" t="s">
        <v>225</v>
      </c>
      <c r="L207" s="303" t="s">
        <v>63</v>
      </c>
      <c r="M207" s="303" t="s">
        <v>63</v>
      </c>
      <c r="N207" s="304">
        <v>24694</v>
      </c>
      <c r="O207" s="304">
        <f t="shared" si="112"/>
        <v>24694</v>
      </c>
      <c r="P207" s="303" t="s">
        <v>226</v>
      </c>
      <c r="Q207" s="303" t="s">
        <v>82</v>
      </c>
      <c r="R207" s="317"/>
      <c r="S207" s="317"/>
      <c r="T207" s="317"/>
      <c r="U207" s="317"/>
      <c r="V207" s="317"/>
      <c r="W207" s="317"/>
      <c r="X207" s="317"/>
      <c r="Y207" s="317"/>
      <c r="Z207" s="317"/>
      <c r="AA207" s="317"/>
      <c r="AB207" s="317"/>
      <c r="AC207" s="317"/>
      <c r="AD207" s="317"/>
      <c r="AE207" s="317"/>
      <c r="AF207" s="317"/>
      <c r="AG207" s="317"/>
      <c r="AH207" s="317"/>
      <c r="AI207" s="317"/>
      <c r="AJ207" s="317"/>
      <c r="AK207" s="317"/>
      <c r="AL207" s="307" t="s">
        <v>66</v>
      </c>
      <c r="AM207" s="317"/>
      <c r="AN207" s="317"/>
      <c r="AO207" s="317"/>
      <c r="AP207" s="317"/>
      <c r="AQ207" s="317"/>
      <c r="AR207" s="317"/>
      <c r="AS207" s="317"/>
      <c r="AT207" s="317"/>
      <c r="AU207" s="317"/>
      <c r="AV207" s="317"/>
      <c r="AW207" s="308">
        <f t="shared" si="113"/>
        <v>302</v>
      </c>
      <c r="AX207" s="309">
        <f t="shared" si="115"/>
        <v>81.768211920529808</v>
      </c>
      <c r="AY207" s="307" t="str">
        <f t="shared" si="116"/>
        <v/>
      </c>
      <c r="AZ207" s="307" t="str">
        <f t="shared" si="117"/>
        <v/>
      </c>
      <c r="BA207" s="307" t="str">
        <f t="shared" si="118"/>
        <v/>
      </c>
      <c r="BB207" s="307" t="str">
        <f t="shared" si="119"/>
        <v/>
      </c>
      <c r="BC207" s="307" t="str">
        <f t="shared" si="120"/>
        <v/>
      </c>
      <c r="BD207" s="307" t="str">
        <f t="shared" si="121"/>
        <v/>
      </c>
      <c r="BE207" s="307" t="str">
        <f t="shared" si="122"/>
        <v/>
      </c>
      <c r="BF207" s="307" t="str">
        <f t="shared" si="123"/>
        <v/>
      </c>
      <c r="BG207" s="307" t="str">
        <f t="shared" si="124"/>
        <v/>
      </c>
      <c r="BH207" s="307" t="str">
        <f t="shared" si="125"/>
        <v/>
      </c>
      <c r="BI207" s="307" t="str">
        <f t="shared" si="126"/>
        <v/>
      </c>
      <c r="BJ207" s="307" t="str">
        <f t="shared" si="127"/>
        <v/>
      </c>
      <c r="BK207" s="307" t="str">
        <f t="shared" si="128"/>
        <v/>
      </c>
      <c r="BL207" s="307" t="str">
        <f t="shared" si="129"/>
        <v/>
      </c>
      <c r="BM207" s="307" t="str">
        <f t="shared" si="130"/>
        <v/>
      </c>
      <c r="BN207" s="307" t="str">
        <f t="shared" si="131"/>
        <v/>
      </c>
      <c r="BO207" s="307" t="str">
        <f t="shared" si="132"/>
        <v/>
      </c>
      <c r="BP207" s="307" t="str">
        <f t="shared" si="133"/>
        <v/>
      </c>
      <c r="BQ207" s="307" t="str">
        <f t="shared" si="134"/>
        <v/>
      </c>
      <c r="BR207" s="307" t="str">
        <f t="shared" si="135"/>
        <v/>
      </c>
      <c r="BS207" s="307">
        <f t="shared" si="136"/>
        <v>24694.000000000004</v>
      </c>
      <c r="BT207" s="307" t="str">
        <f t="shared" si="137"/>
        <v/>
      </c>
      <c r="BU207" s="307" t="str">
        <f t="shared" si="138"/>
        <v/>
      </c>
      <c r="BV207" s="307" t="str">
        <f t="shared" si="139"/>
        <v/>
      </c>
      <c r="BW207" s="307" t="str">
        <f t="shared" si="140"/>
        <v/>
      </c>
      <c r="BX207" s="307" t="str">
        <f t="shared" si="141"/>
        <v/>
      </c>
      <c r="BY207" s="307" t="str">
        <f t="shared" si="142"/>
        <v/>
      </c>
      <c r="BZ207" s="307" t="str">
        <f t="shared" si="143"/>
        <v/>
      </c>
      <c r="CA207" s="307" t="str">
        <f t="shared" si="144"/>
        <v/>
      </c>
      <c r="CB207" s="307" t="str">
        <f t="shared" si="145"/>
        <v/>
      </c>
      <c r="CC207" s="307" t="str">
        <f t="shared" si="146"/>
        <v/>
      </c>
      <c r="CD207" s="303"/>
      <c r="CE207" s="303" t="s">
        <v>462</v>
      </c>
      <c r="CF207" s="303" t="s">
        <v>336</v>
      </c>
    </row>
    <row r="208" spans="1:84" s="318" customFormat="1" ht="56.1" hidden="1" customHeight="1" x14ac:dyDescent="0.2">
      <c r="A208" s="302">
        <v>206</v>
      </c>
      <c r="B208" s="24" t="s">
        <v>53</v>
      </c>
      <c r="C208" s="35" t="s">
        <v>329</v>
      </c>
      <c r="D208" s="303" t="s">
        <v>456</v>
      </c>
      <c r="E208" s="303" t="s">
        <v>360</v>
      </c>
      <c r="F208" s="316" t="s">
        <v>470</v>
      </c>
      <c r="G208" s="303" t="s">
        <v>93</v>
      </c>
      <c r="H208" s="303" t="s">
        <v>310</v>
      </c>
      <c r="I208" s="303" t="s">
        <v>81</v>
      </c>
      <c r="J208" s="303" t="s">
        <v>334</v>
      </c>
      <c r="K208" s="303" t="s">
        <v>225</v>
      </c>
      <c r="L208" s="303" t="s">
        <v>63</v>
      </c>
      <c r="M208" s="303" t="s">
        <v>63</v>
      </c>
      <c r="N208" s="304">
        <v>2523</v>
      </c>
      <c r="O208" s="304">
        <f t="shared" si="112"/>
        <v>2523</v>
      </c>
      <c r="P208" s="303" t="s">
        <v>226</v>
      </c>
      <c r="Q208" s="303" t="s">
        <v>82</v>
      </c>
      <c r="R208" s="317"/>
      <c r="S208" s="317"/>
      <c r="T208" s="317"/>
      <c r="U208" s="317"/>
      <c r="V208" s="317"/>
      <c r="W208" s="317"/>
      <c r="X208" s="317"/>
      <c r="Y208" s="317"/>
      <c r="Z208" s="317"/>
      <c r="AA208" s="317"/>
      <c r="AB208" s="317"/>
      <c r="AC208" s="317"/>
      <c r="AD208" s="317"/>
      <c r="AE208" s="317"/>
      <c r="AF208" s="317"/>
      <c r="AG208" s="317"/>
      <c r="AH208" s="317"/>
      <c r="AI208" s="317"/>
      <c r="AJ208" s="317"/>
      <c r="AK208" s="317"/>
      <c r="AL208" s="317"/>
      <c r="AM208" s="317"/>
      <c r="AN208" s="317"/>
      <c r="AO208" s="317"/>
      <c r="AP208" s="317"/>
      <c r="AQ208" s="317"/>
      <c r="AR208" s="307" t="s">
        <v>66</v>
      </c>
      <c r="AS208" s="317"/>
      <c r="AT208" s="317"/>
      <c r="AU208" s="317"/>
      <c r="AV208" s="317"/>
      <c r="AW208" s="308">
        <f t="shared" si="113"/>
        <v>31</v>
      </c>
      <c r="AX208" s="309">
        <f t="shared" si="115"/>
        <v>81.387096774193552</v>
      </c>
      <c r="AY208" s="307" t="str">
        <f t="shared" si="116"/>
        <v/>
      </c>
      <c r="AZ208" s="307" t="str">
        <f t="shared" si="117"/>
        <v/>
      </c>
      <c r="BA208" s="307" t="str">
        <f t="shared" si="118"/>
        <v/>
      </c>
      <c r="BB208" s="307" t="str">
        <f t="shared" si="119"/>
        <v/>
      </c>
      <c r="BC208" s="307" t="str">
        <f t="shared" si="120"/>
        <v/>
      </c>
      <c r="BD208" s="307" t="str">
        <f t="shared" si="121"/>
        <v/>
      </c>
      <c r="BE208" s="307" t="str">
        <f t="shared" si="122"/>
        <v/>
      </c>
      <c r="BF208" s="307" t="str">
        <f t="shared" si="123"/>
        <v/>
      </c>
      <c r="BG208" s="307" t="str">
        <f t="shared" si="124"/>
        <v/>
      </c>
      <c r="BH208" s="307" t="str">
        <f t="shared" si="125"/>
        <v/>
      </c>
      <c r="BI208" s="307" t="str">
        <f t="shared" si="126"/>
        <v/>
      </c>
      <c r="BJ208" s="307" t="str">
        <f t="shared" si="127"/>
        <v/>
      </c>
      <c r="BK208" s="307" t="str">
        <f t="shared" si="128"/>
        <v/>
      </c>
      <c r="BL208" s="307" t="str">
        <f t="shared" si="129"/>
        <v/>
      </c>
      <c r="BM208" s="307" t="str">
        <f t="shared" si="130"/>
        <v/>
      </c>
      <c r="BN208" s="307" t="str">
        <f t="shared" si="131"/>
        <v/>
      </c>
      <c r="BO208" s="307" t="str">
        <f t="shared" si="132"/>
        <v/>
      </c>
      <c r="BP208" s="307" t="str">
        <f t="shared" si="133"/>
        <v/>
      </c>
      <c r="BQ208" s="307" t="str">
        <f t="shared" si="134"/>
        <v/>
      </c>
      <c r="BR208" s="307" t="str">
        <f t="shared" si="135"/>
        <v/>
      </c>
      <c r="BS208" s="307" t="str">
        <f t="shared" si="136"/>
        <v/>
      </c>
      <c r="BT208" s="307" t="str">
        <f t="shared" si="137"/>
        <v/>
      </c>
      <c r="BU208" s="307" t="str">
        <f t="shared" si="138"/>
        <v/>
      </c>
      <c r="BV208" s="307" t="str">
        <f t="shared" si="139"/>
        <v/>
      </c>
      <c r="BW208" s="307" t="str">
        <f t="shared" si="140"/>
        <v/>
      </c>
      <c r="BX208" s="307" t="str">
        <f t="shared" si="141"/>
        <v/>
      </c>
      <c r="BY208" s="307">
        <f t="shared" si="142"/>
        <v>2523</v>
      </c>
      <c r="BZ208" s="307" t="str">
        <f t="shared" si="143"/>
        <v/>
      </c>
      <c r="CA208" s="307" t="str">
        <f t="shared" si="144"/>
        <v/>
      </c>
      <c r="CB208" s="307" t="str">
        <f t="shared" si="145"/>
        <v/>
      </c>
      <c r="CC208" s="307" t="str">
        <f t="shared" si="146"/>
        <v/>
      </c>
      <c r="CD208" s="303"/>
      <c r="CE208" s="303" t="s">
        <v>462</v>
      </c>
      <c r="CF208" s="303" t="s">
        <v>336</v>
      </c>
    </row>
    <row r="209" spans="1:84" s="318" customFormat="1" ht="56.1" hidden="1" customHeight="1" x14ac:dyDescent="0.2">
      <c r="A209" s="302">
        <v>207</v>
      </c>
      <c r="B209" s="24" t="s">
        <v>53</v>
      </c>
      <c r="C209" s="35" t="s">
        <v>329</v>
      </c>
      <c r="D209" s="303" t="s">
        <v>456</v>
      </c>
      <c r="E209" s="303" t="s">
        <v>360</v>
      </c>
      <c r="F209" s="316" t="s">
        <v>469</v>
      </c>
      <c r="G209" s="303" t="s">
        <v>93</v>
      </c>
      <c r="H209" s="303" t="s">
        <v>42</v>
      </c>
      <c r="I209" s="303" t="s">
        <v>81</v>
      </c>
      <c r="J209" s="303" t="s">
        <v>334</v>
      </c>
      <c r="K209" s="303" t="s">
        <v>71</v>
      </c>
      <c r="L209" s="303" t="s">
        <v>63</v>
      </c>
      <c r="M209" s="303" t="s">
        <v>63</v>
      </c>
      <c r="N209" s="304">
        <v>17747</v>
      </c>
      <c r="O209" s="304">
        <f t="shared" si="112"/>
        <v>17747</v>
      </c>
      <c r="P209" s="303" t="s">
        <v>226</v>
      </c>
      <c r="Q209" s="303" t="s">
        <v>82</v>
      </c>
      <c r="R209" s="317"/>
      <c r="S209" s="317"/>
      <c r="T209" s="317"/>
      <c r="U209" s="317"/>
      <c r="V209" s="317"/>
      <c r="W209" s="317"/>
      <c r="X209" s="317"/>
      <c r="Y209" s="317"/>
      <c r="Z209" s="317"/>
      <c r="AA209" s="317"/>
      <c r="AB209" s="317"/>
      <c r="AC209" s="317"/>
      <c r="AD209" s="317"/>
      <c r="AE209" s="317"/>
      <c r="AF209" s="317"/>
      <c r="AG209" s="317"/>
      <c r="AH209" s="317"/>
      <c r="AI209" s="317"/>
      <c r="AJ209" s="317"/>
      <c r="AK209" s="317"/>
      <c r="AL209" s="317"/>
      <c r="AM209" s="317"/>
      <c r="AN209" s="317"/>
      <c r="AO209" s="317"/>
      <c r="AP209" s="317"/>
      <c r="AQ209" s="307" t="s">
        <v>66</v>
      </c>
      <c r="AR209" s="317"/>
      <c r="AS209" s="317"/>
      <c r="AT209" s="317"/>
      <c r="AU209" s="317"/>
      <c r="AV209" s="317"/>
      <c r="AW209" s="308">
        <f t="shared" si="113"/>
        <v>217</v>
      </c>
      <c r="AX209" s="309">
        <f t="shared" si="115"/>
        <v>81.783410138248854</v>
      </c>
      <c r="AY209" s="307" t="str">
        <f t="shared" si="116"/>
        <v/>
      </c>
      <c r="AZ209" s="307" t="str">
        <f t="shared" si="117"/>
        <v/>
      </c>
      <c r="BA209" s="307" t="str">
        <f t="shared" si="118"/>
        <v/>
      </c>
      <c r="BB209" s="307" t="str">
        <f t="shared" si="119"/>
        <v/>
      </c>
      <c r="BC209" s="307" t="str">
        <f t="shared" si="120"/>
        <v/>
      </c>
      <c r="BD209" s="307" t="str">
        <f t="shared" si="121"/>
        <v/>
      </c>
      <c r="BE209" s="307" t="str">
        <f t="shared" si="122"/>
        <v/>
      </c>
      <c r="BF209" s="307" t="str">
        <f t="shared" si="123"/>
        <v/>
      </c>
      <c r="BG209" s="307" t="str">
        <f t="shared" si="124"/>
        <v/>
      </c>
      <c r="BH209" s="307" t="str">
        <f t="shared" si="125"/>
        <v/>
      </c>
      <c r="BI209" s="307" t="str">
        <f t="shared" si="126"/>
        <v/>
      </c>
      <c r="BJ209" s="307" t="str">
        <f t="shared" si="127"/>
        <v/>
      </c>
      <c r="BK209" s="307" t="str">
        <f t="shared" si="128"/>
        <v/>
      </c>
      <c r="BL209" s="307" t="str">
        <f t="shared" si="129"/>
        <v/>
      </c>
      <c r="BM209" s="307" t="str">
        <f t="shared" si="130"/>
        <v/>
      </c>
      <c r="BN209" s="307" t="str">
        <f t="shared" si="131"/>
        <v/>
      </c>
      <c r="BO209" s="307" t="str">
        <f t="shared" si="132"/>
        <v/>
      </c>
      <c r="BP209" s="307" t="str">
        <f t="shared" si="133"/>
        <v/>
      </c>
      <c r="BQ209" s="307" t="str">
        <f t="shared" si="134"/>
        <v/>
      </c>
      <c r="BR209" s="307" t="str">
        <f t="shared" si="135"/>
        <v/>
      </c>
      <c r="BS209" s="307" t="str">
        <f t="shared" si="136"/>
        <v/>
      </c>
      <c r="BT209" s="307" t="str">
        <f t="shared" si="137"/>
        <v/>
      </c>
      <c r="BU209" s="307" t="str">
        <f t="shared" si="138"/>
        <v/>
      </c>
      <c r="BV209" s="307" t="str">
        <f t="shared" si="139"/>
        <v/>
      </c>
      <c r="BW209" s="307" t="str">
        <f t="shared" si="140"/>
        <v/>
      </c>
      <c r="BX209" s="307">
        <f t="shared" si="141"/>
        <v>17747</v>
      </c>
      <c r="BY209" s="307" t="str">
        <f t="shared" si="142"/>
        <v/>
      </c>
      <c r="BZ209" s="307" t="str">
        <f t="shared" si="143"/>
        <v/>
      </c>
      <c r="CA209" s="307" t="str">
        <f t="shared" si="144"/>
        <v/>
      </c>
      <c r="CB209" s="307" t="str">
        <f t="shared" si="145"/>
        <v/>
      </c>
      <c r="CC209" s="307" t="str">
        <f t="shared" si="146"/>
        <v/>
      </c>
      <c r="CD209" s="303"/>
      <c r="CE209" s="303" t="s">
        <v>462</v>
      </c>
      <c r="CF209" s="303" t="s">
        <v>336</v>
      </c>
    </row>
    <row r="210" spans="1:84" s="318" customFormat="1" ht="56.1" hidden="1" customHeight="1" x14ac:dyDescent="0.2">
      <c r="A210" s="302">
        <v>208</v>
      </c>
      <c r="B210" s="24" t="s">
        <v>53</v>
      </c>
      <c r="C210" s="35" t="s">
        <v>329</v>
      </c>
      <c r="D210" s="303" t="s">
        <v>456</v>
      </c>
      <c r="E210" s="303" t="s">
        <v>360</v>
      </c>
      <c r="F210" s="316" t="s">
        <v>471</v>
      </c>
      <c r="G210" s="303" t="s">
        <v>157</v>
      </c>
      <c r="H210" s="303" t="s">
        <v>310</v>
      </c>
      <c r="I210" s="303" t="s">
        <v>81</v>
      </c>
      <c r="J210" s="303" t="s">
        <v>334</v>
      </c>
      <c r="K210" s="303" t="s">
        <v>225</v>
      </c>
      <c r="L210" s="303" t="s">
        <v>63</v>
      </c>
      <c r="M210" s="303" t="s">
        <v>63</v>
      </c>
      <c r="N210" s="304">
        <v>5482</v>
      </c>
      <c r="O210" s="304">
        <f t="shared" si="112"/>
        <v>5482</v>
      </c>
      <c r="P210" s="303" t="s">
        <v>226</v>
      </c>
      <c r="Q210" s="303" t="s">
        <v>82</v>
      </c>
      <c r="R210" s="317"/>
      <c r="S210" s="317"/>
      <c r="T210" s="317"/>
      <c r="U210" s="317"/>
      <c r="V210" s="317"/>
      <c r="W210" s="317"/>
      <c r="X210" s="317"/>
      <c r="Y210" s="317"/>
      <c r="Z210" s="317"/>
      <c r="AA210" s="317"/>
      <c r="AB210" s="317"/>
      <c r="AC210" s="317"/>
      <c r="AD210" s="317"/>
      <c r="AE210" s="317"/>
      <c r="AF210" s="317"/>
      <c r="AG210" s="317"/>
      <c r="AH210" s="317"/>
      <c r="AI210" s="317"/>
      <c r="AJ210" s="317"/>
      <c r="AK210" s="317"/>
      <c r="AL210" s="317"/>
      <c r="AM210" s="317"/>
      <c r="AN210" s="317"/>
      <c r="AO210" s="317"/>
      <c r="AP210" s="317"/>
      <c r="AQ210" s="317"/>
      <c r="AR210" s="317"/>
      <c r="AS210" s="317" t="s">
        <v>66</v>
      </c>
      <c r="AT210" s="317"/>
      <c r="AU210" s="317"/>
      <c r="AV210" s="317"/>
      <c r="AW210" s="308">
        <f t="shared" si="113"/>
        <v>67</v>
      </c>
      <c r="AX210" s="309">
        <f t="shared" si="115"/>
        <v>81.820895522388057</v>
      </c>
      <c r="AY210" s="307" t="str">
        <f t="shared" si="116"/>
        <v/>
      </c>
      <c r="AZ210" s="307" t="str">
        <f t="shared" si="117"/>
        <v/>
      </c>
      <c r="BA210" s="307" t="str">
        <f t="shared" si="118"/>
        <v/>
      </c>
      <c r="BB210" s="307" t="str">
        <f t="shared" si="119"/>
        <v/>
      </c>
      <c r="BC210" s="307" t="str">
        <f t="shared" si="120"/>
        <v/>
      </c>
      <c r="BD210" s="307" t="str">
        <f t="shared" si="121"/>
        <v/>
      </c>
      <c r="BE210" s="307" t="str">
        <f t="shared" si="122"/>
        <v/>
      </c>
      <c r="BF210" s="307" t="str">
        <f t="shared" si="123"/>
        <v/>
      </c>
      <c r="BG210" s="307" t="str">
        <f t="shared" si="124"/>
        <v/>
      </c>
      <c r="BH210" s="307" t="str">
        <f t="shared" si="125"/>
        <v/>
      </c>
      <c r="BI210" s="307" t="str">
        <f t="shared" si="126"/>
        <v/>
      </c>
      <c r="BJ210" s="307" t="str">
        <f t="shared" si="127"/>
        <v/>
      </c>
      <c r="BK210" s="307" t="str">
        <f t="shared" si="128"/>
        <v/>
      </c>
      <c r="BL210" s="307" t="str">
        <f t="shared" si="129"/>
        <v/>
      </c>
      <c r="BM210" s="307" t="str">
        <f t="shared" si="130"/>
        <v/>
      </c>
      <c r="BN210" s="307" t="str">
        <f t="shared" si="131"/>
        <v/>
      </c>
      <c r="BO210" s="307" t="str">
        <f t="shared" si="132"/>
        <v/>
      </c>
      <c r="BP210" s="307" t="str">
        <f t="shared" si="133"/>
        <v/>
      </c>
      <c r="BQ210" s="307" t="str">
        <f t="shared" si="134"/>
        <v/>
      </c>
      <c r="BR210" s="307" t="str">
        <f t="shared" si="135"/>
        <v/>
      </c>
      <c r="BS210" s="307" t="str">
        <f t="shared" si="136"/>
        <v/>
      </c>
      <c r="BT210" s="307" t="str">
        <f t="shared" si="137"/>
        <v/>
      </c>
      <c r="BU210" s="307" t="str">
        <f t="shared" si="138"/>
        <v/>
      </c>
      <c r="BV210" s="307" t="str">
        <f t="shared" si="139"/>
        <v/>
      </c>
      <c r="BW210" s="307" t="str">
        <f t="shared" si="140"/>
        <v/>
      </c>
      <c r="BX210" s="307" t="str">
        <f t="shared" si="141"/>
        <v/>
      </c>
      <c r="BY210" s="307" t="str">
        <f t="shared" si="142"/>
        <v/>
      </c>
      <c r="BZ210" s="307">
        <f t="shared" si="143"/>
        <v>5482</v>
      </c>
      <c r="CA210" s="307" t="str">
        <f t="shared" si="144"/>
        <v/>
      </c>
      <c r="CB210" s="307" t="str">
        <f t="shared" si="145"/>
        <v/>
      </c>
      <c r="CC210" s="307" t="str">
        <f t="shared" si="146"/>
        <v/>
      </c>
      <c r="CD210" s="303"/>
      <c r="CE210" s="303" t="s">
        <v>462</v>
      </c>
      <c r="CF210" s="303" t="s">
        <v>336</v>
      </c>
    </row>
    <row r="211" spans="1:84" s="318" customFormat="1" ht="56.1" hidden="1" customHeight="1" x14ac:dyDescent="0.2">
      <c r="A211" s="302">
        <v>209</v>
      </c>
      <c r="B211" s="24" t="s">
        <v>53</v>
      </c>
      <c r="C211" s="35" t="s">
        <v>329</v>
      </c>
      <c r="D211" s="303" t="s">
        <v>456</v>
      </c>
      <c r="E211" s="303" t="s">
        <v>414</v>
      </c>
      <c r="F211" s="316" t="s">
        <v>470</v>
      </c>
      <c r="G211" s="303" t="s">
        <v>95</v>
      </c>
      <c r="H211" s="303" t="s">
        <v>347</v>
      </c>
      <c r="I211" s="303" t="s">
        <v>81</v>
      </c>
      <c r="J211" s="303" t="s">
        <v>334</v>
      </c>
      <c r="K211" s="303" t="s">
        <v>225</v>
      </c>
      <c r="L211" s="303" t="s">
        <v>63</v>
      </c>
      <c r="M211" s="303" t="s">
        <v>63</v>
      </c>
      <c r="N211" s="304">
        <v>2523</v>
      </c>
      <c r="O211" s="304">
        <f t="shared" si="112"/>
        <v>2523</v>
      </c>
      <c r="P211" s="303" t="s">
        <v>226</v>
      </c>
      <c r="Q211" s="303" t="s">
        <v>82</v>
      </c>
      <c r="R211" s="317"/>
      <c r="S211" s="317"/>
      <c r="T211" s="317"/>
      <c r="U211" s="317"/>
      <c r="V211" s="317"/>
      <c r="W211" s="317"/>
      <c r="X211" s="317"/>
      <c r="Y211" s="317"/>
      <c r="Z211" s="317"/>
      <c r="AA211" s="317"/>
      <c r="AB211" s="317"/>
      <c r="AC211" s="317"/>
      <c r="AD211" s="317"/>
      <c r="AE211" s="317"/>
      <c r="AF211" s="317"/>
      <c r="AG211" s="317"/>
      <c r="AH211" s="317"/>
      <c r="AI211" s="317"/>
      <c r="AJ211" s="317"/>
      <c r="AK211" s="317"/>
      <c r="AL211" s="317"/>
      <c r="AM211" s="317"/>
      <c r="AN211" s="317"/>
      <c r="AO211" s="317"/>
      <c r="AP211" s="317"/>
      <c r="AQ211" s="317"/>
      <c r="AR211" s="317"/>
      <c r="AS211" s="317"/>
      <c r="AT211" s="317"/>
      <c r="AU211" s="306" t="s">
        <v>66</v>
      </c>
      <c r="AV211" s="317"/>
      <c r="AW211" s="308">
        <f t="shared" si="113"/>
        <v>31</v>
      </c>
      <c r="AX211" s="309">
        <f t="shared" si="115"/>
        <v>81.387096774193552</v>
      </c>
      <c r="AY211" s="307" t="str">
        <f t="shared" si="116"/>
        <v/>
      </c>
      <c r="AZ211" s="307" t="str">
        <f t="shared" si="117"/>
        <v/>
      </c>
      <c r="BA211" s="307" t="str">
        <f t="shared" si="118"/>
        <v/>
      </c>
      <c r="BB211" s="307" t="str">
        <f t="shared" si="119"/>
        <v/>
      </c>
      <c r="BC211" s="307" t="str">
        <f t="shared" si="120"/>
        <v/>
      </c>
      <c r="BD211" s="307" t="str">
        <f t="shared" si="121"/>
        <v/>
      </c>
      <c r="BE211" s="307" t="str">
        <f t="shared" si="122"/>
        <v/>
      </c>
      <c r="BF211" s="307" t="str">
        <f t="shared" si="123"/>
        <v/>
      </c>
      <c r="BG211" s="307" t="str">
        <f t="shared" si="124"/>
        <v/>
      </c>
      <c r="BH211" s="307" t="str">
        <f t="shared" si="125"/>
        <v/>
      </c>
      <c r="BI211" s="307" t="str">
        <f t="shared" si="126"/>
        <v/>
      </c>
      <c r="BJ211" s="307" t="str">
        <f t="shared" si="127"/>
        <v/>
      </c>
      <c r="BK211" s="307" t="str">
        <f t="shared" si="128"/>
        <v/>
      </c>
      <c r="BL211" s="307" t="str">
        <f t="shared" si="129"/>
        <v/>
      </c>
      <c r="BM211" s="307" t="str">
        <f t="shared" si="130"/>
        <v/>
      </c>
      <c r="BN211" s="307" t="str">
        <f t="shared" si="131"/>
        <v/>
      </c>
      <c r="BO211" s="307" t="str">
        <f t="shared" si="132"/>
        <v/>
      </c>
      <c r="BP211" s="307" t="str">
        <f t="shared" si="133"/>
        <v/>
      </c>
      <c r="BQ211" s="307" t="str">
        <f t="shared" si="134"/>
        <v/>
      </c>
      <c r="BR211" s="307" t="str">
        <f t="shared" si="135"/>
        <v/>
      </c>
      <c r="BS211" s="307" t="str">
        <f t="shared" si="136"/>
        <v/>
      </c>
      <c r="BT211" s="307" t="str">
        <f t="shared" si="137"/>
        <v/>
      </c>
      <c r="BU211" s="307" t="str">
        <f t="shared" si="138"/>
        <v/>
      </c>
      <c r="BV211" s="307" t="str">
        <f t="shared" si="139"/>
        <v/>
      </c>
      <c r="BW211" s="307" t="str">
        <f t="shared" si="140"/>
        <v/>
      </c>
      <c r="BX211" s="307" t="str">
        <f t="shared" si="141"/>
        <v/>
      </c>
      <c r="BY211" s="307" t="str">
        <f t="shared" si="142"/>
        <v/>
      </c>
      <c r="BZ211" s="307" t="str">
        <f t="shared" si="143"/>
        <v/>
      </c>
      <c r="CA211" s="307" t="str">
        <f t="shared" si="144"/>
        <v/>
      </c>
      <c r="CB211" s="307">
        <f t="shared" si="145"/>
        <v>2523</v>
      </c>
      <c r="CC211" s="307" t="str">
        <f t="shared" si="146"/>
        <v/>
      </c>
      <c r="CD211" s="303"/>
      <c r="CE211" s="303" t="s">
        <v>462</v>
      </c>
      <c r="CF211" s="303" t="s">
        <v>336</v>
      </c>
    </row>
    <row r="212" spans="1:84" s="211" customFormat="1" ht="56.1" hidden="1" customHeight="1" x14ac:dyDescent="0.2">
      <c r="A212" s="198">
        <v>210</v>
      </c>
      <c r="B212" s="199" t="s">
        <v>53</v>
      </c>
      <c r="C212" s="208" t="s">
        <v>329</v>
      </c>
      <c r="D212" s="200" t="s">
        <v>456</v>
      </c>
      <c r="E212" s="200" t="s">
        <v>414</v>
      </c>
      <c r="F212" s="209" t="s">
        <v>472</v>
      </c>
      <c r="G212" s="200" t="s">
        <v>95</v>
      </c>
      <c r="H212" s="200" t="s">
        <v>368</v>
      </c>
      <c r="I212" s="200" t="s">
        <v>81</v>
      </c>
      <c r="J212" s="200" t="s">
        <v>334</v>
      </c>
      <c r="K212" s="200" t="s">
        <v>122</v>
      </c>
      <c r="L212" s="200" t="s">
        <v>63</v>
      </c>
      <c r="M212" s="200" t="s">
        <v>63</v>
      </c>
      <c r="N212" s="201">
        <v>12264</v>
      </c>
      <c r="O212" s="201">
        <f t="shared" si="112"/>
        <v>12264</v>
      </c>
      <c r="P212" s="200" t="s">
        <v>226</v>
      </c>
      <c r="Q212" s="200" t="s">
        <v>82</v>
      </c>
      <c r="R212" s="210"/>
      <c r="S212" s="210"/>
      <c r="T212" s="210"/>
      <c r="U212" s="210"/>
      <c r="V212" s="210"/>
      <c r="W212" s="210"/>
      <c r="X212" s="210"/>
      <c r="Y212" s="210"/>
      <c r="Z212" s="210"/>
      <c r="AA212" s="210"/>
      <c r="AB212" s="210"/>
      <c r="AC212" s="210"/>
      <c r="AD212" s="210"/>
      <c r="AE212" s="210"/>
      <c r="AF212" s="210"/>
      <c r="AG212" s="210"/>
      <c r="AH212" s="210"/>
      <c r="AI212" s="210"/>
      <c r="AJ212" s="210"/>
      <c r="AK212" s="210"/>
      <c r="AL212" s="210"/>
      <c r="AM212" s="210"/>
      <c r="AN212" s="210"/>
      <c r="AO212" s="210"/>
      <c r="AP212" s="210"/>
      <c r="AQ212" s="210"/>
      <c r="AR212" s="210"/>
      <c r="AS212" s="210"/>
      <c r="AT212" s="203" t="s">
        <v>66</v>
      </c>
      <c r="AU212" s="210"/>
      <c r="AV212" s="210"/>
      <c r="AW212" s="204">
        <f t="shared" si="113"/>
        <v>150</v>
      </c>
      <c r="AX212" s="205">
        <f t="shared" si="115"/>
        <v>81.760000000000005</v>
      </c>
      <c r="AY212" s="203" t="str">
        <f t="shared" si="116"/>
        <v/>
      </c>
      <c r="AZ212" s="203" t="str">
        <f t="shared" si="117"/>
        <v/>
      </c>
      <c r="BA212" s="203" t="str">
        <f t="shared" si="118"/>
        <v/>
      </c>
      <c r="BB212" s="203" t="str">
        <f t="shared" si="119"/>
        <v/>
      </c>
      <c r="BC212" s="203" t="str">
        <f t="shared" si="120"/>
        <v/>
      </c>
      <c r="BD212" s="203" t="str">
        <f t="shared" si="121"/>
        <v/>
      </c>
      <c r="BE212" s="203" t="str">
        <f t="shared" si="122"/>
        <v/>
      </c>
      <c r="BF212" s="203" t="str">
        <f t="shared" si="123"/>
        <v/>
      </c>
      <c r="BG212" s="203" t="str">
        <f t="shared" si="124"/>
        <v/>
      </c>
      <c r="BH212" s="203" t="str">
        <f t="shared" si="125"/>
        <v/>
      </c>
      <c r="BI212" s="203" t="str">
        <f t="shared" si="126"/>
        <v/>
      </c>
      <c r="BJ212" s="203" t="str">
        <f t="shared" si="127"/>
        <v/>
      </c>
      <c r="BK212" s="203" t="str">
        <f t="shared" si="128"/>
        <v/>
      </c>
      <c r="BL212" s="203" t="str">
        <f t="shared" si="129"/>
        <v/>
      </c>
      <c r="BM212" s="203" t="str">
        <f t="shared" si="130"/>
        <v/>
      </c>
      <c r="BN212" s="203" t="str">
        <f t="shared" si="131"/>
        <v/>
      </c>
      <c r="BO212" s="203" t="str">
        <f t="shared" si="132"/>
        <v/>
      </c>
      <c r="BP212" s="203" t="str">
        <f t="shared" si="133"/>
        <v/>
      </c>
      <c r="BQ212" s="203" t="str">
        <f t="shared" si="134"/>
        <v/>
      </c>
      <c r="BR212" s="203" t="str">
        <f t="shared" si="135"/>
        <v/>
      </c>
      <c r="BS212" s="203" t="str">
        <f t="shared" si="136"/>
        <v/>
      </c>
      <c r="BT212" s="203" t="str">
        <f t="shared" si="137"/>
        <v/>
      </c>
      <c r="BU212" s="203" t="str">
        <f t="shared" si="138"/>
        <v/>
      </c>
      <c r="BV212" s="203" t="str">
        <f t="shared" si="139"/>
        <v/>
      </c>
      <c r="BW212" s="203" t="str">
        <f t="shared" si="140"/>
        <v/>
      </c>
      <c r="BX212" s="203" t="str">
        <f t="shared" si="141"/>
        <v/>
      </c>
      <c r="BY212" s="203" t="str">
        <f t="shared" si="142"/>
        <v/>
      </c>
      <c r="BZ212" s="203" t="str">
        <f t="shared" si="143"/>
        <v/>
      </c>
      <c r="CA212" s="203">
        <f t="shared" si="144"/>
        <v>12264</v>
      </c>
      <c r="CB212" s="203" t="str">
        <f t="shared" si="145"/>
        <v/>
      </c>
      <c r="CC212" s="203" t="str">
        <f t="shared" si="146"/>
        <v/>
      </c>
      <c r="CD212" s="200"/>
      <c r="CE212" s="200" t="s">
        <v>462</v>
      </c>
      <c r="CF212" s="200" t="s">
        <v>336</v>
      </c>
    </row>
    <row r="213" spans="1:84" s="211" customFormat="1" ht="56.1" hidden="1" customHeight="1" x14ac:dyDescent="0.2">
      <c r="A213" s="198">
        <v>211</v>
      </c>
      <c r="B213" s="199" t="s">
        <v>53</v>
      </c>
      <c r="C213" s="208" t="s">
        <v>329</v>
      </c>
      <c r="D213" s="200" t="s">
        <v>456</v>
      </c>
      <c r="E213" s="200" t="s">
        <v>369</v>
      </c>
      <c r="F213" s="209" t="s">
        <v>473</v>
      </c>
      <c r="G213" s="200" t="s">
        <v>58</v>
      </c>
      <c r="H213" s="200" t="s">
        <v>347</v>
      </c>
      <c r="I213" s="200" t="s">
        <v>81</v>
      </c>
      <c r="J213" s="200" t="s">
        <v>334</v>
      </c>
      <c r="K213" s="200" t="s">
        <v>225</v>
      </c>
      <c r="L213" s="200" t="s">
        <v>63</v>
      </c>
      <c r="M213" s="200" t="s">
        <v>63</v>
      </c>
      <c r="N213" s="201">
        <v>194967</v>
      </c>
      <c r="O213" s="201">
        <f t="shared" si="112"/>
        <v>194967</v>
      </c>
      <c r="P213" s="200" t="s">
        <v>226</v>
      </c>
      <c r="Q213" s="200" t="s">
        <v>82</v>
      </c>
      <c r="R213" s="210"/>
      <c r="S213" s="210"/>
      <c r="T213" s="210"/>
      <c r="U213" s="210"/>
      <c r="V213" s="210"/>
      <c r="W213" s="210"/>
      <c r="X213" s="210"/>
      <c r="Y213" s="210"/>
      <c r="Z213" s="210"/>
      <c r="AA213" s="210"/>
      <c r="AB213" s="210"/>
      <c r="AC213" s="210"/>
      <c r="AD213" s="210"/>
      <c r="AE213" s="210"/>
      <c r="AF213" s="210"/>
      <c r="AG213" s="210"/>
      <c r="AH213" s="203" t="s">
        <v>66</v>
      </c>
      <c r="AI213" s="210"/>
      <c r="AJ213" s="210"/>
      <c r="AK213" s="210"/>
      <c r="AL213" s="210"/>
      <c r="AM213" s="210"/>
      <c r="AN213" s="210"/>
      <c r="AO213" s="210"/>
      <c r="AP213" s="210"/>
      <c r="AQ213" s="210"/>
      <c r="AR213" s="210"/>
      <c r="AS213" s="210"/>
      <c r="AT213" s="210"/>
      <c r="AU213" s="210"/>
      <c r="AV213" s="210"/>
      <c r="AW213" s="204">
        <f t="shared" si="113"/>
        <v>2385</v>
      </c>
      <c r="AX213" s="205">
        <f t="shared" si="115"/>
        <v>81.747169811320759</v>
      </c>
      <c r="AY213" s="203" t="str">
        <f t="shared" si="116"/>
        <v/>
      </c>
      <c r="AZ213" s="203" t="str">
        <f t="shared" si="117"/>
        <v/>
      </c>
      <c r="BA213" s="203" t="str">
        <f t="shared" si="118"/>
        <v/>
      </c>
      <c r="BB213" s="203" t="str">
        <f t="shared" si="119"/>
        <v/>
      </c>
      <c r="BC213" s="203" t="str">
        <f t="shared" si="120"/>
        <v/>
      </c>
      <c r="BD213" s="203" t="str">
        <f t="shared" si="121"/>
        <v/>
      </c>
      <c r="BE213" s="203" t="str">
        <f t="shared" si="122"/>
        <v/>
      </c>
      <c r="BF213" s="203" t="str">
        <f t="shared" si="123"/>
        <v/>
      </c>
      <c r="BG213" s="203" t="str">
        <f t="shared" si="124"/>
        <v/>
      </c>
      <c r="BH213" s="203" t="str">
        <f t="shared" si="125"/>
        <v/>
      </c>
      <c r="BI213" s="203" t="str">
        <f t="shared" si="126"/>
        <v/>
      </c>
      <c r="BJ213" s="203" t="str">
        <f t="shared" si="127"/>
        <v/>
      </c>
      <c r="BK213" s="203" t="str">
        <f t="shared" si="128"/>
        <v/>
      </c>
      <c r="BL213" s="203" t="str">
        <f t="shared" si="129"/>
        <v/>
      </c>
      <c r="BM213" s="203" t="str">
        <f t="shared" si="130"/>
        <v/>
      </c>
      <c r="BN213" s="203" t="str">
        <f t="shared" si="131"/>
        <v/>
      </c>
      <c r="BO213" s="203">
        <f t="shared" si="132"/>
        <v>194967</v>
      </c>
      <c r="BP213" s="203" t="str">
        <f t="shared" si="133"/>
        <v/>
      </c>
      <c r="BQ213" s="203" t="str">
        <f t="shared" si="134"/>
        <v/>
      </c>
      <c r="BR213" s="203" t="str">
        <f t="shared" si="135"/>
        <v/>
      </c>
      <c r="BS213" s="203" t="str">
        <f t="shared" si="136"/>
        <v/>
      </c>
      <c r="BT213" s="203" t="str">
        <f t="shared" si="137"/>
        <v/>
      </c>
      <c r="BU213" s="203" t="str">
        <f t="shared" si="138"/>
        <v/>
      </c>
      <c r="BV213" s="203" t="str">
        <f t="shared" si="139"/>
        <v/>
      </c>
      <c r="BW213" s="203" t="str">
        <f t="shared" si="140"/>
        <v/>
      </c>
      <c r="BX213" s="203" t="str">
        <f t="shared" si="141"/>
        <v/>
      </c>
      <c r="BY213" s="203" t="str">
        <f t="shared" si="142"/>
        <v/>
      </c>
      <c r="BZ213" s="203" t="str">
        <f t="shared" si="143"/>
        <v/>
      </c>
      <c r="CA213" s="203" t="str">
        <f t="shared" si="144"/>
        <v/>
      </c>
      <c r="CB213" s="203" t="str">
        <f t="shared" si="145"/>
        <v/>
      </c>
      <c r="CC213" s="203" t="str">
        <f t="shared" si="146"/>
        <v/>
      </c>
      <c r="CD213" s="200"/>
      <c r="CE213" s="200" t="s">
        <v>462</v>
      </c>
      <c r="CF213" s="200" t="s">
        <v>336</v>
      </c>
    </row>
    <row r="214" spans="1:84" s="168" customFormat="1" ht="56.1" hidden="1" customHeight="1" x14ac:dyDescent="0.2">
      <c r="A214" s="154">
        <v>212</v>
      </c>
      <c r="B214" s="155" t="s">
        <v>53</v>
      </c>
      <c r="C214" s="165" t="s">
        <v>329</v>
      </c>
      <c r="D214" s="156" t="s">
        <v>456</v>
      </c>
      <c r="E214" s="156" t="s">
        <v>369</v>
      </c>
      <c r="F214" s="166" t="s">
        <v>474</v>
      </c>
      <c r="G214" s="156" t="s">
        <v>58</v>
      </c>
      <c r="H214" s="156" t="s">
        <v>173</v>
      </c>
      <c r="I214" s="156" t="s">
        <v>60</v>
      </c>
      <c r="J214" s="156" t="s">
        <v>334</v>
      </c>
      <c r="K214" s="156" t="s">
        <v>62</v>
      </c>
      <c r="L214" s="156" t="s">
        <v>63</v>
      </c>
      <c r="M214" s="156" t="s">
        <v>63</v>
      </c>
      <c r="N214" s="157">
        <v>122622</v>
      </c>
      <c r="O214" s="157">
        <f t="shared" si="112"/>
        <v>122622</v>
      </c>
      <c r="P214" s="156" t="s">
        <v>226</v>
      </c>
      <c r="Q214" s="156" t="s">
        <v>82</v>
      </c>
      <c r="R214" s="161" t="s">
        <v>66</v>
      </c>
      <c r="S214" s="167"/>
      <c r="T214" s="167"/>
      <c r="U214" s="167"/>
      <c r="V214" s="167"/>
      <c r="W214" s="167"/>
      <c r="X214" s="167"/>
      <c r="Y214" s="167"/>
      <c r="Z214" s="167"/>
      <c r="AA214" s="167"/>
      <c r="AB214" s="167"/>
      <c r="AC214" s="167"/>
      <c r="AD214" s="167"/>
      <c r="AE214" s="167"/>
      <c r="AF214" s="167"/>
      <c r="AG214" s="167"/>
      <c r="AH214" s="167"/>
      <c r="AI214" s="167"/>
      <c r="AJ214" s="167"/>
      <c r="AK214" s="167"/>
      <c r="AL214" s="167"/>
      <c r="AM214" s="167"/>
      <c r="AN214" s="167"/>
      <c r="AO214" s="167"/>
      <c r="AP214" s="167"/>
      <c r="AQ214" s="167"/>
      <c r="AR214" s="167"/>
      <c r="AS214" s="167"/>
      <c r="AT214" s="167"/>
      <c r="AU214" s="167"/>
      <c r="AV214" s="167"/>
      <c r="AW214" s="160">
        <f t="shared" si="113"/>
        <v>1500</v>
      </c>
      <c r="AX214" s="158">
        <f t="shared" si="115"/>
        <v>81.748000000000005</v>
      </c>
      <c r="AY214" s="161">
        <f t="shared" si="116"/>
        <v>122622</v>
      </c>
      <c r="AZ214" s="161" t="str">
        <f t="shared" si="117"/>
        <v/>
      </c>
      <c r="BA214" s="161" t="str">
        <f t="shared" si="118"/>
        <v/>
      </c>
      <c r="BB214" s="161" t="str">
        <f t="shared" si="119"/>
        <v/>
      </c>
      <c r="BC214" s="161" t="str">
        <f t="shared" si="120"/>
        <v/>
      </c>
      <c r="BD214" s="161" t="str">
        <f t="shared" si="121"/>
        <v/>
      </c>
      <c r="BE214" s="161" t="str">
        <f t="shared" si="122"/>
        <v/>
      </c>
      <c r="BF214" s="161" t="str">
        <f t="shared" si="123"/>
        <v/>
      </c>
      <c r="BG214" s="161" t="str">
        <f t="shared" si="124"/>
        <v/>
      </c>
      <c r="BH214" s="161" t="str">
        <f t="shared" si="125"/>
        <v/>
      </c>
      <c r="BI214" s="161" t="str">
        <f t="shared" si="126"/>
        <v/>
      </c>
      <c r="BJ214" s="161" t="str">
        <f t="shared" si="127"/>
        <v/>
      </c>
      <c r="BK214" s="161" t="str">
        <f t="shared" si="128"/>
        <v/>
      </c>
      <c r="BL214" s="161" t="str">
        <f t="shared" si="129"/>
        <v/>
      </c>
      <c r="BM214" s="161" t="str">
        <f t="shared" si="130"/>
        <v/>
      </c>
      <c r="BN214" s="161" t="str">
        <f t="shared" si="131"/>
        <v/>
      </c>
      <c r="BO214" s="161" t="str">
        <f t="shared" si="132"/>
        <v/>
      </c>
      <c r="BP214" s="161" t="str">
        <f t="shared" si="133"/>
        <v/>
      </c>
      <c r="BQ214" s="161" t="str">
        <f t="shared" si="134"/>
        <v/>
      </c>
      <c r="BR214" s="161" t="str">
        <f t="shared" si="135"/>
        <v/>
      </c>
      <c r="BS214" s="161" t="str">
        <f t="shared" si="136"/>
        <v/>
      </c>
      <c r="BT214" s="161" t="str">
        <f t="shared" si="137"/>
        <v/>
      </c>
      <c r="BU214" s="161" t="str">
        <f t="shared" si="138"/>
        <v/>
      </c>
      <c r="BV214" s="161" t="str">
        <f t="shared" si="139"/>
        <v/>
      </c>
      <c r="BW214" s="161" t="str">
        <f t="shared" si="140"/>
        <v/>
      </c>
      <c r="BX214" s="161" t="str">
        <f t="shared" si="141"/>
        <v/>
      </c>
      <c r="BY214" s="161" t="str">
        <f t="shared" si="142"/>
        <v/>
      </c>
      <c r="BZ214" s="161" t="str">
        <f t="shared" si="143"/>
        <v/>
      </c>
      <c r="CA214" s="161" t="str">
        <f t="shared" si="144"/>
        <v/>
      </c>
      <c r="CB214" s="161" t="str">
        <f t="shared" si="145"/>
        <v/>
      </c>
      <c r="CC214" s="161" t="str">
        <f t="shared" si="146"/>
        <v/>
      </c>
      <c r="CD214" s="156"/>
      <c r="CE214" s="156" t="s">
        <v>462</v>
      </c>
      <c r="CF214" s="156" t="s">
        <v>336</v>
      </c>
    </row>
    <row r="215" spans="1:84" s="220" customFormat="1" ht="56.1" hidden="1" customHeight="1" x14ac:dyDescent="0.2">
      <c r="A215" s="181">
        <v>213</v>
      </c>
      <c r="B215" s="182" t="s">
        <v>53</v>
      </c>
      <c r="C215" s="183" t="s">
        <v>329</v>
      </c>
      <c r="D215" s="214" t="s">
        <v>456</v>
      </c>
      <c r="E215" s="214" t="s">
        <v>369</v>
      </c>
      <c r="F215" s="218" t="s">
        <v>475</v>
      </c>
      <c r="G215" s="214" t="s">
        <v>58</v>
      </c>
      <c r="H215" s="214" t="s">
        <v>319</v>
      </c>
      <c r="I215" s="214" t="s">
        <v>81</v>
      </c>
      <c r="J215" s="214" t="s">
        <v>334</v>
      </c>
      <c r="K215" s="214" t="s">
        <v>181</v>
      </c>
      <c r="L215" s="214" t="s">
        <v>63</v>
      </c>
      <c r="M215" s="214" t="s">
        <v>63</v>
      </c>
      <c r="N215" s="215">
        <v>36788</v>
      </c>
      <c r="O215" s="215">
        <f t="shared" si="112"/>
        <v>36788</v>
      </c>
      <c r="P215" s="214" t="s">
        <v>226</v>
      </c>
      <c r="Q215" s="214" t="s">
        <v>82</v>
      </c>
      <c r="R215" s="219"/>
      <c r="S215" s="219"/>
      <c r="T215" s="192" t="s">
        <v>66</v>
      </c>
      <c r="U215" s="219"/>
      <c r="V215" s="219"/>
      <c r="W215" s="219"/>
      <c r="X215" s="219"/>
      <c r="Y215" s="219"/>
      <c r="Z215" s="219"/>
      <c r="AA215" s="219"/>
      <c r="AB215" s="219"/>
      <c r="AC215" s="219"/>
      <c r="AD215" s="219"/>
      <c r="AE215" s="219"/>
      <c r="AF215" s="219"/>
      <c r="AG215" s="219"/>
      <c r="AH215" s="219"/>
      <c r="AI215" s="219"/>
      <c r="AJ215" s="219"/>
      <c r="AK215" s="219"/>
      <c r="AL215" s="219"/>
      <c r="AM215" s="219"/>
      <c r="AN215" s="219"/>
      <c r="AO215" s="219"/>
      <c r="AP215" s="219"/>
      <c r="AQ215" s="219"/>
      <c r="AR215" s="219"/>
      <c r="AS215" s="219"/>
      <c r="AT215" s="219"/>
      <c r="AU215" s="219"/>
      <c r="AV215" s="219"/>
      <c r="AW215" s="191">
        <f t="shared" si="113"/>
        <v>450</v>
      </c>
      <c r="AX215" s="187">
        <f t="shared" si="115"/>
        <v>81.751111111111115</v>
      </c>
      <c r="AY215" s="192" t="str">
        <f t="shared" si="116"/>
        <v/>
      </c>
      <c r="AZ215" s="192" t="str">
        <f t="shared" si="117"/>
        <v/>
      </c>
      <c r="BA215" s="192">
        <f t="shared" si="118"/>
        <v>36788</v>
      </c>
      <c r="BB215" s="192" t="str">
        <f t="shared" si="119"/>
        <v/>
      </c>
      <c r="BC215" s="192" t="str">
        <f t="shared" si="120"/>
        <v/>
      </c>
      <c r="BD215" s="192" t="str">
        <f t="shared" si="121"/>
        <v/>
      </c>
      <c r="BE215" s="192" t="str">
        <f t="shared" si="122"/>
        <v/>
      </c>
      <c r="BF215" s="192" t="str">
        <f t="shared" si="123"/>
        <v/>
      </c>
      <c r="BG215" s="192" t="str">
        <f t="shared" si="124"/>
        <v/>
      </c>
      <c r="BH215" s="192" t="str">
        <f t="shared" si="125"/>
        <v/>
      </c>
      <c r="BI215" s="192" t="str">
        <f t="shared" si="126"/>
        <v/>
      </c>
      <c r="BJ215" s="192" t="str">
        <f t="shared" si="127"/>
        <v/>
      </c>
      <c r="BK215" s="192" t="str">
        <f t="shared" si="128"/>
        <v/>
      </c>
      <c r="BL215" s="192" t="str">
        <f t="shared" si="129"/>
        <v/>
      </c>
      <c r="BM215" s="192" t="str">
        <f t="shared" si="130"/>
        <v/>
      </c>
      <c r="BN215" s="192" t="str">
        <f t="shared" si="131"/>
        <v/>
      </c>
      <c r="BO215" s="192" t="str">
        <f t="shared" si="132"/>
        <v/>
      </c>
      <c r="BP215" s="192" t="str">
        <f t="shared" si="133"/>
        <v/>
      </c>
      <c r="BQ215" s="192" t="str">
        <f t="shared" si="134"/>
        <v/>
      </c>
      <c r="BR215" s="192" t="str">
        <f t="shared" si="135"/>
        <v/>
      </c>
      <c r="BS215" s="192" t="str">
        <f t="shared" si="136"/>
        <v/>
      </c>
      <c r="BT215" s="192" t="str">
        <f t="shared" si="137"/>
        <v/>
      </c>
      <c r="BU215" s="192" t="str">
        <f t="shared" si="138"/>
        <v/>
      </c>
      <c r="BV215" s="192" t="str">
        <f t="shared" si="139"/>
        <v/>
      </c>
      <c r="BW215" s="192" t="str">
        <f t="shared" si="140"/>
        <v/>
      </c>
      <c r="BX215" s="192" t="str">
        <f t="shared" si="141"/>
        <v/>
      </c>
      <c r="BY215" s="192" t="str">
        <f t="shared" si="142"/>
        <v/>
      </c>
      <c r="BZ215" s="192" t="str">
        <f t="shared" si="143"/>
        <v/>
      </c>
      <c r="CA215" s="192" t="str">
        <f t="shared" si="144"/>
        <v/>
      </c>
      <c r="CB215" s="192" t="str">
        <f t="shared" si="145"/>
        <v/>
      </c>
      <c r="CC215" s="192" t="str">
        <f t="shared" si="146"/>
        <v/>
      </c>
      <c r="CD215" s="214"/>
      <c r="CE215" s="214" t="s">
        <v>462</v>
      </c>
      <c r="CF215" s="214" t="s">
        <v>336</v>
      </c>
    </row>
    <row r="216" spans="1:84" s="168" customFormat="1" ht="56.1" hidden="1" customHeight="1" x14ac:dyDescent="0.2">
      <c r="A216" s="154">
        <v>214</v>
      </c>
      <c r="B216" s="155" t="s">
        <v>53</v>
      </c>
      <c r="C216" s="165" t="s">
        <v>329</v>
      </c>
      <c r="D216" s="156" t="s">
        <v>456</v>
      </c>
      <c r="E216" s="156" t="s">
        <v>369</v>
      </c>
      <c r="F216" s="166" t="s">
        <v>476</v>
      </c>
      <c r="G216" s="156" t="s">
        <v>58</v>
      </c>
      <c r="H216" s="156" t="s">
        <v>20</v>
      </c>
      <c r="I216" s="156" t="s">
        <v>81</v>
      </c>
      <c r="J216" s="156" t="s">
        <v>334</v>
      </c>
      <c r="K216" s="156" t="s">
        <v>375</v>
      </c>
      <c r="L216" s="156" t="s">
        <v>63</v>
      </c>
      <c r="M216" s="156" t="s">
        <v>63</v>
      </c>
      <c r="N216" s="157">
        <v>28614</v>
      </c>
      <c r="O216" s="157">
        <f t="shared" si="112"/>
        <v>28614</v>
      </c>
      <c r="P216" s="156" t="s">
        <v>226</v>
      </c>
      <c r="Q216" s="156" t="s">
        <v>82</v>
      </c>
      <c r="R216" s="167"/>
      <c r="S216" s="167"/>
      <c r="T216" s="167"/>
      <c r="U216" s="161" t="s">
        <v>66</v>
      </c>
      <c r="V216" s="167"/>
      <c r="W216" s="167"/>
      <c r="X216" s="167"/>
      <c r="Y216" s="167"/>
      <c r="Z216" s="167"/>
      <c r="AA216" s="167"/>
      <c r="AB216" s="167"/>
      <c r="AC216" s="167"/>
      <c r="AD216" s="167"/>
      <c r="AE216" s="167"/>
      <c r="AF216" s="167"/>
      <c r="AG216" s="167"/>
      <c r="AH216" s="167"/>
      <c r="AI216" s="167"/>
      <c r="AJ216" s="167"/>
      <c r="AK216" s="167"/>
      <c r="AL216" s="167"/>
      <c r="AM216" s="167"/>
      <c r="AN216" s="167"/>
      <c r="AO216" s="167"/>
      <c r="AP216" s="167"/>
      <c r="AQ216" s="167"/>
      <c r="AR216" s="167"/>
      <c r="AS216" s="167"/>
      <c r="AT216" s="167"/>
      <c r="AU216" s="167"/>
      <c r="AV216" s="167"/>
      <c r="AW216" s="160">
        <f t="shared" si="113"/>
        <v>350</v>
      </c>
      <c r="AX216" s="158">
        <f t="shared" si="115"/>
        <v>81.754285714285714</v>
      </c>
      <c r="AY216" s="161" t="str">
        <f t="shared" si="116"/>
        <v/>
      </c>
      <c r="AZ216" s="161" t="str">
        <f t="shared" si="117"/>
        <v/>
      </c>
      <c r="BA216" s="161" t="str">
        <f t="shared" si="118"/>
        <v/>
      </c>
      <c r="BB216" s="161">
        <f t="shared" si="119"/>
        <v>28614</v>
      </c>
      <c r="BC216" s="161" t="str">
        <f t="shared" si="120"/>
        <v/>
      </c>
      <c r="BD216" s="161" t="str">
        <f t="shared" si="121"/>
        <v/>
      </c>
      <c r="BE216" s="161" t="str">
        <f t="shared" si="122"/>
        <v/>
      </c>
      <c r="BF216" s="161" t="str">
        <f t="shared" si="123"/>
        <v/>
      </c>
      <c r="BG216" s="161" t="str">
        <f t="shared" si="124"/>
        <v/>
      </c>
      <c r="BH216" s="161" t="str">
        <f t="shared" si="125"/>
        <v/>
      </c>
      <c r="BI216" s="161" t="str">
        <f t="shared" si="126"/>
        <v/>
      </c>
      <c r="BJ216" s="161" t="str">
        <f t="shared" si="127"/>
        <v/>
      </c>
      <c r="BK216" s="161" t="str">
        <f t="shared" si="128"/>
        <v/>
      </c>
      <c r="BL216" s="161" t="str">
        <f t="shared" si="129"/>
        <v/>
      </c>
      <c r="BM216" s="161" t="str">
        <f t="shared" si="130"/>
        <v/>
      </c>
      <c r="BN216" s="161" t="str">
        <f t="shared" si="131"/>
        <v/>
      </c>
      <c r="BO216" s="161" t="str">
        <f t="shared" si="132"/>
        <v/>
      </c>
      <c r="BP216" s="161" t="str">
        <f t="shared" si="133"/>
        <v/>
      </c>
      <c r="BQ216" s="161" t="str">
        <f t="shared" si="134"/>
        <v/>
      </c>
      <c r="BR216" s="161" t="str">
        <f t="shared" si="135"/>
        <v/>
      </c>
      <c r="BS216" s="161" t="str">
        <f t="shared" si="136"/>
        <v/>
      </c>
      <c r="BT216" s="161" t="str">
        <f t="shared" si="137"/>
        <v/>
      </c>
      <c r="BU216" s="161" t="str">
        <f t="shared" si="138"/>
        <v/>
      </c>
      <c r="BV216" s="161" t="str">
        <f t="shared" si="139"/>
        <v/>
      </c>
      <c r="BW216" s="161" t="str">
        <f t="shared" si="140"/>
        <v/>
      </c>
      <c r="BX216" s="161" t="str">
        <f t="shared" si="141"/>
        <v/>
      </c>
      <c r="BY216" s="161" t="str">
        <f t="shared" si="142"/>
        <v/>
      </c>
      <c r="BZ216" s="161" t="str">
        <f t="shared" si="143"/>
        <v/>
      </c>
      <c r="CA216" s="161" t="str">
        <f t="shared" si="144"/>
        <v/>
      </c>
      <c r="CB216" s="161" t="str">
        <f t="shared" si="145"/>
        <v/>
      </c>
      <c r="CC216" s="161" t="str">
        <f t="shared" si="146"/>
        <v/>
      </c>
      <c r="CD216" s="156"/>
      <c r="CE216" s="156" t="s">
        <v>462</v>
      </c>
      <c r="CF216" s="156" t="s">
        <v>336</v>
      </c>
    </row>
    <row r="217" spans="1:84" s="211" customFormat="1" ht="56.1" hidden="1" customHeight="1" x14ac:dyDescent="0.2">
      <c r="A217" s="198">
        <v>215</v>
      </c>
      <c r="B217" s="199" t="s">
        <v>53</v>
      </c>
      <c r="C217" s="208" t="s">
        <v>329</v>
      </c>
      <c r="D217" s="200" t="s">
        <v>456</v>
      </c>
      <c r="E217" s="200" t="s">
        <v>369</v>
      </c>
      <c r="F217" s="209" t="s">
        <v>465</v>
      </c>
      <c r="G217" s="200" t="s">
        <v>58</v>
      </c>
      <c r="H217" s="200" t="s">
        <v>322</v>
      </c>
      <c r="I217" s="200" t="s">
        <v>81</v>
      </c>
      <c r="J217" s="200" t="s">
        <v>334</v>
      </c>
      <c r="K217" s="200" t="s">
        <v>377</v>
      </c>
      <c r="L217" s="200" t="s">
        <v>63</v>
      </c>
      <c r="M217" s="200" t="s">
        <v>63</v>
      </c>
      <c r="N217" s="201">
        <v>16350</v>
      </c>
      <c r="O217" s="201">
        <f t="shared" si="112"/>
        <v>16350</v>
      </c>
      <c r="P217" s="200" t="s">
        <v>226</v>
      </c>
      <c r="Q217" s="200" t="s">
        <v>82</v>
      </c>
      <c r="R217" s="210"/>
      <c r="S217" s="203" t="s">
        <v>66</v>
      </c>
      <c r="T217" s="210"/>
      <c r="U217" s="210"/>
      <c r="V217" s="210"/>
      <c r="W217" s="210"/>
      <c r="X217" s="210"/>
      <c r="Y217" s="210"/>
      <c r="Z217" s="210"/>
      <c r="AA217" s="210"/>
      <c r="AB217" s="210"/>
      <c r="AC217" s="210"/>
      <c r="AD217" s="210"/>
      <c r="AE217" s="210"/>
      <c r="AF217" s="210"/>
      <c r="AG217" s="210"/>
      <c r="AH217" s="210"/>
      <c r="AI217" s="210"/>
      <c r="AJ217" s="210"/>
      <c r="AK217" s="210"/>
      <c r="AL217" s="210"/>
      <c r="AM217" s="210"/>
      <c r="AN217" s="210"/>
      <c r="AO217" s="210"/>
      <c r="AP217" s="210"/>
      <c r="AQ217" s="210"/>
      <c r="AR217" s="210"/>
      <c r="AS217" s="210"/>
      <c r="AT217" s="210"/>
      <c r="AU217" s="210"/>
      <c r="AV217" s="210"/>
      <c r="AW217" s="204">
        <f t="shared" si="113"/>
        <v>200</v>
      </c>
      <c r="AX217" s="205">
        <f t="shared" si="115"/>
        <v>81.75</v>
      </c>
      <c r="AY217" s="203" t="str">
        <f t="shared" si="116"/>
        <v/>
      </c>
      <c r="AZ217" s="203">
        <f t="shared" si="117"/>
        <v>16350</v>
      </c>
      <c r="BA217" s="203" t="str">
        <f t="shared" si="118"/>
        <v/>
      </c>
      <c r="BB217" s="203" t="str">
        <f t="shared" si="119"/>
        <v/>
      </c>
      <c r="BC217" s="203" t="str">
        <f t="shared" si="120"/>
        <v/>
      </c>
      <c r="BD217" s="203" t="str">
        <f t="shared" si="121"/>
        <v/>
      </c>
      <c r="BE217" s="203" t="str">
        <f t="shared" si="122"/>
        <v/>
      </c>
      <c r="BF217" s="203" t="str">
        <f t="shared" si="123"/>
        <v/>
      </c>
      <c r="BG217" s="203" t="str">
        <f t="shared" si="124"/>
        <v/>
      </c>
      <c r="BH217" s="203" t="str">
        <f t="shared" si="125"/>
        <v/>
      </c>
      <c r="BI217" s="203" t="str">
        <f t="shared" si="126"/>
        <v/>
      </c>
      <c r="BJ217" s="203" t="str">
        <f t="shared" si="127"/>
        <v/>
      </c>
      <c r="BK217" s="203" t="str">
        <f t="shared" si="128"/>
        <v/>
      </c>
      <c r="BL217" s="203" t="str">
        <f t="shared" si="129"/>
        <v/>
      </c>
      <c r="BM217" s="203" t="str">
        <f t="shared" si="130"/>
        <v/>
      </c>
      <c r="BN217" s="203" t="str">
        <f t="shared" si="131"/>
        <v/>
      </c>
      <c r="BO217" s="203" t="str">
        <f t="shared" si="132"/>
        <v/>
      </c>
      <c r="BP217" s="203" t="str">
        <f t="shared" si="133"/>
        <v/>
      </c>
      <c r="BQ217" s="203" t="str">
        <f t="shared" si="134"/>
        <v/>
      </c>
      <c r="BR217" s="203" t="str">
        <f t="shared" si="135"/>
        <v/>
      </c>
      <c r="BS217" s="203" t="str">
        <f t="shared" si="136"/>
        <v/>
      </c>
      <c r="BT217" s="203" t="str">
        <f t="shared" si="137"/>
        <v/>
      </c>
      <c r="BU217" s="203" t="str">
        <f t="shared" si="138"/>
        <v/>
      </c>
      <c r="BV217" s="203" t="str">
        <f t="shared" si="139"/>
        <v/>
      </c>
      <c r="BW217" s="203" t="str">
        <f t="shared" si="140"/>
        <v/>
      </c>
      <c r="BX217" s="203" t="str">
        <f t="shared" si="141"/>
        <v/>
      </c>
      <c r="BY217" s="203" t="str">
        <f t="shared" si="142"/>
        <v/>
      </c>
      <c r="BZ217" s="203" t="str">
        <f t="shared" si="143"/>
        <v/>
      </c>
      <c r="CA217" s="203" t="str">
        <f t="shared" si="144"/>
        <v/>
      </c>
      <c r="CB217" s="203" t="str">
        <f t="shared" si="145"/>
        <v/>
      </c>
      <c r="CC217" s="203" t="str">
        <f t="shared" si="146"/>
        <v/>
      </c>
      <c r="CD217" s="200"/>
      <c r="CE217" s="200" t="s">
        <v>462</v>
      </c>
      <c r="CF217" s="200" t="s">
        <v>336</v>
      </c>
    </row>
    <row r="218" spans="1:84" s="168" customFormat="1" ht="56.1" hidden="1" customHeight="1" x14ac:dyDescent="0.2">
      <c r="A218" s="154">
        <v>216</v>
      </c>
      <c r="B218" s="155" t="s">
        <v>53</v>
      </c>
      <c r="C218" s="165" t="s">
        <v>329</v>
      </c>
      <c r="D218" s="156" t="s">
        <v>456</v>
      </c>
      <c r="E218" s="156" t="s">
        <v>369</v>
      </c>
      <c r="F218" s="166" t="s">
        <v>469</v>
      </c>
      <c r="G218" s="156" t="s">
        <v>58</v>
      </c>
      <c r="H218" s="156" t="s">
        <v>21</v>
      </c>
      <c r="I218" s="156" t="s">
        <v>81</v>
      </c>
      <c r="J218" s="156" t="s">
        <v>334</v>
      </c>
      <c r="K218" s="156" t="s">
        <v>204</v>
      </c>
      <c r="L218" s="156" t="s">
        <v>63</v>
      </c>
      <c r="M218" s="156" t="s">
        <v>63</v>
      </c>
      <c r="N218" s="157">
        <v>24527</v>
      </c>
      <c r="O218" s="157">
        <f t="shared" si="112"/>
        <v>24527</v>
      </c>
      <c r="P218" s="156" t="s">
        <v>226</v>
      </c>
      <c r="Q218" s="156" t="s">
        <v>82</v>
      </c>
      <c r="R218" s="167"/>
      <c r="S218" s="167"/>
      <c r="T218" s="167"/>
      <c r="U218" s="167"/>
      <c r="V218" s="161" t="s">
        <v>66</v>
      </c>
      <c r="W218" s="167"/>
      <c r="X218" s="167"/>
      <c r="Y218" s="167"/>
      <c r="Z218" s="167"/>
      <c r="AA218" s="167"/>
      <c r="AB218" s="167"/>
      <c r="AC218" s="167"/>
      <c r="AD218" s="167"/>
      <c r="AE218" s="167"/>
      <c r="AF218" s="167"/>
      <c r="AG218" s="167"/>
      <c r="AH218" s="167"/>
      <c r="AI218" s="167"/>
      <c r="AJ218" s="167"/>
      <c r="AK218" s="167"/>
      <c r="AL218" s="167"/>
      <c r="AM218" s="167"/>
      <c r="AN218" s="167"/>
      <c r="AO218" s="167"/>
      <c r="AP218" s="167"/>
      <c r="AQ218" s="167"/>
      <c r="AR218" s="167"/>
      <c r="AS218" s="167"/>
      <c r="AT218" s="167"/>
      <c r="AU218" s="167"/>
      <c r="AV218" s="167"/>
      <c r="AW218" s="160">
        <f t="shared" si="113"/>
        <v>300</v>
      </c>
      <c r="AX218" s="158">
        <f t="shared" si="115"/>
        <v>81.756666666666661</v>
      </c>
      <c r="AY218" s="161" t="str">
        <f t="shared" si="116"/>
        <v/>
      </c>
      <c r="AZ218" s="161" t="str">
        <f t="shared" si="117"/>
        <v/>
      </c>
      <c r="BA218" s="161" t="str">
        <f t="shared" si="118"/>
        <v/>
      </c>
      <c r="BB218" s="161" t="str">
        <f t="shared" si="119"/>
        <v/>
      </c>
      <c r="BC218" s="161">
        <f t="shared" si="120"/>
        <v>24527</v>
      </c>
      <c r="BD218" s="161" t="str">
        <f t="shared" si="121"/>
        <v/>
      </c>
      <c r="BE218" s="161" t="str">
        <f t="shared" si="122"/>
        <v/>
      </c>
      <c r="BF218" s="161" t="str">
        <f t="shared" si="123"/>
        <v/>
      </c>
      <c r="BG218" s="161" t="str">
        <f t="shared" si="124"/>
        <v/>
      </c>
      <c r="BH218" s="161" t="str">
        <f t="shared" si="125"/>
        <v/>
      </c>
      <c r="BI218" s="161" t="str">
        <f t="shared" si="126"/>
        <v/>
      </c>
      <c r="BJ218" s="161" t="str">
        <f t="shared" si="127"/>
        <v/>
      </c>
      <c r="BK218" s="161" t="str">
        <f t="shared" si="128"/>
        <v/>
      </c>
      <c r="BL218" s="161" t="str">
        <f t="shared" si="129"/>
        <v/>
      </c>
      <c r="BM218" s="161" t="str">
        <f t="shared" si="130"/>
        <v/>
      </c>
      <c r="BN218" s="161" t="str">
        <f t="shared" si="131"/>
        <v/>
      </c>
      <c r="BO218" s="161" t="str">
        <f t="shared" si="132"/>
        <v/>
      </c>
      <c r="BP218" s="161" t="str">
        <f t="shared" si="133"/>
        <v/>
      </c>
      <c r="BQ218" s="161" t="str">
        <f t="shared" si="134"/>
        <v/>
      </c>
      <c r="BR218" s="161" t="str">
        <f t="shared" si="135"/>
        <v/>
      </c>
      <c r="BS218" s="161" t="str">
        <f t="shared" si="136"/>
        <v/>
      </c>
      <c r="BT218" s="161" t="str">
        <f t="shared" si="137"/>
        <v/>
      </c>
      <c r="BU218" s="161" t="str">
        <f t="shared" si="138"/>
        <v/>
      </c>
      <c r="BV218" s="161" t="str">
        <f t="shared" si="139"/>
        <v/>
      </c>
      <c r="BW218" s="161" t="str">
        <f t="shared" si="140"/>
        <v/>
      </c>
      <c r="BX218" s="161" t="str">
        <f t="shared" si="141"/>
        <v/>
      </c>
      <c r="BY218" s="161" t="str">
        <f t="shared" si="142"/>
        <v/>
      </c>
      <c r="BZ218" s="161" t="str">
        <f t="shared" si="143"/>
        <v/>
      </c>
      <c r="CA218" s="161" t="str">
        <f t="shared" si="144"/>
        <v/>
      </c>
      <c r="CB218" s="161" t="str">
        <f t="shared" si="145"/>
        <v/>
      </c>
      <c r="CC218" s="161" t="str">
        <f t="shared" si="146"/>
        <v/>
      </c>
      <c r="CD218" s="156"/>
      <c r="CE218" s="156" t="s">
        <v>462</v>
      </c>
      <c r="CF218" s="156" t="s">
        <v>336</v>
      </c>
    </row>
    <row r="219" spans="1:84" s="168" customFormat="1" ht="56.1" hidden="1" customHeight="1" x14ac:dyDescent="0.2">
      <c r="A219" s="154">
        <v>217</v>
      </c>
      <c r="B219" s="155" t="s">
        <v>53</v>
      </c>
      <c r="C219" s="165" t="s">
        <v>329</v>
      </c>
      <c r="D219" s="156" t="s">
        <v>456</v>
      </c>
      <c r="E219" s="156" t="s">
        <v>369</v>
      </c>
      <c r="F219" s="166" t="s">
        <v>468</v>
      </c>
      <c r="G219" s="156" t="s">
        <v>58</v>
      </c>
      <c r="H219" s="156" t="s">
        <v>323</v>
      </c>
      <c r="I219" s="156" t="s">
        <v>81</v>
      </c>
      <c r="J219" s="156" t="s">
        <v>334</v>
      </c>
      <c r="K219" s="156" t="s">
        <v>380</v>
      </c>
      <c r="L219" s="156" t="s">
        <v>63</v>
      </c>
      <c r="M219" s="156" t="s">
        <v>63</v>
      </c>
      <c r="N219" s="157">
        <v>8176</v>
      </c>
      <c r="O219" s="157">
        <f t="shared" si="112"/>
        <v>8176</v>
      </c>
      <c r="P219" s="156" t="s">
        <v>226</v>
      </c>
      <c r="Q219" s="156" t="s">
        <v>82</v>
      </c>
      <c r="R219" s="167"/>
      <c r="S219" s="167"/>
      <c r="T219" s="167"/>
      <c r="U219" s="167"/>
      <c r="V219" s="167"/>
      <c r="W219" s="167"/>
      <c r="X219" s="161" t="s">
        <v>66</v>
      </c>
      <c r="Y219" s="167"/>
      <c r="Z219" s="167"/>
      <c r="AA219" s="167"/>
      <c r="AB219" s="167"/>
      <c r="AC219" s="167"/>
      <c r="AD219" s="167"/>
      <c r="AE219" s="167"/>
      <c r="AF219" s="167"/>
      <c r="AG219" s="167"/>
      <c r="AH219" s="167"/>
      <c r="AI219" s="167"/>
      <c r="AJ219" s="167"/>
      <c r="AK219" s="167"/>
      <c r="AL219" s="167"/>
      <c r="AM219" s="167"/>
      <c r="AN219" s="167"/>
      <c r="AO219" s="167"/>
      <c r="AP219" s="167"/>
      <c r="AQ219" s="167"/>
      <c r="AR219" s="167"/>
      <c r="AS219" s="167"/>
      <c r="AT219" s="167"/>
      <c r="AU219" s="167"/>
      <c r="AV219" s="167"/>
      <c r="AW219" s="160">
        <f t="shared" si="113"/>
        <v>100</v>
      </c>
      <c r="AX219" s="158">
        <f t="shared" si="115"/>
        <v>81.760000000000005</v>
      </c>
      <c r="AY219" s="161" t="str">
        <f t="shared" si="116"/>
        <v/>
      </c>
      <c r="AZ219" s="161" t="str">
        <f t="shared" si="117"/>
        <v/>
      </c>
      <c r="BA219" s="161" t="str">
        <f t="shared" si="118"/>
        <v/>
      </c>
      <c r="BB219" s="161" t="str">
        <f t="shared" si="119"/>
        <v/>
      </c>
      <c r="BC219" s="161" t="str">
        <f t="shared" si="120"/>
        <v/>
      </c>
      <c r="BD219" s="161" t="str">
        <f t="shared" si="121"/>
        <v/>
      </c>
      <c r="BE219" s="161">
        <f t="shared" si="122"/>
        <v>8176.0000000000009</v>
      </c>
      <c r="BF219" s="161" t="str">
        <f t="shared" si="123"/>
        <v/>
      </c>
      <c r="BG219" s="161" t="str">
        <f t="shared" si="124"/>
        <v/>
      </c>
      <c r="BH219" s="161" t="str">
        <f t="shared" si="125"/>
        <v/>
      </c>
      <c r="BI219" s="161" t="str">
        <f t="shared" si="126"/>
        <v/>
      </c>
      <c r="BJ219" s="161" t="str">
        <f t="shared" si="127"/>
        <v/>
      </c>
      <c r="BK219" s="161" t="str">
        <f t="shared" si="128"/>
        <v/>
      </c>
      <c r="BL219" s="161" t="str">
        <f t="shared" si="129"/>
        <v/>
      </c>
      <c r="BM219" s="161" t="str">
        <f t="shared" si="130"/>
        <v/>
      </c>
      <c r="BN219" s="161" t="str">
        <f t="shared" si="131"/>
        <v/>
      </c>
      <c r="BO219" s="161" t="str">
        <f t="shared" si="132"/>
        <v/>
      </c>
      <c r="BP219" s="161" t="str">
        <f t="shared" si="133"/>
        <v/>
      </c>
      <c r="BQ219" s="161" t="str">
        <f t="shared" si="134"/>
        <v/>
      </c>
      <c r="BR219" s="161" t="str">
        <f t="shared" si="135"/>
        <v/>
      </c>
      <c r="BS219" s="161" t="str">
        <f t="shared" si="136"/>
        <v/>
      </c>
      <c r="BT219" s="161" t="str">
        <f t="shared" si="137"/>
        <v/>
      </c>
      <c r="BU219" s="161" t="str">
        <f t="shared" si="138"/>
        <v/>
      </c>
      <c r="BV219" s="161" t="str">
        <f t="shared" si="139"/>
        <v/>
      </c>
      <c r="BW219" s="161" t="str">
        <f t="shared" si="140"/>
        <v/>
      </c>
      <c r="BX219" s="161" t="str">
        <f t="shared" si="141"/>
        <v/>
      </c>
      <c r="BY219" s="161" t="str">
        <f t="shared" si="142"/>
        <v/>
      </c>
      <c r="BZ219" s="161" t="str">
        <f t="shared" si="143"/>
        <v/>
      </c>
      <c r="CA219" s="161" t="str">
        <f t="shared" si="144"/>
        <v/>
      </c>
      <c r="CB219" s="161" t="str">
        <f t="shared" si="145"/>
        <v/>
      </c>
      <c r="CC219" s="161" t="str">
        <f t="shared" si="146"/>
        <v/>
      </c>
      <c r="CD219" s="156"/>
      <c r="CE219" s="156" t="s">
        <v>462</v>
      </c>
      <c r="CF219" s="156" t="s">
        <v>336</v>
      </c>
    </row>
    <row r="220" spans="1:84" s="168" customFormat="1" ht="56.1" hidden="1" customHeight="1" x14ac:dyDescent="0.2">
      <c r="A220" s="154">
        <v>218</v>
      </c>
      <c r="B220" s="155" t="s">
        <v>53</v>
      </c>
      <c r="C220" s="165" t="s">
        <v>329</v>
      </c>
      <c r="D220" s="156" t="s">
        <v>456</v>
      </c>
      <c r="E220" s="156" t="s">
        <v>369</v>
      </c>
      <c r="F220" s="166" t="s">
        <v>477</v>
      </c>
      <c r="G220" s="156" t="s">
        <v>58</v>
      </c>
      <c r="H220" s="156" t="s">
        <v>324</v>
      </c>
      <c r="I220" s="156" t="s">
        <v>81</v>
      </c>
      <c r="J220" s="156" t="s">
        <v>334</v>
      </c>
      <c r="K220" s="156" t="s">
        <v>382</v>
      </c>
      <c r="L220" s="156" t="s">
        <v>63</v>
      </c>
      <c r="M220" s="156" t="s">
        <v>63</v>
      </c>
      <c r="N220" s="157">
        <v>31881</v>
      </c>
      <c r="O220" s="157">
        <f t="shared" si="112"/>
        <v>31881</v>
      </c>
      <c r="P220" s="156" t="s">
        <v>226</v>
      </c>
      <c r="Q220" s="156" t="s">
        <v>82</v>
      </c>
      <c r="R220" s="167"/>
      <c r="S220" s="167"/>
      <c r="T220" s="167"/>
      <c r="U220" s="167"/>
      <c r="V220" s="167"/>
      <c r="W220" s="167"/>
      <c r="X220" s="167"/>
      <c r="Y220" s="161" t="s">
        <v>66</v>
      </c>
      <c r="Z220" s="167"/>
      <c r="AA220" s="167"/>
      <c r="AB220" s="167"/>
      <c r="AC220" s="167"/>
      <c r="AD220" s="167"/>
      <c r="AE220" s="167"/>
      <c r="AF220" s="167"/>
      <c r="AG220" s="167"/>
      <c r="AH220" s="167"/>
      <c r="AI220" s="167"/>
      <c r="AJ220" s="167"/>
      <c r="AK220" s="167"/>
      <c r="AL220" s="167"/>
      <c r="AM220" s="167"/>
      <c r="AN220" s="167"/>
      <c r="AO220" s="167"/>
      <c r="AP220" s="167"/>
      <c r="AQ220" s="167"/>
      <c r="AR220" s="167"/>
      <c r="AS220" s="167"/>
      <c r="AT220" s="167"/>
      <c r="AU220" s="167"/>
      <c r="AV220" s="167"/>
      <c r="AW220" s="160">
        <f t="shared" si="113"/>
        <v>390</v>
      </c>
      <c r="AX220" s="158">
        <f t="shared" si="115"/>
        <v>81.746153846153845</v>
      </c>
      <c r="AY220" s="161" t="str">
        <f t="shared" si="116"/>
        <v/>
      </c>
      <c r="AZ220" s="161" t="str">
        <f t="shared" si="117"/>
        <v/>
      </c>
      <c r="BA220" s="161" t="str">
        <f t="shared" si="118"/>
        <v/>
      </c>
      <c r="BB220" s="161" t="str">
        <f t="shared" si="119"/>
        <v/>
      </c>
      <c r="BC220" s="161" t="str">
        <f t="shared" si="120"/>
        <v/>
      </c>
      <c r="BD220" s="161" t="str">
        <f t="shared" si="121"/>
        <v/>
      </c>
      <c r="BE220" s="161" t="str">
        <f t="shared" si="122"/>
        <v/>
      </c>
      <c r="BF220" s="161">
        <f t="shared" si="123"/>
        <v>31881</v>
      </c>
      <c r="BG220" s="161" t="str">
        <f t="shared" si="124"/>
        <v/>
      </c>
      <c r="BH220" s="161" t="str">
        <f t="shared" si="125"/>
        <v/>
      </c>
      <c r="BI220" s="161" t="str">
        <f t="shared" si="126"/>
        <v/>
      </c>
      <c r="BJ220" s="161" t="str">
        <f t="shared" si="127"/>
        <v/>
      </c>
      <c r="BK220" s="161" t="str">
        <f t="shared" si="128"/>
        <v/>
      </c>
      <c r="BL220" s="161" t="str">
        <f t="shared" si="129"/>
        <v/>
      </c>
      <c r="BM220" s="161" t="str">
        <f t="shared" si="130"/>
        <v/>
      </c>
      <c r="BN220" s="161" t="str">
        <f t="shared" si="131"/>
        <v/>
      </c>
      <c r="BO220" s="161" t="str">
        <f t="shared" si="132"/>
        <v/>
      </c>
      <c r="BP220" s="161" t="str">
        <f t="shared" si="133"/>
        <v/>
      </c>
      <c r="BQ220" s="161" t="str">
        <f t="shared" si="134"/>
        <v/>
      </c>
      <c r="BR220" s="161" t="str">
        <f t="shared" si="135"/>
        <v/>
      </c>
      <c r="BS220" s="161" t="str">
        <f t="shared" si="136"/>
        <v/>
      </c>
      <c r="BT220" s="161" t="str">
        <f t="shared" si="137"/>
        <v/>
      </c>
      <c r="BU220" s="161" t="str">
        <f t="shared" si="138"/>
        <v/>
      </c>
      <c r="BV220" s="161" t="str">
        <f t="shared" si="139"/>
        <v/>
      </c>
      <c r="BW220" s="161" t="str">
        <f t="shared" si="140"/>
        <v/>
      </c>
      <c r="BX220" s="161" t="str">
        <f t="shared" si="141"/>
        <v/>
      </c>
      <c r="BY220" s="161" t="str">
        <f t="shared" si="142"/>
        <v/>
      </c>
      <c r="BZ220" s="161" t="str">
        <f t="shared" si="143"/>
        <v/>
      </c>
      <c r="CA220" s="161" t="str">
        <f t="shared" si="144"/>
        <v/>
      </c>
      <c r="CB220" s="161" t="str">
        <f t="shared" si="145"/>
        <v/>
      </c>
      <c r="CC220" s="161" t="str">
        <f t="shared" si="146"/>
        <v/>
      </c>
      <c r="CD220" s="156"/>
      <c r="CE220" s="156" t="s">
        <v>462</v>
      </c>
      <c r="CF220" s="156" t="s">
        <v>336</v>
      </c>
    </row>
    <row r="221" spans="1:84" s="211" customFormat="1" ht="56.1" hidden="1" customHeight="1" x14ac:dyDescent="0.2">
      <c r="A221" s="198">
        <v>219</v>
      </c>
      <c r="B221" s="199" t="s">
        <v>53</v>
      </c>
      <c r="C221" s="208" t="s">
        <v>329</v>
      </c>
      <c r="D221" s="200" t="s">
        <v>456</v>
      </c>
      <c r="E221" s="200" t="s">
        <v>369</v>
      </c>
      <c r="F221" s="209" t="s">
        <v>478</v>
      </c>
      <c r="G221" s="200" t="s">
        <v>58</v>
      </c>
      <c r="H221" s="200" t="s">
        <v>384</v>
      </c>
      <c r="I221" s="200" t="s">
        <v>81</v>
      </c>
      <c r="J221" s="200" t="s">
        <v>334</v>
      </c>
      <c r="K221" s="200" t="s">
        <v>187</v>
      </c>
      <c r="L221" s="200" t="s">
        <v>63</v>
      </c>
      <c r="M221" s="200" t="s">
        <v>63</v>
      </c>
      <c r="N221" s="201">
        <v>39238</v>
      </c>
      <c r="O221" s="201">
        <f t="shared" si="112"/>
        <v>39238</v>
      </c>
      <c r="P221" s="200" t="s">
        <v>226</v>
      </c>
      <c r="Q221" s="200" t="s">
        <v>82</v>
      </c>
      <c r="R221" s="210"/>
      <c r="S221" s="210"/>
      <c r="T221" s="210"/>
      <c r="U221" s="210"/>
      <c r="V221" s="210"/>
      <c r="W221" s="203" t="s">
        <v>66</v>
      </c>
      <c r="X221" s="210"/>
      <c r="Y221" s="210"/>
      <c r="Z221" s="210"/>
      <c r="AA221" s="210"/>
      <c r="AB221" s="210"/>
      <c r="AC221" s="210"/>
      <c r="AD221" s="210"/>
      <c r="AE221" s="210"/>
      <c r="AF221" s="210"/>
      <c r="AG221" s="210"/>
      <c r="AH221" s="210"/>
      <c r="AI221" s="210"/>
      <c r="AJ221" s="210"/>
      <c r="AK221" s="210"/>
      <c r="AL221" s="210"/>
      <c r="AM221" s="210"/>
      <c r="AN221" s="210"/>
      <c r="AO221" s="210"/>
      <c r="AP221" s="210"/>
      <c r="AQ221" s="210"/>
      <c r="AR221" s="210"/>
      <c r="AS221" s="210"/>
      <c r="AT221" s="210"/>
      <c r="AU221" s="210"/>
      <c r="AV221" s="210"/>
      <c r="AW221" s="204">
        <f t="shared" si="113"/>
        <v>480</v>
      </c>
      <c r="AX221" s="205">
        <f t="shared" si="115"/>
        <v>81.745833333333337</v>
      </c>
      <c r="AY221" s="203" t="str">
        <f t="shared" si="116"/>
        <v/>
      </c>
      <c r="AZ221" s="203" t="str">
        <f t="shared" si="117"/>
        <v/>
      </c>
      <c r="BA221" s="203" t="str">
        <f t="shared" si="118"/>
        <v/>
      </c>
      <c r="BB221" s="203" t="str">
        <f t="shared" si="119"/>
        <v/>
      </c>
      <c r="BC221" s="203" t="str">
        <f t="shared" si="120"/>
        <v/>
      </c>
      <c r="BD221" s="203">
        <f t="shared" si="121"/>
        <v>39238</v>
      </c>
      <c r="BE221" s="203" t="str">
        <f t="shared" si="122"/>
        <v/>
      </c>
      <c r="BF221" s="203" t="str">
        <f t="shared" si="123"/>
        <v/>
      </c>
      <c r="BG221" s="203" t="str">
        <f t="shared" si="124"/>
        <v/>
      </c>
      <c r="BH221" s="203" t="str">
        <f t="shared" si="125"/>
        <v/>
      </c>
      <c r="BI221" s="203" t="str">
        <f t="shared" si="126"/>
        <v/>
      </c>
      <c r="BJ221" s="203" t="str">
        <f t="shared" si="127"/>
        <v/>
      </c>
      <c r="BK221" s="203" t="str">
        <f t="shared" si="128"/>
        <v/>
      </c>
      <c r="BL221" s="203" t="str">
        <f t="shared" si="129"/>
        <v/>
      </c>
      <c r="BM221" s="203" t="str">
        <f t="shared" si="130"/>
        <v/>
      </c>
      <c r="BN221" s="203" t="str">
        <f t="shared" si="131"/>
        <v/>
      </c>
      <c r="BO221" s="203" t="str">
        <f t="shared" si="132"/>
        <v/>
      </c>
      <c r="BP221" s="203" t="str">
        <f t="shared" si="133"/>
        <v/>
      </c>
      <c r="BQ221" s="203" t="str">
        <f t="shared" si="134"/>
        <v/>
      </c>
      <c r="BR221" s="203" t="str">
        <f t="shared" si="135"/>
        <v/>
      </c>
      <c r="BS221" s="203" t="str">
        <f t="shared" si="136"/>
        <v/>
      </c>
      <c r="BT221" s="203" t="str">
        <f t="shared" si="137"/>
        <v/>
      </c>
      <c r="BU221" s="203" t="str">
        <f t="shared" si="138"/>
        <v/>
      </c>
      <c r="BV221" s="203" t="str">
        <f t="shared" si="139"/>
        <v/>
      </c>
      <c r="BW221" s="203" t="str">
        <f t="shared" si="140"/>
        <v/>
      </c>
      <c r="BX221" s="203" t="str">
        <f t="shared" si="141"/>
        <v/>
      </c>
      <c r="BY221" s="203" t="str">
        <f t="shared" si="142"/>
        <v/>
      </c>
      <c r="BZ221" s="203" t="str">
        <f t="shared" si="143"/>
        <v/>
      </c>
      <c r="CA221" s="203" t="str">
        <f t="shared" si="144"/>
        <v/>
      </c>
      <c r="CB221" s="203" t="str">
        <f t="shared" si="145"/>
        <v/>
      </c>
      <c r="CC221" s="203" t="str">
        <f t="shared" si="146"/>
        <v/>
      </c>
      <c r="CD221" s="200"/>
      <c r="CE221" s="200" t="s">
        <v>462</v>
      </c>
      <c r="CF221" s="200" t="s">
        <v>336</v>
      </c>
    </row>
    <row r="222" spans="1:84" s="168" customFormat="1" ht="56.1" hidden="1" customHeight="1" x14ac:dyDescent="0.2">
      <c r="A222" s="154">
        <v>220</v>
      </c>
      <c r="B222" s="155" t="s">
        <v>53</v>
      </c>
      <c r="C222" s="165" t="s">
        <v>329</v>
      </c>
      <c r="D222" s="156" t="s">
        <v>456</v>
      </c>
      <c r="E222" s="156" t="s">
        <v>369</v>
      </c>
      <c r="F222" s="166" t="s">
        <v>479</v>
      </c>
      <c r="G222" s="156" t="s">
        <v>58</v>
      </c>
      <c r="H222" s="156" t="s">
        <v>207</v>
      </c>
      <c r="I222" s="156" t="s">
        <v>81</v>
      </c>
      <c r="J222" s="156" t="s">
        <v>334</v>
      </c>
      <c r="K222" s="156" t="s">
        <v>208</v>
      </c>
      <c r="L222" s="156" t="s">
        <v>63</v>
      </c>
      <c r="M222" s="156" t="s">
        <v>63</v>
      </c>
      <c r="N222" s="157">
        <f>'[1]Hemel Hempstead'!$AW$16</f>
        <v>40877.249544133752</v>
      </c>
      <c r="O222" s="157">
        <f t="shared" ref="O222:O229" si="147">N222</f>
        <v>40877.249544133752</v>
      </c>
      <c r="P222" s="156" t="s">
        <v>226</v>
      </c>
      <c r="Q222" s="156" t="s">
        <v>82</v>
      </c>
      <c r="R222" s="167"/>
      <c r="S222" s="167"/>
      <c r="T222" s="167"/>
      <c r="U222" s="167"/>
      <c r="V222" s="167"/>
      <c r="W222" s="161"/>
      <c r="X222" s="167"/>
      <c r="Y222" s="167"/>
      <c r="Z222" s="167" t="s">
        <v>66</v>
      </c>
      <c r="AA222" s="167"/>
      <c r="AB222" s="167"/>
      <c r="AC222" s="167"/>
      <c r="AD222" s="167"/>
      <c r="AE222" s="167"/>
      <c r="AF222" s="167"/>
      <c r="AG222" s="167"/>
      <c r="AH222" s="167"/>
      <c r="AI222" s="167"/>
      <c r="AJ222" s="167"/>
      <c r="AK222" s="167"/>
      <c r="AL222" s="167"/>
      <c r="AM222" s="167"/>
      <c r="AN222" s="167"/>
      <c r="AO222" s="167"/>
      <c r="AP222" s="167"/>
      <c r="AQ222" s="167"/>
      <c r="AR222" s="167"/>
      <c r="AS222" s="167"/>
      <c r="AT222" s="167"/>
      <c r="AU222" s="167"/>
      <c r="AV222" s="167"/>
      <c r="AW222" s="160">
        <f t="shared" si="113"/>
        <v>500</v>
      </c>
      <c r="AX222" s="158">
        <f t="shared" si="115"/>
        <v>81.754499088267508</v>
      </c>
      <c r="AY222" s="161" t="str">
        <f t="shared" si="116"/>
        <v/>
      </c>
      <c r="AZ222" s="161" t="str">
        <f t="shared" si="117"/>
        <v/>
      </c>
      <c r="BA222" s="161" t="str">
        <f t="shared" si="118"/>
        <v/>
      </c>
      <c r="BB222" s="161" t="str">
        <f t="shared" si="119"/>
        <v/>
      </c>
      <c r="BC222" s="161" t="str">
        <f t="shared" si="120"/>
        <v/>
      </c>
      <c r="BD222" s="161" t="str">
        <f t="shared" si="121"/>
        <v/>
      </c>
      <c r="BE222" s="161" t="str">
        <f t="shared" si="122"/>
        <v/>
      </c>
      <c r="BF222" s="161" t="str">
        <f t="shared" si="123"/>
        <v/>
      </c>
      <c r="BG222" s="161">
        <f t="shared" si="124"/>
        <v>40877.249544133752</v>
      </c>
      <c r="BH222" s="161" t="str">
        <f t="shared" si="125"/>
        <v/>
      </c>
      <c r="BI222" s="161" t="str">
        <f t="shared" si="126"/>
        <v/>
      </c>
      <c r="BJ222" s="161" t="str">
        <f t="shared" si="127"/>
        <v/>
      </c>
      <c r="BK222" s="161" t="str">
        <f t="shared" si="128"/>
        <v/>
      </c>
      <c r="BL222" s="161" t="str">
        <f t="shared" si="129"/>
        <v/>
      </c>
      <c r="BM222" s="161" t="str">
        <f t="shared" si="130"/>
        <v/>
      </c>
      <c r="BN222" s="161" t="str">
        <f t="shared" si="131"/>
        <v/>
      </c>
      <c r="BO222" s="161" t="str">
        <f t="shared" si="132"/>
        <v/>
      </c>
      <c r="BP222" s="161" t="str">
        <f t="shared" si="133"/>
        <v/>
      </c>
      <c r="BQ222" s="161" t="str">
        <f t="shared" si="134"/>
        <v/>
      </c>
      <c r="BR222" s="161" t="str">
        <f t="shared" si="135"/>
        <v/>
      </c>
      <c r="BS222" s="161" t="str">
        <f t="shared" si="136"/>
        <v/>
      </c>
      <c r="BT222" s="161" t="str">
        <f t="shared" si="137"/>
        <v/>
      </c>
      <c r="BU222" s="161" t="str">
        <f t="shared" si="138"/>
        <v/>
      </c>
      <c r="BV222" s="161" t="str">
        <f t="shared" si="139"/>
        <v/>
      </c>
      <c r="BW222" s="161" t="str">
        <f t="shared" si="140"/>
        <v/>
      </c>
      <c r="BX222" s="161" t="str">
        <f t="shared" si="141"/>
        <v/>
      </c>
      <c r="BY222" s="161" t="str">
        <f t="shared" si="142"/>
        <v/>
      </c>
      <c r="BZ222" s="161" t="str">
        <f t="shared" si="143"/>
        <v/>
      </c>
      <c r="CA222" s="161" t="str">
        <f t="shared" si="144"/>
        <v/>
      </c>
      <c r="CB222" s="161" t="str">
        <f t="shared" si="145"/>
        <v/>
      </c>
      <c r="CC222" s="161" t="str">
        <f t="shared" si="146"/>
        <v/>
      </c>
      <c r="CD222" s="156"/>
      <c r="CE222" s="156"/>
      <c r="CF222" s="156"/>
    </row>
    <row r="223" spans="1:84" s="211" customFormat="1" ht="56.1" hidden="1" customHeight="1" x14ac:dyDescent="0.2">
      <c r="A223" s="198">
        <v>221</v>
      </c>
      <c r="B223" s="199" t="s">
        <v>53</v>
      </c>
      <c r="C223" s="208" t="s">
        <v>329</v>
      </c>
      <c r="D223" s="200" t="s">
        <v>456</v>
      </c>
      <c r="E223" s="200" t="s">
        <v>369</v>
      </c>
      <c r="F223" s="209" t="s">
        <v>480</v>
      </c>
      <c r="G223" s="200" t="s">
        <v>58</v>
      </c>
      <c r="H223" s="200" t="s">
        <v>326</v>
      </c>
      <c r="I223" s="200" t="s">
        <v>81</v>
      </c>
      <c r="J223" s="200" t="s">
        <v>334</v>
      </c>
      <c r="K223" s="200" t="s">
        <v>71</v>
      </c>
      <c r="L223" s="200" t="s">
        <v>63</v>
      </c>
      <c r="M223" s="200" t="s">
        <v>63</v>
      </c>
      <c r="N223" s="201">
        <f>'[1]Hemel Hempstead'!$CK$16</f>
        <v>19136.934537342702</v>
      </c>
      <c r="O223" s="201">
        <f t="shared" si="147"/>
        <v>19136.934537342702</v>
      </c>
      <c r="P223" s="200" t="s">
        <v>226</v>
      </c>
      <c r="Q223" s="200" t="s">
        <v>82</v>
      </c>
      <c r="R223" s="210"/>
      <c r="S223" s="210"/>
      <c r="T223" s="210"/>
      <c r="U223" s="210"/>
      <c r="V223" s="210"/>
      <c r="W223" s="203"/>
      <c r="X223" s="210"/>
      <c r="Y223" s="210"/>
      <c r="Z223" s="210"/>
      <c r="AA223" s="210"/>
      <c r="AB223" s="210"/>
      <c r="AC223" s="210"/>
      <c r="AD223" s="210" t="s">
        <v>66</v>
      </c>
      <c r="AE223" s="210"/>
      <c r="AF223" s="210"/>
      <c r="AG223" s="210"/>
      <c r="AH223" s="210"/>
      <c r="AI223" s="210"/>
      <c r="AJ223" s="210"/>
      <c r="AK223" s="210"/>
      <c r="AL223" s="210"/>
      <c r="AM223" s="210"/>
      <c r="AN223" s="210"/>
      <c r="AO223" s="210"/>
      <c r="AP223" s="210"/>
      <c r="AQ223" s="210"/>
      <c r="AR223" s="210"/>
      <c r="AS223" s="210"/>
      <c r="AT223" s="210"/>
      <c r="AU223" s="210"/>
      <c r="AV223" s="210"/>
      <c r="AW223" s="204">
        <f t="shared" si="113"/>
        <v>234</v>
      </c>
      <c r="AX223" s="205">
        <f t="shared" si="115"/>
        <v>81.781771527105562</v>
      </c>
      <c r="AY223" s="203" t="str">
        <f t="shared" si="116"/>
        <v/>
      </c>
      <c r="AZ223" s="203" t="str">
        <f t="shared" si="117"/>
        <v/>
      </c>
      <c r="BA223" s="203" t="str">
        <f t="shared" si="118"/>
        <v/>
      </c>
      <c r="BB223" s="203" t="str">
        <f t="shared" si="119"/>
        <v/>
      </c>
      <c r="BC223" s="203" t="str">
        <f t="shared" si="120"/>
        <v/>
      </c>
      <c r="BD223" s="203" t="str">
        <f t="shared" si="121"/>
        <v/>
      </c>
      <c r="BE223" s="203" t="str">
        <f t="shared" si="122"/>
        <v/>
      </c>
      <c r="BF223" s="203" t="str">
        <f t="shared" si="123"/>
        <v/>
      </c>
      <c r="BG223" s="203" t="str">
        <f t="shared" si="124"/>
        <v/>
      </c>
      <c r="BH223" s="203" t="str">
        <f t="shared" si="125"/>
        <v/>
      </c>
      <c r="BI223" s="203" t="str">
        <f t="shared" si="126"/>
        <v/>
      </c>
      <c r="BJ223" s="203" t="str">
        <f t="shared" si="127"/>
        <v/>
      </c>
      <c r="BK223" s="203">
        <f t="shared" si="128"/>
        <v>19136.934537342702</v>
      </c>
      <c r="BL223" s="203" t="str">
        <f t="shared" si="129"/>
        <v/>
      </c>
      <c r="BM223" s="203" t="str">
        <f t="shared" si="130"/>
        <v/>
      </c>
      <c r="BN223" s="203" t="str">
        <f t="shared" si="131"/>
        <v/>
      </c>
      <c r="BO223" s="203" t="str">
        <f t="shared" si="132"/>
        <v/>
      </c>
      <c r="BP223" s="203" t="str">
        <f t="shared" si="133"/>
        <v/>
      </c>
      <c r="BQ223" s="203" t="str">
        <f t="shared" si="134"/>
        <v/>
      </c>
      <c r="BR223" s="203" t="str">
        <f t="shared" si="135"/>
        <v/>
      </c>
      <c r="BS223" s="203" t="str">
        <f t="shared" si="136"/>
        <v/>
      </c>
      <c r="BT223" s="203" t="str">
        <f t="shared" si="137"/>
        <v/>
      </c>
      <c r="BU223" s="203" t="str">
        <f t="shared" si="138"/>
        <v/>
      </c>
      <c r="BV223" s="203" t="str">
        <f t="shared" si="139"/>
        <v/>
      </c>
      <c r="BW223" s="203" t="str">
        <f t="shared" si="140"/>
        <v/>
      </c>
      <c r="BX223" s="203" t="str">
        <f t="shared" si="141"/>
        <v/>
      </c>
      <c r="BY223" s="203" t="str">
        <f t="shared" si="142"/>
        <v/>
      </c>
      <c r="BZ223" s="203" t="str">
        <f t="shared" si="143"/>
        <v/>
      </c>
      <c r="CA223" s="203" t="str">
        <f t="shared" si="144"/>
        <v/>
      </c>
      <c r="CB223" s="203" t="str">
        <f t="shared" si="145"/>
        <v/>
      </c>
      <c r="CC223" s="203" t="str">
        <f t="shared" si="146"/>
        <v/>
      </c>
      <c r="CD223" s="200"/>
      <c r="CE223" s="200"/>
      <c r="CF223" s="200"/>
    </row>
    <row r="224" spans="1:84" s="168" customFormat="1" ht="56.1" hidden="1" customHeight="1" x14ac:dyDescent="0.2">
      <c r="A224" s="154">
        <v>222</v>
      </c>
      <c r="B224" s="155" t="s">
        <v>53</v>
      </c>
      <c r="C224" s="165" t="s">
        <v>329</v>
      </c>
      <c r="D224" s="156" t="s">
        <v>456</v>
      </c>
      <c r="E224" s="156" t="s">
        <v>369</v>
      </c>
      <c r="F224" s="166" t="s">
        <v>479</v>
      </c>
      <c r="G224" s="156" t="s">
        <v>58</v>
      </c>
      <c r="H224" s="156" t="s">
        <v>26</v>
      </c>
      <c r="I224" s="156" t="s">
        <v>81</v>
      </c>
      <c r="J224" s="156" t="s">
        <v>334</v>
      </c>
      <c r="K224" s="156" t="s">
        <v>159</v>
      </c>
      <c r="L224" s="156" t="s">
        <v>63</v>
      </c>
      <c r="M224" s="156" t="s">
        <v>63</v>
      </c>
      <c r="N224" s="157">
        <f>'[1]Hemel Hempstead'!$BL$16</f>
        <v>40877.249544133752</v>
      </c>
      <c r="O224" s="157">
        <f t="shared" si="147"/>
        <v>40877.249544133752</v>
      </c>
      <c r="P224" s="156" t="s">
        <v>226</v>
      </c>
      <c r="Q224" s="156" t="s">
        <v>82</v>
      </c>
      <c r="R224" s="167"/>
      <c r="S224" s="167"/>
      <c r="T224" s="167"/>
      <c r="U224" s="167"/>
      <c r="V224" s="167"/>
      <c r="W224" s="161"/>
      <c r="X224" s="167"/>
      <c r="Y224" s="167"/>
      <c r="Z224" s="167"/>
      <c r="AA224" s="167" t="s">
        <v>66</v>
      </c>
      <c r="AB224" s="167"/>
      <c r="AC224" s="167"/>
      <c r="AD224" s="167"/>
      <c r="AE224" s="167"/>
      <c r="AF224" s="167"/>
      <c r="AG224" s="167"/>
      <c r="AH224" s="167"/>
      <c r="AI224" s="167"/>
      <c r="AJ224" s="167"/>
      <c r="AK224" s="167"/>
      <c r="AL224" s="167"/>
      <c r="AM224" s="167"/>
      <c r="AN224" s="167"/>
      <c r="AO224" s="167"/>
      <c r="AP224" s="167"/>
      <c r="AQ224" s="167"/>
      <c r="AR224" s="167"/>
      <c r="AS224" s="167"/>
      <c r="AT224" s="167"/>
      <c r="AU224" s="167"/>
      <c r="AV224" s="167"/>
      <c r="AW224" s="160">
        <f t="shared" si="113"/>
        <v>500</v>
      </c>
      <c r="AX224" s="158">
        <f t="shared" si="115"/>
        <v>81.754499088267508</v>
      </c>
      <c r="AY224" s="161" t="str">
        <f t="shared" si="116"/>
        <v/>
      </c>
      <c r="AZ224" s="161" t="str">
        <f t="shared" si="117"/>
        <v/>
      </c>
      <c r="BA224" s="161" t="str">
        <f t="shared" si="118"/>
        <v/>
      </c>
      <c r="BB224" s="161" t="str">
        <f t="shared" si="119"/>
        <v/>
      </c>
      <c r="BC224" s="161" t="str">
        <f t="shared" si="120"/>
        <v/>
      </c>
      <c r="BD224" s="161" t="str">
        <f t="shared" si="121"/>
        <v/>
      </c>
      <c r="BE224" s="161" t="str">
        <f t="shared" si="122"/>
        <v/>
      </c>
      <c r="BF224" s="161" t="str">
        <f t="shared" si="123"/>
        <v/>
      </c>
      <c r="BG224" s="161" t="str">
        <f t="shared" si="124"/>
        <v/>
      </c>
      <c r="BH224" s="161">
        <f t="shared" si="125"/>
        <v>40877.249544133752</v>
      </c>
      <c r="BI224" s="161" t="str">
        <f t="shared" si="126"/>
        <v/>
      </c>
      <c r="BJ224" s="161" t="str">
        <f t="shared" si="127"/>
        <v/>
      </c>
      <c r="BK224" s="161" t="str">
        <f t="shared" si="128"/>
        <v/>
      </c>
      <c r="BL224" s="161" t="str">
        <f t="shared" si="129"/>
        <v/>
      </c>
      <c r="BM224" s="161" t="str">
        <f t="shared" si="130"/>
        <v/>
      </c>
      <c r="BN224" s="161" t="str">
        <f t="shared" si="131"/>
        <v/>
      </c>
      <c r="BO224" s="161" t="str">
        <f t="shared" si="132"/>
        <v/>
      </c>
      <c r="BP224" s="161" t="str">
        <f t="shared" si="133"/>
        <v/>
      </c>
      <c r="BQ224" s="161" t="str">
        <f t="shared" si="134"/>
        <v/>
      </c>
      <c r="BR224" s="161" t="str">
        <f t="shared" si="135"/>
        <v/>
      </c>
      <c r="BS224" s="161" t="str">
        <f t="shared" si="136"/>
        <v/>
      </c>
      <c r="BT224" s="161" t="str">
        <f t="shared" si="137"/>
        <v/>
      </c>
      <c r="BU224" s="161" t="str">
        <f t="shared" si="138"/>
        <v/>
      </c>
      <c r="BV224" s="161" t="str">
        <f t="shared" si="139"/>
        <v/>
      </c>
      <c r="BW224" s="161" t="str">
        <f t="shared" si="140"/>
        <v/>
      </c>
      <c r="BX224" s="161" t="str">
        <f t="shared" si="141"/>
        <v/>
      </c>
      <c r="BY224" s="161" t="str">
        <f t="shared" si="142"/>
        <v/>
      </c>
      <c r="BZ224" s="161" t="str">
        <f t="shared" si="143"/>
        <v/>
      </c>
      <c r="CA224" s="161" t="str">
        <f t="shared" si="144"/>
        <v/>
      </c>
      <c r="CB224" s="161" t="str">
        <f t="shared" si="145"/>
        <v/>
      </c>
      <c r="CC224" s="161" t="str">
        <f t="shared" si="146"/>
        <v/>
      </c>
      <c r="CD224" s="156"/>
      <c r="CE224" s="156"/>
      <c r="CF224" s="156"/>
    </row>
    <row r="225" spans="1:84" s="168" customFormat="1" ht="56.1" hidden="1" customHeight="1" x14ac:dyDescent="0.2">
      <c r="A225" s="154">
        <v>223</v>
      </c>
      <c r="B225" s="155" t="s">
        <v>53</v>
      </c>
      <c r="C225" s="165" t="s">
        <v>329</v>
      </c>
      <c r="D225" s="156" t="s">
        <v>456</v>
      </c>
      <c r="E225" s="156" t="s">
        <v>369</v>
      </c>
      <c r="F225" s="166" t="s">
        <v>481</v>
      </c>
      <c r="G225" s="156" t="s">
        <v>58</v>
      </c>
      <c r="H225" s="156" t="s">
        <v>27</v>
      </c>
      <c r="I225" s="156" t="s">
        <v>81</v>
      </c>
      <c r="J225" s="156" t="s">
        <v>334</v>
      </c>
      <c r="K225" s="156" t="s">
        <v>390</v>
      </c>
      <c r="L225" s="156" t="s">
        <v>63</v>
      </c>
      <c r="M225" s="156" t="s">
        <v>63</v>
      </c>
      <c r="N225" s="157">
        <f>'[1]Hemel Hempstead'!$BG$16</f>
        <v>61312.289808847534</v>
      </c>
      <c r="O225" s="157">
        <f t="shared" si="147"/>
        <v>61312.289808847534</v>
      </c>
      <c r="P225" s="156" t="s">
        <v>226</v>
      </c>
      <c r="Q225" s="156" t="s">
        <v>82</v>
      </c>
      <c r="R225" s="167"/>
      <c r="S225" s="167"/>
      <c r="T225" s="167"/>
      <c r="U225" s="167"/>
      <c r="V225" s="167"/>
      <c r="W225" s="161"/>
      <c r="X225" s="167"/>
      <c r="Y225" s="167"/>
      <c r="Z225" s="167"/>
      <c r="AA225" s="167"/>
      <c r="AB225" s="167" t="s">
        <v>66</v>
      </c>
      <c r="AC225" s="167"/>
      <c r="AD225" s="167"/>
      <c r="AE225" s="167"/>
      <c r="AF225" s="167"/>
      <c r="AG225" s="167"/>
      <c r="AH225" s="167"/>
      <c r="AI225" s="167"/>
      <c r="AJ225" s="167"/>
      <c r="AK225" s="167"/>
      <c r="AL225" s="167"/>
      <c r="AM225" s="167"/>
      <c r="AN225" s="167"/>
      <c r="AO225" s="167"/>
      <c r="AP225" s="167"/>
      <c r="AQ225" s="167"/>
      <c r="AR225" s="167"/>
      <c r="AS225" s="167"/>
      <c r="AT225" s="167"/>
      <c r="AU225" s="167"/>
      <c r="AV225" s="167"/>
      <c r="AW225" s="160">
        <f t="shared" si="113"/>
        <v>750</v>
      </c>
      <c r="AX225" s="158">
        <f t="shared" si="115"/>
        <v>81.749719745130051</v>
      </c>
      <c r="AY225" s="161" t="str">
        <f t="shared" si="116"/>
        <v/>
      </c>
      <c r="AZ225" s="161" t="str">
        <f t="shared" si="117"/>
        <v/>
      </c>
      <c r="BA225" s="161" t="str">
        <f t="shared" si="118"/>
        <v/>
      </c>
      <c r="BB225" s="161" t="str">
        <f t="shared" si="119"/>
        <v/>
      </c>
      <c r="BC225" s="161" t="str">
        <f t="shared" si="120"/>
        <v/>
      </c>
      <c r="BD225" s="161" t="str">
        <f t="shared" si="121"/>
        <v/>
      </c>
      <c r="BE225" s="161" t="str">
        <f t="shared" si="122"/>
        <v/>
      </c>
      <c r="BF225" s="161" t="str">
        <f t="shared" si="123"/>
        <v/>
      </c>
      <c r="BG225" s="161" t="str">
        <f t="shared" si="124"/>
        <v/>
      </c>
      <c r="BH225" s="161" t="str">
        <f t="shared" si="125"/>
        <v/>
      </c>
      <c r="BI225" s="161">
        <f t="shared" si="126"/>
        <v>61312.289808847541</v>
      </c>
      <c r="BJ225" s="161" t="str">
        <f t="shared" si="127"/>
        <v/>
      </c>
      <c r="BK225" s="161" t="str">
        <f t="shared" si="128"/>
        <v/>
      </c>
      <c r="BL225" s="161" t="str">
        <f t="shared" si="129"/>
        <v/>
      </c>
      <c r="BM225" s="161" t="str">
        <f t="shared" si="130"/>
        <v/>
      </c>
      <c r="BN225" s="161" t="str">
        <f t="shared" si="131"/>
        <v/>
      </c>
      <c r="BO225" s="161" t="str">
        <f t="shared" si="132"/>
        <v/>
      </c>
      <c r="BP225" s="161" t="str">
        <f t="shared" si="133"/>
        <v/>
      </c>
      <c r="BQ225" s="161" t="str">
        <f t="shared" si="134"/>
        <v/>
      </c>
      <c r="BR225" s="161" t="str">
        <f t="shared" si="135"/>
        <v/>
      </c>
      <c r="BS225" s="161" t="str">
        <f t="shared" si="136"/>
        <v/>
      </c>
      <c r="BT225" s="161" t="str">
        <f t="shared" si="137"/>
        <v/>
      </c>
      <c r="BU225" s="161" t="str">
        <f t="shared" si="138"/>
        <v/>
      </c>
      <c r="BV225" s="161" t="str">
        <f t="shared" si="139"/>
        <v/>
      </c>
      <c r="BW225" s="161" t="str">
        <f t="shared" si="140"/>
        <v/>
      </c>
      <c r="BX225" s="161" t="str">
        <f t="shared" si="141"/>
        <v/>
      </c>
      <c r="BY225" s="161" t="str">
        <f t="shared" si="142"/>
        <v/>
      </c>
      <c r="BZ225" s="161" t="str">
        <f t="shared" si="143"/>
        <v/>
      </c>
      <c r="CA225" s="161" t="str">
        <f t="shared" si="144"/>
        <v/>
      </c>
      <c r="CB225" s="161" t="str">
        <f t="shared" si="145"/>
        <v/>
      </c>
      <c r="CC225" s="161" t="str">
        <f t="shared" si="146"/>
        <v/>
      </c>
      <c r="CD225" s="156"/>
      <c r="CE225" s="156"/>
      <c r="CF225" s="156"/>
    </row>
    <row r="226" spans="1:84" s="168" customFormat="1" ht="56.1" hidden="1" customHeight="1" x14ac:dyDescent="0.2">
      <c r="A226" s="154">
        <v>224</v>
      </c>
      <c r="B226" s="155" t="s">
        <v>53</v>
      </c>
      <c r="C226" s="165" t="s">
        <v>329</v>
      </c>
      <c r="D226" s="156" t="s">
        <v>456</v>
      </c>
      <c r="E226" s="156" t="s">
        <v>369</v>
      </c>
      <c r="F226" s="166" t="s">
        <v>476</v>
      </c>
      <c r="G226" s="156" t="s">
        <v>58</v>
      </c>
      <c r="H226" s="156" t="s">
        <v>127</v>
      </c>
      <c r="I226" s="156" t="s">
        <v>81</v>
      </c>
      <c r="J226" s="156" t="s">
        <v>334</v>
      </c>
      <c r="K226" s="156" t="s">
        <v>187</v>
      </c>
      <c r="L226" s="156" t="s">
        <v>63</v>
      </c>
      <c r="M226" s="156" t="s">
        <v>63</v>
      </c>
      <c r="N226" s="157">
        <f>'[1]Hemel Hempstead'!$BQ$16</f>
        <v>28614.409958917553</v>
      </c>
      <c r="O226" s="157">
        <f t="shared" si="147"/>
        <v>28614.409958917553</v>
      </c>
      <c r="P226" s="156" t="s">
        <v>226</v>
      </c>
      <c r="Q226" s="156" t="s">
        <v>82</v>
      </c>
      <c r="R226" s="167"/>
      <c r="S226" s="167"/>
      <c r="T226" s="167"/>
      <c r="U226" s="167"/>
      <c r="V226" s="167"/>
      <c r="W226" s="161"/>
      <c r="X226" s="167"/>
      <c r="Y226" s="167"/>
      <c r="Z226" s="167"/>
      <c r="AA226" s="167"/>
      <c r="AB226" s="167"/>
      <c r="AC226" s="167"/>
      <c r="AD226" s="167"/>
      <c r="AE226" s="167" t="s">
        <v>66</v>
      </c>
      <c r="AF226" s="167"/>
      <c r="AG226" s="167"/>
      <c r="AH226" s="167"/>
      <c r="AI226" s="167"/>
      <c r="AJ226" s="167"/>
      <c r="AK226" s="167"/>
      <c r="AL226" s="167"/>
      <c r="AM226" s="167"/>
      <c r="AN226" s="167"/>
      <c r="AO226" s="167"/>
      <c r="AP226" s="167"/>
      <c r="AQ226" s="167"/>
      <c r="AR226" s="167"/>
      <c r="AS226" s="167"/>
      <c r="AT226" s="167"/>
      <c r="AU226" s="167"/>
      <c r="AV226" s="167"/>
      <c r="AW226" s="160">
        <f t="shared" si="113"/>
        <v>350</v>
      </c>
      <c r="AX226" s="158">
        <f t="shared" si="115"/>
        <v>81.755457025478719</v>
      </c>
      <c r="AY226" s="161" t="str">
        <f t="shared" si="116"/>
        <v/>
      </c>
      <c r="AZ226" s="161" t="str">
        <f t="shared" si="117"/>
        <v/>
      </c>
      <c r="BA226" s="161" t="str">
        <f t="shared" si="118"/>
        <v/>
      </c>
      <c r="BB226" s="161" t="str">
        <f t="shared" si="119"/>
        <v/>
      </c>
      <c r="BC226" s="161" t="str">
        <f t="shared" si="120"/>
        <v/>
      </c>
      <c r="BD226" s="161" t="str">
        <f t="shared" si="121"/>
        <v/>
      </c>
      <c r="BE226" s="161" t="str">
        <f t="shared" si="122"/>
        <v/>
      </c>
      <c r="BF226" s="161" t="str">
        <f t="shared" si="123"/>
        <v/>
      </c>
      <c r="BG226" s="161" t="str">
        <f t="shared" si="124"/>
        <v/>
      </c>
      <c r="BH226" s="161" t="str">
        <f t="shared" si="125"/>
        <v/>
      </c>
      <c r="BI226" s="161" t="str">
        <f t="shared" si="126"/>
        <v/>
      </c>
      <c r="BJ226" s="161" t="str">
        <f t="shared" si="127"/>
        <v/>
      </c>
      <c r="BK226" s="161" t="str">
        <f t="shared" si="128"/>
        <v/>
      </c>
      <c r="BL226" s="161">
        <f t="shared" si="129"/>
        <v>28614.409958917553</v>
      </c>
      <c r="BM226" s="161" t="str">
        <f t="shared" si="130"/>
        <v/>
      </c>
      <c r="BN226" s="161" t="str">
        <f t="shared" si="131"/>
        <v/>
      </c>
      <c r="BO226" s="161" t="str">
        <f t="shared" si="132"/>
        <v/>
      </c>
      <c r="BP226" s="161" t="str">
        <f t="shared" si="133"/>
        <v/>
      </c>
      <c r="BQ226" s="161" t="str">
        <f t="shared" si="134"/>
        <v/>
      </c>
      <c r="BR226" s="161" t="str">
        <f t="shared" si="135"/>
        <v/>
      </c>
      <c r="BS226" s="161" t="str">
        <f t="shared" si="136"/>
        <v/>
      </c>
      <c r="BT226" s="161" t="str">
        <f t="shared" si="137"/>
        <v/>
      </c>
      <c r="BU226" s="161" t="str">
        <f t="shared" si="138"/>
        <v/>
      </c>
      <c r="BV226" s="161" t="str">
        <f t="shared" si="139"/>
        <v/>
      </c>
      <c r="BW226" s="161" t="str">
        <f t="shared" si="140"/>
        <v/>
      </c>
      <c r="BX226" s="161" t="str">
        <f t="shared" si="141"/>
        <v/>
      </c>
      <c r="BY226" s="161" t="str">
        <f t="shared" si="142"/>
        <v/>
      </c>
      <c r="BZ226" s="161" t="str">
        <f t="shared" si="143"/>
        <v/>
      </c>
      <c r="CA226" s="161" t="str">
        <f t="shared" si="144"/>
        <v/>
      </c>
      <c r="CB226" s="161" t="str">
        <f t="shared" si="145"/>
        <v/>
      </c>
      <c r="CC226" s="161" t="str">
        <f t="shared" si="146"/>
        <v/>
      </c>
      <c r="CD226" s="156"/>
      <c r="CE226" s="156"/>
      <c r="CF226" s="156"/>
    </row>
    <row r="227" spans="1:84" s="168" customFormat="1" ht="56.1" hidden="1" customHeight="1" x14ac:dyDescent="0.2">
      <c r="A227" s="154">
        <v>225</v>
      </c>
      <c r="B227" s="155" t="s">
        <v>53</v>
      </c>
      <c r="C227" s="165" t="s">
        <v>329</v>
      </c>
      <c r="D227" s="156" t="s">
        <v>456</v>
      </c>
      <c r="E227" s="156" t="s">
        <v>369</v>
      </c>
      <c r="F227" s="166" t="s">
        <v>468</v>
      </c>
      <c r="G227" s="156" t="s">
        <v>58</v>
      </c>
      <c r="H227" s="156" t="s">
        <v>31</v>
      </c>
      <c r="I227" s="156" t="s">
        <v>81</v>
      </c>
      <c r="J227" s="156" t="s">
        <v>334</v>
      </c>
      <c r="K227" s="156" t="s">
        <v>392</v>
      </c>
      <c r="L227" s="156" t="s">
        <v>63</v>
      </c>
      <c r="M227" s="156" t="s">
        <v>63</v>
      </c>
      <c r="N227" s="157">
        <f>'[1]Hemel Hempstead'!$BV$16</f>
        <v>7362.4970431627389</v>
      </c>
      <c r="O227" s="157">
        <f t="shared" si="147"/>
        <v>7362.4970431627389</v>
      </c>
      <c r="P227" s="156" t="s">
        <v>226</v>
      </c>
      <c r="Q227" s="156" t="s">
        <v>82</v>
      </c>
      <c r="R227" s="167"/>
      <c r="S227" s="167"/>
      <c r="T227" s="167"/>
      <c r="U227" s="167"/>
      <c r="V227" s="167"/>
      <c r="W227" s="161"/>
      <c r="X227" s="167"/>
      <c r="Y227" s="167"/>
      <c r="Z227" s="167"/>
      <c r="AA227" s="167"/>
      <c r="AB227" s="167"/>
      <c r="AC227" s="167"/>
      <c r="AD227" s="167"/>
      <c r="AE227" s="167"/>
      <c r="AF227" s="167" t="s">
        <v>66</v>
      </c>
      <c r="AG227" s="167"/>
      <c r="AH227" s="167"/>
      <c r="AI227" s="167"/>
      <c r="AJ227" s="167"/>
      <c r="AK227" s="167"/>
      <c r="AL227" s="167"/>
      <c r="AM227" s="167"/>
      <c r="AN227" s="167"/>
      <c r="AO227" s="167"/>
      <c r="AP227" s="167"/>
      <c r="AQ227" s="167"/>
      <c r="AR227" s="167"/>
      <c r="AS227" s="167"/>
      <c r="AT227" s="167"/>
      <c r="AU227" s="167"/>
      <c r="AV227" s="167"/>
      <c r="AW227" s="160">
        <f t="shared" si="113"/>
        <v>90</v>
      </c>
      <c r="AX227" s="158">
        <f t="shared" ref="AX227:AX258" si="148">O227/AW227</f>
        <v>81.805522701808215</v>
      </c>
      <c r="AY227" s="161" t="str">
        <f t="shared" si="116"/>
        <v/>
      </c>
      <c r="AZ227" s="161" t="str">
        <f t="shared" si="117"/>
        <v/>
      </c>
      <c r="BA227" s="161" t="str">
        <f t="shared" si="118"/>
        <v/>
      </c>
      <c r="BB227" s="161" t="str">
        <f t="shared" si="119"/>
        <v/>
      </c>
      <c r="BC227" s="161" t="str">
        <f t="shared" si="120"/>
        <v/>
      </c>
      <c r="BD227" s="161" t="str">
        <f t="shared" si="121"/>
        <v/>
      </c>
      <c r="BE227" s="161" t="str">
        <f t="shared" si="122"/>
        <v/>
      </c>
      <c r="BF227" s="161" t="str">
        <f t="shared" si="123"/>
        <v/>
      </c>
      <c r="BG227" s="161" t="str">
        <f t="shared" si="124"/>
        <v/>
      </c>
      <c r="BH227" s="161" t="str">
        <f t="shared" si="125"/>
        <v/>
      </c>
      <c r="BI227" s="161" t="str">
        <f t="shared" si="126"/>
        <v/>
      </c>
      <c r="BJ227" s="161" t="str">
        <f t="shared" si="127"/>
        <v/>
      </c>
      <c r="BK227" s="161" t="str">
        <f t="shared" si="128"/>
        <v/>
      </c>
      <c r="BL227" s="161" t="str">
        <f t="shared" si="129"/>
        <v/>
      </c>
      <c r="BM227" s="161">
        <f t="shared" si="130"/>
        <v>7362.4970431627389</v>
      </c>
      <c r="BN227" s="161" t="str">
        <f t="shared" si="131"/>
        <v/>
      </c>
      <c r="BO227" s="161" t="str">
        <f t="shared" si="132"/>
        <v/>
      </c>
      <c r="BP227" s="161" t="str">
        <f t="shared" si="133"/>
        <v/>
      </c>
      <c r="BQ227" s="161" t="str">
        <f t="shared" si="134"/>
        <v/>
      </c>
      <c r="BR227" s="161" t="str">
        <f t="shared" si="135"/>
        <v/>
      </c>
      <c r="BS227" s="161" t="str">
        <f t="shared" si="136"/>
        <v/>
      </c>
      <c r="BT227" s="161" t="str">
        <f t="shared" si="137"/>
        <v/>
      </c>
      <c r="BU227" s="161" t="str">
        <f t="shared" si="138"/>
        <v/>
      </c>
      <c r="BV227" s="161" t="str">
        <f t="shared" si="139"/>
        <v/>
      </c>
      <c r="BW227" s="161" t="str">
        <f t="shared" si="140"/>
        <v/>
      </c>
      <c r="BX227" s="161" t="str">
        <f t="shared" si="141"/>
        <v/>
      </c>
      <c r="BY227" s="161" t="str">
        <f t="shared" si="142"/>
        <v/>
      </c>
      <c r="BZ227" s="161" t="str">
        <f t="shared" si="143"/>
        <v/>
      </c>
      <c r="CA227" s="161" t="str">
        <f t="shared" si="144"/>
        <v/>
      </c>
      <c r="CB227" s="161" t="str">
        <f t="shared" si="145"/>
        <v/>
      </c>
      <c r="CC227" s="161" t="str">
        <f t="shared" si="146"/>
        <v/>
      </c>
      <c r="CD227" s="156"/>
      <c r="CE227" s="156"/>
      <c r="CF227" s="156"/>
    </row>
    <row r="228" spans="1:84" s="168" customFormat="1" ht="56.1" hidden="1" customHeight="1" x14ac:dyDescent="0.2">
      <c r="A228" s="154">
        <v>226</v>
      </c>
      <c r="B228" s="155" t="s">
        <v>53</v>
      </c>
      <c r="C228" s="165" t="s">
        <v>329</v>
      </c>
      <c r="D228" s="156" t="s">
        <v>456</v>
      </c>
      <c r="E228" s="156" t="s">
        <v>369</v>
      </c>
      <c r="F228" s="166" t="s">
        <v>471</v>
      </c>
      <c r="G228" s="156" t="s">
        <v>58</v>
      </c>
      <c r="H228" s="156" t="s">
        <v>327</v>
      </c>
      <c r="I228" s="156" t="s">
        <v>81</v>
      </c>
      <c r="J228" s="156" t="s">
        <v>334</v>
      </c>
      <c r="K228" s="156" t="s">
        <v>377</v>
      </c>
      <c r="L228" s="156" t="s">
        <v>63</v>
      </c>
      <c r="M228" s="156" t="s">
        <v>63</v>
      </c>
      <c r="N228" s="157">
        <f>'[1]Hemel Hempstead'!$CA$16</f>
        <v>6542.2167403967242</v>
      </c>
      <c r="O228" s="157">
        <f t="shared" si="147"/>
        <v>6542.2167403967242</v>
      </c>
      <c r="P228" s="156" t="s">
        <v>226</v>
      </c>
      <c r="Q228" s="156" t="s">
        <v>82</v>
      </c>
      <c r="R228" s="167"/>
      <c r="S228" s="167"/>
      <c r="T228" s="167"/>
      <c r="U228" s="167"/>
      <c r="V228" s="167"/>
      <c r="W228" s="161"/>
      <c r="X228" s="167"/>
      <c r="Y228" s="167"/>
      <c r="Z228" s="167"/>
      <c r="AA228" s="167"/>
      <c r="AB228" s="167"/>
      <c r="AC228" s="167"/>
      <c r="AD228" s="167"/>
      <c r="AE228" s="167"/>
      <c r="AF228" s="167"/>
      <c r="AG228" s="167" t="s">
        <v>66</v>
      </c>
      <c r="AH228" s="167"/>
      <c r="AI228" s="167"/>
      <c r="AJ228" s="167"/>
      <c r="AK228" s="167"/>
      <c r="AL228" s="167"/>
      <c r="AM228" s="167"/>
      <c r="AN228" s="167"/>
      <c r="AO228" s="167"/>
      <c r="AP228" s="167"/>
      <c r="AQ228" s="167"/>
      <c r="AR228" s="167"/>
      <c r="AS228" s="167"/>
      <c r="AT228" s="167"/>
      <c r="AU228" s="167"/>
      <c r="AV228" s="167"/>
      <c r="AW228" s="160">
        <f t="shared" si="113"/>
        <v>80</v>
      </c>
      <c r="AX228" s="158">
        <f t="shared" si="148"/>
        <v>81.777709254959049</v>
      </c>
      <c r="AY228" s="161" t="str">
        <f t="shared" si="116"/>
        <v/>
      </c>
      <c r="AZ228" s="161" t="str">
        <f t="shared" si="117"/>
        <v/>
      </c>
      <c r="BA228" s="161" t="str">
        <f t="shared" si="118"/>
        <v/>
      </c>
      <c r="BB228" s="161" t="str">
        <f t="shared" si="119"/>
        <v/>
      </c>
      <c r="BC228" s="161" t="str">
        <f t="shared" si="120"/>
        <v/>
      </c>
      <c r="BD228" s="161" t="str">
        <f t="shared" si="121"/>
        <v/>
      </c>
      <c r="BE228" s="161" t="str">
        <f t="shared" si="122"/>
        <v/>
      </c>
      <c r="BF228" s="161" t="str">
        <f t="shared" si="123"/>
        <v/>
      </c>
      <c r="BG228" s="161" t="str">
        <f t="shared" si="124"/>
        <v/>
      </c>
      <c r="BH228" s="161" t="str">
        <f t="shared" si="125"/>
        <v/>
      </c>
      <c r="BI228" s="161" t="str">
        <f t="shared" si="126"/>
        <v/>
      </c>
      <c r="BJ228" s="161" t="str">
        <f t="shared" si="127"/>
        <v/>
      </c>
      <c r="BK228" s="161" t="str">
        <f t="shared" si="128"/>
        <v/>
      </c>
      <c r="BL228" s="161" t="str">
        <f t="shared" si="129"/>
        <v/>
      </c>
      <c r="BM228" s="161" t="str">
        <f t="shared" si="130"/>
        <v/>
      </c>
      <c r="BN228" s="161">
        <f t="shared" si="131"/>
        <v>6542.2167403967242</v>
      </c>
      <c r="BO228" s="161" t="str">
        <f t="shared" si="132"/>
        <v/>
      </c>
      <c r="BP228" s="161" t="str">
        <f t="shared" si="133"/>
        <v/>
      </c>
      <c r="BQ228" s="161" t="str">
        <f t="shared" si="134"/>
        <v/>
      </c>
      <c r="BR228" s="161" t="str">
        <f t="shared" si="135"/>
        <v/>
      </c>
      <c r="BS228" s="161" t="str">
        <f t="shared" si="136"/>
        <v/>
      </c>
      <c r="BT228" s="161" t="str">
        <f t="shared" si="137"/>
        <v/>
      </c>
      <c r="BU228" s="161" t="str">
        <f t="shared" si="138"/>
        <v/>
      </c>
      <c r="BV228" s="161" t="str">
        <f t="shared" si="139"/>
        <v/>
      </c>
      <c r="BW228" s="161" t="str">
        <f t="shared" si="140"/>
        <v/>
      </c>
      <c r="BX228" s="161" t="str">
        <f t="shared" si="141"/>
        <v/>
      </c>
      <c r="BY228" s="161" t="str">
        <f t="shared" si="142"/>
        <v/>
      </c>
      <c r="BZ228" s="161" t="str">
        <f t="shared" si="143"/>
        <v/>
      </c>
      <c r="CA228" s="161" t="str">
        <f t="shared" si="144"/>
        <v/>
      </c>
      <c r="CB228" s="161" t="str">
        <f t="shared" si="145"/>
        <v/>
      </c>
      <c r="CC228" s="161" t="str">
        <f t="shared" si="146"/>
        <v/>
      </c>
      <c r="CD228" s="156"/>
      <c r="CE228" s="156"/>
      <c r="CF228" s="156"/>
    </row>
    <row r="229" spans="1:84" s="168" customFormat="1" ht="56.1" hidden="1" customHeight="1" x14ac:dyDescent="0.2">
      <c r="A229" s="154">
        <v>227</v>
      </c>
      <c r="B229" s="155" t="s">
        <v>53</v>
      </c>
      <c r="C229" s="165" t="s">
        <v>329</v>
      </c>
      <c r="D229" s="156" t="s">
        <v>456</v>
      </c>
      <c r="E229" s="156" t="s">
        <v>369</v>
      </c>
      <c r="F229" s="166" t="s">
        <v>465</v>
      </c>
      <c r="G229" s="156" t="s">
        <v>58</v>
      </c>
      <c r="H229" s="156" t="s">
        <v>328</v>
      </c>
      <c r="I229" s="156" t="s">
        <v>81</v>
      </c>
      <c r="J229" s="156" t="s">
        <v>334</v>
      </c>
      <c r="K229" s="156" t="s">
        <v>395</v>
      </c>
      <c r="L229" s="156" t="s">
        <v>63</v>
      </c>
      <c r="M229" s="156" t="s">
        <v>63</v>
      </c>
      <c r="N229" s="157">
        <f>'[1]Hemel Hempstead'!$CF$16</f>
        <v>16349.866620361554</v>
      </c>
      <c r="O229" s="157">
        <f t="shared" si="147"/>
        <v>16349.866620361554</v>
      </c>
      <c r="P229" s="156" t="s">
        <v>226</v>
      </c>
      <c r="Q229" s="156" t="s">
        <v>82</v>
      </c>
      <c r="R229" s="167"/>
      <c r="S229" s="167"/>
      <c r="T229" s="167"/>
      <c r="U229" s="167"/>
      <c r="V229" s="167"/>
      <c r="W229" s="161"/>
      <c r="X229" s="167"/>
      <c r="Y229" s="167"/>
      <c r="Z229" s="167"/>
      <c r="AA229" s="167"/>
      <c r="AB229" s="167"/>
      <c r="AC229" s="167" t="s">
        <v>66</v>
      </c>
      <c r="AD229" s="167"/>
      <c r="AE229" s="167"/>
      <c r="AF229" s="167"/>
      <c r="AG229" s="167"/>
      <c r="AH229" s="167"/>
      <c r="AI229" s="167"/>
      <c r="AJ229" s="167"/>
      <c r="AK229" s="167"/>
      <c r="AL229" s="167"/>
      <c r="AM229" s="167"/>
      <c r="AN229" s="167"/>
      <c r="AO229" s="167"/>
      <c r="AP229" s="167"/>
      <c r="AQ229" s="167"/>
      <c r="AR229" s="167"/>
      <c r="AS229" s="167"/>
      <c r="AT229" s="167"/>
      <c r="AU229" s="167"/>
      <c r="AV229" s="167"/>
      <c r="AW229" s="160">
        <f t="shared" si="113"/>
        <v>200</v>
      </c>
      <c r="AX229" s="158">
        <f t="shared" si="148"/>
        <v>81.749333101807764</v>
      </c>
      <c r="AY229" s="161" t="str">
        <f t="shared" si="116"/>
        <v/>
      </c>
      <c r="AZ229" s="161" t="str">
        <f t="shared" si="117"/>
        <v/>
      </c>
      <c r="BA229" s="161" t="str">
        <f t="shared" si="118"/>
        <v/>
      </c>
      <c r="BB229" s="161" t="str">
        <f t="shared" si="119"/>
        <v/>
      </c>
      <c r="BC229" s="161" t="str">
        <f t="shared" si="120"/>
        <v/>
      </c>
      <c r="BD229" s="161" t="str">
        <f t="shared" si="121"/>
        <v/>
      </c>
      <c r="BE229" s="161" t="str">
        <f t="shared" si="122"/>
        <v/>
      </c>
      <c r="BF229" s="161" t="str">
        <f t="shared" si="123"/>
        <v/>
      </c>
      <c r="BG229" s="161" t="str">
        <f t="shared" si="124"/>
        <v/>
      </c>
      <c r="BH229" s="161" t="str">
        <f t="shared" si="125"/>
        <v/>
      </c>
      <c r="BI229" s="161" t="str">
        <f t="shared" si="126"/>
        <v/>
      </c>
      <c r="BJ229" s="161">
        <f t="shared" si="127"/>
        <v>16349.866620361552</v>
      </c>
      <c r="BK229" s="161" t="str">
        <f t="shared" si="128"/>
        <v/>
      </c>
      <c r="BL229" s="161" t="str">
        <f t="shared" si="129"/>
        <v/>
      </c>
      <c r="BM229" s="161" t="str">
        <f t="shared" si="130"/>
        <v/>
      </c>
      <c r="BN229" s="161" t="str">
        <f t="shared" si="131"/>
        <v/>
      </c>
      <c r="BO229" s="161" t="str">
        <f t="shared" si="132"/>
        <v/>
      </c>
      <c r="BP229" s="161" t="str">
        <f t="shared" si="133"/>
        <v/>
      </c>
      <c r="BQ229" s="161" t="str">
        <f t="shared" si="134"/>
        <v/>
      </c>
      <c r="BR229" s="161" t="str">
        <f t="shared" si="135"/>
        <v/>
      </c>
      <c r="BS229" s="161" t="str">
        <f t="shared" si="136"/>
        <v/>
      </c>
      <c r="BT229" s="161" t="str">
        <f t="shared" si="137"/>
        <v/>
      </c>
      <c r="BU229" s="161" t="str">
        <f t="shared" si="138"/>
        <v/>
      </c>
      <c r="BV229" s="161" t="str">
        <f t="shared" si="139"/>
        <v/>
      </c>
      <c r="BW229" s="161" t="str">
        <f t="shared" si="140"/>
        <v/>
      </c>
      <c r="BX229" s="161" t="str">
        <f t="shared" si="141"/>
        <v/>
      </c>
      <c r="BY229" s="161" t="str">
        <f t="shared" si="142"/>
        <v/>
      </c>
      <c r="BZ229" s="161" t="str">
        <f t="shared" si="143"/>
        <v/>
      </c>
      <c r="CA229" s="161" t="str">
        <f t="shared" si="144"/>
        <v/>
      </c>
      <c r="CB229" s="161" t="str">
        <f t="shared" si="145"/>
        <v/>
      </c>
      <c r="CC229" s="161" t="str">
        <f t="shared" si="146"/>
        <v/>
      </c>
      <c r="CD229" s="156"/>
      <c r="CE229" s="156"/>
      <c r="CF229" s="156"/>
    </row>
    <row r="230" spans="1:84" s="261" customFormat="1" ht="56.1" customHeight="1" x14ac:dyDescent="0.2">
      <c r="A230" s="228">
        <v>228</v>
      </c>
      <c r="B230" s="229" t="s">
        <v>53</v>
      </c>
      <c r="C230" s="230" t="s">
        <v>329</v>
      </c>
      <c r="D230" s="258" t="s">
        <v>482</v>
      </c>
      <c r="E230" s="258" t="s">
        <v>483</v>
      </c>
      <c r="F230" s="259" t="s">
        <v>484</v>
      </c>
      <c r="G230" s="258" t="s">
        <v>333</v>
      </c>
      <c r="H230" s="258" t="s">
        <v>63</v>
      </c>
      <c r="I230" s="258" t="s">
        <v>81</v>
      </c>
      <c r="J230" s="258" t="s">
        <v>334</v>
      </c>
      <c r="K230" s="258" t="s">
        <v>225</v>
      </c>
      <c r="L230" s="258" t="s">
        <v>63</v>
      </c>
      <c r="M230" s="258" t="s">
        <v>63</v>
      </c>
      <c r="N230" s="260">
        <v>216378</v>
      </c>
      <c r="O230" s="260">
        <f t="shared" si="112"/>
        <v>216378</v>
      </c>
      <c r="P230" s="258" t="s">
        <v>226</v>
      </c>
      <c r="Q230" s="258" t="s">
        <v>82</v>
      </c>
      <c r="R230" s="239" t="s">
        <v>66</v>
      </c>
      <c r="S230" s="262"/>
      <c r="T230" s="262"/>
      <c r="U230" s="262"/>
      <c r="V230" s="262"/>
      <c r="W230" s="262"/>
      <c r="X230" s="262"/>
      <c r="Y230" s="262"/>
      <c r="Z230" s="262"/>
      <c r="AA230" s="262"/>
      <c r="AB230" s="262"/>
      <c r="AC230" s="262"/>
      <c r="AD230" s="262"/>
      <c r="AE230" s="262"/>
      <c r="AF230" s="262"/>
      <c r="AG230" s="262"/>
      <c r="AH230" s="262"/>
      <c r="AI230" s="262"/>
      <c r="AJ230" s="262"/>
      <c r="AK230" s="262"/>
      <c r="AL230" s="262"/>
      <c r="AM230" s="262"/>
      <c r="AN230" s="262"/>
      <c r="AO230" s="262"/>
      <c r="AP230" s="262"/>
      <c r="AQ230" s="262"/>
      <c r="AR230" s="262"/>
      <c r="AS230" s="262"/>
      <c r="AT230" s="262"/>
      <c r="AU230" s="262"/>
      <c r="AV230" s="262"/>
      <c r="AW230" s="238">
        <f t="shared" si="113"/>
        <v>1500</v>
      </c>
      <c r="AX230" s="84">
        <f t="shared" si="148"/>
        <v>144.25200000000001</v>
      </c>
      <c r="AY230" s="239">
        <f t="shared" si="116"/>
        <v>216378</v>
      </c>
      <c r="AZ230" s="239" t="str">
        <f t="shared" si="117"/>
        <v/>
      </c>
      <c r="BA230" s="239" t="str">
        <f t="shared" si="118"/>
        <v/>
      </c>
      <c r="BB230" s="239" t="str">
        <f t="shared" si="119"/>
        <v/>
      </c>
      <c r="BC230" s="239" t="str">
        <f t="shared" si="120"/>
        <v/>
      </c>
      <c r="BD230" s="239" t="str">
        <f t="shared" si="121"/>
        <v/>
      </c>
      <c r="BE230" s="239" t="str">
        <f t="shared" si="122"/>
        <v/>
      </c>
      <c r="BF230" s="239" t="str">
        <f t="shared" si="123"/>
        <v/>
      </c>
      <c r="BG230" s="239" t="str">
        <f t="shared" si="124"/>
        <v/>
      </c>
      <c r="BH230" s="239" t="str">
        <f t="shared" si="125"/>
        <v/>
      </c>
      <c r="BI230" s="239" t="str">
        <f t="shared" si="126"/>
        <v/>
      </c>
      <c r="BJ230" s="239" t="str">
        <f t="shared" si="127"/>
        <v/>
      </c>
      <c r="BK230" s="239" t="str">
        <f t="shared" si="128"/>
        <v/>
      </c>
      <c r="BL230" s="239" t="str">
        <f t="shared" si="129"/>
        <v/>
      </c>
      <c r="BM230" s="239" t="str">
        <f t="shared" si="130"/>
        <v/>
      </c>
      <c r="BN230" s="239" t="str">
        <f t="shared" si="131"/>
        <v/>
      </c>
      <c r="BO230" s="239" t="str">
        <f t="shared" si="132"/>
        <v/>
      </c>
      <c r="BP230" s="239" t="str">
        <f t="shared" si="133"/>
        <v/>
      </c>
      <c r="BQ230" s="239" t="str">
        <f t="shared" si="134"/>
        <v/>
      </c>
      <c r="BR230" s="239" t="str">
        <f t="shared" si="135"/>
        <v/>
      </c>
      <c r="BS230" s="239" t="str">
        <f t="shared" si="136"/>
        <v/>
      </c>
      <c r="BT230" s="239" t="str">
        <f t="shared" si="137"/>
        <v/>
      </c>
      <c r="BU230" s="239" t="str">
        <f t="shared" si="138"/>
        <v/>
      </c>
      <c r="BV230" s="239" t="str">
        <f t="shared" si="139"/>
        <v/>
      </c>
      <c r="BW230" s="239" t="str">
        <f t="shared" si="140"/>
        <v/>
      </c>
      <c r="BX230" s="239" t="str">
        <f t="shared" si="141"/>
        <v/>
      </c>
      <c r="BY230" s="239" t="str">
        <f t="shared" si="142"/>
        <v/>
      </c>
      <c r="BZ230" s="239" t="str">
        <f t="shared" si="143"/>
        <v/>
      </c>
      <c r="CA230" s="239" t="str">
        <f t="shared" si="144"/>
        <v/>
      </c>
      <c r="CB230" s="239" t="str">
        <f t="shared" si="145"/>
        <v/>
      </c>
      <c r="CC230" s="239" t="str">
        <f t="shared" si="146"/>
        <v/>
      </c>
      <c r="CD230" s="258"/>
      <c r="CE230" s="258" t="s">
        <v>485</v>
      </c>
      <c r="CF230" s="258" t="s">
        <v>336</v>
      </c>
    </row>
    <row r="231" spans="1:84" s="318" customFormat="1" ht="56.1" hidden="1" customHeight="1" x14ac:dyDescent="0.2">
      <c r="A231" s="302">
        <v>229</v>
      </c>
      <c r="B231" s="24" t="s">
        <v>53</v>
      </c>
      <c r="C231" s="35" t="s">
        <v>329</v>
      </c>
      <c r="D231" s="303" t="s">
        <v>482</v>
      </c>
      <c r="E231" s="303" t="s">
        <v>483</v>
      </c>
      <c r="F231" s="316" t="s">
        <v>486</v>
      </c>
      <c r="G231" s="303" t="s">
        <v>90</v>
      </c>
      <c r="H231" s="303" t="s">
        <v>38</v>
      </c>
      <c r="I231" s="303" t="s">
        <v>81</v>
      </c>
      <c r="J231" s="303" t="s">
        <v>334</v>
      </c>
      <c r="K231" s="303" t="s">
        <v>339</v>
      </c>
      <c r="L231" s="303" t="s">
        <v>63</v>
      </c>
      <c r="M231" s="303" t="s">
        <v>63</v>
      </c>
      <c r="N231" s="304">
        <v>127131</v>
      </c>
      <c r="O231" s="304">
        <f t="shared" si="112"/>
        <v>127131</v>
      </c>
      <c r="P231" s="303" t="s">
        <v>226</v>
      </c>
      <c r="Q231" s="303" t="s">
        <v>82</v>
      </c>
      <c r="R231" s="317"/>
      <c r="S231" s="317"/>
      <c r="T231" s="317"/>
      <c r="U231" s="317"/>
      <c r="V231" s="317"/>
      <c r="W231" s="317"/>
      <c r="X231" s="317"/>
      <c r="Y231" s="317"/>
      <c r="Z231" s="317"/>
      <c r="AA231" s="317"/>
      <c r="AB231" s="317"/>
      <c r="AC231" s="317"/>
      <c r="AD231" s="317"/>
      <c r="AE231" s="317"/>
      <c r="AF231" s="317"/>
      <c r="AG231" s="317"/>
      <c r="AH231" s="317"/>
      <c r="AI231" s="317"/>
      <c r="AJ231" s="317"/>
      <c r="AK231" s="317"/>
      <c r="AL231" s="317"/>
      <c r="AM231" s="307" t="s">
        <v>66</v>
      </c>
      <c r="AN231" s="317"/>
      <c r="AO231" s="317"/>
      <c r="AP231" s="317"/>
      <c r="AQ231" s="317"/>
      <c r="AR231" s="317"/>
      <c r="AS231" s="317"/>
      <c r="AT231" s="317"/>
      <c r="AU231" s="317"/>
      <c r="AV231" s="317"/>
      <c r="AW231" s="308">
        <f t="shared" si="113"/>
        <v>250</v>
      </c>
      <c r="AX231" s="309">
        <f t="shared" si="148"/>
        <v>508.524</v>
      </c>
      <c r="AY231" s="307" t="str">
        <f t="shared" si="116"/>
        <v/>
      </c>
      <c r="AZ231" s="307" t="str">
        <f t="shared" si="117"/>
        <v/>
      </c>
      <c r="BA231" s="307" t="str">
        <f t="shared" si="118"/>
        <v/>
      </c>
      <c r="BB231" s="307" t="str">
        <f t="shared" si="119"/>
        <v/>
      </c>
      <c r="BC231" s="307" t="str">
        <f t="shared" si="120"/>
        <v/>
      </c>
      <c r="BD231" s="307" t="str">
        <f t="shared" si="121"/>
        <v/>
      </c>
      <c r="BE231" s="307" t="str">
        <f t="shared" si="122"/>
        <v/>
      </c>
      <c r="BF231" s="307" t="str">
        <f t="shared" si="123"/>
        <v/>
      </c>
      <c r="BG231" s="307" t="str">
        <f t="shared" si="124"/>
        <v/>
      </c>
      <c r="BH231" s="307" t="str">
        <f t="shared" si="125"/>
        <v/>
      </c>
      <c r="BI231" s="307" t="str">
        <f t="shared" si="126"/>
        <v/>
      </c>
      <c r="BJ231" s="307" t="str">
        <f t="shared" si="127"/>
        <v/>
      </c>
      <c r="BK231" s="307" t="str">
        <f t="shared" si="128"/>
        <v/>
      </c>
      <c r="BL231" s="307" t="str">
        <f t="shared" si="129"/>
        <v/>
      </c>
      <c r="BM231" s="307" t="str">
        <f t="shared" si="130"/>
        <v/>
      </c>
      <c r="BN231" s="307" t="str">
        <f t="shared" si="131"/>
        <v/>
      </c>
      <c r="BO231" s="307" t="str">
        <f t="shared" si="132"/>
        <v/>
      </c>
      <c r="BP231" s="307" t="str">
        <f t="shared" si="133"/>
        <v/>
      </c>
      <c r="BQ231" s="307" t="str">
        <f t="shared" si="134"/>
        <v/>
      </c>
      <c r="BR231" s="307" t="str">
        <f t="shared" si="135"/>
        <v/>
      </c>
      <c r="BS231" s="307" t="str">
        <f t="shared" si="136"/>
        <v/>
      </c>
      <c r="BT231" s="307">
        <f t="shared" si="137"/>
        <v>127131</v>
      </c>
      <c r="BU231" s="307" t="str">
        <f t="shared" si="138"/>
        <v/>
      </c>
      <c r="BV231" s="307" t="str">
        <f t="shared" si="139"/>
        <v/>
      </c>
      <c r="BW231" s="307" t="str">
        <f t="shared" si="140"/>
        <v/>
      </c>
      <c r="BX231" s="307" t="str">
        <f t="shared" si="141"/>
        <v/>
      </c>
      <c r="BY231" s="307" t="str">
        <f t="shared" si="142"/>
        <v/>
      </c>
      <c r="BZ231" s="307" t="str">
        <f t="shared" si="143"/>
        <v/>
      </c>
      <c r="CA231" s="307" t="str">
        <f t="shared" si="144"/>
        <v/>
      </c>
      <c r="CB231" s="307" t="str">
        <f t="shared" si="145"/>
        <v/>
      </c>
      <c r="CC231" s="307" t="str">
        <f t="shared" si="146"/>
        <v/>
      </c>
      <c r="CD231" s="303"/>
      <c r="CE231" s="303" t="s">
        <v>485</v>
      </c>
      <c r="CF231" s="303" t="s">
        <v>336</v>
      </c>
    </row>
    <row r="232" spans="1:84" s="318" customFormat="1" ht="56.1" hidden="1" customHeight="1" x14ac:dyDescent="0.2">
      <c r="A232" s="302">
        <v>230</v>
      </c>
      <c r="B232" s="24" t="s">
        <v>53</v>
      </c>
      <c r="C232" s="35" t="s">
        <v>329</v>
      </c>
      <c r="D232" s="303" t="s">
        <v>482</v>
      </c>
      <c r="E232" s="303" t="s">
        <v>483</v>
      </c>
      <c r="F232" s="316" t="s">
        <v>487</v>
      </c>
      <c r="G232" s="303" t="s">
        <v>90</v>
      </c>
      <c r="H232" s="303" t="s">
        <v>39</v>
      </c>
      <c r="I232" s="303" t="s">
        <v>81</v>
      </c>
      <c r="J232" s="303" t="s">
        <v>334</v>
      </c>
      <c r="K232" s="303" t="s">
        <v>342</v>
      </c>
      <c r="L232" s="303" t="s">
        <v>63</v>
      </c>
      <c r="M232" s="303" t="s">
        <v>63</v>
      </c>
      <c r="N232" s="304">
        <v>225542</v>
      </c>
      <c r="O232" s="304">
        <f t="shared" si="112"/>
        <v>225542</v>
      </c>
      <c r="P232" s="303" t="s">
        <v>226</v>
      </c>
      <c r="Q232" s="303" t="s">
        <v>82</v>
      </c>
      <c r="R232" s="317"/>
      <c r="S232" s="317"/>
      <c r="T232" s="317"/>
      <c r="U232" s="317"/>
      <c r="V232" s="317"/>
      <c r="W232" s="317"/>
      <c r="X232" s="317"/>
      <c r="Y232" s="317"/>
      <c r="Z232" s="317"/>
      <c r="AA232" s="317"/>
      <c r="AB232" s="317"/>
      <c r="AC232" s="317"/>
      <c r="AD232" s="317"/>
      <c r="AE232" s="317"/>
      <c r="AF232" s="317"/>
      <c r="AG232" s="317"/>
      <c r="AH232" s="317"/>
      <c r="AI232" s="317"/>
      <c r="AJ232" s="317"/>
      <c r="AK232" s="317"/>
      <c r="AL232" s="317"/>
      <c r="AM232" s="317"/>
      <c r="AN232" s="307" t="s">
        <v>66</v>
      </c>
      <c r="AO232" s="317"/>
      <c r="AP232" s="317"/>
      <c r="AQ232" s="317"/>
      <c r="AR232" s="317"/>
      <c r="AS232" s="317"/>
      <c r="AT232" s="317"/>
      <c r="AU232" s="317"/>
      <c r="AV232" s="317"/>
      <c r="AW232" s="308">
        <f t="shared" si="113"/>
        <v>400</v>
      </c>
      <c r="AX232" s="309">
        <f t="shared" si="148"/>
        <v>563.85500000000002</v>
      </c>
      <c r="AY232" s="307" t="str">
        <f t="shared" si="116"/>
        <v/>
      </c>
      <c r="AZ232" s="307" t="str">
        <f t="shared" si="117"/>
        <v/>
      </c>
      <c r="BA232" s="307" t="str">
        <f t="shared" si="118"/>
        <v/>
      </c>
      <c r="BB232" s="307" t="str">
        <f t="shared" si="119"/>
        <v/>
      </c>
      <c r="BC232" s="307" t="str">
        <f t="shared" si="120"/>
        <v/>
      </c>
      <c r="BD232" s="307" t="str">
        <f t="shared" si="121"/>
        <v/>
      </c>
      <c r="BE232" s="307" t="str">
        <f t="shared" si="122"/>
        <v/>
      </c>
      <c r="BF232" s="307" t="str">
        <f t="shared" si="123"/>
        <v/>
      </c>
      <c r="BG232" s="307" t="str">
        <f t="shared" si="124"/>
        <v/>
      </c>
      <c r="BH232" s="307" t="str">
        <f t="shared" si="125"/>
        <v/>
      </c>
      <c r="BI232" s="307" t="str">
        <f t="shared" si="126"/>
        <v/>
      </c>
      <c r="BJ232" s="307" t="str">
        <f t="shared" si="127"/>
        <v/>
      </c>
      <c r="BK232" s="307" t="str">
        <f t="shared" si="128"/>
        <v/>
      </c>
      <c r="BL232" s="307" t="str">
        <f t="shared" si="129"/>
        <v/>
      </c>
      <c r="BM232" s="307" t="str">
        <f t="shared" si="130"/>
        <v/>
      </c>
      <c r="BN232" s="307" t="str">
        <f t="shared" si="131"/>
        <v/>
      </c>
      <c r="BO232" s="307" t="str">
        <f t="shared" si="132"/>
        <v/>
      </c>
      <c r="BP232" s="307" t="str">
        <f t="shared" si="133"/>
        <v/>
      </c>
      <c r="BQ232" s="307" t="str">
        <f t="shared" si="134"/>
        <v/>
      </c>
      <c r="BR232" s="307" t="str">
        <f t="shared" si="135"/>
        <v/>
      </c>
      <c r="BS232" s="307" t="str">
        <f t="shared" si="136"/>
        <v/>
      </c>
      <c r="BT232" s="307" t="str">
        <f t="shared" si="137"/>
        <v/>
      </c>
      <c r="BU232" s="307">
        <f t="shared" si="138"/>
        <v>225542</v>
      </c>
      <c r="BV232" s="307" t="str">
        <f t="shared" si="139"/>
        <v/>
      </c>
      <c r="BW232" s="307" t="str">
        <f t="shared" si="140"/>
        <v/>
      </c>
      <c r="BX232" s="307" t="str">
        <f t="shared" si="141"/>
        <v/>
      </c>
      <c r="BY232" s="307" t="str">
        <f t="shared" si="142"/>
        <v/>
      </c>
      <c r="BZ232" s="307" t="str">
        <f t="shared" si="143"/>
        <v/>
      </c>
      <c r="CA232" s="307" t="str">
        <f t="shared" si="144"/>
        <v/>
      </c>
      <c r="CB232" s="307" t="str">
        <f t="shared" si="145"/>
        <v/>
      </c>
      <c r="CC232" s="307" t="str">
        <f t="shared" si="146"/>
        <v/>
      </c>
      <c r="CD232" s="303"/>
      <c r="CE232" s="303" t="s">
        <v>485</v>
      </c>
      <c r="CF232" s="303" t="s">
        <v>336</v>
      </c>
    </row>
    <row r="233" spans="1:84" s="318" customFormat="1" ht="56.1" hidden="1" customHeight="1" x14ac:dyDescent="0.2">
      <c r="A233" s="302">
        <v>231</v>
      </c>
      <c r="B233" s="24" t="s">
        <v>53</v>
      </c>
      <c r="C233" s="35" t="s">
        <v>329</v>
      </c>
      <c r="D233" s="303" t="s">
        <v>482</v>
      </c>
      <c r="E233" s="303" t="s">
        <v>483</v>
      </c>
      <c r="F233" s="316" t="s">
        <v>488</v>
      </c>
      <c r="G233" s="303" t="s">
        <v>90</v>
      </c>
      <c r="H233" s="303" t="s">
        <v>40</v>
      </c>
      <c r="I233" s="303" t="s">
        <v>81</v>
      </c>
      <c r="J233" s="303" t="s">
        <v>334</v>
      </c>
      <c r="K233" s="303" t="s">
        <v>169</v>
      </c>
      <c r="L233" s="303" t="s">
        <v>63</v>
      </c>
      <c r="M233" s="303" t="s">
        <v>63</v>
      </c>
      <c r="N233" s="304">
        <v>789392</v>
      </c>
      <c r="O233" s="304">
        <f t="shared" si="112"/>
        <v>789392</v>
      </c>
      <c r="P233" s="303" t="s">
        <v>226</v>
      </c>
      <c r="Q233" s="303" t="s">
        <v>82</v>
      </c>
      <c r="R233" s="317"/>
      <c r="S233" s="317"/>
      <c r="T233" s="317"/>
      <c r="U233" s="317"/>
      <c r="V233" s="317"/>
      <c r="W233" s="317"/>
      <c r="X233" s="317"/>
      <c r="Y233" s="317"/>
      <c r="Z233" s="317"/>
      <c r="AA233" s="317"/>
      <c r="AB233" s="317"/>
      <c r="AC233" s="317"/>
      <c r="AD233" s="317"/>
      <c r="AE233" s="317"/>
      <c r="AF233" s="317"/>
      <c r="AG233" s="317"/>
      <c r="AH233" s="317"/>
      <c r="AI233" s="317"/>
      <c r="AJ233" s="317"/>
      <c r="AK233" s="317"/>
      <c r="AL233" s="317"/>
      <c r="AM233" s="317"/>
      <c r="AN233" s="317"/>
      <c r="AO233" s="307" t="s">
        <v>66</v>
      </c>
      <c r="AP233" s="317"/>
      <c r="AQ233" s="317"/>
      <c r="AR233" s="317"/>
      <c r="AS233" s="317"/>
      <c r="AT233" s="317"/>
      <c r="AU233" s="317"/>
      <c r="AV233" s="317"/>
      <c r="AW233" s="308">
        <f t="shared" si="113"/>
        <v>1400</v>
      </c>
      <c r="AX233" s="309">
        <f t="shared" si="148"/>
        <v>563.85142857142853</v>
      </c>
      <c r="AY233" s="307" t="str">
        <f t="shared" si="116"/>
        <v/>
      </c>
      <c r="AZ233" s="307" t="str">
        <f t="shared" si="117"/>
        <v/>
      </c>
      <c r="BA233" s="307" t="str">
        <f t="shared" si="118"/>
        <v/>
      </c>
      <c r="BB233" s="307" t="str">
        <f t="shared" si="119"/>
        <v/>
      </c>
      <c r="BC233" s="307" t="str">
        <f t="shared" si="120"/>
        <v/>
      </c>
      <c r="BD233" s="307" t="str">
        <f t="shared" si="121"/>
        <v/>
      </c>
      <c r="BE233" s="307" t="str">
        <f t="shared" si="122"/>
        <v/>
      </c>
      <c r="BF233" s="307" t="str">
        <f t="shared" si="123"/>
        <v/>
      </c>
      <c r="BG233" s="307" t="str">
        <f t="shared" si="124"/>
        <v/>
      </c>
      <c r="BH233" s="307" t="str">
        <f t="shared" si="125"/>
        <v/>
      </c>
      <c r="BI233" s="307" t="str">
        <f t="shared" si="126"/>
        <v/>
      </c>
      <c r="BJ233" s="307" t="str">
        <f t="shared" si="127"/>
        <v/>
      </c>
      <c r="BK233" s="307" t="str">
        <f t="shared" si="128"/>
        <v/>
      </c>
      <c r="BL233" s="307" t="str">
        <f t="shared" si="129"/>
        <v/>
      </c>
      <c r="BM233" s="307" t="str">
        <f t="shared" si="130"/>
        <v/>
      </c>
      <c r="BN233" s="307" t="str">
        <f t="shared" si="131"/>
        <v/>
      </c>
      <c r="BO233" s="307" t="str">
        <f t="shared" si="132"/>
        <v/>
      </c>
      <c r="BP233" s="307" t="str">
        <f t="shared" si="133"/>
        <v/>
      </c>
      <c r="BQ233" s="307" t="str">
        <f t="shared" si="134"/>
        <v/>
      </c>
      <c r="BR233" s="307" t="str">
        <f t="shared" si="135"/>
        <v/>
      </c>
      <c r="BS233" s="307" t="str">
        <f t="shared" si="136"/>
        <v/>
      </c>
      <c r="BT233" s="307" t="str">
        <f t="shared" si="137"/>
        <v/>
      </c>
      <c r="BU233" s="307" t="str">
        <f t="shared" si="138"/>
        <v/>
      </c>
      <c r="BV233" s="307">
        <f t="shared" si="139"/>
        <v>789391.99999999988</v>
      </c>
      <c r="BW233" s="307" t="str">
        <f t="shared" si="140"/>
        <v/>
      </c>
      <c r="BX233" s="307" t="str">
        <f t="shared" si="141"/>
        <v/>
      </c>
      <c r="BY233" s="307" t="str">
        <f t="shared" si="142"/>
        <v/>
      </c>
      <c r="BZ233" s="307" t="str">
        <f t="shared" si="143"/>
        <v/>
      </c>
      <c r="CA233" s="307" t="str">
        <f t="shared" si="144"/>
        <v/>
      </c>
      <c r="CB233" s="307" t="str">
        <f t="shared" si="145"/>
        <v/>
      </c>
      <c r="CC233" s="307" t="str">
        <f t="shared" si="146"/>
        <v/>
      </c>
      <c r="CD233" s="303"/>
      <c r="CE233" s="303" t="s">
        <v>485</v>
      </c>
      <c r="CF233" s="303" t="s">
        <v>336</v>
      </c>
    </row>
    <row r="234" spans="1:84" s="318" customFormat="1" ht="56.1" hidden="1" customHeight="1" x14ac:dyDescent="0.2">
      <c r="A234" s="302">
        <v>232</v>
      </c>
      <c r="B234" s="24" t="s">
        <v>53</v>
      </c>
      <c r="C234" s="35" t="s">
        <v>329</v>
      </c>
      <c r="D234" s="303" t="s">
        <v>482</v>
      </c>
      <c r="E234" s="303" t="s">
        <v>483</v>
      </c>
      <c r="F234" s="316" t="s">
        <v>489</v>
      </c>
      <c r="G234" s="303" t="s">
        <v>90</v>
      </c>
      <c r="H234" s="303" t="s">
        <v>310</v>
      </c>
      <c r="I234" s="303" t="s">
        <v>81</v>
      </c>
      <c r="J234" s="303" t="s">
        <v>334</v>
      </c>
      <c r="K234" s="303" t="s">
        <v>225</v>
      </c>
      <c r="L234" s="303" t="s">
        <v>63</v>
      </c>
      <c r="M234" s="303" t="s">
        <v>63</v>
      </c>
      <c r="N234" s="304">
        <v>113420</v>
      </c>
      <c r="O234" s="304">
        <f t="shared" ref="O234:O273" si="149">N234</f>
        <v>113420</v>
      </c>
      <c r="P234" s="303" t="s">
        <v>226</v>
      </c>
      <c r="Q234" s="303" t="s">
        <v>82</v>
      </c>
      <c r="R234" s="317"/>
      <c r="S234" s="317"/>
      <c r="T234" s="317"/>
      <c r="U234" s="317"/>
      <c r="V234" s="317"/>
      <c r="W234" s="317"/>
      <c r="X234" s="317"/>
      <c r="Y234" s="317"/>
      <c r="Z234" s="317"/>
      <c r="AA234" s="317"/>
      <c r="AB234" s="317"/>
      <c r="AC234" s="317"/>
      <c r="AD234" s="317"/>
      <c r="AE234" s="317"/>
      <c r="AF234" s="317"/>
      <c r="AG234" s="317"/>
      <c r="AH234" s="317"/>
      <c r="AI234" s="317"/>
      <c r="AJ234" s="317"/>
      <c r="AK234" s="317"/>
      <c r="AL234" s="317"/>
      <c r="AM234" s="317"/>
      <c r="AN234" s="317"/>
      <c r="AO234" s="317"/>
      <c r="AP234" s="307" t="s">
        <v>66</v>
      </c>
      <c r="AQ234" s="317"/>
      <c r="AR234" s="317"/>
      <c r="AS234" s="317"/>
      <c r="AT234" s="317"/>
      <c r="AU234" s="317"/>
      <c r="AV234" s="317"/>
      <c r="AW234" s="308">
        <f t="shared" si="113"/>
        <v>201</v>
      </c>
      <c r="AX234" s="309">
        <f t="shared" si="148"/>
        <v>564.27860696517416</v>
      </c>
      <c r="AY234" s="307" t="str">
        <f t="shared" si="116"/>
        <v/>
      </c>
      <c r="AZ234" s="307" t="str">
        <f t="shared" si="117"/>
        <v/>
      </c>
      <c r="BA234" s="307" t="str">
        <f t="shared" si="118"/>
        <v/>
      </c>
      <c r="BB234" s="307" t="str">
        <f t="shared" si="119"/>
        <v/>
      </c>
      <c r="BC234" s="307" t="str">
        <f t="shared" si="120"/>
        <v/>
      </c>
      <c r="BD234" s="307" t="str">
        <f t="shared" si="121"/>
        <v/>
      </c>
      <c r="BE234" s="307" t="str">
        <f t="shared" si="122"/>
        <v/>
      </c>
      <c r="BF234" s="307" t="str">
        <f t="shared" si="123"/>
        <v/>
      </c>
      <c r="BG234" s="307" t="str">
        <f t="shared" si="124"/>
        <v/>
      </c>
      <c r="BH234" s="307" t="str">
        <f t="shared" si="125"/>
        <v/>
      </c>
      <c r="BI234" s="307" t="str">
        <f t="shared" si="126"/>
        <v/>
      </c>
      <c r="BJ234" s="307" t="str">
        <f t="shared" si="127"/>
        <v/>
      </c>
      <c r="BK234" s="307" t="str">
        <f t="shared" si="128"/>
        <v/>
      </c>
      <c r="BL234" s="307" t="str">
        <f t="shared" si="129"/>
        <v/>
      </c>
      <c r="BM234" s="307" t="str">
        <f t="shared" si="130"/>
        <v/>
      </c>
      <c r="BN234" s="307" t="str">
        <f t="shared" si="131"/>
        <v/>
      </c>
      <c r="BO234" s="307" t="str">
        <f t="shared" si="132"/>
        <v/>
      </c>
      <c r="BP234" s="307" t="str">
        <f t="shared" si="133"/>
        <v/>
      </c>
      <c r="BQ234" s="307" t="str">
        <f t="shared" si="134"/>
        <v/>
      </c>
      <c r="BR234" s="307" t="str">
        <f t="shared" si="135"/>
        <v/>
      </c>
      <c r="BS234" s="307" t="str">
        <f t="shared" si="136"/>
        <v/>
      </c>
      <c r="BT234" s="307" t="str">
        <f t="shared" si="137"/>
        <v/>
      </c>
      <c r="BU234" s="307" t="str">
        <f t="shared" si="138"/>
        <v/>
      </c>
      <c r="BV234" s="307" t="str">
        <f t="shared" si="139"/>
        <v/>
      </c>
      <c r="BW234" s="307">
        <f t="shared" si="140"/>
        <v>113420</v>
      </c>
      <c r="BX234" s="307" t="str">
        <f t="shared" si="141"/>
        <v/>
      </c>
      <c r="BY234" s="307" t="str">
        <f t="shared" si="142"/>
        <v/>
      </c>
      <c r="BZ234" s="307" t="str">
        <f t="shared" si="143"/>
        <v/>
      </c>
      <c r="CA234" s="307" t="str">
        <f t="shared" si="144"/>
        <v/>
      </c>
      <c r="CB234" s="307" t="str">
        <f t="shared" si="145"/>
        <v/>
      </c>
      <c r="CC234" s="307" t="str">
        <f t="shared" si="146"/>
        <v/>
      </c>
      <c r="CD234" s="303"/>
      <c r="CE234" s="303" t="s">
        <v>485</v>
      </c>
      <c r="CF234" s="303" t="s">
        <v>336</v>
      </c>
    </row>
    <row r="235" spans="1:84" s="318" customFormat="1" ht="56.1" hidden="1" customHeight="1" x14ac:dyDescent="0.2">
      <c r="A235" s="302">
        <v>233</v>
      </c>
      <c r="B235" s="24" t="s">
        <v>53</v>
      </c>
      <c r="C235" s="35" t="s">
        <v>329</v>
      </c>
      <c r="D235" s="303" t="s">
        <v>482</v>
      </c>
      <c r="E235" s="303" t="s">
        <v>483</v>
      </c>
      <c r="F235" s="316" t="s">
        <v>490</v>
      </c>
      <c r="G235" s="303" t="s">
        <v>86</v>
      </c>
      <c r="H235" s="303" t="s">
        <v>87</v>
      </c>
      <c r="I235" s="303" t="s">
        <v>81</v>
      </c>
      <c r="J235" s="303" t="s">
        <v>334</v>
      </c>
      <c r="K235" s="303" t="s">
        <v>184</v>
      </c>
      <c r="L235" s="303" t="s">
        <v>63</v>
      </c>
      <c r="M235" s="303" t="s">
        <v>63</v>
      </c>
      <c r="N235" s="304">
        <v>436985</v>
      </c>
      <c r="O235" s="304">
        <f t="shared" si="149"/>
        <v>436985</v>
      </c>
      <c r="P235" s="303" t="s">
        <v>226</v>
      </c>
      <c r="Q235" s="303" t="s">
        <v>82</v>
      </c>
      <c r="R235" s="317"/>
      <c r="S235" s="317"/>
      <c r="T235" s="317"/>
      <c r="U235" s="317"/>
      <c r="V235" s="317"/>
      <c r="W235" s="317"/>
      <c r="X235" s="317"/>
      <c r="Y235" s="317"/>
      <c r="Z235" s="317"/>
      <c r="AA235" s="317"/>
      <c r="AB235" s="317"/>
      <c r="AC235" s="317"/>
      <c r="AD235" s="317"/>
      <c r="AE235" s="317"/>
      <c r="AF235" s="317"/>
      <c r="AG235" s="317"/>
      <c r="AH235" s="317"/>
      <c r="AI235" s="307" t="s">
        <v>66</v>
      </c>
      <c r="AJ235" s="317"/>
      <c r="AK235" s="317"/>
      <c r="AL235" s="317"/>
      <c r="AM235" s="317"/>
      <c r="AN235" s="317"/>
      <c r="AO235" s="317"/>
      <c r="AP235" s="317"/>
      <c r="AQ235" s="317"/>
      <c r="AR235" s="317"/>
      <c r="AS235" s="317"/>
      <c r="AT235" s="317"/>
      <c r="AU235" s="317"/>
      <c r="AV235" s="317"/>
      <c r="AW235" s="308">
        <f t="shared" si="113"/>
        <v>775</v>
      </c>
      <c r="AX235" s="309">
        <f t="shared" si="148"/>
        <v>563.85161290322583</v>
      </c>
      <c r="AY235" s="307" t="str">
        <f t="shared" si="116"/>
        <v/>
      </c>
      <c r="AZ235" s="307" t="str">
        <f t="shared" si="117"/>
        <v/>
      </c>
      <c r="BA235" s="307" t="str">
        <f t="shared" si="118"/>
        <v/>
      </c>
      <c r="BB235" s="307" t="str">
        <f t="shared" si="119"/>
        <v/>
      </c>
      <c r="BC235" s="307" t="str">
        <f t="shared" si="120"/>
        <v/>
      </c>
      <c r="BD235" s="307" t="str">
        <f t="shared" si="121"/>
        <v/>
      </c>
      <c r="BE235" s="307" t="str">
        <f t="shared" si="122"/>
        <v/>
      </c>
      <c r="BF235" s="307" t="str">
        <f t="shared" si="123"/>
        <v/>
      </c>
      <c r="BG235" s="307" t="str">
        <f t="shared" si="124"/>
        <v/>
      </c>
      <c r="BH235" s="307" t="str">
        <f t="shared" si="125"/>
        <v/>
      </c>
      <c r="BI235" s="307" t="str">
        <f t="shared" si="126"/>
        <v/>
      </c>
      <c r="BJ235" s="307" t="str">
        <f t="shared" si="127"/>
        <v/>
      </c>
      <c r="BK235" s="307" t="str">
        <f t="shared" si="128"/>
        <v/>
      </c>
      <c r="BL235" s="307" t="str">
        <f t="shared" si="129"/>
        <v/>
      </c>
      <c r="BM235" s="307" t="str">
        <f t="shared" si="130"/>
        <v/>
      </c>
      <c r="BN235" s="307" t="str">
        <f t="shared" si="131"/>
        <v/>
      </c>
      <c r="BO235" s="307" t="str">
        <f t="shared" si="132"/>
        <v/>
      </c>
      <c r="BP235" s="307">
        <f t="shared" si="133"/>
        <v>436985</v>
      </c>
      <c r="BQ235" s="307" t="str">
        <f t="shared" si="134"/>
        <v/>
      </c>
      <c r="BR235" s="307" t="str">
        <f t="shared" si="135"/>
        <v/>
      </c>
      <c r="BS235" s="307" t="str">
        <f t="shared" si="136"/>
        <v/>
      </c>
      <c r="BT235" s="307" t="str">
        <f t="shared" si="137"/>
        <v/>
      </c>
      <c r="BU235" s="307" t="str">
        <f t="shared" si="138"/>
        <v/>
      </c>
      <c r="BV235" s="307" t="str">
        <f t="shared" si="139"/>
        <v/>
      </c>
      <c r="BW235" s="307" t="str">
        <f t="shared" si="140"/>
        <v/>
      </c>
      <c r="BX235" s="307" t="str">
        <f t="shared" si="141"/>
        <v/>
      </c>
      <c r="BY235" s="307" t="str">
        <f t="shared" si="142"/>
        <v/>
      </c>
      <c r="BZ235" s="307" t="str">
        <f t="shared" si="143"/>
        <v/>
      </c>
      <c r="CA235" s="307" t="str">
        <f t="shared" si="144"/>
        <v/>
      </c>
      <c r="CB235" s="307" t="str">
        <f t="shared" si="145"/>
        <v/>
      </c>
      <c r="CC235" s="307" t="str">
        <f t="shared" si="146"/>
        <v/>
      </c>
      <c r="CD235" s="303"/>
      <c r="CE235" s="303" t="s">
        <v>485</v>
      </c>
      <c r="CF235" s="303" t="s">
        <v>336</v>
      </c>
    </row>
    <row r="236" spans="1:84" s="318" customFormat="1" ht="56.1" hidden="1" customHeight="1" x14ac:dyDescent="0.2">
      <c r="A236" s="302">
        <v>234</v>
      </c>
      <c r="B236" s="24" t="s">
        <v>53</v>
      </c>
      <c r="C236" s="35" t="s">
        <v>329</v>
      </c>
      <c r="D236" s="303" t="s">
        <v>482</v>
      </c>
      <c r="E236" s="303" t="s">
        <v>483</v>
      </c>
      <c r="F236" s="316" t="s">
        <v>491</v>
      </c>
      <c r="G236" s="303" t="s">
        <v>86</v>
      </c>
      <c r="H236" s="303" t="s">
        <v>36</v>
      </c>
      <c r="I236" s="303" t="s">
        <v>81</v>
      </c>
      <c r="J236" s="303" t="s">
        <v>334</v>
      </c>
      <c r="K236" s="303" t="s">
        <v>408</v>
      </c>
      <c r="L236" s="303" t="s">
        <v>63</v>
      </c>
      <c r="M236" s="303" t="s">
        <v>63</v>
      </c>
      <c r="N236" s="304">
        <v>56385</v>
      </c>
      <c r="O236" s="304">
        <f t="shared" si="149"/>
        <v>56385</v>
      </c>
      <c r="P236" s="303" t="s">
        <v>226</v>
      </c>
      <c r="Q236" s="303" t="s">
        <v>82</v>
      </c>
      <c r="R236" s="317"/>
      <c r="S236" s="317"/>
      <c r="T236" s="317"/>
      <c r="U236" s="317"/>
      <c r="V236" s="317"/>
      <c r="W236" s="317"/>
      <c r="X236" s="317"/>
      <c r="Y236" s="317"/>
      <c r="Z236" s="317"/>
      <c r="AA236" s="317"/>
      <c r="AB236" s="317"/>
      <c r="AC236" s="317"/>
      <c r="AD236" s="317"/>
      <c r="AE236" s="317"/>
      <c r="AF236" s="317"/>
      <c r="AG236" s="317"/>
      <c r="AH236" s="317"/>
      <c r="AI236" s="317"/>
      <c r="AJ236" s="317"/>
      <c r="AK236" s="307" t="s">
        <v>66</v>
      </c>
      <c r="AL236" s="317"/>
      <c r="AM236" s="317"/>
      <c r="AN236" s="317"/>
      <c r="AO236" s="317"/>
      <c r="AP236" s="317"/>
      <c r="AQ236" s="317"/>
      <c r="AR236" s="317"/>
      <c r="AS236" s="317"/>
      <c r="AT236" s="317"/>
      <c r="AU236" s="317"/>
      <c r="AV236" s="317"/>
      <c r="AW236" s="308">
        <f t="shared" si="113"/>
        <v>100</v>
      </c>
      <c r="AX236" s="309">
        <f t="shared" si="148"/>
        <v>563.85</v>
      </c>
      <c r="AY236" s="307" t="str">
        <f t="shared" si="116"/>
        <v/>
      </c>
      <c r="AZ236" s="307" t="str">
        <f t="shared" si="117"/>
        <v/>
      </c>
      <c r="BA236" s="307" t="str">
        <f t="shared" si="118"/>
        <v/>
      </c>
      <c r="BB236" s="307" t="str">
        <f t="shared" si="119"/>
        <v/>
      </c>
      <c r="BC236" s="307" t="str">
        <f t="shared" si="120"/>
        <v/>
      </c>
      <c r="BD236" s="307" t="str">
        <f t="shared" si="121"/>
        <v/>
      </c>
      <c r="BE236" s="307" t="str">
        <f t="shared" si="122"/>
        <v/>
      </c>
      <c r="BF236" s="307" t="str">
        <f t="shared" si="123"/>
        <v/>
      </c>
      <c r="BG236" s="307" t="str">
        <f t="shared" si="124"/>
        <v/>
      </c>
      <c r="BH236" s="307" t="str">
        <f t="shared" si="125"/>
        <v/>
      </c>
      <c r="BI236" s="307" t="str">
        <f t="shared" si="126"/>
        <v/>
      </c>
      <c r="BJ236" s="307" t="str">
        <f t="shared" si="127"/>
        <v/>
      </c>
      <c r="BK236" s="307" t="str">
        <f t="shared" si="128"/>
        <v/>
      </c>
      <c r="BL236" s="307" t="str">
        <f t="shared" si="129"/>
        <v/>
      </c>
      <c r="BM236" s="307" t="str">
        <f t="shared" si="130"/>
        <v/>
      </c>
      <c r="BN236" s="307" t="str">
        <f t="shared" si="131"/>
        <v/>
      </c>
      <c r="BO236" s="307" t="str">
        <f t="shared" si="132"/>
        <v/>
      </c>
      <c r="BP236" s="307" t="str">
        <f t="shared" si="133"/>
        <v/>
      </c>
      <c r="BQ236" s="307" t="str">
        <f t="shared" si="134"/>
        <v/>
      </c>
      <c r="BR236" s="307">
        <f t="shared" si="135"/>
        <v>56385</v>
      </c>
      <c r="BS236" s="307" t="str">
        <f t="shared" si="136"/>
        <v/>
      </c>
      <c r="BT236" s="307" t="str">
        <f t="shared" si="137"/>
        <v/>
      </c>
      <c r="BU236" s="307" t="str">
        <f t="shared" si="138"/>
        <v/>
      </c>
      <c r="BV236" s="307" t="str">
        <f t="shared" si="139"/>
        <v/>
      </c>
      <c r="BW236" s="307" t="str">
        <f t="shared" si="140"/>
        <v/>
      </c>
      <c r="BX236" s="307" t="str">
        <f t="shared" si="141"/>
        <v/>
      </c>
      <c r="BY236" s="307" t="str">
        <f t="shared" si="142"/>
        <v/>
      </c>
      <c r="BZ236" s="307" t="str">
        <f t="shared" si="143"/>
        <v/>
      </c>
      <c r="CA236" s="307" t="str">
        <f t="shared" si="144"/>
        <v/>
      </c>
      <c r="CB236" s="307" t="str">
        <f t="shared" si="145"/>
        <v/>
      </c>
      <c r="CC236" s="307" t="str">
        <f t="shared" si="146"/>
        <v/>
      </c>
      <c r="CD236" s="303"/>
      <c r="CE236" s="303" t="s">
        <v>485</v>
      </c>
      <c r="CF236" s="303" t="s">
        <v>336</v>
      </c>
    </row>
    <row r="237" spans="1:84" s="318" customFormat="1" ht="56.1" hidden="1" customHeight="1" x14ac:dyDescent="0.2">
      <c r="A237" s="302">
        <v>235</v>
      </c>
      <c r="B237" s="24" t="s">
        <v>53</v>
      </c>
      <c r="C237" s="35" t="s">
        <v>329</v>
      </c>
      <c r="D237" s="303" t="s">
        <v>482</v>
      </c>
      <c r="E237" s="303" t="s">
        <v>483</v>
      </c>
      <c r="F237" s="316" t="s">
        <v>491</v>
      </c>
      <c r="G237" s="303" t="s">
        <v>86</v>
      </c>
      <c r="H237" s="303" t="s">
        <v>35</v>
      </c>
      <c r="I237" s="303" t="s">
        <v>81</v>
      </c>
      <c r="J237" s="303" t="s">
        <v>334</v>
      </c>
      <c r="K237" s="303" t="s">
        <v>357</v>
      </c>
      <c r="L237" s="303" t="s">
        <v>63</v>
      </c>
      <c r="M237" s="303" t="s">
        <v>63</v>
      </c>
      <c r="N237" s="304">
        <v>56385</v>
      </c>
      <c r="O237" s="304">
        <f t="shared" si="149"/>
        <v>56385</v>
      </c>
      <c r="P237" s="303" t="s">
        <v>226</v>
      </c>
      <c r="Q237" s="303" t="s">
        <v>82</v>
      </c>
      <c r="R237" s="317"/>
      <c r="S237" s="317"/>
      <c r="T237" s="317"/>
      <c r="U237" s="317"/>
      <c r="V237" s="317"/>
      <c r="W237" s="317"/>
      <c r="X237" s="317"/>
      <c r="Y237" s="317"/>
      <c r="Z237" s="317"/>
      <c r="AA237" s="317"/>
      <c r="AB237" s="317"/>
      <c r="AC237" s="317"/>
      <c r="AD237" s="317"/>
      <c r="AE237" s="317"/>
      <c r="AF237" s="317"/>
      <c r="AG237" s="317"/>
      <c r="AH237" s="317"/>
      <c r="AI237" s="317"/>
      <c r="AJ237" s="307" t="s">
        <v>66</v>
      </c>
      <c r="AK237" s="317"/>
      <c r="AL237" s="317"/>
      <c r="AM237" s="317"/>
      <c r="AN237" s="317"/>
      <c r="AO237" s="317"/>
      <c r="AP237" s="317"/>
      <c r="AQ237" s="317"/>
      <c r="AR237" s="317"/>
      <c r="AS237" s="317"/>
      <c r="AT237" s="317"/>
      <c r="AU237" s="317"/>
      <c r="AV237" s="317"/>
      <c r="AW237" s="308">
        <f t="shared" si="113"/>
        <v>100</v>
      </c>
      <c r="AX237" s="309">
        <f t="shared" si="148"/>
        <v>563.85</v>
      </c>
      <c r="AY237" s="307" t="str">
        <f t="shared" si="116"/>
        <v/>
      </c>
      <c r="AZ237" s="307" t="str">
        <f t="shared" si="117"/>
        <v/>
      </c>
      <c r="BA237" s="307" t="str">
        <f t="shared" si="118"/>
        <v/>
      </c>
      <c r="BB237" s="307" t="str">
        <f t="shared" si="119"/>
        <v/>
      </c>
      <c r="BC237" s="307" t="str">
        <f t="shared" si="120"/>
        <v/>
      </c>
      <c r="BD237" s="307" t="str">
        <f t="shared" si="121"/>
        <v/>
      </c>
      <c r="BE237" s="307" t="str">
        <f t="shared" si="122"/>
        <v/>
      </c>
      <c r="BF237" s="307" t="str">
        <f t="shared" si="123"/>
        <v/>
      </c>
      <c r="BG237" s="307" t="str">
        <f t="shared" si="124"/>
        <v/>
      </c>
      <c r="BH237" s="307" t="str">
        <f t="shared" si="125"/>
        <v/>
      </c>
      <c r="BI237" s="307" t="str">
        <f t="shared" si="126"/>
        <v/>
      </c>
      <c r="BJ237" s="307" t="str">
        <f t="shared" si="127"/>
        <v/>
      </c>
      <c r="BK237" s="307" t="str">
        <f t="shared" si="128"/>
        <v/>
      </c>
      <c r="BL237" s="307" t="str">
        <f t="shared" si="129"/>
        <v/>
      </c>
      <c r="BM237" s="307" t="str">
        <f t="shared" si="130"/>
        <v/>
      </c>
      <c r="BN237" s="307" t="str">
        <f t="shared" si="131"/>
        <v/>
      </c>
      <c r="BO237" s="307" t="str">
        <f t="shared" si="132"/>
        <v/>
      </c>
      <c r="BP237" s="307" t="str">
        <f t="shared" si="133"/>
        <v/>
      </c>
      <c r="BQ237" s="307">
        <f t="shared" si="134"/>
        <v>56385</v>
      </c>
      <c r="BR237" s="307" t="str">
        <f t="shared" si="135"/>
        <v/>
      </c>
      <c r="BS237" s="307" t="str">
        <f t="shared" si="136"/>
        <v/>
      </c>
      <c r="BT237" s="307" t="str">
        <f t="shared" si="137"/>
        <v/>
      </c>
      <c r="BU237" s="307" t="str">
        <f t="shared" si="138"/>
        <v/>
      </c>
      <c r="BV237" s="307" t="str">
        <f t="shared" si="139"/>
        <v/>
      </c>
      <c r="BW237" s="307" t="str">
        <f t="shared" si="140"/>
        <v/>
      </c>
      <c r="BX237" s="307" t="str">
        <f t="shared" si="141"/>
        <v/>
      </c>
      <c r="BY237" s="307" t="str">
        <f t="shared" si="142"/>
        <v/>
      </c>
      <c r="BZ237" s="307" t="str">
        <f t="shared" si="143"/>
        <v/>
      </c>
      <c r="CA237" s="307" t="str">
        <f t="shared" si="144"/>
        <v/>
      </c>
      <c r="CB237" s="307" t="str">
        <f t="shared" si="145"/>
        <v/>
      </c>
      <c r="CC237" s="307" t="str">
        <f t="shared" si="146"/>
        <v/>
      </c>
      <c r="CD237" s="303"/>
      <c r="CE237" s="303" t="s">
        <v>485</v>
      </c>
      <c r="CF237" s="303" t="s">
        <v>336</v>
      </c>
    </row>
    <row r="238" spans="1:84" s="318" customFormat="1" ht="56.1" hidden="1" customHeight="1" x14ac:dyDescent="0.2">
      <c r="A238" s="302">
        <v>236</v>
      </c>
      <c r="B238" s="24" t="s">
        <v>53</v>
      </c>
      <c r="C238" s="35" t="s">
        <v>329</v>
      </c>
      <c r="D238" s="303" t="s">
        <v>482</v>
      </c>
      <c r="E238" s="303" t="s">
        <v>483</v>
      </c>
      <c r="F238" s="316" t="s">
        <v>492</v>
      </c>
      <c r="G238" s="303" t="s">
        <v>86</v>
      </c>
      <c r="H238" s="303" t="s">
        <v>310</v>
      </c>
      <c r="I238" s="303" t="s">
        <v>81</v>
      </c>
      <c r="J238" s="303" t="s">
        <v>334</v>
      </c>
      <c r="K238" s="303" t="s">
        <v>225</v>
      </c>
      <c r="L238" s="303" t="s">
        <v>63</v>
      </c>
      <c r="M238" s="303" t="s">
        <v>63</v>
      </c>
      <c r="N238" s="304">
        <v>170330</v>
      </c>
      <c r="O238" s="304">
        <f t="shared" si="149"/>
        <v>170330</v>
      </c>
      <c r="P238" s="303" t="s">
        <v>226</v>
      </c>
      <c r="Q238" s="303" t="s">
        <v>82</v>
      </c>
      <c r="R238" s="317"/>
      <c r="S238" s="317"/>
      <c r="T238" s="317"/>
      <c r="U238" s="317"/>
      <c r="V238" s="317"/>
      <c r="W238" s="317"/>
      <c r="X238" s="317"/>
      <c r="Y238" s="317"/>
      <c r="Z238" s="317"/>
      <c r="AA238" s="317"/>
      <c r="AB238" s="317"/>
      <c r="AC238" s="317"/>
      <c r="AD238" s="317"/>
      <c r="AE238" s="317"/>
      <c r="AF238" s="317"/>
      <c r="AG238" s="317"/>
      <c r="AH238" s="317"/>
      <c r="AI238" s="317"/>
      <c r="AJ238" s="317"/>
      <c r="AK238" s="317"/>
      <c r="AL238" s="307" t="s">
        <v>66</v>
      </c>
      <c r="AM238" s="317"/>
      <c r="AN238" s="317"/>
      <c r="AO238" s="317"/>
      <c r="AP238" s="317"/>
      <c r="AQ238" s="317"/>
      <c r="AR238" s="317"/>
      <c r="AS238" s="317"/>
      <c r="AT238" s="317"/>
      <c r="AU238" s="317"/>
      <c r="AV238" s="317"/>
      <c r="AW238" s="308">
        <f t="shared" si="113"/>
        <v>302</v>
      </c>
      <c r="AX238" s="309">
        <f t="shared" si="148"/>
        <v>564.00662251655626</v>
      </c>
      <c r="AY238" s="307" t="str">
        <f t="shared" si="116"/>
        <v/>
      </c>
      <c r="AZ238" s="307" t="str">
        <f t="shared" si="117"/>
        <v/>
      </c>
      <c r="BA238" s="307" t="str">
        <f t="shared" si="118"/>
        <v/>
      </c>
      <c r="BB238" s="307" t="str">
        <f t="shared" si="119"/>
        <v/>
      </c>
      <c r="BC238" s="307" t="str">
        <f t="shared" si="120"/>
        <v/>
      </c>
      <c r="BD238" s="307" t="str">
        <f t="shared" si="121"/>
        <v/>
      </c>
      <c r="BE238" s="307" t="str">
        <f t="shared" si="122"/>
        <v/>
      </c>
      <c r="BF238" s="307" t="str">
        <f t="shared" si="123"/>
        <v/>
      </c>
      <c r="BG238" s="307" t="str">
        <f t="shared" si="124"/>
        <v/>
      </c>
      <c r="BH238" s="307" t="str">
        <f t="shared" si="125"/>
        <v/>
      </c>
      <c r="BI238" s="307" t="str">
        <f t="shared" si="126"/>
        <v/>
      </c>
      <c r="BJ238" s="307" t="str">
        <f t="shared" si="127"/>
        <v/>
      </c>
      <c r="BK238" s="307" t="str">
        <f t="shared" si="128"/>
        <v/>
      </c>
      <c r="BL238" s="307" t="str">
        <f t="shared" si="129"/>
        <v/>
      </c>
      <c r="BM238" s="307" t="str">
        <f t="shared" si="130"/>
        <v/>
      </c>
      <c r="BN238" s="307" t="str">
        <f t="shared" si="131"/>
        <v/>
      </c>
      <c r="BO238" s="307" t="str">
        <f t="shared" si="132"/>
        <v/>
      </c>
      <c r="BP238" s="307" t="str">
        <f t="shared" si="133"/>
        <v/>
      </c>
      <c r="BQ238" s="307" t="str">
        <f t="shared" si="134"/>
        <v/>
      </c>
      <c r="BR238" s="307" t="str">
        <f t="shared" si="135"/>
        <v/>
      </c>
      <c r="BS238" s="307">
        <f t="shared" si="136"/>
        <v>170330</v>
      </c>
      <c r="BT238" s="307" t="str">
        <f t="shared" si="137"/>
        <v/>
      </c>
      <c r="BU238" s="307" t="str">
        <f t="shared" si="138"/>
        <v/>
      </c>
      <c r="BV238" s="307" t="str">
        <f t="shared" si="139"/>
        <v/>
      </c>
      <c r="BW238" s="307" t="str">
        <f t="shared" si="140"/>
        <v/>
      </c>
      <c r="BX238" s="307" t="str">
        <f t="shared" si="141"/>
        <v/>
      </c>
      <c r="BY238" s="307" t="str">
        <f t="shared" si="142"/>
        <v/>
      </c>
      <c r="BZ238" s="307" t="str">
        <f t="shared" si="143"/>
        <v/>
      </c>
      <c r="CA238" s="307" t="str">
        <f t="shared" si="144"/>
        <v/>
      </c>
      <c r="CB238" s="307" t="str">
        <f t="shared" si="145"/>
        <v/>
      </c>
      <c r="CC238" s="307" t="str">
        <f t="shared" si="146"/>
        <v/>
      </c>
      <c r="CD238" s="303"/>
      <c r="CE238" s="303" t="s">
        <v>485</v>
      </c>
      <c r="CF238" s="303" t="s">
        <v>336</v>
      </c>
    </row>
    <row r="239" spans="1:84" s="318" customFormat="1" ht="56.1" hidden="1" customHeight="1" x14ac:dyDescent="0.2">
      <c r="A239" s="302">
        <v>237</v>
      </c>
      <c r="B239" s="24" t="s">
        <v>53</v>
      </c>
      <c r="C239" s="35" t="s">
        <v>329</v>
      </c>
      <c r="D239" s="303" t="s">
        <v>482</v>
      </c>
      <c r="E239" s="303" t="s">
        <v>483</v>
      </c>
      <c r="F239" s="316" t="s">
        <v>491</v>
      </c>
      <c r="G239" s="303" t="s">
        <v>93</v>
      </c>
      <c r="H239" s="303" t="s">
        <v>310</v>
      </c>
      <c r="I239" s="303" t="s">
        <v>81</v>
      </c>
      <c r="J239" s="303" t="s">
        <v>334</v>
      </c>
      <c r="K239" s="303" t="s">
        <v>225</v>
      </c>
      <c r="L239" s="303" t="s">
        <v>63</v>
      </c>
      <c r="M239" s="303" t="s">
        <v>63</v>
      </c>
      <c r="N239" s="304">
        <v>17385</v>
      </c>
      <c r="O239" s="304">
        <f t="shared" si="149"/>
        <v>17385</v>
      </c>
      <c r="P239" s="303" t="s">
        <v>226</v>
      </c>
      <c r="Q239" s="303" t="s">
        <v>82</v>
      </c>
      <c r="R239" s="317"/>
      <c r="S239" s="317"/>
      <c r="T239" s="317"/>
      <c r="U239" s="317"/>
      <c r="V239" s="317"/>
      <c r="W239" s="317"/>
      <c r="X239" s="317"/>
      <c r="Y239" s="317"/>
      <c r="Z239" s="317"/>
      <c r="AA239" s="317"/>
      <c r="AB239" s="317"/>
      <c r="AC239" s="317"/>
      <c r="AD239" s="317"/>
      <c r="AE239" s="317"/>
      <c r="AF239" s="317"/>
      <c r="AG239" s="317"/>
      <c r="AH239" s="317"/>
      <c r="AI239" s="317"/>
      <c r="AJ239" s="317"/>
      <c r="AK239" s="317"/>
      <c r="AL239" s="317"/>
      <c r="AM239" s="317"/>
      <c r="AN239" s="317"/>
      <c r="AO239" s="317"/>
      <c r="AP239" s="317"/>
      <c r="AQ239" s="317"/>
      <c r="AR239" s="307" t="s">
        <v>66</v>
      </c>
      <c r="AS239" s="317"/>
      <c r="AT239" s="317"/>
      <c r="AU239" s="317"/>
      <c r="AV239" s="317"/>
      <c r="AW239" s="308">
        <f t="shared" si="113"/>
        <v>31</v>
      </c>
      <c r="AX239" s="309">
        <f t="shared" si="148"/>
        <v>560.80645161290317</v>
      </c>
      <c r="AY239" s="307" t="str">
        <f t="shared" si="116"/>
        <v/>
      </c>
      <c r="AZ239" s="307" t="str">
        <f t="shared" si="117"/>
        <v/>
      </c>
      <c r="BA239" s="307" t="str">
        <f t="shared" si="118"/>
        <v/>
      </c>
      <c r="BB239" s="307" t="str">
        <f t="shared" si="119"/>
        <v/>
      </c>
      <c r="BC239" s="307" t="str">
        <f t="shared" si="120"/>
        <v/>
      </c>
      <c r="BD239" s="307" t="str">
        <f t="shared" si="121"/>
        <v/>
      </c>
      <c r="BE239" s="307" t="str">
        <f t="shared" si="122"/>
        <v/>
      </c>
      <c r="BF239" s="307" t="str">
        <f t="shared" si="123"/>
        <v/>
      </c>
      <c r="BG239" s="307" t="str">
        <f t="shared" si="124"/>
        <v/>
      </c>
      <c r="BH239" s="307" t="str">
        <f t="shared" si="125"/>
        <v/>
      </c>
      <c r="BI239" s="307" t="str">
        <f t="shared" si="126"/>
        <v/>
      </c>
      <c r="BJ239" s="307" t="str">
        <f t="shared" si="127"/>
        <v/>
      </c>
      <c r="BK239" s="307" t="str">
        <f t="shared" si="128"/>
        <v/>
      </c>
      <c r="BL239" s="307" t="str">
        <f t="shared" si="129"/>
        <v/>
      </c>
      <c r="BM239" s="307" t="str">
        <f t="shared" si="130"/>
        <v/>
      </c>
      <c r="BN239" s="307" t="str">
        <f t="shared" si="131"/>
        <v/>
      </c>
      <c r="BO239" s="307" t="str">
        <f t="shared" si="132"/>
        <v/>
      </c>
      <c r="BP239" s="307" t="str">
        <f t="shared" si="133"/>
        <v/>
      </c>
      <c r="BQ239" s="307" t="str">
        <f t="shared" si="134"/>
        <v/>
      </c>
      <c r="BR239" s="307" t="str">
        <f t="shared" si="135"/>
        <v/>
      </c>
      <c r="BS239" s="307" t="str">
        <f t="shared" si="136"/>
        <v/>
      </c>
      <c r="BT239" s="307" t="str">
        <f t="shared" si="137"/>
        <v/>
      </c>
      <c r="BU239" s="307" t="str">
        <f t="shared" si="138"/>
        <v/>
      </c>
      <c r="BV239" s="307" t="str">
        <f t="shared" si="139"/>
        <v/>
      </c>
      <c r="BW239" s="307" t="str">
        <f t="shared" si="140"/>
        <v/>
      </c>
      <c r="BX239" s="307" t="str">
        <f t="shared" si="141"/>
        <v/>
      </c>
      <c r="BY239" s="307">
        <f t="shared" si="142"/>
        <v>17385</v>
      </c>
      <c r="BZ239" s="307" t="str">
        <f t="shared" si="143"/>
        <v/>
      </c>
      <c r="CA239" s="307" t="str">
        <f t="shared" si="144"/>
        <v/>
      </c>
      <c r="CB239" s="307" t="str">
        <f t="shared" si="145"/>
        <v/>
      </c>
      <c r="CC239" s="307" t="str">
        <f t="shared" si="146"/>
        <v/>
      </c>
      <c r="CD239" s="303"/>
      <c r="CE239" s="303" t="s">
        <v>485</v>
      </c>
      <c r="CF239" s="303" t="s">
        <v>336</v>
      </c>
    </row>
    <row r="240" spans="1:84" s="318" customFormat="1" ht="56.1" hidden="1" customHeight="1" x14ac:dyDescent="0.2">
      <c r="A240" s="302">
        <v>238</v>
      </c>
      <c r="B240" s="24" t="s">
        <v>53</v>
      </c>
      <c r="C240" s="35" t="s">
        <v>329</v>
      </c>
      <c r="D240" s="303" t="s">
        <v>482</v>
      </c>
      <c r="E240" s="303" t="s">
        <v>483</v>
      </c>
      <c r="F240" s="316" t="s">
        <v>486</v>
      </c>
      <c r="G240" s="303" t="s">
        <v>93</v>
      </c>
      <c r="H240" s="303" t="s">
        <v>364</v>
      </c>
      <c r="I240" s="303" t="s">
        <v>81</v>
      </c>
      <c r="J240" s="303" t="s">
        <v>334</v>
      </c>
      <c r="K240" s="303" t="s">
        <v>71</v>
      </c>
      <c r="L240" s="303" t="s">
        <v>63</v>
      </c>
      <c r="M240" s="303" t="s">
        <v>63</v>
      </c>
      <c r="N240" s="304">
        <v>122403</v>
      </c>
      <c r="O240" s="304">
        <f t="shared" si="149"/>
        <v>122403</v>
      </c>
      <c r="P240" s="303" t="s">
        <v>226</v>
      </c>
      <c r="Q240" s="303" t="s">
        <v>82</v>
      </c>
      <c r="R240" s="317"/>
      <c r="S240" s="317"/>
      <c r="T240" s="317"/>
      <c r="U240" s="317"/>
      <c r="V240" s="317"/>
      <c r="W240" s="317"/>
      <c r="X240" s="317"/>
      <c r="Y240" s="317"/>
      <c r="Z240" s="317"/>
      <c r="AA240" s="317"/>
      <c r="AB240" s="317"/>
      <c r="AC240" s="317"/>
      <c r="AD240" s="317"/>
      <c r="AE240" s="317"/>
      <c r="AF240" s="317"/>
      <c r="AG240" s="317"/>
      <c r="AH240" s="317"/>
      <c r="AI240" s="317"/>
      <c r="AJ240" s="317"/>
      <c r="AK240" s="317"/>
      <c r="AL240" s="317"/>
      <c r="AM240" s="317"/>
      <c r="AN240" s="317"/>
      <c r="AO240" s="317"/>
      <c r="AP240" s="317"/>
      <c r="AQ240" s="307" t="s">
        <v>66</v>
      </c>
      <c r="AR240" s="317"/>
      <c r="AS240" s="317"/>
      <c r="AT240" s="317"/>
      <c r="AU240" s="317"/>
      <c r="AV240" s="317"/>
      <c r="AW240" s="308">
        <f t="shared" si="113"/>
        <v>217</v>
      </c>
      <c r="AX240" s="309">
        <f t="shared" si="148"/>
        <v>564.0691244239631</v>
      </c>
      <c r="AY240" s="307" t="str">
        <f t="shared" si="116"/>
        <v/>
      </c>
      <c r="AZ240" s="307" t="str">
        <f t="shared" si="117"/>
        <v/>
      </c>
      <c r="BA240" s="307" t="str">
        <f t="shared" si="118"/>
        <v/>
      </c>
      <c r="BB240" s="307" t="str">
        <f t="shared" si="119"/>
        <v/>
      </c>
      <c r="BC240" s="307" t="str">
        <f t="shared" si="120"/>
        <v/>
      </c>
      <c r="BD240" s="307" t="str">
        <f t="shared" si="121"/>
        <v/>
      </c>
      <c r="BE240" s="307" t="str">
        <f t="shared" si="122"/>
        <v/>
      </c>
      <c r="BF240" s="307" t="str">
        <f t="shared" si="123"/>
        <v/>
      </c>
      <c r="BG240" s="307" t="str">
        <f t="shared" si="124"/>
        <v/>
      </c>
      <c r="BH240" s="307" t="str">
        <f t="shared" si="125"/>
        <v/>
      </c>
      <c r="BI240" s="307" t="str">
        <f t="shared" si="126"/>
        <v/>
      </c>
      <c r="BJ240" s="307" t="str">
        <f t="shared" si="127"/>
        <v/>
      </c>
      <c r="BK240" s="307" t="str">
        <f t="shared" si="128"/>
        <v/>
      </c>
      <c r="BL240" s="307" t="str">
        <f t="shared" si="129"/>
        <v/>
      </c>
      <c r="BM240" s="307" t="str">
        <f t="shared" si="130"/>
        <v/>
      </c>
      <c r="BN240" s="307" t="str">
        <f t="shared" si="131"/>
        <v/>
      </c>
      <c r="BO240" s="307" t="str">
        <f t="shared" si="132"/>
        <v/>
      </c>
      <c r="BP240" s="307" t="str">
        <f t="shared" si="133"/>
        <v/>
      </c>
      <c r="BQ240" s="307" t="str">
        <f t="shared" si="134"/>
        <v/>
      </c>
      <c r="BR240" s="307" t="str">
        <f t="shared" si="135"/>
        <v/>
      </c>
      <c r="BS240" s="307" t="str">
        <f t="shared" si="136"/>
        <v/>
      </c>
      <c r="BT240" s="307" t="str">
        <f t="shared" si="137"/>
        <v/>
      </c>
      <c r="BU240" s="307" t="str">
        <f t="shared" si="138"/>
        <v/>
      </c>
      <c r="BV240" s="307" t="str">
        <f t="shared" si="139"/>
        <v/>
      </c>
      <c r="BW240" s="307" t="str">
        <f t="shared" si="140"/>
        <v/>
      </c>
      <c r="BX240" s="307">
        <f t="shared" si="141"/>
        <v>122403</v>
      </c>
      <c r="BY240" s="307" t="str">
        <f t="shared" si="142"/>
        <v/>
      </c>
      <c r="BZ240" s="307" t="str">
        <f t="shared" si="143"/>
        <v/>
      </c>
      <c r="CA240" s="307" t="str">
        <f t="shared" si="144"/>
        <v/>
      </c>
      <c r="CB240" s="307" t="str">
        <f t="shared" si="145"/>
        <v/>
      </c>
      <c r="CC240" s="307" t="str">
        <f t="shared" si="146"/>
        <v/>
      </c>
      <c r="CD240" s="303"/>
      <c r="CE240" s="303" t="s">
        <v>485</v>
      </c>
      <c r="CF240" s="303" t="s">
        <v>336</v>
      </c>
    </row>
    <row r="241" spans="1:84" s="318" customFormat="1" ht="56.1" hidden="1" customHeight="1" x14ac:dyDescent="0.2">
      <c r="A241" s="302">
        <v>239</v>
      </c>
      <c r="B241" s="24" t="s">
        <v>53</v>
      </c>
      <c r="C241" s="35" t="s">
        <v>329</v>
      </c>
      <c r="D241" s="303" t="s">
        <v>482</v>
      </c>
      <c r="E241" s="303" t="s">
        <v>483</v>
      </c>
      <c r="F241" s="316" t="s">
        <v>491</v>
      </c>
      <c r="G241" s="303" t="s">
        <v>413</v>
      </c>
      <c r="H241" s="303" t="s">
        <v>310</v>
      </c>
      <c r="I241" s="303" t="s">
        <v>81</v>
      </c>
      <c r="J241" s="303" t="s">
        <v>334</v>
      </c>
      <c r="K241" s="303" t="s">
        <v>225</v>
      </c>
      <c r="L241" s="303" t="s">
        <v>63</v>
      </c>
      <c r="M241" s="303" t="s">
        <v>63</v>
      </c>
      <c r="N241" s="304">
        <v>37825</v>
      </c>
      <c r="O241" s="304">
        <f t="shared" si="149"/>
        <v>37825</v>
      </c>
      <c r="P241" s="303" t="s">
        <v>226</v>
      </c>
      <c r="Q241" s="303" t="s">
        <v>82</v>
      </c>
      <c r="R241" s="317"/>
      <c r="S241" s="317"/>
      <c r="T241" s="317"/>
      <c r="U241" s="317"/>
      <c r="V241" s="317"/>
      <c r="W241" s="317"/>
      <c r="X241" s="317"/>
      <c r="Y241" s="317"/>
      <c r="Z241" s="317"/>
      <c r="AA241" s="317"/>
      <c r="AB241" s="317"/>
      <c r="AC241" s="317"/>
      <c r="AD241" s="317"/>
      <c r="AE241" s="317"/>
      <c r="AF241" s="317"/>
      <c r="AG241" s="317"/>
      <c r="AH241" s="317"/>
      <c r="AI241" s="317"/>
      <c r="AJ241" s="317"/>
      <c r="AK241" s="317"/>
      <c r="AL241" s="317"/>
      <c r="AM241" s="317"/>
      <c r="AN241" s="317"/>
      <c r="AO241" s="317"/>
      <c r="AP241" s="317"/>
      <c r="AQ241" s="317"/>
      <c r="AR241" s="317"/>
      <c r="AS241" s="317" t="s">
        <v>66</v>
      </c>
      <c r="AT241" s="317"/>
      <c r="AU241" s="317"/>
      <c r="AV241" s="317"/>
      <c r="AW241" s="308">
        <f t="shared" si="113"/>
        <v>67</v>
      </c>
      <c r="AX241" s="309">
        <f t="shared" si="148"/>
        <v>564.55223880597021</v>
      </c>
      <c r="AY241" s="307" t="str">
        <f t="shared" si="116"/>
        <v/>
      </c>
      <c r="AZ241" s="307" t="str">
        <f t="shared" si="117"/>
        <v/>
      </c>
      <c r="BA241" s="307" t="str">
        <f t="shared" si="118"/>
        <v/>
      </c>
      <c r="BB241" s="307" t="str">
        <f t="shared" si="119"/>
        <v/>
      </c>
      <c r="BC241" s="307" t="str">
        <f t="shared" si="120"/>
        <v/>
      </c>
      <c r="BD241" s="307" t="str">
        <f t="shared" si="121"/>
        <v/>
      </c>
      <c r="BE241" s="307" t="str">
        <f t="shared" si="122"/>
        <v/>
      </c>
      <c r="BF241" s="307" t="str">
        <f t="shared" si="123"/>
        <v/>
      </c>
      <c r="BG241" s="307" t="str">
        <f t="shared" si="124"/>
        <v/>
      </c>
      <c r="BH241" s="307" t="str">
        <f t="shared" si="125"/>
        <v/>
      </c>
      <c r="BI241" s="307" t="str">
        <f t="shared" si="126"/>
        <v/>
      </c>
      <c r="BJ241" s="307" t="str">
        <f t="shared" si="127"/>
        <v/>
      </c>
      <c r="BK241" s="307" t="str">
        <f t="shared" si="128"/>
        <v/>
      </c>
      <c r="BL241" s="307" t="str">
        <f t="shared" si="129"/>
        <v/>
      </c>
      <c r="BM241" s="307" t="str">
        <f t="shared" si="130"/>
        <v/>
      </c>
      <c r="BN241" s="307" t="str">
        <f t="shared" si="131"/>
        <v/>
      </c>
      <c r="BO241" s="307" t="str">
        <f t="shared" si="132"/>
        <v/>
      </c>
      <c r="BP241" s="307" t="str">
        <f t="shared" si="133"/>
        <v/>
      </c>
      <c r="BQ241" s="307" t="str">
        <f t="shared" si="134"/>
        <v/>
      </c>
      <c r="BR241" s="307" t="str">
        <f t="shared" si="135"/>
        <v/>
      </c>
      <c r="BS241" s="307" t="str">
        <f t="shared" si="136"/>
        <v/>
      </c>
      <c r="BT241" s="307" t="str">
        <f t="shared" si="137"/>
        <v/>
      </c>
      <c r="BU241" s="307" t="str">
        <f t="shared" si="138"/>
        <v/>
      </c>
      <c r="BV241" s="307" t="str">
        <f t="shared" si="139"/>
        <v/>
      </c>
      <c r="BW241" s="307" t="str">
        <f t="shared" si="140"/>
        <v/>
      </c>
      <c r="BX241" s="307" t="str">
        <f t="shared" si="141"/>
        <v/>
      </c>
      <c r="BY241" s="307" t="str">
        <f t="shared" si="142"/>
        <v/>
      </c>
      <c r="BZ241" s="307">
        <f t="shared" si="143"/>
        <v>37825.000000000007</v>
      </c>
      <c r="CA241" s="307" t="str">
        <f t="shared" si="144"/>
        <v/>
      </c>
      <c r="CB241" s="307" t="str">
        <f t="shared" si="145"/>
        <v/>
      </c>
      <c r="CC241" s="307" t="str">
        <f t="shared" si="146"/>
        <v/>
      </c>
      <c r="CD241" s="303"/>
      <c r="CE241" s="303" t="s">
        <v>485</v>
      </c>
      <c r="CF241" s="303" t="s">
        <v>336</v>
      </c>
    </row>
    <row r="242" spans="1:84" s="318" customFormat="1" ht="56.1" hidden="1" customHeight="1" x14ac:dyDescent="0.2">
      <c r="A242" s="302">
        <v>240</v>
      </c>
      <c r="B242" s="24" t="s">
        <v>53</v>
      </c>
      <c r="C242" s="35" t="s">
        <v>329</v>
      </c>
      <c r="D242" s="303" t="s">
        <v>482</v>
      </c>
      <c r="E242" s="303" t="s">
        <v>483</v>
      </c>
      <c r="F242" s="316" t="s">
        <v>491</v>
      </c>
      <c r="G242" s="303" t="s">
        <v>95</v>
      </c>
      <c r="H242" s="303" t="s">
        <v>347</v>
      </c>
      <c r="I242" s="303" t="s">
        <v>81</v>
      </c>
      <c r="J242" s="303" t="s">
        <v>334</v>
      </c>
      <c r="K242" s="303" t="s">
        <v>225</v>
      </c>
      <c r="L242" s="303" t="s">
        <v>63</v>
      </c>
      <c r="M242" s="303" t="s">
        <v>63</v>
      </c>
      <c r="N242" s="304">
        <v>17385</v>
      </c>
      <c r="O242" s="304">
        <f t="shared" si="149"/>
        <v>17385</v>
      </c>
      <c r="P242" s="303" t="s">
        <v>226</v>
      </c>
      <c r="Q242" s="303" t="s">
        <v>82</v>
      </c>
      <c r="R242" s="317"/>
      <c r="S242" s="317"/>
      <c r="T242" s="317"/>
      <c r="U242" s="317"/>
      <c r="V242" s="317"/>
      <c r="W242" s="317"/>
      <c r="X242" s="317"/>
      <c r="Y242" s="317"/>
      <c r="Z242" s="317"/>
      <c r="AA242" s="317"/>
      <c r="AB242" s="317"/>
      <c r="AC242" s="317"/>
      <c r="AD242" s="317"/>
      <c r="AE242" s="317"/>
      <c r="AF242" s="317"/>
      <c r="AG242" s="317"/>
      <c r="AH242" s="317"/>
      <c r="AI242" s="317"/>
      <c r="AJ242" s="317"/>
      <c r="AK242" s="317"/>
      <c r="AL242" s="317"/>
      <c r="AM242" s="317"/>
      <c r="AN242" s="317"/>
      <c r="AO242" s="317"/>
      <c r="AP242" s="317"/>
      <c r="AQ242" s="317"/>
      <c r="AR242" s="317"/>
      <c r="AS242" s="317"/>
      <c r="AT242" s="317"/>
      <c r="AU242" s="306" t="s">
        <v>66</v>
      </c>
      <c r="AV242" s="317"/>
      <c r="AW242" s="308">
        <f t="shared" si="113"/>
        <v>31</v>
      </c>
      <c r="AX242" s="309">
        <f t="shared" si="148"/>
        <v>560.80645161290317</v>
      </c>
      <c r="AY242" s="307" t="str">
        <f t="shared" si="116"/>
        <v/>
      </c>
      <c r="AZ242" s="307" t="str">
        <f t="shared" si="117"/>
        <v/>
      </c>
      <c r="BA242" s="307" t="str">
        <f t="shared" si="118"/>
        <v/>
      </c>
      <c r="BB242" s="307" t="str">
        <f t="shared" si="119"/>
        <v/>
      </c>
      <c r="BC242" s="307" t="str">
        <f t="shared" si="120"/>
        <v/>
      </c>
      <c r="BD242" s="307" t="str">
        <f t="shared" si="121"/>
        <v/>
      </c>
      <c r="BE242" s="307" t="str">
        <f t="shared" si="122"/>
        <v/>
      </c>
      <c r="BF242" s="307" t="str">
        <f t="shared" si="123"/>
        <v/>
      </c>
      <c r="BG242" s="307" t="str">
        <f t="shared" si="124"/>
        <v/>
      </c>
      <c r="BH242" s="307" t="str">
        <f t="shared" si="125"/>
        <v/>
      </c>
      <c r="BI242" s="307" t="str">
        <f t="shared" si="126"/>
        <v/>
      </c>
      <c r="BJ242" s="307" t="str">
        <f t="shared" si="127"/>
        <v/>
      </c>
      <c r="BK242" s="307" t="str">
        <f t="shared" si="128"/>
        <v/>
      </c>
      <c r="BL242" s="307" t="str">
        <f t="shared" si="129"/>
        <v/>
      </c>
      <c r="BM242" s="307" t="str">
        <f t="shared" si="130"/>
        <v/>
      </c>
      <c r="BN242" s="307" t="str">
        <f t="shared" si="131"/>
        <v/>
      </c>
      <c r="BO242" s="307" t="str">
        <f t="shared" si="132"/>
        <v/>
      </c>
      <c r="BP242" s="307" t="str">
        <f t="shared" si="133"/>
        <v/>
      </c>
      <c r="BQ242" s="307" t="str">
        <f t="shared" si="134"/>
        <v/>
      </c>
      <c r="BR242" s="307" t="str">
        <f t="shared" si="135"/>
        <v/>
      </c>
      <c r="BS242" s="307" t="str">
        <f t="shared" si="136"/>
        <v/>
      </c>
      <c r="BT242" s="307" t="str">
        <f t="shared" si="137"/>
        <v/>
      </c>
      <c r="BU242" s="307" t="str">
        <f t="shared" si="138"/>
        <v/>
      </c>
      <c r="BV242" s="307" t="str">
        <f t="shared" si="139"/>
        <v/>
      </c>
      <c r="BW242" s="307" t="str">
        <f t="shared" si="140"/>
        <v/>
      </c>
      <c r="BX242" s="307" t="str">
        <f t="shared" si="141"/>
        <v/>
      </c>
      <c r="BY242" s="307" t="str">
        <f t="shared" si="142"/>
        <v/>
      </c>
      <c r="BZ242" s="307" t="str">
        <f t="shared" si="143"/>
        <v/>
      </c>
      <c r="CA242" s="307" t="str">
        <f t="shared" si="144"/>
        <v/>
      </c>
      <c r="CB242" s="307">
        <f t="shared" si="145"/>
        <v>17385</v>
      </c>
      <c r="CC242" s="307" t="str">
        <f t="shared" si="146"/>
        <v/>
      </c>
      <c r="CD242" s="303"/>
      <c r="CE242" s="303" t="s">
        <v>485</v>
      </c>
      <c r="CF242" s="303" t="s">
        <v>336</v>
      </c>
    </row>
    <row r="243" spans="1:84" s="211" customFormat="1" ht="56.1" hidden="1" customHeight="1" x14ac:dyDescent="0.2">
      <c r="A243" s="198">
        <v>241</v>
      </c>
      <c r="B243" s="199" t="s">
        <v>53</v>
      </c>
      <c r="C243" s="208" t="s">
        <v>329</v>
      </c>
      <c r="D243" s="200" t="s">
        <v>482</v>
      </c>
      <c r="E243" s="200" t="s">
        <v>483</v>
      </c>
      <c r="F243" s="209" t="s">
        <v>489</v>
      </c>
      <c r="G243" s="200" t="s">
        <v>95</v>
      </c>
      <c r="H243" s="200" t="s">
        <v>368</v>
      </c>
      <c r="I243" s="200" t="s">
        <v>81</v>
      </c>
      <c r="J243" s="200" t="s">
        <v>334</v>
      </c>
      <c r="K243" s="200" t="s">
        <v>493</v>
      </c>
      <c r="L243" s="200" t="s">
        <v>63</v>
      </c>
      <c r="M243" s="200" t="s">
        <v>63</v>
      </c>
      <c r="N243" s="201">
        <v>84578</v>
      </c>
      <c r="O243" s="201">
        <f t="shared" si="149"/>
        <v>84578</v>
      </c>
      <c r="P243" s="200" t="s">
        <v>226</v>
      </c>
      <c r="Q243" s="200" t="s">
        <v>82</v>
      </c>
      <c r="R243" s="210"/>
      <c r="S243" s="210"/>
      <c r="T243" s="210"/>
      <c r="U243" s="210"/>
      <c r="V243" s="210"/>
      <c r="W243" s="210"/>
      <c r="X243" s="210"/>
      <c r="Y243" s="210"/>
      <c r="Z243" s="210"/>
      <c r="AA243" s="210"/>
      <c r="AB243" s="210"/>
      <c r="AC243" s="210"/>
      <c r="AD243" s="210"/>
      <c r="AE243" s="210"/>
      <c r="AF243" s="210"/>
      <c r="AG243" s="210"/>
      <c r="AH243" s="210"/>
      <c r="AI243" s="210"/>
      <c r="AJ243" s="210"/>
      <c r="AK243" s="210"/>
      <c r="AL243" s="210"/>
      <c r="AM243" s="210"/>
      <c r="AN243" s="210"/>
      <c r="AO243" s="210"/>
      <c r="AP243" s="210"/>
      <c r="AQ243" s="210"/>
      <c r="AR243" s="210"/>
      <c r="AS243" s="210"/>
      <c r="AT243" s="203" t="s">
        <v>66</v>
      </c>
      <c r="AU243" s="210"/>
      <c r="AV243" s="210"/>
      <c r="AW243" s="204">
        <f t="shared" si="113"/>
        <v>150</v>
      </c>
      <c r="AX243" s="205">
        <f t="shared" si="148"/>
        <v>563.85333333333335</v>
      </c>
      <c r="AY243" s="203" t="str">
        <f t="shared" si="116"/>
        <v/>
      </c>
      <c r="AZ243" s="203" t="str">
        <f t="shared" si="117"/>
        <v/>
      </c>
      <c r="BA243" s="203" t="str">
        <f t="shared" si="118"/>
        <v/>
      </c>
      <c r="BB243" s="203" t="str">
        <f t="shared" si="119"/>
        <v/>
      </c>
      <c r="BC243" s="203" t="str">
        <f t="shared" si="120"/>
        <v/>
      </c>
      <c r="BD243" s="203" t="str">
        <f t="shared" si="121"/>
        <v/>
      </c>
      <c r="BE243" s="203" t="str">
        <f t="shared" si="122"/>
        <v/>
      </c>
      <c r="BF243" s="203" t="str">
        <f t="shared" si="123"/>
        <v/>
      </c>
      <c r="BG243" s="203" t="str">
        <f t="shared" si="124"/>
        <v/>
      </c>
      <c r="BH243" s="203" t="str">
        <f t="shared" si="125"/>
        <v/>
      </c>
      <c r="BI243" s="203" t="str">
        <f t="shared" si="126"/>
        <v/>
      </c>
      <c r="BJ243" s="203" t="str">
        <f t="shared" si="127"/>
        <v/>
      </c>
      <c r="BK243" s="203" t="str">
        <f t="shared" si="128"/>
        <v/>
      </c>
      <c r="BL243" s="203" t="str">
        <f t="shared" si="129"/>
        <v/>
      </c>
      <c r="BM243" s="203" t="str">
        <f t="shared" si="130"/>
        <v/>
      </c>
      <c r="BN243" s="203" t="str">
        <f t="shared" si="131"/>
        <v/>
      </c>
      <c r="BO243" s="203" t="str">
        <f t="shared" si="132"/>
        <v/>
      </c>
      <c r="BP243" s="203" t="str">
        <f t="shared" si="133"/>
        <v/>
      </c>
      <c r="BQ243" s="203" t="str">
        <f t="shared" si="134"/>
        <v/>
      </c>
      <c r="BR243" s="203" t="str">
        <f t="shared" si="135"/>
        <v/>
      </c>
      <c r="BS243" s="203" t="str">
        <f t="shared" si="136"/>
        <v/>
      </c>
      <c r="BT243" s="203" t="str">
        <f t="shared" si="137"/>
        <v/>
      </c>
      <c r="BU243" s="203" t="str">
        <f t="shared" si="138"/>
        <v/>
      </c>
      <c r="BV243" s="203" t="str">
        <f t="shared" si="139"/>
        <v/>
      </c>
      <c r="BW243" s="203" t="str">
        <f t="shared" si="140"/>
        <v/>
      </c>
      <c r="BX243" s="203" t="str">
        <f t="shared" si="141"/>
        <v/>
      </c>
      <c r="BY243" s="203" t="str">
        <f t="shared" si="142"/>
        <v/>
      </c>
      <c r="BZ243" s="203" t="str">
        <f t="shared" si="143"/>
        <v/>
      </c>
      <c r="CA243" s="203">
        <f t="shared" si="144"/>
        <v>84578</v>
      </c>
      <c r="CB243" s="203" t="str">
        <f t="shared" si="145"/>
        <v/>
      </c>
      <c r="CC243" s="203" t="str">
        <f t="shared" si="146"/>
        <v/>
      </c>
      <c r="CD243" s="200"/>
      <c r="CE243" s="200" t="s">
        <v>485</v>
      </c>
      <c r="CF243" s="200" t="s">
        <v>336</v>
      </c>
    </row>
    <row r="244" spans="1:84" s="211" customFormat="1" ht="56.1" hidden="1" customHeight="1" x14ac:dyDescent="0.2">
      <c r="A244" s="198">
        <v>242</v>
      </c>
      <c r="B244" s="199" t="s">
        <v>53</v>
      </c>
      <c r="C244" s="208" t="s">
        <v>329</v>
      </c>
      <c r="D244" s="200" t="s">
        <v>482</v>
      </c>
      <c r="E244" s="200" t="s">
        <v>483</v>
      </c>
      <c r="F244" s="209" t="s">
        <v>494</v>
      </c>
      <c r="G244" s="200" t="s">
        <v>58</v>
      </c>
      <c r="H244" s="200" t="s">
        <v>347</v>
      </c>
      <c r="I244" s="200" t="s">
        <v>81</v>
      </c>
      <c r="J244" s="200" t="s">
        <v>334</v>
      </c>
      <c r="K244" s="200" t="s">
        <v>225</v>
      </c>
      <c r="L244" s="200" t="s">
        <v>63</v>
      </c>
      <c r="M244" s="200" t="s">
        <v>63</v>
      </c>
      <c r="N244" s="201">
        <v>1344786</v>
      </c>
      <c r="O244" s="201">
        <f t="shared" si="149"/>
        <v>1344786</v>
      </c>
      <c r="P244" s="200" t="s">
        <v>226</v>
      </c>
      <c r="Q244" s="200" t="s">
        <v>82</v>
      </c>
      <c r="R244" s="210"/>
      <c r="S244" s="210"/>
      <c r="T244" s="210"/>
      <c r="U244" s="210"/>
      <c r="V244" s="210"/>
      <c r="W244" s="210"/>
      <c r="X244" s="210"/>
      <c r="Y244" s="210"/>
      <c r="Z244" s="210"/>
      <c r="AA244" s="210"/>
      <c r="AB244" s="210"/>
      <c r="AC244" s="210"/>
      <c r="AD244" s="210"/>
      <c r="AE244" s="210"/>
      <c r="AF244" s="210"/>
      <c r="AG244" s="210"/>
      <c r="AH244" s="203" t="s">
        <v>66</v>
      </c>
      <c r="AI244" s="210"/>
      <c r="AJ244" s="210"/>
      <c r="AK244" s="210"/>
      <c r="AL244" s="210"/>
      <c r="AM244" s="210"/>
      <c r="AN244" s="210"/>
      <c r="AO244" s="210"/>
      <c r="AP244" s="210"/>
      <c r="AQ244" s="210"/>
      <c r="AR244" s="210"/>
      <c r="AS244" s="210"/>
      <c r="AT244" s="210"/>
      <c r="AU244" s="210"/>
      <c r="AV244" s="210"/>
      <c r="AW244" s="204">
        <f t="shared" si="113"/>
        <v>2385</v>
      </c>
      <c r="AX244" s="205">
        <f t="shared" si="148"/>
        <v>563.85157232704398</v>
      </c>
      <c r="AY244" s="203" t="str">
        <f t="shared" si="116"/>
        <v/>
      </c>
      <c r="AZ244" s="203" t="str">
        <f t="shared" si="117"/>
        <v/>
      </c>
      <c r="BA244" s="203" t="str">
        <f t="shared" si="118"/>
        <v/>
      </c>
      <c r="BB244" s="203" t="str">
        <f t="shared" si="119"/>
        <v/>
      </c>
      <c r="BC244" s="203" t="str">
        <f t="shared" si="120"/>
        <v/>
      </c>
      <c r="BD244" s="203" t="str">
        <f t="shared" si="121"/>
        <v/>
      </c>
      <c r="BE244" s="203" t="str">
        <f t="shared" si="122"/>
        <v/>
      </c>
      <c r="BF244" s="203" t="str">
        <f t="shared" si="123"/>
        <v/>
      </c>
      <c r="BG244" s="203" t="str">
        <f t="shared" si="124"/>
        <v/>
      </c>
      <c r="BH244" s="203" t="str">
        <f t="shared" si="125"/>
        <v/>
      </c>
      <c r="BI244" s="203" t="str">
        <f t="shared" si="126"/>
        <v/>
      </c>
      <c r="BJ244" s="203" t="str">
        <f t="shared" si="127"/>
        <v/>
      </c>
      <c r="BK244" s="203" t="str">
        <f t="shared" si="128"/>
        <v/>
      </c>
      <c r="BL244" s="203" t="str">
        <f t="shared" si="129"/>
        <v/>
      </c>
      <c r="BM244" s="203" t="str">
        <f t="shared" si="130"/>
        <v/>
      </c>
      <c r="BN244" s="203" t="str">
        <f t="shared" si="131"/>
        <v/>
      </c>
      <c r="BO244" s="203">
        <f t="shared" si="132"/>
        <v>1344786</v>
      </c>
      <c r="BP244" s="203" t="str">
        <f t="shared" si="133"/>
        <v/>
      </c>
      <c r="BQ244" s="203" t="str">
        <f t="shared" si="134"/>
        <v/>
      </c>
      <c r="BR244" s="203" t="str">
        <f t="shared" si="135"/>
        <v/>
      </c>
      <c r="BS244" s="203" t="str">
        <f t="shared" si="136"/>
        <v/>
      </c>
      <c r="BT244" s="203" t="str">
        <f t="shared" si="137"/>
        <v/>
      </c>
      <c r="BU244" s="203" t="str">
        <f t="shared" si="138"/>
        <v/>
      </c>
      <c r="BV244" s="203" t="str">
        <f t="shared" si="139"/>
        <v/>
      </c>
      <c r="BW244" s="203" t="str">
        <f t="shared" si="140"/>
        <v/>
      </c>
      <c r="BX244" s="203" t="str">
        <f t="shared" si="141"/>
        <v/>
      </c>
      <c r="BY244" s="203" t="str">
        <f t="shared" si="142"/>
        <v/>
      </c>
      <c r="BZ244" s="203" t="str">
        <f t="shared" si="143"/>
        <v/>
      </c>
      <c r="CA244" s="203" t="str">
        <f t="shared" si="144"/>
        <v/>
      </c>
      <c r="CB244" s="203" t="str">
        <f t="shared" si="145"/>
        <v/>
      </c>
      <c r="CC244" s="203" t="str">
        <f t="shared" si="146"/>
        <v/>
      </c>
      <c r="CD244" s="200"/>
      <c r="CE244" s="200" t="s">
        <v>485</v>
      </c>
      <c r="CF244" s="200" t="s">
        <v>336</v>
      </c>
    </row>
    <row r="245" spans="1:84" s="168" customFormat="1" ht="56.1" hidden="1" customHeight="1" x14ac:dyDescent="0.2">
      <c r="A245" s="154">
        <v>243</v>
      </c>
      <c r="B245" s="155" t="s">
        <v>53</v>
      </c>
      <c r="C245" s="165" t="s">
        <v>329</v>
      </c>
      <c r="D245" s="156" t="s">
        <v>482</v>
      </c>
      <c r="E245" s="156" t="s">
        <v>483</v>
      </c>
      <c r="F245" s="166" t="s">
        <v>495</v>
      </c>
      <c r="G245" s="156" t="s">
        <v>496</v>
      </c>
      <c r="H245" s="156" t="s">
        <v>173</v>
      </c>
      <c r="I245" s="156" t="s">
        <v>81</v>
      </c>
      <c r="J245" s="156" t="s">
        <v>334</v>
      </c>
      <c r="K245" s="156" t="s">
        <v>62</v>
      </c>
      <c r="L245" s="156" t="s">
        <v>63</v>
      </c>
      <c r="M245" s="156" t="s">
        <v>63</v>
      </c>
      <c r="N245" s="157">
        <v>845777</v>
      </c>
      <c r="O245" s="157">
        <f t="shared" si="149"/>
        <v>845777</v>
      </c>
      <c r="P245" s="156" t="s">
        <v>226</v>
      </c>
      <c r="Q245" s="156" t="s">
        <v>82</v>
      </c>
      <c r="R245" s="161" t="s">
        <v>66</v>
      </c>
      <c r="S245" s="167"/>
      <c r="T245" s="167"/>
      <c r="U245" s="167"/>
      <c r="V245" s="167"/>
      <c r="W245" s="167"/>
      <c r="X245" s="167"/>
      <c r="Y245" s="167"/>
      <c r="Z245" s="167"/>
      <c r="AA245" s="167"/>
      <c r="AB245" s="167"/>
      <c r="AC245" s="167"/>
      <c r="AD245" s="167"/>
      <c r="AE245" s="167"/>
      <c r="AF245" s="167"/>
      <c r="AG245" s="167"/>
      <c r="AH245" s="167"/>
      <c r="AI245" s="167"/>
      <c r="AJ245" s="167"/>
      <c r="AK245" s="167"/>
      <c r="AL245" s="167"/>
      <c r="AM245" s="167"/>
      <c r="AN245" s="167"/>
      <c r="AO245" s="167"/>
      <c r="AP245" s="167"/>
      <c r="AQ245" s="167"/>
      <c r="AR245" s="167"/>
      <c r="AS245" s="167"/>
      <c r="AT245" s="167"/>
      <c r="AU245" s="167"/>
      <c r="AV245" s="167"/>
      <c r="AW245" s="160">
        <f t="shared" si="113"/>
        <v>1500</v>
      </c>
      <c r="AX245" s="158">
        <f t="shared" si="148"/>
        <v>563.85133333333329</v>
      </c>
      <c r="AY245" s="161">
        <f t="shared" si="116"/>
        <v>845776.99999999988</v>
      </c>
      <c r="AZ245" s="161" t="str">
        <f t="shared" si="117"/>
        <v/>
      </c>
      <c r="BA245" s="161" t="str">
        <f t="shared" si="118"/>
        <v/>
      </c>
      <c r="BB245" s="161" t="str">
        <f t="shared" si="119"/>
        <v/>
      </c>
      <c r="BC245" s="161" t="str">
        <f t="shared" si="120"/>
        <v/>
      </c>
      <c r="BD245" s="161" t="str">
        <f t="shared" si="121"/>
        <v/>
      </c>
      <c r="BE245" s="161" t="str">
        <f t="shared" si="122"/>
        <v/>
      </c>
      <c r="BF245" s="161" t="str">
        <f t="shared" si="123"/>
        <v/>
      </c>
      <c r="BG245" s="161" t="str">
        <f t="shared" si="124"/>
        <v/>
      </c>
      <c r="BH245" s="161" t="str">
        <f t="shared" si="125"/>
        <v/>
      </c>
      <c r="BI245" s="161" t="str">
        <f t="shared" si="126"/>
        <v/>
      </c>
      <c r="BJ245" s="161" t="str">
        <f t="shared" si="127"/>
        <v/>
      </c>
      <c r="BK245" s="161" t="str">
        <f t="shared" si="128"/>
        <v/>
      </c>
      <c r="BL245" s="161" t="str">
        <f t="shared" si="129"/>
        <v/>
      </c>
      <c r="BM245" s="161" t="str">
        <f t="shared" si="130"/>
        <v/>
      </c>
      <c r="BN245" s="161" t="str">
        <f t="shared" si="131"/>
        <v/>
      </c>
      <c r="BO245" s="161" t="str">
        <f t="shared" si="132"/>
        <v/>
      </c>
      <c r="BP245" s="161" t="str">
        <f t="shared" si="133"/>
        <v/>
      </c>
      <c r="BQ245" s="161" t="str">
        <f t="shared" si="134"/>
        <v/>
      </c>
      <c r="BR245" s="161" t="str">
        <f t="shared" si="135"/>
        <v/>
      </c>
      <c r="BS245" s="161" t="str">
        <f t="shared" si="136"/>
        <v/>
      </c>
      <c r="BT245" s="161" t="str">
        <f t="shared" si="137"/>
        <v/>
      </c>
      <c r="BU245" s="161" t="str">
        <f t="shared" si="138"/>
        <v/>
      </c>
      <c r="BV245" s="161" t="str">
        <f t="shared" si="139"/>
        <v/>
      </c>
      <c r="BW245" s="161" t="str">
        <f t="shared" si="140"/>
        <v/>
      </c>
      <c r="BX245" s="161" t="str">
        <f t="shared" si="141"/>
        <v/>
      </c>
      <c r="BY245" s="161" t="str">
        <f t="shared" si="142"/>
        <v/>
      </c>
      <c r="BZ245" s="161" t="str">
        <f t="shared" si="143"/>
        <v/>
      </c>
      <c r="CA245" s="161" t="str">
        <f t="shared" si="144"/>
        <v/>
      </c>
      <c r="CB245" s="161" t="str">
        <f t="shared" si="145"/>
        <v/>
      </c>
      <c r="CC245" s="161" t="str">
        <f t="shared" si="146"/>
        <v/>
      </c>
      <c r="CD245" s="156"/>
      <c r="CE245" s="156" t="s">
        <v>485</v>
      </c>
      <c r="CF245" s="156" t="s">
        <v>336</v>
      </c>
    </row>
    <row r="246" spans="1:84" s="220" customFormat="1" ht="56.1" hidden="1" customHeight="1" x14ac:dyDescent="0.2">
      <c r="A246" s="181">
        <v>244</v>
      </c>
      <c r="B246" s="182" t="s">
        <v>53</v>
      </c>
      <c r="C246" s="183" t="s">
        <v>329</v>
      </c>
      <c r="D246" s="214" t="s">
        <v>482</v>
      </c>
      <c r="E246" s="214" t="s">
        <v>483</v>
      </c>
      <c r="F246" s="218" t="s">
        <v>497</v>
      </c>
      <c r="G246" s="214" t="s">
        <v>496</v>
      </c>
      <c r="H246" s="214" t="s">
        <v>498</v>
      </c>
      <c r="I246" s="214" t="s">
        <v>81</v>
      </c>
      <c r="J246" s="214" t="s">
        <v>334</v>
      </c>
      <c r="K246" s="214" t="s">
        <v>225</v>
      </c>
      <c r="L246" s="214" t="s">
        <v>63</v>
      </c>
      <c r="M246" s="214" t="s">
        <v>63</v>
      </c>
      <c r="N246" s="215">
        <v>253733</v>
      </c>
      <c r="O246" s="215">
        <f t="shared" si="149"/>
        <v>253733</v>
      </c>
      <c r="P246" s="214" t="s">
        <v>226</v>
      </c>
      <c r="Q246" s="214" t="s">
        <v>82</v>
      </c>
      <c r="R246" s="219"/>
      <c r="S246" s="219"/>
      <c r="T246" s="192" t="s">
        <v>66</v>
      </c>
      <c r="U246" s="219"/>
      <c r="V246" s="219"/>
      <c r="W246" s="219"/>
      <c r="X246" s="219"/>
      <c r="Y246" s="219"/>
      <c r="Z246" s="219"/>
      <c r="AA246" s="219"/>
      <c r="AB246" s="219"/>
      <c r="AC246" s="219"/>
      <c r="AD246" s="219"/>
      <c r="AE246" s="219"/>
      <c r="AF246" s="219"/>
      <c r="AG246" s="219"/>
      <c r="AH246" s="219"/>
      <c r="AI246" s="219"/>
      <c r="AJ246" s="219"/>
      <c r="AK246" s="219"/>
      <c r="AL246" s="219"/>
      <c r="AM246" s="219"/>
      <c r="AN246" s="219"/>
      <c r="AO246" s="219"/>
      <c r="AP246" s="219"/>
      <c r="AQ246" s="219"/>
      <c r="AR246" s="219"/>
      <c r="AS246" s="219"/>
      <c r="AT246" s="219"/>
      <c r="AU246" s="219"/>
      <c r="AV246" s="219"/>
      <c r="AW246" s="191">
        <f t="shared" si="113"/>
        <v>450</v>
      </c>
      <c r="AX246" s="187">
        <f t="shared" si="148"/>
        <v>563.85111111111109</v>
      </c>
      <c r="AY246" s="192" t="str">
        <f t="shared" si="116"/>
        <v/>
      </c>
      <c r="AZ246" s="192" t="str">
        <f t="shared" si="117"/>
        <v/>
      </c>
      <c r="BA246" s="192">
        <f t="shared" si="118"/>
        <v>253733</v>
      </c>
      <c r="BB246" s="192" t="str">
        <f t="shared" si="119"/>
        <v/>
      </c>
      <c r="BC246" s="192" t="str">
        <f t="shared" si="120"/>
        <v/>
      </c>
      <c r="BD246" s="192" t="str">
        <f t="shared" si="121"/>
        <v/>
      </c>
      <c r="BE246" s="192" t="str">
        <f t="shared" si="122"/>
        <v/>
      </c>
      <c r="BF246" s="192" t="str">
        <f t="shared" si="123"/>
        <v/>
      </c>
      <c r="BG246" s="192" t="str">
        <f t="shared" si="124"/>
        <v/>
      </c>
      <c r="BH246" s="192" t="str">
        <f t="shared" si="125"/>
        <v/>
      </c>
      <c r="BI246" s="192" t="str">
        <f t="shared" si="126"/>
        <v/>
      </c>
      <c r="BJ246" s="192" t="str">
        <f t="shared" si="127"/>
        <v/>
      </c>
      <c r="BK246" s="192" t="str">
        <f t="shared" si="128"/>
        <v/>
      </c>
      <c r="BL246" s="192" t="str">
        <f t="shared" si="129"/>
        <v/>
      </c>
      <c r="BM246" s="192" t="str">
        <f t="shared" si="130"/>
        <v/>
      </c>
      <c r="BN246" s="192" t="str">
        <f t="shared" si="131"/>
        <v/>
      </c>
      <c r="BO246" s="192" t="str">
        <f t="shared" si="132"/>
        <v/>
      </c>
      <c r="BP246" s="192" t="str">
        <f t="shared" si="133"/>
        <v/>
      </c>
      <c r="BQ246" s="192" t="str">
        <f t="shared" si="134"/>
        <v/>
      </c>
      <c r="BR246" s="192" t="str">
        <f t="shared" si="135"/>
        <v/>
      </c>
      <c r="BS246" s="192" t="str">
        <f t="shared" si="136"/>
        <v/>
      </c>
      <c r="BT246" s="192" t="str">
        <f t="shared" si="137"/>
        <v/>
      </c>
      <c r="BU246" s="192" t="str">
        <f t="shared" si="138"/>
        <v/>
      </c>
      <c r="BV246" s="192" t="str">
        <f t="shared" si="139"/>
        <v/>
      </c>
      <c r="BW246" s="192" t="str">
        <f t="shared" si="140"/>
        <v/>
      </c>
      <c r="BX246" s="192" t="str">
        <f t="shared" si="141"/>
        <v/>
      </c>
      <c r="BY246" s="192" t="str">
        <f t="shared" si="142"/>
        <v/>
      </c>
      <c r="BZ246" s="192" t="str">
        <f t="shared" si="143"/>
        <v/>
      </c>
      <c r="CA246" s="192" t="str">
        <f t="shared" si="144"/>
        <v/>
      </c>
      <c r="CB246" s="192" t="str">
        <f t="shared" si="145"/>
        <v/>
      </c>
      <c r="CC246" s="192" t="str">
        <f t="shared" si="146"/>
        <v/>
      </c>
      <c r="CD246" s="214"/>
      <c r="CE246" s="214" t="s">
        <v>485</v>
      </c>
      <c r="CF246" s="214" t="s">
        <v>336</v>
      </c>
    </row>
    <row r="247" spans="1:84" s="168" customFormat="1" ht="56.1" hidden="1" customHeight="1" x14ac:dyDescent="0.2">
      <c r="A247" s="154">
        <v>245</v>
      </c>
      <c r="B247" s="155" t="s">
        <v>53</v>
      </c>
      <c r="C247" s="165" t="s">
        <v>329</v>
      </c>
      <c r="D247" s="156" t="s">
        <v>482</v>
      </c>
      <c r="E247" s="156" t="s">
        <v>483</v>
      </c>
      <c r="F247" s="166" t="s">
        <v>492</v>
      </c>
      <c r="G247" s="156" t="s">
        <v>496</v>
      </c>
      <c r="H247" s="156" t="s">
        <v>20</v>
      </c>
      <c r="I247" s="156" t="s">
        <v>81</v>
      </c>
      <c r="J247" s="156" t="s">
        <v>334</v>
      </c>
      <c r="K247" s="156" t="s">
        <v>225</v>
      </c>
      <c r="L247" s="156" t="s">
        <v>63</v>
      </c>
      <c r="M247" s="156" t="s">
        <v>63</v>
      </c>
      <c r="N247" s="157">
        <v>197348</v>
      </c>
      <c r="O247" s="157">
        <f t="shared" si="149"/>
        <v>197348</v>
      </c>
      <c r="P247" s="156" t="s">
        <v>226</v>
      </c>
      <c r="Q247" s="156" t="s">
        <v>82</v>
      </c>
      <c r="R247" s="167"/>
      <c r="S247" s="167"/>
      <c r="T247" s="167"/>
      <c r="U247" s="161" t="s">
        <v>66</v>
      </c>
      <c r="V247" s="167"/>
      <c r="W247" s="167"/>
      <c r="X247" s="167"/>
      <c r="Y247" s="167"/>
      <c r="Z247" s="167"/>
      <c r="AA247" s="167"/>
      <c r="AB247" s="167"/>
      <c r="AC247" s="167"/>
      <c r="AD247" s="167"/>
      <c r="AE247" s="167"/>
      <c r="AF247" s="167"/>
      <c r="AG247" s="167"/>
      <c r="AH247" s="167"/>
      <c r="AI247" s="167"/>
      <c r="AJ247" s="167"/>
      <c r="AK247" s="167"/>
      <c r="AL247" s="167"/>
      <c r="AM247" s="167"/>
      <c r="AN247" s="167"/>
      <c r="AO247" s="167"/>
      <c r="AP247" s="167"/>
      <c r="AQ247" s="167"/>
      <c r="AR247" s="167"/>
      <c r="AS247" s="167"/>
      <c r="AT247" s="167"/>
      <c r="AU247" s="167"/>
      <c r="AV247" s="167"/>
      <c r="AW247" s="160">
        <f t="shared" si="113"/>
        <v>350</v>
      </c>
      <c r="AX247" s="158">
        <f t="shared" si="148"/>
        <v>563.85142857142853</v>
      </c>
      <c r="AY247" s="161" t="str">
        <f t="shared" si="116"/>
        <v/>
      </c>
      <c r="AZ247" s="161" t="str">
        <f t="shared" si="117"/>
        <v/>
      </c>
      <c r="BA247" s="161" t="str">
        <f t="shared" si="118"/>
        <v/>
      </c>
      <c r="BB247" s="161">
        <f t="shared" si="119"/>
        <v>197347.99999999997</v>
      </c>
      <c r="BC247" s="161" t="str">
        <f t="shared" si="120"/>
        <v/>
      </c>
      <c r="BD247" s="161" t="str">
        <f t="shared" si="121"/>
        <v/>
      </c>
      <c r="BE247" s="161" t="str">
        <f t="shared" si="122"/>
        <v/>
      </c>
      <c r="BF247" s="161" t="str">
        <f t="shared" si="123"/>
        <v/>
      </c>
      <c r="BG247" s="161" t="str">
        <f t="shared" si="124"/>
        <v/>
      </c>
      <c r="BH247" s="161" t="str">
        <f t="shared" si="125"/>
        <v/>
      </c>
      <c r="BI247" s="161" t="str">
        <f t="shared" si="126"/>
        <v/>
      </c>
      <c r="BJ247" s="161" t="str">
        <f t="shared" si="127"/>
        <v/>
      </c>
      <c r="BK247" s="161" t="str">
        <f t="shared" si="128"/>
        <v/>
      </c>
      <c r="BL247" s="161" t="str">
        <f t="shared" si="129"/>
        <v/>
      </c>
      <c r="BM247" s="161" t="str">
        <f t="shared" si="130"/>
        <v/>
      </c>
      <c r="BN247" s="161" t="str">
        <f t="shared" si="131"/>
        <v/>
      </c>
      <c r="BO247" s="161" t="str">
        <f t="shared" si="132"/>
        <v/>
      </c>
      <c r="BP247" s="161" t="str">
        <f t="shared" si="133"/>
        <v/>
      </c>
      <c r="BQ247" s="161" t="str">
        <f t="shared" si="134"/>
        <v/>
      </c>
      <c r="BR247" s="161" t="str">
        <f t="shared" si="135"/>
        <v/>
      </c>
      <c r="BS247" s="161" t="str">
        <f t="shared" si="136"/>
        <v/>
      </c>
      <c r="BT247" s="161" t="str">
        <f t="shared" si="137"/>
        <v/>
      </c>
      <c r="BU247" s="161" t="str">
        <f t="shared" si="138"/>
        <v/>
      </c>
      <c r="BV247" s="161" t="str">
        <f t="shared" si="139"/>
        <v/>
      </c>
      <c r="BW247" s="161" t="str">
        <f t="shared" si="140"/>
        <v/>
      </c>
      <c r="BX247" s="161" t="str">
        <f t="shared" si="141"/>
        <v/>
      </c>
      <c r="BY247" s="161" t="str">
        <f t="shared" si="142"/>
        <v/>
      </c>
      <c r="BZ247" s="161" t="str">
        <f t="shared" si="143"/>
        <v/>
      </c>
      <c r="CA247" s="161" t="str">
        <f t="shared" si="144"/>
        <v/>
      </c>
      <c r="CB247" s="161" t="str">
        <f t="shared" si="145"/>
        <v/>
      </c>
      <c r="CC247" s="161" t="str">
        <f t="shared" si="146"/>
        <v/>
      </c>
      <c r="CD247" s="156"/>
      <c r="CE247" s="156" t="s">
        <v>485</v>
      </c>
      <c r="CF247" s="156" t="s">
        <v>336</v>
      </c>
    </row>
    <row r="248" spans="1:84" s="211" customFormat="1" ht="56.1" hidden="1" customHeight="1" x14ac:dyDescent="0.2">
      <c r="A248" s="198">
        <v>246</v>
      </c>
      <c r="B248" s="199" t="s">
        <v>53</v>
      </c>
      <c r="C248" s="208" t="s">
        <v>329</v>
      </c>
      <c r="D248" s="200" t="s">
        <v>482</v>
      </c>
      <c r="E248" s="200" t="s">
        <v>483</v>
      </c>
      <c r="F248" s="209" t="s">
        <v>489</v>
      </c>
      <c r="G248" s="200" t="s">
        <v>496</v>
      </c>
      <c r="H248" s="200" t="s">
        <v>322</v>
      </c>
      <c r="I248" s="200" t="s">
        <v>81</v>
      </c>
      <c r="J248" s="200" t="s">
        <v>334</v>
      </c>
      <c r="K248" s="200" t="s">
        <v>225</v>
      </c>
      <c r="L248" s="200" t="s">
        <v>63</v>
      </c>
      <c r="M248" s="200" t="s">
        <v>63</v>
      </c>
      <c r="N248" s="201">
        <v>112770</v>
      </c>
      <c r="O248" s="201">
        <f t="shared" si="149"/>
        <v>112770</v>
      </c>
      <c r="P248" s="200" t="s">
        <v>226</v>
      </c>
      <c r="Q248" s="200" t="s">
        <v>82</v>
      </c>
      <c r="R248" s="210"/>
      <c r="S248" s="203" t="s">
        <v>66</v>
      </c>
      <c r="T248" s="210"/>
      <c r="U248" s="210"/>
      <c r="V248" s="210"/>
      <c r="W248" s="210"/>
      <c r="X248" s="210"/>
      <c r="Y248" s="210"/>
      <c r="Z248" s="210"/>
      <c r="AA248" s="210"/>
      <c r="AB248" s="210"/>
      <c r="AC248" s="210"/>
      <c r="AD248" s="210"/>
      <c r="AE248" s="210"/>
      <c r="AF248" s="210"/>
      <c r="AG248" s="210"/>
      <c r="AH248" s="210"/>
      <c r="AI248" s="210"/>
      <c r="AJ248" s="210"/>
      <c r="AK248" s="210"/>
      <c r="AL248" s="210"/>
      <c r="AM248" s="210"/>
      <c r="AN248" s="210"/>
      <c r="AO248" s="210"/>
      <c r="AP248" s="210"/>
      <c r="AQ248" s="210"/>
      <c r="AR248" s="210"/>
      <c r="AS248" s="210"/>
      <c r="AT248" s="210"/>
      <c r="AU248" s="210"/>
      <c r="AV248" s="210"/>
      <c r="AW248" s="204">
        <f t="shared" si="113"/>
        <v>200</v>
      </c>
      <c r="AX248" s="205">
        <f t="shared" si="148"/>
        <v>563.85</v>
      </c>
      <c r="AY248" s="203" t="str">
        <f t="shared" si="116"/>
        <v/>
      </c>
      <c r="AZ248" s="203">
        <f t="shared" si="117"/>
        <v>112770</v>
      </c>
      <c r="BA248" s="203" t="str">
        <f t="shared" si="118"/>
        <v/>
      </c>
      <c r="BB248" s="203" t="str">
        <f t="shared" si="119"/>
        <v/>
      </c>
      <c r="BC248" s="203" t="str">
        <f t="shared" si="120"/>
        <v/>
      </c>
      <c r="BD248" s="203" t="str">
        <f t="shared" si="121"/>
        <v/>
      </c>
      <c r="BE248" s="203" t="str">
        <f t="shared" si="122"/>
        <v/>
      </c>
      <c r="BF248" s="203" t="str">
        <f t="shared" si="123"/>
        <v/>
      </c>
      <c r="BG248" s="203" t="str">
        <f t="shared" si="124"/>
        <v/>
      </c>
      <c r="BH248" s="203" t="str">
        <f t="shared" si="125"/>
        <v/>
      </c>
      <c r="BI248" s="203" t="str">
        <f t="shared" si="126"/>
        <v/>
      </c>
      <c r="BJ248" s="203" t="str">
        <f t="shared" si="127"/>
        <v/>
      </c>
      <c r="BK248" s="203" t="str">
        <f t="shared" si="128"/>
        <v/>
      </c>
      <c r="BL248" s="203" t="str">
        <f t="shared" si="129"/>
        <v/>
      </c>
      <c r="BM248" s="203" t="str">
        <f t="shared" si="130"/>
        <v/>
      </c>
      <c r="BN248" s="203" t="str">
        <f t="shared" si="131"/>
        <v/>
      </c>
      <c r="BO248" s="203" t="str">
        <f t="shared" si="132"/>
        <v/>
      </c>
      <c r="BP248" s="203" t="str">
        <f t="shared" si="133"/>
        <v/>
      </c>
      <c r="BQ248" s="203" t="str">
        <f t="shared" si="134"/>
        <v/>
      </c>
      <c r="BR248" s="203" t="str">
        <f t="shared" si="135"/>
        <v/>
      </c>
      <c r="BS248" s="203" t="str">
        <f t="shared" si="136"/>
        <v/>
      </c>
      <c r="BT248" s="203" t="str">
        <f t="shared" si="137"/>
        <v/>
      </c>
      <c r="BU248" s="203" t="str">
        <f t="shared" si="138"/>
        <v/>
      </c>
      <c r="BV248" s="203" t="str">
        <f t="shared" si="139"/>
        <v/>
      </c>
      <c r="BW248" s="203" t="str">
        <f t="shared" si="140"/>
        <v/>
      </c>
      <c r="BX248" s="203" t="str">
        <f t="shared" si="141"/>
        <v/>
      </c>
      <c r="BY248" s="203" t="str">
        <f t="shared" si="142"/>
        <v/>
      </c>
      <c r="BZ248" s="203" t="str">
        <f t="shared" si="143"/>
        <v/>
      </c>
      <c r="CA248" s="203" t="str">
        <f t="shared" si="144"/>
        <v/>
      </c>
      <c r="CB248" s="203" t="str">
        <f t="shared" si="145"/>
        <v/>
      </c>
      <c r="CC248" s="203" t="str">
        <f t="shared" si="146"/>
        <v/>
      </c>
      <c r="CD248" s="200"/>
      <c r="CE248" s="200" t="s">
        <v>485</v>
      </c>
      <c r="CF248" s="200" t="s">
        <v>336</v>
      </c>
    </row>
    <row r="249" spans="1:84" s="168" customFormat="1" ht="56.1" hidden="1" customHeight="1" x14ac:dyDescent="0.2">
      <c r="A249" s="154">
        <v>247</v>
      </c>
      <c r="B249" s="155" t="s">
        <v>53</v>
      </c>
      <c r="C249" s="165" t="s">
        <v>329</v>
      </c>
      <c r="D249" s="156" t="s">
        <v>482</v>
      </c>
      <c r="E249" s="156" t="s">
        <v>483</v>
      </c>
      <c r="F249" s="166" t="s">
        <v>492</v>
      </c>
      <c r="G249" s="156" t="s">
        <v>496</v>
      </c>
      <c r="H249" s="156" t="s">
        <v>21</v>
      </c>
      <c r="I249" s="156" t="s">
        <v>81</v>
      </c>
      <c r="J249" s="156" t="s">
        <v>334</v>
      </c>
      <c r="K249" s="156" t="s">
        <v>225</v>
      </c>
      <c r="L249" s="156" t="s">
        <v>63</v>
      </c>
      <c r="M249" s="156" t="s">
        <v>63</v>
      </c>
      <c r="N249" s="157">
        <v>169155</v>
      </c>
      <c r="O249" s="157">
        <f t="shared" si="149"/>
        <v>169155</v>
      </c>
      <c r="P249" s="156" t="s">
        <v>226</v>
      </c>
      <c r="Q249" s="156" t="s">
        <v>82</v>
      </c>
      <c r="R249" s="167"/>
      <c r="S249" s="167"/>
      <c r="T249" s="167"/>
      <c r="U249" s="167"/>
      <c r="V249" s="161" t="s">
        <v>66</v>
      </c>
      <c r="W249" s="167"/>
      <c r="X249" s="167"/>
      <c r="Y249" s="167"/>
      <c r="Z249" s="167"/>
      <c r="AA249" s="167"/>
      <c r="AB249" s="167"/>
      <c r="AC249" s="167"/>
      <c r="AD249" s="167"/>
      <c r="AE249" s="167"/>
      <c r="AF249" s="167"/>
      <c r="AG249" s="167"/>
      <c r="AH249" s="167"/>
      <c r="AI249" s="167"/>
      <c r="AJ249" s="167"/>
      <c r="AK249" s="167"/>
      <c r="AL249" s="167"/>
      <c r="AM249" s="167"/>
      <c r="AN249" s="167"/>
      <c r="AO249" s="167"/>
      <c r="AP249" s="167"/>
      <c r="AQ249" s="167"/>
      <c r="AR249" s="167"/>
      <c r="AS249" s="167"/>
      <c r="AT249" s="167"/>
      <c r="AU249" s="167"/>
      <c r="AV249" s="167"/>
      <c r="AW249" s="160">
        <f t="shared" si="113"/>
        <v>300</v>
      </c>
      <c r="AX249" s="158">
        <f t="shared" si="148"/>
        <v>563.85</v>
      </c>
      <c r="AY249" s="161" t="str">
        <f t="shared" si="116"/>
        <v/>
      </c>
      <c r="AZ249" s="161" t="str">
        <f t="shared" si="117"/>
        <v/>
      </c>
      <c r="BA249" s="161" t="str">
        <f t="shared" si="118"/>
        <v/>
      </c>
      <c r="BB249" s="161" t="str">
        <f t="shared" si="119"/>
        <v/>
      </c>
      <c r="BC249" s="161">
        <f t="shared" si="120"/>
        <v>169155</v>
      </c>
      <c r="BD249" s="161" t="str">
        <f t="shared" si="121"/>
        <v/>
      </c>
      <c r="BE249" s="161" t="str">
        <f t="shared" si="122"/>
        <v/>
      </c>
      <c r="BF249" s="161" t="str">
        <f t="shared" si="123"/>
        <v/>
      </c>
      <c r="BG249" s="161" t="str">
        <f t="shared" si="124"/>
        <v/>
      </c>
      <c r="BH249" s="161" t="str">
        <f t="shared" si="125"/>
        <v/>
      </c>
      <c r="BI249" s="161" t="str">
        <f t="shared" si="126"/>
        <v/>
      </c>
      <c r="BJ249" s="161" t="str">
        <f t="shared" si="127"/>
        <v/>
      </c>
      <c r="BK249" s="161" t="str">
        <f t="shared" si="128"/>
        <v/>
      </c>
      <c r="BL249" s="161" t="str">
        <f t="shared" si="129"/>
        <v/>
      </c>
      <c r="BM249" s="161" t="str">
        <f t="shared" si="130"/>
        <v/>
      </c>
      <c r="BN249" s="161" t="str">
        <f t="shared" si="131"/>
        <v/>
      </c>
      <c r="BO249" s="161" t="str">
        <f t="shared" si="132"/>
        <v/>
      </c>
      <c r="BP249" s="161" t="str">
        <f t="shared" si="133"/>
        <v/>
      </c>
      <c r="BQ249" s="161" t="str">
        <f t="shared" si="134"/>
        <v/>
      </c>
      <c r="BR249" s="161" t="str">
        <f t="shared" si="135"/>
        <v/>
      </c>
      <c r="BS249" s="161" t="str">
        <f t="shared" si="136"/>
        <v/>
      </c>
      <c r="BT249" s="161" t="str">
        <f t="shared" si="137"/>
        <v/>
      </c>
      <c r="BU249" s="161" t="str">
        <f t="shared" si="138"/>
        <v/>
      </c>
      <c r="BV249" s="161" t="str">
        <f t="shared" si="139"/>
        <v/>
      </c>
      <c r="BW249" s="161" t="str">
        <f t="shared" si="140"/>
        <v/>
      </c>
      <c r="BX249" s="161" t="str">
        <f t="shared" si="141"/>
        <v/>
      </c>
      <c r="BY249" s="161" t="str">
        <f t="shared" si="142"/>
        <v/>
      </c>
      <c r="BZ249" s="161" t="str">
        <f t="shared" si="143"/>
        <v/>
      </c>
      <c r="CA249" s="161" t="str">
        <f t="shared" si="144"/>
        <v/>
      </c>
      <c r="CB249" s="161" t="str">
        <f t="shared" si="145"/>
        <v/>
      </c>
      <c r="CC249" s="161" t="str">
        <f t="shared" si="146"/>
        <v/>
      </c>
      <c r="CD249" s="156"/>
      <c r="CE249" s="156" t="s">
        <v>485</v>
      </c>
      <c r="CF249" s="156" t="s">
        <v>336</v>
      </c>
    </row>
    <row r="250" spans="1:84" s="168" customFormat="1" ht="56.1" hidden="1" customHeight="1" x14ac:dyDescent="0.2">
      <c r="A250" s="154">
        <v>248</v>
      </c>
      <c r="B250" s="155" t="s">
        <v>53</v>
      </c>
      <c r="C250" s="165" t="s">
        <v>329</v>
      </c>
      <c r="D250" s="156" t="s">
        <v>482</v>
      </c>
      <c r="E250" s="156" t="s">
        <v>483</v>
      </c>
      <c r="F250" s="166" t="s">
        <v>491</v>
      </c>
      <c r="G250" s="156" t="s">
        <v>496</v>
      </c>
      <c r="H250" s="156" t="s">
        <v>323</v>
      </c>
      <c r="I250" s="156" t="s">
        <v>81</v>
      </c>
      <c r="J250" s="156" t="s">
        <v>334</v>
      </c>
      <c r="K250" s="156" t="s">
        <v>225</v>
      </c>
      <c r="L250" s="156" t="s">
        <v>63</v>
      </c>
      <c r="M250" s="156" t="s">
        <v>63</v>
      </c>
      <c r="N250" s="157">
        <v>56385</v>
      </c>
      <c r="O250" s="157">
        <f t="shared" si="149"/>
        <v>56385</v>
      </c>
      <c r="P250" s="156" t="s">
        <v>226</v>
      </c>
      <c r="Q250" s="156" t="s">
        <v>82</v>
      </c>
      <c r="R250" s="167"/>
      <c r="S250" s="167"/>
      <c r="T250" s="167"/>
      <c r="U250" s="167"/>
      <c r="V250" s="167"/>
      <c r="W250" s="167"/>
      <c r="X250" s="161" t="s">
        <v>66</v>
      </c>
      <c r="Y250" s="167"/>
      <c r="Z250" s="167"/>
      <c r="AA250" s="167"/>
      <c r="AB250" s="167"/>
      <c r="AC250" s="167"/>
      <c r="AD250" s="167"/>
      <c r="AE250" s="167"/>
      <c r="AF250" s="167"/>
      <c r="AG250" s="167"/>
      <c r="AH250" s="167"/>
      <c r="AI250" s="167"/>
      <c r="AJ250" s="167"/>
      <c r="AK250" s="167"/>
      <c r="AL250" s="167"/>
      <c r="AM250" s="167"/>
      <c r="AN250" s="167"/>
      <c r="AO250" s="167"/>
      <c r="AP250" s="167"/>
      <c r="AQ250" s="167"/>
      <c r="AR250" s="167"/>
      <c r="AS250" s="167"/>
      <c r="AT250" s="167"/>
      <c r="AU250" s="167"/>
      <c r="AV250" s="167"/>
      <c r="AW250" s="160">
        <f t="shared" si="113"/>
        <v>100</v>
      </c>
      <c r="AX250" s="158">
        <f t="shared" si="148"/>
        <v>563.85</v>
      </c>
      <c r="AY250" s="161" t="str">
        <f t="shared" si="116"/>
        <v/>
      </c>
      <c r="AZ250" s="161" t="str">
        <f t="shared" si="117"/>
        <v/>
      </c>
      <c r="BA250" s="161" t="str">
        <f t="shared" si="118"/>
        <v/>
      </c>
      <c r="BB250" s="161" t="str">
        <f t="shared" si="119"/>
        <v/>
      </c>
      <c r="BC250" s="161" t="str">
        <f t="shared" si="120"/>
        <v/>
      </c>
      <c r="BD250" s="161" t="str">
        <f t="shared" si="121"/>
        <v/>
      </c>
      <c r="BE250" s="161">
        <f t="shared" si="122"/>
        <v>56385</v>
      </c>
      <c r="BF250" s="161" t="str">
        <f t="shared" si="123"/>
        <v/>
      </c>
      <c r="BG250" s="161" t="str">
        <f t="shared" si="124"/>
        <v/>
      </c>
      <c r="BH250" s="161" t="str">
        <f t="shared" si="125"/>
        <v/>
      </c>
      <c r="BI250" s="161" t="str">
        <f t="shared" si="126"/>
        <v/>
      </c>
      <c r="BJ250" s="161" t="str">
        <f t="shared" si="127"/>
        <v/>
      </c>
      <c r="BK250" s="161" t="str">
        <f t="shared" si="128"/>
        <v/>
      </c>
      <c r="BL250" s="161" t="str">
        <f t="shared" si="129"/>
        <v/>
      </c>
      <c r="BM250" s="161" t="str">
        <f t="shared" si="130"/>
        <v/>
      </c>
      <c r="BN250" s="161" t="str">
        <f t="shared" si="131"/>
        <v/>
      </c>
      <c r="BO250" s="161" t="str">
        <f t="shared" si="132"/>
        <v/>
      </c>
      <c r="BP250" s="161" t="str">
        <f t="shared" si="133"/>
        <v/>
      </c>
      <c r="BQ250" s="161" t="str">
        <f t="shared" si="134"/>
        <v/>
      </c>
      <c r="BR250" s="161" t="str">
        <f t="shared" si="135"/>
        <v/>
      </c>
      <c r="BS250" s="161" t="str">
        <f t="shared" si="136"/>
        <v/>
      </c>
      <c r="BT250" s="161" t="str">
        <f t="shared" si="137"/>
        <v/>
      </c>
      <c r="BU250" s="161" t="str">
        <f t="shared" si="138"/>
        <v/>
      </c>
      <c r="BV250" s="161" t="str">
        <f t="shared" si="139"/>
        <v/>
      </c>
      <c r="BW250" s="161" t="str">
        <f t="shared" si="140"/>
        <v/>
      </c>
      <c r="BX250" s="161" t="str">
        <f t="shared" si="141"/>
        <v/>
      </c>
      <c r="BY250" s="161" t="str">
        <f t="shared" si="142"/>
        <v/>
      </c>
      <c r="BZ250" s="161" t="str">
        <f t="shared" si="143"/>
        <v/>
      </c>
      <c r="CA250" s="161" t="str">
        <f t="shared" si="144"/>
        <v/>
      </c>
      <c r="CB250" s="161" t="str">
        <f t="shared" si="145"/>
        <v/>
      </c>
      <c r="CC250" s="161" t="str">
        <f t="shared" si="146"/>
        <v/>
      </c>
      <c r="CD250" s="156"/>
      <c r="CE250" s="156" t="s">
        <v>485</v>
      </c>
      <c r="CF250" s="156" t="s">
        <v>336</v>
      </c>
    </row>
    <row r="251" spans="1:84" s="168" customFormat="1" ht="56.1" hidden="1" customHeight="1" x14ac:dyDescent="0.2">
      <c r="A251" s="154">
        <v>249</v>
      </c>
      <c r="B251" s="155" t="s">
        <v>53</v>
      </c>
      <c r="C251" s="165" t="s">
        <v>329</v>
      </c>
      <c r="D251" s="156" t="s">
        <v>482</v>
      </c>
      <c r="E251" s="156" t="s">
        <v>483</v>
      </c>
      <c r="F251" s="166" t="s">
        <v>487</v>
      </c>
      <c r="G251" s="156" t="s">
        <v>496</v>
      </c>
      <c r="H251" s="156" t="s">
        <v>324</v>
      </c>
      <c r="I251" s="156" t="s">
        <v>81</v>
      </c>
      <c r="J251" s="156" t="s">
        <v>334</v>
      </c>
      <c r="K251" s="156" t="s">
        <v>225</v>
      </c>
      <c r="L251" s="156" t="s">
        <v>63</v>
      </c>
      <c r="M251" s="156" t="s">
        <v>63</v>
      </c>
      <c r="N251" s="157">
        <v>219902</v>
      </c>
      <c r="O251" s="157">
        <f t="shared" si="149"/>
        <v>219902</v>
      </c>
      <c r="P251" s="156" t="s">
        <v>226</v>
      </c>
      <c r="Q251" s="156" t="s">
        <v>82</v>
      </c>
      <c r="R251" s="167"/>
      <c r="S251" s="167"/>
      <c r="T251" s="167"/>
      <c r="U251" s="167"/>
      <c r="V251" s="167"/>
      <c r="W251" s="167"/>
      <c r="X251" s="167"/>
      <c r="Y251" s="161" t="s">
        <v>66</v>
      </c>
      <c r="Z251" s="167"/>
      <c r="AA251" s="167"/>
      <c r="AB251" s="167"/>
      <c r="AC251" s="167"/>
      <c r="AD251" s="167"/>
      <c r="AE251" s="167"/>
      <c r="AF251" s="167"/>
      <c r="AG251" s="167"/>
      <c r="AH251" s="167"/>
      <c r="AI251" s="167"/>
      <c r="AJ251" s="167"/>
      <c r="AK251" s="167"/>
      <c r="AL251" s="167"/>
      <c r="AM251" s="167"/>
      <c r="AN251" s="167"/>
      <c r="AO251" s="167"/>
      <c r="AP251" s="167"/>
      <c r="AQ251" s="167"/>
      <c r="AR251" s="167"/>
      <c r="AS251" s="167"/>
      <c r="AT251" s="167"/>
      <c r="AU251" s="167"/>
      <c r="AV251" s="167"/>
      <c r="AW251" s="160">
        <f t="shared" si="113"/>
        <v>390</v>
      </c>
      <c r="AX251" s="158">
        <f t="shared" si="148"/>
        <v>563.85128205128206</v>
      </c>
      <c r="AY251" s="161" t="str">
        <f t="shared" si="116"/>
        <v/>
      </c>
      <c r="AZ251" s="161" t="str">
        <f t="shared" si="117"/>
        <v/>
      </c>
      <c r="BA251" s="161" t="str">
        <f t="shared" si="118"/>
        <v/>
      </c>
      <c r="BB251" s="161" t="str">
        <f t="shared" si="119"/>
        <v/>
      </c>
      <c r="BC251" s="161" t="str">
        <f t="shared" si="120"/>
        <v/>
      </c>
      <c r="BD251" s="161" t="str">
        <f t="shared" si="121"/>
        <v/>
      </c>
      <c r="BE251" s="161" t="str">
        <f t="shared" si="122"/>
        <v/>
      </c>
      <c r="BF251" s="161">
        <f t="shared" si="123"/>
        <v>219902</v>
      </c>
      <c r="BG251" s="161" t="str">
        <f t="shared" si="124"/>
        <v/>
      </c>
      <c r="BH251" s="161" t="str">
        <f t="shared" si="125"/>
        <v/>
      </c>
      <c r="BI251" s="161" t="str">
        <f t="shared" si="126"/>
        <v/>
      </c>
      <c r="BJ251" s="161" t="str">
        <f t="shared" si="127"/>
        <v/>
      </c>
      <c r="BK251" s="161" t="str">
        <f t="shared" si="128"/>
        <v/>
      </c>
      <c r="BL251" s="161" t="str">
        <f t="shared" si="129"/>
        <v/>
      </c>
      <c r="BM251" s="161" t="str">
        <f t="shared" si="130"/>
        <v/>
      </c>
      <c r="BN251" s="161" t="str">
        <f t="shared" si="131"/>
        <v/>
      </c>
      <c r="BO251" s="161" t="str">
        <f t="shared" si="132"/>
        <v/>
      </c>
      <c r="BP251" s="161" t="str">
        <f t="shared" si="133"/>
        <v/>
      </c>
      <c r="BQ251" s="161" t="str">
        <f t="shared" si="134"/>
        <v/>
      </c>
      <c r="BR251" s="161" t="str">
        <f t="shared" si="135"/>
        <v/>
      </c>
      <c r="BS251" s="161" t="str">
        <f t="shared" si="136"/>
        <v/>
      </c>
      <c r="BT251" s="161" t="str">
        <f t="shared" si="137"/>
        <v/>
      </c>
      <c r="BU251" s="161" t="str">
        <f t="shared" si="138"/>
        <v/>
      </c>
      <c r="BV251" s="161" t="str">
        <f t="shared" si="139"/>
        <v/>
      </c>
      <c r="BW251" s="161" t="str">
        <f t="shared" si="140"/>
        <v/>
      </c>
      <c r="BX251" s="161" t="str">
        <f t="shared" si="141"/>
        <v/>
      </c>
      <c r="BY251" s="161" t="str">
        <f t="shared" si="142"/>
        <v/>
      </c>
      <c r="BZ251" s="161" t="str">
        <f t="shared" si="143"/>
        <v/>
      </c>
      <c r="CA251" s="161" t="str">
        <f t="shared" si="144"/>
        <v/>
      </c>
      <c r="CB251" s="161" t="str">
        <f t="shared" si="145"/>
        <v/>
      </c>
      <c r="CC251" s="161" t="str">
        <f t="shared" si="146"/>
        <v/>
      </c>
      <c r="CD251" s="156"/>
      <c r="CE251" s="156" t="s">
        <v>485</v>
      </c>
      <c r="CF251" s="156" t="s">
        <v>336</v>
      </c>
    </row>
    <row r="252" spans="1:84" s="211" customFormat="1" ht="56.1" hidden="1" customHeight="1" x14ac:dyDescent="0.2">
      <c r="A252" s="198">
        <v>250</v>
      </c>
      <c r="B252" s="199" t="s">
        <v>53</v>
      </c>
      <c r="C252" s="208" t="s">
        <v>329</v>
      </c>
      <c r="D252" s="200" t="s">
        <v>482</v>
      </c>
      <c r="E252" s="200" t="s">
        <v>483</v>
      </c>
      <c r="F252" s="209" t="s">
        <v>497</v>
      </c>
      <c r="G252" s="200" t="s">
        <v>496</v>
      </c>
      <c r="H252" s="200" t="s">
        <v>384</v>
      </c>
      <c r="I252" s="200" t="s">
        <v>81</v>
      </c>
      <c r="J252" s="200" t="s">
        <v>334</v>
      </c>
      <c r="K252" s="200" t="s">
        <v>225</v>
      </c>
      <c r="L252" s="200" t="s">
        <v>63</v>
      </c>
      <c r="M252" s="200" t="s">
        <v>63</v>
      </c>
      <c r="N252" s="201">
        <v>270649</v>
      </c>
      <c r="O252" s="201">
        <f t="shared" si="149"/>
        <v>270649</v>
      </c>
      <c r="P252" s="200" t="s">
        <v>226</v>
      </c>
      <c r="Q252" s="200" t="s">
        <v>82</v>
      </c>
      <c r="R252" s="210"/>
      <c r="S252" s="210"/>
      <c r="T252" s="210"/>
      <c r="U252" s="210"/>
      <c r="V252" s="210"/>
      <c r="W252" s="203" t="s">
        <v>66</v>
      </c>
      <c r="X252" s="210"/>
      <c r="Y252" s="210"/>
      <c r="Z252" s="210"/>
      <c r="AA252" s="210"/>
      <c r="AB252" s="210"/>
      <c r="AC252" s="210"/>
      <c r="AD252" s="210"/>
      <c r="AE252" s="210"/>
      <c r="AF252" s="210"/>
      <c r="AG252" s="210"/>
      <c r="AH252" s="210"/>
      <c r="AI252" s="210"/>
      <c r="AJ252" s="210"/>
      <c r="AK252" s="210"/>
      <c r="AL252" s="210"/>
      <c r="AM252" s="210"/>
      <c r="AN252" s="210"/>
      <c r="AO252" s="210"/>
      <c r="AP252" s="210"/>
      <c r="AQ252" s="210"/>
      <c r="AR252" s="210"/>
      <c r="AS252" s="210"/>
      <c r="AT252" s="210"/>
      <c r="AU252" s="210"/>
      <c r="AV252" s="210"/>
      <c r="AW252" s="204">
        <f t="shared" si="113"/>
        <v>480</v>
      </c>
      <c r="AX252" s="205">
        <f t="shared" si="148"/>
        <v>563.85208333333333</v>
      </c>
      <c r="AY252" s="203" t="str">
        <f t="shared" si="116"/>
        <v/>
      </c>
      <c r="AZ252" s="203" t="str">
        <f t="shared" si="117"/>
        <v/>
      </c>
      <c r="BA252" s="203" t="str">
        <f t="shared" si="118"/>
        <v/>
      </c>
      <c r="BB252" s="203" t="str">
        <f t="shared" si="119"/>
        <v/>
      </c>
      <c r="BC252" s="203" t="str">
        <f t="shared" si="120"/>
        <v/>
      </c>
      <c r="BD252" s="203">
        <f t="shared" si="121"/>
        <v>270649</v>
      </c>
      <c r="BE252" s="203" t="str">
        <f t="shared" si="122"/>
        <v/>
      </c>
      <c r="BF252" s="203" t="str">
        <f t="shared" si="123"/>
        <v/>
      </c>
      <c r="BG252" s="203" t="str">
        <f t="shared" si="124"/>
        <v/>
      </c>
      <c r="BH252" s="203" t="str">
        <f t="shared" si="125"/>
        <v/>
      </c>
      <c r="BI252" s="203" t="str">
        <f t="shared" si="126"/>
        <v/>
      </c>
      <c r="BJ252" s="203" t="str">
        <f t="shared" si="127"/>
        <v/>
      </c>
      <c r="BK252" s="203" t="str">
        <f t="shared" si="128"/>
        <v/>
      </c>
      <c r="BL252" s="203" t="str">
        <f t="shared" si="129"/>
        <v/>
      </c>
      <c r="BM252" s="203" t="str">
        <f t="shared" si="130"/>
        <v/>
      </c>
      <c r="BN252" s="203" t="str">
        <f t="shared" si="131"/>
        <v/>
      </c>
      <c r="BO252" s="203" t="str">
        <f t="shared" si="132"/>
        <v/>
      </c>
      <c r="BP252" s="203" t="str">
        <f t="shared" si="133"/>
        <v/>
      </c>
      <c r="BQ252" s="203" t="str">
        <f t="shared" si="134"/>
        <v/>
      </c>
      <c r="BR252" s="203" t="str">
        <f t="shared" si="135"/>
        <v/>
      </c>
      <c r="BS252" s="203" t="str">
        <f t="shared" si="136"/>
        <v/>
      </c>
      <c r="BT252" s="203" t="str">
        <f t="shared" si="137"/>
        <v/>
      </c>
      <c r="BU252" s="203" t="str">
        <f t="shared" si="138"/>
        <v/>
      </c>
      <c r="BV252" s="203" t="str">
        <f t="shared" si="139"/>
        <v/>
      </c>
      <c r="BW252" s="203" t="str">
        <f t="shared" si="140"/>
        <v/>
      </c>
      <c r="BX252" s="203" t="str">
        <f t="shared" si="141"/>
        <v/>
      </c>
      <c r="BY252" s="203" t="str">
        <f t="shared" si="142"/>
        <v/>
      </c>
      <c r="BZ252" s="203" t="str">
        <f t="shared" si="143"/>
        <v/>
      </c>
      <c r="CA252" s="203" t="str">
        <f t="shared" si="144"/>
        <v/>
      </c>
      <c r="CB252" s="203" t="str">
        <f t="shared" si="145"/>
        <v/>
      </c>
      <c r="CC252" s="203" t="str">
        <f t="shared" si="146"/>
        <v/>
      </c>
      <c r="CD252" s="200"/>
      <c r="CE252" s="200" t="s">
        <v>485</v>
      </c>
      <c r="CF252" s="200" t="s">
        <v>336</v>
      </c>
    </row>
    <row r="253" spans="1:84" s="168" customFormat="1" ht="56.1" hidden="1" customHeight="1" x14ac:dyDescent="0.2">
      <c r="A253" s="154">
        <v>251</v>
      </c>
      <c r="B253" s="155" t="s">
        <v>53</v>
      </c>
      <c r="C253" s="165" t="s">
        <v>329</v>
      </c>
      <c r="D253" s="156" t="s">
        <v>482</v>
      </c>
      <c r="E253" s="156" t="s">
        <v>483</v>
      </c>
      <c r="F253" s="166" t="s">
        <v>497</v>
      </c>
      <c r="G253" s="156" t="s">
        <v>58</v>
      </c>
      <c r="H253" s="156" t="s">
        <v>207</v>
      </c>
      <c r="I253" s="156" t="s">
        <v>81</v>
      </c>
      <c r="J253" s="156" t="s">
        <v>334</v>
      </c>
      <c r="K253" s="156" t="s">
        <v>225</v>
      </c>
      <c r="L253" s="156" t="s">
        <v>63</v>
      </c>
      <c r="M253" s="156" t="s">
        <v>63</v>
      </c>
      <c r="N253" s="157">
        <f>'[2]Hemel Hempstead'!$Z$9</f>
        <v>281926</v>
      </c>
      <c r="O253" s="157">
        <f t="shared" si="149"/>
        <v>281926</v>
      </c>
      <c r="P253" s="156" t="s">
        <v>226</v>
      </c>
      <c r="Q253" s="156" t="s">
        <v>82</v>
      </c>
      <c r="R253" s="167"/>
      <c r="S253" s="167"/>
      <c r="T253" s="167"/>
      <c r="U253" s="167"/>
      <c r="V253" s="167"/>
      <c r="W253" s="161"/>
      <c r="X253" s="167"/>
      <c r="Y253" s="167"/>
      <c r="Z253" s="167" t="s">
        <v>66</v>
      </c>
      <c r="AA253" s="167"/>
      <c r="AB253" s="167"/>
      <c r="AC253" s="167"/>
      <c r="AD253" s="167"/>
      <c r="AE253" s="167"/>
      <c r="AF253" s="167"/>
      <c r="AG253" s="167"/>
      <c r="AH253" s="167"/>
      <c r="AI253" s="167"/>
      <c r="AJ253" s="167"/>
      <c r="AK253" s="167"/>
      <c r="AL253" s="167"/>
      <c r="AM253" s="167"/>
      <c r="AN253" s="167"/>
      <c r="AO253" s="167"/>
      <c r="AP253" s="167"/>
      <c r="AQ253" s="167"/>
      <c r="AR253" s="167"/>
      <c r="AS253" s="167"/>
      <c r="AT253" s="167"/>
      <c r="AU253" s="167"/>
      <c r="AV253" s="167"/>
      <c r="AW253" s="160">
        <f t="shared" si="113"/>
        <v>500</v>
      </c>
      <c r="AX253" s="158">
        <f t="shared" si="148"/>
        <v>563.85199999999998</v>
      </c>
      <c r="AY253" s="161" t="str">
        <f t="shared" si="116"/>
        <v/>
      </c>
      <c r="AZ253" s="161" t="str">
        <f t="shared" si="117"/>
        <v/>
      </c>
      <c r="BA253" s="161" t="str">
        <f t="shared" si="118"/>
        <v/>
      </c>
      <c r="BB253" s="161" t="str">
        <f t="shared" si="119"/>
        <v/>
      </c>
      <c r="BC253" s="161" t="str">
        <f t="shared" si="120"/>
        <v/>
      </c>
      <c r="BD253" s="161" t="str">
        <f t="shared" si="121"/>
        <v/>
      </c>
      <c r="BE253" s="161" t="str">
        <f t="shared" si="122"/>
        <v/>
      </c>
      <c r="BF253" s="161" t="str">
        <f t="shared" si="123"/>
        <v/>
      </c>
      <c r="BG253" s="161">
        <f t="shared" si="124"/>
        <v>281926</v>
      </c>
      <c r="BH253" s="161" t="str">
        <f t="shared" si="125"/>
        <v/>
      </c>
      <c r="BI253" s="161" t="str">
        <f t="shared" si="126"/>
        <v/>
      </c>
      <c r="BJ253" s="161" t="str">
        <f t="shared" si="127"/>
        <v/>
      </c>
      <c r="BK253" s="161" t="str">
        <f t="shared" si="128"/>
        <v/>
      </c>
      <c r="BL253" s="161" t="str">
        <f t="shared" si="129"/>
        <v/>
      </c>
      <c r="BM253" s="161" t="str">
        <f t="shared" si="130"/>
        <v/>
      </c>
      <c r="BN253" s="161" t="str">
        <f t="shared" si="131"/>
        <v/>
      </c>
      <c r="BO253" s="161" t="str">
        <f t="shared" si="132"/>
        <v/>
      </c>
      <c r="BP253" s="161" t="str">
        <f t="shared" si="133"/>
        <v/>
      </c>
      <c r="BQ253" s="161" t="str">
        <f t="shared" si="134"/>
        <v/>
      </c>
      <c r="BR253" s="161" t="str">
        <f t="shared" si="135"/>
        <v/>
      </c>
      <c r="BS253" s="161" t="str">
        <f t="shared" si="136"/>
        <v/>
      </c>
      <c r="BT253" s="161" t="str">
        <f t="shared" si="137"/>
        <v/>
      </c>
      <c r="BU253" s="161" t="str">
        <f t="shared" si="138"/>
        <v/>
      </c>
      <c r="BV253" s="161" t="str">
        <f t="shared" si="139"/>
        <v/>
      </c>
      <c r="BW253" s="161" t="str">
        <f t="shared" si="140"/>
        <v/>
      </c>
      <c r="BX253" s="161" t="str">
        <f t="shared" si="141"/>
        <v/>
      </c>
      <c r="BY253" s="161" t="str">
        <f t="shared" si="142"/>
        <v/>
      </c>
      <c r="BZ253" s="161" t="str">
        <f t="shared" si="143"/>
        <v/>
      </c>
      <c r="CA253" s="161" t="str">
        <f t="shared" si="144"/>
        <v/>
      </c>
      <c r="CB253" s="161" t="str">
        <f t="shared" si="145"/>
        <v/>
      </c>
      <c r="CC253" s="161" t="str">
        <f t="shared" si="146"/>
        <v/>
      </c>
      <c r="CD253" s="156"/>
      <c r="CE253" s="156"/>
      <c r="CF253" s="156"/>
    </row>
    <row r="254" spans="1:84" s="211" customFormat="1" ht="56.1" hidden="1" customHeight="1" x14ac:dyDescent="0.2">
      <c r="A254" s="198">
        <v>252</v>
      </c>
      <c r="B254" s="199" t="s">
        <v>53</v>
      </c>
      <c r="C254" s="208" t="s">
        <v>329</v>
      </c>
      <c r="D254" s="200" t="s">
        <v>482</v>
      </c>
      <c r="E254" s="200" t="s">
        <v>483</v>
      </c>
      <c r="F254" s="209" t="s">
        <v>486</v>
      </c>
      <c r="G254" s="200" t="s">
        <v>58</v>
      </c>
      <c r="H254" s="200" t="s">
        <v>326</v>
      </c>
      <c r="I254" s="200" t="s">
        <v>81</v>
      </c>
      <c r="J254" s="200" t="s">
        <v>334</v>
      </c>
      <c r="K254" s="200" t="s">
        <v>225</v>
      </c>
      <c r="L254" s="200" t="s">
        <v>63</v>
      </c>
      <c r="M254" s="200" t="s">
        <v>63</v>
      </c>
      <c r="N254" s="201">
        <f>'[2]Hemel Hempstead'!$AX$9</f>
        <v>132035</v>
      </c>
      <c r="O254" s="201">
        <f t="shared" si="149"/>
        <v>132035</v>
      </c>
      <c r="P254" s="200" t="s">
        <v>226</v>
      </c>
      <c r="Q254" s="200" t="s">
        <v>82</v>
      </c>
      <c r="R254" s="210"/>
      <c r="S254" s="210"/>
      <c r="T254" s="210"/>
      <c r="U254" s="210"/>
      <c r="V254" s="210"/>
      <c r="W254" s="203"/>
      <c r="X254" s="210"/>
      <c r="Y254" s="210"/>
      <c r="Z254" s="210"/>
      <c r="AA254" s="210"/>
      <c r="AB254" s="210"/>
      <c r="AC254" s="210"/>
      <c r="AD254" s="210" t="s">
        <v>66</v>
      </c>
      <c r="AE254" s="210"/>
      <c r="AF254" s="210"/>
      <c r="AG254" s="210"/>
      <c r="AH254" s="210"/>
      <c r="AI254" s="210"/>
      <c r="AJ254" s="210"/>
      <c r="AK254" s="210"/>
      <c r="AL254" s="210"/>
      <c r="AM254" s="210"/>
      <c r="AN254" s="210"/>
      <c r="AO254" s="210"/>
      <c r="AP254" s="210"/>
      <c r="AQ254" s="210"/>
      <c r="AR254" s="210"/>
      <c r="AS254" s="210"/>
      <c r="AT254" s="210"/>
      <c r="AU254" s="210"/>
      <c r="AV254" s="210"/>
      <c r="AW254" s="204">
        <f t="shared" si="113"/>
        <v>234</v>
      </c>
      <c r="AX254" s="205">
        <f t="shared" si="148"/>
        <v>564.25213675213672</v>
      </c>
      <c r="AY254" s="203" t="str">
        <f t="shared" si="116"/>
        <v/>
      </c>
      <c r="AZ254" s="203" t="str">
        <f t="shared" si="117"/>
        <v/>
      </c>
      <c r="BA254" s="203" t="str">
        <f t="shared" si="118"/>
        <v/>
      </c>
      <c r="BB254" s="203" t="str">
        <f t="shared" si="119"/>
        <v/>
      </c>
      <c r="BC254" s="203" t="str">
        <f t="shared" si="120"/>
        <v/>
      </c>
      <c r="BD254" s="203" t="str">
        <f t="shared" si="121"/>
        <v/>
      </c>
      <c r="BE254" s="203" t="str">
        <f t="shared" si="122"/>
        <v/>
      </c>
      <c r="BF254" s="203" t="str">
        <f t="shared" si="123"/>
        <v/>
      </c>
      <c r="BG254" s="203" t="str">
        <f t="shared" si="124"/>
        <v/>
      </c>
      <c r="BH254" s="203" t="str">
        <f t="shared" si="125"/>
        <v/>
      </c>
      <c r="BI254" s="203" t="str">
        <f t="shared" si="126"/>
        <v/>
      </c>
      <c r="BJ254" s="203" t="str">
        <f t="shared" si="127"/>
        <v/>
      </c>
      <c r="BK254" s="203">
        <f t="shared" si="128"/>
        <v>132035</v>
      </c>
      <c r="BL254" s="203" t="str">
        <f t="shared" si="129"/>
        <v/>
      </c>
      <c r="BM254" s="203" t="str">
        <f t="shared" si="130"/>
        <v/>
      </c>
      <c r="BN254" s="203" t="str">
        <f t="shared" si="131"/>
        <v/>
      </c>
      <c r="BO254" s="203" t="str">
        <f t="shared" si="132"/>
        <v/>
      </c>
      <c r="BP254" s="203" t="str">
        <f t="shared" si="133"/>
        <v/>
      </c>
      <c r="BQ254" s="203" t="str">
        <f t="shared" si="134"/>
        <v/>
      </c>
      <c r="BR254" s="203" t="str">
        <f t="shared" si="135"/>
        <v/>
      </c>
      <c r="BS254" s="203" t="str">
        <f t="shared" si="136"/>
        <v/>
      </c>
      <c r="BT254" s="203" t="str">
        <f t="shared" si="137"/>
        <v/>
      </c>
      <c r="BU254" s="203" t="str">
        <f t="shared" si="138"/>
        <v/>
      </c>
      <c r="BV254" s="203" t="str">
        <f t="shared" si="139"/>
        <v/>
      </c>
      <c r="BW254" s="203" t="str">
        <f t="shared" si="140"/>
        <v/>
      </c>
      <c r="BX254" s="203" t="str">
        <f t="shared" si="141"/>
        <v/>
      </c>
      <c r="BY254" s="203" t="str">
        <f t="shared" si="142"/>
        <v/>
      </c>
      <c r="BZ254" s="203" t="str">
        <f t="shared" si="143"/>
        <v/>
      </c>
      <c r="CA254" s="203" t="str">
        <f t="shared" si="144"/>
        <v/>
      </c>
      <c r="CB254" s="203" t="str">
        <f t="shared" si="145"/>
        <v/>
      </c>
      <c r="CC254" s="203" t="str">
        <f t="shared" si="146"/>
        <v/>
      </c>
      <c r="CD254" s="200"/>
      <c r="CE254" s="200"/>
      <c r="CF254" s="200"/>
    </row>
    <row r="255" spans="1:84" s="168" customFormat="1" ht="56.1" hidden="1" customHeight="1" x14ac:dyDescent="0.2">
      <c r="A255" s="154">
        <v>253</v>
      </c>
      <c r="B255" s="155" t="s">
        <v>53</v>
      </c>
      <c r="C255" s="165" t="s">
        <v>329</v>
      </c>
      <c r="D255" s="156" t="s">
        <v>482</v>
      </c>
      <c r="E255" s="156" t="s">
        <v>483</v>
      </c>
      <c r="F255" s="166" t="s">
        <v>497</v>
      </c>
      <c r="G255" s="156" t="s">
        <v>58</v>
      </c>
      <c r="H255" s="156" t="s">
        <v>26</v>
      </c>
      <c r="I255" s="156" t="s">
        <v>81</v>
      </c>
      <c r="J255" s="156" t="s">
        <v>334</v>
      </c>
      <c r="K255" s="156" t="s">
        <v>225</v>
      </c>
      <c r="L255" s="156" t="s">
        <v>63</v>
      </c>
      <c r="M255" s="156" t="s">
        <v>63</v>
      </c>
      <c r="N255" s="157">
        <f>'[2]Hemel Hempstead'!$AI$9</f>
        <v>281926</v>
      </c>
      <c r="O255" s="157">
        <f t="shared" si="149"/>
        <v>281926</v>
      </c>
      <c r="P255" s="156" t="s">
        <v>226</v>
      </c>
      <c r="Q255" s="156" t="s">
        <v>82</v>
      </c>
      <c r="R255" s="167"/>
      <c r="S255" s="167"/>
      <c r="T255" s="167"/>
      <c r="U255" s="167"/>
      <c r="V255" s="167"/>
      <c r="W255" s="161"/>
      <c r="X255" s="167"/>
      <c r="Y255" s="167"/>
      <c r="Z255" s="167"/>
      <c r="AA255" s="167" t="s">
        <v>66</v>
      </c>
      <c r="AB255" s="167"/>
      <c r="AC255" s="167"/>
      <c r="AD255" s="167"/>
      <c r="AE255" s="167"/>
      <c r="AF255" s="167"/>
      <c r="AG255" s="167"/>
      <c r="AH255" s="167"/>
      <c r="AI255" s="167"/>
      <c r="AJ255" s="167"/>
      <c r="AK255" s="167"/>
      <c r="AL255" s="167"/>
      <c r="AM255" s="167"/>
      <c r="AN255" s="167"/>
      <c r="AO255" s="167"/>
      <c r="AP255" s="167"/>
      <c r="AQ255" s="167"/>
      <c r="AR255" s="167"/>
      <c r="AS255" s="167"/>
      <c r="AT255" s="167"/>
      <c r="AU255" s="167"/>
      <c r="AV255" s="167"/>
      <c r="AW255" s="160">
        <f t="shared" ref="AW255:AW316" si="150">SUMIF(R255:AV255,"YES",$R$2:$AV$2)</f>
        <v>500</v>
      </c>
      <c r="AX255" s="158">
        <f t="shared" si="148"/>
        <v>563.85199999999998</v>
      </c>
      <c r="AY255" s="161" t="str">
        <f t="shared" si="116"/>
        <v/>
      </c>
      <c r="AZ255" s="161" t="str">
        <f t="shared" si="117"/>
        <v/>
      </c>
      <c r="BA255" s="161" t="str">
        <f t="shared" si="118"/>
        <v/>
      </c>
      <c r="BB255" s="161" t="str">
        <f t="shared" si="119"/>
        <v/>
      </c>
      <c r="BC255" s="161" t="str">
        <f t="shared" si="120"/>
        <v/>
      </c>
      <c r="BD255" s="161" t="str">
        <f t="shared" si="121"/>
        <v/>
      </c>
      <c r="BE255" s="161" t="str">
        <f t="shared" si="122"/>
        <v/>
      </c>
      <c r="BF255" s="161" t="str">
        <f t="shared" si="123"/>
        <v/>
      </c>
      <c r="BG255" s="161" t="str">
        <f t="shared" si="124"/>
        <v/>
      </c>
      <c r="BH255" s="161">
        <f t="shared" si="125"/>
        <v>281926</v>
      </c>
      <c r="BI255" s="161" t="str">
        <f t="shared" si="126"/>
        <v/>
      </c>
      <c r="BJ255" s="161" t="str">
        <f t="shared" si="127"/>
        <v/>
      </c>
      <c r="BK255" s="161" t="str">
        <f t="shared" si="128"/>
        <v/>
      </c>
      <c r="BL255" s="161" t="str">
        <f t="shared" si="129"/>
        <v/>
      </c>
      <c r="BM255" s="161" t="str">
        <f t="shared" si="130"/>
        <v/>
      </c>
      <c r="BN255" s="161" t="str">
        <f t="shared" si="131"/>
        <v/>
      </c>
      <c r="BO255" s="161" t="str">
        <f t="shared" si="132"/>
        <v/>
      </c>
      <c r="BP255" s="161" t="str">
        <f t="shared" si="133"/>
        <v/>
      </c>
      <c r="BQ255" s="161" t="str">
        <f t="shared" si="134"/>
        <v/>
      </c>
      <c r="BR255" s="161" t="str">
        <f t="shared" si="135"/>
        <v/>
      </c>
      <c r="BS255" s="161" t="str">
        <f t="shared" si="136"/>
        <v/>
      </c>
      <c r="BT255" s="161" t="str">
        <f t="shared" si="137"/>
        <v/>
      </c>
      <c r="BU255" s="161" t="str">
        <f t="shared" si="138"/>
        <v/>
      </c>
      <c r="BV255" s="161" t="str">
        <f t="shared" si="139"/>
        <v/>
      </c>
      <c r="BW255" s="161" t="str">
        <f t="shared" si="140"/>
        <v/>
      </c>
      <c r="BX255" s="161" t="str">
        <f t="shared" si="141"/>
        <v/>
      </c>
      <c r="BY255" s="161" t="str">
        <f t="shared" si="142"/>
        <v/>
      </c>
      <c r="BZ255" s="161" t="str">
        <f t="shared" si="143"/>
        <v/>
      </c>
      <c r="CA255" s="161" t="str">
        <f t="shared" si="144"/>
        <v/>
      </c>
      <c r="CB255" s="161" t="str">
        <f t="shared" si="145"/>
        <v/>
      </c>
      <c r="CC255" s="161" t="str">
        <f t="shared" si="146"/>
        <v/>
      </c>
      <c r="CD255" s="156"/>
      <c r="CE255" s="156"/>
      <c r="CF255" s="156"/>
    </row>
    <row r="256" spans="1:84" s="168" customFormat="1" ht="56.1" hidden="1" customHeight="1" x14ac:dyDescent="0.2">
      <c r="A256" s="154">
        <v>254</v>
      </c>
      <c r="B256" s="155" t="s">
        <v>53</v>
      </c>
      <c r="C256" s="165" t="s">
        <v>329</v>
      </c>
      <c r="D256" s="156" t="s">
        <v>482</v>
      </c>
      <c r="E256" s="156" t="s">
        <v>483</v>
      </c>
      <c r="F256" s="166" t="s">
        <v>499</v>
      </c>
      <c r="G256" s="156" t="s">
        <v>58</v>
      </c>
      <c r="H256" s="156" t="s">
        <v>27</v>
      </c>
      <c r="I256" s="156" t="s">
        <v>81</v>
      </c>
      <c r="J256" s="156" t="s">
        <v>334</v>
      </c>
      <c r="K256" s="156" t="s">
        <v>225</v>
      </c>
      <c r="L256" s="156" t="s">
        <v>63</v>
      </c>
      <c r="M256" s="156" t="s">
        <v>63</v>
      </c>
      <c r="N256" s="157">
        <f>'[2]Hemel Hempstead'!$AF$9</f>
        <v>422889</v>
      </c>
      <c r="O256" s="157">
        <f t="shared" si="149"/>
        <v>422889</v>
      </c>
      <c r="P256" s="156" t="s">
        <v>226</v>
      </c>
      <c r="Q256" s="156" t="s">
        <v>82</v>
      </c>
      <c r="R256" s="167"/>
      <c r="S256" s="167"/>
      <c r="T256" s="167"/>
      <c r="U256" s="167"/>
      <c r="V256" s="167"/>
      <c r="W256" s="161"/>
      <c r="X256" s="167"/>
      <c r="Y256" s="167"/>
      <c r="Z256" s="167"/>
      <c r="AA256" s="167"/>
      <c r="AB256" s="167" t="s">
        <v>66</v>
      </c>
      <c r="AC256" s="167"/>
      <c r="AD256" s="167"/>
      <c r="AE256" s="167"/>
      <c r="AF256" s="167"/>
      <c r="AG256" s="167"/>
      <c r="AH256" s="167"/>
      <c r="AI256" s="167"/>
      <c r="AJ256" s="167"/>
      <c r="AK256" s="167"/>
      <c r="AL256" s="167"/>
      <c r="AM256" s="167"/>
      <c r="AN256" s="167"/>
      <c r="AO256" s="167"/>
      <c r="AP256" s="167"/>
      <c r="AQ256" s="167"/>
      <c r="AR256" s="167"/>
      <c r="AS256" s="167"/>
      <c r="AT256" s="167"/>
      <c r="AU256" s="167"/>
      <c r="AV256" s="167"/>
      <c r="AW256" s="160">
        <f t="shared" si="150"/>
        <v>750</v>
      </c>
      <c r="AX256" s="158">
        <f t="shared" si="148"/>
        <v>563.85199999999998</v>
      </c>
      <c r="AY256" s="161" t="str">
        <f t="shared" si="116"/>
        <v/>
      </c>
      <c r="AZ256" s="161" t="str">
        <f t="shared" si="117"/>
        <v/>
      </c>
      <c r="BA256" s="161" t="str">
        <f t="shared" si="118"/>
        <v/>
      </c>
      <c r="BB256" s="161" t="str">
        <f t="shared" si="119"/>
        <v/>
      </c>
      <c r="BC256" s="161" t="str">
        <f t="shared" si="120"/>
        <v/>
      </c>
      <c r="BD256" s="161" t="str">
        <f t="shared" si="121"/>
        <v/>
      </c>
      <c r="BE256" s="161" t="str">
        <f t="shared" si="122"/>
        <v/>
      </c>
      <c r="BF256" s="161" t="str">
        <f t="shared" si="123"/>
        <v/>
      </c>
      <c r="BG256" s="161" t="str">
        <f t="shared" si="124"/>
        <v/>
      </c>
      <c r="BH256" s="161" t="str">
        <f t="shared" si="125"/>
        <v/>
      </c>
      <c r="BI256" s="161">
        <f t="shared" si="126"/>
        <v>422889</v>
      </c>
      <c r="BJ256" s="161" t="str">
        <f t="shared" si="127"/>
        <v/>
      </c>
      <c r="BK256" s="161" t="str">
        <f t="shared" si="128"/>
        <v/>
      </c>
      <c r="BL256" s="161" t="str">
        <f t="shared" si="129"/>
        <v/>
      </c>
      <c r="BM256" s="161" t="str">
        <f t="shared" si="130"/>
        <v/>
      </c>
      <c r="BN256" s="161" t="str">
        <f t="shared" si="131"/>
        <v/>
      </c>
      <c r="BO256" s="161" t="str">
        <f t="shared" si="132"/>
        <v/>
      </c>
      <c r="BP256" s="161" t="str">
        <f t="shared" si="133"/>
        <v/>
      </c>
      <c r="BQ256" s="161" t="str">
        <f t="shared" si="134"/>
        <v/>
      </c>
      <c r="BR256" s="161" t="str">
        <f t="shared" si="135"/>
        <v/>
      </c>
      <c r="BS256" s="161" t="str">
        <f t="shared" si="136"/>
        <v/>
      </c>
      <c r="BT256" s="161" t="str">
        <f t="shared" si="137"/>
        <v/>
      </c>
      <c r="BU256" s="161" t="str">
        <f t="shared" si="138"/>
        <v/>
      </c>
      <c r="BV256" s="161" t="str">
        <f t="shared" si="139"/>
        <v/>
      </c>
      <c r="BW256" s="161" t="str">
        <f t="shared" si="140"/>
        <v/>
      </c>
      <c r="BX256" s="161" t="str">
        <f t="shared" si="141"/>
        <v/>
      </c>
      <c r="BY256" s="161" t="str">
        <f t="shared" si="142"/>
        <v/>
      </c>
      <c r="BZ256" s="161" t="str">
        <f t="shared" si="143"/>
        <v/>
      </c>
      <c r="CA256" s="161" t="str">
        <f t="shared" si="144"/>
        <v/>
      </c>
      <c r="CB256" s="161" t="str">
        <f t="shared" si="145"/>
        <v/>
      </c>
      <c r="CC256" s="161" t="str">
        <f t="shared" si="146"/>
        <v/>
      </c>
      <c r="CD256" s="156"/>
      <c r="CE256" s="156"/>
      <c r="CF256" s="156"/>
    </row>
    <row r="257" spans="1:84" s="168" customFormat="1" ht="56.1" hidden="1" customHeight="1" x14ac:dyDescent="0.2">
      <c r="A257" s="154">
        <v>255</v>
      </c>
      <c r="B257" s="155" t="s">
        <v>53</v>
      </c>
      <c r="C257" s="165" t="s">
        <v>329</v>
      </c>
      <c r="D257" s="156" t="s">
        <v>482</v>
      </c>
      <c r="E257" s="156" t="s">
        <v>483</v>
      </c>
      <c r="F257" s="166" t="s">
        <v>492</v>
      </c>
      <c r="G257" s="156" t="s">
        <v>58</v>
      </c>
      <c r="H257" s="156" t="s">
        <v>127</v>
      </c>
      <c r="I257" s="156" t="s">
        <v>81</v>
      </c>
      <c r="J257" s="156" t="s">
        <v>334</v>
      </c>
      <c r="K257" s="156" t="s">
        <v>225</v>
      </c>
      <c r="L257" s="156" t="s">
        <v>63</v>
      </c>
      <c r="M257" s="156" t="s">
        <v>63</v>
      </c>
      <c r="N257" s="157">
        <f>'[2]Hemel Hempstead'!$AL$9</f>
        <v>197348</v>
      </c>
      <c r="O257" s="157">
        <f t="shared" si="149"/>
        <v>197348</v>
      </c>
      <c r="P257" s="156" t="s">
        <v>226</v>
      </c>
      <c r="Q257" s="156" t="s">
        <v>82</v>
      </c>
      <c r="R257" s="167"/>
      <c r="S257" s="167"/>
      <c r="T257" s="167"/>
      <c r="U257" s="167"/>
      <c r="V257" s="167"/>
      <c r="W257" s="161"/>
      <c r="X257" s="167"/>
      <c r="Y257" s="167"/>
      <c r="Z257" s="167"/>
      <c r="AA257" s="167"/>
      <c r="AB257" s="167"/>
      <c r="AC257" s="167"/>
      <c r="AD257" s="167"/>
      <c r="AE257" s="167" t="s">
        <v>66</v>
      </c>
      <c r="AF257" s="167"/>
      <c r="AG257" s="167"/>
      <c r="AH257" s="167"/>
      <c r="AI257" s="167"/>
      <c r="AJ257" s="167"/>
      <c r="AK257" s="167"/>
      <c r="AL257" s="167"/>
      <c r="AM257" s="167"/>
      <c r="AN257" s="167"/>
      <c r="AO257" s="167"/>
      <c r="AP257" s="167"/>
      <c r="AQ257" s="167"/>
      <c r="AR257" s="167"/>
      <c r="AS257" s="167"/>
      <c r="AT257" s="167"/>
      <c r="AU257" s="167"/>
      <c r="AV257" s="167"/>
      <c r="AW257" s="160">
        <f t="shared" si="150"/>
        <v>350</v>
      </c>
      <c r="AX257" s="158">
        <f t="shared" si="148"/>
        <v>563.85142857142853</v>
      </c>
      <c r="AY257" s="161" t="str">
        <f t="shared" si="116"/>
        <v/>
      </c>
      <c r="AZ257" s="161" t="str">
        <f t="shared" si="117"/>
        <v/>
      </c>
      <c r="BA257" s="161" t="str">
        <f t="shared" si="118"/>
        <v/>
      </c>
      <c r="BB257" s="161" t="str">
        <f t="shared" si="119"/>
        <v/>
      </c>
      <c r="BC257" s="161" t="str">
        <f t="shared" si="120"/>
        <v/>
      </c>
      <c r="BD257" s="161" t="str">
        <f t="shared" si="121"/>
        <v/>
      </c>
      <c r="BE257" s="161" t="str">
        <f t="shared" si="122"/>
        <v/>
      </c>
      <c r="BF257" s="161" t="str">
        <f t="shared" si="123"/>
        <v/>
      </c>
      <c r="BG257" s="161" t="str">
        <f t="shared" si="124"/>
        <v/>
      </c>
      <c r="BH257" s="161" t="str">
        <f t="shared" si="125"/>
        <v/>
      </c>
      <c r="BI257" s="161" t="str">
        <f t="shared" si="126"/>
        <v/>
      </c>
      <c r="BJ257" s="161" t="str">
        <f t="shared" si="127"/>
        <v/>
      </c>
      <c r="BK257" s="161" t="str">
        <f t="shared" si="128"/>
        <v/>
      </c>
      <c r="BL257" s="161">
        <f t="shared" si="129"/>
        <v>197347.99999999997</v>
      </c>
      <c r="BM257" s="161" t="str">
        <f t="shared" si="130"/>
        <v/>
      </c>
      <c r="BN257" s="161" t="str">
        <f t="shared" si="131"/>
        <v/>
      </c>
      <c r="BO257" s="161" t="str">
        <f t="shared" si="132"/>
        <v/>
      </c>
      <c r="BP257" s="161" t="str">
        <f t="shared" si="133"/>
        <v/>
      </c>
      <c r="BQ257" s="161" t="str">
        <f t="shared" si="134"/>
        <v/>
      </c>
      <c r="BR257" s="161" t="str">
        <f t="shared" si="135"/>
        <v/>
      </c>
      <c r="BS257" s="161" t="str">
        <f t="shared" si="136"/>
        <v/>
      </c>
      <c r="BT257" s="161" t="str">
        <f t="shared" si="137"/>
        <v/>
      </c>
      <c r="BU257" s="161" t="str">
        <f t="shared" si="138"/>
        <v/>
      </c>
      <c r="BV257" s="161" t="str">
        <f t="shared" si="139"/>
        <v/>
      </c>
      <c r="BW257" s="161" t="str">
        <f t="shared" si="140"/>
        <v/>
      </c>
      <c r="BX257" s="161" t="str">
        <f t="shared" si="141"/>
        <v/>
      </c>
      <c r="BY257" s="161" t="str">
        <f t="shared" si="142"/>
        <v/>
      </c>
      <c r="BZ257" s="161" t="str">
        <f t="shared" si="143"/>
        <v/>
      </c>
      <c r="CA257" s="161" t="str">
        <f t="shared" si="144"/>
        <v/>
      </c>
      <c r="CB257" s="161" t="str">
        <f t="shared" si="145"/>
        <v/>
      </c>
      <c r="CC257" s="161" t="str">
        <f t="shared" si="146"/>
        <v/>
      </c>
      <c r="CD257" s="156"/>
      <c r="CE257" s="156"/>
      <c r="CF257" s="156"/>
    </row>
    <row r="258" spans="1:84" s="168" customFormat="1" ht="56.1" hidden="1" customHeight="1" x14ac:dyDescent="0.2">
      <c r="A258" s="154">
        <v>256</v>
      </c>
      <c r="B258" s="155" t="s">
        <v>53</v>
      </c>
      <c r="C258" s="165" t="s">
        <v>329</v>
      </c>
      <c r="D258" s="156" t="s">
        <v>482</v>
      </c>
      <c r="E258" s="156" t="s">
        <v>483</v>
      </c>
      <c r="F258" s="166" t="s">
        <v>491</v>
      </c>
      <c r="G258" s="156" t="s">
        <v>58</v>
      </c>
      <c r="H258" s="156" t="s">
        <v>31</v>
      </c>
      <c r="I258" s="156" t="s">
        <v>81</v>
      </c>
      <c r="J258" s="156" t="s">
        <v>334</v>
      </c>
      <c r="K258" s="156" t="s">
        <v>225</v>
      </c>
      <c r="L258" s="156" t="s">
        <v>63</v>
      </c>
      <c r="M258" s="156" t="s">
        <v>63</v>
      </c>
      <c r="N258" s="157">
        <f>'[2]Hemel Hempstead'!$AO$9</f>
        <v>50747</v>
      </c>
      <c r="O258" s="157">
        <f t="shared" si="149"/>
        <v>50747</v>
      </c>
      <c r="P258" s="156" t="s">
        <v>226</v>
      </c>
      <c r="Q258" s="156" t="s">
        <v>82</v>
      </c>
      <c r="R258" s="167"/>
      <c r="S258" s="167"/>
      <c r="T258" s="167"/>
      <c r="U258" s="167"/>
      <c r="V258" s="167"/>
      <c r="W258" s="161"/>
      <c r="X258" s="167"/>
      <c r="Y258" s="167"/>
      <c r="Z258" s="167"/>
      <c r="AA258" s="167"/>
      <c r="AB258" s="167"/>
      <c r="AC258" s="167"/>
      <c r="AD258" s="167"/>
      <c r="AE258" s="167"/>
      <c r="AF258" s="167" t="s">
        <v>66</v>
      </c>
      <c r="AG258" s="167"/>
      <c r="AH258" s="167"/>
      <c r="AI258" s="167"/>
      <c r="AJ258" s="167"/>
      <c r="AK258" s="167"/>
      <c r="AL258" s="167"/>
      <c r="AM258" s="167"/>
      <c r="AN258" s="167"/>
      <c r="AO258" s="167"/>
      <c r="AP258" s="167"/>
      <c r="AQ258" s="167"/>
      <c r="AR258" s="167"/>
      <c r="AS258" s="167"/>
      <c r="AT258" s="167"/>
      <c r="AU258" s="167"/>
      <c r="AV258" s="167"/>
      <c r="AW258" s="160">
        <f t="shared" si="150"/>
        <v>90</v>
      </c>
      <c r="AX258" s="158">
        <f t="shared" si="148"/>
        <v>563.85555555555561</v>
      </c>
      <c r="AY258" s="161" t="str">
        <f t="shared" si="116"/>
        <v/>
      </c>
      <c r="AZ258" s="161" t="str">
        <f t="shared" si="117"/>
        <v/>
      </c>
      <c r="BA258" s="161" t="str">
        <f t="shared" si="118"/>
        <v/>
      </c>
      <c r="BB258" s="161" t="str">
        <f t="shared" si="119"/>
        <v/>
      </c>
      <c r="BC258" s="161" t="str">
        <f t="shared" si="120"/>
        <v/>
      </c>
      <c r="BD258" s="161" t="str">
        <f t="shared" si="121"/>
        <v/>
      </c>
      <c r="BE258" s="161" t="str">
        <f t="shared" si="122"/>
        <v/>
      </c>
      <c r="BF258" s="161" t="str">
        <f t="shared" si="123"/>
        <v/>
      </c>
      <c r="BG258" s="161" t="str">
        <f t="shared" si="124"/>
        <v/>
      </c>
      <c r="BH258" s="161" t="str">
        <f t="shared" si="125"/>
        <v/>
      </c>
      <c r="BI258" s="161" t="str">
        <f t="shared" si="126"/>
        <v/>
      </c>
      <c r="BJ258" s="161" t="str">
        <f t="shared" si="127"/>
        <v/>
      </c>
      <c r="BK258" s="161" t="str">
        <f t="shared" si="128"/>
        <v/>
      </c>
      <c r="BL258" s="161" t="str">
        <f t="shared" si="129"/>
        <v/>
      </c>
      <c r="BM258" s="161">
        <f t="shared" si="130"/>
        <v>50747.000000000007</v>
      </c>
      <c r="BN258" s="161" t="str">
        <f t="shared" si="131"/>
        <v/>
      </c>
      <c r="BO258" s="161" t="str">
        <f t="shared" si="132"/>
        <v/>
      </c>
      <c r="BP258" s="161" t="str">
        <f t="shared" si="133"/>
        <v/>
      </c>
      <c r="BQ258" s="161" t="str">
        <f t="shared" si="134"/>
        <v/>
      </c>
      <c r="BR258" s="161" t="str">
        <f t="shared" si="135"/>
        <v/>
      </c>
      <c r="BS258" s="161" t="str">
        <f t="shared" si="136"/>
        <v/>
      </c>
      <c r="BT258" s="161" t="str">
        <f t="shared" si="137"/>
        <v/>
      </c>
      <c r="BU258" s="161" t="str">
        <f t="shared" si="138"/>
        <v/>
      </c>
      <c r="BV258" s="161" t="str">
        <f t="shared" si="139"/>
        <v/>
      </c>
      <c r="BW258" s="161" t="str">
        <f t="shared" si="140"/>
        <v/>
      </c>
      <c r="BX258" s="161" t="str">
        <f t="shared" si="141"/>
        <v/>
      </c>
      <c r="BY258" s="161" t="str">
        <f t="shared" si="142"/>
        <v/>
      </c>
      <c r="BZ258" s="161" t="str">
        <f t="shared" si="143"/>
        <v/>
      </c>
      <c r="CA258" s="161" t="str">
        <f t="shared" si="144"/>
        <v/>
      </c>
      <c r="CB258" s="161" t="str">
        <f t="shared" si="145"/>
        <v/>
      </c>
      <c r="CC258" s="161" t="str">
        <f t="shared" si="146"/>
        <v/>
      </c>
      <c r="CD258" s="156"/>
      <c r="CE258" s="156"/>
      <c r="CF258" s="156"/>
    </row>
    <row r="259" spans="1:84" s="168" customFormat="1" ht="56.1" hidden="1" customHeight="1" x14ac:dyDescent="0.2">
      <c r="A259" s="154">
        <v>257</v>
      </c>
      <c r="B259" s="155" t="s">
        <v>53</v>
      </c>
      <c r="C259" s="165" t="s">
        <v>329</v>
      </c>
      <c r="D259" s="156" t="s">
        <v>482</v>
      </c>
      <c r="E259" s="156" t="s">
        <v>483</v>
      </c>
      <c r="F259" s="166" t="s">
        <v>491</v>
      </c>
      <c r="G259" s="156" t="s">
        <v>58</v>
      </c>
      <c r="H259" s="156" t="s">
        <v>327</v>
      </c>
      <c r="I259" s="156" t="s">
        <v>81</v>
      </c>
      <c r="J259" s="156" t="s">
        <v>334</v>
      </c>
      <c r="K259" s="156" t="s">
        <v>225</v>
      </c>
      <c r="L259" s="156" t="s">
        <v>63</v>
      </c>
      <c r="M259" s="156" t="s">
        <v>63</v>
      </c>
      <c r="N259" s="157">
        <f>'[2]Hemel Hempstead'!$AR$9</f>
        <v>45108</v>
      </c>
      <c r="O259" s="157">
        <f t="shared" si="149"/>
        <v>45108</v>
      </c>
      <c r="P259" s="156" t="s">
        <v>226</v>
      </c>
      <c r="Q259" s="156" t="s">
        <v>82</v>
      </c>
      <c r="R259" s="167"/>
      <c r="S259" s="167"/>
      <c r="T259" s="167"/>
      <c r="U259" s="167"/>
      <c r="V259" s="167"/>
      <c r="W259" s="161"/>
      <c r="X259" s="167"/>
      <c r="Y259" s="167"/>
      <c r="Z259" s="167"/>
      <c r="AA259" s="167"/>
      <c r="AB259" s="167"/>
      <c r="AC259" s="167"/>
      <c r="AD259" s="167"/>
      <c r="AE259" s="167"/>
      <c r="AF259" s="167"/>
      <c r="AG259" s="167" t="s">
        <v>66</v>
      </c>
      <c r="AH259" s="167"/>
      <c r="AI259" s="167"/>
      <c r="AJ259" s="167"/>
      <c r="AK259" s="167"/>
      <c r="AL259" s="167"/>
      <c r="AM259" s="167"/>
      <c r="AN259" s="167"/>
      <c r="AO259" s="167"/>
      <c r="AP259" s="167"/>
      <c r="AQ259" s="167"/>
      <c r="AR259" s="167"/>
      <c r="AS259" s="167"/>
      <c r="AT259" s="167"/>
      <c r="AU259" s="167"/>
      <c r="AV259" s="167"/>
      <c r="AW259" s="160">
        <f t="shared" si="150"/>
        <v>80</v>
      </c>
      <c r="AX259" s="158">
        <f t="shared" ref="AX259:AX290" si="151">O259/AW259</f>
        <v>563.85</v>
      </c>
      <c r="AY259" s="161" t="str">
        <f t="shared" ref="AY259:AY320" si="152">IF(R259="yes",(R$2*$AX259),"")</f>
        <v/>
      </c>
      <c r="AZ259" s="161" t="str">
        <f t="shared" ref="AZ259:AZ320" si="153">IF(S259="yes",(S$2*$AX259),"")</f>
        <v/>
      </c>
      <c r="BA259" s="161" t="str">
        <f t="shared" ref="BA259:BA320" si="154">IF(T259="yes",(T$2*$AX259),"")</f>
        <v/>
      </c>
      <c r="BB259" s="161" t="str">
        <f t="shared" ref="BB259:BB320" si="155">IF(U259="yes",(U$2*$AX259),"")</f>
        <v/>
      </c>
      <c r="BC259" s="161" t="str">
        <f t="shared" ref="BC259:BC320" si="156">IF(V259="yes",(V$2*$AX259),"")</f>
        <v/>
      </c>
      <c r="BD259" s="161" t="str">
        <f t="shared" ref="BD259:BD320" si="157">IF(W259="yes",(W$2*$AX259),"")</f>
        <v/>
      </c>
      <c r="BE259" s="161" t="str">
        <f t="shared" ref="BE259:BE320" si="158">IF(X259="yes",(X$2*$AX259),"")</f>
        <v/>
      </c>
      <c r="BF259" s="161" t="str">
        <f t="shared" ref="BF259:BF320" si="159">IF(Y259="yes",(Y$2*$AX259),"")</f>
        <v/>
      </c>
      <c r="BG259" s="161" t="str">
        <f t="shared" ref="BG259:BG320" si="160">IF(Z259="yes",(Z$2*$AX259),"")</f>
        <v/>
      </c>
      <c r="BH259" s="161" t="str">
        <f t="shared" ref="BH259:BH320" si="161">IF(AA259="yes",(AA$2*$AX259),"")</f>
        <v/>
      </c>
      <c r="BI259" s="161" t="str">
        <f t="shared" ref="BI259:BI320" si="162">IF(AB259="yes",(AB$2*$AX259),"")</f>
        <v/>
      </c>
      <c r="BJ259" s="161" t="str">
        <f t="shared" ref="BJ259:BJ320" si="163">IF(AC259="yes",(AC$2*$AX259),"")</f>
        <v/>
      </c>
      <c r="BK259" s="161" t="str">
        <f t="shared" ref="BK259:BK320" si="164">IF(AD259="yes",(AD$2*$AX259),"")</f>
        <v/>
      </c>
      <c r="BL259" s="161" t="str">
        <f t="shared" ref="BL259:BL320" si="165">IF(AE259="yes",(AE$2*$AX259),"")</f>
        <v/>
      </c>
      <c r="BM259" s="161" t="str">
        <f t="shared" ref="BM259:BM320" si="166">IF(AF259="yes",(AF$2*$AX259),"")</f>
        <v/>
      </c>
      <c r="BN259" s="161">
        <f t="shared" ref="BN259:BN320" si="167">IF(AG259="yes",(AG$2*$AX259),"")</f>
        <v>45108</v>
      </c>
      <c r="BO259" s="161" t="str">
        <f t="shared" ref="BO259:BO320" si="168">IF(AH259="yes",(AH$2*$AX259),"")</f>
        <v/>
      </c>
      <c r="BP259" s="161" t="str">
        <f t="shared" ref="BP259:BP320" si="169">IF(AI259="yes",(AI$2*$AX259),"")</f>
        <v/>
      </c>
      <c r="BQ259" s="161" t="str">
        <f t="shared" ref="BQ259:BQ320" si="170">IF(AJ259="yes",(AJ$2*$AX259),"")</f>
        <v/>
      </c>
      <c r="BR259" s="161" t="str">
        <f t="shared" ref="BR259:BR320" si="171">IF(AK259="yes",(AK$2*$AX259),"")</f>
        <v/>
      </c>
      <c r="BS259" s="161" t="str">
        <f t="shared" ref="BS259:BS320" si="172">IF(AL259="yes",(AL$2*$AX259),"")</f>
        <v/>
      </c>
      <c r="BT259" s="161" t="str">
        <f t="shared" ref="BT259:BT320" si="173">IF(AM259="yes",(AM$2*$AX259),"")</f>
        <v/>
      </c>
      <c r="BU259" s="161" t="str">
        <f t="shared" ref="BU259:BU320" si="174">IF(AN259="yes",(AN$2*$AX259),"")</f>
        <v/>
      </c>
      <c r="BV259" s="161" t="str">
        <f t="shared" ref="BV259:BV320" si="175">IF(AO259="yes",(AO$2*$AX259),"")</f>
        <v/>
      </c>
      <c r="BW259" s="161" t="str">
        <f t="shared" ref="BW259:BW320" si="176">IF(AP259="yes",(AP$2*$AX259),"")</f>
        <v/>
      </c>
      <c r="BX259" s="161" t="str">
        <f t="shared" ref="BX259:BX320" si="177">IF(AQ259="yes",(AQ$2*$AX259),"")</f>
        <v/>
      </c>
      <c r="BY259" s="161" t="str">
        <f t="shared" ref="BY259:BY320" si="178">IF(AR259="yes",(AR$2*$AX259),"")</f>
        <v/>
      </c>
      <c r="BZ259" s="161" t="str">
        <f t="shared" ref="BZ259:BZ320" si="179">IF(AS259="yes",(AS$2*$AX259),"")</f>
        <v/>
      </c>
      <c r="CA259" s="161" t="str">
        <f t="shared" ref="CA259:CA320" si="180">IF(AT259="yes",(AT$2*$AX259),"")</f>
        <v/>
      </c>
      <c r="CB259" s="161" t="str">
        <f t="shared" ref="CB259:CB320" si="181">IF(AU259="yes",(AU$2*$AX259),"")</f>
        <v/>
      </c>
      <c r="CC259" s="161" t="str">
        <f t="shared" ref="CC259:CC320" si="182">IF(AV259="yes",(AV$2*$AX259),"")</f>
        <v/>
      </c>
      <c r="CD259" s="156"/>
      <c r="CE259" s="156"/>
      <c r="CF259" s="156"/>
    </row>
    <row r="260" spans="1:84" s="168" customFormat="1" ht="56.1" hidden="1" customHeight="1" x14ac:dyDescent="0.2">
      <c r="A260" s="154">
        <v>258</v>
      </c>
      <c r="B260" s="155" t="s">
        <v>53</v>
      </c>
      <c r="C260" s="165" t="s">
        <v>329</v>
      </c>
      <c r="D260" s="156" t="s">
        <v>482</v>
      </c>
      <c r="E260" s="156" t="s">
        <v>483</v>
      </c>
      <c r="F260" s="166" t="s">
        <v>489</v>
      </c>
      <c r="G260" s="156" t="s">
        <v>58</v>
      </c>
      <c r="H260" s="156" t="s">
        <v>328</v>
      </c>
      <c r="I260" s="156" t="s">
        <v>81</v>
      </c>
      <c r="J260" s="156" t="s">
        <v>334</v>
      </c>
      <c r="K260" s="156" t="s">
        <v>225</v>
      </c>
      <c r="L260" s="156" t="s">
        <v>63</v>
      </c>
      <c r="M260" s="156" t="s">
        <v>63</v>
      </c>
      <c r="N260" s="157">
        <f>'[2]Hemel Hempstead'!$AU$9</f>
        <v>112770</v>
      </c>
      <c r="O260" s="157">
        <f t="shared" si="149"/>
        <v>112770</v>
      </c>
      <c r="P260" s="156" t="s">
        <v>226</v>
      </c>
      <c r="Q260" s="156" t="s">
        <v>82</v>
      </c>
      <c r="R260" s="167"/>
      <c r="S260" s="167"/>
      <c r="T260" s="167"/>
      <c r="U260" s="167"/>
      <c r="V260" s="167"/>
      <c r="W260" s="161"/>
      <c r="X260" s="167"/>
      <c r="Y260" s="167"/>
      <c r="Z260" s="167"/>
      <c r="AA260" s="167"/>
      <c r="AB260" s="167"/>
      <c r="AC260" s="167" t="s">
        <v>66</v>
      </c>
      <c r="AD260" s="167"/>
      <c r="AE260" s="167"/>
      <c r="AF260" s="167"/>
      <c r="AG260" s="167"/>
      <c r="AH260" s="167"/>
      <c r="AI260" s="167"/>
      <c r="AJ260" s="167"/>
      <c r="AK260" s="167"/>
      <c r="AL260" s="167"/>
      <c r="AM260" s="167"/>
      <c r="AN260" s="167"/>
      <c r="AO260" s="167"/>
      <c r="AP260" s="167"/>
      <c r="AQ260" s="167"/>
      <c r="AR260" s="167"/>
      <c r="AS260" s="167"/>
      <c r="AT260" s="167"/>
      <c r="AU260" s="167"/>
      <c r="AV260" s="167"/>
      <c r="AW260" s="160">
        <f t="shared" si="150"/>
        <v>200</v>
      </c>
      <c r="AX260" s="158">
        <f t="shared" si="151"/>
        <v>563.85</v>
      </c>
      <c r="AY260" s="161" t="str">
        <f t="shared" si="152"/>
        <v/>
      </c>
      <c r="AZ260" s="161" t="str">
        <f t="shared" si="153"/>
        <v/>
      </c>
      <c r="BA260" s="161" t="str">
        <f t="shared" si="154"/>
        <v/>
      </c>
      <c r="BB260" s="161" t="str">
        <f t="shared" si="155"/>
        <v/>
      </c>
      <c r="BC260" s="161" t="str">
        <f t="shared" si="156"/>
        <v/>
      </c>
      <c r="BD260" s="161" t="str">
        <f t="shared" si="157"/>
        <v/>
      </c>
      <c r="BE260" s="161" t="str">
        <f t="shared" si="158"/>
        <v/>
      </c>
      <c r="BF260" s="161" t="str">
        <f t="shared" si="159"/>
        <v/>
      </c>
      <c r="BG260" s="161" t="str">
        <f t="shared" si="160"/>
        <v/>
      </c>
      <c r="BH260" s="161" t="str">
        <f t="shared" si="161"/>
        <v/>
      </c>
      <c r="BI260" s="161" t="str">
        <f t="shared" si="162"/>
        <v/>
      </c>
      <c r="BJ260" s="161">
        <f t="shared" si="163"/>
        <v>112770</v>
      </c>
      <c r="BK260" s="161" t="str">
        <f t="shared" si="164"/>
        <v/>
      </c>
      <c r="BL260" s="161" t="str">
        <f t="shared" si="165"/>
        <v/>
      </c>
      <c r="BM260" s="161" t="str">
        <f t="shared" si="166"/>
        <v/>
      </c>
      <c r="BN260" s="161" t="str">
        <f t="shared" si="167"/>
        <v/>
      </c>
      <c r="BO260" s="161" t="str">
        <f t="shared" si="168"/>
        <v/>
      </c>
      <c r="BP260" s="161" t="str">
        <f t="shared" si="169"/>
        <v/>
      </c>
      <c r="BQ260" s="161" t="str">
        <f t="shared" si="170"/>
        <v/>
      </c>
      <c r="BR260" s="161" t="str">
        <f t="shared" si="171"/>
        <v/>
      </c>
      <c r="BS260" s="161" t="str">
        <f t="shared" si="172"/>
        <v/>
      </c>
      <c r="BT260" s="161" t="str">
        <f t="shared" si="173"/>
        <v/>
      </c>
      <c r="BU260" s="161" t="str">
        <f t="shared" si="174"/>
        <v/>
      </c>
      <c r="BV260" s="161" t="str">
        <f t="shared" si="175"/>
        <v/>
      </c>
      <c r="BW260" s="161" t="str">
        <f t="shared" si="176"/>
        <v/>
      </c>
      <c r="BX260" s="161" t="str">
        <f t="shared" si="177"/>
        <v/>
      </c>
      <c r="BY260" s="161" t="str">
        <f t="shared" si="178"/>
        <v/>
      </c>
      <c r="BZ260" s="161" t="str">
        <f t="shared" si="179"/>
        <v/>
      </c>
      <c r="CA260" s="161" t="str">
        <f t="shared" si="180"/>
        <v/>
      </c>
      <c r="CB260" s="161" t="str">
        <f t="shared" si="181"/>
        <v/>
      </c>
      <c r="CC260" s="161" t="str">
        <f t="shared" si="182"/>
        <v/>
      </c>
      <c r="CD260" s="156"/>
      <c r="CE260" s="156"/>
      <c r="CF260" s="156"/>
    </row>
    <row r="261" spans="1:84" s="261" customFormat="1" ht="56.1" customHeight="1" x14ac:dyDescent="0.2">
      <c r="A261" s="228">
        <v>259</v>
      </c>
      <c r="B261" s="229" t="s">
        <v>53</v>
      </c>
      <c r="C261" s="230" t="s">
        <v>329</v>
      </c>
      <c r="D261" s="258" t="s">
        <v>500</v>
      </c>
      <c r="E261" s="258" t="s">
        <v>501</v>
      </c>
      <c r="F261" s="259" t="s">
        <v>502</v>
      </c>
      <c r="G261" s="258" t="s">
        <v>333</v>
      </c>
      <c r="H261" s="258" t="s">
        <v>63</v>
      </c>
      <c r="I261" s="258" t="s">
        <v>81</v>
      </c>
      <c r="J261" s="258" t="s">
        <v>334</v>
      </c>
      <c r="K261" s="258" t="s">
        <v>225</v>
      </c>
      <c r="L261" s="258" t="s">
        <v>63</v>
      </c>
      <c r="M261" s="258" t="s">
        <v>63</v>
      </c>
      <c r="N261" s="260">
        <v>195147</v>
      </c>
      <c r="O261" s="260">
        <f t="shared" si="149"/>
        <v>195147</v>
      </c>
      <c r="P261" s="258" t="s">
        <v>226</v>
      </c>
      <c r="Q261" s="258" t="s">
        <v>82</v>
      </c>
      <c r="R261" s="239" t="s">
        <v>66</v>
      </c>
      <c r="S261" s="262"/>
      <c r="T261" s="262"/>
      <c r="U261" s="262"/>
      <c r="V261" s="262"/>
      <c r="W261" s="262"/>
      <c r="X261" s="262"/>
      <c r="Y261" s="262"/>
      <c r="Z261" s="262"/>
      <c r="AA261" s="262"/>
      <c r="AB261" s="262"/>
      <c r="AC261" s="262"/>
      <c r="AD261" s="262"/>
      <c r="AE261" s="262"/>
      <c r="AF261" s="262"/>
      <c r="AG261" s="262"/>
      <c r="AH261" s="262"/>
      <c r="AI261" s="262"/>
      <c r="AJ261" s="262"/>
      <c r="AK261" s="262"/>
      <c r="AL261" s="262"/>
      <c r="AM261" s="262"/>
      <c r="AN261" s="262"/>
      <c r="AO261" s="262"/>
      <c r="AP261" s="262"/>
      <c r="AQ261" s="262"/>
      <c r="AR261" s="262"/>
      <c r="AS261" s="262"/>
      <c r="AT261" s="262"/>
      <c r="AU261" s="262"/>
      <c r="AV261" s="262"/>
      <c r="AW261" s="238">
        <f t="shared" si="150"/>
        <v>1500</v>
      </c>
      <c r="AX261" s="84">
        <f t="shared" si="151"/>
        <v>130.09800000000001</v>
      </c>
      <c r="AY261" s="239">
        <f t="shared" si="152"/>
        <v>195147.00000000003</v>
      </c>
      <c r="AZ261" s="239" t="str">
        <f t="shared" si="153"/>
        <v/>
      </c>
      <c r="BA261" s="239" t="str">
        <f t="shared" si="154"/>
        <v/>
      </c>
      <c r="BB261" s="239" t="str">
        <f t="shared" si="155"/>
        <v/>
      </c>
      <c r="BC261" s="239" t="str">
        <f t="shared" si="156"/>
        <v/>
      </c>
      <c r="BD261" s="239" t="str">
        <f t="shared" si="157"/>
        <v/>
      </c>
      <c r="BE261" s="239" t="str">
        <f t="shared" si="158"/>
        <v/>
      </c>
      <c r="BF261" s="239" t="str">
        <f t="shared" si="159"/>
        <v/>
      </c>
      <c r="BG261" s="239" t="str">
        <f t="shared" si="160"/>
        <v/>
      </c>
      <c r="BH261" s="239" t="str">
        <f t="shared" si="161"/>
        <v/>
      </c>
      <c r="BI261" s="239" t="str">
        <f t="shared" si="162"/>
        <v/>
      </c>
      <c r="BJ261" s="239" t="str">
        <f t="shared" si="163"/>
        <v/>
      </c>
      <c r="BK261" s="239" t="str">
        <f t="shared" si="164"/>
        <v/>
      </c>
      <c r="BL261" s="239" t="str">
        <f t="shared" si="165"/>
        <v/>
      </c>
      <c r="BM261" s="239" t="str">
        <f t="shared" si="166"/>
        <v/>
      </c>
      <c r="BN261" s="239" t="str">
        <f t="shared" si="167"/>
        <v/>
      </c>
      <c r="BO261" s="239" t="str">
        <f t="shared" si="168"/>
        <v/>
      </c>
      <c r="BP261" s="239" t="str">
        <f t="shared" si="169"/>
        <v/>
      </c>
      <c r="BQ261" s="239" t="str">
        <f t="shared" si="170"/>
        <v/>
      </c>
      <c r="BR261" s="239" t="str">
        <f t="shared" si="171"/>
        <v/>
      </c>
      <c r="BS261" s="239" t="str">
        <f t="shared" si="172"/>
        <v/>
      </c>
      <c r="BT261" s="239" t="str">
        <f t="shared" si="173"/>
        <v/>
      </c>
      <c r="BU261" s="239" t="str">
        <f t="shared" si="174"/>
        <v/>
      </c>
      <c r="BV261" s="239" t="str">
        <f t="shared" si="175"/>
        <v/>
      </c>
      <c r="BW261" s="239" t="str">
        <f t="shared" si="176"/>
        <v/>
      </c>
      <c r="BX261" s="239" t="str">
        <f t="shared" si="177"/>
        <v/>
      </c>
      <c r="BY261" s="239" t="str">
        <f t="shared" si="178"/>
        <v/>
      </c>
      <c r="BZ261" s="239" t="str">
        <f t="shared" si="179"/>
        <v/>
      </c>
      <c r="CA261" s="239" t="str">
        <f t="shared" si="180"/>
        <v/>
      </c>
      <c r="CB261" s="239" t="str">
        <f t="shared" si="181"/>
        <v/>
      </c>
      <c r="CC261" s="239" t="str">
        <f t="shared" si="182"/>
        <v/>
      </c>
      <c r="CD261" s="258"/>
      <c r="CE261" s="258" t="s">
        <v>485</v>
      </c>
      <c r="CF261" s="258" t="s">
        <v>336</v>
      </c>
    </row>
    <row r="262" spans="1:84" s="318" customFormat="1" ht="56.1" hidden="1" customHeight="1" x14ac:dyDescent="0.2">
      <c r="A262" s="302">
        <v>260</v>
      </c>
      <c r="B262" s="24" t="s">
        <v>53</v>
      </c>
      <c r="C262" s="35" t="s">
        <v>329</v>
      </c>
      <c r="D262" s="303" t="s">
        <v>500</v>
      </c>
      <c r="E262" s="303" t="s">
        <v>501</v>
      </c>
      <c r="F262" s="316" t="s">
        <v>503</v>
      </c>
      <c r="G262" s="303" t="s">
        <v>90</v>
      </c>
      <c r="H262" s="303" t="s">
        <v>38</v>
      </c>
      <c r="I262" s="303" t="s">
        <v>60</v>
      </c>
      <c r="J262" s="303" t="s">
        <v>334</v>
      </c>
      <c r="K262" s="303" t="s">
        <v>339</v>
      </c>
      <c r="L262" s="303" t="s">
        <v>63</v>
      </c>
      <c r="M262" s="303" t="s">
        <v>63</v>
      </c>
      <c r="N262" s="304">
        <v>127131</v>
      </c>
      <c r="O262" s="304">
        <f t="shared" si="149"/>
        <v>127131</v>
      </c>
      <c r="P262" s="303" t="s">
        <v>226</v>
      </c>
      <c r="Q262" s="303" t="s">
        <v>82</v>
      </c>
      <c r="R262" s="317"/>
      <c r="S262" s="317"/>
      <c r="T262" s="317"/>
      <c r="U262" s="317"/>
      <c r="V262" s="317"/>
      <c r="W262" s="317"/>
      <c r="X262" s="317"/>
      <c r="Y262" s="317"/>
      <c r="Z262" s="317"/>
      <c r="AA262" s="317"/>
      <c r="AB262" s="317"/>
      <c r="AC262" s="317"/>
      <c r="AD262" s="317"/>
      <c r="AE262" s="317"/>
      <c r="AF262" s="317"/>
      <c r="AG262" s="317"/>
      <c r="AH262" s="317"/>
      <c r="AI262" s="317"/>
      <c r="AJ262" s="317"/>
      <c r="AK262" s="317"/>
      <c r="AL262" s="317"/>
      <c r="AM262" s="307" t="s">
        <v>66</v>
      </c>
      <c r="AN262" s="317"/>
      <c r="AO262" s="317"/>
      <c r="AP262" s="317"/>
      <c r="AQ262" s="317"/>
      <c r="AR262" s="317"/>
      <c r="AS262" s="317"/>
      <c r="AT262" s="317"/>
      <c r="AU262" s="317"/>
      <c r="AV262" s="317"/>
      <c r="AW262" s="308">
        <f t="shared" si="150"/>
        <v>250</v>
      </c>
      <c r="AX262" s="309">
        <f t="shared" si="151"/>
        <v>508.524</v>
      </c>
      <c r="AY262" s="307" t="str">
        <f t="shared" si="152"/>
        <v/>
      </c>
      <c r="AZ262" s="307" t="str">
        <f t="shared" si="153"/>
        <v/>
      </c>
      <c r="BA262" s="307" t="str">
        <f t="shared" si="154"/>
        <v/>
      </c>
      <c r="BB262" s="307" t="str">
        <f t="shared" si="155"/>
        <v/>
      </c>
      <c r="BC262" s="307" t="str">
        <f t="shared" si="156"/>
        <v/>
      </c>
      <c r="BD262" s="307" t="str">
        <f t="shared" si="157"/>
        <v/>
      </c>
      <c r="BE262" s="307" t="str">
        <f t="shared" si="158"/>
        <v/>
      </c>
      <c r="BF262" s="307" t="str">
        <f t="shared" si="159"/>
        <v/>
      </c>
      <c r="BG262" s="307" t="str">
        <f t="shared" si="160"/>
        <v/>
      </c>
      <c r="BH262" s="307" t="str">
        <f t="shared" si="161"/>
        <v/>
      </c>
      <c r="BI262" s="307" t="str">
        <f t="shared" si="162"/>
        <v/>
      </c>
      <c r="BJ262" s="307" t="str">
        <f t="shared" si="163"/>
        <v/>
      </c>
      <c r="BK262" s="307" t="str">
        <f t="shared" si="164"/>
        <v/>
      </c>
      <c r="BL262" s="307" t="str">
        <f t="shared" si="165"/>
        <v/>
      </c>
      <c r="BM262" s="307" t="str">
        <f t="shared" si="166"/>
        <v/>
      </c>
      <c r="BN262" s="307" t="str">
        <f t="shared" si="167"/>
        <v/>
      </c>
      <c r="BO262" s="307" t="str">
        <f t="shared" si="168"/>
        <v/>
      </c>
      <c r="BP262" s="307" t="str">
        <f t="shared" si="169"/>
        <v/>
      </c>
      <c r="BQ262" s="307" t="str">
        <f t="shared" si="170"/>
        <v/>
      </c>
      <c r="BR262" s="307" t="str">
        <f t="shared" si="171"/>
        <v/>
      </c>
      <c r="BS262" s="307" t="str">
        <f t="shared" si="172"/>
        <v/>
      </c>
      <c r="BT262" s="307">
        <f t="shared" si="173"/>
        <v>127131</v>
      </c>
      <c r="BU262" s="307" t="str">
        <f t="shared" si="174"/>
        <v/>
      </c>
      <c r="BV262" s="307" t="str">
        <f t="shared" si="175"/>
        <v/>
      </c>
      <c r="BW262" s="307" t="str">
        <f t="shared" si="176"/>
        <v/>
      </c>
      <c r="BX262" s="307" t="str">
        <f t="shared" si="177"/>
        <v/>
      </c>
      <c r="BY262" s="307" t="str">
        <f t="shared" si="178"/>
        <v/>
      </c>
      <c r="BZ262" s="307" t="str">
        <f t="shared" si="179"/>
        <v/>
      </c>
      <c r="CA262" s="307" t="str">
        <f t="shared" si="180"/>
        <v/>
      </c>
      <c r="CB262" s="307" t="str">
        <f t="shared" si="181"/>
        <v/>
      </c>
      <c r="CC262" s="307" t="str">
        <f t="shared" si="182"/>
        <v/>
      </c>
      <c r="CD262" s="303"/>
      <c r="CE262" s="303"/>
      <c r="CF262" s="303"/>
    </row>
    <row r="263" spans="1:84" s="318" customFormat="1" ht="56.1" hidden="1" customHeight="1" x14ac:dyDescent="0.2">
      <c r="A263" s="302">
        <v>261</v>
      </c>
      <c r="B263" s="24" t="s">
        <v>53</v>
      </c>
      <c r="C263" s="35" t="s">
        <v>329</v>
      </c>
      <c r="D263" s="303" t="s">
        <v>500</v>
      </c>
      <c r="E263" s="303" t="s">
        <v>501</v>
      </c>
      <c r="F263" s="316" t="s">
        <v>502</v>
      </c>
      <c r="G263" s="303" t="s">
        <v>90</v>
      </c>
      <c r="H263" s="303" t="s">
        <v>39</v>
      </c>
      <c r="I263" s="303" t="s">
        <v>81</v>
      </c>
      <c r="J263" s="303" t="s">
        <v>334</v>
      </c>
      <c r="K263" s="303" t="s">
        <v>225</v>
      </c>
      <c r="L263" s="303" t="s">
        <v>63</v>
      </c>
      <c r="M263" s="303" t="s">
        <v>63</v>
      </c>
      <c r="N263" s="304">
        <v>203410</v>
      </c>
      <c r="O263" s="304">
        <f t="shared" si="149"/>
        <v>203410</v>
      </c>
      <c r="P263" s="303" t="s">
        <v>226</v>
      </c>
      <c r="Q263" s="303" t="s">
        <v>82</v>
      </c>
      <c r="R263" s="317"/>
      <c r="S263" s="317"/>
      <c r="T263" s="317"/>
      <c r="U263" s="317"/>
      <c r="V263" s="317"/>
      <c r="W263" s="317"/>
      <c r="X263" s="317"/>
      <c r="Y263" s="317"/>
      <c r="Z263" s="317"/>
      <c r="AA263" s="317"/>
      <c r="AB263" s="317"/>
      <c r="AC263" s="317"/>
      <c r="AD263" s="317"/>
      <c r="AE263" s="317"/>
      <c r="AF263" s="317"/>
      <c r="AG263" s="317"/>
      <c r="AH263" s="317"/>
      <c r="AI263" s="317"/>
      <c r="AJ263" s="317"/>
      <c r="AK263" s="317"/>
      <c r="AL263" s="317"/>
      <c r="AM263" s="317"/>
      <c r="AN263" s="307" t="s">
        <v>66</v>
      </c>
      <c r="AO263" s="317"/>
      <c r="AP263" s="317"/>
      <c r="AQ263" s="317"/>
      <c r="AR263" s="317"/>
      <c r="AS263" s="317"/>
      <c r="AT263" s="317"/>
      <c r="AU263" s="317"/>
      <c r="AV263" s="317"/>
      <c r="AW263" s="308">
        <f t="shared" si="150"/>
        <v>400</v>
      </c>
      <c r="AX263" s="309">
        <f t="shared" si="151"/>
        <v>508.52499999999998</v>
      </c>
      <c r="AY263" s="307" t="str">
        <f t="shared" si="152"/>
        <v/>
      </c>
      <c r="AZ263" s="307" t="str">
        <f t="shared" si="153"/>
        <v/>
      </c>
      <c r="BA263" s="307" t="str">
        <f t="shared" si="154"/>
        <v/>
      </c>
      <c r="BB263" s="307" t="str">
        <f t="shared" si="155"/>
        <v/>
      </c>
      <c r="BC263" s="307" t="str">
        <f t="shared" si="156"/>
        <v/>
      </c>
      <c r="BD263" s="307" t="str">
        <f t="shared" si="157"/>
        <v/>
      </c>
      <c r="BE263" s="307" t="str">
        <f t="shared" si="158"/>
        <v/>
      </c>
      <c r="BF263" s="307" t="str">
        <f t="shared" si="159"/>
        <v/>
      </c>
      <c r="BG263" s="307" t="str">
        <f t="shared" si="160"/>
        <v/>
      </c>
      <c r="BH263" s="307" t="str">
        <f t="shared" si="161"/>
        <v/>
      </c>
      <c r="BI263" s="307" t="str">
        <f t="shared" si="162"/>
        <v/>
      </c>
      <c r="BJ263" s="307" t="str">
        <f t="shared" si="163"/>
        <v/>
      </c>
      <c r="BK263" s="307" t="str">
        <f t="shared" si="164"/>
        <v/>
      </c>
      <c r="BL263" s="307" t="str">
        <f t="shared" si="165"/>
        <v/>
      </c>
      <c r="BM263" s="307" t="str">
        <f t="shared" si="166"/>
        <v/>
      </c>
      <c r="BN263" s="307" t="str">
        <f t="shared" si="167"/>
        <v/>
      </c>
      <c r="BO263" s="307" t="str">
        <f t="shared" si="168"/>
        <v/>
      </c>
      <c r="BP263" s="307" t="str">
        <f t="shared" si="169"/>
        <v/>
      </c>
      <c r="BQ263" s="307" t="str">
        <f t="shared" si="170"/>
        <v/>
      </c>
      <c r="BR263" s="307" t="str">
        <f t="shared" si="171"/>
        <v/>
      </c>
      <c r="BS263" s="307" t="str">
        <f t="shared" si="172"/>
        <v/>
      </c>
      <c r="BT263" s="307" t="str">
        <f t="shared" si="173"/>
        <v/>
      </c>
      <c r="BU263" s="307">
        <f t="shared" si="174"/>
        <v>203410</v>
      </c>
      <c r="BV263" s="307" t="str">
        <f t="shared" si="175"/>
        <v/>
      </c>
      <c r="BW263" s="307" t="str">
        <f t="shared" si="176"/>
        <v/>
      </c>
      <c r="BX263" s="307" t="str">
        <f t="shared" si="177"/>
        <v/>
      </c>
      <c r="BY263" s="307" t="str">
        <f t="shared" si="178"/>
        <v/>
      </c>
      <c r="BZ263" s="307" t="str">
        <f t="shared" si="179"/>
        <v/>
      </c>
      <c r="CA263" s="307" t="str">
        <f t="shared" si="180"/>
        <v/>
      </c>
      <c r="CB263" s="307" t="str">
        <f t="shared" si="181"/>
        <v/>
      </c>
      <c r="CC263" s="307" t="str">
        <f t="shared" si="182"/>
        <v/>
      </c>
      <c r="CD263" s="303"/>
      <c r="CE263" s="303"/>
      <c r="CF263" s="303"/>
    </row>
    <row r="264" spans="1:84" s="318" customFormat="1" ht="56.1" hidden="1" customHeight="1" x14ac:dyDescent="0.2">
      <c r="A264" s="302">
        <v>262</v>
      </c>
      <c r="B264" s="24" t="s">
        <v>53</v>
      </c>
      <c r="C264" s="35" t="s">
        <v>329</v>
      </c>
      <c r="D264" s="303" t="s">
        <v>500</v>
      </c>
      <c r="E264" s="303" t="s">
        <v>501</v>
      </c>
      <c r="F264" s="316" t="s">
        <v>504</v>
      </c>
      <c r="G264" s="303" t="s">
        <v>90</v>
      </c>
      <c r="H264" s="303" t="s">
        <v>40</v>
      </c>
      <c r="I264" s="303" t="s">
        <v>60</v>
      </c>
      <c r="J264" s="303" t="s">
        <v>334</v>
      </c>
      <c r="K264" s="303" t="s">
        <v>169</v>
      </c>
      <c r="L264" s="303" t="s">
        <v>63</v>
      </c>
      <c r="M264" s="303" t="s">
        <v>63</v>
      </c>
      <c r="N264" s="304">
        <v>711936</v>
      </c>
      <c r="O264" s="304">
        <f t="shared" si="149"/>
        <v>711936</v>
      </c>
      <c r="P264" s="303" t="s">
        <v>226</v>
      </c>
      <c r="Q264" s="303" t="s">
        <v>82</v>
      </c>
      <c r="R264" s="317"/>
      <c r="S264" s="317"/>
      <c r="T264" s="317"/>
      <c r="U264" s="317"/>
      <c r="V264" s="317"/>
      <c r="W264" s="317"/>
      <c r="X264" s="317"/>
      <c r="Y264" s="317"/>
      <c r="Z264" s="317"/>
      <c r="AA264" s="317"/>
      <c r="AB264" s="317"/>
      <c r="AC264" s="317"/>
      <c r="AD264" s="317"/>
      <c r="AE264" s="317"/>
      <c r="AF264" s="317"/>
      <c r="AG264" s="317"/>
      <c r="AH264" s="317"/>
      <c r="AI264" s="317"/>
      <c r="AJ264" s="317"/>
      <c r="AK264" s="317"/>
      <c r="AL264" s="317"/>
      <c r="AM264" s="317"/>
      <c r="AN264" s="317"/>
      <c r="AO264" s="307" t="s">
        <v>66</v>
      </c>
      <c r="AP264" s="317"/>
      <c r="AQ264" s="317"/>
      <c r="AR264" s="317"/>
      <c r="AS264" s="317"/>
      <c r="AT264" s="317"/>
      <c r="AU264" s="317"/>
      <c r="AV264" s="317"/>
      <c r="AW264" s="308">
        <f t="shared" si="150"/>
        <v>1400</v>
      </c>
      <c r="AX264" s="309">
        <f t="shared" si="151"/>
        <v>508.52571428571429</v>
      </c>
      <c r="AY264" s="307" t="str">
        <f t="shared" si="152"/>
        <v/>
      </c>
      <c r="AZ264" s="307" t="str">
        <f t="shared" si="153"/>
        <v/>
      </c>
      <c r="BA264" s="307" t="str">
        <f t="shared" si="154"/>
        <v/>
      </c>
      <c r="BB264" s="307" t="str">
        <f t="shared" si="155"/>
        <v/>
      </c>
      <c r="BC264" s="307" t="str">
        <f t="shared" si="156"/>
        <v/>
      </c>
      <c r="BD264" s="307" t="str">
        <f t="shared" si="157"/>
        <v/>
      </c>
      <c r="BE264" s="307" t="str">
        <f t="shared" si="158"/>
        <v/>
      </c>
      <c r="BF264" s="307" t="str">
        <f t="shared" si="159"/>
        <v/>
      </c>
      <c r="BG264" s="307" t="str">
        <f t="shared" si="160"/>
        <v/>
      </c>
      <c r="BH264" s="307" t="str">
        <f t="shared" si="161"/>
        <v/>
      </c>
      <c r="BI264" s="307" t="str">
        <f t="shared" si="162"/>
        <v/>
      </c>
      <c r="BJ264" s="307" t="str">
        <f t="shared" si="163"/>
        <v/>
      </c>
      <c r="BK264" s="307" t="str">
        <f t="shared" si="164"/>
        <v/>
      </c>
      <c r="BL264" s="307" t="str">
        <f t="shared" si="165"/>
        <v/>
      </c>
      <c r="BM264" s="307" t="str">
        <f t="shared" si="166"/>
        <v/>
      </c>
      <c r="BN264" s="307" t="str">
        <f t="shared" si="167"/>
        <v/>
      </c>
      <c r="BO264" s="307" t="str">
        <f t="shared" si="168"/>
        <v/>
      </c>
      <c r="BP264" s="307" t="str">
        <f t="shared" si="169"/>
        <v/>
      </c>
      <c r="BQ264" s="307" t="str">
        <f t="shared" si="170"/>
        <v/>
      </c>
      <c r="BR264" s="307" t="str">
        <f t="shared" si="171"/>
        <v/>
      </c>
      <c r="BS264" s="307" t="str">
        <f t="shared" si="172"/>
        <v/>
      </c>
      <c r="BT264" s="307" t="str">
        <f t="shared" si="173"/>
        <v/>
      </c>
      <c r="BU264" s="307" t="str">
        <f t="shared" si="174"/>
        <v/>
      </c>
      <c r="BV264" s="307">
        <f t="shared" si="175"/>
        <v>711936</v>
      </c>
      <c r="BW264" s="307" t="str">
        <f t="shared" si="176"/>
        <v/>
      </c>
      <c r="BX264" s="307" t="str">
        <f t="shared" si="177"/>
        <v/>
      </c>
      <c r="BY264" s="307" t="str">
        <f t="shared" si="178"/>
        <v/>
      </c>
      <c r="BZ264" s="307" t="str">
        <f t="shared" si="179"/>
        <v/>
      </c>
      <c r="CA264" s="307" t="str">
        <f t="shared" si="180"/>
        <v/>
      </c>
      <c r="CB264" s="307" t="str">
        <f t="shared" si="181"/>
        <v/>
      </c>
      <c r="CC264" s="307" t="str">
        <f t="shared" si="182"/>
        <v/>
      </c>
      <c r="CD264" s="303"/>
      <c r="CE264" s="303"/>
      <c r="CF264" s="303"/>
    </row>
    <row r="265" spans="1:84" s="318" customFormat="1" ht="56.1" hidden="1" customHeight="1" x14ac:dyDescent="0.2">
      <c r="A265" s="302">
        <v>263</v>
      </c>
      <c r="B265" s="24" t="s">
        <v>53</v>
      </c>
      <c r="C265" s="35" t="s">
        <v>329</v>
      </c>
      <c r="D265" s="303" t="s">
        <v>500</v>
      </c>
      <c r="E265" s="303" t="s">
        <v>501</v>
      </c>
      <c r="F265" s="316" t="s">
        <v>505</v>
      </c>
      <c r="G265" s="303" t="s">
        <v>90</v>
      </c>
      <c r="H265" s="303" t="s">
        <v>310</v>
      </c>
      <c r="I265" s="303" t="s">
        <v>81</v>
      </c>
      <c r="J265" s="303" t="s">
        <v>334</v>
      </c>
      <c r="K265" s="303" t="s">
        <v>225</v>
      </c>
      <c r="L265" s="303" t="s">
        <v>63</v>
      </c>
      <c r="M265" s="303" t="s">
        <v>63</v>
      </c>
      <c r="N265" s="304">
        <v>102129</v>
      </c>
      <c r="O265" s="304">
        <f t="shared" si="149"/>
        <v>102129</v>
      </c>
      <c r="P265" s="303" t="s">
        <v>226</v>
      </c>
      <c r="Q265" s="303" t="s">
        <v>82</v>
      </c>
      <c r="R265" s="317"/>
      <c r="S265" s="317"/>
      <c r="T265" s="317"/>
      <c r="U265" s="317"/>
      <c r="V265" s="317"/>
      <c r="W265" s="317"/>
      <c r="X265" s="317"/>
      <c r="Y265" s="317"/>
      <c r="Z265" s="317"/>
      <c r="AA265" s="317"/>
      <c r="AB265" s="317"/>
      <c r="AC265" s="317"/>
      <c r="AD265" s="317"/>
      <c r="AE265" s="317"/>
      <c r="AF265" s="317"/>
      <c r="AG265" s="317"/>
      <c r="AH265" s="317"/>
      <c r="AI265" s="317"/>
      <c r="AJ265" s="317"/>
      <c r="AK265" s="317"/>
      <c r="AL265" s="317"/>
      <c r="AM265" s="317"/>
      <c r="AN265" s="317"/>
      <c r="AO265" s="317"/>
      <c r="AP265" s="307" t="s">
        <v>66</v>
      </c>
      <c r="AQ265" s="317"/>
      <c r="AR265" s="317"/>
      <c r="AS265" s="317"/>
      <c r="AT265" s="317"/>
      <c r="AU265" s="317"/>
      <c r="AV265" s="317"/>
      <c r="AW265" s="308">
        <f t="shared" si="150"/>
        <v>201</v>
      </c>
      <c r="AX265" s="309">
        <f t="shared" si="151"/>
        <v>508.1044776119403</v>
      </c>
      <c r="AY265" s="307" t="str">
        <f t="shared" si="152"/>
        <v/>
      </c>
      <c r="AZ265" s="307" t="str">
        <f t="shared" si="153"/>
        <v/>
      </c>
      <c r="BA265" s="307" t="str">
        <f t="shared" si="154"/>
        <v/>
      </c>
      <c r="BB265" s="307" t="str">
        <f t="shared" si="155"/>
        <v/>
      </c>
      <c r="BC265" s="307" t="str">
        <f t="shared" si="156"/>
        <v/>
      </c>
      <c r="BD265" s="307" t="str">
        <f t="shared" si="157"/>
        <v/>
      </c>
      <c r="BE265" s="307" t="str">
        <f t="shared" si="158"/>
        <v/>
      </c>
      <c r="BF265" s="307" t="str">
        <f t="shared" si="159"/>
        <v/>
      </c>
      <c r="BG265" s="307" t="str">
        <f t="shared" si="160"/>
        <v/>
      </c>
      <c r="BH265" s="307" t="str">
        <f t="shared" si="161"/>
        <v/>
      </c>
      <c r="BI265" s="307" t="str">
        <f t="shared" si="162"/>
        <v/>
      </c>
      <c r="BJ265" s="307" t="str">
        <f t="shared" si="163"/>
        <v/>
      </c>
      <c r="BK265" s="307" t="str">
        <f t="shared" si="164"/>
        <v/>
      </c>
      <c r="BL265" s="307" t="str">
        <f t="shared" si="165"/>
        <v/>
      </c>
      <c r="BM265" s="307" t="str">
        <f t="shared" si="166"/>
        <v/>
      </c>
      <c r="BN265" s="307" t="str">
        <f t="shared" si="167"/>
        <v/>
      </c>
      <c r="BO265" s="307" t="str">
        <f t="shared" si="168"/>
        <v/>
      </c>
      <c r="BP265" s="307" t="str">
        <f t="shared" si="169"/>
        <v/>
      </c>
      <c r="BQ265" s="307" t="str">
        <f t="shared" si="170"/>
        <v/>
      </c>
      <c r="BR265" s="307" t="str">
        <f t="shared" si="171"/>
        <v/>
      </c>
      <c r="BS265" s="307" t="str">
        <f t="shared" si="172"/>
        <v/>
      </c>
      <c r="BT265" s="307" t="str">
        <f t="shared" si="173"/>
        <v/>
      </c>
      <c r="BU265" s="307" t="str">
        <f t="shared" si="174"/>
        <v/>
      </c>
      <c r="BV265" s="307" t="str">
        <f t="shared" si="175"/>
        <v/>
      </c>
      <c r="BW265" s="307">
        <f t="shared" si="176"/>
        <v>102129</v>
      </c>
      <c r="BX265" s="307" t="str">
        <f t="shared" si="177"/>
        <v/>
      </c>
      <c r="BY265" s="307" t="str">
        <f t="shared" si="178"/>
        <v/>
      </c>
      <c r="BZ265" s="307" t="str">
        <f t="shared" si="179"/>
        <v/>
      </c>
      <c r="CA265" s="307" t="str">
        <f t="shared" si="180"/>
        <v/>
      </c>
      <c r="CB265" s="307" t="str">
        <f t="shared" si="181"/>
        <v/>
      </c>
      <c r="CC265" s="307" t="str">
        <f t="shared" si="182"/>
        <v/>
      </c>
      <c r="CD265" s="303"/>
      <c r="CE265" s="303"/>
      <c r="CF265" s="303"/>
    </row>
    <row r="266" spans="1:84" s="318" customFormat="1" ht="56.1" hidden="1" customHeight="1" x14ac:dyDescent="0.2">
      <c r="A266" s="302">
        <v>264</v>
      </c>
      <c r="B266" s="24" t="s">
        <v>53</v>
      </c>
      <c r="C266" s="35" t="s">
        <v>329</v>
      </c>
      <c r="D266" s="303" t="s">
        <v>500</v>
      </c>
      <c r="E266" s="303" t="s">
        <v>501</v>
      </c>
      <c r="F266" s="316" t="s">
        <v>506</v>
      </c>
      <c r="G266" s="303" t="s">
        <v>86</v>
      </c>
      <c r="H266" s="303" t="s">
        <v>87</v>
      </c>
      <c r="I266" s="303" t="s">
        <v>81</v>
      </c>
      <c r="J266" s="303" t="s">
        <v>334</v>
      </c>
      <c r="K266" s="303" t="s">
        <v>225</v>
      </c>
      <c r="L266" s="303" t="s">
        <v>63</v>
      </c>
      <c r="M266" s="303" t="s">
        <v>63</v>
      </c>
      <c r="N266" s="304">
        <v>394107</v>
      </c>
      <c r="O266" s="304">
        <f t="shared" si="149"/>
        <v>394107</v>
      </c>
      <c r="P266" s="303" t="s">
        <v>226</v>
      </c>
      <c r="Q266" s="303" t="s">
        <v>82</v>
      </c>
      <c r="R266" s="317"/>
      <c r="S266" s="317"/>
      <c r="T266" s="317"/>
      <c r="U266" s="317"/>
      <c r="V266" s="317"/>
      <c r="W266" s="317"/>
      <c r="X266" s="317"/>
      <c r="Y266" s="317"/>
      <c r="Z266" s="317"/>
      <c r="AA266" s="317"/>
      <c r="AB266" s="317"/>
      <c r="AC266" s="317"/>
      <c r="AD266" s="317"/>
      <c r="AE266" s="317"/>
      <c r="AF266" s="317"/>
      <c r="AG266" s="317"/>
      <c r="AH266" s="317"/>
      <c r="AI266" s="307" t="s">
        <v>66</v>
      </c>
      <c r="AJ266" s="317"/>
      <c r="AK266" s="317"/>
      <c r="AL266" s="317"/>
      <c r="AM266" s="317"/>
      <c r="AN266" s="317"/>
      <c r="AO266" s="317"/>
      <c r="AP266" s="317"/>
      <c r="AQ266" s="317"/>
      <c r="AR266" s="317"/>
      <c r="AS266" s="317"/>
      <c r="AT266" s="317"/>
      <c r="AU266" s="317"/>
      <c r="AV266" s="317"/>
      <c r="AW266" s="308">
        <f t="shared" si="150"/>
        <v>775</v>
      </c>
      <c r="AX266" s="309">
        <f t="shared" si="151"/>
        <v>508.52516129032256</v>
      </c>
      <c r="AY266" s="307" t="str">
        <f t="shared" si="152"/>
        <v/>
      </c>
      <c r="AZ266" s="307" t="str">
        <f t="shared" si="153"/>
        <v/>
      </c>
      <c r="BA266" s="307" t="str">
        <f t="shared" si="154"/>
        <v/>
      </c>
      <c r="BB266" s="307" t="str">
        <f t="shared" si="155"/>
        <v/>
      </c>
      <c r="BC266" s="307" t="str">
        <f t="shared" si="156"/>
        <v/>
      </c>
      <c r="BD266" s="307" t="str">
        <f t="shared" si="157"/>
        <v/>
      </c>
      <c r="BE266" s="307" t="str">
        <f t="shared" si="158"/>
        <v/>
      </c>
      <c r="BF266" s="307" t="str">
        <f t="shared" si="159"/>
        <v/>
      </c>
      <c r="BG266" s="307" t="str">
        <f t="shared" si="160"/>
        <v/>
      </c>
      <c r="BH266" s="307" t="str">
        <f t="shared" si="161"/>
        <v/>
      </c>
      <c r="BI266" s="307" t="str">
        <f t="shared" si="162"/>
        <v/>
      </c>
      <c r="BJ266" s="307" t="str">
        <f t="shared" si="163"/>
        <v/>
      </c>
      <c r="BK266" s="307" t="str">
        <f t="shared" si="164"/>
        <v/>
      </c>
      <c r="BL266" s="307" t="str">
        <f t="shared" si="165"/>
        <v/>
      </c>
      <c r="BM266" s="307" t="str">
        <f t="shared" si="166"/>
        <v/>
      </c>
      <c r="BN266" s="307" t="str">
        <f t="shared" si="167"/>
        <v/>
      </c>
      <c r="BO266" s="307" t="str">
        <f t="shared" si="168"/>
        <v/>
      </c>
      <c r="BP266" s="307">
        <f t="shared" si="169"/>
        <v>394107</v>
      </c>
      <c r="BQ266" s="307" t="str">
        <f t="shared" si="170"/>
        <v/>
      </c>
      <c r="BR266" s="307" t="str">
        <f t="shared" si="171"/>
        <v/>
      </c>
      <c r="BS266" s="307" t="str">
        <f t="shared" si="172"/>
        <v/>
      </c>
      <c r="BT266" s="307" t="str">
        <f t="shared" si="173"/>
        <v/>
      </c>
      <c r="BU266" s="307" t="str">
        <f t="shared" si="174"/>
        <v/>
      </c>
      <c r="BV266" s="307" t="str">
        <f t="shared" si="175"/>
        <v/>
      </c>
      <c r="BW266" s="307" t="str">
        <f t="shared" si="176"/>
        <v/>
      </c>
      <c r="BX266" s="307" t="str">
        <f t="shared" si="177"/>
        <v/>
      </c>
      <c r="BY266" s="307" t="str">
        <f t="shared" si="178"/>
        <v/>
      </c>
      <c r="BZ266" s="307" t="str">
        <f t="shared" si="179"/>
        <v/>
      </c>
      <c r="CA266" s="307" t="str">
        <f t="shared" si="180"/>
        <v/>
      </c>
      <c r="CB266" s="307" t="str">
        <f t="shared" si="181"/>
        <v/>
      </c>
      <c r="CC266" s="307" t="str">
        <f t="shared" si="182"/>
        <v/>
      </c>
      <c r="CD266" s="303"/>
      <c r="CE266" s="303"/>
      <c r="CF266" s="303"/>
    </row>
    <row r="267" spans="1:84" s="318" customFormat="1" ht="56.1" hidden="1" customHeight="1" x14ac:dyDescent="0.2">
      <c r="A267" s="302">
        <v>265</v>
      </c>
      <c r="B267" s="24" t="s">
        <v>53</v>
      </c>
      <c r="C267" s="35" t="s">
        <v>329</v>
      </c>
      <c r="D267" s="303" t="s">
        <v>500</v>
      </c>
      <c r="E267" s="303" t="s">
        <v>501</v>
      </c>
      <c r="F267" s="316" t="s">
        <v>507</v>
      </c>
      <c r="G267" s="303" t="s">
        <v>86</v>
      </c>
      <c r="H267" s="303" t="s">
        <v>36</v>
      </c>
      <c r="I267" s="303" t="s">
        <v>81</v>
      </c>
      <c r="J267" s="303" t="s">
        <v>334</v>
      </c>
      <c r="K267" s="303" t="s">
        <v>225</v>
      </c>
      <c r="L267" s="303" t="s">
        <v>63</v>
      </c>
      <c r="M267" s="303" t="s">
        <v>63</v>
      </c>
      <c r="N267" s="304">
        <v>50853</v>
      </c>
      <c r="O267" s="304">
        <f t="shared" si="149"/>
        <v>50853</v>
      </c>
      <c r="P267" s="303" t="s">
        <v>226</v>
      </c>
      <c r="Q267" s="303" t="s">
        <v>82</v>
      </c>
      <c r="R267" s="317"/>
      <c r="S267" s="317"/>
      <c r="T267" s="317"/>
      <c r="U267" s="317"/>
      <c r="V267" s="317"/>
      <c r="W267" s="317"/>
      <c r="X267" s="317"/>
      <c r="Y267" s="317"/>
      <c r="Z267" s="317"/>
      <c r="AA267" s="317"/>
      <c r="AB267" s="317"/>
      <c r="AC267" s="317"/>
      <c r="AD267" s="317"/>
      <c r="AE267" s="317"/>
      <c r="AF267" s="317"/>
      <c r="AG267" s="317"/>
      <c r="AH267" s="317"/>
      <c r="AI267" s="317"/>
      <c r="AJ267" s="317"/>
      <c r="AK267" s="307" t="s">
        <v>66</v>
      </c>
      <c r="AL267" s="317"/>
      <c r="AM267" s="317"/>
      <c r="AN267" s="317"/>
      <c r="AO267" s="317"/>
      <c r="AP267" s="317"/>
      <c r="AQ267" s="317"/>
      <c r="AR267" s="317"/>
      <c r="AS267" s="317"/>
      <c r="AT267" s="317"/>
      <c r="AU267" s="317"/>
      <c r="AV267" s="317"/>
      <c r="AW267" s="308">
        <f t="shared" si="150"/>
        <v>100</v>
      </c>
      <c r="AX267" s="309">
        <f t="shared" si="151"/>
        <v>508.53</v>
      </c>
      <c r="AY267" s="307" t="str">
        <f t="shared" si="152"/>
        <v/>
      </c>
      <c r="AZ267" s="307" t="str">
        <f t="shared" si="153"/>
        <v/>
      </c>
      <c r="BA267" s="307" t="str">
        <f t="shared" si="154"/>
        <v/>
      </c>
      <c r="BB267" s="307" t="str">
        <f t="shared" si="155"/>
        <v/>
      </c>
      <c r="BC267" s="307" t="str">
        <f t="shared" si="156"/>
        <v/>
      </c>
      <c r="BD267" s="307" t="str">
        <f t="shared" si="157"/>
        <v/>
      </c>
      <c r="BE267" s="307" t="str">
        <f t="shared" si="158"/>
        <v/>
      </c>
      <c r="BF267" s="307" t="str">
        <f t="shared" si="159"/>
        <v/>
      </c>
      <c r="BG267" s="307" t="str">
        <f t="shared" si="160"/>
        <v/>
      </c>
      <c r="BH267" s="307" t="str">
        <f t="shared" si="161"/>
        <v/>
      </c>
      <c r="BI267" s="307" t="str">
        <f t="shared" si="162"/>
        <v/>
      </c>
      <c r="BJ267" s="307" t="str">
        <f t="shared" si="163"/>
        <v/>
      </c>
      <c r="BK267" s="307" t="str">
        <f t="shared" si="164"/>
        <v/>
      </c>
      <c r="BL267" s="307" t="str">
        <f t="shared" si="165"/>
        <v/>
      </c>
      <c r="BM267" s="307" t="str">
        <f t="shared" si="166"/>
        <v/>
      </c>
      <c r="BN267" s="307" t="str">
        <f t="shared" si="167"/>
        <v/>
      </c>
      <c r="BO267" s="307" t="str">
        <f t="shared" si="168"/>
        <v/>
      </c>
      <c r="BP267" s="307" t="str">
        <f t="shared" si="169"/>
        <v/>
      </c>
      <c r="BQ267" s="307" t="str">
        <f t="shared" si="170"/>
        <v/>
      </c>
      <c r="BR267" s="307">
        <f t="shared" si="171"/>
        <v>50853</v>
      </c>
      <c r="BS267" s="307" t="str">
        <f t="shared" si="172"/>
        <v/>
      </c>
      <c r="BT267" s="307" t="str">
        <f t="shared" si="173"/>
        <v/>
      </c>
      <c r="BU267" s="307" t="str">
        <f t="shared" si="174"/>
        <v/>
      </c>
      <c r="BV267" s="307" t="str">
        <f t="shared" si="175"/>
        <v/>
      </c>
      <c r="BW267" s="307" t="str">
        <f t="shared" si="176"/>
        <v/>
      </c>
      <c r="BX267" s="307" t="str">
        <f t="shared" si="177"/>
        <v/>
      </c>
      <c r="BY267" s="307" t="str">
        <f t="shared" si="178"/>
        <v/>
      </c>
      <c r="BZ267" s="307" t="str">
        <f t="shared" si="179"/>
        <v/>
      </c>
      <c r="CA267" s="307" t="str">
        <f t="shared" si="180"/>
        <v/>
      </c>
      <c r="CB267" s="307" t="str">
        <f t="shared" si="181"/>
        <v/>
      </c>
      <c r="CC267" s="307" t="str">
        <f t="shared" si="182"/>
        <v/>
      </c>
      <c r="CD267" s="303"/>
      <c r="CE267" s="303"/>
      <c r="CF267" s="303"/>
    </row>
    <row r="268" spans="1:84" s="318" customFormat="1" ht="56.1" hidden="1" customHeight="1" x14ac:dyDescent="0.2">
      <c r="A268" s="302">
        <v>266</v>
      </c>
      <c r="B268" s="24" t="s">
        <v>53</v>
      </c>
      <c r="C268" s="35" t="s">
        <v>329</v>
      </c>
      <c r="D268" s="303" t="s">
        <v>500</v>
      </c>
      <c r="E268" s="303" t="s">
        <v>501</v>
      </c>
      <c r="F268" s="316" t="s">
        <v>507</v>
      </c>
      <c r="G268" s="303" t="s">
        <v>86</v>
      </c>
      <c r="H268" s="303" t="s">
        <v>35</v>
      </c>
      <c r="I268" s="303" t="s">
        <v>81</v>
      </c>
      <c r="J268" s="303" t="s">
        <v>334</v>
      </c>
      <c r="K268" s="303" t="s">
        <v>225</v>
      </c>
      <c r="L268" s="303" t="s">
        <v>63</v>
      </c>
      <c r="M268" s="303" t="s">
        <v>63</v>
      </c>
      <c r="N268" s="304">
        <v>50853</v>
      </c>
      <c r="O268" s="304">
        <f t="shared" si="149"/>
        <v>50853</v>
      </c>
      <c r="P268" s="303" t="s">
        <v>226</v>
      </c>
      <c r="Q268" s="303" t="s">
        <v>82</v>
      </c>
      <c r="R268" s="317"/>
      <c r="S268" s="317"/>
      <c r="T268" s="317"/>
      <c r="U268" s="317"/>
      <c r="V268" s="317"/>
      <c r="W268" s="317"/>
      <c r="X268" s="317"/>
      <c r="Y268" s="317"/>
      <c r="Z268" s="317"/>
      <c r="AA268" s="317"/>
      <c r="AB268" s="317"/>
      <c r="AC268" s="317"/>
      <c r="AD268" s="317"/>
      <c r="AE268" s="317"/>
      <c r="AF268" s="317"/>
      <c r="AG268" s="317"/>
      <c r="AH268" s="317"/>
      <c r="AI268" s="317"/>
      <c r="AJ268" s="307" t="s">
        <v>66</v>
      </c>
      <c r="AK268" s="317"/>
      <c r="AL268" s="317"/>
      <c r="AM268" s="317"/>
      <c r="AN268" s="317"/>
      <c r="AO268" s="317"/>
      <c r="AP268" s="317"/>
      <c r="AQ268" s="317"/>
      <c r="AR268" s="317"/>
      <c r="AS268" s="317"/>
      <c r="AT268" s="317"/>
      <c r="AU268" s="317"/>
      <c r="AV268" s="317"/>
      <c r="AW268" s="308">
        <f t="shared" si="150"/>
        <v>100</v>
      </c>
      <c r="AX268" s="309">
        <f t="shared" si="151"/>
        <v>508.53</v>
      </c>
      <c r="AY268" s="307" t="str">
        <f t="shared" si="152"/>
        <v/>
      </c>
      <c r="AZ268" s="307" t="str">
        <f t="shared" si="153"/>
        <v/>
      </c>
      <c r="BA268" s="307" t="str">
        <f t="shared" si="154"/>
        <v/>
      </c>
      <c r="BB268" s="307" t="str">
        <f t="shared" si="155"/>
        <v/>
      </c>
      <c r="BC268" s="307" t="str">
        <f t="shared" si="156"/>
        <v/>
      </c>
      <c r="BD268" s="307" t="str">
        <f t="shared" si="157"/>
        <v/>
      </c>
      <c r="BE268" s="307" t="str">
        <f t="shared" si="158"/>
        <v/>
      </c>
      <c r="BF268" s="307" t="str">
        <f t="shared" si="159"/>
        <v/>
      </c>
      <c r="BG268" s="307" t="str">
        <f t="shared" si="160"/>
        <v/>
      </c>
      <c r="BH268" s="307" t="str">
        <f t="shared" si="161"/>
        <v/>
      </c>
      <c r="BI268" s="307" t="str">
        <f t="shared" si="162"/>
        <v/>
      </c>
      <c r="BJ268" s="307" t="str">
        <f t="shared" si="163"/>
        <v/>
      </c>
      <c r="BK268" s="307" t="str">
        <f t="shared" si="164"/>
        <v/>
      </c>
      <c r="BL268" s="307" t="str">
        <f t="shared" si="165"/>
        <v/>
      </c>
      <c r="BM268" s="307" t="str">
        <f t="shared" si="166"/>
        <v/>
      </c>
      <c r="BN268" s="307" t="str">
        <f t="shared" si="167"/>
        <v/>
      </c>
      <c r="BO268" s="307" t="str">
        <f t="shared" si="168"/>
        <v/>
      </c>
      <c r="BP268" s="307" t="str">
        <f t="shared" si="169"/>
        <v/>
      </c>
      <c r="BQ268" s="307">
        <f t="shared" si="170"/>
        <v>50853</v>
      </c>
      <c r="BR268" s="307" t="str">
        <f t="shared" si="171"/>
        <v/>
      </c>
      <c r="BS268" s="307" t="str">
        <f t="shared" si="172"/>
        <v/>
      </c>
      <c r="BT268" s="307" t="str">
        <f t="shared" si="173"/>
        <v/>
      </c>
      <c r="BU268" s="307" t="str">
        <f t="shared" si="174"/>
        <v/>
      </c>
      <c r="BV268" s="307" t="str">
        <f t="shared" si="175"/>
        <v/>
      </c>
      <c r="BW268" s="307" t="str">
        <f t="shared" si="176"/>
        <v/>
      </c>
      <c r="BX268" s="307" t="str">
        <f t="shared" si="177"/>
        <v/>
      </c>
      <c r="BY268" s="307" t="str">
        <f t="shared" si="178"/>
        <v/>
      </c>
      <c r="BZ268" s="307" t="str">
        <f t="shared" si="179"/>
        <v/>
      </c>
      <c r="CA268" s="307" t="str">
        <f t="shared" si="180"/>
        <v/>
      </c>
      <c r="CB268" s="307" t="str">
        <f t="shared" si="181"/>
        <v/>
      </c>
      <c r="CC268" s="307" t="str">
        <f t="shared" si="182"/>
        <v/>
      </c>
      <c r="CD268" s="303"/>
      <c r="CE268" s="303"/>
      <c r="CF268" s="303"/>
    </row>
    <row r="269" spans="1:84" s="318" customFormat="1" ht="56.1" hidden="1" customHeight="1" x14ac:dyDescent="0.2">
      <c r="A269" s="302">
        <v>267</v>
      </c>
      <c r="B269" s="24" t="s">
        <v>53</v>
      </c>
      <c r="C269" s="35" t="s">
        <v>329</v>
      </c>
      <c r="D269" s="303" t="s">
        <v>500</v>
      </c>
      <c r="E269" s="303" t="s">
        <v>501</v>
      </c>
      <c r="F269" s="316" t="s">
        <v>508</v>
      </c>
      <c r="G269" s="303" t="s">
        <v>86</v>
      </c>
      <c r="H269" s="303" t="s">
        <v>310</v>
      </c>
      <c r="I269" s="303" t="s">
        <v>81</v>
      </c>
      <c r="J269" s="303" t="s">
        <v>334</v>
      </c>
      <c r="K269" s="303" t="s">
        <v>225</v>
      </c>
      <c r="L269" s="303" t="s">
        <v>63</v>
      </c>
      <c r="M269" s="303" t="s">
        <v>63</v>
      </c>
      <c r="N269" s="304">
        <v>153617</v>
      </c>
      <c r="O269" s="304">
        <f t="shared" si="149"/>
        <v>153617</v>
      </c>
      <c r="P269" s="303" t="s">
        <v>226</v>
      </c>
      <c r="Q269" s="303" t="s">
        <v>82</v>
      </c>
      <c r="R269" s="317"/>
      <c r="S269" s="317"/>
      <c r="T269" s="317"/>
      <c r="U269" s="317"/>
      <c r="V269" s="317"/>
      <c r="W269" s="317"/>
      <c r="X269" s="317"/>
      <c r="Y269" s="317"/>
      <c r="Z269" s="317"/>
      <c r="AA269" s="317"/>
      <c r="AB269" s="317"/>
      <c r="AC269" s="317"/>
      <c r="AD269" s="317"/>
      <c r="AE269" s="317"/>
      <c r="AF269" s="317"/>
      <c r="AG269" s="317"/>
      <c r="AH269" s="317"/>
      <c r="AI269" s="317"/>
      <c r="AJ269" s="317"/>
      <c r="AK269" s="317"/>
      <c r="AL269" s="307" t="s">
        <v>66</v>
      </c>
      <c r="AM269" s="317"/>
      <c r="AN269" s="317"/>
      <c r="AO269" s="317"/>
      <c r="AP269" s="317"/>
      <c r="AQ269" s="317"/>
      <c r="AR269" s="317"/>
      <c r="AS269" s="317"/>
      <c r="AT269" s="317"/>
      <c r="AU269" s="317"/>
      <c r="AV269" s="317"/>
      <c r="AW269" s="308">
        <f t="shared" si="150"/>
        <v>302</v>
      </c>
      <c r="AX269" s="309">
        <f t="shared" si="151"/>
        <v>508.66556291390731</v>
      </c>
      <c r="AY269" s="307" t="str">
        <f t="shared" si="152"/>
        <v/>
      </c>
      <c r="AZ269" s="307" t="str">
        <f t="shared" si="153"/>
        <v/>
      </c>
      <c r="BA269" s="307" t="str">
        <f t="shared" si="154"/>
        <v/>
      </c>
      <c r="BB269" s="307" t="str">
        <f t="shared" si="155"/>
        <v/>
      </c>
      <c r="BC269" s="307" t="str">
        <f t="shared" si="156"/>
        <v/>
      </c>
      <c r="BD269" s="307" t="str">
        <f t="shared" si="157"/>
        <v/>
      </c>
      <c r="BE269" s="307" t="str">
        <f t="shared" si="158"/>
        <v/>
      </c>
      <c r="BF269" s="307" t="str">
        <f t="shared" si="159"/>
        <v/>
      </c>
      <c r="BG269" s="307" t="str">
        <f t="shared" si="160"/>
        <v/>
      </c>
      <c r="BH269" s="307" t="str">
        <f t="shared" si="161"/>
        <v/>
      </c>
      <c r="BI269" s="307" t="str">
        <f t="shared" si="162"/>
        <v/>
      </c>
      <c r="BJ269" s="307" t="str">
        <f t="shared" si="163"/>
        <v/>
      </c>
      <c r="BK269" s="307" t="str">
        <f t="shared" si="164"/>
        <v/>
      </c>
      <c r="BL269" s="307" t="str">
        <f t="shared" si="165"/>
        <v/>
      </c>
      <c r="BM269" s="307" t="str">
        <f t="shared" si="166"/>
        <v/>
      </c>
      <c r="BN269" s="307" t="str">
        <f t="shared" si="167"/>
        <v/>
      </c>
      <c r="BO269" s="307" t="str">
        <f t="shared" si="168"/>
        <v/>
      </c>
      <c r="BP269" s="307" t="str">
        <f t="shared" si="169"/>
        <v/>
      </c>
      <c r="BQ269" s="307" t="str">
        <f t="shared" si="170"/>
        <v/>
      </c>
      <c r="BR269" s="307" t="str">
        <f t="shared" si="171"/>
        <v/>
      </c>
      <c r="BS269" s="307">
        <f t="shared" si="172"/>
        <v>153617</v>
      </c>
      <c r="BT269" s="307" t="str">
        <f t="shared" si="173"/>
        <v/>
      </c>
      <c r="BU269" s="307" t="str">
        <f t="shared" si="174"/>
        <v/>
      </c>
      <c r="BV269" s="307" t="str">
        <f t="shared" si="175"/>
        <v/>
      </c>
      <c r="BW269" s="307" t="str">
        <f t="shared" si="176"/>
        <v/>
      </c>
      <c r="BX269" s="307" t="str">
        <f t="shared" si="177"/>
        <v/>
      </c>
      <c r="BY269" s="307" t="str">
        <f t="shared" si="178"/>
        <v/>
      </c>
      <c r="BZ269" s="307" t="str">
        <f t="shared" si="179"/>
        <v/>
      </c>
      <c r="CA269" s="307" t="str">
        <f t="shared" si="180"/>
        <v/>
      </c>
      <c r="CB269" s="307" t="str">
        <f t="shared" si="181"/>
        <v/>
      </c>
      <c r="CC269" s="307" t="str">
        <f t="shared" si="182"/>
        <v/>
      </c>
      <c r="CD269" s="303"/>
      <c r="CE269" s="303"/>
      <c r="CF269" s="303"/>
    </row>
    <row r="270" spans="1:84" s="318" customFormat="1" ht="56.1" hidden="1" customHeight="1" x14ac:dyDescent="0.2">
      <c r="A270" s="302">
        <v>268</v>
      </c>
      <c r="B270" s="24" t="s">
        <v>53</v>
      </c>
      <c r="C270" s="35" t="s">
        <v>329</v>
      </c>
      <c r="D270" s="303" t="s">
        <v>500</v>
      </c>
      <c r="E270" s="303" t="s">
        <v>501</v>
      </c>
      <c r="F270" s="316" t="s">
        <v>503</v>
      </c>
      <c r="G270" s="303" t="s">
        <v>93</v>
      </c>
      <c r="H270" s="303" t="s">
        <v>310</v>
      </c>
      <c r="I270" s="303" t="s">
        <v>81</v>
      </c>
      <c r="J270" s="303" t="s">
        <v>334</v>
      </c>
      <c r="K270" s="303" t="s">
        <v>225</v>
      </c>
      <c r="L270" s="303" t="s">
        <v>63</v>
      </c>
      <c r="M270" s="303" t="s">
        <v>63</v>
      </c>
      <c r="N270" s="304">
        <v>15680</v>
      </c>
      <c r="O270" s="304">
        <f t="shared" si="149"/>
        <v>15680</v>
      </c>
      <c r="P270" s="303" t="s">
        <v>226</v>
      </c>
      <c r="Q270" s="303" t="s">
        <v>82</v>
      </c>
      <c r="R270" s="317"/>
      <c r="S270" s="317"/>
      <c r="T270" s="317"/>
      <c r="U270" s="317"/>
      <c r="V270" s="317"/>
      <c r="W270" s="317"/>
      <c r="X270" s="317"/>
      <c r="Y270" s="317"/>
      <c r="Z270" s="317"/>
      <c r="AA270" s="317"/>
      <c r="AB270" s="317"/>
      <c r="AC270" s="317"/>
      <c r="AD270" s="317"/>
      <c r="AE270" s="317"/>
      <c r="AF270" s="317"/>
      <c r="AG270" s="317"/>
      <c r="AH270" s="317"/>
      <c r="AI270" s="317"/>
      <c r="AJ270" s="317"/>
      <c r="AK270" s="317"/>
      <c r="AL270" s="317"/>
      <c r="AM270" s="317"/>
      <c r="AN270" s="317"/>
      <c r="AO270" s="317"/>
      <c r="AP270" s="317"/>
      <c r="AQ270" s="317"/>
      <c r="AR270" s="307" t="s">
        <v>66</v>
      </c>
      <c r="AS270" s="317"/>
      <c r="AT270" s="317"/>
      <c r="AU270" s="317"/>
      <c r="AV270" s="317"/>
      <c r="AW270" s="308">
        <f t="shared" si="150"/>
        <v>31</v>
      </c>
      <c r="AX270" s="309">
        <f t="shared" si="151"/>
        <v>505.80645161290323</v>
      </c>
      <c r="AY270" s="307" t="str">
        <f t="shared" si="152"/>
        <v/>
      </c>
      <c r="AZ270" s="307" t="str">
        <f t="shared" si="153"/>
        <v/>
      </c>
      <c r="BA270" s="307" t="str">
        <f t="shared" si="154"/>
        <v/>
      </c>
      <c r="BB270" s="307" t="str">
        <f t="shared" si="155"/>
        <v/>
      </c>
      <c r="BC270" s="307" t="str">
        <f t="shared" si="156"/>
        <v/>
      </c>
      <c r="BD270" s="307" t="str">
        <f t="shared" si="157"/>
        <v/>
      </c>
      <c r="BE270" s="307" t="str">
        <f t="shared" si="158"/>
        <v/>
      </c>
      <c r="BF270" s="307" t="str">
        <f t="shared" si="159"/>
        <v/>
      </c>
      <c r="BG270" s="307" t="str">
        <f t="shared" si="160"/>
        <v/>
      </c>
      <c r="BH270" s="307" t="str">
        <f t="shared" si="161"/>
        <v/>
      </c>
      <c r="BI270" s="307" t="str">
        <f t="shared" si="162"/>
        <v/>
      </c>
      <c r="BJ270" s="307" t="str">
        <f t="shared" si="163"/>
        <v/>
      </c>
      <c r="BK270" s="307" t="str">
        <f t="shared" si="164"/>
        <v/>
      </c>
      <c r="BL270" s="307" t="str">
        <f t="shared" si="165"/>
        <v/>
      </c>
      <c r="BM270" s="307" t="str">
        <f t="shared" si="166"/>
        <v/>
      </c>
      <c r="BN270" s="307" t="str">
        <f t="shared" si="167"/>
        <v/>
      </c>
      <c r="BO270" s="307" t="str">
        <f t="shared" si="168"/>
        <v/>
      </c>
      <c r="BP270" s="307" t="str">
        <f t="shared" si="169"/>
        <v/>
      </c>
      <c r="BQ270" s="307" t="str">
        <f t="shared" si="170"/>
        <v/>
      </c>
      <c r="BR270" s="307" t="str">
        <f t="shared" si="171"/>
        <v/>
      </c>
      <c r="BS270" s="307" t="str">
        <f t="shared" si="172"/>
        <v/>
      </c>
      <c r="BT270" s="307" t="str">
        <f t="shared" si="173"/>
        <v/>
      </c>
      <c r="BU270" s="307" t="str">
        <f t="shared" si="174"/>
        <v/>
      </c>
      <c r="BV270" s="307" t="str">
        <f t="shared" si="175"/>
        <v/>
      </c>
      <c r="BW270" s="307" t="str">
        <f t="shared" si="176"/>
        <v/>
      </c>
      <c r="BX270" s="307" t="str">
        <f t="shared" si="177"/>
        <v/>
      </c>
      <c r="BY270" s="307">
        <f t="shared" si="178"/>
        <v>15680</v>
      </c>
      <c r="BZ270" s="307" t="str">
        <f t="shared" si="179"/>
        <v/>
      </c>
      <c r="CA270" s="307" t="str">
        <f t="shared" si="180"/>
        <v/>
      </c>
      <c r="CB270" s="307" t="str">
        <f t="shared" si="181"/>
        <v/>
      </c>
      <c r="CC270" s="307" t="str">
        <f t="shared" si="182"/>
        <v/>
      </c>
      <c r="CD270" s="303"/>
      <c r="CE270" s="303"/>
      <c r="CF270" s="303"/>
    </row>
    <row r="271" spans="1:84" s="318" customFormat="1" ht="56.1" hidden="1" customHeight="1" x14ac:dyDescent="0.2">
      <c r="A271" s="302">
        <v>269</v>
      </c>
      <c r="B271" s="24" t="s">
        <v>53</v>
      </c>
      <c r="C271" s="35" t="s">
        <v>329</v>
      </c>
      <c r="D271" s="303" t="s">
        <v>500</v>
      </c>
      <c r="E271" s="303" t="s">
        <v>501</v>
      </c>
      <c r="F271" s="316" t="s">
        <v>503</v>
      </c>
      <c r="G271" s="303" t="s">
        <v>93</v>
      </c>
      <c r="H271" s="303" t="s">
        <v>364</v>
      </c>
      <c r="I271" s="303" t="s">
        <v>81</v>
      </c>
      <c r="J271" s="303" t="s">
        <v>334</v>
      </c>
      <c r="K271" s="303" t="s">
        <v>225</v>
      </c>
      <c r="L271" s="303" t="s">
        <v>63</v>
      </c>
      <c r="M271" s="303" t="s">
        <v>63</v>
      </c>
      <c r="N271" s="304">
        <v>110392</v>
      </c>
      <c r="O271" s="304">
        <f t="shared" si="149"/>
        <v>110392</v>
      </c>
      <c r="P271" s="303" t="s">
        <v>226</v>
      </c>
      <c r="Q271" s="303" t="s">
        <v>82</v>
      </c>
      <c r="R271" s="317"/>
      <c r="S271" s="317"/>
      <c r="T271" s="317"/>
      <c r="U271" s="317"/>
      <c r="V271" s="317"/>
      <c r="W271" s="317"/>
      <c r="X271" s="317"/>
      <c r="Y271" s="317"/>
      <c r="Z271" s="317"/>
      <c r="AA271" s="317"/>
      <c r="AB271" s="317"/>
      <c r="AC271" s="317"/>
      <c r="AD271" s="317"/>
      <c r="AE271" s="317"/>
      <c r="AF271" s="317"/>
      <c r="AG271" s="317"/>
      <c r="AH271" s="317"/>
      <c r="AI271" s="317"/>
      <c r="AJ271" s="317"/>
      <c r="AK271" s="317"/>
      <c r="AL271" s="317"/>
      <c r="AM271" s="317"/>
      <c r="AN271" s="317"/>
      <c r="AO271" s="317"/>
      <c r="AP271" s="317"/>
      <c r="AQ271" s="307" t="s">
        <v>66</v>
      </c>
      <c r="AR271" s="317"/>
      <c r="AS271" s="317"/>
      <c r="AT271" s="317"/>
      <c r="AU271" s="317"/>
      <c r="AV271" s="317"/>
      <c r="AW271" s="308">
        <f t="shared" si="150"/>
        <v>217</v>
      </c>
      <c r="AX271" s="309">
        <f t="shared" si="151"/>
        <v>508.71889400921657</v>
      </c>
      <c r="AY271" s="307" t="str">
        <f t="shared" si="152"/>
        <v/>
      </c>
      <c r="AZ271" s="307" t="str">
        <f t="shared" si="153"/>
        <v/>
      </c>
      <c r="BA271" s="307" t="str">
        <f t="shared" si="154"/>
        <v/>
      </c>
      <c r="BB271" s="307" t="str">
        <f t="shared" si="155"/>
        <v/>
      </c>
      <c r="BC271" s="307" t="str">
        <f t="shared" si="156"/>
        <v/>
      </c>
      <c r="BD271" s="307" t="str">
        <f t="shared" si="157"/>
        <v/>
      </c>
      <c r="BE271" s="307" t="str">
        <f t="shared" si="158"/>
        <v/>
      </c>
      <c r="BF271" s="307" t="str">
        <f t="shared" si="159"/>
        <v/>
      </c>
      <c r="BG271" s="307" t="str">
        <f t="shared" si="160"/>
        <v/>
      </c>
      <c r="BH271" s="307" t="str">
        <f t="shared" si="161"/>
        <v/>
      </c>
      <c r="BI271" s="307" t="str">
        <f t="shared" si="162"/>
        <v/>
      </c>
      <c r="BJ271" s="307" t="str">
        <f t="shared" si="163"/>
        <v/>
      </c>
      <c r="BK271" s="307" t="str">
        <f t="shared" si="164"/>
        <v/>
      </c>
      <c r="BL271" s="307" t="str">
        <f t="shared" si="165"/>
        <v/>
      </c>
      <c r="BM271" s="307" t="str">
        <f t="shared" si="166"/>
        <v/>
      </c>
      <c r="BN271" s="307" t="str">
        <f t="shared" si="167"/>
        <v/>
      </c>
      <c r="BO271" s="307" t="str">
        <f t="shared" si="168"/>
        <v/>
      </c>
      <c r="BP271" s="307" t="str">
        <f t="shared" si="169"/>
        <v/>
      </c>
      <c r="BQ271" s="307" t="str">
        <f t="shared" si="170"/>
        <v/>
      </c>
      <c r="BR271" s="307" t="str">
        <f t="shared" si="171"/>
        <v/>
      </c>
      <c r="BS271" s="307" t="str">
        <f t="shared" si="172"/>
        <v/>
      </c>
      <c r="BT271" s="307" t="str">
        <f t="shared" si="173"/>
        <v/>
      </c>
      <c r="BU271" s="307" t="str">
        <f t="shared" si="174"/>
        <v/>
      </c>
      <c r="BV271" s="307" t="str">
        <f t="shared" si="175"/>
        <v/>
      </c>
      <c r="BW271" s="307" t="str">
        <f t="shared" si="176"/>
        <v/>
      </c>
      <c r="BX271" s="307">
        <f t="shared" si="177"/>
        <v>110392</v>
      </c>
      <c r="BY271" s="307" t="str">
        <f t="shared" si="178"/>
        <v/>
      </c>
      <c r="BZ271" s="307" t="str">
        <f t="shared" si="179"/>
        <v/>
      </c>
      <c r="CA271" s="307" t="str">
        <f t="shared" si="180"/>
        <v/>
      </c>
      <c r="CB271" s="307" t="str">
        <f t="shared" si="181"/>
        <v/>
      </c>
      <c r="CC271" s="307" t="str">
        <f t="shared" si="182"/>
        <v/>
      </c>
      <c r="CD271" s="303"/>
      <c r="CE271" s="303"/>
      <c r="CF271" s="303"/>
    </row>
    <row r="272" spans="1:84" s="318" customFormat="1" ht="56.1" hidden="1" customHeight="1" x14ac:dyDescent="0.2">
      <c r="A272" s="302">
        <v>270</v>
      </c>
      <c r="B272" s="24" t="s">
        <v>53</v>
      </c>
      <c r="C272" s="35" t="s">
        <v>329</v>
      </c>
      <c r="D272" s="303" t="s">
        <v>500</v>
      </c>
      <c r="E272" s="303" t="s">
        <v>501</v>
      </c>
      <c r="F272" s="316" t="s">
        <v>509</v>
      </c>
      <c r="G272" s="303" t="s">
        <v>157</v>
      </c>
      <c r="H272" s="303" t="s">
        <v>310</v>
      </c>
      <c r="I272" s="303" t="s">
        <v>81</v>
      </c>
      <c r="J272" s="303" t="s">
        <v>334</v>
      </c>
      <c r="K272" s="303" t="s">
        <v>225</v>
      </c>
      <c r="L272" s="303" t="s">
        <v>63</v>
      </c>
      <c r="M272" s="303" t="s">
        <v>63</v>
      </c>
      <c r="N272" s="304">
        <v>34114</v>
      </c>
      <c r="O272" s="304">
        <f t="shared" si="149"/>
        <v>34114</v>
      </c>
      <c r="P272" s="303" t="s">
        <v>226</v>
      </c>
      <c r="Q272" s="303" t="s">
        <v>82</v>
      </c>
      <c r="R272" s="317"/>
      <c r="S272" s="317"/>
      <c r="T272" s="317"/>
      <c r="U272" s="317"/>
      <c r="V272" s="317"/>
      <c r="W272" s="317"/>
      <c r="X272" s="317"/>
      <c r="Y272" s="317"/>
      <c r="Z272" s="317"/>
      <c r="AA272" s="317"/>
      <c r="AB272" s="317"/>
      <c r="AC272" s="317"/>
      <c r="AD272" s="317"/>
      <c r="AE272" s="317"/>
      <c r="AF272" s="317"/>
      <c r="AG272" s="317"/>
      <c r="AH272" s="317"/>
      <c r="AI272" s="317"/>
      <c r="AJ272" s="317"/>
      <c r="AK272" s="317"/>
      <c r="AL272" s="317"/>
      <c r="AM272" s="317"/>
      <c r="AN272" s="317"/>
      <c r="AO272" s="317"/>
      <c r="AP272" s="317"/>
      <c r="AQ272" s="317"/>
      <c r="AR272" s="317"/>
      <c r="AS272" s="317" t="s">
        <v>66</v>
      </c>
      <c r="AT272" s="317"/>
      <c r="AU272" s="317"/>
      <c r="AV272" s="317"/>
      <c r="AW272" s="308">
        <f t="shared" si="150"/>
        <v>67</v>
      </c>
      <c r="AX272" s="309">
        <f t="shared" si="151"/>
        <v>509.16417910447763</v>
      </c>
      <c r="AY272" s="307" t="str">
        <f t="shared" si="152"/>
        <v/>
      </c>
      <c r="AZ272" s="307" t="str">
        <f t="shared" si="153"/>
        <v/>
      </c>
      <c r="BA272" s="307" t="str">
        <f t="shared" si="154"/>
        <v/>
      </c>
      <c r="BB272" s="307" t="str">
        <f t="shared" si="155"/>
        <v/>
      </c>
      <c r="BC272" s="307" t="str">
        <f t="shared" si="156"/>
        <v/>
      </c>
      <c r="BD272" s="307" t="str">
        <f t="shared" si="157"/>
        <v/>
      </c>
      <c r="BE272" s="307" t="str">
        <f t="shared" si="158"/>
        <v/>
      </c>
      <c r="BF272" s="307" t="str">
        <f t="shared" si="159"/>
        <v/>
      </c>
      <c r="BG272" s="307" t="str">
        <f t="shared" si="160"/>
        <v/>
      </c>
      <c r="BH272" s="307" t="str">
        <f t="shared" si="161"/>
        <v/>
      </c>
      <c r="BI272" s="307" t="str">
        <f t="shared" si="162"/>
        <v/>
      </c>
      <c r="BJ272" s="307" t="str">
        <f t="shared" si="163"/>
        <v/>
      </c>
      <c r="BK272" s="307" t="str">
        <f t="shared" si="164"/>
        <v/>
      </c>
      <c r="BL272" s="307" t="str">
        <f t="shared" si="165"/>
        <v/>
      </c>
      <c r="BM272" s="307" t="str">
        <f t="shared" si="166"/>
        <v/>
      </c>
      <c r="BN272" s="307" t="str">
        <f t="shared" si="167"/>
        <v/>
      </c>
      <c r="BO272" s="307" t="str">
        <f t="shared" si="168"/>
        <v/>
      </c>
      <c r="BP272" s="307" t="str">
        <f t="shared" si="169"/>
        <v/>
      </c>
      <c r="BQ272" s="307" t="str">
        <f t="shared" si="170"/>
        <v/>
      </c>
      <c r="BR272" s="307" t="str">
        <f t="shared" si="171"/>
        <v/>
      </c>
      <c r="BS272" s="307" t="str">
        <f t="shared" si="172"/>
        <v/>
      </c>
      <c r="BT272" s="307" t="str">
        <f t="shared" si="173"/>
        <v/>
      </c>
      <c r="BU272" s="307" t="str">
        <f t="shared" si="174"/>
        <v/>
      </c>
      <c r="BV272" s="307" t="str">
        <f t="shared" si="175"/>
        <v/>
      </c>
      <c r="BW272" s="307" t="str">
        <f t="shared" si="176"/>
        <v/>
      </c>
      <c r="BX272" s="307" t="str">
        <f t="shared" si="177"/>
        <v/>
      </c>
      <c r="BY272" s="307" t="str">
        <f t="shared" si="178"/>
        <v/>
      </c>
      <c r="BZ272" s="307">
        <f t="shared" si="179"/>
        <v>34114</v>
      </c>
      <c r="CA272" s="307" t="str">
        <f t="shared" si="180"/>
        <v/>
      </c>
      <c r="CB272" s="307" t="str">
        <f t="shared" si="181"/>
        <v/>
      </c>
      <c r="CC272" s="307" t="str">
        <f t="shared" si="182"/>
        <v/>
      </c>
      <c r="CD272" s="303"/>
      <c r="CE272" s="303"/>
      <c r="CF272" s="303"/>
    </row>
    <row r="273" spans="1:84" s="318" customFormat="1" ht="56.1" hidden="1" customHeight="1" x14ac:dyDescent="0.2">
      <c r="A273" s="302">
        <v>271</v>
      </c>
      <c r="B273" s="24" t="s">
        <v>53</v>
      </c>
      <c r="C273" s="35" t="s">
        <v>329</v>
      </c>
      <c r="D273" s="303" t="s">
        <v>500</v>
      </c>
      <c r="E273" s="303" t="s">
        <v>501</v>
      </c>
      <c r="F273" s="316" t="s">
        <v>509</v>
      </c>
      <c r="G273" s="303" t="s">
        <v>95</v>
      </c>
      <c r="H273" s="303" t="s">
        <v>347</v>
      </c>
      <c r="I273" s="303" t="s">
        <v>81</v>
      </c>
      <c r="J273" s="303" t="s">
        <v>334</v>
      </c>
      <c r="K273" s="303" t="s">
        <v>225</v>
      </c>
      <c r="L273" s="303" t="s">
        <v>63</v>
      </c>
      <c r="M273" s="303" t="s">
        <v>63</v>
      </c>
      <c r="N273" s="304">
        <v>15680</v>
      </c>
      <c r="O273" s="304">
        <f t="shared" si="149"/>
        <v>15680</v>
      </c>
      <c r="P273" s="303" t="s">
        <v>226</v>
      </c>
      <c r="Q273" s="303" t="s">
        <v>82</v>
      </c>
      <c r="R273" s="317"/>
      <c r="S273" s="317"/>
      <c r="T273" s="317"/>
      <c r="U273" s="317"/>
      <c r="V273" s="317"/>
      <c r="W273" s="317"/>
      <c r="X273" s="317"/>
      <c r="Y273" s="317"/>
      <c r="Z273" s="317"/>
      <c r="AA273" s="317"/>
      <c r="AB273" s="317"/>
      <c r="AC273" s="317"/>
      <c r="AD273" s="317"/>
      <c r="AE273" s="317"/>
      <c r="AF273" s="317"/>
      <c r="AG273" s="317"/>
      <c r="AH273" s="317"/>
      <c r="AI273" s="317"/>
      <c r="AJ273" s="317"/>
      <c r="AK273" s="317"/>
      <c r="AL273" s="317"/>
      <c r="AM273" s="317"/>
      <c r="AN273" s="317"/>
      <c r="AO273" s="317"/>
      <c r="AP273" s="317"/>
      <c r="AQ273" s="317"/>
      <c r="AR273" s="317"/>
      <c r="AS273" s="317"/>
      <c r="AT273" s="317"/>
      <c r="AU273" s="306" t="s">
        <v>66</v>
      </c>
      <c r="AV273" s="317"/>
      <c r="AW273" s="308">
        <f t="shared" si="150"/>
        <v>31</v>
      </c>
      <c r="AX273" s="309">
        <f t="shared" si="151"/>
        <v>505.80645161290323</v>
      </c>
      <c r="AY273" s="307" t="str">
        <f t="shared" si="152"/>
        <v/>
      </c>
      <c r="AZ273" s="307" t="str">
        <f t="shared" si="153"/>
        <v/>
      </c>
      <c r="BA273" s="307" t="str">
        <f t="shared" si="154"/>
        <v/>
      </c>
      <c r="BB273" s="307" t="str">
        <f t="shared" si="155"/>
        <v/>
      </c>
      <c r="BC273" s="307" t="str">
        <f t="shared" si="156"/>
        <v/>
      </c>
      <c r="BD273" s="307" t="str">
        <f t="shared" si="157"/>
        <v/>
      </c>
      <c r="BE273" s="307" t="str">
        <f t="shared" si="158"/>
        <v/>
      </c>
      <c r="BF273" s="307" t="str">
        <f t="shared" si="159"/>
        <v/>
      </c>
      <c r="BG273" s="307" t="str">
        <f t="shared" si="160"/>
        <v/>
      </c>
      <c r="BH273" s="307" t="str">
        <f t="shared" si="161"/>
        <v/>
      </c>
      <c r="BI273" s="307" t="str">
        <f t="shared" si="162"/>
        <v/>
      </c>
      <c r="BJ273" s="307" t="str">
        <f t="shared" si="163"/>
        <v/>
      </c>
      <c r="BK273" s="307" t="str">
        <f t="shared" si="164"/>
        <v/>
      </c>
      <c r="BL273" s="307" t="str">
        <f t="shared" si="165"/>
        <v/>
      </c>
      <c r="BM273" s="307" t="str">
        <f t="shared" si="166"/>
        <v/>
      </c>
      <c r="BN273" s="307" t="str">
        <f t="shared" si="167"/>
        <v/>
      </c>
      <c r="BO273" s="307" t="str">
        <f t="shared" si="168"/>
        <v/>
      </c>
      <c r="BP273" s="307" t="str">
        <f t="shared" si="169"/>
        <v/>
      </c>
      <c r="BQ273" s="307" t="str">
        <f t="shared" si="170"/>
        <v/>
      </c>
      <c r="BR273" s="307" t="str">
        <f t="shared" si="171"/>
        <v/>
      </c>
      <c r="BS273" s="307" t="str">
        <f t="shared" si="172"/>
        <v/>
      </c>
      <c r="BT273" s="307" t="str">
        <f t="shared" si="173"/>
        <v/>
      </c>
      <c r="BU273" s="307" t="str">
        <f t="shared" si="174"/>
        <v/>
      </c>
      <c r="BV273" s="307" t="str">
        <f t="shared" si="175"/>
        <v/>
      </c>
      <c r="BW273" s="307" t="str">
        <f t="shared" si="176"/>
        <v/>
      </c>
      <c r="BX273" s="307" t="str">
        <f t="shared" si="177"/>
        <v/>
      </c>
      <c r="BY273" s="307" t="str">
        <f t="shared" si="178"/>
        <v/>
      </c>
      <c r="BZ273" s="307" t="str">
        <f t="shared" si="179"/>
        <v/>
      </c>
      <c r="CA273" s="307" t="str">
        <f t="shared" si="180"/>
        <v/>
      </c>
      <c r="CB273" s="307">
        <f t="shared" si="181"/>
        <v>15680</v>
      </c>
      <c r="CC273" s="307" t="str">
        <f t="shared" si="182"/>
        <v/>
      </c>
      <c r="CD273" s="303"/>
      <c r="CE273" s="303"/>
      <c r="CF273" s="303"/>
    </row>
    <row r="274" spans="1:84" s="211" customFormat="1" ht="56.1" hidden="1" customHeight="1" x14ac:dyDescent="0.2">
      <c r="A274" s="198">
        <v>272</v>
      </c>
      <c r="B274" s="199" t="s">
        <v>53</v>
      </c>
      <c r="C274" s="208" t="s">
        <v>329</v>
      </c>
      <c r="D274" s="200" t="s">
        <v>500</v>
      </c>
      <c r="E274" s="200" t="s">
        <v>501</v>
      </c>
      <c r="F274" s="209" t="s">
        <v>503</v>
      </c>
      <c r="G274" s="200" t="s">
        <v>95</v>
      </c>
      <c r="H274" s="200" t="s">
        <v>368</v>
      </c>
      <c r="I274" s="200" t="s">
        <v>81</v>
      </c>
      <c r="J274" s="200" t="s">
        <v>334</v>
      </c>
      <c r="K274" s="200" t="s">
        <v>225</v>
      </c>
      <c r="L274" s="200" t="s">
        <v>63</v>
      </c>
      <c r="M274" s="200" t="s">
        <v>63</v>
      </c>
      <c r="N274" s="201">
        <v>76279</v>
      </c>
      <c r="O274" s="201">
        <f t="shared" ref="O274:O291" si="183">N274</f>
        <v>76279</v>
      </c>
      <c r="P274" s="200" t="s">
        <v>226</v>
      </c>
      <c r="Q274" s="200" t="s">
        <v>82</v>
      </c>
      <c r="R274" s="210"/>
      <c r="S274" s="210"/>
      <c r="T274" s="210"/>
      <c r="U274" s="210"/>
      <c r="V274" s="210"/>
      <c r="W274" s="210"/>
      <c r="X274" s="210"/>
      <c r="Y274" s="210"/>
      <c r="Z274" s="210"/>
      <c r="AA274" s="210"/>
      <c r="AB274" s="210"/>
      <c r="AC274" s="210"/>
      <c r="AD274" s="210"/>
      <c r="AE274" s="210"/>
      <c r="AF274" s="210"/>
      <c r="AG274" s="210"/>
      <c r="AH274" s="210"/>
      <c r="AI274" s="210"/>
      <c r="AJ274" s="210"/>
      <c r="AK274" s="210"/>
      <c r="AL274" s="210"/>
      <c r="AM274" s="210"/>
      <c r="AN274" s="210"/>
      <c r="AO274" s="210"/>
      <c r="AP274" s="210"/>
      <c r="AQ274" s="210"/>
      <c r="AR274" s="210"/>
      <c r="AS274" s="210"/>
      <c r="AT274" s="203" t="s">
        <v>66</v>
      </c>
      <c r="AU274" s="210"/>
      <c r="AV274" s="210"/>
      <c r="AW274" s="204">
        <f t="shared" si="150"/>
        <v>150</v>
      </c>
      <c r="AX274" s="205">
        <f t="shared" si="151"/>
        <v>508.52666666666664</v>
      </c>
      <c r="AY274" s="203" t="str">
        <f t="shared" si="152"/>
        <v/>
      </c>
      <c r="AZ274" s="203" t="str">
        <f t="shared" si="153"/>
        <v/>
      </c>
      <c r="BA274" s="203" t="str">
        <f t="shared" si="154"/>
        <v/>
      </c>
      <c r="BB274" s="203" t="str">
        <f t="shared" si="155"/>
        <v/>
      </c>
      <c r="BC274" s="203" t="str">
        <f t="shared" si="156"/>
        <v/>
      </c>
      <c r="BD274" s="203" t="str">
        <f t="shared" si="157"/>
        <v/>
      </c>
      <c r="BE274" s="203" t="str">
        <f t="shared" si="158"/>
        <v/>
      </c>
      <c r="BF274" s="203" t="str">
        <f t="shared" si="159"/>
        <v/>
      </c>
      <c r="BG274" s="203" t="str">
        <f t="shared" si="160"/>
        <v/>
      </c>
      <c r="BH274" s="203" t="str">
        <f t="shared" si="161"/>
        <v/>
      </c>
      <c r="BI274" s="203" t="str">
        <f t="shared" si="162"/>
        <v/>
      </c>
      <c r="BJ274" s="203" t="str">
        <f t="shared" si="163"/>
        <v/>
      </c>
      <c r="BK274" s="203" t="str">
        <f t="shared" si="164"/>
        <v/>
      </c>
      <c r="BL274" s="203" t="str">
        <f t="shared" si="165"/>
        <v/>
      </c>
      <c r="BM274" s="203" t="str">
        <f t="shared" si="166"/>
        <v/>
      </c>
      <c r="BN274" s="203" t="str">
        <f t="shared" si="167"/>
        <v/>
      </c>
      <c r="BO274" s="203" t="str">
        <f t="shared" si="168"/>
        <v/>
      </c>
      <c r="BP274" s="203" t="str">
        <f t="shared" si="169"/>
        <v/>
      </c>
      <c r="BQ274" s="203" t="str">
        <f t="shared" si="170"/>
        <v/>
      </c>
      <c r="BR274" s="203" t="str">
        <f t="shared" si="171"/>
        <v/>
      </c>
      <c r="BS274" s="203" t="str">
        <f t="shared" si="172"/>
        <v/>
      </c>
      <c r="BT274" s="203" t="str">
        <f t="shared" si="173"/>
        <v/>
      </c>
      <c r="BU274" s="203" t="str">
        <f t="shared" si="174"/>
        <v/>
      </c>
      <c r="BV274" s="203" t="str">
        <f t="shared" si="175"/>
        <v/>
      </c>
      <c r="BW274" s="203" t="str">
        <f t="shared" si="176"/>
        <v/>
      </c>
      <c r="BX274" s="203" t="str">
        <f t="shared" si="177"/>
        <v/>
      </c>
      <c r="BY274" s="203" t="str">
        <f t="shared" si="178"/>
        <v/>
      </c>
      <c r="BZ274" s="203" t="str">
        <f t="shared" si="179"/>
        <v/>
      </c>
      <c r="CA274" s="203">
        <f t="shared" si="180"/>
        <v>76279</v>
      </c>
      <c r="CB274" s="203" t="str">
        <f t="shared" si="181"/>
        <v/>
      </c>
      <c r="CC274" s="203" t="str">
        <f t="shared" si="182"/>
        <v/>
      </c>
      <c r="CD274" s="200"/>
      <c r="CE274" s="200"/>
      <c r="CF274" s="200"/>
    </row>
    <row r="275" spans="1:84" s="211" customFormat="1" ht="56.1" hidden="1" customHeight="1" x14ac:dyDescent="0.2">
      <c r="A275" s="198">
        <v>273</v>
      </c>
      <c r="B275" s="199" t="s">
        <v>53</v>
      </c>
      <c r="C275" s="208" t="s">
        <v>329</v>
      </c>
      <c r="D275" s="200" t="s">
        <v>500</v>
      </c>
      <c r="E275" s="200" t="s">
        <v>501</v>
      </c>
      <c r="F275" s="209" t="s">
        <v>510</v>
      </c>
      <c r="G275" s="200" t="s">
        <v>58</v>
      </c>
      <c r="H275" s="200" t="s">
        <v>347</v>
      </c>
      <c r="I275" s="200" t="s">
        <v>81</v>
      </c>
      <c r="J275" s="200" t="s">
        <v>334</v>
      </c>
      <c r="K275" s="200" t="s">
        <v>225</v>
      </c>
      <c r="L275" s="200" t="s">
        <v>63</v>
      </c>
      <c r="M275" s="200" t="s">
        <v>63</v>
      </c>
      <c r="N275" s="201">
        <v>1212833</v>
      </c>
      <c r="O275" s="201">
        <f t="shared" si="183"/>
        <v>1212833</v>
      </c>
      <c r="P275" s="200" t="s">
        <v>226</v>
      </c>
      <c r="Q275" s="200" t="s">
        <v>82</v>
      </c>
      <c r="R275" s="210"/>
      <c r="S275" s="210"/>
      <c r="T275" s="210"/>
      <c r="U275" s="210"/>
      <c r="V275" s="210"/>
      <c r="W275" s="210"/>
      <c r="X275" s="210"/>
      <c r="Y275" s="210"/>
      <c r="Z275" s="210"/>
      <c r="AA275" s="210"/>
      <c r="AB275" s="210"/>
      <c r="AC275" s="210"/>
      <c r="AD275" s="210"/>
      <c r="AE275" s="210"/>
      <c r="AF275" s="210"/>
      <c r="AG275" s="210"/>
      <c r="AH275" s="203" t="s">
        <v>66</v>
      </c>
      <c r="AI275" s="210"/>
      <c r="AJ275" s="210"/>
      <c r="AK275" s="210"/>
      <c r="AL275" s="210"/>
      <c r="AM275" s="210"/>
      <c r="AN275" s="210"/>
      <c r="AO275" s="210"/>
      <c r="AP275" s="210"/>
      <c r="AQ275" s="210"/>
      <c r="AR275" s="210"/>
      <c r="AS275" s="210"/>
      <c r="AT275" s="210"/>
      <c r="AU275" s="210"/>
      <c r="AV275" s="210"/>
      <c r="AW275" s="204">
        <f t="shared" si="150"/>
        <v>2385</v>
      </c>
      <c r="AX275" s="205">
        <f t="shared" si="151"/>
        <v>508.52536687631027</v>
      </c>
      <c r="AY275" s="203" t="str">
        <f t="shared" si="152"/>
        <v/>
      </c>
      <c r="AZ275" s="203" t="str">
        <f t="shared" si="153"/>
        <v/>
      </c>
      <c r="BA275" s="203" t="str">
        <f t="shared" si="154"/>
        <v/>
      </c>
      <c r="BB275" s="203" t="str">
        <f t="shared" si="155"/>
        <v/>
      </c>
      <c r="BC275" s="203" t="str">
        <f t="shared" si="156"/>
        <v/>
      </c>
      <c r="BD275" s="203" t="str">
        <f t="shared" si="157"/>
        <v/>
      </c>
      <c r="BE275" s="203" t="str">
        <f t="shared" si="158"/>
        <v/>
      </c>
      <c r="BF275" s="203" t="str">
        <f t="shared" si="159"/>
        <v/>
      </c>
      <c r="BG275" s="203" t="str">
        <f t="shared" si="160"/>
        <v/>
      </c>
      <c r="BH275" s="203" t="str">
        <f t="shared" si="161"/>
        <v/>
      </c>
      <c r="BI275" s="203" t="str">
        <f t="shared" si="162"/>
        <v/>
      </c>
      <c r="BJ275" s="203" t="str">
        <f t="shared" si="163"/>
        <v/>
      </c>
      <c r="BK275" s="203" t="str">
        <f t="shared" si="164"/>
        <v/>
      </c>
      <c r="BL275" s="203" t="str">
        <f t="shared" si="165"/>
        <v/>
      </c>
      <c r="BM275" s="203" t="str">
        <f t="shared" si="166"/>
        <v/>
      </c>
      <c r="BN275" s="203" t="str">
        <f t="shared" si="167"/>
        <v/>
      </c>
      <c r="BO275" s="203">
        <f t="shared" si="168"/>
        <v>1212833</v>
      </c>
      <c r="BP275" s="203" t="str">
        <f t="shared" si="169"/>
        <v/>
      </c>
      <c r="BQ275" s="203" t="str">
        <f t="shared" si="170"/>
        <v/>
      </c>
      <c r="BR275" s="203" t="str">
        <f t="shared" si="171"/>
        <v/>
      </c>
      <c r="BS275" s="203" t="str">
        <f t="shared" si="172"/>
        <v/>
      </c>
      <c r="BT275" s="203" t="str">
        <f t="shared" si="173"/>
        <v/>
      </c>
      <c r="BU275" s="203" t="str">
        <f t="shared" si="174"/>
        <v/>
      </c>
      <c r="BV275" s="203" t="str">
        <f t="shared" si="175"/>
        <v/>
      </c>
      <c r="BW275" s="203" t="str">
        <f t="shared" si="176"/>
        <v/>
      </c>
      <c r="BX275" s="203" t="str">
        <f t="shared" si="177"/>
        <v/>
      </c>
      <c r="BY275" s="203" t="str">
        <f t="shared" si="178"/>
        <v/>
      </c>
      <c r="BZ275" s="203" t="str">
        <f t="shared" si="179"/>
        <v/>
      </c>
      <c r="CA275" s="203" t="str">
        <f t="shared" si="180"/>
        <v/>
      </c>
      <c r="CB275" s="203" t="str">
        <f t="shared" si="181"/>
        <v/>
      </c>
      <c r="CC275" s="203" t="str">
        <f t="shared" si="182"/>
        <v/>
      </c>
      <c r="CD275" s="200"/>
      <c r="CE275" s="200"/>
      <c r="CF275" s="200"/>
    </row>
    <row r="276" spans="1:84" s="168" customFormat="1" ht="56.1" hidden="1" customHeight="1" x14ac:dyDescent="0.2">
      <c r="A276" s="154">
        <v>274</v>
      </c>
      <c r="B276" s="155" t="s">
        <v>53</v>
      </c>
      <c r="C276" s="165" t="s">
        <v>329</v>
      </c>
      <c r="D276" s="156" t="s">
        <v>500</v>
      </c>
      <c r="E276" s="156" t="s">
        <v>501</v>
      </c>
      <c r="F276" s="166" t="s">
        <v>511</v>
      </c>
      <c r="G276" s="156" t="s">
        <v>58</v>
      </c>
      <c r="H276" s="156" t="s">
        <v>173</v>
      </c>
      <c r="I276" s="156" t="s">
        <v>60</v>
      </c>
      <c r="J276" s="156" t="s">
        <v>334</v>
      </c>
      <c r="K276" s="156" t="s">
        <v>62</v>
      </c>
      <c r="L276" s="156" t="s">
        <v>63</v>
      </c>
      <c r="M276" s="156" t="s">
        <v>63</v>
      </c>
      <c r="N276" s="157">
        <v>762788</v>
      </c>
      <c r="O276" s="157">
        <f t="shared" si="183"/>
        <v>762788</v>
      </c>
      <c r="P276" s="156" t="s">
        <v>226</v>
      </c>
      <c r="Q276" s="156" t="s">
        <v>82</v>
      </c>
      <c r="R276" s="161" t="s">
        <v>66</v>
      </c>
      <c r="S276" s="167"/>
      <c r="T276" s="167"/>
      <c r="U276" s="167"/>
      <c r="V276" s="167"/>
      <c r="W276" s="167"/>
      <c r="X276" s="167"/>
      <c r="Y276" s="167"/>
      <c r="Z276" s="167"/>
      <c r="AA276" s="167"/>
      <c r="AB276" s="167"/>
      <c r="AC276" s="167"/>
      <c r="AD276" s="167"/>
      <c r="AE276" s="167"/>
      <c r="AF276" s="167"/>
      <c r="AG276" s="167"/>
      <c r="AH276" s="167"/>
      <c r="AI276" s="167"/>
      <c r="AJ276" s="167"/>
      <c r="AK276" s="167"/>
      <c r="AL276" s="167"/>
      <c r="AM276" s="167"/>
      <c r="AN276" s="167"/>
      <c r="AO276" s="167"/>
      <c r="AP276" s="167"/>
      <c r="AQ276" s="167"/>
      <c r="AR276" s="167"/>
      <c r="AS276" s="167"/>
      <c r="AT276" s="167"/>
      <c r="AU276" s="167"/>
      <c r="AV276" s="167"/>
      <c r="AW276" s="160">
        <f t="shared" si="150"/>
        <v>1500</v>
      </c>
      <c r="AX276" s="158">
        <f t="shared" si="151"/>
        <v>508.52533333333332</v>
      </c>
      <c r="AY276" s="161">
        <f t="shared" si="152"/>
        <v>762788</v>
      </c>
      <c r="AZ276" s="161" t="str">
        <f t="shared" si="153"/>
        <v/>
      </c>
      <c r="BA276" s="161" t="str">
        <f t="shared" si="154"/>
        <v/>
      </c>
      <c r="BB276" s="161" t="str">
        <f t="shared" si="155"/>
        <v/>
      </c>
      <c r="BC276" s="161" t="str">
        <f t="shared" si="156"/>
        <v/>
      </c>
      <c r="BD276" s="161" t="str">
        <f t="shared" si="157"/>
        <v/>
      </c>
      <c r="BE276" s="161" t="str">
        <f t="shared" si="158"/>
        <v/>
      </c>
      <c r="BF276" s="161" t="str">
        <f t="shared" si="159"/>
        <v/>
      </c>
      <c r="BG276" s="161" t="str">
        <f t="shared" si="160"/>
        <v/>
      </c>
      <c r="BH276" s="161" t="str">
        <f t="shared" si="161"/>
        <v/>
      </c>
      <c r="BI276" s="161" t="str">
        <f t="shared" si="162"/>
        <v/>
      </c>
      <c r="BJ276" s="161" t="str">
        <f t="shared" si="163"/>
        <v/>
      </c>
      <c r="BK276" s="161" t="str">
        <f t="shared" si="164"/>
        <v/>
      </c>
      <c r="BL276" s="161" t="str">
        <f t="shared" si="165"/>
        <v/>
      </c>
      <c r="BM276" s="161" t="str">
        <f t="shared" si="166"/>
        <v/>
      </c>
      <c r="BN276" s="161" t="str">
        <f t="shared" si="167"/>
        <v/>
      </c>
      <c r="BO276" s="161" t="str">
        <f t="shared" si="168"/>
        <v/>
      </c>
      <c r="BP276" s="161" t="str">
        <f t="shared" si="169"/>
        <v/>
      </c>
      <c r="BQ276" s="161" t="str">
        <f t="shared" si="170"/>
        <v/>
      </c>
      <c r="BR276" s="161" t="str">
        <f t="shared" si="171"/>
        <v/>
      </c>
      <c r="BS276" s="161" t="str">
        <f t="shared" si="172"/>
        <v/>
      </c>
      <c r="BT276" s="161" t="str">
        <f t="shared" si="173"/>
        <v/>
      </c>
      <c r="BU276" s="161" t="str">
        <f t="shared" si="174"/>
        <v/>
      </c>
      <c r="BV276" s="161" t="str">
        <f t="shared" si="175"/>
        <v/>
      </c>
      <c r="BW276" s="161" t="str">
        <f t="shared" si="176"/>
        <v/>
      </c>
      <c r="BX276" s="161" t="str">
        <f t="shared" si="177"/>
        <v/>
      </c>
      <c r="BY276" s="161" t="str">
        <f t="shared" si="178"/>
        <v/>
      </c>
      <c r="BZ276" s="161" t="str">
        <f t="shared" si="179"/>
        <v/>
      </c>
      <c r="CA276" s="161" t="str">
        <f t="shared" si="180"/>
        <v/>
      </c>
      <c r="CB276" s="161" t="str">
        <f t="shared" si="181"/>
        <v/>
      </c>
      <c r="CC276" s="161" t="str">
        <f t="shared" si="182"/>
        <v/>
      </c>
      <c r="CD276" s="156"/>
      <c r="CE276" s="156"/>
      <c r="CF276" s="156"/>
    </row>
    <row r="277" spans="1:84" s="220" customFormat="1" ht="56.1" hidden="1" customHeight="1" x14ac:dyDescent="0.2">
      <c r="A277" s="181">
        <v>275</v>
      </c>
      <c r="B277" s="182" t="s">
        <v>53</v>
      </c>
      <c r="C277" s="183" t="s">
        <v>329</v>
      </c>
      <c r="D277" s="214" t="s">
        <v>500</v>
      </c>
      <c r="E277" s="214" t="s">
        <v>501</v>
      </c>
      <c r="F277" s="218" t="s">
        <v>512</v>
      </c>
      <c r="G277" s="214" t="s">
        <v>58</v>
      </c>
      <c r="H277" s="214" t="s">
        <v>319</v>
      </c>
      <c r="I277" s="214" t="s">
        <v>81</v>
      </c>
      <c r="J277" s="214" t="s">
        <v>334</v>
      </c>
      <c r="K277" s="214" t="s">
        <v>181</v>
      </c>
      <c r="L277" s="214" t="s">
        <v>63</v>
      </c>
      <c r="M277" s="214" t="s">
        <v>63</v>
      </c>
      <c r="N277" s="215">
        <v>228836</v>
      </c>
      <c r="O277" s="215">
        <f t="shared" si="183"/>
        <v>228836</v>
      </c>
      <c r="P277" s="214" t="s">
        <v>226</v>
      </c>
      <c r="Q277" s="214" t="s">
        <v>82</v>
      </c>
      <c r="R277" s="219"/>
      <c r="S277" s="219"/>
      <c r="T277" s="192" t="s">
        <v>66</v>
      </c>
      <c r="U277" s="219"/>
      <c r="V277" s="219"/>
      <c r="W277" s="219"/>
      <c r="X277" s="219"/>
      <c r="Y277" s="219"/>
      <c r="Z277" s="219"/>
      <c r="AA277" s="219"/>
      <c r="AB277" s="219"/>
      <c r="AC277" s="219"/>
      <c r="AD277" s="219"/>
      <c r="AE277" s="219"/>
      <c r="AF277" s="219"/>
      <c r="AG277" s="219"/>
      <c r="AH277" s="219"/>
      <c r="AI277" s="219"/>
      <c r="AJ277" s="219"/>
      <c r="AK277" s="219"/>
      <c r="AL277" s="219"/>
      <c r="AM277" s="219"/>
      <c r="AN277" s="219"/>
      <c r="AO277" s="219"/>
      <c r="AP277" s="219"/>
      <c r="AQ277" s="219"/>
      <c r="AR277" s="219"/>
      <c r="AS277" s="219"/>
      <c r="AT277" s="219"/>
      <c r="AU277" s="219"/>
      <c r="AV277" s="219"/>
      <c r="AW277" s="191">
        <f t="shared" si="150"/>
        <v>450</v>
      </c>
      <c r="AX277" s="187">
        <f t="shared" si="151"/>
        <v>508.52444444444444</v>
      </c>
      <c r="AY277" s="192" t="str">
        <f t="shared" si="152"/>
        <v/>
      </c>
      <c r="AZ277" s="192" t="str">
        <f t="shared" si="153"/>
        <v/>
      </c>
      <c r="BA277" s="192">
        <f t="shared" si="154"/>
        <v>228836</v>
      </c>
      <c r="BB277" s="192" t="str">
        <f t="shared" si="155"/>
        <v/>
      </c>
      <c r="BC277" s="192" t="str">
        <f t="shared" si="156"/>
        <v/>
      </c>
      <c r="BD277" s="192" t="str">
        <f t="shared" si="157"/>
        <v/>
      </c>
      <c r="BE277" s="192" t="str">
        <f t="shared" si="158"/>
        <v/>
      </c>
      <c r="BF277" s="192" t="str">
        <f t="shared" si="159"/>
        <v/>
      </c>
      <c r="BG277" s="192" t="str">
        <f t="shared" si="160"/>
        <v/>
      </c>
      <c r="BH277" s="192" t="str">
        <f t="shared" si="161"/>
        <v/>
      </c>
      <c r="BI277" s="192" t="str">
        <f t="shared" si="162"/>
        <v/>
      </c>
      <c r="BJ277" s="192" t="str">
        <f t="shared" si="163"/>
        <v/>
      </c>
      <c r="BK277" s="192" t="str">
        <f t="shared" si="164"/>
        <v/>
      </c>
      <c r="BL277" s="192" t="str">
        <f t="shared" si="165"/>
        <v/>
      </c>
      <c r="BM277" s="192" t="str">
        <f t="shared" si="166"/>
        <v/>
      </c>
      <c r="BN277" s="192" t="str">
        <f t="shared" si="167"/>
        <v/>
      </c>
      <c r="BO277" s="192" t="str">
        <f t="shared" si="168"/>
        <v/>
      </c>
      <c r="BP277" s="192" t="str">
        <f t="shared" si="169"/>
        <v/>
      </c>
      <c r="BQ277" s="192" t="str">
        <f t="shared" si="170"/>
        <v/>
      </c>
      <c r="BR277" s="192" t="str">
        <f t="shared" si="171"/>
        <v/>
      </c>
      <c r="BS277" s="192" t="str">
        <f t="shared" si="172"/>
        <v/>
      </c>
      <c r="BT277" s="192" t="str">
        <f t="shared" si="173"/>
        <v/>
      </c>
      <c r="BU277" s="192" t="str">
        <f t="shared" si="174"/>
        <v/>
      </c>
      <c r="BV277" s="192" t="str">
        <f t="shared" si="175"/>
        <v/>
      </c>
      <c r="BW277" s="192" t="str">
        <f t="shared" si="176"/>
        <v/>
      </c>
      <c r="BX277" s="192" t="str">
        <f t="shared" si="177"/>
        <v/>
      </c>
      <c r="BY277" s="192" t="str">
        <f t="shared" si="178"/>
        <v/>
      </c>
      <c r="BZ277" s="192" t="str">
        <f t="shared" si="179"/>
        <v/>
      </c>
      <c r="CA277" s="192" t="str">
        <f t="shared" si="180"/>
        <v/>
      </c>
      <c r="CB277" s="192" t="str">
        <f t="shared" si="181"/>
        <v/>
      </c>
      <c r="CC277" s="192" t="str">
        <f t="shared" si="182"/>
        <v/>
      </c>
      <c r="CD277" s="214"/>
      <c r="CE277" s="214"/>
      <c r="CF277" s="214"/>
    </row>
    <row r="278" spans="1:84" s="168" customFormat="1" ht="56.1" hidden="1" customHeight="1" x14ac:dyDescent="0.2">
      <c r="A278" s="154">
        <v>276</v>
      </c>
      <c r="B278" s="155" t="s">
        <v>53</v>
      </c>
      <c r="C278" s="165" t="s">
        <v>329</v>
      </c>
      <c r="D278" s="156" t="s">
        <v>500</v>
      </c>
      <c r="E278" s="156" t="s">
        <v>501</v>
      </c>
      <c r="F278" s="166" t="s">
        <v>513</v>
      </c>
      <c r="G278" s="156" t="s">
        <v>58</v>
      </c>
      <c r="H278" s="156" t="s">
        <v>20</v>
      </c>
      <c r="I278" s="156" t="s">
        <v>81</v>
      </c>
      <c r="J278" s="156" t="s">
        <v>334</v>
      </c>
      <c r="K278" s="156" t="s">
        <v>375</v>
      </c>
      <c r="L278" s="156" t="s">
        <v>63</v>
      </c>
      <c r="M278" s="156" t="s">
        <v>63</v>
      </c>
      <c r="N278" s="157">
        <v>177984</v>
      </c>
      <c r="O278" s="157">
        <f t="shared" si="183"/>
        <v>177984</v>
      </c>
      <c r="P278" s="156" t="s">
        <v>226</v>
      </c>
      <c r="Q278" s="156" t="s">
        <v>82</v>
      </c>
      <c r="R278" s="167"/>
      <c r="S278" s="167"/>
      <c r="T278" s="167"/>
      <c r="U278" s="161" t="s">
        <v>66</v>
      </c>
      <c r="V278" s="167"/>
      <c r="W278" s="167"/>
      <c r="X278" s="167"/>
      <c r="Y278" s="167"/>
      <c r="Z278" s="167"/>
      <c r="AA278" s="167"/>
      <c r="AB278" s="167"/>
      <c r="AC278" s="167"/>
      <c r="AD278" s="167"/>
      <c r="AE278" s="167"/>
      <c r="AF278" s="167"/>
      <c r="AG278" s="167"/>
      <c r="AH278" s="167"/>
      <c r="AI278" s="167"/>
      <c r="AJ278" s="167"/>
      <c r="AK278" s="167"/>
      <c r="AL278" s="167"/>
      <c r="AM278" s="167"/>
      <c r="AN278" s="167"/>
      <c r="AO278" s="167"/>
      <c r="AP278" s="167"/>
      <c r="AQ278" s="167"/>
      <c r="AR278" s="167"/>
      <c r="AS278" s="167"/>
      <c r="AT278" s="167"/>
      <c r="AU278" s="167"/>
      <c r="AV278" s="167"/>
      <c r="AW278" s="160">
        <f t="shared" si="150"/>
        <v>350</v>
      </c>
      <c r="AX278" s="158">
        <f t="shared" si="151"/>
        <v>508.52571428571429</v>
      </c>
      <c r="AY278" s="161" t="str">
        <f t="shared" si="152"/>
        <v/>
      </c>
      <c r="AZ278" s="161" t="str">
        <f t="shared" si="153"/>
        <v/>
      </c>
      <c r="BA278" s="161" t="str">
        <f t="shared" si="154"/>
        <v/>
      </c>
      <c r="BB278" s="161">
        <f t="shared" si="155"/>
        <v>177984</v>
      </c>
      <c r="BC278" s="161" t="str">
        <f t="shared" si="156"/>
        <v/>
      </c>
      <c r="BD278" s="161" t="str">
        <f t="shared" si="157"/>
        <v/>
      </c>
      <c r="BE278" s="161" t="str">
        <f t="shared" si="158"/>
        <v/>
      </c>
      <c r="BF278" s="161" t="str">
        <f t="shared" si="159"/>
        <v/>
      </c>
      <c r="BG278" s="161" t="str">
        <f t="shared" si="160"/>
        <v/>
      </c>
      <c r="BH278" s="161" t="str">
        <f t="shared" si="161"/>
        <v/>
      </c>
      <c r="BI278" s="161" t="str">
        <f t="shared" si="162"/>
        <v/>
      </c>
      <c r="BJ278" s="161" t="str">
        <f t="shared" si="163"/>
        <v/>
      </c>
      <c r="BK278" s="161" t="str">
        <f t="shared" si="164"/>
        <v/>
      </c>
      <c r="BL278" s="161" t="str">
        <f t="shared" si="165"/>
        <v/>
      </c>
      <c r="BM278" s="161" t="str">
        <f t="shared" si="166"/>
        <v/>
      </c>
      <c r="BN278" s="161" t="str">
        <f t="shared" si="167"/>
        <v/>
      </c>
      <c r="BO278" s="161" t="str">
        <f t="shared" si="168"/>
        <v/>
      </c>
      <c r="BP278" s="161" t="str">
        <f t="shared" si="169"/>
        <v/>
      </c>
      <c r="BQ278" s="161" t="str">
        <f t="shared" si="170"/>
        <v/>
      </c>
      <c r="BR278" s="161" t="str">
        <f t="shared" si="171"/>
        <v/>
      </c>
      <c r="BS278" s="161" t="str">
        <f t="shared" si="172"/>
        <v/>
      </c>
      <c r="BT278" s="161" t="str">
        <f t="shared" si="173"/>
        <v/>
      </c>
      <c r="BU278" s="161" t="str">
        <f t="shared" si="174"/>
        <v/>
      </c>
      <c r="BV278" s="161" t="str">
        <f t="shared" si="175"/>
        <v/>
      </c>
      <c r="BW278" s="161" t="str">
        <f t="shared" si="176"/>
        <v/>
      </c>
      <c r="BX278" s="161" t="str">
        <f t="shared" si="177"/>
        <v/>
      </c>
      <c r="BY278" s="161" t="str">
        <f t="shared" si="178"/>
        <v/>
      </c>
      <c r="BZ278" s="161" t="str">
        <f t="shared" si="179"/>
        <v/>
      </c>
      <c r="CA278" s="161" t="str">
        <f t="shared" si="180"/>
        <v/>
      </c>
      <c r="CB278" s="161" t="str">
        <f t="shared" si="181"/>
        <v/>
      </c>
      <c r="CC278" s="161" t="str">
        <f t="shared" si="182"/>
        <v/>
      </c>
      <c r="CD278" s="156"/>
      <c r="CE278" s="156"/>
      <c r="CF278" s="156"/>
    </row>
    <row r="279" spans="1:84" s="211" customFormat="1" ht="56.1" hidden="1" customHeight="1" x14ac:dyDescent="0.2">
      <c r="A279" s="198">
        <v>277</v>
      </c>
      <c r="B279" s="199" t="s">
        <v>53</v>
      </c>
      <c r="C279" s="208" t="s">
        <v>329</v>
      </c>
      <c r="D279" s="200" t="s">
        <v>500</v>
      </c>
      <c r="E279" s="200" t="s">
        <v>501</v>
      </c>
      <c r="F279" s="209" t="s">
        <v>505</v>
      </c>
      <c r="G279" s="200" t="s">
        <v>58</v>
      </c>
      <c r="H279" s="200" t="s">
        <v>322</v>
      </c>
      <c r="I279" s="200" t="s">
        <v>81</v>
      </c>
      <c r="J279" s="200" t="s">
        <v>334</v>
      </c>
      <c r="K279" s="200" t="s">
        <v>377</v>
      </c>
      <c r="L279" s="200" t="s">
        <v>63</v>
      </c>
      <c r="M279" s="200" t="s">
        <v>63</v>
      </c>
      <c r="N279" s="201">
        <v>101705</v>
      </c>
      <c r="O279" s="201">
        <f t="shared" si="183"/>
        <v>101705</v>
      </c>
      <c r="P279" s="200" t="s">
        <v>226</v>
      </c>
      <c r="Q279" s="200" t="s">
        <v>82</v>
      </c>
      <c r="R279" s="210"/>
      <c r="S279" s="203" t="s">
        <v>66</v>
      </c>
      <c r="T279" s="210"/>
      <c r="U279" s="210"/>
      <c r="V279" s="210"/>
      <c r="W279" s="210"/>
      <c r="X279" s="210"/>
      <c r="Y279" s="210"/>
      <c r="Z279" s="210"/>
      <c r="AA279" s="210"/>
      <c r="AB279" s="210"/>
      <c r="AC279" s="210"/>
      <c r="AD279" s="210"/>
      <c r="AE279" s="210"/>
      <c r="AF279" s="210"/>
      <c r="AG279" s="210"/>
      <c r="AH279" s="210"/>
      <c r="AI279" s="210"/>
      <c r="AJ279" s="210"/>
      <c r="AK279" s="210"/>
      <c r="AL279" s="210"/>
      <c r="AM279" s="210"/>
      <c r="AN279" s="210"/>
      <c r="AO279" s="210"/>
      <c r="AP279" s="210"/>
      <c r="AQ279" s="210"/>
      <c r="AR279" s="210"/>
      <c r="AS279" s="210"/>
      <c r="AT279" s="210"/>
      <c r="AU279" s="210"/>
      <c r="AV279" s="210"/>
      <c r="AW279" s="204">
        <f t="shared" si="150"/>
        <v>200</v>
      </c>
      <c r="AX279" s="205">
        <f t="shared" si="151"/>
        <v>508.52499999999998</v>
      </c>
      <c r="AY279" s="203" t="str">
        <f t="shared" si="152"/>
        <v/>
      </c>
      <c r="AZ279" s="203">
        <f t="shared" si="153"/>
        <v>101705</v>
      </c>
      <c r="BA279" s="203" t="str">
        <f t="shared" si="154"/>
        <v/>
      </c>
      <c r="BB279" s="203" t="str">
        <f t="shared" si="155"/>
        <v/>
      </c>
      <c r="BC279" s="203" t="str">
        <f t="shared" si="156"/>
        <v/>
      </c>
      <c r="BD279" s="203" t="str">
        <f t="shared" si="157"/>
        <v/>
      </c>
      <c r="BE279" s="203" t="str">
        <f t="shared" si="158"/>
        <v/>
      </c>
      <c r="BF279" s="203" t="str">
        <f t="shared" si="159"/>
        <v/>
      </c>
      <c r="BG279" s="203" t="str">
        <f t="shared" si="160"/>
        <v/>
      </c>
      <c r="BH279" s="203" t="str">
        <f t="shared" si="161"/>
        <v/>
      </c>
      <c r="BI279" s="203" t="str">
        <f t="shared" si="162"/>
        <v/>
      </c>
      <c r="BJ279" s="203" t="str">
        <f t="shared" si="163"/>
        <v/>
      </c>
      <c r="BK279" s="203" t="str">
        <f t="shared" si="164"/>
        <v/>
      </c>
      <c r="BL279" s="203" t="str">
        <f t="shared" si="165"/>
        <v/>
      </c>
      <c r="BM279" s="203" t="str">
        <f t="shared" si="166"/>
        <v/>
      </c>
      <c r="BN279" s="203" t="str">
        <f t="shared" si="167"/>
        <v/>
      </c>
      <c r="BO279" s="203" t="str">
        <f t="shared" si="168"/>
        <v/>
      </c>
      <c r="BP279" s="203" t="str">
        <f t="shared" si="169"/>
        <v/>
      </c>
      <c r="BQ279" s="203" t="str">
        <f t="shared" si="170"/>
        <v/>
      </c>
      <c r="BR279" s="203" t="str">
        <f t="shared" si="171"/>
        <v/>
      </c>
      <c r="BS279" s="203" t="str">
        <f t="shared" si="172"/>
        <v/>
      </c>
      <c r="BT279" s="203" t="str">
        <f t="shared" si="173"/>
        <v/>
      </c>
      <c r="BU279" s="203" t="str">
        <f t="shared" si="174"/>
        <v/>
      </c>
      <c r="BV279" s="203" t="str">
        <f t="shared" si="175"/>
        <v/>
      </c>
      <c r="BW279" s="203" t="str">
        <f t="shared" si="176"/>
        <v/>
      </c>
      <c r="BX279" s="203" t="str">
        <f t="shared" si="177"/>
        <v/>
      </c>
      <c r="BY279" s="203" t="str">
        <f t="shared" si="178"/>
        <v/>
      </c>
      <c r="BZ279" s="203" t="str">
        <f t="shared" si="179"/>
        <v/>
      </c>
      <c r="CA279" s="203" t="str">
        <f t="shared" si="180"/>
        <v/>
      </c>
      <c r="CB279" s="203" t="str">
        <f t="shared" si="181"/>
        <v/>
      </c>
      <c r="CC279" s="203" t="str">
        <f t="shared" si="182"/>
        <v/>
      </c>
      <c r="CD279" s="200"/>
      <c r="CE279" s="200"/>
      <c r="CF279" s="200"/>
    </row>
    <row r="280" spans="1:84" s="168" customFormat="1" ht="56.1" hidden="1" customHeight="1" x14ac:dyDescent="0.2">
      <c r="A280" s="154">
        <v>278</v>
      </c>
      <c r="B280" s="155" t="s">
        <v>53</v>
      </c>
      <c r="C280" s="165" t="s">
        <v>329</v>
      </c>
      <c r="D280" s="156" t="s">
        <v>500</v>
      </c>
      <c r="E280" s="156" t="s">
        <v>501</v>
      </c>
      <c r="F280" s="166" t="s">
        <v>508</v>
      </c>
      <c r="G280" s="156" t="s">
        <v>58</v>
      </c>
      <c r="H280" s="156" t="s">
        <v>21</v>
      </c>
      <c r="I280" s="156" t="s">
        <v>81</v>
      </c>
      <c r="J280" s="156" t="s">
        <v>334</v>
      </c>
      <c r="K280" s="156" t="s">
        <v>204</v>
      </c>
      <c r="L280" s="156" t="s">
        <v>63</v>
      </c>
      <c r="M280" s="156" t="s">
        <v>63</v>
      </c>
      <c r="N280" s="157">
        <v>152558</v>
      </c>
      <c r="O280" s="157">
        <f t="shared" si="183"/>
        <v>152558</v>
      </c>
      <c r="P280" s="156" t="s">
        <v>226</v>
      </c>
      <c r="Q280" s="156" t="s">
        <v>82</v>
      </c>
      <c r="R280" s="167"/>
      <c r="S280" s="167"/>
      <c r="T280" s="167"/>
      <c r="U280" s="167"/>
      <c r="V280" s="161" t="s">
        <v>66</v>
      </c>
      <c r="W280" s="167"/>
      <c r="X280" s="167"/>
      <c r="Y280" s="167"/>
      <c r="Z280" s="167"/>
      <c r="AA280" s="167"/>
      <c r="AB280" s="167"/>
      <c r="AC280" s="167"/>
      <c r="AD280" s="167"/>
      <c r="AE280" s="167"/>
      <c r="AF280" s="167"/>
      <c r="AG280" s="167"/>
      <c r="AH280" s="167"/>
      <c r="AI280" s="167"/>
      <c r="AJ280" s="167"/>
      <c r="AK280" s="167"/>
      <c r="AL280" s="167"/>
      <c r="AM280" s="167"/>
      <c r="AN280" s="167"/>
      <c r="AO280" s="167"/>
      <c r="AP280" s="167"/>
      <c r="AQ280" s="167"/>
      <c r="AR280" s="167"/>
      <c r="AS280" s="167"/>
      <c r="AT280" s="167"/>
      <c r="AU280" s="167"/>
      <c r="AV280" s="167"/>
      <c r="AW280" s="160">
        <f t="shared" si="150"/>
        <v>300</v>
      </c>
      <c r="AX280" s="158">
        <f t="shared" si="151"/>
        <v>508.52666666666664</v>
      </c>
      <c r="AY280" s="161" t="str">
        <f t="shared" si="152"/>
        <v/>
      </c>
      <c r="AZ280" s="161" t="str">
        <f t="shared" si="153"/>
        <v/>
      </c>
      <c r="BA280" s="161" t="str">
        <f t="shared" si="154"/>
        <v/>
      </c>
      <c r="BB280" s="161" t="str">
        <f t="shared" si="155"/>
        <v/>
      </c>
      <c r="BC280" s="161">
        <f t="shared" si="156"/>
        <v>152558</v>
      </c>
      <c r="BD280" s="161" t="str">
        <f t="shared" si="157"/>
        <v/>
      </c>
      <c r="BE280" s="161" t="str">
        <f t="shared" si="158"/>
        <v/>
      </c>
      <c r="BF280" s="161" t="str">
        <f t="shared" si="159"/>
        <v/>
      </c>
      <c r="BG280" s="161" t="str">
        <f t="shared" si="160"/>
        <v/>
      </c>
      <c r="BH280" s="161" t="str">
        <f t="shared" si="161"/>
        <v/>
      </c>
      <c r="BI280" s="161" t="str">
        <f t="shared" si="162"/>
        <v/>
      </c>
      <c r="BJ280" s="161" t="str">
        <f t="shared" si="163"/>
        <v/>
      </c>
      <c r="BK280" s="161" t="str">
        <f t="shared" si="164"/>
        <v/>
      </c>
      <c r="BL280" s="161" t="str">
        <f t="shared" si="165"/>
        <v/>
      </c>
      <c r="BM280" s="161" t="str">
        <f t="shared" si="166"/>
        <v/>
      </c>
      <c r="BN280" s="161" t="str">
        <f t="shared" si="167"/>
        <v/>
      </c>
      <c r="BO280" s="161" t="str">
        <f t="shared" si="168"/>
        <v/>
      </c>
      <c r="BP280" s="161" t="str">
        <f t="shared" si="169"/>
        <v/>
      </c>
      <c r="BQ280" s="161" t="str">
        <f t="shared" si="170"/>
        <v/>
      </c>
      <c r="BR280" s="161" t="str">
        <f t="shared" si="171"/>
        <v/>
      </c>
      <c r="BS280" s="161" t="str">
        <f t="shared" si="172"/>
        <v/>
      </c>
      <c r="BT280" s="161" t="str">
        <f t="shared" si="173"/>
        <v/>
      </c>
      <c r="BU280" s="161" t="str">
        <f t="shared" si="174"/>
        <v/>
      </c>
      <c r="BV280" s="161" t="str">
        <f t="shared" si="175"/>
        <v/>
      </c>
      <c r="BW280" s="161" t="str">
        <f t="shared" si="176"/>
        <v/>
      </c>
      <c r="BX280" s="161" t="str">
        <f t="shared" si="177"/>
        <v/>
      </c>
      <c r="BY280" s="161" t="str">
        <f t="shared" si="178"/>
        <v/>
      </c>
      <c r="BZ280" s="161" t="str">
        <f t="shared" si="179"/>
        <v/>
      </c>
      <c r="CA280" s="161" t="str">
        <f t="shared" si="180"/>
        <v/>
      </c>
      <c r="CB280" s="161" t="str">
        <f t="shared" si="181"/>
        <v/>
      </c>
      <c r="CC280" s="161" t="str">
        <f t="shared" si="182"/>
        <v/>
      </c>
      <c r="CD280" s="156"/>
      <c r="CE280" s="156"/>
      <c r="CF280" s="156"/>
    </row>
    <row r="281" spans="1:84" s="168" customFormat="1" ht="56.1" hidden="1" customHeight="1" x14ac:dyDescent="0.2">
      <c r="A281" s="154">
        <v>279</v>
      </c>
      <c r="B281" s="155" t="s">
        <v>53</v>
      </c>
      <c r="C281" s="165" t="s">
        <v>329</v>
      </c>
      <c r="D281" s="156" t="s">
        <v>500</v>
      </c>
      <c r="E281" s="156" t="s">
        <v>501</v>
      </c>
      <c r="F281" s="166" t="s">
        <v>507</v>
      </c>
      <c r="G281" s="156" t="s">
        <v>58</v>
      </c>
      <c r="H281" s="156" t="s">
        <v>323</v>
      </c>
      <c r="I281" s="156" t="s">
        <v>81</v>
      </c>
      <c r="J281" s="156" t="s">
        <v>334</v>
      </c>
      <c r="K281" s="156" t="s">
        <v>380</v>
      </c>
      <c r="L281" s="156" t="s">
        <v>63</v>
      </c>
      <c r="M281" s="156" t="s">
        <v>63</v>
      </c>
      <c r="N281" s="157">
        <v>50853</v>
      </c>
      <c r="O281" s="157">
        <f t="shared" si="183"/>
        <v>50853</v>
      </c>
      <c r="P281" s="156" t="s">
        <v>226</v>
      </c>
      <c r="Q281" s="156" t="s">
        <v>82</v>
      </c>
      <c r="R281" s="167"/>
      <c r="S281" s="167"/>
      <c r="T281" s="167"/>
      <c r="U281" s="167"/>
      <c r="V281" s="167"/>
      <c r="W281" s="167"/>
      <c r="X281" s="161" t="s">
        <v>66</v>
      </c>
      <c r="Y281" s="167"/>
      <c r="Z281" s="167"/>
      <c r="AA281" s="167"/>
      <c r="AB281" s="167"/>
      <c r="AC281" s="167"/>
      <c r="AD281" s="167"/>
      <c r="AE281" s="167"/>
      <c r="AF281" s="167"/>
      <c r="AG281" s="167"/>
      <c r="AH281" s="167"/>
      <c r="AI281" s="167"/>
      <c r="AJ281" s="167"/>
      <c r="AK281" s="167"/>
      <c r="AL281" s="167"/>
      <c r="AM281" s="167"/>
      <c r="AN281" s="167"/>
      <c r="AO281" s="167"/>
      <c r="AP281" s="167"/>
      <c r="AQ281" s="167"/>
      <c r="AR281" s="167"/>
      <c r="AS281" s="167"/>
      <c r="AT281" s="167"/>
      <c r="AU281" s="167"/>
      <c r="AV281" s="167"/>
      <c r="AW281" s="160">
        <f t="shared" si="150"/>
        <v>100</v>
      </c>
      <c r="AX281" s="158">
        <f t="shared" si="151"/>
        <v>508.53</v>
      </c>
      <c r="AY281" s="161" t="str">
        <f t="shared" si="152"/>
        <v/>
      </c>
      <c r="AZ281" s="161" t="str">
        <f t="shared" si="153"/>
        <v/>
      </c>
      <c r="BA281" s="161" t="str">
        <f t="shared" si="154"/>
        <v/>
      </c>
      <c r="BB281" s="161" t="str">
        <f t="shared" si="155"/>
        <v/>
      </c>
      <c r="BC281" s="161" t="str">
        <f t="shared" si="156"/>
        <v/>
      </c>
      <c r="BD281" s="161" t="str">
        <f t="shared" si="157"/>
        <v/>
      </c>
      <c r="BE281" s="161">
        <f t="shared" si="158"/>
        <v>50853</v>
      </c>
      <c r="BF281" s="161" t="str">
        <f t="shared" si="159"/>
        <v/>
      </c>
      <c r="BG281" s="161" t="str">
        <f t="shared" si="160"/>
        <v/>
      </c>
      <c r="BH281" s="161" t="str">
        <f t="shared" si="161"/>
        <v/>
      </c>
      <c r="BI281" s="161" t="str">
        <f t="shared" si="162"/>
        <v/>
      </c>
      <c r="BJ281" s="161" t="str">
        <f t="shared" si="163"/>
        <v/>
      </c>
      <c r="BK281" s="161" t="str">
        <f t="shared" si="164"/>
        <v/>
      </c>
      <c r="BL281" s="161" t="str">
        <f t="shared" si="165"/>
        <v/>
      </c>
      <c r="BM281" s="161" t="str">
        <f t="shared" si="166"/>
        <v/>
      </c>
      <c r="BN281" s="161" t="str">
        <f t="shared" si="167"/>
        <v/>
      </c>
      <c r="BO281" s="161" t="str">
        <f t="shared" si="168"/>
        <v/>
      </c>
      <c r="BP281" s="161" t="str">
        <f t="shared" si="169"/>
        <v/>
      </c>
      <c r="BQ281" s="161" t="str">
        <f t="shared" si="170"/>
        <v/>
      </c>
      <c r="BR281" s="161" t="str">
        <f t="shared" si="171"/>
        <v/>
      </c>
      <c r="BS281" s="161" t="str">
        <f t="shared" si="172"/>
        <v/>
      </c>
      <c r="BT281" s="161" t="str">
        <f t="shared" si="173"/>
        <v/>
      </c>
      <c r="BU281" s="161" t="str">
        <f t="shared" si="174"/>
        <v/>
      </c>
      <c r="BV281" s="161" t="str">
        <f t="shared" si="175"/>
        <v/>
      </c>
      <c r="BW281" s="161" t="str">
        <f t="shared" si="176"/>
        <v/>
      </c>
      <c r="BX281" s="161" t="str">
        <f t="shared" si="177"/>
        <v/>
      </c>
      <c r="BY281" s="161" t="str">
        <f t="shared" si="178"/>
        <v/>
      </c>
      <c r="BZ281" s="161" t="str">
        <f t="shared" si="179"/>
        <v/>
      </c>
      <c r="CA281" s="161" t="str">
        <f t="shared" si="180"/>
        <v/>
      </c>
      <c r="CB281" s="161" t="str">
        <f t="shared" si="181"/>
        <v/>
      </c>
      <c r="CC281" s="161" t="str">
        <f t="shared" si="182"/>
        <v/>
      </c>
      <c r="CD281" s="156"/>
      <c r="CE281" s="156"/>
      <c r="CF281" s="156"/>
    </row>
    <row r="282" spans="1:84" s="168" customFormat="1" ht="56.1" hidden="1" customHeight="1" x14ac:dyDescent="0.2">
      <c r="A282" s="154">
        <v>280</v>
      </c>
      <c r="B282" s="155" t="s">
        <v>53</v>
      </c>
      <c r="C282" s="165" t="s">
        <v>329</v>
      </c>
      <c r="D282" s="156" t="s">
        <v>500</v>
      </c>
      <c r="E282" s="156" t="s">
        <v>501</v>
      </c>
      <c r="F282" s="166" t="s">
        <v>502</v>
      </c>
      <c r="G282" s="156" t="s">
        <v>58</v>
      </c>
      <c r="H282" s="156" t="s">
        <v>324</v>
      </c>
      <c r="I282" s="156" t="s">
        <v>81</v>
      </c>
      <c r="J282" s="156" t="s">
        <v>334</v>
      </c>
      <c r="K282" s="156" t="s">
        <v>382</v>
      </c>
      <c r="L282" s="156" t="s">
        <v>63</v>
      </c>
      <c r="M282" s="156" t="s">
        <v>63</v>
      </c>
      <c r="N282" s="157">
        <v>198325</v>
      </c>
      <c r="O282" s="157">
        <f t="shared" si="183"/>
        <v>198325</v>
      </c>
      <c r="P282" s="156" t="s">
        <v>226</v>
      </c>
      <c r="Q282" s="156" t="s">
        <v>82</v>
      </c>
      <c r="R282" s="167"/>
      <c r="S282" s="167"/>
      <c r="T282" s="167"/>
      <c r="U282" s="167"/>
      <c r="V282" s="167"/>
      <c r="W282" s="167"/>
      <c r="X282" s="167"/>
      <c r="Y282" s="161" t="s">
        <v>66</v>
      </c>
      <c r="Z282" s="167"/>
      <c r="AA282" s="167"/>
      <c r="AB282" s="167"/>
      <c r="AC282" s="167"/>
      <c r="AD282" s="167"/>
      <c r="AE282" s="167"/>
      <c r="AF282" s="167"/>
      <c r="AG282" s="167"/>
      <c r="AH282" s="167"/>
      <c r="AI282" s="167"/>
      <c r="AJ282" s="167"/>
      <c r="AK282" s="167"/>
      <c r="AL282" s="167"/>
      <c r="AM282" s="167"/>
      <c r="AN282" s="167"/>
      <c r="AO282" s="167"/>
      <c r="AP282" s="167"/>
      <c r="AQ282" s="167"/>
      <c r="AR282" s="167"/>
      <c r="AS282" s="167"/>
      <c r="AT282" s="167"/>
      <c r="AU282" s="167"/>
      <c r="AV282" s="167"/>
      <c r="AW282" s="160">
        <f t="shared" si="150"/>
        <v>390</v>
      </c>
      <c r="AX282" s="158">
        <f t="shared" si="151"/>
        <v>508.52564102564105</v>
      </c>
      <c r="AY282" s="161" t="str">
        <f t="shared" si="152"/>
        <v/>
      </c>
      <c r="AZ282" s="161" t="str">
        <f t="shared" si="153"/>
        <v/>
      </c>
      <c r="BA282" s="161" t="str">
        <f t="shared" si="154"/>
        <v/>
      </c>
      <c r="BB282" s="161" t="str">
        <f t="shared" si="155"/>
        <v/>
      </c>
      <c r="BC282" s="161" t="str">
        <f t="shared" si="156"/>
        <v/>
      </c>
      <c r="BD282" s="161" t="str">
        <f t="shared" si="157"/>
        <v/>
      </c>
      <c r="BE282" s="161" t="str">
        <f t="shared" si="158"/>
        <v/>
      </c>
      <c r="BF282" s="161">
        <f t="shared" si="159"/>
        <v>198325</v>
      </c>
      <c r="BG282" s="161" t="str">
        <f t="shared" si="160"/>
        <v/>
      </c>
      <c r="BH282" s="161" t="str">
        <f t="shared" si="161"/>
        <v/>
      </c>
      <c r="BI282" s="161" t="str">
        <f t="shared" si="162"/>
        <v/>
      </c>
      <c r="BJ282" s="161" t="str">
        <f t="shared" si="163"/>
        <v/>
      </c>
      <c r="BK282" s="161" t="str">
        <f t="shared" si="164"/>
        <v/>
      </c>
      <c r="BL282" s="161" t="str">
        <f t="shared" si="165"/>
        <v/>
      </c>
      <c r="BM282" s="161" t="str">
        <f t="shared" si="166"/>
        <v/>
      </c>
      <c r="BN282" s="161" t="str">
        <f t="shared" si="167"/>
        <v/>
      </c>
      <c r="BO282" s="161" t="str">
        <f t="shared" si="168"/>
        <v/>
      </c>
      <c r="BP282" s="161" t="str">
        <f t="shared" si="169"/>
        <v/>
      </c>
      <c r="BQ282" s="161" t="str">
        <f t="shared" si="170"/>
        <v/>
      </c>
      <c r="BR282" s="161" t="str">
        <f t="shared" si="171"/>
        <v/>
      </c>
      <c r="BS282" s="161" t="str">
        <f t="shared" si="172"/>
        <v/>
      </c>
      <c r="BT282" s="161" t="str">
        <f t="shared" si="173"/>
        <v/>
      </c>
      <c r="BU282" s="161" t="str">
        <f t="shared" si="174"/>
        <v/>
      </c>
      <c r="BV282" s="161" t="str">
        <f t="shared" si="175"/>
        <v/>
      </c>
      <c r="BW282" s="161" t="str">
        <f t="shared" si="176"/>
        <v/>
      </c>
      <c r="BX282" s="161" t="str">
        <f t="shared" si="177"/>
        <v/>
      </c>
      <c r="BY282" s="161" t="str">
        <f t="shared" si="178"/>
        <v/>
      </c>
      <c r="BZ282" s="161" t="str">
        <f t="shared" si="179"/>
        <v/>
      </c>
      <c r="CA282" s="161" t="str">
        <f t="shared" si="180"/>
        <v/>
      </c>
      <c r="CB282" s="161" t="str">
        <f t="shared" si="181"/>
        <v/>
      </c>
      <c r="CC282" s="161" t="str">
        <f t="shared" si="182"/>
        <v/>
      </c>
      <c r="CD282" s="156"/>
      <c r="CE282" s="156"/>
      <c r="CF282" s="156"/>
    </row>
    <row r="283" spans="1:84" s="211" customFormat="1" ht="56.1" hidden="1" customHeight="1" x14ac:dyDescent="0.2">
      <c r="A283" s="198">
        <v>281</v>
      </c>
      <c r="B283" s="199" t="s">
        <v>53</v>
      </c>
      <c r="C283" s="208" t="s">
        <v>329</v>
      </c>
      <c r="D283" s="200" t="s">
        <v>500</v>
      </c>
      <c r="E283" s="200" t="s">
        <v>501</v>
      </c>
      <c r="F283" s="209" t="s">
        <v>512</v>
      </c>
      <c r="G283" s="200" t="s">
        <v>58</v>
      </c>
      <c r="H283" s="200" t="s">
        <v>384</v>
      </c>
      <c r="I283" s="200" t="s">
        <v>81</v>
      </c>
      <c r="J283" s="200" t="s">
        <v>334</v>
      </c>
      <c r="K283" s="200" t="s">
        <v>187</v>
      </c>
      <c r="L283" s="200" t="s">
        <v>63</v>
      </c>
      <c r="M283" s="200" t="s">
        <v>63</v>
      </c>
      <c r="N283" s="201">
        <v>244092</v>
      </c>
      <c r="O283" s="201">
        <f t="shared" si="183"/>
        <v>244092</v>
      </c>
      <c r="P283" s="200" t="s">
        <v>226</v>
      </c>
      <c r="Q283" s="200" t="s">
        <v>82</v>
      </c>
      <c r="R283" s="210"/>
      <c r="S283" s="210"/>
      <c r="T283" s="210"/>
      <c r="U283" s="210"/>
      <c r="V283" s="210"/>
      <c r="W283" s="203" t="s">
        <v>66</v>
      </c>
      <c r="X283" s="210"/>
      <c r="Y283" s="210"/>
      <c r="Z283" s="210"/>
      <c r="AA283" s="210"/>
      <c r="AB283" s="210"/>
      <c r="AC283" s="210"/>
      <c r="AD283" s="210"/>
      <c r="AE283" s="210"/>
      <c r="AF283" s="210"/>
      <c r="AG283" s="210"/>
      <c r="AH283" s="210"/>
      <c r="AI283" s="210"/>
      <c r="AJ283" s="210"/>
      <c r="AK283" s="210"/>
      <c r="AL283" s="210"/>
      <c r="AM283" s="210"/>
      <c r="AN283" s="210"/>
      <c r="AO283" s="210"/>
      <c r="AP283" s="210"/>
      <c r="AQ283" s="210"/>
      <c r="AR283" s="210"/>
      <c r="AS283" s="210"/>
      <c r="AT283" s="210"/>
      <c r="AU283" s="210"/>
      <c r="AV283" s="210"/>
      <c r="AW283" s="204">
        <f t="shared" si="150"/>
        <v>480</v>
      </c>
      <c r="AX283" s="205">
        <f t="shared" si="151"/>
        <v>508.52499999999998</v>
      </c>
      <c r="AY283" s="203" t="str">
        <f t="shared" si="152"/>
        <v/>
      </c>
      <c r="AZ283" s="203" t="str">
        <f t="shared" si="153"/>
        <v/>
      </c>
      <c r="BA283" s="203" t="str">
        <f t="shared" si="154"/>
        <v/>
      </c>
      <c r="BB283" s="203" t="str">
        <f t="shared" si="155"/>
        <v/>
      </c>
      <c r="BC283" s="203" t="str">
        <f t="shared" si="156"/>
        <v/>
      </c>
      <c r="BD283" s="203">
        <f t="shared" si="157"/>
        <v>244092</v>
      </c>
      <c r="BE283" s="203" t="str">
        <f t="shared" si="158"/>
        <v/>
      </c>
      <c r="BF283" s="203" t="str">
        <f t="shared" si="159"/>
        <v/>
      </c>
      <c r="BG283" s="203" t="str">
        <f t="shared" si="160"/>
        <v/>
      </c>
      <c r="BH283" s="203" t="str">
        <f t="shared" si="161"/>
        <v/>
      </c>
      <c r="BI283" s="203" t="str">
        <f t="shared" si="162"/>
        <v/>
      </c>
      <c r="BJ283" s="203" t="str">
        <f t="shared" si="163"/>
        <v/>
      </c>
      <c r="BK283" s="203" t="str">
        <f t="shared" si="164"/>
        <v/>
      </c>
      <c r="BL283" s="203" t="str">
        <f t="shared" si="165"/>
        <v/>
      </c>
      <c r="BM283" s="203" t="str">
        <f t="shared" si="166"/>
        <v/>
      </c>
      <c r="BN283" s="203" t="str">
        <f t="shared" si="167"/>
        <v/>
      </c>
      <c r="BO283" s="203" t="str">
        <f t="shared" si="168"/>
        <v/>
      </c>
      <c r="BP283" s="203" t="str">
        <f t="shared" si="169"/>
        <v/>
      </c>
      <c r="BQ283" s="203" t="str">
        <f t="shared" si="170"/>
        <v/>
      </c>
      <c r="BR283" s="203" t="str">
        <f t="shared" si="171"/>
        <v/>
      </c>
      <c r="BS283" s="203" t="str">
        <f t="shared" si="172"/>
        <v/>
      </c>
      <c r="BT283" s="203" t="str">
        <f t="shared" si="173"/>
        <v/>
      </c>
      <c r="BU283" s="203" t="str">
        <f t="shared" si="174"/>
        <v/>
      </c>
      <c r="BV283" s="203" t="str">
        <f t="shared" si="175"/>
        <v/>
      </c>
      <c r="BW283" s="203" t="str">
        <f t="shared" si="176"/>
        <v/>
      </c>
      <c r="BX283" s="203" t="str">
        <f t="shared" si="177"/>
        <v/>
      </c>
      <c r="BY283" s="203" t="str">
        <f t="shared" si="178"/>
        <v/>
      </c>
      <c r="BZ283" s="203" t="str">
        <f t="shared" si="179"/>
        <v/>
      </c>
      <c r="CA283" s="203" t="str">
        <f t="shared" si="180"/>
        <v/>
      </c>
      <c r="CB283" s="203" t="str">
        <f t="shared" si="181"/>
        <v/>
      </c>
      <c r="CC283" s="203" t="str">
        <f t="shared" si="182"/>
        <v/>
      </c>
      <c r="CD283" s="200"/>
      <c r="CE283" s="200"/>
      <c r="CF283" s="200"/>
    </row>
    <row r="284" spans="1:84" s="168" customFormat="1" ht="56.1" hidden="1" customHeight="1" x14ac:dyDescent="0.2">
      <c r="A284" s="154">
        <v>282</v>
      </c>
      <c r="B284" s="155" t="s">
        <v>53</v>
      </c>
      <c r="C284" s="165" t="s">
        <v>329</v>
      </c>
      <c r="D284" s="156" t="s">
        <v>500</v>
      </c>
      <c r="E284" s="156" t="s">
        <v>501</v>
      </c>
      <c r="F284" s="166" t="s">
        <v>514</v>
      </c>
      <c r="G284" s="156" t="s">
        <v>58</v>
      </c>
      <c r="H284" s="156" t="s">
        <v>207</v>
      </c>
      <c r="I284" s="156" t="s">
        <v>81</v>
      </c>
      <c r="J284" s="156" t="s">
        <v>334</v>
      </c>
      <c r="K284" s="156" t="s">
        <v>208</v>
      </c>
      <c r="L284" s="156" t="s">
        <v>63</v>
      </c>
      <c r="M284" s="156" t="s">
        <v>63</v>
      </c>
      <c r="N284" s="157">
        <f>'[2]Hemel Hempstead'!$Z$12</f>
        <v>254263</v>
      </c>
      <c r="O284" s="157">
        <f t="shared" si="183"/>
        <v>254263</v>
      </c>
      <c r="P284" s="156" t="s">
        <v>226</v>
      </c>
      <c r="Q284" s="156" t="s">
        <v>82</v>
      </c>
      <c r="R284" s="167"/>
      <c r="S284" s="167"/>
      <c r="T284" s="167"/>
      <c r="U284" s="167"/>
      <c r="V284" s="167"/>
      <c r="W284" s="161"/>
      <c r="X284" s="167"/>
      <c r="Y284" s="167"/>
      <c r="Z284" s="167" t="s">
        <v>66</v>
      </c>
      <c r="AA284" s="167"/>
      <c r="AB284" s="167"/>
      <c r="AC284" s="167"/>
      <c r="AD284" s="167"/>
      <c r="AE284" s="167"/>
      <c r="AF284" s="167"/>
      <c r="AG284" s="167"/>
      <c r="AH284" s="167"/>
      <c r="AI284" s="167"/>
      <c r="AJ284" s="167"/>
      <c r="AK284" s="167"/>
      <c r="AL284" s="167"/>
      <c r="AM284" s="167"/>
      <c r="AN284" s="167"/>
      <c r="AO284" s="167"/>
      <c r="AP284" s="167"/>
      <c r="AQ284" s="167"/>
      <c r="AR284" s="167"/>
      <c r="AS284" s="167"/>
      <c r="AT284" s="167"/>
      <c r="AU284" s="167"/>
      <c r="AV284" s="167"/>
      <c r="AW284" s="160">
        <f t="shared" si="150"/>
        <v>500</v>
      </c>
      <c r="AX284" s="158">
        <f t="shared" si="151"/>
        <v>508.52600000000001</v>
      </c>
      <c r="AY284" s="161" t="str">
        <f t="shared" si="152"/>
        <v/>
      </c>
      <c r="AZ284" s="161" t="str">
        <f t="shared" si="153"/>
        <v/>
      </c>
      <c r="BA284" s="161" t="str">
        <f t="shared" si="154"/>
        <v/>
      </c>
      <c r="BB284" s="161" t="str">
        <f t="shared" si="155"/>
        <v/>
      </c>
      <c r="BC284" s="161" t="str">
        <f t="shared" si="156"/>
        <v/>
      </c>
      <c r="BD284" s="161" t="str">
        <f t="shared" si="157"/>
        <v/>
      </c>
      <c r="BE284" s="161" t="str">
        <f t="shared" si="158"/>
        <v/>
      </c>
      <c r="BF284" s="161" t="str">
        <f t="shared" si="159"/>
        <v/>
      </c>
      <c r="BG284" s="161">
        <f t="shared" si="160"/>
        <v>254263</v>
      </c>
      <c r="BH284" s="161" t="str">
        <f t="shared" si="161"/>
        <v/>
      </c>
      <c r="BI284" s="161" t="str">
        <f t="shared" si="162"/>
        <v/>
      </c>
      <c r="BJ284" s="161" t="str">
        <f t="shared" si="163"/>
        <v/>
      </c>
      <c r="BK284" s="161" t="str">
        <f t="shared" si="164"/>
        <v/>
      </c>
      <c r="BL284" s="161" t="str">
        <f t="shared" si="165"/>
        <v/>
      </c>
      <c r="BM284" s="161" t="str">
        <f t="shared" si="166"/>
        <v/>
      </c>
      <c r="BN284" s="161" t="str">
        <f t="shared" si="167"/>
        <v/>
      </c>
      <c r="BO284" s="161" t="str">
        <f t="shared" si="168"/>
        <v/>
      </c>
      <c r="BP284" s="161" t="str">
        <f t="shared" si="169"/>
        <v/>
      </c>
      <c r="BQ284" s="161" t="str">
        <f t="shared" si="170"/>
        <v/>
      </c>
      <c r="BR284" s="161" t="str">
        <f t="shared" si="171"/>
        <v/>
      </c>
      <c r="BS284" s="161" t="str">
        <f t="shared" si="172"/>
        <v/>
      </c>
      <c r="BT284" s="161" t="str">
        <f t="shared" si="173"/>
        <v/>
      </c>
      <c r="BU284" s="161" t="str">
        <f t="shared" si="174"/>
        <v/>
      </c>
      <c r="BV284" s="161" t="str">
        <f t="shared" si="175"/>
        <v/>
      </c>
      <c r="BW284" s="161" t="str">
        <f t="shared" si="176"/>
        <v/>
      </c>
      <c r="BX284" s="161" t="str">
        <f t="shared" si="177"/>
        <v/>
      </c>
      <c r="BY284" s="161" t="str">
        <f t="shared" si="178"/>
        <v/>
      </c>
      <c r="BZ284" s="161" t="str">
        <f t="shared" si="179"/>
        <v/>
      </c>
      <c r="CA284" s="161" t="str">
        <f t="shared" si="180"/>
        <v/>
      </c>
      <c r="CB284" s="161" t="str">
        <f t="shared" si="181"/>
        <v/>
      </c>
      <c r="CC284" s="161" t="str">
        <f t="shared" si="182"/>
        <v/>
      </c>
      <c r="CD284" s="156"/>
      <c r="CE284" s="156"/>
      <c r="CF284" s="156"/>
    </row>
    <row r="285" spans="1:84" s="211" customFormat="1" ht="56.1" hidden="1" customHeight="1" x14ac:dyDescent="0.2">
      <c r="A285" s="198">
        <v>283</v>
      </c>
      <c r="B285" s="199" t="s">
        <v>53</v>
      </c>
      <c r="C285" s="208" t="s">
        <v>329</v>
      </c>
      <c r="D285" s="200" t="s">
        <v>500</v>
      </c>
      <c r="E285" s="200" t="s">
        <v>501</v>
      </c>
      <c r="F285" s="209" t="s">
        <v>503</v>
      </c>
      <c r="G285" s="200" t="s">
        <v>58</v>
      </c>
      <c r="H285" s="200" t="s">
        <v>326</v>
      </c>
      <c r="I285" s="200" t="s">
        <v>81</v>
      </c>
      <c r="J285" s="200" t="s">
        <v>334</v>
      </c>
      <c r="K285" s="200" t="s">
        <v>71</v>
      </c>
      <c r="L285" s="200" t="s">
        <v>63</v>
      </c>
      <c r="M285" s="200" t="s">
        <v>63</v>
      </c>
      <c r="N285" s="201">
        <f>'[2]Hemel Hempstead'!$AX$12</f>
        <v>119080</v>
      </c>
      <c r="O285" s="201">
        <f t="shared" si="183"/>
        <v>119080</v>
      </c>
      <c r="P285" s="200" t="s">
        <v>226</v>
      </c>
      <c r="Q285" s="200" t="s">
        <v>82</v>
      </c>
      <c r="R285" s="210"/>
      <c r="S285" s="210"/>
      <c r="T285" s="210"/>
      <c r="U285" s="210"/>
      <c r="V285" s="210"/>
      <c r="W285" s="203"/>
      <c r="X285" s="210"/>
      <c r="Y285" s="210"/>
      <c r="Z285" s="210"/>
      <c r="AA285" s="210"/>
      <c r="AB285" s="210"/>
      <c r="AC285" s="210"/>
      <c r="AD285" s="210" t="s">
        <v>66</v>
      </c>
      <c r="AE285" s="210"/>
      <c r="AF285" s="210"/>
      <c r="AG285" s="210"/>
      <c r="AH285" s="210"/>
      <c r="AI285" s="210"/>
      <c r="AJ285" s="210"/>
      <c r="AK285" s="210"/>
      <c r="AL285" s="210"/>
      <c r="AM285" s="210"/>
      <c r="AN285" s="210"/>
      <c r="AO285" s="210"/>
      <c r="AP285" s="210"/>
      <c r="AQ285" s="210"/>
      <c r="AR285" s="210"/>
      <c r="AS285" s="210"/>
      <c r="AT285" s="210"/>
      <c r="AU285" s="210"/>
      <c r="AV285" s="210"/>
      <c r="AW285" s="204">
        <f t="shared" si="150"/>
        <v>234</v>
      </c>
      <c r="AX285" s="205">
        <f t="shared" si="151"/>
        <v>508.88888888888891</v>
      </c>
      <c r="AY285" s="203" t="str">
        <f t="shared" si="152"/>
        <v/>
      </c>
      <c r="AZ285" s="203" t="str">
        <f t="shared" si="153"/>
        <v/>
      </c>
      <c r="BA285" s="203" t="str">
        <f t="shared" si="154"/>
        <v/>
      </c>
      <c r="BB285" s="203" t="str">
        <f t="shared" si="155"/>
        <v/>
      </c>
      <c r="BC285" s="203" t="str">
        <f t="shared" si="156"/>
        <v/>
      </c>
      <c r="BD285" s="203" t="str">
        <f t="shared" si="157"/>
        <v/>
      </c>
      <c r="BE285" s="203" t="str">
        <f t="shared" si="158"/>
        <v/>
      </c>
      <c r="BF285" s="203" t="str">
        <f t="shared" si="159"/>
        <v/>
      </c>
      <c r="BG285" s="203" t="str">
        <f t="shared" si="160"/>
        <v/>
      </c>
      <c r="BH285" s="203" t="str">
        <f t="shared" si="161"/>
        <v/>
      </c>
      <c r="BI285" s="203" t="str">
        <f t="shared" si="162"/>
        <v/>
      </c>
      <c r="BJ285" s="203" t="str">
        <f t="shared" si="163"/>
        <v/>
      </c>
      <c r="BK285" s="203">
        <f t="shared" si="164"/>
        <v>119080</v>
      </c>
      <c r="BL285" s="203" t="str">
        <f t="shared" si="165"/>
        <v/>
      </c>
      <c r="BM285" s="203" t="str">
        <f t="shared" si="166"/>
        <v/>
      </c>
      <c r="BN285" s="203" t="str">
        <f t="shared" si="167"/>
        <v/>
      </c>
      <c r="BO285" s="203" t="str">
        <f t="shared" si="168"/>
        <v/>
      </c>
      <c r="BP285" s="203" t="str">
        <f t="shared" si="169"/>
        <v/>
      </c>
      <c r="BQ285" s="203" t="str">
        <f t="shared" si="170"/>
        <v/>
      </c>
      <c r="BR285" s="203" t="str">
        <f t="shared" si="171"/>
        <v/>
      </c>
      <c r="BS285" s="203" t="str">
        <f t="shared" si="172"/>
        <v/>
      </c>
      <c r="BT285" s="203" t="str">
        <f t="shared" si="173"/>
        <v/>
      </c>
      <c r="BU285" s="203" t="str">
        <f t="shared" si="174"/>
        <v/>
      </c>
      <c r="BV285" s="203" t="str">
        <f t="shared" si="175"/>
        <v/>
      </c>
      <c r="BW285" s="203" t="str">
        <f t="shared" si="176"/>
        <v/>
      </c>
      <c r="BX285" s="203" t="str">
        <f t="shared" si="177"/>
        <v/>
      </c>
      <c r="BY285" s="203" t="str">
        <f t="shared" si="178"/>
        <v/>
      </c>
      <c r="BZ285" s="203" t="str">
        <f t="shared" si="179"/>
        <v/>
      </c>
      <c r="CA285" s="203" t="str">
        <f t="shared" si="180"/>
        <v/>
      </c>
      <c r="CB285" s="203" t="str">
        <f t="shared" si="181"/>
        <v/>
      </c>
      <c r="CC285" s="203" t="str">
        <f t="shared" si="182"/>
        <v/>
      </c>
      <c r="CD285" s="200"/>
      <c r="CE285" s="200"/>
      <c r="CF285" s="200"/>
    </row>
    <row r="286" spans="1:84" s="168" customFormat="1" ht="56.1" hidden="1" customHeight="1" x14ac:dyDescent="0.2">
      <c r="A286" s="154">
        <v>284</v>
      </c>
      <c r="B286" s="155" t="s">
        <v>53</v>
      </c>
      <c r="C286" s="165" t="s">
        <v>329</v>
      </c>
      <c r="D286" s="156" t="s">
        <v>500</v>
      </c>
      <c r="E286" s="156" t="s">
        <v>501</v>
      </c>
      <c r="F286" s="166" t="s">
        <v>514</v>
      </c>
      <c r="G286" s="156" t="s">
        <v>58</v>
      </c>
      <c r="H286" s="156" t="s">
        <v>26</v>
      </c>
      <c r="I286" s="156" t="s">
        <v>60</v>
      </c>
      <c r="J286" s="156" t="s">
        <v>334</v>
      </c>
      <c r="K286" s="156" t="s">
        <v>159</v>
      </c>
      <c r="L286" s="156" t="s">
        <v>63</v>
      </c>
      <c r="M286" s="156" t="s">
        <v>63</v>
      </c>
      <c r="N286" s="157">
        <f>'[2]Hemel Hempstead'!$AI$12</f>
        <v>254263</v>
      </c>
      <c r="O286" s="157">
        <f t="shared" si="183"/>
        <v>254263</v>
      </c>
      <c r="P286" s="156" t="s">
        <v>226</v>
      </c>
      <c r="Q286" s="156" t="s">
        <v>82</v>
      </c>
      <c r="R286" s="167"/>
      <c r="S286" s="167"/>
      <c r="T286" s="167"/>
      <c r="U286" s="167"/>
      <c r="V286" s="167"/>
      <c r="W286" s="161"/>
      <c r="X286" s="167"/>
      <c r="Y286" s="167"/>
      <c r="Z286" s="167"/>
      <c r="AA286" s="167" t="s">
        <v>66</v>
      </c>
      <c r="AB286" s="167"/>
      <c r="AC286" s="167"/>
      <c r="AD286" s="167"/>
      <c r="AE286" s="167"/>
      <c r="AF286" s="167"/>
      <c r="AG286" s="167"/>
      <c r="AH286" s="167"/>
      <c r="AI286" s="167"/>
      <c r="AJ286" s="167"/>
      <c r="AK286" s="167"/>
      <c r="AL286" s="167"/>
      <c r="AM286" s="167"/>
      <c r="AN286" s="167"/>
      <c r="AO286" s="167"/>
      <c r="AP286" s="167"/>
      <c r="AQ286" s="167"/>
      <c r="AR286" s="167"/>
      <c r="AS286" s="167"/>
      <c r="AT286" s="167"/>
      <c r="AU286" s="167"/>
      <c r="AV286" s="167"/>
      <c r="AW286" s="160">
        <f t="shared" si="150"/>
        <v>500</v>
      </c>
      <c r="AX286" s="158">
        <f t="shared" si="151"/>
        <v>508.52600000000001</v>
      </c>
      <c r="AY286" s="161" t="str">
        <f t="shared" si="152"/>
        <v/>
      </c>
      <c r="AZ286" s="161" t="str">
        <f t="shared" si="153"/>
        <v/>
      </c>
      <c r="BA286" s="161" t="str">
        <f t="shared" si="154"/>
        <v/>
      </c>
      <c r="BB286" s="161" t="str">
        <f t="shared" si="155"/>
        <v/>
      </c>
      <c r="BC286" s="161" t="str">
        <f t="shared" si="156"/>
        <v/>
      </c>
      <c r="BD286" s="161" t="str">
        <f t="shared" si="157"/>
        <v/>
      </c>
      <c r="BE286" s="161" t="str">
        <f t="shared" si="158"/>
        <v/>
      </c>
      <c r="BF286" s="161" t="str">
        <f t="shared" si="159"/>
        <v/>
      </c>
      <c r="BG286" s="161" t="str">
        <f t="shared" si="160"/>
        <v/>
      </c>
      <c r="BH286" s="161">
        <f t="shared" si="161"/>
        <v>254263</v>
      </c>
      <c r="BI286" s="161" t="str">
        <f t="shared" si="162"/>
        <v/>
      </c>
      <c r="BJ286" s="161" t="str">
        <f t="shared" si="163"/>
        <v/>
      </c>
      <c r="BK286" s="161" t="str">
        <f t="shared" si="164"/>
        <v/>
      </c>
      <c r="BL286" s="161" t="str">
        <f t="shared" si="165"/>
        <v/>
      </c>
      <c r="BM286" s="161" t="str">
        <f t="shared" si="166"/>
        <v/>
      </c>
      <c r="BN286" s="161" t="str">
        <f t="shared" si="167"/>
        <v/>
      </c>
      <c r="BO286" s="161" t="str">
        <f t="shared" si="168"/>
        <v/>
      </c>
      <c r="BP286" s="161" t="str">
        <f t="shared" si="169"/>
        <v/>
      </c>
      <c r="BQ286" s="161" t="str">
        <f t="shared" si="170"/>
        <v/>
      </c>
      <c r="BR286" s="161" t="str">
        <f t="shared" si="171"/>
        <v/>
      </c>
      <c r="BS286" s="161" t="str">
        <f t="shared" si="172"/>
        <v/>
      </c>
      <c r="BT286" s="161" t="str">
        <f t="shared" si="173"/>
        <v/>
      </c>
      <c r="BU286" s="161" t="str">
        <f t="shared" si="174"/>
        <v/>
      </c>
      <c r="BV286" s="161" t="str">
        <f t="shared" si="175"/>
        <v/>
      </c>
      <c r="BW286" s="161" t="str">
        <f t="shared" si="176"/>
        <v/>
      </c>
      <c r="BX286" s="161" t="str">
        <f t="shared" si="177"/>
        <v/>
      </c>
      <c r="BY286" s="161" t="str">
        <f t="shared" si="178"/>
        <v/>
      </c>
      <c r="BZ286" s="161" t="str">
        <f t="shared" si="179"/>
        <v/>
      </c>
      <c r="CA286" s="161" t="str">
        <f t="shared" si="180"/>
        <v/>
      </c>
      <c r="CB286" s="161" t="str">
        <f t="shared" si="181"/>
        <v/>
      </c>
      <c r="CC286" s="161" t="str">
        <f t="shared" si="182"/>
        <v/>
      </c>
      <c r="CD286" s="156"/>
      <c r="CE286" s="156"/>
      <c r="CF286" s="156"/>
    </row>
    <row r="287" spans="1:84" s="168" customFormat="1" ht="56.1" hidden="1" customHeight="1" x14ac:dyDescent="0.2">
      <c r="A287" s="154">
        <v>285</v>
      </c>
      <c r="B287" s="155" t="s">
        <v>53</v>
      </c>
      <c r="C287" s="165" t="s">
        <v>329</v>
      </c>
      <c r="D287" s="156" t="s">
        <v>500</v>
      </c>
      <c r="E287" s="156" t="s">
        <v>501</v>
      </c>
      <c r="F287" s="166" t="s">
        <v>506</v>
      </c>
      <c r="G287" s="156" t="s">
        <v>58</v>
      </c>
      <c r="H287" s="156" t="s">
        <v>27</v>
      </c>
      <c r="I287" s="156" t="s">
        <v>60</v>
      </c>
      <c r="J287" s="156" t="s">
        <v>334</v>
      </c>
      <c r="K287" s="156" t="s">
        <v>390</v>
      </c>
      <c r="L287" s="156" t="s">
        <v>63</v>
      </c>
      <c r="M287" s="156" t="s">
        <v>63</v>
      </c>
      <c r="N287" s="157">
        <f>'[2]Hemel Hempstead'!$AF$12</f>
        <v>381394</v>
      </c>
      <c r="O287" s="157">
        <f t="shared" si="183"/>
        <v>381394</v>
      </c>
      <c r="P287" s="156" t="s">
        <v>226</v>
      </c>
      <c r="Q287" s="156" t="s">
        <v>82</v>
      </c>
      <c r="R287" s="167"/>
      <c r="S287" s="167"/>
      <c r="T287" s="167"/>
      <c r="U287" s="167"/>
      <c r="V287" s="167"/>
      <c r="W287" s="161"/>
      <c r="X287" s="167"/>
      <c r="Y287" s="167"/>
      <c r="Z287" s="167"/>
      <c r="AA287" s="167"/>
      <c r="AB287" s="167" t="s">
        <v>66</v>
      </c>
      <c r="AC287" s="167"/>
      <c r="AD287" s="167"/>
      <c r="AE287" s="167"/>
      <c r="AF287" s="167"/>
      <c r="AG287" s="167"/>
      <c r="AH287" s="167"/>
      <c r="AI287" s="167"/>
      <c r="AJ287" s="167"/>
      <c r="AK287" s="167"/>
      <c r="AL287" s="167"/>
      <c r="AM287" s="167"/>
      <c r="AN287" s="167"/>
      <c r="AO287" s="167"/>
      <c r="AP287" s="167"/>
      <c r="AQ287" s="167"/>
      <c r="AR287" s="167"/>
      <c r="AS287" s="167"/>
      <c r="AT287" s="167"/>
      <c r="AU287" s="167"/>
      <c r="AV287" s="167"/>
      <c r="AW287" s="160">
        <f t="shared" si="150"/>
        <v>750</v>
      </c>
      <c r="AX287" s="158">
        <f t="shared" si="151"/>
        <v>508.52533333333332</v>
      </c>
      <c r="AY287" s="161" t="str">
        <f t="shared" si="152"/>
        <v/>
      </c>
      <c r="AZ287" s="161" t="str">
        <f t="shared" si="153"/>
        <v/>
      </c>
      <c r="BA287" s="161" t="str">
        <f t="shared" si="154"/>
        <v/>
      </c>
      <c r="BB287" s="161" t="str">
        <f t="shared" si="155"/>
        <v/>
      </c>
      <c r="BC287" s="161" t="str">
        <f t="shared" si="156"/>
        <v/>
      </c>
      <c r="BD287" s="161" t="str">
        <f t="shared" si="157"/>
        <v/>
      </c>
      <c r="BE287" s="161" t="str">
        <f t="shared" si="158"/>
        <v/>
      </c>
      <c r="BF287" s="161" t="str">
        <f t="shared" si="159"/>
        <v/>
      </c>
      <c r="BG287" s="161" t="str">
        <f t="shared" si="160"/>
        <v/>
      </c>
      <c r="BH287" s="161" t="str">
        <f t="shared" si="161"/>
        <v/>
      </c>
      <c r="BI287" s="161">
        <f t="shared" si="162"/>
        <v>381394</v>
      </c>
      <c r="BJ287" s="161" t="str">
        <f t="shared" si="163"/>
        <v/>
      </c>
      <c r="BK287" s="161" t="str">
        <f t="shared" si="164"/>
        <v/>
      </c>
      <c r="BL287" s="161" t="str">
        <f t="shared" si="165"/>
        <v/>
      </c>
      <c r="BM287" s="161" t="str">
        <f t="shared" si="166"/>
        <v/>
      </c>
      <c r="BN287" s="161" t="str">
        <f t="shared" si="167"/>
        <v/>
      </c>
      <c r="BO287" s="161" t="str">
        <f t="shared" si="168"/>
        <v/>
      </c>
      <c r="BP287" s="161" t="str">
        <f t="shared" si="169"/>
        <v/>
      </c>
      <c r="BQ287" s="161" t="str">
        <f t="shared" si="170"/>
        <v/>
      </c>
      <c r="BR287" s="161" t="str">
        <f t="shared" si="171"/>
        <v/>
      </c>
      <c r="BS287" s="161" t="str">
        <f t="shared" si="172"/>
        <v/>
      </c>
      <c r="BT287" s="161" t="str">
        <f t="shared" si="173"/>
        <v/>
      </c>
      <c r="BU287" s="161" t="str">
        <f t="shared" si="174"/>
        <v/>
      </c>
      <c r="BV287" s="161" t="str">
        <f t="shared" si="175"/>
        <v/>
      </c>
      <c r="BW287" s="161" t="str">
        <f t="shared" si="176"/>
        <v/>
      </c>
      <c r="BX287" s="161" t="str">
        <f t="shared" si="177"/>
        <v/>
      </c>
      <c r="BY287" s="161" t="str">
        <f t="shared" si="178"/>
        <v/>
      </c>
      <c r="BZ287" s="161" t="str">
        <f t="shared" si="179"/>
        <v/>
      </c>
      <c r="CA287" s="161" t="str">
        <f t="shared" si="180"/>
        <v/>
      </c>
      <c r="CB287" s="161" t="str">
        <f t="shared" si="181"/>
        <v/>
      </c>
      <c r="CC287" s="161" t="str">
        <f t="shared" si="182"/>
        <v/>
      </c>
      <c r="CD287" s="156"/>
      <c r="CE287" s="156"/>
      <c r="CF287" s="156"/>
    </row>
    <row r="288" spans="1:84" s="168" customFormat="1" ht="56.1" hidden="1" customHeight="1" x14ac:dyDescent="0.2">
      <c r="A288" s="154">
        <v>286</v>
      </c>
      <c r="B288" s="155" t="s">
        <v>53</v>
      </c>
      <c r="C288" s="165" t="s">
        <v>329</v>
      </c>
      <c r="D288" s="156" t="s">
        <v>500</v>
      </c>
      <c r="E288" s="156" t="s">
        <v>501</v>
      </c>
      <c r="F288" s="166" t="s">
        <v>513</v>
      </c>
      <c r="G288" s="156" t="s">
        <v>58</v>
      </c>
      <c r="H288" s="156" t="s">
        <v>127</v>
      </c>
      <c r="I288" s="156" t="s">
        <v>81</v>
      </c>
      <c r="J288" s="156" t="s">
        <v>334</v>
      </c>
      <c r="K288" s="156" t="s">
        <v>187</v>
      </c>
      <c r="L288" s="156" t="s">
        <v>63</v>
      </c>
      <c r="M288" s="156" t="s">
        <v>63</v>
      </c>
      <c r="N288" s="157">
        <f>'[2]Hemel Hempstead'!$AL$12</f>
        <v>177984</v>
      </c>
      <c r="O288" s="157">
        <f t="shared" si="183"/>
        <v>177984</v>
      </c>
      <c r="P288" s="156" t="s">
        <v>226</v>
      </c>
      <c r="Q288" s="156" t="s">
        <v>82</v>
      </c>
      <c r="R288" s="167"/>
      <c r="S288" s="167"/>
      <c r="T288" s="167"/>
      <c r="U288" s="167"/>
      <c r="V288" s="167"/>
      <c r="W288" s="161"/>
      <c r="X288" s="167"/>
      <c r="Y288" s="167"/>
      <c r="Z288" s="167"/>
      <c r="AA288" s="167"/>
      <c r="AB288" s="167"/>
      <c r="AC288" s="167"/>
      <c r="AD288" s="167"/>
      <c r="AE288" s="167" t="s">
        <v>66</v>
      </c>
      <c r="AF288" s="167"/>
      <c r="AG288" s="167"/>
      <c r="AH288" s="167"/>
      <c r="AI288" s="167"/>
      <c r="AJ288" s="167"/>
      <c r="AK288" s="167"/>
      <c r="AL288" s="167"/>
      <c r="AM288" s="167"/>
      <c r="AN288" s="167"/>
      <c r="AO288" s="167"/>
      <c r="AP288" s="167"/>
      <c r="AQ288" s="167"/>
      <c r="AR288" s="167"/>
      <c r="AS288" s="167"/>
      <c r="AT288" s="167"/>
      <c r="AU288" s="167"/>
      <c r="AV288" s="167"/>
      <c r="AW288" s="160">
        <f t="shared" si="150"/>
        <v>350</v>
      </c>
      <c r="AX288" s="158">
        <f t="shared" si="151"/>
        <v>508.52571428571429</v>
      </c>
      <c r="AY288" s="161" t="str">
        <f t="shared" si="152"/>
        <v/>
      </c>
      <c r="AZ288" s="161" t="str">
        <f t="shared" si="153"/>
        <v/>
      </c>
      <c r="BA288" s="161" t="str">
        <f t="shared" si="154"/>
        <v/>
      </c>
      <c r="BB288" s="161" t="str">
        <f t="shared" si="155"/>
        <v/>
      </c>
      <c r="BC288" s="161" t="str">
        <f t="shared" si="156"/>
        <v/>
      </c>
      <c r="BD288" s="161" t="str">
        <f t="shared" si="157"/>
        <v/>
      </c>
      <c r="BE288" s="161" t="str">
        <f t="shared" si="158"/>
        <v/>
      </c>
      <c r="BF288" s="161" t="str">
        <f t="shared" si="159"/>
        <v/>
      </c>
      <c r="BG288" s="161" t="str">
        <f t="shared" si="160"/>
        <v/>
      </c>
      <c r="BH288" s="161" t="str">
        <f t="shared" si="161"/>
        <v/>
      </c>
      <c r="BI288" s="161" t="str">
        <f t="shared" si="162"/>
        <v/>
      </c>
      <c r="BJ288" s="161" t="str">
        <f t="shared" si="163"/>
        <v/>
      </c>
      <c r="BK288" s="161" t="str">
        <f t="shared" si="164"/>
        <v/>
      </c>
      <c r="BL288" s="161">
        <f t="shared" si="165"/>
        <v>177984</v>
      </c>
      <c r="BM288" s="161" t="str">
        <f t="shared" si="166"/>
        <v/>
      </c>
      <c r="BN288" s="161" t="str">
        <f t="shared" si="167"/>
        <v/>
      </c>
      <c r="BO288" s="161" t="str">
        <f t="shared" si="168"/>
        <v/>
      </c>
      <c r="BP288" s="161" t="str">
        <f t="shared" si="169"/>
        <v/>
      </c>
      <c r="BQ288" s="161" t="str">
        <f t="shared" si="170"/>
        <v/>
      </c>
      <c r="BR288" s="161" t="str">
        <f t="shared" si="171"/>
        <v/>
      </c>
      <c r="BS288" s="161" t="str">
        <f t="shared" si="172"/>
        <v/>
      </c>
      <c r="BT288" s="161" t="str">
        <f t="shared" si="173"/>
        <v/>
      </c>
      <c r="BU288" s="161" t="str">
        <f t="shared" si="174"/>
        <v/>
      </c>
      <c r="BV288" s="161" t="str">
        <f t="shared" si="175"/>
        <v/>
      </c>
      <c r="BW288" s="161" t="str">
        <f t="shared" si="176"/>
        <v/>
      </c>
      <c r="BX288" s="161" t="str">
        <f t="shared" si="177"/>
        <v/>
      </c>
      <c r="BY288" s="161" t="str">
        <f t="shared" si="178"/>
        <v/>
      </c>
      <c r="BZ288" s="161" t="str">
        <f t="shared" si="179"/>
        <v/>
      </c>
      <c r="CA288" s="161" t="str">
        <f t="shared" si="180"/>
        <v/>
      </c>
      <c r="CB288" s="161" t="str">
        <f t="shared" si="181"/>
        <v/>
      </c>
      <c r="CC288" s="161" t="str">
        <f t="shared" si="182"/>
        <v/>
      </c>
      <c r="CD288" s="156"/>
      <c r="CE288" s="156"/>
      <c r="CF288" s="156"/>
    </row>
    <row r="289" spans="1:84" s="168" customFormat="1" ht="56.1" hidden="1" customHeight="1" x14ac:dyDescent="0.2">
      <c r="A289" s="154">
        <v>287</v>
      </c>
      <c r="B289" s="155" t="s">
        <v>53</v>
      </c>
      <c r="C289" s="165" t="s">
        <v>329</v>
      </c>
      <c r="D289" s="156" t="s">
        <v>500</v>
      </c>
      <c r="E289" s="156" t="s">
        <v>501</v>
      </c>
      <c r="F289" s="166" t="s">
        <v>507</v>
      </c>
      <c r="G289" s="156" t="s">
        <v>58</v>
      </c>
      <c r="H289" s="156" t="s">
        <v>31</v>
      </c>
      <c r="I289" s="156" t="s">
        <v>81</v>
      </c>
      <c r="J289" s="156" t="s">
        <v>334</v>
      </c>
      <c r="K289" s="156" t="s">
        <v>392</v>
      </c>
      <c r="L289" s="156" t="s">
        <v>63</v>
      </c>
      <c r="M289" s="156" t="s">
        <v>63</v>
      </c>
      <c r="N289" s="157">
        <f>'[2]Hemel Hempstead'!$AO$12</f>
        <v>45767</v>
      </c>
      <c r="O289" s="157">
        <f t="shared" si="183"/>
        <v>45767</v>
      </c>
      <c r="P289" s="156" t="s">
        <v>226</v>
      </c>
      <c r="Q289" s="156" t="s">
        <v>82</v>
      </c>
      <c r="R289" s="167"/>
      <c r="S289" s="167"/>
      <c r="T289" s="167"/>
      <c r="U289" s="167"/>
      <c r="V289" s="167"/>
      <c r="W289" s="161"/>
      <c r="X289" s="167"/>
      <c r="Y289" s="167"/>
      <c r="Z289" s="167"/>
      <c r="AA289" s="167"/>
      <c r="AB289" s="167"/>
      <c r="AC289" s="167"/>
      <c r="AD289" s="167"/>
      <c r="AE289" s="167"/>
      <c r="AF289" s="167" t="s">
        <v>66</v>
      </c>
      <c r="AG289" s="167"/>
      <c r="AH289" s="167"/>
      <c r="AI289" s="167"/>
      <c r="AJ289" s="167"/>
      <c r="AK289" s="167"/>
      <c r="AL289" s="167"/>
      <c r="AM289" s="167"/>
      <c r="AN289" s="167"/>
      <c r="AO289" s="167"/>
      <c r="AP289" s="167"/>
      <c r="AQ289" s="167"/>
      <c r="AR289" s="167"/>
      <c r="AS289" s="167"/>
      <c r="AT289" s="167"/>
      <c r="AU289" s="167"/>
      <c r="AV289" s="167"/>
      <c r="AW289" s="160">
        <f t="shared" si="150"/>
        <v>90</v>
      </c>
      <c r="AX289" s="158">
        <f t="shared" si="151"/>
        <v>508.52222222222224</v>
      </c>
      <c r="AY289" s="161" t="str">
        <f t="shared" si="152"/>
        <v/>
      </c>
      <c r="AZ289" s="161" t="str">
        <f t="shared" si="153"/>
        <v/>
      </c>
      <c r="BA289" s="161" t="str">
        <f t="shared" si="154"/>
        <v/>
      </c>
      <c r="BB289" s="161" t="str">
        <f t="shared" si="155"/>
        <v/>
      </c>
      <c r="BC289" s="161" t="str">
        <f t="shared" si="156"/>
        <v/>
      </c>
      <c r="BD289" s="161" t="str">
        <f t="shared" si="157"/>
        <v/>
      </c>
      <c r="BE289" s="161" t="str">
        <f t="shared" si="158"/>
        <v/>
      </c>
      <c r="BF289" s="161" t="str">
        <f t="shared" si="159"/>
        <v/>
      </c>
      <c r="BG289" s="161" t="str">
        <f t="shared" si="160"/>
        <v/>
      </c>
      <c r="BH289" s="161" t="str">
        <f t="shared" si="161"/>
        <v/>
      </c>
      <c r="BI289" s="161" t="str">
        <f t="shared" si="162"/>
        <v/>
      </c>
      <c r="BJ289" s="161" t="str">
        <f t="shared" si="163"/>
        <v/>
      </c>
      <c r="BK289" s="161" t="str">
        <f t="shared" si="164"/>
        <v/>
      </c>
      <c r="BL289" s="161" t="str">
        <f t="shared" si="165"/>
        <v/>
      </c>
      <c r="BM289" s="161">
        <f t="shared" si="166"/>
        <v>45767</v>
      </c>
      <c r="BN289" s="161" t="str">
        <f t="shared" si="167"/>
        <v/>
      </c>
      <c r="BO289" s="161" t="str">
        <f t="shared" si="168"/>
        <v/>
      </c>
      <c r="BP289" s="161" t="str">
        <f t="shared" si="169"/>
        <v/>
      </c>
      <c r="BQ289" s="161" t="str">
        <f t="shared" si="170"/>
        <v/>
      </c>
      <c r="BR289" s="161" t="str">
        <f t="shared" si="171"/>
        <v/>
      </c>
      <c r="BS289" s="161" t="str">
        <f t="shared" si="172"/>
        <v/>
      </c>
      <c r="BT289" s="161" t="str">
        <f t="shared" si="173"/>
        <v/>
      </c>
      <c r="BU289" s="161" t="str">
        <f t="shared" si="174"/>
        <v/>
      </c>
      <c r="BV289" s="161" t="str">
        <f t="shared" si="175"/>
        <v/>
      </c>
      <c r="BW289" s="161" t="str">
        <f t="shared" si="176"/>
        <v/>
      </c>
      <c r="BX289" s="161" t="str">
        <f t="shared" si="177"/>
        <v/>
      </c>
      <c r="BY289" s="161" t="str">
        <f t="shared" si="178"/>
        <v/>
      </c>
      <c r="BZ289" s="161" t="str">
        <f t="shared" si="179"/>
        <v/>
      </c>
      <c r="CA289" s="161" t="str">
        <f t="shared" si="180"/>
        <v/>
      </c>
      <c r="CB289" s="161" t="str">
        <f t="shared" si="181"/>
        <v/>
      </c>
      <c r="CC289" s="161" t="str">
        <f t="shared" si="182"/>
        <v/>
      </c>
      <c r="CD289" s="156"/>
      <c r="CE289" s="156"/>
      <c r="CF289" s="156"/>
    </row>
    <row r="290" spans="1:84" s="168" customFormat="1" ht="56.1" hidden="1" customHeight="1" x14ac:dyDescent="0.2">
      <c r="A290" s="154">
        <v>288</v>
      </c>
      <c r="B290" s="155" t="s">
        <v>53</v>
      </c>
      <c r="C290" s="165" t="s">
        <v>329</v>
      </c>
      <c r="D290" s="156" t="s">
        <v>500</v>
      </c>
      <c r="E290" s="156" t="s">
        <v>501</v>
      </c>
      <c r="F290" s="166" t="s">
        <v>509</v>
      </c>
      <c r="G290" s="156" t="s">
        <v>58</v>
      </c>
      <c r="H290" s="156" t="s">
        <v>327</v>
      </c>
      <c r="I290" s="156" t="s">
        <v>81</v>
      </c>
      <c r="J290" s="156" t="s">
        <v>334</v>
      </c>
      <c r="K290" s="156" t="s">
        <v>377</v>
      </c>
      <c r="L290" s="156" t="s">
        <v>63</v>
      </c>
      <c r="M290" s="156" t="s">
        <v>63</v>
      </c>
      <c r="N290" s="157">
        <f>'[2]Hemel Hempstead'!$AR$12</f>
        <v>40682</v>
      </c>
      <c r="O290" s="157">
        <f t="shared" si="183"/>
        <v>40682</v>
      </c>
      <c r="P290" s="156" t="s">
        <v>226</v>
      </c>
      <c r="Q290" s="156" t="s">
        <v>82</v>
      </c>
      <c r="R290" s="167"/>
      <c r="S290" s="167"/>
      <c r="T290" s="167"/>
      <c r="U290" s="167"/>
      <c r="V290" s="167"/>
      <c r="W290" s="161"/>
      <c r="X290" s="167"/>
      <c r="Y290" s="167"/>
      <c r="Z290" s="167"/>
      <c r="AA290" s="167"/>
      <c r="AB290" s="167"/>
      <c r="AC290" s="167"/>
      <c r="AD290" s="167"/>
      <c r="AE290" s="167"/>
      <c r="AF290" s="167"/>
      <c r="AG290" s="167" t="s">
        <v>66</v>
      </c>
      <c r="AH290" s="167"/>
      <c r="AI290" s="167"/>
      <c r="AJ290" s="167"/>
      <c r="AK290" s="167"/>
      <c r="AL290" s="167"/>
      <c r="AM290" s="167"/>
      <c r="AN290" s="167"/>
      <c r="AO290" s="167"/>
      <c r="AP290" s="167"/>
      <c r="AQ290" s="167"/>
      <c r="AR290" s="167"/>
      <c r="AS290" s="167"/>
      <c r="AT290" s="167"/>
      <c r="AU290" s="167"/>
      <c r="AV290" s="167"/>
      <c r="AW290" s="160">
        <f t="shared" si="150"/>
        <v>80</v>
      </c>
      <c r="AX290" s="158">
        <f t="shared" si="151"/>
        <v>508.52499999999998</v>
      </c>
      <c r="AY290" s="161" t="str">
        <f t="shared" si="152"/>
        <v/>
      </c>
      <c r="AZ290" s="161" t="str">
        <f t="shared" si="153"/>
        <v/>
      </c>
      <c r="BA290" s="161" t="str">
        <f t="shared" si="154"/>
        <v/>
      </c>
      <c r="BB290" s="161" t="str">
        <f t="shared" si="155"/>
        <v/>
      </c>
      <c r="BC290" s="161" t="str">
        <f t="shared" si="156"/>
        <v/>
      </c>
      <c r="BD290" s="161" t="str">
        <f t="shared" si="157"/>
        <v/>
      </c>
      <c r="BE290" s="161" t="str">
        <f t="shared" si="158"/>
        <v/>
      </c>
      <c r="BF290" s="161" t="str">
        <f t="shared" si="159"/>
        <v/>
      </c>
      <c r="BG290" s="161" t="str">
        <f t="shared" si="160"/>
        <v/>
      </c>
      <c r="BH290" s="161" t="str">
        <f t="shared" si="161"/>
        <v/>
      </c>
      <c r="BI290" s="161" t="str">
        <f t="shared" si="162"/>
        <v/>
      </c>
      <c r="BJ290" s="161" t="str">
        <f t="shared" si="163"/>
        <v/>
      </c>
      <c r="BK290" s="161" t="str">
        <f t="shared" si="164"/>
        <v/>
      </c>
      <c r="BL290" s="161" t="str">
        <f t="shared" si="165"/>
        <v/>
      </c>
      <c r="BM290" s="161" t="str">
        <f t="shared" si="166"/>
        <v/>
      </c>
      <c r="BN290" s="161">
        <f t="shared" si="167"/>
        <v>40682</v>
      </c>
      <c r="BO290" s="161" t="str">
        <f t="shared" si="168"/>
        <v/>
      </c>
      <c r="BP290" s="161" t="str">
        <f t="shared" si="169"/>
        <v/>
      </c>
      <c r="BQ290" s="161" t="str">
        <f t="shared" si="170"/>
        <v/>
      </c>
      <c r="BR290" s="161" t="str">
        <f t="shared" si="171"/>
        <v/>
      </c>
      <c r="BS290" s="161" t="str">
        <f t="shared" si="172"/>
        <v/>
      </c>
      <c r="BT290" s="161" t="str">
        <f t="shared" si="173"/>
        <v/>
      </c>
      <c r="BU290" s="161" t="str">
        <f t="shared" si="174"/>
        <v/>
      </c>
      <c r="BV290" s="161" t="str">
        <f t="shared" si="175"/>
        <v/>
      </c>
      <c r="BW290" s="161" t="str">
        <f t="shared" si="176"/>
        <v/>
      </c>
      <c r="BX290" s="161" t="str">
        <f t="shared" si="177"/>
        <v/>
      </c>
      <c r="BY290" s="161" t="str">
        <f t="shared" si="178"/>
        <v/>
      </c>
      <c r="BZ290" s="161" t="str">
        <f t="shared" si="179"/>
        <v/>
      </c>
      <c r="CA290" s="161" t="str">
        <f t="shared" si="180"/>
        <v/>
      </c>
      <c r="CB290" s="161" t="str">
        <f t="shared" si="181"/>
        <v/>
      </c>
      <c r="CC290" s="161" t="str">
        <f t="shared" si="182"/>
        <v/>
      </c>
      <c r="CD290" s="156"/>
      <c r="CE290" s="156"/>
      <c r="CF290" s="156"/>
    </row>
    <row r="291" spans="1:84" s="168" customFormat="1" ht="56.1" hidden="1" customHeight="1" x14ac:dyDescent="0.2">
      <c r="A291" s="154">
        <v>289</v>
      </c>
      <c r="B291" s="155" t="s">
        <v>53</v>
      </c>
      <c r="C291" s="165" t="s">
        <v>329</v>
      </c>
      <c r="D291" s="156" t="s">
        <v>500</v>
      </c>
      <c r="E291" s="156" t="s">
        <v>501</v>
      </c>
      <c r="F291" s="166" t="s">
        <v>505</v>
      </c>
      <c r="G291" s="156" t="s">
        <v>58</v>
      </c>
      <c r="H291" s="156" t="s">
        <v>328</v>
      </c>
      <c r="I291" s="156" t="s">
        <v>81</v>
      </c>
      <c r="J291" s="156" t="s">
        <v>334</v>
      </c>
      <c r="K291" s="156" t="s">
        <v>395</v>
      </c>
      <c r="L291" s="156" t="s">
        <v>63</v>
      </c>
      <c r="M291" s="156" t="s">
        <v>63</v>
      </c>
      <c r="N291" s="157">
        <f>'[2]Hemel Hempstead'!$AU$12</f>
        <v>101705</v>
      </c>
      <c r="O291" s="157">
        <f t="shared" si="183"/>
        <v>101705</v>
      </c>
      <c r="P291" s="156" t="s">
        <v>226</v>
      </c>
      <c r="Q291" s="156" t="s">
        <v>82</v>
      </c>
      <c r="R291" s="167"/>
      <c r="S291" s="167"/>
      <c r="T291" s="167"/>
      <c r="U291" s="167"/>
      <c r="V291" s="167"/>
      <c r="W291" s="161"/>
      <c r="X291" s="167"/>
      <c r="Y291" s="167"/>
      <c r="Z291" s="167"/>
      <c r="AA291" s="167"/>
      <c r="AB291" s="167"/>
      <c r="AC291" s="167" t="s">
        <v>66</v>
      </c>
      <c r="AD291" s="167"/>
      <c r="AE291" s="167"/>
      <c r="AF291" s="167"/>
      <c r="AG291" s="167"/>
      <c r="AH291" s="167"/>
      <c r="AI291" s="167"/>
      <c r="AJ291" s="167"/>
      <c r="AK291" s="167"/>
      <c r="AL291" s="167"/>
      <c r="AM291" s="167"/>
      <c r="AN291" s="167"/>
      <c r="AO291" s="167"/>
      <c r="AP291" s="167"/>
      <c r="AQ291" s="167"/>
      <c r="AR291" s="167"/>
      <c r="AS291" s="167"/>
      <c r="AT291" s="167"/>
      <c r="AU291" s="167"/>
      <c r="AV291" s="167"/>
      <c r="AW291" s="160">
        <f t="shared" si="150"/>
        <v>200</v>
      </c>
      <c r="AX291" s="158">
        <f t="shared" ref="AX291:AX294" si="184">O291/AW291</f>
        <v>508.52499999999998</v>
      </c>
      <c r="AY291" s="161" t="str">
        <f t="shared" si="152"/>
        <v/>
      </c>
      <c r="AZ291" s="161" t="str">
        <f t="shared" si="153"/>
        <v/>
      </c>
      <c r="BA291" s="161" t="str">
        <f t="shared" si="154"/>
        <v/>
      </c>
      <c r="BB291" s="161" t="str">
        <f t="shared" si="155"/>
        <v/>
      </c>
      <c r="BC291" s="161" t="str">
        <f t="shared" si="156"/>
        <v/>
      </c>
      <c r="BD291" s="161" t="str">
        <f t="shared" si="157"/>
        <v/>
      </c>
      <c r="BE291" s="161" t="str">
        <f t="shared" si="158"/>
        <v/>
      </c>
      <c r="BF291" s="161" t="str">
        <f t="shared" si="159"/>
        <v/>
      </c>
      <c r="BG291" s="161" t="str">
        <f t="shared" si="160"/>
        <v/>
      </c>
      <c r="BH291" s="161" t="str">
        <f t="shared" si="161"/>
        <v/>
      </c>
      <c r="BI291" s="161" t="str">
        <f t="shared" si="162"/>
        <v/>
      </c>
      <c r="BJ291" s="161">
        <f t="shared" si="163"/>
        <v>101705</v>
      </c>
      <c r="BK291" s="161" t="str">
        <f t="shared" si="164"/>
        <v/>
      </c>
      <c r="BL291" s="161" t="str">
        <f t="shared" si="165"/>
        <v/>
      </c>
      <c r="BM291" s="161" t="str">
        <f t="shared" si="166"/>
        <v/>
      </c>
      <c r="BN291" s="161" t="str">
        <f t="shared" si="167"/>
        <v/>
      </c>
      <c r="BO291" s="161" t="str">
        <f t="shared" si="168"/>
        <v/>
      </c>
      <c r="BP291" s="161" t="str">
        <f t="shared" si="169"/>
        <v/>
      </c>
      <c r="BQ291" s="161" t="str">
        <f t="shared" si="170"/>
        <v/>
      </c>
      <c r="BR291" s="161" t="str">
        <f t="shared" si="171"/>
        <v/>
      </c>
      <c r="BS291" s="161" t="str">
        <f t="shared" si="172"/>
        <v/>
      </c>
      <c r="BT291" s="161" t="str">
        <f t="shared" si="173"/>
        <v/>
      </c>
      <c r="BU291" s="161" t="str">
        <f t="shared" si="174"/>
        <v/>
      </c>
      <c r="BV291" s="161" t="str">
        <f t="shared" si="175"/>
        <v/>
      </c>
      <c r="BW291" s="161" t="str">
        <f t="shared" si="176"/>
        <v/>
      </c>
      <c r="BX291" s="161" t="str">
        <f t="shared" si="177"/>
        <v/>
      </c>
      <c r="BY291" s="161" t="str">
        <f t="shared" si="178"/>
        <v/>
      </c>
      <c r="BZ291" s="161" t="str">
        <f t="shared" si="179"/>
        <v/>
      </c>
      <c r="CA291" s="161" t="str">
        <f t="shared" si="180"/>
        <v/>
      </c>
      <c r="CB291" s="161" t="str">
        <f t="shared" si="181"/>
        <v/>
      </c>
      <c r="CC291" s="161" t="str">
        <f t="shared" si="182"/>
        <v/>
      </c>
      <c r="CD291" s="156"/>
      <c r="CE291" s="156"/>
      <c r="CF291" s="156"/>
    </row>
    <row r="292" spans="1:84" s="261" customFormat="1" ht="56.1" customHeight="1" x14ac:dyDescent="0.2">
      <c r="A292" s="228">
        <v>290</v>
      </c>
      <c r="B292" s="229" t="s">
        <v>53</v>
      </c>
      <c r="C292" s="230" t="s">
        <v>515</v>
      </c>
      <c r="D292" s="258" t="s">
        <v>516</v>
      </c>
      <c r="E292" s="258" t="s">
        <v>517</v>
      </c>
      <c r="F292" s="258" t="s">
        <v>517</v>
      </c>
      <c r="G292" s="258" t="s">
        <v>333</v>
      </c>
      <c r="H292" s="258" t="s">
        <v>310</v>
      </c>
      <c r="I292" s="258" t="s">
        <v>81</v>
      </c>
      <c r="J292" s="258" t="s">
        <v>334</v>
      </c>
      <c r="K292" s="258" t="s">
        <v>225</v>
      </c>
      <c r="L292" s="258" t="s">
        <v>63</v>
      </c>
      <c r="M292" s="258" t="s">
        <v>63</v>
      </c>
      <c r="N292" s="260">
        <v>102032.1792</v>
      </c>
      <c r="O292" s="260">
        <v>102032.1792</v>
      </c>
      <c r="P292" s="258" t="s">
        <v>226</v>
      </c>
      <c r="Q292" s="258" t="s">
        <v>82</v>
      </c>
      <c r="R292" s="262"/>
      <c r="S292" s="262"/>
      <c r="T292" s="262"/>
      <c r="U292" s="262"/>
      <c r="V292" s="262"/>
      <c r="W292" s="239"/>
      <c r="X292" s="262"/>
      <c r="Y292" s="262"/>
      <c r="Z292" s="262"/>
      <c r="AA292" s="262"/>
      <c r="AB292" s="262"/>
      <c r="AC292" s="262"/>
      <c r="AD292" s="262"/>
      <c r="AE292" s="262"/>
      <c r="AF292" s="262"/>
      <c r="AG292" s="262"/>
      <c r="AH292" s="239" t="s">
        <v>66</v>
      </c>
      <c r="AI292" s="262"/>
      <c r="AJ292" s="262"/>
      <c r="AK292" s="262"/>
      <c r="AL292" s="239" t="s">
        <v>66</v>
      </c>
      <c r="AM292" s="262"/>
      <c r="AN292" s="262"/>
      <c r="AO292" s="262"/>
      <c r="AP292" s="239" t="s">
        <v>66</v>
      </c>
      <c r="AQ292" s="262"/>
      <c r="AR292" s="239" t="s">
        <v>66</v>
      </c>
      <c r="AS292" s="262"/>
      <c r="AT292" s="262"/>
      <c r="AU292" s="239" t="s">
        <v>66</v>
      </c>
      <c r="AV292" s="239" t="s">
        <v>66</v>
      </c>
      <c r="AW292" s="238">
        <f t="shared" si="150"/>
        <v>3286</v>
      </c>
      <c r="AX292" s="84">
        <f t="shared" si="184"/>
        <v>31.050571880706027</v>
      </c>
      <c r="AY292" s="239" t="str">
        <f t="shared" si="152"/>
        <v/>
      </c>
      <c r="AZ292" s="239" t="str">
        <f t="shared" si="153"/>
        <v/>
      </c>
      <c r="BA292" s="239" t="str">
        <f t="shared" si="154"/>
        <v/>
      </c>
      <c r="BB292" s="239" t="str">
        <f t="shared" si="155"/>
        <v/>
      </c>
      <c r="BC292" s="239" t="str">
        <f t="shared" si="156"/>
        <v/>
      </c>
      <c r="BD292" s="239" t="str">
        <f t="shared" si="157"/>
        <v/>
      </c>
      <c r="BE292" s="239" t="str">
        <f t="shared" si="158"/>
        <v/>
      </c>
      <c r="BF292" s="239" t="str">
        <f t="shared" si="159"/>
        <v/>
      </c>
      <c r="BG292" s="239" t="str">
        <f t="shared" si="160"/>
        <v/>
      </c>
      <c r="BH292" s="239" t="str">
        <f t="shared" si="161"/>
        <v/>
      </c>
      <c r="BI292" s="239" t="str">
        <f t="shared" si="162"/>
        <v/>
      </c>
      <c r="BJ292" s="239" t="str">
        <f t="shared" si="163"/>
        <v/>
      </c>
      <c r="BK292" s="239" t="str">
        <f t="shared" si="164"/>
        <v/>
      </c>
      <c r="BL292" s="239" t="str">
        <f t="shared" si="165"/>
        <v/>
      </c>
      <c r="BM292" s="239" t="str">
        <f t="shared" si="166"/>
        <v/>
      </c>
      <c r="BN292" s="239" t="str">
        <f t="shared" si="167"/>
        <v/>
      </c>
      <c r="BO292" s="239">
        <f t="shared" si="168"/>
        <v>74055.613935483867</v>
      </c>
      <c r="BP292" s="239" t="str">
        <f t="shared" si="169"/>
        <v/>
      </c>
      <c r="BQ292" s="239" t="str">
        <f t="shared" si="170"/>
        <v/>
      </c>
      <c r="BR292" s="239" t="str">
        <f t="shared" si="171"/>
        <v/>
      </c>
      <c r="BS292" s="239">
        <f t="shared" si="172"/>
        <v>9377.2727079732194</v>
      </c>
      <c r="BT292" s="239" t="str">
        <f t="shared" si="173"/>
        <v/>
      </c>
      <c r="BU292" s="239" t="str">
        <f t="shared" si="174"/>
        <v/>
      </c>
      <c r="BV292" s="239" t="str">
        <f t="shared" si="175"/>
        <v/>
      </c>
      <c r="BW292" s="239">
        <f t="shared" si="176"/>
        <v>6241.1649480219112</v>
      </c>
      <c r="BX292" s="239" t="str">
        <f t="shared" si="177"/>
        <v/>
      </c>
      <c r="BY292" s="239">
        <f t="shared" si="178"/>
        <v>962.56772830188686</v>
      </c>
      <c r="BZ292" s="239" t="str">
        <f t="shared" si="179"/>
        <v/>
      </c>
      <c r="CA292" s="239" t="str">
        <f t="shared" si="180"/>
        <v/>
      </c>
      <c r="CB292" s="239">
        <f t="shared" si="181"/>
        <v>962.56772830188686</v>
      </c>
      <c r="CC292" s="239">
        <f t="shared" si="182"/>
        <v>10432.992151917226</v>
      </c>
      <c r="CD292" s="258"/>
      <c r="CE292" s="258"/>
      <c r="CF292" s="258"/>
    </row>
    <row r="293" spans="1:84" s="261" customFormat="1" ht="56.1" customHeight="1" x14ac:dyDescent="0.2">
      <c r="A293" s="228">
        <v>291</v>
      </c>
      <c r="B293" s="229" t="s">
        <v>53</v>
      </c>
      <c r="C293" s="230" t="s">
        <v>515</v>
      </c>
      <c r="D293" s="258" t="s">
        <v>518</v>
      </c>
      <c r="E293" s="258" t="s">
        <v>519</v>
      </c>
      <c r="F293" s="258" t="s">
        <v>520</v>
      </c>
      <c r="G293" s="258" t="s">
        <v>333</v>
      </c>
      <c r="H293" s="258" t="s">
        <v>310</v>
      </c>
      <c r="I293" s="258" t="s">
        <v>81</v>
      </c>
      <c r="J293" s="258" t="s">
        <v>334</v>
      </c>
      <c r="K293" s="258" t="s">
        <v>225</v>
      </c>
      <c r="L293" s="258" t="s">
        <v>63</v>
      </c>
      <c r="M293" s="258" t="s">
        <v>63</v>
      </c>
      <c r="N293" s="260">
        <v>267834.47040000005</v>
      </c>
      <c r="O293" s="260">
        <v>267834.47040000005</v>
      </c>
      <c r="P293" s="258" t="s">
        <v>226</v>
      </c>
      <c r="Q293" s="258" t="s">
        <v>82</v>
      </c>
      <c r="R293" s="262"/>
      <c r="S293" s="262"/>
      <c r="T293" s="262"/>
      <c r="U293" s="262"/>
      <c r="V293" s="262"/>
      <c r="W293" s="239"/>
      <c r="X293" s="262"/>
      <c r="Y293" s="262"/>
      <c r="Z293" s="262"/>
      <c r="AA293" s="262"/>
      <c r="AB293" s="262"/>
      <c r="AC293" s="262"/>
      <c r="AD293" s="262"/>
      <c r="AE293" s="262"/>
      <c r="AF293" s="262"/>
      <c r="AG293" s="262"/>
      <c r="AH293" s="239" t="s">
        <v>66</v>
      </c>
      <c r="AI293" s="262"/>
      <c r="AJ293" s="262"/>
      <c r="AK293" s="262"/>
      <c r="AL293" s="239" t="s">
        <v>66</v>
      </c>
      <c r="AM293" s="262"/>
      <c r="AN293" s="262"/>
      <c r="AO293" s="262"/>
      <c r="AP293" s="239" t="s">
        <v>66</v>
      </c>
      <c r="AQ293" s="262"/>
      <c r="AR293" s="239" t="s">
        <v>66</v>
      </c>
      <c r="AS293" s="262"/>
      <c r="AT293" s="262"/>
      <c r="AU293" s="239" t="s">
        <v>66</v>
      </c>
      <c r="AV293" s="239" t="s">
        <v>66</v>
      </c>
      <c r="AW293" s="238">
        <f t="shared" si="150"/>
        <v>3286</v>
      </c>
      <c r="AX293" s="84">
        <f t="shared" si="184"/>
        <v>81.507751186853326</v>
      </c>
      <c r="AY293" s="239" t="str">
        <f t="shared" si="152"/>
        <v/>
      </c>
      <c r="AZ293" s="239" t="str">
        <f t="shared" si="153"/>
        <v/>
      </c>
      <c r="BA293" s="239" t="str">
        <f t="shared" si="154"/>
        <v/>
      </c>
      <c r="BB293" s="239" t="str">
        <f t="shared" si="155"/>
        <v/>
      </c>
      <c r="BC293" s="239" t="str">
        <f t="shared" si="156"/>
        <v/>
      </c>
      <c r="BD293" s="239" t="str">
        <f t="shared" si="157"/>
        <v/>
      </c>
      <c r="BE293" s="239" t="str">
        <f t="shared" si="158"/>
        <v/>
      </c>
      <c r="BF293" s="239" t="str">
        <f t="shared" si="159"/>
        <v/>
      </c>
      <c r="BG293" s="239" t="str">
        <f t="shared" si="160"/>
        <v/>
      </c>
      <c r="BH293" s="239" t="str">
        <f t="shared" si="161"/>
        <v/>
      </c>
      <c r="BI293" s="239" t="str">
        <f t="shared" si="162"/>
        <v/>
      </c>
      <c r="BJ293" s="239" t="str">
        <f t="shared" si="163"/>
        <v/>
      </c>
      <c r="BK293" s="239" t="str">
        <f t="shared" si="164"/>
        <v/>
      </c>
      <c r="BL293" s="239" t="str">
        <f t="shared" si="165"/>
        <v/>
      </c>
      <c r="BM293" s="239" t="str">
        <f t="shared" si="166"/>
        <v/>
      </c>
      <c r="BN293" s="239" t="str">
        <f t="shared" si="167"/>
        <v/>
      </c>
      <c r="BO293" s="239">
        <f t="shared" si="168"/>
        <v>194395.98658064517</v>
      </c>
      <c r="BP293" s="239" t="str">
        <f t="shared" si="169"/>
        <v/>
      </c>
      <c r="BQ293" s="239" t="str">
        <f t="shared" si="170"/>
        <v/>
      </c>
      <c r="BR293" s="239" t="str">
        <f t="shared" si="171"/>
        <v/>
      </c>
      <c r="BS293" s="239">
        <f t="shared" si="172"/>
        <v>24615.340858429703</v>
      </c>
      <c r="BT293" s="239" t="str">
        <f t="shared" si="173"/>
        <v/>
      </c>
      <c r="BU293" s="239" t="str">
        <f t="shared" si="174"/>
        <v/>
      </c>
      <c r="BV293" s="239" t="str">
        <f t="shared" si="175"/>
        <v/>
      </c>
      <c r="BW293" s="239">
        <f t="shared" si="176"/>
        <v>16383.057988557519</v>
      </c>
      <c r="BX293" s="239" t="str">
        <f t="shared" si="177"/>
        <v/>
      </c>
      <c r="BY293" s="239">
        <f t="shared" si="178"/>
        <v>2526.7402867924529</v>
      </c>
      <c r="BZ293" s="239" t="str">
        <f t="shared" si="179"/>
        <v/>
      </c>
      <c r="CA293" s="239" t="str">
        <f t="shared" si="180"/>
        <v/>
      </c>
      <c r="CB293" s="239">
        <f t="shared" si="181"/>
        <v>2526.7402867924529</v>
      </c>
      <c r="CC293" s="239">
        <f t="shared" si="182"/>
        <v>27386.604398782718</v>
      </c>
      <c r="CD293" s="258"/>
      <c r="CE293" s="258"/>
      <c r="CF293" s="258"/>
    </row>
    <row r="294" spans="1:84" s="261" customFormat="1" ht="56.1" customHeight="1" x14ac:dyDescent="0.2">
      <c r="A294" s="228">
        <v>292</v>
      </c>
      <c r="B294" s="229" t="s">
        <v>53</v>
      </c>
      <c r="C294" s="230" t="s">
        <v>515</v>
      </c>
      <c r="D294" s="258" t="s">
        <v>521</v>
      </c>
      <c r="E294" s="258" t="s">
        <v>522</v>
      </c>
      <c r="F294" s="258" t="s">
        <v>522</v>
      </c>
      <c r="G294" s="258" t="s">
        <v>333</v>
      </c>
      <c r="H294" s="258" t="s">
        <v>310</v>
      </c>
      <c r="I294" s="258" t="s">
        <v>81</v>
      </c>
      <c r="J294" s="258" t="s">
        <v>334</v>
      </c>
      <c r="K294" s="258" t="s">
        <v>225</v>
      </c>
      <c r="L294" s="258" t="s">
        <v>63</v>
      </c>
      <c r="M294" s="258" t="s">
        <v>63</v>
      </c>
      <c r="N294" s="260">
        <v>374117.99040000001</v>
      </c>
      <c r="O294" s="260">
        <v>374117.99040000001</v>
      </c>
      <c r="P294" s="258" t="s">
        <v>226</v>
      </c>
      <c r="Q294" s="258" t="s">
        <v>82</v>
      </c>
      <c r="R294" s="262"/>
      <c r="S294" s="262"/>
      <c r="T294" s="262"/>
      <c r="U294" s="262"/>
      <c r="V294" s="262"/>
      <c r="W294" s="239"/>
      <c r="X294" s="262"/>
      <c r="Y294" s="262"/>
      <c r="Z294" s="262"/>
      <c r="AA294" s="262"/>
      <c r="AB294" s="262"/>
      <c r="AC294" s="262"/>
      <c r="AD294" s="262"/>
      <c r="AE294" s="262"/>
      <c r="AF294" s="262"/>
      <c r="AG294" s="262"/>
      <c r="AH294" s="239" t="s">
        <v>66</v>
      </c>
      <c r="AI294" s="262"/>
      <c r="AJ294" s="262"/>
      <c r="AK294" s="262"/>
      <c r="AL294" s="239" t="s">
        <v>66</v>
      </c>
      <c r="AM294" s="262"/>
      <c r="AN294" s="262"/>
      <c r="AO294" s="262"/>
      <c r="AP294" s="239" t="s">
        <v>66</v>
      </c>
      <c r="AQ294" s="262"/>
      <c r="AR294" s="239" t="s">
        <v>66</v>
      </c>
      <c r="AS294" s="262"/>
      <c r="AT294" s="262"/>
      <c r="AU294" s="239" t="s">
        <v>66</v>
      </c>
      <c r="AV294" s="239" t="s">
        <v>66</v>
      </c>
      <c r="AW294" s="238">
        <f t="shared" si="150"/>
        <v>3286</v>
      </c>
      <c r="AX294" s="84">
        <f t="shared" si="184"/>
        <v>113.8520968959221</v>
      </c>
      <c r="AY294" s="239" t="str">
        <f t="shared" si="152"/>
        <v/>
      </c>
      <c r="AZ294" s="239" t="str">
        <f t="shared" si="153"/>
        <v/>
      </c>
      <c r="BA294" s="239" t="str">
        <f t="shared" si="154"/>
        <v/>
      </c>
      <c r="BB294" s="239" t="str">
        <f t="shared" si="155"/>
        <v/>
      </c>
      <c r="BC294" s="239" t="str">
        <f t="shared" si="156"/>
        <v/>
      </c>
      <c r="BD294" s="239" t="str">
        <f t="shared" si="157"/>
        <v/>
      </c>
      <c r="BE294" s="239" t="str">
        <f t="shared" si="158"/>
        <v/>
      </c>
      <c r="BF294" s="239" t="str">
        <f t="shared" si="159"/>
        <v/>
      </c>
      <c r="BG294" s="239" t="str">
        <f t="shared" si="160"/>
        <v/>
      </c>
      <c r="BH294" s="239" t="str">
        <f t="shared" si="161"/>
        <v/>
      </c>
      <c r="BI294" s="239" t="str">
        <f t="shared" si="162"/>
        <v/>
      </c>
      <c r="BJ294" s="239" t="str">
        <f t="shared" si="163"/>
        <v/>
      </c>
      <c r="BK294" s="239" t="str">
        <f t="shared" si="164"/>
        <v/>
      </c>
      <c r="BL294" s="239" t="str">
        <f t="shared" si="165"/>
        <v/>
      </c>
      <c r="BM294" s="239" t="str">
        <f t="shared" si="166"/>
        <v/>
      </c>
      <c r="BN294" s="239" t="str">
        <f t="shared" si="167"/>
        <v/>
      </c>
      <c r="BO294" s="239">
        <f t="shared" si="168"/>
        <v>271537.25109677424</v>
      </c>
      <c r="BP294" s="239" t="str">
        <f t="shared" si="169"/>
        <v/>
      </c>
      <c r="BQ294" s="239" t="str">
        <f t="shared" si="170"/>
        <v/>
      </c>
      <c r="BR294" s="239" t="str">
        <f t="shared" si="171"/>
        <v/>
      </c>
      <c r="BS294" s="239">
        <f t="shared" si="172"/>
        <v>34383.333262568478</v>
      </c>
      <c r="BT294" s="239" t="str">
        <f t="shared" si="173"/>
        <v/>
      </c>
      <c r="BU294" s="239" t="str">
        <f t="shared" si="174"/>
        <v/>
      </c>
      <c r="BV294" s="239" t="str">
        <f t="shared" si="175"/>
        <v/>
      </c>
      <c r="BW294" s="239">
        <f t="shared" si="176"/>
        <v>22884.271476080343</v>
      </c>
      <c r="BX294" s="239" t="str">
        <f t="shared" si="177"/>
        <v/>
      </c>
      <c r="BY294" s="239">
        <f t="shared" si="178"/>
        <v>3529.4150037735853</v>
      </c>
      <c r="BZ294" s="239" t="str">
        <f t="shared" si="179"/>
        <v/>
      </c>
      <c r="CA294" s="239" t="str">
        <f t="shared" si="180"/>
        <v/>
      </c>
      <c r="CB294" s="239">
        <f t="shared" si="181"/>
        <v>3529.4150037735853</v>
      </c>
      <c r="CC294" s="239">
        <f t="shared" si="182"/>
        <v>38254.304557029827</v>
      </c>
      <c r="CD294" s="258"/>
      <c r="CE294" s="258"/>
      <c r="CF294" s="258"/>
    </row>
    <row r="295" spans="1:84" s="261" customFormat="1" ht="56.1" customHeight="1" x14ac:dyDescent="0.2">
      <c r="A295" s="228">
        <v>293</v>
      </c>
      <c r="B295" s="229" t="s">
        <v>53</v>
      </c>
      <c r="C295" s="230" t="s">
        <v>515</v>
      </c>
      <c r="D295" s="258" t="s">
        <v>523</v>
      </c>
      <c r="E295" s="258" t="s">
        <v>524</v>
      </c>
      <c r="F295" s="258" t="s">
        <v>524</v>
      </c>
      <c r="G295" s="258" t="s">
        <v>333</v>
      </c>
      <c r="H295" s="258" t="s">
        <v>310</v>
      </c>
      <c r="I295" s="258" t="s">
        <v>81</v>
      </c>
      <c r="J295" s="258" t="s">
        <v>525</v>
      </c>
      <c r="K295" s="258" t="s">
        <v>225</v>
      </c>
      <c r="L295" s="258" t="s">
        <v>63</v>
      </c>
      <c r="M295" s="258" t="s">
        <v>63</v>
      </c>
      <c r="N295" s="260"/>
      <c r="O295" s="260"/>
      <c r="P295" s="258" t="s">
        <v>226</v>
      </c>
      <c r="Q295" s="258" t="s">
        <v>82</v>
      </c>
      <c r="R295" s="262"/>
      <c r="S295" s="262"/>
      <c r="T295" s="262"/>
      <c r="U295" s="262"/>
      <c r="V295" s="262"/>
      <c r="W295" s="239"/>
      <c r="X295" s="262"/>
      <c r="Y295" s="262"/>
      <c r="Z295" s="262"/>
      <c r="AA295" s="262"/>
      <c r="AB295" s="262"/>
      <c r="AC295" s="262"/>
      <c r="AD295" s="262"/>
      <c r="AE295" s="262"/>
      <c r="AF295" s="262"/>
      <c r="AG295" s="262"/>
      <c r="AH295" s="239" t="s">
        <v>66</v>
      </c>
      <c r="AI295" s="262"/>
      <c r="AJ295" s="262"/>
      <c r="AK295" s="262"/>
      <c r="AL295" s="239" t="s">
        <v>66</v>
      </c>
      <c r="AM295" s="262"/>
      <c r="AN295" s="262"/>
      <c r="AO295" s="262"/>
      <c r="AP295" s="239" t="s">
        <v>66</v>
      </c>
      <c r="AQ295" s="262"/>
      <c r="AR295" s="239" t="s">
        <v>66</v>
      </c>
      <c r="AS295" s="262"/>
      <c r="AT295" s="262"/>
      <c r="AU295" s="239" t="s">
        <v>66</v>
      </c>
      <c r="AV295" s="239" t="s">
        <v>66</v>
      </c>
      <c r="AW295" s="238">
        <f t="shared" si="150"/>
        <v>3286</v>
      </c>
      <c r="AX295" s="84"/>
      <c r="AY295" s="239" t="str">
        <f t="shared" si="152"/>
        <v/>
      </c>
      <c r="AZ295" s="239" t="str">
        <f t="shared" si="153"/>
        <v/>
      </c>
      <c r="BA295" s="239" t="str">
        <f t="shared" si="154"/>
        <v/>
      </c>
      <c r="BB295" s="239" t="str">
        <f t="shared" si="155"/>
        <v/>
      </c>
      <c r="BC295" s="239" t="str">
        <f t="shared" si="156"/>
        <v/>
      </c>
      <c r="BD295" s="239" t="str">
        <f t="shared" si="157"/>
        <v/>
      </c>
      <c r="BE295" s="239" t="str">
        <f t="shared" si="158"/>
        <v/>
      </c>
      <c r="BF295" s="239" t="str">
        <f t="shared" si="159"/>
        <v/>
      </c>
      <c r="BG295" s="239" t="str">
        <f t="shared" si="160"/>
        <v/>
      </c>
      <c r="BH295" s="239" t="str">
        <f t="shared" si="161"/>
        <v/>
      </c>
      <c r="BI295" s="239" t="str">
        <f t="shared" si="162"/>
        <v/>
      </c>
      <c r="BJ295" s="239" t="str">
        <f t="shared" si="163"/>
        <v/>
      </c>
      <c r="BK295" s="239" t="str">
        <f t="shared" si="164"/>
        <v/>
      </c>
      <c r="BL295" s="239" t="str">
        <f t="shared" si="165"/>
        <v/>
      </c>
      <c r="BM295" s="239" t="str">
        <f t="shared" si="166"/>
        <v/>
      </c>
      <c r="BN295" s="239" t="str">
        <f t="shared" si="167"/>
        <v/>
      </c>
      <c r="BO295" s="239">
        <f t="shared" si="168"/>
        <v>0</v>
      </c>
      <c r="BP295" s="239" t="str">
        <f t="shared" si="169"/>
        <v/>
      </c>
      <c r="BQ295" s="239" t="str">
        <f t="shared" si="170"/>
        <v/>
      </c>
      <c r="BR295" s="239" t="str">
        <f t="shared" si="171"/>
        <v/>
      </c>
      <c r="BS295" s="239">
        <f t="shared" si="172"/>
        <v>0</v>
      </c>
      <c r="BT295" s="239" t="str">
        <f t="shared" si="173"/>
        <v/>
      </c>
      <c r="BU295" s="239" t="str">
        <f t="shared" si="174"/>
        <v/>
      </c>
      <c r="BV295" s="239" t="str">
        <f t="shared" si="175"/>
        <v/>
      </c>
      <c r="BW295" s="239">
        <f t="shared" si="176"/>
        <v>0</v>
      </c>
      <c r="BX295" s="239" t="str">
        <f t="shared" si="177"/>
        <v/>
      </c>
      <c r="BY295" s="239">
        <f t="shared" si="178"/>
        <v>0</v>
      </c>
      <c r="BZ295" s="239" t="str">
        <f t="shared" si="179"/>
        <v/>
      </c>
      <c r="CA295" s="239" t="str">
        <f t="shared" si="180"/>
        <v/>
      </c>
      <c r="CB295" s="239">
        <f t="shared" si="181"/>
        <v>0</v>
      </c>
      <c r="CC295" s="239">
        <f t="shared" si="182"/>
        <v>0</v>
      </c>
      <c r="CD295" s="258"/>
      <c r="CE295" s="258"/>
      <c r="CF295" s="258"/>
    </row>
    <row r="296" spans="1:84" s="261" customFormat="1" ht="56.1" customHeight="1" x14ac:dyDescent="0.2">
      <c r="A296" s="228">
        <v>294</v>
      </c>
      <c r="B296" s="229" t="s">
        <v>53</v>
      </c>
      <c r="C296" s="230" t="s">
        <v>515</v>
      </c>
      <c r="D296" s="258" t="s">
        <v>526</v>
      </c>
      <c r="E296" s="258" t="s">
        <v>527</v>
      </c>
      <c r="F296" s="258" t="s">
        <v>527</v>
      </c>
      <c r="G296" s="258" t="s">
        <v>333</v>
      </c>
      <c r="H296" s="258" t="s">
        <v>310</v>
      </c>
      <c r="I296" s="258" t="s">
        <v>81</v>
      </c>
      <c r="J296" s="258" t="s">
        <v>525</v>
      </c>
      <c r="K296" s="258" t="s">
        <v>225</v>
      </c>
      <c r="L296" s="258" t="s">
        <v>63</v>
      </c>
      <c r="M296" s="258" t="s">
        <v>63</v>
      </c>
      <c r="N296" s="260"/>
      <c r="O296" s="260"/>
      <c r="P296" s="258" t="s">
        <v>226</v>
      </c>
      <c r="Q296" s="258" t="s">
        <v>82</v>
      </c>
      <c r="R296" s="262"/>
      <c r="S296" s="262"/>
      <c r="T296" s="262"/>
      <c r="U296" s="262"/>
      <c r="V296" s="262"/>
      <c r="W296" s="239"/>
      <c r="X296" s="262"/>
      <c r="Y296" s="262"/>
      <c r="Z296" s="262"/>
      <c r="AA296" s="262"/>
      <c r="AB296" s="262"/>
      <c r="AC296" s="262"/>
      <c r="AD296" s="262"/>
      <c r="AE296" s="262"/>
      <c r="AF296" s="262"/>
      <c r="AG296" s="262"/>
      <c r="AH296" s="239" t="s">
        <v>66</v>
      </c>
      <c r="AI296" s="262"/>
      <c r="AJ296" s="262"/>
      <c r="AK296" s="262"/>
      <c r="AL296" s="239" t="s">
        <v>66</v>
      </c>
      <c r="AM296" s="262"/>
      <c r="AN296" s="262"/>
      <c r="AO296" s="262"/>
      <c r="AP296" s="239" t="s">
        <v>66</v>
      </c>
      <c r="AQ296" s="262"/>
      <c r="AR296" s="239" t="s">
        <v>66</v>
      </c>
      <c r="AS296" s="262"/>
      <c r="AT296" s="262"/>
      <c r="AU296" s="239" t="s">
        <v>66</v>
      </c>
      <c r="AV296" s="239" t="s">
        <v>66</v>
      </c>
      <c r="AW296" s="238">
        <f t="shared" si="150"/>
        <v>3286</v>
      </c>
      <c r="AX296" s="84"/>
      <c r="AY296" s="239" t="str">
        <f t="shared" si="152"/>
        <v/>
      </c>
      <c r="AZ296" s="239" t="str">
        <f t="shared" si="153"/>
        <v/>
      </c>
      <c r="BA296" s="239" t="str">
        <f t="shared" si="154"/>
        <v/>
      </c>
      <c r="BB296" s="239" t="str">
        <f t="shared" si="155"/>
        <v/>
      </c>
      <c r="BC296" s="239" t="str">
        <f t="shared" si="156"/>
        <v/>
      </c>
      <c r="BD296" s="239" t="str">
        <f t="shared" si="157"/>
        <v/>
      </c>
      <c r="BE296" s="239" t="str">
        <f t="shared" si="158"/>
        <v/>
      </c>
      <c r="BF296" s="239" t="str">
        <f t="shared" si="159"/>
        <v/>
      </c>
      <c r="BG296" s="239" t="str">
        <f t="shared" si="160"/>
        <v/>
      </c>
      <c r="BH296" s="239" t="str">
        <f t="shared" si="161"/>
        <v/>
      </c>
      <c r="BI296" s="239" t="str">
        <f t="shared" si="162"/>
        <v/>
      </c>
      <c r="BJ296" s="239" t="str">
        <f t="shared" si="163"/>
        <v/>
      </c>
      <c r="BK296" s="239" t="str">
        <f t="shared" si="164"/>
        <v/>
      </c>
      <c r="BL296" s="239" t="str">
        <f t="shared" si="165"/>
        <v/>
      </c>
      <c r="BM296" s="239" t="str">
        <f t="shared" si="166"/>
        <v/>
      </c>
      <c r="BN296" s="239" t="str">
        <f t="shared" si="167"/>
        <v/>
      </c>
      <c r="BO296" s="239">
        <f t="shared" si="168"/>
        <v>0</v>
      </c>
      <c r="BP296" s="239" t="str">
        <f t="shared" si="169"/>
        <v/>
      </c>
      <c r="BQ296" s="239" t="str">
        <f t="shared" si="170"/>
        <v/>
      </c>
      <c r="BR296" s="239" t="str">
        <f t="shared" si="171"/>
        <v/>
      </c>
      <c r="BS296" s="239">
        <f t="shared" si="172"/>
        <v>0</v>
      </c>
      <c r="BT296" s="239" t="str">
        <f t="shared" si="173"/>
        <v/>
      </c>
      <c r="BU296" s="239" t="str">
        <f t="shared" si="174"/>
        <v/>
      </c>
      <c r="BV296" s="239" t="str">
        <f t="shared" si="175"/>
        <v/>
      </c>
      <c r="BW296" s="239">
        <f t="shared" si="176"/>
        <v>0</v>
      </c>
      <c r="BX296" s="239" t="str">
        <f t="shared" si="177"/>
        <v/>
      </c>
      <c r="BY296" s="239">
        <f t="shared" si="178"/>
        <v>0</v>
      </c>
      <c r="BZ296" s="239" t="str">
        <f t="shared" si="179"/>
        <v/>
      </c>
      <c r="CA296" s="239" t="str">
        <f t="shared" si="180"/>
        <v/>
      </c>
      <c r="CB296" s="239">
        <f t="shared" si="181"/>
        <v>0</v>
      </c>
      <c r="CC296" s="239">
        <f t="shared" si="182"/>
        <v>0</v>
      </c>
      <c r="CD296" s="258"/>
      <c r="CE296" s="258"/>
      <c r="CF296" s="258"/>
    </row>
    <row r="297" spans="1:84" s="261" customFormat="1" ht="56.1" customHeight="1" x14ac:dyDescent="0.2">
      <c r="A297" s="228">
        <v>295</v>
      </c>
      <c r="B297" s="229" t="s">
        <v>53</v>
      </c>
      <c r="C297" s="230" t="s">
        <v>515</v>
      </c>
      <c r="D297" s="258" t="s">
        <v>528</v>
      </c>
      <c r="E297" s="258" t="s">
        <v>529</v>
      </c>
      <c r="F297" s="258" t="s">
        <v>529</v>
      </c>
      <c r="G297" s="258" t="s">
        <v>333</v>
      </c>
      <c r="H297" s="258" t="s">
        <v>310</v>
      </c>
      <c r="I297" s="258" t="s">
        <v>81</v>
      </c>
      <c r="J297" s="258" t="s">
        <v>525</v>
      </c>
      <c r="K297" s="258" t="s">
        <v>225</v>
      </c>
      <c r="L297" s="258" t="s">
        <v>63</v>
      </c>
      <c r="M297" s="258" t="s">
        <v>63</v>
      </c>
      <c r="N297" s="260"/>
      <c r="O297" s="260"/>
      <c r="P297" s="258" t="s">
        <v>226</v>
      </c>
      <c r="Q297" s="258" t="s">
        <v>82</v>
      </c>
      <c r="R297" s="262"/>
      <c r="S297" s="262"/>
      <c r="T297" s="262"/>
      <c r="U297" s="262"/>
      <c r="V297" s="262"/>
      <c r="W297" s="239"/>
      <c r="X297" s="262"/>
      <c r="Y297" s="262"/>
      <c r="Z297" s="262"/>
      <c r="AA297" s="262"/>
      <c r="AB297" s="262"/>
      <c r="AC297" s="262"/>
      <c r="AD297" s="262"/>
      <c r="AE297" s="262"/>
      <c r="AF297" s="262"/>
      <c r="AG297" s="262"/>
      <c r="AH297" s="239" t="s">
        <v>66</v>
      </c>
      <c r="AI297" s="262"/>
      <c r="AJ297" s="262"/>
      <c r="AK297" s="262"/>
      <c r="AL297" s="239" t="s">
        <v>66</v>
      </c>
      <c r="AM297" s="262"/>
      <c r="AN297" s="262"/>
      <c r="AO297" s="262"/>
      <c r="AP297" s="239" t="s">
        <v>66</v>
      </c>
      <c r="AQ297" s="262"/>
      <c r="AR297" s="239" t="s">
        <v>66</v>
      </c>
      <c r="AS297" s="262"/>
      <c r="AT297" s="262"/>
      <c r="AU297" s="239" t="s">
        <v>66</v>
      </c>
      <c r="AV297" s="239" t="s">
        <v>66</v>
      </c>
      <c r="AW297" s="238">
        <f t="shared" si="150"/>
        <v>3286</v>
      </c>
      <c r="AX297" s="84"/>
      <c r="AY297" s="239" t="str">
        <f t="shared" si="152"/>
        <v/>
      </c>
      <c r="AZ297" s="239" t="str">
        <f t="shared" si="153"/>
        <v/>
      </c>
      <c r="BA297" s="239" t="str">
        <f t="shared" si="154"/>
        <v/>
      </c>
      <c r="BB297" s="239" t="str">
        <f t="shared" si="155"/>
        <v/>
      </c>
      <c r="BC297" s="239" t="str">
        <f t="shared" si="156"/>
        <v/>
      </c>
      <c r="BD297" s="239" t="str">
        <f t="shared" si="157"/>
        <v/>
      </c>
      <c r="BE297" s="239" t="str">
        <f t="shared" si="158"/>
        <v/>
      </c>
      <c r="BF297" s="239" t="str">
        <f t="shared" si="159"/>
        <v/>
      </c>
      <c r="BG297" s="239" t="str">
        <f t="shared" si="160"/>
        <v/>
      </c>
      <c r="BH297" s="239" t="str">
        <f t="shared" si="161"/>
        <v/>
      </c>
      <c r="BI297" s="239" t="str">
        <f t="shared" si="162"/>
        <v/>
      </c>
      <c r="BJ297" s="239" t="str">
        <f t="shared" si="163"/>
        <v/>
      </c>
      <c r="BK297" s="239" t="str">
        <f t="shared" si="164"/>
        <v/>
      </c>
      <c r="BL297" s="239" t="str">
        <f t="shared" si="165"/>
        <v/>
      </c>
      <c r="BM297" s="239" t="str">
        <f t="shared" si="166"/>
        <v/>
      </c>
      <c r="BN297" s="239" t="str">
        <f t="shared" si="167"/>
        <v/>
      </c>
      <c r="BO297" s="239">
        <f t="shared" si="168"/>
        <v>0</v>
      </c>
      <c r="BP297" s="239" t="str">
        <f t="shared" si="169"/>
        <v/>
      </c>
      <c r="BQ297" s="239" t="str">
        <f t="shared" si="170"/>
        <v/>
      </c>
      <c r="BR297" s="239" t="str">
        <f t="shared" si="171"/>
        <v/>
      </c>
      <c r="BS297" s="239">
        <f t="shared" si="172"/>
        <v>0</v>
      </c>
      <c r="BT297" s="239" t="str">
        <f t="shared" si="173"/>
        <v/>
      </c>
      <c r="BU297" s="239" t="str">
        <f t="shared" si="174"/>
        <v/>
      </c>
      <c r="BV297" s="239" t="str">
        <f t="shared" si="175"/>
        <v/>
      </c>
      <c r="BW297" s="239">
        <f t="shared" si="176"/>
        <v>0</v>
      </c>
      <c r="BX297" s="239" t="str">
        <f t="shared" si="177"/>
        <v/>
      </c>
      <c r="BY297" s="239">
        <f t="shared" si="178"/>
        <v>0</v>
      </c>
      <c r="BZ297" s="239" t="str">
        <f t="shared" si="179"/>
        <v/>
      </c>
      <c r="CA297" s="239" t="str">
        <f t="shared" si="180"/>
        <v/>
      </c>
      <c r="CB297" s="239">
        <f t="shared" si="181"/>
        <v>0</v>
      </c>
      <c r="CC297" s="239">
        <f t="shared" si="182"/>
        <v>0</v>
      </c>
      <c r="CD297" s="258"/>
      <c r="CE297" s="258"/>
      <c r="CF297" s="258"/>
    </row>
    <row r="298" spans="1:84" s="261" customFormat="1" ht="56.1" customHeight="1" x14ac:dyDescent="0.2">
      <c r="A298" s="228">
        <v>296</v>
      </c>
      <c r="B298" s="229" t="s">
        <v>53</v>
      </c>
      <c r="C298" s="230" t="s">
        <v>515</v>
      </c>
      <c r="D298" s="258" t="s">
        <v>530</v>
      </c>
      <c r="E298" s="258" t="s">
        <v>531</v>
      </c>
      <c r="F298" s="258" t="s">
        <v>532</v>
      </c>
      <c r="G298" s="258" t="s">
        <v>333</v>
      </c>
      <c r="H298" s="258" t="s">
        <v>310</v>
      </c>
      <c r="I298" s="258" t="s">
        <v>81</v>
      </c>
      <c r="J298" s="258" t="s">
        <v>525</v>
      </c>
      <c r="K298" s="258" t="s">
        <v>225</v>
      </c>
      <c r="L298" s="258" t="s">
        <v>63</v>
      </c>
      <c r="M298" s="258" t="s">
        <v>63</v>
      </c>
      <c r="N298" s="260"/>
      <c r="O298" s="260"/>
      <c r="P298" s="258" t="s">
        <v>226</v>
      </c>
      <c r="Q298" s="258" t="s">
        <v>82</v>
      </c>
      <c r="R298" s="262"/>
      <c r="S298" s="262"/>
      <c r="T298" s="262"/>
      <c r="U298" s="262"/>
      <c r="V298" s="262"/>
      <c r="W298" s="239"/>
      <c r="X298" s="262"/>
      <c r="Y298" s="262"/>
      <c r="Z298" s="262"/>
      <c r="AA298" s="262"/>
      <c r="AB298" s="262"/>
      <c r="AC298" s="262"/>
      <c r="AD298" s="262"/>
      <c r="AE298" s="262"/>
      <c r="AF298" s="262"/>
      <c r="AG298" s="262"/>
      <c r="AH298" s="239" t="s">
        <v>66</v>
      </c>
      <c r="AI298" s="262"/>
      <c r="AJ298" s="262"/>
      <c r="AK298" s="262"/>
      <c r="AL298" s="239" t="s">
        <v>66</v>
      </c>
      <c r="AM298" s="262"/>
      <c r="AN298" s="262"/>
      <c r="AO298" s="262"/>
      <c r="AP298" s="239" t="s">
        <v>66</v>
      </c>
      <c r="AQ298" s="262"/>
      <c r="AR298" s="239" t="s">
        <v>66</v>
      </c>
      <c r="AS298" s="262"/>
      <c r="AT298" s="262"/>
      <c r="AU298" s="239" t="s">
        <v>66</v>
      </c>
      <c r="AV298" s="239" t="s">
        <v>66</v>
      </c>
      <c r="AW298" s="238">
        <f t="shared" si="150"/>
        <v>3286</v>
      </c>
      <c r="AX298" s="84"/>
      <c r="AY298" s="239" t="str">
        <f t="shared" si="152"/>
        <v/>
      </c>
      <c r="AZ298" s="239" t="str">
        <f t="shared" si="153"/>
        <v/>
      </c>
      <c r="BA298" s="239" t="str">
        <f t="shared" si="154"/>
        <v/>
      </c>
      <c r="BB298" s="239" t="str">
        <f t="shared" si="155"/>
        <v/>
      </c>
      <c r="BC298" s="239" t="str">
        <f t="shared" si="156"/>
        <v/>
      </c>
      <c r="BD298" s="239" t="str">
        <f t="shared" si="157"/>
        <v/>
      </c>
      <c r="BE298" s="239" t="str">
        <f t="shared" si="158"/>
        <v/>
      </c>
      <c r="BF298" s="239" t="str">
        <f t="shared" si="159"/>
        <v/>
      </c>
      <c r="BG298" s="239" t="str">
        <f t="shared" si="160"/>
        <v/>
      </c>
      <c r="BH298" s="239" t="str">
        <f t="shared" si="161"/>
        <v/>
      </c>
      <c r="BI298" s="239" t="str">
        <f t="shared" si="162"/>
        <v/>
      </c>
      <c r="BJ298" s="239" t="str">
        <f t="shared" si="163"/>
        <v/>
      </c>
      <c r="BK298" s="239" t="str">
        <f t="shared" si="164"/>
        <v/>
      </c>
      <c r="BL298" s="239" t="str">
        <f t="shared" si="165"/>
        <v/>
      </c>
      <c r="BM298" s="239" t="str">
        <f t="shared" si="166"/>
        <v/>
      </c>
      <c r="BN298" s="239" t="str">
        <f t="shared" si="167"/>
        <v/>
      </c>
      <c r="BO298" s="239">
        <f t="shared" si="168"/>
        <v>0</v>
      </c>
      <c r="BP298" s="239" t="str">
        <f t="shared" si="169"/>
        <v/>
      </c>
      <c r="BQ298" s="239" t="str">
        <f t="shared" si="170"/>
        <v/>
      </c>
      <c r="BR298" s="239" t="str">
        <f t="shared" si="171"/>
        <v/>
      </c>
      <c r="BS298" s="239">
        <f t="shared" si="172"/>
        <v>0</v>
      </c>
      <c r="BT298" s="239" t="str">
        <f t="shared" si="173"/>
        <v/>
      </c>
      <c r="BU298" s="239" t="str">
        <f t="shared" si="174"/>
        <v/>
      </c>
      <c r="BV298" s="239" t="str">
        <f t="shared" si="175"/>
        <v/>
      </c>
      <c r="BW298" s="239">
        <f t="shared" si="176"/>
        <v>0</v>
      </c>
      <c r="BX298" s="239" t="str">
        <f t="shared" si="177"/>
        <v/>
      </c>
      <c r="BY298" s="239">
        <f t="shared" si="178"/>
        <v>0</v>
      </c>
      <c r="BZ298" s="239" t="str">
        <f t="shared" si="179"/>
        <v/>
      </c>
      <c r="CA298" s="239" t="str">
        <f t="shared" si="180"/>
        <v/>
      </c>
      <c r="CB298" s="239">
        <f t="shared" si="181"/>
        <v>0</v>
      </c>
      <c r="CC298" s="239">
        <f t="shared" si="182"/>
        <v>0</v>
      </c>
      <c r="CD298" s="258"/>
      <c r="CE298" s="258"/>
      <c r="CF298" s="258"/>
    </row>
    <row r="299" spans="1:84" s="261" customFormat="1" ht="56.1" customHeight="1" x14ac:dyDescent="0.2">
      <c r="A299" s="228">
        <v>297</v>
      </c>
      <c r="B299" s="229" t="s">
        <v>53</v>
      </c>
      <c r="C299" s="230" t="s">
        <v>515</v>
      </c>
      <c r="D299" s="258" t="s">
        <v>533</v>
      </c>
      <c r="E299" s="258" t="s">
        <v>534</v>
      </c>
      <c r="F299" s="258" t="s">
        <v>534</v>
      </c>
      <c r="G299" s="258" t="s">
        <v>333</v>
      </c>
      <c r="H299" s="258" t="s">
        <v>310</v>
      </c>
      <c r="I299" s="258" t="s">
        <v>81</v>
      </c>
      <c r="J299" s="258" t="s">
        <v>334</v>
      </c>
      <c r="K299" s="258" t="s">
        <v>225</v>
      </c>
      <c r="L299" s="258" t="s">
        <v>63</v>
      </c>
      <c r="M299" s="258" t="s">
        <v>63</v>
      </c>
      <c r="N299" s="260">
        <v>59784.480000000003</v>
      </c>
      <c r="O299" s="260">
        <v>59784.480000000003</v>
      </c>
      <c r="P299" s="258" t="s">
        <v>226</v>
      </c>
      <c r="Q299" s="258" t="s">
        <v>82</v>
      </c>
      <c r="R299" s="262"/>
      <c r="S299" s="262"/>
      <c r="T299" s="262"/>
      <c r="U299" s="262"/>
      <c r="V299" s="262"/>
      <c r="W299" s="239"/>
      <c r="X299" s="262"/>
      <c r="Y299" s="262"/>
      <c r="Z299" s="262"/>
      <c r="AA299" s="262"/>
      <c r="AB299" s="262"/>
      <c r="AC299" s="262"/>
      <c r="AD299" s="262"/>
      <c r="AE299" s="262"/>
      <c r="AF299" s="262"/>
      <c r="AG299" s="262"/>
      <c r="AH299" s="239" t="s">
        <v>66</v>
      </c>
      <c r="AI299" s="262"/>
      <c r="AJ299" s="262"/>
      <c r="AK299" s="262"/>
      <c r="AL299" s="239" t="s">
        <v>66</v>
      </c>
      <c r="AM299" s="262"/>
      <c r="AN299" s="262"/>
      <c r="AO299" s="262"/>
      <c r="AP299" s="239" t="s">
        <v>66</v>
      </c>
      <c r="AQ299" s="262"/>
      <c r="AR299" s="239" t="s">
        <v>66</v>
      </c>
      <c r="AS299" s="262"/>
      <c r="AT299" s="262"/>
      <c r="AU299" s="239" t="s">
        <v>66</v>
      </c>
      <c r="AV299" s="239" t="s">
        <v>66</v>
      </c>
      <c r="AW299" s="238">
        <f t="shared" si="150"/>
        <v>3286</v>
      </c>
      <c r="AX299" s="84">
        <f t="shared" ref="AX299:AX304" si="185">O299/AW299</f>
        <v>18.193694461351189</v>
      </c>
      <c r="AY299" s="239" t="str">
        <f t="shared" si="152"/>
        <v/>
      </c>
      <c r="AZ299" s="239" t="str">
        <f t="shared" si="153"/>
        <v/>
      </c>
      <c r="BA299" s="239" t="str">
        <f t="shared" si="154"/>
        <v/>
      </c>
      <c r="BB299" s="239" t="str">
        <f t="shared" si="155"/>
        <v/>
      </c>
      <c r="BC299" s="239" t="str">
        <f t="shared" si="156"/>
        <v/>
      </c>
      <c r="BD299" s="239" t="str">
        <f t="shared" si="157"/>
        <v/>
      </c>
      <c r="BE299" s="239" t="str">
        <f t="shared" si="158"/>
        <v/>
      </c>
      <c r="BF299" s="239" t="str">
        <f t="shared" si="159"/>
        <v/>
      </c>
      <c r="BG299" s="239" t="str">
        <f t="shared" si="160"/>
        <v/>
      </c>
      <c r="BH299" s="239" t="str">
        <f t="shared" si="161"/>
        <v/>
      </c>
      <c r="BI299" s="239" t="str">
        <f t="shared" si="162"/>
        <v/>
      </c>
      <c r="BJ299" s="239" t="str">
        <f t="shared" si="163"/>
        <v/>
      </c>
      <c r="BK299" s="239" t="str">
        <f t="shared" si="164"/>
        <v/>
      </c>
      <c r="BL299" s="239" t="str">
        <f t="shared" si="165"/>
        <v/>
      </c>
      <c r="BM299" s="239" t="str">
        <f t="shared" si="166"/>
        <v/>
      </c>
      <c r="BN299" s="239" t="str">
        <f t="shared" si="167"/>
        <v/>
      </c>
      <c r="BO299" s="239">
        <f t="shared" si="168"/>
        <v>43391.961290322586</v>
      </c>
      <c r="BP299" s="239" t="str">
        <f t="shared" si="169"/>
        <v/>
      </c>
      <c r="BQ299" s="239" t="str">
        <f t="shared" si="170"/>
        <v/>
      </c>
      <c r="BR299" s="239" t="str">
        <f t="shared" si="171"/>
        <v/>
      </c>
      <c r="BS299" s="239">
        <f t="shared" si="172"/>
        <v>5494.4957273280588</v>
      </c>
      <c r="BT299" s="239" t="str">
        <f t="shared" si="173"/>
        <v/>
      </c>
      <c r="BU299" s="239" t="str">
        <f t="shared" si="174"/>
        <v/>
      </c>
      <c r="BV299" s="239" t="str">
        <f t="shared" si="175"/>
        <v/>
      </c>
      <c r="BW299" s="239">
        <f t="shared" si="176"/>
        <v>3656.9325867315888</v>
      </c>
      <c r="BX299" s="239" t="str">
        <f t="shared" si="177"/>
        <v/>
      </c>
      <c r="BY299" s="239">
        <f t="shared" si="178"/>
        <v>564.00452830188681</v>
      </c>
      <c r="BZ299" s="239" t="str">
        <f t="shared" si="179"/>
        <v/>
      </c>
      <c r="CA299" s="239" t="str">
        <f t="shared" si="180"/>
        <v/>
      </c>
      <c r="CB299" s="239">
        <f t="shared" si="181"/>
        <v>564.00452830188681</v>
      </c>
      <c r="CC299" s="239">
        <f t="shared" si="182"/>
        <v>6113.0813390139992</v>
      </c>
      <c r="CD299" s="258"/>
      <c r="CE299" s="258"/>
      <c r="CF299" s="258"/>
    </row>
    <row r="300" spans="1:84" s="211" customFormat="1" ht="56.1" hidden="1" customHeight="1" x14ac:dyDescent="0.2">
      <c r="A300" s="198">
        <v>298</v>
      </c>
      <c r="B300" s="199" t="s">
        <v>53</v>
      </c>
      <c r="C300" s="208" t="s">
        <v>515</v>
      </c>
      <c r="D300" s="200" t="s">
        <v>516</v>
      </c>
      <c r="E300" s="200" t="s">
        <v>535</v>
      </c>
      <c r="F300" s="200" t="s">
        <v>536</v>
      </c>
      <c r="G300" s="200" t="s">
        <v>95</v>
      </c>
      <c r="H300" s="200" t="s">
        <v>368</v>
      </c>
      <c r="I300" s="200" t="s">
        <v>60</v>
      </c>
      <c r="J300" s="200" t="s">
        <v>334</v>
      </c>
      <c r="K300" s="200" t="s">
        <v>493</v>
      </c>
      <c r="L300" s="200" t="s">
        <v>63</v>
      </c>
      <c r="M300" s="200" t="s">
        <v>63</v>
      </c>
      <c r="N300" s="201">
        <v>45550.080000000002</v>
      </c>
      <c r="O300" s="201">
        <v>45550.080000000002</v>
      </c>
      <c r="P300" s="200" t="s">
        <v>64</v>
      </c>
      <c r="Q300" s="200" t="s">
        <v>82</v>
      </c>
      <c r="R300" s="210"/>
      <c r="S300" s="210"/>
      <c r="T300" s="210"/>
      <c r="U300" s="210"/>
      <c r="V300" s="210"/>
      <c r="W300" s="203"/>
      <c r="X300" s="210"/>
      <c r="Y300" s="210"/>
      <c r="Z300" s="210"/>
      <c r="AA300" s="210"/>
      <c r="AB300" s="210"/>
      <c r="AC300" s="210"/>
      <c r="AD300" s="210"/>
      <c r="AE300" s="210"/>
      <c r="AF300" s="210"/>
      <c r="AG300" s="210"/>
      <c r="AH300" s="210"/>
      <c r="AI300" s="210"/>
      <c r="AJ300" s="210"/>
      <c r="AK300" s="210"/>
      <c r="AL300" s="210"/>
      <c r="AM300" s="210"/>
      <c r="AN300" s="210"/>
      <c r="AO300" s="210"/>
      <c r="AP300" s="210"/>
      <c r="AQ300" s="210"/>
      <c r="AR300" s="210"/>
      <c r="AS300" s="210"/>
      <c r="AT300" s="203" t="s">
        <v>66</v>
      </c>
      <c r="AU300" s="210"/>
      <c r="AV300" s="210"/>
      <c r="AW300" s="204">
        <f t="shared" si="150"/>
        <v>150</v>
      </c>
      <c r="AX300" s="205">
        <f t="shared" si="185"/>
        <v>303.66720000000004</v>
      </c>
      <c r="AY300" s="203" t="str">
        <f t="shared" si="152"/>
        <v/>
      </c>
      <c r="AZ300" s="203" t="str">
        <f t="shared" si="153"/>
        <v/>
      </c>
      <c r="BA300" s="203" t="str">
        <f t="shared" si="154"/>
        <v/>
      </c>
      <c r="BB300" s="203" t="str">
        <f t="shared" si="155"/>
        <v/>
      </c>
      <c r="BC300" s="203" t="str">
        <f t="shared" si="156"/>
        <v/>
      </c>
      <c r="BD300" s="203" t="str">
        <f t="shared" si="157"/>
        <v/>
      </c>
      <c r="BE300" s="203" t="str">
        <f t="shared" si="158"/>
        <v/>
      </c>
      <c r="BF300" s="203" t="str">
        <f t="shared" si="159"/>
        <v/>
      </c>
      <c r="BG300" s="203" t="str">
        <f t="shared" si="160"/>
        <v/>
      </c>
      <c r="BH300" s="203" t="str">
        <f t="shared" si="161"/>
        <v/>
      </c>
      <c r="BI300" s="203" t="str">
        <f t="shared" si="162"/>
        <v/>
      </c>
      <c r="BJ300" s="203" t="str">
        <f t="shared" si="163"/>
        <v/>
      </c>
      <c r="BK300" s="203" t="str">
        <f t="shared" si="164"/>
        <v/>
      </c>
      <c r="BL300" s="203" t="str">
        <f t="shared" si="165"/>
        <v/>
      </c>
      <c r="BM300" s="203" t="str">
        <f t="shared" si="166"/>
        <v/>
      </c>
      <c r="BN300" s="203" t="str">
        <f t="shared" si="167"/>
        <v/>
      </c>
      <c r="BO300" s="203" t="str">
        <f t="shared" si="168"/>
        <v/>
      </c>
      <c r="BP300" s="203" t="str">
        <f t="shared" si="169"/>
        <v/>
      </c>
      <c r="BQ300" s="203" t="str">
        <f t="shared" si="170"/>
        <v/>
      </c>
      <c r="BR300" s="203" t="str">
        <f t="shared" si="171"/>
        <v/>
      </c>
      <c r="BS300" s="203" t="str">
        <f t="shared" si="172"/>
        <v/>
      </c>
      <c r="BT300" s="203" t="str">
        <f t="shared" si="173"/>
        <v/>
      </c>
      <c r="BU300" s="203" t="str">
        <f t="shared" si="174"/>
        <v/>
      </c>
      <c r="BV300" s="203" t="str">
        <f t="shared" si="175"/>
        <v/>
      </c>
      <c r="BW300" s="203" t="str">
        <f t="shared" si="176"/>
        <v/>
      </c>
      <c r="BX300" s="203" t="str">
        <f t="shared" si="177"/>
        <v/>
      </c>
      <c r="BY300" s="203" t="str">
        <f t="shared" si="178"/>
        <v/>
      </c>
      <c r="BZ300" s="203" t="str">
        <f t="shared" si="179"/>
        <v/>
      </c>
      <c r="CA300" s="203">
        <f t="shared" si="180"/>
        <v>45550.080000000009</v>
      </c>
      <c r="CB300" s="203" t="str">
        <f t="shared" si="181"/>
        <v/>
      </c>
      <c r="CC300" s="203" t="str">
        <f t="shared" si="182"/>
        <v/>
      </c>
      <c r="CD300" s="200"/>
      <c r="CE300" s="200"/>
      <c r="CF300" s="200"/>
    </row>
    <row r="301" spans="1:84" s="211" customFormat="1" ht="56.1" hidden="1" customHeight="1" x14ac:dyDescent="0.2">
      <c r="A301" s="198">
        <v>299</v>
      </c>
      <c r="B301" s="199" t="s">
        <v>53</v>
      </c>
      <c r="C301" s="208" t="s">
        <v>515</v>
      </c>
      <c r="D301" s="200" t="s">
        <v>518</v>
      </c>
      <c r="E301" s="200" t="s">
        <v>520</v>
      </c>
      <c r="F301" s="200" t="s">
        <v>520</v>
      </c>
      <c r="G301" s="200" t="s">
        <v>95</v>
      </c>
      <c r="H301" s="200" t="s">
        <v>368</v>
      </c>
      <c r="I301" s="200" t="s">
        <v>60</v>
      </c>
      <c r="J301" s="200" t="s">
        <v>334</v>
      </c>
      <c r="K301" s="200" t="s">
        <v>493</v>
      </c>
      <c r="L301" s="200" t="s">
        <v>63</v>
      </c>
      <c r="M301" s="200" t="s">
        <v>63</v>
      </c>
      <c r="N301" s="201">
        <v>119568.96000000001</v>
      </c>
      <c r="O301" s="201">
        <v>119568.96000000001</v>
      </c>
      <c r="P301" s="200" t="s">
        <v>64</v>
      </c>
      <c r="Q301" s="200" t="s">
        <v>82</v>
      </c>
      <c r="R301" s="210"/>
      <c r="S301" s="210"/>
      <c r="T301" s="210"/>
      <c r="U301" s="210"/>
      <c r="V301" s="210"/>
      <c r="W301" s="203"/>
      <c r="X301" s="210"/>
      <c r="Y301" s="210"/>
      <c r="Z301" s="210"/>
      <c r="AA301" s="210"/>
      <c r="AB301" s="210"/>
      <c r="AC301" s="210"/>
      <c r="AD301" s="210"/>
      <c r="AE301" s="210"/>
      <c r="AF301" s="210"/>
      <c r="AG301" s="210"/>
      <c r="AH301" s="210"/>
      <c r="AI301" s="210"/>
      <c r="AJ301" s="210"/>
      <c r="AK301" s="210"/>
      <c r="AL301" s="210"/>
      <c r="AM301" s="210"/>
      <c r="AN301" s="210"/>
      <c r="AO301" s="210"/>
      <c r="AP301" s="210"/>
      <c r="AQ301" s="210"/>
      <c r="AR301" s="210"/>
      <c r="AS301" s="210"/>
      <c r="AT301" s="203" t="s">
        <v>66</v>
      </c>
      <c r="AU301" s="210"/>
      <c r="AV301" s="210"/>
      <c r="AW301" s="204">
        <f t="shared" si="150"/>
        <v>150</v>
      </c>
      <c r="AX301" s="205">
        <f t="shared" si="185"/>
        <v>797.12639999999999</v>
      </c>
      <c r="AY301" s="203" t="str">
        <f t="shared" si="152"/>
        <v/>
      </c>
      <c r="AZ301" s="203" t="str">
        <f t="shared" si="153"/>
        <v/>
      </c>
      <c r="BA301" s="203" t="str">
        <f t="shared" si="154"/>
        <v/>
      </c>
      <c r="BB301" s="203" t="str">
        <f t="shared" si="155"/>
        <v/>
      </c>
      <c r="BC301" s="203" t="str">
        <f t="shared" si="156"/>
        <v/>
      </c>
      <c r="BD301" s="203" t="str">
        <f t="shared" si="157"/>
        <v/>
      </c>
      <c r="BE301" s="203" t="str">
        <f t="shared" si="158"/>
        <v/>
      </c>
      <c r="BF301" s="203" t="str">
        <f t="shared" si="159"/>
        <v/>
      </c>
      <c r="BG301" s="203" t="str">
        <f t="shared" si="160"/>
        <v/>
      </c>
      <c r="BH301" s="203" t="str">
        <f t="shared" si="161"/>
        <v/>
      </c>
      <c r="BI301" s="203" t="str">
        <f t="shared" si="162"/>
        <v/>
      </c>
      <c r="BJ301" s="203" t="str">
        <f t="shared" si="163"/>
        <v/>
      </c>
      <c r="BK301" s="203" t="str">
        <f t="shared" si="164"/>
        <v/>
      </c>
      <c r="BL301" s="203" t="str">
        <f t="shared" si="165"/>
        <v/>
      </c>
      <c r="BM301" s="203" t="str">
        <f t="shared" si="166"/>
        <v/>
      </c>
      <c r="BN301" s="203" t="str">
        <f t="shared" si="167"/>
        <v/>
      </c>
      <c r="BO301" s="203" t="str">
        <f t="shared" si="168"/>
        <v/>
      </c>
      <c r="BP301" s="203" t="str">
        <f t="shared" si="169"/>
        <v/>
      </c>
      <c r="BQ301" s="203" t="str">
        <f t="shared" si="170"/>
        <v/>
      </c>
      <c r="BR301" s="203" t="str">
        <f t="shared" si="171"/>
        <v/>
      </c>
      <c r="BS301" s="203" t="str">
        <f t="shared" si="172"/>
        <v/>
      </c>
      <c r="BT301" s="203" t="str">
        <f t="shared" si="173"/>
        <v/>
      </c>
      <c r="BU301" s="203" t="str">
        <f t="shared" si="174"/>
        <v/>
      </c>
      <c r="BV301" s="203" t="str">
        <f t="shared" si="175"/>
        <v/>
      </c>
      <c r="BW301" s="203" t="str">
        <f t="shared" si="176"/>
        <v/>
      </c>
      <c r="BX301" s="203" t="str">
        <f t="shared" si="177"/>
        <v/>
      </c>
      <c r="BY301" s="203" t="str">
        <f t="shared" si="178"/>
        <v/>
      </c>
      <c r="BZ301" s="203" t="str">
        <f t="shared" si="179"/>
        <v/>
      </c>
      <c r="CA301" s="203">
        <f t="shared" si="180"/>
        <v>119568.95999999999</v>
      </c>
      <c r="CB301" s="203" t="str">
        <f t="shared" si="181"/>
        <v/>
      </c>
      <c r="CC301" s="203" t="str">
        <f t="shared" si="182"/>
        <v/>
      </c>
      <c r="CD301" s="200"/>
      <c r="CE301" s="200"/>
      <c r="CF301" s="200"/>
    </row>
    <row r="302" spans="1:84" s="211" customFormat="1" ht="56.1" hidden="1" customHeight="1" x14ac:dyDescent="0.2">
      <c r="A302" s="198">
        <v>300</v>
      </c>
      <c r="B302" s="199" t="s">
        <v>53</v>
      </c>
      <c r="C302" s="208" t="s">
        <v>515</v>
      </c>
      <c r="D302" s="200" t="s">
        <v>521</v>
      </c>
      <c r="E302" s="200" t="s">
        <v>522</v>
      </c>
      <c r="F302" s="200" t="s">
        <v>522</v>
      </c>
      <c r="G302" s="200" t="s">
        <v>95</v>
      </c>
      <c r="H302" s="200" t="s">
        <v>368</v>
      </c>
      <c r="I302" s="200" t="s">
        <v>60</v>
      </c>
      <c r="J302" s="200" t="s">
        <v>334</v>
      </c>
      <c r="K302" s="200" t="s">
        <v>493</v>
      </c>
      <c r="L302" s="200" t="s">
        <v>63</v>
      </c>
      <c r="M302" s="200" t="s">
        <v>63</v>
      </c>
      <c r="N302" s="201">
        <v>167016.95999999999</v>
      </c>
      <c r="O302" s="201">
        <v>167016.95999999999</v>
      </c>
      <c r="P302" s="200" t="s">
        <v>64</v>
      </c>
      <c r="Q302" s="200" t="s">
        <v>82</v>
      </c>
      <c r="R302" s="210"/>
      <c r="S302" s="210"/>
      <c r="T302" s="210"/>
      <c r="U302" s="210"/>
      <c r="V302" s="210"/>
      <c r="W302" s="203"/>
      <c r="X302" s="210"/>
      <c r="Y302" s="210"/>
      <c r="Z302" s="210"/>
      <c r="AA302" s="210"/>
      <c r="AB302" s="210"/>
      <c r="AC302" s="210"/>
      <c r="AD302" s="210"/>
      <c r="AE302" s="210"/>
      <c r="AF302" s="210"/>
      <c r="AG302" s="210"/>
      <c r="AH302" s="210"/>
      <c r="AI302" s="210"/>
      <c r="AJ302" s="210"/>
      <c r="AK302" s="210"/>
      <c r="AL302" s="210"/>
      <c r="AM302" s="210"/>
      <c r="AN302" s="210"/>
      <c r="AO302" s="210"/>
      <c r="AP302" s="210"/>
      <c r="AQ302" s="210"/>
      <c r="AR302" s="210"/>
      <c r="AS302" s="210"/>
      <c r="AT302" s="203" t="s">
        <v>66</v>
      </c>
      <c r="AU302" s="210"/>
      <c r="AV302" s="210"/>
      <c r="AW302" s="204">
        <f t="shared" si="150"/>
        <v>150</v>
      </c>
      <c r="AX302" s="205">
        <f t="shared" si="185"/>
        <v>1113.4464</v>
      </c>
      <c r="AY302" s="203" t="str">
        <f t="shared" si="152"/>
        <v/>
      </c>
      <c r="AZ302" s="203" t="str">
        <f t="shared" si="153"/>
        <v/>
      </c>
      <c r="BA302" s="203" t="str">
        <f t="shared" si="154"/>
        <v/>
      </c>
      <c r="BB302" s="203" t="str">
        <f t="shared" si="155"/>
        <v/>
      </c>
      <c r="BC302" s="203" t="str">
        <f t="shared" si="156"/>
        <v/>
      </c>
      <c r="BD302" s="203" t="str">
        <f t="shared" si="157"/>
        <v/>
      </c>
      <c r="BE302" s="203" t="str">
        <f t="shared" si="158"/>
        <v/>
      </c>
      <c r="BF302" s="203" t="str">
        <f t="shared" si="159"/>
        <v/>
      </c>
      <c r="BG302" s="203" t="str">
        <f t="shared" si="160"/>
        <v/>
      </c>
      <c r="BH302" s="203" t="str">
        <f t="shared" si="161"/>
        <v/>
      </c>
      <c r="BI302" s="203" t="str">
        <f t="shared" si="162"/>
        <v/>
      </c>
      <c r="BJ302" s="203" t="str">
        <f t="shared" si="163"/>
        <v/>
      </c>
      <c r="BK302" s="203" t="str">
        <f t="shared" si="164"/>
        <v/>
      </c>
      <c r="BL302" s="203" t="str">
        <f t="shared" si="165"/>
        <v/>
      </c>
      <c r="BM302" s="203" t="str">
        <f t="shared" si="166"/>
        <v/>
      </c>
      <c r="BN302" s="203" t="str">
        <f t="shared" si="167"/>
        <v/>
      </c>
      <c r="BO302" s="203" t="str">
        <f t="shared" si="168"/>
        <v/>
      </c>
      <c r="BP302" s="203" t="str">
        <f t="shared" si="169"/>
        <v/>
      </c>
      <c r="BQ302" s="203" t="str">
        <f t="shared" si="170"/>
        <v/>
      </c>
      <c r="BR302" s="203" t="str">
        <f t="shared" si="171"/>
        <v/>
      </c>
      <c r="BS302" s="203" t="str">
        <f t="shared" si="172"/>
        <v/>
      </c>
      <c r="BT302" s="203" t="str">
        <f t="shared" si="173"/>
        <v/>
      </c>
      <c r="BU302" s="203" t="str">
        <f t="shared" si="174"/>
        <v/>
      </c>
      <c r="BV302" s="203" t="str">
        <f t="shared" si="175"/>
        <v/>
      </c>
      <c r="BW302" s="203" t="str">
        <f t="shared" si="176"/>
        <v/>
      </c>
      <c r="BX302" s="203" t="str">
        <f t="shared" si="177"/>
        <v/>
      </c>
      <c r="BY302" s="203" t="str">
        <f t="shared" si="178"/>
        <v/>
      </c>
      <c r="BZ302" s="203" t="str">
        <f t="shared" si="179"/>
        <v/>
      </c>
      <c r="CA302" s="203">
        <f t="shared" si="180"/>
        <v>167016.95999999999</v>
      </c>
      <c r="CB302" s="203" t="str">
        <f t="shared" si="181"/>
        <v/>
      </c>
      <c r="CC302" s="203" t="str">
        <f t="shared" si="182"/>
        <v/>
      </c>
      <c r="CD302" s="200"/>
      <c r="CE302" s="200"/>
      <c r="CF302" s="200"/>
    </row>
    <row r="303" spans="1:84" s="211" customFormat="1" ht="56.1" hidden="1" customHeight="1" x14ac:dyDescent="0.2">
      <c r="A303" s="198">
        <v>301</v>
      </c>
      <c r="B303" s="199" t="s">
        <v>53</v>
      </c>
      <c r="C303" s="208" t="s">
        <v>515</v>
      </c>
      <c r="D303" s="200" t="s">
        <v>523</v>
      </c>
      <c r="E303" s="200" t="s">
        <v>537</v>
      </c>
      <c r="F303" s="200" t="s">
        <v>537</v>
      </c>
      <c r="G303" s="200" t="s">
        <v>95</v>
      </c>
      <c r="H303" s="200" t="s">
        <v>368</v>
      </c>
      <c r="I303" s="200" t="s">
        <v>60</v>
      </c>
      <c r="J303" s="200" t="s">
        <v>525</v>
      </c>
      <c r="K303" s="200" t="s">
        <v>493</v>
      </c>
      <c r="L303" s="200" t="s">
        <v>63</v>
      </c>
      <c r="M303" s="200" t="s">
        <v>63</v>
      </c>
      <c r="N303" s="201">
        <v>43494</v>
      </c>
      <c r="O303" s="201">
        <v>43494</v>
      </c>
      <c r="P303" s="200" t="s">
        <v>64</v>
      </c>
      <c r="Q303" s="200" t="s">
        <v>82</v>
      </c>
      <c r="R303" s="210"/>
      <c r="S303" s="210"/>
      <c r="T303" s="210"/>
      <c r="U303" s="210"/>
      <c r="V303" s="210"/>
      <c r="W303" s="203"/>
      <c r="X303" s="210"/>
      <c r="Y303" s="210"/>
      <c r="Z303" s="210"/>
      <c r="AA303" s="210"/>
      <c r="AB303" s="210"/>
      <c r="AC303" s="210"/>
      <c r="AD303" s="210"/>
      <c r="AE303" s="210"/>
      <c r="AF303" s="210"/>
      <c r="AG303" s="210"/>
      <c r="AH303" s="210"/>
      <c r="AI303" s="210"/>
      <c r="AJ303" s="210"/>
      <c r="AK303" s="210"/>
      <c r="AL303" s="210"/>
      <c r="AM303" s="210"/>
      <c r="AN303" s="210"/>
      <c r="AO303" s="210"/>
      <c r="AP303" s="210"/>
      <c r="AQ303" s="210"/>
      <c r="AR303" s="210"/>
      <c r="AS303" s="210"/>
      <c r="AT303" s="203" t="s">
        <v>66</v>
      </c>
      <c r="AU303" s="210"/>
      <c r="AV303" s="210"/>
      <c r="AW303" s="204">
        <f t="shared" si="150"/>
        <v>150</v>
      </c>
      <c r="AX303" s="205">
        <f t="shared" si="185"/>
        <v>289.95999999999998</v>
      </c>
      <c r="AY303" s="203" t="str">
        <f t="shared" si="152"/>
        <v/>
      </c>
      <c r="AZ303" s="203" t="str">
        <f t="shared" si="153"/>
        <v/>
      </c>
      <c r="BA303" s="203" t="str">
        <f t="shared" si="154"/>
        <v/>
      </c>
      <c r="BB303" s="203" t="str">
        <f t="shared" si="155"/>
        <v/>
      </c>
      <c r="BC303" s="203" t="str">
        <f t="shared" si="156"/>
        <v/>
      </c>
      <c r="BD303" s="203" t="str">
        <f t="shared" si="157"/>
        <v/>
      </c>
      <c r="BE303" s="203" t="str">
        <f t="shared" si="158"/>
        <v/>
      </c>
      <c r="BF303" s="203" t="str">
        <f t="shared" si="159"/>
        <v/>
      </c>
      <c r="BG303" s="203" t="str">
        <f t="shared" si="160"/>
        <v/>
      </c>
      <c r="BH303" s="203" t="str">
        <f t="shared" si="161"/>
        <v/>
      </c>
      <c r="BI303" s="203" t="str">
        <f t="shared" si="162"/>
        <v/>
      </c>
      <c r="BJ303" s="203" t="str">
        <f t="shared" si="163"/>
        <v/>
      </c>
      <c r="BK303" s="203" t="str">
        <f t="shared" si="164"/>
        <v/>
      </c>
      <c r="BL303" s="203" t="str">
        <f t="shared" si="165"/>
        <v/>
      </c>
      <c r="BM303" s="203" t="str">
        <f t="shared" si="166"/>
        <v/>
      </c>
      <c r="BN303" s="203" t="str">
        <f t="shared" si="167"/>
        <v/>
      </c>
      <c r="BO303" s="203" t="str">
        <f t="shared" si="168"/>
        <v/>
      </c>
      <c r="BP303" s="203" t="str">
        <f t="shared" si="169"/>
        <v/>
      </c>
      <c r="BQ303" s="203" t="str">
        <f t="shared" si="170"/>
        <v/>
      </c>
      <c r="BR303" s="203" t="str">
        <f t="shared" si="171"/>
        <v/>
      </c>
      <c r="BS303" s="203" t="str">
        <f t="shared" si="172"/>
        <v/>
      </c>
      <c r="BT303" s="203" t="str">
        <f t="shared" si="173"/>
        <v/>
      </c>
      <c r="BU303" s="203" t="str">
        <f t="shared" si="174"/>
        <v/>
      </c>
      <c r="BV303" s="203" t="str">
        <f t="shared" si="175"/>
        <v/>
      </c>
      <c r="BW303" s="203" t="str">
        <f t="shared" si="176"/>
        <v/>
      </c>
      <c r="BX303" s="203" t="str">
        <f t="shared" si="177"/>
        <v/>
      </c>
      <c r="BY303" s="203" t="str">
        <f t="shared" si="178"/>
        <v/>
      </c>
      <c r="BZ303" s="203" t="str">
        <f t="shared" si="179"/>
        <v/>
      </c>
      <c r="CA303" s="203">
        <f t="shared" si="180"/>
        <v>43494</v>
      </c>
      <c r="CB303" s="203" t="str">
        <f t="shared" si="181"/>
        <v/>
      </c>
      <c r="CC303" s="203" t="str">
        <f t="shared" si="182"/>
        <v/>
      </c>
      <c r="CD303" s="200"/>
      <c r="CE303" s="200"/>
      <c r="CF303" s="200"/>
    </row>
    <row r="304" spans="1:84" s="211" customFormat="1" ht="56.1" hidden="1" customHeight="1" x14ac:dyDescent="0.2">
      <c r="A304" s="198">
        <v>302</v>
      </c>
      <c r="B304" s="199" t="s">
        <v>53</v>
      </c>
      <c r="C304" s="208" t="s">
        <v>515</v>
      </c>
      <c r="D304" s="200" t="s">
        <v>526</v>
      </c>
      <c r="E304" s="200" t="s">
        <v>538</v>
      </c>
      <c r="F304" s="200" t="s">
        <v>538</v>
      </c>
      <c r="G304" s="200" t="s">
        <v>95</v>
      </c>
      <c r="H304" s="200" t="s">
        <v>368</v>
      </c>
      <c r="I304" s="200" t="s">
        <v>60</v>
      </c>
      <c r="J304" s="200" t="s">
        <v>525</v>
      </c>
      <c r="K304" s="200" t="s">
        <v>493</v>
      </c>
      <c r="L304" s="200" t="s">
        <v>63</v>
      </c>
      <c r="M304" s="200" t="s">
        <v>63</v>
      </c>
      <c r="N304" s="201">
        <v>105440</v>
      </c>
      <c r="O304" s="201">
        <v>105440</v>
      </c>
      <c r="P304" s="200" t="s">
        <v>64</v>
      </c>
      <c r="Q304" s="200" t="s">
        <v>82</v>
      </c>
      <c r="R304" s="210"/>
      <c r="S304" s="210"/>
      <c r="T304" s="210"/>
      <c r="U304" s="210"/>
      <c r="V304" s="210"/>
      <c r="W304" s="203"/>
      <c r="X304" s="210"/>
      <c r="Y304" s="210"/>
      <c r="Z304" s="210"/>
      <c r="AA304" s="210"/>
      <c r="AB304" s="210"/>
      <c r="AC304" s="210"/>
      <c r="AD304" s="210"/>
      <c r="AE304" s="210"/>
      <c r="AF304" s="210"/>
      <c r="AG304" s="210"/>
      <c r="AH304" s="210"/>
      <c r="AI304" s="210"/>
      <c r="AJ304" s="210"/>
      <c r="AK304" s="210"/>
      <c r="AL304" s="210"/>
      <c r="AM304" s="210"/>
      <c r="AN304" s="210"/>
      <c r="AO304" s="210"/>
      <c r="AP304" s="210"/>
      <c r="AQ304" s="210"/>
      <c r="AR304" s="210"/>
      <c r="AS304" s="210"/>
      <c r="AT304" s="203" t="s">
        <v>66</v>
      </c>
      <c r="AU304" s="210"/>
      <c r="AV304" s="210"/>
      <c r="AW304" s="204">
        <f t="shared" si="150"/>
        <v>150</v>
      </c>
      <c r="AX304" s="205">
        <f t="shared" si="185"/>
        <v>702.93333333333328</v>
      </c>
      <c r="AY304" s="203" t="str">
        <f t="shared" si="152"/>
        <v/>
      </c>
      <c r="AZ304" s="203" t="str">
        <f t="shared" si="153"/>
        <v/>
      </c>
      <c r="BA304" s="203" t="str">
        <f t="shared" si="154"/>
        <v/>
      </c>
      <c r="BB304" s="203" t="str">
        <f t="shared" si="155"/>
        <v/>
      </c>
      <c r="BC304" s="203" t="str">
        <f t="shared" si="156"/>
        <v/>
      </c>
      <c r="BD304" s="203" t="str">
        <f t="shared" si="157"/>
        <v/>
      </c>
      <c r="BE304" s="203" t="str">
        <f t="shared" si="158"/>
        <v/>
      </c>
      <c r="BF304" s="203" t="str">
        <f t="shared" si="159"/>
        <v/>
      </c>
      <c r="BG304" s="203" t="str">
        <f t="shared" si="160"/>
        <v/>
      </c>
      <c r="BH304" s="203" t="str">
        <f t="shared" si="161"/>
        <v/>
      </c>
      <c r="BI304" s="203" t="str">
        <f t="shared" si="162"/>
        <v/>
      </c>
      <c r="BJ304" s="203" t="str">
        <f t="shared" si="163"/>
        <v/>
      </c>
      <c r="BK304" s="203" t="str">
        <f t="shared" si="164"/>
        <v/>
      </c>
      <c r="BL304" s="203" t="str">
        <f t="shared" si="165"/>
        <v/>
      </c>
      <c r="BM304" s="203" t="str">
        <f t="shared" si="166"/>
        <v/>
      </c>
      <c r="BN304" s="203" t="str">
        <f t="shared" si="167"/>
        <v/>
      </c>
      <c r="BO304" s="203" t="str">
        <f t="shared" si="168"/>
        <v/>
      </c>
      <c r="BP304" s="203" t="str">
        <f t="shared" si="169"/>
        <v/>
      </c>
      <c r="BQ304" s="203" t="str">
        <f t="shared" si="170"/>
        <v/>
      </c>
      <c r="BR304" s="203" t="str">
        <f t="shared" si="171"/>
        <v/>
      </c>
      <c r="BS304" s="203" t="str">
        <f t="shared" si="172"/>
        <v/>
      </c>
      <c r="BT304" s="203" t="str">
        <f t="shared" si="173"/>
        <v/>
      </c>
      <c r="BU304" s="203" t="str">
        <f t="shared" si="174"/>
        <v/>
      </c>
      <c r="BV304" s="203" t="str">
        <f t="shared" si="175"/>
        <v/>
      </c>
      <c r="BW304" s="203" t="str">
        <f t="shared" si="176"/>
        <v/>
      </c>
      <c r="BX304" s="203" t="str">
        <f t="shared" si="177"/>
        <v/>
      </c>
      <c r="BY304" s="203" t="str">
        <f t="shared" si="178"/>
        <v/>
      </c>
      <c r="BZ304" s="203" t="str">
        <f t="shared" si="179"/>
        <v/>
      </c>
      <c r="CA304" s="203">
        <f t="shared" si="180"/>
        <v>105439.99999999999</v>
      </c>
      <c r="CB304" s="203" t="str">
        <f t="shared" si="181"/>
        <v/>
      </c>
      <c r="CC304" s="203" t="str">
        <f t="shared" si="182"/>
        <v/>
      </c>
      <c r="CD304" s="200"/>
      <c r="CE304" s="200"/>
      <c r="CF304" s="200"/>
    </row>
    <row r="305" spans="1:84" s="211" customFormat="1" ht="56.1" hidden="1" customHeight="1" x14ac:dyDescent="0.2">
      <c r="A305" s="198">
        <v>305</v>
      </c>
      <c r="B305" s="199" t="s">
        <v>53</v>
      </c>
      <c r="C305" s="208" t="s">
        <v>515</v>
      </c>
      <c r="D305" s="200" t="s">
        <v>533</v>
      </c>
      <c r="E305" s="200" t="s">
        <v>534</v>
      </c>
      <c r="F305" s="200" t="s">
        <v>534</v>
      </c>
      <c r="G305" s="200" t="s">
        <v>95</v>
      </c>
      <c r="H305" s="200" t="s">
        <v>368</v>
      </c>
      <c r="I305" s="200" t="s">
        <v>81</v>
      </c>
      <c r="J305" s="200" t="s">
        <v>334</v>
      </c>
      <c r="K305" s="200" t="s">
        <v>493</v>
      </c>
      <c r="L305" s="200" t="s">
        <v>63</v>
      </c>
      <c r="M305" s="200" t="s">
        <v>63</v>
      </c>
      <c r="N305" s="201">
        <v>26689.5</v>
      </c>
      <c r="O305" s="201">
        <v>26689.5</v>
      </c>
      <c r="P305" s="200" t="s">
        <v>64</v>
      </c>
      <c r="Q305" s="200" t="s">
        <v>82</v>
      </c>
      <c r="R305" s="210"/>
      <c r="S305" s="210"/>
      <c r="T305" s="210"/>
      <c r="U305" s="210"/>
      <c r="V305" s="210"/>
      <c r="W305" s="203"/>
      <c r="X305" s="210"/>
      <c r="Y305" s="210"/>
      <c r="Z305" s="210"/>
      <c r="AA305" s="210"/>
      <c r="AB305" s="210"/>
      <c r="AC305" s="210"/>
      <c r="AD305" s="210"/>
      <c r="AE305" s="210"/>
      <c r="AF305" s="210"/>
      <c r="AG305" s="210"/>
      <c r="AH305" s="210"/>
      <c r="AI305" s="210"/>
      <c r="AJ305" s="210"/>
      <c r="AK305" s="210"/>
      <c r="AL305" s="210"/>
      <c r="AM305" s="210"/>
      <c r="AN305" s="210"/>
      <c r="AO305" s="210"/>
      <c r="AP305" s="210"/>
      <c r="AQ305" s="210"/>
      <c r="AR305" s="210"/>
      <c r="AS305" s="210"/>
      <c r="AT305" s="203" t="s">
        <v>66</v>
      </c>
      <c r="AU305" s="210"/>
      <c r="AV305" s="210"/>
      <c r="AW305" s="204">
        <f t="shared" si="150"/>
        <v>150</v>
      </c>
      <c r="AX305" s="205">
        <f>O305/AW305</f>
        <v>177.93</v>
      </c>
      <c r="AY305" s="203" t="str">
        <f t="shared" si="152"/>
        <v/>
      </c>
      <c r="AZ305" s="203" t="str">
        <f t="shared" si="153"/>
        <v/>
      </c>
      <c r="BA305" s="203" t="str">
        <f t="shared" si="154"/>
        <v/>
      </c>
      <c r="BB305" s="203" t="str">
        <f t="shared" si="155"/>
        <v/>
      </c>
      <c r="BC305" s="203" t="str">
        <f t="shared" si="156"/>
        <v/>
      </c>
      <c r="BD305" s="203" t="str">
        <f t="shared" si="157"/>
        <v/>
      </c>
      <c r="BE305" s="203" t="str">
        <f t="shared" si="158"/>
        <v/>
      </c>
      <c r="BF305" s="203" t="str">
        <f t="shared" si="159"/>
        <v/>
      </c>
      <c r="BG305" s="203" t="str">
        <f t="shared" si="160"/>
        <v/>
      </c>
      <c r="BH305" s="203" t="str">
        <f t="shared" si="161"/>
        <v/>
      </c>
      <c r="BI305" s="203" t="str">
        <f t="shared" si="162"/>
        <v/>
      </c>
      <c r="BJ305" s="203" t="str">
        <f t="shared" si="163"/>
        <v/>
      </c>
      <c r="BK305" s="203" t="str">
        <f t="shared" si="164"/>
        <v/>
      </c>
      <c r="BL305" s="203" t="str">
        <f t="shared" si="165"/>
        <v/>
      </c>
      <c r="BM305" s="203" t="str">
        <f t="shared" si="166"/>
        <v/>
      </c>
      <c r="BN305" s="203" t="str">
        <f t="shared" si="167"/>
        <v/>
      </c>
      <c r="BO305" s="203" t="str">
        <f t="shared" si="168"/>
        <v/>
      </c>
      <c r="BP305" s="203" t="str">
        <f t="shared" si="169"/>
        <v/>
      </c>
      <c r="BQ305" s="203" t="str">
        <f t="shared" si="170"/>
        <v/>
      </c>
      <c r="BR305" s="203" t="str">
        <f t="shared" si="171"/>
        <v/>
      </c>
      <c r="BS305" s="203" t="str">
        <f t="shared" si="172"/>
        <v/>
      </c>
      <c r="BT305" s="203" t="str">
        <f t="shared" si="173"/>
        <v/>
      </c>
      <c r="BU305" s="203" t="str">
        <f t="shared" si="174"/>
        <v/>
      </c>
      <c r="BV305" s="203" t="str">
        <f t="shared" si="175"/>
        <v/>
      </c>
      <c r="BW305" s="203" t="str">
        <f t="shared" si="176"/>
        <v/>
      </c>
      <c r="BX305" s="203" t="str">
        <f t="shared" si="177"/>
        <v/>
      </c>
      <c r="BY305" s="203" t="str">
        <f t="shared" si="178"/>
        <v/>
      </c>
      <c r="BZ305" s="203" t="str">
        <f t="shared" si="179"/>
        <v/>
      </c>
      <c r="CA305" s="203">
        <f t="shared" si="180"/>
        <v>26689.5</v>
      </c>
      <c r="CB305" s="203" t="str">
        <f t="shared" si="181"/>
        <v/>
      </c>
      <c r="CC305" s="203" t="str">
        <f t="shared" si="182"/>
        <v/>
      </c>
      <c r="CD305" s="200"/>
      <c r="CE305" s="200"/>
      <c r="CF305" s="200"/>
    </row>
    <row r="306" spans="1:84" s="318" customFormat="1" ht="56.1" hidden="1" customHeight="1" x14ac:dyDescent="0.2">
      <c r="A306" s="302">
        <v>306</v>
      </c>
      <c r="B306" s="24" t="s">
        <v>53</v>
      </c>
      <c r="C306" s="35" t="s">
        <v>515</v>
      </c>
      <c r="D306" s="303" t="s">
        <v>516</v>
      </c>
      <c r="E306" s="303" t="s">
        <v>535</v>
      </c>
      <c r="F306" s="303" t="s">
        <v>536</v>
      </c>
      <c r="G306" s="303" t="s">
        <v>95</v>
      </c>
      <c r="H306" s="303" t="s">
        <v>310</v>
      </c>
      <c r="I306" s="303" t="s">
        <v>81</v>
      </c>
      <c r="J306" s="303" t="s">
        <v>334</v>
      </c>
      <c r="K306" s="303" t="s">
        <v>225</v>
      </c>
      <c r="L306" s="303" t="s">
        <v>63</v>
      </c>
      <c r="M306" s="303" t="s">
        <v>63</v>
      </c>
      <c r="N306" s="304">
        <v>9413.6831999999977</v>
      </c>
      <c r="O306" s="304">
        <v>9413.6831999999977</v>
      </c>
      <c r="P306" s="303" t="s">
        <v>226</v>
      </c>
      <c r="Q306" s="303" t="s">
        <v>82</v>
      </c>
      <c r="R306" s="317"/>
      <c r="S306" s="317"/>
      <c r="T306" s="317"/>
      <c r="U306" s="317"/>
      <c r="V306" s="317"/>
      <c r="W306" s="307"/>
      <c r="X306" s="317"/>
      <c r="Y306" s="317"/>
      <c r="Z306" s="317"/>
      <c r="AA306" s="317"/>
      <c r="AB306" s="317"/>
      <c r="AC306" s="317"/>
      <c r="AD306" s="317"/>
      <c r="AE306" s="317"/>
      <c r="AF306" s="317"/>
      <c r="AG306" s="317"/>
      <c r="AH306" s="317"/>
      <c r="AI306" s="317"/>
      <c r="AJ306" s="317"/>
      <c r="AK306" s="317"/>
      <c r="AL306" s="317"/>
      <c r="AM306" s="317"/>
      <c r="AN306" s="317"/>
      <c r="AO306" s="317"/>
      <c r="AP306" s="317"/>
      <c r="AQ306" s="317"/>
      <c r="AR306" s="317"/>
      <c r="AS306" s="317"/>
      <c r="AT306" s="317"/>
      <c r="AU306" s="307" t="s">
        <v>66</v>
      </c>
      <c r="AV306" s="317"/>
      <c r="AW306" s="308">
        <f t="shared" si="150"/>
        <v>31</v>
      </c>
      <c r="AX306" s="309">
        <f>O306/AW306</f>
        <v>303.66719999999992</v>
      </c>
      <c r="AY306" s="307" t="str">
        <f t="shared" si="152"/>
        <v/>
      </c>
      <c r="AZ306" s="307" t="str">
        <f t="shared" si="153"/>
        <v/>
      </c>
      <c r="BA306" s="307" t="str">
        <f t="shared" si="154"/>
        <v/>
      </c>
      <c r="BB306" s="307" t="str">
        <f t="shared" si="155"/>
        <v/>
      </c>
      <c r="BC306" s="307" t="str">
        <f t="shared" si="156"/>
        <v/>
      </c>
      <c r="BD306" s="307" t="str">
        <f t="shared" si="157"/>
        <v/>
      </c>
      <c r="BE306" s="307" t="str">
        <f t="shared" si="158"/>
        <v/>
      </c>
      <c r="BF306" s="307" t="str">
        <f t="shared" si="159"/>
        <v/>
      </c>
      <c r="BG306" s="307" t="str">
        <f t="shared" si="160"/>
        <v/>
      </c>
      <c r="BH306" s="307" t="str">
        <f t="shared" si="161"/>
        <v/>
      </c>
      <c r="BI306" s="307" t="str">
        <f t="shared" si="162"/>
        <v/>
      </c>
      <c r="BJ306" s="307" t="str">
        <f t="shared" si="163"/>
        <v/>
      </c>
      <c r="BK306" s="307" t="str">
        <f t="shared" si="164"/>
        <v/>
      </c>
      <c r="BL306" s="307" t="str">
        <f t="shared" si="165"/>
        <v/>
      </c>
      <c r="BM306" s="307" t="str">
        <f t="shared" si="166"/>
        <v/>
      </c>
      <c r="BN306" s="307" t="str">
        <f t="shared" si="167"/>
        <v/>
      </c>
      <c r="BO306" s="307" t="str">
        <f t="shared" si="168"/>
        <v/>
      </c>
      <c r="BP306" s="307" t="str">
        <f t="shared" si="169"/>
        <v/>
      </c>
      <c r="BQ306" s="307" t="str">
        <f t="shared" si="170"/>
        <v/>
      </c>
      <c r="BR306" s="307" t="str">
        <f t="shared" si="171"/>
        <v/>
      </c>
      <c r="BS306" s="307" t="str">
        <f t="shared" si="172"/>
        <v/>
      </c>
      <c r="BT306" s="307" t="str">
        <f t="shared" si="173"/>
        <v/>
      </c>
      <c r="BU306" s="307" t="str">
        <f t="shared" si="174"/>
        <v/>
      </c>
      <c r="BV306" s="307" t="str">
        <f t="shared" si="175"/>
        <v/>
      </c>
      <c r="BW306" s="307" t="str">
        <f t="shared" si="176"/>
        <v/>
      </c>
      <c r="BX306" s="307" t="str">
        <f t="shared" si="177"/>
        <v/>
      </c>
      <c r="BY306" s="307" t="str">
        <f t="shared" si="178"/>
        <v/>
      </c>
      <c r="BZ306" s="307" t="str">
        <f t="shared" si="179"/>
        <v/>
      </c>
      <c r="CA306" s="307" t="str">
        <f t="shared" si="180"/>
        <v/>
      </c>
      <c r="CB306" s="307">
        <f t="shared" si="181"/>
        <v>9413.6831999999977</v>
      </c>
      <c r="CC306" s="307" t="str">
        <f t="shared" si="182"/>
        <v/>
      </c>
      <c r="CD306" s="303"/>
      <c r="CE306" s="303"/>
      <c r="CF306" s="303"/>
    </row>
    <row r="307" spans="1:84" s="318" customFormat="1" ht="56.1" hidden="1" customHeight="1" x14ac:dyDescent="0.2">
      <c r="A307" s="302">
        <v>307</v>
      </c>
      <c r="B307" s="24" t="s">
        <v>53</v>
      </c>
      <c r="C307" s="35" t="s">
        <v>515</v>
      </c>
      <c r="D307" s="303" t="s">
        <v>518</v>
      </c>
      <c r="E307" s="303" t="s">
        <v>520</v>
      </c>
      <c r="F307" s="303" t="s">
        <v>520</v>
      </c>
      <c r="G307" s="303" t="s">
        <v>95</v>
      </c>
      <c r="H307" s="303" t="s">
        <v>310</v>
      </c>
      <c r="I307" s="303" t="s">
        <v>81</v>
      </c>
      <c r="J307" s="303" t="s">
        <v>334</v>
      </c>
      <c r="K307" s="303" t="s">
        <v>225</v>
      </c>
      <c r="L307" s="303" t="s">
        <v>63</v>
      </c>
      <c r="M307" s="303" t="s">
        <v>63</v>
      </c>
      <c r="N307" s="304">
        <v>24710.918399999999</v>
      </c>
      <c r="O307" s="304">
        <v>24710.918399999999</v>
      </c>
      <c r="P307" s="303" t="s">
        <v>226</v>
      </c>
      <c r="Q307" s="303" t="s">
        <v>82</v>
      </c>
      <c r="R307" s="317"/>
      <c r="S307" s="317"/>
      <c r="T307" s="317"/>
      <c r="U307" s="317"/>
      <c r="V307" s="317"/>
      <c r="W307" s="307"/>
      <c r="X307" s="317"/>
      <c r="Y307" s="317"/>
      <c r="Z307" s="317"/>
      <c r="AA307" s="317"/>
      <c r="AB307" s="317"/>
      <c r="AC307" s="317"/>
      <c r="AD307" s="317"/>
      <c r="AE307" s="317"/>
      <c r="AF307" s="317"/>
      <c r="AG307" s="317"/>
      <c r="AH307" s="317"/>
      <c r="AI307" s="317"/>
      <c r="AJ307" s="317"/>
      <c r="AK307" s="317"/>
      <c r="AL307" s="317"/>
      <c r="AM307" s="317"/>
      <c r="AN307" s="317"/>
      <c r="AO307" s="317"/>
      <c r="AP307" s="317"/>
      <c r="AQ307" s="317"/>
      <c r="AR307" s="317"/>
      <c r="AS307" s="317"/>
      <c r="AT307" s="317"/>
      <c r="AU307" s="307" t="s">
        <v>66</v>
      </c>
      <c r="AV307" s="317"/>
      <c r="AW307" s="308">
        <f t="shared" si="150"/>
        <v>31</v>
      </c>
      <c r="AX307" s="309">
        <f>O307/AW307</f>
        <v>797.12639999999999</v>
      </c>
      <c r="AY307" s="307" t="str">
        <f t="shared" si="152"/>
        <v/>
      </c>
      <c r="AZ307" s="307" t="str">
        <f t="shared" si="153"/>
        <v/>
      </c>
      <c r="BA307" s="307" t="str">
        <f t="shared" si="154"/>
        <v/>
      </c>
      <c r="BB307" s="307" t="str">
        <f t="shared" si="155"/>
        <v/>
      </c>
      <c r="BC307" s="307" t="str">
        <f t="shared" si="156"/>
        <v/>
      </c>
      <c r="BD307" s="307" t="str">
        <f t="shared" si="157"/>
        <v/>
      </c>
      <c r="BE307" s="307" t="str">
        <f t="shared" si="158"/>
        <v/>
      </c>
      <c r="BF307" s="307" t="str">
        <f t="shared" si="159"/>
        <v/>
      </c>
      <c r="BG307" s="307" t="str">
        <f t="shared" si="160"/>
        <v/>
      </c>
      <c r="BH307" s="307" t="str">
        <f t="shared" si="161"/>
        <v/>
      </c>
      <c r="BI307" s="307" t="str">
        <f t="shared" si="162"/>
        <v/>
      </c>
      <c r="BJ307" s="307" t="str">
        <f t="shared" si="163"/>
        <v/>
      </c>
      <c r="BK307" s="307" t="str">
        <f t="shared" si="164"/>
        <v/>
      </c>
      <c r="BL307" s="307" t="str">
        <f t="shared" si="165"/>
        <v/>
      </c>
      <c r="BM307" s="307" t="str">
        <f t="shared" si="166"/>
        <v/>
      </c>
      <c r="BN307" s="307" t="str">
        <f t="shared" si="167"/>
        <v/>
      </c>
      <c r="BO307" s="307" t="str">
        <f t="shared" si="168"/>
        <v/>
      </c>
      <c r="BP307" s="307" t="str">
        <f t="shared" si="169"/>
        <v/>
      </c>
      <c r="BQ307" s="307" t="str">
        <f t="shared" si="170"/>
        <v/>
      </c>
      <c r="BR307" s="307" t="str">
        <f t="shared" si="171"/>
        <v/>
      </c>
      <c r="BS307" s="307" t="str">
        <f t="shared" si="172"/>
        <v/>
      </c>
      <c r="BT307" s="307" t="str">
        <f t="shared" si="173"/>
        <v/>
      </c>
      <c r="BU307" s="307" t="str">
        <f t="shared" si="174"/>
        <v/>
      </c>
      <c r="BV307" s="307" t="str">
        <f t="shared" si="175"/>
        <v/>
      </c>
      <c r="BW307" s="307" t="str">
        <f t="shared" si="176"/>
        <v/>
      </c>
      <c r="BX307" s="307" t="str">
        <f t="shared" si="177"/>
        <v/>
      </c>
      <c r="BY307" s="307" t="str">
        <f t="shared" si="178"/>
        <v/>
      </c>
      <c r="BZ307" s="307" t="str">
        <f t="shared" si="179"/>
        <v/>
      </c>
      <c r="CA307" s="307" t="str">
        <f t="shared" si="180"/>
        <v/>
      </c>
      <c r="CB307" s="307">
        <f t="shared" si="181"/>
        <v>24710.918399999999</v>
      </c>
      <c r="CC307" s="307" t="str">
        <f t="shared" si="182"/>
        <v/>
      </c>
      <c r="CD307" s="303"/>
      <c r="CE307" s="303"/>
      <c r="CF307" s="303"/>
    </row>
    <row r="308" spans="1:84" s="318" customFormat="1" ht="56.1" hidden="1" customHeight="1" x14ac:dyDescent="0.2">
      <c r="A308" s="302">
        <v>308</v>
      </c>
      <c r="B308" s="24" t="s">
        <v>53</v>
      </c>
      <c r="C308" s="35" t="s">
        <v>515</v>
      </c>
      <c r="D308" s="303" t="s">
        <v>521</v>
      </c>
      <c r="E308" s="303" t="s">
        <v>522</v>
      </c>
      <c r="F308" s="303" t="s">
        <v>522</v>
      </c>
      <c r="G308" s="303" t="s">
        <v>95</v>
      </c>
      <c r="H308" s="303" t="s">
        <v>310</v>
      </c>
      <c r="I308" s="303" t="s">
        <v>81</v>
      </c>
      <c r="J308" s="303" t="s">
        <v>334</v>
      </c>
      <c r="K308" s="303" t="s">
        <v>225</v>
      </c>
      <c r="L308" s="303" t="s">
        <v>63</v>
      </c>
      <c r="M308" s="303" t="s">
        <v>63</v>
      </c>
      <c r="N308" s="304">
        <v>34516.838400000001</v>
      </c>
      <c r="O308" s="304">
        <v>34516.838400000001</v>
      </c>
      <c r="P308" s="303" t="s">
        <v>226</v>
      </c>
      <c r="Q308" s="303" t="s">
        <v>82</v>
      </c>
      <c r="R308" s="317"/>
      <c r="S308" s="317"/>
      <c r="T308" s="317"/>
      <c r="U308" s="317"/>
      <c r="V308" s="317"/>
      <c r="W308" s="307"/>
      <c r="X308" s="317"/>
      <c r="Y308" s="317"/>
      <c r="Z308" s="317"/>
      <c r="AA308" s="317"/>
      <c r="AB308" s="317"/>
      <c r="AC308" s="317"/>
      <c r="AD308" s="317"/>
      <c r="AE308" s="317"/>
      <c r="AF308" s="317"/>
      <c r="AG308" s="317"/>
      <c r="AH308" s="317"/>
      <c r="AI308" s="317"/>
      <c r="AJ308" s="317"/>
      <c r="AK308" s="317"/>
      <c r="AL308" s="317"/>
      <c r="AM308" s="317"/>
      <c r="AN308" s="317"/>
      <c r="AO308" s="317"/>
      <c r="AP308" s="317"/>
      <c r="AQ308" s="317"/>
      <c r="AR308" s="317"/>
      <c r="AS308" s="317"/>
      <c r="AT308" s="317"/>
      <c r="AU308" s="307" t="s">
        <v>66</v>
      </c>
      <c r="AV308" s="317"/>
      <c r="AW308" s="308">
        <f t="shared" si="150"/>
        <v>31</v>
      </c>
      <c r="AX308" s="309">
        <f>O308/AW308</f>
        <v>1113.4464</v>
      </c>
      <c r="AY308" s="307" t="str">
        <f t="shared" si="152"/>
        <v/>
      </c>
      <c r="AZ308" s="307" t="str">
        <f t="shared" si="153"/>
        <v/>
      </c>
      <c r="BA308" s="307" t="str">
        <f t="shared" si="154"/>
        <v/>
      </c>
      <c r="BB308" s="307" t="str">
        <f t="shared" si="155"/>
        <v/>
      </c>
      <c r="BC308" s="307" t="str">
        <f t="shared" si="156"/>
        <v/>
      </c>
      <c r="BD308" s="307" t="str">
        <f t="shared" si="157"/>
        <v/>
      </c>
      <c r="BE308" s="307" t="str">
        <f t="shared" si="158"/>
        <v/>
      </c>
      <c r="BF308" s="307" t="str">
        <f t="shared" si="159"/>
        <v/>
      </c>
      <c r="BG308" s="307" t="str">
        <f t="shared" si="160"/>
        <v/>
      </c>
      <c r="BH308" s="307" t="str">
        <f t="shared" si="161"/>
        <v/>
      </c>
      <c r="BI308" s="307" t="str">
        <f t="shared" si="162"/>
        <v/>
      </c>
      <c r="BJ308" s="307" t="str">
        <f t="shared" si="163"/>
        <v/>
      </c>
      <c r="BK308" s="307" t="str">
        <f t="shared" si="164"/>
        <v/>
      </c>
      <c r="BL308" s="307" t="str">
        <f t="shared" si="165"/>
        <v/>
      </c>
      <c r="BM308" s="307" t="str">
        <f t="shared" si="166"/>
        <v/>
      </c>
      <c r="BN308" s="307" t="str">
        <f t="shared" si="167"/>
        <v/>
      </c>
      <c r="BO308" s="307" t="str">
        <f t="shared" si="168"/>
        <v/>
      </c>
      <c r="BP308" s="307" t="str">
        <f t="shared" si="169"/>
        <v/>
      </c>
      <c r="BQ308" s="307" t="str">
        <f t="shared" si="170"/>
        <v/>
      </c>
      <c r="BR308" s="307" t="str">
        <f t="shared" si="171"/>
        <v/>
      </c>
      <c r="BS308" s="307" t="str">
        <f t="shared" si="172"/>
        <v/>
      </c>
      <c r="BT308" s="307" t="str">
        <f t="shared" si="173"/>
        <v/>
      </c>
      <c r="BU308" s="307" t="str">
        <f t="shared" si="174"/>
        <v/>
      </c>
      <c r="BV308" s="307" t="str">
        <f t="shared" si="175"/>
        <v/>
      </c>
      <c r="BW308" s="307" t="str">
        <f t="shared" si="176"/>
        <v/>
      </c>
      <c r="BX308" s="307" t="str">
        <f t="shared" si="177"/>
        <v/>
      </c>
      <c r="BY308" s="307" t="str">
        <f t="shared" si="178"/>
        <v/>
      </c>
      <c r="BZ308" s="307" t="str">
        <f t="shared" si="179"/>
        <v/>
      </c>
      <c r="CA308" s="307" t="str">
        <f t="shared" si="180"/>
        <v/>
      </c>
      <c r="CB308" s="307">
        <f t="shared" si="181"/>
        <v>34516.838400000001</v>
      </c>
      <c r="CC308" s="307" t="str">
        <f t="shared" si="182"/>
        <v/>
      </c>
      <c r="CD308" s="303"/>
      <c r="CE308" s="303"/>
      <c r="CF308" s="303"/>
    </row>
    <row r="309" spans="1:84" s="318" customFormat="1" ht="56.1" hidden="1" customHeight="1" x14ac:dyDescent="0.2">
      <c r="A309" s="302">
        <v>309</v>
      </c>
      <c r="B309" s="24" t="s">
        <v>53</v>
      </c>
      <c r="C309" s="35" t="s">
        <v>515</v>
      </c>
      <c r="D309" s="303" t="s">
        <v>523</v>
      </c>
      <c r="E309" s="303" t="s">
        <v>524</v>
      </c>
      <c r="F309" s="303" t="s">
        <v>524</v>
      </c>
      <c r="G309" s="303" t="s">
        <v>95</v>
      </c>
      <c r="H309" s="303" t="s">
        <v>310</v>
      </c>
      <c r="I309" s="303" t="s">
        <v>81</v>
      </c>
      <c r="J309" s="303" t="s">
        <v>525</v>
      </c>
      <c r="K309" s="303" t="s">
        <v>225</v>
      </c>
      <c r="L309" s="303" t="s">
        <v>63</v>
      </c>
      <c r="M309" s="303" t="s">
        <v>63</v>
      </c>
      <c r="N309" s="304">
        <v>0</v>
      </c>
      <c r="O309" s="304">
        <v>0</v>
      </c>
      <c r="P309" s="303" t="s">
        <v>226</v>
      </c>
      <c r="Q309" s="303" t="s">
        <v>82</v>
      </c>
      <c r="R309" s="317"/>
      <c r="S309" s="317"/>
      <c r="T309" s="317"/>
      <c r="U309" s="317"/>
      <c r="V309" s="317"/>
      <c r="W309" s="307"/>
      <c r="X309" s="317"/>
      <c r="Y309" s="317"/>
      <c r="Z309" s="317"/>
      <c r="AA309" s="317"/>
      <c r="AB309" s="317"/>
      <c r="AC309" s="317"/>
      <c r="AD309" s="317"/>
      <c r="AE309" s="317"/>
      <c r="AF309" s="317"/>
      <c r="AG309" s="317"/>
      <c r="AH309" s="317"/>
      <c r="AI309" s="317"/>
      <c r="AJ309" s="317"/>
      <c r="AK309" s="317"/>
      <c r="AL309" s="317"/>
      <c r="AM309" s="317"/>
      <c r="AN309" s="317"/>
      <c r="AO309" s="317"/>
      <c r="AP309" s="317"/>
      <c r="AQ309" s="317"/>
      <c r="AR309" s="317"/>
      <c r="AS309" s="317"/>
      <c r="AT309" s="317"/>
      <c r="AU309" s="307" t="s">
        <v>66</v>
      </c>
      <c r="AV309" s="317"/>
      <c r="AW309" s="308">
        <f t="shared" si="150"/>
        <v>31</v>
      </c>
      <c r="AX309" s="309">
        <f>O309/AW309</f>
        <v>0</v>
      </c>
      <c r="AY309" s="307" t="str">
        <f t="shared" si="152"/>
        <v/>
      </c>
      <c r="AZ309" s="307" t="str">
        <f t="shared" si="153"/>
        <v/>
      </c>
      <c r="BA309" s="307" t="str">
        <f t="shared" si="154"/>
        <v/>
      </c>
      <c r="BB309" s="307" t="str">
        <f t="shared" si="155"/>
        <v/>
      </c>
      <c r="BC309" s="307" t="str">
        <f t="shared" si="156"/>
        <v/>
      </c>
      <c r="BD309" s="307" t="str">
        <f t="shared" si="157"/>
        <v/>
      </c>
      <c r="BE309" s="307" t="str">
        <f t="shared" si="158"/>
        <v/>
      </c>
      <c r="BF309" s="307" t="str">
        <f t="shared" si="159"/>
        <v/>
      </c>
      <c r="BG309" s="307" t="str">
        <f t="shared" si="160"/>
        <v/>
      </c>
      <c r="BH309" s="307" t="str">
        <f t="shared" si="161"/>
        <v/>
      </c>
      <c r="BI309" s="307" t="str">
        <f t="shared" si="162"/>
        <v/>
      </c>
      <c r="BJ309" s="307" t="str">
        <f t="shared" si="163"/>
        <v/>
      </c>
      <c r="BK309" s="307" t="str">
        <f t="shared" si="164"/>
        <v/>
      </c>
      <c r="BL309" s="307" t="str">
        <f t="shared" si="165"/>
        <v/>
      </c>
      <c r="BM309" s="307" t="str">
        <f t="shared" si="166"/>
        <v/>
      </c>
      <c r="BN309" s="307" t="str">
        <f t="shared" si="167"/>
        <v/>
      </c>
      <c r="BO309" s="307" t="str">
        <f t="shared" si="168"/>
        <v/>
      </c>
      <c r="BP309" s="307" t="str">
        <f t="shared" si="169"/>
        <v/>
      </c>
      <c r="BQ309" s="307" t="str">
        <f t="shared" si="170"/>
        <v/>
      </c>
      <c r="BR309" s="307" t="str">
        <f t="shared" si="171"/>
        <v/>
      </c>
      <c r="BS309" s="307" t="str">
        <f t="shared" si="172"/>
        <v/>
      </c>
      <c r="BT309" s="307" t="str">
        <f t="shared" si="173"/>
        <v/>
      </c>
      <c r="BU309" s="307" t="str">
        <f t="shared" si="174"/>
        <v/>
      </c>
      <c r="BV309" s="307" t="str">
        <f t="shared" si="175"/>
        <v/>
      </c>
      <c r="BW309" s="307" t="str">
        <f t="shared" si="176"/>
        <v/>
      </c>
      <c r="BX309" s="307" t="str">
        <f t="shared" si="177"/>
        <v/>
      </c>
      <c r="BY309" s="307" t="str">
        <f t="shared" si="178"/>
        <v/>
      </c>
      <c r="BZ309" s="307" t="str">
        <f t="shared" si="179"/>
        <v/>
      </c>
      <c r="CA309" s="307" t="str">
        <f t="shared" si="180"/>
        <v/>
      </c>
      <c r="CB309" s="307">
        <f t="shared" si="181"/>
        <v>0</v>
      </c>
      <c r="CC309" s="307" t="str">
        <f t="shared" si="182"/>
        <v/>
      </c>
      <c r="CD309" s="303"/>
      <c r="CE309" s="303"/>
      <c r="CF309" s="303"/>
    </row>
    <row r="310" spans="1:84" s="318" customFormat="1" ht="56.1" hidden="1" customHeight="1" x14ac:dyDescent="0.2">
      <c r="A310" s="302">
        <v>310</v>
      </c>
      <c r="B310" s="24" t="s">
        <v>53</v>
      </c>
      <c r="C310" s="35" t="s">
        <v>515</v>
      </c>
      <c r="D310" s="303" t="s">
        <v>539</v>
      </c>
      <c r="E310" s="303" t="s">
        <v>527</v>
      </c>
      <c r="F310" s="303" t="s">
        <v>527</v>
      </c>
      <c r="G310" s="303" t="s">
        <v>95</v>
      </c>
      <c r="H310" s="303" t="s">
        <v>310</v>
      </c>
      <c r="I310" s="303" t="s">
        <v>81</v>
      </c>
      <c r="J310" s="303" t="s">
        <v>525</v>
      </c>
      <c r="K310" s="303" t="s">
        <v>225</v>
      </c>
      <c r="L310" s="303" t="s">
        <v>63</v>
      </c>
      <c r="M310" s="303" t="s">
        <v>63</v>
      </c>
      <c r="N310" s="304">
        <v>0</v>
      </c>
      <c r="O310" s="304">
        <v>0</v>
      </c>
      <c r="P310" s="303" t="s">
        <v>226</v>
      </c>
      <c r="Q310" s="303" t="s">
        <v>82</v>
      </c>
      <c r="R310" s="317"/>
      <c r="S310" s="317"/>
      <c r="T310" s="317"/>
      <c r="U310" s="317"/>
      <c r="V310" s="317"/>
      <c r="W310" s="307"/>
      <c r="X310" s="317"/>
      <c r="Y310" s="317"/>
      <c r="Z310" s="317"/>
      <c r="AA310" s="317"/>
      <c r="AB310" s="317"/>
      <c r="AC310" s="317"/>
      <c r="AD310" s="317"/>
      <c r="AE310" s="317"/>
      <c r="AF310" s="317"/>
      <c r="AG310" s="317"/>
      <c r="AH310" s="317"/>
      <c r="AI310" s="317"/>
      <c r="AJ310" s="317"/>
      <c r="AK310" s="317"/>
      <c r="AL310" s="317"/>
      <c r="AM310" s="317"/>
      <c r="AN310" s="317"/>
      <c r="AO310" s="317"/>
      <c r="AP310" s="317"/>
      <c r="AQ310" s="317"/>
      <c r="AR310" s="317"/>
      <c r="AS310" s="317"/>
      <c r="AT310" s="317"/>
      <c r="AU310" s="307" t="s">
        <v>66</v>
      </c>
      <c r="AV310" s="317"/>
      <c r="AW310" s="308">
        <f t="shared" si="150"/>
        <v>31</v>
      </c>
      <c r="AX310" s="309"/>
      <c r="AY310" s="307" t="str">
        <f t="shared" si="152"/>
        <v/>
      </c>
      <c r="AZ310" s="307" t="str">
        <f t="shared" si="153"/>
        <v/>
      </c>
      <c r="BA310" s="307" t="str">
        <f t="shared" si="154"/>
        <v/>
      </c>
      <c r="BB310" s="307" t="str">
        <f t="shared" si="155"/>
        <v/>
      </c>
      <c r="BC310" s="307" t="str">
        <f t="shared" si="156"/>
        <v/>
      </c>
      <c r="BD310" s="307" t="str">
        <f t="shared" si="157"/>
        <v/>
      </c>
      <c r="BE310" s="307" t="str">
        <f t="shared" si="158"/>
        <v/>
      </c>
      <c r="BF310" s="307" t="str">
        <f t="shared" si="159"/>
        <v/>
      </c>
      <c r="BG310" s="307" t="str">
        <f t="shared" si="160"/>
        <v/>
      </c>
      <c r="BH310" s="307" t="str">
        <f t="shared" si="161"/>
        <v/>
      </c>
      <c r="BI310" s="307" t="str">
        <f t="shared" si="162"/>
        <v/>
      </c>
      <c r="BJ310" s="307" t="str">
        <f t="shared" si="163"/>
        <v/>
      </c>
      <c r="BK310" s="307" t="str">
        <f t="shared" si="164"/>
        <v/>
      </c>
      <c r="BL310" s="307" t="str">
        <f t="shared" si="165"/>
        <v/>
      </c>
      <c r="BM310" s="307" t="str">
        <f t="shared" si="166"/>
        <v/>
      </c>
      <c r="BN310" s="307" t="str">
        <f t="shared" si="167"/>
        <v/>
      </c>
      <c r="BO310" s="307" t="str">
        <f t="shared" si="168"/>
        <v/>
      </c>
      <c r="BP310" s="307" t="str">
        <f t="shared" si="169"/>
        <v/>
      </c>
      <c r="BQ310" s="307" t="str">
        <f t="shared" si="170"/>
        <v/>
      </c>
      <c r="BR310" s="307" t="str">
        <f t="shared" si="171"/>
        <v/>
      </c>
      <c r="BS310" s="307" t="str">
        <f t="shared" si="172"/>
        <v/>
      </c>
      <c r="BT310" s="307" t="str">
        <f t="shared" si="173"/>
        <v/>
      </c>
      <c r="BU310" s="307" t="str">
        <f t="shared" si="174"/>
        <v/>
      </c>
      <c r="BV310" s="307" t="str">
        <f t="shared" si="175"/>
        <v/>
      </c>
      <c r="BW310" s="307" t="str">
        <f t="shared" si="176"/>
        <v/>
      </c>
      <c r="BX310" s="307" t="str">
        <f t="shared" si="177"/>
        <v/>
      </c>
      <c r="BY310" s="307" t="str">
        <f t="shared" si="178"/>
        <v/>
      </c>
      <c r="BZ310" s="307" t="str">
        <f t="shared" si="179"/>
        <v/>
      </c>
      <c r="CA310" s="307" t="str">
        <f t="shared" si="180"/>
        <v/>
      </c>
      <c r="CB310" s="307">
        <f t="shared" si="181"/>
        <v>0</v>
      </c>
      <c r="CC310" s="307" t="str">
        <f t="shared" si="182"/>
        <v/>
      </c>
      <c r="CD310" s="303"/>
      <c r="CE310" s="303"/>
      <c r="CF310" s="303"/>
    </row>
    <row r="311" spans="1:84" s="318" customFormat="1" ht="56.1" hidden="1" customHeight="1" x14ac:dyDescent="0.2">
      <c r="A311" s="302">
        <v>311</v>
      </c>
      <c r="B311" s="24" t="s">
        <v>53</v>
      </c>
      <c r="C311" s="35" t="s">
        <v>515</v>
      </c>
      <c r="D311" s="303" t="s">
        <v>528</v>
      </c>
      <c r="E311" s="303" t="s">
        <v>529</v>
      </c>
      <c r="F311" s="303" t="s">
        <v>529</v>
      </c>
      <c r="G311" s="303" t="s">
        <v>95</v>
      </c>
      <c r="H311" s="303" t="s">
        <v>310</v>
      </c>
      <c r="I311" s="303" t="s">
        <v>81</v>
      </c>
      <c r="J311" s="303" t="s">
        <v>525</v>
      </c>
      <c r="K311" s="303" t="s">
        <v>225</v>
      </c>
      <c r="L311" s="303" t="s">
        <v>63</v>
      </c>
      <c r="M311" s="303" t="s">
        <v>63</v>
      </c>
      <c r="N311" s="304">
        <v>0</v>
      </c>
      <c r="O311" s="304">
        <v>0</v>
      </c>
      <c r="P311" s="303" t="s">
        <v>226</v>
      </c>
      <c r="Q311" s="303" t="s">
        <v>82</v>
      </c>
      <c r="R311" s="317"/>
      <c r="S311" s="317"/>
      <c r="T311" s="317"/>
      <c r="U311" s="317"/>
      <c r="V311" s="317"/>
      <c r="W311" s="307"/>
      <c r="X311" s="317"/>
      <c r="Y311" s="317"/>
      <c r="Z311" s="317"/>
      <c r="AA311" s="317"/>
      <c r="AB311" s="317"/>
      <c r="AC311" s="317"/>
      <c r="AD311" s="317"/>
      <c r="AE311" s="317"/>
      <c r="AF311" s="317"/>
      <c r="AG311" s="317"/>
      <c r="AH311" s="317"/>
      <c r="AI311" s="317"/>
      <c r="AJ311" s="317"/>
      <c r="AK311" s="317"/>
      <c r="AL311" s="317"/>
      <c r="AM311" s="317"/>
      <c r="AN311" s="317"/>
      <c r="AO311" s="317"/>
      <c r="AP311" s="317"/>
      <c r="AQ311" s="317"/>
      <c r="AR311" s="317"/>
      <c r="AS311" s="317"/>
      <c r="AT311" s="317"/>
      <c r="AU311" s="307" t="s">
        <v>66</v>
      </c>
      <c r="AV311" s="317"/>
      <c r="AW311" s="308">
        <f t="shared" si="150"/>
        <v>31</v>
      </c>
      <c r="AX311" s="309"/>
      <c r="AY311" s="307" t="str">
        <f t="shared" si="152"/>
        <v/>
      </c>
      <c r="AZ311" s="307" t="str">
        <f t="shared" si="153"/>
        <v/>
      </c>
      <c r="BA311" s="307" t="str">
        <f t="shared" si="154"/>
        <v/>
      </c>
      <c r="BB311" s="307" t="str">
        <f t="shared" si="155"/>
        <v/>
      </c>
      <c r="BC311" s="307" t="str">
        <f t="shared" si="156"/>
        <v/>
      </c>
      <c r="BD311" s="307" t="str">
        <f t="shared" si="157"/>
        <v/>
      </c>
      <c r="BE311" s="307" t="str">
        <f t="shared" si="158"/>
        <v/>
      </c>
      <c r="BF311" s="307" t="str">
        <f t="shared" si="159"/>
        <v/>
      </c>
      <c r="BG311" s="307" t="str">
        <f t="shared" si="160"/>
        <v/>
      </c>
      <c r="BH311" s="307" t="str">
        <f t="shared" si="161"/>
        <v/>
      </c>
      <c r="BI311" s="307" t="str">
        <f t="shared" si="162"/>
        <v/>
      </c>
      <c r="BJ311" s="307" t="str">
        <f t="shared" si="163"/>
        <v/>
      </c>
      <c r="BK311" s="307" t="str">
        <f t="shared" si="164"/>
        <v/>
      </c>
      <c r="BL311" s="307" t="str">
        <f t="shared" si="165"/>
        <v/>
      </c>
      <c r="BM311" s="307" t="str">
        <f t="shared" si="166"/>
        <v/>
      </c>
      <c r="BN311" s="307" t="str">
        <f t="shared" si="167"/>
        <v/>
      </c>
      <c r="BO311" s="307" t="str">
        <f t="shared" si="168"/>
        <v/>
      </c>
      <c r="BP311" s="307" t="str">
        <f t="shared" si="169"/>
        <v/>
      </c>
      <c r="BQ311" s="307" t="str">
        <f t="shared" si="170"/>
        <v/>
      </c>
      <c r="BR311" s="307" t="str">
        <f t="shared" si="171"/>
        <v/>
      </c>
      <c r="BS311" s="307" t="str">
        <f t="shared" si="172"/>
        <v/>
      </c>
      <c r="BT311" s="307" t="str">
        <f t="shared" si="173"/>
        <v/>
      </c>
      <c r="BU311" s="307" t="str">
        <f t="shared" si="174"/>
        <v/>
      </c>
      <c r="BV311" s="307" t="str">
        <f t="shared" si="175"/>
        <v/>
      </c>
      <c r="BW311" s="307" t="str">
        <f t="shared" si="176"/>
        <v/>
      </c>
      <c r="BX311" s="307" t="str">
        <f t="shared" si="177"/>
        <v/>
      </c>
      <c r="BY311" s="307" t="str">
        <f t="shared" si="178"/>
        <v/>
      </c>
      <c r="BZ311" s="307" t="str">
        <f t="shared" si="179"/>
        <v/>
      </c>
      <c r="CA311" s="307" t="str">
        <f t="shared" si="180"/>
        <v/>
      </c>
      <c r="CB311" s="307">
        <f t="shared" si="181"/>
        <v>0</v>
      </c>
      <c r="CC311" s="307" t="str">
        <f t="shared" si="182"/>
        <v/>
      </c>
      <c r="CD311" s="303"/>
      <c r="CE311" s="303"/>
      <c r="CF311" s="303"/>
    </row>
    <row r="312" spans="1:84" s="318" customFormat="1" ht="56.1" hidden="1" customHeight="1" x14ac:dyDescent="0.2">
      <c r="A312" s="302">
        <v>312</v>
      </c>
      <c r="B312" s="24" t="s">
        <v>53</v>
      </c>
      <c r="C312" s="35" t="s">
        <v>515</v>
      </c>
      <c r="D312" s="303" t="s">
        <v>530</v>
      </c>
      <c r="E312" s="303" t="s">
        <v>532</v>
      </c>
      <c r="F312" s="303" t="s">
        <v>532</v>
      </c>
      <c r="G312" s="303" t="s">
        <v>95</v>
      </c>
      <c r="H312" s="303" t="s">
        <v>310</v>
      </c>
      <c r="I312" s="303" t="s">
        <v>81</v>
      </c>
      <c r="J312" s="303" t="s">
        <v>525</v>
      </c>
      <c r="K312" s="303" t="s">
        <v>225</v>
      </c>
      <c r="L312" s="303" t="s">
        <v>63</v>
      </c>
      <c r="M312" s="303" t="s">
        <v>63</v>
      </c>
      <c r="N312" s="304">
        <v>0</v>
      </c>
      <c r="O312" s="304">
        <v>0</v>
      </c>
      <c r="P312" s="303" t="s">
        <v>226</v>
      </c>
      <c r="Q312" s="303" t="s">
        <v>82</v>
      </c>
      <c r="R312" s="317"/>
      <c r="S312" s="317"/>
      <c r="T312" s="317"/>
      <c r="U312" s="317"/>
      <c r="V312" s="317"/>
      <c r="W312" s="307"/>
      <c r="X312" s="317"/>
      <c r="Y312" s="317"/>
      <c r="Z312" s="317"/>
      <c r="AA312" s="317"/>
      <c r="AB312" s="317"/>
      <c r="AC312" s="317"/>
      <c r="AD312" s="317"/>
      <c r="AE312" s="317"/>
      <c r="AF312" s="317"/>
      <c r="AG312" s="317"/>
      <c r="AH312" s="317"/>
      <c r="AI312" s="317"/>
      <c r="AJ312" s="317"/>
      <c r="AK312" s="317"/>
      <c r="AL312" s="317"/>
      <c r="AM312" s="317"/>
      <c r="AN312" s="317"/>
      <c r="AO312" s="317"/>
      <c r="AP312" s="317"/>
      <c r="AQ312" s="317"/>
      <c r="AR312" s="317"/>
      <c r="AS312" s="317"/>
      <c r="AT312" s="317"/>
      <c r="AU312" s="307" t="s">
        <v>66</v>
      </c>
      <c r="AV312" s="317"/>
      <c r="AW312" s="308">
        <f t="shared" si="150"/>
        <v>31</v>
      </c>
      <c r="AX312" s="309"/>
      <c r="AY312" s="307" t="str">
        <f t="shared" si="152"/>
        <v/>
      </c>
      <c r="AZ312" s="307" t="str">
        <f t="shared" si="153"/>
        <v/>
      </c>
      <c r="BA312" s="307" t="str">
        <f t="shared" si="154"/>
        <v/>
      </c>
      <c r="BB312" s="307" t="str">
        <f t="shared" si="155"/>
        <v/>
      </c>
      <c r="BC312" s="307" t="str">
        <f t="shared" si="156"/>
        <v/>
      </c>
      <c r="BD312" s="307" t="str">
        <f t="shared" si="157"/>
        <v/>
      </c>
      <c r="BE312" s="307" t="str">
        <f t="shared" si="158"/>
        <v/>
      </c>
      <c r="BF312" s="307" t="str">
        <f t="shared" si="159"/>
        <v/>
      </c>
      <c r="BG312" s="307" t="str">
        <f t="shared" si="160"/>
        <v/>
      </c>
      <c r="BH312" s="307" t="str">
        <f t="shared" si="161"/>
        <v/>
      </c>
      <c r="BI312" s="307" t="str">
        <f t="shared" si="162"/>
        <v/>
      </c>
      <c r="BJ312" s="307" t="str">
        <f t="shared" si="163"/>
        <v/>
      </c>
      <c r="BK312" s="307" t="str">
        <f t="shared" si="164"/>
        <v/>
      </c>
      <c r="BL312" s="307" t="str">
        <f t="shared" si="165"/>
        <v/>
      </c>
      <c r="BM312" s="307" t="str">
        <f t="shared" si="166"/>
        <v/>
      </c>
      <c r="BN312" s="307" t="str">
        <f t="shared" si="167"/>
        <v/>
      </c>
      <c r="BO312" s="307" t="str">
        <f t="shared" si="168"/>
        <v/>
      </c>
      <c r="BP312" s="307" t="str">
        <f t="shared" si="169"/>
        <v/>
      </c>
      <c r="BQ312" s="307" t="str">
        <f t="shared" si="170"/>
        <v/>
      </c>
      <c r="BR312" s="307" t="str">
        <f t="shared" si="171"/>
        <v/>
      </c>
      <c r="BS312" s="307" t="str">
        <f t="shared" si="172"/>
        <v/>
      </c>
      <c r="BT312" s="307" t="str">
        <f t="shared" si="173"/>
        <v/>
      </c>
      <c r="BU312" s="307" t="str">
        <f t="shared" si="174"/>
        <v/>
      </c>
      <c r="BV312" s="307" t="str">
        <f t="shared" si="175"/>
        <v/>
      </c>
      <c r="BW312" s="307" t="str">
        <f t="shared" si="176"/>
        <v/>
      </c>
      <c r="BX312" s="307" t="str">
        <f t="shared" si="177"/>
        <v/>
      </c>
      <c r="BY312" s="307" t="str">
        <f t="shared" si="178"/>
        <v/>
      </c>
      <c r="BZ312" s="307" t="str">
        <f t="shared" si="179"/>
        <v/>
      </c>
      <c r="CA312" s="307" t="str">
        <f t="shared" si="180"/>
        <v/>
      </c>
      <c r="CB312" s="307">
        <f t="shared" si="181"/>
        <v>0</v>
      </c>
      <c r="CC312" s="307" t="str">
        <f t="shared" si="182"/>
        <v/>
      </c>
      <c r="CD312" s="303"/>
      <c r="CE312" s="303"/>
      <c r="CF312" s="303"/>
    </row>
    <row r="313" spans="1:84" s="318" customFormat="1" ht="56.1" hidden="1" customHeight="1" x14ac:dyDescent="0.2">
      <c r="A313" s="302">
        <v>313</v>
      </c>
      <c r="B313" s="24" t="s">
        <v>53</v>
      </c>
      <c r="C313" s="35" t="s">
        <v>515</v>
      </c>
      <c r="D313" s="303" t="s">
        <v>533</v>
      </c>
      <c r="E313" s="303" t="s">
        <v>534</v>
      </c>
      <c r="F313" s="303" t="s">
        <v>534</v>
      </c>
      <c r="G313" s="303" t="s">
        <v>95</v>
      </c>
      <c r="H313" s="303" t="s">
        <v>310</v>
      </c>
      <c r="I313" s="303" t="s">
        <v>81</v>
      </c>
      <c r="J313" s="303" t="s">
        <v>334</v>
      </c>
      <c r="K313" s="303" t="s">
        <v>225</v>
      </c>
      <c r="L313" s="303" t="s">
        <v>63</v>
      </c>
      <c r="M313" s="303" t="s">
        <v>63</v>
      </c>
      <c r="N313" s="304">
        <v>5515.83</v>
      </c>
      <c r="O313" s="304">
        <v>5515.83</v>
      </c>
      <c r="P313" s="303" t="s">
        <v>226</v>
      </c>
      <c r="Q313" s="303" t="s">
        <v>82</v>
      </c>
      <c r="R313" s="317"/>
      <c r="S313" s="317"/>
      <c r="T313" s="317"/>
      <c r="U313" s="317"/>
      <c r="V313" s="317"/>
      <c r="W313" s="307"/>
      <c r="X313" s="317"/>
      <c r="Y313" s="317"/>
      <c r="Z313" s="317"/>
      <c r="AA313" s="317"/>
      <c r="AB313" s="317"/>
      <c r="AC313" s="317"/>
      <c r="AD313" s="317"/>
      <c r="AE313" s="317"/>
      <c r="AF313" s="317"/>
      <c r="AG313" s="317"/>
      <c r="AH313" s="317"/>
      <c r="AI313" s="317"/>
      <c r="AJ313" s="317"/>
      <c r="AK313" s="317"/>
      <c r="AL313" s="317"/>
      <c r="AM313" s="317"/>
      <c r="AN313" s="317"/>
      <c r="AO313" s="317"/>
      <c r="AP313" s="317"/>
      <c r="AQ313" s="317"/>
      <c r="AR313" s="317"/>
      <c r="AS313" s="317"/>
      <c r="AT313" s="317"/>
      <c r="AU313" s="307" t="s">
        <v>66</v>
      </c>
      <c r="AV313" s="317"/>
      <c r="AW313" s="308">
        <f t="shared" si="150"/>
        <v>31</v>
      </c>
      <c r="AX313" s="309">
        <f t="shared" ref="AX313:AX320" si="186">O313/AW313</f>
        <v>177.93</v>
      </c>
      <c r="AY313" s="307" t="str">
        <f t="shared" si="152"/>
        <v/>
      </c>
      <c r="AZ313" s="307" t="str">
        <f t="shared" si="153"/>
        <v/>
      </c>
      <c r="BA313" s="307" t="str">
        <f t="shared" si="154"/>
        <v/>
      </c>
      <c r="BB313" s="307" t="str">
        <f t="shared" si="155"/>
        <v/>
      </c>
      <c r="BC313" s="307" t="str">
        <f t="shared" si="156"/>
        <v/>
      </c>
      <c r="BD313" s="307" t="str">
        <f t="shared" si="157"/>
        <v/>
      </c>
      <c r="BE313" s="307" t="str">
        <f t="shared" si="158"/>
        <v/>
      </c>
      <c r="BF313" s="307" t="str">
        <f t="shared" si="159"/>
        <v/>
      </c>
      <c r="BG313" s="307" t="str">
        <f t="shared" si="160"/>
        <v/>
      </c>
      <c r="BH313" s="307" t="str">
        <f t="shared" si="161"/>
        <v/>
      </c>
      <c r="BI313" s="307" t="str">
        <f t="shared" si="162"/>
        <v/>
      </c>
      <c r="BJ313" s="307" t="str">
        <f t="shared" si="163"/>
        <v/>
      </c>
      <c r="BK313" s="307" t="str">
        <f t="shared" si="164"/>
        <v/>
      </c>
      <c r="BL313" s="307" t="str">
        <f t="shared" si="165"/>
        <v/>
      </c>
      <c r="BM313" s="307" t="str">
        <f t="shared" si="166"/>
        <v/>
      </c>
      <c r="BN313" s="307" t="str">
        <f t="shared" si="167"/>
        <v/>
      </c>
      <c r="BO313" s="307" t="str">
        <f t="shared" si="168"/>
        <v/>
      </c>
      <c r="BP313" s="307" t="str">
        <f t="shared" si="169"/>
        <v/>
      </c>
      <c r="BQ313" s="307" t="str">
        <f t="shared" si="170"/>
        <v/>
      </c>
      <c r="BR313" s="307" t="str">
        <f t="shared" si="171"/>
        <v/>
      </c>
      <c r="BS313" s="307" t="str">
        <f t="shared" si="172"/>
        <v/>
      </c>
      <c r="BT313" s="307" t="str">
        <f t="shared" si="173"/>
        <v/>
      </c>
      <c r="BU313" s="307" t="str">
        <f t="shared" si="174"/>
        <v/>
      </c>
      <c r="BV313" s="307" t="str">
        <f t="shared" si="175"/>
        <v/>
      </c>
      <c r="BW313" s="307" t="str">
        <f t="shared" si="176"/>
        <v/>
      </c>
      <c r="BX313" s="307" t="str">
        <f t="shared" si="177"/>
        <v/>
      </c>
      <c r="BY313" s="307" t="str">
        <f t="shared" si="178"/>
        <v/>
      </c>
      <c r="BZ313" s="307" t="str">
        <f t="shared" si="179"/>
        <v/>
      </c>
      <c r="CA313" s="307" t="str">
        <f t="shared" si="180"/>
        <v/>
      </c>
      <c r="CB313" s="307">
        <f t="shared" si="181"/>
        <v>5515.83</v>
      </c>
      <c r="CC313" s="307" t="str">
        <f t="shared" si="182"/>
        <v/>
      </c>
      <c r="CD313" s="303"/>
      <c r="CE313" s="303"/>
      <c r="CF313" s="303"/>
    </row>
    <row r="314" spans="1:84" s="318" customFormat="1" ht="56.1" hidden="1" customHeight="1" x14ac:dyDescent="0.2">
      <c r="A314" s="302">
        <v>314</v>
      </c>
      <c r="B314" s="24" t="s">
        <v>53</v>
      </c>
      <c r="C314" s="35" t="s">
        <v>515</v>
      </c>
      <c r="D314" s="303" t="s">
        <v>516</v>
      </c>
      <c r="E314" s="303" t="s">
        <v>535</v>
      </c>
      <c r="F314" s="303" t="s">
        <v>536</v>
      </c>
      <c r="G314" s="303" t="s">
        <v>90</v>
      </c>
      <c r="H314" s="303" t="s">
        <v>38</v>
      </c>
      <c r="I314" s="303" t="s">
        <v>60</v>
      </c>
      <c r="J314" s="303" t="s">
        <v>334</v>
      </c>
      <c r="K314" s="303" t="s">
        <v>339</v>
      </c>
      <c r="L314" s="303" t="s">
        <v>63</v>
      </c>
      <c r="M314" s="303" t="s">
        <v>63</v>
      </c>
      <c r="N314" s="304">
        <v>75916.800000000003</v>
      </c>
      <c r="O314" s="304">
        <v>75916.800000000003</v>
      </c>
      <c r="P314" s="303" t="s">
        <v>64</v>
      </c>
      <c r="Q314" s="303" t="s">
        <v>82</v>
      </c>
      <c r="R314" s="317"/>
      <c r="S314" s="317"/>
      <c r="T314" s="317"/>
      <c r="U314" s="317"/>
      <c r="V314" s="317"/>
      <c r="W314" s="307"/>
      <c r="X314" s="317"/>
      <c r="Y314" s="317"/>
      <c r="Z314" s="317"/>
      <c r="AA314" s="317"/>
      <c r="AB314" s="317"/>
      <c r="AC314" s="317"/>
      <c r="AD314" s="317"/>
      <c r="AE314" s="317"/>
      <c r="AF314" s="317"/>
      <c r="AG314" s="317"/>
      <c r="AH314" s="317"/>
      <c r="AI314" s="317"/>
      <c r="AJ314" s="317"/>
      <c r="AK314" s="317"/>
      <c r="AL314" s="317"/>
      <c r="AM314" s="307" t="s">
        <v>66</v>
      </c>
      <c r="AN314" s="317"/>
      <c r="AO314" s="317"/>
      <c r="AP314" s="317"/>
      <c r="AQ314" s="317"/>
      <c r="AR314" s="317"/>
      <c r="AS314" s="317"/>
      <c r="AT314" s="317"/>
      <c r="AU314" s="317"/>
      <c r="AV314" s="317"/>
      <c r="AW314" s="308">
        <f t="shared" si="150"/>
        <v>250</v>
      </c>
      <c r="AX314" s="309">
        <f t="shared" si="186"/>
        <v>303.66720000000004</v>
      </c>
      <c r="AY314" s="307" t="str">
        <f t="shared" si="152"/>
        <v/>
      </c>
      <c r="AZ314" s="307" t="str">
        <f t="shared" si="153"/>
        <v/>
      </c>
      <c r="BA314" s="307" t="str">
        <f t="shared" si="154"/>
        <v/>
      </c>
      <c r="BB314" s="307" t="str">
        <f t="shared" si="155"/>
        <v/>
      </c>
      <c r="BC314" s="307" t="str">
        <f t="shared" si="156"/>
        <v/>
      </c>
      <c r="BD314" s="307" t="str">
        <f t="shared" si="157"/>
        <v/>
      </c>
      <c r="BE314" s="307" t="str">
        <f t="shared" si="158"/>
        <v/>
      </c>
      <c r="BF314" s="307" t="str">
        <f t="shared" si="159"/>
        <v/>
      </c>
      <c r="BG314" s="307" t="str">
        <f t="shared" si="160"/>
        <v/>
      </c>
      <c r="BH314" s="307" t="str">
        <f t="shared" si="161"/>
        <v/>
      </c>
      <c r="BI314" s="307" t="str">
        <f t="shared" si="162"/>
        <v/>
      </c>
      <c r="BJ314" s="307" t="str">
        <f t="shared" si="163"/>
        <v/>
      </c>
      <c r="BK314" s="307" t="str">
        <f t="shared" si="164"/>
        <v/>
      </c>
      <c r="BL314" s="307" t="str">
        <f t="shared" si="165"/>
        <v/>
      </c>
      <c r="BM314" s="307" t="str">
        <f t="shared" si="166"/>
        <v/>
      </c>
      <c r="BN314" s="307" t="str">
        <f t="shared" si="167"/>
        <v/>
      </c>
      <c r="BO314" s="307" t="str">
        <f t="shared" si="168"/>
        <v/>
      </c>
      <c r="BP314" s="307" t="str">
        <f t="shared" si="169"/>
        <v/>
      </c>
      <c r="BQ314" s="307" t="str">
        <f t="shared" si="170"/>
        <v/>
      </c>
      <c r="BR314" s="307" t="str">
        <f t="shared" si="171"/>
        <v/>
      </c>
      <c r="BS314" s="307" t="str">
        <f t="shared" si="172"/>
        <v/>
      </c>
      <c r="BT314" s="307">
        <f t="shared" si="173"/>
        <v>75916.800000000003</v>
      </c>
      <c r="BU314" s="307" t="str">
        <f t="shared" si="174"/>
        <v/>
      </c>
      <c r="BV314" s="307" t="str">
        <f t="shared" si="175"/>
        <v/>
      </c>
      <c r="BW314" s="307" t="str">
        <f t="shared" si="176"/>
        <v/>
      </c>
      <c r="BX314" s="307" t="str">
        <f t="shared" si="177"/>
        <v/>
      </c>
      <c r="BY314" s="307" t="str">
        <f t="shared" si="178"/>
        <v/>
      </c>
      <c r="BZ314" s="307" t="str">
        <f t="shared" si="179"/>
        <v/>
      </c>
      <c r="CA314" s="307" t="str">
        <f t="shared" si="180"/>
        <v/>
      </c>
      <c r="CB314" s="307" t="str">
        <f t="shared" si="181"/>
        <v/>
      </c>
      <c r="CC314" s="307" t="str">
        <f t="shared" si="182"/>
        <v/>
      </c>
      <c r="CD314" s="303"/>
      <c r="CE314" s="303"/>
      <c r="CF314" s="303"/>
    </row>
    <row r="315" spans="1:84" s="318" customFormat="1" ht="56.1" hidden="1" customHeight="1" x14ac:dyDescent="0.2">
      <c r="A315" s="302">
        <v>315</v>
      </c>
      <c r="B315" s="24" t="s">
        <v>53</v>
      </c>
      <c r="C315" s="35" t="s">
        <v>515</v>
      </c>
      <c r="D315" s="303" t="s">
        <v>518</v>
      </c>
      <c r="E315" s="303" t="s">
        <v>520</v>
      </c>
      <c r="F315" s="303" t="s">
        <v>520</v>
      </c>
      <c r="G315" s="303" t="s">
        <v>90</v>
      </c>
      <c r="H315" s="303" t="s">
        <v>38</v>
      </c>
      <c r="I315" s="303" t="s">
        <v>60</v>
      </c>
      <c r="J315" s="303" t="s">
        <v>334</v>
      </c>
      <c r="K315" s="303" t="s">
        <v>339</v>
      </c>
      <c r="L315" s="303" t="s">
        <v>63</v>
      </c>
      <c r="M315" s="303" t="s">
        <v>63</v>
      </c>
      <c r="N315" s="304">
        <v>199281.6</v>
      </c>
      <c r="O315" s="304">
        <v>199281.6</v>
      </c>
      <c r="P315" s="303" t="s">
        <v>64</v>
      </c>
      <c r="Q315" s="303" t="s">
        <v>82</v>
      </c>
      <c r="R315" s="317"/>
      <c r="S315" s="317"/>
      <c r="T315" s="317"/>
      <c r="U315" s="317"/>
      <c r="V315" s="317"/>
      <c r="W315" s="307"/>
      <c r="X315" s="317"/>
      <c r="Y315" s="317"/>
      <c r="Z315" s="317"/>
      <c r="AA315" s="317"/>
      <c r="AB315" s="317"/>
      <c r="AC315" s="317"/>
      <c r="AD315" s="317"/>
      <c r="AE315" s="317"/>
      <c r="AF315" s="317"/>
      <c r="AG315" s="317"/>
      <c r="AH315" s="317"/>
      <c r="AI315" s="317"/>
      <c r="AJ315" s="317"/>
      <c r="AK315" s="317"/>
      <c r="AL315" s="317"/>
      <c r="AM315" s="307" t="s">
        <v>66</v>
      </c>
      <c r="AN315" s="317"/>
      <c r="AO315" s="317"/>
      <c r="AP315" s="317"/>
      <c r="AQ315" s="317"/>
      <c r="AR315" s="317"/>
      <c r="AS315" s="317"/>
      <c r="AT315" s="317"/>
      <c r="AU315" s="317"/>
      <c r="AV315" s="317"/>
      <c r="AW315" s="308">
        <f t="shared" si="150"/>
        <v>250</v>
      </c>
      <c r="AX315" s="309">
        <f t="shared" si="186"/>
        <v>797.12639999999999</v>
      </c>
      <c r="AY315" s="307" t="str">
        <f t="shared" si="152"/>
        <v/>
      </c>
      <c r="AZ315" s="307" t="str">
        <f t="shared" si="153"/>
        <v/>
      </c>
      <c r="BA315" s="307" t="str">
        <f t="shared" si="154"/>
        <v/>
      </c>
      <c r="BB315" s="307" t="str">
        <f t="shared" si="155"/>
        <v/>
      </c>
      <c r="BC315" s="307" t="str">
        <f t="shared" si="156"/>
        <v/>
      </c>
      <c r="BD315" s="307" t="str">
        <f t="shared" si="157"/>
        <v/>
      </c>
      <c r="BE315" s="307" t="str">
        <f t="shared" si="158"/>
        <v/>
      </c>
      <c r="BF315" s="307" t="str">
        <f t="shared" si="159"/>
        <v/>
      </c>
      <c r="BG315" s="307" t="str">
        <f t="shared" si="160"/>
        <v/>
      </c>
      <c r="BH315" s="307" t="str">
        <f t="shared" si="161"/>
        <v/>
      </c>
      <c r="BI315" s="307" t="str">
        <f t="shared" si="162"/>
        <v/>
      </c>
      <c r="BJ315" s="307" t="str">
        <f t="shared" si="163"/>
        <v/>
      </c>
      <c r="BK315" s="307" t="str">
        <f t="shared" si="164"/>
        <v/>
      </c>
      <c r="BL315" s="307" t="str">
        <f t="shared" si="165"/>
        <v/>
      </c>
      <c r="BM315" s="307" t="str">
        <f t="shared" si="166"/>
        <v/>
      </c>
      <c r="BN315" s="307" t="str">
        <f t="shared" si="167"/>
        <v/>
      </c>
      <c r="BO315" s="307" t="str">
        <f t="shared" si="168"/>
        <v/>
      </c>
      <c r="BP315" s="307" t="str">
        <f t="shared" si="169"/>
        <v/>
      </c>
      <c r="BQ315" s="307" t="str">
        <f t="shared" si="170"/>
        <v/>
      </c>
      <c r="BR315" s="307" t="str">
        <f t="shared" si="171"/>
        <v/>
      </c>
      <c r="BS315" s="307" t="str">
        <f t="shared" si="172"/>
        <v/>
      </c>
      <c r="BT315" s="307">
        <f t="shared" si="173"/>
        <v>199281.6</v>
      </c>
      <c r="BU315" s="307" t="str">
        <f t="shared" si="174"/>
        <v/>
      </c>
      <c r="BV315" s="307" t="str">
        <f t="shared" si="175"/>
        <v/>
      </c>
      <c r="BW315" s="307" t="str">
        <f t="shared" si="176"/>
        <v/>
      </c>
      <c r="BX315" s="307" t="str">
        <f t="shared" si="177"/>
        <v/>
      </c>
      <c r="BY315" s="307" t="str">
        <f t="shared" si="178"/>
        <v/>
      </c>
      <c r="BZ315" s="307" t="str">
        <f t="shared" si="179"/>
        <v/>
      </c>
      <c r="CA315" s="307" t="str">
        <f t="shared" si="180"/>
        <v/>
      </c>
      <c r="CB315" s="307" t="str">
        <f t="shared" si="181"/>
        <v/>
      </c>
      <c r="CC315" s="307" t="str">
        <f t="shared" si="182"/>
        <v/>
      </c>
      <c r="CD315" s="303"/>
      <c r="CE315" s="303"/>
      <c r="CF315" s="303"/>
    </row>
    <row r="316" spans="1:84" s="318" customFormat="1" ht="56.1" hidden="1" customHeight="1" x14ac:dyDescent="0.2">
      <c r="A316" s="302">
        <v>316</v>
      </c>
      <c r="B316" s="24" t="s">
        <v>53</v>
      </c>
      <c r="C316" s="35" t="s">
        <v>515</v>
      </c>
      <c r="D316" s="303" t="s">
        <v>521</v>
      </c>
      <c r="E316" s="303" t="s">
        <v>522</v>
      </c>
      <c r="F316" s="303" t="s">
        <v>522</v>
      </c>
      <c r="G316" s="303" t="s">
        <v>90</v>
      </c>
      <c r="H316" s="303" t="s">
        <v>38</v>
      </c>
      <c r="I316" s="303" t="s">
        <v>60</v>
      </c>
      <c r="J316" s="303" t="s">
        <v>334</v>
      </c>
      <c r="K316" s="303" t="s">
        <v>339</v>
      </c>
      <c r="L316" s="303" t="s">
        <v>63</v>
      </c>
      <c r="M316" s="303" t="s">
        <v>63</v>
      </c>
      <c r="N316" s="304">
        <v>278361.59999999998</v>
      </c>
      <c r="O316" s="304">
        <v>278361.59999999998</v>
      </c>
      <c r="P316" s="303" t="s">
        <v>64</v>
      </c>
      <c r="Q316" s="303" t="s">
        <v>82</v>
      </c>
      <c r="R316" s="317"/>
      <c r="S316" s="317"/>
      <c r="T316" s="317"/>
      <c r="U316" s="317"/>
      <c r="V316" s="317"/>
      <c r="W316" s="307"/>
      <c r="X316" s="317"/>
      <c r="Y316" s="317"/>
      <c r="Z316" s="317"/>
      <c r="AA316" s="317"/>
      <c r="AB316" s="317"/>
      <c r="AC316" s="317"/>
      <c r="AD316" s="317"/>
      <c r="AE316" s="317"/>
      <c r="AF316" s="317"/>
      <c r="AG316" s="317"/>
      <c r="AH316" s="317"/>
      <c r="AI316" s="317"/>
      <c r="AJ316" s="317"/>
      <c r="AK316" s="317"/>
      <c r="AL316" s="317"/>
      <c r="AM316" s="307" t="s">
        <v>66</v>
      </c>
      <c r="AN316" s="317"/>
      <c r="AO316" s="317"/>
      <c r="AP316" s="317"/>
      <c r="AQ316" s="317"/>
      <c r="AR316" s="317"/>
      <c r="AS316" s="317"/>
      <c r="AT316" s="317"/>
      <c r="AU316" s="317"/>
      <c r="AV316" s="317"/>
      <c r="AW316" s="308">
        <f t="shared" si="150"/>
        <v>250</v>
      </c>
      <c r="AX316" s="309">
        <f t="shared" si="186"/>
        <v>1113.4463999999998</v>
      </c>
      <c r="AY316" s="307" t="str">
        <f t="shared" si="152"/>
        <v/>
      </c>
      <c r="AZ316" s="307" t="str">
        <f t="shared" si="153"/>
        <v/>
      </c>
      <c r="BA316" s="307" t="str">
        <f t="shared" si="154"/>
        <v/>
      </c>
      <c r="BB316" s="307" t="str">
        <f t="shared" si="155"/>
        <v/>
      </c>
      <c r="BC316" s="307" t="str">
        <f t="shared" si="156"/>
        <v/>
      </c>
      <c r="BD316" s="307" t="str">
        <f t="shared" si="157"/>
        <v/>
      </c>
      <c r="BE316" s="307" t="str">
        <f t="shared" si="158"/>
        <v/>
      </c>
      <c r="BF316" s="307" t="str">
        <f t="shared" si="159"/>
        <v/>
      </c>
      <c r="BG316" s="307" t="str">
        <f t="shared" si="160"/>
        <v/>
      </c>
      <c r="BH316" s="307" t="str">
        <f t="shared" si="161"/>
        <v/>
      </c>
      <c r="BI316" s="307" t="str">
        <f t="shared" si="162"/>
        <v/>
      </c>
      <c r="BJ316" s="307" t="str">
        <f t="shared" si="163"/>
        <v/>
      </c>
      <c r="BK316" s="307" t="str">
        <f t="shared" si="164"/>
        <v/>
      </c>
      <c r="BL316" s="307" t="str">
        <f t="shared" si="165"/>
        <v/>
      </c>
      <c r="BM316" s="307" t="str">
        <f t="shared" si="166"/>
        <v/>
      </c>
      <c r="BN316" s="307" t="str">
        <f t="shared" si="167"/>
        <v/>
      </c>
      <c r="BO316" s="307" t="str">
        <f t="shared" si="168"/>
        <v/>
      </c>
      <c r="BP316" s="307" t="str">
        <f t="shared" si="169"/>
        <v/>
      </c>
      <c r="BQ316" s="307" t="str">
        <f t="shared" si="170"/>
        <v/>
      </c>
      <c r="BR316" s="307" t="str">
        <f t="shared" si="171"/>
        <v/>
      </c>
      <c r="BS316" s="307" t="str">
        <f t="shared" si="172"/>
        <v/>
      </c>
      <c r="BT316" s="307">
        <f t="shared" si="173"/>
        <v>278361.59999999998</v>
      </c>
      <c r="BU316" s="307" t="str">
        <f t="shared" si="174"/>
        <v/>
      </c>
      <c r="BV316" s="307" t="str">
        <f t="shared" si="175"/>
        <v/>
      </c>
      <c r="BW316" s="307" t="str">
        <f t="shared" si="176"/>
        <v/>
      </c>
      <c r="BX316" s="307" t="str">
        <f t="shared" si="177"/>
        <v/>
      </c>
      <c r="BY316" s="307" t="str">
        <f t="shared" si="178"/>
        <v/>
      </c>
      <c r="BZ316" s="307" t="str">
        <f t="shared" si="179"/>
        <v/>
      </c>
      <c r="CA316" s="307" t="str">
        <f t="shared" si="180"/>
        <v/>
      </c>
      <c r="CB316" s="307" t="str">
        <f t="shared" si="181"/>
        <v/>
      </c>
      <c r="CC316" s="307" t="str">
        <f t="shared" si="182"/>
        <v/>
      </c>
      <c r="CD316" s="303"/>
      <c r="CE316" s="303"/>
      <c r="CF316" s="303"/>
    </row>
    <row r="317" spans="1:84" s="318" customFormat="1" ht="56.1" hidden="1" customHeight="1" x14ac:dyDescent="0.2">
      <c r="A317" s="302">
        <v>317</v>
      </c>
      <c r="B317" s="24" t="s">
        <v>53</v>
      </c>
      <c r="C317" s="35" t="s">
        <v>515</v>
      </c>
      <c r="D317" s="303" t="s">
        <v>523</v>
      </c>
      <c r="E317" s="303" t="s">
        <v>540</v>
      </c>
      <c r="F317" s="303" t="s">
        <v>540</v>
      </c>
      <c r="G317" s="303" t="s">
        <v>90</v>
      </c>
      <c r="H317" s="303" t="s">
        <v>38</v>
      </c>
      <c r="I317" s="303" t="s">
        <v>388</v>
      </c>
      <c r="J317" s="303" t="s">
        <v>525</v>
      </c>
      <c r="K317" s="303" t="s">
        <v>339</v>
      </c>
      <c r="L317" s="303" t="s">
        <v>63</v>
      </c>
      <c r="M317" s="303" t="s">
        <v>63</v>
      </c>
      <c r="N317" s="304">
        <v>43494</v>
      </c>
      <c r="O317" s="304">
        <v>43494</v>
      </c>
      <c r="P317" s="303" t="s">
        <v>64</v>
      </c>
      <c r="Q317" s="303" t="s">
        <v>82</v>
      </c>
      <c r="R317" s="317"/>
      <c r="S317" s="317"/>
      <c r="T317" s="317"/>
      <c r="U317" s="317"/>
      <c r="V317" s="317"/>
      <c r="W317" s="307"/>
      <c r="X317" s="317"/>
      <c r="Y317" s="317"/>
      <c r="Z317" s="317"/>
      <c r="AA317" s="317"/>
      <c r="AB317" s="317"/>
      <c r="AC317" s="317"/>
      <c r="AD317" s="317"/>
      <c r="AE317" s="317"/>
      <c r="AF317" s="317"/>
      <c r="AG317" s="317"/>
      <c r="AH317" s="317"/>
      <c r="AI317" s="317"/>
      <c r="AJ317" s="317"/>
      <c r="AK317" s="317"/>
      <c r="AL317" s="317"/>
      <c r="AM317" s="307" t="s">
        <v>66</v>
      </c>
      <c r="AN317" s="317"/>
      <c r="AO317" s="317"/>
      <c r="AP317" s="317"/>
      <c r="AQ317" s="317"/>
      <c r="AR317" s="317"/>
      <c r="AS317" s="317"/>
      <c r="AT317" s="317"/>
      <c r="AU317" s="317"/>
      <c r="AV317" s="317"/>
      <c r="AW317" s="308">
        <f t="shared" ref="AW317:AW380" si="187">SUMIF(R317:AV317,"YES",$R$2:$AV$2)</f>
        <v>250</v>
      </c>
      <c r="AX317" s="309">
        <f t="shared" si="186"/>
        <v>173.976</v>
      </c>
      <c r="AY317" s="307" t="str">
        <f t="shared" si="152"/>
        <v/>
      </c>
      <c r="AZ317" s="307" t="str">
        <f t="shared" si="153"/>
        <v/>
      </c>
      <c r="BA317" s="307" t="str">
        <f t="shared" si="154"/>
        <v/>
      </c>
      <c r="BB317" s="307" t="str">
        <f t="shared" si="155"/>
        <v/>
      </c>
      <c r="BC317" s="307" t="str">
        <f t="shared" si="156"/>
        <v/>
      </c>
      <c r="BD317" s="307" t="str">
        <f t="shared" si="157"/>
        <v/>
      </c>
      <c r="BE317" s="307" t="str">
        <f t="shared" si="158"/>
        <v/>
      </c>
      <c r="BF317" s="307" t="str">
        <f t="shared" si="159"/>
        <v/>
      </c>
      <c r="BG317" s="307" t="str">
        <f t="shared" si="160"/>
        <v/>
      </c>
      <c r="BH317" s="307" t="str">
        <f t="shared" si="161"/>
        <v/>
      </c>
      <c r="BI317" s="307" t="str">
        <f t="shared" si="162"/>
        <v/>
      </c>
      <c r="BJ317" s="307" t="str">
        <f t="shared" si="163"/>
        <v/>
      </c>
      <c r="BK317" s="307" t="str">
        <f t="shared" si="164"/>
        <v/>
      </c>
      <c r="BL317" s="307" t="str">
        <f t="shared" si="165"/>
        <v/>
      </c>
      <c r="BM317" s="307" t="str">
        <f t="shared" si="166"/>
        <v/>
      </c>
      <c r="BN317" s="307" t="str">
        <f t="shared" si="167"/>
        <v/>
      </c>
      <c r="BO317" s="307" t="str">
        <f t="shared" si="168"/>
        <v/>
      </c>
      <c r="BP317" s="307" t="str">
        <f t="shared" si="169"/>
        <v/>
      </c>
      <c r="BQ317" s="307" t="str">
        <f t="shared" si="170"/>
        <v/>
      </c>
      <c r="BR317" s="307" t="str">
        <f t="shared" si="171"/>
        <v/>
      </c>
      <c r="BS317" s="307" t="str">
        <f t="shared" si="172"/>
        <v/>
      </c>
      <c r="BT317" s="307">
        <f t="shared" si="173"/>
        <v>43494</v>
      </c>
      <c r="BU317" s="307" t="str">
        <f t="shared" si="174"/>
        <v/>
      </c>
      <c r="BV317" s="307" t="str">
        <f t="shared" si="175"/>
        <v/>
      </c>
      <c r="BW317" s="307" t="str">
        <f t="shared" si="176"/>
        <v/>
      </c>
      <c r="BX317" s="307" t="str">
        <f t="shared" si="177"/>
        <v/>
      </c>
      <c r="BY317" s="307" t="str">
        <f t="shared" si="178"/>
        <v/>
      </c>
      <c r="BZ317" s="307" t="str">
        <f t="shared" si="179"/>
        <v/>
      </c>
      <c r="CA317" s="307" t="str">
        <f t="shared" si="180"/>
        <v/>
      </c>
      <c r="CB317" s="307" t="str">
        <f t="shared" si="181"/>
        <v/>
      </c>
      <c r="CC317" s="307" t="str">
        <f t="shared" si="182"/>
        <v/>
      </c>
      <c r="CD317" s="303"/>
      <c r="CE317" s="303"/>
      <c r="CF317" s="303"/>
    </row>
    <row r="318" spans="1:84" s="318" customFormat="1" ht="56.1" hidden="1" customHeight="1" x14ac:dyDescent="0.2">
      <c r="A318" s="302">
        <v>318</v>
      </c>
      <c r="B318" s="24" t="s">
        <v>53</v>
      </c>
      <c r="C318" s="35" t="s">
        <v>515</v>
      </c>
      <c r="D318" s="303" t="s">
        <v>539</v>
      </c>
      <c r="E318" s="303" t="s">
        <v>541</v>
      </c>
      <c r="F318" s="303" t="s">
        <v>541</v>
      </c>
      <c r="G318" s="303" t="s">
        <v>90</v>
      </c>
      <c r="H318" s="303" t="s">
        <v>38</v>
      </c>
      <c r="I318" s="303" t="s">
        <v>388</v>
      </c>
      <c r="J318" s="303" t="s">
        <v>525</v>
      </c>
      <c r="K318" s="303" t="s">
        <v>339</v>
      </c>
      <c r="L318" s="303" t="s">
        <v>63</v>
      </c>
      <c r="M318" s="303" t="s">
        <v>63</v>
      </c>
      <c r="N318" s="304">
        <v>105440</v>
      </c>
      <c r="O318" s="304">
        <v>105440</v>
      </c>
      <c r="P318" s="303" t="s">
        <v>64</v>
      </c>
      <c r="Q318" s="303" t="s">
        <v>82</v>
      </c>
      <c r="R318" s="317"/>
      <c r="S318" s="317"/>
      <c r="T318" s="317"/>
      <c r="U318" s="317"/>
      <c r="V318" s="317"/>
      <c r="W318" s="307"/>
      <c r="X318" s="317"/>
      <c r="Y318" s="317"/>
      <c r="Z318" s="317"/>
      <c r="AA318" s="317"/>
      <c r="AB318" s="317"/>
      <c r="AC318" s="317"/>
      <c r="AD318" s="317"/>
      <c r="AE318" s="317"/>
      <c r="AF318" s="317"/>
      <c r="AG318" s="317"/>
      <c r="AH318" s="317"/>
      <c r="AI318" s="317"/>
      <c r="AJ318" s="317"/>
      <c r="AK318" s="317"/>
      <c r="AL318" s="317"/>
      <c r="AM318" s="307" t="s">
        <v>66</v>
      </c>
      <c r="AN318" s="317"/>
      <c r="AO318" s="317"/>
      <c r="AP318" s="317"/>
      <c r="AQ318" s="317"/>
      <c r="AR318" s="317"/>
      <c r="AS318" s="317"/>
      <c r="AT318" s="317"/>
      <c r="AU318" s="317"/>
      <c r="AV318" s="317"/>
      <c r="AW318" s="308">
        <f t="shared" si="187"/>
        <v>250</v>
      </c>
      <c r="AX318" s="309">
        <f t="shared" si="186"/>
        <v>421.76</v>
      </c>
      <c r="AY318" s="307" t="str">
        <f t="shared" si="152"/>
        <v/>
      </c>
      <c r="AZ318" s="307" t="str">
        <f t="shared" si="153"/>
        <v/>
      </c>
      <c r="BA318" s="307" t="str">
        <f t="shared" si="154"/>
        <v/>
      </c>
      <c r="BB318" s="307" t="str">
        <f t="shared" si="155"/>
        <v/>
      </c>
      <c r="BC318" s="307" t="str">
        <f t="shared" si="156"/>
        <v/>
      </c>
      <c r="BD318" s="307" t="str">
        <f t="shared" si="157"/>
        <v/>
      </c>
      <c r="BE318" s="307" t="str">
        <f t="shared" si="158"/>
        <v/>
      </c>
      <c r="BF318" s="307" t="str">
        <f t="shared" si="159"/>
        <v/>
      </c>
      <c r="BG318" s="307" t="str">
        <f t="shared" si="160"/>
        <v/>
      </c>
      <c r="BH318" s="307" t="str">
        <f t="shared" si="161"/>
        <v/>
      </c>
      <c r="BI318" s="307" t="str">
        <f t="shared" si="162"/>
        <v/>
      </c>
      <c r="BJ318" s="307" t="str">
        <f t="shared" si="163"/>
        <v/>
      </c>
      <c r="BK318" s="307" t="str">
        <f t="shared" si="164"/>
        <v/>
      </c>
      <c r="BL318" s="307" t="str">
        <f t="shared" si="165"/>
        <v/>
      </c>
      <c r="BM318" s="307" t="str">
        <f t="shared" si="166"/>
        <v/>
      </c>
      <c r="BN318" s="307" t="str">
        <f t="shared" si="167"/>
        <v/>
      </c>
      <c r="BO318" s="307" t="str">
        <f t="shared" si="168"/>
        <v/>
      </c>
      <c r="BP318" s="307" t="str">
        <f t="shared" si="169"/>
        <v/>
      </c>
      <c r="BQ318" s="307" t="str">
        <f t="shared" si="170"/>
        <v/>
      </c>
      <c r="BR318" s="307" t="str">
        <f t="shared" si="171"/>
        <v/>
      </c>
      <c r="BS318" s="307" t="str">
        <f t="shared" si="172"/>
        <v/>
      </c>
      <c r="BT318" s="307">
        <f t="shared" si="173"/>
        <v>105440</v>
      </c>
      <c r="BU318" s="307" t="str">
        <f t="shared" si="174"/>
        <v/>
      </c>
      <c r="BV318" s="307" t="str">
        <f t="shared" si="175"/>
        <v/>
      </c>
      <c r="BW318" s="307" t="str">
        <f t="shared" si="176"/>
        <v/>
      </c>
      <c r="BX318" s="307" t="str">
        <f t="shared" si="177"/>
        <v/>
      </c>
      <c r="BY318" s="307" t="str">
        <f t="shared" si="178"/>
        <v/>
      </c>
      <c r="BZ318" s="307" t="str">
        <f t="shared" si="179"/>
        <v/>
      </c>
      <c r="CA318" s="307" t="str">
        <f t="shared" si="180"/>
        <v/>
      </c>
      <c r="CB318" s="307" t="str">
        <f t="shared" si="181"/>
        <v/>
      </c>
      <c r="CC318" s="307" t="str">
        <f t="shared" si="182"/>
        <v/>
      </c>
      <c r="CD318" s="303"/>
      <c r="CE318" s="303"/>
      <c r="CF318" s="303"/>
    </row>
    <row r="319" spans="1:84" s="318" customFormat="1" ht="56.1" hidden="1" customHeight="1" x14ac:dyDescent="0.2">
      <c r="A319" s="302">
        <v>319</v>
      </c>
      <c r="B319" s="24" t="s">
        <v>53</v>
      </c>
      <c r="C319" s="35" t="s">
        <v>515</v>
      </c>
      <c r="D319" s="303" t="s">
        <v>528</v>
      </c>
      <c r="E319" s="303" t="s">
        <v>542</v>
      </c>
      <c r="F319" s="303" t="s">
        <v>542</v>
      </c>
      <c r="G319" s="303" t="s">
        <v>90</v>
      </c>
      <c r="H319" s="303" t="s">
        <v>38</v>
      </c>
      <c r="I319" s="303" t="s">
        <v>388</v>
      </c>
      <c r="J319" s="303" t="s">
        <v>525</v>
      </c>
      <c r="K319" s="303" t="s">
        <v>339</v>
      </c>
      <c r="L319" s="303" t="s">
        <v>63</v>
      </c>
      <c r="M319" s="303" t="s">
        <v>63</v>
      </c>
      <c r="N319" s="304">
        <v>184520</v>
      </c>
      <c r="O319" s="304">
        <v>184520</v>
      </c>
      <c r="P319" s="303" t="s">
        <v>64</v>
      </c>
      <c r="Q319" s="303" t="s">
        <v>82</v>
      </c>
      <c r="R319" s="317"/>
      <c r="S319" s="317"/>
      <c r="T319" s="317"/>
      <c r="U319" s="317"/>
      <c r="V319" s="317"/>
      <c r="W319" s="307"/>
      <c r="X319" s="317"/>
      <c r="Y319" s="317"/>
      <c r="Z319" s="317"/>
      <c r="AA319" s="317"/>
      <c r="AB319" s="317"/>
      <c r="AC319" s="317"/>
      <c r="AD319" s="317"/>
      <c r="AE319" s="317"/>
      <c r="AF319" s="317"/>
      <c r="AG319" s="317"/>
      <c r="AH319" s="317"/>
      <c r="AI319" s="317"/>
      <c r="AJ319" s="317"/>
      <c r="AK319" s="317"/>
      <c r="AL319" s="317"/>
      <c r="AM319" s="307" t="s">
        <v>66</v>
      </c>
      <c r="AN319" s="317"/>
      <c r="AO319" s="317"/>
      <c r="AP319" s="317"/>
      <c r="AQ319" s="317"/>
      <c r="AR319" s="317"/>
      <c r="AS319" s="317"/>
      <c r="AT319" s="317"/>
      <c r="AU319" s="317"/>
      <c r="AV319" s="317"/>
      <c r="AW319" s="308">
        <f t="shared" si="187"/>
        <v>250</v>
      </c>
      <c r="AX319" s="309">
        <f t="shared" si="186"/>
        <v>738.08</v>
      </c>
      <c r="AY319" s="307" t="str">
        <f t="shared" si="152"/>
        <v/>
      </c>
      <c r="AZ319" s="307" t="str">
        <f t="shared" si="153"/>
        <v/>
      </c>
      <c r="BA319" s="307" t="str">
        <f t="shared" si="154"/>
        <v/>
      </c>
      <c r="BB319" s="307" t="str">
        <f t="shared" si="155"/>
        <v/>
      </c>
      <c r="BC319" s="307" t="str">
        <f t="shared" si="156"/>
        <v/>
      </c>
      <c r="BD319" s="307" t="str">
        <f t="shared" si="157"/>
        <v/>
      </c>
      <c r="BE319" s="307" t="str">
        <f t="shared" si="158"/>
        <v/>
      </c>
      <c r="BF319" s="307" t="str">
        <f t="shared" si="159"/>
        <v/>
      </c>
      <c r="BG319" s="307" t="str">
        <f t="shared" si="160"/>
        <v/>
      </c>
      <c r="BH319" s="307" t="str">
        <f t="shared" si="161"/>
        <v/>
      </c>
      <c r="BI319" s="307" t="str">
        <f t="shared" si="162"/>
        <v/>
      </c>
      <c r="BJ319" s="307" t="str">
        <f t="shared" si="163"/>
        <v/>
      </c>
      <c r="BK319" s="307" t="str">
        <f t="shared" si="164"/>
        <v/>
      </c>
      <c r="BL319" s="307" t="str">
        <f t="shared" si="165"/>
        <v/>
      </c>
      <c r="BM319" s="307" t="str">
        <f t="shared" si="166"/>
        <v/>
      </c>
      <c r="BN319" s="307" t="str">
        <f t="shared" si="167"/>
        <v/>
      </c>
      <c r="BO319" s="307" t="str">
        <f t="shared" si="168"/>
        <v/>
      </c>
      <c r="BP319" s="307" t="str">
        <f t="shared" si="169"/>
        <v/>
      </c>
      <c r="BQ319" s="307" t="str">
        <f t="shared" si="170"/>
        <v/>
      </c>
      <c r="BR319" s="307" t="str">
        <f t="shared" si="171"/>
        <v/>
      </c>
      <c r="BS319" s="307" t="str">
        <f t="shared" si="172"/>
        <v/>
      </c>
      <c r="BT319" s="307">
        <f t="shared" si="173"/>
        <v>184520</v>
      </c>
      <c r="BU319" s="307" t="str">
        <f t="shared" si="174"/>
        <v/>
      </c>
      <c r="BV319" s="307" t="str">
        <f t="shared" si="175"/>
        <v/>
      </c>
      <c r="BW319" s="307" t="str">
        <f t="shared" si="176"/>
        <v/>
      </c>
      <c r="BX319" s="307" t="str">
        <f t="shared" si="177"/>
        <v/>
      </c>
      <c r="BY319" s="307" t="str">
        <f t="shared" si="178"/>
        <v/>
      </c>
      <c r="BZ319" s="307" t="str">
        <f t="shared" si="179"/>
        <v/>
      </c>
      <c r="CA319" s="307" t="str">
        <f t="shared" si="180"/>
        <v/>
      </c>
      <c r="CB319" s="307" t="str">
        <f t="shared" si="181"/>
        <v/>
      </c>
      <c r="CC319" s="307" t="str">
        <f t="shared" si="182"/>
        <v/>
      </c>
      <c r="CD319" s="303"/>
      <c r="CE319" s="303"/>
      <c r="CF319" s="303"/>
    </row>
    <row r="320" spans="1:84" s="318" customFormat="1" ht="56.1" hidden="1" customHeight="1" x14ac:dyDescent="0.2">
      <c r="A320" s="302">
        <v>320</v>
      </c>
      <c r="B320" s="24" t="s">
        <v>53</v>
      </c>
      <c r="C320" s="35" t="s">
        <v>515</v>
      </c>
      <c r="D320" s="303" t="s">
        <v>530</v>
      </c>
      <c r="E320" s="303" t="s">
        <v>532</v>
      </c>
      <c r="F320" s="303" t="s">
        <v>532</v>
      </c>
      <c r="G320" s="303" t="s">
        <v>90</v>
      </c>
      <c r="H320" s="303" t="s">
        <v>38</v>
      </c>
      <c r="I320" s="303" t="s">
        <v>8</v>
      </c>
      <c r="J320" s="303" t="s">
        <v>525</v>
      </c>
      <c r="K320" s="303" t="s">
        <v>339</v>
      </c>
      <c r="L320" s="303" t="s">
        <v>63</v>
      </c>
      <c r="M320" s="303" t="s">
        <v>63</v>
      </c>
      <c r="N320" s="304">
        <v>0</v>
      </c>
      <c r="O320" s="304">
        <v>0</v>
      </c>
      <c r="P320" s="303" t="s">
        <v>64</v>
      </c>
      <c r="Q320" s="303" t="s">
        <v>82</v>
      </c>
      <c r="R320" s="317"/>
      <c r="S320" s="317"/>
      <c r="T320" s="317"/>
      <c r="U320" s="317"/>
      <c r="V320" s="317"/>
      <c r="W320" s="307"/>
      <c r="X320" s="317"/>
      <c r="Y320" s="317"/>
      <c r="Z320" s="317"/>
      <c r="AA320" s="317"/>
      <c r="AB320" s="317"/>
      <c r="AC320" s="317"/>
      <c r="AD320" s="317"/>
      <c r="AE320" s="317"/>
      <c r="AF320" s="317"/>
      <c r="AG320" s="317"/>
      <c r="AH320" s="317"/>
      <c r="AI320" s="317"/>
      <c r="AJ320" s="317"/>
      <c r="AK320" s="317"/>
      <c r="AL320" s="317"/>
      <c r="AM320" s="307" t="s">
        <v>66</v>
      </c>
      <c r="AN320" s="317"/>
      <c r="AO320" s="317"/>
      <c r="AP320" s="317"/>
      <c r="AQ320" s="317"/>
      <c r="AR320" s="317"/>
      <c r="AS320" s="317"/>
      <c r="AT320" s="317"/>
      <c r="AU320" s="317"/>
      <c r="AV320" s="317"/>
      <c r="AW320" s="308">
        <f t="shared" si="187"/>
        <v>250</v>
      </c>
      <c r="AX320" s="309">
        <f t="shared" si="186"/>
        <v>0</v>
      </c>
      <c r="AY320" s="307" t="str">
        <f t="shared" si="152"/>
        <v/>
      </c>
      <c r="AZ320" s="307" t="str">
        <f t="shared" si="153"/>
        <v/>
      </c>
      <c r="BA320" s="307" t="str">
        <f t="shared" si="154"/>
        <v/>
      </c>
      <c r="BB320" s="307" t="str">
        <f t="shared" si="155"/>
        <v/>
      </c>
      <c r="BC320" s="307" t="str">
        <f t="shared" si="156"/>
        <v/>
      </c>
      <c r="BD320" s="307" t="str">
        <f t="shared" si="157"/>
        <v/>
      </c>
      <c r="BE320" s="307" t="str">
        <f t="shared" si="158"/>
        <v/>
      </c>
      <c r="BF320" s="307" t="str">
        <f t="shared" si="159"/>
        <v/>
      </c>
      <c r="BG320" s="307" t="str">
        <f t="shared" si="160"/>
        <v/>
      </c>
      <c r="BH320" s="307" t="str">
        <f t="shared" si="161"/>
        <v/>
      </c>
      <c r="BI320" s="307" t="str">
        <f t="shared" si="162"/>
        <v/>
      </c>
      <c r="BJ320" s="307" t="str">
        <f t="shared" si="163"/>
        <v/>
      </c>
      <c r="BK320" s="307" t="str">
        <f t="shared" si="164"/>
        <v/>
      </c>
      <c r="BL320" s="307" t="str">
        <f t="shared" si="165"/>
        <v/>
      </c>
      <c r="BM320" s="307" t="str">
        <f t="shared" si="166"/>
        <v/>
      </c>
      <c r="BN320" s="307" t="str">
        <f t="shared" si="167"/>
        <v/>
      </c>
      <c r="BO320" s="307" t="str">
        <f t="shared" si="168"/>
        <v/>
      </c>
      <c r="BP320" s="307" t="str">
        <f t="shared" si="169"/>
        <v/>
      </c>
      <c r="BQ320" s="307" t="str">
        <f t="shared" si="170"/>
        <v/>
      </c>
      <c r="BR320" s="307" t="str">
        <f t="shared" si="171"/>
        <v/>
      </c>
      <c r="BS320" s="307" t="str">
        <f t="shared" si="172"/>
        <v/>
      </c>
      <c r="BT320" s="307">
        <f t="shared" si="173"/>
        <v>0</v>
      </c>
      <c r="BU320" s="307" t="str">
        <f t="shared" si="174"/>
        <v/>
      </c>
      <c r="BV320" s="307" t="str">
        <f t="shared" si="175"/>
        <v/>
      </c>
      <c r="BW320" s="307" t="str">
        <f t="shared" si="176"/>
        <v/>
      </c>
      <c r="BX320" s="307" t="str">
        <f t="shared" si="177"/>
        <v/>
      </c>
      <c r="BY320" s="307" t="str">
        <f t="shared" si="178"/>
        <v/>
      </c>
      <c r="BZ320" s="307" t="str">
        <f t="shared" si="179"/>
        <v/>
      </c>
      <c r="CA320" s="307" t="str">
        <f t="shared" si="180"/>
        <v/>
      </c>
      <c r="CB320" s="307" t="str">
        <f t="shared" si="181"/>
        <v/>
      </c>
      <c r="CC320" s="307" t="str">
        <f t="shared" si="182"/>
        <v/>
      </c>
      <c r="CD320" s="303"/>
      <c r="CE320" s="303"/>
      <c r="CF320" s="303"/>
    </row>
    <row r="321" spans="1:84" s="318" customFormat="1" ht="56.1" hidden="1" customHeight="1" x14ac:dyDescent="0.2">
      <c r="A321" s="302">
        <v>321</v>
      </c>
      <c r="B321" s="24" t="s">
        <v>53</v>
      </c>
      <c r="C321" s="35" t="s">
        <v>515</v>
      </c>
      <c r="D321" s="303" t="s">
        <v>533</v>
      </c>
      <c r="E321" s="303" t="s">
        <v>534</v>
      </c>
      <c r="F321" s="303" t="s">
        <v>534</v>
      </c>
      <c r="G321" s="303" t="s">
        <v>90</v>
      </c>
      <c r="H321" s="303" t="s">
        <v>38</v>
      </c>
      <c r="I321" s="303" t="s">
        <v>81</v>
      </c>
      <c r="J321" s="303" t="s">
        <v>334</v>
      </c>
      <c r="K321" s="303" t="s">
        <v>339</v>
      </c>
      <c r="L321" s="303" t="s">
        <v>63</v>
      </c>
      <c r="M321" s="303" t="s">
        <v>63</v>
      </c>
      <c r="N321" s="304">
        <v>44482.5</v>
      </c>
      <c r="O321" s="304">
        <v>44482.5</v>
      </c>
      <c r="P321" s="303" t="s">
        <v>64</v>
      </c>
      <c r="Q321" s="303" t="s">
        <v>82</v>
      </c>
      <c r="R321" s="317"/>
      <c r="S321" s="317"/>
      <c r="T321" s="317"/>
      <c r="U321" s="317"/>
      <c r="V321" s="317"/>
      <c r="W321" s="307"/>
      <c r="X321" s="317"/>
      <c r="Y321" s="317"/>
      <c r="Z321" s="317"/>
      <c r="AA321" s="317"/>
      <c r="AB321" s="317"/>
      <c r="AC321" s="317"/>
      <c r="AD321" s="317"/>
      <c r="AE321" s="317"/>
      <c r="AF321" s="317"/>
      <c r="AG321" s="317"/>
      <c r="AH321" s="317"/>
      <c r="AI321" s="317"/>
      <c r="AJ321" s="317"/>
      <c r="AK321" s="317"/>
      <c r="AL321" s="317"/>
      <c r="AM321" s="307" t="s">
        <v>66</v>
      </c>
      <c r="AN321" s="317"/>
      <c r="AO321" s="317"/>
      <c r="AP321" s="317"/>
      <c r="AQ321" s="317"/>
      <c r="AR321" s="317"/>
      <c r="AS321" s="317"/>
      <c r="AT321" s="317"/>
      <c r="AU321" s="317"/>
      <c r="AV321" s="317"/>
      <c r="AW321" s="308">
        <f t="shared" si="187"/>
        <v>250</v>
      </c>
      <c r="AX321" s="309">
        <f t="shared" ref="AX321:AX328" si="188">O321/AW321</f>
        <v>177.93</v>
      </c>
      <c r="AY321" s="307" t="str">
        <f t="shared" ref="AY321:AY384" si="189">IF(R321="yes",(R$2*$AX321),"")</f>
        <v/>
      </c>
      <c r="AZ321" s="307" t="str">
        <f t="shared" ref="AZ321:AZ384" si="190">IF(S321="yes",(S$2*$AX321),"")</f>
        <v/>
      </c>
      <c r="BA321" s="307" t="str">
        <f t="shared" ref="BA321:BA384" si="191">IF(T321="yes",(T$2*$AX321),"")</f>
        <v/>
      </c>
      <c r="BB321" s="307" t="str">
        <f t="shared" ref="BB321:BB384" si="192">IF(U321="yes",(U$2*$AX321),"")</f>
        <v/>
      </c>
      <c r="BC321" s="307" t="str">
        <f t="shared" ref="BC321:BC384" si="193">IF(V321="yes",(V$2*$AX321),"")</f>
        <v/>
      </c>
      <c r="BD321" s="307" t="str">
        <f t="shared" ref="BD321:BD384" si="194">IF(W321="yes",(W$2*$AX321),"")</f>
        <v/>
      </c>
      <c r="BE321" s="307" t="str">
        <f t="shared" ref="BE321:BE384" si="195">IF(X321="yes",(X$2*$AX321),"")</f>
        <v/>
      </c>
      <c r="BF321" s="307" t="str">
        <f t="shared" ref="BF321:BF384" si="196">IF(Y321="yes",(Y$2*$AX321),"")</f>
        <v/>
      </c>
      <c r="BG321" s="307" t="str">
        <f t="shared" ref="BG321:BG384" si="197">IF(Z321="yes",(Z$2*$AX321),"")</f>
        <v/>
      </c>
      <c r="BH321" s="307" t="str">
        <f t="shared" ref="BH321:BH384" si="198">IF(AA321="yes",(AA$2*$AX321),"")</f>
        <v/>
      </c>
      <c r="BI321" s="307" t="str">
        <f t="shared" ref="BI321:BI384" si="199">IF(AB321="yes",(AB$2*$AX321),"")</f>
        <v/>
      </c>
      <c r="BJ321" s="307" t="str">
        <f t="shared" ref="BJ321:BJ384" si="200">IF(AC321="yes",(AC$2*$AX321),"")</f>
        <v/>
      </c>
      <c r="BK321" s="307" t="str">
        <f t="shared" ref="BK321:BK384" si="201">IF(AD321="yes",(AD$2*$AX321),"")</f>
        <v/>
      </c>
      <c r="BL321" s="307" t="str">
        <f t="shared" ref="BL321:BL384" si="202">IF(AE321="yes",(AE$2*$AX321),"")</f>
        <v/>
      </c>
      <c r="BM321" s="307" t="str">
        <f t="shared" ref="BM321:BM384" si="203">IF(AF321="yes",(AF$2*$AX321),"")</f>
        <v/>
      </c>
      <c r="BN321" s="307" t="str">
        <f t="shared" ref="BN321:BN384" si="204">IF(AG321="yes",(AG$2*$AX321),"")</f>
        <v/>
      </c>
      <c r="BO321" s="307" t="str">
        <f t="shared" ref="BO321:BO384" si="205">IF(AH321="yes",(AH$2*$AX321),"")</f>
        <v/>
      </c>
      <c r="BP321" s="307" t="str">
        <f t="shared" ref="BP321:BP384" si="206">IF(AI321="yes",(AI$2*$AX321),"")</f>
        <v/>
      </c>
      <c r="BQ321" s="307" t="str">
        <f t="shared" ref="BQ321:BQ384" si="207">IF(AJ321="yes",(AJ$2*$AX321),"")</f>
        <v/>
      </c>
      <c r="BR321" s="307" t="str">
        <f t="shared" ref="BR321:BR384" si="208">IF(AK321="yes",(AK$2*$AX321),"")</f>
        <v/>
      </c>
      <c r="BS321" s="307" t="str">
        <f t="shared" ref="BS321:BS384" si="209">IF(AL321="yes",(AL$2*$AX321),"")</f>
        <v/>
      </c>
      <c r="BT321" s="307">
        <f t="shared" ref="BT321:BT384" si="210">IF(AM321="yes",(AM$2*$AX321),"")</f>
        <v>44482.5</v>
      </c>
      <c r="BU321" s="307" t="str">
        <f t="shared" ref="BU321:BU384" si="211">IF(AN321="yes",(AN$2*$AX321),"")</f>
        <v/>
      </c>
      <c r="BV321" s="307" t="str">
        <f t="shared" ref="BV321:BV384" si="212">IF(AO321="yes",(AO$2*$AX321),"")</f>
        <v/>
      </c>
      <c r="BW321" s="307" t="str">
        <f t="shared" ref="BW321:BW384" si="213">IF(AP321="yes",(AP$2*$AX321),"")</f>
        <v/>
      </c>
      <c r="BX321" s="307" t="str">
        <f t="shared" ref="BX321:BX384" si="214">IF(AQ321="yes",(AQ$2*$AX321),"")</f>
        <v/>
      </c>
      <c r="BY321" s="307" t="str">
        <f t="shared" ref="BY321:BY384" si="215">IF(AR321="yes",(AR$2*$AX321),"")</f>
        <v/>
      </c>
      <c r="BZ321" s="307" t="str">
        <f t="shared" ref="BZ321:BZ384" si="216">IF(AS321="yes",(AS$2*$AX321),"")</f>
        <v/>
      </c>
      <c r="CA321" s="307" t="str">
        <f t="shared" ref="CA321:CA384" si="217">IF(AT321="yes",(AT$2*$AX321),"")</f>
        <v/>
      </c>
      <c r="CB321" s="307" t="str">
        <f t="shared" ref="CB321:CB384" si="218">IF(AU321="yes",(AU$2*$AX321),"")</f>
        <v/>
      </c>
      <c r="CC321" s="307" t="str">
        <f t="shared" ref="CC321:CC384" si="219">IF(AV321="yes",(AV$2*$AX321),"")</f>
        <v/>
      </c>
      <c r="CD321" s="303"/>
      <c r="CE321" s="303"/>
      <c r="CF321" s="303"/>
    </row>
    <row r="322" spans="1:84" s="318" customFormat="1" ht="56.1" hidden="1" customHeight="1" x14ac:dyDescent="0.2">
      <c r="A322" s="302">
        <v>322</v>
      </c>
      <c r="B322" s="24" t="s">
        <v>53</v>
      </c>
      <c r="C322" s="35" t="s">
        <v>515</v>
      </c>
      <c r="D322" s="303" t="s">
        <v>516</v>
      </c>
      <c r="E322" s="303" t="s">
        <v>535</v>
      </c>
      <c r="F322" s="303" t="s">
        <v>536</v>
      </c>
      <c r="G322" s="303" t="s">
        <v>90</v>
      </c>
      <c r="H322" s="303" t="s">
        <v>39</v>
      </c>
      <c r="I322" s="303" t="s">
        <v>60</v>
      </c>
      <c r="J322" s="303" t="s">
        <v>334</v>
      </c>
      <c r="K322" s="303" t="s">
        <v>342</v>
      </c>
      <c r="L322" s="303" t="s">
        <v>63</v>
      </c>
      <c r="M322" s="303" t="s">
        <v>63</v>
      </c>
      <c r="N322" s="304">
        <v>121466.87999999999</v>
      </c>
      <c r="O322" s="304">
        <v>121466.87999999999</v>
      </c>
      <c r="P322" s="303" t="s">
        <v>64</v>
      </c>
      <c r="Q322" s="303" t="s">
        <v>82</v>
      </c>
      <c r="R322" s="317"/>
      <c r="S322" s="317"/>
      <c r="T322" s="317"/>
      <c r="U322" s="317"/>
      <c r="V322" s="317"/>
      <c r="W322" s="307"/>
      <c r="X322" s="317"/>
      <c r="Y322" s="317"/>
      <c r="Z322" s="317"/>
      <c r="AA322" s="317"/>
      <c r="AB322" s="317"/>
      <c r="AC322" s="317"/>
      <c r="AD322" s="317"/>
      <c r="AE322" s="317"/>
      <c r="AF322" s="317"/>
      <c r="AG322" s="317"/>
      <c r="AH322" s="317"/>
      <c r="AI322" s="317"/>
      <c r="AJ322" s="317"/>
      <c r="AK322" s="317"/>
      <c r="AL322" s="317"/>
      <c r="AM322" s="317"/>
      <c r="AN322" s="307" t="s">
        <v>66</v>
      </c>
      <c r="AO322" s="317"/>
      <c r="AP322" s="317"/>
      <c r="AQ322" s="317"/>
      <c r="AR322" s="317"/>
      <c r="AS322" s="317"/>
      <c r="AT322" s="317"/>
      <c r="AU322" s="317"/>
      <c r="AV322" s="317"/>
      <c r="AW322" s="308">
        <f t="shared" si="187"/>
        <v>400</v>
      </c>
      <c r="AX322" s="309">
        <f t="shared" si="188"/>
        <v>303.66719999999998</v>
      </c>
      <c r="AY322" s="307" t="str">
        <f t="shared" si="189"/>
        <v/>
      </c>
      <c r="AZ322" s="307" t="str">
        <f t="shared" si="190"/>
        <v/>
      </c>
      <c r="BA322" s="307" t="str">
        <f t="shared" si="191"/>
        <v/>
      </c>
      <c r="BB322" s="307" t="str">
        <f t="shared" si="192"/>
        <v/>
      </c>
      <c r="BC322" s="307" t="str">
        <f t="shared" si="193"/>
        <v/>
      </c>
      <c r="BD322" s="307" t="str">
        <f t="shared" si="194"/>
        <v/>
      </c>
      <c r="BE322" s="307" t="str">
        <f t="shared" si="195"/>
        <v/>
      </c>
      <c r="BF322" s="307" t="str">
        <f t="shared" si="196"/>
        <v/>
      </c>
      <c r="BG322" s="307" t="str">
        <f t="shared" si="197"/>
        <v/>
      </c>
      <c r="BH322" s="307" t="str">
        <f t="shared" si="198"/>
        <v/>
      </c>
      <c r="BI322" s="307" t="str">
        <f t="shared" si="199"/>
        <v/>
      </c>
      <c r="BJ322" s="307" t="str">
        <f t="shared" si="200"/>
        <v/>
      </c>
      <c r="BK322" s="307" t="str">
        <f t="shared" si="201"/>
        <v/>
      </c>
      <c r="BL322" s="307" t="str">
        <f t="shared" si="202"/>
        <v/>
      </c>
      <c r="BM322" s="307" t="str">
        <f t="shared" si="203"/>
        <v/>
      </c>
      <c r="BN322" s="307" t="str">
        <f t="shared" si="204"/>
        <v/>
      </c>
      <c r="BO322" s="307" t="str">
        <f t="shared" si="205"/>
        <v/>
      </c>
      <c r="BP322" s="307" t="str">
        <f t="shared" si="206"/>
        <v/>
      </c>
      <c r="BQ322" s="307" t="str">
        <f t="shared" si="207"/>
        <v/>
      </c>
      <c r="BR322" s="307" t="str">
        <f t="shared" si="208"/>
        <v/>
      </c>
      <c r="BS322" s="307" t="str">
        <f t="shared" si="209"/>
        <v/>
      </c>
      <c r="BT322" s="307" t="str">
        <f t="shared" si="210"/>
        <v/>
      </c>
      <c r="BU322" s="307">
        <f t="shared" si="211"/>
        <v>121466.87999999999</v>
      </c>
      <c r="BV322" s="307" t="str">
        <f t="shared" si="212"/>
        <v/>
      </c>
      <c r="BW322" s="307" t="str">
        <f t="shared" si="213"/>
        <v/>
      </c>
      <c r="BX322" s="307" t="str">
        <f t="shared" si="214"/>
        <v/>
      </c>
      <c r="BY322" s="307" t="str">
        <f t="shared" si="215"/>
        <v/>
      </c>
      <c r="BZ322" s="307" t="str">
        <f t="shared" si="216"/>
        <v/>
      </c>
      <c r="CA322" s="307" t="str">
        <f t="shared" si="217"/>
        <v/>
      </c>
      <c r="CB322" s="307" t="str">
        <f t="shared" si="218"/>
        <v/>
      </c>
      <c r="CC322" s="307" t="str">
        <f t="shared" si="219"/>
        <v/>
      </c>
      <c r="CD322" s="303"/>
      <c r="CE322" s="303"/>
      <c r="CF322" s="303"/>
    </row>
    <row r="323" spans="1:84" s="318" customFormat="1" ht="56.1" hidden="1" customHeight="1" x14ac:dyDescent="0.2">
      <c r="A323" s="302">
        <v>323</v>
      </c>
      <c r="B323" s="24" t="s">
        <v>53</v>
      </c>
      <c r="C323" s="35" t="s">
        <v>515</v>
      </c>
      <c r="D323" s="303" t="s">
        <v>518</v>
      </c>
      <c r="E323" s="303" t="s">
        <v>520</v>
      </c>
      <c r="F323" s="303" t="s">
        <v>520</v>
      </c>
      <c r="G323" s="303" t="s">
        <v>90</v>
      </c>
      <c r="H323" s="303" t="s">
        <v>39</v>
      </c>
      <c r="I323" s="303" t="s">
        <v>543</v>
      </c>
      <c r="J323" s="303" t="s">
        <v>334</v>
      </c>
      <c r="K323" s="303" t="s">
        <v>342</v>
      </c>
      <c r="L323" s="303" t="s">
        <v>63</v>
      </c>
      <c r="M323" s="303" t="s">
        <v>63</v>
      </c>
      <c r="N323" s="304">
        <v>318850.56</v>
      </c>
      <c r="O323" s="304">
        <v>318850.56</v>
      </c>
      <c r="P323" s="303" t="s">
        <v>64</v>
      </c>
      <c r="Q323" s="303" t="s">
        <v>82</v>
      </c>
      <c r="R323" s="317"/>
      <c r="S323" s="317"/>
      <c r="T323" s="317"/>
      <c r="U323" s="317"/>
      <c r="V323" s="317"/>
      <c r="W323" s="307"/>
      <c r="X323" s="317"/>
      <c r="Y323" s="317"/>
      <c r="Z323" s="317"/>
      <c r="AA323" s="317"/>
      <c r="AB323" s="317"/>
      <c r="AC323" s="317"/>
      <c r="AD323" s="317"/>
      <c r="AE323" s="317"/>
      <c r="AF323" s="317"/>
      <c r="AG323" s="317"/>
      <c r="AH323" s="317"/>
      <c r="AI323" s="317"/>
      <c r="AJ323" s="317"/>
      <c r="AK323" s="317"/>
      <c r="AL323" s="317"/>
      <c r="AM323" s="317"/>
      <c r="AN323" s="307" t="s">
        <v>66</v>
      </c>
      <c r="AO323" s="317"/>
      <c r="AP323" s="317"/>
      <c r="AQ323" s="317"/>
      <c r="AR323" s="317"/>
      <c r="AS323" s="317"/>
      <c r="AT323" s="317"/>
      <c r="AU323" s="317"/>
      <c r="AV323" s="317"/>
      <c r="AW323" s="308">
        <f t="shared" si="187"/>
        <v>400</v>
      </c>
      <c r="AX323" s="309">
        <f t="shared" si="188"/>
        <v>797.12639999999999</v>
      </c>
      <c r="AY323" s="307" t="str">
        <f t="shared" si="189"/>
        <v/>
      </c>
      <c r="AZ323" s="307" t="str">
        <f t="shared" si="190"/>
        <v/>
      </c>
      <c r="BA323" s="307" t="str">
        <f t="shared" si="191"/>
        <v/>
      </c>
      <c r="BB323" s="307" t="str">
        <f t="shared" si="192"/>
        <v/>
      </c>
      <c r="BC323" s="307" t="str">
        <f t="shared" si="193"/>
        <v/>
      </c>
      <c r="BD323" s="307" t="str">
        <f t="shared" si="194"/>
        <v/>
      </c>
      <c r="BE323" s="307" t="str">
        <f t="shared" si="195"/>
        <v/>
      </c>
      <c r="BF323" s="307" t="str">
        <f t="shared" si="196"/>
        <v/>
      </c>
      <c r="BG323" s="307" t="str">
        <f t="shared" si="197"/>
        <v/>
      </c>
      <c r="BH323" s="307" t="str">
        <f t="shared" si="198"/>
        <v/>
      </c>
      <c r="BI323" s="307" t="str">
        <f t="shared" si="199"/>
        <v/>
      </c>
      <c r="BJ323" s="307" t="str">
        <f t="shared" si="200"/>
        <v/>
      </c>
      <c r="BK323" s="307" t="str">
        <f t="shared" si="201"/>
        <v/>
      </c>
      <c r="BL323" s="307" t="str">
        <f t="shared" si="202"/>
        <v/>
      </c>
      <c r="BM323" s="307" t="str">
        <f t="shared" si="203"/>
        <v/>
      </c>
      <c r="BN323" s="307" t="str">
        <f t="shared" si="204"/>
        <v/>
      </c>
      <c r="BO323" s="307" t="str">
        <f t="shared" si="205"/>
        <v/>
      </c>
      <c r="BP323" s="307" t="str">
        <f t="shared" si="206"/>
        <v/>
      </c>
      <c r="BQ323" s="307" t="str">
        <f t="shared" si="207"/>
        <v/>
      </c>
      <c r="BR323" s="307" t="str">
        <f t="shared" si="208"/>
        <v/>
      </c>
      <c r="BS323" s="307" t="str">
        <f t="shared" si="209"/>
        <v/>
      </c>
      <c r="BT323" s="307" t="str">
        <f t="shared" si="210"/>
        <v/>
      </c>
      <c r="BU323" s="307">
        <f t="shared" si="211"/>
        <v>318850.56</v>
      </c>
      <c r="BV323" s="307" t="str">
        <f t="shared" si="212"/>
        <v/>
      </c>
      <c r="BW323" s="307" t="str">
        <f t="shared" si="213"/>
        <v/>
      </c>
      <c r="BX323" s="307" t="str">
        <f t="shared" si="214"/>
        <v/>
      </c>
      <c r="BY323" s="307" t="str">
        <f t="shared" si="215"/>
        <v/>
      </c>
      <c r="BZ323" s="307" t="str">
        <f t="shared" si="216"/>
        <v/>
      </c>
      <c r="CA323" s="307" t="str">
        <f t="shared" si="217"/>
        <v/>
      </c>
      <c r="CB323" s="307" t="str">
        <f t="shared" si="218"/>
        <v/>
      </c>
      <c r="CC323" s="307" t="str">
        <f t="shared" si="219"/>
        <v/>
      </c>
      <c r="CD323" s="303"/>
      <c r="CE323" s="303"/>
      <c r="CF323" s="303"/>
    </row>
    <row r="324" spans="1:84" s="318" customFormat="1" ht="56.1" hidden="1" customHeight="1" x14ac:dyDescent="0.2">
      <c r="A324" s="302">
        <v>324</v>
      </c>
      <c r="B324" s="24" t="s">
        <v>53</v>
      </c>
      <c r="C324" s="35" t="s">
        <v>515</v>
      </c>
      <c r="D324" s="303" t="s">
        <v>521</v>
      </c>
      <c r="E324" s="303" t="s">
        <v>522</v>
      </c>
      <c r="F324" s="303" t="s">
        <v>522</v>
      </c>
      <c r="G324" s="303" t="s">
        <v>90</v>
      </c>
      <c r="H324" s="303" t="s">
        <v>39</v>
      </c>
      <c r="I324" s="303" t="s">
        <v>60</v>
      </c>
      <c r="J324" s="303" t="s">
        <v>334</v>
      </c>
      <c r="K324" s="303" t="s">
        <v>342</v>
      </c>
      <c r="L324" s="303" t="s">
        <v>63</v>
      </c>
      <c r="M324" s="303" t="s">
        <v>63</v>
      </c>
      <c r="N324" s="304">
        <v>445378.56</v>
      </c>
      <c r="O324" s="304">
        <v>445378.56</v>
      </c>
      <c r="P324" s="303" t="s">
        <v>64</v>
      </c>
      <c r="Q324" s="303" t="s">
        <v>82</v>
      </c>
      <c r="R324" s="317"/>
      <c r="S324" s="317"/>
      <c r="T324" s="317"/>
      <c r="U324" s="317"/>
      <c r="V324" s="317"/>
      <c r="W324" s="307"/>
      <c r="X324" s="317"/>
      <c r="Y324" s="317"/>
      <c r="Z324" s="317"/>
      <c r="AA324" s="317"/>
      <c r="AB324" s="317"/>
      <c r="AC324" s="317"/>
      <c r="AD324" s="317"/>
      <c r="AE324" s="317"/>
      <c r="AF324" s="317"/>
      <c r="AG324" s="317"/>
      <c r="AH324" s="317"/>
      <c r="AI324" s="317"/>
      <c r="AJ324" s="317"/>
      <c r="AK324" s="317"/>
      <c r="AL324" s="317"/>
      <c r="AM324" s="317"/>
      <c r="AN324" s="307" t="s">
        <v>66</v>
      </c>
      <c r="AO324" s="317"/>
      <c r="AP324" s="317"/>
      <c r="AQ324" s="317"/>
      <c r="AR324" s="317"/>
      <c r="AS324" s="317"/>
      <c r="AT324" s="317"/>
      <c r="AU324" s="317"/>
      <c r="AV324" s="317"/>
      <c r="AW324" s="308">
        <f t="shared" si="187"/>
        <v>400</v>
      </c>
      <c r="AX324" s="309">
        <f t="shared" si="188"/>
        <v>1113.4464</v>
      </c>
      <c r="AY324" s="307" t="str">
        <f t="shared" si="189"/>
        <v/>
      </c>
      <c r="AZ324" s="307" t="str">
        <f t="shared" si="190"/>
        <v/>
      </c>
      <c r="BA324" s="307" t="str">
        <f t="shared" si="191"/>
        <v/>
      </c>
      <c r="BB324" s="307" t="str">
        <f t="shared" si="192"/>
        <v/>
      </c>
      <c r="BC324" s="307" t="str">
        <f t="shared" si="193"/>
        <v/>
      </c>
      <c r="BD324" s="307" t="str">
        <f t="shared" si="194"/>
        <v/>
      </c>
      <c r="BE324" s="307" t="str">
        <f t="shared" si="195"/>
        <v/>
      </c>
      <c r="BF324" s="307" t="str">
        <f t="shared" si="196"/>
        <v/>
      </c>
      <c r="BG324" s="307" t="str">
        <f t="shared" si="197"/>
        <v/>
      </c>
      <c r="BH324" s="307" t="str">
        <f t="shared" si="198"/>
        <v/>
      </c>
      <c r="BI324" s="307" t="str">
        <f t="shared" si="199"/>
        <v/>
      </c>
      <c r="BJ324" s="307" t="str">
        <f t="shared" si="200"/>
        <v/>
      </c>
      <c r="BK324" s="307" t="str">
        <f t="shared" si="201"/>
        <v/>
      </c>
      <c r="BL324" s="307" t="str">
        <f t="shared" si="202"/>
        <v/>
      </c>
      <c r="BM324" s="307" t="str">
        <f t="shared" si="203"/>
        <v/>
      </c>
      <c r="BN324" s="307" t="str">
        <f t="shared" si="204"/>
        <v/>
      </c>
      <c r="BO324" s="307" t="str">
        <f t="shared" si="205"/>
        <v/>
      </c>
      <c r="BP324" s="307" t="str">
        <f t="shared" si="206"/>
        <v/>
      </c>
      <c r="BQ324" s="307" t="str">
        <f t="shared" si="207"/>
        <v/>
      </c>
      <c r="BR324" s="307" t="str">
        <f t="shared" si="208"/>
        <v/>
      </c>
      <c r="BS324" s="307" t="str">
        <f t="shared" si="209"/>
        <v/>
      </c>
      <c r="BT324" s="307" t="str">
        <f t="shared" si="210"/>
        <v/>
      </c>
      <c r="BU324" s="307">
        <f t="shared" si="211"/>
        <v>445378.56</v>
      </c>
      <c r="BV324" s="307" t="str">
        <f t="shared" si="212"/>
        <v/>
      </c>
      <c r="BW324" s="307" t="str">
        <f t="shared" si="213"/>
        <v/>
      </c>
      <c r="BX324" s="307" t="str">
        <f t="shared" si="214"/>
        <v/>
      </c>
      <c r="BY324" s="307" t="str">
        <f t="shared" si="215"/>
        <v/>
      </c>
      <c r="BZ324" s="307" t="str">
        <f t="shared" si="216"/>
        <v/>
      </c>
      <c r="CA324" s="307" t="str">
        <f t="shared" si="217"/>
        <v/>
      </c>
      <c r="CB324" s="307" t="str">
        <f t="shared" si="218"/>
        <v/>
      </c>
      <c r="CC324" s="307" t="str">
        <f t="shared" si="219"/>
        <v/>
      </c>
      <c r="CD324" s="303"/>
      <c r="CE324" s="303"/>
      <c r="CF324" s="303"/>
    </row>
    <row r="325" spans="1:84" s="318" customFormat="1" ht="56.1" hidden="1" customHeight="1" x14ac:dyDescent="0.2">
      <c r="A325" s="302">
        <v>325</v>
      </c>
      <c r="B325" s="24" t="s">
        <v>53</v>
      </c>
      <c r="C325" s="35" t="s">
        <v>515</v>
      </c>
      <c r="D325" s="303" t="s">
        <v>523</v>
      </c>
      <c r="E325" s="303" t="s">
        <v>540</v>
      </c>
      <c r="F325" s="303" t="s">
        <v>540</v>
      </c>
      <c r="G325" s="303" t="s">
        <v>90</v>
      </c>
      <c r="H325" s="303" t="s">
        <v>39</v>
      </c>
      <c r="I325" s="303" t="s">
        <v>388</v>
      </c>
      <c r="J325" s="303" t="s">
        <v>525</v>
      </c>
      <c r="K325" s="303" t="s">
        <v>342</v>
      </c>
      <c r="L325" s="303" t="s">
        <v>63</v>
      </c>
      <c r="M325" s="303" t="s">
        <v>63</v>
      </c>
      <c r="N325" s="304">
        <v>43494</v>
      </c>
      <c r="O325" s="304">
        <v>43494</v>
      </c>
      <c r="P325" s="303" t="s">
        <v>64</v>
      </c>
      <c r="Q325" s="303" t="s">
        <v>82</v>
      </c>
      <c r="R325" s="317"/>
      <c r="S325" s="317"/>
      <c r="T325" s="317"/>
      <c r="U325" s="317"/>
      <c r="V325" s="317"/>
      <c r="W325" s="307"/>
      <c r="X325" s="317"/>
      <c r="Y325" s="317"/>
      <c r="Z325" s="317"/>
      <c r="AA325" s="317"/>
      <c r="AB325" s="317"/>
      <c r="AC325" s="317"/>
      <c r="AD325" s="317"/>
      <c r="AE325" s="317"/>
      <c r="AF325" s="317"/>
      <c r="AG325" s="317"/>
      <c r="AH325" s="317"/>
      <c r="AI325" s="317"/>
      <c r="AJ325" s="317"/>
      <c r="AK325" s="317"/>
      <c r="AL325" s="317"/>
      <c r="AM325" s="317"/>
      <c r="AN325" s="307" t="s">
        <v>66</v>
      </c>
      <c r="AO325" s="317"/>
      <c r="AP325" s="317"/>
      <c r="AQ325" s="317"/>
      <c r="AR325" s="317"/>
      <c r="AS325" s="317"/>
      <c r="AT325" s="317"/>
      <c r="AU325" s="317"/>
      <c r="AV325" s="317"/>
      <c r="AW325" s="308">
        <f t="shared" si="187"/>
        <v>400</v>
      </c>
      <c r="AX325" s="309">
        <f t="shared" si="188"/>
        <v>108.735</v>
      </c>
      <c r="AY325" s="307" t="str">
        <f t="shared" si="189"/>
        <v/>
      </c>
      <c r="AZ325" s="307" t="str">
        <f t="shared" si="190"/>
        <v/>
      </c>
      <c r="BA325" s="307" t="str">
        <f t="shared" si="191"/>
        <v/>
      </c>
      <c r="BB325" s="307" t="str">
        <f t="shared" si="192"/>
        <v/>
      </c>
      <c r="BC325" s="307" t="str">
        <f t="shared" si="193"/>
        <v/>
      </c>
      <c r="BD325" s="307" t="str">
        <f t="shared" si="194"/>
        <v/>
      </c>
      <c r="BE325" s="307" t="str">
        <f t="shared" si="195"/>
        <v/>
      </c>
      <c r="BF325" s="307" t="str">
        <f t="shared" si="196"/>
        <v/>
      </c>
      <c r="BG325" s="307" t="str">
        <f t="shared" si="197"/>
        <v/>
      </c>
      <c r="BH325" s="307" t="str">
        <f t="shared" si="198"/>
        <v/>
      </c>
      <c r="BI325" s="307" t="str">
        <f t="shared" si="199"/>
        <v/>
      </c>
      <c r="BJ325" s="307" t="str">
        <f t="shared" si="200"/>
        <v/>
      </c>
      <c r="BK325" s="307" t="str">
        <f t="shared" si="201"/>
        <v/>
      </c>
      <c r="BL325" s="307" t="str">
        <f t="shared" si="202"/>
        <v/>
      </c>
      <c r="BM325" s="307" t="str">
        <f t="shared" si="203"/>
        <v/>
      </c>
      <c r="BN325" s="307" t="str">
        <f t="shared" si="204"/>
        <v/>
      </c>
      <c r="BO325" s="307" t="str">
        <f t="shared" si="205"/>
        <v/>
      </c>
      <c r="BP325" s="307" t="str">
        <f t="shared" si="206"/>
        <v/>
      </c>
      <c r="BQ325" s="307" t="str">
        <f t="shared" si="207"/>
        <v/>
      </c>
      <c r="BR325" s="307" t="str">
        <f t="shared" si="208"/>
        <v/>
      </c>
      <c r="BS325" s="307" t="str">
        <f t="shared" si="209"/>
        <v/>
      </c>
      <c r="BT325" s="307" t="str">
        <f t="shared" si="210"/>
        <v/>
      </c>
      <c r="BU325" s="307">
        <f t="shared" si="211"/>
        <v>43494</v>
      </c>
      <c r="BV325" s="307" t="str">
        <f t="shared" si="212"/>
        <v/>
      </c>
      <c r="BW325" s="307" t="str">
        <f t="shared" si="213"/>
        <v/>
      </c>
      <c r="BX325" s="307" t="str">
        <f t="shared" si="214"/>
        <v/>
      </c>
      <c r="BY325" s="307" t="str">
        <f t="shared" si="215"/>
        <v/>
      </c>
      <c r="BZ325" s="307" t="str">
        <f t="shared" si="216"/>
        <v/>
      </c>
      <c r="CA325" s="307" t="str">
        <f t="shared" si="217"/>
        <v/>
      </c>
      <c r="CB325" s="307" t="str">
        <f t="shared" si="218"/>
        <v/>
      </c>
      <c r="CC325" s="307" t="str">
        <f t="shared" si="219"/>
        <v/>
      </c>
      <c r="CD325" s="303"/>
      <c r="CE325" s="303"/>
      <c r="CF325" s="303"/>
    </row>
    <row r="326" spans="1:84" s="318" customFormat="1" ht="56.1" hidden="1" customHeight="1" x14ac:dyDescent="0.2">
      <c r="A326" s="302">
        <v>326</v>
      </c>
      <c r="B326" s="24" t="s">
        <v>53</v>
      </c>
      <c r="C326" s="35" t="s">
        <v>515</v>
      </c>
      <c r="D326" s="303" t="s">
        <v>539</v>
      </c>
      <c r="E326" s="303" t="s">
        <v>541</v>
      </c>
      <c r="F326" s="303" t="s">
        <v>541</v>
      </c>
      <c r="G326" s="303" t="s">
        <v>90</v>
      </c>
      <c r="H326" s="303" t="s">
        <v>39</v>
      </c>
      <c r="I326" s="303" t="s">
        <v>388</v>
      </c>
      <c r="J326" s="303" t="s">
        <v>525</v>
      </c>
      <c r="K326" s="303" t="s">
        <v>342</v>
      </c>
      <c r="L326" s="303" t="s">
        <v>63</v>
      </c>
      <c r="M326" s="303" t="s">
        <v>63</v>
      </c>
      <c r="N326" s="304">
        <v>105440</v>
      </c>
      <c r="O326" s="304">
        <v>105440</v>
      </c>
      <c r="P326" s="303" t="s">
        <v>64</v>
      </c>
      <c r="Q326" s="303" t="s">
        <v>82</v>
      </c>
      <c r="R326" s="317"/>
      <c r="S326" s="317"/>
      <c r="T326" s="317"/>
      <c r="U326" s="317"/>
      <c r="V326" s="317"/>
      <c r="W326" s="307"/>
      <c r="X326" s="317"/>
      <c r="Y326" s="317"/>
      <c r="Z326" s="317"/>
      <c r="AA326" s="317"/>
      <c r="AB326" s="317"/>
      <c r="AC326" s="317"/>
      <c r="AD326" s="317"/>
      <c r="AE326" s="317"/>
      <c r="AF326" s="317"/>
      <c r="AG326" s="317"/>
      <c r="AH326" s="317"/>
      <c r="AI326" s="317"/>
      <c r="AJ326" s="317"/>
      <c r="AK326" s="317"/>
      <c r="AL326" s="317"/>
      <c r="AM326" s="317"/>
      <c r="AN326" s="307" t="s">
        <v>66</v>
      </c>
      <c r="AO326" s="317"/>
      <c r="AP326" s="317"/>
      <c r="AQ326" s="317"/>
      <c r="AR326" s="317"/>
      <c r="AS326" s="317"/>
      <c r="AT326" s="317"/>
      <c r="AU326" s="317"/>
      <c r="AV326" s="317"/>
      <c r="AW326" s="308">
        <f t="shared" si="187"/>
        <v>400</v>
      </c>
      <c r="AX326" s="309">
        <f t="shared" si="188"/>
        <v>263.60000000000002</v>
      </c>
      <c r="AY326" s="307" t="str">
        <f t="shared" si="189"/>
        <v/>
      </c>
      <c r="AZ326" s="307" t="str">
        <f t="shared" si="190"/>
        <v/>
      </c>
      <c r="BA326" s="307" t="str">
        <f t="shared" si="191"/>
        <v/>
      </c>
      <c r="BB326" s="307" t="str">
        <f t="shared" si="192"/>
        <v/>
      </c>
      <c r="BC326" s="307" t="str">
        <f t="shared" si="193"/>
        <v/>
      </c>
      <c r="BD326" s="307" t="str">
        <f t="shared" si="194"/>
        <v/>
      </c>
      <c r="BE326" s="307" t="str">
        <f t="shared" si="195"/>
        <v/>
      </c>
      <c r="BF326" s="307" t="str">
        <f t="shared" si="196"/>
        <v/>
      </c>
      <c r="BG326" s="307" t="str">
        <f t="shared" si="197"/>
        <v/>
      </c>
      <c r="BH326" s="307" t="str">
        <f t="shared" si="198"/>
        <v/>
      </c>
      <c r="BI326" s="307" t="str">
        <f t="shared" si="199"/>
        <v/>
      </c>
      <c r="BJ326" s="307" t="str">
        <f t="shared" si="200"/>
        <v/>
      </c>
      <c r="BK326" s="307" t="str">
        <f t="shared" si="201"/>
        <v/>
      </c>
      <c r="BL326" s="307" t="str">
        <f t="shared" si="202"/>
        <v/>
      </c>
      <c r="BM326" s="307" t="str">
        <f t="shared" si="203"/>
        <v/>
      </c>
      <c r="BN326" s="307" t="str">
        <f t="shared" si="204"/>
        <v/>
      </c>
      <c r="BO326" s="307" t="str">
        <f t="shared" si="205"/>
        <v/>
      </c>
      <c r="BP326" s="307" t="str">
        <f t="shared" si="206"/>
        <v/>
      </c>
      <c r="BQ326" s="307" t="str">
        <f t="shared" si="207"/>
        <v/>
      </c>
      <c r="BR326" s="307" t="str">
        <f t="shared" si="208"/>
        <v/>
      </c>
      <c r="BS326" s="307" t="str">
        <f t="shared" si="209"/>
        <v/>
      </c>
      <c r="BT326" s="307" t="str">
        <f t="shared" si="210"/>
        <v/>
      </c>
      <c r="BU326" s="307">
        <f t="shared" si="211"/>
        <v>105440.00000000001</v>
      </c>
      <c r="BV326" s="307" t="str">
        <f t="shared" si="212"/>
        <v/>
      </c>
      <c r="BW326" s="307" t="str">
        <f t="shared" si="213"/>
        <v/>
      </c>
      <c r="BX326" s="307" t="str">
        <f t="shared" si="214"/>
        <v/>
      </c>
      <c r="BY326" s="307" t="str">
        <f t="shared" si="215"/>
        <v/>
      </c>
      <c r="BZ326" s="307" t="str">
        <f t="shared" si="216"/>
        <v/>
      </c>
      <c r="CA326" s="307" t="str">
        <f t="shared" si="217"/>
        <v/>
      </c>
      <c r="CB326" s="307" t="str">
        <f t="shared" si="218"/>
        <v/>
      </c>
      <c r="CC326" s="307" t="str">
        <f t="shared" si="219"/>
        <v/>
      </c>
      <c r="CD326" s="303"/>
      <c r="CE326" s="303"/>
      <c r="CF326" s="303"/>
    </row>
    <row r="327" spans="1:84" s="318" customFormat="1" ht="56.1" hidden="1" customHeight="1" x14ac:dyDescent="0.2">
      <c r="A327" s="302">
        <v>327</v>
      </c>
      <c r="B327" s="24" t="s">
        <v>53</v>
      </c>
      <c r="C327" s="35" t="s">
        <v>515</v>
      </c>
      <c r="D327" s="303" t="s">
        <v>528</v>
      </c>
      <c r="E327" s="303" t="s">
        <v>542</v>
      </c>
      <c r="F327" s="303" t="s">
        <v>542</v>
      </c>
      <c r="G327" s="303" t="s">
        <v>90</v>
      </c>
      <c r="H327" s="303" t="s">
        <v>39</v>
      </c>
      <c r="I327" s="303" t="s">
        <v>388</v>
      </c>
      <c r="J327" s="303" t="s">
        <v>525</v>
      </c>
      <c r="K327" s="303" t="s">
        <v>342</v>
      </c>
      <c r="L327" s="303" t="s">
        <v>63</v>
      </c>
      <c r="M327" s="303" t="s">
        <v>63</v>
      </c>
      <c r="N327" s="304">
        <v>184520</v>
      </c>
      <c r="O327" s="304">
        <v>184520</v>
      </c>
      <c r="P327" s="303" t="s">
        <v>64</v>
      </c>
      <c r="Q327" s="303" t="s">
        <v>82</v>
      </c>
      <c r="R327" s="317"/>
      <c r="S327" s="317"/>
      <c r="T327" s="317"/>
      <c r="U327" s="317"/>
      <c r="V327" s="317"/>
      <c r="W327" s="307"/>
      <c r="X327" s="317"/>
      <c r="Y327" s="317"/>
      <c r="Z327" s="317"/>
      <c r="AA327" s="317"/>
      <c r="AB327" s="317"/>
      <c r="AC327" s="317"/>
      <c r="AD327" s="317"/>
      <c r="AE327" s="317"/>
      <c r="AF327" s="317"/>
      <c r="AG327" s="317"/>
      <c r="AH327" s="317"/>
      <c r="AI327" s="317"/>
      <c r="AJ327" s="317"/>
      <c r="AK327" s="317"/>
      <c r="AL327" s="317"/>
      <c r="AM327" s="317"/>
      <c r="AN327" s="307" t="s">
        <v>66</v>
      </c>
      <c r="AO327" s="317"/>
      <c r="AP327" s="317"/>
      <c r="AQ327" s="317"/>
      <c r="AR327" s="317"/>
      <c r="AS327" s="317"/>
      <c r="AT327" s="317"/>
      <c r="AU327" s="317"/>
      <c r="AV327" s="317"/>
      <c r="AW327" s="308">
        <f t="shared" si="187"/>
        <v>400</v>
      </c>
      <c r="AX327" s="309">
        <f t="shared" si="188"/>
        <v>461.3</v>
      </c>
      <c r="AY327" s="307" t="str">
        <f t="shared" si="189"/>
        <v/>
      </c>
      <c r="AZ327" s="307" t="str">
        <f t="shared" si="190"/>
        <v/>
      </c>
      <c r="BA327" s="307" t="str">
        <f t="shared" si="191"/>
        <v/>
      </c>
      <c r="BB327" s="307" t="str">
        <f t="shared" si="192"/>
        <v/>
      </c>
      <c r="BC327" s="307" t="str">
        <f t="shared" si="193"/>
        <v/>
      </c>
      <c r="BD327" s="307" t="str">
        <f t="shared" si="194"/>
        <v/>
      </c>
      <c r="BE327" s="307" t="str">
        <f t="shared" si="195"/>
        <v/>
      </c>
      <c r="BF327" s="307" t="str">
        <f t="shared" si="196"/>
        <v/>
      </c>
      <c r="BG327" s="307" t="str">
        <f t="shared" si="197"/>
        <v/>
      </c>
      <c r="BH327" s="307" t="str">
        <f t="shared" si="198"/>
        <v/>
      </c>
      <c r="BI327" s="307" t="str">
        <f t="shared" si="199"/>
        <v/>
      </c>
      <c r="BJ327" s="307" t="str">
        <f t="shared" si="200"/>
        <v/>
      </c>
      <c r="BK327" s="307" t="str">
        <f t="shared" si="201"/>
        <v/>
      </c>
      <c r="BL327" s="307" t="str">
        <f t="shared" si="202"/>
        <v/>
      </c>
      <c r="BM327" s="307" t="str">
        <f t="shared" si="203"/>
        <v/>
      </c>
      <c r="BN327" s="307" t="str">
        <f t="shared" si="204"/>
        <v/>
      </c>
      <c r="BO327" s="307" t="str">
        <f t="shared" si="205"/>
        <v/>
      </c>
      <c r="BP327" s="307" t="str">
        <f t="shared" si="206"/>
        <v/>
      </c>
      <c r="BQ327" s="307" t="str">
        <f t="shared" si="207"/>
        <v/>
      </c>
      <c r="BR327" s="307" t="str">
        <f t="shared" si="208"/>
        <v/>
      </c>
      <c r="BS327" s="307" t="str">
        <f t="shared" si="209"/>
        <v/>
      </c>
      <c r="BT327" s="307" t="str">
        <f t="shared" si="210"/>
        <v/>
      </c>
      <c r="BU327" s="307">
        <f t="shared" si="211"/>
        <v>184520</v>
      </c>
      <c r="BV327" s="307" t="str">
        <f t="shared" si="212"/>
        <v/>
      </c>
      <c r="BW327" s="307" t="str">
        <f t="shared" si="213"/>
        <v/>
      </c>
      <c r="BX327" s="307" t="str">
        <f t="shared" si="214"/>
        <v/>
      </c>
      <c r="BY327" s="307" t="str">
        <f t="shared" si="215"/>
        <v/>
      </c>
      <c r="BZ327" s="307" t="str">
        <f t="shared" si="216"/>
        <v/>
      </c>
      <c r="CA327" s="307" t="str">
        <f t="shared" si="217"/>
        <v/>
      </c>
      <c r="CB327" s="307" t="str">
        <f t="shared" si="218"/>
        <v/>
      </c>
      <c r="CC327" s="307" t="str">
        <f t="shared" si="219"/>
        <v/>
      </c>
      <c r="CD327" s="303"/>
      <c r="CE327" s="303"/>
      <c r="CF327" s="303"/>
    </row>
    <row r="328" spans="1:84" s="318" customFormat="1" ht="56.1" hidden="1" customHeight="1" x14ac:dyDescent="0.2">
      <c r="A328" s="302">
        <v>328</v>
      </c>
      <c r="B328" s="24" t="s">
        <v>53</v>
      </c>
      <c r="C328" s="35" t="s">
        <v>515</v>
      </c>
      <c r="D328" s="303" t="s">
        <v>530</v>
      </c>
      <c r="E328" s="303" t="s">
        <v>532</v>
      </c>
      <c r="F328" s="303" t="s">
        <v>532</v>
      </c>
      <c r="G328" s="303" t="s">
        <v>90</v>
      </c>
      <c r="H328" s="303" t="s">
        <v>39</v>
      </c>
      <c r="I328" s="303" t="s">
        <v>8</v>
      </c>
      <c r="J328" s="303" t="s">
        <v>525</v>
      </c>
      <c r="K328" s="303" t="s">
        <v>342</v>
      </c>
      <c r="L328" s="303" t="s">
        <v>63</v>
      </c>
      <c r="M328" s="303" t="s">
        <v>63</v>
      </c>
      <c r="N328" s="304">
        <v>0</v>
      </c>
      <c r="O328" s="304">
        <v>0</v>
      </c>
      <c r="P328" s="303" t="s">
        <v>64</v>
      </c>
      <c r="Q328" s="303" t="s">
        <v>82</v>
      </c>
      <c r="R328" s="317"/>
      <c r="S328" s="317"/>
      <c r="T328" s="317"/>
      <c r="U328" s="317"/>
      <c r="V328" s="317"/>
      <c r="W328" s="307"/>
      <c r="X328" s="317"/>
      <c r="Y328" s="317"/>
      <c r="Z328" s="317"/>
      <c r="AA328" s="317"/>
      <c r="AB328" s="317"/>
      <c r="AC328" s="317"/>
      <c r="AD328" s="317"/>
      <c r="AE328" s="317"/>
      <c r="AF328" s="317"/>
      <c r="AG328" s="317"/>
      <c r="AH328" s="317"/>
      <c r="AI328" s="317"/>
      <c r="AJ328" s="317"/>
      <c r="AK328" s="317"/>
      <c r="AL328" s="317"/>
      <c r="AM328" s="317"/>
      <c r="AN328" s="307" t="s">
        <v>66</v>
      </c>
      <c r="AO328" s="317"/>
      <c r="AP328" s="317"/>
      <c r="AQ328" s="317"/>
      <c r="AR328" s="317"/>
      <c r="AS328" s="317"/>
      <c r="AT328" s="317"/>
      <c r="AU328" s="317"/>
      <c r="AV328" s="317"/>
      <c r="AW328" s="308">
        <f t="shared" si="187"/>
        <v>400</v>
      </c>
      <c r="AX328" s="309">
        <f t="shared" si="188"/>
        <v>0</v>
      </c>
      <c r="AY328" s="307" t="str">
        <f t="shared" si="189"/>
        <v/>
      </c>
      <c r="AZ328" s="307" t="str">
        <f t="shared" si="190"/>
        <v/>
      </c>
      <c r="BA328" s="307" t="str">
        <f t="shared" si="191"/>
        <v/>
      </c>
      <c r="BB328" s="307" t="str">
        <f t="shared" si="192"/>
        <v/>
      </c>
      <c r="BC328" s="307" t="str">
        <f t="shared" si="193"/>
        <v/>
      </c>
      <c r="BD328" s="307" t="str">
        <f t="shared" si="194"/>
        <v/>
      </c>
      <c r="BE328" s="307" t="str">
        <f t="shared" si="195"/>
        <v/>
      </c>
      <c r="BF328" s="307" t="str">
        <f t="shared" si="196"/>
        <v/>
      </c>
      <c r="BG328" s="307" t="str">
        <f t="shared" si="197"/>
        <v/>
      </c>
      <c r="BH328" s="307" t="str">
        <f t="shared" si="198"/>
        <v/>
      </c>
      <c r="BI328" s="307" t="str">
        <f t="shared" si="199"/>
        <v/>
      </c>
      <c r="BJ328" s="307" t="str">
        <f t="shared" si="200"/>
        <v/>
      </c>
      <c r="BK328" s="307" t="str">
        <f t="shared" si="201"/>
        <v/>
      </c>
      <c r="BL328" s="307" t="str">
        <f t="shared" si="202"/>
        <v/>
      </c>
      <c r="BM328" s="307" t="str">
        <f t="shared" si="203"/>
        <v/>
      </c>
      <c r="BN328" s="307" t="str">
        <f t="shared" si="204"/>
        <v/>
      </c>
      <c r="BO328" s="307" t="str">
        <f t="shared" si="205"/>
        <v/>
      </c>
      <c r="BP328" s="307" t="str">
        <f t="shared" si="206"/>
        <v/>
      </c>
      <c r="BQ328" s="307" t="str">
        <f t="shared" si="207"/>
        <v/>
      </c>
      <c r="BR328" s="307" t="str">
        <f t="shared" si="208"/>
        <v/>
      </c>
      <c r="BS328" s="307" t="str">
        <f t="shared" si="209"/>
        <v/>
      </c>
      <c r="BT328" s="307" t="str">
        <f t="shared" si="210"/>
        <v/>
      </c>
      <c r="BU328" s="307">
        <f t="shared" si="211"/>
        <v>0</v>
      </c>
      <c r="BV328" s="307" t="str">
        <f t="shared" si="212"/>
        <v/>
      </c>
      <c r="BW328" s="307" t="str">
        <f t="shared" si="213"/>
        <v/>
      </c>
      <c r="BX328" s="307" t="str">
        <f t="shared" si="214"/>
        <v/>
      </c>
      <c r="BY328" s="307" t="str">
        <f t="shared" si="215"/>
        <v/>
      </c>
      <c r="BZ328" s="307" t="str">
        <f t="shared" si="216"/>
        <v/>
      </c>
      <c r="CA328" s="307" t="str">
        <f t="shared" si="217"/>
        <v/>
      </c>
      <c r="CB328" s="307" t="str">
        <f t="shared" si="218"/>
        <v/>
      </c>
      <c r="CC328" s="307" t="str">
        <f t="shared" si="219"/>
        <v/>
      </c>
      <c r="CD328" s="303"/>
      <c r="CE328" s="303"/>
      <c r="CF328" s="303"/>
    </row>
    <row r="329" spans="1:84" s="318" customFormat="1" ht="56.1" hidden="1" customHeight="1" x14ac:dyDescent="0.2">
      <c r="A329" s="302">
        <v>329</v>
      </c>
      <c r="B329" s="24" t="s">
        <v>53</v>
      </c>
      <c r="C329" s="35" t="s">
        <v>515</v>
      </c>
      <c r="D329" s="303" t="s">
        <v>533</v>
      </c>
      <c r="E329" s="303" t="s">
        <v>534</v>
      </c>
      <c r="F329" s="303" t="s">
        <v>534</v>
      </c>
      <c r="G329" s="303" t="s">
        <v>90</v>
      </c>
      <c r="H329" s="303" t="s">
        <v>39</v>
      </c>
      <c r="I329" s="303" t="s">
        <v>81</v>
      </c>
      <c r="J329" s="303" t="s">
        <v>334</v>
      </c>
      <c r="K329" s="303" t="s">
        <v>342</v>
      </c>
      <c r="L329" s="303" t="s">
        <v>63</v>
      </c>
      <c r="M329" s="303" t="s">
        <v>63</v>
      </c>
      <c r="N329" s="304">
        <v>71172</v>
      </c>
      <c r="O329" s="304">
        <v>71172</v>
      </c>
      <c r="P329" s="303" t="s">
        <v>64</v>
      </c>
      <c r="Q329" s="303" t="s">
        <v>82</v>
      </c>
      <c r="R329" s="317"/>
      <c r="S329" s="317"/>
      <c r="T329" s="317"/>
      <c r="U329" s="317"/>
      <c r="V329" s="317"/>
      <c r="W329" s="307"/>
      <c r="X329" s="317"/>
      <c r="Y329" s="317"/>
      <c r="Z329" s="317"/>
      <c r="AA329" s="317"/>
      <c r="AB329" s="317"/>
      <c r="AC329" s="317"/>
      <c r="AD329" s="317"/>
      <c r="AE329" s="317"/>
      <c r="AF329" s="317"/>
      <c r="AG329" s="317"/>
      <c r="AH329" s="317"/>
      <c r="AI329" s="317"/>
      <c r="AJ329" s="317"/>
      <c r="AK329" s="317"/>
      <c r="AL329" s="317"/>
      <c r="AM329" s="317"/>
      <c r="AN329" s="307" t="s">
        <v>66</v>
      </c>
      <c r="AO329" s="317"/>
      <c r="AP329" s="317"/>
      <c r="AQ329" s="317"/>
      <c r="AR329" s="317"/>
      <c r="AS329" s="317"/>
      <c r="AT329" s="317"/>
      <c r="AU329" s="317"/>
      <c r="AV329" s="317"/>
      <c r="AW329" s="308">
        <f t="shared" si="187"/>
        <v>400</v>
      </c>
      <c r="AX329" s="309">
        <f t="shared" ref="AX329:AX341" si="220">O329/AW329</f>
        <v>177.93</v>
      </c>
      <c r="AY329" s="307" t="str">
        <f t="shared" si="189"/>
        <v/>
      </c>
      <c r="AZ329" s="307" t="str">
        <f t="shared" si="190"/>
        <v/>
      </c>
      <c r="BA329" s="307" t="str">
        <f t="shared" si="191"/>
        <v/>
      </c>
      <c r="BB329" s="307" t="str">
        <f t="shared" si="192"/>
        <v/>
      </c>
      <c r="BC329" s="307" t="str">
        <f t="shared" si="193"/>
        <v/>
      </c>
      <c r="BD329" s="307" t="str">
        <f t="shared" si="194"/>
        <v/>
      </c>
      <c r="BE329" s="307" t="str">
        <f t="shared" si="195"/>
        <v/>
      </c>
      <c r="BF329" s="307" t="str">
        <f t="shared" si="196"/>
        <v/>
      </c>
      <c r="BG329" s="307" t="str">
        <f t="shared" si="197"/>
        <v/>
      </c>
      <c r="BH329" s="307" t="str">
        <f t="shared" si="198"/>
        <v/>
      </c>
      <c r="BI329" s="307" t="str">
        <f t="shared" si="199"/>
        <v/>
      </c>
      <c r="BJ329" s="307" t="str">
        <f t="shared" si="200"/>
        <v/>
      </c>
      <c r="BK329" s="307" t="str">
        <f t="shared" si="201"/>
        <v/>
      </c>
      <c r="BL329" s="307" t="str">
        <f t="shared" si="202"/>
        <v/>
      </c>
      <c r="BM329" s="307" t="str">
        <f t="shared" si="203"/>
        <v/>
      </c>
      <c r="BN329" s="307" t="str">
        <f t="shared" si="204"/>
        <v/>
      </c>
      <c r="BO329" s="307" t="str">
        <f t="shared" si="205"/>
        <v/>
      </c>
      <c r="BP329" s="307" t="str">
        <f t="shared" si="206"/>
        <v/>
      </c>
      <c r="BQ329" s="307" t="str">
        <f t="shared" si="207"/>
        <v/>
      </c>
      <c r="BR329" s="307" t="str">
        <f t="shared" si="208"/>
        <v/>
      </c>
      <c r="BS329" s="307" t="str">
        <f t="shared" si="209"/>
        <v/>
      </c>
      <c r="BT329" s="307" t="str">
        <f t="shared" si="210"/>
        <v/>
      </c>
      <c r="BU329" s="307">
        <f t="shared" si="211"/>
        <v>71172</v>
      </c>
      <c r="BV329" s="307" t="str">
        <f t="shared" si="212"/>
        <v/>
      </c>
      <c r="BW329" s="307" t="str">
        <f t="shared" si="213"/>
        <v/>
      </c>
      <c r="BX329" s="307" t="str">
        <f t="shared" si="214"/>
        <v/>
      </c>
      <c r="BY329" s="307" t="str">
        <f t="shared" si="215"/>
        <v/>
      </c>
      <c r="BZ329" s="307" t="str">
        <f t="shared" si="216"/>
        <v/>
      </c>
      <c r="CA329" s="307" t="str">
        <f t="shared" si="217"/>
        <v/>
      </c>
      <c r="CB329" s="307" t="str">
        <f t="shared" si="218"/>
        <v/>
      </c>
      <c r="CC329" s="307" t="str">
        <f t="shared" si="219"/>
        <v/>
      </c>
      <c r="CD329" s="303"/>
      <c r="CE329" s="303"/>
      <c r="CF329" s="303"/>
    </row>
    <row r="330" spans="1:84" s="318" customFormat="1" ht="56.1" hidden="1" customHeight="1" x14ac:dyDescent="0.2">
      <c r="A330" s="302">
        <v>330</v>
      </c>
      <c r="B330" s="24" t="s">
        <v>53</v>
      </c>
      <c r="C330" s="35" t="s">
        <v>515</v>
      </c>
      <c r="D330" s="303" t="s">
        <v>516</v>
      </c>
      <c r="E330" s="303" t="s">
        <v>535</v>
      </c>
      <c r="F330" s="303" t="s">
        <v>536</v>
      </c>
      <c r="G330" s="303" t="s">
        <v>90</v>
      </c>
      <c r="H330" s="303" t="s">
        <v>40</v>
      </c>
      <c r="I330" s="303" t="s">
        <v>60</v>
      </c>
      <c r="J330" s="303" t="s">
        <v>334</v>
      </c>
      <c r="K330" s="303" t="s">
        <v>169</v>
      </c>
      <c r="L330" s="303" t="s">
        <v>63</v>
      </c>
      <c r="M330" s="303" t="s">
        <v>63</v>
      </c>
      <c r="N330" s="304">
        <v>425134.08000000002</v>
      </c>
      <c r="O330" s="304">
        <v>425134.08000000002</v>
      </c>
      <c r="P330" s="303" t="s">
        <v>64</v>
      </c>
      <c r="Q330" s="303" t="s">
        <v>82</v>
      </c>
      <c r="R330" s="317"/>
      <c r="S330" s="317"/>
      <c r="T330" s="317"/>
      <c r="U330" s="317"/>
      <c r="V330" s="317"/>
      <c r="W330" s="307"/>
      <c r="X330" s="317"/>
      <c r="Y330" s="317"/>
      <c r="Z330" s="317"/>
      <c r="AA330" s="317"/>
      <c r="AB330" s="317"/>
      <c r="AC330" s="317"/>
      <c r="AD330" s="317"/>
      <c r="AE330" s="317"/>
      <c r="AF330" s="317"/>
      <c r="AG330" s="317"/>
      <c r="AH330" s="317"/>
      <c r="AI330" s="317"/>
      <c r="AJ330" s="317"/>
      <c r="AK330" s="317"/>
      <c r="AL330" s="317"/>
      <c r="AM330" s="317"/>
      <c r="AN330" s="317"/>
      <c r="AO330" s="307" t="s">
        <v>66</v>
      </c>
      <c r="AP330" s="317"/>
      <c r="AQ330" s="317"/>
      <c r="AR330" s="317"/>
      <c r="AS330" s="317"/>
      <c r="AT330" s="317"/>
      <c r="AU330" s="317"/>
      <c r="AV330" s="317"/>
      <c r="AW330" s="308">
        <f t="shared" si="187"/>
        <v>1400</v>
      </c>
      <c r="AX330" s="309">
        <f t="shared" si="220"/>
        <v>303.66720000000004</v>
      </c>
      <c r="AY330" s="307" t="str">
        <f t="shared" si="189"/>
        <v/>
      </c>
      <c r="AZ330" s="307" t="str">
        <f t="shared" si="190"/>
        <v/>
      </c>
      <c r="BA330" s="307" t="str">
        <f t="shared" si="191"/>
        <v/>
      </c>
      <c r="BB330" s="307" t="str">
        <f t="shared" si="192"/>
        <v/>
      </c>
      <c r="BC330" s="307" t="str">
        <f t="shared" si="193"/>
        <v/>
      </c>
      <c r="BD330" s="307" t="str">
        <f t="shared" si="194"/>
        <v/>
      </c>
      <c r="BE330" s="307" t="str">
        <f t="shared" si="195"/>
        <v/>
      </c>
      <c r="BF330" s="307" t="str">
        <f t="shared" si="196"/>
        <v/>
      </c>
      <c r="BG330" s="307" t="str">
        <f t="shared" si="197"/>
        <v/>
      </c>
      <c r="BH330" s="307" t="str">
        <f t="shared" si="198"/>
        <v/>
      </c>
      <c r="BI330" s="307" t="str">
        <f t="shared" si="199"/>
        <v/>
      </c>
      <c r="BJ330" s="307" t="str">
        <f t="shared" si="200"/>
        <v/>
      </c>
      <c r="BK330" s="307" t="str">
        <f t="shared" si="201"/>
        <v/>
      </c>
      <c r="BL330" s="307" t="str">
        <f t="shared" si="202"/>
        <v/>
      </c>
      <c r="BM330" s="307" t="str">
        <f t="shared" si="203"/>
        <v/>
      </c>
      <c r="BN330" s="307" t="str">
        <f t="shared" si="204"/>
        <v/>
      </c>
      <c r="BO330" s="307" t="str">
        <f t="shared" si="205"/>
        <v/>
      </c>
      <c r="BP330" s="307" t="str">
        <f t="shared" si="206"/>
        <v/>
      </c>
      <c r="BQ330" s="307" t="str">
        <f t="shared" si="207"/>
        <v/>
      </c>
      <c r="BR330" s="307" t="str">
        <f t="shared" si="208"/>
        <v/>
      </c>
      <c r="BS330" s="307" t="str">
        <f t="shared" si="209"/>
        <v/>
      </c>
      <c r="BT330" s="307" t="str">
        <f t="shared" si="210"/>
        <v/>
      </c>
      <c r="BU330" s="307" t="str">
        <f t="shared" si="211"/>
        <v/>
      </c>
      <c r="BV330" s="307">
        <f t="shared" si="212"/>
        <v>425134.08000000007</v>
      </c>
      <c r="BW330" s="307" t="str">
        <f t="shared" si="213"/>
        <v/>
      </c>
      <c r="BX330" s="307" t="str">
        <f t="shared" si="214"/>
        <v/>
      </c>
      <c r="BY330" s="307" t="str">
        <f t="shared" si="215"/>
        <v/>
      </c>
      <c r="BZ330" s="307" t="str">
        <f t="shared" si="216"/>
        <v/>
      </c>
      <c r="CA330" s="307" t="str">
        <f t="shared" si="217"/>
        <v/>
      </c>
      <c r="CB330" s="307" t="str">
        <f t="shared" si="218"/>
        <v/>
      </c>
      <c r="CC330" s="307" t="str">
        <f t="shared" si="219"/>
        <v/>
      </c>
      <c r="CD330" s="303"/>
      <c r="CE330" s="303"/>
      <c r="CF330" s="303"/>
    </row>
    <row r="331" spans="1:84" s="318" customFormat="1" ht="56.1" hidden="1" customHeight="1" x14ac:dyDescent="0.2">
      <c r="A331" s="302">
        <v>331</v>
      </c>
      <c r="B331" s="24" t="s">
        <v>53</v>
      </c>
      <c r="C331" s="35" t="s">
        <v>515</v>
      </c>
      <c r="D331" s="303" t="s">
        <v>518</v>
      </c>
      <c r="E331" s="303" t="s">
        <v>520</v>
      </c>
      <c r="F331" s="303" t="s">
        <v>520</v>
      </c>
      <c r="G331" s="303" t="s">
        <v>90</v>
      </c>
      <c r="H331" s="303" t="s">
        <v>40</v>
      </c>
      <c r="I331" s="303" t="s">
        <v>544</v>
      </c>
      <c r="J331" s="303" t="s">
        <v>334</v>
      </c>
      <c r="K331" s="303" t="s">
        <v>169</v>
      </c>
      <c r="L331" s="303" t="s">
        <v>63</v>
      </c>
      <c r="M331" s="303" t="s">
        <v>63</v>
      </c>
      <c r="N331" s="304">
        <v>1115976.96</v>
      </c>
      <c r="O331" s="304">
        <v>1115976.96</v>
      </c>
      <c r="P331" s="303" t="s">
        <v>64</v>
      </c>
      <c r="Q331" s="303" t="s">
        <v>82</v>
      </c>
      <c r="R331" s="317"/>
      <c r="S331" s="317"/>
      <c r="T331" s="317"/>
      <c r="U331" s="317"/>
      <c r="V331" s="317"/>
      <c r="W331" s="307"/>
      <c r="X331" s="317"/>
      <c r="Y331" s="317"/>
      <c r="Z331" s="317"/>
      <c r="AA331" s="317"/>
      <c r="AB331" s="317"/>
      <c r="AC331" s="317"/>
      <c r="AD331" s="317"/>
      <c r="AE331" s="317"/>
      <c r="AF331" s="317"/>
      <c r="AG331" s="317"/>
      <c r="AH331" s="317"/>
      <c r="AI331" s="317"/>
      <c r="AJ331" s="317"/>
      <c r="AK331" s="317"/>
      <c r="AL331" s="317"/>
      <c r="AM331" s="317"/>
      <c r="AN331" s="317"/>
      <c r="AO331" s="307" t="s">
        <v>66</v>
      </c>
      <c r="AP331" s="317"/>
      <c r="AQ331" s="317"/>
      <c r="AR331" s="317"/>
      <c r="AS331" s="317"/>
      <c r="AT331" s="317"/>
      <c r="AU331" s="317"/>
      <c r="AV331" s="317"/>
      <c r="AW331" s="308">
        <f t="shared" si="187"/>
        <v>1400</v>
      </c>
      <c r="AX331" s="309">
        <f t="shared" si="220"/>
        <v>797.12639999999999</v>
      </c>
      <c r="AY331" s="307" t="str">
        <f t="shared" si="189"/>
        <v/>
      </c>
      <c r="AZ331" s="307" t="str">
        <f t="shared" si="190"/>
        <v/>
      </c>
      <c r="BA331" s="307" t="str">
        <f t="shared" si="191"/>
        <v/>
      </c>
      <c r="BB331" s="307" t="str">
        <f t="shared" si="192"/>
        <v/>
      </c>
      <c r="BC331" s="307" t="str">
        <f t="shared" si="193"/>
        <v/>
      </c>
      <c r="BD331" s="307" t="str">
        <f t="shared" si="194"/>
        <v/>
      </c>
      <c r="BE331" s="307" t="str">
        <f t="shared" si="195"/>
        <v/>
      </c>
      <c r="BF331" s="307" t="str">
        <f t="shared" si="196"/>
        <v/>
      </c>
      <c r="BG331" s="307" t="str">
        <f t="shared" si="197"/>
        <v/>
      </c>
      <c r="BH331" s="307" t="str">
        <f t="shared" si="198"/>
        <v/>
      </c>
      <c r="BI331" s="307" t="str">
        <f t="shared" si="199"/>
        <v/>
      </c>
      <c r="BJ331" s="307" t="str">
        <f t="shared" si="200"/>
        <v/>
      </c>
      <c r="BK331" s="307" t="str">
        <f t="shared" si="201"/>
        <v/>
      </c>
      <c r="BL331" s="307" t="str">
        <f t="shared" si="202"/>
        <v/>
      </c>
      <c r="BM331" s="307" t="str">
        <f t="shared" si="203"/>
        <v/>
      </c>
      <c r="BN331" s="307" t="str">
        <f t="shared" si="204"/>
        <v/>
      </c>
      <c r="BO331" s="307" t="str">
        <f t="shared" si="205"/>
        <v/>
      </c>
      <c r="BP331" s="307" t="str">
        <f t="shared" si="206"/>
        <v/>
      </c>
      <c r="BQ331" s="307" t="str">
        <f t="shared" si="207"/>
        <v/>
      </c>
      <c r="BR331" s="307" t="str">
        <f t="shared" si="208"/>
        <v/>
      </c>
      <c r="BS331" s="307" t="str">
        <f t="shared" si="209"/>
        <v/>
      </c>
      <c r="BT331" s="307" t="str">
        <f t="shared" si="210"/>
        <v/>
      </c>
      <c r="BU331" s="307" t="str">
        <f t="shared" si="211"/>
        <v/>
      </c>
      <c r="BV331" s="307">
        <f t="shared" si="212"/>
        <v>1115976.96</v>
      </c>
      <c r="BW331" s="307" t="str">
        <f t="shared" si="213"/>
        <v/>
      </c>
      <c r="BX331" s="307" t="str">
        <f t="shared" si="214"/>
        <v/>
      </c>
      <c r="BY331" s="307" t="str">
        <f t="shared" si="215"/>
        <v/>
      </c>
      <c r="BZ331" s="307" t="str">
        <f t="shared" si="216"/>
        <v/>
      </c>
      <c r="CA331" s="307" t="str">
        <f t="shared" si="217"/>
        <v/>
      </c>
      <c r="CB331" s="307" t="str">
        <f t="shared" si="218"/>
        <v/>
      </c>
      <c r="CC331" s="307" t="str">
        <f t="shared" si="219"/>
        <v/>
      </c>
      <c r="CD331" s="303"/>
      <c r="CE331" s="303"/>
      <c r="CF331" s="303"/>
    </row>
    <row r="332" spans="1:84" s="318" customFormat="1" ht="56.1" hidden="1" customHeight="1" x14ac:dyDescent="0.2">
      <c r="A332" s="302">
        <v>332</v>
      </c>
      <c r="B332" s="24" t="s">
        <v>53</v>
      </c>
      <c r="C332" s="35" t="s">
        <v>515</v>
      </c>
      <c r="D332" s="303" t="s">
        <v>521</v>
      </c>
      <c r="E332" s="303" t="s">
        <v>522</v>
      </c>
      <c r="F332" s="303" t="s">
        <v>522</v>
      </c>
      <c r="G332" s="303" t="s">
        <v>90</v>
      </c>
      <c r="H332" s="303" t="s">
        <v>40</v>
      </c>
      <c r="I332" s="303" t="s">
        <v>545</v>
      </c>
      <c r="J332" s="303" t="s">
        <v>334</v>
      </c>
      <c r="K332" s="303" t="s">
        <v>169</v>
      </c>
      <c r="L332" s="303" t="s">
        <v>63</v>
      </c>
      <c r="M332" s="303" t="s">
        <v>63</v>
      </c>
      <c r="N332" s="304">
        <v>1558824.9600000002</v>
      </c>
      <c r="O332" s="304">
        <v>1558824.9600000002</v>
      </c>
      <c r="P332" s="303" t="s">
        <v>64</v>
      </c>
      <c r="Q332" s="303" t="s">
        <v>82</v>
      </c>
      <c r="R332" s="317"/>
      <c r="S332" s="317"/>
      <c r="T332" s="317"/>
      <c r="U332" s="317"/>
      <c r="V332" s="317"/>
      <c r="W332" s="307"/>
      <c r="X332" s="317"/>
      <c r="Y332" s="317"/>
      <c r="Z332" s="317"/>
      <c r="AA332" s="317"/>
      <c r="AB332" s="317"/>
      <c r="AC332" s="317"/>
      <c r="AD332" s="317"/>
      <c r="AE332" s="317"/>
      <c r="AF332" s="317"/>
      <c r="AG332" s="317"/>
      <c r="AH332" s="317"/>
      <c r="AI332" s="317"/>
      <c r="AJ332" s="317"/>
      <c r="AK332" s="317"/>
      <c r="AL332" s="317"/>
      <c r="AM332" s="317"/>
      <c r="AN332" s="317"/>
      <c r="AO332" s="307" t="s">
        <v>66</v>
      </c>
      <c r="AP332" s="317"/>
      <c r="AQ332" s="317"/>
      <c r="AR332" s="317"/>
      <c r="AS332" s="317"/>
      <c r="AT332" s="317"/>
      <c r="AU332" s="317"/>
      <c r="AV332" s="317"/>
      <c r="AW332" s="308">
        <f t="shared" si="187"/>
        <v>1400</v>
      </c>
      <c r="AX332" s="309">
        <f t="shared" si="220"/>
        <v>1113.4464</v>
      </c>
      <c r="AY332" s="307" t="str">
        <f t="shared" si="189"/>
        <v/>
      </c>
      <c r="AZ332" s="307" t="str">
        <f t="shared" si="190"/>
        <v/>
      </c>
      <c r="BA332" s="307" t="str">
        <f t="shared" si="191"/>
        <v/>
      </c>
      <c r="BB332" s="307" t="str">
        <f t="shared" si="192"/>
        <v/>
      </c>
      <c r="BC332" s="307" t="str">
        <f t="shared" si="193"/>
        <v/>
      </c>
      <c r="BD332" s="307" t="str">
        <f t="shared" si="194"/>
        <v/>
      </c>
      <c r="BE332" s="307" t="str">
        <f t="shared" si="195"/>
        <v/>
      </c>
      <c r="BF332" s="307" t="str">
        <f t="shared" si="196"/>
        <v/>
      </c>
      <c r="BG332" s="307" t="str">
        <f t="shared" si="197"/>
        <v/>
      </c>
      <c r="BH332" s="307" t="str">
        <f t="shared" si="198"/>
        <v/>
      </c>
      <c r="BI332" s="307" t="str">
        <f t="shared" si="199"/>
        <v/>
      </c>
      <c r="BJ332" s="307" t="str">
        <f t="shared" si="200"/>
        <v/>
      </c>
      <c r="BK332" s="307" t="str">
        <f t="shared" si="201"/>
        <v/>
      </c>
      <c r="BL332" s="307" t="str">
        <f t="shared" si="202"/>
        <v/>
      </c>
      <c r="BM332" s="307" t="str">
        <f t="shared" si="203"/>
        <v/>
      </c>
      <c r="BN332" s="307" t="str">
        <f t="shared" si="204"/>
        <v/>
      </c>
      <c r="BO332" s="307" t="str">
        <f t="shared" si="205"/>
        <v/>
      </c>
      <c r="BP332" s="307" t="str">
        <f t="shared" si="206"/>
        <v/>
      </c>
      <c r="BQ332" s="307" t="str">
        <f t="shared" si="207"/>
        <v/>
      </c>
      <c r="BR332" s="307" t="str">
        <f t="shared" si="208"/>
        <v/>
      </c>
      <c r="BS332" s="307" t="str">
        <f t="shared" si="209"/>
        <v/>
      </c>
      <c r="BT332" s="307" t="str">
        <f t="shared" si="210"/>
        <v/>
      </c>
      <c r="BU332" s="307" t="str">
        <f t="shared" si="211"/>
        <v/>
      </c>
      <c r="BV332" s="307">
        <f t="shared" si="212"/>
        <v>1558824.96</v>
      </c>
      <c r="BW332" s="307" t="str">
        <f t="shared" si="213"/>
        <v/>
      </c>
      <c r="BX332" s="307" t="str">
        <f t="shared" si="214"/>
        <v/>
      </c>
      <c r="BY332" s="307" t="str">
        <f t="shared" si="215"/>
        <v/>
      </c>
      <c r="BZ332" s="307" t="str">
        <f t="shared" si="216"/>
        <v/>
      </c>
      <c r="CA332" s="307" t="str">
        <f t="shared" si="217"/>
        <v/>
      </c>
      <c r="CB332" s="307" t="str">
        <f t="shared" si="218"/>
        <v/>
      </c>
      <c r="CC332" s="307" t="str">
        <f t="shared" si="219"/>
        <v/>
      </c>
      <c r="CD332" s="303"/>
      <c r="CE332" s="303"/>
      <c r="CF332" s="303"/>
    </row>
    <row r="333" spans="1:84" s="318" customFormat="1" ht="56.1" hidden="1" customHeight="1" x14ac:dyDescent="0.2">
      <c r="A333" s="302">
        <v>333</v>
      </c>
      <c r="B333" s="24" t="s">
        <v>53</v>
      </c>
      <c r="C333" s="35" t="s">
        <v>515</v>
      </c>
      <c r="D333" s="303" t="s">
        <v>523</v>
      </c>
      <c r="E333" s="303" t="s">
        <v>540</v>
      </c>
      <c r="F333" s="303" t="s">
        <v>540</v>
      </c>
      <c r="G333" s="303" t="s">
        <v>90</v>
      </c>
      <c r="H333" s="303" t="s">
        <v>40</v>
      </c>
      <c r="I333" s="303" t="s">
        <v>388</v>
      </c>
      <c r="J333" s="303" t="s">
        <v>525</v>
      </c>
      <c r="K333" s="303" t="s">
        <v>169</v>
      </c>
      <c r="L333" s="303" t="s">
        <v>63</v>
      </c>
      <c r="M333" s="303" t="s">
        <v>63</v>
      </c>
      <c r="N333" s="304">
        <v>43494</v>
      </c>
      <c r="O333" s="304">
        <v>43494</v>
      </c>
      <c r="P333" s="303" t="s">
        <v>64</v>
      </c>
      <c r="Q333" s="303" t="s">
        <v>82</v>
      </c>
      <c r="R333" s="317"/>
      <c r="S333" s="317"/>
      <c r="T333" s="317"/>
      <c r="U333" s="317"/>
      <c r="V333" s="317"/>
      <c r="W333" s="307"/>
      <c r="X333" s="317"/>
      <c r="Y333" s="317"/>
      <c r="Z333" s="317"/>
      <c r="AA333" s="317"/>
      <c r="AB333" s="317"/>
      <c r="AC333" s="317"/>
      <c r="AD333" s="317"/>
      <c r="AE333" s="317"/>
      <c r="AF333" s="317"/>
      <c r="AG333" s="317"/>
      <c r="AH333" s="317"/>
      <c r="AI333" s="317"/>
      <c r="AJ333" s="317"/>
      <c r="AK333" s="317"/>
      <c r="AL333" s="317"/>
      <c r="AM333" s="317"/>
      <c r="AN333" s="317"/>
      <c r="AO333" s="307" t="s">
        <v>66</v>
      </c>
      <c r="AP333" s="317"/>
      <c r="AQ333" s="317"/>
      <c r="AR333" s="317"/>
      <c r="AS333" s="317"/>
      <c r="AT333" s="317"/>
      <c r="AU333" s="317"/>
      <c r="AV333" s="317"/>
      <c r="AW333" s="308">
        <f t="shared" si="187"/>
        <v>1400</v>
      </c>
      <c r="AX333" s="309">
        <f t="shared" si="220"/>
        <v>31.067142857142859</v>
      </c>
      <c r="AY333" s="307" t="str">
        <f t="shared" si="189"/>
        <v/>
      </c>
      <c r="AZ333" s="307" t="str">
        <f t="shared" si="190"/>
        <v/>
      </c>
      <c r="BA333" s="307" t="str">
        <f t="shared" si="191"/>
        <v/>
      </c>
      <c r="BB333" s="307" t="str">
        <f t="shared" si="192"/>
        <v/>
      </c>
      <c r="BC333" s="307" t="str">
        <f t="shared" si="193"/>
        <v/>
      </c>
      <c r="BD333" s="307" t="str">
        <f t="shared" si="194"/>
        <v/>
      </c>
      <c r="BE333" s="307" t="str">
        <f t="shared" si="195"/>
        <v/>
      </c>
      <c r="BF333" s="307" t="str">
        <f t="shared" si="196"/>
        <v/>
      </c>
      <c r="BG333" s="307" t="str">
        <f t="shared" si="197"/>
        <v/>
      </c>
      <c r="BH333" s="307" t="str">
        <f t="shared" si="198"/>
        <v/>
      </c>
      <c r="BI333" s="307" t="str">
        <f t="shared" si="199"/>
        <v/>
      </c>
      <c r="BJ333" s="307" t="str">
        <f t="shared" si="200"/>
        <v/>
      </c>
      <c r="BK333" s="307" t="str">
        <f t="shared" si="201"/>
        <v/>
      </c>
      <c r="BL333" s="307" t="str">
        <f t="shared" si="202"/>
        <v/>
      </c>
      <c r="BM333" s="307" t="str">
        <f t="shared" si="203"/>
        <v/>
      </c>
      <c r="BN333" s="307" t="str">
        <f t="shared" si="204"/>
        <v/>
      </c>
      <c r="BO333" s="307" t="str">
        <f t="shared" si="205"/>
        <v/>
      </c>
      <c r="BP333" s="307" t="str">
        <f t="shared" si="206"/>
        <v/>
      </c>
      <c r="BQ333" s="307" t="str">
        <f t="shared" si="207"/>
        <v/>
      </c>
      <c r="BR333" s="307" t="str">
        <f t="shared" si="208"/>
        <v/>
      </c>
      <c r="BS333" s="307" t="str">
        <f t="shared" si="209"/>
        <v/>
      </c>
      <c r="BT333" s="307" t="str">
        <f t="shared" si="210"/>
        <v/>
      </c>
      <c r="BU333" s="307" t="str">
        <f t="shared" si="211"/>
        <v/>
      </c>
      <c r="BV333" s="307">
        <f t="shared" si="212"/>
        <v>43494</v>
      </c>
      <c r="BW333" s="307" t="str">
        <f t="shared" si="213"/>
        <v/>
      </c>
      <c r="BX333" s="307" t="str">
        <f t="shared" si="214"/>
        <v/>
      </c>
      <c r="BY333" s="307" t="str">
        <f t="shared" si="215"/>
        <v/>
      </c>
      <c r="BZ333" s="307" t="str">
        <f t="shared" si="216"/>
        <v/>
      </c>
      <c r="CA333" s="307" t="str">
        <f t="shared" si="217"/>
        <v/>
      </c>
      <c r="CB333" s="307" t="str">
        <f t="shared" si="218"/>
        <v/>
      </c>
      <c r="CC333" s="307" t="str">
        <f t="shared" si="219"/>
        <v/>
      </c>
      <c r="CD333" s="303"/>
      <c r="CE333" s="303"/>
      <c r="CF333" s="303"/>
    </row>
    <row r="334" spans="1:84" s="318" customFormat="1" ht="56.1" hidden="1" customHeight="1" x14ac:dyDescent="0.2">
      <c r="A334" s="302">
        <v>334</v>
      </c>
      <c r="B334" s="24" t="s">
        <v>53</v>
      </c>
      <c r="C334" s="35" t="s">
        <v>515</v>
      </c>
      <c r="D334" s="303" t="s">
        <v>539</v>
      </c>
      <c r="E334" s="303" t="s">
        <v>541</v>
      </c>
      <c r="F334" s="303" t="s">
        <v>541</v>
      </c>
      <c r="G334" s="303" t="s">
        <v>90</v>
      </c>
      <c r="H334" s="303" t="s">
        <v>40</v>
      </c>
      <c r="I334" s="303" t="s">
        <v>388</v>
      </c>
      <c r="J334" s="303" t="s">
        <v>525</v>
      </c>
      <c r="K334" s="303" t="s">
        <v>169</v>
      </c>
      <c r="L334" s="303" t="s">
        <v>63</v>
      </c>
      <c r="M334" s="303" t="s">
        <v>63</v>
      </c>
      <c r="N334" s="304">
        <v>105440</v>
      </c>
      <c r="O334" s="304">
        <v>105440</v>
      </c>
      <c r="P334" s="303" t="s">
        <v>64</v>
      </c>
      <c r="Q334" s="303" t="s">
        <v>82</v>
      </c>
      <c r="R334" s="317"/>
      <c r="S334" s="317"/>
      <c r="T334" s="317"/>
      <c r="U334" s="317"/>
      <c r="V334" s="317"/>
      <c r="W334" s="307"/>
      <c r="X334" s="317"/>
      <c r="Y334" s="317"/>
      <c r="Z334" s="317"/>
      <c r="AA334" s="317"/>
      <c r="AB334" s="317"/>
      <c r="AC334" s="317"/>
      <c r="AD334" s="317"/>
      <c r="AE334" s="317"/>
      <c r="AF334" s="317"/>
      <c r="AG334" s="317"/>
      <c r="AH334" s="317"/>
      <c r="AI334" s="317"/>
      <c r="AJ334" s="317"/>
      <c r="AK334" s="317"/>
      <c r="AL334" s="317"/>
      <c r="AM334" s="317"/>
      <c r="AN334" s="317"/>
      <c r="AO334" s="307" t="s">
        <v>66</v>
      </c>
      <c r="AP334" s="317"/>
      <c r="AQ334" s="317"/>
      <c r="AR334" s="317"/>
      <c r="AS334" s="317"/>
      <c r="AT334" s="317"/>
      <c r="AU334" s="317"/>
      <c r="AV334" s="317"/>
      <c r="AW334" s="308">
        <f t="shared" si="187"/>
        <v>1400</v>
      </c>
      <c r="AX334" s="309">
        <f t="shared" si="220"/>
        <v>75.314285714285717</v>
      </c>
      <c r="AY334" s="307" t="str">
        <f t="shared" si="189"/>
        <v/>
      </c>
      <c r="AZ334" s="307" t="str">
        <f t="shared" si="190"/>
        <v/>
      </c>
      <c r="BA334" s="307" t="str">
        <f t="shared" si="191"/>
        <v/>
      </c>
      <c r="BB334" s="307" t="str">
        <f t="shared" si="192"/>
        <v/>
      </c>
      <c r="BC334" s="307" t="str">
        <f t="shared" si="193"/>
        <v/>
      </c>
      <c r="BD334" s="307" t="str">
        <f t="shared" si="194"/>
        <v/>
      </c>
      <c r="BE334" s="307" t="str">
        <f t="shared" si="195"/>
        <v/>
      </c>
      <c r="BF334" s="307" t="str">
        <f t="shared" si="196"/>
        <v/>
      </c>
      <c r="BG334" s="307" t="str">
        <f t="shared" si="197"/>
        <v/>
      </c>
      <c r="BH334" s="307" t="str">
        <f t="shared" si="198"/>
        <v/>
      </c>
      <c r="BI334" s="307" t="str">
        <f t="shared" si="199"/>
        <v/>
      </c>
      <c r="BJ334" s="307" t="str">
        <f t="shared" si="200"/>
        <v/>
      </c>
      <c r="BK334" s="307" t="str">
        <f t="shared" si="201"/>
        <v/>
      </c>
      <c r="BL334" s="307" t="str">
        <f t="shared" si="202"/>
        <v/>
      </c>
      <c r="BM334" s="307" t="str">
        <f t="shared" si="203"/>
        <v/>
      </c>
      <c r="BN334" s="307" t="str">
        <f t="shared" si="204"/>
        <v/>
      </c>
      <c r="BO334" s="307" t="str">
        <f t="shared" si="205"/>
        <v/>
      </c>
      <c r="BP334" s="307" t="str">
        <f t="shared" si="206"/>
        <v/>
      </c>
      <c r="BQ334" s="307" t="str">
        <f t="shared" si="207"/>
        <v/>
      </c>
      <c r="BR334" s="307" t="str">
        <f t="shared" si="208"/>
        <v/>
      </c>
      <c r="BS334" s="307" t="str">
        <f t="shared" si="209"/>
        <v/>
      </c>
      <c r="BT334" s="307" t="str">
        <f t="shared" si="210"/>
        <v/>
      </c>
      <c r="BU334" s="307" t="str">
        <f t="shared" si="211"/>
        <v/>
      </c>
      <c r="BV334" s="307">
        <f t="shared" si="212"/>
        <v>105440</v>
      </c>
      <c r="BW334" s="307" t="str">
        <f t="shared" si="213"/>
        <v/>
      </c>
      <c r="BX334" s="307" t="str">
        <f t="shared" si="214"/>
        <v/>
      </c>
      <c r="BY334" s="307" t="str">
        <f t="shared" si="215"/>
        <v/>
      </c>
      <c r="BZ334" s="307" t="str">
        <f t="shared" si="216"/>
        <v/>
      </c>
      <c r="CA334" s="307" t="str">
        <f t="shared" si="217"/>
        <v/>
      </c>
      <c r="CB334" s="307" t="str">
        <f t="shared" si="218"/>
        <v/>
      </c>
      <c r="CC334" s="307" t="str">
        <f t="shared" si="219"/>
        <v/>
      </c>
      <c r="CD334" s="303"/>
      <c r="CE334" s="303"/>
      <c r="CF334" s="303"/>
    </row>
    <row r="335" spans="1:84" s="318" customFormat="1" ht="56.1" hidden="1" customHeight="1" x14ac:dyDescent="0.2">
      <c r="A335" s="302">
        <v>335</v>
      </c>
      <c r="B335" s="24" t="s">
        <v>53</v>
      </c>
      <c r="C335" s="35" t="s">
        <v>515</v>
      </c>
      <c r="D335" s="303" t="s">
        <v>528</v>
      </c>
      <c r="E335" s="303" t="s">
        <v>546</v>
      </c>
      <c r="F335" s="303" t="s">
        <v>546</v>
      </c>
      <c r="G335" s="303" t="s">
        <v>90</v>
      </c>
      <c r="H335" s="303" t="s">
        <v>40</v>
      </c>
      <c r="I335" s="303" t="s">
        <v>388</v>
      </c>
      <c r="J335" s="303" t="s">
        <v>525</v>
      </c>
      <c r="K335" s="303" t="s">
        <v>169</v>
      </c>
      <c r="L335" s="303" t="s">
        <v>63</v>
      </c>
      <c r="M335" s="303" t="s">
        <v>63</v>
      </c>
      <c r="N335" s="304">
        <v>369040</v>
      </c>
      <c r="O335" s="304">
        <v>369040</v>
      </c>
      <c r="P335" s="303" t="s">
        <v>64</v>
      </c>
      <c r="Q335" s="303" t="s">
        <v>82</v>
      </c>
      <c r="R335" s="317"/>
      <c r="S335" s="317"/>
      <c r="T335" s="317"/>
      <c r="U335" s="317"/>
      <c r="V335" s="317"/>
      <c r="W335" s="307"/>
      <c r="X335" s="317"/>
      <c r="Y335" s="317"/>
      <c r="Z335" s="317"/>
      <c r="AA335" s="317"/>
      <c r="AB335" s="317"/>
      <c r="AC335" s="317"/>
      <c r="AD335" s="317"/>
      <c r="AE335" s="317"/>
      <c r="AF335" s="317"/>
      <c r="AG335" s="317"/>
      <c r="AH335" s="317"/>
      <c r="AI335" s="317"/>
      <c r="AJ335" s="317"/>
      <c r="AK335" s="317"/>
      <c r="AL335" s="317"/>
      <c r="AM335" s="317"/>
      <c r="AN335" s="317"/>
      <c r="AO335" s="307" t="s">
        <v>66</v>
      </c>
      <c r="AP335" s="317"/>
      <c r="AQ335" s="317"/>
      <c r="AR335" s="317"/>
      <c r="AS335" s="317"/>
      <c r="AT335" s="317"/>
      <c r="AU335" s="317"/>
      <c r="AV335" s="317"/>
      <c r="AW335" s="308">
        <f t="shared" si="187"/>
        <v>1400</v>
      </c>
      <c r="AX335" s="309">
        <f t="shared" si="220"/>
        <v>263.60000000000002</v>
      </c>
      <c r="AY335" s="307" t="str">
        <f t="shared" si="189"/>
        <v/>
      </c>
      <c r="AZ335" s="307" t="str">
        <f t="shared" si="190"/>
        <v/>
      </c>
      <c r="BA335" s="307" t="str">
        <f t="shared" si="191"/>
        <v/>
      </c>
      <c r="BB335" s="307" t="str">
        <f t="shared" si="192"/>
        <v/>
      </c>
      <c r="BC335" s="307" t="str">
        <f t="shared" si="193"/>
        <v/>
      </c>
      <c r="BD335" s="307" t="str">
        <f t="shared" si="194"/>
        <v/>
      </c>
      <c r="BE335" s="307" t="str">
        <f t="shared" si="195"/>
        <v/>
      </c>
      <c r="BF335" s="307" t="str">
        <f t="shared" si="196"/>
        <v/>
      </c>
      <c r="BG335" s="307" t="str">
        <f t="shared" si="197"/>
        <v/>
      </c>
      <c r="BH335" s="307" t="str">
        <f t="shared" si="198"/>
        <v/>
      </c>
      <c r="BI335" s="307" t="str">
        <f t="shared" si="199"/>
        <v/>
      </c>
      <c r="BJ335" s="307" t="str">
        <f t="shared" si="200"/>
        <v/>
      </c>
      <c r="BK335" s="307" t="str">
        <f t="shared" si="201"/>
        <v/>
      </c>
      <c r="BL335" s="307" t="str">
        <f t="shared" si="202"/>
        <v/>
      </c>
      <c r="BM335" s="307" t="str">
        <f t="shared" si="203"/>
        <v/>
      </c>
      <c r="BN335" s="307" t="str">
        <f t="shared" si="204"/>
        <v/>
      </c>
      <c r="BO335" s="307" t="str">
        <f t="shared" si="205"/>
        <v/>
      </c>
      <c r="BP335" s="307" t="str">
        <f t="shared" si="206"/>
        <v/>
      </c>
      <c r="BQ335" s="307" t="str">
        <f t="shared" si="207"/>
        <v/>
      </c>
      <c r="BR335" s="307" t="str">
        <f t="shared" si="208"/>
        <v/>
      </c>
      <c r="BS335" s="307" t="str">
        <f t="shared" si="209"/>
        <v/>
      </c>
      <c r="BT335" s="307" t="str">
        <f t="shared" si="210"/>
        <v/>
      </c>
      <c r="BU335" s="307" t="str">
        <f t="shared" si="211"/>
        <v/>
      </c>
      <c r="BV335" s="307">
        <f t="shared" si="212"/>
        <v>369040.00000000006</v>
      </c>
      <c r="BW335" s="307" t="str">
        <f t="shared" si="213"/>
        <v/>
      </c>
      <c r="BX335" s="307" t="str">
        <f t="shared" si="214"/>
        <v/>
      </c>
      <c r="BY335" s="307" t="str">
        <f t="shared" si="215"/>
        <v/>
      </c>
      <c r="BZ335" s="307" t="str">
        <f t="shared" si="216"/>
        <v/>
      </c>
      <c r="CA335" s="307" t="str">
        <f t="shared" si="217"/>
        <v/>
      </c>
      <c r="CB335" s="307" t="str">
        <f t="shared" si="218"/>
        <v/>
      </c>
      <c r="CC335" s="307" t="str">
        <f t="shared" si="219"/>
        <v/>
      </c>
      <c r="CD335" s="303"/>
      <c r="CE335" s="303"/>
      <c r="CF335" s="303"/>
    </row>
    <row r="336" spans="1:84" s="318" customFormat="1" ht="56.1" hidden="1" customHeight="1" x14ac:dyDescent="0.2">
      <c r="A336" s="302">
        <v>336</v>
      </c>
      <c r="B336" s="24" t="s">
        <v>53</v>
      </c>
      <c r="C336" s="35" t="s">
        <v>515</v>
      </c>
      <c r="D336" s="303" t="s">
        <v>530</v>
      </c>
      <c r="E336" s="303" t="s">
        <v>547</v>
      </c>
      <c r="F336" s="303" t="s">
        <v>547</v>
      </c>
      <c r="G336" s="303" t="s">
        <v>90</v>
      </c>
      <c r="H336" s="303" t="s">
        <v>40</v>
      </c>
      <c r="I336" s="303" t="s">
        <v>388</v>
      </c>
      <c r="J336" s="303" t="s">
        <v>525</v>
      </c>
      <c r="K336" s="303" t="s">
        <v>169</v>
      </c>
      <c r="L336" s="303" t="s">
        <v>63</v>
      </c>
      <c r="M336" s="303" t="s">
        <v>63</v>
      </c>
      <c r="N336" s="304">
        <v>434940</v>
      </c>
      <c r="O336" s="304">
        <v>434940</v>
      </c>
      <c r="P336" s="303" t="s">
        <v>64</v>
      </c>
      <c r="Q336" s="303" t="s">
        <v>82</v>
      </c>
      <c r="R336" s="317"/>
      <c r="S336" s="317"/>
      <c r="T336" s="317"/>
      <c r="U336" s="317"/>
      <c r="V336" s="317"/>
      <c r="W336" s="307"/>
      <c r="X336" s="317"/>
      <c r="Y336" s="317"/>
      <c r="Z336" s="317"/>
      <c r="AA336" s="317"/>
      <c r="AB336" s="317"/>
      <c r="AC336" s="317"/>
      <c r="AD336" s="317"/>
      <c r="AE336" s="317"/>
      <c r="AF336" s="317"/>
      <c r="AG336" s="317"/>
      <c r="AH336" s="317"/>
      <c r="AI336" s="317"/>
      <c r="AJ336" s="317"/>
      <c r="AK336" s="317"/>
      <c r="AL336" s="317"/>
      <c r="AM336" s="317"/>
      <c r="AN336" s="317"/>
      <c r="AO336" s="307" t="s">
        <v>66</v>
      </c>
      <c r="AP336" s="317"/>
      <c r="AQ336" s="317"/>
      <c r="AR336" s="317"/>
      <c r="AS336" s="317"/>
      <c r="AT336" s="317"/>
      <c r="AU336" s="317"/>
      <c r="AV336" s="317"/>
      <c r="AW336" s="308">
        <f t="shared" si="187"/>
        <v>1400</v>
      </c>
      <c r="AX336" s="309">
        <f t="shared" si="220"/>
        <v>310.67142857142858</v>
      </c>
      <c r="AY336" s="307" t="str">
        <f t="shared" si="189"/>
        <v/>
      </c>
      <c r="AZ336" s="307" t="str">
        <f t="shared" si="190"/>
        <v/>
      </c>
      <c r="BA336" s="307" t="str">
        <f t="shared" si="191"/>
        <v/>
      </c>
      <c r="BB336" s="307" t="str">
        <f t="shared" si="192"/>
        <v/>
      </c>
      <c r="BC336" s="307" t="str">
        <f t="shared" si="193"/>
        <v/>
      </c>
      <c r="BD336" s="307" t="str">
        <f t="shared" si="194"/>
        <v/>
      </c>
      <c r="BE336" s="307" t="str">
        <f t="shared" si="195"/>
        <v/>
      </c>
      <c r="BF336" s="307" t="str">
        <f t="shared" si="196"/>
        <v/>
      </c>
      <c r="BG336" s="307" t="str">
        <f t="shared" si="197"/>
        <v/>
      </c>
      <c r="BH336" s="307" t="str">
        <f t="shared" si="198"/>
        <v/>
      </c>
      <c r="BI336" s="307" t="str">
        <f t="shared" si="199"/>
        <v/>
      </c>
      <c r="BJ336" s="307" t="str">
        <f t="shared" si="200"/>
        <v/>
      </c>
      <c r="BK336" s="307" t="str">
        <f t="shared" si="201"/>
        <v/>
      </c>
      <c r="BL336" s="307" t="str">
        <f t="shared" si="202"/>
        <v/>
      </c>
      <c r="BM336" s="307" t="str">
        <f t="shared" si="203"/>
        <v/>
      </c>
      <c r="BN336" s="307" t="str">
        <f t="shared" si="204"/>
        <v/>
      </c>
      <c r="BO336" s="307" t="str">
        <f t="shared" si="205"/>
        <v/>
      </c>
      <c r="BP336" s="307" t="str">
        <f t="shared" si="206"/>
        <v/>
      </c>
      <c r="BQ336" s="307" t="str">
        <f t="shared" si="207"/>
        <v/>
      </c>
      <c r="BR336" s="307" t="str">
        <f t="shared" si="208"/>
        <v/>
      </c>
      <c r="BS336" s="307" t="str">
        <f t="shared" si="209"/>
        <v/>
      </c>
      <c r="BT336" s="307" t="str">
        <f t="shared" si="210"/>
        <v/>
      </c>
      <c r="BU336" s="307" t="str">
        <f t="shared" si="211"/>
        <v/>
      </c>
      <c r="BV336" s="307">
        <f t="shared" si="212"/>
        <v>434940</v>
      </c>
      <c r="BW336" s="307" t="str">
        <f t="shared" si="213"/>
        <v/>
      </c>
      <c r="BX336" s="307" t="str">
        <f t="shared" si="214"/>
        <v/>
      </c>
      <c r="BY336" s="307" t="str">
        <f t="shared" si="215"/>
        <v/>
      </c>
      <c r="BZ336" s="307" t="str">
        <f t="shared" si="216"/>
        <v/>
      </c>
      <c r="CA336" s="307" t="str">
        <f t="shared" si="217"/>
        <v/>
      </c>
      <c r="CB336" s="307" t="str">
        <f t="shared" si="218"/>
        <v/>
      </c>
      <c r="CC336" s="307" t="str">
        <f t="shared" si="219"/>
        <v/>
      </c>
      <c r="CD336" s="303"/>
      <c r="CE336" s="303"/>
      <c r="CF336" s="303"/>
    </row>
    <row r="337" spans="1:84" s="318" customFormat="1" ht="56.1" hidden="1" customHeight="1" x14ac:dyDescent="0.2">
      <c r="A337" s="302">
        <v>337</v>
      </c>
      <c r="B337" s="24" t="s">
        <v>53</v>
      </c>
      <c r="C337" s="35" t="s">
        <v>515</v>
      </c>
      <c r="D337" s="303" t="s">
        <v>533</v>
      </c>
      <c r="E337" s="303" t="s">
        <v>534</v>
      </c>
      <c r="F337" s="303" t="s">
        <v>534</v>
      </c>
      <c r="G337" s="303" t="s">
        <v>90</v>
      </c>
      <c r="H337" s="303" t="s">
        <v>40</v>
      </c>
      <c r="I337" s="303" t="s">
        <v>60</v>
      </c>
      <c r="J337" s="303" t="s">
        <v>334</v>
      </c>
      <c r="K337" s="303" t="s">
        <v>169</v>
      </c>
      <c r="L337" s="303" t="s">
        <v>63</v>
      </c>
      <c r="M337" s="303" t="s">
        <v>63</v>
      </c>
      <c r="N337" s="304">
        <v>249102</v>
      </c>
      <c r="O337" s="304">
        <v>249102</v>
      </c>
      <c r="P337" s="303" t="s">
        <v>64</v>
      </c>
      <c r="Q337" s="303" t="s">
        <v>82</v>
      </c>
      <c r="R337" s="317"/>
      <c r="S337" s="317"/>
      <c r="T337" s="317"/>
      <c r="U337" s="317"/>
      <c r="V337" s="317"/>
      <c r="W337" s="307"/>
      <c r="X337" s="317"/>
      <c r="Y337" s="317"/>
      <c r="Z337" s="317"/>
      <c r="AA337" s="317"/>
      <c r="AB337" s="317"/>
      <c r="AC337" s="317"/>
      <c r="AD337" s="317"/>
      <c r="AE337" s="317"/>
      <c r="AF337" s="317"/>
      <c r="AG337" s="317"/>
      <c r="AH337" s="317"/>
      <c r="AI337" s="317"/>
      <c r="AJ337" s="317"/>
      <c r="AK337" s="317"/>
      <c r="AL337" s="317"/>
      <c r="AM337" s="317"/>
      <c r="AN337" s="317"/>
      <c r="AO337" s="307" t="s">
        <v>66</v>
      </c>
      <c r="AP337" s="317"/>
      <c r="AQ337" s="317"/>
      <c r="AR337" s="317"/>
      <c r="AS337" s="317"/>
      <c r="AT337" s="317"/>
      <c r="AU337" s="317"/>
      <c r="AV337" s="317"/>
      <c r="AW337" s="308">
        <f t="shared" si="187"/>
        <v>1400</v>
      </c>
      <c r="AX337" s="309">
        <f t="shared" si="220"/>
        <v>177.93</v>
      </c>
      <c r="AY337" s="307" t="str">
        <f t="shared" si="189"/>
        <v/>
      </c>
      <c r="AZ337" s="307" t="str">
        <f t="shared" si="190"/>
        <v/>
      </c>
      <c r="BA337" s="307" t="str">
        <f t="shared" si="191"/>
        <v/>
      </c>
      <c r="BB337" s="307" t="str">
        <f t="shared" si="192"/>
        <v/>
      </c>
      <c r="BC337" s="307" t="str">
        <f t="shared" si="193"/>
        <v/>
      </c>
      <c r="BD337" s="307" t="str">
        <f t="shared" si="194"/>
        <v/>
      </c>
      <c r="BE337" s="307" t="str">
        <f t="shared" si="195"/>
        <v/>
      </c>
      <c r="BF337" s="307" t="str">
        <f t="shared" si="196"/>
        <v/>
      </c>
      <c r="BG337" s="307" t="str">
        <f t="shared" si="197"/>
        <v/>
      </c>
      <c r="BH337" s="307" t="str">
        <f t="shared" si="198"/>
        <v/>
      </c>
      <c r="BI337" s="307" t="str">
        <f t="shared" si="199"/>
        <v/>
      </c>
      <c r="BJ337" s="307" t="str">
        <f t="shared" si="200"/>
        <v/>
      </c>
      <c r="BK337" s="307" t="str">
        <f t="shared" si="201"/>
        <v/>
      </c>
      <c r="BL337" s="307" t="str">
        <f t="shared" si="202"/>
        <v/>
      </c>
      <c r="BM337" s="307" t="str">
        <f t="shared" si="203"/>
        <v/>
      </c>
      <c r="BN337" s="307" t="str">
        <f t="shared" si="204"/>
        <v/>
      </c>
      <c r="BO337" s="307" t="str">
        <f t="shared" si="205"/>
        <v/>
      </c>
      <c r="BP337" s="307" t="str">
        <f t="shared" si="206"/>
        <v/>
      </c>
      <c r="BQ337" s="307" t="str">
        <f t="shared" si="207"/>
        <v/>
      </c>
      <c r="BR337" s="307" t="str">
        <f t="shared" si="208"/>
        <v/>
      </c>
      <c r="BS337" s="307" t="str">
        <f t="shared" si="209"/>
        <v/>
      </c>
      <c r="BT337" s="307" t="str">
        <f t="shared" si="210"/>
        <v/>
      </c>
      <c r="BU337" s="307" t="str">
        <f t="shared" si="211"/>
        <v/>
      </c>
      <c r="BV337" s="307">
        <f t="shared" si="212"/>
        <v>249102</v>
      </c>
      <c r="BW337" s="307" t="str">
        <f t="shared" si="213"/>
        <v/>
      </c>
      <c r="BX337" s="307" t="str">
        <f t="shared" si="214"/>
        <v/>
      </c>
      <c r="BY337" s="307" t="str">
        <f t="shared" si="215"/>
        <v/>
      </c>
      <c r="BZ337" s="307" t="str">
        <f t="shared" si="216"/>
        <v/>
      </c>
      <c r="CA337" s="307" t="str">
        <f t="shared" si="217"/>
        <v/>
      </c>
      <c r="CB337" s="307" t="str">
        <f t="shared" si="218"/>
        <v/>
      </c>
      <c r="CC337" s="307" t="str">
        <f t="shared" si="219"/>
        <v/>
      </c>
      <c r="CD337" s="303"/>
      <c r="CE337" s="303"/>
      <c r="CF337" s="303"/>
    </row>
    <row r="338" spans="1:84" s="318" customFormat="1" ht="56.1" hidden="1" customHeight="1" x14ac:dyDescent="0.2">
      <c r="A338" s="302">
        <v>338</v>
      </c>
      <c r="B338" s="24" t="s">
        <v>53</v>
      </c>
      <c r="C338" s="35" t="s">
        <v>515</v>
      </c>
      <c r="D338" s="303" t="s">
        <v>516</v>
      </c>
      <c r="E338" s="303" t="s">
        <v>535</v>
      </c>
      <c r="F338" s="303" t="s">
        <v>536</v>
      </c>
      <c r="G338" s="303" t="s">
        <v>90</v>
      </c>
      <c r="H338" s="303" t="s">
        <v>310</v>
      </c>
      <c r="I338" s="303" t="s">
        <v>81</v>
      </c>
      <c r="J338" s="303" t="s">
        <v>334</v>
      </c>
      <c r="K338" s="303" t="s">
        <v>225</v>
      </c>
      <c r="L338" s="303" t="s">
        <v>63</v>
      </c>
      <c r="M338" s="303" t="s">
        <v>63</v>
      </c>
      <c r="N338" s="304">
        <v>61340.774399999995</v>
      </c>
      <c r="O338" s="304">
        <v>61340.774399999995</v>
      </c>
      <c r="P338" s="303" t="s">
        <v>226</v>
      </c>
      <c r="Q338" s="303" t="s">
        <v>82</v>
      </c>
      <c r="R338" s="317"/>
      <c r="S338" s="317"/>
      <c r="T338" s="317"/>
      <c r="U338" s="317"/>
      <c r="V338" s="317"/>
      <c r="W338" s="307"/>
      <c r="X338" s="317"/>
      <c r="Y338" s="317"/>
      <c r="Z338" s="317"/>
      <c r="AA338" s="317"/>
      <c r="AB338" s="317"/>
      <c r="AC338" s="317"/>
      <c r="AD338" s="317"/>
      <c r="AE338" s="317"/>
      <c r="AF338" s="317"/>
      <c r="AG338" s="317"/>
      <c r="AH338" s="317"/>
      <c r="AI338" s="317"/>
      <c r="AJ338" s="317"/>
      <c r="AK338" s="317"/>
      <c r="AL338" s="317"/>
      <c r="AM338" s="317"/>
      <c r="AN338" s="317"/>
      <c r="AO338" s="317"/>
      <c r="AP338" s="307" t="s">
        <v>66</v>
      </c>
      <c r="AQ338" s="317"/>
      <c r="AR338" s="317"/>
      <c r="AS338" s="317"/>
      <c r="AT338" s="317"/>
      <c r="AU338" s="317"/>
      <c r="AV338" s="317"/>
      <c r="AW338" s="308">
        <f t="shared" si="187"/>
        <v>201</v>
      </c>
      <c r="AX338" s="309">
        <f t="shared" si="220"/>
        <v>305.17798208955219</v>
      </c>
      <c r="AY338" s="307" t="str">
        <f t="shared" si="189"/>
        <v/>
      </c>
      <c r="AZ338" s="307" t="str">
        <f t="shared" si="190"/>
        <v/>
      </c>
      <c r="BA338" s="307" t="str">
        <f t="shared" si="191"/>
        <v/>
      </c>
      <c r="BB338" s="307" t="str">
        <f t="shared" si="192"/>
        <v/>
      </c>
      <c r="BC338" s="307" t="str">
        <f t="shared" si="193"/>
        <v/>
      </c>
      <c r="BD338" s="307" t="str">
        <f t="shared" si="194"/>
        <v/>
      </c>
      <c r="BE338" s="307" t="str">
        <f t="shared" si="195"/>
        <v/>
      </c>
      <c r="BF338" s="307" t="str">
        <f t="shared" si="196"/>
        <v/>
      </c>
      <c r="BG338" s="307" t="str">
        <f t="shared" si="197"/>
        <v/>
      </c>
      <c r="BH338" s="307" t="str">
        <f t="shared" si="198"/>
        <v/>
      </c>
      <c r="BI338" s="307" t="str">
        <f t="shared" si="199"/>
        <v/>
      </c>
      <c r="BJ338" s="307" t="str">
        <f t="shared" si="200"/>
        <v/>
      </c>
      <c r="BK338" s="307" t="str">
        <f t="shared" si="201"/>
        <v/>
      </c>
      <c r="BL338" s="307" t="str">
        <f t="shared" si="202"/>
        <v/>
      </c>
      <c r="BM338" s="307" t="str">
        <f t="shared" si="203"/>
        <v/>
      </c>
      <c r="BN338" s="307" t="str">
        <f t="shared" si="204"/>
        <v/>
      </c>
      <c r="BO338" s="307" t="str">
        <f t="shared" si="205"/>
        <v/>
      </c>
      <c r="BP338" s="307" t="str">
        <f t="shared" si="206"/>
        <v/>
      </c>
      <c r="BQ338" s="307" t="str">
        <f t="shared" si="207"/>
        <v/>
      </c>
      <c r="BR338" s="307" t="str">
        <f t="shared" si="208"/>
        <v/>
      </c>
      <c r="BS338" s="307" t="str">
        <f t="shared" si="209"/>
        <v/>
      </c>
      <c r="BT338" s="307" t="str">
        <f t="shared" si="210"/>
        <v/>
      </c>
      <c r="BU338" s="307" t="str">
        <f t="shared" si="211"/>
        <v/>
      </c>
      <c r="BV338" s="307" t="str">
        <f t="shared" si="212"/>
        <v/>
      </c>
      <c r="BW338" s="307">
        <f t="shared" si="213"/>
        <v>61340.774399999988</v>
      </c>
      <c r="BX338" s="307" t="str">
        <f t="shared" si="214"/>
        <v/>
      </c>
      <c r="BY338" s="307" t="str">
        <f t="shared" si="215"/>
        <v/>
      </c>
      <c r="BZ338" s="307" t="str">
        <f t="shared" si="216"/>
        <v/>
      </c>
      <c r="CA338" s="307" t="str">
        <f t="shared" si="217"/>
        <v/>
      </c>
      <c r="CB338" s="307" t="str">
        <f t="shared" si="218"/>
        <v/>
      </c>
      <c r="CC338" s="307" t="str">
        <f t="shared" si="219"/>
        <v/>
      </c>
      <c r="CD338" s="303"/>
      <c r="CE338" s="303"/>
      <c r="CF338" s="303"/>
    </row>
    <row r="339" spans="1:84" s="318" customFormat="1" ht="56.1" hidden="1" customHeight="1" x14ac:dyDescent="0.2">
      <c r="A339" s="302">
        <v>339</v>
      </c>
      <c r="B339" s="24" t="s">
        <v>53</v>
      </c>
      <c r="C339" s="35" t="s">
        <v>515</v>
      </c>
      <c r="D339" s="303" t="s">
        <v>518</v>
      </c>
      <c r="E339" s="303" t="s">
        <v>520</v>
      </c>
      <c r="F339" s="303" t="s">
        <v>520</v>
      </c>
      <c r="G339" s="303" t="s">
        <v>90</v>
      </c>
      <c r="H339" s="303" t="s">
        <v>310</v>
      </c>
      <c r="I339" s="303" t="s">
        <v>81</v>
      </c>
      <c r="J339" s="303" t="s">
        <v>334</v>
      </c>
      <c r="K339" s="303" t="s">
        <v>225</v>
      </c>
      <c r="L339" s="303" t="s">
        <v>63</v>
      </c>
      <c r="M339" s="303" t="s">
        <v>63</v>
      </c>
      <c r="N339" s="304">
        <v>161019.53279999999</v>
      </c>
      <c r="O339" s="304">
        <v>161019.53279999999</v>
      </c>
      <c r="P339" s="303" t="s">
        <v>226</v>
      </c>
      <c r="Q339" s="303" t="s">
        <v>82</v>
      </c>
      <c r="R339" s="317"/>
      <c r="S339" s="317"/>
      <c r="T339" s="317"/>
      <c r="U339" s="317"/>
      <c r="V339" s="317"/>
      <c r="W339" s="307"/>
      <c r="X339" s="317"/>
      <c r="Y339" s="317"/>
      <c r="Z339" s="317"/>
      <c r="AA339" s="317"/>
      <c r="AB339" s="317"/>
      <c r="AC339" s="317"/>
      <c r="AD339" s="317"/>
      <c r="AE339" s="317"/>
      <c r="AF339" s="317"/>
      <c r="AG339" s="317"/>
      <c r="AH339" s="317"/>
      <c r="AI339" s="317"/>
      <c r="AJ339" s="317"/>
      <c r="AK339" s="317"/>
      <c r="AL339" s="317"/>
      <c r="AM339" s="317"/>
      <c r="AN339" s="317"/>
      <c r="AO339" s="317"/>
      <c r="AP339" s="307" t="s">
        <v>66</v>
      </c>
      <c r="AQ339" s="317"/>
      <c r="AR339" s="317"/>
      <c r="AS339" s="317"/>
      <c r="AT339" s="317"/>
      <c r="AU339" s="317"/>
      <c r="AV339" s="317"/>
      <c r="AW339" s="308">
        <f t="shared" si="187"/>
        <v>201</v>
      </c>
      <c r="AX339" s="309">
        <f t="shared" si="220"/>
        <v>801.09220298507455</v>
      </c>
      <c r="AY339" s="307" t="str">
        <f t="shared" si="189"/>
        <v/>
      </c>
      <c r="AZ339" s="307" t="str">
        <f t="shared" si="190"/>
        <v/>
      </c>
      <c r="BA339" s="307" t="str">
        <f t="shared" si="191"/>
        <v/>
      </c>
      <c r="BB339" s="307" t="str">
        <f t="shared" si="192"/>
        <v/>
      </c>
      <c r="BC339" s="307" t="str">
        <f t="shared" si="193"/>
        <v/>
      </c>
      <c r="BD339" s="307" t="str">
        <f t="shared" si="194"/>
        <v/>
      </c>
      <c r="BE339" s="307" t="str">
        <f t="shared" si="195"/>
        <v/>
      </c>
      <c r="BF339" s="307" t="str">
        <f t="shared" si="196"/>
        <v/>
      </c>
      <c r="BG339" s="307" t="str">
        <f t="shared" si="197"/>
        <v/>
      </c>
      <c r="BH339" s="307" t="str">
        <f t="shared" si="198"/>
        <v/>
      </c>
      <c r="BI339" s="307" t="str">
        <f t="shared" si="199"/>
        <v/>
      </c>
      <c r="BJ339" s="307" t="str">
        <f t="shared" si="200"/>
        <v/>
      </c>
      <c r="BK339" s="307" t="str">
        <f t="shared" si="201"/>
        <v/>
      </c>
      <c r="BL339" s="307" t="str">
        <f t="shared" si="202"/>
        <v/>
      </c>
      <c r="BM339" s="307" t="str">
        <f t="shared" si="203"/>
        <v/>
      </c>
      <c r="BN339" s="307" t="str">
        <f t="shared" si="204"/>
        <v/>
      </c>
      <c r="BO339" s="307" t="str">
        <f t="shared" si="205"/>
        <v/>
      </c>
      <c r="BP339" s="307" t="str">
        <f t="shared" si="206"/>
        <v/>
      </c>
      <c r="BQ339" s="307" t="str">
        <f t="shared" si="207"/>
        <v/>
      </c>
      <c r="BR339" s="307" t="str">
        <f t="shared" si="208"/>
        <v/>
      </c>
      <c r="BS339" s="307" t="str">
        <f t="shared" si="209"/>
        <v/>
      </c>
      <c r="BT339" s="307" t="str">
        <f t="shared" si="210"/>
        <v/>
      </c>
      <c r="BU339" s="307" t="str">
        <f t="shared" si="211"/>
        <v/>
      </c>
      <c r="BV339" s="307" t="str">
        <f t="shared" si="212"/>
        <v/>
      </c>
      <c r="BW339" s="307">
        <f t="shared" si="213"/>
        <v>161019.53279999999</v>
      </c>
      <c r="BX339" s="307" t="str">
        <f t="shared" si="214"/>
        <v/>
      </c>
      <c r="BY339" s="307" t="str">
        <f t="shared" si="215"/>
        <v/>
      </c>
      <c r="BZ339" s="307" t="str">
        <f t="shared" si="216"/>
        <v/>
      </c>
      <c r="CA339" s="307" t="str">
        <f t="shared" si="217"/>
        <v/>
      </c>
      <c r="CB339" s="307" t="str">
        <f t="shared" si="218"/>
        <v/>
      </c>
      <c r="CC339" s="307" t="str">
        <f t="shared" si="219"/>
        <v/>
      </c>
      <c r="CD339" s="303"/>
      <c r="CE339" s="303"/>
      <c r="CF339" s="303"/>
    </row>
    <row r="340" spans="1:84" s="318" customFormat="1" ht="56.1" hidden="1" customHeight="1" x14ac:dyDescent="0.2">
      <c r="A340" s="302">
        <v>340</v>
      </c>
      <c r="B340" s="24" t="s">
        <v>53</v>
      </c>
      <c r="C340" s="35" t="s">
        <v>515</v>
      </c>
      <c r="D340" s="303" t="s">
        <v>521</v>
      </c>
      <c r="E340" s="303" t="s">
        <v>522</v>
      </c>
      <c r="F340" s="303" t="s">
        <v>522</v>
      </c>
      <c r="G340" s="303" t="s">
        <v>90</v>
      </c>
      <c r="H340" s="303" t="s">
        <v>310</v>
      </c>
      <c r="I340" s="303" t="s">
        <v>81</v>
      </c>
      <c r="J340" s="303" t="s">
        <v>334</v>
      </c>
      <c r="K340" s="303" t="s">
        <v>225</v>
      </c>
      <c r="L340" s="303" t="s">
        <v>63</v>
      </c>
      <c r="M340" s="303" t="s">
        <v>63</v>
      </c>
      <c r="N340" s="304">
        <v>224916.17279999997</v>
      </c>
      <c r="O340" s="304">
        <v>224916.17279999997</v>
      </c>
      <c r="P340" s="303" t="s">
        <v>226</v>
      </c>
      <c r="Q340" s="303" t="s">
        <v>82</v>
      </c>
      <c r="R340" s="317"/>
      <c r="S340" s="317"/>
      <c r="T340" s="317"/>
      <c r="U340" s="317"/>
      <c r="V340" s="317"/>
      <c r="W340" s="307"/>
      <c r="X340" s="317"/>
      <c r="Y340" s="317"/>
      <c r="Z340" s="317"/>
      <c r="AA340" s="317"/>
      <c r="AB340" s="317"/>
      <c r="AC340" s="317"/>
      <c r="AD340" s="317"/>
      <c r="AE340" s="317"/>
      <c r="AF340" s="317"/>
      <c r="AG340" s="317"/>
      <c r="AH340" s="317"/>
      <c r="AI340" s="317"/>
      <c r="AJ340" s="317"/>
      <c r="AK340" s="317"/>
      <c r="AL340" s="317"/>
      <c r="AM340" s="317"/>
      <c r="AN340" s="317"/>
      <c r="AO340" s="317"/>
      <c r="AP340" s="307" t="s">
        <v>66</v>
      </c>
      <c r="AQ340" s="317"/>
      <c r="AR340" s="317"/>
      <c r="AS340" s="317"/>
      <c r="AT340" s="317"/>
      <c r="AU340" s="317"/>
      <c r="AV340" s="317"/>
      <c r="AW340" s="308">
        <f t="shared" si="187"/>
        <v>201</v>
      </c>
      <c r="AX340" s="309">
        <f t="shared" si="220"/>
        <v>1118.9859343283581</v>
      </c>
      <c r="AY340" s="307" t="str">
        <f t="shared" si="189"/>
        <v/>
      </c>
      <c r="AZ340" s="307" t="str">
        <f t="shared" si="190"/>
        <v/>
      </c>
      <c r="BA340" s="307" t="str">
        <f t="shared" si="191"/>
        <v/>
      </c>
      <c r="BB340" s="307" t="str">
        <f t="shared" si="192"/>
        <v/>
      </c>
      <c r="BC340" s="307" t="str">
        <f t="shared" si="193"/>
        <v/>
      </c>
      <c r="BD340" s="307" t="str">
        <f t="shared" si="194"/>
        <v/>
      </c>
      <c r="BE340" s="307" t="str">
        <f t="shared" si="195"/>
        <v/>
      </c>
      <c r="BF340" s="307" t="str">
        <f t="shared" si="196"/>
        <v/>
      </c>
      <c r="BG340" s="307" t="str">
        <f t="shared" si="197"/>
        <v/>
      </c>
      <c r="BH340" s="307" t="str">
        <f t="shared" si="198"/>
        <v/>
      </c>
      <c r="BI340" s="307" t="str">
        <f t="shared" si="199"/>
        <v/>
      </c>
      <c r="BJ340" s="307" t="str">
        <f t="shared" si="200"/>
        <v/>
      </c>
      <c r="BK340" s="307" t="str">
        <f t="shared" si="201"/>
        <v/>
      </c>
      <c r="BL340" s="307" t="str">
        <f t="shared" si="202"/>
        <v/>
      </c>
      <c r="BM340" s="307" t="str">
        <f t="shared" si="203"/>
        <v/>
      </c>
      <c r="BN340" s="307" t="str">
        <f t="shared" si="204"/>
        <v/>
      </c>
      <c r="BO340" s="307" t="str">
        <f t="shared" si="205"/>
        <v/>
      </c>
      <c r="BP340" s="307" t="str">
        <f t="shared" si="206"/>
        <v/>
      </c>
      <c r="BQ340" s="307" t="str">
        <f t="shared" si="207"/>
        <v/>
      </c>
      <c r="BR340" s="307" t="str">
        <f t="shared" si="208"/>
        <v/>
      </c>
      <c r="BS340" s="307" t="str">
        <f t="shared" si="209"/>
        <v/>
      </c>
      <c r="BT340" s="307" t="str">
        <f t="shared" si="210"/>
        <v/>
      </c>
      <c r="BU340" s="307" t="str">
        <f t="shared" si="211"/>
        <v/>
      </c>
      <c r="BV340" s="307" t="str">
        <f t="shared" si="212"/>
        <v/>
      </c>
      <c r="BW340" s="307">
        <f t="shared" si="213"/>
        <v>224916.17279999997</v>
      </c>
      <c r="BX340" s="307" t="str">
        <f t="shared" si="214"/>
        <v/>
      </c>
      <c r="BY340" s="307" t="str">
        <f t="shared" si="215"/>
        <v/>
      </c>
      <c r="BZ340" s="307" t="str">
        <f t="shared" si="216"/>
        <v/>
      </c>
      <c r="CA340" s="307" t="str">
        <f t="shared" si="217"/>
        <v/>
      </c>
      <c r="CB340" s="307" t="str">
        <f t="shared" si="218"/>
        <v/>
      </c>
      <c r="CC340" s="307" t="str">
        <f t="shared" si="219"/>
        <v/>
      </c>
      <c r="CD340" s="303"/>
      <c r="CE340" s="303"/>
      <c r="CF340" s="303"/>
    </row>
    <row r="341" spans="1:84" s="318" customFormat="1" ht="56.1" hidden="1" customHeight="1" x14ac:dyDescent="0.2">
      <c r="A341" s="302">
        <v>341</v>
      </c>
      <c r="B341" s="24" t="s">
        <v>53</v>
      </c>
      <c r="C341" s="35" t="s">
        <v>515</v>
      </c>
      <c r="D341" s="303" t="s">
        <v>523</v>
      </c>
      <c r="E341" s="303" t="s">
        <v>524</v>
      </c>
      <c r="F341" s="303" t="s">
        <v>524</v>
      </c>
      <c r="G341" s="303" t="s">
        <v>90</v>
      </c>
      <c r="H341" s="303" t="s">
        <v>310</v>
      </c>
      <c r="I341" s="303" t="s">
        <v>81</v>
      </c>
      <c r="J341" s="303" t="s">
        <v>525</v>
      </c>
      <c r="K341" s="303" t="s">
        <v>225</v>
      </c>
      <c r="L341" s="303" t="s">
        <v>63</v>
      </c>
      <c r="M341" s="303" t="s">
        <v>63</v>
      </c>
      <c r="N341" s="304">
        <v>0</v>
      </c>
      <c r="O341" s="304">
        <v>0</v>
      </c>
      <c r="P341" s="303" t="s">
        <v>226</v>
      </c>
      <c r="Q341" s="303" t="s">
        <v>82</v>
      </c>
      <c r="R341" s="317"/>
      <c r="S341" s="317"/>
      <c r="T341" s="317"/>
      <c r="U341" s="317"/>
      <c r="V341" s="317"/>
      <c r="W341" s="307"/>
      <c r="X341" s="317"/>
      <c r="Y341" s="317"/>
      <c r="Z341" s="317"/>
      <c r="AA341" s="317"/>
      <c r="AB341" s="317"/>
      <c r="AC341" s="317"/>
      <c r="AD341" s="317"/>
      <c r="AE341" s="317"/>
      <c r="AF341" s="317"/>
      <c r="AG341" s="317"/>
      <c r="AH341" s="317"/>
      <c r="AI341" s="317"/>
      <c r="AJ341" s="317"/>
      <c r="AK341" s="317"/>
      <c r="AL341" s="317"/>
      <c r="AM341" s="317"/>
      <c r="AN341" s="317"/>
      <c r="AO341" s="317"/>
      <c r="AP341" s="307" t="s">
        <v>66</v>
      </c>
      <c r="AQ341" s="317"/>
      <c r="AR341" s="317"/>
      <c r="AS341" s="317"/>
      <c r="AT341" s="317"/>
      <c r="AU341" s="317"/>
      <c r="AV341" s="317"/>
      <c r="AW341" s="308">
        <f t="shared" si="187"/>
        <v>201</v>
      </c>
      <c r="AX341" s="309">
        <f t="shared" si="220"/>
        <v>0</v>
      </c>
      <c r="AY341" s="307" t="str">
        <f t="shared" si="189"/>
        <v/>
      </c>
      <c r="AZ341" s="307" t="str">
        <f t="shared" si="190"/>
        <v/>
      </c>
      <c r="BA341" s="307" t="str">
        <f t="shared" si="191"/>
        <v/>
      </c>
      <c r="BB341" s="307" t="str">
        <f t="shared" si="192"/>
        <v/>
      </c>
      <c r="BC341" s="307" t="str">
        <f t="shared" si="193"/>
        <v/>
      </c>
      <c r="BD341" s="307" t="str">
        <f t="shared" si="194"/>
        <v/>
      </c>
      <c r="BE341" s="307" t="str">
        <f t="shared" si="195"/>
        <v/>
      </c>
      <c r="BF341" s="307" t="str">
        <f t="shared" si="196"/>
        <v/>
      </c>
      <c r="BG341" s="307" t="str">
        <f t="shared" si="197"/>
        <v/>
      </c>
      <c r="BH341" s="307" t="str">
        <f t="shared" si="198"/>
        <v/>
      </c>
      <c r="BI341" s="307" t="str">
        <f t="shared" si="199"/>
        <v/>
      </c>
      <c r="BJ341" s="307" t="str">
        <f t="shared" si="200"/>
        <v/>
      </c>
      <c r="BK341" s="307" t="str">
        <f t="shared" si="201"/>
        <v/>
      </c>
      <c r="BL341" s="307" t="str">
        <f t="shared" si="202"/>
        <v/>
      </c>
      <c r="BM341" s="307" t="str">
        <f t="shared" si="203"/>
        <v/>
      </c>
      <c r="BN341" s="307" t="str">
        <f t="shared" si="204"/>
        <v/>
      </c>
      <c r="BO341" s="307" t="str">
        <f t="shared" si="205"/>
        <v/>
      </c>
      <c r="BP341" s="307" t="str">
        <f t="shared" si="206"/>
        <v/>
      </c>
      <c r="BQ341" s="307" t="str">
        <f t="shared" si="207"/>
        <v/>
      </c>
      <c r="BR341" s="307" t="str">
        <f t="shared" si="208"/>
        <v/>
      </c>
      <c r="BS341" s="307" t="str">
        <f t="shared" si="209"/>
        <v/>
      </c>
      <c r="BT341" s="307" t="str">
        <f t="shared" si="210"/>
        <v/>
      </c>
      <c r="BU341" s="307" t="str">
        <f t="shared" si="211"/>
        <v/>
      </c>
      <c r="BV341" s="307" t="str">
        <f t="shared" si="212"/>
        <v/>
      </c>
      <c r="BW341" s="307">
        <f t="shared" si="213"/>
        <v>0</v>
      </c>
      <c r="BX341" s="307" t="str">
        <f t="shared" si="214"/>
        <v/>
      </c>
      <c r="BY341" s="307" t="str">
        <f t="shared" si="215"/>
        <v/>
      </c>
      <c r="BZ341" s="307" t="str">
        <f t="shared" si="216"/>
        <v/>
      </c>
      <c r="CA341" s="307" t="str">
        <f t="shared" si="217"/>
        <v/>
      </c>
      <c r="CB341" s="307" t="str">
        <f t="shared" si="218"/>
        <v/>
      </c>
      <c r="CC341" s="307" t="str">
        <f t="shared" si="219"/>
        <v/>
      </c>
      <c r="CD341" s="303"/>
      <c r="CE341" s="303"/>
      <c r="CF341" s="303"/>
    </row>
    <row r="342" spans="1:84" s="318" customFormat="1" ht="56.1" hidden="1" customHeight="1" x14ac:dyDescent="0.2">
      <c r="A342" s="302">
        <v>342</v>
      </c>
      <c r="B342" s="24" t="s">
        <v>53</v>
      </c>
      <c r="C342" s="35" t="s">
        <v>515</v>
      </c>
      <c r="D342" s="303" t="s">
        <v>539</v>
      </c>
      <c r="E342" s="303" t="s">
        <v>527</v>
      </c>
      <c r="F342" s="303" t="s">
        <v>527</v>
      </c>
      <c r="G342" s="303" t="s">
        <v>90</v>
      </c>
      <c r="H342" s="303" t="s">
        <v>310</v>
      </c>
      <c r="I342" s="303" t="s">
        <v>81</v>
      </c>
      <c r="J342" s="303" t="s">
        <v>525</v>
      </c>
      <c r="K342" s="303" t="s">
        <v>225</v>
      </c>
      <c r="L342" s="303" t="s">
        <v>63</v>
      </c>
      <c r="M342" s="303" t="s">
        <v>63</v>
      </c>
      <c r="N342" s="304">
        <v>0</v>
      </c>
      <c r="O342" s="304">
        <v>0</v>
      </c>
      <c r="P342" s="303" t="s">
        <v>226</v>
      </c>
      <c r="Q342" s="303" t="s">
        <v>82</v>
      </c>
      <c r="R342" s="317"/>
      <c r="S342" s="317"/>
      <c r="T342" s="317"/>
      <c r="U342" s="317"/>
      <c r="V342" s="317"/>
      <c r="W342" s="307"/>
      <c r="X342" s="317"/>
      <c r="Y342" s="317"/>
      <c r="Z342" s="317"/>
      <c r="AA342" s="317"/>
      <c r="AB342" s="317"/>
      <c r="AC342" s="317"/>
      <c r="AD342" s="317"/>
      <c r="AE342" s="317"/>
      <c r="AF342" s="317"/>
      <c r="AG342" s="317"/>
      <c r="AH342" s="317"/>
      <c r="AI342" s="317"/>
      <c r="AJ342" s="317"/>
      <c r="AK342" s="317"/>
      <c r="AL342" s="317"/>
      <c r="AM342" s="317"/>
      <c r="AN342" s="317"/>
      <c r="AO342" s="317"/>
      <c r="AP342" s="307" t="s">
        <v>66</v>
      </c>
      <c r="AQ342" s="317"/>
      <c r="AR342" s="317"/>
      <c r="AS342" s="317"/>
      <c r="AT342" s="317"/>
      <c r="AU342" s="317"/>
      <c r="AV342" s="317"/>
      <c r="AW342" s="308">
        <f t="shared" si="187"/>
        <v>201</v>
      </c>
      <c r="AX342" s="309"/>
      <c r="AY342" s="307" t="str">
        <f t="shared" si="189"/>
        <v/>
      </c>
      <c r="AZ342" s="307" t="str">
        <f t="shared" si="190"/>
        <v/>
      </c>
      <c r="BA342" s="307" t="str">
        <f t="shared" si="191"/>
        <v/>
      </c>
      <c r="BB342" s="307" t="str">
        <f t="shared" si="192"/>
        <v/>
      </c>
      <c r="BC342" s="307" t="str">
        <f t="shared" si="193"/>
        <v/>
      </c>
      <c r="BD342" s="307" t="str">
        <f t="shared" si="194"/>
        <v/>
      </c>
      <c r="BE342" s="307" t="str">
        <f t="shared" si="195"/>
        <v/>
      </c>
      <c r="BF342" s="307" t="str">
        <f t="shared" si="196"/>
        <v/>
      </c>
      <c r="BG342" s="307" t="str">
        <f t="shared" si="197"/>
        <v/>
      </c>
      <c r="BH342" s="307" t="str">
        <f t="shared" si="198"/>
        <v/>
      </c>
      <c r="BI342" s="307" t="str">
        <f t="shared" si="199"/>
        <v/>
      </c>
      <c r="BJ342" s="307" t="str">
        <f t="shared" si="200"/>
        <v/>
      </c>
      <c r="BK342" s="307" t="str">
        <f t="shared" si="201"/>
        <v/>
      </c>
      <c r="BL342" s="307" t="str">
        <f t="shared" si="202"/>
        <v/>
      </c>
      <c r="BM342" s="307" t="str">
        <f t="shared" si="203"/>
        <v/>
      </c>
      <c r="BN342" s="307" t="str">
        <f t="shared" si="204"/>
        <v/>
      </c>
      <c r="BO342" s="307" t="str">
        <f t="shared" si="205"/>
        <v/>
      </c>
      <c r="BP342" s="307" t="str">
        <f t="shared" si="206"/>
        <v/>
      </c>
      <c r="BQ342" s="307" t="str">
        <f t="shared" si="207"/>
        <v/>
      </c>
      <c r="BR342" s="307" t="str">
        <f t="shared" si="208"/>
        <v/>
      </c>
      <c r="BS342" s="307" t="str">
        <f t="shared" si="209"/>
        <v/>
      </c>
      <c r="BT342" s="307" t="str">
        <f t="shared" si="210"/>
        <v/>
      </c>
      <c r="BU342" s="307" t="str">
        <f t="shared" si="211"/>
        <v/>
      </c>
      <c r="BV342" s="307" t="str">
        <f t="shared" si="212"/>
        <v/>
      </c>
      <c r="BW342" s="307">
        <f t="shared" si="213"/>
        <v>0</v>
      </c>
      <c r="BX342" s="307" t="str">
        <f t="shared" si="214"/>
        <v/>
      </c>
      <c r="BY342" s="307" t="str">
        <f t="shared" si="215"/>
        <v/>
      </c>
      <c r="BZ342" s="307" t="str">
        <f t="shared" si="216"/>
        <v/>
      </c>
      <c r="CA342" s="307" t="str">
        <f t="shared" si="217"/>
        <v/>
      </c>
      <c r="CB342" s="307" t="str">
        <f t="shared" si="218"/>
        <v/>
      </c>
      <c r="CC342" s="307" t="str">
        <f t="shared" si="219"/>
        <v/>
      </c>
      <c r="CD342" s="303"/>
      <c r="CE342" s="303"/>
      <c r="CF342" s="303"/>
    </row>
    <row r="343" spans="1:84" s="318" customFormat="1" ht="56.1" hidden="1" customHeight="1" x14ac:dyDescent="0.2">
      <c r="A343" s="302">
        <v>343</v>
      </c>
      <c r="B343" s="24" t="s">
        <v>53</v>
      </c>
      <c r="C343" s="35" t="s">
        <v>515</v>
      </c>
      <c r="D343" s="303" t="s">
        <v>528</v>
      </c>
      <c r="E343" s="303" t="s">
        <v>529</v>
      </c>
      <c r="F343" s="303" t="s">
        <v>529</v>
      </c>
      <c r="G343" s="303" t="s">
        <v>90</v>
      </c>
      <c r="H343" s="303" t="s">
        <v>310</v>
      </c>
      <c r="I343" s="303" t="s">
        <v>81</v>
      </c>
      <c r="J343" s="303" t="s">
        <v>525</v>
      </c>
      <c r="K343" s="303" t="s">
        <v>225</v>
      </c>
      <c r="L343" s="303" t="s">
        <v>63</v>
      </c>
      <c r="M343" s="303" t="s">
        <v>63</v>
      </c>
      <c r="N343" s="304">
        <v>0</v>
      </c>
      <c r="O343" s="304">
        <v>0</v>
      </c>
      <c r="P343" s="303" t="s">
        <v>226</v>
      </c>
      <c r="Q343" s="303" t="s">
        <v>82</v>
      </c>
      <c r="R343" s="317"/>
      <c r="S343" s="317"/>
      <c r="T343" s="317"/>
      <c r="U343" s="317"/>
      <c r="V343" s="317"/>
      <c r="W343" s="307"/>
      <c r="X343" s="317"/>
      <c r="Y343" s="317"/>
      <c r="Z343" s="317"/>
      <c r="AA343" s="317"/>
      <c r="AB343" s="317"/>
      <c r="AC343" s="317"/>
      <c r="AD343" s="317"/>
      <c r="AE343" s="317"/>
      <c r="AF343" s="317"/>
      <c r="AG343" s="317"/>
      <c r="AH343" s="317"/>
      <c r="AI343" s="317"/>
      <c r="AJ343" s="317"/>
      <c r="AK343" s="317"/>
      <c r="AL343" s="317"/>
      <c r="AM343" s="317"/>
      <c r="AN343" s="317"/>
      <c r="AO343" s="317"/>
      <c r="AP343" s="307" t="s">
        <v>66</v>
      </c>
      <c r="AQ343" s="317"/>
      <c r="AR343" s="317"/>
      <c r="AS343" s="317"/>
      <c r="AT343" s="317"/>
      <c r="AU343" s="317"/>
      <c r="AV343" s="317"/>
      <c r="AW343" s="308">
        <f t="shared" si="187"/>
        <v>201</v>
      </c>
      <c r="AX343" s="309"/>
      <c r="AY343" s="307" t="str">
        <f t="shared" si="189"/>
        <v/>
      </c>
      <c r="AZ343" s="307" t="str">
        <f t="shared" si="190"/>
        <v/>
      </c>
      <c r="BA343" s="307" t="str">
        <f t="shared" si="191"/>
        <v/>
      </c>
      <c r="BB343" s="307" t="str">
        <f t="shared" si="192"/>
        <v/>
      </c>
      <c r="BC343" s="307" t="str">
        <f t="shared" si="193"/>
        <v/>
      </c>
      <c r="BD343" s="307" t="str">
        <f t="shared" si="194"/>
        <v/>
      </c>
      <c r="BE343" s="307" t="str">
        <f t="shared" si="195"/>
        <v/>
      </c>
      <c r="BF343" s="307" t="str">
        <f t="shared" si="196"/>
        <v/>
      </c>
      <c r="BG343" s="307" t="str">
        <f t="shared" si="197"/>
        <v/>
      </c>
      <c r="BH343" s="307" t="str">
        <f t="shared" si="198"/>
        <v/>
      </c>
      <c r="BI343" s="307" t="str">
        <f t="shared" si="199"/>
        <v/>
      </c>
      <c r="BJ343" s="307" t="str">
        <f t="shared" si="200"/>
        <v/>
      </c>
      <c r="BK343" s="307" t="str">
        <f t="shared" si="201"/>
        <v/>
      </c>
      <c r="BL343" s="307" t="str">
        <f t="shared" si="202"/>
        <v/>
      </c>
      <c r="BM343" s="307" t="str">
        <f t="shared" si="203"/>
        <v/>
      </c>
      <c r="BN343" s="307" t="str">
        <f t="shared" si="204"/>
        <v/>
      </c>
      <c r="BO343" s="307" t="str">
        <f t="shared" si="205"/>
        <v/>
      </c>
      <c r="BP343" s="307" t="str">
        <f t="shared" si="206"/>
        <v/>
      </c>
      <c r="BQ343" s="307" t="str">
        <f t="shared" si="207"/>
        <v/>
      </c>
      <c r="BR343" s="307" t="str">
        <f t="shared" si="208"/>
        <v/>
      </c>
      <c r="BS343" s="307" t="str">
        <f t="shared" si="209"/>
        <v/>
      </c>
      <c r="BT343" s="307" t="str">
        <f t="shared" si="210"/>
        <v/>
      </c>
      <c r="BU343" s="307" t="str">
        <f t="shared" si="211"/>
        <v/>
      </c>
      <c r="BV343" s="307" t="str">
        <f t="shared" si="212"/>
        <v/>
      </c>
      <c r="BW343" s="307">
        <f t="shared" si="213"/>
        <v>0</v>
      </c>
      <c r="BX343" s="307" t="str">
        <f t="shared" si="214"/>
        <v/>
      </c>
      <c r="BY343" s="307" t="str">
        <f t="shared" si="215"/>
        <v/>
      </c>
      <c r="BZ343" s="307" t="str">
        <f t="shared" si="216"/>
        <v/>
      </c>
      <c r="CA343" s="307" t="str">
        <f t="shared" si="217"/>
        <v/>
      </c>
      <c r="CB343" s="307" t="str">
        <f t="shared" si="218"/>
        <v/>
      </c>
      <c r="CC343" s="307" t="str">
        <f t="shared" si="219"/>
        <v/>
      </c>
      <c r="CD343" s="303"/>
      <c r="CE343" s="303"/>
      <c r="CF343" s="303"/>
    </row>
    <row r="344" spans="1:84" s="318" customFormat="1" ht="56.1" hidden="1" customHeight="1" x14ac:dyDescent="0.2">
      <c r="A344" s="302">
        <v>344</v>
      </c>
      <c r="B344" s="24" t="s">
        <v>53</v>
      </c>
      <c r="C344" s="35" t="s">
        <v>515</v>
      </c>
      <c r="D344" s="303" t="s">
        <v>530</v>
      </c>
      <c r="E344" s="303" t="s">
        <v>532</v>
      </c>
      <c r="F344" s="303" t="s">
        <v>532</v>
      </c>
      <c r="G344" s="303" t="s">
        <v>90</v>
      </c>
      <c r="H344" s="303" t="s">
        <v>310</v>
      </c>
      <c r="I344" s="303" t="s">
        <v>81</v>
      </c>
      <c r="J344" s="303" t="s">
        <v>525</v>
      </c>
      <c r="K344" s="303" t="s">
        <v>225</v>
      </c>
      <c r="L344" s="303" t="s">
        <v>63</v>
      </c>
      <c r="M344" s="303" t="s">
        <v>63</v>
      </c>
      <c r="N344" s="304">
        <v>0</v>
      </c>
      <c r="O344" s="304">
        <v>0</v>
      </c>
      <c r="P344" s="303" t="s">
        <v>226</v>
      </c>
      <c r="Q344" s="303" t="s">
        <v>82</v>
      </c>
      <c r="R344" s="317"/>
      <c r="S344" s="317"/>
      <c r="T344" s="317"/>
      <c r="U344" s="317"/>
      <c r="V344" s="317"/>
      <c r="W344" s="307"/>
      <c r="X344" s="317"/>
      <c r="Y344" s="317"/>
      <c r="Z344" s="317"/>
      <c r="AA344" s="317"/>
      <c r="AB344" s="317"/>
      <c r="AC344" s="317"/>
      <c r="AD344" s="317"/>
      <c r="AE344" s="317"/>
      <c r="AF344" s="317"/>
      <c r="AG344" s="317"/>
      <c r="AH344" s="317"/>
      <c r="AI344" s="317"/>
      <c r="AJ344" s="317"/>
      <c r="AK344" s="317"/>
      <c r="AL344" s="317"/>
      <c r="AM344" s="317"/>
      <c r="AN344" s="317"/>
      <c r="AO344" s="317"/>
      <c r="AP344" s="307" t="s">
        <v>66</v>
      </c>
      <c r="AQ344" s="317"/>
      <c r="AR344" s="317"/>
      <c r="AS344" s="317"/>
      <c r="AT344" s="317"/>
      <c r="AU344" s="317"/>
      <c r="AV344" s="317"/>
      <c r="AW344" s="308">
        <f t="shared" si="187"/>
        <v>201</v>
      </c>
      <c r="AX344" s="309"/>
      <c r="AY344" s="307" t="str">
        <f t="shared" si="189"/>
        <v/>
      </c>
      <c r="AZ344" s="307" t="str">
        <f t="shared" si="190"/>
        <v/>
      </c>
      <c r="BA344" s="307" t="str">
        <f t="shared" si="191"/>
        <v/>
      </c>
      <c r="BB344" s="307" t="str">
        <f t="shared" si="192"/>
        <v/>
      </c>
      <c r="BC344" s="307" t="str">
        <f t="shared" si="193"/>
        <v/>
      </c>
      <c r="BD344" s="307" t="str">
        <f t="shared" si="194"/>
        <v/>
      </c>
      <c r="BE344" s="307" t="str">
        <f t="shared" si="195"/>
        <v/>
      </c>
      <c r="BF344" s="307" t="str">
        <f t="shared" si="196"/>
        <v/>
      </c>
      <c r="BG344" s="307" t="str">
        <f t="shared" si="197"/>
        <v/>
      </c>
      <c r="BH344" s="307" t="str">
        <f t="shared" si="198"/>
        <v/>
      </c>
      <c r="BI344" s="307" t="str">
        <f t="shared" si="199"/>
        <v/>
      </c>
      <c r="BJ344" s="307" t="str">
        <f t="shared" si="200"/>
        <v/>
      </c>
      <c r="BK344" s="307" t="str">
        <f t="shared" si="201"/>
        <v/>
      </c>
      <c r="BL344" s="307" t="str">
        <f t="shared" si="202"/>
        <v/>
      </c>
      <c r="BM344" s="307" t="str">
        <f t="shared" si="203"/>
        <v/>
      </c>
      <c r="BN344" s="307" t="str">
        <f t="shared" si="204"/>
        <v/>
      </c>
      <c r="BO344" s="307" t="str">
        <f t="shared" si="205"/>
        <v/>
      </c>
      <c r="BP344" s="307" t="str">
        <f t="shared" si="206"/>
        <v/>
      </c>
      <c r="BQ344" s="307" t="str">
        <f t="shared" si="207"/>
        <v/>
      </c>
      <c r="BR344" s="307" t="str">
        <f t="shared" si="208"/>
        <v/>
      </c>
      <c r="BS344" s="307" t="str">
        <f t="shared" si="209"/>
        <v/>
      </c>
      <c r="BT344" s="307" t="str">
        <f t="shared" si="210"/>
        <v/>
      </c>
      <c r="BU344" s="307" t="str">
        <f t="shared" si="211"/>
        <v/>
      </c>
      <c r="BV344" s="307" t="str">
        <f t="shared" si="212"/>
        <v/>
      </c>
      <c r="BW344" s="307">
        <f t="shared" si="213"/>
        <v>0</v>
      </c>
      <c r="BX344" s="307" t="str">
        <f t="shared" si="214"/>
        <v/>
      </c>
      <c r="BY344" s="307" t="str">
        <f t="shared" si="215"/>
        <v/>
      </c>
      <c r="BZ344" s="307" t="str">
        <f t="shared" si="216"/>
        <v/>
      </c>
      <c r="CA344" s="307" t="str">
        <f t="shared" si="217"/>
        <v/>
      </c>
      <c r="CB344" s="307" t="str">
        <f t="shared" si="218"/>
        <v/>
      </c>
      <c r="CC344" s="307" t="str">
        <f t="shared" si="219"/>
        <v/>
      </c>
      <c r="CD344" s="303"/>
      <c r="CE344" s="303"/>
      <c r="CF344" s="303"/>
    </row>
    <row r="345" spans="1:84" s="318" customFormat="1" ht="56.1" hidden="1" customHeight="1" x14ac:dyDescent="0.2">
      <c r="A345" s="302">
        <v>345</v>
      </c>
      <c r="B345" s="24" t="s">
        <v>53</v>
      </c>
      <c r="C345" s="35" t="s">
        <v>515</v>
      </c>
      <c r="D345" s="303" t="s">
        <v>533</v>
      </c>
      <c r="E345" s="303" t="s">
        <v>534</v>
      </c>
      <c r="F345" s="303" t="s">
        <v>534</v>
      </c>
      <c r="G345" s="303" t="s">
        <v>90</v>
      </c>
      <c r="H345" s="303" t="s">
        <v>310</v>
      </c>
      <c r="I345" s="303" t="s">
        <v>81</v>
      </c>
      <c r="J345" s="303" t="s">
        <v>334</v>
      </c>
      <c r="K345" s="303" t="s">
        <v>225</v>
      </c>
      <c r="L345" s="303" t="s">
        <v>63</v>
      </c>
      <c r="M345" s="303" t="s">
        <v>63</v>
      </c>
      <c r="N345" s="304">
        <v>35941.859999999993</v>
      </c>
      <c r="O345" s="304">
        <v>35941.859999999993</v>
      </c>
      <c r="P345" s="303" t="s">
        <v>226</v>
      </c>
      <c r="Q345" s="303" t="s">
        <v>82</v>
      </c>
      <c r="R345" s="317"/>
      <c r="S345" s="317"/>
      <c r="T345" s="317"/>
      <c r="U345" s="317"/>
      <c r="V345" s="317"/>
      <c r="W345" s="307"/>
      <c r="X345" s="317"/>
      <c r="Y345" s="317"/>
      <c r="Z345" s="317"/>
      <c r="AA345" s="317"/>
      <c r="AB345" s="317"/>
      <c r="AC345" s="317"/>
      <c r="AD345" s="317"/>
      <c r="AE345" s="317"/>
      <c r="AF345" s="317"/>
      <c r="AG345" s="317"/>
      <c r="AH345" s="317"/>
      <c r="AI345" s="317"/>
      <c r="AJ345" s="317"/>
      <c r="AK345" s="317"/>
      <c r="AL345" s="317"/>
      <c r="AM345" s="317"/>
      <c r="AN345" s="317"/>
      <c r="AO345" s="317"/>
      <c r="AP345" s="307" t="s">
        <v>66</v>
      </c>
      <c r="AQ345" s="317"/>
      <c r="AR345" s="317"/>
      <c r="AS345" s="317"/>
      <c r="AT345" s="317"/>
      <c r="AU345" s="317"/>
      <c r="AV345" s="317"/>
      <c r="AW345" s="308">
        <f t="shared" si="187"/>
        <v>201</v>
      </c>
      <c r="AX345" s="309">
        <f t="shared" ref="AX345:AX359" si="221">O345/AW345</f>
        <v>178.81522388059699</v>
      </c>
      <c r="AY345" s="307" t="str">
        <f t="shared" si="189"/>
        <v/>
      </c>
      <c r="AZ345" s="307" t="str">
        <f t="shared" si="190"/>
        <v/>
      </c>
      <c r="BA345" s="307" t="str">
        <f t="shared" si="191"/>
        <v/>
      </c>
      <c r="BB345" s="307" t="str">
        <f t="shared" si="192"/>
        <v/>
      </c>
      <c r="BC345" s="307" t="str">
        <f t="shared" si="193"/>
        <v/>
      </c>
      <c r="BD345" s="307" t="str">
        <f t="shared" si="194"/>
        <v/>
      </c>
      <c r="BE345" s="307" t="str">
        <f t="shared" si="195"/>
        <v/>
      </c>
      <c r="BF345" s="307" t="str">
        <f t="shared" si="196"/>
        <v/>
      </c>
      <c r="BG345" s="307" t="str">
        <f t="shared" si="197"/>
        <v/>
      </c>
      <c r="BH345" s="307" t="str">
        <f t="shared" si="198"/>
        <v/>
      </c>
      <c r="BI345" s="307" t="str">
        <f t="shared" si="199"/>
        <v/>
      </c>
      <c r="BJ345" s="307" t="str">
        <f t="shared" si="200"/>
        <v/>
      </c>
      <c r="BK345" s="307" t="str">
        <f t="shared" si="201"/>
        <v/>
      </c>
      <c r="BL345" s="307" t="str">
        <f t="shared" si="202"/>
        <v/>
      </c>
      <c r="BM345" s="307" t="str">
        <f t="shared" si="203"/>
        <v/>
      </c>
      <c r="BN345" s="307" t="str">
        <f t="shared" si="204"/>
        <v/>
      </c>
      <c r="BO345" s="307" t="str">
        <f t="shared" si="205"/>
        <v/>
      </c>
      <c r="BP345" s="307" t="str">
        <f t="shared" si="206"/>
        <v/>
      </c>
      <c r="BQ345" s="307" t="str">
        <f t="shared" si="207"/>
        <v/>
      </c>
      <c r="BR345" s="307" t="str">
        <f t="shared" si="208"/>
        <v/>
      </c>
      <c r="BS345" s="307" t="str">
        <f t="shared" si="209"/>
        <v/>
      </c>
      <c r="BT345" s="307" t="str">
        <f t="shared" si="210"/>
        <v/>
      </c>
      <c r="BU345" s="307" t="str">
        <f t="shared" si="211"/>
        <v/>
      </c>
      <c r="BV345" s="307" t="str">
        <f t="shared" si="212"/>
        <v/>
      </c>
      <c r="BW345" s="307">
        <f t="shared" si="213"/>
        <v>35941.859999999993</v>
      </c>
      <c r="BX345" s="307" t="str">
        <f t="shared" si="214"/>
        <v/>
      </c>
      <c r="BY345" s="307" t="str">
        <f t="shared" si="215"/>
        <v/>
      </c>
      <c r="BZ345" s="307" t="str">
        <f t="shared" si="216"/>
        <v/>
      </c>
      <c r="CA345" s="307" t="str">
        <f t="shared" si="217"/>
        <v/>
      </c>
      <c r="CB345" s="307" t="str">
        <f t="shared" si="218"/>
        <v/>
      </c>
      <c r="CC345" s="307" t="str">
        <f t="shared" si="219"/>
        <v/>
      </c>
      <c r="CD345" s="303"/>
      <c r="CE345" s="303"/>
      <c r="CF345" s="303"/>
    </row>
    <row r="346" spans="1:84" s="318" customFormat="1" ht="56.1" hidden="1" customHeight="1" x14ac:dyDescent="0.2">
      <c r="A346" s="302">
        <v>346</v>
      </c>
      <c r="B346" s="24" t="s">
        <v>53</v>
      </c>
      <c r="C346" s="35" t="s">
        <v>515</v>
      </c>
      <c r="D346" s="303" t="s">
        <v>548</v>
      </c>
      <c r="E346" s="303" t="s">
        <v>536</v>
      </c>
      <c r="F346" s="303" t="s">
        <v>536</v>
      </c>
      <c r="G346" s="303" t="s">
        <v>86</v>
      </c>
      <c r="H346" s="303" t="s">
        <v>549</v>
      </c>
      <c r="I346" s="303" t="s">
        <v>60</v>
      </c>
      <c r="J346" s="303" t="s">
        <v>334</v>
      </c>
      <c r="K346" s="303" t="s">
        <v>184</v>
      </c>
      <c r="L346" s="303" t="s">
        <v>63</v>
      </c>
      <c r="M346" s="303" t="s">
        <v>63</v>
      </c>
      <c r="N346" s="304">
        <v>235342.08000000002</v>
      </c>
      <c r="O346" s="304">
        <v>235342.08000000002</v>
      </c>
      <c r="P346" s="303" t="s">
        <v>64</v>
      </c>
      <c r="Q346" s="303" t="s">
        <v>82</v>
      </c>
      <c r="R346" s="317"/>
      <c r="S346" s="317"/>
      <c r="T346" s="317"/>
      <c r="U346" s="317"/>
      <c r="V346" s="317"/>
      <c r="W346" s="307"/>
      <c r="X346" s="317"/>
      <c r="Y346" s="317"/>
      <c r="Z346" s="317"/>
      <c r="AA346" s="317"/>
      <c r="AB346" s="317"/>
      <c r="AC346" s="317"/>
      <c r="AD346" s="317"/>
      <c r="AE346" s="317"/>
      <c r="AF346" s="317"/>
      <c r="AG346" s="317"/>
      <c r="AH346" s="319"/>
      <c r="AI346" s="307" t="s">
        <v>66</v>
      </c>
      <c r="AJ346" s="317"/>
      <c r="AK346" s="317"/>
      <c r="AL346" s="317"/>
      <c r="AM346" s="317"/>
      <c r="AN346" s="317"/>
      <c r="AO346" s="317"/>
      <c r="AP346" s="317"/>
      <c r="AQ346" s="317"/>
      <c r="AR346" s="317"/>
      <c r="AS346" s="317"/>
      <c r="AT346" s="317"/>
      <c r="AU346" s="317"/>
      <c r="AV346" s="317"/>
      <c r="AW346" s="308">
        <f t="shared" si="187"/>
        <v>775</v>
      </c>
      <c r="AX346" s="309">
        <f t="shared" si="221"/>
        <v>303.66720000000004</v>
      </c>
      <c r="AY346" s="307" t="str">
        <f t="shared" si="189"/>
        <v/>
      </c>
      <c r="AZ346" s="307" t="str">
        <f t="shared" si="190"/>
        <v/>
      </c>
      <c r="BA346" s="307" t="str">
        <f t="shared" si="191"/>
        <v/>
      </c>
      <c r="BB346" s="307" t="str">
        <f t="shared" si="192"/>
        <v/>
      </c>
      <c r="BC346" s="307" t="str">
        <f t="shared" si="193"/>
        <v/>
      </c>
      <c r="BD346" s="307" t="str">
        <f t="shared" si="194"/>
        <v/>
      </c>
      <c r="BE346" s="307" t="str">
        <f t="shared" si="195"/>
        <v/>
      </c>
      <c r="BF346" s="307" t="str">
        <f t="shared" si="196"/>
        <v/>
      </c>
      <c r="BG346" s="307" t="str">
        <f t="shared" si="197"/>
        <v/>
      </c>
      <c r="BH346" s="307" t="str">
        <f t="shared" si="198"/>
        <v/>
      </c>
      <c r="BI346" s="307" t="str">
        <f t="shared" si="199"/>
        <v/>
      </c>
      <c r="BJ346" s="307" t="str">
        <f t="shared" si="200"/>
        <v/>
      </c>
      <c r="BK346" s="307" t="str">
        <f t="shared" si="201"/>
        <v/>
      </c>
      <c r="BL346" s="307" t="str">
        <f t="shared" si="202"/>
        <v/>
      </c>
      <c r="BM346" s="307" t="str">
        <f t="shared" si="203"/>
        <v/>
      </c>
      <c r="BN346" s="307" t="str">
        <f t="shared" si="204"/>
        <v/>
      </c>
      <c r="BO346" s="307" t="str">
        <f t="shared" si="205"/>
        <v/>
      </c>
      <c r="BP346" s="307">
        <f t="shared" si="206"/>
        <v>235342.08000000002</v>
      </c>
      <c r="BQ346" s="307" t="str">
        <f t="shared" si="207"/>
        <v/>
      </c>
      <c r="BR346" s="307" t="str">
        <f t="shared" si="208"/>
        <v/>
      </c>
      <c r="BS346" s="307" t="str">
        <f t="shared" si="209"/>
        <v/>
      </c>
      <c r="BT346" s="307" t="str">
        <f t="shared" si="210"/>
        <v/>
      </c>
      <c r="BU346" s="307" t="str">
        <f t="shared" si="211"/>
        <v/>
      </c>
      <c r="BV346" s="307" t="str">
        <f t="shared" si="212"/>
        <v/>
      </c>
      <c r="BW346" s="307" t="str">
        <f t="shared" si="213"/>
        <v/>
      </c>
      <c r="BX346" s="307" t="str">
        <f t="shared" si="214"/>
        <v/>
      </c>
      <c r="BY346" s="307" t="str">
        <f t="shared" si="215"/>
        <v/>
      </c>
      <c r="BZ346" s="307" t="str">
        <f t="shared" si="216"/>
        <v/>
      </c>
      <c r="CA346" s="307" t="str">
        <f t="shared" si="217"/>
        <v/>
      </c>
      <c r="CB346" s="307" t="str">
        <f t="shared" si="218"/>
        <v/>
      </c>
      <c r="CC346" s="307" t="str">
        <f t="shared" si="219"/>
        <v/>
      </c>
      <c r="CD346" s="303"/>
      <c r="CE346" s="303"/>
      <c r="CF346" s="303"/>
    </row>
    <row r="347" spans="1:84" s="318" customFormat="1" ht="56.1" hidden="1" customHeight="1" x14ac:dyDescent="0.2">
      <c r="A347" s="302">
        <v>347</v>
      </c>
      <c r="B347" s="24" t="s">
        <v>53</v>
      </c>
      <c r="C347" s="35" t="s">
        <v>515</v>
      </c>
      <c r="D347" s="303" t="s">
        <v>518</v>
      </c>
      <c r="E347" s="303" t="s">
        <v>520</v>
      </c>
      <c r="F347" s="303" t="s">
        <v>520</v>
      </c>
      <c r="G347" s="303" t="s">
        <v>86</v>
      </c>
      <c r="H347" s="303" t="s">
        <v>549</v>
      </c>
      <c r="I347" s="303" t="s">
        <v>60</v>
      </c>
      <c r="J347" s="303" t="s">
        <v>334</v>
      </c>
      <c r="K347" s="303" t="s">
        <v>184</v>
      </c>
      <c r="L347" s="303" t="s">
        <v>63</v>
      </c>
      <c r="M347" s="303" t="s">
        <v>63</v>
      </c>
      <c r="N347" s="304">
        <v>617772.96000000008</v>
      </c>
      <c r="O347" s="304">
        <v>617772.96000000008</v>
      </c>
      <c r="P347" s="303" t="s">
        <v>64</v>
      </c>
      <c r="Q347" s="303" t="s">
        <v>82</v>
      </c>
      <c r="R347" s="317"/>
      <c r="S347" s="317"/>
      <c r="T347" s="317"/>
      <c r="U347" s="317"/>
      <c r="V347" s="317"/>
      <c r="W347" s="307"/>
      <c r="X347" s="317"/>
      <c r="Y347" s="317"/>
      <c r="Z347" s="317"/>
      <c r="AA347" s="317"/>
      <c r="AB347" s="317"/>
      <c r="AC347" s="317"/>
      <c r="AD347" s="317"/>
      <c r="AE347" s="317"/>
      <c r="AF347" s="317"/>
      <c r="AG347" s="317"/>
      <c r="AH347" s="319"/>
      <c r="AI347" s="307" t="s">
        <v>66</v>
      </c>
      <c r="AJ347" s="317"/>
      <c r="AK347" s="317"/>
      <c r="AL347" s="317"/>
      <c r="AM347" s="317"/>
      <c r="AN347" s="317"/>
      <c r="AO347" s="317"/>
      <c r="AP347" s="317"/>
      <c r="AQ347" s="317"/>
      <c r="AR347" s="317"/>
      <c r="AS347" s="317"/>
      <c r="AT347" s="317"/>
      <c r="AU347" s="317"/>
      <c r="AV347" s="317"/>
      <c r="AW347" s="308">
        <f t="shared" si="187"/>
        <v>775</v>
      </c>
      <c r="AX347" s="309">
        <f t="shared" si="221"/>
        <v>797.1264000000001</v>
      </c>
      <c r="AY347" s="307" t="str">
        <f t="shared" si="189"/>
        <v/>
      </c>
      <c r="AZ347" s="307" t="str">
        <f t="shared" si="190"/>
        <v/>
      </c>
      <c r="BA347" s="307" t="str">
        <f t="shared" si="191"/>
        <v/>
      </c>
      <c r="BB347" s="307" t="str">
        <f t="shared" si="192"/>
        <v/>
      </c>
      <c r="BC347" s="307" t="str">
        <f t="shared" si="193"/>
        <v/>
      </c>
      <c r="BD347" s="307" t="str">
        <f t="shared" si="194"/>
        <v/>
      </c>
      <c r="BE347" s="307" t="str">
        <f t="shared" si="195"/>
        <v/>
      </c>
      <c r="BF347" s="307" t="str">
        <f t="shared" si="196"/>
        <v/>
      </c>
      <c r="BG347" s="307" t="str">
        <f t="shared" si="197"/>
        <v/>
      </c>
      <c r="BH347" s="307" t="str">
        <f t="shared" si="198"/>
        <v/>
      </c>
      <c r="BI347" s="307" t="str">
        <f t="shared" si="199"/>
        <v/>
      </c>
      <c r="BJ347" s="307" t="str">
        <f t="shared" si="200"/>
        <v/>
      </c>
      <c r="BK347" s="307" t="str">
        <f t="shared" si="201"/>
        <v/>
      </c>
      <c r="BL347" s="307" t="str">
        <f t="shared" si="202"/>
        <v/>
      </c>
      <c r="BM347" s="307" t="str">
        <f t="shared" si="203"/>
        <v/>
      </c>
      <c r="BN347" s="307" t="str">
        <f t="shared" si="204"/>
        <v/>
      </c>
      <c r="BO347" s="307" t="str">
        <f t="shared" si="205"/>
        <v/>
      </c>
      <c r="BP347" s="307">
        <f t="shared" si="206"/>
        <v>617772.96000000008</v>
      </c>
      <c r="BQ347" s="307" t="str">
        <f t="shared" si="207"/>
        <v/>
      </c>
      <c r="BR347" s="307" t="str">
        <f t="shared" si="208"/>
        <v/>
      </c>
      <c r="BS347" s="307" t="str">
        <f t="shared" si="209"/>
        <v/>
      </c>
      <c r="BT347" s="307" t="str">
        <f t="shared" si="210"/>
        <v/>
      </c>
      <c r="BU347" s="307" t="str">
        <f t="shared" si="211"/>
        <v/>
      </c>
      <c r="BV347" s="307" t="str">
        <f t="shared" si="212"/>
        <v/>
      </c>
      <c r="BW347" s="307" t="str">
        <f t="shared" si="213"/>
        <v/>
      </c>
      <c r="BX347" s="307" t="str">
        <f t="shared" si="214"/>
        <v/>
      </c>
      <c r="BY347" s="307" t="str">
        <f t="shared" si="215"/>
        <v/>
      </c>
      <c r="BZ347" s="307" t="str">
        <f t="shared" si="216"/>
        <v/>
      </c>
      <c r="CA347" s="307" t="str">
        <f t="shared" si="217"/>
        <v/>
      </c>
      <c r="CB347" s="307" t="str">
        <f t="shared" si="218"/>
        <v/>
      </c>
      <c r="CC347" s="307" t="str">
        <f t="shared" si="219"/>
        <v/>
      </c>
      <c r="CD347" s="303"/>
      <c r="CE347" s="303"/>
      <c r="CF347" s="303"/>
    </row>
    <row r="348" spans="1:84" s="318" customFormat="1" ht="56.1" hidden="1" customHeight="1" x14ac:dyDescent="0.2">
      <c r="A348" s="302">
        <v>348</v>
      </c>
      <c r="B348" s="24" t="s">
        <v>53</v>
      </c>
      <c r="C348" s="35" t="s">
        <v>515</v>
      </c>
      <c r="D348" s="303" t="s">
        <v>521</v>
      </c>
      <c r="E348" s="303" t="s">
        <v>522</v>
      </c>
      <c r="F348" s="303" t="s">
        <v>522</v>
      </c>
      <c r="G348" s="303" t="s">
        <v>86</v>
      </c>
      <c r="H348" s="303" t="s">
        <v>549</v>
      </c>
      <c r="I348" s="303" t="s">
        <v>60</v>
      </c>
      <c r="J348" s="303" t="s">
        <v>334</v>
      </c>
      <c r="K348" s="303" t="s">
        <v>184</v>
      </c>
      <c r="L348" s="303" t="s">
        <v>63</v>
      </c>
      <c r="M348" s="303" t="s">
        <v>63</v>
      </c>
      <c r="N348" s="304">
        <v>862920.96000000008</v>
      </c>
      <c r="O348" s="304">
        <v>862920.96000000008</v>
      </c>
      <c r="P348" s="303" t="s">
        <v>64</v>
      </c>
      <c r="Q348" s="303" t="s">
        <v>82</v>
      </c>
      <c r="R348" s="317"/>
      <c r="S348" s="317"/>
      <c r="T348" s="317"/>
      <c r="U348" s="317"/>
      <c r="V348" s="317"/>
      <c r="W348" s="307"/>
      <c r="X348" s="317"/>
      <c r="Y348" s="317"/>
      <c r="Z348" s="317"/>
      <c r="AA348" s="317"/>
      <c r="AB348" s="317"/>
      <c r="AC348" s="317"/>
      <c r="AD348" s="317"/>
      <c r="AE348" s="317"/>
      <c r="AF348" s="317"/>
      <c r="AG348" s="317"/>
      <c r="AH348" s="319"/>
      <c r="AI348" s="307" t="s">
        <v>66</v>
      </c>
      <c r="AJ348" s="317"/>
      <c r="AK348" s="317"/>
      <c r="AL348" s="317"/>
      <c r="AM348" s="317"/>
      <c r="AN348" s="317"/>
      <c r="AO348" s="317"/>
      <c r="AP348" s="317"/>
      <c r="AQ348" s="317"/>
      <c r="AR348" s="317"/>
      <c r="AS348" s="317"/>
      <c r="AT348" s="317"/>
      <c r="AU348" s="317"/>
      <c r="AV348" s="317"/>
      <c r="AW348" s="308">
        <f t="shared" si="187"/>
        <v>775</v>
      </c>
      <c r="AX348" s="309">
        <f t="shared" si="221"/>
        <v>1113.4464</v>
      </c>
      <c r="AY348" s="307" t="str">
        <f t="shared" si="189"/>
        <v/>
      </c>
      <c r="AZ348" s="307" t="str">
        <f t="shared" si="190"/>
        <v/>
      </c>
      <c r="BA348" s="307" t="str">
        <f t="shared" si="191"/>
        <v/>
      </c>
      <c r="BB348" s="307" t="str">
        <f t="shared" si="192"/>
        <v/>
      </c>
      <c r="BC348" s="307" t="str">
        <f t="shared" si="193"/>
        <v/>
      </c>
      <c r="BD348" s="307" t="str">
        <f t="shared" si="194"/>
        <v/>
      </c>
      <c r="BE348" s="307" t="str">
        <f t="shared" si="195"/>
        <v/>
      </c>
      <c r="BF348" s="307" t="str">
        <f t="shared" si="196"/>
        <v/>
      </c>
      <c r="BG348" s="307" t="str">
        <f t="shared" si="197"/>
        <v/>
      </c>
      <c r="BH348" s="307" t="str">
        <f t="shared" si="198"/>
        <v/>
      </c>
      <c r="BI348" s="307" t="str">
        <f t="shared" si="199"/>
        <v/>
      </c>
      <c r="BJ348" s="307" t="str">
        <f t="shared" si="200"/>
        <v/>
      </c>
      <c r="BK348" s="307" t="str">
        <f t="shared" si="201"/>
        <v/>
      </c>
      <c r="BL348" s="307" t="str">
        <f t="shared" si="202"/>
        <v/>
      </c>
      <c r="BM348" s="307" t="str">
        <f t="shared" si="203"/>
        <v/>
      </c>
      <c r="BN348" s="307" t="str">
        <f t="shared" si="204"/>
        <v/>
      </c>
      <c r="BO348" s="307" t="str">
        <f t="shared" si="205"/>
        <v/>
      </c>
      <c r="BP348" s="307">
        <f t="shared" si="206"/>
        <v>862920.96000000008</v>
      </c>
      <c r="BQ348" s="307" t="str">
        <f t="shared" si="207"/>
        <v/>
      </c>
      <c r="BR348" s="307" t="str">
        <f t="shared" si="208"/>
        <v/>
      </c>
      <c r="BS348" s="307" t="str">
        <f t="shared" si="209"/>
        <v/>
      </c>
      <c r="BT348" s="307" t="str">
        <f t="shared" si="210"/>
        <v/>
      </c>
      <c r="BU348" s="307" t="str">
        <f t="shared" si="211"/>
        <v/>
      </c>
      <c r="BV348" s="307" t="str">
        <f t="shared" si="212"/>
        <v/>
      </c>
      <c r="BW348" s="307" t="str">
        <f t="shared" si="213"/>
        <v/>
      </c>
      <c r="BX348" s="307" t="str">
        <f t="shared" si="214"/>
        <v/>
      </c>
      <c r="BY348" s="307" t="str">
        <f t="shared" si="215"/>
        <v/>
      </c>
      <c r="BZ348" s="307" t="str">
        <f t="shared" si="216"/>
        <v/>
      </c>
      <c r="CA348" s="307" t="str">
        <f t="shared" si="217"/>
        <v/>
      </c>
      <c r="CB348" s="307" t="str">
        <f t="shared" si="218"/>
        <v/>
      </c>
      <c r="CC348" s="307" t="str">
        <f t="shared" si="219"/>
        <v/>
      </c>
      <c r="CD348" s="303"/>
      <c r="CE348" s="303"/>
      <c r="CF348" s="303"/>
    </row>
    <row r="349" spans="1:84" s="318" customFormat="1" ht="56.1" hidden="1" customHeight="1" x14ac:dyDescent="0.2">
      <c r="A349" s="302">
        <v>349</v>
      </c>
      <c r="B349" s="24" t="s">
        <v>53</v>
      </c>
      <c r="C349" s="35" t="s">
        <v>515</v>
      </c>
      <c r="D349" s="303" t="s">
        <v>523</v>
      </c>
      <c r="E349" s="303" t="s">
        <v>540</v>
      </c>
      <c r="F349" s="303" t="s">
        <v>540</v>
      </c>
      <c r="G349" s="303" t="s">
        <v>86</v>
      </c>
      <c r="H349" s="303" t="s">
        <v>549</v>
      </c>
      <c r="I349" s="303" t="s">
        <v>388</v>
      </c>
      <c r="J349" s="303" t="s">
        <v>525</v>
      </c>
      <c r="K349" s="303" t="s">
        <v>184</v>
      </c>
      <c r="L349" s="303" t="s">
        <v>63</v>
      </c>
      <c r="M349" s="303" t="s">
        <v>63</v>
      </c>
      <c r="N349" s="304">
        <v>43494</v>
      </c>
      <c r="O349" s="304">
        <v>43494</v>
      </c>
      <c r="P349" s="303" t="s">
        <v>64</v>
      </c>
      <c r="Q349" s="303" t="s">
        <v>82</v>
      </c>
      <c r="R349" s="317"/>
      <c r="S349" s="317"/>
      <c r="T349" s="317"/>
      <c r="U349" s="317"/>
      <c r="V349" s="317"/>
      <c r="W349" s="307"/>
      <c r="X349" s="317"/>
      <c r="Y349" s="317"/>
      <c r="Z349" s="317"/>
      <c r="AA349" s="317"/>
      <c r="AB349" s="317"/>
      <c r="AC349" s="317"/>
      <c r="AD349" s="317"/>
      <c r="AE349" s="317"/>
      <c r="AF349" s="317"/>
      <c r="AG349" s="317"/>
      <c r="AH349" s="319"/>
      <c r="AI349" s="307" t="s">
        <v>66</v>
      </c>
      <c r="AJ349" s="317"/>
      <c r="AK349" s="317"/>
      <c r="AL349" s="317"/>
      <c r="AM349" s="317"/>
      <c r="AN349" s="317"/>
      <c r="AO349" s="317"/>
      <c r="AP349" s="317"/>
      <c r="AQ349" s="317"/>
      <c r="AR349" s="317"/>
      <c r="AS349" s="317"/>
      <c r="AT349" s="317"/>
      <c r="AU349" s="317"/>
      <c r="AV349" s="317"/>
      <c r="AW349" s="308">
        <f t="shared" si="187"/>
        <v>775</v>
      </c>
      <c r="AX349" s="309">
        <f t="shared" si="221"/>
        <v>56.121290322580649</v>
      </c>
      <c r="AY349" s="307" t="str">
        <f t="shared" si="189"/>
        <v/>
      </c>
      <c r="AZ349" s="307" t="str">
        <f t="shared" si="190"/>
        <v/>
      </c>
      <c r="BA349" s="307" t="str">
        <f t="shared" si="191"/>
        <v/>
      </c>
      <c r="BB349" s="307" t="str">
        <f t="shared" si="192"/>
        <v/>
      </c>
      <c r="BC349" s="307" t="str">
        <f t="shared" si="193"/>
        <v/>
      </c>
      <c r="BD349" s="307" t="str">
        <f t="shared" si="194"/>
        <v/>
      </c>
      <c r="BE349" s="307" t="str">
        <f t="shared" si="195"/>
        <v/>
      </c>
      <c r="BF349" s="307" t="str">
        <f t="shared" si="196"/>
        <v/>
      </c>
      <c r="BG349" s="307" t="str">
        <f t="shared" si="197"/>
        <v/>
      </c>
      <c r="BH349" s="307" t="str">
        <f t="shared" si="198"/>
        <v/>
      </c>
      <c r="BI349" s="307" t="str">
        <f t="shared" si="199"/>
        <v/>
      </c>
      <c r="BJ349" s="307" t="str">
        <f t="shared" si="200"/>
        <v/>
      </c>
      <c r="BK349" s="307" t="str">
        <f t="shared" si="201"/>
        <v/>
      </c>
      <c r="BL349" s="307" t="str">
        <f t="shared" si="202"/>
        <v/>
      </c>
      <c r="BM349" s="307" t="str">
        <f t="shared" si="203"/>
        <v/>
      </c>
      <c r="BN349" s="307" t="str">
        <f t="shared" si="204"/>
        <v/>
      </c>
      <c r="BO349" s="307" t="str">
        <f t="shared" si="205"/>
        <v/>
      </c>
      <c r="BP349" s="307">
        <f t="shared" si="206"/>
        <v>43494</v>
      </c>
      <c r="BQ349" s="307" t="str">
        <f t="shared" si="207"/>
        <v/>
      </c>
      <c r="BR349" s="307" t="str">
        <f t="shared" si="208"/>
        <v/>
      </c>
      <c r="BS349" s="307" t="str">
        <f t="shared" si="209"/>
        <v/>
      </c>
      <c r="BT349" s="307" t="str">
        <f t="shared" si="210"/>
        <v/>
      </c>
      <c r="BU349" s="307" t="str">
        <f t="shared" si="211"/>
        <v/>
      </c>
      <c r="BV349" s="307" t="str">
        <f t="shared" si="212"/>
        <v/>
      </c>
      <c r="BW349" s="307" t="str">
        <f t="shared" si="213"/>
        <v/>
      </c>
      <c r="BX349" s="307" t="str">
        <f t="shared" si="214"/>
        <v/>
      </c>
      <c r="BY349" s="307" t="str">
        <f t="shared" si="215"/>
        <v/>
      </c>
      <c r="BZ349" s="307" t="str">
        <f t="shared" si="216"/>
        <v/>
      </c>
      <c r="CA349" s="307" t="str">
        <f t="shared" si="217"/>
        <v/>
      </c>
      <c r="CB349" s="307" t="str">
        <f t="shared" si="218"/>
        <v/>
      </c>
      <c r="CC349" s="307" t="str">
        <f t="shared" si="219"/>
        <v/>
      </c>
      <c r="CD349" s="303"/>
      <c r="CE349" s="303"/>
      <c r="CF349" s="303"/>
    </row>
    <row r="350" spans="1:84" s="318" customFormat="1" ht="56.1" hidden="1" customHeight="1" x14ac:dyDescent="0.2">
      <c r="A350" s="302">
        <v>350</v>
      </c>
      <c r="B350" s="24" t="s">
        <v>53</v>
      </c>
      <c r="C350" s="35" t="s">
        <v>515</v>
      </c>
      <c r="D350" s="303" t="s">
        <v>539</v>
      </c>
      <c r="E350" s="303" t="s">
        <v>541</v>
      </c>
      <c r="F350" s="303" t="s">
        <v>541</v>
      </c>
      <c r="G350" s="303" t="s">
        <v>86</v>
      </c>
      <c r="H350" s="303" t="s">
        <v>549</v>
      </c>
      <c r="I350" s="303" t="s">
        <v>388</v>
      </c>
      <c r="J350" s="303" t="s">
        <v>525</v>
      </c>
      <c r="K350" s="303" t="s">
        <v>184</v>
      </c>
      <c r="L350" s="303" t="s">
        <v>63</v>
      </c>
      <c r="M350" s="303" t="s">
        <v>63</v>
      </c>
      <c r="N350" s="304">
        <v>105440</v>
      </c>
      <c r="O350" s="304">
        <v>105440</v>
      </c>
      <c r="P350" s="303" t="s">
        <v>64</v>
      </c>
      <c r="Q350" s="303" t="s">
        <v>82</v>
      </c>
      <c r="R350" s="317"/>
      <c r="S350" s="317"/>
      <c r="T350" s="317"/>
      <c r="U350" s="317"/>
      <c r="V350" s="317"/>
      <c r="W350" s="307"/>
      <c r="X350" s="317"/>
      <c r="Y350" s="317"/>
      <c r="Z350" s="317"/>
      <c r="AA350" s="317"/>
      <c r="AB350" s="317"/>
      <c r="AC350" s="317"/>
      <c r="AD350" s="317"/>
      <c r="AE350" s="317"/>
      <c r="AF350" s="317"/>
      <c r="AG350" s="317"/>
      <c r="AH350" s="319"/>
      <c r="AI350" s="307" t="s">
        <v>66</v>
      </c>
      <c r="AJ350" s="317"/>
      <c r="AK350" s="317"/>
      <c r="AL350" s="317"/>
      <c r="AM350" s="317"/>
      <c r="AN350" s="317"/>
      <c r="AO350" s="317"/>
      <c r="AP350" s="317"/>
      <c r="AQ350" s="317"/>
      <c r="AR350" s="317"/>
      <c r="AS350" s="317"/>
      <c r="AT350" s="317"/>
      <c r="AU350" s="317"/>
      <c r="AV350" s="317"/>
      <c r="AW350" s="308">
        <f t="shared" si="187"/>
        <v>775</v>
      </c>
      <c r="AX350" s="309">
        <f t="shared" si="221"/>
        <v>136.05161290322582</v>
      </c>
      <c r="AY350" s="307" t="str">
        <f t="shared" si="189"/>
        <v/>
      </c>
      <c r="AZ350" s="307" t="str">
        <f t="shared" si="190"/>
        <v/>
      </c>
      <c r="BA350" s="307" t="str">
        <f t="shared" si="191"/>
        <v/>
      </c>
      <c r="BB350" s="307" t="str">
        <f t="shared" si="192"/>
        <v/>
      </c>
      <c r="BC350" s="307" t="str">
        <f t="shared" si="193"/>
        <v/>
      </c>
      <c r="BD350" s="307" t="str">
        <f t="shared" si="194"/>
        <v/>
      </c>
      <c r="BE350" s="307" t="str">
        <f t="shared" si="195"/>
        <v/>
      </c>
      <c r="BF350" s="307" t="str">
        <f t="shared" si="196"/>
        <v/>
      </c>
      <c r="BG350" s="307" t="str">
        <f t="shared" si="197"/>
        <v/>
      </c>
      <c r="BH350" s="307" t="str">
        <f t="shared" si="198"/>
        <v/>
      </c>
      <c r="BI350" s="307" t="str">
        <f t="shared" si="199"/>
        <v/>
      </c>
      <c r="BJ350" s="307" t="str">
        <f t="shared" si="200"/>
        <v/>
      </c>
      <c r="BK350" s="307" t="str">
        <f t="shared" si="201"/>
        <v/>
      </c>
      <c r="BL350" s="307" t="str">
        <f t="shared" si="202"/>
        <v/>
      </c>
      <c r="BM350" s="307" t="str">
        <f t="shared" si="203"/>
        <v/>
      </c>
      <c r="BN350" s="307" t="str">
        <f t="shared" si="204"/>
        <v/>
      </c>
      <c r="BO350" s="307" t="str">
        <f t="shared" si="205"/>
        <v/>
      </c>
      <c r="BP350" s="307">
        <f t="shared" si="206"/>
        <v>105440.00000000001</v>
      </c>
      <c r="BQ350" s="307" t="str">
        <f t="shared" si="207"/>
        <v/>
      </c>
      <c r="BR350" s="307" t="str">
        <f t="shared" si="208"/>
        <v/>
      </c>
      <c r="BS350" s="307" t="str">
        <f t="shared" si="209"/>
        <v/>
      </c>
      <c r="BT350" s="307" t="str">
        <f t="shared" si="210"/>
        <v/>
      </c>
      <c r="BU350" s="307" t="str">
        <f t="shared" si="211"/>
        <v/>
      </c>
      <c r="BV350" s="307" t="str">
        <f t="shared" si="212"/>
        <v/>
      </c>
      <c r="BW350" s="307" t="str">
        <f t="shared" si="213"/>
        <v/>
      </c>
      <c r="BX350" s="307" t="str">
        <f t="shared" si="214"/>
        <v/>
      </c>
      <c r="BY350" s="307" t="str">
        <f t="shared" si="215"/>
        <v/>
      </c>
      <c r="BZ350" s="307" t="str">
        <f t="shared" si="216"/>
        <v/>
      </c>
      <c r="CA350" s="307" t="str">
        <f t="shared" si="217"/>
        <v/>
      </c>
      <c r="CB350" s="307" t="str">
        <f t="shared" si="218"/>
        <v/>
      </c>
      <c r="CC350" s="307" t="str">
        <f t="shared" si="219"/>
        <v/>
      </c>
      <c r="CD350" s="303"/>
      <c r="CE350" s="303"/>
      <c r="CF350" s="303"/>
    </row>
    <row r="351" spans="1:84" s="318" customFormat="1" ht="56.1" hidden="1" customHeight="1" x14ac:dyDescent="0.2">
      <c r="A351" s="302">
        <v>351</v>
      </c>
      <c r="B351" s="24" t="s">
        <v>53</v>
      </c>
      <c r="C351" s="35" t="s">
        <v>515</v>
      </c>
      <c r="D351" s="303" t="s">
        <v>528</v>
      </c>
      <c r="E351" s="303" t="s">
        <v>546</v>
      </c>
      <c r="F351" s="303" t="s">
        <v>546</v>
      </c>
      <c r="G351" s="303" t="s">
        <v>86</v>
      </c>
      <c r="H351" s="303" t="s">
        <v>549</v>
      </c>
      <c r="I351" s="303" t="s">
        <v>388</v>
      </c>
      <c r="J351" s="303" t="s">
        <v>525</v>
      </c>
      <c r="K351" s="303" t="s">
        <v>184</v>
      </c>
      <c r="L351" s="303" t="s">
        <v>63</v>
      </c>
      <c r="M351" s="303" t="s">
        <v>63</v>
      </c>
      <c r="N351" s="304">
        <v>369040</v>
      </c>
      <c r="O351" s="304">
        <v>369040</v>
      </c>
      <c r="P351" s="303" t="s">
        <v>64</v>
      </c>
      <c r="Q351" s="303" t="s">
        <v>82</v>
      </c>
      <c r="R351" s="317"/>
      <c r="S351" s="317"/>
      <c r="T351" s="317"/>
      <c r="U351" s="317"/>
      <c r="V351" s="317"/>
      <c r="W351" s="307"/>
      <c r="X351" s="317"/>
      <c r="Y351" s="317"/>
      <c r="Z351" s="317"/>
      <c r="AA351" s="317"/>
      <c r="AB351" s="317"/>
      <c r="AC351" s="317"/>
      <c r="AD351" s="317"/>
      <c r="AE351" s="317"/>
      <c r="AF351" s="317"/>
      <c r="AG351" s="317"/>
      <c r="AH351" s="319"/>
      <c r="AI351" s="307" t="s">
        <v>66</v>
      </c>
      <c r="AJ351" s="317"/>
      <c r="AK351" s="317"/>
      <c r="AL351" s="317"/>
      <c r="AM351" s="317"/>
      <c r="AN351" s="317"/>
      <c r="AO351" s="317"/>
      <c r="AP351" s="317"/>
      <c r="AQ351" s="317"/>
      <c r="AR351" s="317"/>
      <c r="AS351" s="317"/>
      <c r="AT351" s="317"/>
      <c r="AU351" s="317"/>
      <c r="AV351" s="317"/>
      <c r="AW351" s="308">
        <f t="shared" si="187"/>
        <v>775</v>
      </c>
      <c r="AX351" s="309">
        <f t="shared" si="221"/>
        <v>476.18064516129033</v>
      </c>
      <c r="AY351" s="307" t="str">
        <f t="shared" si="189"/>
        <v/>
      </c>
      <c r="AZ351" s="307" t="str">
        <f t="shared" si="190"/>
        <v/>
      </c>
      <c r="BA351" s="307" t="str">
        <f t="shared" si="191"/>
        <v/>
      </c>
      <c r="BB351" s="307" t="str">
        <f t="shared" si="192"/>
        <v/>
      </c>
      <c r="BC351" s="307" t="str">
        <f t="shared" si="193"/>
        <v/>
      </c>
      <c r="BD351" s="307" t="str">
        <f t="shared" si="194"/>
        <v/>
      </c>
      <c r="BE351" s="307" t="str">
        <f t="shared" si="195"/>
        <v/>
      </c>
      <c r="BF351" s="307" t="str">
        <f t="shared" si="196"/>
        <v/>
      </c>
      <c r="BG351" s="307" t="str">
        <f t="shared" si="197"/>
        <v/>
      </c>
      <c r="BH351" s="307" t="str">
        <f t="shared" si="198"/>
        <v/>
      </c>
      <c r="BI351" s="307" t="str">
        <f t="shared" si="199"/>
        <v/>
      </c>
      <c r="BJ351" s="307" t="str">
        <f t="shared" si="200"/>
        <v/>
      </c>
      <c r="BK351" s="307" t="str">
        <f t="shared" si="201"/>
        <v/>
      </c>
      <c r="BL351" s="307" t="str">
        <f t="shared" si="202"/>
        <v/>
      </c>
      <c r="BM351" s="307" t="str">
        <f t="shared" si="203"/>
        <v/>
      </c>
      <c r="BN351" s="307" t="str">
        <f t="shared" si="204"/>
        <v/>
      </c>
      <c r="BO351" s="307" t="str">
        <f t="shared" si="205"/>
        <v/>
      </c>
      <c r="BP351" s="307">
        <f t="shared" si="206"/>
        <v>369040</v>
      </c>
      <c r="BQ351" s="307" t="str">
        <f t="shared" si="207"/>
        <v/>
      </c>
      <c r="BR351" s="307" t="str">
        <f t="shared" si="208"/>
        <v/>
      </c>
      <c r="BS351" s="307" t="str">
        <f t="shared" si="209"/>
        <v/>
      </c>
      <c r="BT351" s="307" t="str">
        <f t="shared" si="210"/>
        <v/>
      </c>
      <c r="BU351" s="307" t="str">
        <f t="shared" si="211"/>
        <v/>
      </c>
      <c r="BV351" s="307" t="str">
        <f t="shared" si="212"/>
        <v/>
      </c>
      <c r="BW351" s="307" t="str">
        <f t="shared" si="213"/>
        <v/>
      </c>
      <c r="BX351" s="307" t="str">
        <f t="shared" si="214"/>
        <v/>
      </c>
      <c r="BY351" s="307" t="str">
        <f t="shared" si="215"/>
        <v/>
      </c>
      <c r="BZ351" s="307" t="str">
        <f t="shared" si="216"/>
        <v/>
      </c>
      <c r="CA351" s="307" t="str">
        <f t="shared" si="217"/>
        <v/>
      </c>
      <c r="CB351" s="307" t="str">
        <f t="shared" si="218"/>
        <v/>
      </c>
      <c r="CC351" s="307" t="str">
        <f t="shared" si="219"/>
        <v/>
      </c>
      <c r="CD351" s="303"/>
      <c r="CE351" s="303"/>
      <c r="CF351" s="303"/>
    </row>
    <row r="352" spans="1:84" s="318" customFormat="1" ht="56.1" hidden="1" customHeight="1" x14ac:dyDescent="0.2">
      <c r="A352" s="302">
        <v>352</v>
      </c>
      <c r="B352" s="24" t="s">
        <v>53</v>
      </c>
      <c r="C352" s="35" t="s">
        <v>515</v>
      </c>
      <c r="D352" s="303" t="s">
        <v>530</v>
      </c>
      <c r="E352" s="303" t="s">
        <v>550</v>
      </c>
      <c r="F352" s="303" t="s">
        <v>550</v>
      </c>
      <c r="G352" s="303" t="s">
        <v>86</v>
      </c>
      <c r="H352" s="303" t="s">
        <v>549</v>
      </c>
      <c r="I352" s="303" t="s">
        <v>388</v>
      </c>
      <c r="J352" s="303" t="s">
        <v>525</v>
      </c>
      <c r="K352" s="303" t="s">
        <v>184</v>
      </c>
      <c r="L352" s="303" t="s">
        <v>63</v>
      </c>
      <c r="M352" s="303" t="s">
        <v>63</v>
      </c>
      <c r="N352" s="304">
        <v>217470</v>
      </c>
      <c r="O352" s="304">
        <v>217470</v>
      </c>
      <c r="P352" s="303" t="s">
        <v>64</v>
      </c>
      <c r="Q352" s="303" t="s">
        <v>82</v>
      </c>
      <c r="R352" s="317"/>
      <c r="S352" s="317"/>
      <c r="T352" s="317"/>
      <c r="U352" s="317"/>
      <c r="V352" s="317"/>
      <c r="W352" s="307"/>
      <c r="X352" s="317"/>
      <c r="Y352" s="317"/>
      <c r="Z352" s="317"/>
      <c r="AA352" s="317"/>
      <c r="AB352" s="317"/>
      <c r="AC352" s="317"/>
      <c r="AD352" s="317"/>
      <c r="AE352" s="317"/>
      <c r="AF352" s="317"/>
      <c r="AG352" s="317"/>
      <c r="AH352" s="319"/>
      <c r="AI352" s="307" t="s">
        <v>66</v>
      </c>
      <c r="AJ352" s="317"/>
      <c r="AK352" s="317"/>
      <c r="AL352" s="317"/>
      <c r="AM352" s="317"/>
      <c r="AN352" s="317"/>
      <c r="AO352" s="317"/>
      <c r="AP352" s="317"/>
      <c r="AQ352" s="317"/>
      <c r="AR352" s="317"/>
      <c r="AS352" s="317"/>
      <c r="AT352" s="317"/>
      <c r="AU352" s="317"/>
      <c r="AV352" s="317"/>
      <c r="AW352" s="308">
        <f t="shared" si="187"/>
        <v>775</v>
      </c>
      <c r="AX352" s="309">
        <f t="shared" si="221"/>
        <v>280.60645161290324</v>
      </c>
      <c r="AY352" s="307" t="str">
        <f t="shared" si="189"/>
        <v/>
      </c>
      <c r="AZ352" s="307" t="str">
        <f t="shared" si="190"/>
        <v/>
      </c>
      <c r="BA352" s="307" t="str">
        <f t="shared" si="191"/>
        <v/>
      </c>
      <c r="BB352" s="307" t="str">
        <f t="shared" si="192"/>
        <v/>
      </c>
      <c r="BC352" s="307" t="str">
        <f t="shared" si="193"/>
        <v/>
      </c>
      <c r="BD352" s="307" t="str">
        <f t="shared" si="194"/>
        <v/>
      </c>
      <c r="BE352" s="307" t="str">
        <f t="shared" si="195"/>
        <v/>
      </c>
      <c r="BF352" s="307" t="str">
        <f t="shared" si="196"/>
        <v/>
      </c>
      <c r="BG352" s="307" t="str">
        <f t="shared" si="197"/>
        <v/>
      </c>
      <c r="BH352" s="307" t="str">
        <f t="shared" si="198"/>
        <v/>
      </c>
      <c r="BI352" s="307" t="str">
        <f t="shared" si="199"/>
        <v/>
      </c>
      <c r="BJ352" s="307" t="str">
        <f t="shared" si="200"/>
        <v/>
      </c>
      <c r="BK352" s="307" t="str">
        <f t="shared" si="201"/>
        <v/>
      </c>
      <c r="BL352" s="307" t="str">
        <f t="shared" si="202"/>
        <v/>
      </c>
      <c r="BM352" s="307" t="str">
        <f t="shared" si="203"/>
        <v/>
      </c>
      <c r="BN352" s="307" t="str">
        <f t="shared" si="204"/>
        <v/>
      </c>
      <c r="BO352" s="307" t="str">
        <f t="shared" si="205"/>
        <v/>
      </c>
      <c r="BP352" s="307">
        <f t="shared" si="206"/>
        <v>217470</v>
      </c>
      <c r="BQ352" s="307" t="str">
        <f t="shared" si="207"/>
        <v/>
      </c>
      <c r="BR352" s="307" t="str">
        <f t="shared" si="208"/>
        <v/>
      </c>
      <c r="BS352" s="307" t="str">
        <f t="shared" si="209"/>
        <v/>
      </c>
      <c r="BT352" s="307" t="str">
        <f t="shared" si="210"/>
        <v/>
      </c>
      <c r="BU352" s="307" t="str">
        <f t="shared" si="211"/>
        <v/>
      </c>
      <c r="BV352" s="307" t="str">
        <f t="shared" si="212"/>
        <v/>
      </c>
      <c r="BW352" s="307" t="str">
        <f t="shared" si="213"/>
        <v/>
      </c>
      <c r="BX352" s="307" t="str">
        <f t="shared" si="214"/>
        <v/>
      </c>
      <c r="BY352" s="307" t="str">
        <f t="shared" si="215"/>
        <v/>
      </c>
      <c r="BZ352" s="307" t="str">
        <f t="shared" si="216"/>
        <v/>
      </c>
      <c r="CA352" s="307" t="str">
        <f t="shared" si="217"/>
        <v/>
      </c>
      <c r="CB352" s="307" t="str">
        <f t="shared" si="218"/>
        <v/>
      </c>
      <c r="CC352" s="307" t="str">
        <f t="shared" si="219"/>
        <v/>
      </c>
      <c r="CD352" s="303"/>
      <c r="CE352" s="303"/>
      <c r="CF352" s="303"/>
    </row>
    <row r="353" spans="1:84" s="318" customFormat="1" ht="56.1" hidden="1" customHeight="1" x14ac:dyDescent="0.2">
      <c r="A353" s="302">
        <v>353</v>
      </c>
      <c r="B353" s="24" t="s">
        <v>53</v>
      </c>
      <c r="C353" s="35" t="s">
        <v>515</v>
      </c>
      <c r="D353" s="303" t="s">
        <v>533</v>
      </c>
      <c r="E353" s="303" t="s">
        <v>534</v>
      </c>
      <c r="F353" s="303" t="s">
        <v>534</v>
      </c>
      <c r="G353" s="303" t="s">
        <v>86</v>
      </c>
      <c r="H353" s="303" t="s">
        <v>549</v>
      </c>
      <c r="I353" s="303" t="s">
        <v>60</v>
      </c>
      <c r="J353" s="303" t="s">
        <v>334</v>
      </c>
      <c r="K353" s="303" t="s">
        <v>184</v>
      </c>
      <c r="L353" s="303" t="s">
        <v>63</v>
      </c>
      <c r="M353" s="303" t="s">
        <v>63</v>
      </c>
      <c r="N353" s="304">
        <v>137895.75</v>
      </c>
      <c r="O353" s="304">
        <v>137895.75</v>
      </c>
      <c r="P353" s="303" t="s">
        <v>64</v>
      </c>
      <c r="Q353" s="303" t="s">
        <v>82</v>
      </c>
      <c r="R353" s="317"/>
      <c r="S353" s="317"/>
      <c r="T353" s="317"/>
      <c r="U353" s="317"/>
      <c r="V353" s="317"/>
      <c r="W353" s="307"/>
      <c r="X353" s="317"/>
      <c r="Y353" s="317"/>
      <c r="Z353" s="317"/>
      <c r="AA353" s="317"/>
      <c r="AB353" s="317"/>
      <c r="AC353" s="317"/>
      <c r="AD353" s="317"/>
      <c r="AE353" s="317"/>
      <c r="AF353" s="317"/>
      <c r="AG353" s="317"/>
      <c r="AH353" s="319"/>
      <c r="AI353" s="307" t="s">
        <v>66</v>
      </c>
      <c r="AJ353" s="317"/>
      <c r="AK353" s="317"/>
      <c r="AL353" s="317"/>
      <c r="AM353" s="317"/>
      <c r="AN353" s="317"/>
      <c r="AO353" s="317"/>
      <c r="AP353" s="317"/>
      <c r="AQ353" s="317"/>
      <c r="AR353" s="317"/>
      <c r="AS353" s="317"/>
      <c r="AT353" s="317"/>
      <c r="AU353" s="317"/>
      <c r="AV353" s="317"/>
      <c r="AW353" s="308">
        <f t="shared" si="187"/>
        <v>775</v>
      </c>
      <c r="AX353" s="309">
        <f t="shared" si="221"/>
        <v>177.93</v>
      </c>
      <c r="AY353" s="307" t="str">
        <f t="shared" si="189"/>
        <v/>
      </c>
      <c r="AZ353" s="307" t="str">
        <f t="shared" si="190"/>
        <v/>
      </c>
      <c r="BA353" s="307" t="str">
        <f t="shared" si="191"/>
        <v/>
      </c>
      <c r="BB353" s="307" t="str">
        <f t="shared" si="192"/>
        <v/>
      </c>
      <c r="BC353" s="307" t="str">
        <f t="shared" si="193"/>
        <v/>
      </c>
      <c r="BD353" s="307" t="str">
        <f t="shared" si="194"/>
        <v/>
      </c>
      <c r="BE353" s="307" t="str">
        <f t="shared" si="195"/>
        <v/>
      </c>
      <c r="BF353" s="307" t="str">
        <f t="shared" si="196"/>
        <v/>
      </c>
      <c r="BG353" s="307" t="str">
        <f t="shared" si="197"/>
        <v/>
      </c>
      <c r="BH353" s="307" t="str">
        <f t="shared" si="198"/>
        <v/>
      </c>
      <c r="BI353" s="307" t="str">
        <f t="shared" si="199"/>
        <v/>
      </c>
      <c r="BJ353" s="307" t="str">
        <f t="shared" si="200"/>
        <v/>
      </c>
      <c r="BK353" s="307" t="str">
        <f t="shared" si="201"/>
        <v/>
      </c>
      <c r="BL353" s="307" t="str">
        <f t="shared" si="202"/>
        <v/>
      </c>
      <c r="BM353" s="307" t="str">
        <f t="shared" si="203"/>
        <v/>
      </c>
      <c r="BN353" s="307" t="str">
        <f t="shared" si="204"/>
        <v/>
      </c>
      <c r="BO353" s="307" t="str">
        <f t="shared" si="205"/>
        <v/>
      </c>
      <c r="BP353" s="307">
        <f t="shared" si="206"/>
        <v>137895.75</v>
      </c>
      <c r="BQ353" s="307" t="str">
        <f t="shared" si="207"/>
        <v/>
      </c>
      <c r="BR353" s="307" t="str">
        <f t="shared" si="208"/>
        <v/>
      </c>
      <c r="BS353" s="307" t="str">
        <f t="shared" si="209"/>
        <v/>
      </c>
      <c r="BT353" s="307" t="str">
        <f t="shared" si="210"/>
        <v/>
      </c>
      <c r="BU353" s="307" t="str">
        <f t="shared" si="211"/>
        <v/>
      </c>
      <c r="BV353" s="307" t="str">
        <f t="shared" si="212"/>
        <v/>
      </c>
      <c r="BW353" s="307" t="str">
        <f t="shared" si="213"/>
        <v/>
      </c>
      <c r="BX353" s="307" t="str">
        <f t="shared" si="214"/>
        <v/>
      </c>
      <c r="BY353" s="307" t="str">
        <f t="shared" si="215"/>
        <v/>
      </c>
      <c r="BZ353" s="307" t="str">
        <f t="shared" si="216"/>
        <v/>
      </c>
      <c r="CA353" s="307" t="str">
        <f t="shared" si="217"/>
        <v/>
      </c>
      <c r="CB353" s="307" t="str">
        <f t="shared" si="218"/>
        <v/>
      </c>
      <c r="CC353" s="307" t="str">
        <f t="shared" si="219"/>
        <v/>
      </c>
      <c r="CD353" s="303"/>
      <c r="CE353" s="303"/>
      <c r="CF353" s="303"/>
    </row>
    <row r="354" spans="1:84" s="318" customFormat="1" ht="56.1" hidden="1" customHeight="1" x14ac:dyDescent="0.2">
      <c r="A354" s="302">
        <v>354</v>
      </c>
      <c r="B354" s="24" t="s">
        <v>53</v>
      </c>
      <c r="C354" s="35" t="s">
        <v>515</v>
      </c>
      <c r="D354" s="303" t="s">
        <v>548</v>
      </c>
      <c r="E354" s="303" t="s">
        <v>536</v>
      </c>
      <c r="F354" s="303" t="s">
        <v>536</v>
      </c>
      <c r="G354" s="303" t="s">
        <v>86</v>
      </c>
      <c r="H354" s="303" t="s">
        <v>36</v>
      </c>
      <c r="I354" s="303" t="s">
        <v>60</v>
      </c>
      <c r="J354" s="303" t="s">
        <v>334</v>
      </c>
      <c r="K354" s="303" t="s">
        <v>408</v>
      </c>
      <c r="L354" s="303" t="s">
        <v>63</v>
      </c>
      <c r="M354" s="303" t="s">
        <v>63</v>
      </c>
      <c r="N354" s="304">
        <v>30366.719999999998</v>
      </c>
      <c r="O354" s="304">
        <v>30366.719999999998</v>
      </c>
      <c r="P354" s="303" t="s">
        <v>64</v>
      </c>
      <c r="Q354" s="303" t="s">
        <v>82</v>
      </c>
      <c r="R354" s="317"/>
      <c r="S354" s="317"/>
      <c r="T354" s="317"/>
      <c r="U354" s="317"/>
      <c r="V354" s="317"/>
      <c r="W354" s="307"/>
      <c r="X354" s="317"/>
      <c r="Y354" s="317"/>
      <c r="Z354" s="317"/>
      <c r="AA354" s="317"/>
      <c r="AB354" s="317"/>
      <c r="AC354" s="317"/>
      <c r="AD354" s="317"/>
      <c r="AE354" s="317"/>
      <c r="AF354" s="317"/>
      <c r="AG354" s="317"/>
      <c r="AH354" s="317"/>
      <c r="AI354" s="317"/>
      <c r="AJ354" s="317"/>
      <c r="AK354" s="307" t="s">
        <v>66</v>
      </c>
      <c r="AL354" s="317"/>
      <c r="AM354" s="317"/>
      <c r="AN354" s="317"/>
      <c r="AO354" s="317"/>
      <c r="AP354" s="317"/>
      <c r="AQ354" s="317"/>
      <c r="AR354" s="317"/>
      <c r="AS354" s="317"/>
      <c r="AT354" s="317"/>
      <c r="AU354" s="317"/>
      <c r="AV354" s="317"/>
      <c r="AW354" s="308">
        <f t="shared" si="187"/>
        <v>100</v>
      </c>
      <c r="AX354" s="309">
        <f t="shared" si="221"/>
        <v>303.66719999999998</v>
      </c>
      <c r="AY354" s="307" t="str">
        <f t="shared" si="189"/>
        <v/>
      </c>
      <c r="AZ354" s="307" t="str">
        <f t="shared" si="190"/>
        <v/>
      </c>
      <c r="BA354" s="307" t="str">
        <f t="shared" si="191"/>
        <v/>
      </c>
      <c r="BB354" s="307" t="str">
        <f t="shared" si="192"/>
        <v/>
      </c>
      <c r="BC354" s="307" t="str">
        <f t="shared" si="193"/>
        <v/>
      </c>
      <c r="BD354" s="307" t="str">
        <f t="shared" si="194"/>
        <v/>
      </c>
      <c r="BE354" s="307" t="str">
        <f t="shared" si="195"/>
        <v/>
      </c>
      <c r="BF354" s="307" t="str">
        <f t="shared" si="196"/>
        <v/>
      </c>
      <c r="BG354" s="307" t="str">
        <f t="shared" si="197"/>
        <v/>
      </c>
      <c r="BH354" s="307" t="str">
        <f t="shared" si="198"/>
        <v/>
      </c>
      <c r="BI354" s="307" t="str">
        <f t="shared" si="199"/>
        <v/>
      </c>
      <c r="BJ354" s="307" t="str">
        <f t="shared" si="200"/>
        <v/>
      </c>
      <c r="BK354" s="307" t="str">
        <f t="shared" si="201"/>
        <v/>
      </c>
      <c r="BL354" s="307" t="str">
        <f t="shared" si="202"/>
        <v/>
      </c>
      <c r="BM354" s="307" t="str">
        <f t="shared" si="203"/>
        <v/>
      </c>
      <c r="BN354" s="307" t="str">
        <f t="shared" si="204"/>
        <v/>
      </c>
      <c r="BO354" s="307" t="str">
        <f t="shared" si="205"/>
        <v/>
      </c>
      <c r="BP354" s="307" t="str">
        <f t="shared" si="206"/>
        <v/>
      </c>
      <c r="BQ354" s="307" t="str">
        <f t="shared" si="207"/>
        <v/>
      </c>
      <c r="BR354" s="307">
        <f t="shared" si="208"/>
        <v>30366.719999999998</v>
      </c>
      <c r="BS354" s="307" t="str">
        <f t="shared" si="209"/>
        <v/>
      </c>
      <c r="BT354" s="307" t="str">
        <f t="shared" si="210"/>
        <v/>
      </c>
      <c r="BU354" s="307" t="str">
        <f t="shared" si="211"/>
        <v/>
      </c>
      <c r="BV354" s="307" t="str">
        <f t="shared" si="212"/>
        <v/>
      </c>
      <c r="BW354" s="307" t="str">
        <f t="shared" si="213"/>
        <v/>
      </c>
      <c r="BX354" s="307" t="str">
        <f t="shared" si="214"/>
        <v/>
      </c>
      <c r="BY354" s="307" t="str">
        <f t="shared" si="215"/>
        <v/>
      </c>
      <c r="BZ354" s="307" t="str">
        <f t="shared" si="216"/>
        <v/>
      </c>
      <c r="CA354" s="307" t="str">
        <f t="shared" si="217"/>
        <v/>
      </c>
      <c r="CB354" s="307" t="str">
        <f t="shared" si="218"/>
        <v/>
      </c>
      <c r="CC354" s="307" t="str">
        <f t="shared" si="219"/>
        <v/>
      </c>
      <c r="CD354" s="303"/>
      <c r="CE354" s="303"/>
      <c r="CF354" s="303"/>
    </row>
    <row r="355" spans="1:84" s="318" customFormat="1" ht="56.1" hidden="1" customHeight="1" x14ac:dyDescent="0.2">
      <c r="A355" s="302">
        <v>355</v>
      </c>
      <c r="B355" s="24" t="s">
        <v>53</v>
      </c>
      <c r="C355" s="35" t="s">
        <v>515</v>
      </c>
      <c r="D355" s="303" t="s">
        <v>518</v>
      </c>
      <c r="E355" s="303" t="s">
        <v>520</v>
      </c>
      <c r="F355" s="303" t="s">
        <v>520</v>
      </c>
      <c r="G355" s="303" t="s">
        <v>86</v>
      </c>
      <c r="H355" s="303" t="s">
        <v>36</v>
      </c>
      <c r="I355" s="303" t="s">
        <v>60</v>
      </c>
      <c r="J355" s="303" t="s">
        <v>334</v>
      </c>
      <c r="K355" s="303" t="s">
        <v>408</v>
      </c>
      <c r="L355" s="303" t="s">
        <v>63</v>
      </c>
      <c r="M355" s="303" t="s">
        <v>63</v>
      </c>
      <c r="N355" s="304">
        <v>79712.639999999999</v>
      </c>
      <c r="O355" s="304">
        <v>79712.639999999999</v>
      </c>
      <c r="P355" s="303" t="s">
        <v>64</v>
      </c>
      <c r="Q355" s="303" t="s">
        <v>82</v>
      </c>
      <c r="R355" s="317"/>
      <c r="S355" s="317"/>
      <c r="T355" s="317"/>
      <c r="U355" s="317"/>
      <c r="V355" s="317"/>
      <c r="W355" s="307"/>
      <c r="X355" s="317"/>
      <c r="Y355" s="317"/>
      <c r="Z355" s="317"/>
      <c r="AA355" s="317"/>
      <c r="AB355" s="317"/>
      <c r="AC355" s="317"/>
      <c r="AD355" s="317"/>
      <c r="AE355" s="317"/>
      <c r="AF355" s="317"/>
      <c r="AG355" s="317"/>
      <c r="AH355" s="317"/>
      <c r="AI355" s="317"/>
      <c r="AJ355" s="317"/>
      <c r="AK355" s="307" t="s">
        <v>66</v>
      </c>
      <c r="AL355" s="317"/>
      <c r="AM355" s="317"/>
      <c r="AN355" s="317"/>
      <c r="AO355" s="317"/>
      <c r="AP355" s="317"/>
      <c r="AQ355" s="317"/>
      <c r="AR355" s="317"/>
      <c r="AS355" s="317"/>
      <c r="AT355" s="317"/>
      <c r="AU355" s="317"/>
      <c r="AV355" s="317"/>
      <c r="AW355" s="308">
        <f t="shared" si="187"/>
        <v>100</v>
      </c>
      <c r="AX355" s="309">
        <f t="shared" si="221"/>
        <v>797.12639999999999</v>
      </c>
      <c r="AY355" s="307" t="str">
        <f t="shared" si="189"/>
        <v/>
      </c>
      <c r="AZ355" s="307" t="str">
        <f t="shared" si="190"/>
        <v/>
      </c>
      <c r="BA355" s="307" t="str">
        <f t="shared" si="191"/>
        <v/>
      </c>
      <c r="BB355" s="307" t="str">
        <f t="shared" si="192"/>
        <v/>
      </c>
      <c r="BC355" s="307" t="str">
        <f t="shared" si="193"/>
        <v/>
      </c>
      <c r="BD355" s="307" t="str">
        <f t="shared" si="194"/>
        <v/>
      </c>
      <c r="BE355" s="307" t="str">
        <f t="shared" si="195"/>
        <v/>
      </c>
      <c r="BF355" s="307" t="str">
        <f t="shared" si="196"/>
        <v/>
      </c>
      <c r="BG355" s="307" t="str">
        <f t="shared" si="197"/>
        <v/>
      </c>
      <c r="BH355" s="307" t="str">
        <f t="shared" si="198"/>
        <v/>
      </c>
      <c r="BI355" s="307" t="str">
        <f t="shared" si="199"/>
        <v/>
      </c>
      <c r="BJ355" s="307" t="str">
        <f t="shared" si="200"/>
        <v/>
      </c>
      <c r="BK355" s="307" t="str">
        <f t="shared" si="201"/>
        <v/>
      </c>
      <c r="BL355" s="307" t="str">
        <f t="shared" si="202"/>
        <v/>
      </c>
      <c r="BM355" s="307" t="str">
        <f t="shared" si="203"/>
        <v/>
      </c>
      <c r="BN355" s="307" t="str">
        <f t="shared" si="204"/>
        <v/>
      </c>
      <c r="BO355" s="307" t="str">
        <f t="shared" si="205"/>
        <v/>
      </c>
      <c r="BP355" s="307" t="str">
        <f t="shared" si="206"/>
        <v/>
      </c>
      <c r="BQ355" s="307" t="str">
        <f t="shared" si="207"/>
        <v/>
      </c>
      <c r="BR355" s="307">
        <f t="shared" si="208"/>
        <v>79712.639999999999</v>
      </c>
      <c r="BS355" s="307" t="str">
        <f t="shared" si="209"/>
        <v/>
      </c>
      <c r="BT355" s="307" t="str">
        <f t="shared" si="210"/>
        <v/>
      </c>
      <c r="BU355" s="307" t="str">
        <f t="shared" si="211"/>
        <v/>
      </c>
      <c r="BV355" s="307" t="str">
        <f t="shared" si="212"/>
        <v/>
      </c>
      <c r="BW355" s="307" t="str">
        <f t="shared" si="213"/>
        <v/>
      </c>
      <c r="BX355" s="307" t="str">
        <f t="shared" si="214"/>
        <v/>
      </c>
      <c r="BY355" s="307" t="str">
        <f t="shared" si="215"/>
        <v/>
      </c>
      <c r="BZ355" s="307" t="str">
        <f t="shared" si="216"/>
        <v/>
      </c>
      <c r="CA355" s="307" t="str">
        <f t="shared" si="217"/>
        <v/>
      </c>
      <c r="CB355" s="307" t="str">
        <f t="shared" si="218"/>
        <v/>
      </c>
      <c r="CC355" s="307" t="str">
        <f t="shared" si="219"/>
        <v/>
      </c>
      <c r="CD355" s="303"/>
      <c r="CE355" s="303"/>
      <c r="CF355" s="303"/>
    </row>
    <row r="356" spans="1:84" s="318" customFormat="1" ht="56.1" hidden="1" customHeight="1" x14ac:dyDescent="0.2">
      <c r="A356" s="302">
        <v>356</v>
      </c>
      <c r="B356" s="24" t="s">
        <v>53</v>
      </c>
      <c r="C356" s="35" t="s">
        <v>515</v>
      </c>
      <c r="D356" s="303" t="s">
        <v>521</v>
      </c>
      <c r="E356" s="303" t="s">
        <v>522</v>
      </c>
      <c r="F356" s="303" t="s">
        <v>522</v>
      </c>
      <c r="G356" s="303" t="s">
        <v>86</v>
      </c>
      <c r="H356" s="303" t="s">
        <v>36</v>
      </c>
      <c r="I356" s="303" t="s">
        <v>60</v>
      </c>
      <c r="J356" s="303" t="s">
        <v>334</v>
      </c>
      <c r="K356" s="303" t="s">
        <v>408</v>
      </c>
      <c r="L356" s="303" t="s">
        <v>63</v>
      </c>
      <c r="M356" s="303" t="s">
        <v>63</v>
      </c>
      <c r="N356" s="304">
        <v>111344.64</v>
      </c>
      <c r="O356" s="304">
        <v>111344.64</v>
      </c>
      <c r="P356" s="303" t="s">
        <v>64</v>
      </c>
      <c r="Q356" s="303" t="s">
        <v>82</v>
      </c>
      <c r="R356" s="317"/>
      <c r="S356" s="317"/>
      <c r="T356" s="317"/>
      <c r="U356" s="317"/>
      <c r="V356" s="317"/>
      <c r="W356" s="307"/>
      <c r="X356" s="317"/>
      <c r="Y356" s="317"/>
      <c r="Z356" s="317"/>
      <c r="AA356" s="317"/>
      <c r="AB356" s="317"/>
      <c r="AC356" s="317"/>
      <c r="AD356" s="317"/>
      <c r="AE356" s="317"/>
      <c r="AF356" s="317"/>
      <c r="AG356" s="317"/>
      <c r="AH356" s="317"/>
      <c r="AI356" s="317"/>
      <c r="AJ356" s="317"/>
      <c r="AK356" s="307" t="s">
        <v>66</v>
      </c>
      <c r="AL356" s="317"/>
      <c r="AM356" s="317"/>
      <c r="AN356" s="317"/>
      <c r="AO356" s="317"/>
      <c r="AP356" s="317"/>
      <c r="AQ356" s="317"/>
      <c r="AR356" s="317"/>
      <c r="AS356" s="317"/>
      <c r="AT356" s="317"/>
      <c r="AU356" s="317"/>
      <c r="AV356" s="317"/>
      <c r="AW356" s="308">
        <f t="shared" si="187"/>
        <v>100</v>
      </c>
      <c r="AX356" s="309">
        <f t="shared" si="221"/>
        <v>1113.4464</v>
      </c>
      <c r="AY356" s="307" t="str">
        <f t="shared" si="189"/>
        <v/>
      </c>
      <c r="AZ356" s="307" t="str">
        <f t="shared" si="190"/>
        <v/>
      </c>
      <c r="BA356" s="307" t="str">
        <f t="shared" si="191"/>
        <v/>
      </c>
      <c r="BB356" s="307" t="str">
        <f t="shared" si="192"/>
        <v/>
      </c>
      <c r="BC356" s="307" t="str">
        <f t="shared" si="193"/>
        <v/>
      </c>
      <c r="BD356" s="307" t="str">
        <f t="shared" si="194"/>
        <v/>
      </c>
      <c r="BE356" s="307" t="str">
        <f t="shared" si="195"/>
        <v/>
      </c>
      <c r="BF356" s="307" t="str">
        <f t="shared" si="196"/>
        <v/>
      </c>
      <c r="BG356" s="307" t="str">
        <f t="shared" si="197"/>
        <v/>
      </c>
      <c r="BH356" s="307" t="str">
        <f t="shared" si="198"/>
        <v/>
      </c>
      <c r="BI356" s="307" t="str">
        <f t="shared" si="199"/>
        <v/>
      </c>
      <c r="BJ356" s="307" t="str">
        <f t="shared" si="200"/>
        <v/>
      </c>
      <c r="BK356" s="307" t="str">
        <f t="shared" si="201"/>
        <v/>
      </c>
      <c r="BL356" s="307" t="str">
        <f t="shared" si="202"/>
        <v/>
      </c>
      <c r="BM356" s="307" t="str">
        <f t="shared" si="203"/>
        <v/>
      </c>
      <c r="BN356" s="307" t="str">
        <f t="shared" si="204"/>
        <v/>
      </c>
      <c r="BO356" s="307" t="str">
        <f t="shared" si="205"/>
        <v/>
      </c>
      <c r="BP356" s="307" t="str">
        <f t="shared" si="206"/>
        <v/>
      </c>
      <c r="BQ356" s="307" t="str">
        <f t="shared" si="207"/>
        <v/>
      </c>
      <c r="BR356" s="307">
        <f t="shared" si="208"/>
        <v>111344.64</v>
      </c>
      <c r="BS356" s="307" t="str">
        <f t="shared" si="209"/>
        <v/>
      </c>
      <c r="BT356" s="307" t="str">
        <f t="shared" si="210"/>
        <v/>
      </c>
      <c r="BU356" s="307" t="str">
        <f t="shared" si="211"/>
        <v/>
      </c>
      <c r="BV356" s="307" t="str">
        <f t="shared" si="212"/>
        <v/>
      </c>
      <c r="BW356" s="307" t="str">
        <f t="shared" si="213"/>
        <v/>
      </c>
      <c r="BX356" s="307" t="str">
        <f t="shared" si="214"/>
        <v/>
      </c>
      <c r="BY356" s="307" t="str">
        <f t="shared" si="215"/>
        <v/>
      </c>
      <c r="BZ356" s="307" t="str">
        <f t="shared" si="216"/>
        <v/>
      </c>
      <c r="CA356" s="307" t="str">
        <f t="shared" si="217"/>
        <v/>
      </c>
      <c r="CB356" s="307" t="str">
        <f t="shared" si="218"/>
        <v/>
      </c>
      <c r="CC356" s="307" t="str">
        <f t="shared" si="219"/>
        <v/>
      </c>
      <c r="CD356" s="303"/>
      <c r="CE356" s="303"/>
      <c r="CF356" s="303"/>
    </row>
    <row r="357" spans="1:84" s="318" customFormat="1" ht="56.1" hidden="1" customHeight="1" x14ac:dyDescent="0.2">
      <c r="A357" s="302">
        <v>357</v>
      </c>
      <c r="B357" s="24" t="s">
        <v>53</v>
      </c>
      <c r="C357" s="35" t="s">
        <v>515</v>
      </c>
      <c r="D357" s="303" t="s">
        <v>523</v>
      </c>
      <c r="E357" s="303" t="s">
        <v>537</v>
      </c>
      <c r="F357" s="303" t="s">
        <v>537</v>
      </c>
      <c r="G357" s="303" t="s">
        <v>86</v>
      </c>
      <c r="H357" s="303" t="s">
        <v>36</v>
      </c>
      <c r="I357" s="303" t="s">
        <v>388</v>
      </c>
      <c r="J357" s="303" t="s">
        <v>525</v>
      </c>
      <c r="K357" s="303" t="s">
        <v>408</v>
      </c>
      <c r="L357" s="303" t="s">
        <v>63</v>
      </c>
      <c r="M357" s="303" t="s">
        <v>63</v>
      </c>
      <c r="N357" s="304">
        <v>43494</v>
      </c>
      <c r="O357" s="304">
        <v>43494</v>
      </c>
      <c r="P357" s="303" t="s">
        <v>64</v>
      </c>
      <c r="Q357" s="303" t="s">
        <v>82</v>
      </c>
      <c r="R357" s="317"/>
      <c r="S357" s="317"/>
      <c r="T357" s="317"/>
      <c r="U357" s="317"/>
      <c r="V357" s="317"/>
      <c r="W357" s="307"/>
      <c r="X357" s="317"/>
      <c r="Y357" s="317"/>
      <c r="Z357" s="317"/>
      <c r="AA357" s="317"/>
      <c r="AB357" s="317"/>
      <c r="AC357" s="317"/>
      <c r="AD357" s="317"/>
      <c r="AE357" s="317"/>
      <c r="AF357" s="317"/>
      <c r="AG357" s="317"/>
      <c r="AH357" s="317"/>
      <c r="AI357" s="317"/>
      <c r="AJ357" s="317"/>
      <c r="AK357" s="307" t="s">
        <v>66</v>
      </c>
      <c r="AL357" s="317"/>
      <c r="AM357" s="317"/>
      <c r="AN357" s="317"/>
      <c r="AO357" s="317"/>
      <c r="AP357" s="317"/>
      <c r="AQ357" s="317"/>
      <c r="AR357" s="317"/>
      <c r="AS357" s="317"/>
      <c r="AT357" s="317"/>
      <c r="AU357" s="317"/>
      <c r="AV357" s="317"/>
      <c r="AW357" s="308">
        <f t="shared" si="187"/>
        <v>100</v>
      </c>
      <c r="AX357" s="309">
        <f t="shared" si="221"/>
        <v>434.94</v>
      </c>
      <c r="AY357" s="307" t="str">
        <f t="shared" si="189"/>
        <v/>
      </c>
      <c r="AZ357" s="307" t="str">
        <f t="shared" si="190"/>
        <v/>
      </c>
      <c r="BA357" s="307" t="str">
        <f t="shared" si="191"/>
        <v/>
      </c>
      <c r="BB357" s="307" t="str">
        <f t="shared" si="192"/>
        <v/>
      </c>
      <c r="BC357" s="307" t="str">
        <f t="shared" si="193"/>
        <v/>
      </c>
      <c r="BD357" s="307" t="str">
        <f t="shared" si="194"/>
        <v/>
      </c>
      <c r="BE357" s="307" t="str">
        <f t="shared" si="195"/>
        <v/>
      </c>
      <c r="BF357" s="307" t="str">
        <f t="shared" si="196"/>
        <v/>
      </c>
      <c r="BG357" s="307" t="str">
        <f t="shared" si="197"/>
        <v/>
      </c>
      <c r="BH357" s="307" t="str">
        <f t="shared" si="198"/>
        <v/>
      </c>
      <c r="BI357" s="307" t="str">
        <f t="shared" si="199"/>
        <v/>
      </c>
      <c r="BJ357" s="307" t="str">
        <f t="shared" si="200"/>
        <v/>
      </c>
      <c r="BK357" s="307" t="str">
        <f t="shared" si="201"/>
        <v/>
      </c>
      <c r="BL357" s="307" t="str">
        <f t="shared" si="202"/>
        <v/>
      </c>
      <c r="BM357" s="307" t="str">
        <f t="shared" si="203"/>
        <v/>
      </c>
      <c r="BN357" s="307" t="str">
        <f t="shared" si="204"/>
        <v/>
      </c>
      <c r="BO357" s="307" t="str">
        <f t="shared" si="205"/>
        <v/>
      </c>
      <c r="BP357" s="307" t="str">
        <f t="shared" si="206"/>
        <v/>
      </c>
      <c r="BQ357" s="307" t="str">
        <f t="shared" si="207"/>
        <v/>
      </c>
      <c r="BR357" s="307">
        <f t="shared" si="208"/>
        <v>43494</v>
      </c>
      <c r="BS357" s="307" t="str">
        <f t="shared" si="209"/>
        <v/>
      </c>
      <c r="BT357" s="307" t="str">
        <f t="shared" si="210"/>
        <v/>
      </c>
      <c r="BU357" s="307" t="str">
        <f t="shared" si="211"/>
        <v/>
      </c>
      <c r="BV357" s="307" t="str">
        <f t="shared" si="212"/>
        <v/>
      </c>
      <c r="BW357" s="307" t="str">
        <f t="shared" si="213"/>
        <v/>
      </c>
      <c r="BX357" s="307" t="str">
        <f t="shared" si="214"/>
        <v/>
      </c>
      <c r="BY357" s="307" t="str">
        <f t="shared" si="215"/>
        <v/>
      </c>
      <c r="BZ357" s="307" t="str">
        <f t="shared" si="216"/>
        <v/>
      </c>
      <c r="CA357" s="307" t="str">
        <f t="shared" si="217"/>
        <v/>
      </c>
      <c r="CB357" s="307" t="str">
        <f t="shared" si="218"/>
        <v/>
      </c>
      <c r="CC357" s="307" t="str">
        <f t="shared" si="219"/>
        <v/>
      </c>
      <c r="CD357" s="303"/>
      <c r="CE357" s="303"/>
      <c r="CF357" s="303"/>
    </row>
    <row r="358" spans="1:84" s="318" customFormat="1" ht="56.1" hidden="1" customHeight="1" x14ac:dyDescent="0.2">
      <c r="A358" s="302">
        <v>358</v>
      </c>
      <c r="B358" s="24" t="s">
        <v>53</v>
      </c>
      <c r="C358" s="35" t="s">
        <v>515</v>
      </c>
      <c r="D358" s="303" t="s">
        <v>539</v>
      </c>
      <c r="E358" s="303" t="s">
        <v>538</v>
      </c>
      <c r="F358" s="303" t="s">
        <v>538</v>
      </c>
      <c r="G358" s="303" t="s">
        <v>86</v>
      </c>
      <c r="H358" s="303" t="s">
        <v>36</v>
      </c>
      <c r="I358" s="303" t="s">
        <v>388</v>
      </c>
      <c r="J358" s="303" t="s">
        <v>525</v>
      </c>
      <c r="K358" s="303" t="s">
        <v>408</v>
      </c>
      <c r="L358" s="303" t="s">
        <v>63</v>
      </c>
      <c r="M358" s="303" t="s">
        <v>63</v>
      </c>
      <c r="N358" s="304">
        <v>105440</v>
      </c>
      <c r="O358" s="304">
        <v>105440</v>
      </c>
      <c r="P358" s="303" t="s">
        <v>64</v>
      </c>
      <c r="Q358" s="303" t="s">
        <v>82</v>
      </c>
      <c r="R358" s="317"/>
      <c r="S358" s="317"/>
      <c r="T358" s="317"/>
      <c r="U358" s="317"/>
      <c r="V358" s="317"/>
      <c r="W358" s="307"/>
      <c r="X358" s="317"/>
      <c r="Y358" s="317"/>
      <c r="Z358" s="317"/>
      <c r="AA358" s="317"/>
      <c r="AB358" s="317"/>
      <c r="AC358" s="317"/>
      <c r="AD358" s="317"/>
      <c r="AE358" s="317"/>
      <c r="AF358" s="317"/>
      <c r="AG358" s="317"/>
      <c r="AH358" s="317"/>
      <c r="AI358" s="317"/>
      <c r="AJ358" s="317"/>
      <c r="AK358" s="307" t="s">
        <v>66</v>
      </c>
      <c r="AL358" s="317"/>
      <c r="AM358" s="317"/>
      <c r="AN358" s="317"/>
      <c r="AO358" s="317"/>
      <c r="AP358" s="317"/>
      <c r="AQ358" s="317"/>
      <c r="AR358" s="317"/>
      <c r="AS358" s="317"/>
      <c r="AT358" s="317"/>
      <c r="AU358" s="317"/>
      <c r="AV358" s="317"/>
      <c r="AW358" s="308">
        <f t="shared" si="187"/>
        <v>100</v>
      </c>
      <c r="AX358" s="309">
        <f t="shared" si="221"/>
        <v>1054.4000000000001</v>
      </c>
      <c r="AY358" s="307" t="str">
        <f t="shared" si="189"/>
        <v/>
      </c>
      <c r="AZ358" s="307" t="str">
        <f t="shared" si="190"/>
        <v/>
      </c>
      <c r="BA358" s="307" t="str">
        <f t="shared" si="191"/>
        <v/>
      </c>
      <c r="BB358" s="307" t="str">
        <f t="shared" si="192"/>
        <v/>
      </c>
      <c r="BC358" s="307" t="str">
        <f t="shared" si="193"/>
        <v/>
      </c>
      <c r="BD358" s="307" t="str">
        <f t="shared" si="194"/>
        <v/>
      </c>
      <c r="BE358" s="307" t="str">
        <f t="shared" si="195"/>
        <v/>
      </c>
      <c r="BF358" s="307" t="str">
        <f t="shared" si="196"/>
        <v/>
      </c>
      <c r="BG358" s="307" t="str">
        <f t="shared" si="197"/>
        <v/>
      </c>
      <c r="BH358" s="307" t="str">
        <f t="shared" si="198"/>
        <v/>
      </c>
      <c r="BI358" s="307" t="str">
        <f t="shared" si="199"/>
        <v/>
      </c>
      <c r="BJ358" s="307" t="str">
        <f t="shared" si="200"/>
        <v/>
      </c>
      <c r="BK358" s="307" t="str">
        <f t="shared" si="201"/>
        <v/>
      </c>
      <c r="BL358" s="307" t="str">
        <f t="shared" si="202"/>
        <v/>
      </c>
      <c r="BM358" s="307" t="str">
        <f t="shared" si="203"/>
        <v/>
      </c>
      <c r="BN358" s="307" t="str">
        <f t="shared" si="204"/>
        <v/>
      </c>
      <c r="BO358" s="307" t="str">
        <f t="shared" si="205"/>
        <v/>
      </c>
      <c r="BP358" s="307" t="str">
        <f t="shared" si="206"/>
        <v/>
      </c>
      <c r="BQ358" s="307" t="str">
        <f t="shared" si="207"/>
        <v/>
      </c>
      <c r="BR358" s="307">
        <f t="shared" si="208"/>
        <v>105440.00000000001</v>
      </c>
      <c r="BS358" s="307" t="str">
        <f t="shared" si="209"/>
        <v/>
      </c>
      <c r="BT358" s="307" t="str">
        <f t="shared" si="210"/>
        <v/>
      </c>
      <c r="BU358" s="307" t="str">
        <f t="shared" si="211"/>
        <v/>
      </c>
      <c r="BV358" s="307" t="str">
        <f t="shared" si="212"/>
        <v/>
      </c>
      <c r="BW358" s="307" t="str">
        <f t="shared" si="213"/>
        <v/>
      </c>
      <c r="BX358" s="307" t="str">
        <f t="shared" si="214"/>
        <v/>
      </c>
      <c r="BY358" s="307" t="str">
        <f t="shared" si="215"/>
        <v/>
      </c>
      <c r="BZ358" s="307" t="str">
        <f t="shared" si="216"/>
        <v/>
      </c>
      <c r="CA358" s="307" t="str">
        <f t="shared" si="217"/>
        <v/>
      </c>
      <c r="CB358" s="307" t="str">
        <f t="shared" si="218"/>
        <v/>
      </c>
      <c r="CC358" s="307" t="str">
        <f t="shared" si="219"/>
        <v/>
      </c>
      <c r="CD358" s="303"/>
      <c r="CE358" s="303"/>
      <c r="CF358" s="303"/>
    </row>
    <row r="359" spans="1:84" s="318" customFormat="1" ht="56.1" hidden="1" customHeight="1" x14ac:dyDescent="0.2">
      <c r="A359" s="302">
        <v>359</v>
      </c>
      <c r="B359" s="24" t="s">
        <v>53</v>
      </c>
      <c r="C359" s="35" t="s">
        <v>515</v>
      </c>
      <c r="D359" s="303" t="s">
        <v>528</v>
      </c>
      <c r="E359" s="303" t="s">
        <v>529</v>
      </c>
      <c r="F359" s="303" t="s">
        <v>529</v>
      </c>
      <c r="G359" s="303" t="s">
        <v>86</v>
      </c>
      <c r="H359" s="303" t="s">
        <v>36</v>
      </c>
      <c r="I359" s="303" t="s">
        <v>8</v>
      </c>
      <c r="J359" s="303" t="s">
        <v>525</v>
      </c>
      <c r="K359" s="303" t="s">
        <v>408</v>
      </c>
      <c r="L359" s="303" t="s">
        <v>63</v>
      </c>
      <c r="M359" s="303" t="s">
        <v>63</v>
      </c>
      <c r="N359" s="304">
        <v>0</v>
      </c>
      <c r="O359" s="304">
        <v>0</v>
      </c>
      <c r="P359" s="303" t="s">
        <v>64</v>
      </c>
      <c r="Q359" s="303" t="s">
        <v>82</v>
      </c>
      <c r="R359" s="317"/>
      <c r="S359" s="317"/>
      <c r="T359" s="317"/>
      <c r="U359" s="317"/>
      <c r="V359" s="317"/>
      <c r="W359" s="307"/>
      <c r="X359" s="317"/>
      <c r="Y359" s="317"/>
      <c r="Z359" s="317"/>
      <c r="AA359" s="317"/>
      <c r="AB359" s="317"/>
      <c r="AC359" s="317"/>
      <c r="AD359" s="317"/>
      <c r="AE359" s="317"/>
      <c r="AF359" s="317"/>
      <c r="AG359" s="317"/>
      <c r="AH359" s="317"/>
      <c r="AI359" s="317"/>
      <c r="AJ359" s="317"/>
      <c r="AK359" s="307" t="s">
        <v>66</v>
      </c>
      <c r="AL359" s="317"/>
      <c r="AM359" s="317"/>
      <c r="AN359" s="317"/>
      <c r="AO359" s="317"/>
      <c r="AP359" s="317"/>
      <c r="AQ359" s="317"/>
      <c r="AR359" s="317"/>
      <c r="AS359" s="317"/>
      <c r="AT359" s="317"/>
      <c r="AU359" s="317"/>
      <c r="AV359" s="317"/>
      <c r="AW359" s="308">
        <f t="shared" si="187"/>
        <v>100</v>
      </c>
      <c r="AX359" s="309">
        <f t="shared" si="221"/>
        <v>0</v>
      </c>
      <c r="AY359" s="307" t="str">
        <f t="shared" si="189"/>
        <v/>
      </c>
      <c r="AZ359" s="307" t="str">
        <f t="shared" si="190"/>
        <v/>
      </c>
      <c r="BA359" s="307" t="str">
        <f t="shared" si="191"/>
        <v/>
      </c>
      <c r="BB359" s="307" t="str">
        <f t="shared" si="192"/>
        <v/>
      </c>
      <c r="BC359" s="307" t="str">
        <f t="shared" si="193"/>
        <v/>
      </c>
      <c r="BD359" s="307" t="str">
        <f t="shared" si="194"/>
        <v/>
      </c>
      <c r="BE359" s="307" t="str">
        <f t="shared" si="195"/>
        <v/>
      </c>
      <c r="BF359" s="307" t="str">
        <f t="shared" si="196"/>
        <v/>
      </c>
      <c r="BG359" s="307" t="str">
        <f t="shared" si="197"/>
        <v/>
      </c>
      <c r="BH359" s="307" t="str">
        <f t="shared" si="198"/>
        <v/>
      </c>
      <c r="BI359" s="307" t="str">
        <f t="shared" si="199"/>
        <v/>
      </c>
      <c r="BJ359" s="307" t="str">
        <f t="shared" si="200"/>
        <v/>
      </c>
      <c r="BK359" s="307" t="str">
        <f t="shared" si="201"/>
        <v/>
      </c>
      <c r="BL359" s="307" t="str">
        <f t="shared" si="202"/>
        <v/>
      </c>
      <c r="BM359" s="307" t="str">
        <f t="shared" si="203"/>
        <v/>
      </c>
      <c r="BN359" s="307" t="str">
        <f t="shared" si="204"/>
        <v/>
      </c>
      <c r="BO359" s="307" t="str">
        <f t="shared" si="205"/>
        <v/>
      </c>
      <c r="BP359" s="307" t="str">
        <f t="shared" si="206"/>
        <v/>
      </c>
      <c r="BQ359" s="307" t="str">
        <f t="shared" si="207"/>
        <v/>
      </c>
      <c r="BR359" s="307">
        <f t="shared" si="208"/>
        <v>0</v>
      </c>
      <c r="BS359" s="307" t="str">
        <f t="shared" si="209"/>
        <v/>
      </c>
      <c r="BT359" s="307" t="str">
        <f t="shared" si="210"/>
        <v/>
      </c>
      <c r="BU359" s="307" t="str">
        <f t="shared" si="211"/>
        <v/>
      </c>
      <c r="BV359" s="307" t="str">
        <f t="shared" si="212"/>
        <v/>
      </c>
      <c r="BW359" s="307" t="str">
        <f t="shared" si="213"/>
        <v/>
      </c>
      <c r="BX359" s="307" t="str">
        <f t="shared" si="214"/>
        <v/>
      </c>
      <c r="BY359" s="307" t="str">
        <f t="shared" si="215"/>
        <v/>
      </c>
      <c r="BZ359" s="307" t="str">
        <f t="shared" si="216"/>
        <v/>
      </c>
      <c r="CA359" s="307" t="str">
        <f t="shared" si="217"/>
        <v/>
      </c>
      <c r="CB359" s="307" t="str">
        <f t="shared" si="218"/>
        <v/>
      </c>
      <c r="CC359" s="307" t="str">
        <f t="shared" si="219"/>
        <v/>
      </c>
      <c r="CD359" s="303"/>
      <c r="CE359" s="303"/>
      <c r="CF359" s="303"/>
    </row>
    <row r="360" spans="1:84" s="318" customFormat="1" ht="56.1" hidden="1" customHeight="1" x14ac:dyDescent="0.2">
      <c r="A360" s="302">
        <v>360</v>
      </c>
      <c r="B360" s="24" t="s">
        <v>53</v>
      </c>
      <c r="C360" s="35" t="s">
        <v>515</v>
      </c>
      <c r="D360" s="303" t="s">
        <v>530</v>
      </c>
      <c r="E360" s="303" t="s">
        <v>532</v>
      </c>
      <c r="F360" s="303" t="s">
        <v>532</v>
      </c>
      <c r="G360" s="303" t="s">
        <v>86</v>
      </c>
      <c r="H360" s="303" t="s">
        <v>36</v>
      </c>
      <c r="I360" s="303" t="s">
        <v>8</v>
      </c>
      <c r="J360" s="303" t="s">
        <v>525</v>
      </c>
      <c r="K360" s="303" t="s">
        <v>408</v>
      </c>
      <c r="L360" s="303" t="s">
        <v>63</v>
      </c>
      <c r="M360" s="303" t="s">
        <v>63</v>
      </c>
      <c r="N360" s="304">
        <v>0</v>
      </c>
      <c r="O360" s="304">
        <v>0</v>
      </c>
      <c r="P360" s="303" t="s">
        <v>64</v>
      </c>
      <c r="Q360" s="303" t="s">
        <v>82</v>
      </c>
      <c r="R360" s="317"/>
      <c r="S360" s="317"/>
      <c r="T360" s="317"/>
      <c r="U360" s="317"/>
      <c r="V360" s="317"/>
      <c r="W360" s="307"/>
      <c r="X360" s="317"/>
      <c r="Y360" s="317"/>
      <c r="Z360" s="317"/>
      <c r="AA360" s="317"/>
      <c r="AB360" s="317"/>
      <c r="AC360" s="317"/>
      <c r="AD360" s="317"/>
      <c r="AE360" s="317"/>
      <c r="AF360" s="317"/>
      <c r="AG360" s="317"/>
      <c r="AH360" s="317"/>
      <c r="AI360" s="317"/>
      <c r="AJ360" s="317"/>
      <c r="AK360" s="307" t="s">
        <v>66</v>
      </c>
      <c r="AL360" s="317"/>
      <c r="AM360" s="317"/>
      <c r="AN360" s="317"/>
      <c r="AO360" s="317"/>
      <c r="AP360" s="317"/>
      <c r="AQ360" s="317"/>
      <c r="AR360" s="317"/>
      <c r="AS360" s="317"/>
      <c r="AT360" s="317"/>
      <c r="AU360" s="317"/>
      <c r="AV360" s="317"/>
      <c r="AW360" s="308">
        <f t="shared" si="187"/>
        <v>100</v>
      </c>
      <c r="AX360" s="309"/>
      <c r="AY360" s="307" t="str">
        <f t="shared" si="189"/>
        <v/>
      </c>
      <c r="AZ360" s="307" t="str">
        <f t="shared" si="190"/>
        <v/>
      </c>
      <c r="BA360" s="307" t="str">
        <f t="shared" si="191"/>
        <v/>
      </c>
      <c r="BB360" s="307" t="str">
        <f t="shared" si="192"/>
        <v/>
      </c>
      <c r="BC360" s="307" t="str">
        <f t="shared" si="193"/>
        <v/>
      </c>
      <c r="BD360" s="307" t="str">
        <f t="shared" si="194"/>
        <v/>
      </c>
      <c r="BE360" s="307" t="str">
        <f t="shared" si="195"/>
        <v/>
      </c>
      <c r="BF360" s="307" t="str">
        <f t="shared" si="196"/>
        <v/>
      </c>
      <c r="BG360" s="307" t="str">
        <f t="shared" si="197"/>
        <v/>
      </c>
      <c r="BH360" s="307" t="str">
        <f t="shared" si="198"/>
        <v/>
      </c>
      <c r="BI360" s="307" t="str">
        <f t="shared" si="199"/>
        <v/>
      </c>
      <c r="BJ360" s="307" t="str">
        <f t="shared" si="200"/>
        <v/>
      </c>
      <c r="BK360" s="307" t="str">
        <f t="shared" si="201"/>
        <v/>
      </c>
      <c r="BL360" s="307" t="str">
        <f t="shared" si="202"/>
        <v/>
      </c>
      <c r="BM360" s="307" t="str">
        <f t="shared" si="203"/>
        <v/>
      </c>
      <c r="BN360" s="307" t="str">
        <f t="shared" si="204"/>
        <v/>
      </c>
      <c r="BO360" s="307" t="str">
        <f t="shared" si="205"/>
        <v/>
      </c>
      <c r="BP360" s="307" t="str">
        <f t="shared" si="206"/>
        <v/>
      </c>
      <c r="BQ360" s="307" t="str">
        <f t="shared" si="207"/>
        <v/>
      </c>
      <c r="BR360" s="307">
        <f t="shared" si="208"/>
        <v>0</v>
      </c>
      <c r="BS360" s="307" t="str">
        <f t="shared" si="209"/>
        <v/>
      </c>
      <c r="BT360" s="307" t="str">
        <f t="shared" si="210"/>
        <v/>
      </c>
      <c r="BU360" s="307" t="str">
        <f t="shared" si="211"/>
        <v/>
      </c>
      <c r="BV360" s="307" t="str">
        <f t="shared" si="212"/>
        <v/>
      </c>
      <c r="BW360" s="307" t="str">
        <f t="shared" si="213"/>
        <v/>
      </c>
      <c r="BX360" s="307" t="str">
        <f t="shared" si="214"/>
        <v/>
      </c>
      <c r="BY360" s="307" t="str">
        <f t="shared" si="215"/>
        <v/>
      </c>
      <c r="BZ360" s="307" t="str">
        <f t="shared" si="216"/>
        <v/>
      </c>
      <c r="CA360" s="307" t="str">
        <f t="shared" si="217"/>
        <v/>
      </c>
      <c r="CB360" s="307" t="str">
        <f t="shared" si="218"/>
        <v/>
      </c>
      <c r="CC360" s="307" t="str">
        <f t="shared" si="219"/>
        <v/>
      </c>
      <c r="CD360" s="303"/>
      <c r="CE360" s="303"/>
      <c r="CF360" s="303"/>
    </row>
    <row r="361" spans="1:84" s="318" customFormat="1" ht="56.1" hidden="1" customHeight="1" x14ac:dyDescent="0.2">
      <c r="A361" s="302">
        <v>361</v>
      </c>
      <c r="B361" s="24" t="s">
        <v>53</v>
      </c>
      <c r="C361" s="35" t="s">
        <v>515</v>
      </c>
      <c r="D361" s="303" t="s">
        <v>533</v>
      </c>
      <c r="E361" s="303" t="s">
        <v>534</v>
      </c>
      <c r="F361" s="303" t="s">
        <v>534</v>
      </c>
      <c r="G361" s="303" t="s">
        <v>86</v>
      </c>
      <c r="H361" s="303" t="s">
        <v>36</v>
      </c>
      <c r="I361" s="303" t="s">
        <v>81</v>
      </c>
      <c r="J361" s="303" t="s">
        <v>334</v>
      </c>
      <c r="K361" s="303" t="s">
        <v>408</v>
      </c>
      <c r="L361" s="303" t="s">
        <v>63</v>
      </c>
      <c r="M361" s="303" t="s">
        <v>63</v>
      </c>
      <c r="N361" s="304">
        <v>17793</v>
      </c>
      <c r="O361" s="304">
        <v>17793</v>
      </c>
      <c r="P361" s="303" t="s">
        <v>64</v>
      </c>
      <c r="Q361" s="303" t="s">
        <v>82</v>
      </c>
      <c r="R361" s="317"/>
      <c r="S361" s="317"/>
      <c r="T361" s="317"/>
      <c r="U361" s="317"/>
      <c r="V361" s="317"/>
      <c r="W361" s="307"/>
      <c r="X361" s="317"/>
      <c r="Y361" s="317"/>
      <c r="Z361" s="317"/>
      <c r="AA361" s="317"/>
      <c r="AB361" s="317"/>
      <c r="AC361" s="317"/>
      <c r="AD361" s="317"/>
      <c r="AE361" s="317"/>
      <c r="AF361" s="317"/>
      <c r="AG361" s="317"/>
      <c r="AH361" s="317"/>
      <c r="AI361" s="317"/>
      <c r="AJ361" s="317"/>
      <c r="AK361" s="307" t="s">
        <v>66</v>
      </c>
      <c r="AL361" s="317"/>
      <c r="AM361" s="317"/>
      <c r="AN361" s="317"/>
      <c r="AO361" s="317"/>
      <c r="AP361" s="317"/>
      <c r="AQ361" s="317"/>
      <c r="AR361" s="317"/>
      <c r="AS361" s="317"/>
      <c r="AT361" s="317"/>
      <c r="AU361" s="317"/>
      <c r="AV361" s="317"/>
      <c r="AW361" s="308">
        <f t="shared" si="187"/>
        <v>100</v>
      </c>
      <c r="AX361" s="309">
        <f t="shared" ref="AX361:AX367" si="222">O361/AW361</f>
        <v>177.93</v>
      </c>
      <c r="AY361" s="307" t="str">
        <f t="shared" si="189"/>
        <v/>
      </c>
      <c r="AZ361" s="307" t="str">
        <f t="shared" si="190"/>
        <v/>
      </c>
      <c r="BA361" s="307" t="str">
        <f t="shared" si="191"/>
        <v/>
      </c>
      <c r="BB361" s="307" t="str">
        <f t="shared" si="192"/>
        <v/>
      </c>
      <c r="BC361" s="307" t="str">
        <f t="shared" si="193"/>
        <v/>
      </c>
      <c r="BD361" s="307" t="str">
        <f t="shared" si="194"/>
        <v/>
      </c>
      <c r="BE361" s="307" t="str">
        <f t="shared" si="195"/>
        <v/>
      </c>
      <c r="BF361" s="307" t="str">
        <f t="shared" si="196"/>
        <v/>
      </c>
      <c r="BG361" s="307" t="str">
        <f t="shared" si="197"/>
        <v/>
      </c>
      <c r="BH361" s="307" t="str">
        <f t="shared" si="198"/>
        <v/>
      </c>
      <c r="BI361" s="307" t="str">
        <f t="shared" si="199"/>
        <v/>
      </c>
      <c r="BJ361" s="307" t="str">
        <f t="shared" si="200"/>
        <v/>
      </c>
      <c r="BK361" s="307" t="str">
        <f t="shared" si="201"/>
        <v/>
      </c>
      <c r="BL361" s="307" t="str">
        <f t="shared" si="202"/>
        <v/>
      </c>
      <c r="BM361" s="307" t="str">
        <f t="shared" si="203"/>
        <v/>
      </c>
      <c r="BN361" s="307" t="str">
        <f t="shared" si="204"/>
        <v/>
      </c>
      <c r="BO361" s="307" t="str">
        <f t="shared" si="205"/>
        <v/>
      </c>
      <c r="BP361" s="307" t="str">
        <f t="shared" si="206"/>
        <v/>
      </c>
      <c r="BQ361" s="307" t="str">
        <f t="shared" si="207"/>
        <v/>
      </c>
      <c r="BR361" s="307">
        <f t="shared" si="208"/>
        <v>17793</v>
      </c>
      <c r="BS361" s="307" t="str">
        <f t="shared" si="209"/>
        <v/>
      </c>
      <c r="BT361" s="307" t="str">
        <f t="shared" si="210"/>
        <v/>
      </c>
      <c r="BU361" s="307" t="str">
        <f t="shared" si="211"/>
        <v/>
      </c>
      <c r="BV361" s="307" t="str">
        <f t="shared" si="212"/>
        <v/>
      </c>
      <c r="BW361" s="307" t="str">
        <f t="shared" si="213"/>
        <v/>
      </c>
      <c r="BX361" s="307" t="str">
        <f t="shared" si="214"/>
        <v/>
      </c>
      <c r="BY361" s="307" t="str">
        <f t="shared" si="215"/>
        <v/>
      </c>
      <c r="BZ361" s="307" t="str">
        <f t="shared" si="216"/>
        <v/>
      </c>
      <c r="CA361" s="307" t="str">
        <f t="shared" si="217"/>
        <v/>
      </c>
      <c r="CB361" s="307" t="str">
        <f t="shared" si="218"/>
        <v/>
      </c>
      <c r="CC361" s="307" t="str">
        <f t="shared" si="219"/>
        <v/>
      </c>
      <c r="CD361" s="303"/>
      <c r="CE361" s="303"/>
      <c r="CF361" s="303"/>
    </row>
    <row r="362" spans="1:84" s="318" customFormat="1" ht="56.1" hidden="1" customHeight="1" x14ac:dyDescent="0.2">
      <c r="A362" s="302">
        <v>362</v>
      </c>
      <c r="B362" s="24" t="s">
        <v>53</v>
      </c>
      <c r="C362" s="35" t="s">
        <v>515</v>
      </c>
      <c r="D362" s="303" t="s">
        <v>548</v>
      </c>
      <c r="E362" s="303" t="s">
        <v>536</v>
      </c>
      <c r="F362" s="303" t="s">
        <v>536</v>
      </c>
      <c r="G362" s="303" t="s">
        <v>86</v>
      </c>
      <c r="H362" s="303" t="s">
        <v>35</v>
      </c>
      <c r="I362" s="303" t="s">
        <v>81</v>
      </c>
      <c r="J362" s="303" t="s">
        <v>334</v>
      </c>
      <c r="K362" s="303" t="s">
        <v>357</v>
      </c>
      <c r="L362" s="303" t="s">
        <v>63</v>
      </c>
      <c r="M362" s="303" t="s">
        <v>63</v>
      </c>
      <c r="N362" s="304">
        <v>30366.719999999998</v>
      </c>
      <c r="O362" s="304">
        <v>30366.719999999998</v>
      </c>
      <c r="P362" s="303" t="s">
        <v>64</v>
      </c>
      <c r="Q362" s="303" t="s">
        <v>82</v>
      </c>
      <c r="R362" s="317"/>
      <c r="S362" s="317"/>
      <c r="T362" s="317"/>
      <c r="U362" s="317"/>
      <c r="V362" s="317"/>
      <c r="W362" s="307"/>
      <c r="X362" s="317"/>
      <c r="Y362" s="317"/>
      <c r="Z362" s="317"/>
      <c r="AA362" s="317"/>
      <c r="AB362" s="317"/>
      <c r="AC362" s="317"/>
      <c r="AD362" s="317"/>
      <c r="AE362" s="317"/>
      <c r="AF362" s="317"/>
      <c r="AG362" s="317"/>
      <c r="AH362" s="317"/>
      <c r="AI362" s="317"/>
      <c r="AJ362" s="307" t="s">
        <v>66</v>
      </c>
      <c r="AK362" s="317"/>
      <c r="AL362" s="317"/>
      <c r="AM362" s="317"/>
      <c r="AN362" s="317"/>
      <c r="AO362" s="317"/>
      <c r="AP362" s="317"/>
      <c r="AQ362" s="317"/>
      <c r="AR362" s="317"/>
      <c r="AS362" s="317"/>
      <c r="AT362" s="317"/>
      <c r="AU362" s="317"/>
      <c r="AV362" s="317"/>
      <c r="AW362" s="308">
        <f t="shared" si="187"/>
        <v>100</v>
      </c>
      <c r="AX362" s="309">
        <f t="shared" si="222"/>
        <v>303.66719999999998</v>
      </c>
      <c r="AY362" s="307" t="str">
        <f t="shared" si="189"/>
        <v/>
      </c>
      <c r="AZ362" s="307" t="str">
        <f t="shared" si="190"/>
        <v/>
      </c>
      <c r="BA362" s="307" t="str">
        <f t="shared" si="191"/>
        <v/>
      </c>
      <c r="BB362" s="307" t="str">
        <f t="shared" si="192"/>
        <v/>
      </c>
      <c r="BC362" s="307" t="str">
        <f t="shared" si="193"/>
        <v/>
      </c>
      <c r="BD362" s="307" t="str">
        <f t="shared" si="194"/>
        <v/>
      </c>
      <c r="BE362" s="307" t="str">
        <f t="shared" si="195"/>
        <v/>
      </c>
      <c r="BF362" s="307" t="str">
        <f t="shared" si="196"/>
        <v/>
      </c>
      <c r="BG362" s="307" t="str">
        <f t="shared" si="197"/>
        <v/>
      </c>
      <c r="BH362" s="307" t="str">
        <f t="shared" si="198"/>
        <v/>
      </c>
      <c r="BI362" s="307" t="str">
        <f t="shared" si="199"/>
        <v/>
      </c>
      <c r="BJ362" s="307" t="str">
        <f t="shared" si="200"/>
        <v/>
      </c>
      <c r="BK362" s="307" t="str">
        <f t="shared" si="201"/>
        <v/>
      </c>
      <c r="BL362" s="307" t="str">
        <f t="shared" si="202"/>
        <v/>
      </c>
      <c r="BM362" s="307" t="str">
        <f t="shared" si="203"/>
        <v/>
      </c>
      <c r="BN362" s="307" t="str">
        <f t="shared" si="204"/>
        <v/>
      </c>
      <c r="BO362" s="307" t="str">
        <f t="shared" si="205"/>
        <v/>
      </c>
      <c r="BP362" s="307" t="str">
        <f t="shared" si="206"/>
        <v/>
      </c>
      <c r="BQ362" s="307">
        <f t="shared" si="207"/>
        <v>30366.719999999998</v>
      </c>
      <c r="BR362" s="307" t="str">
        <f t="shared" si="208"/>
        <v/>
      </c>
      <c r="BS362" s="307" t="str">
        <f t="shared" si="209"/>
        <v/>
      </c>
      <c r="BT362" s="307" t="str">
        <f t="shared" si="210"/>
        <v/>
      </c>
      <c r="BU362" s="307" t="str">
        <f t="shared" si="211"/>
        <v/>
      </c>
      <c r="BV362" s="307" t="str">
        <f t="shared" si="212"/>
        <v/>
      </c>
      <c r="BW362" s="307" t="str">
        <f t="shared" si="213"/>
        <v/>
      </c>
      <c r="BX362" s="307" t="str">
        <f t="shared" si="214"/>
        <v/>
      </c>
      <c r="BY362" s="307" t="str">
        <f t="shared" si="215"/>
        <v/>
      </c>
      <c r="BZ362" s="307" t="str">
        <f t="shared" si="216"/>
        <v/>
      </c>
      <c r="CA362" s="307" t="str">
        <f t="shared" si="217"/>
        <v/>
      </c>
      <c r="CB362" s="307" t="str">
        <f t="shared" si="218"/>
        <v/>
      </c>
      <c r="CC362" s="307" t="str">
        <f t="shared" si="219"/>
        <v/>
      </c>
      <c r="CD362" s="303"/>
      <c r="CE362" s="303"/>
      <c r="CF362" s="303"/>
    </row>
    <row r="363" spans="1:84" s="318" customFormat="1" ht="56.1" hidden="1" customHeight="1" x14ac:dyDescent="0.2">
      <c r="A363" s="302">
        <v>363</v>
      </c>
      <c r="B363" s="24" t="s">
        <v>53</v>
      </c>
      <c r="C363" s="35" t="s">
        <v>515</v>
      </c>
      <c r="D363" s="303" t="s">
        <v>518</v>
      </c>
      <c r="E363" s="303" t="s">
        <v>520</v>
      </c>
      <c r="F363" s="303" t="s">
        <v>520</v>
      </c>
      <c r="G363" s="303" t="s">
        <v>86</v>
      </c>
      <c r="H363" s="303" t="s">
        <v>35</v>
      </c>
      <c r="I363" s="303" t="s">
        <v>81</v>
      </c>
      <c r="J363" s="303" t="s">
        <v>334</v>
      </c>
      <c r="K363" s="303" t="s">
        <v>357</v>
      </c>
      <c r="L363" s="303" t="s">
        <v>63</v>
      </c>
      <c r="M363" s="303" t="s">
        <v>63</v>
      </c>
      <c r="N363" s="304">
        <v>79712.639999999999</v>
      </c>
      <c r="O363" s="304">
        <v>79712.639999999999</v>
      </c>
      <c r="P363" s="303" t="s">
        <v>64</v>
      </c>
      <c r="Q363" s="303" t="s">
        <v>82</v>
      </c>
      <c r="R363" s="317"/>
      <c r="S363" s="317"/>
      <c r="T363" s="317"/>
      <c r="U363" s="317"/>
      <c r="V363" s="317"/>
      <c r="W363" s="307"/>
      <c r="X363" s="317"/>
      <c r="Y363" s="317"/>
      <c r="Z363" s="317"/>
      <c r="AA363" s="317"/>
      <c r="AB363" s="317"/>
      <c r="AC363" s="317"/>
      <c r="AD363" s="317"/>
      <c r="AE363" s="317"/>
      <c r="AF363" s="317"/>
      <c r="AG363" s="317"/>
      <c r="AH363" s="317"/>
      <c r="AI363" s="317"/>
      <c r="AJ363" s="307" t="s">
        <v>66</v>
      </c>
      <c r="AK363" s="317"/>
      <c r="AL363" s="317"/>
      <c r="AM363" s="317"/>
      <c r="AN363" s="317"/>
      <c r="AO363" s="317"/>
      <c r="AP363" s="317"/>
      <c r="AQ363" s="317"/>
      <c r="AR363" s="317"/>
      <c r="AS363" s="317"/>
      <c r="AT363" s="317"/>
      <c r="AU363" s="317"/>
      <c r="AV363" s="317"/>
      <c r="AW363" s="308">
        <f t="shared" si="187"/>
        <v>100</v>
      </c>
      <c r="AX363" s="309">
        <f t="shared" si="222"/>
        <v>797.12639999999999</v>
      </c>
      <c r="AY363" s="307" t="str">
        <f t="shared" si="189"/>
        <v/>
      </c>
      <c r="AZ363" s="307" t="str">
        <f t="shared" si="190"/>
        <v/>
      </c>
      <c r="BA363" s="307" t="str">
        <f t="shared" si="191"/>
        <v/>
      </c>
      <c r="BB363" s="307" t="str">
        <f t="shared" si="192"/>
        <v/>
      </c>
      <c r="BC363" s="307" t="str">
        <f t="shared" si="193"/>
        <v/>
      </c>
      <c r="BD363" s="307" t="str">
        <f t="shared" si="194"/>
        <v/>
      </c>
      <c r="BE363" s="307" t="str">
        <f t="shared" si="195"/>
        <v/>
      </c>
      <c r="BF363" s="307" t="str">
        <f t="shared" si="196"/>
        <v/>
      </c>
      <c r="BG363" s="307" t="str">
        <f t="shared" si="197"/>
        <v/>
      </c>
      <c r="BH363" s="307" t="str">
        <f t="shared" si="198"/>
        <v/>
      </c>
      <c r="BI363" s="307" t="str">
        <f t="shared" si="199"/>
        <v/>
      </c>
      <c r="BJ363" s="307" t="str">
        <f t="shared" si="200"/>
        <v/>
      </c>
      <c r="BK363" s="307" t="str">
        <f t="shared" si="201"/>
        <v/>
      </c>
      <c r="BL363" s="307" t="str">
        <f t="shared" si="202"/>
        <v/>
      </c>
      <c r="BM363" s="307" t="str">
        <f t="shared" si="203"/>
        <v/>
      </c>
      <c r="BN363" s="307" t="str">
        <f t="shared" si="204"/>
        <v/>
      </c>
      <c r="BO363" s="307" t="str">
        <f t="shared" si="205"/>
        <v/>
      </c>
      <c r="BP363" s="307" t="str">
        <f t="shared" si="206"/>
        <v/>
      </c>
      <c r="BQ363" s="307">
        <f t="shared" si="207"/>
        <v>79712.639999999999</v>
      </c>
      <c r="BR363" s="307" t="str">
        <f t="shared" si="208"/>
        <v/>
      </c>
      <c r="BS363" s="307" t="str">
        <f t="shared" si="209"/>
        <v/>
      </c>
      <c r="BT363" s="307" t="str">
        <f t="shared" si="210"/>
        <v/>
      </c>
      <c r="BU363" s="307" t="str">
        <f t="shared" si="211"/>
        <v/>
      </c>
      <c r="BV363" s="307" t="str">
        <f t="shared" si="212"/>
        <v/>
      </c>
      <c r="BW363" s="307" t="str">
        <f t="shared" si="213"/>
        <v/>
      </c>
      <c r="BX363" s="307" t="str">
        <f t="shared" si="214"/>
        <v/>
      </c>
      <c r="BY363" s="307" t="str">
        <f t="shared" si="215"/>
        <v/>
      </c>
      <c r="BZ363" s="307" t="str">
        <f t="shared" si="216"/>
        <v/>
      </c>
      <c r="CA363" s="307" t="str">
        <f t="shared" si="217"/>
        <v/>
      </c>
      <c r="CB363" s="307" t="str">
        <f t="shared" si="218"/>
        <v/>
      </c>
      <c r="CC363" s="307" t="str">
        <f t="shared" si="219"/>
        <v/>
      </c>
      <c r="CD363" s="303"/>
      <c r="CE363" s="303"/>
      <c r="CF363" s="303"/>
    </row>
    <row r="364" spans="1:84" s="318" customFormat="1" ht="56.1" hidden="1" customHeight="1" x14ac:dyDescent="0.2">
      <c r="A364" s="302">
        <v>364</v>
      </c>
      <c r="B364" s="24" t="s">
        <v>53</v>
      </c>
      <c r="C364" s="35" t="s">
        <v>515</v>
      </c>
      <c r="D364" s="303" t="s">
        <v>521</v>
      </c>
      <c r="E364" s="303" t="s">
        <v>522</v>
      </c>
      <c r="F364" s="303" t="s">
        <v>522</v>
      </c>
      <c r="G364" s="303" t="s">
        <v>86</v>
      </c>
      <c r="H364" s="303" t="s">
        <v>35</v>
      </c>
      <c r="I364" s="303" t="s">
        <v>81</v>
      </c>
      <c r="J364" s="303" t="s">
        <v>334</v>
      </c>
      <c r="K364" s="303" t="s">
        <v>357</v>
      </c>
      <c r="L364" s="303" t="s">
        <v>63</v>
      </c>
      <c r="M364" s="303" t="s">
        <v>63</v>
      </c>
      <c r="N364" s="304">
        <v>111344.64</v>
      </c>
      <c r="O364" s="304">
        <v>111344.64</v>
      </c>
      <c r="P364" s="303" t="s">
        <v>64</v>
      </c>
      <c r="Q364" s="303" t="s">
        <v>82</v>
      </c>
      <c r="R364" s="317"/>
      <c r="S364" s="317"/>
      <c r="T364" s="317"/>
      <c r="U364" s="317"/>
      <c r="V364" s="317"/>
      <c r="W364" s="307"/>
      <c r="X364" s="317"/>
      <c r="Y364" s="317"/>
      <c r="Z364" s="317"/>
      <c r="AA364" s="317"/>
      <c r="AB364" s="317"/>
      <c r="AC364" s="317"/>
      <c r="AD364" s="317"/>
      <c r="AE364" s="317"/>
      <c r="AF364" s="317"/>
      <c r="AG364" s="317"/>
      <c r="AH364" s="317"/>
      <c r="AI364" s="317"/>
      <c r="AJ364" s="307" t="s">
        <v>66</v>
      </c>
      <c r="AK364" s="317"/>
      <c r="AL364" s="317"/>
      <c r="AM364" s="317"/>
      <c r="AN364" s="317"/>
      <c r="AO364" s="317"/>
      <c r="AP364" s="317"/>
      <c r="AQ364" s="317"/>
      <c r="AR364" s="317"/>
      <c r="AS364" s="317"/>
      <c r="AT364" s="317"/>
      <c r="AU364" s="317"/>
      <c r="AV364" s="317"/>
      <c r="AW364" s="308">
        <f t="shared" si="187"/>
        <v>100</v>
      </c>
      <c r="AX364" s="309">
        <f t="shared" si="222"/>
        <v>1113.4464</v>
      </c>
      <c r="AY364" s="307" t="str">
        <f t="shared" si="189"/>
        <v/>
      </c>
      <c r="AZ364" s="307" t="str">
        <f t="shared" si="190"/>
        <v/>
      </c>
      <c r="BA364" s="307" t="str">
        <f t="shared" si="191"/>
        <v/>
      </c>
      <c r="BB364" s="307" t="str">
        <f t="shared" si="192"/>
        <v/>
      </c>
      <c r="BC364" s="307" t="str">
        <f t="shared" si="193"/>
        <v/>
      </c>
      <c r="BD364" s="307" t="str">
        <f t="shared" si="194"/>
        <v/>
      </c>
      <c r="BE364" s="307" t="str">
        <f t="shared" si="195"/>
        <v/>
      </c>
      <c r="BF364" s="307" t="str">
        <f t="shared" si="196"/>
        <v/>
      </c>
      <c r="BG364" s="307" t="str">
        <f t="shared" si="197"/>
        <v/>
      </c>
      <c r="BH364" s="307" t="str">
        <f t="shared" si="198"/>
        <v/>
      </c>
      <c r="BI364" s="307" t="str">
        <f t="shared" si="199"/>
        <v/>
      </c>
      <c r="BJ364" s="307" t="str">
        <f t="shared" si="200"/>
        <v/>
      </c>
      <c r="BK364" s="307" t="str">
        <f t="shared" si="201"/>
        <v/>
      </c>
      <c r="BL364" s="307" t="str">
        <f t="shared" si="202"/>
        <v/>
      </c>
      <c r="BM364" s="307" t="str">
        <f t="shared" si="203"/>
        <v/>
      </c>
      <c r="BN364" s="307" t="str">
        <f t="shared" si="204"/>
        <v/>
      </c>
      <c r="BO364" s="307" t="str">
        <f t="shared" si="205"/>
        <v/>
      </c>
      <c r="BP364" s="307" t="str">
        <f t="shared" si="206"/>
        <v/>
      </c>
      <c r="BQ364" s="307">
        <f t="shared" si="207"/>
        <v>111344.64</v>
      </c>
      <c r="BR364" s="307" t="str">
        <f t="shared" si="208"/>
        <v/>
      </c>
      <c r="BS364" s="307" t="str">
        <f t="shared" si="209"/>
        <v/>
      </c>
      <c r="BT364" s="307" t="str">
        <f t="shared" si="210"/>
        <v/>
      </c>
      <c r="BU364" s="307" t="str">
        <f t="shared" si="211"/>
        <v/>
      </c>
      <c r="BV364" s="307" t="str">
        <f t="shared" si="212"/>
        <v/>
      </c>
      <c r="BW364" s="307" t="str">
        <f t="shared" si="213"/>
        <v/>
      </c>
      <c r="BX364" s="307" t="str">
        <f t="shared" si="214"/>
        <v/>
      </c>
      <c r="BY364" s="307" t="str">
        <f t="shared" si="215"/>
        <v/>
      </c>
      <c r="BZ364" s="307" t="str">
        <f t="shared" si="216"/>
        <v/>
      </c>
      <c r="CA364" s="307" t="str">
        <f t="shared" si="217"/>
        <v/>
      </c>
      <c r="CB364" s="307" t="str">
        <f t="shared" si="218"/>
        <v/>
      </c>
      <c r="CC364" s="307" t="str">
        <f t="shared" si="219"/>
        <v/>
      </c>
      <c r="CD364" s="303"/>
      <c r="CE364" s="303"/>
      <c r="CF364" s="303"/>
    </row>
    <row r="365" spans="1:84" s="318" customFormat="1" ht="56.1" hidden="1" customHeight="1" x14ac:dyDescent="0.2">
      <c r="A365" s="302">
        <v>365</v>
      </c>
      <c r="B365" s="24" t="s">
        <v>53</v>
      </c>
      <c r="C365" s="35" t="s">
        <v>515</v>
      </c>
      <c r="D365" s="303" t="s">
        <v>523</v>
      </c>
      <c r="E365" s="303" t="s">
        <v>537</v>
      </c>
      <c r="F365" s="303" t="s">
        <v>537</v>
      </c>
      <c r="G365" s="303" t="s">
        <v>86</v>
      </c>
      <c r="H365" s="303" t="s">
        <v>35</v>
      </c>
      <c r="I365" s="303" t="s">
        <v>388</v>
      </c>
      <c r="J365" s="303" t="s">
        <v>525</v>
      </c>
      <c r="K365" s="303" t="s">
        <v>357</v>
      </c>
      <c r="L365" s="303" t="s">
        <v>63</v>
      </c>
      <c r="M365" s="303" t="s">
        <v>63</v>
      </c>
      <c r="N365" s="304">
        <v>43494</v>
      </c>
      <c r="O365" s="304">
        <v>43494</v>
      </c>
      <c r="P365" s="303" t="s">
        <v>64</v>
      </c>
      <c r="Q365" s="303" t="s">
        <v>82</v>
      </c>
      <c r="R365" s="317"/>
      <c r="S365" s="317"/>
      <c r="T365" s="317"/>
      <c r="U365" s="317"/>
      <c r="V365" s="317"/>
      <c r="W365" s="307"/>
      <c r="X365" s="317"/>
      <c r="Y365" s="317"/>
      <c r="Z365" s="317"/>
      <c r="AA365" s="317"/>
      <c r="AB365" s="317"/>
      <c r="AC365" s="317"/>
      <c r="AD365" s="317"/>
      <c r="AE365" s="317"/>
      <c r="AF365" s="317"/>
      <c r="AG365" s="317"/>
      <c r="AH365" s="317"/>
      <c r="AI365" s="317"/>
      <c r="AJ365" s="307" t="s">
        <v>66</v>
      </c>
      <c r="AK365" s="317"/>
      <c r="AL365" s="317"/>
      <c r="AM365" s="317"/>
      <c r="AN365" s="317"/>
      <c r="AO365" s="317"/>
      <c r="AP365" s="317"/>
      <c r="AQ365" s="317"/>
      <c r="AR365" s="317"/>
      <c r="AS365" s="317"/>
      <c r="AT365" s="317"/>
      <c r="AU365" s="317"/>
      <c r="AV365" s="317"/>
      <c r="AW365" s="308">
        <f t="shared" si="187"/>
        <v>100</v>
      </c>
      <c r="AX365" s="309">
        <f t="shared" si="222"/>
        <v>434.94</v>
      </c>
      <c r="AY365" s="307" t="str">
        <f t="shared" si="189"/>
        <v/>
      </c>
      <c r="AZ365" s="307" t="str">
        <f t="shared" si="190"/>
        <v/>
      </c>
      <c r="BA365" s="307" t="str">
        <f t="shared" si="191"/>
        <v/>
      </c>
      <c r="BB365" s="307" t="str">
        <f t="shared" si="192"/>
        <v/>
      </c>
      <c r="BC365" s="307" t="str">
        <f t="shared" si="193"/>
        <v/>
      </c>
      <c r="BD365" s="307" t="str">
        <f t="shared" si="194"/>
        <v/>
      </c>
      <c r="BE365" s="307" t="str">
        <f t="shared" si="195"/>
        <v/>
      </c>
      <c r="BF365" s="307" t="str">
        <f t="shared" si="196"/>
        <v/>
      </c>
      <c r="BG365" s="307" t="str">
        <f t="shared" si="197"/>
        <v/>
      </c>
      <c r="BH365" s="307" t="str">
        <f t="shared" si="198"/>
        <v/>
      </c>
      <c r="BI365" s="307" t="str">
        <f t="shared" si="199"/>
        <v/>
      </c>
      <c r="BJ365" s="307" t="str">
        <f t="shared" si="200"/>
        <v/>
      </c>
      <c r="BK365" s="307" t="str">
        <f t="shared" si="201"/>
        <v/>
      </c>
      <c r="BL365" s="307" t="str">
        <f t="shared" si="202"/>
        <v/>
      </c>
      <c r="BM365" s="307" t="str">
        <f t="shared" si="203"/>
        <v/>
      </c>
      <c r="BN365" s="307" t="str">
        <f t="shared" si="204"/>
        <v/>
      </c>
      <c r="BO365" s="307" t="str">
        <f t="shared" si="205"/>
        <v/>
      </c>
      <c r="BP365" s="307" t="str">
        <f t="shared" si="206"/>
        <v/>
      </c>
      <c r="BQ365" s="307">
        <f t="shared" si="207"/>
        <v>43494</v>
      </c>
      <c r="BR365" s="307" t="str">
        <f t="shared" si="208"/>
        <v/>
      </c>
      <c r="BS365" s="307" t="str">
        <f t="shared" si="209"/>
        <v/>
      </c>
      <c r="BT365" s="307" t="str">
        <f t="shared" si="210"/>
        <v/>
      </c>
      <c r="BU365" s="307" t="str">
        <f t="shared" si="211"/>
        <v/>
      </c>
      <c r="BV365" s="307" t="str">
        <f t="shared" si="212"/>
        <v/>
      </c>
      <c r="BW365" s="307" t="str">
        <f t="shared" si="213"/>
        <v/>
      </c>
      <c r="BX365" s="307" t="str">
        <f t="shared" si="214"/>
        <v/>
      </c>
      <c r="BY365" s="307" t="str">
        <f t="shared" si="215"/>
        <v/>
      </c>
      <c r="BZ365" s="307" t="str">
        <f t="shared" si="216"/>
        <v/>
      </c>
      <c r="CA365" s="307" t="str">
        <f t="shared" si="217"/>
        <v/>
      </c>
      <c r="CB365" s="307" t="str">
        <f t="shared" si="218"/>
        <v/>
      </c>
      <c r="CC365" s="307" t="str">
        <f t="shared" si="219"/>
        <v/>
      </c>
      <c r="CD365" s="303"/>
      <c r="CE365" s="303"/>
      <c r="CF365" s="303"/>
    </row>
    <row r="366" spans="1:84" s="318" customFormat="1" ht="56.1" hidden="1" customHeight="1" x14ac:dyDescent="0.2">
      <c r="A366" s="302">
        <v>366</v>
      </c>
      <c r="B366" s="24" t="s">
        <v>53</v>
      </c>
      <c r="C366" s="35" t="s">
        <v>515</v>
      </c>
      <c r="D366" s="303" t="s">
        <v>539</v>
      </c>
      <c r="E366" s="303" t="s">
        <v>538</v>
      </c>
      <c r="F366" s="303" t="s">
        <v>538</v>
      </c>
      <c r="G366" s="303" t="s">
        <v>86</v>
      </c>
      <c r="H366" s="303" t="s">
        <v>35</v>
      </c>
      <c r="I366" s="303" t="s">
        <v>388</v>
      </c>
      <c r="J366" s="303" t="s">
        <v>525</v>
      </c>
      <c r="K366" s="303" t="s">
        <v>357</v>
      </c>
      <c r="L366" s="303" t="s">
        <v>63</v>
      </c>
      <c r="M366" s="303" t="s">
        <v>63</v>
      </c>
      <c r="N366" s="304">
        <v>105440</v>
      </c>
      <c r="O366" s="304">
        <v>105440</v>
      </c>
      <c r="P366" s="303" t="s">
        <v>64</v>
      </c>
      <c r="Q366" s="303" t="s">
        <v>82</v>
      </c>
      <c r="R366" s="317"/>
      <c r="S366" s="317"/>
      <c r="T366" s="317"/>
      <c r="U366" s="317"/>
      <c r="V366" s="317"/>
      <c r="W366" s="307"/>
      <c r="X366" s="317"/>
      <c r="Y366" s="317"/>
      <c r="Z366" s="317"/>
      <c r="AA366" s="317"/>
      <c r="AB366" s="317"/>
      <c r="AC366" s="317"/>
      <c r="AD366" s="317"/>
      <c r="AE366" s="317"/>
      <c r="AF366" s="317"/>
      <c r="AG366" s="317"/>
      <c r="AH366" s="317"/>
      <c r="AI366" s="317"/>
      <c r="AJ366" s="307" t="s">
        <v>66</v>
      </c>
      <c r="AK366" s="317"/>
      <c r="AL366" s="317"/>
      <c r="AM366" s="317"/>
      <c r="AN366" s="317"/>
      <c r="AO366" s="317"/>
      <c r="AP366" s="317"/>
      <c r="AQ366" s="317"/>
      <c r="AR366" s="317"/>
      <c r="AS366" s="317"/>
      <c r="AT366" s="317"/>
      <c r="AU366" s="317"/>
      <c r="AV366" s="317"/>
      <c r="AW366" s="308">
        <f t="shared" si="187"/>
        <v>100</v>
      </c>
      <c r="AX366" s="309">
        <f t="shared" si="222"/>
        <v>1054.4000000000001</v>
      </c>
      <c r="AY366" s="307" t="str">
        <f t="shared" si="189"/>
        <v/>
      </c>
      <c r="AZ366" s="307" t="str">
        <f t="shared" si="190"/>
        <v/>
      </c>
      <c r="BA366" s="307" t="str">
        <f t="shared" si="191"/>
        <v/>
      </c>
      <c r="BB366" s="307" t="str">
        <f t="shared" si="192"/>
        <v/>
      </c>
      <c r="BC366" s="307" t="str">
        <f t="shared" si="193"/>
        <v/>
      </c>
      <c r="BD366" s="307" t="str">
        <f t="shared" si="194"/>
        <v/>
      </c>
      <c r="BE366" s="307" t="str">
        <f t="shared" si="195"/>
        <v/>
      </c>
      <c r="BF366" s="307" t="str">
        <f t="shared" si="196"/>
        <v/>
      </c>
      <c r="BG366" s="307" t="str">
        <f t="shared" si="197"/>
        <v/>
      </c>
      <c r="BH366" s="307" t="str">
        <f t="shared" si="198"/>
        <v/>
      </c>
      <c r="BI366" s="307" t="str">
        <f t="shared" si="199"/>
        <v/>
      </c>
      <c r="BJ366" s="307" t="str">
        <f t="shared" si="200"/>
        <v/>
      </c>
      <c r="BK366" s="307" t="str">
        <f t="shared" si="201"/>
        <v/>
      </c>
      <c r="BL366" s="307" t="str">
        <f t="shared" si="202"/>
        <v/>
      </c>
      <c r="BM366" s="307" t="str">
        <f t="shared" si="203"/>
        <v/>
      </c>
      <c r="BN366" s="307" t="str">
        <f t="shared" si="204"/>
        <v/>
      </c>
      <c r="BO366" s="307" t="str">
        <f t="shared" si="205"/>
        <v/>
      </c>
      <c r="BP366" s="307" t="str">
        <f t="shared" si="206"/>
        <v/>
      </c>
      <c r="BQ366" s="307">
        <f t="shared" si="207"/>
        <v>105440.00000000001</v>
      </c>
      <c r="BR366" s="307" t="str">
        <f t="shared" si="208"/>
        <v/>
      </c>
      <c r="BS366" s="307" t="str">
        <f t="shared" si="209"/>
        <v/>
      </c>
      <c r="BT366" s="307" t="str">
        <f t="shared" si="210"/>
        <v/>
      </c>
      <c r="BU366" s="307" t="str">
        <f t="shared" si="211"/>
        <v/>
      </c>
      <c r="BV366" s="307" t="str">
        <f t="shared" si="212"/>
        <v/>
      </c>
      <c r="BW366" s="307" t="str">
        <f t="shared" si="213"/>
        <v/>
      </c>
      <c r="BX366" s="307" t="str">
        <f t="shared" si="214"/>
        <v/>
      </c>
      <c r="BY366" s="307" t="str">
        <f t="shared" si="215"/>
        <v/>
      </c>
      <c r="BZ366" s="307" t="str">
        <f t="shared" si="216"/>
        <v/>
      </c>
      <c r="CA366" s="307" t="str">
        <f t="shared" si="217"/>
        <v/>
      </c>
      <c r="CB366" s="307" t="str">
        <f t="shared" si="218"/>
        <v/>
      </c>
      <c r="CC366" s="307" t="str">
        <f t="shared" si="219"/>
        <v/>
      </c>
      <c r="CD366" s="303"/>
      <c r="CE366" s="303"/>
      <c r="CF366" s="303"/>
    </row>
    <row r="367" spans="1:84" s="318" customFormat="1" ht="56.1" hidden="1" customHeight="1" x14ac:dyDescent="0.2">
      <c r="A367" s="302">
        <v>367</v>
      </c>
      <c r="B367" s="24" t="s">
        <v>53</v>
      </c>
      <c r="C367" s="35" t="s">
        <v>515</v>
      </c>
      <c r="D367" s="303" t="s">
        <v>528</v>
      </c>
      <c r="E367" s="303" t="s">
        <v>529</v>
      </c>
      <c r="F367" s="303" t="s">
        <v>529</v>
      </c>
      <c r="G367" s="303" t="s">
        <v>86</v>
      </c>
      <c r="H367" s="303" t="s">
        <v>35</v>
      </c>
      <c r="I367" s="303" t="s">
        <v>8</v>
      </c>
      <c r="J367" s="303" t="s">
        <v>525</v>
      </c>
      <c r="K367" s="303" t="s">
        <v>357</v>
      </c>
      <c r="L367" s="303" t="s">
        <v>63</v>
      </c>
      <c r="M367" s="303" t="s">
        <v>63</v>
      </c>
      <c r="N367" s="304">
        <v>0</v>
      </c>
      <c r="O367" s="304">
        <v>0</v>
      </c>
      <c r="P367" s="303" t="s">
        <v>64</v>
      </c>
      <c r="Q367" s="303" t="s">
        <v>82</v>
      </c>
      <c r="R367" s="317"/>
      <c r="S367" s="317"/>
      <c r="T367" s="317"/>
      <c r="U367" s="317"/>
      <c r="V367" s="317"/>
      <c r="W367" s="307"/>
      <c r="X367" s="317"/>
      <c r="Y367" s="317"/>
      <c r="Z367" s="317"/>
      <c r="AA367" s="317"/>
      <c r="AB367" s="317"/>
      <c r="AC367" s="317"/>
      <c r="AD367" s="317"/>
      <c r="AE367" s="317"/>
      <c r="AF367" s="317"/>
      <c r="AG367" s="317"/>
      <c r="AH367" s="317"/>
      <c r="AI367" s="317"/>
      <c r="AJ367" s="307" t="s">
        <v>66</v>
      </c>
      <c r="AK367" s="317"/>
      <c r="AL367" s="317"/>
      <c r="AM367" s="317"/>
      <c r="AN367" s="317"/>
      <c r="AO367" s="317"/>
      <c r="AP367" s="317"/>
      <c r="AQ367" s="317"/>
      <c r="AR367" s="317"/>
      <c r="AS367" s="317"/>
      <c r="AT367" s="317"/>
      <c r="AU367" s="317"/>
      <c r="AV367" s="317"/>
      <c r="AW367" s="308">
        <f t="shared" si="187"/>
        <v>100</v>
      </c>
      <c r="AX367" s="309">
        <f t="shared" si="222"/>
        <v>0</v>
      </c>
      <c r="AY367" s="307" t="str">
        <f t="shared" si="189"/>
        <v/>
      </c>
      <c r="AZ367" s="307" t="str">
        <f t="shared" si="190"/>
        <v/>
      </c>
      <c r="BA367" s="307" t="str">
        <f t="shared" si="191"/>
        <v/>
      </c>
      <c r="BB367" s="307" t="str">
        <f t="shared" si="192"/>
        <v/>
      </c>
      <c r="BC367" s="307" t="str">
        <f t="shared" si="193"/>
        <v/>
      </c>
      <c r="BD367" s="307" t="str">
        <f t="shared" si="194"/>
        <v/>
      </c>
      <c r="BE367" s="307" t="str">
        <f t="shared" si="195"/>
        <v/>
      </c>
      <c r="BF367" s="307" t="str">
        <f t="shared" si="196"/>
        <v/>
      </c>
      <c r="BG367" s="307" t="str">
        <f t="shared" si="197"/>
        <v/>
      </c>
      <c r="BH367" s="307" t="str">
        <f t="shared" si="198"/>
        <v/>
      </c>
      <c r="BI367" s="307" t="str">
        <f t="shared" si="199"/>
        <v/>
      </c>
      <c r="BJ367" s="307" t="str">
        <f t="shared" si="200"/>
        <v/>
      </c>
      <c r="BK367" s="307" t="str">
        <f t="shared" si="201"/>
        <v/>
      </c>
      <c r="BL367" s="307" t="str">
        <f t="shared" si="202"/>
        <v/>
      </c>
      <c r="BM367" s="307" t="str">
        <f t="shared" si="203"/>
        <v/>
      </c>
      <c r="BN367" s="307" t="str">
        <f t="shared" si="204"/>
        <v/>
      </c>
      <c r="BO367" s="307" t="str">
        <f t="shared" si="205"/>
        <v/>
      </c>
      <c r="BP367" s="307" t="str">
        <f t="shared" si="206"/>
        <v/>
      </c>
      <c r="BQ367" s="307">
        <f t="shared" si="207"/>
        <v>0</v>
      </c>
      <c r="BR367" s="307" t="str">
        <f t="shared" si="208"/>
        <v/>
      </c>
      <c r="BS367" s="307" t="str">
        <f t="shared" si="209"/>
        <v/>
      </c>
      <c r="BT367" s="307" t="str">
        <f t="shared" si="210"/>
        <v/>
      </c>
      <c r="BU367" s="307" t="str">
        <f t="shared" si="211"/>
        <v/>
      </c>
      <c r="BV367" s="307" t="str">
        <f t="shared" si="212"/>
        <v/>
      </c>
      <c r="BW367" s="307" t="str">
        <f t="shared" si="213"/>
        <v/>
      </c>
      <c r="BX367" s="307" t="str">
        <f t="shared" si="214"/>
        <v/>
      </c>
      <c r="BY367" s="307" t="str">
        <f t="shared" si="215"/>
        <v/>
      </c>
      <c r="BZ367" s="307" t="str">
        <f t="shared" si="216"/>
        <v/>
      </c>
      <c r="CA367" s="307" t="str">
        <f t="shared" si="217"/>
        <v/>
      </c>
      <c r="CB367" s="307" t="str">
        <f t="shared" si="218"/>
        <v/>
      </c>
      <c r="CC367" s="307" t="str">
        <f t="shared" si="219"/>
        <v/>
      </c>
      <c r="CD367" s="303"/>
      <c r="CE367" s="303"/>
      <c r="CF367" s="303"/>
    </row>
    <row r="368" spans="1:84" s="318" customFormat="1" ht="56.1" hidden="1" customHeight="1" x14ac:dyDescent="0.2">
      <c r="A368" s="302">
        <v>368</v>
      </c>
      <c r="B368" s="24" t="s">
        <v>53</v>
      </c>
      <c r="C368" s="35" t="s">
        <v>515</v>
      </c>
      <c r="D368" s="303" t="s">
        <v>530</v>
      </c>
      <c r="E368" s="303" t="s">
        <v>532</v>
      </c>
      <c r="F368" s="303" t="s">
        <v>532</v>
      </c>
      <c r="G368" s="303" t="s">
        <v>86</v>
      </c>
      <c r="H368" s="303" t="s">
        <v>35</v>
      </c>
      <c r="I368" s="303" t="s">
        <v>8</v>
      </c>
      <c r="J368" s="303" t="s">
        <v>525</v>
      </c>
      <c r="K368" s="303" t="s">
        <v>357</v>
      </c>
      <c r="L368" s="303" t="s">
        <v>63</v>
      </c>
      <c r="M368" s="303" t="s">
        <v>63</v>
      </c>
      <c r="N368" s="304">
        <v>0</v>
      </c>
      <c r="O368" s="304">
        <v>0</v>
      </c>
      <c r="P368" s="303" t="s">
        <v>64</v>
      </c>
      <c r="Q368" s="303" t="s">
        <v>82</v>
      </c>
      <c r="R368" s="317"/>
      <c r="S368" s="317"/>
      <c r="T368" s="317"/>
      <c r="U368" s="317"/>
      <c r="V368" s="317"/>
      <c r="W368" s="307"/>
      <c r="X368" s="317"/>
      <c r="Y368" s="317"/>
      <c r="Z368" s="317"/>
      <c r="AA368" s="317"/>
      <c r="AB368" s="317"/>
      <c r="AC368" s="317"/>
      <c r="AD368" s="317"/>
      <c r="AE368" s="317"/>
      <c r="AF368" s="317"/>
      <c r="AG368" s="317"/>
      <c r="AH368" s="317"/>
      <c r="AI368" s="317"/>
      <c r="AJ368" s="307" t="s">
        <v>66</v>
      </c>
      <c r="AK368" s="317"/>
      <c r="AL368" s="317"/>
      <c r="AM368" s="317"/>
      <c r="AN368" s="317"/>
      <c r="AO368" s="317"/>
      <c r="AP368" s="317"/>
      <c r="AQ368" s="317"/>
      <c r="AR368" s="317"/>
      <c r="AS368" s="317"/>
      <c r="AT368" s="317"/>
      <c r="AU368" s="317"/>
      <c r="AV368" s="317"/>
      <c r="AW368" s="308">
        <f t="shared" si="187"/>
        <v>100</v>
      </c>
      <c r="AX368" s="309"/>
      <c r="AY368" s="307" t="str">
        <f t="shared" si="189"/>
        <v/>
      </c>
      <c r="AZ368" s="307" t="str">
        <f t="shared" si="190"/>
        <v/>
      </c>
      <c r="BA368" s="307" t="str">
        <f t="shared" si="191"/>
        <v/>
      </c>
      <c r="BB368" s="307" t="str">
        <f t="shared" si="192"/>
        <v/>
      </c>
      <c r="BC368" s="307" t="str">
        <f t="shared" si="193"/>
        <v/>
      </c>
      <c r="BD368" s="307" t="str">
        <f t="shared" si="194"/>
        <v/>
      </c>
      <c r="BE368" s="307" t="str">
        <f t="shared" si="195"/>
        <v/>
      </c>
      <c r="BF368" s="307" t="str">
        <f t="shared" si="196"/>
        <v/>
      </c>
      <c r="BG368" s="307" t="str">
        <f t="shared" si="197"/>
        <v/>
      </c>
      <c r="BH368" s="307" t="str">
        <f t="shared" si="198"/>
        <v/>
      </c>
      <c r="BI368" s="307" t="str">
        <f t="shared" si="199"/>
        <v/>
      </c>
      <c r="BJ368" s="307" t="str">
        <f t="shared" si="200"/>
        <v/>
      </c>
      <c r="BK368" s="307" t="str">
        <f t="shared" si="201"/>
        <v/>
      </c>
      <c r="BL368" s="307" t="str">
        <f t="shared" si="202"/>
        <v/>
      </c>
      <c r="BM368" s="307" t="str">
        <f t="shared" si="203"/>
        <v/>
      </c>
      <c r="BN368" s="307" t="str">
        <f t="shared" si="204"/>
        <v/>
      </c>
      <c r="BO368" s="307" t="str">
        <f t="shared" si="205"/>
        <v/>
      </c>
      <c r="BP368" s="307" t="str">
        <f t="shared" si="206"/>
        <v/>
      </c>
      <c r="BQ368" s="307">
        <f t="shared" si="207"/>
        <v>0</v>
      </c>
      <c r="BR368" s="307" t="str">
        <f t="shared" si="208"/>
        <v/>
      </c>
      <c r="BS368" s="307" t="str">
        <f t="shared" si="209"/>
        <v/>
      </c>
      <c r="BT368" s="307" t="str">
        <f t="shared" si="210"/>
        <v/>
      </c>
      <c r="BU368" s="307" t="str">
        <f t="shared" si="211"/>
        <v/>
      </c>
      <c r="BV368" s="307" t="str">
        <f t="shared" si="212"/>
        <v/>
      </c>
      <c r="BW368" s="307" t="str">
        <f t="shared" si="213"/>
        <v/>
      </c>
      <c r="BX368" s="307" t="str">
        <f t="shared" si="214"/>
        <v/>
      </c>
      <c r="BY368" s="307" t="str">
        <f t="shared" si="215"/>
        <v/>
      </c>
      <c r="BZ368" s="307" t="str">
        <f t="shared" si="216"/>
        <v/>
      </c>
      <c r="CA368" s="307" t="str">
        <f t="shared" si="217"/>
        <v/>
      </c>
      <c r="CB368" s="307" t="str">
        <f t="shared" si="218"/>
        <v/>
      </c>
      <c r="CC368" s="307" t="str">
        <f t="shared" si="219"/>
        <v/>
      </c>
      <c r="CD368" s="303"/>
      <c r="CE368" s="303"/>
      <c r="CF368" s="303"/>
    </row>
    <row r="369" spans="1:84" s="318" customFormat="1" ht="56.1" hidden="1" customHeight="1" x14ac:dyDescent="0.2">
      <c r="A369" s="302">
        <v>369</v>
      </c>
      <c r="B369" s="24" t="s">
        <v>53</v>
      </c>
      <c r="C369" s="35" t="s">
        <v>515</v>
      </c>
      <c r="D369" s="303" t="s">
        <v>533</v>
      </c>
      <c r="E369" s="303" t="s">
        <v>534</v>
      </c>
      <c r="F369" s="303" t="s">
        <v>534</v>
      </c>
      <c r="G369" s="303" t="s">
        <v>86</v>
      </c>
      <c r="H369" s="303" t="s">
        <v>35</v>
      </c>
      <c r="I369" s="303" t="s">
        <v>60</v>
      </c>
      <c r="J369" s="303" t="s">
        <v>334</v>
      </c>
      <c r="K369" s="303" t="s">
        <v>357</v>
      </c>
      <c r="L369" s="303" t="s">
        <v>63</v>
      </c>
      <c r="M369" s="303" t="s">
        <v>63</v>
      </c>
      <c r="N369" s="304">
        <v>17793</v>
      </c>
      <c r="O369" s="304">
        <v>17793</v>
      </c>
      <c r="P369" s="303" t="s">
        <v>64</v>
      </c>
      <c r="Q369" s="303" t="s">
        <v>82</v>
      </c>
      <c r="R369" s="317"/>
      <c r="S369" s="317"/>
      <c r="T369" s="317"/>
      <c r="U369" s="317"/>
      <c r="V369" s="317"/>
      <c r="W369" s="307"/>
      <c r="X369" s="317"/>
      <c r="Y369" s="317"/>
      <c r="Z369" s="317"/>
      <c r="AA369" s="317"/>
      <c r="AB369" s="317"/>
      <c r="AC369" s="317"/>
      <c r="AD369" s="317"/>
      <c r="AE369" s="317"/>
      <c r="AF369" s="317"/>
      <c r="AG369" s="317"/>
      <c r="AH369" s="317"/>
      <c r="AI369" s="317"/>
      <c r="AJ369" s="307" t="s">
        <v>66</v>
      </c>
      <c r="AK369" s="317"/>
      <c r="AL369" s="317"/>
      <c r="AM369" s="317"/>
      <c r="AN369" s="317"/>
      <c r="AO369" s="317"/>
      <c r="AP369" s="317"/>
      <c r="AQ369" s="317"/>
      <c r="AR369" s="317"/>
      <c r="AS369" s="317"/>
      <c r="AT369" s="317"/>
      <c r="AU369" s="317"/>
      <c r="AV369" s="317"/>
      <c r="AW369" s="308">
        <f t="shared" si="187"/>
        <v>100</v>
      </c>
      <c r="AX369" s="309">
        <f>O369/AW369</f>
        <v>177.93</v>
      </c>
      <c r="AY369" s="307" t="str">
        <f t="shared" si="189"/>
        <v/>
      </c>
      <c r="AZ369" s="307" t="str">
        <f t="shared" si="190"/>
        <v/>
      </c>
      <c r="BA369" s="307" t="str">
        <f t="shared" si="191"/>
        <v/>
      </c>
      <c r="BB369" s="307" t="str">
        <f t="shared" si="192"/>
        <v/>
      </c>
      <c r="BC369" s="307" t="str">
        <f t="shared" si="193"/>
        <v/>
      </c>
      <c r="BD369" s="307" t="str">
        <f t="shared" si="194"/>
        <v/>
      </c>
      <c r="BE369" s="307" t="str">
        <f t="shared" si="195"/>
        <v/>
      </c>
      <c r="BF369" s="307" t="str">
        <f t="shared" si="196"/>
        <v/>
      </c>
      <c r="BG369" s="307" t="str">
        <f t="shared" si="197"/>
        <v/>
      </c>
      <c r="BH369" s="307" t="str">
        <f t="shared" si="198"/>
        <v/>
      </c>
      <c r="BI369" s="307" t="str">
        <f t="shared" si="199"/>
        <v/>
      </c>
      <c r="BJ369" s="307" t="str">
        <f t="shared" si="200"/>
        <v/>
      </c>
      <c r="BK369" s="307" t="str">
        <f t="shared" si="201"/>
        <v/>
      </c>
      <c r="BL369" s="307" t="str">
        <f t="shared" si="202"/>
        <v/>
      </c>
      <c r="BM369" s="307" t="str">
        <f t="shared" si="203"/>
        <v/>
      </c>
      <c r="BN369" s="307" t="str">
        <f t="shared" si="204"/>
        <v/>
      </c>
      <c r="BO369" s="307" t="str">
        <f t="shared" si="205"/>
        <v/>
      </c>
      <c r="BP369" s="307" t="str">
        <f t="shared" si="206"/>
        <v/>
      </c>
      <c r="BQ369" s="307">
        <f t="shared" si="207"/>
        <v>17793</v>
      </c>
      <c r="BR369" s="307" t="str">
        <f t="shared" si="208"/>
        <v/>
      </c>
      <c r="BS369" s="307" t="str">
        <f t="shared" si="209"/>
        <v/>
      </c>
      <c r="BT369" s="307" t="str">
        <f t="shared" si="210"/>
        <v/>
      </c>
      <c r="BU369" s="307" t="str">
        <f t="shared" si="211"/>
        <v/>
      </c>
      <c r="BV369" s="307" t="str">
        <f t="shared" si="212"/>
        <v/>
      </c>
      <c r="BW369" s="307" t="str">
        <f t="shared" si="213"/>
        <v/>
      </c>
      <c r="BX369" s="307" t="str">
        <f t="shared" si="214"/>
        <v/>
      </c>
      <c r="BY369" s="307" t="str">
        <f t="shared" si="215"/>
        <v/>
      </c>
      <c r="BZ369" s="307" t="str">
        <f t="shared" si="216"/>
        <v/>
      </c>
      <c r="CA369" s="307" t="str">
        <f t="shared" si="217"/>
        <v/>
      </c>
      <c r="CB369" s="307" t="str">
        <f t="shared" si="218"/>
        <v/>
      </c>
      <c r="CC369" s="307" t="str">
        <f t="shared" si="219"/>
        <v/>
      </c>
      <c r="CD369" s="303"/>
      <c r="CE369" s="303"/>
      <c r="CF369" s="303"/>
    </row>
    <row r="370" spans="1:84" s="318" customFormat="1" ht="56.1" hidden="1" customHeight="1" x14ac:dyDescent="0.2">
      <c r="A370" s="302">
        <v>370</v>
      </c>
      <c r="B370" s="24" t="s">
        <v>53</v>
      </c>
      <c r="C370" s="35" t="s">
        <v>515</v>
      </c>
      <c r="D370" s="303" t="s">
        <v>548</v>
      </c>
      <c r="E370" s="303" t="s">
        <v>536</v>
      </c>
      <c r="F370" s="303" t="s">
        <v>536</v>
      </c>
      <c r="G370" s="303" t="s">
        <v>86</v>
      </c>
      <c r="H370" s="303" t="s">
        <v>310</v>
      </c>
      <c r="I370" s="303" t="s">
        <v>551</v>
      </c>
      <c r="J370" s="303" t="s">
        <v>334</v>
      </c>
      <c r="K370" s="303" t="s">
        <v>225</v>
      </c>
      <c r="L370" s="303" t="s">
        <v>63</v>
      </c>
      <c r="M370" s="303" t="s">
        <v>63</v>
      </c>
      <c r="N370" s="304">
        <v>91707.494399999996</v>
      </c>
      <c r="O370" s="304">
        <v>91707.494399999996</v>
      </c>
      <c r="P370" s="303" t="s">
        <v>226</v>
      </c>
      <c r="Q370" s="303" t="s">
        <v>82</v>
      </c>
      <c r="R370" s="317"/>
      <c r="S370" s="317"/>
      <c r="T370" s="317"/>
      <c r="U370" s="317"/>
      <c r="V370" s="317"/>
      <c r="W370" s="307"/>
      <c r="X370" s="317"/>
      <c r="Y370" s="317"/>
      <c r="Z370" s="317"/>
      <c r="AA370" s="317"/>
      <c r="AB370" s="317"/>
      <c r="AC370" s="317"/>
      <c r="AD370" s="317"/>
      <c r="AE370" s="317"/>
      <c r="AF370" s="317"/>
      <c r="AG370" s="317"/>
      <c r="AH370" s="317"/>
      <c r="AI370" s="317"/>
      <c r="AJ370" s="317"/>
      <c r="AK370" s="317"/>
      <c r="AL370" s="307" t="s">
        <v>66</v>
      </c>
      <c r="AM370" s="317"/>
      <c r="AN370" s="317"/>
      <c r="AO370" s="317"/>
      <c r="AP370" s="317"/>
      <c r="AQ370" s="317"/>
      <c r="AR370" s="317"/>
      <c r="AS370" s="317"/>
      <c r="AT370" s="317"/>
      <c r="AU370" s="317"/>
      <c r="AV370" s="317"/>
      <c r="AW370" s="308">
        <f t="shared" si="187"/>
        <v>302</v>
      </c>
      <c r="AX370" s="309">
        <f>O370/AW370</f>
        <v>303.66719999999998</v>
      </c>
      <c r="AY370" s="307" t="str">
        <f t="shared" si="189"/>
        <v/>
      </c>
      <c r="AZ370" s="307" t="str">
        <f t="shared" si="190"/>
        <v/>
      </c>
      <c r="BA370" s="307" t="str">
        <f t="shared" si="191"/>
        <v/>
      </c>
      <c r="BB370" s="307" t="str">
        <f t="shared" si="192"/>
        <v/>
      </c>
      <c r="BC370" s="307" t="str">
        <f t="shared" si="193"/>
        <v/>
      </c>
      <c r="BD370" s="307" t="str">
        <f t="shared" si="194"/>
        <v/>
      </c>
      <c r="BE370" s="307" t="str">
        <f t="shared" si="195"/>
        <v/>
      </c>
      <c r="BF370" s="307" t="str">
        <f t="shared" si="196"/>
        <v/>
      </c>
      <c r="BG370" s="307" t="str">
        <f t="shared" si="197"/>
        <v/>
      </c>
      <c r="BH370" s="307" t="str">
        <f t="shared" si="198"/>
        <v/>
      </c>
      <c r="BI370" s="307" t="str">
        <f t="shared" si="199"/>
        <v/>
      </c>
      <c r="BJ370" s="307" t="str">
        <f t="shared" si="200"/>
        <v/>
      </c>
      <c r="BK370" s="307" t="str">
        <f t="shared" si="201"/>
        <v/>
      </c>
      <c r="BL370" s="307" t="str">
        <f t="shared" si="202"/>
        <v/>
      </c>
      <c r="BM370" s="307" t="str">
        <f t="shared" si="203"/>
        <v/>
      </c>
      <c r="BN370" s="307" t="str">
        <f t="shared" si="204"/>
        <v/>
      </c>
      <c r="BO370" s="307" t="str">
        <f t="shared" si="205"/>
        <v/>
      </c>
      <c r="BP370" s="307" t="str">
        <f t="shared" si="206"/>
        <v/>
      </c>
      <c r="BQ370" s="307" t="str">
        <f t="shared" si="207"/>
        <v/>
      </c>
      <c r="BR370" s="307" t="str">
        <f t="shared" si="208"/>
        <v/>
      </c>
      <c r="BS370" s="307">
        <f t="shared" si="209"/>
        <v>91707.494399999996</v>
      </c>
      <c r="BT370" s="307" t="str">
        <f t="shared" si="210"/>
        <v/>
      </c>
      <c r="BU370" s="307" t="str">
        <f t="shared" si="211"/>
        <v/>
      </c>
      <c r="BV370" s="307" t="str">
        <f t="shared" si="212"/>
        <v/>
      </c>
      <c r="BW370" s="307" t="str">
        <f t="shared" si="213"/>
        <v/>
      </c>
      <c r="BX370" s="307" t="str">
        <f t="shared" si="214"/>
        <v/>
      </c>
      <c r="BY370" s="307" t="str">
        <f t="shared" si="215"/>
        <v/>
      </c>
      <c r="BZ370" s="307" t="str">
        <f t="shared" si="216"/>
        <v/>
      </c>
      <c r="CA370" s="307" t="str">
        <f t="shared" si="217"/>
        <v/>
      </c>
      <c r="CB370" s="307" t="str">
        <f t="shared" si="218"/>
        <v/>
      </c>
      <c r="CC370" s="307" t="str">
        <f t="shared" si="219"/>
        <v/>
      </c>
      <c r="CD370" s="303"/>
      <c r="CE370" s="303"/>
      <c r="CF370" s="303"/>
    </row>
    <row r="371" spans="1:84" s="318" customFormat="1" ht="56.1" hidden="1" customHeight="1" x14ac:dyDescent="0.2">
      <c r="A371" s="302">
        <v>371</v>
      </c>
      <c r="B371" s="24" t="s">
        <v>53</v>
      </c>
      <c r="C371" s="35" t="s">
        <v>515</v>
      </c>
      <c r="D371" s="303" t="s">
        <v>518</v>
      </c>
      <c r="E371" s="303" t="s">
        <v>520</v>
      </c>
      <c r="F371" s="303" t="s">
        <v>520</v>
      </c>
      <c r="G371" s="303" t="s">
        <v>86</v>
      </c>
      <c r="H371" s="303" t="s">
        <v>310</v>
      </c>
      <c r="I371" s="303" t="s">
        <v>551</v>
      </c>
      <c r="J371" s="303" t="s">
        <v>334</v>
      </c>
      <c r="K371" s="303" t="s">
        <v>225</v>
      </c>
      <c r="L371" s="303" t="s">
        <v>63</v>
      </c>
      <c r="M371" s="303" t="s">
        <v>63</v>
      </c>
      <c r="N371" s="304">
        <v>240732.1728</v>
      </c>
      <c r="O371" s="304">
        <v>240732.1728</v>
      </c>
      <c r="P371" s="303" t="s">
        <v>226</v>
      </c>
      <c r="Q371" s="303" t="s">
        <v>82</v>
      </c>
      <c r="R371" s="317"/>
      <c r="S371" s="317"/>
      <c r="T371" s="317"/>
      <c r="U371" s="317"/>
      <c r="V371" s="317"/>
      <c r="W371" s="307"/>
      <c r="X371" s="317"/>
      <c r="Y371" s="317"/>
      <c r="Z371" s="317"/>
      <c r="AA371" s="317"/>
      <c r="AB371" s="317"/>
      <c r="AC371" s="317"/>
      <c r="AD371" s="317"/>
      <c r="AE371" s="317"/>
      <c r="AF371" s="317"/>
      <c r="AG371" s="317"/>
      <c r="AH371" s="317"/>
      <c r="AI371" s="317"/>
      <c r="AJ371" s="317"/>
      <c r="AK371" s="317"/>
      <c r="AL371" s="307" t="s">
        <v>66</v>
      </c>
      <c r="AM371" s="317"/>
      <c r="AN371" s="317"/>
      <c r="AO371" s="317"/>
      <c r="AP371" s="317"/>
      <c r="AQ371" s="317"/>
      <c r="AR371" s="317"/>
      <c r="AS371" s="317"/>
      <c r="AT371" s="317"/>
      <c r="AU371" s="317"/>
      <c r="AV371" s="317"/>
      <c r="AW371" s="308">
        <f t="shared" si="187"/>
        <v>302</v>
      </c>
      <c r="AX371" s="309">
        <f>O371/AW371</f>
        <v>797.12639999999999</v>
      </c>
      <c r="AY371" s="307" t="str">
        <f t="shared" si="189"/>
        <v/>
      </c>
      <c r="AZ371" s="307" t="str">
        <f t="shared" si="190"/>
        <v/>
      </c>
      <c r="BA371" s="307" t="str">
        <f t="shared" si="191"/>
        <v/>
      </c>
      <c r="BB371" s="307" t="str">
        <f t="shared" si="192"/>
        <v/>
      </c>
      <c r="BC371" s="307" t="str">
        <f t="shared" si="193"/>
        <v/>
      </c>
      <c r="BD371" s="307" t="str">
        <f t="shared" si="194"/>
        <v/>
      </c>
      <c r="BE371" s="307" t="str">
        <f t="shared" si="195"/>
        <v/>
      </c>
      <c r="BF371" s="307" t="str">
        <f t="shared" si="196"/>
        <v/>
      </c>
      <c r="BG371" s="307" t="str">
        <f t="shared" si="197"/>
        <v/>
      </c>
      <c r="BH371" s="307" t="str">
        <f t="shared" si="198"/>
        <v/>
      </c>
      <c r="BI371" s="307" t="str">
        <f t="shared" si="199"/>
        <v/>
      </c>
      <c r="BJ371" s="307" t="str">
        <f t="shared" si="200"/>
        <v/>
      </c>
      <c r="BK371" s="307" t="str">
        <f t="shared" si="201"/>
        <v/>
      </c>
      <c r="BL371" s="307" t="str">
        <f t="shared" si="202"/>
        <v/>
      </c>
      <c r="BM371" s="307" t="str">
        <f t="shared" si="203"/>
        <v/>
      </c>
      <c r="BN371" s="307" t="str">
        <f t="shared" si="204"/>
        <v/>
      </c>
      <c r="BO371" s="307" t="str">
        <f t="shared" si="205"/>
        <v/>
      </c>
      <c r="BP371" s="307" t="str">
        <f t="shared" si="206"/>
        <v/>
      </c>
      <c r="BQ371" s="307" t="str">
        <f t="shared" si="207"/>
        <v/>
      </c>
      <c r="BR371" s="307" t="str">
        <f t="shared" si="208"/>
        <v/>
      </c>
      <c r="BS371" s="307">
        <f t="shared" si="209"/>
        <v>240732.1728</v>
      </c>
      <c r="BT371" s="307" t="str">
        <f t="shared" si="210"/>
        <v/>
      </c>
      <c r="BU371" s="307" t="str">
        <f t="shared" si="211"/>
        <v/>
      </c>
      <c r="BV371" s="307" t="str">
        <f t="shared" si="212"/>
        <v/>
      </c>
      <c r="BW371" s="307" t="str">
        <f t="shared" si="213"/>
        <v/>
      </c>
      <c r="BX371" s="307" t="str">
        <f t="shared" si="214"/>
        <v/>
      </c>
      <c r="BY371" s="307" t="str">
        <f t="shared" si="215"/>
        <v/>
      </c>
      <c r="BZ371" s="307" t="str">
        <f t="shared" si="216"/>
        <v/>
      </c>
      <c r="CA371" s="307" t="str">
        <f t="shared" si="217"/>
        <v/>
      </c>
      <c r="CB371" s="307" t="str">
        <f t="shared" si="218"/>
        <v/>
      </c>
      <c r="CC371" s="307" t="str">
        <f t="shared" si="219"/>
        <v/>
      </c>
      <c r="CD371" s="303"/>
      <c r="CE371" s="303"/>
      <c r="CF371" s="303"/>
    </row>
    <row r="372" spans="1:84" s="318" customFormat="1" ht="56.1" hidden="1" customHeight="1" x14ac:dyDescent="0.2">
      <c r="A372" s="302">
        <v>372</v>
      </c>
      <c r="B372" s="24" t="s">
        <v>53</v>
      </c>
      <c r="C372" s="35" t="s">
        <v>515</v>
      </c>
      <c r="D372" s="303" t="s">
        <v>521</v>
      </c>
      <c r="E372" s="303" t="s">
        <v>522</v>
      </c>
      <c r="F372" s="303" t="s">
        <v>522</v>
      </c>
      <c r="G372" s="303" t="s">
        <v>86</v>
      </c>
      <c r="H372" s="303" t="s">
        <v>310</v>
      </c>
      <c r="I372" s="303" t="s">
        <v>551</v>
      </c>
      <c r="J372" s="303" t="s">
        <v>334</v>
      </c>
      <c r="K372" s="303" t="s">
        <v>225</v>
      </c>
      <c r="L372" s="303" t="s">
        <v>63</v>
      </c>
      <c r="M372" s="303" t="s">
        <v>63</v>
      </c>
      <c r="N372" s="304">
        <v>336260.81280000001</v>
      </c>
      <c r="O372" s="304">
        <v>336260.81280000001</v>
      </c>
      <c r="P372" s="303" t="s">
        <v>226</v>
      </c>
      <c r="Q372" s="303" t="s">
        <v>82</v>
      </c>
      <c r="R372" s="317"/>
      <c r="S372" s="317"/>
      <c r="T372" s="317"/>
      <c r="U372" s="317"/>
      <c r="V372" s="317"/>
      <c r="W372" s="307"/>
      <c r="X372" s="317"/>
      <c r="Y372" s="317"/>
      <c r="Z372" s="317"/>
      <c r="AA372" s="317"/>
      <c r="AB372" s="317"/>
      <c r="AC372" s="317"/>
      <c r="AD372" s="317"/>
      <c r="AE372" s="317"/>
      <c r="AF372" s="317"/>
      <c r="AG372" s="317"/>
      <c r="AH372" s="317"/>
      <c r="AI372" s="317"/>
      <c r="AJ372" s="317"/>
      <c r="AK372" s="317"/>
      <c r="AL372" s="307" t="s">
        <v>66</v>
      </c>
      <c r="AM372" s="317"/>
      <c r="AN372" s="317"/>
      <c r="AO372" s="317"/>
      <c r="AP372" s="317"/>
      <c r="AQ372" s="317"/>
      <c r="AR372" s="317"/>
      <c r="AS372" s="317"/>
      <c r="AT372" s="317"/>
      <c r="AU372" s="317"/>
      <c r="AV372" s="317"/>
      <c r="AW372" s="308">
        <f t="shared" si="187"/>
        <v>302</v>
      </c>
      <c r="AX372" s="309">
        <f>O372/AW372</f>
        <v>1113.4464</v>
      </c>
      <c r="AY372" s="307" t="str">
        <f t="shared" si="189"/>
        <v/>
      </c>
      <c r="AZ372" s="307" t="str">
        <f t="shared" si="190"/>
        <v/>
      </c>
      <c r="BA372" s="307" t="str">
        <f t="shared" si="191"/>
        <v/>
      </c>
      <c r="BB372" s="307" t="str">
        <f t="shared" si="192"/>
        <v/>
      </c>
      <c r="BC372" s="307" t="str">
        <f t="shared" si="193"/>
        <v/>
      </c>
      <c r="BD372" s="307" t="str">
        <f t="shared" si="194"/>
        <v/>
      </c>
      <c r="BE372" s="307" t="str">
        <f t="shared" si="195"/>
        <v/>
      </c>
      <c r="BF372" s="307" t="str">
        <f t="shared" si="196"/>
        <v/>
      </c>
      <c r="BG372" s="307" t="str">
        <f t="shared" si="197"/>
        <v/>
      </c>
      <c r="BH372" s="307" t="str">
        <f t="shared" si="198"/>
        <v/>
      </c>
      <c r="BI372" s="307" t="str">
        <f t="shared" si="199"/>
        <v/>
      </c>
      <c r="BJ372" s="307" t="str">
        <f t="shared" si="200"/>
        <v/>
      </c>
      <c r="BK372" s="307" t="str">
        <f t="shared" si="201"/>
        <v/>
      </c>
      <c r="BL372" s="307" t="str">
        <f t="shared" si="202"/>
        <v/>
      </c>
      <c r="BM372" s="307" t="str">
        <f t="shared" si="203"/>
        <v/>
      </c>
      <c r="BN372" s="307" t="str">
        <f t="shared" si="204"/>
        <v/>
      </c>
      <c r="BO372" s="307" t="str">
        <f t="shared" si="205"/>
        <v/>
      </c>
      <c r="BP372" s="307" t="str">
        <f t="shared" si="206"/>
        <v/>
      </c>
      <c r="BQ372" s="307" t="str">
        <f t="shared" si="207"/>
        <v/>
      </c>
      <c r="BR372" s="307" t="str">
        <f t="shared" si="208"/>
        <v/>
      </c>
      <c r="BS372" s="307">
        <f t="shared" si="209"/>
        <v>336260.81280000001</v>
      </c>
      <c r="BT372" s="307" t="str">
        <f t="shared" si="210"/>
        <v/>
      </c>
      <c r="BU372" s="307" t="str">
        <f t="shared" si="211"/>
        <v/>
      </c>
      <c r="BV372" s="307" t="str">
        <f t="shared" si="212"/>
        <v/>
      </c>
      <c r="BW372" s="307" t="str">
        <f t="shared" si="213"/>
        <v/>
      </c>
      <c r="BX372" s="307" t="str">
        <f t="shared" si="214"/>
        <v/>
      </c>
      <c r="BY372" s="307" t="str">
        <f t="shared" si="215"/>
        <v/>
      </c>
      <c r="BZ372" s="307" t="str">
        <f t="shared" si="216"/>
        <v/>
      </c>
      <c r="CA372" s="307" t="str">
        <f t="shared" si="217"/>
        <v/>
      </c>
      <c r="CB372" s="307" t="str">
        <f t="shared" si="218"/>
        <v/>
      </c>
      <c r="CC372" s="307" t="str">
        <f t="shared" si="219"/>
        <v/>
      </c>
      <c r="CD372" s="303"/>
      <c r="CE372" s="303"/>
      <c r="CF372" s="303"/>
    </row>
    <row r="373" spans="1:84" s="318" customFormat="1" ht="56.1" hidden="1" customHeight="1" x14ac:dyDescent="0.2">
      <c r="A373" s="302">
        <v>373</v>
      </c>
      <c r="B373" s="24" t="s">
        <v>53</v>
      </c>
      <c r="C373" s="35" t="s">
        <v>515</v>
      </c>
      <c r="D373" s="303" t="s">
        <v>523</v>
      </c>
      <c r="E373" s="303" t="s">
        <v>524</v>
      </c>
      <c r="F373" s="303" t="s">
        <v>524</v>
      </c>
      <c r="G373" s="303" t="s">
        <v>86</v>
      </c>
      <c r="H373" s="303" t="s">
        <v>310</v>
      </c>
      <c r="I373" s="303" t="s">
        <v>551</v>
      </c>
      <c r="J373" s="303" t="s">
        <v>525</v>
      </c>
      <c r="K373" s="303" t="s">
        <v>225</v>
      </c>
      <c r="L373" s="303" t="s">
        <v>63</v>
      </c>
      <c r="M373" s="303" t="s">
        <v>63</v>
      </c>
      <c r="N373" s="304">
        <v>0</v>
      </c>
      <c r="O373" s="304">
        <v>0</v>
      </c>
      <c r="P373" s="303" t="s">
        <v>226</v>
      </c>
      <c r="Q373" s="303" t="s">
        <v>82</v>
      </c>
      <c r="R373" s="317"/>
      <c r="S373" s="317"/>
      <c r="T373" s="317"/>
      <c r="U373" s="317"/>
      <c r="V373" s="317"/>
      <c r="W373" s="307"/>
      <c r="X373" s="317"/>
      <c r="Y373" s="317"/>
      <c r="Z373" s="317"/>
      <c r="AA373" s="317"/>
      <c r="AB373" s="317"/>
      <c r="AC373" s="317"/>
      <c r="AD373" s="317"/>
      <c r="AE373" s="317"/>
      <c r="AF373" s="317"/>
      <c r="AG373" s="317"/>
      <c r="AH373" s="317"/>
      <c r="AI373" s="317"/>
      <c r="AJ373" s="317"/>
      <c r="AK373" s="317"/>
      <c r="AL373" s="307" t="s">
        <v>66</v>
      </c>
      <c r="AM373" s="317"/>
      <c r="AN373" s="317"/>
      <c r="AO373" s="317"/>
      <c r="AP373" s="317"/>
      <c r="AQ373" s="317"/>
      <c r="AR373" s="317"/>
      <c r="AS373" s="317"/>
      <c r="AT373" s="317"/>
      <c r="AU373" s="317"/>
      <c r="AV373" s="317"/>
      <c r="AW373" s="308">
        <f t="shared" si="187"/>
        <v>302</v>
      </c>
      <c r="AX373" s="309"/>
      <c r="AY373" s="307" t="str">
        <f t="shared" si="189"/>
        <v/>
      </c>
      <c r="AZ373" s="307" t="str">
        <f t="shared" si="190"/>
        <v/>
      </c>
      <c r="BA373" s="307" t="str">
        <f t="shared" si="191"/>
        <v/>
      </c>
      <c r="BB373" s="307" t="str">
        <f t="shared" si="192"/>
        <v/>
      </c>
      <c r="BC373" s="307" t="str">
        <f t="shared" si="193"/>
        <v/>
      </c>
      <c r="BD373" s="307" t="str">
        <f t="shared" si="194"/>
        <v/>
      </c>
      <c r="BE373" s="307" t="str">
        <f t="shared" si="195"/>
        <v/>
      </c>
      <c r="BF373" s="307" t="str">
        <f t="shared" si="196"/>
        <v/>
      </c>
      <c r="BG373" s="307" t="str">
        <f t="shared" si="197"/>
        <v/>
      </c>
      <c r="BH373" s="307" t="str">
        <f t="shared" si="198"/>
        <v/>
      </c>
      <c r="BI373" s="307" t="str">
        <f t="shared" si="199"/>
        <v/>
      </c>
      <c r="BJ373" s="307" t="str">
        <f t="shared" si="200"/>
        <v/>
      </c>
      <c r="BK373" s="307" t="str">
        <f t="shared" si="201"/>
        <v/>
      </c>
      <c r="BL373" s="307" t="str">
        <f t="shared" si="202"/>
        <v/>
      </c>
      <c r="BM373" s="307" t="str">
        <f t="shared" si="203"/>
        <v/>
      </c>
      <c r="BN373" s="307" t="str">
        <f t="shared" si="204"/>
        <v/>
      </c>
      <c r="BO373" s="307" t="str">
        <f t="shared" si="205"/>
        <v/>
      </c>
      <c r="BP373" s="307" t="str">
        <f t="shared" si="206"/>
        <v/>
      </c>
      <c r="BQ373" s="307" t="str">
        <f t="shared" si="207"/>
        <v/>
      </c>
      <c r="BR373" s="307" t="str">
        <f t="shared" si="208"/>
        <v/>
      </c>
      <c r="BS373" s="307">
        <f t="shared" si="209"/>
        <v>0</v>
      </c>
      <c r="BT373" s="307" t="str">
        <f t="shared" si="210"/>
        <v/>
      </c>
      <c r="BU373" s="307" t="str">
        <f t="shared" si="211"/>
        <v/>
      </c>
      <c r="BV373" s="307" t="str">
        <f t="shared" si="212"/>
        <v/>
      </c>
      <c r="BW373" s="307" t="str">
        <f t="shared" si="213"/>
        <v/>
      </c>
      <c r="BX373" s="307" t="str">
        <f t="shared" si="214"/>
        <v/>
      </c>
      <c r="BY373" s="307" t="str">
        <f t="shared" si="215"/>
        <v/>
      </c>
      <c r="BZ373" s="307" t="str">
        <f t="shared" si="216"/>
        <v/>
      </c>
      <c r="CA373" s="307" t="str">
        <f t="shared" si="217"/>
        <v/>
      </c>
      <c r="CB373" s="307" t="str">
        <f t="shared" si="218"/>
        <v/>
      </c>
      <c r="CC373" s="307" t="str">
        <f t="shared" si="219"/>
        <v/>
      </c>
      <c r="CD373" s="303"/>
      <c r="CE373" s="303"/>
      <c r="CF373" s="303"/>
    </row>
    <row r="374" spans="1:84" s="318" customFormat="1" ht="56.1" hidden="1" customHeight="1" x14ac:dyDescent="0.2">
      <c r="A374" s="302">
        <v>374</v>
      </c>
      <c r="B374" s="24" t="s">
        <v>53</v>
      </c>
      <c r="C374" s="35" t="s">
        <v>515</v>
      </c>
      <c r="D374" s="303" t="s">
        <v>539</v>
      </c>
      <c r="E374" s="303" t="s">
        <v>527</v>
      </c>
      <c r="F374" s="303" t="s">
        <v>527</v>
      </c>
      <c r="G374" s="303" t="s">
        <v>86</v>
      </c>
      <c r="H374" s="303" t="s">
        <v>310</v>
      </c>
      <c r="I374" s="303" t="s">
        <v>551</v>
      </c>
      <c r="J374" s="303" t="s">
        <v>525</v>
      </c>
      <c r="K374" s="303" t="s">
        <v>225</v>
      </c>
      <c r="L374" s="303" t="s">
        <v>63</v>
      </c>
      <c r="M374" s="303" t="s">
        <v>63</v>
      </c>
      <c r="N374" s="304">
        <v>0</v>
      </c>
      <c r="O374" s="304">
        <v>0</v>
      </c>
      <c r="P374" s="303" t="s">
        <v>226</v>
      </c>
      <c r="Q374" s="303" t="s">
        <v>82</v>
      </c>
      <c r="R374" s="317"/>
      <c r="S374" s="317"/>
      <c r="T374" s="317"/>
      <c r="U374" s="317"/>
      <c r="V374" s="317"/>
      <c r="W374" s="307"/>
      <c r="X374" s="317"/>
      <c r="Y374" s="317"/>
      <c r="Z374" s="317"/>
      <c r="AA374" s="317"/>
      <c r="AB374" s="317"/>
      <c r="AC374" s="317"/>
      <c r="AD374" s="317"/>
      <c r="AE374" s="317"/>
      <c r="AF374" s="317"/>
      <c r="AG374" s="317"/>
      <c r="AH374" s="317"/>
      <c r="AI374" s="317"/>
      <c r="AJ374" s="317"/>
      <c r="AK374" s="317"/>
      <c r="AL374" s="307" t="s">
        <v>66</v>
      </c>
      <c r="AM374" s="317"/>
      <c r="AN374" s="317"/>
      <c r="AO374" s="317"/>
      <c r="AP374" s="317"/>
      <c r="AQ374" s="317"/>
      <c r="AR374" s="317"/>
      <c r="AS374" s="317"/>
      <c r="AT374" s="317"/>
      <c r="AU374" s="317"/>
      <c r="AV374" s="317"/>
      <c r="AW374" s="308">
        <f t="shared" si="187"/>
        <v>302</v>
      </c>
      <c r="AX374" s="309"/>
      <c r="AY374" s="307" t="str">
        <f t="shared" si="189"/>
        <v/>
      </c>
      <c r="AZ374" s="307" t="str">
        <f t="shared" si="190"/>
        <v/>
      </c>
      <c r="BA374" s="307" t="str">
        <f t="shared" si="191"/>
        <v/>
      </c>
      <c r="BB374" s="307" t="str">
        <f t="shared" si="192"/>
        <v/>
      </c>
      <c r="BC374" s="307" t="str">
        <f t="shared" si="193"/>
        <v/>
      </c>
      <c r="BD374" s="307" t="str">
        <f t="shared" si="194"/>
        <v/>
      </c>
      <c r="BE374" s="307" t="str">
        <f t="shared" si="195"/>
        <v/>
      </c>
      <c r="BF374" s="307" t="str">
        <f t="shared" si="196"/>
        <v/>
      </c>
      <c r="BG374" s="307" t="str">
        <f t="shared" si="197"/>
        <v/>
      </c>
      <c r="BH374" s="307" t="str">
        <f t="shared" si="198"/>
        <v/>
      </c>
      <c r="BI374" s="307" t="str">
        <f t="shared" si="199"/>
        <v/>
      </c>
      <c r="BJ374" s="307" t="str">
        <f t="shared" si="200"/>
        <v/>
      </c>
      <c r="BK374" s="307" t="str">
        <f t="shared" si="201"/>
        <v/>
      </c>
      <c r="BL374" s="307" t="str">
        <f t="shared" si="202"/>
        <v/>
      </c>
      <c r="BM374" s="307" t="str">
        <f t="shared" si="203"/>
        <v/>
      </c>
      <c r="BN374" s="307" t="str">
        <f t="shared" si="204"/>
        <v/>
      </c>
      <c r="BO374" s="307" t="str">
        <f t="shared" si="205"/>
        <v/>
      </c>
      <c r="BP374" s="307" t="str">
        <f t="shared" si="206"/>
        <v/>
      </c>
      <c r="BQ374" s="307" t="str">
        <f t="shared" si="207"/>
        <v/>
      </c>
      <c r="BR374" s="307" t="str">
        <f t="shared" si="208"/>
        <v/>
      </c>
      <c r="BS374" s="307">
        <f t="shared" si="209"/>
        <v>0</v>
      </c>
      <c r="BT374" s="307" t="str">
        <f t="shared" si="210"/>
        <v/>
      </c>
      <c r="BU374" s="307" t="str">
        <f t="shared" si="211"/>
        <v/>
      </c>
      <c r="BV374" s="307" t="str">
        <f t="shared" si="212"/>
        <v/>
      </c>
      <c r="BW374" s="307" t="str">
        <f t="shared" si="213"/>
        <v/>
      </c>
      <c r="BX374" s="307" t="str">
        <f t="shared" si="214"/>
        <v/>
      </c>
      <c r="BY374" s="307" t="str">
        <f t="shared" si="215"/>
        <v/>
      </c>
      <c r="BZ374" s="307" t="str">
        <f t="shared" si="216"/>
        <v/>
      </c>
      <c r="CA374" s="307" t="str">
        <f t="shared" si="217"/>
        <v/>
      </c>
      <c r="CB374" s="307" t="str">
        <f t="shared" si="218"/>
        <v/>
      </c>
      <c r="CC374" s="307" t="str">
        <f t="shared" si="219"/>
        <v/>
      </c>
      <c r="CD374" s="303"/>
      <c r="CE374" s="303"/>
      <c r="CF374" s="303"/>
    </row>
    <row r="375" spans="1:84" s="318" customFormat="1" ht="56.1" hidden="1" customHeight="1" x14ac:dyDescent="0.2">
      <c r="A375" s="302">
        <v>375</v>
      </c>
      <c r="B375" s="24" t="s">
        <v>53</v>
      </c>
      <c r="C375" s="35" t="s">
        <v>515</v>
      </c>
      <c r="D375" s="303" t="s">
        <v>528</v>
      </c>
      <c r="E375" s="303" t="s">
        <v>529</v>
      </c>
      <c r="F375" s="303" t="s">
        <v>529</v>
      </c>
      <c r="G375" s="303" t="s">
        <v>86</v>
      </c>
      <c r="H375" s="303" t="s">
        <v>310</v>
      </c>
      <c r="I375" s="303" t="s">
        <v>551</v>
      </c>
      <c r="J375" s="303" t="s">
        <v>525</v>
      </c>
      <c r="K375" s="303" t="s">
        <v>225</v>
      </c>
      <c r="L375" s="303" t="s">
        <v>63</v>
      </c>
      <c r="M375" s="303" t="s">
        <v>63</v>
      </c>
      <c r="N375" s="304">
        <v>0</v>
      </c>
      <c r="O375" s="304">
        <v>0</v>
      </c>
      <c r="P375" s="303" t="s">
        <v>226</v>
      </c>
      <c r="Q375" s="303" t="s">
        <v>82</v>
      </c>
      <c r="R375" s="317"/>
      <c r="S375" s="317"/>
      <c r="T375" s="317"/>
      <c r="U375" s="317"/>
      <c r="V375" s="317"/>
      <c r="W375" s="307"/>
      <c r="X375" s="317"/>
      <c r="Y375" s="317"/>
      <c r="Z375" s="317"/>
      <c r="AA375" s="317"/>
      <c r="AB375" s="317"/>
      <c r="AC375" s="317"/>
      <c r="AD375" s="317"/>
      <c r="AE375" s="317"/>
      <c r="AF375" s="317"/>
      <c r="AG375" s="317"/>
      <c r="AH375" s="317"/>
      <c r="AI375" s="317"/>
      <c r="AJ375" s="317"/>
      <c r="AK375" s="317"/>
      <c r="AL375" s="307" t="s">
        <v>66</v>
      </c>
      <c r="AM375" s="317"/>
      <c r="AN375" s="317"/>
      <c r="AO375" s="317"/>
      <c r="AP375" s="317"/>
      <c r="AQ375" s="317"/>
      <c r="AR375" s="317"/>
      <c r="AS375" s="317"/>
      <c r="AT375" s="317"/>
      <c r="AU375" s="317"/>
      <c r="AV375" s="317"/>
      <c r="AW375" s="308">
        <f t="shared" si="187"/>
        <v>302</v>
      </c>
      <c r="AX375" s="309"/>
      <c r="AY375" s="307" t="str">
        <f t="shared" si="189"/>
        <v/>
      </c>
      <c r="AZ375" s="307" t="str">
        <f t="shared" si="190"/>
        <v/>
      </c>
      <c r="BA375" s="307" t="str">
        <f t="shared" si="191"/>
        <v/>
      </c>
      <c r="BB375" s="307" t="str">
        <f t="shared" si="192"/>
        <v/>
      </c>
      <c r="BC375" s="307" t="str">
        <f t="shared" si="193"/>
        <v/>
      </c>
      <c r="BD375" s="307" t="str">
        <f t="shared" si="194"/>
        <v/>
      </c>
      <c r="BE375" s="307" t="str">
        <f t="shared" si="195"/>
        <v/>
      </c>
      <c r="BF375" s="307" t="str">
        <f t="shared" si="196"/>
        <v/>
      </c>
      <c r="BG375" s="307" t="str">
        <f t="shared" si="197"/>
        <v/>
      </c>
      <c r="BH375" s="307" t="str">
        <f t="shared" si="198"/>
        <v/>
      </c>
      <c r="BI375" s="307" t="str">
        <f t="shared" si="199"/>
        <v/>
      </c>
      <c r="BJ375" s="307" t="str">
        <f t="shared" si="200"/>
        <v/>
      </c>
      <c r="BK375" s="307" t="str">
        <f t="shared" si="201"/>
        <v/>
      </c>
      <c r="BL375" s="307" t="str">
        <f t="shared" si="202"/>
        <v/>
      </c>
      <c r="BM375" s="307" t="str">
        <f t="shared" si="203"/>
        <v/>
      </c>
      <c r="BN375" s="307" t="str">
        <f t="shared" si="204"/>
        <v/>
      </c>
      <c r="BO375" s="307" t="str">
        <f t="shared" si="205"/>
        <v/>
      </c>
      <c r="BP375" s="307" t="str">
        <f t="shared" si="206"/>
        <v/>
      </c>
      <c r="BQ375" s="307" t="str">
        <f t="shared" si="207"/>
        <v/>
      </c>
      <c r="BR375" s="307" t="str">
        <f t="shared" si="208"/>
        <v/>
      </c>
      <c r="BS375" s="307">
        <f t="shared" si="209"/>
        <v>0</v>
      </c>
      <c r="BT375" s="307" t="str">
        <f t="shared" si="210"/>
        <v/>
      </c>
      <c r="BU375" s="307" t="str">
        <f t="shared" si="211"/>
        <v/>
      </c>
      <c r="BV375" s="307" t="str">
        <f t="shared" si="212"/>
        <v/>
      </c>
      <c r="BW375" s="307" t="str">
        <f t="shared" si="213"/>
        <v/>
      </c>
      <c r="BX375" s="307" t="str">
        <f t="shared" si="214"/>
        <v/>
      </c>
      <c r="BY375" s="307" t="str">
        <f t="shared" si="215"/>
        <v/>
      </c>
      <c r="BZ375" s="307" t="str">
        <f t="shared" si="216"/>
        <v/>
      </c>
      <c r="CA375" s="307" t="str">
        <f t="shared" si="217"/>
        <v/>
      </c>
      <c r="CB375" s="307" t="str">
        <f t="shared" si="218"/>
        <v/>
      </c>
      <c r="CC375" s="307" t="str">
        <f t="shared" si="219"/>
        <v/>
      </c>
      <c r="CD375" s="303"/>
      <c r="CE375" s="303"/>
      <c r="CF375" s="303"/>
    </row>
    <row r="376" spans="1:84" s="318" customFormat="1" ht="56.1" hidden="1" customHeight="1" x14ac:dyDescent="0.2">
      <c r="A376" s="302">
        <v>376</v>
      </c>
      <c r="B376" s="24" t="s">
        <v>53</v>
      </c>
      <c r="C376" s="35" t="s">
        <v>515</v>
      </c>
      <c r="D376" s="303" t="s">
        <v>530</v>
      </c>
      <c r="E376" s="303" t="s">
        <v>532</v>
      </c>
      <c r="F376" s="303" t="s">
        <v>532</v>
      </c>
      <c r="G376" s="303" t="s">
        <v>86</v>
      </c>
      <c r="H376" s="303" t="s">
        <v>310</v>
      </c>
      <c r="I376" s="303" t="s">
        <v>551</v>
      </c>
      <c r="J376" s="303" t="s">
        <v>525</v>
      </c>
      <c r="K376" s="303" t="s">
        <v>225</v>
      </c>
      <c r="L376" s="303" t="s">
        <v>63</v>
      </c>
      <c r="M376" s="303" t="s">
        <v>63</v>
      </c>
      <c r="N376" s="304">
        <v>0</v>
      </c>
      <c r="O376" s="304">
        <v>0</v>
      </c>
      <c r="P376" s="303" t="s">
        <v>226</v>
      </c>
      <c r="Q376" s="303" t="s">
        <v>82</v>
      </c>
      <c r="R376" s="317"/>
      <c r="S376" s="317"/>
      <c r="T376" s="317"/>
      <c r="U376" s="317"/>
      <c r="V376" s="317"/>
      <c r="W376" s="307"/>
      <c r="X376" s="317"/>
      <c r="Y376" s="317"/>
      <c r="Z376" s="317"/>
      <c r="AA376" s="317"/>
      <c r="AB376" s="317"/>
      <c r="AC376" s="317"/>
      <c r="AD376" s="317"/>
      <c r="AE376" s="317"/>
      <c r="AF376" s="317"/>
      <c r="AG376" s="317"/>
      <c r="AH376" s="317"/>
      <c r="AI376" s="317"/>
      <c r="AJ376" s="317"/>
      <c r="AK376" s="317"/>
      <c r="AL376" s="307" t="s">
        <v>66</v>
      </c>
      <c r="AM376" s="317"/>
      <c r="AN376" s="317"/>
      <c r="AO376" s="317"/>
      <c r="AP376" s="317"/>
      <c r="AQ376" s="317"/>
      <c r="AR376" s="317"/>
      <c r="AS376" s="317"/>
      <c r="AT376" s="317"/>
      <c r="AU376" s="317"/>
      <c r="AV376" s="317"/>
      <c r="AW376" s="308">
        <f t="shared" si="187"/>
        <v>302</v>
      </c>
      <c r="AX376" s="309"/>
      <c r="AY376" s="307" t="str">
        <f t="shared" si="189"/>
        <v/>
      </c>
      <c r="AZ376" s="307" t="str">
        <f t="shared" si="190"/>
        <v/>
      </c>
      <c r="BA376" s="307" t="str">
        <f t="shared" si="191"/>
        <v/>
      </c>
      <c r="BB376" s="307" t="str">
        <f t="shared" si="192"/>
        <v/>
      </c>
      <c r="BC376" s="307" t="str">
        <f t="shared" si="193"/>
        <v/>
      </c>
      <c r="BD376" s="307" t="str">
        <f t="shared" si="194"/>
        <v/>
      </c>
      <c r="BE376" s="307" t="str">
        <f t="shared" si="195"/>
        <v/>
      </c>
      <c r="BF376" s="307" t="str">
        <f t="shared" si="196"/>
        <v/>
      </c>
      <c r="BG376" s="307" t="str">
        <f t="shared" si="197"/>
        <v/>
      </c>
      <c r="BH376" s="307" t="str">
        <f t="shared" si="198"/>
        <v/>
      </c>
      <c r="BI376" s="307" t="str">
        <f t="shared" si="199"/>
        <v/>
      </c>
      <c r="BJ376" s="307" t="str">
        <f t="shared" si="200"/>
        <v/>
      </c>
      <c r="BK376" s="307" t="str">
        <f t="shared" si="201"/>
        <v/>
      </c>
      <c r="BL376" s="307" t="str">
        <f t="shared" si="202"/>
        <v/>
      </c>
      <c r="BM376" s="307" t="str">
        <f t="shared" si="203"/>
        <v/>
      </c>
      <c r="BN376" s="307" t="str">
        <f t="shared" si="204"/>
        <v/>
      </c>
      <c r="BO376" s="307" t="str">
        <f t="shared" si="205"/>
        <v/>
      </c>
      <c r="BP376" s="307" t="str">
        <f t="shared" si="206"/>
        <v/>
      </c>
      <c r="BQ376" s="307" t="str">
        <f t="shared" si="207"/>
        <v/>
      </c>
      <c r="BR376" s="307" t="str">
        <f t="shared" si="208"/>
        <v/>
      </c>
      <c r="BS376" s="307">
        <f t="shared" si="209"/>
        <v>0</v>
      </c>
      <c r="BT376" s="307" t="str">
        <f t="shared" si="210"/>
        <v/>
      </c>
      <c r="BU376" s="307" t="str">
        <f t="shared" si="211"/>
        <v/>
      </c>
      <c r="BV376" s="307" t="str">
        <f t="shared" si="212"/>
        <v/>
      </c>
      <c r="BW376" s="307" t="str">
        <f t="shared" si="213"/>
        <v/>
      </c>
      <c r="BX376" s="307" t="str">
        <f t="shared" si="214"/>
        <v/>
      </c>
      <c r="BY376" s="307" t="str">
        <f t="shared" si="215"/>
        <v/>
      </c>
      <c r="BZ376" s="307" t="str">
        <f t="shared" si="216"/>
        <v/>
      </c>
      <c r="CA376" s="307" t="str">
        <f t="shared" si="217"/>
        <v/>
      </c>
      <c r="CB376" s="307" t="str">
        <f t="shared" si="218"/>
        <v/>
      </c>
      <c r="CC376" s="307" t="str">
        <f t="shared" si="219"/>
        <v/>
      </c>
      <c r="CD376" s="303"/>
      <c r="CE376" s="303"/>
      <c r="CF376" s="303"/>
    </row>
    <row r="377" spans="1:84" s="318" customFormat="1" ht="56.1" hidden="1" customHeight="1" x14ac:dyDescent="0.2">
      <c r="A377" s="302">
        <v>377</v>
      </c>
      <c r="B377" s="24" t="s">
        <v>53</v>
      </c>
      <c r="C377" s="35" t="s">
        <v>515</v>
      </c>
      <c r="D377" s="303" t="s">
        <v>533</v>
      </c>
      <c r="E377" s="303" t="s">
        <v>534</v>
      </c>
      <c r="F377" s="303" t="s">
        <v>534</v>
      </c>
      <c r="G377" s="303" t="s">
        <v>86</v>
      </c>
      <c r="H377" s="303" t="s">
        <v>310</v>
      </c>
      <c r="I377" s="303" t="s">
        <v>551</v>
      </c>
      <c r="J377" s="303" t="s">
        <v>334</v>
      </c>
      <c r="K377" s="303" t="s">
        <v>225</v>
      </c>
      <c r="L377" s="303" t="s">
        <v>63</v>
      </c>
      <c r="M377" s="303" t="s">
        <v>63</v>
      </c>
      <c r="N377" s="304">
        <v>53734.86</v>
      </c>
      <c r="O377" s="304">
        <v>53734.86</v>
      </c>
      <c r="P377" s="303" t="s">
        <v>226</v>
      </c>
      <c r="Q377" s="303" t="s">
        <v>82</v>
      </c>
      <c r="R377" s="317"/>
      <c r="S377" s="317"/>
      <c r="T377" s="317"/>
      <c r="U377" s="317"/>
      <c r="V377" s="317"/>
      <c r="W377" s="307"/>
      <c r="X377" s="317"/>
      <c r="Y377" s="317"/>
      <c r="Z377" s="317"/>
      <c r="AA377" s="317"/>
      <c r="AB377" s="317"/>
      <c r="AC377" s="317"/>
      <c r="AD377" s="317"/>
      <c r="AE377" s="317"/>
      <c r="AF377" s="317"/>
      <c r="AG377" s="317"/>
      <c r="AH377" s="317"/>
      <c r="AI377" s="317"/>
      <c r="AJ377" s="317"/>
      <c r="AK377" s="317"/>
      <c r="AL377" s="307" t="s">
        <v>66</v>
      </c>
      <c r="AM377" s="317"/>
      <c r="AN377" s="317"/>
      <c r="AO377" s="317"/>
      <c r="AP377" s="317"/>
      <c r="AQ377" s="317"/>
      <c r="AR377" s="317"/>
      <c r="AS377" s="317"/>
      <c r="AT377" s="317"/>
      <c r="AU377" s="317"/>
      <c r="AV377" s="317"/>
      <c r="AW377" s="308">
        <f t="shared" si="187"/>
        <v>302</v>
      </c>
      <c r="AX377" s="309">
        <f t="shared" ref="AX377:AX382" si="223">O377/AW377</f>
        <v>177.93</v>
      </c>
      <c r="AY377" s="307" t="str">
        <f t="shared" si="189"/>
        <v/>
      </c>
      <c r="AZ377" s="307" t="str">
        <f t="shared" si="190"/>
        <v/>
      </c>
      <c r="BA377" s="307" t="str">
        <f t="shared" si="191"/>
        <v/>
      </c>
      <c r="BB377" s="307" t="str">
        <f t="shared" si="192"/>
        <v/>
      </c>
      <c r="BC377" s="307" t="str">
        <f t="shared" si="193"/>
        <v/>
      </c>
      <c r="BD377" s="307" t="str">
        <f t="shared" si="194"/>
        <v/>
      </c>
      <c r="BE377" s="307" t="str">
        <f t="shared" si="195"/>
        <v/>
      </c>
      <c r="BF377" s="307" t="str">
        <f t="shared" si="196"/>
        <v/>
      </c>
      <c r="BG377" s="307" t="str">
        <f t="shared" si="197"/>
        <v/>
      </c>
      <c r="BH377" s="307" t="str">
        <f t="shared" si="198"/>
        <v/>
      </c>
      <c r="BI377" s="307" t="str">
        <f t="shared" si="199"/>
        <v/>
      </c>
      <c r="BJ377" s="307" t="str">
        <f t="shared" si="200"/>
        <v/>
      </c>
      <c r="BK377" s="307" t="str">
        <f t="shared" si="201"/>
        <v/>
      </c>
      <c r="BL377" s="307" t="str">
        <f t="shared" si="202"/>
        <v/>
      </c>
      <c r="BM377" s="307" t="str">
        <f t="shared" si="203"/>
        <v/>
      </c>
      <c r="BN377" s="307" t="str">
        <f t="shared" si="204"/>
        <v/>
      </c>
      <c r="BO377" s="307" t="str">
        <f t="shared" si="205"/>
        <v/>
      </c>
      <c r="BP377" s="307" t="str">
        <f t="shared" si="206"/>
        <v/>
      </c>
      <c r="BQ377" s="307" t="str">
        <f t="shared" si="207"/>
        <v/>
      </c>
      <c r="BR377" s="307" t="str">
        <f t="shared" si="208"/>
        <v/>
      </c>
      <c r="BS377" s="307">
        <f t="shared" si="209"/>
        <v>53734.86</v>
      </c>
      <c r="BT377" s="307" t="str">
        <f t="shared" si="210"/>
        <v/>
      </c>
      <c r="BU377" s="307" t="str">
        <f t="shared" si="211"/>
        <v/>
      </c>
      <c r="BV377" s="307" t="str">
        <f t="shared" si="212"/>
        <v/>
      </c>
      <c r="BW377" s="307" t="str">
        <f t="shared" si="213"/>
        <v/>
      </c>
      <c r="BX377" s="307" t="str">
        <f t="shared" si="214"/>
        <v/>
      </c>
      <c r="BY377" s="307" t="str">
        <f t="shared" si="215"/>
        <v/>
      </c>
      <c r="BZ377" s="307" t="str">
        <f t="shared" si="216"/>
        <v/>
      </c>
      <c r="CA377" s="307" t="str">
        <f t="shared" si="217"/>
        <v/>
      </c>
      <c r="CB377" s="307" t="str">
        <f t="shared" si="218"/>
        <v/>
      </c>
      <c r="CC377" s="307" t="str">
        <f t="shared" si="219"/>
        <v/>
      </c>
      <c r="CD377" s="303"/>
      <c r="CE377" s="303"/>
      <c r="CF377" s="303"/>
    </row>
    <row r="378" spans="1:84" s="318" customFormat="1" ht="56.1" hidden="1" customHeight="1" x14ac:dyDescent="0.2">
      <c r="A378" s="302">
        <v>378</v>
      </c>
      <c r="B378" s="24" t="s">
        <v>53</v>
      </c>
      <c r="C378" s="35" t="s">
        <v>515</v>
      </c>
      <c r="D378" s="303" t="s">
        <v>548</v>
      </c>
      <c r="E378" s="303" t="s">
        <v>535</v>
      </c>
      <c r="F378" s="303" t="s">
        <v>536</v>
      </c>
      <c r="G378" s="303" t="s">
        <v>93</v>
      </c>
      <c r="H378" s="303" t="s">
        <v>364</v>
      </c>
      <c r="I378" s="303" t="s">
        <v>60</v>
      </c>
      <c r="J378" s="303" t="s">
        <v>334</v>
      </c>
      <c r="K378" s="303" t="s">
        <v>71</v>
      </c>
      <c r="L378" s="303" t="s">
        <v>63</v>
      </c>
      <c r="M378" s="303" t="s">
        <v>63</v>
      </c>
      <c r="N378" s="304">
        <v>65895.782399999982</v>
      </c>
      <c r="O378" s="304">
        <v>65895.782399999982</v>
      </c>
      <c r="P378" s="303" t="s">
        <v>64</v>
      </c>
      <c r="Q378" s="303" t="s">
        <v>82</v>
      </c>
      <c r="R378" s="317"/>
      <c r="S378" s="317"/>
      <c r="T378" s="317"/>
      <c r="U378" s="317"/>
      <c r="V378" s="317"/>
      <c r="W378" s="307"/>
      <c r="X378" s="317"/>
      <c r="Y378" s="317"/>
      <c r="Z378" s="317"/>
      <c r="AA378" s="317"/>
      <c r="AB378" s="317"/>
      <c r="AC378" s="317"/>
      <c r="AD378" s="317"/>
      <c r="AE378" s="317"/>
      <c r="AF378" s="317"/>
      <c r="AG378" s="317"/>
      <c r="AH378" s="317"/>
      <c r="AI378" s="317"/>
      <c r="AJ378" s="317"/>
      <c r="AK378" s="317"/>
      <c r="AL378" s="317"/>
      <c r="AM378" s="317"/>
      <c r="AN378" s="317"/>
      <c r="AO378" s="317"/>
      <c r="AP378" s="317"/>
      <c r="AQ378" s="307" t="s">
        <v>66</v>
      </c>
      <c r="AR378" s="317"/>
      <c r="AS378" s="317"/>
      <c r="AT378" s="317"/>
      <c r="AU378" s="317"/>
      <c r="AV378" s="317"/>
      <c r="AW378" s="308">
        <f t="shared" si="187"/>
        <v>217</v>
      </c>
      <c r="AX378" s="309">
        <f t="shared" si="223"/>
        <v>303.66719999999992</v>
      </c>
      <c r="AY378" s="307" t="str">
        <f t="shared" si="189"/>
        <v/>
      </c>
      <c r="AZ378" s="307" t="str">
        <f t="shared" si="190"/>
        <v/>
      </c>
      <c r="BA378" s="307" t="str">
        <f t="shared" si="191"/>
        <v/>
      </c>
      <c r="BB378" s="307" t="str">
        <f t="shared" si="192"/>
        <v/>
      </c>
      <c r="BC378" s="307" t="str">
        <f t="shared" si="193"/>
        <v/>
      </c>
      <c r="BD378" s="307" t="str">
        <f t="shared" si="194"/>
        <v/>
      </c>
      <c r="BE378" s="307" t="str">
        <f t="shared" si="195"/>
        <v/>
      </c>
      <c r="BF378" s="307" t="str">
        <f t="shared" si="196"/>
        <v/>
      </c>
      <c r="BG378" s="307" t="str">
        <f t="shared" si="197"/>
        <v/>
      </c>
      <c r="BH378" s="307" t="str">
        <f t="shared" si="198"/>
        <v/>
      </c>
      <c r="BI378" s="307" t="str">
        <f t="shared" si="199"/>
        <v/>
      </c>
      <c r="BJ378" s="307" t="str">
        <f t="shared" si="200"/>
        <v/>
      </c>
      <c r="BK378" s="307" t="str">
        <f t="shared" si="201"/>
        <v/>
      </c>
      <c r="BL378" s="307" t="str">
        <f t="shared" si="202"/>
        <v/>
      </c>
      <c r="BM378" s="307" t="str">
        <f t="shared" si="203"/>
        <v/>
      </c>
      <c r="BN378" s="307" t="str">
        <f t="shared" si="204"/>
        <v/>
      </c>
      <c r="BO378" s="307" t="str">
        <f t="shared" si="205"/>
        <v/>
      </c>
      <c r="BP378" s="307" t="str">
        <f t="shared" si="206"/>
        <v/>
      </c>
      <c r="BQ378" s="307" t="str">
        <f t="shared" si="207"/>
        <v/>
      </c>
      <c r="BR378" s="307" t="str">
        <f t="shared" si="208"/>
        <v/>
      </c>
      <c r="BS378" s="307" t="str">
        <f t="shared" si="209"/>
        <v/>
      </c>
      <c r="BT378" s="307" t="str">
        <f t="shared" si="210"/>
        <v/>
      </c>
      <c r="BU378" s="307" t="str">
        <f t="shared" si="211"/>
        <v/>
      </c>
      <c r="BV378" s="307" t="str">
        <f t="shared" si="212"/>
        <v/>
      </c>
      <c r="BW378" s="307" t="str">
        <f t="shared" si="213"/>
        <v/>
      </c>
      <c r="BX378" s="307">
        <f t="shared" si="214"/>
        <v>65895.782399999982</v>
      </c>
      <c r="BY378" s="307" t="str">
        <f t="shared" si="215"/>
        <v/>
      </c>
      <c r="BZ378" s="307" t="str">
        <f t="shared" si="216"/>
        <v/>
      </c>
      <c r="CA378" s="307" t="str">
        <f t="shared" si="217"/>
        <v/>
      </c>
      <c r="CB378" s="307" t="str">
        <f t="shared" si="218"/>
        <v/>
      </c>
      <c r="CC378" s="307" t="str">
        <f t="shared" si="219"/>
        <v/>
      </c>
      <c r="CD378" s="303"/>
      <c r="CE378" s="303"/>
      <c r="CF378" s="303"/>
    </row>
    <row r="379" spans="1:84" s="318" customFormat="1" ht="56.1" hidden="1" customHeight="1" x14ac:dyDescent="0.2">
      <c r="A379" s="302">
        <v>379</v>
      </c>
      <c r="B379" s="24" t="s">
        <v>53</v>
      </c>
      <c r="C379" s="35" t="s">
        <v>515</v>
      </c>
      <c r="D379" s="303" t="s">
        <v>518</v>
      </c>
      <c r="E379" s="303" t="s">
        <v>520</v>
      </c>
      <c r="F379" s="303" t="s">
        <v>520</v>
      </c>
      <c r="G379" s="303" t="s">
        <v>93</v>
      </c>
      <c r="H379" s="303" t="s">
        <v>364</v>
      </c>
      <c r="I379" s="303" t="s">
        <v>60</v>
      </c>
      <c r="J379" s="303" t="s">
        <v>334</v>
      </c>
      <c r="K379" s="303" t="s">
        <v>71</v>
      </c>
      <c r="L379" s="303" t="s">
        <v>63</v>
      </c>
      <c r="M379" s="303" t="s">
        <v>63</v>
      </c>
      <c r="N379" s="304">
        <v>172976.42879999999</v>
      </c>
      <c r="O379" s="304">
        <v>172976.42879999999</v>
      </c>
      <c r="P379" s="303" t="s">
        <v>64</v>
      </c>
      <c r="Q379" s="303" t="s">
        <v>82</v>
      </c>
      <c r="R379" s="317"/>
      <c r="S379" s="317"/>
      <c r="T379" s="317"/>
      <c r="U379" s="317"/>
      <c r="V379" s="317"/>
      <c r="W379" s="307"/>
      <c r="X379" s="317"/>
      <c r="Y379" s="317"/>
      <c r="Z379" s="317"/>
      <c r="AA379" s="317"/>
      <c r="AB379" s="317"/>
      <c r="AC379" s="317"/>
      <c r="AD379" s="317"/>
      <c r="AE379" s="317"/>
      <c r="AF379" s="317"/>
      <c r="AG379" s="317"/>
      <c r="AH379" s="317"/>
      <c r="AI379" s="317"/>
      <c r="AJ379" s="317"/>
      <c r="AK379" s="317"/>
      <c r="AL379" s="317"/>
      <c r="AM379" s="317"/>
      <c r="AN379" s="317"/>
      <c r="AO379" s="317"/>
      <c r="AP379" s="317"/>
      <c r="AQ379" s="307" t="s">
        <v>66</v>
      </c>
      <c r="AR379" s="317"/>
      <c r="AS379" s="317"/>
      <c r="AT379" s="317"/>
      <c r="AU379" s="317"/>
      <c r="AV379" s="317"/>
      <c r="AW379" s="308">
        <f t="shared" si="187"/>
        <v>217</v>
      </c>
      <c r="AX379" s="309">
        <f t="shared" si="223"/>
        <v>797.12639999999999</v>
      </c>
      <c r="AY379" s="307" t="str">
        <f t="shared" si="189"/>
        <v/>
      </c>
      <c r="AZ379" s="307" t="str">
        <f t="shared" si="190"/>
        <v/>
      </c>
      <c r="BA379" s="307" t="str">
        <f t="shared" si="191"/>
        <v/>
      </c>
      <c r="BB379" s="307" t="str">
        <f t="shared" si="192"/>
        <v/>
      </c>
      <c r="BC379" s="307" t="str">
        <f t="shared" si="193"/>
        <v/>
      </c>
      <c r="BD379" s="307" t="str">
        <f t="shared" si="194"/>
        <v/>
      </c>
      <c r="BE379" s="307" t="str">
        <f t="shared" si="195"/>
        <v/>
      </c>
      <c r="BF379" s="307" t="str">
        <f t="shared" si="196"/>
        <v/>
      </c>
      <c r="BG379" s="307" t="str">
        <f t="shared" si="197"/>
        <v/>
      </c>
      <c r="BH379" s="307" t="str">
        <f t="shared" si="198"/>
        <v/>
      </c>
      <c r="BI379" s="307" t="str">
        <f t="shared" si="199"/>
        <v/>
      </c>
      <c r="BJ379" s="307" t="str">
        <f t="shared" si="200"/>
        <v/>
      </c>
      <c r="BK379" s="307" t="str">
        <f t="shared" si="201"/>
        <v/>
      </c>
      <c r="BL379" s="307" t="str">
        <f t="shared" si="202"/>
        <v/>
      </c>
      <c r="BM379" s="307" t="str">
        <f t="shared" si="203"/>
        <v/>
      </c>
      <c r="BN379" s="307" t="str">
        <f t="shared" si="204"/>
        <v/>
      </c>
      <c r="BO379" s="307" t="str">
        <f t="shared" si="205"/>
        <v/>
      </c>
      <c r="BP379" s="307" t="str">
        <f t="shared" si="206"/>
        <v/>
      </c>
      <c r="BQ379" s="307" t="str">
        <f t="shared" si="207"/>
        <v/>
      </c>
      <c r="BR379" s="307" t="str">
        <f t="shared" si="208"/>
        <v/>
      </c>
      <c r="BS379" s="307" t="str">
        <f t="shared" si="209"/>
        <v/>
      </c>
      <c r="BT379" s="307" t="str">
        <f t="shared" si="210"/>
        <v/>
      </c>
      <c r="BU379" s="307" t="str">
        <f t="shared" si="211"/>
        <v/>
      </c>
      <c r="BV379" s="307" t="str">
        <f t="shared" si="212"/>
        <v/>
      </c>
      <c r="BW379" s="307" t="str">
        <f t="shared" si="213"/>
        <v/>
      </c>
      <c r="BX379" s="307">
        <f t="shared" si="214"/>
        <v>172976.42879999999</v>
      </c>
      <c r="BY379" s="307" t="str">
        <f t="shared" si="215"/>
        <v/>
      </c>
      <c r="BZ379" s="307" t="str">
        <f t="shared" si="216"/>
        <v/>
      </c>
      <c r="CA379" s="307" t="str">
        <f t="shared" si="217"/>
        <v/>
      </c>
      <c r="CB379" s="307" t="str">
        <f t="shared" si="218"/>
        <v/>
      </c>
      <c r="CC379" s="307" t="str">
        <f t="shared" si="219"/>
        <v/>
      </c>
      <c r="CD379" s="303"/>
      <c r="CE379" s="303"/>
      <c r="CF379" s="303"/>
    </row>
    <row r="380" spans="1:84" s="318" customFormat="1" ht="56.1" hidden="1" customHeight="1" x14ac:dyDescent="0.2">
      <c r="A380" s="302">
        <v>380</v>
      </c>
      <c r="B380" s="24" t="s">
        <v>53</v>
      </c>
      <c r="C380" s="35" t="s">
        <v>515</v>
      </c>
      <c r="D380" s="303" t="s">
        <v>521</v>
      </c>
      <c r="E380" s="303" t="s">
        <v>522</v>
      </c>
      <c r="F380" s="303" t="s">
        <v>522</v>
      </c>
      <c r="G380" s="303" t="s">
        <v>93</v>
      </c>
      <c r="H380" s="303" t="s">
        <v>364</v>
      </c>
      <c r="I380" s="303" t="s">
        <v>60</v>
      </c>
      <c r="J380" s="303" t="s">
        <v>334</v>
      </c>
      <c r="K380" s="303" t="s">
        <v>71</v>
      </c>
      <c r="L380" s="303" t="s">
        <v>63</v>
      </c>
      <c r="M380" s="303" t="s">
        <v>63</v>
      </c>
      <c r="N380" s="304">
        <v>241617.86879999997</v>
      </c>
      <c r="O380" s="304">
        <v>241617.86879999997</v>
      </c>
      <c r="P380" s="303" t="s">
        <v>64</v>
      </c>
      <c r="Q380" s="303" t="s">
        <v>82</v>
      </c>
      <c r="R380" s="317"/>
      <c r="S380" s="317"/>
      <c r="T380" s="317"/>
      <c r="U380" s="317"/>
      <c r="V380" s="317"/>
      <c r="W380" s="307"/>
      <c r="X380" s="317"/>
      <c r="Y380" s="317"/>
      <c r="Z380" s="317"/>
      <c r="AA380" s="317"/>
      <c r="AB380" s="317"/>
      <c r="AC380" s="317"/>
      <c r="AD380" s="317"/>
      <c r="AE380" s="317"/>
      <c r="AF380" s="317"/>
      <c r="AG380" s="317"/>
      <c r="AH380" s="317"/>
      <c r="AI380" s="317"/>
      <c r="AJ380" s="317"/>
      <c r="AK380" s="317"/>
      <c r="AL380" s="317"/>
      <c r="AM380" s="317"/>
      <c r="AN380" s="317"/>
      <c r="AO380" s="317"/>
      <c r="AP380" s="317"/>
      <c r="AQ380" s="307" t="s">
        <v>66</v>
      </c>
      <c r="AR380" s="317"/>
      <c r="AS380" s="317"/>
      <c r="AT380" s="317"/>
      <c r="AU380" s="317"/>
      <c r="AV380" s="317"/>
      <c r="AW380" s="308">
        <f t="shared" si="187"/>
        <v>217</v>
      </c>
      <c r="AX380" s="309">
        <f t="shared" si="223"/>
        <v>1113.4463999999998</v>
      </c>
      <c r="AY380" s="307" t="str">
        <f t="shared" si="189"/>
        <v/>
      </c>
      <c r="AZ380" s="307" t="str">
        <f t="shared" si="190"/>
        <v/>
      </c>
      <c r="BA380" s="307" t="str">
        <f t="shared" si="191"/>
        <v/>
      </c>
      <c r="BB380" s="307" t="str">
        <f t="shared" si="192"/>
        <v/>
      </c>
      <c r="BC380" s="307" t="str">
        <f t="shared" si="193"/>
        <v/>
      </c>
      <c r="BD380" s="307" t="str">
        <f t="shared" si="194"/>
        <v/>
      </c>
      <c r="BE380" s="307" t="str">
        <f t="shared" si="195"/>
        <v/>
      </c>
      <c r="BF380" s="307" t="str">
        <f t="shared" si="196"/>
        <v/>
      </c>
      <c r="BG380" s="307" t="str">
        <f t="shared" si="197"/>
        <v/>
      </c>
      <c r="BH380" s="307" t="str">
        <f t="shared" si="198"/>
        <v/>
      </c>
      <c r="BI380" s="307" t="str">
        <f t="shared" si="199"/>
        <v/>
      </c>
      <c r="BJ380" s="307" t="str">
        <f t="shared" si="200"/>
        <v/>
      </c>
      <c r="BK380" s="307" t="str">
        <f t="shared" si="201"/>
        <v/>
      </c>
      <c r="BL380" s="307" t="str">
        <f t="shared" si="202"/>
        <v/>
      </c>
      <c r="BM380" s="307" t="str">
        <f t="shared" si="203"/>
        <v/>
      </c>
      <c r="BN380" s="307" t="str">
        <f t="shared" si="204"/>
        <v/>
      </c>
      <c r="BO380" s="307" t="str">
        <f t="shared" si="205"/>
        <v/>
      </c>
      <c r="BP380" s="307" t="str">
        <f t="shared" si="206"/>
        <v/>
      </c>
      <c r="BQ380" s="307" t="str">
        <f t="shared" si="207"/>
        <v/>
      </c>
      <c r="BR380" s="307" t="str">
        <f t="shared" si="208"/>
        <v/>
      </c>
      <c r="BS380" s="307" t="str">
        <f t="shared" si="209"/>
        <v/>
      </c>
      <c r="BT380" s="307" t="str">
        <f t="shared" si="210"/>
        <v/>
      </c>
      <c r="BU380" s="307" t="str">
        <f t="shared" si="211"/>
        <v/>
      </c>
      <c r="BV380" s="307" t="str">
        <f t="shared" si="212"/>
        <v/>
      </c>
      <c r="BW380" s="307" t="str">
        <f t="shared" si="213"/>
        <v/>
      </c>
      <c r="BX380" s="307">
        <f t="shared" si="214"/>
        <v>241617.86879999997</v>
      </c>
      <c r="BY380" s="307" t="str">
        <f t="shared" si="215"/>
        <v/>
      </c>
      <c r="BZ380" s="307" t="str">
        <f t="shared" si="216"/>
        <v/>
      </c>
      <c r="CA380" s="307" t="str">
        <f t="shared" si="217"/>
        <v/>
      </c>
      <c r="CB380" s="307" t="str">
        <f t="shared" si="218"/>
        <v/>
      </c>
      <c r="CC380" s="307" t="str">
        <f t="shared" si="219"/>
        <v/>
      </c>
      <c r="CD380" s="303"/>
      <c r="CE380" s="303"/>
      <c r="CF380" s="303"/>
    </row>
    <row r="381" spans="1:84" s="318" customFormat="1" ht="56.1" hidden="1" customHeight="1" x14ac:dyDescent="0.2">
      <c r="A381" s="302">
        <v>381</v>
      </c>
      <c r="B381" s="24" t="s">
        <v>53</v>
      </c>
      <c r="C381" s="35" t="s">
        <v>515</v>
      </c>
      <c r="D381" s="303" t="s">
        <v>523</v>
      </c>
      <c r="E381" s="303" t="s">
        <v>552</v>
      </c>
      <c r="F381" s="303" t="s">
        <v>552</v>
      </c>
      <c r="G381" s="303" t="s">
        <v>93</v>
      </c>
      <c r="H381" s="303" t="s">
        <v>364</v>
      </c>
      <c r="I381" s="303" t="s">
        <v>388</v>
      </c>
      <c r="J381" s="303" t="s">
        <v>525</v>
      </c>
      <c r="K381" s="303" t="s">
        <v>71</v>
      </c>
      <c r="L381" s="303" t="s">
        <v>63</v>
      </c>
      <c r="M381" s="303" t="s">
        <v>63</v>
      </c>
      <c r="N381" s="304">
        <v>43494</v>
      </c>
      <c r="O381" s="304">
        <v>43494</v>
      </c>
      <c r="P381" s="303" t="s">
        <v>64</v>
      </c>
      <c r="Q381" s="303" t="s">
        <v>82</v>
      </c>
      <c r="R381" s="317"/>
      <c r="S381" s="317"/>
      <c r="T381" s="317"/>
      <c r="U381" s="317"/>
      <c r="V381" s="317"/>
      <c r="W381" s="307"/>
      <c r="X381" s="317"/>
      <c r="Y381" s="317"/>
      <c r="Z381" s="317"/>
      <c r="AA381" s="317"/>
      <c r="AB381" s="317"/>
      <c r="AC381" s="317"/>
      <c r="AD381" s="317"/>
      <c r="AE381" s="317"/>
      <c r="AF381" s="317"/>
      <c r="AG381" s="317"/>
      <c r="AH381" s="317"/>
      <c r="AI381" s="317"/>
      <c r="AJ381" s="317"/>
      <c r="AK381" s="317"/>
      <c r="AL381" s="317"/>
      <c r="AM381" s="317"/>
      <c r="AN381" s="317"/>
      <c r="AO381" s="317"/>
      <c r="AP381" s="317"/>
      <c r="AQ381" s="307" t="s">
        <v>66</v>
      </c>
      <c r="AR381" s="317"/>
      <c r="AS381" s="317"/>
      <c r="AT381" s="317"/>
      <c r="AU381" s="317"/>
      <c r="AV381" s="317"/>
      <c r="AW381" s="308">
        <f t="shared" ref="AW381:AW444" si="224">SUMIF(R381:AV381,"YES",$R$2:$AV$2)</f>
        <v>217</v>
      </c>
      <c r="AX381" s="309">
        <f t="shared" si="223"/>
        <v>200.43317972350229</v>
      </c>
      <c r="AY381" s="307" t="str">
        <f t="shared" si="189"/>
        <v/>
      </c>
      <c r="AZ381" s="307" t="str">
        <f t="shared" si="190"/>
        <v/>
      </c>
      <c r="BA381" s="307" t="str">
        <f t="shared" si="191"/>
        <v/>
      </c>
      <c r="BB381" s="307" t="str">
        <f t="shared" si="192"/>
        <v/>
      </c>
      <c r="BC381" s="307" t="str">
        <f t="shared" si="193"/>
        <v/>
      </c>
      <c r="BD381" s="307" t="str">
        <f t="shared" si="194"/>
        <v/>
      </c>
      <c r="BE381" s="307" t="str">
        <f t="shared" si="195"/>
        <v/>
      </c>
      <c r="BF381" s="307" t="str">
        <f t="shared" si="196"/>
        <v/>
      </c>
      <c r="BG381" s="307" t="str">
        <f t="shared" si="197"/>
        <v/>
      </c>
      <c r="BH381" s="307" t="str">
        <f t="shared" si="198"/>
        <v/>
      </c>
      <c r="BI381" s="307" t="str">
        <f t="shared" si="199"/>
        <v/>
      </c>
      <c r="BJ381" s="307" t="str">
        <f t="shared" si="200"/>
        <v/>
      </c>
      <c r="BK381" s="307" t="str">
        <f t="shared" si="201"/>
        <v/>
      </c>
      <c r="BL381" s="307" t="str">
        <f t="shared" si="202"/>
        <v/>
      </c>
      <c r="BM381" s="307" t="str">
        <f t="shared" si="203"/>
        <v/>
      </c>
      <c r="BN381" s="307" t="str">
        <f t="shared" si="204"/>
        <v/>
      </c>
      <c r="BO381" s="307" t="str">
        <f t="shared" si="205"/>
        <v/>
      </c>
      <c r="BP381" s="307" t="str">
        <f t="shared" si="206"/>
        <v/>
      </c>
      <c r="BQ381" s="307" t="str">
        <f t="shared" si="207"/>
        <v/>
      </c>
      <c r="BR381" s="307" t="str">
        <f t="shared" si="208"/>
        <v/>
      </c>
      <c r="BS381" s="307" t="str">
        <f t="shared" si="209"/>
        <v/>
      </c>
      <c r="BT381" s="307" t="str">
        <f t="shared" si="210"/>
        <v/>
      </c>
      <c r="BU381" s="307" t="str">
        <f t="shared" si="211"/>
        <v/>
      </c>
      <c r="BV381" s="307" t="str">
        <f t="shared" si="212"/>
        <v/>
      </c>
      <c r="BW381" s="307" t="str">
        <f t="shared" si="213"/>
        <v/>
      </c>
      <c r="BX381" s="307">
        <f t="shared" si="214"/>
        <v>43494</v>
      </c>
      <c r="BY381" s="307" t="str">
        <f t="shared" si="215"/>
        <v/>
      </c>
      <c r="BZ381" s="307" t="str">
        <f t="shared" si="216"/>
        <v/>
      </c>
      <c r="CA381" s="307" t="str">
        <f t="shared" si="217"/>
        <v/>
      </c>
      <c r="CB381" s="307" t="str">
        <f t="shared" si="218"/>
        <v/>
      </c>
      <c r="CC381" s="307" t="str">
        <f t="shared" si="219"/>
        <v/>
      </c>
      <c r="CD381" s="303"/>
      <c r="CE381" s="303"/>
      <c r="CF381" s="303"/>
    </row>
    <row r="382" spans="1:84" s="318" customFormat="1" ht="56.1" hidden="1" customHeight="1" x14ac:dyDescent="0.2">
      <c r="A382" s="302">
        <v>382</v>
      </c>
      <c r="B382" s="24" t="s">
        <v>53</v>
      </c>
      <c r="C382" s="35" t="s">
        <v>515</v>
      </c>
      <c r="D382" s="303" t="s">
        <v>539</v>
      </c>
      <c r="E382" s="303" t="s">
        <v>553</v>
      </c>
      <c r="F382" s="303" t="s">
        <v>553</v>
      </c>
      <c r="G382" s="303" t="s">
        <v>93</v>
      </c>
      <c r="H382" s="303" t="s">
        <v>364</v>
      </c>
      <c r="I382" s="303" t="s">
        <v>388</v>
      </c>
      <c r="J382" s="303" t="s">
        <v>525</v>
      </c>
      <c r="K382" s="303" t="s">
        <v>71</v>
      </c>
      <c r="L382" s="303" t="s">
        <v>63</v>
      </c>
      <c r="M382" s="303" t="s">
        <v>63</v>
      </c>
      <c r="N382" s="304">
        <v>105440</v>
      </c>
      <c r="O382" s="304">
        <v>105440</v>
      </c>
      <c r="P382" s="303" t="s">
        <v>64</v>
      </c>
      <c r="Q382" s="303" t="s">
        <v>82</v>
      </c>
      <c r="R382" s="317"/>
      <c r="S382" s="317"/>
      <c r="T382" s="317"/>
      <c r="U382" s="317"/>
      <c r="V382" s="317"/>
      <c r="W382" s="307"/>
      <c r="X382" s="317"/>
      <c r="Y382" s="317"/>
      <c r="Z382" s="317"/>
      <c r="AA382" s="317"/>
      <c r="AB382" s="317"/>
      <c r="AC382" s="317"/>
      <c r="AD382" s="317"/>
      <c r="AE382" s="317"/>
      <c r="AF382" s="317"/>
      <c r="AG382" s="317"/>
      <c r="AH382" s="317"/>
      <c r="AI382" s="317"/>
      <c r="AJ382" s="317"/>
      <c r="AK382" s="317"/>
      <c r="AL382" s="317"/>
      <c r="AM382" s="317"/>
      <c r="AN382" s="317"/>
      <c r="AO382" s="317"/>
      <c r="AP382" s="317"/>
      <c r="AQ382" s="307" t="s">
        <v>66</v>
      </c>
      <c r="AR382" s="317"/>
      <c r="AS382" s="317"/>
      <c r="AT382" s="317"/>
      <c r="AU382" s="317"/>
      <c r="AV382" s="317"/>
      <c r="AW382" s="308">
        <f t="shared" si="224"/>
        <v>217</v>
      </c>
      <c r="AX382" s="309">
        <f t="shared" si="223"/>
        <v>485.89861751152074</v>
      </c>
      <c r="AY382" s="307" t="str">
        <f t="shared" si="189"/>
        <v/>
      </c>
      <c r="AZ382" s="307" t="str">
        <f t="shared" si="190"/>
        <v/>
      </c>
      <c r="BA382" s="307" t="str">
        <f t="shared" si="191"/>
        <v/>
      </c>
      <c r="BB382" s="307" t="str">
        <f t="shared" si="192"/>
        <v/>
      </c>
      <c r="BC382" s="307" t="str">
        <f t="shared" si="193"/>
        <v/>
      </c>
      <c r="BD382" s="307" t="str">
        <f t="shared" si="194"/>
        <v/>
      </c>
      <c r="BE382" s="307" t="str">
        <f t="shared" si="195"/>
        <v/>
      </c>
      <c r="BF382" s="307" t="str">
        <f t="shared" si="196"/>
        <v/>
      </c>
      <c r="BG382" s="307" t="str">
        <f t="shared" si="197"/>
        <v/>
      </c>
      <c r="BH382" s="307" t="str">
        <f t="shared" si="198"/>
        <v/>
      </c>
      <c r="BI382" s="307" t="str">
        <f t="shared" si="199"/>
        <v/>
      </c>
      <c r="BJ382" s="307" t="str">
        <f t="shared" si="200"/>
        <v/>
      </c>
      <c r="BK382" s="307" t="str">
        <f t="shared" si="201"/>
        <v/>
      </c>
      <c r="BL382" s="307" t="str">
        <f t="shared" si="202"/>
        <v/>
      </c>
      <c r="BM382" s="307" t="str">
        <f t="shared" si="203"/>
        <v/>
      </c>
      <c r="BN382" s="307" t="str">
        <f t="shared" si="204"/>
        <v/>
      </c>
      <c r="BO382" s="307" t="str">
        <f t="shared" si="205"/>
        <v/>
      </c>
      <c r="BP382" s="307" t="str">
        <f t="shared" si="206"/>
        <v/>
      </c>
      <c r="BQ382" s="307" t="str">
        <f t="shared" si="207"/>
        <v/>
      </c>
      <c r="BR382" s="307" t="str">
        <f t="shared" si="208"/>
        <v/>
      </c>
      <c r="BS382" s="307" t="str">
        <f t="shared" si="209"/>
        <v/>
      </c>
      <c r="BT382" s="307" t="str">
        <f t="shared" si="210"/>
        <v/>
      </c>
      <c r="BU382" s="307" t="str">
        <f t="shared" si="211"/>
        <v/>
      </c>
      <c r="BV382" s="307" t="str">
        <f t="shared" si="212"/>
        <v/>
      </c>
      <c r="BW382" s="307" t="str">
        <f t="shared" si="213"/>
        <v/>
      </c>
      <c r="BX382" s="307">
        <f t="shared" si="214"/>
        <v>105440</v>
      </c>
      <c r="BY382" s="307" t="str">
        <f t="shared" si="215"/>
        <v/>
      </c>
      <c r="BZ382" s="307" t="str">
        <f t="shared" si="216"/>
        <v/>
      </c>
      <c r="CA382" s="307" t="str">
        <f t="shared" si="217"/>
        <v/>
      </c>
      <c r="CB382" s="307" t="str">
        <f t="shared" si="218"/>
        <v/>
      </c>
      <c r="CC382" s="307" t="str">
        <f t="shared" si="219"/>
        <v/>
      </c>
      <c r="CD382" s="303"/>
      <c r="CE382" s="303"/>
      <c r="CF382" s="303"/>
    </row>
    <row r="383" spans="1:84" s="318" customFormat="1" ht="56.1" hidden="1" customHeight="1" x14ac:dyDescent="0.2">
      <c r="A383" s="302">
        <v>383</v>
      </c>
      <c r="B383" s="24" t="s">
        <v>53</v>
      </c>
      <c r="C383" s="35" t="s">
        <v>515</v>
      </c>
      <c r="D383" s="303" t="s">
        <v>528</v>
      </c>
      <c r="E383" s="303" t="s">
        <v>529</v>
      </c>
      <c r="F383" s="303" t="s">
        <v>529</v>
      </c>
      <c r="G383" s="303" t="s">
        <v>93</v>
      </c>
      <c r="H383" s="303" t="s">
        <v>364</v>
      </c>
      <c r="I383" s="303" t="s">
        <v>8</v>
      </c>
      <c r="J383" s="303" t="s">
        <v>525</v>
      </c>
      <c r="K383" s="303" t="s">
        <v>71</v>
      </c>
      <c r="L383" s="303" t="s">
        <v>63</v>
      </c>
      <c r="M383" s="303" t="s">
        <v>63</v>
      </c>
      <c r="N383" s="304">
        <v>0</v>
      </c>
      <c r="O383" s="304">
        <v>0</v>
      </c>
      <c r="P383" s="303" t="s">
        <v>64</v>
      </c>
      <c r="Q383" s="303" t="s">
        <v>82</v>
      </c>
      <c r="R383" s="317"/>
      <c r="S383" s="317"/>
      <c r="T383" s="317"/>
      <c r="U383" s="317"/>
      <c r="V383" s="317"/>
      <c r="W383" s="307"/>
      <c r="X383" s="317"/>
      <c r="Y383" s="317"/>
      <c r="Z383" s="317"/>
      <c r="AA383" s="317"/>
      <c r="AB383" s="317"/>
      <c r="AC383" s="317"/>
      <c r="AD383" s="317"/>
      <c r="AE383" s="317"/>
      <c r="AF383" s="317"/>
      <c r="AG383" s="317"/>
      <c r="AH383" s="317"/>
      <c r="AI383" s="317"/>
      <c r="AJ383" s="317"/>
      <c r="AK383" s="317"/>
      <c r="AL383" s="317"/>
      <c r="AM383" s="317"/>
      <c r="AN383" s="317"/>
      <c r="AO383" s="317"/>
      <c r="AP383" s="317"/>
      <c r="AQ383" s="307" t="s">
        <v>66</v>
      </c>
      <c r="AR383" s="317"/>
      <c r="AS383" s="317"/>
      <c r="AT383" s="317"/>
      <c r="AU383" s="317"/>
      <c r="AV383" s="317"/>
      <c r="AW383" s="308">
        <f t="shared" si="224"/>
        <v>217</v>
      </c>
      <c r="AX383" s="309"/>
      <c r="AY383" s="307" t="str">
        <f t="shared" si="189"/>
        <v/>
      </c>
      <c r="AZ383" s="307" t="str">
        <f t="shared" si="190"/>
        <v/>
      </c>
      <c r="BA383" s="307" t="str">
        <f t="shared" si="191"/>
        <v/>
      </c>
      <c r="BB383" s="307" t="str">
        <f t="shared" si="192"/>
        <v/>
      </c>
      <c r="BC383" s="307" t="str">
        <f t="shared" si="193"/>
        <v/>
      </c>
      <c r="BD383" s="307" t="str">
        <f t="shared" si="194"/>
        <v/>
      </c>
      <c r="BE383" s="307" t="str">
        <f t="shared" si="195"/>
        <v/>
      </c>
      <c r="BF383" s="307" t="str">
        <f t="shared" si="196"/>
        <v/>
      </c>
      <c r="BG383" s="307" t="str">
        <f t="shared" si="197"/>
        <v/>
      </c>
      <c r="BH383" s="307" t="str">
        <f t="shared" si="198"/>
        <v/>
      </c>
      <c r="BI383" s="307" t="str">
        <f t="shared" si="199"/>
        <v/>
      </c>
      <c r="BJ383" s="307" t="str">
        <f t="shared" si="200"/>
        <v/>
      </c>
      <c r="BK383" s="307" t="str">
        <f t="shared" si="201"/>
        <v/>
      </c>
      <c r="BL383" s="307" t="str">
        <f t="shared" si="202"/>
        <v/>
      </c>
      <c r="BM383" s="307" t="str">
        <f t="shared" si="203"/>
        <v/>
      </c>
      <c r="BN383" s="307" t="str">
        <f t="shared" si="204"/>
        <v/>
      </c>
      <c r="BO383" s="307" t="str">
        <f t="shared" si="205"/>
        <v/>
      </c>
      <c r="BP383" s="307" t="str">
        <f t="shared" si="206"/>
        <v/>
      </c>
      <c r="BQ383" s="307" t="str">
        <f t="shared" si="207"/>
        <v/>
      </c>
      <c r="BR383" s="307" t="str">
        <f t="shared" si="208"/>
        <v/>
      </c>
      <c r="BS383" s="307" t="str">
        <f t="shared" si="209"/>
        <v/>
      </c>
      <c r="BT383" s="307" t="str">
        <f t="shared" si="210"/>
        <v/>
      </c>
      <c r="BU383" s="307" t="str">
        <f t="shared" si="211"/>
        <v/>
      </c>
      <c r="BV383" s="307" t="str">
        <f t="shared" si="212"/>
        <v/>
      </c>
      <c r="BW383" s="307" t="str">
        <f t="shared" si="213"/>
        <v/>
      </c>
      <c r="BX383" s="307">
        <f t="shared" si="214"/>
        <v>0</v>
      </c>
      <c r="BY383" s="307" t="str">
        <f t="shared" si="215"/>
        <v/>
      </c>
      <c r="BZ383" s="307" t="str">
        <f t="shared" si="216"/>
        <v/>
      </c>
      <c r="CA383" s="307" t="str">
        <f t="shared" si="217"/>
        <v/>
      </c>
      <c r="CB383" s="307" t="str">
        <f t="shared" si="218"/>
        <v/>
      </c>
      <c r="CC383" s="307" t="str">
        <f t="shared" si="219"/>
        <v/>
      </c>
      <c r="CD383" s="303"/>
      <c r="CE383" s="303"/>
      <c r="CF383" s="303"/>
    </row>
    <row r="384" spans="1:84" s="318" customFormat="1" ht="56.1" hidden="1" customHeight="1" x14ac:dyDescent="0.2">
      <c r="A384" s="302">
        <v>384</v>
      </c>
      <c r="B384" s="24" t="s">
        <v>53</v>
      </c>
      <c r="C384" s="35" t="s">
        <v>515</v>
      </c>
      <c r="D384" s="303" t="s">
        <v>530</v>
      </c>
      <c r="E384" s="303" t="s">
        <v>532</v>
      </c>
      <c r="F384" s="303" t="s">
        <v>532</v>
      </c>
      <c r="G384" s="303" t="s">
        <v>93</v>
      </c>
      <c r="H384" s="303" t="s">
        <v>364</v>
      </c>
      <c r="I384" s="303" t="s">
        <v>8</v>
      </c>
      <c r="J384" s="303" t="s">
        <v>525</v>
      </c>
      <c r="K384" s="303" t="s">
        <v>71</v>
      </c>
      <c r="L384" s="303" t="s">
        <v>63</v>
      </c>
      <c r="M384" s="303" t="s">
        <v>63</v>
      </c>
      <c r="N384" s="304">
        <v>0</v>
      </c>
      <c r="O384" s="304">
        <v>0</v>
      </c>
      <c r="P384" s="303" t="s">
        <v>64</v>
      </c>
      <c r="Q384" s="303" t="s">
        <v>82</v>
      </c>
      <c r="R384" s="317"/>
      <c r="S384" s="317"/>
      <c r="T384" s="317"/>
      <c r="U384" s="317"/>
      <c r="V384" s="317"/>
      <c r="W384" s="307"/>
      <c r="X384" s="317"/>
      <c r="Y384" s="317"/>
      <c r="Z384" s="317"/>
      <c r="AA384" s="317"/>
      <c r="AB384" s="317"/>
      <c r="AC384" s="317"/>
      <c r="AD384" s="317"/>
      <c r="AE384" s="317"/>
      <c r="AF384" s="317"/>
      <c r="AG384" s="317"/>
      <c r="AH384" s="317"/>
      <c r="AI384" s="317"/>
      <c r="AJ384" s="317"/>
      <c r="AK384" s="317"/>
      <c r="AL384" s="317"/>
      <c r="AM384" s="317"/>
      <c r="AN384" s="317"/>
      <c r="AO384" s="317"/>
      <c r="AP384" s="317"/>
      <c r="AQ384" s="307" t="s">
        <v>66</v>
      </c>
      <c r="AR384" s="317"/>
      <c r="AS384" s="317"/>
      <c r="AT384" s="317"/>
      <c r="AU384" s="317"/>
      <c r="AV384" s="317"/>
      <c r="AW384" s="308">
        <f t="shared" si="224"/>
        <v>217</v>
      </c>
      <c r="AX384" s="309"/>
      <c r="AY384" s="307" t="str">
        <f t="shared" si="189"/>
        <v/>
      </c>
      <c r="AZ384" s="307" t="str">
        <f t="shared" si="190"/>
        <v/>
      </c>
      <c r="BA384" s="307" t="str">
        <f t="shared" si="191"/>
        <v/>
      </c>
      <c r="BB384" s="307" t="str">
        <f t="shared" si="192"/>
        <v/>
      </c>
      <c r="BC384" s="307" t="str">
        <f t="shared" si="193"/>
        <v/>
      </c>
      <c r="BD384" s="307" t="str">
        <f t="shared" si="194"/>
        <v/>
      </c>
      <c r="BE384" s="307" t="str">
        <f t="shared" si="195"/>
        <v/>
      </c>
      <c r="BF384" s="307" t="str">
        <f t="shared" si="196"/>
        <v/>
      </c>
      <c r="BG384" s="307" t="str">
        <f t="shared" si="197"/>
        <v/>
      </c>
      <c r="BH384" s="307" t="str">
        <f t="shared" si="198"/>
        <v/>
      </c>
      <c r="BI384" s="307" t="str">
        <f t="shared" si="199"/>
        <v/>
      </c>
      <c r="BJ384" s="307" t="str">
        <f t="shared" si="200"/>
        <v/>
      </c>
      <c r="BK384" s="307" t="str">
        <f t="shared" si="201"/>
        <v/>
      </c>
      <c r="BL384" s="307" t="str">
        <f t="shared" si="202"/>
        <v/>
      </c>
      <c r="BM384" s="307" t="str">
        <f t="shared" si="203"/>
        <v/>
      </c>
      <c r="BN384" s="307" t="str">
        <f t="shared" si="204"/>
        <v/>
      </c>
      <c r="BO384" s="307" t="str">
        <f t="shared" si="205"/>
        <v/>
      </c>
      <c r="BP384" s="307" t="str">
        <f t="shared" si="206"/>
        <v/>
      </c>
      <c r="BQ384" s="307" t="str">
        <f t="shared" si="207"/>
        <v/>
      </c>
      <c r="BR384" s="307" t="str">
        <f t="shared" si="208"/>
        <v/>
      </c>
      <c r="BS384" s="307" t="str">
        <f t="shared" si="209"/>
        <v/>
      </c>
      <c r="BT384" s="307" t="str">
        <f t="shared" si="210"/>
        <v/>
      </c>
      <c r="BU384" s="307" t="str">
        <f t="shared" si="211"/>
        <v/>
      </c>
      <c r="BV384" s="307" t="str">
        <f t="shared" si="212"/>
        <v/>
      </c>
      <c r="BW384" s="307" t="str">
        <f t="shared" si="213"/>
        <v/>
      </c>
      <c r="BX384" s="307">
        <f t="shared" si="214"/>
        <v>0</v>
      </c>
      <c r="BY384" s="307" t="str">
        <f t="shared" si="215"/>
        <v/>
      </c>
      <c r="BZ384" s="307" t="str">
        <f t="shared" si="216"/>
        <v/>
      </c>
      <c r="CA384" s="307" t="str">
        <f t="shared" si="217"/>
        <v/>
      </c>
      <c r="CB384" s="307" t="str">
        <f t="shared" si="218"/>
        <v/>
      </c>
      <c r="CC384" s="307" t="str">
        <f t="shared" si="219"/>
        <v/>
      </c>
      <c r="CD384" s="303"/>
      <c r="CE384" s="303"/>
      <c r="CF384" s="303"/>
    </row>
    <row r="385" spans="1:84" s="318" customFormat="1" ht="56.1" hidden="1" customHeight="1" x14ac:dyDescent="0.2">
      <c r="A385" s="302">
        <v>385</v>
      </c>
      <c r="B385" s="24" t="s">
        <v>53</v>
      </c>
      <c r="C385" s="35" t="s">
        <v>515</v>
      </c>
      <c r="D385" s="303" t="s">
        <v>533</v>
      </c>
      <c r="E385" s="303" t="s">
        <v>534</v>
      </c>
      <c r="F385" s="303" t="s">
        <v>534</v>
      </c>
      <c r="G385" s="303" t="s">
        <v>93</v>
      </c>
      <c r="H385" s="303" t="s">
        <v>364</v>
      </c>
      <c r="I385" s="303" t="s">
        <v>81</v>
      </c>
      <c r="J385" s="303" t="s">
        <v>334</v>
      </c>
      <c r="K385" s="303" t="s">
        <v>71</v>
      </c>
      <c r="L385" s="303" t="s">
        <v>63</v>
      </c>
      <c r="M385" s="303" t="s">
        <v>63</v>
      </c>
      <c r="N385" s="304">
        <v>38610.81</v>
      </c>
      <c r="O385" s="304">
        <v>38610.81</v>
      </c>
      <c r="P385" s="303" t="s">
        <v>64</v>
      </c>
      <c r="Q385" s="303" t="s">
        <v>82</v>
      </c>
      <c r="R385" s="317"/>
      <c r="S385" s="317"/>
      <c r="T385" s="317"/>
      <c r="U385" s="317"/>
      <c r="V385" s="317"/>
      <c r="W385" s="307"/>
      <c r="X385" s="317"/>
      <c r="Y385" s="317"/>
      <c r="Z385" s="317"/>
      <c r="AA385" s="317"/>
      <c r="AB385" s="317"/>
      <c r="AC385" s="317"/>
      <c r="AD385" s="317"/>
      <c r="AE385" s="317"/>
      <c r="AF385" s="317"/>
      <c r="AG385" s="317"/>
      <c r="AH385" s="317"/>
      <c r="AI385" s="317"/>
      <c r="AJ385" s="317"/>
      <c r="AK385" s="317"/>
      <c r="AL385" s="317"/>
      <c r="AM385" s="317"/>
      <c r="AN385" s="317"/>
      <c r="AO385" s="317"/>
      <c r="AP385" s="317"/>
      <c r="AQ385" s="307" t="s">
        <v>66</v>
      </c>
      <c r="AR385" s="317"/>
      <c r="AS385" s="317"/>
      <c r="AT385" s="317"/>
      <c r="AU385" s="317"/>
      <c r="AV385" s="317"/>
      <c r="AW385" s="308">
        <f t="shared" si="224"/>
        <v>217</v>
      </c>
      <c r="AX385" s="309">
        <f>O385/AW385</f>
        <v>177.92999999999998</v>
      </c>
      <c r="AY385" s="307" t="str">
        <f t="shared" ref="AY385:AY448" si="225">IF(R385="yes",(R$2*$AX385),"")</f>
        <v/>
      </c>
      <c r="AZ385" s="307" t="str">
        <f t="shared" ref="AZ385:AZ448" si="226">IF(S385="yes",(S$2*$AX385),"")</f>
        <v/>
      </c>
      <c r="BA385" s="307" t="str">
        <f t="shared" ref="BA385:BA448" si="227">IF(T385="yes",(T$2*$AX385),"")</f>
        <v/>
      </c>
      <c r="BB385" s="307" t="str">
        <f t="shared" ref="BB385:BB448" si="228">IF(U385="yes",(U$2*$AX385),"")</f>
        <v/>
      </c>
      <c r="BC385" s="307" t="str">
        <f t="shared" ref="BC385:BC448" si="229">IF(V385="yes",(V$2*$AX385),"")</f>
        <v/>
      </c>
      <c r="BD385" s="307" t="str">
        <f t="shared" ref="BD385:BD448" si="230">IF(W385="yes",(W$2*$AX385),"")</f>
        <v/>
      </c>
      <c r="BE385" s="307" t="str">
        <f t="shared" ref="BE385:BE448" si="231">IF(X385="yes",(X$2*$AX385),"")</f>
        <v/>
      </c>
      <c r="BF385" s="307" t="str">
        <f t="shared" ref="BF385:BF448" si="232">IF(Y385="yes",(Y$2*$AX385),"")</f>
        <v/>
      </c>
      <c r="BG385" s="307" t="str">
        <f t="shared" ref="BG385:BG448" si="233">IF(Z385="yes",(Z$2*$AX385),"")</f>
        <v/>
      </c>
      <c r="BH385" s="307" t="str">
        <f t="shared" ref="BH385:BH448" si="234">IF(AA385="yes",(AA$2*$AX385),"")</f>
        <v/>
      </c>
      <c r="BI385" s="307" t="str">
        <f t="shared" ref="BI385:BI448" si="235">IF(AB385="yes",(AB$2*$AX385),"")</f>
        <v/>
      </c>
      <c r="BJ385" s="307" t="str">
        <f t="shared" ref="BJ385:BJ448" si="236">IF(AC385="yes",(AC$2*$AX385),"")</f>
        <v/>
      </c>
      <c r="BK385" s="307" t="str">
        <f t="shared" ref="BK385:BK448" si="237">IF(AD385="yes",(AD$2*$AX385),"")</f>
        <v/>
      </c>
      <c r="BL385" s="307" t="str">
        <f t="shared" ref="BL385:BL448" si="238">IF(AE385="yes",(AE$2*$AX385),"")</f>
        <v/>
      </c>
      <c r="BM385" s="307" t="str">
        <f t="shared" ref="BM385:BM448" si="239">IF(AF385="yes",(AF$2*$AX385),"")</f>
        <v/>
      </c>
      <c r="BN385" s="307" t="str">
        <f t="shared" ref="BN385:BN448" si="240">IF(AG385="yes",(AG$2*$AX385),"")</f>
        <v/>
      </c>
      <c r="BO385" s="307" t="str">
        <f t="shared" ref="BO385:BO448" si="241">IF(AH385="yes",(AH$2*$AX385),"")</f>
        <v/>
      </c>
      <c r="BP385" s="307" t="str">
        <f t="shared" ref="BP385:BP448" si="242">IF(AI385="yes",(AI$2*$AX385),"")</f>
        <v/>
      </c>
      <c r="BQ385" s="307" t="str">
        <f t="shared" ref="BQ385:BQ448" si="243">IF(AJ385="yes",(AJ$2*$AX385),"")</f>
        <v/>
      </c>
      <c r="BR385" s="307" t="str">
        <f t="shared" ref="BR385:BR448" si="244">IF(AK385="yes",(AK$2*$AX385),"")</f>
        <v/>
      </c>
      <c r="BS385" s="307" t="str">
        <f t="shared" ref="BS385:BS448" si="245">IF(AL385="yes",(AL$2*$AX385),"")</f>
        <v/>
      </c>
      <c r="BT385" s="307" t="str">
        <f t="shared" ref="BT385:BT448" si="246">IF(AM385="yes",(AM$2*$AX385),"")</f>
        <v/>
      </c>
      <c r="BU385" s="307" t="str">
        <f t="shared" ref="BU385:BU448" si="247">IF(AN385="yes",(AN$2*$AX385),"")</f>
        <v/>
      </c>
      <c r="BV385" s="307" t="str">
        <f t="shared" ref="BV385:BV448" si="248">IF(AO385="yes",(AO$2*$AX385),"")</f>
        <v/>
      </c>
      <c r="BW385" s="307" t="str">
        <f t="shared" ref="BW385:BW448" si="249">IF(AP385="yes",(AP$2*$AX385),"")</f>
        <v/>
      </c>
      <c r="BX385" s="307">
        <f t="shared" ref="BX385:BX448" si="250">IF(AQ385="yes",(AQ$2*$AX385),"")</f>
        <v>38610.81</v>
      </c>
      <c r="BY385" s="307" t="str">
        <f t="shared" ref="BY385:BY448" si="251">IF(AR385="yes",(AR$2*$AX385),"")</f>
        <v/>
      </c>
      <c r="BZ385" s="307" t="str">
        <f t="shared" ref="BZ385:BZ448" si="252">IF(AS385="yes",(AS$2*$AX385),"")</f>
        <v/>
      </c>
      <c r="CA385" s="307" t="str">
        <f t="shared" ref="CA385:CA448" si="253">IF(AT385="yes",(AT$2*$AX385),"")</f>
        <v/>
      </c>
      <c r="CB385" s="307" t="str">
        <f t="shared" ref="CB385:CB448" si="254">IF(AU385="yes",(AU$2*$AX385),"")</f>
        <v/>
      </c>
      <c r="CC385" s="307" t="str">
        <f t="shared" ref="CC385:CC448" si="255">IF(AV385="yes",(AV$2*$AX385),"")</f>
        <v/>
      </c>
      <c r="CD385" s="303"/>
      <c r="CE385" s="303"/>
      <c r="CF385" s="303"/>
    </row>
    <row r="386" spans="1:84" s="318" customFormat="1" ht="56.1" hidden="1" customHeight="1" x14ac:dyDescent="0.2">
      <c r="A386" s="302">
        <v>386</v>
      </c>
      <c r="B386" s="24" t="s">
        <v>53</v>
      </c>
      <c r="C386" s="35" t="s">
        <v>515</v>
      </c>
      <c r="D386" s="303" t="s">
        <v>548</v>
      </c>
      <c r="E386" s="303" t="s">
        <v>535</v>
      </c>
      <c r="F386" s="303" t="s">
        <v>536</v>
      </c>
      <c r="G386" s="303" t="s">
        <v>93</v>
      </c>
      <c r="H386" s="303" t="s">
        <v>310</v>
      </c>
      <c r="I386" s="303" t="s">
        <v>551</v>
      </c>
      <c r="J386" s="303" t="s">
        <v>334</v>
      </c>
      <c r="K386" s="303" t="s">
        <v>225</v>
      </c>
      <c r="L386" s="303" t="s">
        <v>63</v>
      </c>
      <c r="M386" s="303" t="s">
        <v>63</v>
      </c>
      <c r="N386" s="304">
        <v>9413.6831999999977</v>
      </c>
      <c r="O386" s="304">
        <v>9413.6831999999977</v>
      </c>
      <c r="P386" s="303" t="s">
        <v>226</v>
      </c>
      <c r="Q386" s="303" t="s">
        <v>82</v>
      </c>
      <c r="R386" s="317"/>
      <c r="S386" s="317"/>
      <c r="T386" s="317"/>
      <c r="U386" s="317"/>
      <c r="V386" s="317"/>
      <c r="W386" s="307"/>
      <c r="X386" s="317"/>
      <c r="Y386" s="317"/>
      <c r="Z386" s="317"/>
      <c r="AA386" s="317"/>
      <c r="AB386" s="317"/>
      <c r="AC386" s="317"/>
      <c r="AD386" s="317"/>
      <c r="AE386" s="317"/>
      <c r="AF386" s="317"/>
      <c r="AG386" s="317"/>
      <c r="AH386" s="317"/>
      <c r="AI386" s="317"/>
      <c r="AJ386" s="317"/>
      <c r="AK386" s="317"/>
      <c r="AL386" s="317"/>
      <c r="AM386" s="317"/>
      <c r="AN386" s="317"/>
      <c r="AO386" s="317"/>
      <c r="AP386" s="317"/>
      <c r="AQ386" s="317"/>
      <c r="AR386" s="307" t="s">
        <v>66</v>
      </c>
      <c r="AS386" s="317"/>
      <c r="AT386" s="317"/>
      <c r="AU386" s="317"/>
      <c r="AV386" s="317"/>
      <c r="AW386" s="308">
        <f t="shared" si="224"/>
        <v>31</v>
      </c>
      <c r="AX386" s="309">
        <f>O386/AW386</f>
        <v>303.66719999999992</v>
      </c>
      <c r="AY386" s="307" t="str">
        <f t="shared" si="225"/>
        <v/>
      </c>
      <c r="AZ386" s="307" t="str">
        <f t="shared" si="226"/>
        <v/>
      </c>
      <c r="BA386" s="307" t="str">
        <f t="shared" si="227"/>
        <v/>
      </c>
      <c r="BB386" s="307" t="str">
        <f t="shared" si="228"/>
        <v/>
      </c>
      <c r="BC386" s="307" t="str">
        <f t="shared" si="229"/>
        <v/>
      </c>
      <c r="BD386" s="307" t="str">
        <f t="shared" si="230"/>
        <v/>
      </c>
      <c r="BE386" s="307" t="str">
        <f t="shared" si="231"/>
        <v/>
      </c>
      <c r="BF386" s="307" t="str">
        <f t="shared" si="232"/>
        <v/>
      </c>
      <c r="BG386" s="307" t="str">
        <f t="shared" si="233"/>
        <v/>
      </c>
      <c r="BH386" s="307" t="str">
        <f t="shared" si="234"/>
        <v/>
      </c>
      <c r="BI386" s="307" t="str">
        <f t="shared" si="235"/>
        <v/>
      </c>
      <c r="BJ386" s="307" t="str">
        <f t="shared" si="236"/>
        <v/>
      </c>
      <c r="BK386" s="307" t="str">
        <f t="shared" si="237"/>
        <v/>
      </c>
      <c r="BL386" s="307" t="str">
        <f t="shared" si="238"/>
        <v/>
      </c>
      <c r="BM386" s="307" t="str">
        <f t="shared" si="239"/>
        <v/>
      </c>
      <c r="BN386" s="307" t="str">
        <f t="shared" si="240"/>
        <v/>
      </c>
      <c r="BO386" s="307" t="str">
        <f t="shared" si="241"/>
        <v/>
      </c>
      <c r="BP386" s="307" t="str">
        <f t="shared" si="242"/>
        <v/>
      </c>
      <c r="BQ386" s="307" t="str">
        <f t="shared" si="243"/>
        <v/>
      </c>
      <c r="BR386" s="307" t="str">
        <f t="shared" si="244"/>
        <v/>
      </c>
      <c r="BS386" s="307" t="str">
        <f t="shared" si="245"/>
        <v/>
      </c>
      <c r="BT386" s="307" t="str">
        <f t="shared" si="246"/>
        <v/>
      </c>
      <c r="BU386" s="307" t="str">
        <f t="shared" si="247"/>
        <v/>
      </c>
      <c r="BV386" s="307" t="str">
        <f t="shared" si="248"/>
        <v/>
      </c>
      <c r="BW386" s="307" t="str">
        <f t="shared" si="249"/>
        <v/>
      </c>
      <c r="BX386" s="307" t="str">
        <f t="shared" si="250"/>
        <v/>
      </c>
      <c r="BY386" s="307">
        <f t="shared" si="251"/>
        <v>9413.6831999999977</v>
      </c>
      <c r="BZ386" s="307" t="str">
        <f t="shared" si="252"/>
        <v/>
      </c>
      <c r="CA386" s="307" t="str">
        <f t="shared" si="253"/>
        <v/>
      </c>
      <c r="CB386" s="307" t="str">
        <f t="shared" si="254"/>
        <v/>
      </c>
      <c r="CC386" s="307" t="str">
        <f t="shared" si="255"/>
        <v/>
      </c>
      <c r="CD386" s="303"/>
      <c r="CE386" s="303"/>
      <c r="CF386" s="303"/>
    </row>
    <row r="387" spans="1:84" s="318" customFormat="1" ht="56.1" hidden="1" customHeight="1" x14ac:dyDescent="0.2">
      <c r="A387" s="302">
        <v>387</v>
      </c>
      <c r="B387" s="24" t="s">
        <v>53</v>
      </c>
      <c r="C387" s="35" t="s">
        <v>515</v>
      </c>
      <c r="D387" s="303" t="s">
        <v>518</v>
      </c>
      <c r="E387" s="303" t="s">
        <v>520</v>
      </c>
      <c r="F387" s="303" t="s">
        <v>520</v>
      </c>
      <c r="G387" s="303" t="s">
        <v>93</v>
      </c>
      <c r="H387" s="303" t="s">
        <v>310</v>
      </c>
      <c r="I387" s="303" t="s">
        <v>551</v>
      </c>
      <c r="J387" s="303" t="s">
        <v>334</v>
      </c>
      <c r="K387" s="303" t="s">
        <v>225</v>
      </c>
      <c r="L387" s="303" t="s">
        <v>63</v>
      </c>
      <c r="M387" s="303" t="s">
        <v>63</v>
      </c>
      <c r="N387" s="304">
        <v>24710.918399999999</v>
      </c>
      <c r="O387" s="304">
        <v>24710.918399999999</v>
      </c>
      <c r="P387" s="303" t="s">
        <v>226</v>
      </c>
      <c r="Q387" s="303" t="s">
        <v>82</v>
      </c>
      <c r="R387" s="317"/>
      <c r="S387" s="317"/>
      <c r="T387" s="317"/>
      <c r="U387" s="317"/>
      <c r="V387" s="317"/>
      <c r="W387" s="307"/>
      <c r="X387" s="317"/>
      <c r="Y387" s="317"/>
      <c r="Z387" s="317"/>
      <c r="AA387" s="317"/>
      <c r="AB387" s="317"/>
      <c r="AC387" s="317"/>
      <c r="AD387" s="317"/>
      <c r="AE387" s="317"/>
      <c r="AF387" s="317"/>
      <c r="AG387" s="317"/>
      <c r="AH387" s="317"/>
      <c r="AI387" s="317"/>
      <c r="AJ387" s="317"/>
      <c r="AK387" s="317"/>
      <c r="AL387" s="317"/>
      <c r="AM387" s="317"/>
      <c r="AN387" s="317"/>
      <c r="AO387" s="317"/>
      <c r="AP387" s="317"/>
      <c r="AQ387" s="317"/>
      <c r="AR387" s="307" t="s">
        <v>66</v>
      </c>
      <c r="AS387" s="317"/>
      <c r="AT387" s="317"/>
      <c r="AU387" s="317"/>
      <c r="AV387" s="317"/>
      <c r="AW387" s="308">
        <f t="shared" si="224"/>
        <v>31</v>
      </c>
      <c r="AX387" s="309">
        <f>O387/AW387</f>
        <v>797.12639999999999</v>
      </c>
      <c r="AY387" s="307" t="str">
        <f t="shared" si="225"/>
        <v/>
      </c>
      <c r="AZ387" s="307" t="str">
        <f t="shared" si="226"/>
        <v/>
      </c>
      <c r="BA387" s="307" t="str">
        <f t="shared" si="227"/>
        <v/>
      </c>
      <c r="BB387" s="307" t="str">
        <f t="shared" si="228"/>
        <v/>
      </c>
      <c r="BC387" s="307" t="str">
        <f t="shared" si="229"/>
        <v/>
      </c>
      <c r="BD387" s="307" t="str">
        <f t="shared" si="230"/>
        <v/>
      </c>
      <c r="BE387" s="307" t="str">
        <f t="shared" si="231"/>
        <v/>
      </c>
      <c r="BF387" s="307" t="str">
        <f t="shared" si="232"/>
        <v/>
      </c>
      <c r="BG387" s="307" t="str">
        <f t="shared" si="233"/>
        <v/>
      </c>
      <c r="BH387" s="307" t="str">
        <f t="shared" si="234"/>
        <v/>
      </c>
      <c r="BI387" s="307" t="str">
        <f t="shared" si="235"/>
        <v/>
      </c>
      <c r="BJ387" s="307" t="str">
        <f t="shared" si="236"/>
        <v/>
      </c>
      <c r="BK387" s="307" t="str">
        <f t="shared" si="237"/>
        <v/>
      </c>
      <c r="BL387" s="307" t="str">
        <f t="shared" si="238"/>
        <v/>
      </c>
      <c r="BM387" s="307" t="str">
        <f t="shared" si="239"/>
        <v/>
      </c>
      <c r="BN387" s="307" t="str">
        <f t="shared" si="240"/>
        <v/>
      </c>
      <c r="BO387" s="307" t="str">
        <f t="shared" si="241"/>
        <v/>
      </c>
      <c r="BP387" s="307" t="str">
        <f t="shared" si="242"/>
        <v/>
      </c>
      <c r="BQ387" s="307" t="str">
        <f t="shared" si="243"/>
        <v/>
      </c>
      <c r="BR387" s="307" t="str">
        <f t="shared" si="244"/>
        <v/>
      </c>
      <c r="BS387" s="307" t="str">
        <f t="shared" si="245"/>
        <v/>
      </c>
      <c r="BT387" s="307" t="str">
        <f t="shared" si="246"/>
        <v/>
      </c>
      <c r="BU387" s="307" t="str">
        <f t="shared" si="247"/>
        <v/>
      </c>
      <c r="BV387" s="307" t="str">
        <f t="shared" si="248"/>
        <v/>
      </c>
      <c r="BW387" s="307" t="str">
        <f t="shared" si="249"/>
        <v/>
      </c>
      <c r="BX387" s="307" t="str">
        <f t="shared" si="250"/>
        <v/>
      </c>
      <c r="BY387" s="307">
        <f t="shared" si="251"/>
        <v>24710.918399999999</v>
      </c>
      <c r="BZ387" s="307" t="str">
        <f t="shared" si="252"/>
        <v/>
      </c>
      <c r="CA387" s="307" t="str">
        <f t="shared" si="253"/>
        <v/>
      </c>
      <c r="CB387" s="307" t="str">
        <f t="shared" si="254"/>
        <v/>
      </c>
      <c r="CC387" s="307" t="str">
        <f t="shared" si="255"/>
        <v/>
      </c>
      <c r="CD387" s="303"/>
      <c r="CE387" s="303"/>
      <c r="CF387" s="303"/>
    </row>
    <row r="388" spans="1:84" s="318" customFormat="1" ht="56.1" hidden="1" customHeight="1" x14ac:dyDescent="0.2">
      <c r="A388" s="302">
        <v>388</v>
      </c>
      <c r="B388" s="24" t="s">
        <v>53</v>
      </c>
      <c r="C388" s="35" t="s">
        <v>515</v>
      </c>
      <c r="D388" s="303" t="s">
        <v>521</v>
      </c>
      <c r="E388" s="303" t="s">
        <v>522</v>
      </c>
      <c r="F388" s="303" t="s">
        <v>522</v>
      </c>
      <c r="G388" s="303" t="s">
        <v>93</v>
      </c>
      <c r="H388" s="303" t="s">
        <v>310</v>
      </c>
      <c r="I388" s="303" t="s">
        <v>551</v>
      </c>
      <c r="J388" s="303" t="s">
        <v>334</v>
      </c>
      <c r="K388" s="303" t="s">
        <v>225</v>
      </c>
      <c r="L388" s="303" t="s">
        <v>63</v>
      </c>
      <c r="M388" s="303" t="s">
        <v>63</v>
      </c>
      <c r="N388" s="304">
        <v>34516.838400000001</v>
      </c>
      <c r="O388" s="304">
        <v>34516.838400000001</v>
      </c>
      <c r="P388" s="303" t="s">
        <v>226</v>
      </c>
      <c r="Q388" s="303" t="s">
        <v>82</v>
      </c>
      <c r="R388" s="317"/>
      <c r="S388" s="317"/>
      <c r="T388" s="317"/>
      <c r="U388" s="317"/>
      <c r="V388" s="317"/>
      <c r="W388" s="307"/>
      <c r="X388" s="317"/>
      <c r="Y388" s="317"/>
      <c r="Z388" s="317"/>
      <c r="AA388" s="317"/>
      <c r="AB388" s="317"/>
      <c r="AC388" s="317"/>
      <c r="AD388" s="317"/>
      <c r="AE388" s="317"/>
      <c r="AF388" s="317"/>
      <c r="AG388" s="317"/>
      <c r="AH388" s="317"/>
      <c r="AI388" s="317"/>
      <c r="AJ388" s="317"/>
      <c r="AK388" s="317"/>
      <c r="AL388" s="317"/>
      <c r="AM388" s="317"/>
      <c r="AN388" s="317"/>
      <c r="AO388" s="317"/>
      <c r="AP388" s="317"/>
      <c r="AQ388" s="317"/>
      <c r="AR388" s="307" t="s">
        <v>66</v>
      </c>
      <c r="AS388" s="317"/>
      <c r="AT388" s="317"/>
      <c r="AU388" s="317"/>
      <c r="AV388" s="317"/>
      <c r="AW388" s="308">
        <f t="shared" si="224"/>
        <v>31</v>
      </c>
      <c r="AX388" s="309">
        <f>O388/AW388</f>
        <v>1113.4464</v>
      </c>
      <c r="AY388" s="307" t="str">
        <f t="shared" si="225"/>
        <v/>
      </c>
      <c r="AZ388" s="307" t="str">
        <f t="shared" si="226"/>
        <v/>
      </c>
      <c r="BA388" s="307" t="str">
        <f t="shared" si="227"/>
        <v/>
      </c>
      <c r="BB388" s="307" t="str">
        <f t="shared" si="228"/>
        <v/>
      </c>
      <c r="BC388" s="307" t="str">
        <f t="shared" si="229"/>
        <v/>
      </c>
      <c r="BD388" s="307" t="str">
        <f t="shared" si="230"/>
        <v/>
      </c>
      <c r="BE388" s="307" t="str">
        <f t="shared" si="231"/>
        <v/>
      </c>
      <c r="BF388" s="307" t="str">
        <f t="shared" si="232"/>
        <v/>
      </c>
      <c r="BG388" s="307" t="str">
        <f t="shared" si="233"/>
        <v/>
      </c>
      <c r="BH388" s="307" t="str">
        <f t="shared" si="234"/>
        <v/>
      </c>
      <c r="BI388" s="307" t="str">
        <f t="shared" si="235"/>
        <v/>
      </c>
      <c r="BJ388" s="307" t="str">
        <f t="shared" si="236"/>
        <v/>
      </c>
      <c r="BK388" s="307" t="str">
        <f t="shared" si="237"/>
        <v/>
      </c>
      <c r="BL388" s="307" t="str">
        <f t="shared" si="238"/>
        <v/>
      </c>
      <c r="BM388" s="307" t="str">
        <f t="shared" si="239"/>
        <v/>
      </c>
      <c r="BN388" s="307" t="str">
        <f t="shared" si="240"/>
        <v/>
      </c>
      <c r="BO388" s="307" t="str">
        <f t="shared" si="241"/>
        <v/>
      </c>
      <c r="BP388" s="307" t="str">
        <f t="shared" si="242"/>
        <v/>
      </c>
      <c r="BQ388" s="307" t="str">
        <f t="shared" si="243"/>
        <v/>
      </c>
      <c r="BR388" s="307" t="str">
        <f t="shared" si="244"/>
        <v/>
      </c>
      <c r="BS388" s="307" t="str">
        <f t="shared" si="245"/>
        <v/>
      </c>
      <c r="BT388" s="307" t="str">
        <f t="shared" si="246"/>
        <v/>
      </c>
      <c r="BU388" s="307" t="str">
        <f t="shared" si="247"/>
        <v/>
      </c>
      <c r="BV388" s="307" t="str">
        <f t="shared" si="248"/>
        <v/>
      </c>
      <c r="BW388" s="307" t="str">
        <f t="shared" si="249"/>
        <v/>
      </c>
      <c r="BX388" s="307" t="str">
        <f t="shared" si="250"/>
        <v/>
      </c>
      <c r="BY388" s="307">
        <f t="shared" si="251"/>
        <v>34516.838400000001</v>
      </c>
      <c r="BZ388" s="307" t="str">
        <f t="shared" si="252"/>
        <v/>
      </c>
      <c r="CA388" s="307" t="str">
        <f t="shared" si="253"/>
        <v/>
      </c>
      <c r="CB388" s="307" t="str">
        <f t="shared" si="254"/>
        <v/>
      </c>
      <c r="CC388" s="307" t="str">
        <f t="shared" si="255"/>
        <v/>
      </c>
      <c r="CD388" s="303"/>
      <c r="CE388" s="303"/>
      <c r="CF388" s="303"/>
    </row>
    <row r="389" spans="1:84" s="318" customFormat="1" ht="56.1" hidden="1" customHeight="1" x14ac:dyDescent="0.2">
      <c r="A389" s="302">
        <v>389</v>
      </c>
      <c r="B389" s="24" t="s">
        <v>53</v>
      </c>
      <c r="C389" s="35" t="s">
        <v>515</v>
      </c>
      <c r="D389" s="303" t="s">
        <v>523</v>
      </c>
      <c r="E389" s="303" t="s">
        <v>524</v>
      </c>
      <c r="F389" s="303" t="s">
        <v>524</v>
      </c>
      <c r="G389" s="303" t="s">
        <v>93</v>
      </c>
      <c r="H389" s="303" t="s">
        <v>310</v>
      </c>
      <c r="I389" s="303" t="s">
        <v>551</v>
      </c>
      <c r="J389" s="303" t="s">
        <v>525</v>
      </c>
      <c r="K389" s="303" t="s">
        <v>225</v>
      </c>
      <c r="L389" s="303" t="s">
        <v>63</v>
      </c>
      <c r="M389" s="303" t="s">
        <v>63</v>
      </c>
      <c r="N389" s="304">
        <v>0</v>
      </c>
      <c r="O389" s="304">
        <v>0</v>
      </c>
      <c r="P389" s="303" t="s">
        <v>226</v>
      </c>
      <c r="Q389" s="303" t="s">
        <v>82</v>
      </c>
      <c r="R389" s="317"/>
      <c r="S389" s="317"/>
      <c r="T389" s="317"/>
      <c r="U389" s="317"/>
      <c r="V389" s="317"/>
      <c r="W389" s="307"/>
      <c r="X389" s="317"/>
      <c r="Y389" s="317"/>
      <c r="Z389" s="317"/>
      <c r="AA389" s="317"/>
      <c r="AB389" s="317"/>
      <c r="AC389" s="317"/>
      <c r="AD389" s="317"/>
      <c r="AE389" s="317"/>
      <c r="AF389" s="317"/>
      <c r="AG389" s="317"/>
      <c r="AH389" s="317"/>
      <c r="AI389" s="317"/>
      <c r="AJ389" s="317"/>
      <c r="AK389" s="317"/>
      <c r="AL389" s="317"/>
      <c r="AM389" s="317"/>
      <c r="AN389" s="317"/>
      <c r="AO389" s="317"/>
      <c r="AP389" s="317"/>
      <c r="AQ389" s="317"/>
      <c r="AR389" s="307" t="s">
        <v>66</v>
      </c>
      <c r="AS389" s="317"/>
      <c r="AT389" s="317"/>
      <c r="AU389" s="317"/>
      <c r="AV389" s="317"/>
      <c r="AW389" s="308">
        <f t="shared" si="224"/>
        <v>31</v>
      </c>
      <c r="AX389" s="309"/>
      <c r="AY389" s="307" t="str">
        <f t="shared" si="225"/>
        <v/>
      </c>
      <c r="AZ389" s="307" t="str">
        <f t="shared" si="226"/>
        <v/>
      </c>
      <c r="BA389" s="307" t="str">
        <f t="shared" si="227"/>
        <v/>
      </c>
      <c r="BB389" s="307" t="str">
        <f t="shared" si="228"/>
        <v/>
      </c>
      <c r="BC389" s="307" t="str">
        <f t="shared" si="229"/>
        <v/>
      </c>
      <c r="BD389" s="307" t="str">
        <f t="shared" si="230"/>
        <v/>
      </c>
      <c r="BE389" s="307" t="str">
        <f t="shared" si="231"/>
        <v/>
      </c>
      <c r="BF389" s="307" t="str">
        <f t="shared" si="232"/>
        <v/>
      </c>
      <c r="BG389" s="307" t="str">
        <f t="shared" si="233"/>
        <v/>
      </c>
      <c r="BH389" s="307" t="str">
        <f t="shared" si="234"/>
        <v/>
      </c>
      <c r="BI389" s="307" t="str">
        <f t="shared" si="235"/>
        <v/>
      </c>
      <c r="BJ389" s="307" t="str">
        <f t="shared" si="236"/>
        <v/>
      </c>
      <c r="BK389" s="307" t="str">
        <f t="shared" si="237"/>
        <v/>
      </c>
      <c r="BL389" s="307" t="str">
        <f t="shared" si="238"/>
        <v/>
      </c>
      <c r="BM389" s="307" t="str">
        <f t="shared" si="239"/>
        <v/>
      </c>
      <c r="BN389" s="307" t="str">
        <f t="shared" si="240"/>
        <v/>
      </c>
      <c r="BO389" s="307" t="str">
        <f t="shared" si="241"/>
        <v/>
      </c>
      <c r="BP389" s="307" t="str">
        <f t="shared" si="242"/>
        <v/>
      </c>
      <c r="BQ389" s="307" t="str">
        <f t="shared" si="243"/>
        <v/>
      </c>
      <c r="BR389" s="307" t="str">
        <f t="shared" si="244"/>
        <v/>
      </c>
      <c r="BS389" s="307" t="str">
        <f t="shared" si="245"/>
        <v/>
      </c>
      <c r="BT389" s="307" t="str">
        <f t="shared" si="246"/>
        <v/>
      </c>
      <c r="BU389" s="307" t="str">
        <f t="shared" si="247"/>
        <v/>
      </c>
      <c r="BV389" s="307" t="str">
        <f t="shared" si="248"/>
        <v/>
      </c>
      <c r="BW389" s="307" t="str">
        <f t="shared" si="249"/>
        <v/>
      </c>
      <c r="BX389" s="307" t="str">
        <f t="shared" si="250"/>
        <v/>
      </c>
      <c r="BY389" s="307">
        <f t="shared" si="251"/>
        <v>0</v>
      </c>
      <c r="BZ389" s="307" t="str">
        <f t="shared" si="252"/>
        <v/>
      </c>
      <c r="CA389" s="307" t="str">
        <f t="shared" si="253"/>
        <v/>
      </c>
      <c r="CB389" s="307" t="str">
        <f t="shared" si="254"/>
        <v/>
      </c>
      <c r="CC389" s="307" t="str">
        <f t="shared" si="255"/>
        <v/>
      </c>
      <c r="CD389" s="303"/>
      <c r="CE389" s="303"/>
      <c r="CF389" s="303"/>
    </row>
    <row r="390" spans="1:84" s="318" customFormat="1" ht="56.1" hidden="1" customHeight="1" x14ac:dyDescent="0.2">
      <c r="A390" s="302">
        <v>390</v>
      </c>
      <c r="B390" s="24" t="s">
        <v>53</v>
      </c>
      <c r="C390" s="35" t="s">
        <v>515</v>
      </c>
      <c r="D390" s="303" t="s">
        <v>539</v>
      </c>
      <c r="E390" s="303" t="s">
        <v>527</v>
      </c>
      <c r="F390" s="303" t="s">
        <v>527</v>
      </c>
      <c r="G390" s="303" t="s">
        <v>93</v>
      </c>
      <c r="H390" s="303" t="s">
        <v>310</v>
      </c>
      <c r="I390" s="303" t="s">
        <v>551</v>
      </c>
      <c r="J390" s="303" t="s">
        <v>525</v>
      </c>
      <c r="K390" s="303" t="s">
        <v>225</v>
      </c>
      <c r="L390" s="303" t="s">
        <v>63</v>
      </c>
      <c r="M390" s="303" t="s">
        <v>63</v>
      </c>
      <c r="N390" s="304">
        <v>0</v>
      </c>
      <c r="O390" s="304">
        <v>0</v>
      </c>
      <c r="P390" s="303" t="s">
        <v>226</v>
      </c>
      <c r="Q390" s="303" t="s">
        <v>82</v>
      </c>
      <c r="R390" s="317"/>
      <c r="S390" s="317"/>
      <c r="T390" s="317"/>
      <c r="U390" s="317"/>
      <c r="V390" s="317"/>
      <c r="W390" s="307"/>
      <c r="X390" s="317"/>
      <c r="Y390" s="317"/>
      <c r="Z390" s="317"/>
      <c r="AA390" s="317"/>
      <c r="AB390" s="317"/>
      <c r="AC390" s="317"/>
      <c r="AD390" s="317"/>
      <c r="AE390" s="317"/>
      <c r="AF390" s="317"/>
      <c r="AG390" s="317"/>
      <c r="AH390" s="317"/>
      <c r="AI390" s="317"/>
      <c r="AJ390" s="317"/>
      <c r="AK390" s="317"/>
      <c r="AL390" s="317"/>
      <c r="AM390" s="317"/>
      <c r="AN390" s="317"/>
      <c r="AO390" s="317"/>
      <c r="AP390" s="317"/>
      <c r="AQ390" s="317"/>
      <c r="AR390" s="307" t="s">
        <v>66</v>
      </c>
      <c r="AS390" s="317"/>
      <c r="AT390" s="317"/>
      <c r="AU390" s="317"/>
      <c r="AV390" s="317"/>
      <c r="AW390" s="308">
        <f t="shared" si="224"/>
        <v>31</v>
      </c>
      <c r="AX390" s="309"/>
      <c r="AY390" s="307" t="str">
        <f t="shared" si="225"/>
        <v/>
      </c>
      <c r="AZ390" s="307" t="str">
        <f t="shared" si="226"/>
        <v/>
      </c>
      <c r="BA390" s="307" t="str">
        <f t="shared" si="227"/>
        <v/>
      </c>
      <c r="BB390" s="307" t="str">
        <f t="shared" si="228"/>
        <v/>
      </c>
      <c r="BC390" s="307" t="str">
        <f t="shared" si="229"/>
        <v/>
      </c>
      <c r="BD390" s="307" t="str">
        <f t="shared" si="230"/>
        <v/>
      </c>
      <c r="BE390" s="307" t="str">
        <f t="shared" si="231"/>
        <v/>
      </c>
      <c r="BF390" s="307" t="str">
        <f t="shared" si="232"/>
        <v/>
      </c>
      <c r="BG390" s="307" t="str">
        <f t="shared" si="233"/>
        <v/>
      </c>
      <c r="BH390" s="307" t="str">
        <f t="shared" si="234"/>
        <v/>
      </c>
      <c r="BI390" s="307" t="str">
        <f t="shared" si="235"/>
        <v/>
      </c>
      <c r="BJ390" s="307" t="str">
        <f t="shared" si="236"/>
        <v/>
      </c>
      <c r="BK390" s="307" t="str">
        <f t="shared" si="237"/>
        <v/>
      </c>
      <c r="BL390" s="307" t="str">
        <f t="shared" si="238"/>
        <v/>
      </c>
      <c r="BM390" s="307" t="str">
        <f t="shared" si="239"/>
        <v/>
      </c>
      <c r="BN390" s="307" t="str">
        <f t="shared" si="240"/>
        <v/>
      </c>
      <c r="BO390" s="307" t="str">
        <f t="shared" si="241"/>
        <v/>
      </c>
      <c r="BP390" s="307" t="str">
        <f t="shared" si="242"/>
        <v/>
      </c>
      <c r="BQ390" s="307" t="str">
        <f t="shared" si="243"/>
        <v/>
      </c>
      <c r="BR390" s="307" t="str">
        <f t="shared" si="244"/>
        <v/>
      </c>
      <c r="BS390" s="307" t="str">
        <f t="shared" si="245"/>
        <v/>
      </c>
      <c r="BT390" s="307" t="str">
        <f t="shared" si="246"/>
        <v/>
      </c>
      <c r="BU390" s="307" t="str">
        <f t="shared" si="247"/>
        <v/>
      </c>
      <c r="BV390" s="307" t="str">
        <f t="shared" si="248"/>
        <v/>
      </c>
      <c r="BW390" s="307" t="str">
        <f t="shared" si="249"/>
        <v/>
      </c>
      <c r="BX390" s="307" t="str">
        <f t="shared" si="250"/>
        <v/>
      </c>
      <c r="BY390" s="307">
        <f t="shared" si="251"/>
        <v>0</v>
      </c>
      <c r="BZ390" s="307" t="str">
        <f t="shared" si="252"/>
        <v/>
      </c>
      <c r="CA390" s="307" t="str">
        <f t="shared" si="253"/>
        <v/>
      </c>
      <c r="CB390" s="307" t="str">
        <f t="shared" si="254"/>
        <v/>
      </c>
      <c r="CC390" s="307" t="str">
        <f t="shared" si="255"/>
        <v/>
      </c>
      <c r="CD390" s="303"/>
      <c r="CE390" s="303"/>
      <c r="CF390" s="303"/>
    </row>
    <row r="391" spans="1:84" s="318" customFormat="1" ht="56.1" hidden="1" customHeight="1" x14ac:dyDescent="0.2">
      <c r="A391" s="302">
        <v>391</v>
      </c>
      <c r="B391" s="24" t="s">
        <v>53</v>
      </c>
      <c r="C391" s="35" t="s">
        <v>515</v>
      </c>
      <c r="D391" s="303" t="s">
        <v>528</v>
      </c>
      <c r="E391" s="303" t="s">
        <v>529</v>
      </c>
      <c r="F391" s="303" t="s">
        <v>529</v>
      </c>
      <c r="G391" s="303" t="s">
        <v>93</v>
      </c>
      <c r="H391" s="303" t="s">
        <v>310</v>
      </c>
      <c r="I391" s="303" t="s">
        <v>551</v>
      </c>
      <c r="J391" s="303" t="s">
        <v>525</v>
      </c>
      <c r="K391" s="303" t="s">
        <v>225</v>
      </c>
      <c r="L391" s="303" t="s">
        <v>63</v>
      </c>
      <c r="M391" s="303" t="s">
        <v>63</v>
      </c>
      <c r="N391" s="304">
        <v>0</v>
      </c>
      <c r="O391" s="304">
        <v>0</v>
      </c>
      <c r="P391" s="303" t="s">
        <v>226</v>
      </c>
      <c r="Q391" s="303" t="s">
        <v>82</v>
      </c>
      <c r="R391" s="317"/>
      <c r="S391" s="317"/>
      <c r="T391" s="317"/>
      <c r="U391" s="317"/>
      <c r="V391" s="317"/>
      <c r="W391" s="307"/>
      <c r="X391" s="317"/>
      <c r="Y391" s="317"/>
      <c r="Z391" s="317"/>
      <c r="AA391" s="317"/>
      <c r="AB391" s="317"/>
      <c r="AC391" s="317"/>
      <c r="AD391" s="317"/>
      <c r="AE391" s="317"/>
      <c r="AF391" s="317"/>
      <c r="AG391" s="317"/>
      <c r="AH391" s="317"/>
      <c r="AI391" s="317"/>
      <c r="AJ391" s="317"/>
      <c r="AK391" s="317"/>
      <c r="AL391" s="317"/>
      <c r="AM391" s="317"/>
      <c r="AN391" s="317"/>
      <c r="AO391" s="317"/>
      <c r="AP391" s="317"/>
      <c r="AQ391" s="317"/>
      <c r="AR391" s="307" t="s">
        <v>66</v>
      </c>
      <c r="AS391" s="317"/>
      <c r="AT391" s="317"/>
      <c r="AU391" s="317"/>
      <c r="AV391" s="317"/>
      <c r="AW391" s="308">
        <f t="shared" si="224"/>
        <v>31</v>
      </c>
      <c r="AX391" s="309"/>
      <c r="AY391" s="307" t="str">
        <f t="shared" si="225"/>
        <v/>
      </c>
      <c r="AZ391" s="307" t="str">
        <f t="shared" si="226"/>
        <v/>
      </c>
      <c r="BA391" s="307" t="str">
        <f t="shared" si="227"/>
        <v/>
      </c>
      <c r="BB391" s="307" t="str">
        <f t="shared" si="228"/>
        <v/>
      </c>
      <c r="BC391" s="307" t="str">
        <f t="shared" si="229"/>
        <v/>
      </c>
      <c r="BD391" s="307" t="str">
        <f t="shared" si="230"/>
        <v/>
      </c>
      <c r="BE391" s="307" t="str">
        <f t="shared" si="231"/>
        <v/>
      </c>
      <c r="BF391" s="307" t="str">
        <f t="shared" si="232"/>
        <v/>
      </c>
      <c r="BG391" s="307" t="str">
        <f t="shared" si="233"/>
        <v/>
      </c>
      <c r="BH391" s="307" t="str">
        <f t="shared" si="234"/>
        <v/>
      </c>
      <c r="BI391" s="307" t="str">
        <f t="shared" si="235"/>
        <v/>
      </c>
      <c r="BJ391" s="307" t="str">
        <f t="shared" si="236"/>
        <v/>
      </c>
      <c r="BK391" s="307" t="str">
        <f t="shared" si="237"/>
        <v/>
      </c>
      <c r="BL391" s="307" t="str">
        <f t="shared" si="238"/>
        <v/>
      </c>
      <c r="BM391" s="307" t="str">
        <f t="shared" si="239"/>
        <v/>
      </c>
      <c r="BN391" s="307" t="str">
        <f t="shared" si="240"/>
        <v/>
      </c>
      <c r="BO391" s="307" t="str">
        <f t="shared" si="241"/>
        <v/>
      </c>
      <c r="BP391" s="307" t="str">
        <f t="shared" si="242"/>
        <v/>
      </c>
      <c r="BQ391" s="307" t="str">
        <f t="shared" si="243"/>
        <v/>
      </c>
      <c r="BR391" s="307" t="str">
        <f t="shared" si="244"/>
        <v/>
      </c>
      <c r="BS391" s="307" t="str">
        <f t="shared" si="245"/>
        <v/>
      </c>
      <c r="BT391" s="307" t="str">
        <f t="shared" si="246"/>
        <v/>
      </c>
      <c r="BU391" s="307" t="str">
        <f t="shared" si="247"/>
        <v/>
      </c>
      <c r="BV391" s="307" t="str">
        <f t="shared" si="248"/>
        <v/>
      </c>
      <c r="BW391" s="307" t="str">
        <f t="shared" si="249"/>
        <v/>
      </c>
      <c r="BX391" s="307" t="str">
        <f t="shared" si="250"/>
        <v/>
      </c>
      <c r="BY391" s="307">
        <f t="shared" si="251"/>
        <v>0</v>
      </c>
      <c r="BZ391" s="307" t="str">
        <f t="shared" si="252"/>
        <v/>
      </c>
      <c r="CA391" s="307" t="str">
        <f t="shared" si="253"/>
        <v/>
      </c>
      <c r="CB391" s="307" t="str">
        <f t="shared" si="254"/>
        <v/>
      </c>
      <c r="CC391" s="307" t="str">
        <f t="shared" si="255"/>
        <v/>
      </c>
      <c r="CD391" s="303"/>
      <c r="CE391" s="303"/>
      <c r="CF391" s="303"/>
    </row>
    <row r="392" spans="1:84" s="318" customFormat="1" ht="56.1" hidden="1" customHeight="1" x14ac:dyDescent="0.2">
      <c r="A392" s="302">
        <v>392</v>
      </c>
      <c r="B392" s="24" t="s">
        <v>53</v>
      </c>
      <c r="C392" s="35" t="s">
        <v>515</v>
      </c>
      <c r="D392" s="303" t="s">
        <v>530</v>
      </c>
      <c r="E392" s="303" t="s">
        <v>532</v>
      </c>
      <c r="F392" s="303" t="s">
        <v>532</v>
      </c>
      <c r="G392" s="303" t="s">
        <v>93</v>
      </c>
      <c r="H392" s="303" t="s">
        <v>310</v>
      </c>
      <c r="I392" s="303" t="s">
        <v>551</v>
      </c>
      <c r="J392" s="303" t="s">
        <v>525</v>
      </c>
      <c r="K392" s="303" t="s">
        <v>225</v>
      </c>
      <c r="L392" s="303" t="s">
        <v>63</v>
      </c>
      <c r="M392" s="303" t="s">
        <v>63</v>
      </c>
      <c r="N392" s="304">
        <v>0</v>
      </c>
      <c r="O392" s="304">
        <v>0</v>
      </c>
      <c r="P392" s="303" t="s">
        <v>226</v>
      </c>
      <c r="Q392" s="303" t="s">
        <v>82</v>
      </c>
      <c r="R392" s="317"/>
      <c r="S392" s="317"/>
      <c r="T392" s="317"/>
      <c r="U392" s="317"/>
      <c r="V392" s="317"/>
      <c r="W392" s="307"/>
      <c r="X392" s="317"/>
      <c r="Y392" s="317"/>
      <c r="Z392" s="317"/>
      <c r="AA392" s="317"/>
      <c r="AB392" s="317"/>
      <c r="AC392" s="317"/>
      <c r="AD392" s="317"/>
      <c r="AE392" s="317"/>
      <c r="AF392" s="317"/>
      <c r="AG392" s="317"/>
      <c r="AH392" s="317"/>
      <c r="AI392" s="317"/>
      <c r="AJ392" s="317"/>
      <c r="AK392" s="317"/>
      <c r="AL392" s="317"/>
      <c r="AM392" s="317"/>
      <c r="AN392" s="317"/>
      <c r="AO392" s="317"/>
      <c r="AP392" s="317"/>
      <c r="AQ392" s="317"/>
      <c r="AR392" s="307" t="s">
        <v>66</v>
      </c>
      <c r="AS392" s="317"/>
      <c r="AT392" s="317"/>
      <c r="AU392" s="317"/>
      <c r="AV392" s="317"/>
      <c r="AW392" s="308">
        <f t="shared" si="224"/>
        <v>31</v>
      </c>
      <c r="AX392" s="309"/>
      <c r="AY392" s="307" t="str">
        <f t="shared" si="225"/>
        <v/>
      </c>
      <c r="AZ392" s="307" t="str">
        <f t="shared" si="226"/>
        <v/>
      </c>
      <c r="BA392" s="307" t="str">
        <f t="shared" si="227"/>
        <v/>
      </c>
      <c r="BB392" s="307" t="str">
        <f t="shared" si="228"/>
        <v/>
      </c>
      <c r="BC392" s="307" t="str">
        <f t="shared" si="229"/>
        <v/>
      </c>
      <c r="BD392" s="307" t="str">
        <f t="shared" si="230"/>
        <v/>
      </c>
      <c r="BE392" s="307" t="str">
        <f t="shared" si="231"/>
        <v/>
      </c>
      <c r="BF392" s="307" t="str">
        <f t="shared" si="232"/>
        <v/>
      </c>
      <c r="BG392" s="307" t="str">
        <f t="shared" si="233"/>
        <v/>
      </c>
      <c r="BH392" s="307" t="str">
        <f t="shared" si="234"/>
        <v/>
      </c>
      <c r="BI392" s="307" t="str">
        <f t="shared" si="235"/>
        <v/>
      </c>
      <c r="BJ392" s="307" t="str">
        <f t="shared" si="236"/>
        <v/>
      </c>
      <c r="BK392" s="307" t="str">
        <f t="shared" si="237"/>
        <v/>
      </c>
      <c r="BL392" s="307" t="str">
        <f t="shared" si="238"/>
        <v/>
      </c>
      <c r="BM392" s="307" t="str">
        <f t="shared" si="239"/>
        <v/>
      </c>
      <c r="BN392" s="307" t="str">
        <f t="shared" si="240"/>
        <v/>
      </c>
      <c r="BO392" s="307" t="str">
        <f t="shared" si="241"/>
        <v/>
      </c>
      <c r="BP392" s="307" t="str">
        <f t="shared" si="242"/>
        <v/>
      </c>
      <c r="BQ392" s="307" t="str">
        <f t="shared" si="243"/>
        <v/>
      </c>
      <c r="BR392" s="307" t="str">
        <f t="shared" si="244"/>
        <v/>
      </c>
      <c r="BS392" s="307" t="str">
        <f t="shared" si="245"/>
        <v/>
      </c>
      <c r="BT392" s="307" t="str">
        <f t="shared" si="246"/>
        <v/>
      </c>
      <c r="BU392" s="307" t="str">
        <f t="shared" si="247"/>
        <v/>
      </c>
      <c r="BV392" s="307" t="str">
        <f t="shared" si="248"/>
        <v/>
      </c>
      <c r="BW392" s="307" t="str">
        <f t="shared" si="249"/>
        <v/>
      </c>
      <c r="BX392" s="307" t="str">
        <f t="shared" si="250"/>
        <v/>
      </c>
      <c r="BY392" s="307">
        <f t="shared" si="251"/>
        <v>0</v>
      </c>
      <c r="BZ392" s="307" t="str">
        <f t="shared" si="252"/>
        <v/>
      </c>
      <c r="CA392" s="307" t="str">
        <f t="shared" si="253"/>
        <v/>
      </c>
      <c r="CB392" s="307" t="str">
        <f t="shared" si="254"/>
        <v/>
      </c>
      <c r="CC392" s="307" t="str">
        <f t="shared" si="255"/>
        <v/>
      </c>
      <c r="CD392" s="303"/>
      <c r="CE392" s="303"/>
      <c r="CF392" s="303"/>
    </row>
    <row r="393" spans="1:84" s="318" customFormat="1" ht="56.1" hidden="1" customHeight="1" x14ac:dyDescent="0.2">
      <c r="A393" s="302">
        <v>393</v>
      </c>
      <c r="B393" s="24" t="s">
        <v>53</v>
      </c>
      <c r="C393" s="35" t="s">
        <v>515</v>
      </c>
      <c r="D393" s="303" t="s">
        <v>533</v>
      </c>
      <c r="E393" s="303" t="s">
        <v>534</v>
      </c>
      <c r="F393" s="303" t="s">
        <v>534</v>
      </c>
      <c r="G393" s="303" t="s">
        <v>93</v>
      </c>
      <c r="H393" s="303" t="s">
        <v>310</v>
      </c>
      <c r="I393" s="303" t="s">
        <v>551</v>
      </c>
      <c r="J393" s="303" t="s">
        <v>334</v>
      </c>
      <c r="K393" s="303" t="s">
        <v>225</v>
      </c>
      <c r="L393" s="303" t="s">
        <v>63</v>
      </c>
      <c r="M393" s="303" t="s">
        <v>63</v>
      </c>
      <c r="N393" s="304">
        <v>5515.83</v>
      </c>
      <c r="O393" s="304">
        <v>5515.83</v>
      </c>
      <c r="P393" s="303" t="s">
        <v>226</v>
      </c>
      <c r="Q393" s="303" t="s">
        <v>82</v>
      </c>
      <c r="R393" s="317"/>
      <c r="S393" s="317"/>
      <c r="T393" s="317"/>
      <c r="U393" s="317"/>
      <c r="V393" s="317"/>
      <c r="W393" s="307"/>
      <c r="X393" s="317"/>
      <c r="Y393" s="317"/>
      <c r="Z393" s="317"/>
      <c r="AA393" s="317"/>
      <c r="AB393" s="317"/>
      <c r="AC393" s="317"/>
      <c r="AD393" s="317"/>
      <c r="AE393" s="317"/>
      <c r="AF393" s="317"/>
      <c r="AG393" s="317"/>
      <c r="AH393" s="317"/>
      <c r="AI393" s="317"/>
      <c r="AJ393" s="317"/>
      <c r="AK393" s="317"/>
      <c r="AL393" s="317"/>
      <c r="AM393" s="317"/>
      <c r="AN393" s="317"/>
      <c r="AO393" s="317"/>
      <c r="AP393" s="317"/>
      <c r="AQ393" s="317"/>
      <c r="AR393" s="307" t="s">
        <v>66</v>
      </c>
      <c r="AS393" s="317"/>
      <c r="AT393" s="317"/>
      <c r="AU393" s="317"/>
      <c r="AV393" s="317"/>
      <c r="AW393" s="308">
        <f t="shared" si="224"/>
        <v>31</v>
      </c>
      <c r="AX393" s="309">
        <f>O393/AW393</f>
        <v>177.93</v>
      </c>
      <c r="AY393" s="307" t="str">
        <f t="shared" si="225"/>
        <v/>
      </c>
      <c r="AZ393" s="307" t="str">
        <f t="shared" si="226"/>
        <v/>
      </c>
      <c r="BA393" s="307" t="str">
        <f t="shared" si="227"/>
        <v/>
      </c>
      <c r="BB393" s="307" t="str">
        <f t="shared" si="228"/>
        <v/>
      </c>
      <c r="BC393" s="307" t="str">
        <f t="shared" si="229"/>
        <v/>
      </c>
      <c r="BD393" s="307" t="str">
        <f t="shared" si="230"/>
        <v/>
      </c>
      <c r="BE393" s="307" t="str">
        <f t="shared" si="231"/>
        <v/>
      </c>
      <c r="BF393" s="307" t="str">
        <f t="shared" si="232"/>
        <v/>
      </c>
      <c r="BG393" s="307" t="str">
        <f t="shared" si="233"/>
        <v/>
      </c>
      <c r="BH393" s="307" t="str">
        <f t="shared" si="234"/>
        <v/>
      </c>
      <c r="BI393" s="307" t="str">
        <f t="shared" si="235"/>
        <v/>
      </c>
      <c r="BJ393" s="307" t="str">
        <f t="shared" si="236"/>
        <v/>
      </c>
      <c r="BK393" s="307" t="str">
        <f t="shared" si="237"/>
        <v/>
      </c>
      <c r="BL393" s="307" t="str">
        <f t="shared" si="238"/>
        <v/>
      </c>
      <c r="BM393" s="307" t="str">
        <f t="shared" si="239"/>
        <v/>
      </c>
      <c r="BN393" s="307" t="str">
        <f t="shared" si="240"/>
        <v/>
      </c>
      <c r="BO393" s="307" t="str">
        <f t="shared" si="241"/>
        <v/>
      </c>
      <c r="BP393" s="307" t="str">
        <f t="shared" si="242"/>
        <v/>
      </c>
      <c r="BQ393" s="307" t="str">
        <f t="shared" si="243"/>
        <v/>
      </c>
      <c r="BR393" s="307" t="str">
        <f t="shared" si="244"/>
        <v/>
      </c>
      <c r="BS393" s="307" t="str">
        <f t="shared" si="245"/>
        <v/>
      </c>
      <c r="BT393" s="307" t="str">
        <f t="shared" si="246"/>
        <v/>
      </c>
      <c r="BU393" s="307" t="str">
        <f t="shared" si="247"/>
        <v/>
      </c>
      <c r="BV393" s="307" t="str">
        <f t="shared" si="248"/>
        <v/>
      </c>
      <c r="BW393" s="307" t="str">
        <f t="shared" si="249"/>
        <v/>
      </c>
      <c r="BX393" s="307" t="str">
        <f t="shared" si="250"/>
        <v/>
      </c>
      <c r="BY393" s="307">
        <f t="shared" si="251"/>
        <v>5515.83</v>
      </c>
      <c r="BZ393" s="307" t="str">
        <f t="shared" si="252"/>
        <v/>
      </c>
      <c r="CA393" s="307" t="str">
        <f t="shared" si="253"/>
        <v/>
      </c>
      <c r="CB393" s="307" t="str">
        <f t="shared" si="254"/>
        <v/>
      </c>
      <c r="CC393" s="307" t="str">
        <f t="shared" si="255"/>
        <v/>
      </c>
      <c r="CD393" s="303"/>
      <c r="CE393" s="303"/>
      <c r="CF393" s="303"/>
    </row>
    <row r="394" spans="1:84" s="318" customFormat="1" ht="56.1" hidden="1" customHeight="1" x14ac:dyDescent="0.2">
      <c r="A394" s="302">
        <v>394</v>
      </c>
      <c r="B394" s="24" t="s">
        <v>53</v>
      </c>
      <c r="C394" s="35" t="s">
        <v>515</v>
      </c>
      <c r="D394" s="303" t="s">
        <v>548</v>
      </c>
      <c r="E394" s="303" t="s">
        <v>535</v>
      </c>
      <c r="F394" s="303" t="s">
        <v>536</v>
      </c>
      <c r="G394" s="303" t="s">
        <v>413</v>
      </c>
      <c r="H394" s="303" t="s">
        <v>310</v>
      </c>
      <c r="I394" s="303" t="s">
        <v>551</v>
      </c>
      <c r="J394" s="303" t="s">
        <v>334</v>
      </c>
      <c r="K394" s="303" t="s">
        <v>225</v>
      </c>
      <c r="L394" s="303" t="s">
        <v>63</v>
      </c>
      <c r="M394" s="303" t="s">
        <v>63</v>
      </c>
      <c r="N394" s="304">
        <v>20345.702399999995</v>
      </c>
      <c r="O394" s="304">
        <v>20345.702399999995</v>
      </c>
      <c r="P394" s="303" t="s">
        <v>226</v>
      </c>
      <c r="Q394" s="303" t="s">
        <v>82</v>
      </c>
      <c r="R394" s="317"/>
      <c r="S394" s="317"/>
      <c r="T394" s="317"/>
      <c r="U394" s="317"/>
      <c r="V394" s="317"/>
      <c r="W394" s="307"/>
      <c r="X394" s="317"/>
      <c r="Y394" s="317"/>
      <c r="Z394" s="317"/>
      <c r="AA394" s="317"/>
      <c r="AB394" s="317"/>
      <c r="AC394" s="317"/>
      <c r="AD394" s="317"/>
      <c r="AE394" s="317"/>
      <c r="AF394" s="317"/>
      <c r="AG394" s="317"/>
      <c r="AH394" s="317"/>
      <c r="AI394" s="317"/>
      <c r="AJ394" s="317"/>
      <c r="AK394" s="317"/>
      <c r="AL394" s="317"/>
      <c r="AM394" s="317"/>
      <c r="AN394" s="317"/>
      <c r="AO394" s="317"/>
      <c r="AP394" s="317"/>
      <c r="AQ394" s="317"/>
      <c r="AR394" s="307"/>
      <c r="AS394" s="307" t="s">
        <v>66</v>
      </c>
      <c r="AT394" s="317"/>
      <c r="AU394" s="317"/>
      <c r="AV394" s="317"/>
      <c r="AW394" s="308">
        <f t="shared" si="224"/>
        <v>67</v>
      </c>
      <c r="AX394" s="309">
        <f>O394/AW394</f>
        <v>303.66719999999992</v>
      </c>
      <c r="AY394" s="307" t="str">
        <f t="shared" si="225"/>
        <v/>
      </c>
      <c r="AZ394" s="307" t="str">
        <f t="shared" si="226"/>
        <v/>
      </c>
      <c r="BA394" s="307" t="str">
        <f t="shared" si="227"/>
        <v/>
      </c>
      <c r="BB394" s="307" t="str">
        <f t="shared" si="228"/>
        <v/>
      </c>
      <c r="BC394" s="307" t="str">
        <f t="shared" si="229"/>
        <v/>
      </c>
      <c r="BD394" s="307" t="str">
        <f t="shared" si="230"/>
        <v/>
      </c>
      <c r="BE394" s="307" t="str">
        <f t="shared" si="231"/>
        <v/>
      </c>
      <c r="BF394" s="307" t="str">
        <f t="shared" si="232"/>
        <v/>
      </c>
      <c r="BG394" s="307" t="str">
        <f t="shared" si="233"/>
        <v/>
      </c>
      <c r="BH394" s="307" t="str">
        <f t="shared" si="234"/>
        <v/>
      </c>
      <c r="BI394" s="307" t="str">
        <f t="shared" si="235"/>
        <v/>
      </c>
      <c r="BJ394" s="307" t="str">
        <f t="shared" si="236"/>
        <v/>
      </c>
      <c r="BK394" s="307" t="str">
        <f t="shared" si="237"/>
        <v/>
      </c>
      <c r="BL394" s="307" t="str">
        <f t="shared" si="238"/>
        <v/>
      </c>
      <c r="BM394" s="307" t="str">
        <f t="shared" si="239"/>
        <v/>
      </c>
      <c r="BN394" s="307" t="str">
        <f t="shared" si="240"/>
        <v/>
      </c>
      <c r="BO394" s="307" t="str">
        <f t="shared" si="241"/>
        <v/>
      </c>
      <c r="BP394" s="307" t="str">
        <f t="shared" si="242"/>
        <v/>
      </c>
      <c r="BQ394" s="307" t="str">
        <f t="shared" si="243"/>
        <v/>
      </c>
      <c r="BR394" s="307" t="str">
        <f t="shared" si="244"/>
        <v/>
      </c>
      <c r="BS394" s="307" t="str">
        <f t="shared" si="245"/>
        <v/>
      </c>
      <c r="BT394" s="307" t="str">
        <f t="shared" si="246"/>
        <v/>
      </c>
      <c r="BU394" s="307" t="str">
        <f t="shared" si="247"/>
        <v/>
      </c>
      <c r="BV394" s="307" t="str">
        <f t="shared" si="248"/>
        <v/>
      </c>
      <c r="BW394" s="307" t="str">
        <f t="shared" si="249"/>
        <v/>
      </c>
      <c r="BX394" s="307" t="str">
        <f t="shared" si="250"/>
        <v/>
      </c>
      <c r="BY394" s="307" t="str">
        <f t="shared" si="251"/>
        <v/>
      </c>
      <c r="BZ394" s="307">
        <f t="shared" si="252"/>
        <v>20345.702399999995</v>
      </c>
      <c r="CA394" s="307" t="str">
        <f t="shared" si="253"/>
        <v/>
      </c>
      <c r="CB394" s="307" t="str">
        <f t="shared" si="254"/>
        <v/>
      </c>
      <c r="CC394" s="307" t="str">
        <f t="shared" si="255"/>
        <v/>
      </c>
      <c r="CD394" s="303"/>
      <c r="CE394" s="303"/>
      <c r="CF394" s="303"/>
    </row>
    <row r="395" spans="1:84" s="318" customFormat="1" ht="56.1" hidden="1" customHeight="1" x14ac:dyDescent="0.2">
      <c r="A395" s="302">
        <v>395</v>
      </c>
      <c r="B395" s="24" t="s">
        <v>53</v>
      </c>
      <c r="C395" s="35" t="s">
        <v>515</v>
      </c>
      <c r="D395" s="303" t="s">
        <v>518</v>
      </c>
      <c r="E395" s="303" t="s">
        <v>520</v>
      </c>
      <c r="F395" s="303" t="s">
        <v>520</v>
      </c>
      <c r="G395" s="303" t="s">
        <v>413</v>
      </c>
      <c r="H395" s="303" t="s">
        <v>310</v>
      </c>
      <c r="I395" s="303" t="s">
        <v>551</v>
      </c>
      <c r="J395" s="303" t="s">
        <v>334</v>
      </c>
      <c r="K395" s="303" t="s">
        <v>225</v>
      </c>
      <c r="L395" s="303" t="s">
        <v>63</v>
      </c>
      <c r="M395" s="303" t="s">
        <v>63</v>
      </c>
      <c r="N395" s="304">
        <v>53407.468799999995</v>
      </c>
      <c r="O395" s="304">
        <v>53407.468799999995</v>
      </c>
      <c r="P395" s="303" t="s">
        <v>226</v>
      </c>
      <c r="Q395" s="303" t="s">
        <v>82</v>
      </c>
      <c r="R395" s="317"/>
      <c r="S395" s="317"/>
      <c r="T395" s="317"/>
      <c r="U395" s="317"/>
      <c r="V395" s="317"/>
      <c r="W395" s="307"/>
      <c r="X395" s="317"/>
      <c r="Y395" s="317"/>
      <c r="Z395" s="317"/>
      <c r="AA395" s="317"/>
      <c r="AB395" s="317"/>
      <c r="AC395" s="317"/>
      <c r="AD395" s="317"/>
      <c r="AE395" s="317"/>
      <c r="AF395" s="317"/>
      <c r="AG395" s="317"/>
      <c r="AH395" s="317"/>
      <c r="AI395" s="317"/>
      <c r="AJ395" s="317"/>
      <c r="AK395" s="317"/>
      <c r="AL395" s="317"/>
      <c r="AM395" s="317"/>
      <c r="AN395" s="317"/>
      <c r="AO395" s="317"/>
      <c r="AP395" s="317"/>
      <c r="AQ395" s="317"/>
      <c r="AR395" s="317"/>
      <c r="AS395" s="307" t="s">
        <v>66</v>
      </c>
      <c r="AT395" s="317"/>
      <c r="AU395" s="317"/>
      <c r="AV395" s="317"/>
      <c r="AW395" s="308">
        <f t="shared" si="224"/>
        <v>67</v>
      </c>
      <c r="AX395" s="309">
        <f>O395/AW395</f>
        <v>797.12639999999988</v>
      </c>
      <c r="AY395" s="307" t="str">
        <f t="shared" si="225"/>
        <v/>
      </c>
      <c r="AZ395" s="307" t="str">
        <f t="shared" si="226"/>
        <v/>
      </c>
      <c r="BA395" s="307" t="str">
        <f t="shared" si="227"/>
        <v/>
      </c>
      <c r="BB395" s="307" t="str">
        <f t="shared" si="228"/>
        <v/>
      </c>
      <c r="BC395" s="307" t="str">
        <f t="shared" si="229"/>
        <v/>
      </c>
      <c r="BD395" s="307" t="str">
        <f t="shared" si="230"/>
        <v/>
      </c>
      <c r="BE395" s="307" t="str">
        <f t="shared" si="231"/>
        <v/>
      </c>
      <c r="BF395" s="307" t="str">
        <f t="shared" si="232"/>
        <v/>
      </c>
      <c r="BG395" s="307" t="str">
        <f t="shared" si="233"/>
        <v/>
      </c>
      <c r="BH395" s="307" t="str">
        <f t="shared" si="234"/>
        <v/>
      </c>
      <c r="BI395" s="307" t="str">
        <f t="shared" si="235"/>
        <v/>
      </c>
      <c r="BJ395" s="307" t="str">
        <f t="shared" si="236"/>
        <v/>
      </c>
      <c r="BK395" s="307" t="str">
        <f t="shared" si="237"/>
        <v/>
      </c>
      <c r="BL395" s="307" t="str">
        <f t="shared" si="238"/>
        <v/>
      </c>
      <c r="BM395" s="307" t="str">
        <f t="shared" si="239"/>
        <v/>
      </c>
      <c r="BN395" s="307" t="str">
        <f t="shared" si="240"/>
        <v/>
      </c>
      <c r="BO395" s="307" t="str">
        <f t="shared" si="241"/>
        <v/>
      </c>
      <c r="BP395" s="307" t="str">
        <f t="shared" si="242"/>
        <v/>
      </c>
      <c r="BQ395" s="307" t="str">
        <f t="shared" si="243"/>
        <v/>
      </c>
      <c r="BR395" s="307" t="str">
        <f t="shared" si="244"/>
        <v/>
      </c>
      <c r="BS395" s="307" t="str">
        <f t="shared" si="245"/>
        <v/>
      </c>
      <c r="BT395" s="307" t="str">
        <f t="shared" si="246"/>
        <v/>
      </c>
      <c r="BU395" s="307" t="str">
        <f t="shared" si="247"/>
        <v/>
      </c>
      <c r="BV395" s="307" t="str">
        <f t="shared" si="248"/>
        <v/>
      </c>
      <c r="BW395" s="307" t="str">
        <f t="shared" si="249"/>
        <v/>
      </c>
      <c r="BX395" s="307" t="str">
        <f t="shared" si="250"/>
        <v/>
      </c>
      <c r="BY395" s="307" t="str">
        <f t="shared" si="251"/>
        <v/>
      </c>
      <c r="BZ395" s="307">
        <f t="shared" si="252"/>
        <v>53407.468799999995</v>
      </c>
      <c r="CA395" s="307" t="str">
        <f t="shared" si="253"/>
        <v/>
      </c>
      <c r="CB395" s="307" t="str">
        <f t="shared" si="254"/>
        <v/>
      </c>
      <c r="CC395" s="307" t="str">
        <f t="shared" si="255"/>
        <v/>
      </c>
      <c r="CD395" s="303"/>
      <c r="CE395" s="303"/>
      <c r="CF395" s="303"/>
    </row>
    <row r="396" spans="1:84" s="318" customFormat="1" ht="56.1" hidden="1" customHeight="1" x14ac:dyDescent="0.2">
      <c r="A396" s="302">
        <v>396</v>
      </c>
      <c r="B396" s="24" t="s">
        <v>53</v>
      </c>
      <c r="C396" s="35" t="s">
        <v>515</v>
      </c>
      <c r="D396" s="303" t="s">
        <v>521</v>
      </c>
      <c r="E396" s="303" t="s">
        <v>522</v>
      </c>
      <c r="F396" s="303" t="s">
        <v>522</v>
      </c>
      <c r="G396" s="303" t="s">
        <v>413</v>
      </c>
      <c r="H396" s="303" t="s">
        <v>310</v>
      </c>
      <c r="I396" s="303" t="s">
        <v>551</v>
      </c>
      <c r="J396" s="303" t="s">
        <v>334</v>
      </c>
      <c r="K396" s="303" t="s">
        <v>225</v>
      </c>
      <c r="L396" s="303" t="s">
        <v>63</v>
      </c>
      <c r="M396" s="303" t="s">
        <v>63</v>
      </c>
      <c r="N396" s="304">
        <v>74600.90879999999</v>
      </c>
      <c r="O396" s="304">
        <v>74600.90879999999</v>
      </c>
      <c r="P396" s="303" t="s">
        <v>226</v>
      </c>
      <c r="Q396" s="303" t="s">
        <v>82</v>
      </c>
      <c r="R396" s="317"/>
      <c r="S396" s="317"/>
      <c r="T396" s="317"/>
      <c r="U396" s="317"/>
      <c r="V396" s="317"/>
      <c r="W396" s="307"/>
      <c r="X396" s="317"/>
      <c r="Y396" s="317"/>
      <c r="Z396" s="317"/>
      <c r="AA396" s="317"/>
      <c r="AB396" s="317"/>
      <c r="AC396" s="317"/>
      <c r="AD396" s="317"/>
      <c r="AE396" s="317"/>
      <c r="AF396" s="317"/>
      <c r="AG396" s="317"/>
      <c r="AH396" s="317"/>
      <c r="AI396" s="317"/>
      <c r="AJ396" s="317"/>
      <c r="AK396" s="317"/>
      <c r="AL396" s="317"/>
      <c r="AM396" s="317"/>
      <c r="AN396" s="317"/>
      <c r="AO396" s="317"/>
      <c r="AP396" s="317"/>
      <c r="AQ396" s="317"/>
      <c r="AR396" s="317"/>
      <c r="AS396" s="307" t="s">
        <v>66</v>
      </c>
      <c r="AT396" s="317"/>
      <c r="AU396" s="317"/>
      <c r="AV396" s="317"/>
      <c r="AW396" s="308">
        <f t="shared" si="224"/>
        <v>67</v>
      </c>
      <c r="AX396" s="309">
        <f>O396/AW396</f>
        <v>1113.4463999999998</v>
      </c>
      <c r="AY396" s="307" t="str">
        <f t="shared" si="225"/>
        <v/>
      </c>
      <c r="AZ396" s="307" t="str">
        <f t="shared" si="226"/>
        <v/>
      </c>
      <c r="BA396" s="307" t="str">
        <f t="shared" si="227"/>
        <v/>
      </c>
      <c r="BB396" s="307" t="str">
        <f t="shared" si="228"/>
        <v/>
      </c>
      <c r="BC396" s="307" t="str">
        <f t="shared" si="229"/>
        <v/>
      </c>
      <c r="BD396" s="307" t="str">
        <f t="shared" si="230"/>
        <v/>
      </c>
      <c r="BE396" s="307" t="str">
        <f t="shared" si="231"/>
        <v/>
      </c>
      <c r="BF396" s="307" t="str">
        <f t="shared" si="232"/>
        <v/>
      </c>
      <c r="BG396" s="307" t="str">
        <f t="shared" si="233"/>
        <v/>
      </c>
      <c r="BH396" s="307" t="str">
        <f t="shared" si="234"/>
        <v/>
      </c>
      <c r="BI396" s="307" t="str">
        <f t="shared" si="235"/>
        <v/>
      </c>
      <c r="BJ396" s="307" t="str">
        <f t="shared" si="236"/>
        <v/>
      </c>
      <c r="BK396" s="307" t="str">
        <f t="shared" si="237"/>
        <v/>
      </c>
      <c r="BL396" s="307" t="str">
        <f t="shared" si="238"/>
        <v/>
      </c>
      <c r="BM396" s="307" t="str">
        <f t="shared" si="239"/>
        <v/>
      </c>
      <c r="BN396" s="307" t="str">
        <f t="shared" si="240"/>
        <v/>
      </c>
      <c r="BO396" s="307" t="str">
        <f t="shared" si="241"/>
        <v/>
      </c>
      <c r="BP396" s="307" t="str">
        <f t="shared" si="242"/>
        <v/>
      </c>
      <c r="BQ396" s="307" t="str">
        <f t="shared" si="243"/>
        <v/>
      </c>
      <c r="BR396" s="307" t="str">
        <f t="shared" si="244"/>
        <v/>
      </c>
      <c r="BS396" s="307" t="str">
        <f t="shared" si="245"/>
        <v/>
      </c>
      <c r="BT396" s="307" t="str">
        <f t="shared" si="246"/>
        <v/>
      </c>
      <c r="BU396" s="307" t="str">
        <f t="shared" si="247"/>
        <v/>
      </c>
      <c r="BV396" s="307" t="str">
        <f t="shared" si="248"/>
        <v/>
      </c>
      <c r="BW396" s="307" t="str">
        <f t="shared" si="249"/>
        <v/>
      </c>
      <c r="BX396" s="307" t="str">
        <f t="shared" si="250"/>
        <v/>
      </c>
      <c r="BY396" s="307" t="str">
        <f t="shared" si="251"/>
        <v/>
      </c>
      <c r="BZ396" s="307">
        <f t="shared" si="252"/>
        <v>74600.90879999999</v>
      </c>
      <c r="CA396" s="307" t="str">
        <f t="shared" si="253"/>
        <v/>
      </c>
      <c r="CB396" s="307" t="str">
        <f t="shared" si="254"/>
        <v/>
      </c>
      <c r="CC396" s="307" t="str">
        <f t="shared" si="255"/>
        <v/>
      </c>
      <c r="CD396" s="303"/>
      <c r="CE396" s="303"/>
      <c r="CF396" s="303"/>
    </row>
    <row r="397" spans="1:84" s="318" customFormat="1" ht="56.1" hidden="1" customHeight="1" x14ac:dyDescent="0.2">
      <c r="A397" s="302">
        <v>397</v>
      </c>
      <c r="B397" s="24" t="s">
        <v>53</v>
      </c>
      <c r="C397" s="35" t="s">
        <v>515</v>
      </c>
      <c r="D397" s="303" t="s">
        <v>523</v>
      </c>
      <c r="E397" s="303" t="s">
        <v>524</v>
      </c>
      <c r="F397" s="303" t="s">
        <v>524</v>
      </c>
      <c r="G397" s="303" t="s">
        <v>413</v>
      </c>
      <c r="H397" s="303" t="s">
        <v>310</v>
      </c>
      <c r="I397" s="303" t="s">
        <v>551</v>
      </c>
      <c r="J397" s="303" t="s">
        <v>525</v>
      </c>
      <c r="K397" s="303" t="s">
        <v>225</v>
      </c>
      <c r="L397" s="303" t="s">
        <v>63</v>
      </c>
      <c r="M397" s="303" t="s">
        <v>63</v>
      </c>
      <c r="N397" s="304">
        <v>0</v>
      </c>
      <c r="O397" s="304">
        <v>0</v>
      </c>
      <c r="P397" s="303" t="s">
        <v>226</v>
      </c>
      <c r="Q397" s="303" t="s">
        <v>82</v>
      </c>
      <c r="R397" s="317"/>
      <c r="S397" s="317"/>
      <c r="T397" s="317"/>
      <c r="U397" s="317"/>
      <c r="V397" s="317"/>
      <c r="W397" s="307"/>
      <c r="X397" s="317"/>
      <c r="Y397" s="317"/>
      <c r="Z397" s="317"/>
      <c r="AA397" s="317"/>
      <c r="AB397" s="317"/>
      <c r="AC397" s="317"/>
      <c r="AD397" s="317"/>
      <c r="AE397" s="317"/>
      <c r="AF397" s="317"/>
      <c r="AG397" s="317"/>
      <c r="AH397" s="317"/>
      <c r="AI397" s="317"/>
      <c r="AJ397" s="317"/>
      <c r="AK397" s="317"/>
      <c r="AL397" s="317"/>
      <c r="AM397" s="317"/>
      <c r="AN397" s="317"/>
      <c r="AO397" s="317"/>
      <c r="AP397" s="317"/>
      <c r="AQ397" s="317"/>
      <c r="AR397" s="317"/>
      <c r="AS397" s="307" t="s">
        <v>66</v>
      </c>
      <c r="AT397" s="317"/>
      <c r="AU397" s="317"/>
      <c r="AV397" s="317"/>
      <c r="AW397" s="308">
        <f t="shared" si="224"/>
        <v>67</v>
      </c>
      <c r="AX397" s="309"/>
      <c r="AY397" s="307" t="str">
        <f t="shared" si="225"/>
        <v/>
      </c>
      <c r="AZ397" s="307" t="str">
        <f t="shared" si="226"/>
        <v/>
      </c>
      <c r="BA397" s="307" t="str">
        <f t="shared" si="227"/>
        <v/>
      </c>
      <c r="BB397" s="307" t="str">
        <f t="shared" si="228"/>
        <v/>
      </c>
      <c r="BC397" s="307" t="str">
        <f t="shared" si="229"/>
        <v/>
      </c>
      <c r="BD397" s="307" t="str">
        <f t="shared" si="230"/>
        <v/>
      </c>
      <c r="BE397" s="307" t="str">
        <f t="shared" si="231"/>
        <v/>
      </c>
      <c r="BF397" s="307" t="str">
        <f t="shared" si="232"/>
        <v/>
      </c>
      <c r="BG397" s="307" t="str">
        <f t="shared" si="233"/>
        <v/>
      </c>
      <c r="BH397" s="307" t="str">
        <f t="shared" si="234"/>
        <v/>
      </c>
      <c r="BI397" s="307" t="str">
        <f t="shared" si="235"/>
        <v/>
      </c>
      <c r="BJ397" s="307" t="str">
        <f t="shared" si="236"/>
        <v/>
      </c>
      <c r="BK397" s="307" t="str">
        <f t="shared" si="237"/>
        <v/>
      </c>
      <c r="BL397" s="307" t="str">
        <f t="shared" si="238"/>
        <v/>
      </c>
      <c r="BM397" s="307" t="str">
        <f t="shared" si="239"/>
        <v/>
      </c>
      <c r="BN397" s="307" t="str">
        <f t="shared" si="240"/>
        <v/>
      </c>
      <c r="BO397" s="307" t="str">
        <f t="shared" si="241"/>
        <v/>
      </c>
      <c r="BP397" s="307" t="str">
        <f t="shared" si="242"/>
        <v/>
      </c>
      <c r="BQ397" s="307" t="str">
        <f t="shared" si="243"/>
        <v/>
      </c>
      <c r="BR397" s="307" t="str">
        <f t="shared" si="244"/>
        <v/>
      </c>
      <c r="BS397" s="307" t="str">
        <f t="shared" si="245"/>
        <v/>
      </c>
      <c r="BT397" s="307" t="str">
        <f t="shared" si="246"/>
        <v/>
      </c>
      <c r="BU397" s="307" t="str">
        <f t="shared" si="247"/>
        <v/>
      </c>
      <c r="BV397" s="307" t="str">
        <f t="shared" si="248"/>
        <v/>
      </c>
      <c r="BW397" s="307" t="str">
        <f t="shared" si="249"/>
        <v/>
      </c>
      <c r="BX397" s="307" t="str">
        <f t="shared" si="250"/>
        <v/>
      </c>
      <c r="BY397" s="307" t="str">
        <f t="shared" si="251"/>
        <v/>
      </c>
      <c r="BZ397" s="307">
        <f t="shared" si="252"/>
        <v>0</v>
      </c>
      <c r="CA397" s="307" t="str">
        <f t="shared" si="253"/>
        <v/>
      </c>
      <c r="CB397" s="307" t="str">
        <f t="shared" si="254"/>
        <v/>
      </c>
      <c r="CC397" s="307" t="str">
        <f t="shared" si="255"/>
        <v/>
      </c>
      <c r="CD397" s="303"/>
      <c r="CE397" s="303"/>
      <c r="CF397" s="303"/>
    </row>
    <row r="398" spans="1:84" s="318" customFormat="1" ht="56.1" hidden="1" customHeight="1" x14ac:dyDescent="0.2">
      <c r="A398" s="302">
        <v>398</v>
      </c>
      <c r="B398" s="24" t="s">
        <v>53</v>
      </c>
      <c r="C398" s="35" t="s">
        <v>515</v>
      </c>
      <c r="D398" s="303" t="s">
        <v>539</v>
      </c>
      <c r="E398" s="303" t="s">
        <v>527</v>
      </c>
      <c r="F398" s="303" t="s">
        <v>527</v>
      </c>
      <c r="G398" s="303" t="s">
        <v>413</v>
      </c>
      <c r="H398" s="303" t="s">
        <v>310</v>
      </c>
      <c r="I398" s="303" t="s">
        <v>551</v>
      </c>
      <c r="J398" s="303" t="s">
        <v>525</v>
      </c>
      <c r="K398" s="303" t="s">
        <v>225</v>
      </c>
      <c r="L398" s="303" t="s">
        <v>63</v>
      </c>
      <c r="M398" s="303" t="s">
        <v>63</v>
      </c>
      <c r="N398" s="304">
        <v>0</v>
      </c>
      <c r="O398" s="304">
        <v>0</v>
      </c>
      <c r="P398" s="303" t="s">
        <v>226</v>
      </c>
      <c r="Q398" s="303" t="s">
        <v>82</v>
      </c>
      <c r="R398" s="317"/>
      <c r="S398" s="317"/>
      <c r="T398" s="317"/>
      <c r="U398" s="317"/>
      <c r="V398" s="317"/>
      <c r="W398" s="307"/>
      <c r="X398" s="317"/>
      <c r="Y398" s="317"/>
      <c r="Z398" s="317"/>
      <c r="AA398" s="317"/>
      <c r="AB398" s="317"/>
      <c r="AC398" s="317"/>
      <c r="AD398" s="317"/>
      <c r="AE398" s="317"/>
      <c r="AF398" s="317"/>
      <c r="AG398" s="317"/>
      <c r="AH398" s="317"/>
      <c r="AI398" s="317"/>
      <c r="AJ398" s="317"/>
      <c r="AK398" s="317"/>
      <c r="AL398" s="317"/>
      <c r="AM398" s="317"/>
      <c r="AN398" s="317"/>
      <c r="AO398" s="317"/>
      <c r="AP398" s="317"/>
      <c r="AQ398" s="317"/>
      <c r="AR398" s="317"/>
      <c r="AS398" s="307" t="s">
        <v>66</v>
      </c>
      <c r="AT398" s="317"/>
      <c r="AU398" s="317"/>
      <c r="AV398" s="317"/>
      <c r="AW398" s="308">
        <f t="shared" si="224"/>
        <v>67</v>
      </c>
      <c r="AX398" s="309"/>
      <c r="AY398" s="307" t="str">
        <f t="shared" si="225"/>
        <v/>
      </c>
      <c r="AZ398" s="307" t="str">
        <f t="shared" si="226"/>
        <v/>
      </c>
      <c r="BA398" s="307" t="str">
        <f t="shared" si="227"/>
        <v/>
      </c>
      <c r="BB398" s="307" t="str">
        <f t="shared" si="228"/>
        <v/>
      </c>
      <c r="BC398" s="307" t="str">
        <f t="shared" si="229"/>
        <v/>
      </c>
      <c r="BD398" s="307" t="str">
        <f t="shared" si="230"/>
        <v/>
      </c>
      <c r="BE398" s="307" t="str">
        <f t="shared" si="231"/>
        <v/>
      </c>
      <c r="BF398" s="307" t="str">
        <f t="shared" si="232"/>
        <v/>
      </c>
      <c r="BG398" s="307" t="str">
        <f t="shared" si="233"/>
        <v/>
      </c>
      <c r="BH398" s="307" t="str">
        <f t="shared" si="234"/>
        <v/>
      </c>
      <c r="BI398" s="307" t="str">
        <f t="shared" si="235"/>
        <v/>
      </c>
      <c r="BJ398" s="307" t="str">
        <f t="shared" si="236"/>
        <v/>
      </c>
      <c r="BK398" s="307" t="str">
        <f t="shared" si="237"/>
        <v/>
      </c>
      <c r="BL398" s="307" t="str">
        <f t="shared" si="238"/>
        <v/>
      </c>
      <c r="BM398" s="307" t="str">
        <f t="shared" si="239"/>
        <v/>
      </c>
      <c r="BN398" s="307" t="str">
        <f t="shared" si="240"/>
        <v/>
      </c>
      <c r="BO398" s="307" t="str">
        <f t="shared" si="241"/>
        <v/>
      </c>
      <c r="BP398" s="307" t="str">
        <f t="shared" si="242"/>
        <v/>
      </c>
      <c r="BQ398" s="307" t="str">
        <f t="shared" si="243"/>
        <v/>
      </c>
      <c r="BR398" s="307" t="str">
        <f t="shared" si="244"/>
        <v/>
      </c>
      <c r="BS398" s="307" t="str">
        <f t="shared" si="245"/>
        <v/>
      </c>
      <c r="BT398" s="307" t="str">
        <f t="shared" si="246"/>
        <v/>
      </c>
      <c r="BU398" s="307" t="str">
        <f t="shared" si="247"/>
        <v/>
      </c>
      <c r="BV398" s="307" t="str">
        <f t="shared" si="248"/>
        <v/>
      </c>
      <c r="BW398" s="307" t="str">
        <f t="shared" si="249"/>
        <v/>
      </c>
      <c r="BX398" s="307" t="str">
        <f t="shared" si="250"/>
        <v/>
      </c>
      <c r="BY398" s="307" t="str">
        <f t="shared" si="251"/>
        <v/>
      </c>
      <c r="BZ398" s="307">
        <f t="shared" si="252"/>
        <v>0</v>
      </c>
      <c r="CA398" s="307" t="str">
        <f t="shared" si="253"/>
        <v/>
      </c>
      <c r="CB398" s="307" t="str">
        <f t="shared" si="254"/>
        <v/>
      </c>
      <c r="CC398" s="307" t="str">
        <f t="shared" si="255"/>
        <v/>
      </c>
      <c r="CD398" s="303"/>
      <c r="CE398" s="303"/>
      <c r="CF398" s="303"/>
    </row>
    <row r="399" spans="1:84" s="318" customFormat="1" ht="56.1" hidden="1" customHeight="1" x14ac:dyDescent="0.2">
      <c r="A399" s="302">
        <v>399</v>
      </c>
      <c r="B399" s="24" t="s">
        <v>53</v>
      </c>
      <c r="C399" s="35" t="s">
        <v>515</v>
      </c>
      <c r="D399" s="303" t="s">
        <v>528</v>
      </c>
      <c r="E399" s="303" t="s">
        <v>529</v>
      </c>
      <c r="F399" s="303" t="s">
        <v>529</v>
      </c>
      <c r="G399" s="303" t="s">
        <v>413</v>
      </c>
      <c r="H399" s="303" t="s">
        <v>310</v>
      </c>
      <c r="I399" s="303" t="s">
        <v>551</v>
      </c>
      <c r="J399" s="303" t="s">
        <v>525</v>
      </c>
      <c r="K399" s="303" t="s">
        <v>225</v>
      </c>
      <c r="L399" s="303" t="s">
        <v>63</v>
      </c>
      <c r="M399" s="303" t="s">
        <v>63</v>
      </c>
      <c r="N399" s="304">
        <v>0</v>
      </c>
      <c r="O399" s="304">
        <v>0</v>
      </c>
      <c r="P399" s="303" t="s">
        <v>226</v>
      </c>
      <c r="Q399" s="303" t="s">
        <v>82</v>
      </c>
      <c r="R399" s="317"/>
      <c r="S399" s="317"/>
      <c r="T399" s="317"/>
      <c r="U399" s="317"/>
      <c r="V399" s="317"/>
      <c r="W399" s="307"/>
      <c r="X399" s="317"/>
      <c r="Y399" s="317"/>
      <c r="Z399" s="317"/>
      <c r="AA399" s="317"/>
      <c r="AB399" s="317"/>
      <c r="AC399" s="317"/>
      <c r="AD399" s="317"/>
      <c r="AE399" s="317"/>
      <c r="AF399" s="317"/>
      <c r="AG399" s="317"/>
      <c r="AH399" s="317"/>
      <c r="AI399" s="317"/>
      <c r="AJ399" s="317"/>
      <c r="AK399" s="317"/>
      <c r="AL399" s="317"/>
      <c r="AM399" s="317"/>
      <c r="AN399" s="317"/>
      <c r="AO399" s="317"/>
      <c r="AP399" s="317"/>
      <c r="AQ399" s="317"/>
      <c r="AR399" s="317"/>
      <c r="AS399" s="307" t="s">
        <v>66</v>
      </c>
      <c r="AT399" s="317"/>
      <c r="AU399" s="317"/>
      <c r="AV399" s="317"/>
      <c r="AW399" s="308">
        <f t="shared" si="224"/>
        <v>67</v>
      </c>
      <c r="AX399" s="309"/>
      <c r="AY399" s="307" t="str">
        <f t="shared" si="225"/>
        <v/>
      </c>
      <c r="AZ399" s="307" t="str">
        <f t="shared" si="226"/>
        <v/>
      </c>
      <c r="BA399" s="307" t="str">
        <f t="shared" si="227"/>
        <v/>
      </c>
      <c r="BB399" s="307" t="str">
        <f t="shared" si="228"/>
        <v/>
      </c>
      <c r="BC399" s="307" t="str">
        <f t="shared" si="229"/>
        <v/>
      </c>
      <c r="BD399" s="307" t="str">
        <f t="shared" si="230"/>
        <v/>
      </c>
      <c r="BE399" s="307" t="str">
        <f t="shared" si="231"/>
        <v/>
      </c>
      <c r="BF399" s="307" t="str">
        <f t="shared" si="232"/>
        <v/>
      </c>
      <c r="BG399" s="307" t="str">
        <f t="shared" si="233"/>
        <v/>
      </c>
      <c r="BH399" s="307" t="str">
        <f t="shared" si="234"/>
        <v/>
      </c>
      <c r="BI399" s="307" t="str">
        <f t="shared" si="235"/>
        <v/>
      </c>
      <c r="BJ399" s="307" t="str">
        <f t="shared" si="236"/>
        <v/>
      </c>
      <c r="BK399" s="307" t="str">
        <f t="shared" si="237"/>
        <v/>
      </c>
      <c r="BL399" s="307" t="str">
        <f t="shared" si="238"/>
        <v/>
      </c>
      <c r="BM399" s="307" t="str">
        <f t="shared" si="239"/>
        <v/>
      </c>
      <c r="BN399" s="307" t="str">
        <f t="shared" si="240"/>
        <v/>
      </c>
      <c r="BO399" s="307" t="str">
        <f t="shared" si="241"/>
        <v/>
      </c>
      <c r="BP399" s="307" t="str">
        <f t="shared" si="242"/>
        <v/>
      </c>
      <c r="BQ399" s="307" t="str">
        <f t="shared" si="243"/>
        <v/>
      </c>
      <c r="BR399" s="307" t="str">
        <f t="shared" si="244"/>
        <v/>
      </c>
      <c r="BS399" s="307" t="str">
        <f t="shared" si="245"/>
        <v/>
      </c>
      <c r="BT399" s="307" t="str">
        <f t="shared" si="246"/>
        <v/>
      </c>
      <c r="BU399" s="307" t="str">
        <f t="shared" si="247"/>
        <v/>
      </c>
      <c r="BV399" s="307" t="str">
        <f t="shared" si="248"/>
        <v/>
      </c>
      <c r="BW399" s="307" t="str">
        <f t="shared" si="249"/>
        <v/>
      </c>
      <c r="BX399" s="307" t="str">
        <f t="shared" si="250"/>
        <v/>
      </c>
      <c r="BY399" s="307" t="str">
        <f t="shared" si="251"/>
        <v/>
      </c>
      <c r="BZ399" s="307">
        <f t="shared" si="252"/>
        <v>0</v>
      </c>
      <c r="CA399" s="307" t="str">
        <f t="shared" si="253"/>
        <v/>
      </c>
      <c r="CB399" s="307" t="str">
        <f t="shared" si="254"/>
        <v/>
      </c>
      <c r="CC399" s="307" t="str">
        <f t="shared" si="255"/>
        <v/>
      </c>
      <c r="CD399" s="303"/>
      <c r="CE399" s="303"/>
      <c r="CF399" s="303"/>
    </row>
    <row r="400" spans="1:84" s="318" customFormat="1" ht="56.1" hidden="1" customHeight="1" x14ac:dyDescent="0.2">
      <c r="A400" s="302">
        <v>400</v>
      </c>
      <c r="B400" s="24" t="s">
        <v>53</v>
      </c>
      <c r="C400" s="35" t="s">
        <v>515</v>
      </c>
      <c r="D400" s="303" t="s">
        <v>530</v>
      </c>
      <c r="E400" s="303" t="s">
        <v>532</v>
      </c>
      <c r="F400" s="303" t="s">
        <v>532</v>
      </c>
      <c r="G400" s="303" t="s">
        <v>413</v>
      </c>
      <c r="H400" s="303" t="s">
        <v>310</v>
      </c>
      <c r="I400" s="303" t="s">
        <v>551</v>
      </c>
      <c r="J400" s="303" t="s">
        <v>525</v>
      </c>
      <c r="K400" s="303" t="s">
        <v>225</v>
      </c>
      <c r="L400" s="303" t="s">
        <v>63</v>
      </c>
      <c r="M400" s="303" t="s">
        <v>63</v>
      </c>
      <c r="N400" s="304">
        <v>0</v>
      </c>
      <c r="O400" s="304">
        <v>0</v>
      </c>
      <c r="P400" s="303" t="s">
        <v>226</v>
      </c>
      <c r="Q400" s="303" t="s">
        <v>82</v>
      </c>
      <c r="R400" s="317"/>
      <c r="S400" s="317"/>
      <c r="T400" s="317"/>
      <c r="U400" s="317"/>
      <c r="V400" s="317"/>
      <c r="W400" s="307"/>
      <c r="X400" s="317"/>
      <c r="Y400" s="317"/>
      <c r="Z400" s="317"/>
      <c r="AA400" s="317"/>
      <c r="AB400" s="317"/>
      <c r="AC400" s="317"/>
      <c r="AD400" s="317"/>
      <c r="AE400" s="317"/>
      <c r="AF400" s="317"/>
      <c r="AG400" s="317"/>
      <c r="AH400" s="317"/>
      <c r="AI400" s="317"/>
      <c r="AJ400" s="317"/>
      <c r="AK400" s="317"/>
      <c r="AL400" s="317"/>
      <c r="AM400" s="317"/>
      <c r="AN400" s="317"/>
      <c r="AO400" s="317"/>
      <c r="AP400" s="317"/>
      <c r="AQ400" s="317"/>
      <c r="AR400" s="317"/>
      <c r="AS400" s="307" t="s">
        <v>66</v>
      </c>
      <c r="AT400" s="317"/>
      <c r="AU400" s="317"/>
      <c r="AV400" s="317"/>
      <c r="AW400" s="308">
        <f t="shared" si="224"/>
        <v>67</v>
      </c>
      <c r="AX400" s="309"/>
      <c r="AY400" s="307" t="str">
        <f t="shared" si="225"/>
        <v/>
      </c>
      <c r="AZ400" s="307" t="str">
        <f t="shared" si="226"/>
        <v/>
      </c>
      <c r="BA400" s="307" t="str">
        <f t="shared" si="227"/>
        <v/>
      </c>
      <c r="BB400" s="307" t="str">
        <f t="shared" si="228"/>
        <v/>
      </c>
      <c r="BC400" s="307" t="str">
        <f t="shared" si="229"/>
        <v/>
      </c>
      <c r="BD400" s="307" t="str">
        <f t="shared" si="230"/>
        <v/>
      </c>
      <c r="BE400" s="307" t="str">
        <f t="shared" si="231"/>
        <v/>
      </c>
      <c r="BF400" s="307" t="str">
        <f t="shared" si="232"/>
        <v/>
      </c>
      <c r="BG400" s="307" t="str">
        <f t="shared" si="233"/>
        <v/>
      </c>
      <c r="BH400" s="307" t="str">
        <f t="shared" si="234"/>
        <v/>
      </c>
      <c r="BI400" s="307" t="str">
        <f t="shared" si="235"/>
        <v/>
      </c>
      <c r="BJ400" s="307" t="str">
        <f t="shared" si="236"/>
        <v/>
      </c>
      <c r="BK400" s="307" t="str">
        <f t="shared" si="237"/>
        <v/>
      </c>
      <c r="BL400" s="307" t="str">
        <f t="shared" si="238"/>
        <v/>
      </c>
      <c r="BM400" s="307" t="str">
        <f t="shared" si="239"/>
        <v/>
      </c>
      <c r="BN400" s="307" t="str">
        <f t="shared" si="240"/>
        <v/>
      </c>
      <c r="BO400" s="307" t="str">
        <f t="shared" si="241"/>
        <v/>
      </c>
      <c r="BP400" s="307" t="str">
        <f t="shared" si="242"/>
        <v/>
      </c>
      <c r="BQ400" s="307" t="str">
        <f t="shared" si="243"/>
        <v/>
      </c>
      <c r="BR400" s="307" t="str">
        <f t="shared" si="244"/>
        <v/>
      </c>
      <c r="BS400" s="307" t="str">
        <f t="shared" si="245"/>
        <v/>
      </c>
      <c r="BT400" s="307" t="str">
        <f t="shared" si="246"/>
        <v/>
      </c>
      <c r="BU400" s="307" t="str">
        <f t="shared" si="247"/>
        <v/>
      </c>
      <c r="BV400" s="307" t="str">
        <f t="shared" si="248"/>
        <v/>
      </c>
      <c r="BW400" s="307" t="str">
        <f t="shared" si="249"/>
        <v/>
      </c>
      <c r="BX400" s="307" t="str">
        <f t="shared" si="250"/>
        <v/>
      </c>
      <c r="BY400" s="307" t="str">
        <f t="shared" si="251"/>
        <v/>
      </c>
      <c r="BZ400" s="307">
        <f t="shared" si="252"/>
        <v>0</v>
      </c>
      <c r="CA400" s="307" t="str">
        <f t="shared" si="253"/>
        <v/>
      </c>
      <c r="CB400" s="307" t="str">
        <f t="shared" si="254"/>
        <v/>
      </c>
      <c r="CC400" s="307" t="str">
        <f t="shared" si="255"/>
        <v/>
      </c>
      <c r="CD400" s="303"/>
      <c r="CE400" s="303"/>
      <c r="CF400" s="303"/>
    </row>
    <row r="401" spans="1:84" s="318" customFormat="1" ht="56.1" hidden="1" customHeight="1" x14ac:dyDescent="0.2">
      <c r="A401" s="302">
        <v>401</v>
      </c>
      <c r="B401" s="24" t="s">
        <v>53</v>
      </c>
      <c r="C401" s="35" t="s">
        <v>515</v>
      </c>
      <c r="D401" s="303" t="s">
        <v>533</v>
      </c>
      <c r="E401" s="303" t="s">
        <v>534</v>
      </c>
      <c r="F401" s="303" t="s">
        <v>534</v>
      </c>
      <c r="G401" s="303" t="s">
        <v>413</v>
      </c>
      <c r="H401" s="303" t="s">
        <v>310</v>
      </c>
      <c r="I401" s="303" t="s">
        <v>551</v>
      </c>
      <c r="J401" s="303" t="s">
        <v>334</v>
      </c>
      <c r="K401" s="303" t="s">
        <v>225</v>
      </c>
      <c r="L401" s="303" t="s">
        <v>63</v>
      </c>
      <c r="M401" s="303" t="s">
        <v>63</v>
      </c>
      <c r="N401" s="304">
        <v>11921.309999999998</v>
      </c>
      <c r="O401" s="304">
        <v>11921.309999999998</v>
      </c>
      <c r="P401" s="303" t="s">
        <v>226</v>
      </c>
      <c r="Q401" s="303" t="s">
        <v>82</v>
      </c>
      <c r="R401" s="317"/>
      <c r="S401" s="317"/>
      <c r="T401" s="317"/>
      <c r="U401" s="317"/>
      <c r="V401" s="317"/>
      <c r="W401" s="307"/>
      <c r="X401" s="317"/>
      <c r="Y401" s="317"/>
      <c r="Z401" s="317"/>
      <c r="AA401" s="317"/>
      <c r="AB401" s="317"/>
      <c r="AC401" s="317"/>
      <c r="AD401" s="317"/>
      <c r="AE401" s="317"/>
      <c r="AF401" s="317"/>
      <c r="AG401" s="317"/>
      <c r="AH401" s="317"/>
      <c r="AI401" s="317"/>
      <c r="AJ401" s="317"/>
      <c r="AK401" s="317"/>
      <c r="AL401" s="317"/>
      <c r="AM401" s="317"/>
      <c r="AN401" s="317"/>
      <c r="AO401" s="317"/>
      <c r="AP401" s="317"/>
      <c r="AQ401" s="317"/>
      <c r="AR401" s="317"/>
      <c r="AS401" s="307" t="s">
        <v>66</v>
      </c>
      <c r="AT401" s="317"/>
      <c r="AU401" s="317"/>
      <c r="AV401" s="317"/>
      <c r="AW401" s="308">
        <f t="shared" si="224"/>
        <v>67</v>
      </c>
      <c r="AX401" s="309">
        <f t="shared" ref="AX401:AX415" si="256">O401/AW401</f>
        <v>177.92999999999998</v>
      </c>
      <c r="AY401" s="307" t="str">
        <f t="shared" si="225"/>
        <v/>
      </c>
      <c r="AZ401" s="307" t="str">
        <f t="shared" si="226"/>
        <v/>
      </c>
      <c r="BA401" s="307" t="str">
        <f t="shared" si="227"/>
        <v/>
      </c>
      <c r="BB401" s="307" t="str">
        <f t="shared" si="228"/>
        <v/>
      </c>
      <c r="BC401" s="307" t="str">
        <f t="shared" si="229"/>
        <v/>
      </c>
      <c r="BD401" s="307" t="str">
        <f t="shared" si="230"/>
        <v/>
      </c>
      <c r="BE401" s="307" t="str">
        <f t="shared" si="231"/>
        <v/>
      </c>
      <c r="BF401" s="307" t="str">
        <f t="shared" si="232"/>
        <v/>
      </c>
      <c r="BG401" s="307" t="str">
        <f t="shared" si="233"/>
        <v/>
      </c>
      <c r="BH401" s="307" t="str">
        <f t="shared" si="234"/>
        <v/>
      </c>
      <c r="BI401" s="307" t="str">
        <f t="shared" si="235"/>
        <v/>
      </c>
      <c r="BJ401" s="307" t="str">
        <f t="shared" si="236"/>
        <v/>
      </c>
      <c r="BK401" s="307" t="str">
        <f t="shared" si="237"/>
        <v/>
      </c>
      <c r="BL401" s="307" t="str">
        <f t="shared" si="238"/>
        <v/>
      </c>
      <c r="BM401" s="307" t="str">
        <f t="shared" si="239"/>
        <v/>
      </c>
      <c r="BN401" s="307" t="str">
        <f t="shared" si="240"/>
        <v/>
      </c>
      <c r="BO401" s="307" t="str">
        <f t="shared" si="241"/>
        <v/>
      </c>
      <c r="BP401" s="307" t="str">
        <f t="shared" si="242"/>
        <v/>
      </c>
      <c r="BQ401" s="307" t="str">
        <f t="shared" si="243"/>
        <v/>
      </c>
      <c r="BR401" s="307" t="str">
        <f t="shared" si="244"/>
        <v/>
      </c>
      <c r="BS401" s="307" t="str">
        <f t="shared" si="245"/>
        <v/>
      </c>
      <c r="BT401" s="307" t="str">
        <f t="shared" si="246"/>
        <v/>
      </c>
      <c r="BU401" s="307" t="str">
        <f t="shared" si="247"/>
        <v/>
      </c>
      <c r="BV401" s="307" t="str">
        <f t="shared" si="248"/>
        <v/>
      </c>
      <c r="BW401" s="307" t="str">
        <f t="shared" si="249"/>
        <v/>
      </c>
      <c r="BX401" s="307" t="str">
        <f t="shared" si="250"/>
        <v/>
      </c>
      <c r="BY401" s="307" t="str">
        <f t="shared" si="251"/>
        <v/>
      </c>
      <c r="BZ401" s="307">
        <f t="shared" si="252"/>
        <v>11921.309999999998</v>
      </c>
      <c r="CA401" s="307" t="str">
        <f t="shared" si="253"/>
        <v/>
      </c>
      <c r="CB401" s="307" t="str">
        <f t="shared" si="254"/>
        <v/>
      </c>
      <c r="CC401" s="307" t="str">
        <f t="shared" si="255"/>
        <v/>
      </c>
      <c r="CD401" s="303"/>
      <c r="CE401" s="303"/>
      <c r="CF401" s="303"/>
    </row>
    <row r="402" spans="1:84" s="168" customFormat="1" ht="56.1" hidden="1" customHeight="1" x14ac:dyDescent="0.2">
      <c r="A402" s="154">
        <v>402</v>
      </c>
      <c r="B402" s="155" t="s">
        <v>53</v>
      </c>
      <c r="C402" s="165" t="s">
        <v>515</v>
      </c>
      <c r="D402" s="156" t="s">
        <v>548</v>
      </c>
      <c r="E402" s="156" t="s">
        <v>536</v>
      </c>
      <c r="F402" s="156" t="s">
        <v>536</v>
      </c>
      <c r="G402" s="156" t="s">
        <v>58</v>
      </c>
      <c r="H402" s="156" t="s">
        <v>554</v>
      </c>
      <c r="I402" s="169" t="s">
        <v>60</v>
      </c>
      <c r="J402" s="156" t="s">
        <v>334</v>
      </c>
      <c r="K402" s="156" t="s">
        <v>62</v>
      </c>
      <c r="L402" s="156" t="s">
        <v>63</v>
      </c>
      <c r="M402" s="156" t="s">
        <v>63</v>
      </c>
      <c r="N402" s="157">
        <v>455500.80000000005</v>
      </c>
      <c r="O402" s="157">
        <v>455500.80000000005</v>
      </c>
      <c r="P402" s="156" t="s">
        <v>64</v>
      </c>
      <c r="Q402" s="156" t="s">
        <v>82</v>
      </c>
      <c r="R402" s="161" t="s">
        <v>66</v>
      </c>
      <c r="S402" s="167"/>
      <c r="T402" s="167"/>
      <c r="U402" s="167"/>
      <c r="V402" s="167"/>
      <c r="W402" s="161"/>
      <c r="X402" s="167"/>
      <c r="Y402" s="167"/>
      <c r="Z402" s="167"/>
      <c r="AA402" s="167"/>
      <c r="AB402" s="167"/>
      <c r="AC402" s="167"/>
      <c r="AD402" s="167"/>
      <c r="AE402" s="167"/>
      <c r="AF402" s="167"/>
      <c r="AG402" s="167"/>
      <c r="AH402" s="167"/>
      <c r="AI402" s="167"/>
      <c r="AJ402" s="167"/>
      <c r="AK402" s="167"/>
      <c r="AL402" s="167"/>
      <c r="AM402" s="167"/>
      <c r="AN402" s="167"/>
      <c r="AO402" s="167"/>
      <c r="AP402" s="167"/>
      <c r="AQ402" s="167"/>
      <c r="AR402" s="167"/>
      <c r="AS402" s="167"/>
      <c r="AT402" s="167"/>
      <c r="AU402" s="167"/>
      <c r="AV402" s="167"/>
      <c r="AW402" s="160">
        <f t="shared" si="224"/>
        <v>1500</v>
      </c>
      <c r="AX402" s="158">
        <f t="shared" si="256"/>
        <v>303.66720000000004</v>
      </c>
      <c r="AY402" s="161">
        <f t="shared" si="225"/>
        <v>455500.80000000005</v>
      </c>
      <c r="AZ402" s="161" t="str">
        <f t="shared" si="226"/>
        <v/>
      </c>
      <c r="BA402" s="161" t="str">
        <f t="shared" si="227"/>
        <v/>
      </c>
      <c r="BB402" s="161" t="str">
        <f t="shared" si="228"/>
        <v/>
      </c>
      <c r="BC402" s="161" t="str">
        <f t="shared" si="229"/>
        <v/>
      </c>
      <c r="BD402" s="161" t="str">
        <f t="shared" si="230"/>
        <v/>
      </c>
      <c r="BE402" s="161" t="str">
        <f t="shared" si="231"/>
        <v/>
      </c>
      <c r="BF402" s="161" t="str">
        <f t="shared" si="232"/>
        <v/>
      </c>
      <c r="BG402" s="161" t="str">
        <f t="shared" si="233"/>
        <v/>
      </c>
      <c r="BH402" s="161" t="str">
        <f t="shared" si="234"/>
        <v/>
      </c>
      <c r="BI402" s="161" t="str">
        <f t="shared" si="235"/>
        <v/>
      </c>
      <c r="BJ402" s="161" t="str">
        <f t="shared" si="236"/>
        <v/>
      </c>
      <c r="BK402" s="161" t="str">
        <f t="shared" si="237"/>
        <v/>
      </c>
      <c r="BL402" s="161" t="str">
        <f t="shared" si="238"/>
        <v/>
      </c>
      <c r="BM402" s="161" t="str">
        <f t="shared" si="239"/>
        <v/>
      </c>
      <c r="BN402" s="161" t="str">
        <f t="shared" si="240"/>
        <v/>
      </c>
      <c r="BO402" s="161" t="str">
        <f t="shared" si="241"/>
        <v/>
      </c>
      <c r="BP402" s="161" t="str">
        <f t="shared" si="242"/>
        <v/>
      </c>
      <c r="BQ402" s="161" t="str">
        <f t="shared" si="243"/>
        <v/>
      </c>
      <c r="BR402" s="161" t="str">
        <f t="shared" si="244"/>
        <v/>
      </c>
      <c r="BS402" s="161" t="str">
        <f t="shared" si="245"/>
        <v/>
      </c>
      <c r="BT402" s="161" t="str">
        <f t="shared" si="246"/>
        <v/>
      </c>
      <c r="BU402" s="161" t="str">
        <f t="shared" si="247"/>
        <v/>
      </c>
      <c r="BV402" s="161" t="str">
        <f t="shared" si="248"/>
        <v/>
      </c>
      <c r="BW402" s="161" t="str">
        <f t="shared" si="249"/>
        <v/>
      </c>
      <c r="BX402" s="161" t="str">
        <f t="shared" si="250"/>
        <v/>
      </c>
      <c r="BY402" s="161" t="str">
        <f t="shared" si="251"/>
        <v/>
      </c>
      <c r="BZ402" s="161" t="str">
        <f t="shared" si="252"/>
        <v/>
      </c>
      <c r="CA402" s="161" t="str">
        <f t="shared" si="253"/>
        <v/>
      </c>
      <c r="CB402" s="161" t="str">
        <f t="shared" si="254"/>
        <v/>
      </c>
      <c r="CC402" s="161" t="str">
        <f t="shared" si="255"/>
        <v/>
      </c>
      <c r="CD402" s="156"/>
      <c r="CE402" s="156"/>
      <c r="CF402" s="156"/>
    </row>
    <row r="403" spans="1:84" s="168" customFormat="1" ht="56.1" hidden="1" customHeight="1" x14ac:dyDescent="0.2">
      <c r="A403" s="154">
        <v>403</v>
      </c>
      <c r="B403" s="155" t="s">
        <v>53</v>
      </c>
      <c r="C403" s="165" t="s">
        <v>515</v>
      </c>
      <c r="D403" s="156" t="s">
        <v>518</v>
      </c>
      <c r="E403" s="156" t="s">
        <v>520</v>
      </c>
      <c r="F403" s="156" t="s">
        <v>520</v>
      </c>
      <c r="G403" s="156" t="s">
        <v>58</v>
      </c>
      <c r="H403" s="156" t="s">
        <v>554</v>
      </c>
      <c r="I403" s="169" t="s">
        <v>60</v>
      </c>
      <c r="J403" s="156" t="s">
        <v>334</v>
      </c>
      <c r="K403" s="156" t="s">
        <v>62</v>
      </c>
      <c r="L403" s="156" t="s">
        <v>63</v>
      </c>
      <c r="M403" s="156" t="s">
        <v>63</v>
      </c>
      <c r="N403" s="157">
        <v>1195689.6000000001</v>
      </c>
      <c r="O403" s="157">
        <v>1195689.6000000001</v>
      </c>
      <c r="P403" s="156" t="s">
        <v>64</v>
      </c>
      <c r="Q403" s="156" t="s">
        <v>82</v>
      </c>
      <c r="R403" s="161" t="s">
        <v>66</v>
      </c>
      <c r="S403" s="167"/>
      <c r="T403" s="167"/>
      <c r="U403" s="167"/>
      <c r="V403" s="167"/>
      <c r="W403" s="161"/>
      <c r="X403" s="167"/>
      <c r="Y403" s="167"/>
      <c r="Z403" s="167"/>
      <c r="AA403" s="167"/>
      <c r="AB403" s="167"/>
      <c r="AC403" s="167"/>
      <c r="AD403" s="167"/>
      <c r="AE403" s="167"/>
      <c r="AF403" s="167"/>
      <c r="AG403" s="167"/>
      <c r="AH403" s="167"/>
      <c r="AI403" s="167"/>
      <c r="AJ403" s="167"/>
      <c r="AK403" s="167"/>
      <c r="AL403" s="167"/>
      <c r="AM403" s="167"/>
      <c r="AN403" s="167"/>
      <c r="AO403" s="167"/>
      <c r="AP403" s="167"/>
      <c r="AQ403" s="167"/>
      <c r="AR403" s="167"/>
      <c r="AS403" s="167"/>
      <c r="AT403" s="167"/>
      <c r="AU403" s="167"/>
      <c r="AV403" s="167"/>
      <c r="AW403" s="160">
        <f t="shared" si="224"/>
        <v>1500</v>
      </c>
      <c r="AX403" s="158">
        <f t="shared" si="256"/>
        <v>797.1264000000001</v>
      </c>
      <c r="AY403" s="161">
        <f t="shared" si="225"/>
        <v>1195689.6000000001</v>
      </c>
      <c r="AZ403" s="161" t="str">
        <f t="shared" si="226"/>
        <v/>
      </c>
      <c r="BA403" s="161" t="str">
        <f t="shared" si="227"/>
        <v/>
      </c>
      <c r="BB403" s="161" t="str">
        <f t="shared" si="228"/>
        <v/>
      </c>
      <c r="BC403" s="161" t="str">
        <f t="shared" si="229"/>
        <v/>
      </c>
      <c r="BD403" s="161" t="str">
        <f t="shared" si="230"/>
        <v/>
      </c>
      <c r="BE403" s="161" t="str">
        <f t="shared" si="231"/>
        <v/>
      </c>
      <c r="BF403" s="161" t="str">
        <f t="shared" si="232"/>
        <v/>
      </c>
      <c r="BG403" s="161" t="str">
        <f t="shared" si="233"/>
        <v/>
      </c>
      <c r="BH403" s="161" t="str">
        <f t="shared" si="234"/>
        <v/>
      </c>
      <c r="BI403" s="161" t="str">
        <f t="shared" si="235"/>
        <v/>
      </c>
      <c r="BJ403" s="161" t="str">
        <f t="shared" si="236"/>
        <v/>
      </c>
      <c r="BK403" s="161" t="str">
        <f t="shared" si="237"/>
        <v/>
      </c>
      <c r="BL403" s="161" t="str">
        <f t="shared" si="238"/>
        <v/>
      </c>
      <c r="BM403" s="161" t="str">
        <f t="shared" si="239"/>
        <v/>
      </c>
      <c r="BN403" s="161" t="str">
        <f t="shared" si="240"/>
        <v/>
      </c>
      <c r="BO403" s="161" t="str">
        <f t="shared" si="241"/>
        <v/>
      </c>
      <c r="BP403" s="161" t="str">
        <f t="shared" si="242"/>
        <v/>
      </c>
      <c r="BQ403" s="161" t="str">
        <f t="shared" si="243"/>
        <v/>
      </c>
      <c r="BR403" s="161" t="str">
        <f t="shared" si="244"/>
        <v/>
      </c>
      <c r="BS403" s="161" t="str">
        <f t="shared" si="245"/>
        <v/>
      </c>
      <c r="BT403" s="161" t="str">
        <f t="shared" si="246"/>
        <v/>
      </c>
      <c r="BU403" s="161" t="str">
        <f t="shared" si="247"/>
        <v/>
      </c>
      <c r="BV403" s="161" t="str">
        <f t="shared" si="248"/>
        <v/>
      </c>
      <c r="BW403" s="161" t="str">
        <f t="shared" si="249"/>
        <v/>
      </c>
      <c r="BX403" s="161" t="str">
        <f t="shared" si="250"/>
        <v/>
      </c>
      <c r="BY403" s="161" t="str">
        <f t="shared" si="251"/>
        <v/>
      </c>
      <c r="BZ403" s="161" t="str">
        <f t="shared" si="252"/>
        <v/>
      </c>
      <c r="CA403" s="161" t="str">
        <f t="shared" si="253"/>
        <v/>
      </c>
      <c r="CB403" s="161" t="str">
        <f t="shared" si="254"/>
        <v/>
      </c>
      <c r="CC403" s="161" t="str">
        <f t="shared" si="255"/>
        <v/>
      </c>
      <c r="CD403" s="156"/>
      <c r="CE403" s="156"/>
      <c r="CF403" s="156"/>
    </row>
    <row r="404" spans="1:84" s="168" customFormat="1" ht="56.1" hidden="1" customHeight="1" x14ac:dyDescent="0.2">
      <c r="A404" s="154">
        <v>404</v>
      </c>
      <c r="B404" s="155" t="s">
        <v>53</v>
      </c>
      <c r="C404" s="165" t="s">
        <v>515</v>
      </c>
      <c r="D404" s="156" t="s">
        <v>521</v>
      </c>
      <c r="E404" s="156" t="s">
        <v>522</v>
      </c>
      <c r="F404" s="156" t="s">
        <v>522</v>
      </c>
      <c r="G404" s="156" t="s">
        <v>58</v>
      </c>
      <c r="H404" s="156" t="s">
        <v>554</v>
      </c>
      <c r="I404" s="169" t="s">
        <v>60</v>
      </c>
      <c r="J404" s="156" t="s">
        <v>334</v>
      </c>
      <c r="K404" s="156" t="s">
        <v>62</v>
      </c>
      <c r="L404" s="156" t="s">
        <v>63</v>
      </c>
      <c r="M404" s="156" t="s">
        <v>63</v>
      </c>
      <c r="N404" s="157">
        <v>1670169.6000000001</v>
      </c>
      <c r="O404" s="157">
        <v>1670169.6000000001</v>
      </c>
      <c r="P404" s="156" t="s">
        <v>64</v>
      </c>
      <c r="Q404" s="156" t="s">
        <v>82</v>
      </c>
      <c r="R404" s="161" t="s">
        <v>66</v>
      </c>
      <c r="S404" s="167"/>
      <c r="T404" s="167"/>
      <c r="U404" s="167"/>
      <c r="V404" s="167"/>
      <c r="W404" s="161"/>
      <c r="X404" s="167"/>
      <c r="Y404" s="167"/>
      <c r="Z404" s="167"/>
      <c r="AA404" s="167"/>
      <c r="AB404" s="167"/>
      <c r="AC404" s="167"/>
      <c r="AD404" s="167"/>
      <c r="AE404" s="167"/>
      <c r="AF404" s="167"/>
      <c r="AG404" s="167"/>
      <c r="AH404" s="167"/>
      <c r="AI404" s="167"/>
      <c r="AJ404" s="167"/>
      <c r="AK404" s="167"/>
      <c r="AL404" s="167"/>
      <c r="AM404" s="167"/>
      <c r="AN404" s="167"/>
      <c r="AO404" s="167"/>
      <c r="AP404" s="167"/>
      <c r="AQ404" s="167"/>
      <c r="AR404" s="167"/>
      <c r="AS404" s="167"/>
      <c r="AT404" s="167"/>
      <c r="AU404" s="167"/>
      <c r="AV404" s="167"/>
      <c r="AW404" s="160">
        <f t="shared" si="224"/>
        <v>1500</v>
      </c>
      <c r="AX404" s="158">
        <f t="shared" si="256"/>
        <v>1113.4464</v>
      </c>
      <c r="AY404" s="161">
        <f t="shared" si="225"/>
        <v>1670169.6000000001</v>
      </c>
      <c r="AZ404" s="161" t="str">
        <f t="shared" si="226"/>
        <v/>
      </c>
      <c r="BA404" s="161" t="str">
        <f t="shared" si="227"/>
        <v/>
      </c>
      <c r="BB404" s="161" t="str">
        <f t="shared" si="228"/>
        <v/>
      </c>
      <c r="BC404" s="161" t="str">
        <f t="shared" si="229"/>
        <v/>
      </c>
      <c r="BD404" s="161" t="str">
        <f t="shared" si="230"/>
        <v/>
      </c>
      <c r="BE404" s="161" t="str">
        <f t="shared" si="231"/>
        <v/>
      </c>
      <c r="BF404" s="161" t="str">
        <f t="shared" si="232"/>
        <v/>
      </c>
      <c r="BG404" s="161" t="str">
        <f t="shared" si="233"/>
        <v/>
      </c>
      <c r="BH404" s="161" t="str">
        <f t="shared" si="234"/>
        <v/>
      </c>
      <c r="BI404" s="161" t="str">
        <f t="shared" si="235"/>
        <v/>
      </c>
      <c r="BJ404" s="161" t="str">
        <f t="shared" si="236"/>
        <v/>
      </c>
      <c r="BK404" s="161" t="str">
        <f t="shared" si="237"/>
        <v/>
      </c>
      <c r="BL404" s="161" t="str">
        <f t="shared" si="238"/>
        <v/>
      </c>
      <c r="BM404" s="161" t="str">
        <f t="shared" si="239"/>
        <v/>
      </c>
      <c r="BN404" s="161" t="str">
        <f t="shared" si="240"/>
        <v/>
      </c>
      <c r="BO404" s="161" t="str">
        <f t="shared" si="241"/>
        <v/>
      </c>
      <c r="BP404" s="161" t="str">
        <f t="shared" si="242"/>
        <v/>
      </c>
      <c r="BQ404" s="161" t="str">
        <f t="shared" si="243"/>
        <v/>
      </c>
      <c r="BR404" s="161" t="str">
        <f t="shared" si="244"/>
        <v/>
      </c>
      <c r="BS404" s="161" t="str">
        <f t="shared" si="245"/>
        <v/>
      </c>
      <c r="BT404" s="161" t="str">
        <f t="shared" si="246"/>
        <v/>
      </c>
      <c r="BU404" s="161" t="str">
        <f t="shared" si="247"/>
        <v/>
      </c>
      <c r="BV404" s="161" t="str">
        <f t="shared" si="248"/>
        <v/>
      </c>
      <c r="BW404" s="161" t="str">
        <f t="shared" si="249"/>
        <v/>
      </c>
      <c r="BX404" s="161" t="str">
        <f t="shared" si="250"/>
        <v/>
      </c>
      <c r="BY404" s="161" t="str">
        <f t="shared" si="251"/>
        <v/>
      </c>
      <c r="BZ404" s="161" t="str">
        <f t="shared" si="252"/>
        <v/>
      </c>
      <c r="CA404" s="161" t="str">
        <f t="shared" si="253"/>
        <v/>
      </c>
      <c r="CB404" s="161" t="str">
        <f t="shared" si="254"/>
        <v/>
      </c>
      <c r="CC404" s="161" t="str">
        <f t="shared" si="255"/>
        <v/>
      </c>
      <c r="CD404" s="156"/>
      <c r="CE404" s="156"/>
      <c r="CF404" s="156"/>
    </row>
    <row r="405" spans="1:84" s="168" customFormat="1" ht="56.1" hidden="1" customHeight="1" x14ac:dyDescent="0.2">
      <c r="A405" s="154">
        <v>405</v>
      </c>
      <c r="B405" s="155" t="s">
        <v>53</v>
      </c>
      <c r="C405" s="165" t="s">
        <v>515</v>
      </c>
      <c r="D405" s="156" t="s">
        <v>523</v>
      </c>
      <c r="E405" s="156" t="s">
        <v>555</v>
      </c>
      <c r="F405" s="156" t="s">
        <v>555</v>
      </c>
      <c r="G405" s="156" t="s">
        <v>58</v>
      </c>
      <c r="H405" s="156" t="s">
        <v>554</v>
      </c>
      <c r="I405" s="156" t="s">
        <v>388</v>
      </c>
      <c r="J405" s="156" t="s">
        <v>525</v>
      </c>
      <c r="K405" s="156" t="s">
        <v>62</v>
      </c>
      <c r="L405" s="156" t="s">
        <v>63</v>
      </c>
      <c r="M405" s="156" t="s">
        <v>63</v>
      </c>
      <c r="N405" s="157">
        <v>43494</v>
      </c>
      <c r="O405" s="157">
        <v>43494</v>
      </c>
      <c r="P405" s="156" t="s">
        <v>64</v>
      </c>
      <c r="Q405" s="156" t="s">
        <v>82</v>
      </c>
      <c r="R405" s="161" t="s">
        <v>66</v>
      </c>
      <c r="S405" s="167"/>
      <c r="T405" s="167"/>
      <c r="U405" s="167"/>
      <c r="V405" s="167"/>
      <c r="W405" s="161"/>
      <c r="X405" s="167"/>
      <c r="Y405" s="167"/>
      <c r="Z405" s="167"/>
      <c r="AA405" s="167"/>
      <c r="AB405" s="167"/>
      <c r="AC405" s="167"/>
      <c r="AD405" s="167"/>
      <c r="AE405" s="167"/>
      <c r="AF405" s="167"/>
      <c r="AG405" s="167"/>
      <c r="AH405" s="167"/>
      <c r="AI405" s="167"/>
      <c r="AJ405" s="167"/>
      <c r="AK405" s="167"/>
      <c r="AL405" s="167"/>
      <c r="AM405" s="167"/>
      <c r="AN405" s="167"/>
      <c r="AO405" s="167"/>
      <c r="AP405" s="167"/>
      <c r="AQ405" s="167"/>
      <c r="AR405" s="167"/>
      <c r="AS405" s="167"/>
      <c r="AT405" s="167"/>
      <c r="AU405" s="167"/>
      <c r="AV405" s="167"/>
      <c r="AW405" s="160">
        <f t="shared" si="224"/>
        <v>1500</v>
      </c>
      <c r="AX405" s="158">
        <f t="shared" si="256"/>
        <v>28.995999999999999</v>
      </c>
      <c r="AY405" s="161">
        <f t="shared" si="225"/>
        <v>43494</v>
      </c>
      <c r="AZ405" s="161" t="str">
        <f t="shared" si="226"/>
        <v/>
      </c>
      <c r="BA405" s="161" t="str">
        <f t="shared" si="227"/>
        <v/>
      </c>
      <c r="BB405" s="161" t="str">
        <f t="shared" si="228"/>
        <v/>
      </c>
      <c r="BC405" s="161" t="str">
        <f t="shared" si="229"/>
        <v/>
      </c>
      <c r="BD405" s="161" t="str">
        <f t="shared" si="230"/>
        <v/>
      </c>
      <c r="BE405" s="161" t="str">
        <f t="shared" si="231"/>
        <v/>
      </c>
      <c r="BF405" s="161" t="str">
        <f t="shared" si="232"/>
        <v/>
      </c>
      <c r="BG405" s="161" t="str">
        <f t="shared" si="233"/>
        <v/>
      </c>
      <c r="BH405" s="161" t="str">
        <f t="shared" si="234"/>
        <v/>
      </c>
      <c r="BI405" s="161" t="str">
        <f t="shared" si="235"/>
        <v/>
      </c>
      <c r="BJ405" s="161" t="str">
        <f t="shared" si="236"/>
        <v/>
      </c>
      <c r="BK405" s="161" t="str">
        <f t="shared" si="237"/>
        <v/>
      </c>
      <c r="BL405" s="161" t="str">
        <f t="shared" si="238"/>
        <v/>
      </c>
      <c r="BM405" s="161" t="str">
        <f t="shared" si="239"/>
        <v/>
      </c>
      <c r="BN405" s="161" t="str">
        <f t="shared" si="240"/>
        <v/>
      </c>
      <c r="BO405" s="161" t="str">
        <f t="shared" si="241"/>
        <v/>
      </c>
      <c r="BP405" s="161" t="str">
        <f t="shared" si="242"/>
        <v/>
      </c>
      <c r="BQ405" s="161" t="str">
        <f t="shared" si="243"/>
        <v/>
      </c>
      <c r="BR405" s="161" t="str">
        <f t="shared" si="244"/>
        <v/>
      </c>
      <c r="BS405" s="161" t="str">
        <f t="shared" si="245"/>
        <v/>
      </c>
      <c r="BT405" s="161" t="str">
        <f t="shared" si="246"/>
        <v/>
      </c>
      <c r="BU405" s="161" t="str">
        <f t="shared" si="247"/>
        <v/>
      </c>
      <c r="BV405" s="161" t="str">
        <f t="shared" si="248"/>
        <v/>
      </c>
      <c r="BW405" s="161" t="str">
        <f t="shared" si="249"/>
        <v/>
      </c>
      <c r="BX405" s="161" t="str">
        <f t="shared" si="250"/>
        <v/>
      </c>
      <c r="BY405" s="161" t="str">
        <f t="shared" si="251"/>
        <v/>
      </c>
      <c r="BZ405" s="161" t="str">
        <f t="shared" si="252"/>
        <v/>
      </c>
      <c r="CA405" s="161" t="str">
        <f t="shared" si="253"/>
        <v/>
      </c>
      <c r="CB405" s="161" t="str">
        <f t="shared" si="254"/>
        <v/>
      </c>
      <c r="CC405" s="161" t="str">
        <f t="shared" si="255"/>
        <v/>
      </c>
      <c r="CD405" s="156"/>
      <c r="CE405" s="156"/>
      <c r="CF405" s="156"/>
    </row>
    <row r="406" spans="1:84" s="168" customFormat="1" ht="56.1" hidden="1" customHeight="1" x14ac:dyDescent="0.2">
      <c r="A406" s="154">
        <v>406</v>
      </c>
      <c r="B406" s="155" t="s">
        <v>53</v>
      </c>
      <c r="C406" s="165" t="s">
        <v>515</v>
      </c>
      <c r="D406" s="156" t="s">
        <v>539</v>
      </c>
      <c r="E406" s="156" t="s">
        <v>555</v>
      </c>
      <c r="F406" s="156" t="s">
        <v>555</v>
      </c>
      <c r="G406" s="156" t="s">
        <v>58</v>
      </c>
      <c r="H406" s="156" t="s">
        <v>554</v>
      </c>
      <c r="I406" s="156" t="s">
        <v>388</v>
      </c>
      <c r="J406" s="156" t="s">
        <v>525</v>
      </c>
      <c r="K406" s="156" t="s">
        <v>62</v>
      </c>
      <c r="L406" s="156" t="s">
        <v>63</v>
      </c>
      <c r="M406" s="156" t="s">
        <v>63</v>
      </c>
      <c r="N406" s="157">
        <v>105440</v>
      </c>
      <c r="O406" s="157">
        <v>105440</v>
      </c>
      <c r="P406" s="156" t="s">
        <v>64</v>
      </c>
      <c r="Q406" s="156" t="s">
        <v>82</v>
      </c>
      <c r="R406" s="161" t="s">
        <v>66</v>
      </c>
      <c r="S406" s="167"/>
      <c r="T406" s="167"/>
      <c r="U406" s="167"/>
      <c r="V406" s="167"/>
      <c r="W406" s="161"/>
      <c r="X406" s="167"/>
      <c r="Y406" s="167"/>
      <c r="Z406" s="167"/>
      <c r="AA406" s="167"/>
      <c r="AB406" s="167"/>
      <c r="AC406" s="167"/>
      <c r="AD406" s="167"/>
      <c r="AE406" s="167"/>
      <c r="AF406" s="167"/>
      <c r="AG406" s="167"/>
      <c r="AH406" s="167"/>
      <c r="AI406" s="167"/>
      <c r="AJ406" s="167"/>
      <c r="AK406" s="167"/>
      <c r="AL406" s="167"/>
      <c r="AM406" s="167"/>
      <c r="AN406" s="167"/>
      <c r="AO406" s="167"/>
      <c r="AP406" s="167"/>
      <c r="AQ406" s="167"/>
      <c r="AR406" s="167"/>
      <c r="AS406" s="167"/>
      <c r="AT406" s="167"/>
      <c r="AU406" s="167"/>
      <c r="AV406" s="167"/>
      <c r="AW406" s="160">
        <f t="shared" si="224"/>
        <v>1500</v>
      </c>
      <c r="AX406" s="158">
        <f t="shared" si="256"/>
        <v>70.293333333333337</v>
      </c>
      <c r="AY406" s="161">
        <f t="shared" si="225"/>
        <v>105440</v>
      </c>
      <c r="AZ406" s="161" t="str">
        <f t="shared" si="226"/>
        <v/>
      </c>
      <c r="BA406" s="161" t="str">
        <f t="shared" si="227"/>
        <v/>
      </c>
      <c r="BB406" s="161" t="str">
        <f t="shared" si="228"/>
        <v/>
      </c>
      <c r="BC406" s="161" t="str">
        <f t="shared" si="229"/>
        <v/>
      </c>
      <c r="BD406" s="161" t="str">
        <f t="shared" si="230"/>
        <v/>
      </c>
      <c r="BE406" s="161" t="str">
        <f t="shared" si="231"/>
        <v/>
      </c>
      <c r="BF406" s="161" t="str">
        <f t="shared" si="232"/>
        <v/>
      </c>
      <c r="BG406" s="161" t="str">
        <f t="shared" si="233"/>
        <v/>
      </c>
      <c r="BH406" s="161" t="str">
        <f t="shared" si="234"/>
        <v/>
      </c>
      <c r="BI406" s="161" t="str">
        <f t="shared" si="235"/>
        <v/>
      </c>
      <c r="BJ406" s="161" t="str">
        <f t="shared" si="236"/>
        <v/>
      </c>
      <c r="BK406" s="161" t="str">
        <f t="shared" si="237"/>
        <v/>
      </c>
      <c r="BL406" s="161" t="str">
        <f t="shared" si="238"/>
        <v/>
      </c>
      <c r="BM406" s="161" t="str">
        <f t="shared" si="239"/>
        <v/>
      </c>
      <c r="BN406" s="161" t="str">
        <f t="shared" si="240"/>
        <v/>
      </c>
      <c r="BO406" s="161" t="str">
        <f t="shared" si="241"/>
        <v/>
      </c>
      <c r="BP406" s="161" t="str">
        <f t="shared" si="242"/>
        <v/>
      </c>
      <c r="BQ406" s="161" t="str">
        <f t="shared" si="243"/>
        <v/>
      </c>
      <c r="BR406" s="161" t="str">
        <f t="shared" si="244"/>
        <v/>
      </c>
      <c r="BS406" s="161" t="str">
        <f t="shared" si="245"/>
        <v/>
      </c>
      <c r="BT406" s="161" t="str">
        <f t="shared" si="246"/>
        <v/>
      </c>
      <c r="BU406" s="161" t="str">
        <f t="shared" si="247"/>
        <v/>
      </c>
      <c r="BV406" s="161" t="str">
        <f t="shared" si="248"/>
        <v/>
      </c>
      <c r="BW406" s="161" t="str">
        <f t="shared" si="249"/>
        <v/>
      </c>
      <c r="BX406" s="161" t="str">
        <f t="shared" si="250"/>
        <v/>
      </c>
      <c r="BY406" s="161" t="str">
        <f t="shared" si="251"/>
        <v/>
      </c>
      <c r="BZ406" s="161" t="str">
        <f t="shared" si="252"/>
        <v/>
      </c>
      <c r="CA406" s="161" t="str">
        <f t="shared" si="253"/>
        <v/>
      </c>
      <c r="CB406" s="161" t="str">
        <f t="shared" si="254"/>
        <v/>
      </c>
      <c r="CC406" s="161" t="str">
        <f t="shared" si="255"/>
        <v/>
      </c>
      <c r="CD406" s="156"/>
      <c r="CE406" s="156"/>
      <c r="CF406" s="156"/>
    </row>
    <row r="407" spans="1:84" s="168" customFormat="1" ht="56.1" hidden="1" customHeight="1" x14ac:dyDescent="0.2">
      <c r="A407" s="154">
        <v>407</v>
      </c>
      <c r="B407" s="155" t="s">
        <v>53</v>
      </c>
      <c r="C407" s="165" t="s">
        <v>515</v>
      </c>
      <c r="D407" s="156" t="s">
        <v>528</v>
      </c>
      <c r="E407" s="156" t="s">
        <v>556</v>
      </c>
      <c r="F407" s="156" t="s">
        <v>556</v>
      </c>
      <c r="G407" s="156" t="s">
        <v>58</v>
      </c>
      <c r="H407" s="156" t="s">
        <v>554</v>
      </c>
      <c r="I407" s="156" t="s">
        <v>388</v>
      </c>
      <c r="J407" s="156" t="s">
        <v>525</v>
      </c>
      <c r="K407" s="156" t="s">
        <v>62</v>
      </c>
      <c r="L407" s="156" t="s">
        <v>63</v>
      </c>
      <c r="M407" s="156" t="s">
        <v>63</v>
      </c>
      <c r="N407" s="157">
        <v>553560</v>
      </c>
      <c r="O407" s="157">
        <v>553560</v>
      </c>
      <c r="P407" s="156" t="s">
        <v>64</v>
      </c>
      <c r="Q407" s="156" t="s">
        <v>82</v>
      </c>
      <c r="R407" s="161" t="s">
        <v>66</v>
      </c>
      <c r="S407" s="167"/>
      <c r="T407" s="167"/>
      <c r="U407" s="167"/>
      <c r="V407" s="167"/>
      <c r="W407" s="161"/>
      <c r="X407" s="167"/>
      <c r="Y407" s="167"/>
      <c r="Z407" s="167"/>
      <c r="AA407" s="167"/>
      <c r="AB407" s="167"/>
      <c r="AC407" s="167"/>
      <c r="AD407" s="167"/>
      <c r="AE407" s="167"/>
      <c r="AF407" s="167"/>
      <c r="AG407" s="167"/>
      <c r="AH407" s="167"/>
      <c r="AI407" s="167"/>
      <c r="AJ407" s="167"/>
      <c r="AK407" s="167"/>
      <c r="AL407" s="167"/>
      <c r="AM407" s="167"/>
      <c r="AN407" s="167"/>
      <c r="AO407" s="167"/>
      <c r="AP407" s="167"/>
      <c r="AQ407" s="167"/>
      <c r="AR407" s="167"/>
      <c r="AS407" s="167"/>
      <c r="AT407" s="167"/>
      <c r="AU407" s="167"/>
      <c r="AV407" s="167"/>
      <c r="AW407" s="160">
        <f t="shared" si="224"/>
        <v>1500</v>
      </c>
      <c r="AX407" s="158">
        <f t="shared" si="256"/>
        <v>369.04</v>
      </c>
      <c r="AY407" s="161">
        <f t="shared" si="225"/>
        <v>553560</v>
      </c>
      <c r="AZ407" s="161" t="str">
        <f t="shared" si="226"/>
        <v/>
      </c>
      <c r="BA407" s="161" t="str">
        <f t="shared" si="227"/>
        <v/>
      </c>
      <c r="BB407" s="161" t="str">
        <f t="shared" si="228"/>
        <v/>
      </c>
      <c r="BC407" s="161" t="str">
        <f t="shared" si="229"/>
        <v/>
      </c>
      <c r="BD407" s="161" t="str">
        <f t="shared" si="230"/>
        <v/>
      </c>
      <c r="BE407" s="161" t="str">
        <f t="shared" si="231"/>
        <v/>
      </c>
      <c r="BF407" s="161" t="str">
        <f t="shared" si="232"/>
        <v/>
      </c>
      <c r="BG407" s="161" t="str">
        <f t="shared" si="233"/>
        <v/>
      </c>
      <c r="BH407" s="161" t="str">
        <f t="shared" si="234"/>
        <v/>
      </c>
      <c r="BI407" s="161" t="str">
        <f t="shared" si="235"/>
        <v/>
      </c>
      <c r="BJ407" s="161" t="str">
        <f t="shared" si="236"/>
        <v/>
      </c>
      <c r="BK407" s="161" t="str">
        <f t="shared" si="237"/>
        <v/>
      </c>
      <c r="BL407" s="161" t="str">
        <f t="shared" si="238"/>
        <v/>
      </c>
      <c r="BM407" s="161" t="str">
        <f t="shared" si="239"/>
        <v/>
      </c>
      <c r="BN407" s="161" t="str">
        <f t="shared" si="240"/>
        <v/>
      </c>
      <c r="BO407" s="161" t="str">
        <f t="shared" si="241"/>
        <v/>
      </c>
      <c r="BP407" s="161" t="str">
        <f t="shared" si="242"/>
        <v/>
      </c>
      <c r="BQ407" s="161" t="str">
        <f t="shared" si="243"/>
        <v/>
      </c>
      <c r="BR407" s="161" t="str">
        <f t="shared" si="244"/>
        <v/>
      </c>
      <c r="BS407" s="161" t="str">
        <f t="shared" si="245"/>
        <v/>
      </c>
      <c r="BT407" s="161" t="str">
        <f t="shared" si="246"/>
        <v/>
      </c>
      <c r="BU407" s="161" t="str">
        <f t="shared" si="247"/>
        <v/>
      </c>
      <c r="BV407" s="161" t="str">
        <f t="shared" si="248"/>
        <v/>
      </c>
      <c r="BW407" s="161" t="str">
        <f t="shared" si="249"/>
        <v/>
      </c>
      <c r="BX407" s="161" t="str">
        <f t="shared" si="250"/>
        <v/>
      </c>
      <c r="BY407" s="161" t="str">
        <f t="shared" si="251"/>
        <v/>
      </c>
      <c r="BZ407" s="161" t="str">
        <f t="shared" si="252"/>
        <v/>
      </c>
      <c r="CA407" s="161" t="str">
        <f t="shared" si="253"/>
        <v/>
      </c>
      <c r="CB407" s="161" t="str">
        <f t="shared" si="254"/>
        <v/>
      </c>
      <c r="CC407" s="161" t="str">
        <f t="shared" si="255"/>
        <v/>
      </c>
      <c r="CD407" s="156"/>
      <c r="CE407" s="156"/>
      <c r="CF407" s="156"/>
    </row>
    <row r="408" spans="1:84" s="168" customFormat="1" ht="56.1" hidden="1" customHeight="1" x14ac:dyDescent="0.2">
      <c r="A408" s="154">
        <v>408</v>
      </c>
      <c r="B408" s="155" t="s">
        <v>53</v>
      </c>
      <c r="C408" s="165" t="s">
        <v>515</v>
      </c>
      <c r="D408" s="156" t="s">
        <v>530</v>
      </c>
      <c r="E408" s="156" t="s">
        <v>557</v>
      </c>
      <c r="F408" s="156" t="s">
        <v>557</v>
      </c>
      <c r="G408" s="156" t="s">
        <v>58</v>
      </c>
      <c r="H408" s="156" t="s">
        <v>554</v>
      </c>
      <c r="I408" s="156" t="s">
        <v>388</v>
      </c>
      <c r="J408" s="156" t="s">
        <v>525</v>
      </c>
      <c r="K408" s="156" t="s">
        <v>62</v>
      </c>
      <c r="L408" s="156" t="s">
        <v>63</v>
      </c>
      <c r="M408" s="156" t="s">
        <v>63</v>
      </c>
      <c r="N408" s="157">
        <v>434940</v>
      </c>
      <c r="O408" s="157">
        <v>434940</v>
      </c>
      <c r="P408" s="156" t="s">
        <v>64</v>
      </c>
      <c r="Q408" s="156" t="s">
        <v>82</v>
      </c>
      <c r="R408" s="161" t="s">
        <v>66</v>
      </c>
      <c r="S408" s="167"/>
      <c r="T408" s="167"/>
      <c r="U408" s="167"/>
      <c r="V408" s="167"/>
      <c r="W408" s="161"/>
      <c r="X408" s="167"/>
      <c r="Y408" s="167"/>
      <c r="Z408" s="167"/>
      <c r="AA408" s="167"/>
      <c r="AB408" s="167"/>
      <c r="AC408" s="167"/>
      <c r="AD408" s="167"/>
      <c r="AE408" s="167"/>
      <c r="AF408" s="167"/>
      <c r="AG408" s="167"/>
      <c r="AH408" s="167"/>
      <c r="AI408" s="167"/>
      <c r="AJ408" s="167"/>
      <c r="AK408" s="167"/>
      <c r="AL408" s="167"/>
      <c r="AM408" s="167"/>
      <c r="AN408" s="167"/>
      <c r="AO408" s="167"/>
      <c r="AP408" s="167"/>
      <c r="AQ408" s="167"/>
      <c r="AR408" s="167"/>
      <c r="AS408" s="167"/>
      <c r="AT408" s="167"/>
      <c r="AU408" s="167"/>
      <c r="AV408" s="167"/>
      <c r="AW408" s="160">
        <f t="shared" si="224"/>
        <v>1500</v>
      </c>
      <c r="AX408" s="158">
        <f t="shared" si="256"/>
        <v>289.95999999999998</v>
      </c>
      <c r="AY408" s="161">
        <f t="shared" si="225"/>
        <v>434939.99999999994</v>
      </c>
      <c r="AZ408" s="161" t="str">
        <f t="shared" si="226"/>
        <v/>
      </c>
      <c r="BA408" s="161" t="str">
        <f t="shared" si="227"/>
        <v/>
      </c>
      <c r="BB408" s="161" t="str">
        <f t="shared" si="228"/>
        <v/>
      </c>
      <c r="BC408" s="161" t="str">
        <f t="shared" si="229"/>
        <v/>
      </c>
      <c r="BD408" s="161" t="str">
        <f t="shared" si="230"/>
        <v/>
      </c>
      <c r="BE408" s="161" t="str">
        <f t="shared" si="231"/>
        <v/>
      </c>
      <c r="BF408" s="161" t="str">
        <f t="shared" si="232"/>
        <v/>
      </c>
      <c r="BG408" s="161" t="str">
        <f t="shared" si="233"/>
        <v/>
      </c>
      <c r="BH408" s="161" t="str">
        <f t="shared" si="234"/>
        <v/>
      </c>
      <c r="BI408" s="161" t="str">
        <f t="shared" si="235"/>
        <v/>
      </c>
      <c r="BJ408" s="161" t="str">
        <f t="shared" si="236"/>
        <v/>
      </c>
      <c r="BK408" s="161" t="str">
        <f t="shared" si="237"/>
        <v/>
      </c>
      <c r="BL408" s="161" t="str">
        <f t="shared" si="238"/>
        <v/>
      </c>
      <c r="BM408" s="161" t="str">
        <f t="shared" si="239"/>
        <v/>
      </c>
      <c r="BN408" s="161" t="str">
        <f t="shared" si="240"/>
        <v/>
      </c>
      <c r="BO408" s="161" t="str">
        <f t="shared" si="241"/>
        <v/>
      </c>
      <c r="BP408" s="161" t="str">
        <f t="shared" si="242"/>
        <v/>
      </c>
      <c r="BQ408" s="161" t="str">
        <f t="shared" si="243"/>
        <v/>
      </c>
      <c r="BR408" s="161" t="str">
        <f t="shared" si="244"/>
        <v/>
      </c>
      <c r="BS408" s="161" t="str">
        <f t="shared" si="245"/>
        <v/>
      </c>
      <c r="BT408" s="161" t="str">
        <f t="shared" si="246"/>
        <v/>
      </c>
      <c r="BU408" s="161" t="str">
        <f t="shared" si="247"/>
        <v/>
      </c>
      <c r="BV408" s="161" t="str">
        <f t="shared" si="248"/>
        <v/>
      </c>
      <c r="BW408" s="161" t="str">
        <f t="shared" si="249"/>
        <v/>
      </c>
      <c r="BX408" s="161" t="str">
        <f t="shared" si="250"/>
        <v/>
      </c>
      <c r="BY408" s="161" t="str">
        <f t="shared" si="251"/>
        <v/>
      </c>
      <c r="BZ408" s="161" t="str">
        <f t="shared" si="252"/>
        <v/>
      </c>
      <c r="CA408" s="161" t="str">
        <f t="shared" si="253"/>
        <v/>
      </c>
      <c r="CB408" s="161" t="str">
        <f t="shared" si="254"/>
        <v/>
      </c>
      <c r="CC408" s="161" t="str">
        <f t="shared" si="255"/>
        <v/>
      </c>
      <c r="CD408" s="156"/>
      <c r="CE408" s="156"/>
      <c r="CF408" s="156"/>
    </row>
    <row r="409" spans="1:84" s="168" customFormat="1" ht="56.1" hidden="1" customHeight="1" x14ac:dyDescent="0.2">
      <c r="A409" s="154">
        <v>409</v>
      </c>
      <c r="B409" s="155" t="s">
        <v>53</v>
      </c>
      <c r="C409" s="165" t="s">
        <v>515</v>
      </c>
      <c r="D409" s="156" t="s">
        <v>533</v>
      </c>
      <c r="E409" s="156" t="s">
        <v>534</v>
      </c>
      <c r="F409" s="156" t="s">
        <v>534</v>
      </c>
      <c r="G409" s="156" t="s">
        <v>58</v>
      </c>
      <c r="H409" s="156" t="s">
        <v>554</v>
      </c>
      <c r="I409" s="156" t="s">
        <v>60</v>
      </c>
      <c r="J409" s="156" t="s">
        <v>334</v>
      </c>
      <c r="K409" s="156" t="s">
        <v>62</v>
      </c>
      <c r="L409" s="156" t="s">
        <v>63</v>
      </c>
      <c r="M409" s="156" t="s">
        <v>63</v>
      </c>
      <c r="N409" s="157">
        <v>266895</v>
      </c>
      <c r="O409" s="157">
        <v>266895</v>
      </c>
      <c r="P409" s="156" t="s">
        <v>64</v>
      </c>
      <c r="Q409" s="156" t="s">
        <v>82</v>
      </c>
      <c r="R409" s="161" t="s">
        <v>66</v>
      </c>
      <c r="S409" s="167"/>
      <c r="T409" s="167"/>
      <c r="U409" s="167"/>
      <c r="V409" s="167"/>
      <c r="W409" s="161"/>
      <c r="X409" s="167"/>
      <c r="Y409" s="167"/>
      <c r="Z409" s="167"/>
      <c r="AA409" s="167"/>
      <c r="AB409" s="167"/>
      <c r="AC409" s="167"/>
      <c r="AD409" s="167"/>
      <c r="AE409" s="167"/>
      <c r="AF409" s="167"/>
      <c r="AG409" s="167"/>
      <c r="AH409" s="167"/>
      <c r="AI409" s="167"/>
      <c r="AJ409" s="167"/>
      <c r="AK409" s="167"/>
      <c r="AL409" s="167"/>
      <c r="AM409" s="167"/>
      <c r="AN409" s="167"/>
      <c r="AO409" s="167"/>
      <c r="AP409" s="167"/>
      <c r="AQ409" s="167"/>
      <c r="AR409" s="167"/>
      <c r="AS409" s="167"/>
      <c r="AT409" s="167"/>
      <c r="AU409" s="167"/>
      <c r="AV409" s="167"/>
      <c r="AW409" s="160">
        <f t="shared" si="224"/>
        <v>1500</v>
      </c>
      <c r="AX409" s="158">
        <f t="shared" si="256"/>
        <v>177.93</v>
      </c>
      <c r="AY409" s="161">
        <f t="shared" si="225"/>
        <v>266895</v>
      </c>
      <c r="AZ409" s="161" t="str">
        <f t="shared" si="226"/>
        <v/>
      </c>
      <c r="BA409" s="161" t="str">
        <f t="shared" si="227"/>
        <v/>
      </c>
      <c r="BB409" s="161" t="str">
        <f t="shared" si="228"/>
        <v/>
      </c>
      <c r="BC409" s="161" t="str">
        <f t="shared" si="229"/>
        <v/>
      </c>
      <c r="BD409" s="161" t="str">
        <f t="shared" si="230"/>
        <v/>
      </c>
      <c r="BE409" s="161" t="str">
        <f t="shared" si="231"/>
        <v/>
      </c>
      <c r="BF409" s="161" t="str">
        <f t="shared" si="232"/>
        <v/>
      </c>
      <c r="BG409" s="161" t="str">
        <f t="shared" si="233"/>
        <v/>
      </c>
      <c r="BH409" s="161" t="str">
        <f t="shared" si="234"/>
        <v/>
      </c>
      <c r="BI409" s="161" t="str">
        <f t="shared" si="235"/>
        <v/>
      </c>
      <c r="BJ409" s="161" t="str">
        <f t="shared" si="236"/>
        <v/>
      </c>
      <c r="BK409" s="161" t="str">
        <f t="shared" si="237"/>
        <v/>
      </c>
      <c r="BL409" s="161" t="str">
        <f t="shared" si="238"/>
        <v/>
      </c>
      <c r="BM409" s="161" t="str">
        <f t="shared" si="239"/>
        <v/>
      </c>
      <c r="BN409" s="161" t="str">
        <f t="shared" si="240"/>
        <v/>
      </c>
      <c r="BO409" s="161" t="str">
        <f t="shared" si="241"/>
        <v/>
      </c>
      <c r="BP409" s="161" t="str">
        <f t="shared" si="242"/>
        <v/>
      </c>
      <c r="BQ409" s="161" t="str">
        <f t="shared" si="243"/>
        <v/>
      </c>
      <c r="BR409" s="161" t="str">
        <f t="shared" si="244"/>
        <v/>
      </c>
      <c r="BS409" s="161" t="str">
        <f t="shared" si="245"/>
        <v/>
      </c>
      <c r="BT409" s="161" t="str">
        <f t="shared" si="246"/>
        <v/>
      </c>
      <c r="BU409" s="161" t="str">
        <f t="shared" si="247"/>
        <v/>
      </c>
      <c r="BV409" s="161" t="str">
        <f t="shared" si="248"/>
        <v/>
      </c>
      <c r="BW409" s="161" t="str">
        <f t="shared" si="249"/>
        <v/>
      </c>
      <c r="BX409" s="161" t="str">
        <f t="shared" si="250"/>
        <v/>
      </c>
      <c r="BY409" s="161" t="str">
        <f t="shared" si="251"/>
        <v/>
      </c>
      <c r="BZ409" s="161" t="str">
        <f t="shared" si="252"/>
        <v/>
      </c>
      <c r="CA409" s="161" t="str">
        <f t="shared" si="253"/>
        <v/>
      </c>
      <c r="CB409" s="161" t="str">
        <f t="shared" si="254"/>
        <v/>
      </c>
      <c r="CC409" s="161" t="str">
        <f t="shared" si="255"/>
        <v/>
      </c>
      <c r="CD409" s="156"/>
      <c r="CE409" s="156"/>
      <c r="CF409" s="156"/>
    </row>
    <row r="410" spans="1:84" s="220" customFormat="1" ht="56.1" hidden="1" customHeight="1" x14ac:dyDescent="0.2">
      <c r="A410" s="181">
        <v>410</v>
      </c>
      <c r="B410" s="182" t="s">
        <v>53</v>
      </c>
      <c r="C410" s="183" t="s">
        <v>515</v>
      </c>
      <c r="D410" s="214" t="s">
        <v>548</v>
      </c>
      <c r="E410" s="214" t="s">
        <v>536</v>
      </c>
      <c r="F410" s="214" t="s">
        <v>536</v>
      </c>
      <c r="G410" s="214" t="s">
        <v>58</v>
      </c>
      <c r="H410" s="214" t="s">
        <v>319</v>
      </c>
      <c r="I410" s="221" t="s">
        <v>60</v>
      </c>
      <c r="J410" s="214" t="s">
        <v>334</v>
      </c>
      <c r="K410" s="214" t="s">
        <v>181</v>
      </c>
      <c r="L410" s="214" t="s">
        <v>63</v>
      </c>
      <c r="M410" s="214" t="s">
        <v>63</v>
      </c>
      <c r="N410" s="215">
        <v>136650.23999999999</v>
      </c>
      <c r="O410" s="215">
        <v>136650.23999999999</v>
      </c>
      <c r="P410" s="214" t="s">
        <v>64</v>
      </c>
      <c r="Q410" s="214" t="s">
        <v>82</v>
      </c>
      <c r="R410" s="219"/>
      <c r="S410" s="219"/>
      <c r="T410" s="192" t="s">
        <v>66</v>
      </c>
      <c r="U410" s="219"/>
      <c r="V410" s="219"/>
      <c r="W410" s="192"/>
      <c r="X410" s="219"/>
      <c r="Y410" s="219"/>
      <c r="Z410" s="219"/>
      <c r="AA410" s="219"/>
      <c r="AB410" s="219"/>
      <c r="AC410" s="219"/>
      <c r="AD410" s="219"/>
      <c r="AE410" s="219"/>
      <c r="AF410" s="219"/>
      <c r="AG410" s="219"/>
      <c r="AH410" s="219"/>
      <c r="AI410" s="219"/>
      <c r="AJ410" s="219"/>
      <c r="AK410" s="219"/>
      <c r="AL410" s="219"/>
      <c r="AM410" s="219"/>
      <c r="AN410" s="219"/>
      <c r="AO410" s="219"/>
      <c r="AP410" s="219"/>
      <c r="AQ410" s="219"/>
      <c r="AR410" s="219"/>
      <c r="AS410" s="219"/>
      <c r="AT410" s="219"/>
      <c r="AU410" s="219"/>
      <c r="AV410" s="219"/>
      <c r="AW410" s="191">
        <f t="shared" si="224"/>
        <v>450</v>
      </c>
      <c r="AX410" s="187">
        <f t="shared" si="256"/>
        <v>303.66719999999998</v>
      </c>
      <c r="AY410" s="192" t="str">
        <f t="shared" si="225"/>
        <v/>
      </c>
      <c r="AZ410" s="192" t="str">
        <f t="shared" si="226"/>
        <v/>
      </c>
      <c r="BA410" s="192">
        <f t="shared" si="227"/>
        <v>136650.23999999999</v>
      </c>
      <c r="BB410" s="192" t="str">
        <f t="shared" si="228"/>
        <v/>
      </c>
      <c r="BC410" s="192" t="str">
        <f t="shared" si="229"/>
        <v/>
      </c>
      <c r="BD410" s="192" t="str">
        <f t="shared" si="230"/>
        <v/>
      </c>
      <c r="BE410" s="192" t="str">
        <f t="shared" si="231"/>
        <v/>
      </c>
      <c r="BF410" s="192" t="str">
        <f t="shared" si="232"/>
        <v/>
      </c>
      <c r="BG410" s="192" t="str">
        <f t="shared" si="233"/>
        <v/>
      </c>
      <c r="BH410" s="192" t="str">
        <f t="shared" si="234"/>
        <v/>
      </c>
      <c r="BI410" s="192" t="str">
        <f t="shared" si="235"/>
        <v/>
      </c>
      <c r="BJ410" s="192" t="str">
        <f t="shared" si="236"/>
        <v/>
      </c>
      <c r="BK410" s="192" t="str">
        <f t="shared" si="237"/>
        <v/>
      </c>
      <c r="BL410" s="192" t="str">
        <f t="shared" si="238"/>
        <v/>
      </c>
      <c r="BM410" s="192" t="str">
        <f t="shared" si="239"/>
        <v/>
      </c>
      <c r="BN410" s="192" t="str">
        <f t="shared" si="240"/>
        <v/>
      </c>
      <c r="BO410" s="192" t="str">
        <f t="shared" si="241"/>
        <v/>
      </c>
      <c r="BP410" s="192" t="str">
        <f t="shared" si="242"/>
        <v/>
      </c>
      <c r="BQ410" s="192" t="str">
        <f t="shared" si="243"/>
        <v/>
      </c>
      <c r="BR410" s="192" t="str">
        <f t="shared" si="244"/>
        <v/>
      </c>
      <c r="BS410" s="192" t="str">
        <f t="shared" si="245"/>
        <v/>
      </c>
      <c r="BT410" s="192" t="str">
        <f t="shared" si="246"/>
        <v/>
      </c>
      <c r="BU410" s="192" t="str">
        <f t="shared" si="247"/>
        <v/>
      </c>
      <c r="BV410" s="192" t="str">
        <f t="shared" si="248"/>
        <v/>
      </c>
      <c r="BW410" s="192" t="str">
        <f t="shared" si="249"/>
        <v/>
      </c>
      <c r="BX410" s="192" t="str">
        <f t="shared" si="250"/>
        <v/>
      </c>
      <c r="BY410" s="192" t="str">
        <f t="shared" si="251"/>
        <v/>
      </c>
      <c r="BZ410" s="192" t="str">
        <f t="shared" si="252"/>
        <v/>
      </c>
      <c r="CA410" s="192" t="str">
        <f t="shared" si="253"/>
        <v/>
      </c>
      <c r="CB410" s="192" t="str">
        <f t="shared" si="254"/>
        <v/>
      </c>
      <c r="CC410" s="192" t="str">
        <f t="shared" si="255"/>
        <v/>
      </c>
      <c r="CD410" s="214"/>
      <c r="CE410" s="214"/>
      <c r="CF410" s="214"/>
    </row>
    <row r="411" spans="1:84" s="220" customFormat="1" ht="56.1" hidden="1" customHeight="1" x14ac:dyDescent="0.2">
      <c r="A411" s="181">
        <v>411</v>
      </c>
      <c r="B411" s="182" t="s">
        <v>53</v>
      </c>
      <c r="C411" s="183" t="s">
        <v>515</v>
      </c>
      <c r="D411" s="214" t="s">
        <v>518</v>
      </c>
      <c r="E411" s="214" t="s">
        <v>520</v>
      </c>
      <c r="F411" s="214" t="s">
        <v>520</v>
      </c>
      <c r="G411" s="214" t="s">
        <v>58</v>
      </c>
      <c r="H411" s="214" t="s">
        <v>319</v>
      </c>
      <c r="I411" s="221" t="s">
        <v>8</v>
      </c>
      <c r="J411" s="214" t="s">
        <v>334</v>
      </c>
      <c r="K411" s="214" t="s">
        <v>181</v>
      </c>
      <c r="L411" s="214" t="s">
        <v>63</v>
      </c>
      <c r="M411" s="214" t="s">
        <v>63</v>
      </c>
      <c r="N411" s="215">
        <v>358706.88</v>
      </c>
      <c r="O411" s="215">
        <v>358706.88</v>
      </c>
      <c r="P411" s="214" t="s">
        <v>64</v>
      </c>
      <c r="Q411" s="214" t="s">
        <v>82</v>
      </c>
      <c r="R411" s="219"/>
      <c r="S411" s="219"/>
      <c r="T411" s="192" t="s">
        <v>66</v>
      </c>
      <c r="U411" s="219"/>
      <c r="V411" s="219"/>
      <c r="W411" s="192"/>
      <c r="X411" s="219"/>
      <c r="Y411" s="219"/>
      <c r="Z411" s="219"/>
      <c r="AA411" s="219"/>
      <c r="AB411" s="219"/>
      <c r="AC411" s="219"/>
      <c r="AD411" s="219"/>
      <c r="AE411" s="219"/>
      <c r="AF411" s="219"/>
      <c r="AG411" s="219"/>
      <c r="AH411" s="219"/>
      <c r="AI411" s="219"/>
      <c r="AJ411" s="219"/>
      <c r="AK411" s="219"/>
      <c r="AL411" s="219"/>
      <c r="AM411" s="219"/>
      <c r="AN411" s="219"/>
      <c r="AO411" s="219"/>
      <c r="AP411" s="219"/>
      <c r="AQ411" s="219"/>
      <c r="AR411" s="219"/>
      <c r="AS411" s="219"/>
      <c r="AT411" s="219"/>
      <c r="AU411" s="219"/>
      <c r="AV411" s="219"/>
      <c r="AW411" s="191">
        <f t="shared" si="224"/>
        <v>450</v>
      </c>
      <c r="AX411" s="187">
        <f t="shared" si="256"/>
        <v>797.12639999999999</v>
      </c>
      <c r="AY411" s="192" t="str">
        <f t="shared" si="225"/>
        <v/>
      </c>
      <c r="AZ411" s="192" t="str">
        <f t="shared" si="226"/>
        <v/>
      </c>
      <c r="BA411" s="192">
        <f t="shared" si="227"/>
        <v>358706.88</v>
      </c>
      <c r="BB411" s="192" t="str">
        <f t="shared" si="228"/>
        <v/>
      </c>
      <c r="BC411" s="192" t="str">
        <f t="shared" si="229"/>
        <v/>
      </c>
      <c r="BD411" s="192" t="str">
        <f t="shared" si="230"/>
        <v/>
      </c>
      <c r="BE411" s="192" t="str">
        <f t="shared" si="231"/>
        <v/>
      </c>
      <c r="BF411" s="192" t="str">
        <f t="shared" si="232"/>
        <v/>
      </c>
      <c r="BG411" s="192" t="str">
        <f t="shared" si="233"/>
        <v/>
      </c>
      <c r="BH411" s="192" t="str">
        <f t="shared" si="234"/>
        <v/>
      </c>
      <c r="BI411" s="192" t="str">
        <f t="shared" si="235"/>
        <v/>
      </c>
      <c r="BJ411" s="192" t="str">
        <f t="shared" si="236"/>
        <v/>
      </c>
      <c r="BK411" s="192" t="str">
        <f t="shared" si="237"/>
        <v/>
      </c>
      <c r="BL411" s="192" t="str">
        <f t="shared" si="238"/>
        <v/>
      </c>
      <c r="BM411" s="192" t="str">
        <f t="shared" si="239"/>
        <v/>
      </c>
      <c r="BN411" s="192" t="str">
        <f t="shared" si="240"/>
        <v/>
      </c>
      <c r="BO411" s="192" t="str">
        <f t="shared" si="241"/>
        <v/>
      </c>
      <c r="BP411" s="192" t="str">
        <f t="shared" si="242"/>
        <v/>
      </c>
      <c r="BQ411" s="192" t="str">
        <f t="shared" si="243"/>
        <v/>
      </c>
      <c r="BR411" s="192" t="str">
        <f t="shared" si="244"/>
        <v/>
      </c>
      <c r="BS411" s="192" t="str">
        <f t="shared" si="245"/>
        <v/>
      </c>
      <c r="BT411" s="192" t="str">
        <f t="shared" si="246"/>
        <v/>
      </c>
      <c r="BU411" s="192" t="str">
        <f t="shared" si="247"/>
        <v/>
      </c>
      <c r="BV411" s="192" t="str">
        <f t="shared" si="248"/>
        <v/>
      </c>
      <c r="BW411" s="192" t="str">
        <f t="shared" si="249"/>
        <v/>
      </c>
      <c r="BX411" s="192" t="str">
        <f t="shared" si="250"/>
        <v/>
      </c>
      <c r="BY411" s="192" t="str">
        <f t="shared" si="251"/>
        <v/>
      </c>
      <c r="BZ411" s="192" t="str">
        <f t="shared" si="252"/>
        <v/>
      </c>
      <c r="CA411" s="192" t="str">
        <f t="shared" si="253"/>
        <v/>
      </c>
      <c r="CB411" s="192" t="str">
        <f t="shared" si="254"/>
        <v/>
      </c>
      <c r="CC411" s="192" t="str">
        <f t="shared" si="255"/>
        <v/>
      </c>
      <c r="CD411" s="214"/>
      <c r="CE411" s="214"/>
      <c r="CF411" s="214"/>
    </row>
    <row r="412" spans="1:84" s="220" customFormat="1" ht="56.1" hidden="1" customHeight="1" x14ac:dyDescent="0.2">
      <c r="A412" s="181">
        <v>412</v>
      </c>
      <c r="B412" s="182" t="s">
        <v>53</v>
      </c>
      <c r="C412" s="183" t="s">
        <v>515</v>
      </c>
      <c r="D412" s="214" t="s">
        <v>521</v>
      </c>
      <c r="E412" s="214" t="s">
        <v>522</v>
      </c>
      <c r="F412" s="214" t="s">
        <v>522</v>
      </c>
      <c r="G412" s="214" t="s">
        <v>58</v>
      </c>
      <c r="H412" s="214" t="s">
        <v>319</v>
      </c>
      <c r="I412" s="221" t="s">
        <v>8</v>
      </c>
      <c r="J412" s="214" t="s">
        <v>334</v>
      </c>
      <c r="K412" s="214" t="s">
        <v>181</v>
      </c>
      <c r="L412" s="214" t="s">
        <v>63</v>
      </c>
      <c r="M412" s="214" t="s">
        <v>63</v>
      </c>
      <c r="N412" s="215">
        <v>501050.88000000006</v>
      </c>
      <c r="O412" s="215">
        <v>501050.88000000006</v>
      </c>
      <c r="P412" s="214" t="s">
        <v>64</v>
      </c>
      <c r="Q412" s="214" t="s">
        <v>82</v>
      </c>
      <c r="R412" s="219"/>
      <c r="S412" s="219"/>
      <c r="T412" s="192" t="s">
        <v>66</v>
      </c>
      <c r="U412" s="219"/>
      <c r="V412" s="219"/>
      <c r="W412" s="192"/>
      <c r="X412" s="219"/>
      <c r="Y412" s="219"/>
      <c r="Z412" s="219"/>
      <c r="AA412" s="219"/>
      <c r="AB412" s="219"/>
      <c r="AC412" s="219"/>
      <c r="AD412" s="219"/>
      <c r="AE412" s="219"/>
      <c r="AF412" s="219"/>
      <c r="AG412" s="219"/>
      <c r="AH412" s="219"/>
      <c r="AI412" s="219"/>
      <c r="AJ412" s="219"/>
      <c r="AK412" s="219"/>
      <c r="AL412" s="219"/>
      <c r="AM412" s="219"/>
      <c r="AN412" s="219"/>
      <c r="AO412" s="219"/>
      <c r="AP412" s="219"/>
      <c r="AQ412" s="219"/>
      <c r="AR412" s="219"/>
      <c r="AS412" s="219"/>
      <c r="AT412" s="219"/>
      <c r="AU412" s="219"/>
      <c r="AV412" s="219"/>
      <c r="AW412" s="191">
        <f t="shared" si="224"/>
        <v>450</v>
      </c>
      <c r="AX412" s="187">
        <f t="shared" si="256"/>
        <v>1113.4464</v>
      </c>
      <c r="AY412" s="192" t="str">
        <f t="shared" si="225"/>
        <v/>
      </c>
      <c r="AZ412" s="192" t="str">
        <f t="shared" si="226"/>
        <v/>
      </c>
      <c r="BA412" s="192">
        <f t="shared" si="227"/>
        <v>501050.88</v>
      </c>
      <c r="BB412" s="192" t="str">
        <f t="shared" si="228"/>
        <v/>
      </c>
      <c r="BC412" s="192" t="str">
        <f t="shared" si="229"/>
        <v/>
      </c>
      <c r="BD412" s="192" t="str">
        <f t="shared" si="230"/>
        <v/>
      </c>
      <c r="BE412" s="192" t="str">
        <f t="shared" si="231"/>
        <v/>
      </c>
      <c r="BF412" s="192" t="str">
        <f t="shared" si="232"/>
        <v/>
      </c>
      <c r="BG412" s="192" t="str">
        <f t="shared" si="233"/>
        <v/>
      </c>
      <c r="BH412" s="192" t="str">
        <f t="shared" si="234"/>
        <v/>
      </c>
      <c r="BI412" s="192" t="str">
        <f t="shared" si="235"/>
        <v/>
      </c>
      <c r="BJ412" s="192" t="str">
        <f t="shared" si="236"/>
        <v/>
      </c>
      <c r="BK412" s="192" t="str">
        <f t="shared" si="237"/>
        <v/>
      </c>
      <c r="BL412" s="192" t="str">
        <f t="shared" si="238"/>
        <v/>
      </c>
      <c r="BM412" s="192" t="str">
        <f t="shared" si="239"/>
        <v/>
      </c>
      <c r="BN412" s="192" t="str">
        <f t="shared" si="240"/>
        <v/>
      </c>
      <c r="BO412" s="192" t="str">
        <f t="shared" si="241"/>
        <v/>
      </c>
      <c r="BP412" s="192" t="str">
        <f t="shared" si="242"/>
        <v/>
      </c>
      <c r="BQ412" s="192" t="str">
        <f t="shared" si="243"/>
        <v/>
      </c>
      <c r="BR412" s="192" t="str">
        <f t="shared" si="244"/>
        <v/>
      </c>
      <c r="BS412" s="192" t="str">
        <f t="shared" si="245"/>
        <v/>
      </c>
      <c r="BT412" s="192" t="str">
        <f t="shared" si="246"/>
        <v/>
      </c>
      <c r="BU412" s="192" t="str">
        <f t="shared" si="247"/>
        <v/>
      </c>
      <c r="BV412" s="192" t="str">
        <f t="shared" si="248"/>
        <v/>
      </c>
      <c r="BW412" s="192" t="str">
        <f t="shared" si="249"/>
        <v/>
      </c>
      <c r="BX412" s="192" t="str">
        <f t="shared" si="250"/>
        <v/>
      </c>
      <c r="BY412" s="192" t="str">
        <f t="shared" si="251"/>
        <v/>
      </c>
      <c r="BZ412" s="192" t="str">
        <f t="shared" si="252"/>
        <v/>
      </c>
      <c r="CA412" s="192" t="str">
        <f t="shared" si="253"/>
        <v/>
      </c>
      <c r="CB412" s="192" t="str">
        <f t="shared" si="254"/>
        <v/>
      </c>
      <c r="CC412" s="192" t="str">
        <f t="shared" si="255"/>
        <v/>
      </c>
      <c r="CD412" s="214"/>
      <c r="CE412" s="214"/>
      <c r="CF412" s="214"/>
    </row>
    <row r="413" spans="1:84" s="220" customFormat="1" ht="56.1" hidden="1" customHeight="1" x14ac:dyDescent="0.2">
      <c r="A413" s="181">
        <v>413</v>
      </c>
      <c r="B413" s="182" t="s">
        <v>53</v>
      </c>
      <c r="C413" s="183" t="s">
        <v>515</v>
      </c>
      <c r="D413" s="214" t="s">
        <v>523</v>
      </c>
      <c r="E413" s="214" t="s">
        <v>540</v>
      </c>
      <c r="F413" s="214" t="s">
        <v>540</v>
      </c>
      <c r="G413" s="214" t="s">
        <v>58</v>
      </c>
      <c r="H413" s="214" t="s">
        <v>319</v>
      </c>
      <c r="I413" s="214" t="s">
        <v>388</v>
      </c>
      <c r="J413" s="214" t="s">
        <v>525</v>
      </c>
      <c r="K413" s="214" t="s">
        <v>181</v>
      </c>
      <c r="L413" s="214" t="s">
        <v>63</v>
      </c>
      <c r="M413" s="214" t="s">
        <v>63</v>
      </c>
      <c r="N413" s="215">
        <v>43494</v>
      </c>
      <c r="O413" s="215">
        <v>43494</v>
      </c>
      <c r="P413" s="214" t="s">
        <v>64</v>
      </c>
      <c r="Q413" s="214" t="s">
        <v>82</v>
      </c>
      <c r="R413" s="219"/>
      <c r="S413" s="219"/>
      <c r="T413" s="192" t="s">
        <v>66</v>
      </c>
      <c r="U413" s="219"/>
      <c r="V413" s="219"/>
      <c r="W413" s="192"/>
      <c r="X413" s="219"/>
      <c r="Y413" s="219"/>
      <c r="Z413" s="219"/>
      <c r="AA413" s="219"/>
      <c r="AB413" s="219"/>
      <c r="AC413" s="219"/>
      <c r="AD413" s="219"/>
      <c r="AE413" s="219"/>
      <c r="AF413" s="219"/>
      <c r="AG413" s="219"/>
      <c r="AH413" s="219"/>
      <c r="AI413" s="219"/>
      <c r="AJ413" s="219"/>
      <c r="AK413" s="219"/>
      <c r="AL413" s="219"/>
      <c r="AM413" s="219"/>
      <c r="AN413" s="219"/>
      <c r="AO413" s="219"/>
      <c r="AP413" s="219"/>
      <c r="AQ413" s="219"/>
      <c r="AR413" s="219"/>
      <c r="AS413" s="219"/>
      <c r="AT413" s="219"/>
      <c r="AU413" s="219"/>
      <c r="AV413" s="219"/>
      <c r="AW413" s="191">
        <f t="shared" si="224"/>
        <v>450</v>
      </c>
      <c r="AX413" s="187">
        <f t="shared" si="256"/>
        <v>96.653333333333336</v>
      </c>
      <c r="AY413" s="192" t="str">
        <f t="shared" si="225"/>
        <v/>
      </c>
      <c r="AZ413" s="192" t="str">
        <f t="shared" si="226"/>
        <v/>
      </c>
      <c r="BA413" s="192">
        <f t="shared" si="227"/>
        <v>43494</v>
      </c>
      <c r="BB413" s="192" t="str">
        <f t="shared" si="228"/>
        <v/>
      </c>
      <c r="BC413" s="192" t="str">
        <f t="shared" si="229"/>
        <v/>
      </c>
      <c r="BD413" s="192" t="str">
        <f t="shared" si="230"/>
        <v/>
      </c>
      <c r="BE413" s="192" t="str">
        <f t="shared" si="231"/>
        <v/>
      </c>
      <c r="BF413" s="192" t="str">
        <f t="shared" si="232"/>
        <v/>
      </c>
      <c r="BG413" s="192" t="str">
        <f t="shared" si="233"/>
        <v/>
      </c>
      <c r="BH413" s="192" t="str">
        <f t="shared" si="234"/>
        <v/>
      </c>
      <c r="BI413" s="192" t="str">
        <f t="shared" si="235"/>
        <v/>
      </c>
      <c r="BJ413" s="192" t="str">
        <f t="shared" si="236"/>
        <v/>
      </c>
      <c r="BK413" s="192" t="str">
        <f t="shared" si="237"/>
        <v/>
      </c>
      <c r="BL413" s="192" t="str">
        <f t="shared" si="238"/>
        <v/>
      </c>
      <c r="BM413" s="192" t="str">
        <f t="shared" si="239"/>
        <v/>
      </c>
      <c r="BN413" s="192" t="str">
        <f t="shared" si="240"/>
        <v/>
      </c>
      <c r="BO413" s="192" t="str">
        <f t="shared" si="241"/>
        <v/>
      </c>
      <c r="BP413" s="192" t="str">
        <f t="shared" si="242"/>
        <v/>
      </c>
      <c r="BQ413" s="192" t="str">
        <f t="shared" si="243"/>
        <v/>
      </c>
      <c r="BR413" s="192" t="str">
        <f t="shared" si="244"/>
        <v/>
      </c>
      <c r="BS413" s="192" t="str">
        <f t="shared" si="245"/>
        <v/>
      </c>
      <c r="BT413" s="192" t="str">
        <f t="shared" si="246"/>
        <v/>
      </c>
      <c r="BU413" s="192" t="str">
        <f t="shared" si="247"/>
        <v/>
      </c>
      <c r="BV413" s="192" t="str">
        <f t="shared" si="248"/>
        <v/>
      </c>
      <c r="BW413" s="192" t="str">
        <f t="shared" si="249"/>
        <v/>
      </c>
      <c r="BX413" s="192" t="str">
        <f t="shared" si="250"/>
        <v/>
      </c>
      <c r="BY413" s="192" t="str">
        <f t="shared" si="251"/>
        <v/>
      </c>
      <c r="BZ413" s="192" t="str">
        <f t="shared" si="252"/>
        <v/>
      </c>
      <c r="CA413" s="192" t="str">
        <f t="shared" si="253"/>
        <v/>
      </c>
      <c r="CB413" s="192" t="str">
        <f t="shared" si="254"/>
        <v/>
      </c>
      <c r="CC413" s="192" t="str">
        <f t="shared" si="255"/>
        <v/>
      </c>
      <c r="CD413" s="214"/>
      <c r="CE413" s="214"/>
      <c r="CF413" s="214"/>
    </row>
    <row r="414" spans="1:84" s="220" customFormat="1" ht="56.1" hidden="1" customHeight="1" x14ac:dyDescent="0.2">
      <c r="A414" s="181">
        <v>414</v>
      </c>
      <c r="B414" s="182" t="s">
        <v>53</v>
      </c>
      <c r="C414" s="183" t="s">
        <v>515</v>
      </c>
      <c r="D414" s="214" t="s">
        <v>539</v>
      </c>
      <c r="E414" s="214" t="s">
        <v>541</v>
      </c>
      <c r="F414" s="214" t="s">
        <v>541</v>
      </c>
      <c r="G414" s="214" t="s">
        <v>58</v>
      </c>
      <c r="H414" s="214" t="s">
        <v>319</v>
      </c>
      <c r="I414" s="214" t="s">
        <v>388</v>
      </c>
      <c r="J414" s="214" t="s">
        <v>525</v>
      </c>
      <c r="K414" s="214" t="s">
        <v>181</v>
      </c>
      <c r="L414" s="214" t="s">
        <v>63</v>
      </c>
      <c r="M414" s="214" t="s">
        <v>63</v>
      </c>
      <c r="N414" s="215">
        <v>105440</v>
      </c>
      <c r="O414" s="215">
        <v>105440</v>
      </c>
      <c r="P414" s="214" t="s">
        <v>64</v>
      </c>
      <c r="Q414" s="214" t="s">
        <v>82</v>
      </c>
      <c r="R414" s="219"/>
      <c r="S414" s="219"/>
      <c r="T414" s="192" t="s">
        <v>66</v>
      </c>
      <c r="U414" s="219"/>
      <c r="V414" s="219"/>
      <c r="W414" s="192"/>
      <c r="X414" s="219"/>
      <c r="Y414" s="219"/>
      <c r="Z414" s="219"/>
      <c r="AA414" s="219"/>
      <c r="AB414" s="219"/>
      <c r="AC414" s="219"/>
      <c r="AD414" s="219"/>
      <c r="AE414" s="219"/>
      <c r="AF414" s="219"/>
      <c r="AG414" s="219"/>
      <c r="AH414" s="219"/>
      <c r="AI414" s="219"/>
      <c r="AJ414" s="219"/>
      <c r="AK414" s="219"/>
      <c r="AL414" s="219"/>
      <c r="AM414" s="219"/>
      <c r="AN414" s="219"/>
      <c r="AO414" s="219"/>
      <c r="AP414" s="219"/>
      <c r="AQ414" s="219"/>
      <c r="AR414" s="219"/>
      <c r="AS414" s="219"/>
      <c r="AT414" s="219"/>
      <c r="AU414" s="219"/>
      <c r="AV414" s="219"/>
      <c r="AW414" s="191">
        <f t="shared" si="224"/>
        <v>450</v>
      </c>
      <c r="AX414" s="187">
        <f t="shared" si="256"/>
        <v>234.3111111111111</v>
      </c>
      <c r="AY414" s="192" t="str">
        <f t="shared" si="225"/>
        <v/>
      </c>
      <c r="AZ414" s="192" t="str">
        <f t="shared" si="226"/>
        <v/>
      </c>
      <c r="BA414" s="192">
        <f t="shared" si="227"/>
        <v>105440</v>
      </c>
      <c r="BB414" s="192" t="str">
        <f t="shared" si="228"/>
        <v/>
      </c>
      <c r="BC414" s="192" t="str">
        <f t="shared" si="229"/>
        <v/>
      </c>
      <c r="BD414" s="192" t="str">
        <f t="shared" si="230"/>
        <v/>
      </c>
      <c r="BE414" s="192" t="str">
        <f t="shared" si="231"/>
        <v/>
      </c>
      <c r="BF414" s="192" t="str">
        <f t="shared" si="232"/>
        <v/>
      </c>
      <c r="BG414" s="192" t="str">
        <f t="shared" si="233"/>
        <v/>
      </c>
      <c r="BH414" s="192" t="str">
        <f t="shared" si="234"/>
        <v/>
      </c>
      <c r="BI414" s="192" t="str">
        <f t="shared" si="235"/>
        <v/>
      </c>
      <c r="BJ414" s="192" t="str">
        <f t="shared" si="236"/>
        <v/>
      </c>
      <c r="BK414" s="192" t="str">
        <f t="shared" si="237"/>
        <v/>
      </c>
      <c r="BL414" s="192" t="str">
        <f t="shared" si="238"/>
        <v/>
      </c>
      <c r="BM414" s="192" t="str">
        <f t="shared" si="239"/>
        <v/>
      </c>
      <c r="BN414" s="192" t="str">
        <f t="shared" si="240"/>
        <v/>
      </c>
      <c r="BO414" s="192" t="str">
        <f t="shared" si="241"/>
        <v/>
      </c>
      <c r="BP414" s="192" t="str">
        <f t="shared" si="242"/>
        <v/>
      </c>
      <c r="BQ414" s="192" t="str">
        <f t="shared" si="243"/>
        <v/>
      </c>
      <c r="BR414" s="192" t="str">
        <f t="shared" si="244"/>
        <v/>
      </c>
      <c r="BS414" s="192" t="str">
        <f t="shared" si="245"/>
        <v/>
      </c>
      <c r="BT414" s="192" t="str">
        <f t="shared" si="246"/>
        <v/>
      </c>
      <c r="BU414" s="192" t="str">
        <f t="shared" si="247"/>
        <v/>
      </c>
      <c r="BV414" s="192" t="str">
        <f t="shared" si="248"/>
        <v/>
      </c>
      <c r="BW414" s="192" t="str">
        <f t="shared" si="249"/>
        <v/>
      </c>
      <c r="BX414" s="192" t="str">
        <f t="shared" si="250"/>
        <v/>
      </c>
      <c r="BY414" s="192" t="str">
        <f t="shared" si="251"/>
        <v/>
      </c>
      <c r="BZ414" s="192" t="str">
        <f t="shared" si="252"/>
        <v/>
      </c>
      <c r="CA414" s="192" t="str">
        <f t="shared" si="253"/>
        <v/>
      </c>
      <c r="CB414" s="192" t="str">
        <f t="shared" si="254"/>
        <v/>
      </c>
      <c r="CC414" s="192" t="str">
        <f t="shared" si="255"/>
        <v/>
      </c>
      <c r="CD414" s="214"/>
      <c r="CE414" s="214"/>
      <c r="CF414" s="214"/>
    </row>
    <row r="415" spans="1:84" s="220" customFormat="1" ht="56.1" hidden="1" customHeight="1" x14ac:dyDescent="0.2">
      <c r="A415" s="181">
        <v>415</v>
      </c>
      <c r="B415" s="182" t="s">
        <v>53</v>
      </c>
      <c r="C415" s="183" t="s">
        <v>515</v>
      </c>
      <c r="D415" s="214" t="s">
        <v>528</v>
      </c>
      <c r="E415" s="214" t="s">
        <v>558</v>
      </c>
      <c r="F415" s="214" t="s">
        <v>558</v>
      </c>
      <c r="G415" s="214" t="s">
        <v>58</v>
      </c>
      <c r="H415" s="214" t="s">
        <v>319</v>
      </c>
      <c r="I415" s="214" t="s">
        <v>388</v>
      </c>
      <c r="J415" s="214" t="s">
        <v>525</v>
      </c>
      <c r="K415" s="214" t="s">
        <v>181</v>
      </c>
      <c r="L415" s="214" t="s">
        <v>63</v>
      </c>
      <c r="M415" s="214" t="s">
        <v>63</v>
      </c>
      <c r="N415" s="215">
        <v>63872.307692307688</v>
      </c>
      <c r="O415" s="215">
        <v>63872.307692307688</v>
      </c>
      <c r="P415" s="214" t="s">
        <v>64</v>
      </c>
      <c r="Q415" s="214" t="s">
        <v>82</v>
      </c>
      <c r="R415" s="219"/>
      <c r="S415" s="219"/>
      <c r="T415" s="192" t="s">
        <v>66</v>
      </c>
      <c r="U415" s="219"/>
      <c r="V415" s="219"/>
      <c r="W415" s="192"/>
      <c r="X415" s="219"/>
      <c r="Y415" s="219"/>
      <c r="Z415" s="219"/>
      <c r="AA415" s="219"/>
      <c r="AB415" s="219"/>
      <c r="AC415" s="219"/>
      <c r="AD415" s="219"/>
      <c r="AE415" s="219"/>
      <c r="AF415" s="219"/>
      <c r="AG415" s="219"/>
      <c r="AH415" s="219"/>
      <c r="AI415" s="219"/>
      <c r="AJ415" s="219"/>
      <c r="AK415" s="219"/>
      <c r="AL415" s="219"/>
      <c r="AM415" s="219"/>
      <c r="AN415" s="219"/>
      <c r="AO415" s="219"/>
      <c r="AP415" s="219"/>
      <c r="AQ415" s="219"/>
      <c r="AR415" s="219"/>
      <c r="AS415" s="219"/>
      <c r="AT415" s="219"/>
      <c r="AU415" s="219"/>
      <c r="AV415" s="219"/>
      <c r="AW415" s="191">
        <f t="shared" si="224"/>
        <v>450</v>
      </c>
      <c r="AX415" s="187">
        <f t="shared" si="256"/>
        <v>141.93846153846152</v>
      </c>
      <c r="AY415" s="192" t="str">
        <f t="shared" si="225"/>
        <v/>
      </c>
      <c r="AZ415" s="192" t="str">
        <f t="shared" si="226"/>
        <v/>
      </c>
      <c r="BA415" s="192">
        <f t="shared" si="227"/>
        <v>63872.307692307688</v>
      </c>
      <c r="BB415" s="192" t="str">
        <f t="shared" si="228"/>
        <v/>
      </c>
      <c r="BC415" s="192" t="str">
        <f t="shared" si="229"/>
        <v/>
      </c>
      <c r="BD415" s="192" t="str">
        <f t="shared" si="230"/>
        <v/>
      </c>
      <c r="BE415" s="192" t="str">
        <f t="shared" si="231"/>
        <v/>
      </c>
      <c r="BF415" s="192" t="str">
        <f t="shared" si="232"/>
        <v/>
      </c>
      <c r="BG415" s="192" t="str">
        <f t="shared" si="233"/>
        <v/>
      </c>
      <c r="BH415" s="192" t="str">
        <f t="shared" si="234"/>
        <v/>
      </c>
      <c r="BI415" s="192" t="str">
        <f t="shared" si="235"/>
        <v/>
      </c>
      <c r="BJ415" s="192" t="str">
        <f t="shared" si="236"/>
        <v/>
      </c>
      <c r="BK415" s="192" t="str">
        <f t="shared" si="237"/>
        <v/>
      </c>
      <c r="BL415" s="192" t="str">
        <f t="shared" si="238"/>
        <v/>
      </c>
      <c r="BM415" s="192" t="str">
        <f t="shared" si="239"/>
        <v/>
      </c>
      <c r="BN415" s="192" t="str">
        <f t="shared" si="240"/>
        <v/>
      </c>
      <c r="BO415" s="192" t="str">
        <f t="shared" si="241"/>
        <v/>
      </c>
      <c r="BP415" s="192" t="str">
        <f t="shared" si="242"/>
        <v/>
      </c>
      <c r="BQ415" s="192" t="str">
        <f t="shared" si="243"/>
        <v/>
      </c>
      <c r="BR415" s="192" t="str">
        <f t="shared" si="244"/>
        <v/>
      </c>
      <c r="BS415" s="192" t="str">
        <f t="shared" si="245"/>
        <v/>
      </c>
      <c r="BT415" s="192" t="str">
        <f t="shared" si="246"/>
        <v/>
      </c>
      <c r="BU415" s="192" t="str">
        <f t="shared" si="247"/>
        <v/>
      </c>
      <c r="BV415" s="192" t="str">
        <f t="shared" si="248"/>
        <v/>
      </c>
      <c r="BW415" s="192" t="str">
        <f t="shared" si="249"/>
        <v/>
      </c>
      <c r="BX415" s="192" t="str">
        <f t="shared" si="250"/>
        <v/>
      </c>
      <c r="BY415" s="192" t="str">
        <f t="shared" si="251"/>
        <v/>
      </c>
      <c r="BZ415" s="192" t="str">
        <f t="shared" si="252"/>
        <v/>
      </c>
      <c r="CA415" s="192" t="str">
        <f t="shared" si="253"/>
        <v/>
      </c>
      <c r="CB415" s="192" t="str">
        <f t="shared" si="254"/>
        <v/>
      </c>
      <c r="CC415" s="192" t="str">
        <f t="shared" si="255"/>
        <v/>
      </c>
      <c r="CD415" s="214"/>
      <c r="CE415" s="214"/>
      <c r="CF415" s="214"/>
    </row>
    <row r="416" spans="1:84" s="220" customFormat="1" ht="56.1" hidden="1" customHeight="1" x14ac:dyDescent="0.2">
      <c r="A416" s="181">
        <v>416</v>
      </c>
      <c r="B416" s="182" t="s">
        <v>53</v>
      </c>
      <c r="C416" s="183" t="s">
        <v>515</v>
      </c>
      <c r="D416" s="214" t="s">
        <v>530</v>
      </c>
      <c r="E416" s="214" t="s">
        <v>532</v>
      </c>
      <c r="F416" s="214" t="s">
        <v>532</v>
      </c>
      <c r="G416" s="214" t="s">
        <v>58</v>
      </c>
      <c r="H416" s="214" t="s">
        <v>319</v>
      </c>
      <c r="I416" s="214" t="s">
        <v>8</v>
      </c>
      <c r="J416" s="214" t="s">
        <v>525</v>
      </c>
      <c r="K416" s="214" t="s">
        <v>181</v>
      </c>
      <c r="L416" s="214" t="s">
        <v>63</v>
      </c>
      <c r="M416" s="214" t="s">
        <v>63</v>
      </c>
      <c r="N416" s="215">
        <v>0</v>
      </c>
      <c r="O416" s="215">
        <v>0</v>
      </c>
      <c r="P416" s="214" t="s">
        <v>64</v>
      </c>
      <c r="Q416" s="214" t="s">
        <v>82</v>
      </c>
      <c r="R416" s="219"/>
      <c r="S416" s="219"/>
      <c r="T416" s="192" t="s">
        <v>66</v>
      </c>
      <c r="U416" s="219"/>
      <c r="V416" s="219"/>
      <c r="W416" s="192"/>
      <c r="X416" s="219"/>
      <c r="Y416" s="219"/>
      <c r="Z416" s="219"/>
      <c r="AA416" s="219"/>
      <c r="AB416" s="219"/>
      <c r="AC416" s="219"/>
      <c r="AD416" s="219"/>
      <c r="AE416" s="219"/>
      <c r="AF416" s="219"/>
      <c r="AG416" s="219"/>
      <c r="AH416" s="219"/>
      <c r="AI416" s="219"/>
      <c r="AJ416" s="219"/>
      <c r="AK416" s="219"/>
      <c r="AL416" s="219"/>
      <c r="AM416" s="219"/>
      <c r="AN416" s="219"/>
      <c r="AO416" s="219"/>
      <c r="AP416" s="219"/>
      <c r="AQ416" s="219"/>
      <c r="AR416" s="219"/>
      <c r="AS416" s="219"/>
      <c r="AT416" s="219"/>
      <c r="AU416" s="219"/>
      <c r="AV416" s="219"/>
      <c r="AW416" s="191">
        <f t="shared" si="224"/>
        <v>450</v>
      </c>
      <c r="AX416" s="187"/>
      <c r="AY416" s="192" t="str">
        <f t="shared" si="225"/>
        <v/>
      </c>
      <c r="AZ416" s="192" t="str">
        <f t="shared" si="226"/>
        <v/>
      </c>
      <c r="BA416" s="192">
        <f t="shared" si="227"/>
        <v>0</v>
      </c>
      <c r="BB416" s="192" t="str">
        <f t="shared" si="228"/>
        <v/>
      </c>
      <c r="BC416" s="192" t="str">
        <f t="shared" si="229"/>
        <v/>
      </c>
      <c r="BD416" s="192" t="str">
        <f t="shared" si="230"/>
        <v/>
      </c>
      <c r="BE416" s="192" t="str">
        <f t="shared" si="231"/>
        <v/>
      </c>
      <c r="BF416" s="192" t="str">
        <f t="shared" si="232"/>
        <v/>
      </c>
      <c r="BG416" s="192" t="str">
        <f t="shared" si="233"/>
        <v/>
      </c>
      <c r="BH416" s="192" t="str">
        <f t="shared" si="234"/>
        <v/>
      </c>
      <c r="BI416" s="192" t="str">
        <f t="shared" si="235"/>
        <v/>
      </c>
      <c r="BJ416" s="192" t="str">
        <f t="shared" si="236"/>
        <v/>
      </c>
      <c r="BK416" s="192" t="str">
        <f t="shared" si="237"/>
        <v/>
      </c>
      <c r="BL416" s="192" t="str">
        <f t="shared" si="238"/>
        <v/>
      </c>
      <c r="BM416" s="192" t="str">
        <f t="shared" si="239"/>
        <v/>
      </c>
      <c r="BN416" s="192" t="str">
        <f t="shared" si="240"/>
        <v/>
      </c>
      <c r="BO416" s="192" t="str">
        <f t="shared" si="241"/>
        <v/>
      </c>
      <c r="BP416" s="192" t="str">
        <f t="shared" si="242"/>
        <v/>
      </c>
      <c r="BQ416" s="192" t="str">
        <f t="shared" si="243"/>
        <v/>
      </c>
      <c r="BR416" s="192" t="str">
        <f t="shared" si="244"/>
        <v/>
      </c>
      <c r="BS416" s="192" t="str">
        <f t="shared" si="245"/>
        <v/>
      </c>
      <c r="BT416" s="192" t="str">
        <f t="shared" si="246"/>
        <v/>
      </c>
      <c r="BU416" s="192" t="str">
        <f t="shared" si="247"/>
        <v/>
      </c>
      <c r="BV416" s="192" t="str">
        <f t="shared" si="248"/>
        <v/>
      </c>
      <c r="BW416" s="192" t="str">
        <f t="shared" si="249"/>
        <v/>
      </c>
      <c r="BX416" s="192" t="str">
        <f t="shared" si="250"/>
        <v/>
      </c>
      <c r="BY416" s="192" t="str">
        <f t="shared" si="251"/>
        <v/>
      </c>
      <c r="BZ416" s="192" t="str">
        <f t="shared" si="252"/>
        <v/>
      </c>
      <c r="CA416" s="192" t="str">
        <f t="shared" si="253"/>
        <v/>
      </c>
      <c r="CB416" s="192" t="str">
        <f t="shared" si="254"/>
        <v/>
      </c>
      <c r="CC416" s="192" t="str">
        <f t="shared" si="255"/>
        <v/>
      </c>
      <c r="CD416" s="214"/>
      <c r="CE416" s="214"/>
      <c r="CF416" s="214"/>
    </row>
    <row r="417" spans="1:84" s="220" customFormat="1" ht="56.1" hidden="1" customHeight="1" x14ac:dyDescent="0.2">
      <c r="A417" s="181">
        <v>417</v>
      </c>
      <c r="B417" s="182" t="s">
        <v>53</v>
      </c>
      <c r="C417" s="183" t="s">
        <v>515</v>
      </c>
      <c r="D417" s="214" t="s">
        <v>533</v>
      </c>
      <c r="E417" s="214" t="s">
        <v>534</v>
      </c>
      <c r="F417" s="214" t="s">
        <v>534</v>
      </c>
      <c r="G417" s="214" t="s">
        <v>58</v>
      </c>
      <c r="H417" s="214" t="s">
        <v>319</v>
      </c>
      <c r="I417" s="214" t="s">
        <v>81</v>
      </c>
      <c r="J417" s="214" t="s">
        <v>334</v>
      </c>
      <c r="K417" s="214" t="s">
        <v>181</v>
      </c>
      <c r="L417" s="214" t="s">
        <v>63</v>
      </c>
      <c r="M417" s="214" t="s">
        <v>63</v>
      </c>
      <c r="N417" s="215">
        <v>80068.5</v>
      </c>
      <c r="O417" s="215">
        <v>80068.5</v>
      </c>
      <c r="P417" s="214" t="s">
        <v>64</v>
      </c>
      <c r="Q417" s="214" t="s">
        <v>82</v>
      </c>
      <c r="R417" s="219"/>
      <c r="S417" s="219"/>
      <c r="T417" s="192" t="s">
        <v>66</v>
      </c>
      <c r="U417" s="219"/>
      <c r="V417" s="219"/>
      <c r="W417" s="192"/>
      <c r="X417" s="219"/>
      <c r="Y417" s="219"/>
      <c r="Z417" s="219"/>
      <c r="AA417" s="219"/>
      <c r="AB417" s="219"/>
      <c r="AC417" s="219"/>
      <c r="AD417" s="219"/>
      <c r="AE417" s="219"/>
      <c r="AF417" s="219"/>
      <c r="AG417" s="219"/>
      <c r="AH417" s="219"/>
      <c r="AI417" s="219"/>
      <c r="AJ417" s="219"/>
      <c r="AK417" s="219"/>
      <c r="AL417" s="219"/>
      <c r="AM417" s="219"/>
      <c r="AN417" s="219"/>
      <c r="AO417" s="219"/>
      <c r="AP417" s="219"/>
      <c r="AQ417" s="219"/>
      <c r="AR417" s="219"/>
      <c r="AS417" s="219"/>
      <c r="AT417" s="219"/>
      <c r="AU417" s="219"/>
      <c r="AV417" s="219"/>
      <c r="AW417" s="191">
        <f t="shared" si="224"/>
        <v>450</v>
      </c>
      <c r="AX417" s="187">
        <f t="shared" ref="AX417:AX423" si="257">O417/AW417</f>
        <v>177.93</v>
      </c>
      <c r="AY417" s="192" t="str">
        <f t="shared" si="225"/>
        <v/>
      </c>
      <c r="AZ417" s="192" t="str">
        <f t="shared" si="226"/>
        <v/>
      </c>
      <c r="BA417" s="192">
        <f t="shared" si="227"/>
        <v>80068.5</v>
      </c>
      <c r="BB417" s="192" t="str">
        <f t="shared" si="228"/>
        <v/>
      </c>
      <c r="BC417" s="192" t="str">
        <f t="shared" si="229"/>
        <v/>
      </c>
      <c r="BD417" s="192" t="str">
        <f t="shared" si="230"/>
        <v/>
      </c>
      <c r="BE417" s="192" t="str">
        <f t="shared" si="231"/>
        <v/>
      </c>
      <c r="BF417" s="192" t="str">
        <f t="shared" si="232"/>
        <v/>
      </c>
      <c r="BG417" s="192" t="str">
        <f t="shared" si="233"/>
        <v/>
      </c>
      <c r="BH417" s="192" t="str">
        <f t="shared" si="234"/>
        <v/>
      </c>
      <c r="BI417" s="192" t="str">
        <f t="shared" si="235"/>
        <v/>
      </c>
      <c r="BJ417" s="192" t="str">
        <f t="shared" si="236"/>
        <v/>
      </c>
      <c r="BK417" s="192" t="str">
        <f t="shared" si="237"/>
        <v/>
      </c>
      <c r="BL417" s="192" t="str">
        <f t="shared" si="238"/>
        <v/>
      </c>
      <c r="BM417" s="192" t="str">
        <f t="shared" si="239"/>
        <v/>
      </c>
      <c r="BN417" s="192" t="str">
        <f t="shared" si="240"/>
        <v/>
      </c>
      <c r="BO417" s="192" t="str">
        <f t="shared" si="241"/>
        <v/>
      </c>
      <c r="BP417" s="192" t="str">
        <f t="shared" si="242"/>
        <v/>
      </c>
      <c r="BQ417" s="192" t="str">
        <f t="shared" si="243"/>
        <v/>
      </c>
      <c r="BR417" s="192" t="str">
        <f t="shared" si="244"/>
        <v/>
      </c>
      <c r="BS417" s="192" t="str">
        <f t="shared" si="245"/>
        <v/>
      </c>
      <c r="BT417" s="192" t="str">
        <f t="shared" si="246"/>
        <v/>
      </c>
      <c r="BU417" s="192" t="str">
        <f t="shared" si="247"/>
        <v/>
      </c>
      <c r="BV417" s="192" t="str">
        <f t="shared" si="248"/>
        <v/>
      </c>
      <c r="BW417" s="192" t="str">
        <f t="shared" si="249"/>
        <v/>
      </c>
      <c r="BX417" s="192" t="str">
        <f t="shared" si="250"/>
        <v/>
      </c>
      <c r="BY417" s="192" t="str">
        <f t="shared" si="251"/>
        <v/>
      </c>
      <c r="BZ417" s="192" t="str">
        <f t="shared" si="252"/>
        <v/>
      </c>
      <c r="CA417" s="192" t="str">
        <f t="shared" si="253"/>
        <v/>
      </c>
      <c r="CB417" s="192" t="str">
        <f t="shared" si="254"/>
        <v/>
      </c>
      <c r="CC417" s="192" t="str">
        <f t="shared" si="255"/>
        <v/>
      </c>
      <c r="CD417" s="214"/>
      <c r="CE417" s="214"/>
      <c r="CF417" s="214"/>
    </row>
    <row r="418" spans="1:84" s="168" customFormat="1" ht="56.1" hidden="1" customHeight="1" x14ac:dyDescent="0.2">
      <c r="A418" s="154">
        <v>418</v>
      </c>
      <c r="B418" s="155" t="s">
        <v>53</v>
      </c>
      <c r="C418" s="165" t="s">
        <v>515</v>
      </c>
      <c r="D418" s="156" t="s">
        <v>548</v>
      </c>
      <c r="E418" s="156" t="s">
        <v>536</v>
      </c>
      <c r="F418" s="156" t="s">
        <v>536</v>
      </c>
      <c r="G418" s="156" t="s">
        <v>58</v>
      </c>
      <c r="H418" s="156" t="s">
        <v>20</v>
      </c>
      <c r="I418" s="156" t="s">
        <v>60</v>
      </c>
      <c r="J418" s="156" t="s">
        <v>334</v>
      </c>
      <c r="K418" s="156" t="s">
        <v>559</v>
      </c>
      <c r="L418" s="156" t="s">
        <v>63</v>
      </c>
      <c r="M418" s="156" t="s">
        <v>63</v>
      </c>
      <c r="N418" s="157">
        <v>106283.52</v>
      </c>
      <c r="O418" s="157">
        <v>106283.52</v>
      </c>
      <c r="P418" s="156" t="s">
        <v>64</v>
      </c>
      <c r="Q418" s="156" t="s">
        <v>82</v>
      </c>
      <c r="R418" s="167"/>
      <c r="S418" s="167"/>
      <c r="T418" s="167"/>
      <c r="U418" s="161" t="s">
        <v>66</v>
      </c>
      <c r="V418" s="167"/>
      <c r="W418" s="161"/>
      <c r="X418" s="167"/>
      <c r="Y418" s="167"/>
      <c r="Z418" s="167"/>
      <c r="AA418" s="167"/>
      <c r="AB418" s="167"/>
      <c r="AC418" s="167"/>
      <c r="AD418" s="167"/>
      <c r="AE418" s="167"/>
      <c r="AF418" s="167"/>
      <c r="AG418" s="167"/>
      <c r="AH418" s="167"/>
      <c r="AI418" s="167"/>
      <c r="AJ418" s="167"/>
      <c r="AK418" s="167"/>
      <c r="AL418" s="167"/>
      <c r="AM418" s="167"/>
      <c r="AN418" s="167"/>
      <c r="AO418" s="167"/>
      <c r="AP418" s="167"/>
      <c r="AQ418" s="167"/>
      <c r="AR418" s="167"/>
      <c r="AS418" s="167"/>
      <c r="AT418" s="167"/>
      <c r="AU418" s="167"/>
      <c r="AV418" s="167"/>
      <c r="AW418" s="160">
        <f t="shared" si="224"/>
        <v>350</v>
      </c>
      <c r="AX418" s="158">
        <f t="shared" si="257"/>
        <v>303.66720000000004</v>
      </c>
      <c r="AY418" s="161" t="str">
        <f t="shared" si="225"/>
        <v/>
      </c>
      <c r="AZ418" s="161" t="str">
        <f t="shared" si="226"/>
        <v/>
      </c>
      <c r="BA418" s="161" t="str">
        <f t="shared" si="227"/>
        <v/>
      </c>
      <c r="BB418" s="161">
        <f t="shared" si="228"/>
        <v>106283.52000000002</v>
      </c>
      <c r="BC418" s="161" t="str">
        <f t="shared" si="229"/>
        <v/>
      </c>
      <c r="BD418" s="161" t="str">
        <f t="shared" si="230"/>
        <v/>
      </c>
      <c r="BE418" s="161" t="str">
        <f t="shared" si="231"/>
        <v/>
      </c>
      <c r="BF418" s="161" t="str">
        <f t="shared" si="232"/>
        <v/>
      </c>
      <c r="BG418" s="161" t="str">
        <f t="shared" si="233"/>
        <v/>
      </c>
      <c r="BH418" s="161" t="str">
        <f t="shared" si="234"/>
        <v/>
      </c>
      <c r="BI418" s="161" t="str">
        <f t="shared" si="235"/>
        <v/>
      </c>
      <c r="BJ418" s="161" t="str">
        <f t="shared" si="236"/>
        <v/>
      </c>
      <c r="BK418" s="161" t="str">
        <f t="shared" si="237"/>
        <v/>
      </c>
      <c r="BL418" s="161" t="str">
        <f t="shared" si="238"/>
        <v/>
      </c>
      <c r="BM418" s="161" t="str">
        <f t="shared" si="239"/>
        <v/>
      </c>
      <c r="BN418" s="161" t="str">
        <f t="shared" si="240"/>
        <v/>
      </c>
      <c r="BO418" s="161" t="str">
        <f t="shared" si="241"/>
        <v/>
      </c>
      <c r="BP418" s="161" t="str">
        <f t="shared" si="242"/>
        <v/>
      </c>
      <c r="BQ418" s="161" t="str">
        <f t="shared" si="243"/>
        <v/>
      </c>
      <c r="BR418" s="161" t="str">
        <f t="shared" si="244"/>
        <v/>
      </c>
      <c r="BS418" s="161" t="str">
        <f t="shared" si="245"/>
        <v/>
      </c>
      <c r="BT418" s="161" t="str">
        <f t="shared" si="246"/>
        <v/>
      </c>
      <c r="BU418" s="161" t="str">
        <f t="shared" si="247"/>
        <v/>
      </c>
      <c r="BV418" s="161" t="str">
        <f t="shared" si="248"/>
        <v/>
      </c>
      <c r="BW418" s="161" t="str">
        <f t="shared" si="249"/>
        <v/>
      </c>
      <c r="BX418" s="161" t="str">
        <f t="shared" si="250"/>
        <v/>
      </c>
      <c r="BY418" s="161" t="str">
        <f t="shared" si="251"/>
        <v/>
      </c>
      <c r="BZ418" s="161" t="str">
        <f t="shared" si="252"/>
        <v/>
      </c>
      <c r="CA418" s="161" t="str">
        <f t="shared" si="253"/>
        <v/>
      </c>
      <c r="CB418" s="161" t="str">
        <f t="shared" si="254"/>
        <v/>
      </c>
      <c r="CC418" s="161" t="str">
        <f t="shared" si="255"/>
        <v/>
      </c>
      <c r="CD418" s="156"/>
      <c r="CE418" s="156"/>
      <c r="CF418" s="156"/>
    </row>
    <row r="419" spans="1:84" s="168" customFormat="1" ht="56.1" hidden="1" customHeight="1" x14ac:dyDescent="0.2">
      <c r="A419" s="154">
        <v>419</v>
      </c>
      <c r="B419" s="155" t="s">
        <v>53</v>
      </c>
      <c r="C419" s="165" t="s">
        <v>515</v>
      </c>
      <c r="D419" s="156" t="s">
        <v>518</v>
      </c>
      <c r="E419" s="156" t="s">
        <v>520</v>
      </c>
      <c r="F419" s="156" t="s">
        <v>520</v>
      </c>
      <c r="G419" s="156" t="s">
        <v>58</v>
      </c>
      <c r="H419" s="156" t="s">
        <v>20</v>
      </c>
      <c r="I419" s="156" t="s">
        <v>8</v>
      </c>
      <c r="J419" s="156" t="s">
        <v>334</v>
      </c>
      <c r="K419" s="156" t="s">
        <v>559</v>
      </c>
      <c r="L419" s="156" t="s">
        <v>63</v>
      </c>
      <c r="M419" s="156" t="s">
        <v>63</v>
      </c>
      <c r="N419" s="157">
        <v>278994.24</v>
      </c>
      <c r="O419" s="157">
        <v>278994.24</v>
      </c>
      <c r="P419" s="156" t="s">
        <v>64</v>
      </c>
      <c r="Q419" s="156" t="s">
        <v>82</v>
      </c>
      <c r="R419" s="167"/>
      <c r="S419" s="167"/>
      <c r="T419" s="167"/>
      <c r="U419" s="161" t="s">
        <v>66</v>
      </c>
      <c r="V419" s="167"/>
      <c r="W419" s="161"/>
      <c r="X419" s="167"/>
      <c r="Y419" s="167"/>
      <c r="Z419" s="167"/>
      <c r="AA419" s="167"/>
      <c r="AB419" s="167"/>
      <c r="AC419" s="167"/>
      <c r="AD419" s="167"/>
      <c r="AE419" s="167"/>
      <c r="AF419" s="167"/>
      <c r="AG419" s="167"/>
      <c r="AH419" s="167"/>
      <c r="AI419" s="167"/>
      <c r="AJ419" s="167"/>
      <c r="AK419" s="167"/>
      <c r="AL419" s="167"/>
      <c r="AM419" s="167"/>
      <c r="AN419" s="167"/>
      <c r="AO419" s="167"/>
      <c r="AP419" s="167"/>
      <c r="AQ419" s="167"/>
      <c r="AR419" s="167"/>
      <c r="AS419" s="167"/>
      <c r="AT419" s="167"/>
      <c r="AU419" s="167"/>
      <c r="AV419" s="167"/>
      <c r="AW419" s="160">
        <f t="shared" si="224"/>
        <v>350</v>
      </c>
      <c r="AX419" s="158">
        <f t="shared" si="257"/>
        <v>797.12639999999999</v>
      </c>
      <c r="AY419" s="161" t="str">
        <f t="shared" si="225"/>
        <v/>
      </c>
      <c r="AZ419" s="161" t="str">
        <f t="shared" si="226"/>
        <v/>
      </c>
      <c r="BA419" s="161" t="str">
        <f t="shared" si="227"/>
        <v/>
      </c>
      <c r="BB419" s="161">
        <f t="shared" si="228"/>
        <v>278994.24</v>
      </c>
      <c r="BC419" s="161" t="str">
        <f t="shared" si="229"/>
        <v/>
      </c>
      <c r="BD419" s="161" t="str">
        <f t="shared" si="230"/>
        <v/>
      </c>
      <c r="BE419" s="161" t="str">
        <f t="shared" si="231"/>
        <v/>
      </c>
      <c r="BF419" s="161" t="str">
        <f t="shared" si="232"/>
        <v/>
      </c>
      <c r="BG419" s="161" t="str">
        <f t="shared" si="233"/>
        <v/>
      </c>
      <c r="BH419" s="161" t="str">
        <f t="shared" si="234"/>
        <v/>
      </c>
      <c r="BI419" s="161" t="str">
        <f t="shared" si="235"/>
        <v/>
      </c>
      <c r="BJ419" s="161" t="str">
        <f t="shared" si="236"/>
        <v/>
      </c>
      <c r="BK419" s="161" t="str">
        <f t="shared" si="237"/>
        <v/>
      </c>
      <c r="BL419" s="161" t="str">
        <f t="shared" si="238"/>
        <v/>
      </c>
      <c r="BM419" s="161" t="str">
        <f t="shared" si="239"/>
        <v/>
      </c>
      <c r="BN419" s="161" t="str">
        <f t="shared" si="240"/>
        <v/>
      </c>
      <c r="BO419" s="161" t="str">
        <f t="shared" si="241"/>
        <v/>
      </c>
      <c r="BP419" s="161" t="str">
        <f t="shared" si="242"/>
        <v/>
      </c>
      <c r="BQ419" s="161" t="str">
        <f t="shared" si="243"/>
        <v/>
      </c>
      <c r="BR419" s="161" t="str">
        <f t="shared" si="244"/>
        <v/>
      </c>
      <c r="BS419" s="161" t="str">
        <f t="shared" si="245"/>
        <v/>
      </c>
      <c r="BT419" s="161" t="str">
        <f t="shared" si="246"/>
        <v/>
      </c>
      <c r="BU419" s="161" t="str">
        <f t="shared" si="247"/>
        <v/>
      </c>
      <c r="BV419" s="161" t="str">
        <f t="shared" si="248"/>
        <v/>
      </c>
      <c r="BW419" s="161" t="str">
        <f t="shared" si="249"/>
        <v/>
      </c>
      <c r="BX419" s="161" t="str">
        <f t="shared" si="250"/>
        <v/>
      </c>
      <c r="BY419" s="161" t="str">
        <f t="shared" si="251"/>
        <v/>
      </c>
      <c r="BZ419" s="161" t="str">
        <f t="shared" si="252"/>
        <v/>
      </c>
      <c r="CA419" s="161" t="str">
        <f t="shared" si="253"/>
        <v/>
      </c>
      <c r="CB419" s="161" t="str">
        <f t="shared" si="254"/>
        <v/>
      </c>
      <c r="CC419" s="161" t="str">
        <f t="shared" si="255"/>
        <v/>
      </c>
      <c r="CD419" s="156"/>
      <c r="CE419" s="156"/>
      <c r="CF419" s="156"/>
    </row>
    <row r="420" spans="1:84" s="168" customFormat="1" ht="56.1" hidden="1" customHeight="1" x14ac:dyDescent="0.2">
      <c r="A420" s="154">
        <v>420</v>
      </c>
      <c r="B420" s="155" t="s">
        <v>53</v>
      </c>
      <c r="C420" s="165" t="s">
        <v>515</v>
      </c>
      <c r="D420" s="156" t="s">
        <v>521</v>
      </c>
      <c r="E420" s="156" t="s">
        <v>522</v>
      </c>
      <c r="F420" s="156" t="s">
        <v>522</v>
      </c>
      <c r="G420" s="156" t="s">
        <v>58</v>
      </c>
      <c r="H420" s="156" t="s">
        <v>20</v>
      </c>
      <c r="I420" s="156" t="s">
        <v>8</v>
      </c>
      <c r="J420" s="156" t="s">
        <v>334</v>
      </c>
      <c r="K420" s="156" t="s">
        <v>559</v>
      </c>
      <c r="L420" s="156" t="s">
        <v>63</v>
      </c>
      <c r="M420" s="156" t="s">
        <v>63</v>
      </c>
      <c r="N420" s="157">
        <v>389706.24000000005</v>
      </c>
      <c r="O420" s="157">
        <v>389706.24000000005</v>
      </c>
      <c r="P420" s="156" t="s">
        <v>64</v>
      </c>
      <c r="Q420" s="156" t="s">
        <v>82</v>
      </c>
      <c r="R420" s="167"/>
      <c r="S420" s="167"/>
      <c r="T420" s="167"/>
      <c r="U420" s="161" t="s">
        <v>66</v>
      </c>
      <c r="V420" s="167"/>
      <c r="W420" s="161"/>
      <c r="X420" s="167"/>
      <c r="Y420" s="167"/>
      <c r="Z420" s="167"/>
      <c r="AA420" s="167"/>
      <c r="AB420" s="167"/>
      <c r="AC420" s="167"/>
      <c r="AD420" s="167"/>
      <c r="AE420" s="167"/>
      <c r="AF420" s="167"/>
      <c r="AG420" s="167"/>
      <c r="AH420" s="167"/>
      <c r="AI420" s="167"/>
      <c r="AJ420" s="167"/>
      <c r="AK420" s="167"/>
      <c r="AL420" s="167"/>
      <c r="AM420" s="167"/>
      <c r="AN420" s="167"/>
      <c r="AO420" s="167"/>
      <c r="AP420" s="167"/>
      <c r="AQ420" s="167"/>
      <c r="AR420" s="167"/>
      <c r="AS420" s="167"/>
      <c r="AT420" s="167"/>
      <c r="AU420" s="167"/>
      <c r="AV420" s="167"/>
      <c r="AW420" s="160">
        <f t="shared" si="224"/>
        <v>350</v>
      </c>
      <c r="AX420" s="158">
        <f t="shared" si="257"/>
        <v>1113.4464</v>
      </c>
      <c r="AY420" s="161" t="str">
        <f t="shared" si="225"/>
        <v/>
      </c>
      <c r="AZ420" s="161" t="str">
        <f t="shared" si="226"/>
        <v/>
      </c>
      <c r="BA420" s="161" t="str">
        <f t="shared" si="227"/>
        <v/>
      </c>
      <c r="BB420" s="161">
        <f t="shared" si="228"/>
        <v>389706.23999999999</v>
      </c>
      <c r="BC420" s="161" t="str">
        <f t="shared" si="229"/>
        <v/>
      </c>
      <c r="BD420" s="161" t="str">
        <f t="shared" si="230"/>
        <v/>
      </c>
      <c r="BE420" s="161" t="str">
        <f t="shared" si="231"/>
        <v/>
      </c>
      <c r="BF420" s="161" t="str">
        <f t="shared" si="232"/>
        <v/>
      </c>
      <c r="BG420" s="161" t="str">
        <f t="shared" si="233"/>
        <v/>
      </c>
      <c r="BH420" s="161" t="str">
        <f t="shared" si="234"/>
        <v/>
      </c>
      <c r="BI420" s="161" t="str">
        <f t="shared" si="235"/>
        <v/>
      </c>
      <c r="BJ420" s="161" t="str">
        <f t="shared" si="236"/>
        <v/>
      </c>
      <c r="BK420" s="161" t="str">
        <f t="shared" si="237"/>
        <v/>
      </c>
      <c r="BL420" s="161" t="str">
        <f t="shared" si="238"/>
        <v/>
      </c>
      <c r="BM420" s="161" t="str">
        <f t="shared" si="239"/>
        <v/>
      </c>
      <c r="BN420" s="161" t="str">
        <f t="shared" si="240"/>
        <v/>
      </c>
      <c r="BO420" s="161" t="str">
        <f t="shared" si="241"/>
        <v/>
      </c>
      <c r="BP420" s="161" t="str">
        <f t="shared" si="242"/>
        <v/>
      </c>
      <c r="BQ420" s="161" t="str">
        <f t="shared" si="243"/>
        <v/>
      </c>
      <c r="BR420" s="161" t="str">
        <f t="shared" si="244"/>
        <v/>
      </c>
      <c r="BS420" s="161" t="str">
        <f t="shared" si="245"/>
        <v/>
      </c>
      <c r="BT420" s="161" t="str">
        <f t="shared" si="246"/>
        <v/>
      </c>
      <c r="BU420" s="161" t="str">
        <f t="shared" si="247"/>
        <v/>
      </c>
      <c r="BV420" s="161" t="str">
        <f t="shared" si="248"/>
        <v/>
      </c>
      <c r="BW420" s="161" t="str">
        <f t="shared" si="249"/>
        <v/>
      </c>
      <c r="BX420" s="161" t="str">
        <f t="shared" si="250"/>
        <v/>
      </c>
      <c r="BY420" s="161" t="str">
        <f t="shared" si="251"/>
        <v/>
      </c>
      <c r="BZ420" s="161" t="str">
        <f t="shared" si="252"/>
        <v/>
      </c>
      <c r="CA420" s="161" t="str">
        <f t="shared" si="253"/>
        <v/>
      </c>
      <c r="CB420" s="161" t="str">
        <f t="shared" si="254"/>
        <v/>
      </c>
      <c r="CC420" s="161" t="str">
        <f t="shared" si="255"/>
        <v/>
      </c>
      <c r="CD420" s="156"/>
      <c r="CE420" s="156"/>
      <c r="CF420" s="156"/>
    </row>
    <row r="421" spans="1:84" s="168" customFormat="1" ht="56.1" hidden="1" customHeight="1" x14ac:dyDescent="0.2">
      <c r="A421" s="154">
        <v>421</v>
      </c>
      <c r="B421" s="155" t="s">
        <v>53</v>
      </c>
      <c r="C421" s="165" t="s">
        <v>515</v>
      </c>
      <c r="D421" s="156" t="s">
        <v>523</v>
      </c>
      <c r="E421" s="156" t="s">
        <v>540</v>
      </c>
      <c r="F421" s="156" t="s">
        <v>540</v>
      </c>
      <c r="G421" s="156" t="s">
        <v>58</v>
      </c>
      <c r="H421" s="156" t="s">
        <v>20</v>
      </c>
      <c r="I421" s="156" t="s">
        <v>388</v>
      </c>
      <c r="J421" s="156" t="s">
        <v>525</v>
      </c>
      <c r="K421" s="156" t="s">
        <v>559</v>
      </c>
      <c r="L421" s="156" t="s">
        <v>63</v>
      </c>
      <c r="M421" s="156" t="s">
        <v>63</v>
      </c>
      <c r="N421" s="157">
        <v>43494</v>
      </c>
      <c r="O421" s="157">
        <v>43494</v>
      </c>
      <c r="P421" s="156" t="s">
        <v>64</v>
      </c>
      <c r="Q421" s="156" t="s">
        <v>82</v>
      </c>
      <c r="R421" s="167"/>
      <c r="S421" s="167"/>
      <c r="T421" s="167"/>
      <c r="U421" s="161" t="s">
        <v>66</v>
      </c>
      <c r="V421" s="167"/>
      <c r="W421" s="161"/>
      <c r="X421" s="167"/>
      <c r="Y421" s="167"/>
      <c r="Z421" s="167"/>
      <c r="AA421" s="167"/>
      <c r="AB421" s="167"/>
      <c r="AC421" s="167"/>
      <c r="AD421" s="167"/>
      <c r="AE421" s="167"/>
      <c r="AF421" s="167"/>
      <c r="AG421" s="167"/>
      <c r="AH421" s="167"/>
      <c r="AI421" s="167"/>
      <c r="AJ421" s="167"/>
      <c r="AK421" s="167"/>
      <c r="AL421" s="167"/>
      <c r="AM421" s="167"/>
      <c r="AN421" s="167"/>
      <c r="AO421" s="167"/>
      <c r="AP421" s="167"/>
      <c r="AQ421" s="167"/>
      <c r="AR421" s="167"/>
      <c r="AS421" s="167"/>
      <c r="AT421" s="167"/>
      <c r="AU421" s="167"/>
      <c r="AV421" s="167"/>
      <c r="AW421" s="160">
        <f t="shared" si="224"/>
        <v>350</v>
      </c>
      <c r="AX421" s="158">
        <f t="shared" si="257"/>
        <v>124.26857142857143</v>
      </c>
      <c r="AY421" s="161" t="str">
        <f t="shared" si="225"/>
        <v/>
      </c>
      <c r="AZ421" s="161" t="str">
        <f t="shared" si="226"/>
        <v/>
      </c>
      <c r="BA421" s="161" t="str">
        <f t="shared" si="227"/>
        <v/>
      </c>
      <c r="BB421" s="161">
        <f t="shared" si="228"/>
        <v>43494</v>
      </c>
      <c r="BC421" s="161" t="str">
        <f t="shared" si="229"/>
        <v/>
      </c>
      <c r="BD421" s="161" t="str">
        <f t="shared" si="230"/>
        <v/>
      </c>
      <c r="BE421" s="161" t="str">
        <f t="shared" si="231"/>
        <v/>
      </c>
      <c r="BF421" s="161" t="str">
        <f t="shared" si="232"/>
        <v/>
      </c>
      <c r="BG421" s="161" t="str">
        <f t="shared" si="233"/>
        <v/>
      </c>
      <c r="BH421" s="161" t="str">
        <f t="shared" si="234"/>
        <v/>
      </c>
      <c r="BI421" s="161" t="str">
        <f t="shared" si="235"/>
        <v/>
      </c>
      <c r="BJ421" s="161" t="str">
        <f t="shared" si="236"/>
        <v/>
      </c>
      <c r="BK421" s="161" t="str">
        <f t="shared" si="237"/>
        <v/>
      </c>
      <c r="BL421" s="161" t="str">
        <f t="shared" si="238"/>
        <v/>
      </c>
      <c r="BM421" s="161" t="str">
        <f t="shared" si="239"/>
        <v/>
      </c>
      <c r="BN421" s="161" t="str">
        <f t="shared" si="240"/>
        <v/>
      </c>
      <c r="BO421" s="161" t="str">
        <f t="shared" si="241"/>
        <v/>
      </c>
      <c r="BP421" s="161" t="str">
        <f t="shared" si="242"/>
        <v/>
      </c>
      <c r="BQ421" s="161" t="str">
        <f t="shared" si="243"/>
        <v/>
      </c>
      <c r="BR421" s="161" t="str">
        <f t="shared" si="244"/>
        <v/>
      </c>
      <c r="BS421" s="161" t="str">
        <f t="shared" si="245"/>
        <v/>
      </c>
      <c r="BT421" s="161" t="str">
        <f t="shared" si="246"/>
        <v/>
      </c>
      <c r="BU421" s="161" t="str">
        <f t="shared" si="247"/>
        <v/>
      </c>
      <c r="BV421" s="161" t="str">
        <f t="shared" si="248"/>
        <v/>
      </c>
      <c r="BW421" s="161" t="str">
        <f t="shared" si="249"/>
        <v/>
      </c>
      <c r="BX421" s="161" t="str">
        <f t="shared" si="250"/>
        <v/>
      </c>
      <c r="BY421" s="161" t="str">
        <f t="shared" si="251"/>
        <v/>
      </c>
      <c r="BZ421" s="161" t="str">
        <f t="shared" si="252"/>
        <v/>
      </c>
      <c r="CA421" s="161" t="str">
        <f t="shared" si="253"/>
        <v/>
      </c>
      <c r="CB421" s="161" t="str">
        <f t="shared" si="254"/>
        <v/>
      </c>
      <c r="CC421" s="161" t="str">
        <f t="shared" si="255"/>
        <v/>
      </c>
      <c r="CD421" s="156"/>
      <c r="CE421" s="156"/>
      <c r="CF421" s="156"/>
    </row>
    <row r="422" spans="1:84" s="168" customFormat="1" ht="56.1" hidden="1" customHeight="1" x14ac:dyDescent="0.2">
      <c r="A422" s="154">
        <v>422</v>
      </c>
      <c r="B422" s="155" t="s">
        <v>53</v>
      </c>
      <c r="C422" s="165" t="s">
        <v>515</v>
      </c>
      <c r="D422" s="156" t="s">
        <v>539</v>
      </c>
      <c r="E422" s="156" t="s">
        <v>541</v>
      </c>
      <c r="F422" s="156" t="s">
        <v>541</v>
      </c>
      <c r="G422" s="156" t="s">
        <v>58</v>
      </c>
      <c r="H422" s="156" t="s">
        <v>20</v>
      </c>
      <c r="I422" s="156" t="s">
        <v>388</v>
      </c>
      <c r="J422" s="156" t="s">
        <v>525</v>
      </c>
      <c r="K422" s="156" t="s">
        <v>559</v>
      </c>
      <c r="L422" s="156" t="s">
        <v>63</v>
      </c>
      <c r="M422" s="156" t="s">
        <v>63</v>
      </c>
      <c r="N422" s="157">
        <v>105440</v>
      </c>
      <c r="O422" s="157">
        <v>105440</v>
      </c>
      <c r="P422" s="156" t="s">
        <v>64</v>
      </c>
      <c r="Q422" s="156" t="s">
        <v>82</v>
      </c>
      <c r="R422" s="167"/>
      <c r="S422" s="167"/>
      <c r="T422" s="167"/>
      <c r="U422" s="161" t="s">
        <v>66</v>
      </c>
      <c r="V422" s="167"/>
      <c r="W422" s="161"/>
      <c r="X422" s="167"/>
      <c r="Y422" s="167"/>
      <c r="Z422" s="167"/>
      <c r="AA422" s="167"/>
      <c r="AB422" s="167"/>
      <c r="AC422" s="167"/>
      <c r="AD422" s="167"/>
      <c r="AE422" s="167"/>
      <c r="AF422" s="167"/>
      <c r="AG422" s="167"/>
      <c r="AH422" s="167"/>
      <c r="AI422" s="167"/>
      <c r="AJ422" s="167"/>
      <c r="AK422" s="167"/>
      <c r="AL422" s="167"/>
      <c r="AM422" s="167"/>
      <c r="AN422" s="167"/>
      <c r="AO422" s="167"/>
      <c r="AP422" s="167"/>
      <c r="AQ422" s="167"/>
      <c r="AR422" s="167"/>
      <c r="AS422" s="167"/>
      <c r="AT422" s="167"/>
      <c r="AU422" s="167"/>
      <c r="AV422" s="167"/>
      <c r="AW422" s="160">
        <f t="shared" si="224"/>
        <v>350</v>
      </c>
      <c r="AX422" s="158">
        <f t="shared" si="257"/>
        <v>301.25714285714287</v>
      </c>
      <c r="AY422" s="161" t="str">
        <f t="shared" si="225"/>
        <v/>
      </c>
      <c r="AZ422" s="161" t="str">
        <f t="shared" si="226"/>
        <v/>
      </c>
      <c r="BA422" s="161" t="str">
        <f t="shared" si="227"/>
        <v/>
      </c>
      <c r="BB422" s="161">
        <f t="shared" si="228"/>
        <v>105440</v>
      </c>
      <c r="BC422" s="161" t="str">
        <f t="shared" si="229"/>
        <v/>
      </c>
      <c r="BD422" s="161" t="str">
        <f t="shared" si="230"/>
        <v/>
      </c>
      <c r="BE422" s="161" t="str">
        <f t="shared" si="231"/>
        <v/>
      </c>
      <c r="BF422" s="161" t="str">
        <f t="shared" si="232"/>
        <v/>
      </c>
      <c r="BG422" s="161" t="str">
        <f t="shared" si="233"/>
        <v/>
      </c>
      <c r="BH422" s="161" t="str">
        <f t="shared" si="234"/>
        <v/>
      </c>
      <c r="BI422" s="161" t="str">
        <f t="shared" si="235"/>
        <v/>
      </c>
      <c r="BJ422" s="161" t="str">
        <f t="shared" si="236"/>
        <v/>
      </c>
      <c r="BK422" s="161" t="str">
        <f t="shared" si="237"/>
        <v/>
      </c>
      <c r="BL422" s="161" t="str">
        <f t="shared" si="238"/>
        <v/>
      </c>
      <c r="BM422" s="161" t="str">
        <f t="shared" si="239"/>
        <v/>
      </c>
      <c r="BN422" s="161" t="str">
        <f t="shared" si="240"/>
        <v/>
      </c>
      <c r="BO422" s="161" t="str">
        <f t="shared" si="241"/>
        <v/>
      </c>
      <c r="BP422" s="161" t="str">
        <f t="shared" si="242"/>
        <v/>
      </c>
      <c r="BQ422" s="161" t="str">
        <f t="shared" si="243"/>
        <v/>
      </c>
      <c r="BR422" s="161" t="str">
        <f t="shared" si="244"/>
        <v/>
      </c>
      <c r="BS422" s="161" t="str">
        <f t="shared" si="245"/>
        <v/>
      </c>
      <c r="BT422" s="161" t="str">
        <f t="shared" si="246"/>
        <v/>
      </c>
      <c r="BU422" s="161" t="str">
        <f t="shared" si="247"/>
        <v/>
      </c>
      <c r="BV422" s="161" t="str">
        <f t="shared" si="248"/>
        <v/>
      </c>
      <c r="BW422" s="161" t="str">
        <f t="shared" si="249"/>
        <v/>
      </c>
      <c r="BX422" s="161" t="str">
        <f t="shared" si="250"/>
        <v/>
      </c>
      <c r="BY422" s="161" t="str">
        <f t="shared" si="251"/>
        <v/>
      </c>
      <c r="BZ422" s="161" t="str">
        <f t="shared" si="252"/>
        <v/>
      </c>
      <c r="CA422" s="161" t="str">
        <f t="shared" si="253"/>
        <v/>
      </c>
      <c r="CB422" s="161" t="str">
        <f t="shared" si="254"/>
        <v/>
      </c>
      <c r="CC422" s="161" t="str">
        <f t="shared" si="255"/>
        <v/>
      </c>
      <c r="CD422" s="156"/>
      <c r="CE422" s="156"/>
      <c r="CF422" s="156"/>
    </row>
    <row r="423" spans="1:84" s="168" customFormat="1" ht="56.1" hidden="1" customHeight="1" x14ac:dyDescent="0.2">
      <c r="A423" s="154">
        <v>423</v>
      </c>
      <c r="B423" s="155" t="s">
        <v>53</v>
      </c>
      <c r="C423" s="165" t="s">
        <v>515</v>
      </c>
      <c r="D423" s="156" t="s">
        <v>528</v>
      </c>
      <c r="E423" s="156" t="s">
        <v>560</v>
      </c>
      <c r="F423" s="156" t="s">
        <v>561</v>
      </c>
      <c r="G423" s="156" t="s">
        <v>58</v>
      </c>
      <c r="H423" s="156" t="s">
        <v>20</v>
      </c>
      <c r="I423" s="156" t="s">
        <v>388</v>
      </c>
      <c r="J423" s="156" t="s">
        <v>525</v>
      </c>
      <c r="K423" s="156" t="s">
        <v>559</v>
      </c>
      <c r="L423" s="156" t="s">
        <v>63</v>
      </c>
      <c r="M423" s="156" t="s">
        <v>63</v>
      </c>
      <c r="N423" s="157">
        <v>49678.461538461539</v>
      </c>
      <c r="O423" s="157">
        <v>49678.461538461539</v>
      </c>
      <c r="P423" s="156" t="s">
        <v>64</v>
      </c>
      <c r="Q423" s="156" t="s">
        <v>82</v>
      </c>
      <c r="R423" s="167"/>
      <c r="S423" s="167"/>
      <c r="T423" s="167"/>
      <c r="U423" s="161" t="s">
        <v>66</v>
      </c>
      <c r="V423" s="167"/>
      <c r="W423" s="161"/>
      <c r="X423" s="167"/>
      <c r="Y423" s="167"/>
      <c r="Z423" s="167"/>
      <c r="AA423" s="167"/>
      <c r="AB423" s="167"/>
      <c r="AC423" s="167"/>
      <c r="AD423" s="167"/>
      <c r="AE423" s="167"/>
      <c r="AF423" s="167"/>
      <c r="AG423" s="167"/>
      <c r="AH423" s="167"/>
      <c r="AI423" s="167"/>
      <c r="AJ423" s="167"/>
      <c r="AK423" s="167"/>
      <c r="AL423" s="167"/>
      <c r="AM423" s="167"/>
      <c r="AN423" s="167"/>
      <c r="AO423" s="167"/>
      <c r="AP423" s="167"/>
      <c r="AQ423" s="167"/>
      <c r="AR423" s="167"/>
      <c r="AS423" s="167"/>
      <c r="AT423" s="167"/>
      <c r="AU423" s="167"/>
      <c r="AV423" s="167"/>
      <c r="AW423" s="160">
        <f t="shared" si="224"/>
        <v>350</v>
      </c>
      <c r="AX423" s="158">
        <f t="shared" si="257"/>
        <v>141.93846153846155</v>
      </c>
      <c r="AY423" s="161" t="str">
        <f t="shared" si="225"/>
        <v/>
      </c>
      <c r="AZ423" s="161" t="str">
        <f t="shared" si="226"/>
        <v/>
      </c>
      <c r="BA423" s="161" t="str">
        <f t="shared" si="227"/>
        <v/>
      </c>
      <c r="BB423" s="161">
        <f t="shared" si="228"/>
        <v>49678.461538461546</v>
      </c>
      <c r="BC423" s="161" t="str">
        <f t="shared" si="229"/>
        <v/>
      </c>
      <c r="BD423" s="161" t="str">
        <f t="shared" si="230"/>
        <v/>
      </c>
      <c r="BE423" s="161" t="str">
        <f t="shared" si="231"/>
        <v/>
      </c>
      <c r="BF423" s="161" t="str">
        <f t="shared" si="232"/>
        <v/>
      </c>
      <c r="BG423" s="161" t="str">
        <f t="shared" si="233"/>
        <v/>
      </c>
      <c r="BH423" s="161" t="str">
        <f t="shared" si="234"/>
        <v/>
      </c>
      <c r="BI423" s="161" t="str">
        <f t="shared" si="235"/>
        <v/>
      </c>
      <c r="BJ423" s="161" t="str">
        <f t="shared" si="236"/>
        <v/>
      </c>
      <c r="BK423" s="161" t="str">
        <f t="shared" si="237"/>
        <v/>
      </c>
      <c r="BL423" s="161" t="str">
        <f t="shared" si="238"/>
        <v/>
      </c>
      <c r="BM423" s="161" t="str">
        <f t="shared" si="239"/>
        <v/>
      </c>
      <c r="BN423" s="161" t="str">
        <f t="shared" si="240"/>
        <v/>
      </c>
      <c r="BO423" s="161" t="str">
        <f t="shared" si="241"/>
        <v/>
      </c>
      <c r="BP423" s="161" t="str">
        <f t="shared" si="242"/>
        <v/>
      </c>
      <c r="BQ423" s="161" t="str">
        <f t="shared" si="243"/>
        <v/>
      </c>
      <c r="BR423" s="161" t="str">
        <f t="shared" si="244"/>
        <v/>
      </c>
      <c r="BS423" s="161" t="str">
        <f t="shared" si="245"/>
        <v/>
      </c>
      <c r="BT423" s="161" t="str">
        <f t="shared" si="246"/>
        <v/>
      </c>
      <c r="BU423" s="161" t="str">
        <f t="shared" si="247"/>
        <v/>
      </c>
      <c r="BV423" s="161" t="str">
        <f t="shared" si="248"/>
        <v/>
      </c>
      <c r="BW423" s="161" t="str">
        <f t="shared" si="249"/>
        <v/>
      </c>
      <c r="BX423" s="161" t="str">
        <f t="shared" si="250"/>
        <v/>
      </c>
      <c r="BY423" s="161" t="str">
        <f t="shared" si="251"/>
        <v/>
      </c>
      <c r="BZ423" s="161" t="str">
        <f t="shared" si="252"/>
        <v/>
      </c>
      <c r="CA423" s="161" t="str">
        <f t="shared" si="253"/>
        <v/>
      </c>
      <c r="CB423" s="161" t="str">
        <f t="shared" si="254"/>
        <v/>
      </c>
      <c r="CC423" s="161" t="str">
        <f t="shared" si="255"/>
        <v/>
      </c>
      <c r="CD423" s="156"/>
      <c r="CE423" s="156"/>
      <c r="CF423" s="156"/>
    </row>
    <row r="424" spans="1:84" s="168" customFormat="1" ht="56.1" hidden="1" customHeight="1" x14ac:dyDescent="0.2">
      <c r="A424" s="154">
        <v>424</v>
      </c>
      <c r="B424" s="155" t="s">
        <v>53</v>
      </c>
      <c r="C424" s="165" t="s">
        <v>515</v>
      </c>
      <c r="D424" s="156" t="s">
        <v>530</v>
      </c>
      <c r="E424" s="156" t="s">
        <v>532</v>
      </c>
      <c r="F424" s="156" t="s">
        <v>532</v>
      </c>
      <c r="G424" s="156" t="s">
        <v>58</v>
      </c>
      <c r="H424" s="156" t="s">
        <v>20</v>
      </c>
      <c r="I424" s="156" t="s">
        <v>8</v>
      </c>
      <c r="J424" s="156" t="s">
        <v>525</v>
      </c>
      <c r="K424" s="156" t="s">
        <v>559</v>
      </c>
      <c r="L424" s="156" t="s">
        <v>63</v>
      </c>
      <c r="M424" s="156" t="s">
        <v>63</v>
      </c>
      <c r="N424" s="157">
        <v>0</v>
      </c>
      <c r="O424" s="157">
        <v>0</v>
      </c>
      <c r="P424" s="156" t="s">
        <v>64</v>
      </c>
      <c r="Q424" s="156" t="s">
        <v>82</v>
      </c>
      <c r="R424" s="167"/>
      <c r="S424" s="167"/>
      <c r="T424" s="167"/>
      <c r="U424" s="161" t="s">
        <v>66</v>
      </c>
      <c r="V424" s="167"/>
      <c r="W424" s="161"/>
      <c r="X424" s="167"/>
      <c r="Y424" s="167"/>
      <c r="Z424" s="167"/>
      <c r="AA424" s="167"/>
      <c r="AB424" s="167"/>
      <c r="AC424" s="167"/>
      <c r="AD424" s="167"/>
      <c r="AE424" s="167"/>
      <c r="AF424" s="167"/>
      <c r="AG424" s="167"/>
      <c r="AH424" s="167"/>
      <c r="AI424" s="167"/>
      <c r="AJ424" s="167"/>
      <c r="AK424" s="167"/>
      <c r="AL424" s="167"/>
      <c r="AM424" s="167"/>
      <c r="AN424" s="167"/>
      <c r="AO424" s="167"/>
      <c r="AP424" s="167"/>
      <c r="AQ424" s="167"/>
      <c r="AR424" s="167"/>
      <c r="AS424" s="167"/>
      <c r="AT424" s="167"/>
      <c r="AU424" s="167"/>
      <c r="AV424" s="167"/>
      <c r="AW424" s="160">
        <f t="shared" si="224"/>
        <v>350</v>
      </c>
      <c r="AX424" s="158"/>
      <c r="AY424" s="161" t="str">
        <f t="shared" si="225"/>
        <v/>
      </c>
      <c r="AZ424" s="161" t="str">
        <f t="shared" si="226"/>
        <v/>
      </c>
      <c r="BA424" s="161" t="str">
        <f t="shared" si="227"/>
        <v/>
      </c>
      <c r="BB424" s="161">
        <f t="shared" si="228"/>
        <v>0</v>
      </c>
      <c r="BC424" s="161" t="str">
        <f t="shared" si="229"/>
        <v/>
      </c>
      <c r="BD424" s="161" t="str">
        <f t="shared" si="230"/>
        <v/>
      </c>
      <c r="BE424" s="161" t="str">
        <f t="shared" si="231"/>
        <v/>
      </c>
      <c r="BF424" s="161" t="str">
        <f t="shared" si="232"/>
        <v/>
      </c>
      <c r="BG424" s="161" t="str">
        <f t="shared" si="233"/>
        <v/>
      </c>
      <c r="BH424" s="161" t="str">
        <f t="shared" si="234"/>
        <v/>
      </c>
      <c r="BI424" s="161" t="str">
        <f t="shared" si="235"/>
        <v/>
      </c>
      <c r="BJ424" s="161" t="str">
        <f t="shared" si="236"/>
        <v/>
      </c>
      <c r="BK424" s="161" t="str">
        <f t="shared" si="237"/>
        <v/>
      </c>
      <c r="BL424" s="161" t="str">
        <f t="shared" si="238"/>
        <v/>
      </c>
      <c r="BM424" s="161" t="str">
        <f t="shared" si="239"/>
        <v/>
      </c>
      <c r="BN424" s="161" t="str">
        <f t="shared" si="240"/>
        <v/>
      </c>
      <c r="BO424" s="161" t="str">
        <f t="shared" si="241"/>
        <v/>
      </c>
      <c r="BP424" s="161" t="str">
        <f t="shared" si="242"/>
        <v/>
      </c>
      <c r="BQ424" s="161" t="str">
        <f t="shared" si="243"/>
        <v/>
      </c>
      <c r="BR424" s="161" t="str">
        <f t="shared" si="244"/>
        <v/>
      </c>
      <c r="BS424" s="161" t="str">
        <f t="shared" si="245"/>
        <v/>
      </c>
      <c r="BT424" s="161" t="str">
        <f t="shared" si="246"/>
        <v/>
      </c>
      <c r="BU424" s="161" t="str">
        <f t="shared" si="247"/>
        <v/>
      </c>
      <c r="BV424" s="161" t="str">
        <f t="shared" si="248"/>
        <v/>
      </c>
      <c r="BW424" s="161" t="str">
        <f t="shared" si="249"/>
        <v/>
      </c>
      <c r="BX424" s="161" t="str">
        <f t="shared" si="250"/>
        <v/>
      </c>
      <c r="BY424" s="161" t="str">
        <f t="shared" si="251"/>
        <v/>
      </c>
      <c r="BZ424" s="161" t="str">
        <f t="shared" si="252"/>
        <v/>
      </c>
      <c r="CA424" s="161" t="str">
        <f t="shared" si="253"/>
        <v/>
      </c>
      <c r="CB424" s="161" t="str">
        <f t="shared" si="254"/>
        <v/>
      </c>
      <c r="CC424" s="161" t="str">
        <f t="shared" si="255"/>
        <v/>
      </c>
      <c r="CD424" s="156"/>
      <c r="CE424" s="156"/>
      <c r="CF424" s="156"/>
    </row>
    <row r="425" spans="1:84" s="168" customFormat="1" ht="56.1" hidden="1" customHeight="1" x14ac:dyDescent="0.2">
      <c r="A425" s="154">
        <v>425</v>
      </c>
      <c r="B425" s="155" t="s">
        <v>53</v>
      </c>
      <c r="C425" s="165" t="s">
        <v>515</v>
      </c>
      <c r="D425" s="156" t="s">
        <v>533</v>
      </c>
      <c r="E425" s="156" t="s">
        <v>534</v>
      </c>
      <c r="F425" s="156" t="s">
        <v>534</v>
      </c>
      <c r="G425" s="156" t="s">
        <v>58</v>
      </c>
      <c r="H425" s="156" t="s">
        <v>20</v>
      </c>
      <c r="I425" s="156" t="s">
        <v>81</v>
      </c>
      <c r="J425" s="156" t="s">
        <v>334</v>
      </c>
      <c r="K425" s="156" t="s">
        <v>559</v>
      </c>
      <c r="L425" s="156" t="s">
        <v>63</v>
      </c>
      <c r="M425" s="156" t="s">
        <v>63</v>
      </c>
      <c r="N425" s="157">
        <v>62275.5</v>
      </c>
      <c r="O425" s="157">
        <v>62275.5</v>
      </c>
      <c r="P425" s="156" t="s">
        <v>64</v>
      </c>
      <c r="Q425" s="156" t="s">
        <v>82</v>
      </c>
      <c r="R425" s="167"/>
      <c r="S425" s="167"/>
      <c r="T425" s="167"/>
      <c r="U425" s="161" t="s">
        <v>66</v>
      </c>
      <c r="V425" s="167"/>
      <c r="W425" s="161"/>
      <c r="X425" s="167"/>
      <c r="Y425" s="167"/>
      <c r="Z425" s="167"/>
      <c r="AA425" s="167"/>
      <c r="AB425" s="167"/>
      <c r="AC425" s="167"/>
      <c r="AD425" s="167"/>
      <c r="AE425" s="167"/>
      <c r="AF425" s="167"/>
      <c r="AG425" s="167"/>
      <c r="AH425" s="167"/>
      <c r="AI425" s="167"/>
      <c r="AJ425" s="167"/>
      <c r="AK425" s="167"/>
      <c r="AL425" s="167"/>
      <c r="AM425" s="167"/>
      <c r="AN425" s="167"/>
      <c r="AO425" s="167"/>
      <c r="AP425" s="167"/>
      <c r="AQ425" s="167"/>
      <c r="AR425" s="167"/>
      <c r="AS425" s="167"/>
      <c r="AT425" s="167"/>
      <c r="AU425" s="167"/>
      <c r="AV425" s="167"/>
      <c r="AW425" s="160">
        <f t="shared" si="224"/>
        <v>350</v>
      </c>
      <c r="AX425" s="158">
        <f t="shared" ref="AX425:AX431" si="258">O425/AW425</f>
        <v>177.93</v>
      </c>
      <c r="AY425" s="161" t="str">
        <f t="shared" si="225"/>
        <v/>
      </c>
      <c r="AZ425" s="161" t="str">
        <f t="shared" si="226"/>
        <v/>
      </c>
      <c r="BA425" s="161" t="str">
        <f t="shared" si="227"/>
        <v/>
      </c>
      <c r="BB425" s="161">
        <f t="shared" si="228"/>
        <v>62275.5</v>
      </c>
      <c r="BC425" s="161" t="str">
        <f t="shared" si="229"/>
        <v/>
      </c>
      <c r="BD425" s="161" t="str">
        <f t="shared" si="230"/>
        <v/>
      </c>
      <c r="BE425" s="161" t="str">
        <f t="shared" si="231"/>
        <v/>
      </c>
      <c r="BF425" s="161" t="str">
        <f t="shared" si="232"/>
        <v/>
      </c>
      <c r="BG425" s="161" t="str">
        <f t="shared" si="233"/>
        <v/>
      </c>
      <c r="BH425" s="161" t="str">
        <f t="shared" si="234"/>
        <v/>
      </c>
      <c r="BI425" s="161" t="str">
        <f t="shared" si="235"/>
        <v/>
      </c>
      <c r="BJ425" s="161" t="str">
        <f t="shared" si="236"/>
        <v/>
      </c>
      <c r="BK425" s="161" t="str">
        <f t="shared" si="237"/>
        <v/>
      </c>
      <c r="BL425" s="161" t="str">
        <f t="shared" si="238"/>
        <v/>
      </c>
      <c r="BM425" s="161" t="str">
        <f t="shared" si="239"/>
        <v/>
      </c>
      <c r="BN425" s="161" t="str">
        <f t="shared" si="240"/>
        <v/>
      </c>
      <c r="BO425" s="161" t="str">
        <f t="shared" si="241"/>
        <v/>
      </c>
      <c r="BP425" s="161" t="str">
        <f t="shared" si="242"/>
        <v/>
      </c>
      <c r="BQ425" s="161" t="str">
        <f t="shared" si="243"/>
        <v/>
      </c>
      <c r="BR425" s="161" t="str">
        <f t="shared" si="244"/>
        <v/>
      </c>
      <c r="BS425" s="161" t="str">
        <f t="shared" si="245"/>
        <v/>
      </c>
      <c r="BT425" s="161" t="str">
        <f t="shared" si="246"/>
        <v/>
      </c>
      <c r="BU425" s="161" t="str">
        <f t="shared" si="247"/>
        <v/>
      </c>
      <c r="BV425" s="161" t="str">
        <f t="shared" si="248"/>
        <v/>
      </c>
      <c r="BW425" s="161" t="str">
        <f t="shared" si="249"/>
        <v/>
      </c>
      <c r="BX425" s="161" t="str">
        <f t="shared" si="250"/>
        <v/>
      </c>
      <c r="BY425" s="161" t="str">
        <f t="shared" si="251"/>
        <v/>
      </c>
      <c r="BZ425" s="161" t="str">
        <f t="shared" si="252"/>
        <v/>
      </c>
      <c r="CA425" s="161" t="str">
        <f t="shared" si="253"/>
        <v/>
      </c>
      <c r="CB425" s="161" t="str">
        <f t="shared" si="254"/>
        <v/>
      </c>
      <c r="CC425" s="161" t="str">
        <f t="shared" si="255"/>
        <v/>
      </c>
      <c r="CD425" s="156"/>
      <c r="CE425" s="156"/>
      <c r="CF425" s="156"/>
    </row>
    <row r="426" spans="1:84" s="211" customFormat="1" ht="56.1" hidden="1" customHeight="1" x14ac:dyDescent="0.2">
      <c r="A426" s="198">
        <v>426</v>
      </c>
      <c r="B426" s="199" t="s">
        <v>53</v>
      </c>
      <c r="C426" s="208" t="s">
        <v>515</v>
      </c>
      <c r="D426" s="200" t="s">
        <v>548</v>
      </c>
      <c r="E426" s="200" t="s">
        <v>536</v>
      </c>
      <c r="F426" s="200" t="s">
        <v>536</v>
      </c>
      <c r="G426" s="200" t="s">
        <v>58</v>
      </c>
      <c r="H426" s="200" t="s">
        <v>322</v>
      </c>
      <c r="I426" s="212" t="s">
        <v>60</v>
      </c>
      <c r="J426" s="200" t="s">
        <v>334</v>
      </c>
      <c r="K426" s="200" t="s">
        <v>377</v>
      </c>
      <c r="L426" s="200" t="s">
        <v>63</v>
      </c>
      <c r="M426" s="200" t="s">
        <v>63</v>
      </c>
      <c r="N426" s="201">
        <v>60733.439999999995</v>
      </c>
      <c r="O426" s="201">
        <v>60733.439999999995</v>
      </c>
      <c r="P426" s="200" t="s">
        <v>64</v>
      </c>
      <c r="Q426" s="200" t="s">
        <v>82</v>
      </c>
      <c r="R426" s="210"/>
      <c r="S426" s="203" t="s">
        <v>66</v>
      </c>
      <c r="T426" s="210"/>
      <c r="U426" s="210"/>
      <c r="V426" s="210"/>
      <c r="W426" s="203"/>
      <c r="X426" s="210"/>
      <c r="Y426" s="210"/>
      <c r="Z426" s="210"/>
      <c r="AA426" s="210"/>
      <c r="AB426" s="210"/>
      <c r="AC426" s="210"/>
      <c r="AD426" s="210"/>
      <c r="AE426" s="210"/>
      <c r="AF426" s="210"/>
      <c r="AG426" s="210"/>
      <c r="AH426" s="210"/>
      <c r="AI426" s="210"/>
      <c r="AJ426" s="210"/>
      <c r="AK426" s="210"/>
      <c r="AL426" s="210"/>
      <c r="AM426" s="210"/>
      <c r="AN426" s="210"/>
      <c r="AO426" s="210"/>
      <c r="AP426" s="210"/>
      <c r="AQ426" s="210"/>
      <c r="AR426" s="210"/>
      <c r="AS426" s="210"/>
      <c r="AT426" s="210"/>
      <c r="AU426" s="210"/>
      <c r="AV426" s="210"/>
      <c r="AW426" s="204">
        <f t="shared" si="224"/>
        <v>200</v>
      </c>
      <c r="AX426" s="205">
        <f t="shared" si="258"/>
        <v>303.66719999999998</v>
      </c>
      <c r="AY426" s="203" t="str">
        <f t="shared" si="225"/>
        <v/>
      </c>
      <c r="AZ426" s="203">
        <f t="shared" si="226"/>
        <v>60733.439999999995</v>
      </c>
      <c r="BA426" s="203" t="str">
        <f t="shared" si="227"/>
        <v/>
      </c>
      <c r="BB426" s="203" t="str">
        <f t="shared" si="228"/>
        <v/>
      </c>
      <c r="BC426" s="203" t="str">
        <f t="shared" si="229"/>
        <v/>
      </c>
      <c r="BD426" s="203" t="str">
        <f t="shared" si="230"/>
        <v/>
      </c>
      <c r="BE426" s="203" t="str">
        <f t="shared" si="231"/>
        <v/>
      </c>
      <c r="BF426" s="203" t="str">
        <f t="shared" si="232"/>
        <v/>
      </c>
      <c r="BG426" s="203" t="str">
        <f t="shared" si="233"/>
        <v/>
      </c>
      <c r="BH426" s="203" t="str">
        <f t="shared" si="234"/>
        <v/>
      </c>
      <c r="BI426" s="203" t="str">
        <f t="shared" si="235"/>
        <v/>
      </c>
      <c r="BJ426" s="203" t="str">
        <f t="shared" si="236"/>
        <v/>
      </c>
      <c r="BK426" s="203" t="str">
        <f t="shared" si="237"/>
        <v/>
      </c>
      <c r="BL426" s="203" t="str">
        <f t="shared" si="238"/>
        <v/>
      </c>
      <c r="BM426" s="203" t="str">
        <f t="shared" si="239"/>
        <v/>
      </c>
      <c r="BN426" s="203" t="str">
        <f t="shared" si="240"/>
        <v/>
      </c>
      <c r="BO426" s="203" t="str">
        <f t="shared" si="241"/>
        <v/>
      </c>
      <c r="BP426" s="203" t="str">
        <f t="shared" si="242"/>
        <v/>
      </c>
      <c r="BQ426" s="203" t="str">
        <f t="shared" si="243"/>
        <v/>
      </c>
      <c r="BR426" s="203" t="str">
        <f t="shared" si="244"/>
        <v/>
      </c>
      <c r="BS426" s="203" t="str">
        <f t="shared" si="245"/>
        <v/>
      </c>
      <c r="BT426" s="203" t="str">
        <f t="shared" si="246"/>
        <v/>
      </c>
      <c r="BU426" s="203" t="str">
        <f t="shared" si="247"/>
        <v/>
      </c>
      <c r="BV426" s="203" t="str">
        <f t="shared" si="248"/>
        <v/>
      </c>
      <c r="BW426" s="203" t="str">
        <f t="shared" si="249"/>
        <v/>
      </c>
      <c r="BX426" s="203" t="str">
        <f t="shared" si="250"/>
        <v/>
      </c>
      <c r="BY426" s="203" t="str">
        <f t="shared" si="251"/>
        <v/>
      </c>
      <c r="BZ426" s="203" t="str">
        <f t="shared" si="252"/>
        <v/>
      </c>
      <c r="CA426" s="203" t="str">
        <f t="shared" si="253"/>
        <v/>
      </c>
      <c r="CB426" s="203" t="str">
        <f t="shared" si="254"/>
        <v/>
      </c>
      <c r="CC426" s="203" t="str">
        <f t="shared" si="255"/>
        <v/>
      </c>
      <c r="CD426" s="200"/>
      <c r="CE426" s="200"/>
      <c r="CF426" s="200"/>
    </row>
    <row r="427" spans="1:84" s="211" customFormat="1" ht="56.1" hidden="1" customHeight="1" x14ac:dyDescent="0.2">
      <c r="A427" s="198">
        <v>427</v>
      </c>
      <c r="B427" s="199" t="s">
        <v>53</v>
      </c>
      <c r="C427" s="208" t="s">
        <v>515</v>
      </c>
      <c r="D427" s="200" t="s">
        <v>518</v>
      </c>
      <c r="E427" s="200" t="s">
        <v>520</v>
      </c>
      <c r="F427" s="200" t="s">
        <v>520</v>
      </c>
      <c r="G427" s="200" t="s">
        <v>58</v>
      </c>
      <c r="H427" s="200" t="s">
        <v>322</v>
      </c>
      <c r="I427" s="212" t="s">
        <v>8</v>
      </c>
      <c r="J427" s="200" t="s">
        <v>334</v>
      </c>
      <c r="K427" s="200" t="s">
        <v>377</v>
      </c>
      <c r="L427" s="200" t="s">
        <v>63</v>
      </c>
      <c r="M427" s="200" t="s">
        <v>63</v>
      </c>
      <c r="N427" s="201">
        <v>159425.28</v>
      </c>
      <c r="O427" s="201">
        <v>159425.28</v>
      </c>
      <c r="P427" s="200" t="s">
        <v>64</v>
      </c>
      <c r="Q427" s="200" t="s">
        <v>82</v>
      </c>
      <c r="R427" s="210"/>
      <c r="S427" s="203" t="s">
        <v>66</v>
      </c>
      <c r="T427" s="210"/>
      <c r="U427" s="210"/>
      <c r="V427" s="210"/>
      <c r="W427" s="203"/>
      <c r="X427" s="210"/>
      <c r="Y427" s="210"/>
      <c r="Z427" s="210"/>
      <c r="AA427" s="210"/>
      <c r="AB427" s="210"/>
      <c r="AC427" s="210"/>
      <c r="AD427" s="210"/>
      <c r="AE427" s="210"/>
      <c r="AF427" s="210"/>
      <c r="AG427" s="210"/>
      <c r="AH427" s="210"/>
      <c r="AI427" s="210"/>
      <c r="AJ427" s="210"/>
      <c r="AK427" s="210"/>
      <c r="AL427" s="210"/>
      <c r="AM427" s="210"/>
      <c r="AN427" s="210"/>
      <c r="AO427" s="210"/>
      <c r="AP427" s="210"/>
      <c r="AQ427" s="210"/>
      <c r="AR427" s="210"/>
      <c r="AS427" s="210"/>
      <c r="AT427" s="210"/>
      <c r="AU427" s="210"/>
      <c r="AV427" s="210"/>
      <c r="AW427" s="204">
        <f t="shared" si="224"/>
        <v>200</v>
      </c>
      <c r="AX427" s="205">
        <f t="shared" si="258"/>
        <v>797.12639999999999</v>
      </c>
      <c r="AY427" s="203" t="str">
        <f t="shared" si="225"/>
        <v/>
      </c>
      <c r="AZ427" s="203">
        <f t="shared" si="226"/>
        <v>159425.28</v>
      </c>
      <c r="BA427" s="203" t="str">
        <f t="shared" si="227"/>
        <v/>
      </c>
      <c r="BB427" s="203" t="str">
        <f t="shared" si="228"/>
        <v/>
      </c>
      <c r="BC427" s="203" t="str">
        <f t="shared" si="229"/>
        <v/>
      </c>
      <c r="BD427" s="203" t="str">
        <f t="shared" si="230"/>
        <v/>
      </c>
      <c r="BE427" s="203" t="str">
        <f t="shared" si="231"/>
        <v/>
      </c>
      <c r="BF427" s="203" t="str">
        <f t="shared" si="232"/>
        <v/>
      </c>
      <c r="BG427" s="203" t="str">
        <f t="shared" si="233"/>
        <v/>
      </c>
      <c r="BH427" s="203" t="str">
        <f t="shared" si="234"/>
        <v/>
      </c>
      <c r="BI427" s="203" t="str">
        <f t="shared" si="235"/>
        <v/>
      </c>
      <c r="BJ427" s="203" t="str">
        <f t="shared" si="236"/>
        <v/>
      </c>
      <c r="BK427" s="203" t="str">
        <f t="shared" si="237"/>
        <v/>
      </c>
      <c r="BL427" s="203" t="str">
        <f t="shared" si="238"/>
        <v/>
      </c>
      <c r="BM427" s="203" t="str">
        <f t="shared" si="239"/>
        <v/>
      </c>
      <c r="BN427" s="203" t="str">
        <f t="shared" si="240"/>
        <v/>
      </c>
      <c r="BO427" s="203" t="str">
        <f t="shared" si="241"/>
        <v/>
      </c>
      <c r="BP427" s="203" t="str">
        <f t="shared" si="242"/>
        <v/>
      </c>
      <c r="BQ427" s="203" t="str">
        <f t="shared" si="243"/>
        <v/>
      </c>
      <c r="BR427" s="203" t="str">
        <f t="shared" si="244"/>
        <v/>
      </c>
      <c r="BS427" s="203" t="str">
        <f t="shared" si="245"/>
        <v/>
      </c>
      <c r="BT427" s="203" t="str">
        <f t="shared" si="246"/>
        <v/>
      </c>
      <c r="BU427" s="203" t="str">
        <f t="shared" si="247"/>
        <v/>
      </c>
      <c r="BV427" s="203" t="str">
        <f t="shared" si="248"/>
        <v/>
      </c>
      <c r="BW427" s="203" t="str">
        <f t="shared" si="249"/>
        <v/>
      </c>
      <c r="BX427" s="203" t="str">
        <f t="shared" si="250"/>
        <v/>
      </c>
      <c r="BY427" s="203" t="str">
        <f t="shared" si="251"/>
        <v/>
      </c>
      <c r="BZ427" s="203" t="str">
        <f t="shared" si="252"/>
        <v/>
      </c>
      <c r="CA427" s="203" t="str">
        <f t="shared" si="253"/>
        <v/>
      </c>
      <c r="CB427" s="203" t="str">
        <f t="shared" si="254"/>
        <v/>
      </c>
      <c r="CC427" s="203" t="str">
        <f t="shared" si="255"/>
        <v/>
      </c>
      <c r="CD427" s="200"/>
      <c r="CE427" s="200"/>
      <c r="CF427" s="200"/>
    </row>
    <row r="428" spans="1:84" s="211" customFormat="1" ht="56.1" hidden="1" customHeight="1" x14ac:dyDescent="0.2">
      <c r="A428" s="198">
        <v>428</v>
      </c>
      <c r="B428" s="199" t="s">
        <v>53</v>
      </c>
      <c r="C428" s="208" t="s">
        <v>515</v>
      </c>
      <c r="D428" s="200" t="s">
        <v>521</v>
      </c>
      <c r="E428" s="200" t="s">
        <v>522</v>
      </c>
      <c r="F428" s="200" t="s">
        <v>522</v>
      </c>
      <c r="G428" s="200" t="s">
        <v>58</v>
      </c>
      <c r="H428" s="200" t="s">
        <v>322</v>
      </c>
      <c r="I428" s="212" t="s">
        <v>8</v>
      </c>
      <c r="J428" s="200" t="s">
        <v>334</v>
      </c>
      <c r="K428" s="200" t="s">
        <v>377</v>
      </c>
      <c r="L428" s="200" t="s">
        <v>63</v>
      </c>
      <c r="M428" s="200" t="s">
        <v>63</v>
      </c>
      <c r="N428" s="201">
        <v>222689.28</v>
      </c>
      <c r="O428" s="201">
        <v>222689.28</v>
      </c>
      <c r="P428" s="200" t="s">
        <v>64</v>
      </c>
      <c r="Q428" s="200" t="s">
        <v>82</v>
      </c>
      <c r="R428" s="210"/>
      <c r="S428" s="203" t="s">
        <v>66</v>
      </c>
      <c r="T428" s="210"/>
      <c r="U428" s="210"/>
      <c r="V428" s="210"/>
      <c r="W428" s="203"/>
      <c r="X428" s="210"/>
      <c r="Y428" s="210"/>
      <c r="Z428" s="210"/>
      <c r="AA428" s="210"/>
      <c r="AB428" s="210"/>
      <c r="AC428" s="210"/>
      <c r="AD428" s="210"/>
      <c r="AE428" s="210"/>
      <c r="AF428" s="210"/>
      <c r="AG428" s="210"/>
      <c r="AH428" s="210"/>
      <c r="AI428" s="210"/>
      <c r="AJ428" s="210"/>
      <c r="AK428" s="210"/>
      <c r="AL428" s="210"/>
      <c r="AM428" s="210"/>
      <c r="AN428" s="210"/>
      <c r="AO428" s="210"/>
      <c r="AP428" s="210"/>
      <c r="AQ428" s="210"/>
      <c r="AR428" s="210"/>
      <c r="AS428" s="210"/>
      <c r="AT428" s="210"/>
      <c r="AU428" s="210"/>
      <c r="AV428" s="210"/>
      <c r="AW428" s="204">
        <f t="shared" si="224"/>
        <v>200</v>
      </c>
      <c r="AX428" s="205">
        <f t="shared" si="258"/>
        <v>1113.4464</v>
      </c>
      <c r="AY428" s="203" t="str">
        <f t="shared" si="225"/>
        <v/>
      </c>
      <c r="AZ428" s="203">
        <f t="shared" si="226"/>
        <v>222689.28</v>
      </c>
      <c r="BA428" s="203" t="str">
        <f t="shared" si="227"/>
        <v/>
      </c>
      <c r="BB428" s="203" t="str">
        <f t="shared" si="228"/>
        <v/>
      </c>
      <c r="BC428" s="203" t="str">
        <f t="shared" si="229"/>
        <v/>
      </c>
      <c r="BD428" s="203" t="str">
        <f t="shared" si="230"/>
        <v/>
      </c>
      <c r="BE428" s="203" t="str">
        <f t="shared" si="231"/>
        <v/>
      </c>
      <c r="BF428" s="203" t="str">
        <f t="shared" si="232"/>
        <v/>
      </c>
      <c r="BG428" s="203" t="str">
        <f t="shared" si="233"/>
        <v/>
      </c>
      <c r="BH428" s="203" t="str">
        <f t="shared" si="234"/>
        <v/>
      </c>
      <c r="BI428" s="203" t="str">
        <f t="shared" si="235"/>
        <v/>
      </c>
      <c r="BJ428" s="203" t="str">
        <f t="shared" si="236"/>
        <v/>
      </c>
      <c r="BK428" s="203" t="str">
        <f t="shared" si="237"/>
        <v/>
      </c>
      <c r="BL428" s="203" t="str">
        <f t="shared" si="238"/>
        <v/>
      </c>
      <c r="BM428" s="203" t="str">
        <f t="shared" si="239"/>
        <v/>
      </c>
      <c r="BN428" s="203" t="str">
        <f t="shared" si="240"/>
        <v/>
      </c>
      <c r="BO428" s="203" t="str">
        <f t="shared" si="241"/>
        <v/>
      </c>
      <c r="BP428" s="203" t="str">
        <f t="shared" si="242"/>
        <v/>
      </c>
      <c r="BQ428" s="203" t="str">
        <f t="shared" si="243"/>
        <v/>
      </c>
      <c r="BR428" s="203" t="str">
        <f t="shared" si="244"/>
        <v/>
      </c>
      <c r="BS428" s="203" t="str">
        <f t="shared" si="245"/>
        <v/>
      </c>
      <c r="BT428" s="203" t="str">
        <f t="shared" si="246"/>
        <v/>
      </c>
      <c r="BU428" s="203" t="str">
        <f t="shared" si="247"/>
        <v/>
      </c>
      <c r="BV428" s="203" t="str">
        <f t="shared" si="248"/>
        <v/>
      </c>
      <c r="BW428" s="203" t="str">
        <f t="shared" si="249"/>
        <v/>
      </c>
      <c r="BX428" s="203" t="str">
        <f t="shared" si="250"/>
        <v/>
      </c>
      <c r="BY428" s="203" t="str">
        <f t="shared" si="251"/>
        <v/>
      </c>
      <c r="BZ428" s="203" t="str">
        <f t="shared" si="252"/>
        <v/>
      </c>
      <c r="CA428" s="203" t="str">
        <f t="shared" si="253"/>
        <v/>
      </c>
      <c r="CB428" s="203" t="str">
        <f t="shared" si="254"/>
        <v/>
      </c>
      <c r="CC428" s="203" t="str">
        <f t="shared" si="255"/>
        <v/>
      </c>
      <c r="CD428" s="200"/>
      <c r="CE428" s="200"/>
      <c r="CF428" s="200"/>
    </row>
    <row r="429" spans="1:84" s="211" customFormat="1" ht="56.1" hidden="1" customHeight="1" x14ac:dyDescent="0.2">
      <c r="A429" s="198">
        <v>429</v>
      </c>
      <c r="B429" s="199" t="s">
        <v>53</v>
      </c>
      <c r="C429" s="208" t="s">
        <v>515</v>
      </c>
      <c r="D429" s="200" t="s">
        <v>523</v>
      </c>
      <c r="E429" s="200" t="s">
        <v>540</v>
      </c>
      <c r="F429" s="200" t="s">
        <v>562</v>
      </c>
      <c r="G429" s="200" t="s">
        <v>58</v>
      </c>
      <c r="H429" s="200" t="s">
        <v>322</v>
      </c>
      <c r="I429" s="200" t="s">
        <v>388</v>
      </c>
      <c r="J429" s="200" t="s">
        <v>525</v>
      </c>
      <c r="K429" s="200" t="s">
        <v>377</v>
      </c>
      <c r="L429" s="200" t="s">
        <v>63</v>
      </c>
      <c r="M429" s="200" t="s">
        <v>63</v>
      </c>
      <c r="N429" s="201">
        <v>43494</v>
      </c>
      <c r="O429" s="201">
        <v>43494</v>
      </c>
      <c r="P429" s="200" t="s">
        <v>64</v>
      </c>
      <c r="Q429" s="200" t="s">
        <v>82</v>
      </c>
      <c r="R429" s="210"/>
      <c r="S429" s="203" t="s">
        <v>66</v>
      </c>
      <c r="T429" s="210"/>
      <c r="U429" s="210"/>
      <c r="V429" s="210"/>
      <c r="W429" s="203"/>
      <c r="X429" s="210"/>
      <c r="Y429" s="210"/>
      <c r="Z429" s="210"/>
      <c r="AA429" s="210"/>
      <c r="AB429" s="210"/>
      <c r="AC429" s="210"/>
      <c r="AD429" s="210"/>
      <c r="AE429" s="210"/>
      <c r="AF429" s="210"/>
      <c r="AG429" s="210"/>
      <c r="AH429" s="210"/>
      <c r="AI429" s="210"/>
      <c r="AJ429" s="210"/>
      <c r="AK429" s="210"/>
      <c r="AL429" s="210"/>
      <c r="AM429" s="210"/>
      <c r="AN429" s="210"/>
      <c r="AO429" s="210"/>
      <c r="AP429" s="210"/>
      <c r="AQ429" s="210"/>
      <c r="AR429" s="210"/>
      <c r="AS429" s="210"/>
      <c r="AT429" s="210"/>
      <c r="AU429" s="210"/>
      <c r="AV429" s="210"/>
      <c r="AW429" s="204">
        <f t="shared" si="224"/>
        <v>200</v>
      </c>
      <c r="AX429" s="205">
        <f t="shared" si="258"/>
        <v>217.47</v>
      </c>
      <c r="AY429" s="203" t="str">
        <f t="shared" si="225"/>
        <v/>
      </c>
      <c r="AZ429" s="203">
        <f t="shared" si="226"/>
        <v>43494</v>
      </c>
      <c r="BA429" s="203" t="str">
        <f t="shared" si="227"/>
        <v/>
      </c>
      <c r="BB429" s="203" t="str">
        <f t="shared" si="228"/>
        <v/>
      </c>
      <c r="BC429" s="203" t="str">
        <f t="shared" si="229"/>
        <v/>
      </c>
      <c r="BD429" s="203" t="str">
        <f t="shared" si="230"/>
        <v/>
      </c>
      <c r="BE429" s="203" t="str">
        <f t="shared" si="231"/>
        <v/>
      </c>
      <c r="BF429" s="203" t="str">
        <f t="shared" si="232"/>
        <v/>
      </c>
      <c r="BG429" s="203" t="str">
        <f t="shared" si="233"/>
        <v/>
      </c>
      <c r="BH429" s="203" t="str">
        <f t="shared" si="234"/>
        <v/>
      </c>
      <c r="BI429" s="203" t="str">
        <f t="shared" si="235"/>
        <v/>
      </c>
      <c r="BJ429" s="203" t="str">
        <f t="shared" si="236"/>
        <v/>
      </c>
      <c r="BK429" s="203" t="str">
        <f t="shared" si="237"/>
        <v/>
      </c>
      <c r="BL429" s="203" t="str">
        <f t="shared" si="238"/>
        <v/>
      </c>
      <c r="BM429" s="203" t="str">
        <f t="shared" si="239"/>
        <v/>
      </c>
      <c r="BN429" s="203" t="str">
        <f t="shared" si="240"/>
        <v/>
      </c>
      <c r="BO429" s="203" t="str">
        <f t="shared" si="241"/>
        <v/>
      </c>
      <c r="BP429" s="203" t="str">
        <f t="shared" si="242"/>
        <v/>
      </c>
      <c r="BQ429" s="203" t="str">
        <f t="shared" si="243"/>
        <v/>
      </c>
      <c r="BR429" s="203" t="str">
        <f t="shared" si="244"/>
        <v/>
      </c>
      <c r="BS429" s="203" t="str">
        <f t="shared" si="245"/>
        <v/>
      </c>
      <c r="BT429" s="203" t="str">
        <f t="shared" si="246"/>
        <v/>
      </c>
      <c r="BU429" s="203" t="str">
        <f t="shared" si="247"/>
        <v/>
      </c>
      <c r="BV429" s="203" t="str">
        <f t="shared" si="248"/>
        <v/>
      </c>
      <c r="BW429" s="203" t="str">
        <f t="shared" si="249"/>
        <v/>
      </c>
      <c r="BX429" s="203" t="str">
        <f t="shared" si="250"/>
        <v/>
      </c>
      <c r="BY429" s="203" t="str">
        <f t="shared" si="251"/>
        <v/>
      </c>
      <c r="BZ429" s="203" t="str">
        <f t="shared" si="252"/>
        <v/>
      </c>
      <c r="CA429" s="203" t="str">
        <f t="shared" si="253"/>
        <v/>
      </c>
      <c r="CB429" s="203" t="str">
        <f t="shared" si="254"/>
        <v/>
      </c>
      <c r="CC429" s="203" t="str">
        <f t="shared" si="255"/>
        <v/>
      </c>
      <c r="CD429" s="200"/>
      <c r="CE429" s="200"/>
      <c r="CF429" s="200"/>
    </row>
    <row r="430" spans="1:84" s="211" customFormat="1" ht="56.1" hidden="1" customHeight="1" x14ac:dyDescent="0.2">
      <c r="A430" s="198">
        <v>430</v>
      </c>
      <c r="B430" s="199" t="s">
        <v>53</v>
      </c>
      <c r="C430" s="208" t="s">
        <v>515</v>
      </c>
      <c r="D430" s="200" t="s">
        <v>539</v>
      </c>
      <c r="E430" s="200" t="s">
        <v>541</v>
      </c>
      <c r="F430" s="200" t="s">
        <v>563</v>
      </c>
      <c r="G430" s="200" t="s">
        <v>58</v>
      </c>
      <c r="H430" s="200" t="s">
        <v>322</v>
      </c>
      <c r="I430" s="200" t="s">
        <v>388</v>
      </c>
      <c r="J430" s="200" t="s">
        <v>525</v>
      </c>
      <c r="K430" s="200" t="s">
        <v>377</v>
      </c>
      <c r="L430" s="200" t="s">
        <v>63</v>
      </c>
      <c r="M430" s="200" t="s">
        <v>63</v>
      </c>
      <c r="N430" s="201">
        <v>105440</v>
      </c>
      <c r="O430" s="201">
        <v>105440</v>
      </c>
      <c r="P430" s="200" t="s">
        <v>64</v>
      </c>
      <c r="Q430" s="200" t="s">
        <v>82</v>
      </c>
      <c r="R430" s="210"/>
      <c r="S430" s="203" t="s">
        <v>66</v>
      </c>
      <c r="T430" s="210"/>
      <c r="U430" s="210"/>
      <c r="V430" s="210"/>
      <c r="W430" s="203"/>
      <c r="X430" s="210"/>
      <c r="Y430" s="210"/>
      <c r="Z430" s="210"/>
      <c r="AA430" s="210"/>
      <c r="AB430" s="210"/>
      <c r="AC430" s="210"/>
      <c r="AD430" s="210"/>
      <c r="AE430" s="210"/>
      <c r="AF430" s="210"/>
      <c r="AG430" s="210"/>
      <c r="AH430" s="210"/>
      <c r="AI430" s="210"/>
      <c r="AJ430" s="210"/>
      <c r="AK430" s="210"/>
      <c r="AL430" s="210"/>
      <c r="AM430" s="210"/>
      <c r="AN430" s="210"/>
      <c r="AO430" s="210"/>
      <c r="AP430" s="210"/>
      <c r="AQ430" s="210"/>
      <c r="AR430" s="210"/>
      <c r="AS430" s="210"/>
      <c r="AT430" s="210"/>
      <c r="AU430" s="210"/>
      <c r="AV430" s="210"/>
      <c r="AW430" s="204">
        <f t="shared" si="224"/>
        <v>200</v>
      </c>
      <c r="AX430" s="205">
        <f t="shared" si="258"/>
        <v>527.20000000000005</v>
      </c>
      <c r="AY430" s="203" t="str">
        <f t="shared" si="225"/>
        <v/>
      </c>
      <c r="AZ430" s="203">
        <f t="shared" si="226"/>
        <v>105440.00000000001</v>
      </c>
      <c r="BA430" s="203" t="str">
        <f t="shared" si="227"/>
        <v/>
      </c>
      <c r="BB430" s="203" t="str">
        <f t="shared" si="228"/>
        <v/>
      </c>
      <c r="BC430" s="203" t="str">
        <f t="shared" si="229"/>
        <v/>
      </c>
      <c r="BD430" s="203" t="str">
        <f t="shared" si="230"/>
        <v/>
      </c>
      <c r="BE430" s="203" t="str">
        <f t="shared" si="231"/>
        <v/>
      </c>
      <c r="BF430" s="203" t="str">
        <f t="shared" si="232"/>
        <v/>
      </c>
      <c r="BG430" s="203" t="str">
        <f t="shared" si="233"/>
        <v/>
      </c>
      <c r="BH430" s="203" t="str">
        <f t="shared" si="234"/>
        <v/>
      </c>
      <c r="BI430" s="203" t="str">
        <f t="shared" si="235"/>
        <v/>
      </c>
      <c r="BJ430" s="203" t="str">
        <f t="shared" si="236"/>
        <v/>
      </c>
      <c r="BK430" s="203" t="str">
        <f t="shared" si="237"/>
        <v/>
      </c>
      <c r="BL430" s="203" t="str">
        <f t="shared" si="238"/>
        <v/>
      </c>
      <c r="BM430" s="203" t="str">
        <f t="shared" si="239"/>
        <v/>
      </c>
      <c r="BN430" s="203" t="str">
        <f t="shared" si="240"/>
        <v/>
      </c>
      <c r="BO430" s="203" t="str">
        <f t="shared" si="241"/>
        <v/>
      </c>
      <c r="BP430" s="203" t="str">
        <f t="shared" si="242"/>
        <v/>
      </c>
      <c r="BQ430" s="203" t="str">
        <f t="shared" si="243"/>
        <v/>
      </c>
      <c r="BR430" s="203" t="str">
        <f t="shared" si="244"/>
        <v/>
      </c>
      <c r="BS430" s="203" t="str">
        <f t="shared" si="245"/>
        <v/>
      </c>
      <c r="BT430" s="203" t="str">
        <f t="shared" si="246"/>
        <v/>
      </c>
      <c r="BU430" s="203" t="str">
        <f t="shared" si="247"/>
        <v/>
      </c>
      <c r="BV430" s="203" t="str">
        <f t="shared" si="248"/>
        <v/>
      </c>
      <c r="BW430" s="203" t="str">
        <f t="shared" si="249"/>
        <v/>
      </c>
      <c r="BX430" s="203" t="str">
        <f t="shared" si="250"/>
        <v/>
      </c>
      <c r="BY430" s="203" t="str">
        <f t="shared" si="251"/>
        <v/>
      </c>
      <c r="BZ430" s="203" t="str">
        <f t="shared" si="252"/>
        <v/>
      </c>
      <c r="CA430" s="203" t="str">
        <f t="shared" si="253"/>
        <v/>
      </c>
      <c r="CB430" s="203" t="str">
        <f t="shared" si="254"/>
        <v/>
      </c>
      <c r="CC430" s="203" t="str">
        <f t="shared" si="255"/>
        <v/>
      </c>
      <c r="CD430" s="200"/>
      <c r="CE430" s="200"/>
      <c r="CF430" s="200"/>
    </row>
    <row r="431" spans="1:84" s="211" customFormat="1" ht="56.1" hidden="1" customHeight="1" x14ac:dyDescent="0.2">
      <c r="A431" s="198">
        <v>431</v>
      </c>
      <c r="B431" s="199" t="s">
        <v>53</v>
      </c>
      <c r="C431" s="208" t="s">
        <v>515</v>
      </c>
      <c r="D431" s="200" t="s">
        <v>528</v>
      </c>
      <c r="E431" s="200" t="s">
        <v>560</v>
      </c>
      <c r="F431" s="200" t="s">
        <v>561</v>
      </c>
      <c r="G431" s="200" t="s">
        <v>58</v>
      </c>
      <c r="H431" s="200" t="s">
        <v>322</v>
      </c>
      <c r="I431" s="200" t="s">
        <v>551</v>
      </c>
      <c r="J431" s="200" t="s">
        <v>525</v>
      </c>
      <c r="K431" s="200" t="s">
        <v>377</v>
      </c>
      <c r="L431" s="200" t="s">
        <v>63</v>
      </c>
      <c r="M431" s="200" t="s">
        <v>63</v>
      </c>
      <c r="N431" s="201">
        <v>28387.692307692309</v>
      </c>
      <c r="O431" s="201">
        <v>28387.692307692309</v>
      </c>
      <c r="P431" s="200" t="s">
        <v>64</v>
      </c>
      <c r="Q431" s="200" t="s">
        <v>82</v>
      </c>
      <c r="R431" s="210"/>
      <c r="S431" s="203" t="s">
        <v>66</v>
      </c>
      <c r="T431" s="210"/>
      <c r="U431" s="210"/>
      <c r="V431" s="210"/>
      <c r="W431" s="203"/>
      <c r="X431" s="210"/>
      <c r="Y431" s="210"/>
      <c r="Z431" s="210"/>
      <c r="AA431" s="210"/>
      <c r="AB431" s="210"/>
      <c r="AC431" s="210"/>
      <c r="AD431" s="210"/>
      <c r="AE431" s="210"/>
      <c r="AF431" s="210"/>
      <c r="AG431" s="210"/>
      <c r="AH431" s="210"/>
      <c r="AI431" s="210"/>
      <c r="AJ431" s="210"/>
      <c r="AK431" s="210"/>
      <c r="AL431" s="210"/>
      <c r="AM431" s="210"/>
      <c r="AN431" s="210"/>
      <c r="AO431" s="210"/>
      <c r="AP431" s="210"/>
      <c r="AQ431" s="210"/>
      <c r="AR431" s="210"/>
      <c r="AS431" s="210"/>
      <c r="AT431" s="210"/>
      <c r="AU431" s="210"/>
      <c r="AV431" s="210"/>
      <c r="AW431" s="204">
        <f t="shared" si="224"/>
        <v>200</v>
      </c>
      <c r="AX431" s="205">
        <f t="shared" si="258"/>
        <v>141.93846153846155</v>
      </c>
      <c r="AY431" s="203" t="str">
        <f t="shared" si="225"/>
        <v/>
      </c>
      <c r="AZ431" s="203">
        <f t="shared" si="226"/>
        <v>28387.692307692312</v>
      </c>
      <c r="BA431" s="203" t="str">
        <f t="shared" si="227"/>
        <v/>
      </c>
      <c r="BB431" s="203" t="str">
        <f t="shared" si="228"/>
        <v/>
      </c>
      <c r="BC431" s="203" t="str">
        <f t="shared" si="229"/>
        <v/>
      </c>
      <c r="BD431" s="203" t="str">
        <f t="shared" si="230"/>
        <v/>
      </c>
      <c r="BE431" s="203" t="str">
        <f t="shared" si="231"/>
        <v/>
      </c>
      <c r="BF431" s="203" t="str">
        <f t="shared" si="232"/>
        <v/>
      </c>
      <c r="BG431" s="203" t="str">
        <f t="shared" si="233"/>
        <v/>
      </c>
      <c r="BH431" s="203" t="str">
        <f t="shared" si="234"/>
        <v/>
      </c>
      <c r="BI431" s="203" t="str">
        <f t="shared" si="235"/>
        <v/>
      </c>
      <c r="BJ431" s="203" t="str">
        <f t="shared" si="236"/>
        <v/>
      </c>
      <c r="BK431" s="203" t="str">
        <f t="shared" si="237"/>
        <v/>
      </c>
      <c r="BL431" s="203" t="str">
        <f t="shared" si="238"/>
        <v/>
      </c>
      <c r="BM431" s="203" t="str">
        <f t="shared" si="239"/>
        <v/>
      </c>
      <c r="BN431" s="203" t="str">
        <f t="shared" si="240"/>
        <v/>
      </c>
      <c r="BO431" s="203" t="str">
        <f t="shared" si="241"/>
        <v/>
      </c>
      <c r="BP431" s="203" t="str">
        <f t="shared" si="242"/>
        <v/>
      </c>
      <c r="BQ431" s="203" t="str">
        <f t="shared" si="243"/>
        <v/>
      </c>
      <c r="BR431" s="203" t="str">
        <f t="shared" si="244"/>
        <v/>
      </c>
      <c r="BS431" s="203" t="str">
        <f t="shared" si="245"/>
        <v/>
      </c>
      <c r="BT431" s="203" t="str">
        <f t="shared" si="246"/>
        <v/>
      </c>
      <c r="BU431" s="203" t="str">
        <f t="shared" si="247"/>
        <v/>
      </c>
      <c r="BV431" s="203" t="str">
        <f t="shared" si="248"/>
        <v/>
      </c>
      <c r="BW431" s="203" t="str">
        <f t="shared" si="249"/>
        <v/>
      </c>
      <c r="BX431" s="203" t="str">
        <f t="shared" si="250"/>
        <v/>
      </c>
      <c r="BY431" s="203" t="str">
        <f t="shared" si="251"/>
        <v/>
      </c>
      <c r="BZ431" s="203" t="str">
        <f t="shared" si="252"/>
        <v/>
      </c>
      <c r="CA431" s="203" t="str">
        <f t="shared" si="253"/>
        <v/>
      </c>
      <c r="CB431" s="203" t="str">
        <f t="shared" si="254"/>
        <v/>
      </c>
      <c r="CC431" s="203" t="str">
        <f t="shared" si="255"/>
        <v/>
      </c>
      <c r="CD431" s="200"/>
      <c r="CE431" s="200"/>
      <c r="CF431" s="200"/>
    </row>
    <row r="432" spans="1:84" s="211" customFormat="1" ht="56.1" hidden="1" customHeight="1" x14ac:dyDescent="0.2">
      <c r="A432" s="198">
        <v>432</v>
      </c>
      <c r="B432" s="199" t="s">
        <v>53</v>
      </c>
      <c r="C432" s="208" t="s">
        <v>515</v>
      </c>
      <c r="D432" s="200" t="s">
        <v>530</v>
      </c>
      <c r="E432" s="200" t="s">
        <v>532</v>
      </c>
      <c r="F432" s="200" t="s">
        <v>532</v>
      </c>
      <c r="G432" s="200" t="s">
        <v>58</v>
      </c>
      <c r="H432" s="200" t="s">
        <v>322</v>
      </c>
      <c r="I432" s="200" t="s">
        <v>8</v>
      </c>
      <c r="J432" s="200" t="s">
        <v>525</v>
      </c>
      <c r="K432" s="200" t="s">
        <v>377</v>
      </c>
      <c r="L432" s="200" t="s">
        <v>63</v>
      </c>
      <c r="M432" s="200" t="s">
        <v>63</v>
      </c>
      <c r="N432" s="201">
        <v>0</v>
      </c>
      <c r="O432" s="201">
        <v>0</v>
      </c>
      <c r="P432" s="200" t="s">
        <v>64</v>
      </c>
      <c r="Q432" s="200" t="s">
        <v>82</v>
      </c>
      <c r="R432" s="210"/>
      <c r="S432" s="203" t="s">
        <v>66</v>
      </c>
      <c r="T432" s="210"/>
      <c r="U432" s="210"/>
      <c r="V432" s="210"/>
      <c r="W432" s="203"/>
      <c r="X432" s="210"/>
      <c r="Y432" s="210"/>
      <c r="Z432" s="210"/>
      <c r="AA432" s="210"/>
      <c r="AB432" s="210"/>
      <c r="AC432" s="210"/>
      <c r="AD432" s="210"/>
      <c r="AE432" s="210"/>
      <c r="AF432" s="210"/>
      <c r="AG432" s="210"/>
      <c r="AH432" s="210"/>
      <c r="AI432" s="210"/>
      <c r="AJ432" s="210"/>
      <c r="AK432" s="210"/>
      <c r="AL432" s="210"/>
      <c r="AM432" s="210"/>
      <c r="AN432" s="210"/>
      <c r="AO432" s="210"/>
      <c r="AP432" s="210"/>
      <c r="AQ432" s="210"/>
      <c r="AR432" s="210"/>
      <c r="AS432" s="210"/>
      <c r="AT432" s="210"/>
      <c r="AU432" s="210"/>
      <c r="AV432" s="210"/>
      <c r="AW432" s="204">
        <f t="shared" si="224"/>
        <v>200</v>
      </c>
      <c r="AX432" s="205"/>
      <c r="AY432" s="203" t="str">
        <f t="shared" si="225"/>
        <v/>
      </c>
      <c r="AZ432" s="203">
        <f t="shared" si="226"/>
        <v>0</v>
      </c>
      <c r="BA432" s="203" t="str">
        <f t="shared" si="227"/>
        <v/>
      </c>
      <c r="BB432" s="203" t="str">
        <f t="shared" si="228"/>
        <v/>
      </c>
      <c r="BC432" s="203" t="str">
        <f t="shared" si="229"/>
        <v/>
      </c>
      <c r="BD432" s="203" t="str">
        <f t="shared" si="230"/>
        <v/>
      </c>
      <c r="BE432" s="203" t="str">
        <f t="shared" si="231"/>
        <v/>
      </c>
      <c r="BF432" s="203" t="str">
        <f t="shared" si="232"/>
        <v/>
      </c>
      <c r="BG432" s="203" t="str">
        <f t="shared" si="233"/>
        <v/>
      </c>
      <c r="BH432" s="203" t="str">
        <f t="shared" si="234"/>
        <v/>
      </c>
      <c r="BI432" s="203" t="str">
        <f t="shared" si="235"/>
        <v/>
      </c>
      <c r="BJ432" s="203" t="str">
        <f t="shared" si="236"/>
        <v/>
      </c>
      <c r="BK432" s="203" t="str">
        <f t="shared" si="237"/>
        <v/>
      </c>
      <c r="BL432" s="203" t="str">
        <f t="shared" si="238"/>
        <v/>
      </c>
      <c r="BM432" s="203" t="str">
        <f t="shared" si="239"/>
        <v/>
      </c>
      <c r="BN432" s="203" t="str">
        <f t="shared" si="240"/>
        <v/>
      </c>
      <c r="BO432" s="203" t="str">
        <f t="shared" si="241"/>
        <v/>
      </c>
      <c r="BP432" s="203" t="str">
        <f t="shared" si="242"/>
        <v/>
      </c>
      <c r="BQ432" s="203" t="str">
        <f t="shared" si="243"/>
        <v/>
      </c>
      <c r="BR432" s="203" t="str">
        <f t="shared" si="244"/>
        <v/>
      </c>
      <c r="BS432" s="203" t="str">
        <f t="shared" si="245"/>
        <v/>
      </c>
      <c r="BT432" s="203" t="str">
        <f t="shared" si="246"/>
        <v/>
      </c>
      <c r="BU432" s="203" t="str">
        <f t="shared" si="247"/>
        <v/>
      </c>
      <c r="BV432" s="203" t="str">
        <f t="shared" si="248"/>
        <v/>
      </c>
      <c r="BW432" s="203" t="str">
        <f t="shared" si="249"/>
        <v/>
      </c>
      <c r="BX432" s="203" t="str">
        <f t="shared" si="250"/>
        <v/>
      </c>
      <c r="BY432" s="203" t="str">
        <f t="shared" si="251"/>
        <v/>
      </c>
      <c r="BZ432" s="203" t="str">
        <f t="shared" si="252"/>
        <v/>
      </c>
      <c r="CA432" s="203" t="str">
        <f t="shared" si="253"/>
        <v/>
      </c>
      <c r="CB432" s="203" t="str">
        <f t="shared" si="254"/>
        <v/>
      </c>
      <c r="CC432" s="203" t="str">
        <f t="shared" si="255"/>
        <v/>
      </c>
      <c r="CD432" s="200"/>
      <c r="CE432" s="200"/>
      <c r="CF432" s="200"/>
    </row>
    <row r="433" spans="1:84" s="211" customFormat="1" ht="56.1" hidden="1" customHeight="1" x14ac:dyDescent="0.2">
      <c r="A433" s="198">
        <v>433</v>
      </c>
      <c r="B433" s="199" t="s">
        <v>53</v>
      </c>
      <c r="C433" s="208" t="s">
        <v>515</v>
      </c>
      <c r="D433" s="200" t="s">
        <v>533</v>
      </c>
      <c r="E433" s="200" t="s">
        <v>534</v>
      </c>
      <c r="F433" s="200" t="s">
        <v>534</v>
      </c>
      <c r="G433" s="200" t="s">
        <v>58</v>
      </c>
      <c r="H433" s="200" t="s">
        <v>322</v>
      </c>
      <c r="I433" s="200" t="s">
        <v>81</v>
      </c>
      <c r="J433" s="200" t="s">
        <v>334</v>
      </c>
      <c r="K433" s="200" t="s">
        <v>377</v>
      </c>
      <c r="L433" s="200" t="s">
        <v>63</v>
      </c>
      <c r="M433" s="200" t="s">
        <v>63</v>
      </c>
      <c r="N433" s="201">
        <v>35586</v>
      </c>
      <c r="O433" s="201">
        <v>35586</v>
      </c>
      <c r="P433" s="200" t="s">
        <v>64</v>
      </c>
      <c r="Q433" s="200" t="s">
        <v>82</v>
      </c>
      <c r="R433" s="210"/>
      <c r="S433" s="203" t="s">
        <v>66</v>
      </c>
      <c r="T433" s="210"/>
      <c r="U433" s="210"/>
      <c r="V433" s="210"/>
      <c r="W433" s="203"/>
      <c r="X433" s="210"/>
      <c r="Y433" s="210"/>
      <c r="Z433" s="210"/>
      <c r="AA433" s="210"/>
      <c r="AB433" s="210"/>
      <c r="AC433" s="210"/>
      <c r="AD433" s="210"/>
      <c r="AE433" s="210"/>
      <c r="AF433" s="210"/>
      <c r="AG433" s="210"/>
      <c r="AH433" s="210"/>
      <c r="AI433" s="210"/>
      <c r="AJ433" s="210"/>
      <c r="AK433" s="210"/>
      <c r="AL433" s="210"/>
      <c r="AM433" s="210"/>
      <c r="AN433" s="210"/>
      <c r="AO433" s="210"/>
      <c r="AP433" s="210"/>
      <c r="AQ433" s="210"/>
      <c r="AR433" s="210"/>
      <c r="AS433" s="210"/>
      <c r="AT433" s="210"/>
      <c r="AU433" s="210"/>
      <c r="AV433" s="210"/>
      <c r="AW433" s="204">
        <f t="shared" si="224"/>
        <v>200</v>
      </c>
      <c r="AX433" s="205">
        <f t="shared" ref="AX433:AX439" si="259">O433/AW433</f>
        <v>177.93</v>
      </c>
      <c r="AY433" s="203" t="str">
        <f t="shared" si="225"/>
        <v/>
      </c>
      <c r="AZ433" s="203">
        <f t="shared" si="226"/>
        <v>35586</v>
      </c>
      <c r="BA433" s="203" t="str">
        <f t="shared" si="227"/>
        <v/>
      </c>
      <c r="BB433" s="203" t="str">
        <f t="shared" si="228"/>
        <v/>
      </c>
      <c r="BC433" s="203" t="str">
        <f t="shared" si="229"/>
        <v/>
      </c>
      <c r="BD433" s="203" t="str">
        <f t="shared" si="230"/>
        <v/>
      </c>
      <c r="BE433" s="203" t="str">
        <f t="shared" si="231"/>
        <v/>
      </c>
      <c r="BF433" s="203" t="str">
        <f t="shared" si="232"/>
        <v/>
      </c>
      <c r="BG433" s="203" t="str">
        <f t="shared" si="233"/>
        <v/>
      </c>
      <c r="BH433" s="203" t="str">
        <f t="shared" si="234"/>
        <v/>
      </c>
      <c r="BI433" s="203" t="str">
        <f t="shared" si="235"/>
        <v/>
      </c>
      <c r="BJ433" s="203" t="str">
        <f t="shared" si="236"/>
        <v/>
      </c>
      <c r="BK433" s="203" t="str">
        <f t="shared" si="237"/>
        <v/>
      </c>
      <c r="BL433" s="203" t="str">
        <f t="shared" si="238"/>
        <v/>
      </c>
      <c r="BM433" s="203" t="str">
        <f t="shared" si="239"/>
        <v/>
      </c>
      <c r="BN433" s="203" t="str">
        <f t="shared" si="240"/>
        <v/>
      </c>
      <c r="BO433" s="203" t="str">
        <f t="shared" si="241"/>
        <v/>
      </c>
      <c r="BP433" s="203" t="str">
        <f t="shared" si="242"/>
        <v/>
      </c>
      <c r="BQ433" s="203" t="str">
        <f t="shared" si="243"/>
        <v/>
      </c>
      <c r="BR433" s="203" t="str">
        <f t="shared" si="244"/>
        <v/>
      </c>
      <c r="BS433" s="203" t="str">
        <f t="shared" si="245"/>
        <v/>
      </c>
      <c r="BT433" s="203" t="str">
        <f t="shared" si="246"/>
        <v/>
      </c>
      <c r="BU433" s="203" t="str">
        <f t="shared" si="247"/>
        <v/>
      </c>
      <c r="BV433" s="203" t="str">
        <f t="shared" si="248"/>
        <v/>
      </c>
      <c r="BW433" s="203" t="str">
        <f t="shared" si="249"/>
        <v/>
      </c>
      <c r="BX433" s="203" t="str">
        <f t="shared" si="250"/>
        <v/>
      </c>
      <c r="BY433" s="203" t="str">
        <f t="shared" si="251"/>
        <v/>
      </c>
      <c r="BZ433" s="203" t="str">
        <f t="shared" si="252"/>
        <v/>
      </c>
      <c r="CA433" s="203" t="str">
        <f t="shared" si="253"/>
        <v/>
      </c>
      <c r="CB433" s="203" t="str">
        <f t="shared" si="254"/>
        <v/>
      </c>
      <c r="CC433" s="203" t="str">
        <f t="shared" si="255"/>
        <v/>
      </c>
      <c r="CD433" s="200"/>
      <c r="CE433" s="200"/>
      <c r="CF433" s="200"/>
    </row>
    <row r="434" spans="1:84" s="168" customFormat="1" ht="56.1" hidden="1" customHeight="1" x14ac:dyDescent="0.2">
      <c r="A434" s="154">
        <v>434</v>
      </c>
      <c r="B434" s="155" t="s">
        <v>53</v>
      </c>
      <c r="C434" s="165" t="s">
        <v>515</v>
      </c>
      <c r="D434" s="156" t="s">
        <v>548</v>
      </c>
      <c r="E434" s="156" t="s">
        <v>536</v>
      </c>
      <c r="F434" s="156" t="s">
        <v>536</v>
      </c>
      <c r="G434" s="156" t="s">
        <v>58</v>
      </c>
      <c r="H434" s="156" t="s">
        <v>21</v>
      </c>
      <c r="I434" s="169" t="s">
        <v>8</v>
      </c>
      <c r="J434" s="156" t="s">
        <v>334</v>
      </c>
      <c r="K434" s="156" t="s">
        <v>71</v>
      </c>
      <c r="L434" s="156" t="s">
        <v>63</v>
      </c>
      <c r="M434" s="156" t="s">
        <v>63</v>
      </c>
      <c r="N434" s="157">
        <v>91100.160000000003</v>
      </c>
      <c r="O434" s="157">
        <v>91100.160000000003</v>
      </c>
      <c r="P434" s="156" t="s">
        <v>64</v>
      </c>
      <c r="Q434" s="156" t="s">
        <v>82</v>
      </c>
      <c r="R434" s="167"/>
      <c r="S434" s="167"/>
      <c r="T434" s="167"/>
      <c r="U434" s="167"/>
      <c r="V434" s="161" t="s">
        <v>66</v>
      </c>
      <c r="W434" s="161"/>
      <c r="X434" s="167"/>
      <c r="Y434" s="167"/>
      <c r="Z434" s="167"/>
      <c r="AA434" s="167"/>
      <c r="AB434" s="167"/>
      <c r="AC434" s="167"/>
      <c r="AD434" s="167"/>
      <c r="AE434" s="167"/>
      <c r="AF434" s="167"/>
      <c r="AG434" s="167"/>
      <c r="AH434" s="167"/>
      <c r="AI434" s="167"/>
      <c r="AJ434" s="167"/>
      <c r="AK434" s="167"/>
      <c r="AL434" s="167"/>
      <c r="AM434" s="167"/>
      <c r="AN434" s="167"/>
      <c r="AO434" s="167"/>
      <c r="AP434" s="167"/>
      <c r="AQ434" s="167"/>
      <c r="AR434" s="167"/>
      <c r="AS434" s="167"/>
      <c r="AT434" s="167"/>
      <c r="AU434" s="167"/>
      <c r="AV434" s="167"/>
      <c r="AW434" s="160">
        <f t="shared" si="224"/>
        <v>300</v>
      </c>
      <c r="AX434" s="158">
        <f t="shared" si="259"/>
        <v>303.66720000000004</v>
      </c>
      <c r="AY434" s="161" t="str">
        <f t="shared" si="225"/>
        <v/>
      </c>
      <c r="AZ434" s="161" t="str">
        <f t="shared" si="226"/>
        <v/>
      </c>
      <c r="BA434" s="161" t="str">
        <f t="shared" si="227"/>
        <v/>
      </c>
      <c r="BB434" s="161" t="str">
        <f t="shared" si="228"/>
        <v/>
      </c>
      <c r="BC434" s="161">
        <f t="shared" si="229"/>
        <v>91100.160000000018</v>
      </c>
      <c r="BD434" s="161" t="str">
        <f t="shared" si="230"/>
        <v/>
      </c>
      <c r="BE434" s="161" t="str">
        <f t="shared" si="231"/>
        <v/>
      </c>
      <c r="BF434" s="161" t="str">
        <f t="shared" si="232"/>
        <v/>
      </c>
      <c r="BG434" s="161" t="str">
        <f t="shared" si="233"/>
        <v/>
      </c>
      <c r="BH434" s="161" t="str">
        <f t="shared" si="234"/>
        <v/>
      </c>
      <c r="BI434" s="161" t="str">
        <f t="shared" si="235"/>
        <v/>
      </c>
      <c r="BJ434" s="161" t="str">
        <f t="shared" si="236"/>
        <v/>
      </c>
      <c r="BK434" s="161" t="str">
        <f t="shared" si="237"/>
        <v/>
      </c>
      <c r="BL434" s="161" t="str">
        <f t="shared" si="238"/>
        <v/>
      </c>
      <c r="BM434" s="161" t="str">
        <f t="shared" si="239"/>
        <v/>
      </c>
      <c r="BN434" s="161" t="str">
        <f t="shared" si="240"/>
        <v/>
      </c>
      <c r="BO434" s="161" t="str">
        <f t="shared" si="241"/>
        <v/>
      </c>
      <c r="BP434" s="161" t="str">
        <f t="shared" si="242"/>
        <v/>
      </c>
      <c r="BQ434" s="161" t="str">
        <f t="shared" si="243"/>
        <v/>
      </c>
      <c r="BR434" s="161" t="str">
        <f t="shared" si="244"/>
        <v/>
      </c>
      <c r="BS434" s="161" t="str">
        <f t="shared" si="245"/>
        <v/>
      </c>
      <c r="BT434" s="161" t="str">
        <f t="shared" si="246"/>
        <v/>
      </c>
      <c r="BU434" s="161" t="str">
        <f t="shared" si="247"/>
        <v/>
      </c>
      <c r="BV434" s="161" t="str">
        <f t="shared" si="248"/>
        <v/>
      </c>
      <c r="BW434" s="161" t="str">
        <f t="shared" si="249"/>
        <v/>
      </c>
      <c r="BX434" s="161" t="str">
        <f t="shared" si="250"/>
        <v/>
      </c>
      <c r="BY434" s="161" t="str">
        <f t="shared" si="251"/>
        <v/>
      </c>
      <c r="BZ434" s="161" t="str">
        <f t="shared" si="252"/>
        <v/>
      </c>
      <c r="CA434" s="161" t="str">
        <f t="shared" si="253"/>
        <v/>
      </c>
      <c r="CB434" s="161" t="str">
        <f t="shared" si="254"/>
        <v/>
      </c>
      <c r="CC434" s="161" t="str">
        <f t="shared" si="255"/>
        <v/>
      </c>
      <c r="CD434" s="156"/>
      <c r="CE434" s="156"/>
      <c r="CF434" s="156"/>
    </row>
    <row r="435" spans="1:84" s="168" customFormat="1" ht="56.1" hidden="1" customHeight="1" x14ac:dyDescent="0.2">
      <c r="A435" s="154">
        <v>435</v>
      </c>
      <c r="B435" s="155" t="s">
        <v>53</v>
      </c>
      <c r="C435" s="165" t="s">
        <v>515</v>
      </c>
      <c r="D435" s="156" t="s">
        <v>518</v>
      </c>
      <c r="E435" s="156" t="s">
        <v>520</v>
      </c>
      <c r="F435" s="156" t="s">
        <v>520</v>
      </c>
      <c r="G435" s="156" t="s">
        <v>58</v>
      </c>
      <c r="H435" s="156" t="s">
        <v>21</v>
      </c>
      <c r="I435" s="169" t="s">
        <v>81</v>
      </c>
      <c r="J435" s="156" t="s">
        <v>334</v>
      </c>
      <c r="K435" s="156" t="s">
        <v>71</v>
      </c>
      <c r="L435" s="156" t="s">
        <v>63</v>
      </c>
      <c r="M435" s="156" t="s">
        <v>63</v>
      </c>
      <c r="N435" s="157">
        <v>239137.92000000001</v>
      </c>
      <c r="O435" s="157">
        <v>239137.92000000001</v>
      </c>
      <c r="P435" s="156" t="s">
        <v>64</v>
      </c>
      <c r="Q435" s="156" t="s">
        <v>82</v>
      </c>
      <c r="R435" s="167"/>
      <c r="S435" s="167"/>
      <c r="T435" s="167"/>
      <c r="U435" s="167"/>
      <c r="V435" s="161" t="s">
        <v>66</v>
      </c>
      <c r="W435" s="161"/>
      <c r="X435" s="167"/>
      <c r="Y435" s="167"/>
      <c r="Z435" s="167"/>
      <c r="AA435" s="167"/>
      <c r="AB435" s="167"/>
      <c r="AC435" s="167"/>
      <c r="AD435" s="167"/>
      <c r="AE435" s="167"/>
      <c r="AF435" s="167"/>
      <c r="AG435" s="167"/>
      <c r="AH435" s="167"/>
      <c r="AI435" s="167"/>
      <c r="AJ435" s="167"/>
      <c r="AK435" s="167"/>
      <c r="AL435" s="167"/>
      <c r="AM435" s="167"/>
      <c r="AN435" s="167"/>
      <c r="AO435" s="167"/>
      <c r="AP435" s="167"/>
      <c r="AQ435" s="167"/>
      <c r="AR435" s="167"/>
      <c r="AS435" s="167"/>
      <c r="AT435" s="167"/>
      <c r="AU435" s="167"/>
      <c r="AV435" s="167"/>
      <c r="AW435" s="160">
        <f t="shared" si="224"/>
        <v>300</v>
      </c>
      <c r="AX435" s="158">
        <f t="shared" si="259"/>
        <v>797.12639999999999</v>
      </c>
      <c r="AY435" s="161" t="str">
        <f t="shared" si="225"/>
        <v/>
      </c>
      <c r="AZ435" s="161" t="str">
        <f t="shared" si="226"/>
        <v/>
      </c>
      <c r="BA435" s="161" t="str">
        <f t="shared" si="227"/>
        <v/>
      </c>
      <c r="BB435" s="161" t="str">
        <f t="shared" si="228"/>
        <v/>
      </c>
      <c r="BC435" s="161">
        <f t="shared" si="229"/>
        <v>239137.91999999998</v>
      </c>
      <c r="BD435" s="161" t="str">
        <f t="shared" si="230"/>
        <v/>
      </c>
      <c r="BE435" s="161" t="str">
        <f t="shared" si="231"/>
        <v/>
      </c>
      <c r="BF435" s="161" t="str">
        <f t="shared" si="232"/>
        <v/>
      </c>
      <c r="BG435" s="161" t="str">
        <f t="shared" si="233"/>
        <v/>
      </c>
      <c r="BH435" s="161" t="str">
        <f t="shared" si="234"/>
        <v/>
      </c>
      <c r="BI435" s="161" t="str">
        <f t="shared" si="235"/>
        <v/>
      </c>
      <c r="BJ435" s="161" t="str">
        <f t="shared" si="236"/>
        <v/>
      </c>
      <c r="BK435" s="161" t="str">
        <f t="shared" si="237"/>
        <v/>
      </c>
      <c r="BL435" s="161" t="str">
        <f t="shared" si="238"/>
        <v/>
      </c>
      <c r="BM435" s="161" t="str">
        <f t="shared" si="239"/>
        <v/>
      </c>
      <c r="BN435" s="161" t="str">
        <f t="shared" si="240"/>
        <v/>
      </c>
      <c r="BO435" s="161" t="str">
        <f t="shared" si="241"/>
        <v/>
      </c>
      <c r="BP435" s="161" t="str">
        <f t="shared" si="242"/>
        <v/>
      </c>
      <c r="BQ435" s="161" t="str">
        <f t="shared" si="243"/>
        <v/>
      </c>
      <c r="BR435" s="161" t="str">
        <f t="shared" si="244"/>
        <v/>
      </c>
      <c r="BS435" s="161" t="str">
        <f t="shared" si="245"/>
        <v/>
      </c>
      <c r="BT435" s="161" t="str">
        <f t="shared" si="246"/>
        <v/>
      </c>
      <c r="BU435" s="161" t="str">
        <f t="shared" si="247"/>
        <v/>
      </c>
      <c r="BV435" s="161" t="str">
        <f t="shared" si="248"/>
        <v/>
      </c>
      <c r="BW435" s="161" t="str">
        <f t="shared" si="249"/>
        <v/>
      </c>
      <c r="BX435" s="161" t="str">
        <f t="shared" si="250"/>
        <v/>
      </c>
      <c r="BY435" s="161" t="str">
        <f t="shared" si="251"/>
        <v/>
      </c>
      <c r="BZ435" s="161" t="str">
        <f t="shared" si="252"/>
        <v/>
      </c>
      <c r="CA435" s="161" t="str">
        <f t="shared" si="253"/>
        <v/>
      </c>
      <c r="CB435" s="161" t="str">
        <f t="shared" si="254"/>
        <v/>
      </c>
      <c r="CC435" s="161" t="str">
        <f t="shared" si="255"/>
        <v/>
      </c>
      <c r="CD435" s="156"/>
      <c r="CE435" s="156"/>
      <c r="CF435" s="156"/>
    </row>
    <row r="436" spans="1:84" s="168" customFormat="1" ht="56.1" hidden="1" customHeight="1" x14ac:dyDescent="0.2">
      <c r="A436" s="154">
        <v>436</v>
      </c>
      <c r="B436" s="155" t="s">
        <v>53</v>
      </c>
      <c r="C436" s="165" t="s">
        <v>515</v>
      </c>
      <c r="D436" s="156" t="s">
        <v>521</v>
      </c>
      <c r="E436" s="156" t="s">
        <v>522</v>
      </c>
      <c r="F436" s="156" t="s">
        <v>522</v>
      </c>
      <c r="G436" s="156" t="s">
        <v>58</v>
      </c>
      <c r="H436" s="156" t="s">
        <v>21</v>
      </c>
      <c r="I436" s="169" t="s">
        <v>81</v>
      </c>
      <c r="J436" s="156" t="s">
        <v>334</v>
      </c>
      <c r="K436" s="156" t="s">
        <v>71</v>
      </c>
      <c r="L436" s="156" t="s">
        <v>63</v>
      </c>
      <c r="M436" s="156" t="s">
        <v>63</v>
      </c>
      <c r="N436" s="157">
        <v>334033.91999999998</v>
      </c>
      <c r="O436" s="157">
        <v>334033.91999999998</v>
      </c>
      <c r="P436" s="156" t="s">
        <v>64</v>
      </c>
      <c r="Q436" s="156" t="s">
        <v>82</v>
      </c>
      <c r="R436" s="167"/>
      <c r="S436" s="167"/>
      <c r="T436" s="167"/>
      <c r="U436" s="167"/>
      <c r="V436" s="161" t="s">
        <v>66</v>
      </c>
      <c r="W436" s="161"/>
      <c r="X436" s="167"/>
      <c r="Y436" s="167"/>
      <c r="Z436" s="167"/>
      <c r="AA436" s="167"/>
      <c r="AB436" s="167"/>
      <c r="AC436" s="167"/>
      <c r="AD436" s="167"/>
      <c r="AE436" s="167"/>
      <c r="AF436" s="167"/>
      <c r="AG436" s="167"/>
      <c r="AH436" s="167"/>
      <c r="AI436" s="167"/>
      <c r="AJ436" s="167"/>
      <c r="AK436" s="167"/>
      <c r="AL436" s="167"/>
      <c r="AM436" s="167"/>
      <c r="AN436" s="167"/>
      <c r="AO436" s="167"/>
      <c r="AP436" s="167"/>
      <c r="AQ436" s="167"/>
      <c r="AR436" s="167"/>
      <c r="AS436" s="167"/>
      <c r="AT436" s="167"/>
      <c r="AU436" s="167"/>
      <c r="AV436" s="167"/>
      <c r="AW436" s="160">
        <f t="shared" si="224"/>
        <v>300</v>
      </c>
      <c r="AX436" s="158">
        <f t="shared" si="259"/>
        <v>1113.4464</v>
      </c>
      <c r="AY436" s="161" t="str">
        <f t="shared" si="225"/>
        <v/>
      </c>
      <c r="AZ436" s="161" t="str">
        <f t="shared" si="226"/>
        <v/>
      </c>
      <c r="BA436" s="161" t="str">
        <f t="shared" si="227"/>
        <v/>
      </c>
      <c r="BB436" s="161" t="str">
        <f t="shared" si="228"/>
        <v/>
      </c>
      <c r="BC436" s="161">
        <f t="shared" si="229"/>
        <v>334033.91999999998</v>
      </c>
      <c r="BD436" s="161" t="str">
        <f t="shared" si="230"/>
        <v/>
      </c>
      <c r="BE436" s="161" t="str">
        <f t="shared" si="231"/>
        <v/>
      </c>
      <c r="BF436" s="161" t="str">
        <f t="shared" si="232"/>
        <v/>
      </c>
      <c r="BG436" s="161" t="str">
        <f t="shared" si="233"/>
        <v/>
      </c>
      <c r="BH436" s="161" t="str">
        <f t="shared" si="234"/>
        <v/>
      </c>
      <c r="BI436" s="161" t="str">
        <f t="shared" si="235"/>
        <v/>
      </c>
      <c r="BJ436" s="161" t="str">
        <f t="shared" si="236"/>
        <v/>
      </c>
      <c r="BK436" s="161" t="str">
        <f t="shared" si="237"/>
        <v/>
      </c>
      <c r="BL436" s="161" t="str">
        <f t="shared" si="238"/>
        <v/>
      </c>
      <c r="BM436" s="161" t="str">
        <f t="shared" si="239"/>
        <v/>
      </c>
      <c r="BN436" s="161" t="str">
        <f t="shared" si="240"/>
        <v/>
      </c>
      <c r="BO436" s="161" t="str">
        <f t="shared" si="241"/>
        <v/>
      </c>
      <c r="BP436" s="161" t="str">
        <f t="shared" si="242"/>
        <v/>
      </c>
      <c r="BQ436" s="161" t="str">
        <f t="shared" si="243"/>
        <v/>
      </c>
      <c r="BR436" s="161" t="str">
        <f t="shared" si="244"/>
        <v/>
      </c>
      <c r="BS436" s="161" t="str">
        <f t="shared" si="245"/>
        <v/>
      </c>
      <c r="BT436" s="161" t="str">
        <f t="shared" si="246"/>
        <v/>
      </c>
      <c r="BU436" s="161" t="str">
        <f t="shared" si="247"/>
        <v/>
      </c>
      <c r="BV436" s="161" t="str">
        <f t="shared" si="248"/>
        <v/>
      </c>
      <c r="BW436" s="161" t="str">
        <f t="shared" si="249"/>
        <v/>
      </c>
      <c r="BX436" s="161" t="str">
        <f t="shared" si="250"/>
        <v/>
      </c>
      <c r="BY436" s="161" t="str">
        <f t="shared" si="251"/>
        <v/>
      </c>
      <c r="BZ436" s="161" t="str">
        <f t="shared" si="252"/>
        <v/>
      </c>
      <c r="CA436" s="161" t="str">
        <f t="shared" si="253"/>
        <v/>
      </c>
      <c r="CB436" s="161" t="str">
        <f t="shared" si="254"/>
        <v/>
      </c>
      <c r="CC436" s="161" t="str">
        <f t="shared" si="255"/>
        <v/>
      </c>
      <c r="CD436" s="156"/>
      <c r="CE436" s="156"/>
      <c r="CF436" s="156"/>
    </row>
    <row r="437" spans="1:84" s="168" customFormat="1" ht="56.1" hidden="1" customHeight="1" x14ac:dyDescent="0.2">
      <c r="A437" s="154">
        <v>437</v>
      </c>
      <c r="B437" s="155" t="s">
        <v>53</v>
      </c>
      <c r="C437" s="165" t="s">
        <v>515</v>
      </c>
      <c r="D437" s="156" t="s">
        <v>523</v>
      </c>
      <c r="E437" s="156" t="s">
        <v>540</v>
      </c>
      <c r="F437" s="156" t="s">
        <v>540</v>
      </c>
      <c r="G437" s="156" t="s">
        <v>58</v>
      </c>
      <c r="H437" s="156" t="s">
        <v>21</v>
      </c>
      <c r="I437" s="156" t="s">
        <v>388</v>
      </c>
      <c r="J437" s="156" t="s">
        <v>525</v>
      </c>
      <c r="K437" s="156" t="s">
        <v>71</v>
      </c>
      <c r="L437" s="156" t="s">
        <v>63</v>
      </c>
      <c r="M437" s="156" t="s">
        <v>63</v>
      </c>
      <c r="N437" s="157">
        <v>43494</v>
      </c>
      <c r="O437" s="157">
        <v>43494</v>
      </c>
      <c r="P437" s="156" t="s">
        <v>64</v>
      </c>
      <c r="Q437" s="156" t="s">
        <v>82</v>
      </c>
      <c r="R437" s="167"/>
      <c r="S437" s="167"/>
      <c r="T437" s="167"/>
      <c r="U437" s="167"/>
      <c r="V437" s="161" t="s">
        <v>66</v>
      </c>
      <c r="W437" s="161"/>
      <c r="X437" s="167"/>
      <c r="Y437" s="167"/>
      <c r="Z437" s="167"/>
      <c r="AA437" s="167"/>
      <c r="AB437" s="167"/>
      <c r="AC437" s="167"/>
      <c r="AD437" s="167"/>
      <c r="AE437" s="167"/>
      <c r="AF437" s="167"/>
      <c r="AG437" s="167"/>
      <c r="AH437" s="167"/>
      <c r="AI437" s="167"/>
      <c r="AJ437" s="167"/>
      <c r="AK437" s="167"/>
      <c r="AL437" s="167"/>
      <c r="AM437" s="167"/>
      <c r="AN437" s="167"/>
      <c r="AO437" s="167"/>
      <c r="AP437" s="167"/>
      <c r="AQ437" s="167"/>
      <c r="AR437" s="167"/>
      <c r="AS437" s="167"/>
      <c r="AT437" s="167"/>
      <c r="AU437" s="167"/>
      <c r="AV437" s="167"/>
      <c r="AW437" s="160">
        <f t="shared" si="224"/>
        <v>300</v>
      </c>
      <c r="AX437" s="158">
        <f t="shared" si="259"/>
        <v>144.97999999999999</v>
      </c>
      <c r="AY437" s="161" t="str">
        <f t="shared" si="225"/>
        <v/>
      </c>
      <c r="AZ437" s="161" t="str">
        <f t="shared" si="226"/>
        <v/>
      </c>
      <c r="BA437" s="161" t="str">
        <f t="shared" si="227"/>
        <v/>
      </c>
      <c r="BB437" s="161" t="str">
        <f t="shared" si="228"/>
        <v/>
      </c>
      <c r="BC437" s="161">
        <f t="shared" si="229"/>
        <v>43494</v>
      </c>
      <c r="BD437" s="161" t="str">
        <f t="shared" si="230"/>
        <v/>
      </c>
      <c r="BE437" s="161" t="str">
        <f t="shared" si="231"/>
        <v/>
      </c>
      <c r="BF437" s="161" t="str">
        <f t="shared" si="232"/>
        <v/>
      </c>
      <c r="BG437" s="161" t="str">
        <f t="shared" si="233"/>
        <v/>
      </c>
      <c r="BH437" s="161" t="str">
        <f t="shared" si="234"/>
        <v/>
      </c>
      <c r="BI437" s="161" t="str">
        <f t="shared" si="235"/>
        <v/>
      </c>
      <c r="BJ437" s="161" t="str">
        <f t="shared" si="236"/>
        <v/>
      </c>
      <c r="BK437" s="161" t="str">
        <f t="shared" si="237"/>
        <v/>
      </c>
      <c r="BL437" s="161" t="str">
        <f t="shared" si="238"/>
        <v/>
      </c>
      <c r="BM437" s="161" t="str">
        <f t="shared" si="239"/>
        <v/>
      </c>
      <c r="BN437" s="161" t="str">
        <f t="shared" si="240"/>
        <v/>
      </c>
      <c r="BO437" s="161" t="str">
        <f t="shared" si="241"/>
        <v/>
      </c>
      <c r="BP437" s="161" t="str">
        <f t="shared" si="242"/>
        <v/>
      </c>
      <c r="BQ437" s="161" t="str">
        <f t="shared" si="243"/>
        <v/>
      </c>
      <c r="BR437" s="161" t="str">
        <f t="shared" si="244"/>
        <v/>
      </c>
      <c r="BS437" s="161" t="str">
        <f t="shared" si="245"/>
        <v/>
      </c>
      <c r="BT437" s="161" t="str">
        <f t="shared" si="246"/>
        <v/>
      </c>
      <c r="BU437" s="161" t="str">
        <f t="shared" si="247"/>
        <v/>
      </c>
      <c r="BV437" s="161" t="str">
        <f t="shared" si="248"/>
        <v/>
      </c>
      <c r="BW437" s="161" t="str">
        <f t="shared" si="249"/>
        <v/>
      </c>
      <c r="BX437" s="161" t="str">
        <f t="shared" si="250"/>
        <v/>
      </c>
      <c r="BY437" s="161" t="str">
        <f t="shared" si="251"/>
        <v/>
      </c>
      <c r="BZ437" s="161" t="str">
        <f t="shared" si="252"/>
        <v/>
      </c>
      <c r="CA437" s="161" t="str">
        <f t="shared" si="253"/>
        <v/>
      </c>
      <c r="CB437" s="161" t="str">
        <f t="shared" si="254"/>
        <v/>
      </c>
      <c r="CC437" s="161" t="str">
        <f t="shared" si="255"/>
        <v/>
      </c>
      <c r="CD437" s="156"/>
      <c r="CE437" s="156"/>
      <c r="CF437" s="156"/>
    </row>
    <row r="438" spans="1:84" s="168" customFormat="1" ht="56.1" hidden="1" customHeight="1" x14ac:dyDescent="0.2">
      <c r="A438" s="154">
        <v>438</v>
      </c>
      <c r="B438" s="155" t="s">
        <v>53</v>
      </c>
      <c r="C438" s="165" t="s">
        <v>515</v>
      </c>
      <c r="D438" s="156" t="s">
        <v>539</v>
      </c>
      <c r="E438" s="156" t="s">
        <v>541</v>
      </c>
      <c r="F438" s="156" t="s">
        <v>541</v>
      </c>
      <c r="G438" s="156" t="s">
        <v>58</v>
      </c>
      <c r="H438" s="156" t="s">
        <v>21</v>
      </c>
      <c r="I438" s="156" t="s">
        <v>388</v>
      </c>
      <c r="J438" s="156" t="s">
        <v>525</v>
      </c>
      <c r="K438" s="156" t="s">
        <v>71</v>
      </c>
      <c r="L438" s="156" t="s">
        <v>63</v>
      </c>
      <c r="M438" s="156" t="s">
        <v>63</v>
      </c>
      <c r="N438" s="157">
        <v>105440</v>
      </c>
      <c r="O438" s="157">
        <v>105440</v>
      </c>
      <c r="P438" s="156" t="s">
        <v>64</v>
      </c>
      <c r="Q438" s="156" t="s">
        <v>82</v>
      </c>
      <c r="R438" s="167"/>
      <c r="S438" s="167"/>
      <c r="T438" s="167"/>
      <c r="U438" s="167"/>
      <c r="V438" s="161" t="s">
        <v>66</v>
      </c>
      <c r="W438" s="161"/>
      <c r="X438" s="167"/>
      <c r="Y438" s="167"/>
      <c r="Z438" s="167"/>
      <c r="AA438" s="167"/>
      <c r="AB438" s="167"/>
      <c r="AC438" s="167"/>
      <c r="AD438" s="167"/>
      <c r="AE438" s="167"/>
      <c r="AF438" s="167"/>
      <c r="AG438" s="167"/>
      <c r="AH438" s="167"/>
      <c r="AI438" s="167"/>
      <c r="AJ438" s="167"/>
      <c r="AK438" s="167"/>
      <c r="AL438" s="167"/>
      <c r="AM438" s="167"/>
      <c r="AN438" s="167"/>
      <c r="AO438" s="167"/>
      <c r="AP438" s="167"/>
      <c r="AQ438" s="167"/>
      <c r="AR438" s="167"/>
      <c r="AS438" s="167"/>
      <c r="AT438" s="167"/>
      <c r="AU438" s="167"/>
      <c r="AV438" s="167"/>
      <c r="AW438" s="160">
        <f t="shared" si="224"/>
        <v>300</v>
      </c>
      <c r="AX438" s="158">
        <f t="shared" si="259"/>
        <v>351.46666666666664</v>
      </c>
      <c r="AY438" s="161" t="str">
        <f t="shared" si="225"/>
        <v/>
      </c>
      <c r="AZ438" s="161" t="str">
        <f t="shared" si="226"/>
        <v/>
      </c>
      <c r="BA438" s="161" t="str">
        <f t="shared" si="227"/>
        <v/>
      </c>
      <c r="BB438" s="161" t="str">
        <f t="shared" si="228"/>
        <v/>
      </c>
      <c r="BC438" s="161">
        <f t="shared" si="229"/>
        <v>105439.99999999999</v>
      </c>
      <c r="BD438" s="161" t="str">
        <f t="shared" si="230"/>
        <v/>
      </c>
      <c r="BE438" s="161" t="str">
        <f t="shared" si="231"/>
        <v/>
      </c>
      <c r="BF438" s="161" t="str">
        <f t="shared" si="232"/>
        <v/>
      </c>
      <c r="BG438" s="161" t="str">
        <f t="shared" si="233"/>
        <v/>
      </c>
      <c r="BH438" s="161" t="str">
        <f t="shared" si="234"/>
        <v/>
      </c>
      <c r="BI438" s="161" t="str">
        <f t="shared" si="235"/>
        <v/>
      </c>
      <c r="BJ438" s="161" t="str">
        <f t="shared" si="236"/>
        <v/>
      </c>
      <c r="BK438" s="161" t="str">
        <f t="shared" si="237"/>
        <v/>
      </c>
      <c r="BL438" s="161" t="str">
        <f t="shared" si="238"/>
        <v/>
      </c>
      <c r="BM438" s="161" t="str">
        <f t="shared" si="239"/>
        <v/>
      </c>
      <c r="BN438" s="161" t="str">
        <f t="shared" si="240"/>
        <v/>
      </c>
      <c r="BO438" s="161" t="str">
        <f t="shared" si="241"/>
        <v/>
      </c>
      <c r="BP438" s="161" t="str">
        <f t="shared" si="242"/>
        <v/>
      </c>
      <c r="BQ438" s="161" t="str">
        <f t="shared" si="243"/>
        <v/>
      </c>
      <c r="BR438" s="161" t="str">
        <f t="shared" si="244"/>
        <v/>
      </c>
      <c r="BS438" s="161" t="str">
        <f t="shared" si="245"/>
        <v/>
      </c>
      <c r="BT438" s="161" t="str">
        <f t="shared" si="246"/>
        <v/>
      </c>
      <c r="BU438" s="161" t="str">
        <f t="shared" si="247"/>
        <v/>
      </c>
      <c r="BV438" s="161" t="str">
        <f t="shared" si="248"/>
        <v/>
      </c>
      <c r="BW438" s="161" t="str">
        <f t="shared" si="249"/>
        <v/>
      </c>
      <c r="BX438" s="161" t="str">
        <f t="shared" si="250"/>
        <v/>
      </c>
      <c r="BY438" s="161" t="str">
        <f t="shared" si="251"/>
        <v/>
      </c>
      <c r="BZ438" s="161" t="str">
        <f t="shared" si="252"/>
        <v/>
      </c>
      <c r="CA438" s="161" t="str">
        <f t="shared" si="253"/>
        <v/>
      </c>
      <c r="CB438" s="161" t="str">
        <f t="shared" si="254"/>
        <v/>
      </c>
      <c r="CC438" s="161" t="str">
        <f t="shared" si="255"/>
        <v/>
      </c>
      <c r="CD438" s="156"/>
      <c r="CE438" s="156"/>
      <c r="CF438" s="156"/>
    </row>
    <row r="439" spans="1:84" s="168" customFormat="1" ht="56.1" hidden="1" customHeight="1" x14ac:dyDescent="0.2">
      <c r="A439" s="154">
        <v>439</v>
      </c>
      <c r="B439" s="155" t="s">
        <v>53</v>
      </c>
      <c r="C439" s="165" t="s">
        <v>515</v>
      </c>
      <c r="D439" s="156" t="s">
        <v>528</v>
      </c>
      <c r="E439" s="156" t="s">
        <v>560</v>
      </c>
      <c r="F439" s="156" t="s">
        <v>561</v>
      </c>
      <c r="G439" s="156" t="s">
        <v>58</v>
      </c>
      <c r="H439" s="156" t="s">
        <v>21</v>
      </c>
      <c r="I439" s="156" t="s">
        <v>551</v>
      </c>
      <c r="J439" s="156" t="s">
        <v>525</v>
      </c>
      <c r="K439" s="156" t="s">
        <v>71</v>
      </c>
      <c r="L439" s="156" t="s">
        <v>63</v>
      </c>
      <c r="M439" s="156" t="s">
        <v>63</v>
      </c>
      <c r="N439" s="157">
        <v>42581.538461538461</v>
      </c>
      <c r="O439" s="157">
        <v>42581.538461538461</v>
      </c>
      <c r="P439" s="156" t="s">
        <v>64</v>
      </c>
      <c r="Q439" s="156" t="s">
        <v>82</v>
      </c>
      <c r="R439" s="167"/>
      <c r="S439" s="167"/>
      <c r="T439" s="167"/>
      <c r="U439" s="167"/>
      <c r="V439" s="161" t="s">
        <v>66</v>
      </c>
      <c r="W439" s="161"/>
      <c r="X439" s="167"/>
      <c r="Y439" s="167"/>
      <c r="Z439" s="167"/>
      <c r="AA439" s="167"/>
      <c r="AB439" s="167"/>
      <c r="AC439" s="167"/>
      <c r="AD439" s="167"/>
      <c r="AE439" s="167"/>
      <c r="AF439" s="167"/>
      <c r="AG439" s="167"/>
      <c r="AH439" s="167"/>
      <c r="AI439" s="167"/>
      <c r="AJ439" s="167"/>
      <c r="AK439" s="167"/>
      <c r="AL439" s="167"/>
      <c r="AM439" s="167"/>
      <c r="AN439" s="167"/>
      <c r="AO439" s="167"/>
      <c r="AP439" s="167"/>
      <c r="AQ439" s="167"/>
      <c r="AR439" s="167"/>
      <c r="AS439" s="167"/>
      <c r="AT439" s="167"/>
      <c r="AU439" s="167"/>
      <c r="AV439" s="167"/>
      <c r="AW439" s="160">
        <f t="shared" si="224"/>
        <v>300</v>
      </c>
      <c r="AX439" s="158">
        <f t="shared" si="259"/>
        <v>141.93846153846152</v>
      </c>
      <c r="AY439" s="161" t="str">
        <f t="shared" si="225"/>
        <v/>
      </c>
      <c r="AZ439" s="161" t="str">
        <f t="shared" si="226"/>
        <v/>
      </c>
      <c r="BA439" s="161" t="str">
        <f t="shared" si="227"/>
        <v/>
      </c>
      <c r="BB439" s="161" t="str">
        <f t="shared" si="228"/>
        <v/>
      </c>
      <c r="BC439" s="161">
        <f t="shared" si="229"/>
        <v>42581.538461538454</v>
      </c>
      <c r="BD439" s="161" t="str">
        <f t="shared" si="230"/>
        <v/>
      </c>
      <c r="BE439" s="161" t="str">
        <f t="shared" si="231"/>
        <v/>
      </c>
      <c r="BF439" s="161" t="str">
        <f t="shared" si="232"/>
        <v/>
      </c>
      <c r="BG439" s="161" t="str">
        <f t="shared" si="233"/>
        <v/>
      </c>
      <c r="BH439" s="161" t="str">
        <f t="shared" si="234"/>
        <v/>
      </c>
      <c r="BI439" s="161" t="str">
        <f t="shared" si="235"/>
        <v/>
      </c>
      <c r="BJ439" s="161" t="str">
        <f t="shared" si="236"/>
        <v/>
      </c>
      <c r="BK439" s="161" t="str">
        <f t="shared" si="237"/>
        <v/>
      </c>
      <c r="BL439" s="161" t="str">
        <f t="shared" si="238"/>
        <v/>
      </c>
      <c r="BM439" s="161" t="str">
        <f t="shared" si="239"/>
        <v/>
      </c>
      <c r="BN439" s="161" t="str">
        <f t="shared" si="240"/>
        <v/>
      </c>
      <c r="BO439" s="161" t="str">
        <f t="shared" si="241"/>
        <v/>
      </c>
      <c r="BP439" s="161" t="str">
        <f t="shared" si="242"/>
        <v/>
      </c>
      <c r="BQ439" s="161" t="str">
        <f t="shared" si="243"/>
        <v/>
      </c>
      <c r="BR439" s="161" t="str">
        <f t="shared" si="244"/>
        <v/>
      </c>
      <c r="BS439" s="161" t="str">
        <f t="shared" si="245"/>
        <v/>
      </c>
      <c r="BT439" s="161" t="str">
        <f t="shared" si="246"/>
        <v/>
      </c>
      <c r="BU439" s="161" t="str">
        <f t="shared" si="247"/>
        <v/>
      </c>
      <c r="BV439" s="161" t="str">
        <f t="shared" si="248"/>
        <v/>
      </c>
      <c r="BW439" s="161" t="str">
        <f t="shared" si="249"/>
        <v/>
      </c>
      <c r="BX439" s="161" t="str">
        <f t="shared" si="250"/>
        <v/>
      </c>
      <c r="BY439" s="161" t="str">
        <f t="shared" si="251"/>
        <v/>
      </c>
      <c r="BZ439" s="161" t="str">
        <f t="shared" si="252"/>
        <v/>
      </c>
      <c r="CA439" s="161" t="str">
        <f t="shared" si="253"/>
        <v/>
      </c>
      <c r="CB439" s="161" t="str">
        <f t="shared" si="254"/>
        <v/>
      </c>
      <c r="CC439" s="161" t="str">
        <f t="shared" si="255"/>
        <v/>
      </c>
      <c r="CD439" s="156"/>
      <c r="CE439" s="156"/>
      <c r="CF439" s="156"/>
    </row>
    <row r="440" spans="1:84" s="168" customFormat="1" ht="56.1" hidden="1" customHeight="1" x14ac:dyDescent="0.2">
      <c r="A440" s="154">
        <v>440</v>
      </c>
      <c r="B440" s="155" t="s">
        <v>53</v>
      </c>
      <c r="C440" s="165" t="s">
        <v>515</v>
      </c>
      <c r="D440" s="156" t="s">
        <v>530</v>
      </c>
      <c r="E440" s="156" t="s">
        <v>532</v>
      </c>
      <c r="F440" s="156" t="s">
        <v>532</v>
      </c>
      <c r="G440" s="156" t="s">
        <v>58</v>
      </c>
      <c r="H440" s="156" t="s">
        <v>21</v>
      </c>
      <c r="I440" s="156" t="s">
        <v>8</v>
      </c>
      <c r="J440" s="156" t="s">
        <v>525</v>
      </c>
      <c r="K440" s="156" t="s">
        <v>71</v>
      </c>
      <c r="L440" s="156" t="s">
        <v>63</v>
      </c>
      <c r="M440" s="156" t="s">
        <v>63</v>
      </c>
      <c r="N440" s="157">
        <v>0</v>
      </c>
      <c r="O440" s="157">
        <v>0</v>
      </c>
      <c r="P440" s="156" t="s">
        <v>64</v>
      </c>
      <c r="Q440" s="156" t="s">
        <v>82</v>
      </c>
      <c r="R440" s="167"/>
      <c r="S440" s="167"/>
      <c r="T440" s="167"/>
      <c r="U440" s="167"/>
      <c r="V440" s="161" t="s">
        <v>66</v>
      </c>
      <c r="W440" s="161"/>
      <c r="X440" s="167"/>
      <c r="Y440" s="167"/>
      <c r="Z440" s="167"/>
      <c r="AA440" s="167"/>
      <c r="AB440" s="167"/>
      <c r="AC440" s="167"/>
      <c r="AD440" s="167"/>
      <c r="AE440" s="167"/>
      <c r="AF440" s="167"/>
      <c r="AG440" s="167"/>
      <c r="AH440" s="167"/>
      <c r="AI440" s="167"/>
      <c r="AJ440" s="167"/>
      <c r="AK440" s="167"/>
      <c r="AL440" s="167"/>
      <c r="AM440" s="167"/>
      <c r="AN440" s="167"/>
      <c r="AO440" s="167"/>
      <c r="AP440" s="167"/>
      <c r="AQ440" s="167"/>
      <c r="AR440" s="167"/>
      <c r="AS440" s="167"/>
      <c r="AT440" s="167"/>
      <c r="AU440" s="167"/>
      <c r="AV440" s="167"/>
      <c r="AW440" s="160">
        <f t="shared" si="224"/>
        <v>300</v>
      </c>
      <c r="AX440" s="158"/>
      <c r="AY440" s="161" t="str">
        <f t="shared" si="225"/>
        <v/>
      </c>
      <c r="AZ440" s="161" t="str">
        <f t="shared" si="226"/>
        <v/>
      </c>
      <c r="BA440" s="161" t="str">
        <f t="shared" si="227"/>
        <v/>
      </c>
      <c r="BB440" s="161" t="str">
        <f t="shared" si="228"/>
        <v/>
      </c>
      <c r="BC440" s="161">
        <f t="shared" si="229"/>
        <v>0</v>
      </c>
      <c r="BD440" s="161" t="str">
        <f t="shared" si="230"/>
        <v/>
      </c>
      <c r="BE440" s="161" t="str">
        <f t="shared" si="231"/>
        <v/>
      </c>
      <c r="BF440" s="161" t="str">
        <f t="shared" si="232"/>
        <v/>
      </c>
      <c r="BG440" s="161" t="str">
        <f t="shared" si="233"/>
        <v/>
      </c>
      <c r="BH440" s="161" t="str">
        <f t="shared" si="234"/>
        <v/>
      </c>
      <c r="BI440" s="161" t="str">
        <f t="shared" si="235"/>
        <v/>
      </c>
      <c r="BJ440" s="161" t="str">
        <f t="shared" si="236"/>
        <v/>
      </c>
      <c r="BK440" s="161" t="str">
        <f t="shared" si="237"/>
        <v/>
      </c>
      <c r="BL440" s="161" t="str">
        <f t="shared" si="238"/>
        <v/>
      </c>
      <c r="BM440" s="161" t="str">
        <f t="shared" si="239"/>
        <v/>
      </c>
      <c r="BN440" s="161" t="str">
        <f t="shared" si="240"/>
        <v/>
      </c>
      <c r="BO440" s="161" t="str">
        <f t="shared" si="241"/>
        <v/>
      </c>
      <c r="BP440" s="161" t="str">
        <f t="shared" si="242"/>
        <v/>
      </c>
      <c r="BQ440" s="161" t="str">
        <f t="shared" si="243"/>
        <v/>
      </c>
      <c r="BR440" s="161" t="str">
        <f t="shared" si="244"/>
        <v/>
      </c>
      <c r="BS440" s="161" t="str">
        <f t="shared" si="245"/>
        <v/>
      </c>
      <c r="BT440" s="161" t="str">
        <f t="shared" si="246"/>
        <v/>
      </c>
      <c r="BU440" s="161" t="str">
        <f t="shared" si="247"/>
        <v/>
      </c>
      <c r="BV440" s="161" t="str">
        <f t="shared" si="248"/>
        <v/>
      </c>
      <c r="BW440" s="161" t="str">
        <f t="shared" si="249"/>
        <v/>
      </c>
      <c r="BX440" s="161" t="str">
        <f t="shared" si="250"/>
        <v/>
      </c>
      <c r="BY440" s="161" t="str">
        <f t="shared" si="251"/>
        <v/>
      </c>
      <c r="BZ440" s="161" t="str">
        <f t="shared" si="252"/>
        <v/>
      </c>
      <c r="CA440" s="161" t="str">
        <f t="shared" si="253"/>
        <v/>
      </c>
      <c r="CB440" s="161" t="str">
        <f t="shared" si="254"/>
        <v/>
      </c>
      <c r="CC440" s="161" t="str">
        <f t="shared" si="255"/>
        <v/>
      </c>
      <c r="CD440" s="156"/>
      <c r="CE440" s="156"/>
      <c r="CF440" s="156"/>
    </row>
    <row r="441" spans="1:84" s="168" customFormat="1" ht="54.6" hidden="1" customHeight="1" x14ac:dyDescent="0.2">
      <c r="A441" s="154">
        <v>441</v>
      </c>
      <c r="B441" s="155" t="s">
        <v>53</v>
      </c>
      <c r="C441" s="165" t="s">
        <v>515</v>
      </c>
      <c r="D441" s="156" t="s">
        <v>533</v>
      </c>
      <c r="E441" s="156" t="s">
        <v>534</v>
      </c>
      <c r="F441" s="156" t="s">
        <v>534</v>
      </c>
      <c r="G441" s="156" t="s">
        <v>58</v>
      </c>
      <c r="H441" s="156" t="s">
        <v>21</v>
      </c>
      <c r="I441" s="156" t="s">
        <v>81</v>
      </c>
      <c r="J441" s="156" t="s">
        <v>334</v>
      </c>
      <c r="K441" s="156" t="s">
        <v>71</v>
      </c>
      <c r="L441" s="156" t="s">
        <v>63</v>
      </c>
      <c r="M441" s="156" t="s">
        <v>63</v>
      </c>
      <c r="N441" s="157">
        <v>53379</v>
      </c>
      <c r="O441" s="157">
        <v>53379</v>
      </c>
      <c r="P441" s="156" t="s">
        <v>64</v>
      </c>
      <c r="Q441" s="156" t="s">
        <v>82</v>
      </c>
      <c r="R441" s="167"/>
      <c r="S441" s="167"/>
      <c r="T441" s="167"/>
      <c r="U441" s="167"/>
      <c r="V441" s="161" t="s">
        <v>66</v>
      </c>
      <c r="W441" s="161"/>
      <c r="X441" s="167"/>
      <c r="Y441" s="167"/>
      <c r="Z441" s="167"/>
      <c r="AA441" s="167"/>
      <c r="AB441" s="167"/>
      <c r="AC441" s="167"/>
      <c r="AD441" s="167"/>
      <c r="AE441" s="167"/>
      <c r="AF441" s="167"/>
      <c r="AG441" s="167"/>
      <c r="AH441" s="167"/>
      <c r="AI441" s="167"/>
      <c r="AJ441" s="167"/>
      <c r="AK441" s="167"/>
      <c r="AL441" s="167"/>
      <c r="AM441" s="167"/>
      <c r="AN441" s="167"/>
      <c r="AO441" s="167"/>
      <c r="AP441" s="167"/>
      <c r="AQ441" s="167"/>
      <c r="AR441" s="167"/>
      <c r="AS441" s="167"/>
      <c r="AT441" s="167"/>
      <c r="AU441" s="167"/>
      <c r="AV441" s="167"/>
      <c r="AW441" s="160">
        <f t="shared" si="224"/>
        <v>300</v>
      </c>
      <c r="AX441" s="158">
        <f t="shared" ref="AX441:AX446" si="260">O441/AW441</f>
        <v>177.93</v>
      </c>
      <c r="AY441" s="161" t="str">
        <f t="shared" si="225"/>
        <v/>
      </c>
      <c r="AZ441" s="161" t="str">
        <f t="shared" si="226"/>
        <v/>
      </c>
      <c r="BA441" s="161" t="str">
        <f t="shared" si="227"/>
        <v/>
      </c>
      <c r="BB441" s="161" t="str">
        <f t="shared" si="228"/>
        <v/>
      </c>
      <c r="BC441" s="161">
        <f t="shared" si="229"/>
        <v>53379</v>
      </c>
      <c r="BD441" s="161" t="str">
        <f t="shared" si="230"/>
        <v/>
      </c>
      <c r="BE441" s="161" t="str">
        <f t="shared" si="231"/>
        <v/>
      </c>
      <c r="BF441" s="161" t="str">
        <f t="shared" si="232"/>
        <v/>
      </c>
      <c r="BG441" s="161" t="str">
        <f t="shared" si="233"/>
        <v/>
      </c>
      <c r="BH441" s="161" t="str">
        <f t="shared" si="234"/>
        <v/>
      </c>
      <c r="BI441" s="161" t="str">
        <f t="shared" si="235"/>
        <v/>
      </c>
      <c r="BJ441" s="161" t="str">
        <f t="shared" si="236"/>
        <v/>
      </c>
      <c r="BK441" s="161" t="str">
        <f t="shared" si="237"/>
        <v/>
      </c>
      <c r="BL441" s="161" t="str">
        <f t="shared" si="238"/>
        <v/>
      </c>
      <c r="BM441" s="161" t="str">
        <f t="shared" si="239"/>
        <v/>
      </c>
      <c r="BN441" s="161" t="str">
        <f t="shared" si="240"/>
        <v/>
      </c>
      <c r="BO441" s="161" t="str">
        <f t="shared" si="241"/>
        <v/>
      </c>
      <c r="BP441" s="161" t="str">
        <f t="shared" si="242"/>
        <v/>
      </c>
      <c r="BQ441" s="161" t="str">
        <f t="shared" si="243"/>
        <v/>
      </c>
      <c r="BR441" s="161" t="str">
        <f t="shared" si="244"/>
        <v/>
      </c>
      <c r="BS441" s="161" t="str">
        <f t="shared" si="245"/>
        <v/>
      </c>
      <c r="BT441" s="161" t="str">
        <f t="shared" si="246"/>
        <v/>
      </c>
      <c r="BU441" s="161" t="str">
        <f t="shared" si="247"/>
        <v/>
      </c>
      <c r="BV441" s="161" t="str">
        <f t="shared" si="248"/>
        <v/>
      </c>
      <c r="BW441" s="161" t="str">
        <f t="shared" si="249"/>
        <v/>
      </c>
      <c r="BX441" s="161" t="str">
        <f t="shared" si="250"/>
        <v/>
      </c>
      <c r="BY441" s="161" t="str">
        <f t="shared" si="251"/>
        <v/>
      </c>
      <c r="BZ441" s="161" t="str">
        <f t="shared" si="252"/>
        <v/>
      </c>
      <c r="CA441" s="161" t="str">
        <f t="shared" si="253"/>
        <v/>
      </c>
      <c r="CB441" s="161" t="str">
        <f t="shared" si="254"/>
        <v/>
      </c>
      <c r="CC441" s="161" t="str">
        <f t="shared" si="255"/>
        <v/>
      </c>
      <c r="CD441" s="156"/>
      <c r="CE441" s="156"/>
      <c r="CF441" s="156"/>
    </row>
    <row r="442" spans="1:84" s="168" customFormat="1" ht="56.1" hidden="1" customHeight="1" x14ac:dyDescent="0.2">
      <c r="A442" s="154">
        <v>442</v>
      </c>
      <c r="B442" s="155" t="s">
        <v>53</v>
      </c>
      <c r="C442" s="165" t="s">
        <v>515</v>
      </c>
      <c r="D442" s="156" t="s">
        <v>548</v>
      </c>
      <c r="E442" s="156" t="s">
        <v>536</v>
      </c>
      <c r="F442" s="156" t="s">
        <v>536</v>
      </c>
      <c r="G442" s="156" t="s">
        <v>58</v>
      </c>
      <c r="H442" s="156" t="s">
        <v>323</v>
      </c>
      <c r="I442" s="169" t="s">
        <v>60</v>
      </c>
      <c r="J442" s="156" t="s">
        <v>334</v>
      </c>
      <c r="K442" s="156" t="s">
        <v>380</v>
      </c>
      <c r="L442" s="156" t="s">
        <v>63</v>
      </c>
      <c r="M442" s="156" t="s">
        <v>63</v>
      </c>
      <c r="N442" s="157">
        <v>30366.719999999998</v>
      </c>
      <c r="O442" s="157">
        <v>30366.719999999998</v>
      </c>
      <c r="P442" s="156" t="s">
        <v>64</v>
      </c>
      <c r="Q442" s="156" t="s">
        <v>82</v>
      </c>
      <c r="R442" s="167"/>
      <c r="S442" s="167"/>
      <c r="T442" s="167"/>
      <c r="U442" s="167"/>
      <c r="V442" s="167"/>
      <c r="W442" s="161"/>
      <c r="X442" s="161" t="s">
        <v>66</v>
      </c>
      <c r="Y442" s="167"/>
      <c r="Z442" s="167"/>
      <c r="AA442" s="167"/>
      <c r="AB442" s="167"/>
      <c r="AC442" s="167"/>
      <c r="AD442" s="167"/>
      <c r="AE442" s="167"/>
      <c r="AF442" s="167"/>
      <c r="AG442" s="167"/>
      <c r="AH442" s="167"/>
      <c r="AI442" s="167"/>
      <c r="AJ442" s="167"/>
      <c r="AK442" s="167"/>
      <c r="AL442" s="167"/>
      <c r="AM442" s="167"/>
      <c r="AN442" s="167"/>
      <c r="AO442" s="167"/>
      <c r="AP442" s="167"/>
      <c r="AQ442" s="167"/>
      <c r="AR442" s="167"/>
      <c r="AS442" s="167"/>
      <c r="AT442" s="167"/>
      <c r="AU442" s="167"/>
      <c r="AV442" s="167"/>
      <c r="AW442" s="160">
        <f t="shared" si="224"/>
        <v>100</v>
      </c>
      <c r="AX442" s="158">
        <f t="shared" si="260"/>
        <v>303.66719999999998</v>
      </c>
      <c r="AY442" s="161" t="str">
        <f t="shared" si="225"/>
        <v/>
      </c>
      <c r="AZ442" s="161" t="str">
        <f t="shared" si="226"/>
        <v/>
      </c>
      <c r="BA442" s="161" t="str">
        <f t="shared" si="227"/>
        <v/>
      </c>
      <c r="BB442" s="161" t="str">
        <f t="shared" si="228"/>
        <v/>
      </c>
      <c r="BC442" s="161" t="str">
        <f t="shared" si="229"/>
        <v/>
      </c>
      <c r="BD442" s="161" t="str">
        <f t="shared" si="230"/>
        <v/>
      </c>
      <c r="BE442" s="161">
        <f t="shared" si="231"/>
        <v>30366.719999999998</v>
      </c>
      <c r="BF442" s="161" t="str">
        <f t="shared" si="232"/>
        <v/>
      </c>
      <c r="BG442" s="161" t="str">
        <f t="shared" si="233"/>
        <v/>
      </c>
      <c r="BH442" s="161" t="str">
        <f t="shared" si="234"/>
        <v/>
      </c>
      <c r="BI442" s="161" t="str">
        <f t="shared" si="235"/>
        <v/>
      </c>
      <c r="BJ442" s="161" t="str">
        <f t="shared" si="236"/>
        <v/>
      </c>
      <c r="BK442" s="161" t="str">
        <f t="shared" si="237"/>
        <v/>
      </c>
      <c r="BL442" s="161" t="str">
        <f t="shared" si="238"/>
        <v/>
      </c>
      <c r="BM442" s="161" t="str">
        <f t="shared" si="239"/>
        <v/>
      </c>
      <c r="BN442" s="161" t="str">
        <f t="shared" si="240"/>
        <v/>
      </c>
      <c r="BO442" s="161" t="str">
        <f t="shared" si="241"/>
        <v/>
      </c>
      <c r="BP442" s="161" t="str">
        <f t="shared" si="242"/>
        <v/>
      </c>
      <c r="BQ442" s="161" t="str">
        <f t="shared" si="243"/>
        <v/>
      </c>
      <c r="BR442" s="161" t="str">
        <f t="shared" si="244"/>
        <v/>
      </c>
      <c r="BS442" s="161" t="str">
        <f t="shared" si="245"/>
        <v/>
      </c>
      <c r="BT442" s="161" t="str">
        <f t="shared" si="246"/>
        <v/>
      </c>
      <c r="BU442" s="161" t="str">
        <f t="shared" si="247"/>
        <v/>
      </c>
      <c r="BV442" s="161" t="str">
        <f t="shared" si="248"/>
        <v/>
      </c>
      <c r="BW442" s="161" t="str">
        <f t="shared" si="249"/>
        <v/>
      </c>
      <c r="BX442" s="161" t="str">
        <f t="shared" si="250"/>
        <v/>
      </c>
      <c r="BY442" s="161" t="str">
        <f t="shared" si="251"/>
        <v/>
      </c>
      <c r="BZ442" s="161" t="str">
        <f t="shared" si="252"/>
        <v/>
      </c>
      <c r="CA442" s="161" t="str">
        <f t="shared" si="253"/>
        <v/>
      </c>
      <c r="CB442" s="161" t="str">
        <f t="shared" si="254"/>
        <v/>
      </c>
      <c r="CC442" s="161" t="str">
        <f t="shared" si="255"/>
        <v/>
      </c>
      <c r="CD442" s="156"/>
      <c r="CE442" s="156"/>
      <c r="CF442" s="156"/>
    </row>
    <row r="443" spans="1:84" s="168" customFormat="1" ht="56.1" hidden="1" customHeight="1" x14ac:dyDescent="0.2">
      <c r="A443" s="154">
        <v>443</v>
      </c>
      <c r="B443" s="155" t="s">
        <v>53</v>
      </c>
      <c r="C443" s="165" t="s">
        <v>515</v>
      </c>
      <c r="D443" s="156" t="s">
        <v>518</v>
      </c>
      <c r="E443" s="156" t="s">
        <v>520</v>
      </c>
      <c r="F443" s="156" t="s">
        <v>520</v>
      </c>
      <c r="G443" s="156" t="s">
        <v>58</v>
      </c>
      <c r="H443" s="156" t="s">
        <v>323</v>
      </c>
      <c r="I443" s="169" t="s">
        <v>81</v>
      </c>
      <c r="J443" s="156" t="s">
        <v>334</v>
      </c>
      <c r="K443" s="156" t="s">
        <v>380</v>
      </c>
      <c r="L443" s="156" t="s">
        <v>63</v>
      </c>
      <c r="M443" s="156" t="s">
        <v>63</v>
      </c>
      <c r="N443" s="157">
        <v>79712.639999999999</v>
      </c>
      <c r="O443" s="157">
        <v>79712.639999999999</v>
      </c>
      <c r="P443" s="156" t="s">
        <v>64</v>
      </c>
      <c r="Q443" s="156" t="s">
        <v>82</v>
      </c>
      <c r="R443" s="167"/>
      <c r="S443" s="167"/>
      <c r="T443" s="167"/>
      <c r="U443" s="167"/>
      <c r="V443" s="167"/>
      <c r="W443" s="161"/>
      <c r="X443" s="161" t="s">
        <v>66</v>
      </c>
      <c r="Y443" s="167"/>
      <c r="Z443" s="167"/>
      <c r="AA443" s="167"/>
      <c r="AB443" s="167"/>
      <c r="AC443" s="167"/>
      <c r="AD443" s="167"/>
      <c r="AE443" s="167"/>
      <c r="AF443" s="167"/>
      <c r="AG443" s="167"/>
      <c r="AH443" s="167"/>
      <c r="AI443" s="167"/>
      <c r="AJ443" s="167"/>
      <c r="AK443" s="167"/>
      <c r="AL443" s="167"/>
      <c r="AM443" s="167"/>
      <c r="AN443" s="167"/>
      <c r="AO443" s="167"/>
      <c r="AP443" s="167"/>
      <c r="AQ443" s="167"/>
      <c r="AR443" s="167"/>
      <c r="AS443" s="167"/>
      <c r="AT443" s="167"/>
      <c r="AU443" s="167"/>
      <c r="AV443" s="167"/>
      <c r="AW443" s="160">
        <f t="shared" si="224"/>
        <v>100</v>
      </c>
      <c r="AX443" s="158">
        <f t="shared" si="260"/>
        <v>797.12639999999999</v>
      </c>
      <c r="AY443" s="161" t="str">
        <f t="shared" si="225"/>
        <v/>
      </c>
      <c r="AZ443" s="161" t="str">
        <f t="shared" si="226"/>
        <v/>
      </c>
      <c r="BA443" s="161" t="str">
        <f t="shared" si="227"/>
        <v/>
      </c>
      <c r="BB443" s="161" t="str">
        <f t="shared" si="228"/>
        <v/>
      </c>
      <c r="BC443" s="161" t="str">
        <f t="shared" si="229"/>
        <v/>
      </c>
      <c r="BD443" s="161" t="str">
        <f t="shared" si="230"/>
        <v/>
      </c>
      <c r="BE443" s="161">
        <f t="shared" si="231"/>
        <v>79712.639999999999</v>
      </c>
      <c r="BF443" s="161" t="str">
        <f t="shared" si="232"/>
        <v/>
      </c>
      <c r="BG443" s="161" t="str">
        <f t="shared" si="233"/>
        <v/>
      </c>
      <c r="BH443" s="161" t="str">
        <f t="shared" si="234"/>
        <v/>
      </c>
      <c r="BI443" s="161" t="str">
        <f t="shared" si="235"/>
        <v/>
      </c>
      <c r="BJ443" s="161" t="str">
        <f t="shared" si="236"/>
        <v/>
      </c>
      <c r="BK443" s="161" t="str">
        <f t="shared" si="237"/>
        <v/>
      </c>
      <c r="BL443" s="161" t="str">
        <f t="shared" si="238"/>
        <v/>
      </c>
      <c r="BM443" s="161" t="str">
        <f t="shared" si="239"/>
        <v/>
      </c>
      <c r="BN443" s="161" t="str">
        <f t="shared" si="240"/>
        <v/>
      </c>
      <c r="BO443" s="161" t="str">
        <f t="shared" si="241"/>
        <v/>
      </c>
      <c r="BP443" s="161" t="str">
        <f t="shared" si="242"/>
        <v/>
      </c>
      <c r="BQ443" s="161" t="str">
        <f t="shared" si="243"/>
        <v/>
      </c>
      <c r="BR443" s="161" t="str">
        <f t="shared" si="244"/>
        <v/>
      </c>
      <c r="BS443" s="161" t="str">
        <f t="shared" si="245"/>
        <v/>
      </c>
      <c r="BT443" s="161" t="str">
        <f t="shared" si="246"/>
        <v/>
      </c>
      <c r="BU443" s="161" t="str">
        <f t="shared" si="247"/>
        <v/>
      </c>
      <c r="BV443" s="161" t="str">
        <f t="shared" si="248"/>
        <v/>
      </c>
      <c r="BW443" s="161" t="str">
        <f t="shared" si="249"/>
        <v/>
      </c>
      <c r="BX443" s="161" t="str">
        <f t="shared" si="250"/>
        <v/>
      </c>
      <c r="BY443" s="161" t="str">
        <f t="shared" si="251"/>
        <v/>
      </c>
      <c r="BZ443" s="161" t="str">
        <f t="shared" si="252"/>
        <v/>
      </c>
      <c r="CA443" s="161" t="str">
        <f t="shared" si="253"/>
        <v/>
      </c>
      <c r="CB443" s="161" t="str">
        <f t="shared" si="254"/>
        <v/>
      </c>
      <c r="CC443" s="161" t="str">
        <f t="shared" si="255"/>
        <v/>
      </c>
      <c r="CD443" s="156"/>
      <c r="CE443" s="156"/>
      <c r="CF443" s="156"/>
    </row>
    <row r="444" spans="1:84" s="168" customFormat="1" ht="56.1" hidden="1" customHeight="1" x14ac:dyDescent="0.2">
      <c r="A444" s="154">
        <v>444</v>
      </c>
      <c r="B444" s="155" t="s">
        <v>53</v>
      </c>
      <c r="C444" s="165" t="s">
        <v>515</v>
      </c>
      <c r="D444" s="156" t="s">
        <v>521</v>
      </c>
      <c r="E444" s="156" t="s">
        <v>522</v>
      </c>
      <c r="F444" s="156" t="s">
        <v>522</v>
      </c>
      <c r="G444" s="156" t="s">
        <v>58</v>
      </c>
      <c r="H444" s="156" t="s">
        <v>323</v>
      </c>
      <c r="I444" s="169" t="s">
        <v>81</v>
      </c>
      <c r="J444" s="156" t="s">
        <v>334</v>
      </c>
      <c r="K444" s="156" t="s">
        <v>380</v>
      </c>
      <c r="L444" s="156" t="s">
        <v>63</v>
      </c>
      <c r="M444" s="156" t="s">
        <v>63</v>
      </c>
      <c r="N444" s="157">
        <v>111344.64</v>
      </c>
      <c r="O444" s="157">
        <v>111344.64</v>
      </c>
      <c r="P444" s="156" t="s">
        <v>64</v>
      </c>
      <c r="Q444" s="156" t="s">
        <v>82</v>
      </c>
      <c r="R444" s="167"/>
      <c r="S444" s="167"/>
      <c r="T444" s="167"/>
      <c r="U444" s="167"/>
      <c r="V444" s="167"/>
      <c r="W444" s="161"/>
      <c r="X444" s="161" t="s">
        <v>66</v>
      </c>
      <c r="Y444" s="167"/>
      <c r="Z444" s="167"/>
      <c r="AA444" s="167"/>
      <c r="AB444" s="167"/>
      <c r="AC444" s="167"/>
      <c r="AD444" s="167"/>
      <c r="AE444" s="167"/>
      <c r="AF444" s="167"/>
      <c r="AG444" s="167"/>
      <c r="AH444" s="167"/>
      <c r="AI444" s="167"/>
      <c r="AJ444" s="167"/>
      <c r="AK444" s="167"/>
      <c r="AL444" s="167"/>
      <c r="AM444" s="167"/>
      <c r="AN444" s="167"/>
      <c r="AO444" s="167"/>
      <c r="AP444" s="167"/>
      <c r="AQ444" s="167"/>
      <c r="AR444" s="167"/>
      <c r="AS444" s="167"/>
      <c r="AT444" s="167"/>
      <c r="AU444" s="167"/>
      <c r="AV444" s="167"/>
      <c r="AW444" s="160">
        <f t="shared" si="224"/>
        <v>100</v>
      </c>
      <c r="AX444" s="158">
        <f t="shared" si="260"/>
        <v>1113.4464</v>
      </c>
      <c r="AY444" s="161" t="str">
        <f t="shared" si="225"/>
        <v/>
      </c>
      <c r="AZ444" s="161" t="str">
        <f t="shared" si="226"/>
        <v/>
      </c>
      <c r="BA444" s="161" t="str">
        <f t="shared" si="227"/>
        <v/>
      </c>
      <c r="BB444" s="161" t="str">
        <f t="shared" si="228"/>
        <v/>
      </c>
      <c r="BC444" s="161" t="str">
        <f t="shared" si="229"/>
        <v/>
      </c>
      <c r="BD444" s="161" t="str">
        <f t="shared" si="230"/>
        <v/>
      </c>
      <c r="BE444" s="161">
        <f t="shared" si="231"/>
        <v>111344.64</v>
      </c>
      <c r="BF444" s="161" t="str">
        <f t="shared" si="232"/>
        <v/>
      </c>
      <c r="BG444" s="161" t="str">
        <f t="shared" si="233"/>
        <v/>
      </c>
      <c r="BH444" s="161" t="str">
        <f t="shared" si="234"/>
        <v/>
      </c>
      <c r="BI444" s="161" t="str">
        <f t="shared" si="235"/>
        <v/>
      </c>
      <c r="BJ444" s="161" t="str">
        <f t="shared" si="236"/>
        <v/>
      </c>
      <c r="BK444" s="161" t="str">
        <f t="shared" si="237"/>
        <v/>
      </c>
      <c r="BL444" s="161" t="str">
        <f t="shared" si="238"/>
        <v/>
      </c>
      <c r="BM444" s="161" t="str">
        <f t="shared" si="239"/>
        <v/>
      </c>
      <c r="BN444" s="161" t="str">
        <f t="shared" si="240"/>
        <v/>
      </c>
      <c r="BO444" s="161" t="str">
        <f t="shared" si="241"/>
        <v/>
      </c>
      <c r="BP444" s="161" t="str">
        <f t="shared" si="242"/>
        <v/>
      </c>
      <c r="BQ444" s="161" t="str">
        <f t="shared" si="243"/>
        <v/>
      </c>
      <c r="BR444" s="161" t="str">
        <f t="shared" si="244"/>
        <v/>
      </c>
      <c r="BS444" s="161" t="str">
        <f t="shared" si="245"/>
        <v/>
      </c>
      <c r="BT444" s="161" t="str">
        <f t="shared" si="246"/>
        <v/>
      </c>
      <c r="BU444" s="161" t="str">
        <f t="shared" si="247"/>
        <v/>
      </c>
      <c r="BV444" s="161" t="str">
        <f t="shared" si="248"/>
        <v/>
      </c>
      <c r="BW444" s="161" t="str">
        <f t="shared" si="249"/>
        <v/>
      </c>
      <c r="BX444" s="161" t="str">
        <f t="shared" si="250"/>
        <v/>
      </c>
      <c r="BY444" s="161" t="str">
        <f t="shared" si="251"/>
        <v/>
      </c>
      <c r="BZ444" s="161" t="str">
        <f t="shared" si="252"/>
        <v/>
      </c>
      <c r="CA444" s="161" t="str">
        <f t="shared" si="253"/>
        <v/>
      </c>
      <c r="CB444" s="161" t="str">
        <f t="shared" si="254"/>
        <v/>
      </c>
      <c r="CC444" s="161" t="str">
        <f t="shared" si="255"/>
        <v/>
      </c>
      <c r="CD444" s="156"/>
      <c r="CE444" s="156"/>
      <c r="CF444" s="156"/>
    </row>
    <row r="445" spans="1:84" s="168" customFormat="1" ht="56.1" hidden="1" customHeight="1" x14ac:dyDescent="0.2">
      <c r="A445" s="154">
        <v>445</v>
      </c>
      <c r="B445" s="155" t="s">
        <v>53</v>
      </c>
      <c r="C445" s="165" t="s">
        <v>515</v>
      </c>
      <c r="D445" s="156" t="s">
        <v>523</v>
      </c>
      <c r="E445" s="156" t="s">
        <v>540</v>
      </c>
      <c r="F445" s="156" t="s">
        <v>540</v>
      </c>
      <c r="G445" s="156" t="s">
        <v>58</v>
      </c>
      <c r="H445" s="156" t="s">
        <v>323</v>
      </c>
      <c r="I445" s="156" t="s">
        <v>388</v>
      </c>
      <c r="J445" s="156" t="s">
        <v>525</v>
      </c>
      <c r="K445" s="156" t="s">
        <v>380</v>
      </c>
      <c r="L445" s="156" t="s">
        <v>63</v>
      </c>
      <c r="M445" s="156" t="s">
        <v>63</v>
      </c>
      <c r="N445" s="157">
        <v>43494</v>
      </c>
      <c r="O445" s="157">
        <v>43494</v>
      </c>
      <c r="P445" s="156" t="s">
        <v>64</v>
      </c>
      <c r="Q445" s="156" t="s">
        <v>82</v>
      </c>
      <c r="R445" s="167"/>
      <c r="S445" s="167"/>
      <c r="T445" s="167"/>
      <c r="U445" s="167"/>
      <c r="V445" s="167"/>
      <c r="W445" s="161"/>
      <c r="X445" s="161" t="s">
        <v>66</v>
      </c>
      <c r="Y445" s="167"/>
      <c r="Z445" s="167"/>
      <c r="AA445" s="167"/>
      <c r="AB445" s="167"/>
      <c r="AC445" s="167"/>
      <c r="AD445" s="167"/>
      <c r="AE445" s="167"/>
      <c r="AF445" s="167"/>
      <c r="AG445" s="167"/>
      <c r="AH445" s="167"/>
      <c r="AI445" s="167"/>
      <c r="AJ445" s="167"/>
      <c r="AK445" s="167"/>
      <c r="AL445" s="167"/>
      <c r="AM445" s="167"/>
      <c r="AN445" s="167"/>
      <c r="AO445" s="167"/>
      <c r="AP445" s="167"/>
      <c r="AQ445" s="167"/>
      <c r="AR445" s="167"/>
      <c r="AS445" s="167"/>
      <c r="AT445" s="167"/>
      <c r="AU445" s="167"/>
      <c r="AV445" s="167"/>
      <c r="AW445" s="160">
        <f t="shared" ref="AW445:AW508" si="261">SUMIF(R445:AV445,"YES",$R$2:$AV$2)</f>
        <v>100</v>
      </c>
      <c r="AX445" s="158">
        <f t="shared" si="260"/>
        <v>434.94</v>
      </c>
      <c r="AY445" s="161" t="str">
        <f t="shared" si="225"/>
        <v/>
      </c>
      <c r="AZ445" s="161" t="str">
        <f t="shared" si="226"/>
        <v/>
      </c>
      <c r="BA445" s="161" t="str">
        <f t="shared" si="227"/>
        <v/>
      </c>
      <c r="BB445" s="161" t="str">
        <f t="shared" si="228"/>
        <v/>
      </c>
      <c r="BC445" s="161" t="str">
        <f t="shared" si="229"/>
        <v/>
      </c>
      <c r="BD445" s="161" t="str">
        <f t="shared" si="230"/>
        <v/>
      </c>
      <c r="BE445" s="161">
        <f t="shared" si="231"/>
        <v>43494</v>
      </c>
      <c r="BF445" s="161" t="str">
        <f t="shared" si="232"/>
        <v/>
      </c>
      <c r="BG445" s="161" t="str">
        <f t="shared" si="233"/>
        <v/>
      </c>
      <c r="BH445" s="161" t="str">
        <f t="shared" si="234"/>
        <v/>
      </c>
      <c r="BI445" s="161" t="str">
        <f t="shared" si="235"/>
        <v/>
      </c>
      <c r="BJ445" s="161" t="str">
        <f t="shared" si="236"/>
        <v/>
      </c>
      <c r="BK445" s="161" t="str">
        <f t="shared" si="237"/>
        <v/>
      </c>
      <c r="BL445" s="161" t="str">
        <f t="shared" si="238"/>
        <v/>
      </c>
      <c r="BM445" s="161" t="str">
        <f t="shared" si="239"/>
        <v/>
      </c>
      <c r="BN445" s="161" t="str">
        <f t="shared" si="240"/>
        <v/>
      </c>
      <c r="BO445" s="161" t="str">
        <f t="shared" si="241"/>
        <v/>
      </c>
      <c r="BP445" s="161" t="str">
        <f t="shared" si="242"/>
        <v/>
      </c>
      <c r="BQ445" s="161" t="str">
        <f t="shared" si="243"/>
        <v/>
      </c>
      <c r="BR445" s="161" t="str">
        <f t="shared" si="244"/>
        <v/>
      </c>
      <c r="BS445" s="161" t="str">
        <f t="shared" si="245"/>
        <v/>
      </c>
      <c r="BT445" s="161" t="str">
        <f t="shared" si="246"/>
        <v/>
      </c>
      <c r="BU445" s="161" t="str">
        <f t="shared" si="247"/>
        <v/>
      </c>
      <c r="BV445" s="161" t="str">
        <f t="shared" si="248"/>
        <v/>
      </c>
      <c r="BW445" s="161" t="str">
        <f t="shared" si="249"/>
        <v/>
      </c>
      <c r="BX445" s="161" t="str">
        <f t="shared" si="250"/>
        <v/>
      </c>
      <c r="BY445" s="161" t="str">
        <f t="shared" si="251"/>
        <v/>
      </c>
      <c r="BZ445" s="161" t="str">
        <f t="shared" si="252"/>
        <v/>
      </c>
      <c r="CA445" s="161" t="str">
        <f t="shared" si="253"/>
        <v/>
      </c>
      <c r="CB445" s="161" t="str">
        <f t="shared" si="254"/>
        <v/>
      </c>
      <c r="CC445" s="161" t="str">
        <f t="shared" si="255"/>
        <v/>
      </c>
      <c r="CD445" s="156"/>
      <c r="CE445" s="156"/>
      <c r="CF445" s="156"/>
    </row>
    <row r="446" spans="1:84" s="168" customFormat="1" ht="56.1" hidden="1" customHeight="1" x14ac:dyDescent="0.2">
      <c r="A446" s="154">
        <v>446</v>
      </c>
      <c r="B446" s="155" t="s">
        <v>53</v>
      </c>
      <c r="C446" s="165" t="s">
        <v>515</v>
      </c>
      <c r="D446" s="156" t="s">
        <v>539</v>
      </c>
      <c r="E446" s="156" t="s">
        <v>541</v>
      </c>
      <c r="F446" s="156" t="s">
        <v>541</v>
      </c>
      <c r="G446" s="156" t="s">
        <v>58</v>
      </c>
      <c r="H446" s="156" t="s">
        <v>323</v>
      </c>
      <c r="I446" s="156" t="s">
        <v>388</v>
      </c>
      <c r="J446" s="156" t="s">
        <v>525</v>
      </c>
      <c r="K446" s="156" t="s">
        <v>380</v>
      </c>
      <c r="L446" s="156" t="s">
        <v>63</v>
      </c>
      <c r="M446" s="156" t="s">
        <v>63</v>
      </c>
      <c r="N446" s="157">
        <v>105440</v>
      </c>
      <c r="O446" s="157">
        <v>105440</v>
      </c>
      <c r="P446" s="156" t="s">
        <v>64</v>
      </c>
      <c r="Q446" s="156" t="s">
        <v>82</v>
      </c>
      <c r="R446" s="167"/>
      <c r="S446" s="167"/>
      <c r="T446" s="167"/>
      <c r="U446" s="167"/>
      <c r="V446" s="167"/>
      <c r="W446" s="161"/>
      <c r="X446" s="161" t="s">
        <v>66</v>
      </c>
      <c r="Y446" s="167"/>
      <c r="Z446" s="167"/>
      <c r="AA446" s="167"/>
      <c r="AB446" s="167"/>
      <c r="AC446" s="167"/>
      <c r="AD446" s="167"/>
      <c r="AE446" s="167"/>
      <c r="AF446" s="167"/>
      <c r="AG446" s="167"/>
      <c r="AH446" s="167"/>
      <c r="AI446" s="167"/>
      <c r="AJ446" s="167"/>
      <c r="AK446" s="167"/>
      <c r="AL446" s="167"/>
      <c r="AM446" s="167"/>
      <c r="AN446" s="167"/>
      <c r="AO446" s="167"/>
      <c r="AP446" s="167"/>
      <c r="AQ446" s="167"/>
      <c r="AR446" s="167"/>
      <c r="AS446" s="167"/>
      <c r="AT446" s="167"/>
      <c r="AU446" s="167"/>
      <c r="AV446" s="167"/>
      <c r="AW446" s="160">
        <f t="shared" si="261"/>
        <v>100</v>
      </c>
      <c r="AX446" s="158">
        <f t="shared" si="260"/>
        <v>1054.4000000000001</v>
      </c>
      <c r="AY446" s="161" t="str">
        <f t="shared" si="225"/>
        <v/>
      </c>
      <c r="AZ446" s="161" t="str">
        <f t="shared" si="226"/>
        <v/>
      </c>
      <c r="BA446" s="161" t="str">
        <f t="shared" si="227"/>
        <v/>
      </c>
      <c r="BB446" s="161" t="str">
        <f t="shared" si="228"/>
        <v/>
      </c>
      <c r="BC446" s="161" t="str">
        <f t="shared" si="229"/>
        <v/>
      </c>
      <c r="BD446" s="161" t="str">
        <f t="shared" si="230"/>
        <v/>
      </c>
      <c r="BE446" s="161">
        <f t="shared" si="231"/>
        <v>105440.00000000001</v>
      </c>
      <c r="BF446" s="161" t="str">
        <f t="shared" si="232"/>
        <v/>
      </c>
      <c r="BG446" s="161" t="str">
        <f t="shared" si="233"/>
        <v/>
      </c>
      <c r="BH446" s="161" t="str">
        <f t="shared" si="234"/>
        <v/>
      </c>
      <c r="BI446" s="161" t="str">
        <f t="shared" si="235"/>
        <v/>
      </c>
      <c r="BJ446" s="161" t="str">
        <f t="shared" si="236"/>
        <v/>
      </c>
      <c r="BK446" s="161" t="str">
        <f t="shared" si="237"/>
        <v/>
      </c>
      <c r="BL446" s="161" t="str">
        <f t="shared" si="238"/>
        <v/>
      </c>
      <c r="BM446" s="161" t="str">
        <f t="shared" si="239"/>
        <v/>
      </c>
      <c r="BN446" s="161" t="str">
        <f t="shared" si="240"/>
        <v/>
      </c>
      <c r="BO446" s="161" t="str">
        <f t="shared" si="241"/>
        <v/>
      </c>
      <c r="BP446" s="161" t="str">
        <f t="shared" si="242"/>
        <v/>
      </c>
      <c r="BQ446" s="161" t="str">
        <f t="shared" si="243"/>
        <v/>
      </c>
      <c r="BR446" s="161" t="str">
        <f t="shared" si="244"/>
        <v/>
      </c>
      <c r="BS446" s="161" t="str">
        <f t="shared" si="245"/>
        <v/>
      </c>
      <c r="BT446" s="161" t="str">
        <f t="shared" si="246"/>
        <v/>
      </c>
      <c r="BU446" s="161" t="str">
        <f t="shared" si="247"/>
        <v/>
      </c>
      <c r="BV446" s="161" t="str">
        <f t="shared" si="248"/>
        <v/>
      </c>
      <c r="BW446" s="161" t="str">
        <f t="shared" si="249"/>
        <v/>
      </c>
      <c r="BX446" s="161" t="str">
        <f t="shared" si="250"/>
        <v/>
      </c>
      <c r="BY446" s="161" t="str">
        <f t="shared" si="251"/>
        <v/>
      </c>
      <c r="BZ446" s="161" t="str">
        <f t="shared" si="252"/>
        <v/>
      </c>
      <c r="CA446" s="161" t="str">
        <f t="shared" si="253"/>
        <v/>
      </c>
      <c r="CB446" s="161" t="str">
        <f t="shared" si="254"/>
        <v/>
      </c>
      <c r="CC446" s="161" t="str">
        <f t="shared" si="255"/>
        <v/>
      </c>
      <c r="CD446" s="156"/>
      <c r="CE446" s="156"/>
      <c r="CF446" s="156"/>
    </row>
    <row r="447" spans="1:84" s="168" customFormat="1" ht="56.1" hidden="1" customHeight="1" x14ac:dyDescent="0.2">
      <c r="A447" s="154">
        <v>447</v>
      </c>
      <c r="B447" s="155" t="s">
        <v>53</v>
      </c>
      <c r="C447" s="165" t="s">
        <v>515</v>
      </c>
      <c r="D447" s="156" t="s">
        <v>528</v>
      </c>
      <c r="E447" s="156" t="s">
        <v>529</v>
      </c>
      <c r="F447" s="156" t="s">
        <v>529</v>
      </c>
      <c r="G447" s="156" t="s">
        <v>58</v>
      </c>
      <c r="H447" s="156" t="s">
        <v>323</v>
      </c>
      <c r="I447" s="156" t="s">
        <v>8</v>
      </c>
      <c r="J447" s="156" t="s">
        <v>525</v>
      </c>
      <c r="K447" s="156" t="s">
        <v>380</v>
      </c>
      <c r="L447" s="156" t="s">
        <v>63</v>
      </c>
      <c r="M447" s="156" t="s">
        <v>63</v>
      </c>
      <c r="N447" s="157">
        <v>0</v>
      </c>
      <c r="O447" s="157">
        <v>0</v>
      </c>
      <c r="P447" s="156" t="s">
        <v>64</v>
      </c>
      <c r="Q447" s="156" t="s">
        <v>82</v>
      </c>
      <c r="R447" s="167"/>
      <c r="S447" s="167"/>
      <c r="T447" s="167"/>
      <c r="U447" s="167"/>
      <c r="V447" s="167"/>
      <c r="W447" s="161"/>
      <c r="X447" s="161" t="s">
        <v>66</v>
      </c>
      <c r="Y447" s="167"/>
      <c r="Z447" s="167"/>
      <c r="AA447" s="167"/>
      <c r="AB447" s="167"/>
      <c r="AC447" s="167"/>
      <c r="AD447" s="167"/>
      <c r="AE447" s="167"/>
      <c r="AF447" s="167"/>
      <c r="AG447" s="167"/>
      <c r="AH447" s="167"/>
      <c r="AI447" s="167"/>
      <c r="AJ447" s="167"/>
      <c r="AK447" s="167"/>
      <c r="AL447" s="167"/>
      <c r="AM447" s="167"/>
      <c r="AN447" s="167"/>
      <c r="AO447" s="167"/>
      <c r="AP447" s="167"/>
      <c r="AQ447" s="167"/>
      <c r="AR447" s="167"/>
      <c r="AS447" s="167"/>
      <c r="AT447" s="167"/>
      <c r="AU447" s="167"/>
      <c r="AV447" s="167"/>
      <c r="AW447" s="160">
        <f t="shared" si="261"/>
        <v>100</v>
      </c>
      <c r="AX447" s="158"/>
      <c r="AY447" s="161" t="str">
        <f t="shared" si="225"/>
        <v/>
      </c>
      <c r="AZ447" s="161" t="str">
        <f t="shared" si="226"/>
        <v/>
      </c>
      <c r="BA447" s="161" t="str">
        <f t="shared" si="227"/>
        <v/>
      </c>
      <c r="BB447" s="161" t="str">
        <f t="shared" si="228"/>
        <v/>
      </c>
      <c r="BC447" s="161" t="str">
        <f t="shared" si="229"/>
        <v/>
      </c>
      <c r="BD447" s="161" t="str">
        <f t="shared" si="230"/>
        <v/>
      </c>
      <c r="BE447" s="161">
        <f t="shared" si="231"/>
        <v>0</v>
      </c>
      <c r="BF447" s="161" t="str">
        <f t="shared" si="232"/>
        <v/>
      </c>
      <c r="BG447" s="161" t="str">
        <f t="shared" si="233"/>
        <v/>
      </c>
      <c r="BH447" s="161" t="str">
        <f t="shared" si="234"/>
        <v/>
      </c>
      <c r="BI447" s="161" t="str">
        <f t="shared" si="235"/>
        <v/>
      </c>
      <c r="BJ447" s="161" t="str">
        <f t="shared" si="236"/>
        <v/>
      </c>
      <c r="BK447" s="161" t="str">
        <f t="shared" si="237"/>
        <v/>
      </c>
      <c r="BL447" s="161" t="str">
        <f t="shared" si="238"/>
        <v/>
      </c>
      <c r="BM447" s="161" t="str">
        <f t="shared" si="239"/>
        <v/>
      </c>
      <c r="BN447" s="161" t="str">
        <f t="shared" si="240"/>
        <v/>
      </c>
      <c r="BO447" s="161" t="str">
        <f t="shared" si="241"/>
        <v/>
      </c>
      <c r="BP447" s="161" t="str">
        <f t="shared" si="242"/>
        <v/>
      </c>
      <c r="BQ447" s="161" t="str">
        <f t="shared" si="243"/>
        <v/>
      </c>
      <c r="BR447" s="161" t="str">
        <f t="shared" si="244"/>
        <v/>
      </c>
      <c r="BS447" s="161" t="str">
        <f t="shared" si="245"/>
        <v/>
      </c>
      <c r="BT447" s="161" t="str">
        <f t="shared" si="246"/>
        <v/>
      </c>
      <c r="BU447" s="161" t="str">
        <f t="shared" si="247"/>
        <v/>
      </c>
      <c r="BV447" s="161" t="str">
        <f t="shared" si="248"/>
        <v/>
      </c>
      <c r="BW447" s="161" t="str">
        <f t="shared" si="249"/>
        <v/>
      </c>
      <c r="BX447" s="161" t="str">
        <f t="shared" si="250"/>
        <v/>
      </c>
      <c r="BY447" s="161" t="str">
        <f t="shared" si="251"/>
        <v/>
      </c>
      <c r="BZ447" s="161" t="str">
        <f t="shared" si="252"/>
        <v/>
      </c>
      <c r="CA447" s="161" t="str">
        <f t="shared" si="253"/>
        <v/>
      </c>
      <c r="CB447" s="161" t="str">
        <f t="shared" si="254"/>
        <v/>
      </c>
      <c r="CC447" s="161" t="str">
        <f t="shared" si="255"/>
        <v/>
      </c>
      <c r="CD447" s="156"/>
      <c r="CE447" s="156"/>
      <c r="CF447" s="156"/>
    </row>
    <row r="448" spans="1:84" s="168" customFormat="1" ht="56.1" hidden="1" customHeight="1" x14ac:dyDescent="0.2">
      <c r="A448" s="154">
        <v>448</v>
      </c>
      <c r="B448" s="155" t="s">
        <v>53</v>
      </c>
      <c r="C448" s="165" t="s">
        <v>515</v>
      </c>
      <c r="D448" s="156" t="s">
        <v>530</v>
      </c>
      <c r="E448" s="156" t="s">
        <v>532</v>
      </c>
      <c r="F448" s="156" t="s">
        <v>532</v>
      </c>
      <c r="G448" s="156" t="s">
        <v>58</v>
      </c>
      <c r="H448" s="156" t="s">
        <v>323</v>
      </c>
      <c r="I448" s="156" t="s">
        <v>8</v>
      </c>
      <c r="J448" s="156" t="s">
        <v>525</v>
      </c>
      <c r="K448" s="156" t="s">
        <v>380</v>
      </c>
      <c r="L448" s="156" t="s">
        <v>63</v>
      </c>
      <c r="M448" s="156" t="s">
        <v>63</v>
      </c>
      <c r="N448" s="157">
        <v>0</v>
      </c>
      <c r="O448" s="157">
        <v>0</v>
      </c>
      <c r="P448" s="156" t="s">
        <v>64</v>
      </c>
      <c r="Q448" s="156" t="s">
        <v>82</v>
      </c>
      <c r="R448" s="167"/>
      <c r="S448" s="167"/>
      <c r="T448" s="167"/>
      <c r="U448" s="167"/>
      <c r="V448" s="167"/>
      <c r="W448" s="161"/>
      <c r="X448" s="161" t="s">
        <v>66</v>
      </c>
      <c r="Y448" s="167"/>
      <c r="Z448" s="167"/>
      <c r="AA448" s="167"/>
      <c r="AB448" s="167"/>
      <c r="AC448" s="167"/>
      <c r="AD448" s="167"/>
      <c r="AE448" s="167"/>
      <c r="AF448" s="167"/>
      <c r="AG448" s="167"/>
      <c r="AH448" s="167"/>
      <c r="AI448" s="167"/>
      <c r="AJ448" s="167"/>
      <c r="AK448" s="167"/>
      <c r="AL448" s="167"/>
      <c r="AM448" s="167"/>
      <c r="AN448" s="167"/>
      <c r="AO448" s="167"/>
      <c r="AP448" s="167"/>
      <c r="AQ448" s="167"/>
      <c r="AR448" s="167"/>
      <c r="AS448" s="167"/>
      <c r="AT448" s="167"/>
      <c r="AU448" s="167"/>
      <c r="AV448" s="167"/>
      <c r="AW448" s="160">
        <f t="shared" si="261"/>
        <v>100</v>
      </c>
      <c r="AX448" s="158"/>
      <c r="AY448" s="161" t="str">
        <f t="shared" si="225"/>
        <v/>
      </c>
      <c r="AZ448" s="161" t="str">
        <f t="shared" si="226"/>
        <v/>
      </c>
      <c r="BA448" s="161" t="str">
        <f t="shared" si="227"/>
        <v/>
      </c>
      <c r="BB448" s="161" t="str">
        <f t="shared" si="228"/>
        <v/>
      </c>
      <c r="BC448" s="161" t="str">
        <f t="shared" si="229"/>
        <v/>
      </c>
      <c r="BD448" s="161" t="str">
        <f t="shared" si="230"/>
        <v/>
      </c>
      <c r="BE448" s="161">
        <f t="shared" si="231"/>
        <v>0</v>
      </c>
      <c r="BF448" s="161" t="str">
        <f t="shared" si="232"/>
        <v/>
      </c>
      <c r="BG448" s="161" t="str">
        <f t="shared" si="233"/>
        <v/>
      </c>
      <c r="BH448" s="161" t="str">
        <f t="shared" si="234"/>
        <v/>
      </c>
      <c r="BI448" s="161" t="str">
        <f t="shared" si="235"/>
        <v/>
      </c>
      <c r="BJ448" s="161" t="str">
        <f t="shared" si="236"/>
        <v/>
      </c>
      <c r="BK448" s="161" t="str">
        <f t="shared" si="237"/>
        <v/>
      </c>
      <c r="BL448" s="161" t="str">
        <f t="shared" si="238"/>
        <v/>
      </c>
      <c r="BM448" s="161" t="str">
        <f t="shared" si="239"/>
        <v/>
      </c>
      <c r="BN448" s="161" t="str">
        <f t="shared" si="240"/>
        <v/>
      </c>
      <c r="BO448" s="161" t="str">
        <f t="shared" si="241"/>
        <v/>
      </c>
      <c r="BP448" s="161" t="str">
        <f t="shared" si="242"/>
        <v/>
      </c>
      <c r="BQ448" s="161" t="str">
        <f t="shared" si="243"/>
        <v/>
      </c>
      <c r="BR448" s="161" t="str">
        <f t="shared" si="244"/>
        <v/>
      </c>
      <c r="BS448" s="161" t="str">
        <f t="shared" si="245"/>
        <v/>
      </c>
      <c r="BT448" s="161" t="str">
        <f t="shared" si="246"/>
        <v/>
      </c>
      <c r="BU448" s="161" t="str">
        <f t="shared" si="247"/>
        <v/>
      </c>
      <c r="BV448" s="161" t="str">
        <f t="shared" si="248"/>
        <v/>
      </c>
      <c r="BW448" s="161" t="str">
        <f t="shared" si="249"/>
        <v/>
      </c>
      <c r="BX448" s="161" t="str">
        <f t="shared" si="250"/>
        <v/>
      </c>
      <c r="BY448" s="161" t="str">
        <f t="shared" si="251"/>
        <v/>
      </c>
      <c r="BZ448" s="161" t="str">
        <f t="shared" si="252"/>
        <v/>
      </c>
      <c r="CA448" s="161" t="str">
        <f t="shared" si="253"/>
        <v/>
      </c>
      <c r="CB448" s="161" t="str">
        <f t="shared" si="254"/>
        <v/>
      </c>
      <c r="CC448" s="161" t="str">
        <f t="shared" si="255"/>
        <v/>
      </c>
      <c r="CD448" s="156"/>
      <c r="CE448" s="156"/>
      <c r="CF448" s="156"/>
    </row>
    <row r="449" spans="1:84" s="168" customFormat="1" ht="56.1" hidden="1" customHeight="1" x14ac:dyDescent="0.2">
      <c r="A449" s="154">
        <v>449</v>
      </c>
      <c r="B449" s="155" t="s">
        <v>53</v>
      </c>
      <c r="C449" s="165" t="s">
        <v>515</v>
      </c>
      <c r="D449" s="156" t="s">
        <v>533</v>
      </c>
      <c r="E449" s="156" t="s">
        <v>534</v>
      </c>
      <c r="F449" s="156" t="s">
        <v>534</v>
      </c>
      <c r="G449" s="156" t="s">
        <v>58</v>
      </c>
      <c r="H449" s="156" t="s">
        <v>323</v>
      </c>
      <c r="I449" s="156" t="s">
        <v>81</v>
      </c>
      <c r="J449" s="156" t="s">
        <v>334</v>
      </c>
      <c r="K449" s="156" t="s">
        <v>380</v>
      </c>
      <c r="L449" s="156" t="s">
        <v>63</v>
      </c>
      <c r="M449" s="156" t="s">
        <v>63</v>
      </c>
      <c r="N449" s="157">
        <v>17793</v>
      </c>
      <c r="O449" s="157">
        <v>17793</v>
      </c>
      <c r="P449" s="156" t="s">
        <v>64</v>
      </c>
      <c r="Q449" s="156" t="s">
        <v>82</v>
      </c>
      <c r="R449" s="167"/>
      <c r="S449" s="167"/>
      <c r="T449" s="167"/>
      <c r="U449" s="167"/>
      <c r="V449" s="167"/>
      <c r="W449" s="161"/>
      <c r="X449" s="161" t="s">
        <v>66</v>
      </c>
      <c r="Y449" s="167"/>
      <c r="Z449" s="167"/>
      <c r="AA449" s="167"/>
      <c r="AB449" s="167"/>
      <c r="AC449" s="167"/>
      <c r="AD449" s="167"/>
      <c r="AE449" s="167"/>
      <c r="AF449" s="167"/>
      <c r="AG449" s="167"/>
      <c r="AH449" s="167"/>
      <c r="AI449" s="167"/>
      <c r="AJ449" s="167"/>
      <c r="AK449" s="167"/>
      <c r="AL449" s="167"/>
      <c r="AM449" s="167"/>
      <c r="AN449" s="167"/>
      <c r="AO449" s="167"/>
      <c r="AP449" s="167"/>
      <c r="AQ449" s="167"/>
      <c r="AR449" s="167"/>
      <c r="AS449" s="167"/>
      <c r="AT449" s="167"/>
      <c r="AU449" s="167"/>
      <c r="AV449" s="167"/>
      <c r="AW449" s="160">
        <f t="shared" si="261"/>
        <v>100</v>
      </c>
      <c r="AX449" s="158">
        <f t="shared" ref="AX449:AX455" si="262">O449/AW449</f>
        <v>177.93</v>
      </c>
      <c r="AY449" s="161" t="str">
        <f t="shared" ref="AY449:AY512" si="263">IF(R449="yes",(R$2*$AX449),"")</f>
        <v/>
      </c>
      <c r="AZ449" s="161" t="str">
        <f t="shared" ref="AZ449:AZ512" si="264">IF(S449="yes",(S$2*$AX449),"")</f>
        <v/>
      </c>
      <c r="BA449" s="161" t="str">
        <f t="shared" ref="BA449:BA512" si="265">IF(T449="yes",(T$2*$AX449),"")</f>
        <v/>
      </c>
      <c r="BB449" s="161" t="str">
        <f t="shared" ref="BB449:BB512" si="266">IF(U449="yes",(U$2*$AX449),"")</f>
        <v/>
      </c>
      <c r="BC449" s="161" t="str">
        <f t="shared" ref="BC449:BC512" si="267">IF(V449="yes",(V$2*$AX449),"")</f>
        <v/>
      </c>
      <c r="BD449" s="161" t="str">
        <f t="shared" ref="BD449:BD512" si="268">IF(W449="yes",(W$2*$AX449),"")</f>
        <v/>
      </c>
      <c r="BE449" s="161">
        <f t="shared" ref="BE449:BE512" si="269">IF(X449="yes",(X$2*$AX449),"")</f>
        <v>17793</v>
      </c>
      <c r="BF449" s="161" t="str">
        <f t="shared" ref="BF449:BF512" si="270">IF(Y449="yes",(Y$2*$AX449),"")</f>
        <v/>
      </c>
      <c r="BG449" s="161" t="str">
        <f t="shared" ref="BG449:BG512" si="271">IF(Z449="yes",(Z$2*$AX449),"")</f>
        <v/>
      </c>
      <c r="BH449" s="161" t="str">
        <f t="shared" ref="BH449:BH512" si="272">IF(AA449="yes",(AA$2*$AX449),"")</f>
        <v/>
      </c>
      <c r="BI449" s="161" t="str">
        <f t="shared" ref="BI449:BI512" si="273">IF(AB449="yes",(AB$2*$AX449),"")</f>
        <v/>
      </c>
      <c r="BJ449" s="161" t="str">
        <f t="shared" ref="BJ449:BJ512" si="274">IF(AC449="yes",(AC$2*$AX449),"")</f>
        <v/>
      </c>
      <c r="BK449" s="161" t="str">
        <f t="shared" ref="BK449:BK512" si="275">IF(AD449="yes",(AD$2*$AX449),"")</f>
        <v/>
      </c>
      <c r="BL449" s="161" t="str">
        <f t="shared" ref="BL449:BL512" si="276">IF(AE449="yes",(AE$2*$AX449),"")</f>
        <v/>
      </c>
      <c r="BM449" s="161" t="str">
        <f t="shared" ref="BM449:BM512" si="277">IF(AF449="yes",(AF$2*$AX449),"")</f>
        <v/>
      </c>
      <c r="BN449" s="161" t="str">
        <f t="shared" ref="BN449:BN512" si="278">IF(AG449="yes",(AG$2*$AX449),"")</f>
        <v/>
      </c>
      <c r="BO449" s="161" t="str">
        <f t="shared" ref="BO449:BO512" si="279">IF(AH449="yes",(AH$2*$AX449),"")</f>
        <v/>
      </c>
      <c r="BP449" s="161" t="str">
        <f t="shared" ref="BP449:BP512" si="280">IF(AI449="yes",(AI$2*$AX449),"")</f>
        <v/>
      </c>
      <c r="BQ449" s="161" t="str">
        <f t="shared" ref="BQ449:BQ512" si="281">IF(AJ449="yes",(AJ$2*$AX449),"")</f>
        <v/>
      </c>
      <c r="BR449" s="161" t="str">
        <f t="shared" ref="BR449:BR512" si="282">IF(AK449="yes",(AK$2*$AX449),"")</f>
        <v/>
      </c>
      <c r="BS449" s="161" t="str">
        <f t="shared" ref="BS449:BS512" si="283">IF(AL449="yes",(AL$2*$AX449),"")</f>
        <v/>
      </c>
      <c r="BT449" s="161" t="str">
        <f t="shared" ref="BT449:BT512" si="284">IF(AM449="yes",(AM$2*$AX449),"")</f>
        <v/>
      </c>
      <c r="BU449" s="161" t="str">
        <f t="shared" ref="BU449:BU512" si="285">IF(AN449="yes",(AN$2*$AX449),"")</f>
        <v/>
      </c>
      <c r="BV449" s="161" t="str">
        <f t="shared" ref="BV449:BV512" si="286">IF(AO449="yes",(AO$2*$AX449),"")</f>
        <v/>
      </c>
      <c r="BW449" s="161" t="str">
        <f t="shared" ref="BW449:BW512" si="287">IF(AP449="yes",(AP$2*$AX449),"")</f>
        <v/>
      </c>
      <c r="BX449" s="161" t="str">
        <f t="shared" ref="BX449:BX512" si="288">IF(AQ449="yes",(AQ$2*$AX449),"")</f>
        <v/>
      </c>
      <c r="BY449" s="161" t="str">
        <f t="shared" ref="BY449:BY512" si="289">IF(AR449="yes",(AR$2*$AX449),"")</f>
        <v/>
      </c>
      <c r="BZ449" s="161" t="str">
        <f t="shared" ref="BZ449:BZ512" si="290">IF(AS449="yes",(AS$2*$AX449),"")</f>
        <v/>
      </c>
      <c r="CA449" s="161" t="str">
        <f t="shared" ref="CA449:CA512" si="291">IF(AT449="yes",(AT$2*$AX449),"")</f>
        <v/>
      </c>
      <c r="CB449" s="161" t="str">
        <f t="shared" ref="CB449:CB512" si="292">IF(AU449="yes",(AU$2*$AX449),"")</f>
        <v/>
      </c>
      <c r="CC449" s="161" t="str">
        <f t="shared" ref="CC449:CC512" si="293">IF(AV449="yes",(AV$2*$AX449),"")</f>
        <v/>
      </c>
      <c r="CD449" s="156"/>
      <c r="CE449" s="156"/>
      <c r="CF449" s="156"/>
    </row>
    <row r="450" spans="1:84" s="168" customFormat="1" ht="56.1" hidden="1" customHeight="1" x14ac:dyDescent="0.2">
      <c r="A450" s="154">
        <v>450</v>
      </c>
      <c r="B450" s="155" t="s">
        <v>53</v>
      </c>
      <c r="C450" s="165" t="s">
        <v>515</v>
      </c>
      <c r="D450" s="156" t="s">
        <v>548</v>
      </c>
      <c r="E450" s="156" t="s">
        <v>536</v>
      </c>
      <c r="F450" s="156" t="s">
        <v>536</v>
      </c>
      <c r="G450" s="156" t="s">
        <v>58</v>
      </c>
      <c r="H450" s="156" t="s">
        <v>324</v>
      </c>
      <c r="I450" s="169" t="s">
        <v>60</v>
      </c>
      <c r="J450" s="156" t="s">
        <v>334</v>
      </c>
      <c r="K450" s="156" t="s">
        <v>382</v>
      </c>
      <c r="L450" s="156" t="s">
        <v>63</v>
      </c>
      <c r="M450" s="156" t="s">
        <v>63</v>
      </c>
      <c r="N450" s="157">
        <v>118430.208</v>
      </c>
      <c r="O450" s="157">
        <v>118430.208</v>
      </c>
      <c r="P450" s="156" t="s">
        <v>64</v>
      </c>
      <c r="Q450" s="156" t="s">
        <v>82</v>
      </c>
      <c r="R450" s="167"/>
      <c r="S450" s="167"/>
      <c r="T450" s="167"/>
      <c r="U450" s="167"/>
      <c r="V450" s="167"/>
      <c r="W450" s="161"/>
      <c r="X450" s="167"/>
      <c r="Y450" s="161" t="s">
        <v>66</v>
      </c>
      <c r="Z450" s="167"/>
      <c r="AA450" s="167"/>
      <c r="AB450" s="167"/>
      <c r="AC450" s="167"/>
      <c r="AD450" s="167"/>
      <c r="AE450" s="167"/>
      <c r="AF450" s="167"/>
      <c r="AG450" s="167"/>
      <c r="AH450" s="167"/>
      <c r="AI450" s="167"/>
      <c r="AJ450" s="167"/>
      <c r="AK450" s="167"/>
      <c r="AL450" s="167"/>
      <c r="AM450" s="167"/>
      <c r="AN450" s="167"/>
      <c r="AO450" s="167"/>
      <c r="AP450" s="167"/>
      <c r="AQ450" s="167"/>
      <c r="AR450" s="167"/>
      <c r="AS450" s="167"/>
      <c r="AT450" s="167"/>
      <c r="AU450" s="167"/>
      <c r="AV450" s="167"/>
      <c r="AW450" s="160">
        <f t="shared" si="261"/>
        <v>390</v>
      </c>
      <c r="AX450" s="158">
        <f t="shared" si="262"/>
        <v>303.66719999999998</v>
      </c>
      <c r="AY450" s="161" t="str">
        <f t="shared" si="263"/>
        <v/>
      </c>
      <c r="AZ450" s="161" t="str">
        <f t="shared" si="264"/>
        <v/>
      </c>
      <c r="BA450" s="161" t="str">
        <f t="shared" si="265"/>
        <v/>
      </c>
      <c r="BB450" s="161" t="str">
        <f t="shared" si="266"/>
        <v/>
      </c>
      <c r="BC450" s="161" t="str">
        <f t="shared" si="267"/>
        <v/>
      </c>
      <c r="BD450" s="161" t="str">
        <f t="shared" si="268"/>
        <v/>
      </c>
      <c r="BE450" s="161" t="str">
        <f t="shared" si="269"/>
        <v/>
      </c>
      <c r="BF450" s="161">
        <f t="shared" si="270"/>
        <v>118430.208</v>
      </c>
      <c r="BG450" s="161" t="str">
        <f t="shared" si="271"/>
        <v/>
      </c>
      <c r="BH450" s="161" t="str">
        <f t="shared" si="272"/>
        <v/>
      </c>
      <c r="BI450" s="161" t="str">
        <f t="shared" si="273"/>
        <v/>
      </c>
      <c r="BJ450" s="161" t="str">
        <f t="shared" si="274"/>
        <v/>
      </c>
      <c r="BK450" s="161" t="str">
        <f t="shared" si="275"/>
        <v/>
      </c>
      <c r="BL450" s="161" t="str">
        <f t="shared" si="276"/>
        <v/>
      </c>
      <c r="BM450" s="161" t="str">
        <f t="shared" si="277"/>
        <v/>
      </c>
      <c r="BN450" s="161" t="str">
        <f t="shared" si="278"/>
        <v/>
      </c>
      <c r="BO450" s="161" t="str">
        <f t="shared" si="279"/>
        <v/>
      </c>
      <c r="BP450" s="161" t="str">
        <f t="shared" si="280"/>
        <v/>
      </c>
      <c r="BQ450" s="161" t="str">
        <f t="shared" si="281"/>
        <v/>
      </c>
      <c r="BR450" s="161" t="str">
        <f t="shared" si="282"/>
        <v/>
      </c>
      <c r="BS450" s="161" t="str">
        <f t="shared" si="283"/>
        <v/>
      </c>
      <c r="BT450" s="161" t="str">
        <f t="shared" si="284"/>
        <v/>
      </c>
      <c r="BU450" s="161" t="str">
        <f t="shared" si="285"/>
        <v/>
      </c>
      <c r="BV450" s="161" t="str">
        <f t="shared" si="286"/>
        <v/>
      </c>
      <c r="BW450" s="161" t="str">
        <f t="shared" si="287"/>
        <v/>
      </c>
      <c r="BX450" s="161" t="str">
        <f t="shared" si="288"/>
        <v/>
      </c>
      <c r="BY450" s="161" t="str">
        <f t="shared" si="289"/>
        <v/>
      </c>
      <c r="BZ450" s="161" t="str">
        <f t="shared" si="290"/>
        <v/>
      </c>
      <c r="CA450" s="161" t="str">
        <f t="shared" si="291"/>
        <v/>
      </c>
      <c r="CB450" s="161" t="str">
        <f t="shared" si="292"/>
        <v/>
      </c>
      <c r="CC450" s="161" t="str">
        <f t="shared" si="293"/>
        <v/>
      </c>
      <c r="CD450" s="156"/>
      <c r="CE450" s="156"/>
      <c r="CF450" s="156"/>
    </row>
    <row r="451" spans="1:84" s="168" customFormat="1" ht="56.1" hidden="1" customHeight="1" x14ac:dyDescent="0.2">
      <c r="A451" s="154">
        <v>451</v>
      </c>
      <c r="B451" s="155" t="s">
        <v>53</v>
      </c>
      <c r="C451" s="165" t="s">
        <v>515</v>
      </c>
      <c r="D451" s="156" t="s">
        <v>518</v>
      </c>
      <c r="E451" s="156" t="s">
        <v>520</v>
      </c>
      <c r="F451" s="156" t="s">
        <v>520</v>
      </c>
      <c r="G451" s="156" t="s">
        <v>58</v>
      </c>
      <c r="H451" s="156" t="s">
        <v>324</v>
      </c>
      <c r="I451" s="169" t="s">
        <v>8</v>
      </c>
      <c r="J451" s="156" t="s">
        <v>334</v>
      </c>
      <c r="K451" s="156" t="s">
        <v>382</v>
      </c>
      <c r="L451" s="156" t="s">
        <v>63</v>
      </c>
      <c r="M451" s="156" t="s">
        <v>63</v>
      </c>
      <c r="N451" s="157">
        <v>310879.29600000003</v>
      </c>
      <c r="O451" s="157">
        <v>310879.29600000003</v>
      </c>
      <c r="P451" s="156" t="s">
        <v>64</v>
      </c>
      <c r="Q451" s="156" t="s">
        <v>82</v>
      </c>
      <c r="R451" s="167"/>
      <c r="S451" s="167"/>
      <c r="T451" s="167"/>
      <c r="U451" s="167"/>
      <c r="V451" s="167"/>
      <c r="W451" s="161"/>
      <c r="X451" s="167"/>
      <c r="Y451" s="161" t="s">
        <v>66</v>
      </c>
      <c r="Z451" s="167"/>
      <c r="AA451" s="167"/>
      <c r="AB451" s="167"/>
      <c r="AC451" s="167"/>
      <c r="AD451" s="167"/>
      <c r="AE451" s="167"/>
      <c r="AF451" s="167"/>
      <c r="AG451" s="167"/>
      <c r="AH451" s="167"/>
      <c r="AI451" s="167"/>
      <c r="AJ451" s="167"/>
      <c r="AK451" s="167"/>
      <c r="AL451" s="167"/>
      <c r="AM451" s="167"/>
      <c r="AN451" s="167"/>
      <c r="AO451" s="167"/>
      <c r="AP451" s="167"/>
      <c r="AQ451" s="167"/>
      <c r="AR451" s="167"/>
      <c r="AS451" s="167"/>
      <c r="AT451" s="167"/>
      <c r="AU451" s="167"/>
      <c r="AV451" s="167"/>
      <c r="AW451" s="160">
        <f t="shared" si="261"/>
        <v>390</v>
      </c>
      <c r="AX451" s="158">
        <f t="shared" si="262"/>
        <v>797.1264000000001</v>
      </c>
      <c r="AY451" s="161" t="str">
        <f t="shared" si="263"/>
        <v/>
      </c>
      <c r="AZ451" s="161" t="str">
        <f t="shared" si="264"/>
        <v/>
      </c>
      <c r="BA451" s="161" t="str">
        <f t="shared" si="265"/>
        <v/>
      </c>
      <c r="BB451" s="161" t="str">
        <f t="shared" si="266"/>
        <v/>
      </c>
      <c r="BC451" s="161" t="str">
        <f t="shared" si="267"/>
        <v/>
      </c>
      <c r="BD451" s="161" t="str">
        <f t="shared" si="268"/>
        <v/>
      </c>
      <c r="BE451" s="161" t="str">
        <f t="shared" si="269"/>
        <v/>
      </c>
      <c r="BF451" s="161">
        <f t="shared" si="270"/>
        <v>310879.29600000003</v>
      </c>
      <c r="BG451" s="161" t="str">
        <f t="shared" si="271"/>
        <v/>
      </c>
      <c r="BH451" s="161" t="str">
        <f t="shared" si="272"/>
        <v/>
      </c>
      <c r="BI451" s="161" t="str">
        <f t="shared" si="273"/>
        <v/>
      </c>
      <c r="BJ451" s="161" t="str">
        <f t="shared" si="274"/>
        <v/>
      </c>
      <c r="BK451" s="161" t="str">
        <f t="shared" si="275"/>
        <v/>
      </c>
      <c r="BL451" s="161" t="str">
        <f t="shared" si="276"/>
        <v/>
      </c>
      <c r="BM451" s="161" t="str">
        <f t="shared" si="277"/>
        <v/>
      </c>
      <c r="BN451" s="161" t="str">
        <f t="shared" si="278"/>
        <v/>
      </c>
      <c r="BO451" s="161" t="str">
        <f t="shared" si="279"/>
        <v/>
      </c>
      <c r="BP451" s="161" t="str">
        <f t="shared" si="280"/>
        <v/>
      </c>
      <c r="BQ451" s="161" t="str">
        <f t="shared" si="281"/>
        <v/>
      </c>
      <c r="BR451" s="161" t="str">
        <f t="shared" si="282"/>
        <v/>
      </c>
      <c r="BS451" s="161" t="str">
        <f t="shared" si="283"/>
        <v/>
      </c>
      <c r="BT451" s="161" t="str">
        <f t="shared" si="284"/>
        <v/>
      </c>
      <c r="BU451" s="161" t="str">
        <f t="shared" si="285"/>
        <v/>
      </c>
      <c r="BV451" s="161" t="str">
        <f t="shared" si="286"/>
        <v/>
      </c>
      <c r="BW451" s="161" t="str">
        <f t="shared" si="287"/>
        <v/>
      </c>
      <c r="BX451" s="161" t="str">
        <f t="shared" si="288"/>
        <v/>
      </c>
      <c r="BY451" s="161" t="str">
        <f t="shared" si="289"/>
        <v/>
      </c>
      <c r="BZ451" s="161" t="str">
        <f t="shared" si="290"/>
        <v/>
      </c>
      <c r="CA451" s="161" t="str">
        <f t="shared" si="291"/>
        <v/>
      </c>
      <c r="CB451" s="161" t="str">
        <f t="shared" si="292"/>
        <v/>
      </c>
      <c r="CC451" s="161" t="str">
        <f t="shared" si="293"/>
        <v/>
      </c>
      <c r="CD451" s="156"/>
      <c r="CE451" s="156"/>
      <c r="CF451" s="156"/>
    </row>
    <row r="452" spans="1:84" s="168" customFormat="1" ht="56.1" hidden="1" customHeight="1" x14ac:dyDescent="0.2">
      <c r="A452" s="154">
        <v>452</v>
      </c>
      <c r="B452" s="155" t="s">
        <v>53</v>
      </c>
      <c r="C452" s="165" t="s">
        <v>515</v>
      </c>
      <c r="D452" s="156" t="s">
        <v>521</v>
      </c>
      <c r="E452" s="156" t="s">
        <v>522</v>
      </c>
      <c r="F452" s="156" t="s">
        <v>522</v>
      </c>
      <c r="G452" s="156" t="s">
        <v>58</v>
      </c>
      <c r="H452" s="156" t="s">
        <v>324</v>
      </c>
      <c r="I452" s="169" t="s">
        <v>8</v>
      </c>
      <c r="J452" s="156" t="s">
        <v>334</v>
      </c>
      <c r="K452" s="156" t="s">
        <v>382</v>
      </c>
      <c r="L452" s="156" t="s">
        <v>63</v>
      </c>
      <c r="M452" s="156" t="s">
        <v>63</v>
      </c>
      <c r="N452" s="157">
        <v>434244.09600000008</v>
      </c>
      <c r="O452" s="157">
        <v>434244.09600000008</v>
      </c>
      <c r="P452" s="156" t="s">
        <v>64</v>
      </c>
      <c r="Q452" s="156" t="s">
        <v>82</v>
      </c>
      <c r="R452" s="167"/>
      <c r="S452" s="167"/>
      <c r="T452" s="167"/>
      <c r="U452" s="167"/>
      <c r="V452" s="167"/>
      <c r="W452" s="161"/>
      <c r="X452" s="167"/>
      <c r="Y452" s="161" t="s">
        <v>66</v>
      </c>
      <c r="Z452" s="167"/>
      <c r="AA452" s="167"/>
      <c r="AB452" s="167"/>
      <c r="AC452" s="167"/>
      <c r="AD452" s="167"/>
      <c r="AE452" s="167"/>
      <c r="AF452" s="167"/>
      <c r="AG452" s="167"/>
      <c r="AH452" s="167"/>
      <c r="AI452" s="167"/>
      <c r="AJ452" s="167"/>
      <c r="AK452" s="167"/>
      <c r="AL452" s="167"/>
      <c r="AM452" s="167"/>
      <c r="AN452" s="167"/>
      <c r="AO452" s="167"/>
      <c r="AP452" s="167"/>
      <c r="AQ452" s="167"/>
      <c r="AR452" s="167"/>
      <c r="AS452" s="167"/>
      <c r="AT452" s="167"/>
      <c r="AU452" s="167"/>
      <c r="AV452" s="167"/>
      <c r="AW452" s="160">
        <f t="shared" si="261"/>
        <v>390</v>
      </c>
      <c r="AX452" s="158">
        <f t="shared" si="262"/>
        <v>1113.4464000000003</v>
      </c>
      <c r="AY452" s="161" t="str">
        <f t="shared" si="263"/>
        <v/>
      </c>
      <c r="AZ452" s="161" t="str">
        <f t="shared" si="264"/>
        <v/>
      </c>
      <c r="BA452" s="161" t="str">
        <f t="shared" si="265"/>
        <v/>
      </c>
      <c r="BB452" s="161" t="str">
        <f t="shared" si="266"/>
        <v/>
      </c>
      <c r="BC452" s="161" t="str">
        <f t="shared" si="267"/>
        <v/>
      </c>
      <c r="BD452" s="161" t="str">
        <f t="shared" si="268"/>
        <v/>
      </c>
      <c r="BE452" s="161" t="str">
        <f t="shared" si="269"/>
        <v/>
      </c>
      <c r="BF452" s="161">
        <f t="shared" si="270"/>
        <v>434244.09600000008</v>
      </c>
      <c r="BG452" s="161" t="str">
        <f t="shared" si="271"/>
        <v/>
      </c>
      <c r="BH452" s="161" t="str">
        <f t="shared" si="272"/>
        <v/>
      </c>
      <c r="BI452" s="161" t="str">
        <f t="shared" si="273"/>
        <v/>
      </c>
      <c r="BJ452" s="161" t="str">
        <f t="shared" si="274"/>
        <v/>
      </c>
      <c r="BK452" s="161" t="str">
        <f t="shared" si="275"/>
        <v/>
      </c>
      <c r="BL452" s="161" t="str">
        <f t="shared" si="276"/>
        <v/>
      </c>
      <c r="BM452" s="161" t="str">
        <f t="shared" si="277"/>
        <v/>
      </c>
      <c r="BN452" s="161" t="str">
        <f t="shared" si="278"/>
        <v/>
      </c>
      <c r="BO452" s="161" t="str">
        <f t="shared" si="279"/>
        <v/>
      </c>
      <c r="BP452" s="161" t="str">
        <f t="shared" si="280"/>
        <v/>
      </c>
      <c r="BQ452" s="161" t="str">
        <f t="shared" si="281"/>
        <v/>
      </c>
      <c r="BR452" s="161" t="str">
        <f t="shared" si="282"/>
        <v/>
      </c>
      <c r="BS452" s="161" t="str">
        <f t="shared" si="283"/>
        <v/>
      </c>
      <c r="BT452" s="161" t="str">
        <f t="shared" si="284"/>
        <v/>
      </c>
      <c r="BU452" s="161" t="str">
        <f t="shared" si="285"/>
        <v/>
      </c>
      <c r="BV452" s="161" t="str">
        <f t="shared" si="286"/>
        <v/>
      </c>
      <c r="BW452" s="161" t="str">
        <f t="shared" si="287"/>
        <v/>
      </c>
      <c r="BX452" s="161" t="str">
        <f t="shared" si="288"/>
        <v/>
      </c>
      <c r="BY452" s="161" t="str">
        <f t="shared" si="289"/>
        <v/>
      </c>
      <c r="BZ452" s="161" t="str">
        <f t="shared" si="290"/>
        <v/>
      </c>
      <c r="CA452" s="161" t="str">
        <f t="shared" si="291"/>
        <v/>
      </c>
      <c r="CB452" s="161" t="str">
        <f t="shared" si="292"/>
        <v/>
      </c>
      <c r="CC452" s="161" t="str">
        <f t="shared" si="293"/>
        <v/>
      </c>
      <c r="CD452" s="156"/>
      <c r="CE452" s="156"/>
      <c r="CF452" s="156"/>
    </row>
    <row r="453" spans="1:84" s="168" customFormat="1" ht="56.1" hidden="1" customHeight="1" x14ac:dyDescent="0.2">
      <c r="A453" s="154">
        <v>453</v>
      </c>
      <c r="B453" s="155" t="s">
        <v>53</v>
      </c>
      <c r="C453" s="165" t="s">
        <v>515</v>
      </c>
      <c r="D453" s="156" t="s">
        <v>523</v>
      </c>
      <c r="E453" s="156" t="s">
        <v>552</v>
      </c>
      <c r="F453" s="156" t="s">
        <v>552</v>
      </c>
      <c r="G453" s="156" t="s">
        <v>58</v>
      </c>
      <c r="H453" s="156" t="s">
        <v>324</v>
      </c>
      <c r="I453" s="156" t="s">
        <v>388</v>
      </c>
      <c r="J453" s="156" t="s">
        <v>525</v>
      </c>
      <c r="K453" s="156" t="s">
        <v>382</v>
      </c>
      <c r="L453" s="156" t="s">
        <v>63</v>
      </c>
      <c r="M453" s="156" t="s">
        <v>63</v>
      </c>
      <c r="N453" s="157">
        <v>43494</v>
      </c>
      <c r="O453" s="157">
        <v>43494</v>
      </c>
      <c r="P453" s="156" t="s">
        <v>64</v>
      </c>
      <c r="Q453" s="156" t="s">
        <v>82</v>
      </c>
      <c r="R453" s="167"/>
      <c r="S453" s="167"/>
      <c r="T453" s="167"/>
      <c r="U453" s="167"/>
      <c r="V453" s="167"/>
      <c r="W453" s="161"/>
      <c r="X453" s="167"/>
      <c r="Y453" s="161" t="s">
        <v>66</v>
      </c>
      <c r="Z453" s="167"/>
      <c r="AA453" s="167"/>
      <c r="AB453" s="167"/>
      <c r="AC453" s="167"/>
      <c r="AD453" s="167"/>
      <c r="AE453" s="167"/>
      <c r="AF453" s="167"/>
      <c r="AG453" s="167"/>
      <c r="AH453" s="167"/>
      <c r="AI453" s="167"/>
      <c r="AJ453" s="167"/>
      <c r="AK453" s="167"/>
      <c r="AL453" s="167"/>
      <c r="AM453" s="167"/>
      <c r="AN453" s="167"/>
      <c r="AO453" s="167"/>
      <c r="AP453" s="167"/>
      <c r="AQ453" s="167"/>
      <c r="AR453" s="167"/>
      <c r="AS453" s="167"/>
      <c r="AT453" s="167"/>
      <c r="AU453" s="167"/>
      <c r="AV453" s="167"/>
      <c r="AW453" s="160">
        <f t="shared" si="261"/>
        <v>390</v>
      </c>
      <c r="AX453" s="158">
        <f t="shared" si="262"/>
        <v>111.52307692307693</v>
      </c>
      <c r="AY453" s="161" t="str">
        <f t="shared" si="263"/>
        <v/>
      </c>
      <c r="AZ453" s="161" t="str">
        <f t="shared" si="264"/>
        <v/>
      </c>
      <c r="BA453" s="161" t="str">
        <f t="shared" si="265"/>
        <v/>
      </c>
      <c r="BB453" s="161" t="str">
        <f t="shared" si="266"/>
        <v/>
      </c>
      <c r="BC453" s="161" t="str">
        <f t="shared" si="267"/>
        <v/>
      </c>
      <c r="BD453" s="161" t="str">
        <f t="shared" si="268"/>
        <v/>
      </c>
      <c r="BE453" s="161" t="str">
        <f t="shared" si="269"/>
        <v/>
      </c>
      <c r="BF453" s="161">
        <f t="shared" si="270"/>
        <v>43494</v>
      </c>
      <c r="BG453" s="161" t="str">
        <f t="shared" si="271"/>
        <v/>
      </c>
      <c r="BH453" s="161" t="str">
        <f t="shared" si="272"/>
        <v/>
      </c>
      <c r="BI453" s="161" t="str">
        <f t="shared" si="273"/>
        <v/>
      </c>
      <c r="BJ453" s="161" t="str">
        <f t="shared" si="274"/>
        <v/>
      </c>
      <c r="BK453" s="161" t="str">
        <f t="shared" si="275"/>
        <v/>
      </c>
      <c r="BL453" s="161" t="str">
        <f t="shared" si="276"/>
        <v/>
      </c>
      <c r="BM453" s="161" t="str">
        <f t="shared" si="277"/>
        <v/>
      </c>
      <c r="BN453" s="161" t="str">
        <f t="shared" si="278"/>
        <v/>
      </c>
      <c r="BO453" s="161" t="str">
        <f t="shared" si="279"/>
        <v/>
      </c>
      <c r="BP453" s="161" t="str">
        <f t="shared" si="280"/>
        <v/>
      </c>
      <c r="BQ453" s="161" t="str">
        <f t="shared" si="281"/>
        <v/>
      </c>
      <c r="BR453" s="161" t="str">
        <f t="shared" si="282"/>
        <v/>
      </c>
      <c r="BS453" s="161" t="str">
        <f t="shared" si="283"/>
        <v/>
      </c>
      <c r="BT453" s="161" t="str">
        <f t="shared" si="284"/>
        <v/>
      </c>
      <c r="BU453" s="161" t="str">
        <f t="shared" si="285"/>
        <v/>
      </c>
      <c r="BV453" s="161" t="str">
        <f t="shared" si="286"/>
        <v/>
      </c>
      <c r="BW453" s="161" t="str">
        <f t="shared" si="287"/>
        <v/>
      </c>
      <c r="BX453" s="161" t="str">
        <f t="shared" si="288"/>
        <v/>
      </c>
      <c r="BY453" s="161" t="str">
        <f t="shared" si="289"/>
        <v/>
      </c>
      <c r="BZ453" s="161" t="str">
        <f t="shared" si="290"/>
        <v/>
      </c>
      <c r="CA453" s="161" t="str">
        <f t="shared" si="291"/>
        <v/>
      </c>
      <c r="CB453" s="161" t="str">
        <f t="shared" si="292"/>
        <v/>
      </c>
      <c r="CC453" s="161" t="str">
        <f t="shared" si="293"/>
        <v/>
      </c>
      <c r="CD453" s="156"/>
      <c r="CE453" s="156"/>
      <c r="CF453" s="156"/>
    </row>
    <row r="454" spans="1:84" s="168" customFormat="1" ht="56.1" hidden="1" customHeight="1" x14ac:dyDescent="0.2">
      <c r="A454" s="154">
        <v>454</v>
      </c>
      <c r="B454" s="155" t="s">
        <v>53</v>
      </c>
      <c r="C454" s="165" t="s">
        <v>515</v>
      </c>
      <c r="D454" s="156" t="s">
        <v>539</v>
      </c>
      <c r="E454" s="156" t="s">
        <v>564</v>
      </c>
      <c r="F454" s="156" t="s">
        <v>565</v>
      </c>
      <c r="G454" s="156" t="s">
        <v>58</v>
      </c>
      <c r="H454" s="156" t="s">
        <v>324</v>
      </c>
      <c r="I454" s="156" t="s">
        <v>551</v>
      </c>
      <c r="J454" s="156" t="s">
        <v>525</v>
      </c>
      <c r="K454" s="156" t="s">
        <v>382</v>
      </c>
      <c r="L454" s="156" t="s">
        <v>63</v>
      </c>
      <c r="M454" s="156" t="s">
        <v>63</v>
      </c>
      <c r="N454" s="157">
        <v>47266.206896551725</v>
      </c>
      <c r="O454" s="157">
        <v>47266.206896551725</v>
      </c>
      <c r="P454" s="156" t="s">
        <v>64</v>
      </c>
      <c r="Q454" s="156" t="s">
        <v>82</v>
      </c>
      <c r="R454" s="167"/>
      <c r="S454" s="167"/>
      <c r="T454" s="167"/>
      <c r="U454" s="167"/>
      <c r="V454" s="167"/>
      <c r="W454" s="161"/>
      <c r="X454" s="167"/>
      <c r="Y454" s="161" t="s">
        <v>66</v>
      </c>
      <c r="Z454" s="167"/>
      <c r="AA454" s="167"/>
      <c r="AB454" s="167"/>
      <c r="AC454" s="167"/>
      <c r="AD454" s="167"/>
      <c r="AE454" s="167"/>
      <c r="AF454" s="167"/>
      <c r="AG454" s="167"/>
      <c r="AH454" s="167"/>
      <c r="AI454" s="167"/>
      <c r="AJ454" s="167"/>
      <c r="AK454" s="167"/>
      <c r="AL454" s="167"/>
      <c r="AM454" s="167"/>
      <c r="AN454" s="167"/>
      <c r="AO454" s="167"/>
      <c r="AP454" s="167"/>
      <c r="AQ454" s="167"/>
      <c r="AR454" s="167"/>
      <c r="AS454" s="167"/>
      <c r="AT454" s="167"/>
      <c r="AU454" s="167"/>
      <c r="AV454" s="167"/>
      <c r="AW454" s="160">
        <f t="shared" si="261"/>
        <v>390</v>
      </c>
      <c r="AX454" s="158">
        <f t="shared" si="262"/>
        <v>121.19540229885058</v>
      </c>
      <c r="AY454" s="161" t="str">
        <f t="shared" si="263"/>
        <v/>
      </c>
      <c r="AZ454" s="161" t="str">
        <f t="shared" si="264"/>
        <v/>
      </c>
      <c r="BA454" s="161" t="str">
        <f t="shared" si="265"/>
        <v/>
      </c>
      <c r="BB454" s="161" t="str">
        <f t="shared" si="266"/>
        <v/>
      </c>
      <c r="BC454" s="161" t="str">
        <f t="shared" si="267"/>
        <v/>
      </c>
      <c r="BD454" s="161" t="str">
        <f t="shared" si="268"/>
        <v/>
      </c>
      <c r="BE454" s="161" t="str">
        <f t="shared" si="269"/>
        <v/>
      </c>
      <c r="BF454" s="161">
        <f t="shared" si="270"/>
        <v>47266.206896551725</v>
      </c>
      <c r="BG454" s="161" t="str">
        <f t="shared" si="271"/>
        <v/>
      </c>
      <c r="BH454" s="161" t="str">
        <f t="shared" si="272"/>
        <v/>
      </c>
      <c r="BI454" s="161" t="str">
        <f t="shared" si="273"/>
        <v/>
      </c>
      <c r="BJ454" s="161" t="str">
        <f t="shared" si="274"/>
        <v/>
      </c>
      <c r="BK454" s="161" t="str">
        <f t="shared" si="275"/>
        <v/>
      </c>
      <c r="BL454" s="161" t="str">
        <f t="shared" si="276"/>
        <v/>
      </c>
      <c r="BM454" s="161" t="str">
        <f t="shared" si="277"/>
        <v/>
      </c>
      <c r="BN454" s="161" t="str">
        <f t="shared" si="278"/>
        <v/>
      </c>
      <c r="BO454" s="161" t="str">
        <f t="shared" si="279"/>
        <v/>
      </c>
      <c r="BP454" s="161" t="str">
        <f t="shared" si="280"/>
        <v/>
      </c>
      <c r="BQ454" s="161" t="str">
        <f t="shared" si="281"/>
        <v/>
      </c>
      <c r="BR454" s="161" t="str">
        <f t="shared" si="282"/>
        <v/>
      </c>
      <c r="BS454" s="161" t="str">
        <f t="shared" si="283"/>
        <v/>
      </c>
      <c r="BT454" s="161" t="str">
        <f t="shared" si="284"/>
        <v/>
      </c>
      <c r="BU454" s="161" t="str">
        <f t="shared" si="285"/>
        <v/>
      </c>
      <c r="BV454" s="161" t="str">
        <f t="shared" si="286"/>
        <v/>
      </c>
      <c r="BW454" s="161" t="str">
        <f t="shared" si="287"/>
        <v/>
      </c>
      <c r="BX454" s="161" t="str">
        <f t="shared" si="288"/>
        <v/>
      </c>
      <c r="BY454" s="161" t="str">
        <f t="shared" si="289"/>
        <v/>
      </c>
      <c r="BZ454" s="161" t="str">
        <f t="shared" si="290"/>
        <v/>
      </c>
      <c r="CA454" s="161" t="str">
        <f t="shared" si="291"/>
        <v/>
      </c>
      <c r="CB454" s="161" t="str">
        <f t="shared" si="292"/>
        <v/>
      </c>
      <c r="CC454" s="161" t="str">
        <f t="shared" si="293"/>
        <v/>
      </c>
      <c r="CD454" s="156"/>
      <c r="CE454" s="156"/>
      <c r="CF454" s="156"/>
    </row>
    <row r="455" spans="1:84" s="168" customFormat="1" ht="56.1" hidden="1" customHeight="1" x14ac:dyDescent="0.2">
      <c r="A455" s="154">
        <v>455</v>
      </c>
      <c r="B455" s="155" t="s">
        <v>53</v>
      </c>
      <c r="C455" s="165" t="s">
        <v>515</v>
      </c>
      <c r="D455" s="156" t="s">
        <v>528</v>
      </c>
      <c r="E455" s="156" t="s">
        <v>558</v>
      </c>
      <c r="F455" s="156" t="s">
        <v>558</v>
      </c>
      <c r="G455" s="156" t="s">
        <v>58</v>
      </c>
      <c r="H455" s="156" t="s">
        <v>324</v>
      </c>
      <c r="I455" s="224" t="s">
        <v>388</v>
      </c>
      <c r="J455" s="156" t="s">
        <v>525</v>
      </c>
      <c r="K455" s="156" t="s">
        <v>382</v>
      </c>
      <c r="L455" s="156" t="s">
        <v>63</v>
      </c>
      <c r="M455" s="156" t="s">
        <v>63</v>
      </c>
      <c r="N455" s="157">
        <v>82715.862068965522</v>
      </c>
      <c r="O455" s="157">
        <v>82715.862068965522</v>
      </c>
      <c r="P455" s="156" t="s">
        <v>64</v>
      </c>
      <c r="Q455" s="156" t="s">
        <v>82</v>
      </c>
      <c r="R455" s="167"/>
      <c r="S455" s="167"/>
      <c r="T455" s="167"/>
      <c r="U455" s="167"/>
      <c r="V455" s="167"/>
      <c r="W455" s="161"/>
      <c r="X455" s="167"/>
      <c r="Y455" s="161" t="s">
        <v>66</v>
      </c>
      <c r="Z455" s="167"/>
      <c r="AA455" s="167"/>
      <c r="AB455" s="167"/>
      <c r="AC455" s="167"/>
      <c r="AD455" s="167"/>
      <c r="AE455" s="167"/>
      <c r="AF455" s="167"/>
      <c r="AG455" s="167"/>
      <c r="AH455" s="167"/>
      <c r="AI455" s="167"/>
      <c r="AJ455" s="167"/>
      <c r="AK455" s="167"/>
      <c r="AL455" s="167"/>
      <c r="AM455" s="167"/>
      <c r="AN455" s="167"/>
      <c r="AO455" s="167"/>
      <c r="AP455" s="167"/>
      <c r="AQ455" s="167"/>
      <c r="AR455" s="167"/>
      <c r="AS455" s="167"/>
      <c r="AT455" s="167"/>
      <c r="AU455" s="167"/>
      <c r="AV455" s="167"/>
      <c r="AW455" s="160">
        <f t="shared" si="261"/>
        <v>390</v>
      </c>
      <c r="AX455" s="158">
        <f t="shared" si="262"/>
        <v>212.09195402298852</v>
      </c>
      <c r="AY455" s="161" t="str">
        <f t="shared" si="263"/>
        <v/>
      </c>
      <c r="AZ455" s="161" t="str">
        <f t="shared" si="264"/>
        <v/>
      </c>
      <c r="BA455" s="161" t="str">
        <f t="shared" si="265"/>
        <v/>
      </c>
      <c r="BB455" s="161" t="str">
        <f t="shared" si="266"/>
        <v/>
      </c>
      <c r="BC455" s="161" t="str">
        <f t="shared" si="267"/>
        <v/>
      </c>
      <c r="BD455" s="161" t="str">
        <f t="shared" si="268"/>
        <v/>
      </c>
      <c r="BE455" s="161" t="str">
        <f t="shared" si="269"/>
        <v/>
      </c>
      <c r="BF455" s="161">
        <f t="shared" si="270"/>
        <v>82715.862068965522</v>
      </c>
      <c r="BG455" s="161" t="str">
        <f t="shared" si="271"/>
        <v/>
      </c>
      <c r="BH455" s="161" t="str">
        <f t="shared" si="272"/>
        <v/>
      </c>
      <c r="BI455" s="161" t="str">
        <f t="shared" si="273"/>
        <v/>
      </c>
      <c r="BJ455" s="161" t="str">
        <f t="shared" si="274"/>
        <v/>
      </c>
      <c r="BK455" s="161" t="str">
        <f t="shared" si="275"/>
        <v/>
      </c>
      <c r="BL455" s="161" t="str">
        <f t="shared" si="276"/>
        <v/>
      </c>
      <c r="BM455" s="161" t="str">
        <f t="shared" si="277"/>
        <v/>
      </c>
      <c r="BN455" s="161" t="str">
        <f t="shared" si="278"/>
        <v/>
      </c>
      <c r="BO455" s="161" t="str">
        <f t="shared" si="279"/>
        <v/>
      </c>
      <c r="BP455" s="161" t="str">
        <f t="shared" si="280"/>
        <v/>
      </c>
      <c r="BQ455" s="161" t="str">
        <f t="shared" si="281"/>
        <v/>
      </c>
      <c r="BR455" s="161" t="str">
        <f t="shared" si="282"/>
        <v/>
      </c>
      <c r="BS455" s="161" t="str">
        <f t="shared" si="283"/>
        <v/>
      </c>
      <c r="BT455" s="161" t="str">
        <f t="shared" si="284"/>
        <v/>
      </c>
      <c r="BU455" s="161" t="str">
        <f t="shared" si="285"/>
        <v/>
      </c>
      <c r="BV455" s="161" t="str">
        <f t="shared" si="286"/>
        <v/>
      </c>
      <c r="BW455" s="161" t="str">
        <f t="shared" si="287"/>
        <v/>
      </c>
      <c r="BX455" s="161" t="str">
        <f t="shared" si="288"/>
        <v/>
      </c>
      <c r="BY455" s="161" t="str">
        <f t="shared" si="289"/>
        <v/>
      </c>
      <c r="BZ455" s="161" t="str">
        <f t="shared" si="290"/>
        <v/>
      </c>
      <c r="CA455" s="161" t="str">
        <f t="shared" si="291"/>
        <v/>
      </c>
      <c r="CB455" s="161" t="str">
        <f t="shared" si="292"/>
        <v/>
      </c>
      <c r="CC455" s="161" t="str">
        <f t="shared" si="293"/>
        <v/>
      </c>
      <c r="CD455" s="156"/>
      <c r="CE455" s="156"/>
      <c r="CF455" s="156"/>
    </row>
    <row r="456" spans="1:84" s="168" customFormat="1" ht="56.1" hidden="1" customHeight="1" x14ac:dyDescent="0.2">
      <c r="A456" s="154">
        <v>456</v>
      </c>
      <c r="B456" s="155" t="s">
        <v>53</v>
      </c>
      <c r="C456" s="165" t="s">
        <v>515</v>
      </c>
      <c r="D456" s="156" t="s">
        <v>530</v>
      </c>
      <c r="E456" s="156" t="s">
        <v>532</v>
      </c>
      <c r="F456" s="156" t="s">
        <v>532</v>
      </c>
      <c r="G456" s="156" t="s">
        <v>58</v>
      </c>
      <c r="H456" s="156" t="s">
        <v>324</v>
      </c>
      <c r="I456" s="156" t="s">
        <v>8</v>
      </c>
      <c r="J456" s="156" t="s">
        <v>525</v>
      </c>
      <c r="K456" s="156" t="s">
        <v>382</v>
      </c>
      <c r="L456" s="156" t="s">
        <v>63</v>
      </c>
      <c r="M456" s="156" t="s">
        <v>63</v>
      </c>
      <c r="N456" s="157">
        <v>0</v>
      </c>
      <c r="O456" s="157">
        <v>0</v>
      </c>
      <c r="P456" s="156" t="s">
        <v>64</v>
      </c>
      <c r="Q456" s="156" t="s">
        <v>82</v>
      </c>
      <c r="R456" s="167"/>
      <c r="S456" s="167"/>
      <c r="T456" s="167"/>
      <c r="U456" s="167"/>
      <c r="V456" s="167"/>
      <c r="W456" s="161"/>
      <c r="X456" s="167"/>
      <c r="Y456" s="161" t="s">
        <v>66</v>
      </c>
      <c r="Z456" s="167"/>
      <c r="AA456" s="167"/>
      <c r="AB456" s="167"/>
      <c r="AC456" s="167"/>
      <c r="AD456" s="167"/>
      <c r="AE456" s="167"/>
      <c r="AF456" s="167"/>
      <c r="AG456" s="167"/>
      <c r="AH456" s="167"/>
      <c r="AI456" s="167"/>
      <c r="AJ456" s="167"/>
      <c r="AK456" s="167"/>
      <c r="AL456" s="167"/>
      <c r="AM456" s="167"/>
      <c r="AN456" s="167"/>
      <c r="AO456" s="167"/>
      <c r="AP456" s="167"/>
      <c r="AQ456" s="167"/>
      <c r="AR456" s="167"/>
      <c r="AS456" s="167"/>
      <c r="AT456" s="167"/>
      <c r="AU456" s="167"/>
      <c r="AV456" s="167"/>
      <c r="AW456" s="160">
        <f t="shared" si="261"/>
        <v>390</v>
      </c>
      <c r="AX456" s="158"/>
      <c r="AY456" s="161" t="str">
        <f t="shared" si="263"/>
        <v/>
      </c>
      <c r="AZ456" s="161" t="str">
        <f t="shared" si="264"/>
        <v/>
      </c>
      <c r="BA456" s="161" t="str">
        <f t="shared" si="265"/>
        <v/>
      </c>
      <c r="BB456" s="161" t="str">
        <f t="shared" si="266"/>
        <v/>
      </c>
      <c r="BC456" s="161" t="str">
        <f t="shared" si="267"/>
        <v/>
      </c>
      <c r="BD456" s="161" t="str">
        <f t="shared" si="268"/>
        <v/>
      </c>
      <c r="BE456" s="161" t="str">
        <f t="shared" si="269"/>
        <v/>
      </c>
      <c r="BF456" s="161">
        <f t="shared" si="270"/>
        <v>0</v>
      </c>
      <c r="BG456" s="161" t="str">
        <f t="shared" si="271"/>
        <v/>
      </c>
      <c r="BH456" s="161" t="str">
        <f t="shared" si="272"/>
        <v/>
      </c>
      <c r="BI456" s="161" t="str">
        <f t="shared" si="273"/>
        <v/>
      </c>
      <c r="BJ456" s="161" t="str">
        <f t="shared" si="274"/>
        <v/>
      </c>
      <c r="BK456" s="161" t="str">
        <f t="shared" si="275"/>
        <v/>
      </c>
      <c r="BL456" s="161" t="str">
        <f t="shared" si="276"/>
        <v/>
      </c>
      <c r="BM456" s="161" t="str">
        <f t="shared" si="277"/>
        <v/>
      </c>
      <c r="BN456" s="161" t="str">
        <f t="shared" si="278"/>
        <v/>
      </c>
      <c r="BO456" s="161" t="str">
        <f t="shared" si="279"/>
        <v/>
      </c>
      <c r="BP456" s="161" t="str">
        <f t="shared" si="280"/>
        <v/>
      </c>
      <c r="BQ456" s="161" t="str">
        <f t="shared" si="281"/>
        <v/>
      </c>
      <c r="BR456" s="161" t="str">
        <f t="shared" si="282"/>
        <v/>
      </c>
      <c r="BS456" s="161" t="str">
        <f t="shared" si="283"/>
        <v/>
      </c>
      <c r="BT456" s="161" t="str">
        <f t="shared" si="284"/>
        <v/>
      </c>
      <c r="BU456" s="161" t="str">
        <f t="shared" si="285"/>
        <v/>
      </c>
      <c r="BV456" s="161" t="str">
        <f t="shared" si="286"/>
        <v/>
      </c>
      <c r="BW456" s="161" t="str">
        <f t="shared" si="287"/>
        <v/>
      </c>
      <c r="BX456" s="161" t="str">
        <f t="shared" si="288"/>
        <v/>
      </c>
      <c r="BY456" s="161" t="str">
        <f t="shared" si="289"/>
        <v/>
      </c>
      <c r="BZ456" s="161" t="str">
        <f t="shared" si="290"/>
        <v/>
      </c>
      <c r="CA456" s="161" t="str">
        <f t="shared" si="291"/>
        <v/>
      </c>
      <c r="CB456" s="161" t="str">
        <f t="shared" si="292"/>
        <v/>
      </c>
      <c r="CC456" s="161" t="str">
        <f t="shared" si="293"/>
        <v/>
      </c>
      <c r="CD456" s="156"/>
      <c r="CE456" s="156"/>
      <c r="CF456" s="156"/>
    </row>
    <row r="457" spans="1:84" s="168" customFormat="1" ht="56.1" hidden="1" customHeight="1" x14ac:dyDescent="0.2">
      <c r="A457" s="154">
        <v>457</v>
      </c>
      <c r="B457" s="155" t="s">
        <v>53</v>
      </c>
      <c r="C457" s="165" t="s">
        <v>515</v>
      </c>
      <c r="D457" s="156" t="s">
        <v>533</v>
      </c>
      <c r="E457" s="156" t="s">
        <v>534</v>
      </c>
      <c r="F457" s="156" t="s">
        <v>534</v>
      </c>
      <c r="G457" s="156" t="s">
        <v>58</v>
      </c>
      <c r="H457" s="156" t="s">
        <v>324</v>
      </c>
      <c r="I457" s="156" t="s">
        <v>81</v>
      </c>
      <c r="J457" s="156" t="s">
        <v>334</v>
      </c>
      <c r="K457" s="156" t="s">
        <v>382</v>
      </c>
      <c r="L457" s="156" t="s">
        <v>63</v>
      </c>
      <c r="M457" s="156" t="s">
        <v>63</v>
      </c>
      <c r="N457" s="157">
        <v>69392.7</v>
      </c>
      <c r="O457" s="157">
        <v>69392.7</v>
      </c>
      <c r="P457" s="156" t="s">
        <v>64</v>
      </c>
      <c r="Q457" s="156" t="s">
        <v>82</v>
      </c>
      <c r="R457" s="167"/>
      <c r="S457" s="167"/>
      <c r="T457" s="167"/>
      <c r="U457" s="167"/>
      <c r="V457" s="167"/>
      <c r="W457" s="161"/>
      <c r="X457" s="167"/>
      <c r="Y457" s="161" t="s">
        <v>66</v>
      </c>
      <c r="Z457" s="167"/>
      <c r="AA457" s="167"/>
      <c r="AB457" s="167"/>
      <c r="AC457" s="167"/>
      <c r="AD457" s="167"/>
      <c r="AE457" s="167"/>
      <c r="AF457" s="167"/>
      <c r="AG457" s="167"/>
      <c r="AH457" s="167"/>
      <c r="AI457" s="167"/>
      <c r="AJ457" s="167"/>
      <c r="AK457" s="167"/>
      <c r="AL457" s="167"/>
      <c r="AM457" s="167"/>
      <c r="AN457" s="167"/>
      <c r="AO457" s="167"/>
      <c r="AP457" s="167"/>
      <c r="AQ457" s="167"/>
      <c r="AR457" s="167"/>
      <c r="AS457" s="167"/>
      <c r="AT457" s="167"/>
      <c r="AU457" s="167"/>
      <c r="AV457" s="167"/>
      <c r="AW457" s="160">
        <f t="shared" si="261"/>
        <v>390</v>
      </c>
      <c r="AX457" s="158">
        <f t="shared" ref="AX457:AX463" si="294">O457/AW457</f>
        <v>177.92999999999998</v>
      </c>
      <c r="AY457" s="161" t="str">
        <f t="shared" si="263"/>
        <v/>
      </c>
      <c r="AZ457" s="161" t="str">
        <f t="shared" si="264"/>
        <v/>
      </c>
      <c r="BA457" s="161" t="str">
        <f t="shared" si="265"/>
        <v/>
      </c>
      <c r="BB457" s="161" t="str">
        <f t="shared" si="266"/>
        <v/>
      </c>
      <c r="BC457" s="161" t="str">
        <f t="shared" si="267"/>
        <v/>
      </c>
      <c r="BD457" s="161" t="str">
        <f t="shared" si="268"/>
        <v/>
      </c>
      <c r="BE457" s="161" t="str">
        <f t="shared" si="269"/>
        <v/>
      </c>
      <c r="BF457" s="161">
        <f t="shared" si="270"/>
        <v>69392.7</v>
      </c>
      <c r="BG457" s="161" t="str">
        <f t="shared" si="271"/>
        <v/>
      </c>
      <c r="BH457" s="161" t="str">
        <f t="shared" si="272"/>
        <v/>
      </c>
      <c r="BI457" s="161" t="str">
        <f t="shared" si="273"/>
        <v/>
      </c>
      <c r="BJ457" s="161" t="str">
        <f t="shared" si="274"/>
        <v/>
      </c>
      <c r="BK457" s="161" t="str">
        <f t="shared" si="275"/>
        <v/>
      </c>
      <c r="BL457" s="161" t="str">
        <f t="shared" si="276"/>
        <v/>
      </c>
      <c r="BM457" s="161" t="str">
        <f t="shared" si="277"/>
        <v/>
      </c>
      <c r="BN457" s="161" t="str">
        <f t="shared" si="278"/>
        <v/>
      </c>
      <c r="BO457" s="161" t="str">
        <f t="shared" si="279"/>
        <v/>
      </c>
      <c r="BP457" s="161" t="str">
        <f t="shared" si="280"/>
        <v/>
      </c>
      <c r="BQ457" s="161" t="str">
        <f t="shared" si="281"/>
        <v/>
      </c>
      <c r="BR457" s="161" t="str">
        <f t="shared" si="282"/>
        <v/>
      </c>
      <c r="BS457" s="161" t="str">
        <f t="shared" si="283"/>
        <v/>
      </c>
      <c r="BT457" s="161" t="str">
        <f t="shared" si="284"/>
        <v/>
      </c>
      <c r="BU457" s="161" t="str">
        <f t="shared" si="285"/>
        <v/>
      </c>
      <c r="BV457" s="161" t="str">
        <f t="shared" si="286"/>
        <v/>
      </c>
      <c r="BW457" s="161" t="str">
        <f t="shared" si="287"/>
        <v/>
      </c>
      <c r="BX457" s="161" t="str">
        <f t="shared" si="288"/>
        <v/>
      </c>
      <c r="BY457" s="161" t="str">
        <f t="shared" si="289"/>
        <v/>
      </c>
      <c r="BZ457" s="161" t="str">
        <f t="shared" si="290"/>
        <v/>
      </c>
      <c r="CA457" s="161" t="str">
        <f t="shared" si="291"/>
        <v/>
      </c>
      <c r="CB457" s="161" t="str">
        <f t="shared" si="292"/>
        <v/>
      </c>
      <c r="CC457" s="161" t="str">
        <f t="shared" si="293"/>
        <v/>
      </c>
      <c r="CD457" s="156"/>
      <c r="CE457" s="156"/>
      <c r="CF457" s="156"/>
    </row>
    <row r="458" spans="1:84" s="211" customFormat="1" ht="56.1" hidden="1" customHeight="1" x14ac:dyDescent="0.2">
      <c r="A458" s="198">
        <v>458</v>
      </c>
      <c r="B458" s="199" t="s">
        <v>53</v>
      </c>
      <c r="C458" s="208" t="s">
        <v>515</v>
      </c>
      <c r="D458" s="200" t="s">
        <v>548</v>
      </c>
      <c r="E458" s="200" t="s">
        <v>536</v>
      </c>
      <c r="F458" s="200" t="s">
        <v>536</v>
      </c>
      <c r="G458" s="200" t="s">
        <v>58</v>
      </c>
      <c r="H458" s="200" t="s">
        <v>325</v>
      </c>
      <c r="I458" s="212" t="s">
        <v>60</v>
      </c>
      <c r="J458" s="200" t="s">
        <v>334</v>
      </c>
      <c r="K458" s="200" t="s">
        <v>187</v>
      </c>
      <c r="L458" s="200" t="s">
        <v>63</v>
      </c>
      <c r="M458" s="200" t="s">
        <v>63</v>
      </c>
      <c r="N458" s="201">
        <v>145760.25599999999</v>
      </c>
      <c r="O458" s="201">
        <v>145760.25599999999</v>
      </c>
      <c r="P458" s="200" t="s">
        <v>64</v>
      </c>
      <c r="Q458" s="200" t="s">
        <v>82</v>
      </c>
      <c r="R458" s="210"/>
      <c r="S458" s="210"/>
      <c r="T458" s="210"/>
      <c r="U458" s="210"/>
      <c r="V458" s="210"/>
      <c r="W458" s="203" t="s">
        <v>66</v>
      </c>
      <c r="X458" s="210"/>
      <c r="Y458" s="210"/>
      <c r="Z458" s="210"/>
      <c r="AA458" s="210"/>
      <c r="AB458" s="210"/>
      <c r="AC458" s="210"/>
      <c r="AD458" s="210"/>
      <c r="AE458" s="210"/>
      <c r="AF458" s="210"/>
      <c r="AG458" s="210"/>
      <c r="AH458" s="210"/>
      <c r="AI458" s="210"/>
      <c r="AJ458" s="210"/>
      <c r="AK458" s="210"/>
      <c r="AL458" s="210"/>
      <c r="AM458" s="210"/>
      <c r="AN458" s="210"/>
      <c r="AO458" s="210"/>
      <c r="AP458" s="210"/>
      <c r="AQ458" s="210"/>
      <c r="AR458" s="210"/>
      <c r="AS458" s="210"/>
      <c r="AT458" s="210"/>
      <c r="AU458" s="210"/>
      <c r="AV458" s="210"/>
      <c r="AW458" s="204">
        <f t="shared" si="261"/>
        <v>480</v>
      </c>
      <c r="AX458" s="205">
        <f t="shared" si="294"/>
        <v>303.66719999999998</v>
      </c>
      <c r="AY458" s="203" t="str">
        <f t="shared" si="263"/>
        <v/>
      </c>
      <c r="AZ458" s="203" t="str">
        <f t="shared" si="264"/>
        <v/>
      </c>
      <c r="BA458" s="203" t="str">
        <f t="shared" si="265"/>
        <v/>
      </c>
      <c r="BB458" s="203" t="str">
        <f t="shared" si="266"/>
        <v/>
      </c>
      <c r="BC458" s="203" t="str">
        <f t="shared" si="267"/>
        <v/>
      </c>
      <c r="BD458" s="203">
        <f t="shared" si="268"/>
        <v>145760.25599999999</v>
      </c>
      <c r="BE458" s="203" t="str">
        <f t="shared" si="269"/>
        <v/>
      </c>
      <c r="BF458" s="203" t="str">
        <f t="shared" si="270"/>
        <v/>
      </c>
      <c r="BG458" s="203" t="str">
        <f t="shared" si="271"/>
        <v/>
      </c>
      <c r="BH458" s="203" t="str">
        <f t="shared" si="272"/>
        <v/>
      </c>
      <c r="BI458" s="203" t="str">
        <f t="shared" si="273"/>
        <v/>
      </c>
      <c r="BJ458" s="203" t="str">
        <f t="shared" si="274"/>
        <v/>
      </c>
      <c r="BK458" s="203" t="str">
        <f t="shared" si="275"/>
        <v/>
      </c>
      <c r="BL458" s="203" t="str">
        <f t="shared" si="276"/>
        <v/>
      </c>
      <c r="BM458" s="203" t="str">
        <f t="shared" si="277"/>
        <v/>
      </c>
      <c r="BN458" s="203" t="str">
        <f t="shared" si="278"/>
        <v/>
      </c>
      <c r="BO458" s="203" t="str">
        <f t="shared" si="279"/>
        <v/>
      </c>
      <c r="BP458" s="203" t="str">
        <f t="shared" si="280"/>
        <v/>
      </c>
      <c r="BQ458" s="203" t="str">
        <f t="shared" si="281"/>
        <v/>
      </c>
      <c r="BR458" s="203" t="str">
        <f t="shared" si="282"/>
        <v/>
      </c>
      <c r="BS458" s="203" t="str">
        <f t="shared" si="283"/>
        <v/>
      </c>
      <c r="BT458" s="203" t="str">
        <f t="shared" si="284"/>
        <v/>
      </c>
      <c r="BU458" s="203" t="str">
        <f t="shared" si="285"/>
        <v/>
      </c>
      <c r="BV458" s="203" t="str">
        <f t="shared" si="286"/>
        <v/>
      </c>
      <c r="BW458" s="203" t="str">
        <f t="shared" si="287"/>
        <v/>
      </c>
      <c r="BX458" s="203" t="str">
        <f t="shared" si="288"/>
        <v/>
      </c>
      <c r="BY458" s="203" t="str">
        <f t="shared" si="289"/>
        <v/>
      </c>
      <c r="BZ458" s="203" t="str">
        <f t="shared" si="290"/>
        <v/>
      </c>
      <c r="CA458" s="203" t="str">
        <f t="shared" si="291"/>
        <v/>
      </c>
      <c r="CB458" s="203" t="str">
        <f t="shared" si="292"/>
        <v/>
      </c>
      <c r="CC458" s="203" t="str">
        <f t="shared" si="293"/>
        <v/>
      </c>
      <c r="CD458" s="200"/>
      <c r="CE458" s="200"/>
      <c r="CF458" s="200"/>
    </row>
    <row r="459" spans="1:84" s="211" customFormat="1" ht="56.1" hidden="1" customHeight="1" x14ac:dyDescent="0.2">
      <c r="A459" s="198">
        <v>459</v>
      </c>
      <c r="B459" s="199" t="s">
        <v>53</v>
      </c>
      <c r="C459" s="208" t="s">
        <v>515</v>
      </c>
      <c r="D459" s="200" t="s">
        <v>518</v>
      </c>
      <c r="E459" s="200" t="s">
        <v>520</v>
      </c>
      <c r="F459" s="200" t="s">
        <v>520</v>
      </c>
      <c r="G459" s="200" t="s">
        <v>58</v>
      </c>
      <c r="H459" s="200" t="s">
        <v>325</v>
      </c>
      <c r="I459" s="212" t="s">
        <v>8</v>
      </c>
      <c r="J459" s="200" t="s">
        <v>334</v>
      </c>
      <c r="K459" s="200" t="s">
        <v>187</v>
      </c>
      <c r="L459" s="200" t="s">
        <v>63</v>
      </c>
      <c r="M459" s="200" t="s">
        <v>63</v>
      </c>
      <c r="N459" s="201">
        <v>382620.67199999996</v>
      </c>
      <c r="O459" s="201">
        <v>382620.67199999996</v>
      </c>
      <c r="P459" s="200" t="s">
        <v>64</v>
      </c>
      <c r="Q459" s="200" t="s">
        <v>82</v>
      </c>
      <c r="R459" s="210"/>
      <c r="S459" s="210"/>
      <c r="T459" s="210"/>
      <c r="U459" s="210"/>
      <c r="V459" s="210"/>
      <c r="W459" s="203" t="s">
        <v>66</v>
      </c>
      <c r="X459" s="210"/>
      <c r="Y459" s="210"/>
      <c r="Z459" s="210"/>
      <c r="AA459" s="210"/>
      <c r="AB459" s="210"/>
      <c r="AC459" s="210"/>
      <c r="AD459" s="210"/>
      <c r="AE459" s="210"/>
      <c r="AF459" s="210"/>
      <c r="AG459" s="210"/>
      <c r="AH459" s="210"/>
      <c r="AI459" s="210"/>
      <c r="AJ459" s="210"/>
      <c r="AK459" s="210"/>
      <c r="AL459" s="210"/>
      <c r="AM459" s="210"/>
      <c r="AN459" s="210"/>
      <c r="AO459" s="210"/>
      <c r="AP459" s="210"/>
      <c r="AQ459" s="210"/>
      <c r="AR459" s="210"/>
      <c r="AS459" s="210"/>
      <c r="AT459" s="210"/>
      <c r="AU459" s="210"/>
      <c r="AV459" s="210"/>
      <c r="AW459" s="204">
        <f t="shared" si="261"/>
        <v>480</v>
      </c>
      <c r="AX459" s="205">
        <f t="shared" si="294"/>
        <v>797.12639999999988</v>
      </c>
      <c r="AY459" s="203" t="str">
        <f t="shared" si="263"/>
        <v/>
      </c>
      <c r="AZ459" s="203" t="str">
        <f t="shared" si="264"/>
        <v/>
      </c>
      <c r="BA459" s="203" t="str">
        <f t="shared" si="265"/>
        <v/>
      </c>
      <c r="BB459" s="203" t="str">
        <f t="shared" si="266"/>
        <v/>
      </c>
      <c r="BC459" s="203" t="str">
        <f t="shared" si="267"/>
        <v/>
      </c>
      <c r="BD459" s="203">
        <f t="shared" si="268"/>
        <v>382620.67199999996</v>
      </c>
      <c r="BE459" s="203" t="str">
        <f t="shared" si="269"/>
        <v/>
      </c>
      <c r="BF459" s="203" t="str">
        <f t="shared" si="270"/>
        <v/>
      </c>
      <c r="BG459" s="203" t="str">
        <f t="shared" si="271"/>
        <v/>
      </c>
      <c r="BH459" s="203" t="str">
        <f t="shared" si="272"/>
        <v/>
      </c>
      <c r="BI459" s="203" t="str">
        <f t="shared" si="273"/>
        <v/>
      </c>
      <c r="BJ459" s="203" t="str">
        <f t="shared" si="274"/>
        <v/>
      </c>
      <c r="BK459" s="203" t="str">
        <f t="shared" si="275"/>
        <v/>
      </c>
      <c r="BL459" s="203" t="str">
        <f t="shared" si="276"/>
        <v/>
      </c>
      <c r="BM459" s="203" t="str">
        <f t="shared" si="277"/>
        <v/>
      </c>
      <c r="BN459" s="203" t="str">
        <f t="shared" si="278"/>
        <v/>
      </c>
      <c r="BO459" s="203" t="str">
        <f t="shared" si="279"/>
        <v/>
      </c>
      <c r="BP459" s="203" t="str">
        <f t="shared" si="280"/>
        <v/>
      </c>
      <c r="BQ459" s="203" t="str">
        <f t="shared" si="281"/>
        <v/>
      </c>
      <c r="BR459" s="203" t="str">
        <f t="shared" si="282"/>
        <v/>
      </c>
      <c r="BS459" s="203" t="str">
        <f t="shared" si="283"/>
        <v/>
      </c>
      <c r="BT459" s="203" t="str">
        <f t="shared" si="284"/>
        <v/>
      </c>
      <c r="BU459" s="203" t="str">
        <f t="shared" si="285"/>
        <v/>
      </c>
      <c r="BV459" s="203" t="str">
        <f t="shared" si="286"/>
        <v/>
      </c>
      <c r="BW459" s="203" t="str">
        <f t="shared" si="287"/>
        <v/>
      </c>
      <c r="BX459" s="203" t="str">
        <f t="shared" si="288"/>
        <v/>
      </c>
      <c r="BY459" s="203" t="str">
        <f t="shared" si="289"/>
        <v/>
      </c>
      <c r="BZ459" s="203" t="str">
        <f t="shared" si="290"/>
        <v/>
      </c>
      <c r="CA459" s="203" t="str">
        <f t="shared" si="291"/>
        <v/>
      </c>
      <c r="CB459" s="203" t="str">
        <f t="shared" si="292"/>
        <v/>
      </c>
      <c r="CC459" s="203" t="str">
        <f t="shared" si="293"/>
        <v/>
      </c>
      <c r="CD459" s="200"/>
      <c r="CE459" s="200"/>
      <c r="CF459" s="200"/>
    </row>
    <row r="460" spans="1:84" s="211" customFormat="1" ht="56.1" hidden="1" customHeight="1" x14ac:dyDescent="0.2">
      <c r="A460" s="198">
        <v>460</v>
      </c>
      <c r="B460" s="199" t="s">
        <v>53</v>
      </c>
      <c r="C460" s="208" t="s">
        <v>515</v>
      </c>
      <c r="D460" s="200" t="s">
        <v>521</v>
      </c>
      <c r="E460" s="200" t="s">
        <v>522</v>
      </c>
      <c r="F460" s="200" t="s">
        <v>522</v>
      </c>
      <c r="G460" s="200" t="s">
        <v>58</v>
      </c>
      <c r="H460" s="200" t="s">
        <v>325</v>
      </c>
      <c r="I460" s="212" t="s">
        <v>81</v>
      </c>
      <c r="J460" s="200" t="s">
        <v>334</v>
      </c>
      <c r="K460" s="200" t="s">
        <v>187</v>
      </c>
      <c r="L460" s="200" t="s">
        <v>63</v>
      </c>
      <c r="M460" s="200" t="s">
        <v>63</v>
      </c>
      <c r="N460" s="201">
        <v>534454.272</v>
      </c>
      <c r="O460" s="201">
        <v>534454.272</v>
      </c>
      <c r="P460" s="200" t="s">
        <v>64</v>
      </c>
      <c r="Q460" s="200" t="s">
        <v>82</v>
      </c>
      <c r="R460" s="210"/>
      <c r="S460" s="210"/>
      <c r="T460" s="210"/>
      <c r="U460" s="210"/>
      <c r="V460" s="210"/>
      <c r="W460" s="203" t="s">
        <v>66</v>
      </c>
      <c r="X460" s="210"/>
      <c r="Y460" s="210"/>
      <c r="Z460" s="210"/>
      <c r="AA460" s="210"/>
      <c r="AB460" s="210"/>
      <c r="AC460" s="210"/>
      <c r="AD460" s="210"/>
      <c r="AE460" s="210"/>
      <c r="AF460" s="210"/>
      <c r="AG460" s="210"/>
      <c r="AH460" s="210"/>
      <c r="AI460" s="210"/>
      <c r="AJ460" s="210"/>
      <c r="AK460" s="210"/>
      <c r="AL460" s="210"/>
      <c r="AM460" s="210"/>
      <c r="AN460" s="210"/>
      <c r="AO460" s="210"/>
      <c r="AP460" s="210"/>
      <c r="AQ460" s="210"/>
      <c r="AR460" s="210"/>
      <c r="AS460" s="210"/>
      <c r="AT460" s="210"/>
      <c r="AU460" s="210"/>
      <c r="AV460" s="210"/>
      <c r="AW460" s="204">
        <f t="shared" si="261"/>
        <v>480</v>
      </c>
      <c r="AX460" s="205">
        <f t="shared" si="294"/>
        <v>1113.4464</v>
      </c>
      <c r="AY460" s="203" t="str">
        <f t="shared" si="263"/>
        <v/>
      </c>
      <c r="AZ460" s="203" t="str">
        <f t="shared" si="264"/>
        <v/>
      </c>
      <c r="BA460" s="203" t="str">
        <f t="shared" si="265"/>
        <v/>
      </c>
      <c r="BB460" s="203" t="str">
        <f t="shared" si="266"/>
        <v/>
      </c>
      <c r="BC460" s="203" t="str">
        <f t="shared" si="267"/>
        <v/>
      </c>
      <c r="BD460" s="203">
        <f t="shared" si="268"/>
        <v>534454.272</v>
      </c>
      <c r="BE460" s="203" t="str">
        <f t="shared" si="269"/>
        <v/>
      </c>
      <c r="BF460" s="203" t="str">
        <f t="shared" si="270"/>
        <v/>
      </c>
      <c r="BG460" s="203" t="str">
        <f t="shared" si="271"/>
        <v/>
      </c>
      <c r="BH460" s="203" t="str">
        <f t="shared" si="272"/>
        <v/>
      </c>
      <c r="BI460" s="203" t="str">
        <f t="shared" si="273"/>
        <v/>
      </c>
      <c r="BJ460" s="203" t="str">
        <f t="shared" si="274"/>
        <v/>
      </c>
      <c r="BK460" s="203" t="str">
        <f t="shared" si="275"/>
        <v/>
      </c>
      <c r="BL460" s="203" t="str">
        <f t="shared" si="276"/>
        <v/>
      </c>
      <c r="BM460" s="203" t="str">
        <f t="shared" si="277"/>
        <v/>
      </c>
      <c r="BN460" s="203" t="str">
        <f t="shared" si="278"/>
        <v/>
      </c>
      <c r="BO460" s="203" t="str">
        <f t="shared" si="279"/>
        <v/>
      </c>
      <c r="BP460" s="203" t="str">
        <f t="shared" si="280"/>
        <v/>
      </c>
      <c r="BQ460" s="203" t="str">
        <f t="shared" si="281"/>
        <v/>
      </c>
      <c r="BR460" s="203" t="str">
        <f t="shared" si="282"/>
        <v/>
      </c>
      <c r="BS460" s="203" t="str">
        <f t="shared" si="283"/>
        <v/>
      </c>
      <c r="BT460" s="203" t="str">
        <f t="shared" si="284"/>
        <v/>
      </c>
      <c r="BU460" s="203" t="str">
        <f t="shared" si="285"/>
        <v/>
      </c>
      <c r="BV460" s="203" t="str">
        <f t="shared" si="286"/>
        <v/>
      </c>
      <c r="BW460" s="203" t="str">
        <f t="shared" si="287"/>
        <v/>
      </c>
      <c r="BX460" s="203" t="str">
        <f t="shared" si="288"/>
        <v/>
      </c>
      <c r="BY460" s="203" t="str">
        <f t="shared" si="289"/>
        <v/>
      </c>
      <c r="BZ460" s="203" t="str">
        <f t="shared" si="290"/>
        <v/>
      </c>
      <c r="CA460" s="203" t="str">
        <f t="shared" si="291"/>
        <v/>
      </c>
      <c r="CB460" s="203" t="str">
        <f t="shared" si="292"/>
        <v/>
      </c>
      <c r="CC460" s="203" t="str">
        <f t="shared" si="293"/>
        <v/>
      </c>
      <c r="CD460" s="200"/>
      <c r="CE460" s="200"/>
      <c r="CF460" s="200"/>
    </row>
    <row r="461" spans="1:84" s="211" customFormat="1" ht="56.1" hidden="1" customHeight="1" x14ac:dyDescent="0.2">
      <c r="A461" s="198">
        <v>461</v>
      </c>
      <c r="B461" s="199" t="s">
        <v>53</v>
      </c>
      <c r="C461" s="208" t="s">
        <v>515</v>
      </c>
      <c r="D461" s="200" t="s">
        <v>523</v>
      </c>
      <c r="E461" s="200" t="s">
        <v>552</v>
      </c>
      <c r="F461" s="200" t="s">
        <v>566</v>
      </c>
      <c r="G461" s="200" t="s">
        <v>58</v>
      </c>
      <c r="H461" s="200" t="s">
        <v>325</v>
      </c>
      <c r="I461" s="200" t="s">
        <v>388</v>
      </c>
      <c r="J461" s="200" t="s">
        <v>525</v>
      </c>
      <c r="K461" s="200" t="s">
        <v>187</v>
      </c>
      <c r="L461" s="200" t="s">
        <v>63</v>
      </c>
      <c r="M461" s="200" t="s">
        <v>63</v>
      </c>
      <c r="N461" s="201">
        <v>43494</v>
      </c>
      <c r="O461" s="201">
        <v>43494</v>
      </c>
      <c r="P461" s="200" t="s">
        <v>64</v>
      </c>
      <c r="Q461" s="200" t="s">
        <v>82</v>
      </c>
      <c r="R461" s="210"/>
      <c r="S461" s="210"/>
      <c r="T461" s="210"/>
      <c r="U461" s="210"/>
      <c r="V461" s="210"/>
      <c r="W461" s="203" t="s">
        <v>66</v>
      </c>
      <c r="X461" s="210"/>
      <c r="Y461" s="210"/>
      <c r="Z461" s="210"/>
      <c r="AA461" s="210"/>
      <c r="AB461" s="210"/>
      <c r="AC461" s="210"/>
      <c r="AD461" s="210"/>
      <c r="AE461" s="210"/>
      <c r="AF461" s="210"/>
      <c r="AG461" s="210"/>
      <c r="AH461" s="210"/>
      <c r="AI461" s="210"/>
      <c r="AJ461" s="210"/>
      <c r="AK461" s="210"/>
      <c r="AL461" s="210"/>
      <c r="AM461" s="210"/>
      <c r="AN461" s="210"/>
      <c r="AO461" s="210"/>
      <c r="AP461" s="210"/>
      <c r="AQ461" s="210"/>
      <c r="AR461" s="210"/>
      <c r="AS461" s="210"/>
      <c r="AT461" s="210"/>
      <c r="AU461" s="210"/>
      <c r="AV461" s="210"/>
      <c r="AW461" s="204">
        <f t="shared" si="261"/>
        <v>480</v>
      </c>
      <c r="AX461" s="205">
        <f t="shared" si="294"/>
        <v>90.612499999999997</v>
      </c>
      <c r="AY461" s="203" t="str">
        <f t="shared" si="263"/>
        <v/>
      </c>
      <c r="AZ461" s="203" t="str">
        <f t="shared" si="264"/>
        <v/>
      </c>
      <c r="BA461" s="203" t="str">
        <f t="shared" si="265"/>
        <v/>
      </c>
      <c r="BB461" s="203" t="str">
        <f t="shared" si="266"/>
        <v/>
      </c>
      <c r="BC461" s="203" t="str">
        <f t="shared" si="267"/>
        <v/>
      </c>
      <c r="BD461" s="203">
        <f t="shared" si="268"/>
        <v>43494</v>
      </c>
      <c r="BE461" s="203" t="str">
        <f t="shared" si="269"/>
        <v/>
      </c>
      <c r="BF461" s="203" t="str">
        <f t="shared" si="270"/>
        <v/>
      </c>
      <c r="BG461" s="203" t="str">
        <f t="shared" si="271"/>
        <v/>
      </c>
      <c r="BH461" s="203" t="str">
        <f t="shared" si="272"/>
        <v/>
      </c>
      <c r="BI461" s="203" t="str">
        <f t="shared" si="273"/>
        <v/>
      </c>
      <c r="BJ461" s="203" t="str">
        <f t="shared" si="274"/>
        <v/>
      </c>
      <c r="BK461" s="203" t="str">
        <f t="shared" si="275"/>
        <v/>
      </c>
      <c r="BL461" s="203" t="str">
        <f t="shared" si="276"/>
        <v/>
      </c>
      <c r="BM461" s="203" t="str">
        <f t="shared" si="277"/>
        <v/>
      </c>
      <c r="BN461" s="203" t="str">
        <f t="shared" si="278"/>
        <v/>
      </c>
      <c r="BO461" s="203" t="str">
        <f t="shared" si="279"/>
        <v/>
      </c>
      <c r="BP461" s="203" t="str">
        <f t="shared" si="280"/>
        <v/>
      </c>
      <c r="BQ461" s="203" t="str">
        <f t="shared" si="281"/>
        <v/>
      </c>
      <c r="BR461" s="203" t="str">
        <f t="shared" si="282"/>
        <v/>
      </c>
      <c r="BS461" s="203" t="str">
        <f t="shared" si="283"/>
        <v/>
      </c>
      <c r="BT461" s="203" t="str">
        <f t="shared" si="284"/>
        <v/>
      </c>
      <c r="BU461" s="203" t="str">
        <f t="shared" si="285"/>
        <v/>
      </c>
      <c r="BV461" s="203" t="str">
        <f t="shared" si="286"/>
        <v/>
      </c>
      <c r="BW461" s="203" t="str">
        <f t="shared" si="287"/>
        <v/>
      </c>
      <c r="BX461" s="203" t="str">
        <f t="shared" si="288"/>
        <v/>
      </c>
      <c r="BY461" s="203" t="str">
        <f t="shared" si="289"/>
        <v/>
      </c>
      <c r="BZ461" s="203" t="str">
        <f t="shared" si="290"/>
        <v/>
      </c>
      <c r="CA461" s="203" t="str">
        <f t="shared" si="291"/>
        <v/>
      </c>
      <c r="CB461" s="203" t="str">
        <f t="shared" si="292"/>
        <v/>
      </c>
      <c r="CC461" s="203" t="str">
        <f t="shared" si="293"/>
        <v/>
      </c>
      <c r="CD461" s="200"/>
      <c r="CE461" s="200"/>
      <c r="CF461" s="200"/>
    </row>
    <row r="462" spans="1:84" s="211" customFormat="1" ht="56.1" hidden="1" customHeight="1" x14ac:dyDescent="0.2">
      <c r="A462" s="198">
        <v>462</v>
      </c>
      <c r="B462" s="199" t="s">
        <v>53</v>
      </c>
      <c r="C462" s="208" t="s">
        <v>515</v>
      </c>
      <c r="D462" s="200" t="s">
        <v>539</v>
      </c>
      <c r="E462" s="200" t="s">
        <v>567</v>
      </c>
      <c r="F462" s="200" t="s">
        <v>553</v>
      </c>
      <c r="G462" s="200" t="s">
        <v>58</v>
      </c>
      <c r="H462" s="200" t="s">
        <v>325</v>
      </c>
      <c r="I462" s="200" t="s">
        <v>388</v>
      </c>
      <c r="J462" s="200" t="s">
        <v>525</v>
      </c>
      <c r="K462" s="200" t="s">
        <v>187</v>
      </c>
      <c r="L462" s="200" t="s">
        <v>63</v>
      </c>
      <c r="M462" s="200" t="s">
        <v>63</v>
      </c>
      <c r="N462" s="201">
        <v>58173.793103448275</v>
      </c>
      <c r="O462" s="201">
        <v>58173.793103448275</v>
      </c>
      <c r="P462" s="200" t="s">
        <v>64</v>
      </c>
      <c r="Q462" s="200" t="s">
        <v>82</v>
      </c>
      <c r="R462" s="210"/>
      <c r="S462" s="210"/>
      <c r="T462" s="210"/>
      <c r="U462" s="210"/>
      <c r="V462" s="210"/>
      <c r="W462" s="203" t="s">
        <v>66</v>
      </c>
      <c r="X462" s="210"/>
      <c r="Y462" s="210"/>
      <c r="Z462" s="210"/>
      <c r="AA462" s="210"/>
      <c r="AB462" s="210"/>
      <c r="AC462" s="210"/>
      <c r="AD462" s="210"/>
      <c r="AE462" s="210"/>
      <c r="AF462" s="210"/>
      <c r="AG462" s="210"/>
      <c r="AH462" s="210"/>
      <c r="AI462" s="210"/>
      <c r="AJ462" s="210"/>
      <c r="AK462" s="210"/>
      <c r="AL462" s="210"/>
      <c r="AM462" s="210"/>
      <c r="AN462" s="210"/>
      <c r="AO462" s="210"/>
      <c r="AP462" s="210"/>
      <c r="AQ462" s="210"/>
      <c r="AR462" s="210"/>
      <c r="AS462" s="210"/>
      <c r="AT462" s="210"/>
      <c r="AU462" s="210"/>
      <c r="AV462" s="210"/>
      <c r="AW462" s="204">
        <f t="shared" si="261"/>
        <v>480</v>
      </c>
      <c r="AX462" s="205">
        <f t="shared" si="294"/>
        <v>121.19540229885057</v>
      </c>
      <c r="AY462" s="203" t="str">
        <f t="shared" si="263"/>
        <v/>
      </c>
      <c r="AZ462" s="203" t="str">
        <f t="shared" si="264"/>
        <v/>
      </c>
      <c r="BA462" s="203" t="str">
        <f t="shared" si="265"/>
        <v/>
      </c>
      <c r="BB462" s="203" t="str">
        <f t="shared" si="266"/>
        <v/>
      </c>
      <c r="BC462" s="203" t="str">
        <f t="shared" si="267"/>
        <v/>
      </c>
      <c r="BD462" s="203">
        <f t="shared" si="268"/>
        <v>58173.793103448275</v>
      </c>
      <c r="BE462" s="203" t="str">
        <f t="shared" si="269"/>
        <v/>
      </c>
      <c r="BF462" s="203" t="str">
        <f t="shared" si="270"/>
        <v/>
      </c>
      <c r="BG462" s="203" t="str">
        <f t="shared" si="271"/>
        <v/>
      </c>
      <c r="BH462" s="203" t="str">
        <f t="shared" si="272"/>
        <v/>
      </c>
      <c r="BI462" s="203" t="str">
        <f t="shared" si="273"/>
        <v/>
      </c>
      <c r="BJ462" s="203" t="str">
        <f t="shared" si="274"/>
        <v/>
      </c>
      <c r="BK462" s="203" t="str">
        <f t="shared" si="275"/>
        <v/>
      </c>
      <c r="BL462" s="203" t="str">
        <f t="shared" si="276"/>
        <v/>
      </c>
      <c r="BM462" s="203" t="str">
        <f t="shared" si="277"/>
        <v/>
      </c>
      <c r="BN462" s="203" t="str">
        <f t="shared" si="278"/>
        <v/>
      </c>
      <c r="BO462" s="203" t="str">
        <f t="shared" si="279"/>
        <v/>
      </c>
      <c r="BP462" s="203" t="str">
        <f t="shared" si="280"/>
        <v/>
      </c>
      <c r="BQ462" s="203" t="str">
        <f t="shared" si="281"/>
        <v/>
      </c>
      <c r="BR462" s="203" t="str">
        <f t="shared" si="282"/>
        <v/>
      </c>
      <c r="BS462" s="203" t="str">
        <f t="shared" si="283"/>
        <v/>
      </c>
      <c r="BT462" s="203" t="str">
        <f t="shared" si="284"/>
        <v/>
      </c>
      <c r="BU462" s="203" t="str">
        <f t="shared" si="285"/>
        <v/>
      </c>
      <c r="BV462" s="203" t="str">
        <f t="shared" si="286"/>
        <v/>
      </c>
      <c r="BW462" s="203" t="str">
        <f t="shared" si="287"/>
        <v/>
      </c>
      <c r="BX462" s="203" t="str">
        <f t="shared" si="288"/>
        <v/>
      </c>
      <c r="BY462" s="203" t="str">
        <f t="shared" si="289"/>
        <v/>
      </c>
      <c r="BZ462" s="203" t="str">
        <f t="shared" si="290"/>
        <v/>
      </c>
      <c r="CA462" s="203" t="str">
        <f t="shared" si="291"/>
        <v/>
      </c>
      <c r="CB462" s="203" t="str">
        <f t="shared" si="292"/>
        <v/>
      </c>
      <c r="CC462" s="203" t="str">
        <f t="shared" si="293"/>
        <v/>
      </c>
      <c r="CD462" s="200"/>
      <c r="CE462" s="200"/>
      <c r="CF462" s="200"/>
    </row>
    <row r="463" spans="1:84" s="211" customFormat="1" ht="56.1" hidden="1" customHeight="1" x14ac:dyDescent="0.2">
      <c r="A463" s="198">
        <v>463</v>
      </c>
      <c r="B463" s="199" t="s">
        <v>53</v>
      </c>
      <c r="C463" s="208" t="s">
        <v>515</v>
      </c>
      <c r="D463" s="200" t="s">
        <v>528</v>
      </c>
      <c r="E463" s="200" t="s">
        <v>568</v>
      </c>
      <c r="F463" s="200" t="s">
        <v>568</v>
      </c>
      <c r="G463" s="200" t="s">
        <v>58</v>
      </c>
      <c r="H463" s="200" t="s">
        <v>325</v>
      </c>
      <c r="I463" s="225" t="s">
        <v>551</v>
      </c>
      <c r="J463" s="200" t="s">
        <v>525</v>
      </c>
      <c r="K463" s="200" t="s">
        <v>187</v>
      </c>
      <c r="L463" s="200" t="s">
        <v>63</v>
      </c>
      <c r="M463" s="200" t="s">
        <v>63</v>
      </c>
      <c r="N463" s="201">
        <v>101804.13793103448</v>
      </c>
      <c r="O463" s="201">
        <v>101804.13793103448</v>
      </c>
      <c r="P463" s="200" t="s">
        <v>64</v>
      </c>
      <c r="Q463" s="200" t="s">
        <v>82</v>
      </c>
      <c r="R463" s="210"/>
      <c r="S463" s="210"/>
      <c r="T463" s="210"/>
      <c r="U463" s="210"/>
      <c r="V463" s="210"/>
      <c r="W463" s="203" t="s">
        <v>66</v>
      </c>
      <c r="X463" s="210"/>
      <c r="Y463" s="210"/>
      <c r="Z463" s="210"/>
      <c r="AA463" s="210"/>
      <c r="AB463" s="210"/>
      <c r="AC463" s="210"/>
      <c r="AD463" s="210"/>
      <c r="AE463" s="210"/>
      <c r="AF463" s="210"/>
      <c r="AG463" s="210"/>
      <c r="AH463" s="210"/>
      <c r="AI463" s="210"/>
      <c r="AJ463" s="210"/>
      <c r="AK463" s="210"/>
      <c r="AL463" s="210"/>
      <c r="AM463" s="210"/>
      <c r="AN463" s="210"/>
      <c r="AO463" s="210"/>
      <c r="AP463" s="210"/>
      <c r="AQ463" s="210"/>
      <c r="AR463" s="210"/>
      <c r="AS463" s="210"/>
      <c r="AT463" s="210"/>
      <c r="AU463" s="210"/>
      <c r="AV463" s="210"/>
      <c r="AW463" s="204">
        <f t="shared" si="261"/>
        <v>480</v>
      </c>
      <c r="AX463" s="205">
        <f t="shared" si="294"/>
        <v>212.09195402298849</v>
      </c>
      <c r="AY463" s="203" t="str">
        <f t="shared" si="263"/>
        <v/>
      </c>
      <c r="AZ463" s="203" t="str">
        <f t="shared" si="264"/>
        <v/>
      </c>
      <c r="BA463" s="203" t="str">
        <f t="shared" si="265"/>
        <v/>
      </c>
      <c r="BB463" s="203" t="str">
        <f t="shared" si="266"/>
        <v/>
      </c>
      <c r="BC463" s="203" t="str">
        <f t="shared" si="267"/>
        <v/>
      </c>
      <c r="BD463" s="203">
        <f t="shared" si="268"/>
        <v>101804.13793103448</v>
      </c>
      <c r="BE463" s="203" t="str">
        <f t="shared" si="269"/>
        <v/>
      </c>
      <c r="BF463" s="203" t="str">
        <f t="shared" si="270"/>
        <v/>
      </c>
      <c r="BG463" s="203" t="str">
        <f t="shared" si="271"/>
        <v/>
      </c>
      <c r="BH463" s="203" t="str">
        <f t="shared" si="272"/>
        <v/>
      </c>
      <c r="BI463" s="203" t="str">
        <f t="shared" si="273"/>
        <v/>
      </c>
      <c r="BJ463" s="203" t="str">
        <f t="shared" si="274"/>
        <v/>
      </c>
      <c r="BK463" s="203" t="str">
        <f t="shared" si="275"/>
        <v/>
      </c>
      <c r="BL463" s="203" t="str">
        <f t="shared" si="276"/>
        <v/>
      </c>
      <c r="BM463" s="203" t="str">
        <f t="shared" si="277"/>
        <v/>
      </c>
      <c r="BN463" s="203" t="str">
        <f t="shared" si="278"/>
        <v/>
      </c>
      <c r="BO463" s="203" t="str">
        <f t="shared" si="279"/>
        <v/>
      </c>
      <c r="BP463" s="203" t="str">
        <f t="shared" si="280"/>
        <v/>
      </c>
      <c r="BQ463" s="203" t="str">
        <f t="shared" si="281"/>
        <v/>
      </c>
      <c r="BR463" s="203" t="str">
        <f t="shared" si="282"/>
        <v/>
      </c>
      <c r="BS463" s="203" t="str">
        <f t="shared" si="283"/>
        <v/>
      </c>
      <c r="BT463" s="203" t="str">
        <f t="shared" si="284"/>
        <v/>
      </c>
      <c r="BU463" s="203" t="str">
        <f t="shared" si="285"/>
        <v/>
      </c>
      <c r="BV463" s="203" t="str">
        <f t="shared" si="286"/>
        <v/>
      </c>
      <c r="BW463" s="203" t="str">
        <f t="shared" si="287"/>
        <v/>
      </c>
      <c r="BX463" s="203" t="str">
        <f t="shared" si="288"/>
        <v/>
      </c>
      <c r="BY463" s="203" t="str">
        <f t="shared" si="289"/>
        <v/>
      </c>
      <c r="BZ463" s="203" t="str">
        <f t="shared" si="290"/>
        <v/>
      </c>
      <c r="CA463" s="203" t="str">
        <f t="shared" si="291"/>
        <v/>
      </c>
      <c r="CB463" s="203" t="str">
        <f t="shared" si="292"/>
        <v/>
      </c>
      <c r="CC463" s="203" t="str">
        <f t="shared" si="293"/>
        <v/>
      </c>
      <c r="CD463" s="200"/>
      <c r="CE463" s="200"/>
      <c r="CF463" s="200"/>
    </row>
    <row r="464" spans="1:84" s="211" customFormat="1" ht="56.1" hidden="1" customHeight="1" x14ac:dyDescent="0.2">
      <c r="A464" s="198">
        <v>464</v>
      </c>
      <c r="B464" s="199" t="s">
        <v>53</v>
      </c>
      <c r="C464" s="208" t="s">
        <v>515</v>
      </c>
      <c r="D464" s="200" t="s">
        <v>530</v>
      </c>
      <c r="E464" s="200" t="s">
        <v>532</v>
      </c>
      <c r="F464" s="200" t="s">
        <v>532</v>
      </c>
      <c r="G464" s="200" t="s">
        <v>58</v>
      </c>
      <c r="H464" s="200" t="s">
        <v>325</v>
      </c>
      <c r="I464" s="200" t="s">
        <v>8</v>
      </c>
      <c r="J464" s="200" t="s">
        <v>525</v>
      </c>
      <c r="K464" s="200" t="s">
        <v>187</v>
      </c>
      <c r="L464" s="200" t="s">
        <v>63</v>
      </c>
      <c r="M464" s="200" t="s">
        <v>63</v>
      </c>
      <c r="N464" s="201">
        <v>0</v>
      </c>
      <c r="O464" s="201">
        <v>0</v>
      </c>
      <c r="P464" s="200" t="s">
        <v>64</v>
      </c>
      <c r="Q464" s="200" t="s">
        <v>82</v>
      </c>
      <c r="R464" s="210"/>
      <c r="S464" s="210"/>
      <c r="T464" s="210"/>
      <c r="U464" s="210"/>
      <c r="V464" s="210"/>
      <c r="W464" s="203" t="s">
        <v>66</v>
      </c>
      <c r="X464" s="210"/>
      <c r="Y464" s="210"/>
      <c r="Z464" s="210"/>
      <c r="AA464" s="210"/>
      <c r="AB464" s="210"/>
      <c r="AC464" s="210"/>
      <c r="AD464" s="210"/>
      <c r="AE464" s="210"/>
      <c r="AF464" s="210"/>
      <c r="AG464" s="210"/>
      <c r="AH464" s="210"/>
      <c r="AI464" s="210"/>
      <c r="AJ464" s="210"/>
      <c r="AK464" s="210"/>
      <c r="AL464" s="210"/>
      <c r="AM464" s="210"/>
      <c r="AN464" s="210"/>
      <c r="AO464" s="210"/>
      <c r="AP464" s="210"/>
      <c r="AQ464" s="210"/>
      <c r="AR464" s="210"/>
      <c r="AS464" s="210"/>
      <c r="AT464" s="210"/>
      <c r="AU464" s="210"/>
      <c r="AV464" s="210"/>
      <c r="AW464" s="204">
        <f t="shared" si="261"/>
        <v>480</v>
      </c>
      <c r="AX464" s="205"/>
      <c r="AY464" s="203" t="str">
        <f t="shared" si="263"/>
        <v/>
      </c>
      <c r="AZ464" s="203" t="str">
        <f t="shared" si="264"/>
        <v/>
      </c>
      <c r="BA464" s="203" t="str">
        <f t="shared" si="265"/>
        <v/>
      </c>
      <c r="BB464" s="203" t="str">
        <f t="shared" si="266"/>
        <v/>
      </c>
      <c r="BC464" s="203" t="str">
        <f t="shared" si="267"/>
        <v/>
      </c>
      <c r="BD464" s="203">
        <f t="shared" si="268"/>
        <v>0</v>
      </c>
      <c r="BE464" s="203" t="str">
        <f t="shared" si="269"/>
        <v/>
      </c>
      <c r="BF464" s="203" t="str">
        <f t="shared" si="270"/>
        <v/>
      </c>
      <c r="BG464" s="203" t="str">
        <f t="shared" si="271"/>
        <v/>
      </c>
      <c r="BH464" s="203" t="str">
        <f t="shared" si="272"/>
        <v/>
      </c>
      <c r="BI464" s="203" t="str">
        <f t="shared" si="273"/>
        <v/>
      </c>
      <c r="BJ464" s="203" t="str">
        <f t="shared" si="274"/>
        <v/>
      </c>
      <c r="BK464" s="203" t="str">
        <f t="shared" si="275"/>
        <v/>
      </c>
      <c r="BL464" s="203" t="str">
        <f t="shared" si="276"/>
        <v/>
      </c>
      <c r="BM464" s="203" t="str">
        <f t="shared" si="277"/>
        <v/>
      </c>
      <c r="BN464" s="203" t="str">
        <f t="shared" si="278"/>
        <v/>
      </c>
      <c r="BO464" s="203" t="str">
        <f t="shared" si="279"/>
        <v/>
      </c>
      <c r="BP464" s="203" t="str">
        <f t="shared" si="280"/>
        <v/>
      </c>
      <c r="BQ464" s="203" t="str">
        <f t="shared" si="281"/>
        <v/>
      </c>
      <c r="BR464" s="203" t="str">
        <f t="shared" si="282"/>
        <v/>
      </c>
      <c r="BS464" s="203" t="str">
        <f t="shared" si="283"/>
        <v/>
      </c>
      <c r="BT464" s="203" t="str">
        <f t="shared" si="284"/>
        <v/>
      </c>
      <c r="BU464" s="203" t="str">
        <f t="shared" si="285"/>
        <v/>
      </c>
      <c r="BV464" s="203" t="str">
        <f t="shared" si="286"/>
        <v/>
      </c>
      <c r="BW464" s="203" t="str">
        <f t="shared" si="287"/>
        <v/>
      </c>
      <c r="BX464" s="203" t="str">
        <f t="shared" si="288"/>
        <v/>
      </c>
      <c r="BY464" s="203" t="str">
        <f t="shared" si="289"/>
        <v/>
      </c>
      <c r="BZ464" s="203" t="str">
        <f t="shared" si="290"/>
        <v/>
      </c>
      <c r="CA464" s="203" t="str">
        <f t="shared" si="291"/>
        <v/>
      </c>
      <c r="CB464" s="203" t="str">
        <f t="shared" si="292"/>
        <v/>
      </c>
      <c r="CC464" s="203" t="str">
        <f t="shared" si="293"/>
        <v/>
      </c>
      <c r="CD464" s="200"/>
      <c r="CE464" s="200"/>
      <c r="CF464" s="200"/>
    </row>
    <row r="465" spans="1:84" s="211" customFormat="1" ht="56.1" hidden="1" customHeight="1" x14ac:dyDescent="0.2">
      <c r="A465" s="198">
        <v>465</v>
      </c>
      <c r="B465" s="199" t="s">
        <v>53</v>
      </c>
      <c r="C465" s="208" t="s">
        <v>515</v>
      </c>
      <c r="D465" s="200" t="s">
        <v>533</v>
      </c>
      <c r="E465" s="200" t="s">
        <v>534</v>
      </c>
      <c r="F465" s="200" t="s">
        <v>534</v>
      </c>
      <c r="G465" s="200" t="s">
        <v>58</v>
      </c>
      <c r="H465" s="200" t="s">
        <v>325</v>
      </c>
      <c r="I465" s="200" t="s">
        <v>81</v>
      </c>
      <c r="J465" s="200" t="s">
        <v>334</v>
      </c>
      <c r="K465" s="200" t="s">
        <v>187</v>
      </c>
      <c r="L465" s="200" t="s">
        <v>63</v>
      </c>
      <c r="M465" s="200" t="s">
        <v>63</v>
      </c>
      <c r="N465" s="201">
        <v>85406.399999999994</v>
      </c>
      <c r="O465" s="201">
        <v>85406.399999999994</v>
      </c>
      <c r="P465" s="200" t="s">
        <v>64</v>
      </c>
      <c r="Q465" s="200" t="s">
        <v>82</v>
      </c>
      <c r="R465" s="210"/>
      <c r="S465" s="210"/>
      <c r="T465" s="210"/>
      <c r="U465" s="210"/>
      <c r="V465" s="210"/>
      <c r="W465" s="203" t="s">
        <v>66</v>
      </c>
      <c r="X465" s="210"/>
      <c r="Y465" s="210"/>
      <c r="Z465" s="210"/>
      <c r="AA465" s="210"/>
      <c r="AB465" s="210"/>
      <c r="AC465" s="210"/>
      <c r="AD465" s="210"/>
      <c r="AE465" s="210"/>
      <c r="AF465" s="210"/>
      <c r="AG465" s="210"/>
      <c r="AH465" s="210"/>
      <c r="AI465" s="210"/>
      <c r="AJ465" s="210"/>
      <c r="AK465" s="210"/>
      <c r="AL465" s="210"/>
      <c r="AM465" s="210"/>
      <c r="AN465" s="210"/>
      <c r="AO465" s="210"/>
      <c r="AP465" s="210"/>
      <c r="AQ465" s="210"/>
      <c r="AR465" s="210"/>
      <c r="AS465" s="210"/>
      <c r="AT465" s="210"/>
      <c r="AU465" s="210"/>
      <c r="AV465" s="210"/>
      <c r="AW465" s="204">
        <f t="shared" si="261"/>
        <v>480</v>
      </c>
      <c r="AX465" s="205">
        <f t="shared" ref="AX465:AX479" si="295">O465/AW465</f>
        <v>177.92999999999998</v>
      </c>
      <c r="AY465" s="203" t="str">
        <f t="shared" si="263"/>
        <v/>
      </c>
      <c r="AZ465" s="203" t="str">
        <f t="shared" si="264"/>
        <v/>
      </c>
      <c r="BA465" s="203" t="str">
        <f t="shared" si="265"/>
        <v/>
      </c>
      <c r="BB465" s="203" t="str">
        <f t="shared" si="266"/>
        <v/>
      </c>
      <c r="BC465" s="203" t="str">
        <f t="shared" si="267"/>
        <v/>
      </c>
      <c r="BD465" s="203">
        <f t="shared" si="268"/>
        <v>85406.399999999994</v>
      </c>
      <c r="BE465" s="203" t="str">
        <f t="shared" si="269"/>
        <v/>
      </c>
      <c r="BF465" s="203" t="str">
        <f t="shared" si="270"/>
        <v/>
      </c>
      <c r="BG465" s="203" t="str">
        <f t="shared" si="271"/>
        <v/>
      </c>
      <c r="BH465" s="203" t="str">
        <f t="shared" si="272"/>
        <v/>
      </c>
      <c r="BI465" s="203" t="str">
        <f t="shared" si="273"/>
        <v/>
      </c>
      <c r="BJ465" s="203" t="str">
        <f t="shared" si="274"/>
        <v/>
      </c>
      <c r="BK465" s="203" t="str">
        <f t="shared" si="275"/>
        <v/>
      </c>
      <c r="BL465" s="203" t="str">
        <f t="shared" si="276"/>
        <v/>
      </c>
      <c r="BM465" s="203" t="str">
        <f t="shared" si="277"/>
        <v/>
      </c>
      <c r="BN465" s="203" t="str">
        <f t="shared" si="278"/>
        <v/>
      </c>
      <c r="BO465" s="203" t="str">
        <f t="shared" si="279"/>
        <v/>
      </c>
      <c r="BP465" s="203" t="str">
        <f t="shared" si="280"/>
        <v/>
      </c>
      <c r="BQ465" s="203" t="str">
        <f t="shared" si="281"/>
        <v/>
      </c>
      <c r="BR465" s="203" t="str">
        <f t="shared" si="282"/>
        <v/>
      </c>
      <c r="BS465" s="203" t="str">
        <f t="shared" si="283"/>
        <v/>
      </c>
      <c r="BT465" s="203" t="str">
        <f t="shared" si="284"/>
        <v/>
      </c>
      <c r="BU465" s="203" t="str">
        <f t="shared" si="285"/>
        <v/>
      </c>
      <c r="BV465" s="203" t="str">
        <f t="shared" si="286"/>
        <v/>
      </c>
      <c r="BW465" s="203" t="str">
        <f t="shared" si="287"/>
        <v/>
      </c>
      <c r="BX465" s="203" t="str">
        <f t="shared" si="288"/>
        <v/>
      </c>
      <c r="BY465" s="203" t="str">
        <f t="shared" si="289"/>
        <v/>
      </c>
      <c r="BZ465" s="203" t="str">
        <f t="shared" si="290"/>
        <v/>
      </c>
      <c r="CA465" s="203" t="str">
        <f t="shared" si="291"/>
        <v/>
      </c>
      <c r="CB465" s="203" t="str">
        <f t="shared" si="292"/>
        <v/>
      </c>
      <c r="CC465" s="203" t="str">
        <f t="shared" si="293"/>
        <v/>
      </c>
      <c r="CD465" s="200"/>
      <c r="CE465" s="200"/>
      <c r="CF465" s="200"/>
    </row>
    <row r="466" spans="1:84" s="168" customFormat="1" ht="56.1" hidden="1" customHeight="1" x14ac:dyDescent="0.2">
      <c r="A466" s="154">
        <v>466</v>
      </c>
      <c r="B466" s="155" t="s">
        <v>53</v>
      </c>
      <c r="C466" s="165" t="s">
        <v>515</v>
      </c>
      <c r="D466" s="156" t="s">
        <v>548</v>
      </c>
      <c r="E466" s="156" t="s">
        <v>536</v>
      </c>
      <c r="F466" s="156" t="s">
        <v>536</v>
      </c>
      <c r="G466" s="156" t="s">
        <v>58</v>
      </c>
      <c r="H466" s="156" t="s">
        <v>207</v>
      </c>
      <c r="I466" s="169" t="s">
        <v>60</v>
      </c>
      <c r="J466" s="156" t="s">
        <v>334</v>
      </c>
      <c r="K466" s="156" t="s">
        <v>208</v>
      </c>
      <c r="L466" s="156" t="s">
        <v>63</v>
      </c>
      <c r="M466" s="156" t="s">
        <v>63</v>
      </c>
      <c r="N466" s="157">
        <v>151833.60000000001</v>
      </c>
      <c r="O466" s="157">
        <v>151833.60000000001</v>
      </c>
      <c r="P466" s="156" t="s">
        <v>64</v>
      </c>
      <c r="Q466" s="156" t="s">
        <v>82</v>
      </c>
      <c r="R466" s="167"/>
      <c r="S466" s="167"/>
      <c r="T466" s="167"/>
      <c r="U466" s="167"/>
      <c r="V466" s="167"/>
      <c r="W466" s="161"/>
      <c r="X466" s="167"/>
      <c r="Y466" s="167"/>
      <c r="Z466" s="161" t="s">
        <v>66</v>
      </c>
      <c r="AA466" s="167"/>
      <c r="AB466" s="167"/>
      <c r="AC466" s="167"/>
      <c r="AD466" s="167"/>
      <c r="AE466" s="167"/>
      <c r="AF466" s="167"/>
      <c r="AG466" s="167"/>
      <c r="AH466" s="167"/>
      <c r="AI466" s="167"/>
      <c r="AJ466" s="167"/>
      <c r="AK466" s="167"/>
      <c r="AL466" s="167"/>
      <c r="AM466" s="167"/>
      <c r="AN466" s="167"/>
      <c r="AO466" s="167"/>
      <c r="AP466" s="167"/>
      <c r="AQ466" s="167"/>
      <c r="AR466" s="167"/>
      <c r="AS466" s="167"/>
      <c r="AT466" s="167"/>
      <c r="AU466" s="167"/>
      <c r="AV466" s="167"/>
      <c r="AW466" s="160">
        <f t="shared" si="261"/>
        <v>500</v>
      </c>
      <c r="AX466" s="158">
        <f t="shared" si="295"/>
        <v>303.66720000000004</v>
      </c>
      <c r="AY466" s="161" t="str">
        <f t="shared" si="263"/>
        <v/>
      </c>
      <c r="AZ466" s="161" t="str">
        <f t="shared" si="264"/>
        <v/>
      </c>
      <c r="BA466" s="161" t="str">
        <f t="shared" si="265"/>
        <v/>
      </c>
      <c r="BB466" s="161" t="str">
        <f t="shared" si="266"/>
        <v/>
      </c>
      <c r="BC466" s="161" t="str">
        <f t="shared" si="267"/>
        <v/>
      </c>
      <c r="BD466" s="161" t="str">
        <f t="shared" si="268"/>
        <v/>
      </c>
      <c r="BE466" s="161" t="str">
        <f t="shared" si="269"/>
        <v/>
      </c>
      <c r="BF466" s="161" t="str">
        <f t="shared" si="270"/>
        <v/>
      </c>
      <c r="BG466" s="161">
        <f t="shared" si="271"/>
        <v>151833.60000000001</v>
      </c>
      <c r="BH466" s="161" t="str">
        <f t="shared" si="272"/>
        <v/>
      </c>
      <c r="BI466" s="161" t="str">
        <f t="shared" si="273"/>
        <v/>
      </c>
      <c r="BJ466" s="161" t="str">
        <f t="shared" si="274"/>
        <v/>
      </c>
      <c r="BK466" s="161" t="str">
        <f t="shared" si="275"/>
        <v/>
      </c>
      <c r="BL466" s="161" t="str">
        <f t="shared" si="276"/>
        <v/>
      </c>
      <c r="BM466" s="161" t="str">
        <f t="shared" si="277"/>
        <v/>
      </c>
      <c r="BN466" s="161" t="str">
        <f t="shared" si="278"/>
        <v/>
      </c>
      <c r="BO466" s="161" t="str">
        <f t="shared" si="279"/>
        <v/>
      </c>
      <c r="BP466" s="161" t="str">
        <f t="shared" si="280"/>
        <v/>
      </c>
      <c r="BQ466" s="161" t="str">
        <f t="shared" si="281"/>
        <v/>
      </c>
      <c r="BR466" s="161" t="str">
        <f t="shared" si="282"/>
        <v/>
      </c>
      <c r="BS466" s="161" t="str">
        <f t="shared" si="283"/>
        <v/>
      </c>
      <c r="BT466" s="161" t="str">
        <f t="shared" si="284"/>
        <v/>
      </c>
      <c r="BU466" s="161" t="str">
        <f t="shared" si="285"/>
        <v/>
      </c>
      <c r="BV466" s="161" t="str">
        <f t="shared" si="286"/>
        <v/>
      </c>
      <c r="BW466" s="161" t="str">
        <f t="shared" si="287"/>
        <v/>
      </c>
      <c r="BX466" s="161" t="str">
        <f t="shared" si="288"/>
        <v/>
      </c>
      <c r="BY466" s="161" t="str">
        <f t="shared" si="289"/>
        <v/>
      </c>
      <c r="BZ466" s="161" t="str">
        <f t="shared" si="290"/>
        <v/>
      </c>
      <c r="CA466" s="161" t="str">
        <f t="shared" si="291"/>
        <v/>
      </c>
      <c r="CB466" s="161" t="str">
        <f t="shared" si="292"/>
        <v/>
      </c>
      <c r="CC466" s="161" t="str">
        <f t="shared" si="293"/>
        <v/>
      </c>
      <c r="CD466" s="156"/>
      <c r="CE466" s="156"/>
      <c r="CF466" s="156"/>
    </row>
    <row r="467" spans="1:84" s="168" customFormat="1" ht="56.1" hidden="1" customHeight="1" x14ac:dyDescent="0.2">
      <c r="A467" s="154">
        <v>467</v>
      </c>
      <c r="B467" s="155" t="s">
        <v>53</v>
      </c>
      <c r="C467" s="165" t="s">
        <v>515</v>
      </c>
      <c r="D467" s="156" t="s">
        <v>518</v>
      </c>
      <c r="E467" s="156" t="s">
        <v>520</v>
      </c>
      <c r="F467" s="156" t="s">
        <v>520</v>
      </c>
      <c r="G467" s="156" t="s">
        <v>58</v>
      </c>
      <c r="H467" s="156" t="s">
        <v>207</v>
      </c>
      <c r="I467" s="169" t="s">
        <v>60</v>
      </c>
      <c r="J467" s="156" t="s">
        <v>334</v>
      </c>
      <c r="K467" s="156" t="s">
        <v>208</v>
      </c>
      <c r="L467" s="156" t="s">
        <v>63</v>
      </c>
      <c r="M467" s="156" t="s">
        <v>63</v>
      </c>
      <c r="N467" s="157">
        <v>398563.2</v>
      </c>
      <c r="O467" s="157">
        <v>398563.2</v>
      </c>
      <c r="P467" s="156" t="s">
        <v>64</v>
      </c>
      <c r="Q467" s="156" t="s">
        <v>82</v>
      </c>
      <c r="R467" s="167"/>
      <c r="S467" s="167"/>
      <c r="T467" s="167"/>
      <c r="U467" s="167"/>
      <c r="V467" s="167"/>
      <c r="W467" s="161"/>
      <c r="X467" s="167"/>
      <c r="Y467" s="167"/>
      <c r="Z467" s="161" t="s">
        <v>66</v>
      </c>
      <c r="AA467" s="167"/>
      <c r="AB467" s="167"/>
      <c r="AC467" s="167"/>
      <c r="AD467" s="167"/>
      <c r="AE467" s="167"/>
      <c r="AF467" s="167"/>
      <c r="AG467" s="167"/>
      <c r="AH467" s="167"/>
      <c r="AI467" s="167"/>
      <c r="AJ467" s="167"/>
      <c r="AK467" s="167"/>
      <c r="AL467" s="167"/>
      <c r="AM467" s="167"/>
      <c r="AN467" s="167"/>
      <c r="AO467" s="167"/>
      <c r="AP467" s="167"/>
      <c r="AQ467" s="167"/>
      <c r="AR467" s="167"/>
      <c r="AS467" s="167"/>
      <c r="AT467" s="167"/>
      <c r="AU467" s="167"/>
      <c r="AV467" s="167"/>
      <c r="AW467" s="160">
        <f t="shared" si="261"/>
        <v>500</v>
      </c>
      <c r="AX467" s="158">
        <f t="shared" si="295"/>
        <v>797.12639999999999</v>
      </c>
      <c r="AY467" s="161" t="str">
        <f t="shared" si="263"/>
        <v/>
      </c>
      <c r="AZ467" s="161" t="str">
        <f t="shared" si="264"/>
        <v/>
      </c>
      <c r="BA467" s="161" t="str">
        <f t="shared" si="265"/>
        <v/>
      </c>
      <c r="BB467" s="161" t="str">
        <f t="shared" si="266"/>
        <v/>
      </c>
      <c r="BC467" s="161" t="str">
        <f t="shared" si="267"/>
        <v/>
      </c>
      <c r="BD467" s="161" t="str">
        <f t="shared" si="268"/>
        <v/>
      </c>
      <c r="BE467" s="161" t="str">
        <f t="shared" si="269"/>
        <v/>
      </c>
      <c r="BF467" s="161" t="str">
        <f t="shared" si="270"/>
        <v/>
      </c>
      <c r="BG467" s="161">
        <f t="shared" si="271"/>
        <v>398563.2</v>
      </c>
      <c r="BH467" s="161" t="str">
        <f t="shared" si="272"/>
        <v/>
      </c>
      <c r="BI467" s="161" t="str">
        <f t="shared" si="273"/>
        <v/>
      </c>
      <c r="BJ467" s="161" t="str">
        <f t="shared" si="274"/>
        <v/>
      </c>
      <c r="BK467" s="161" t="str">
        <f t="shared" si="275"/>
        <v/>
      </c>
      <c r="BL467" s="161" t="str">
        <f t="shared" si="276"/>
        <v/>
      </c>
      <c r="BM467" s="161" t="str">
        <f t="shared" si="277"/>
        <v/>
      </c>
      <c r="BN467" s="161" t="str">
        <f t="shared" si="278"/>
        <v/>
      </c>
      <c r="BO467" s="161" t="str">
        <f t="shared" si="279"/>
        <v/>
      </c>
      <c r="BP467" s="161" t="str">
        <f t="shared" si="280"/>
        <v/>
      </c>
      <c r="BQ467" s="161" t="str">
        <f t="shared" si="281"/>
        <v/>
      </c>
      <c r="BR467" s="161" t="str">
        <f t="shared" si="282"/>
        <v/>
      </c>
      <c r="BS467" s="161" t="str">
        <f t="shared" si="283"/>
        <v/>
      </c>
      <c r="BT467" s="161" t="str">
        <f t="shared" si="284"/>
        <v/>
      </c>
      <c r="BU467" s="161" t="str">
        <f t="shared" si="285"/>
        <v/>
      </c>
      <c r="BV467" s="161" t="str">
        <f t="shared" si="286"/>
        <v/>
      </c>
      <c r="BW467" s="161" t="str">
        <f t="shared" si="287"/>
        <v/>
      </c>
      <c r="BX467" s="161" t="str">
        <f t="shared" si="288"/>
        <v/>
      </c>
      <c r="BY467" s="161" t="str">
        <f t="shared" si="289"/>
        <v/>
      </c>
      <c r="BZ467" s="161" t="str">
        <f t="shared" si="290"/>
        <v/>
      </c>
      <c r="CA467" s="161" t="str">
        <f t="shared" si="291"/>
        <v/>
      </c>
      <c r="CB467" s="161" t="str">
        <f t="shared" si="292"/>
        <v/>
      </c>
      <c r="CC467" s="161" t="str">
        <f t="shared" si="293"/>
        <v/>
      </c>
      <c r="CD467" s="156"/>
      <c r="CE467" s="156"/>
      <c r="CF467" s="156"/>
    </row>
    <row r="468" spans="1:84" s="168" customFormat="1" ht="56.1" hidden="1" customHeight="1" x14ac:dyDescent="0.2">
      <c r="A468" s="154">
        <v>468</v>
      </c>
      <c r="B468" s="155" t="s">
        <v>53</v>
      </c>
      <c r="C468" s="165" t="s">
        <v>515</v>
      </c>
      <c r="D468" s="156" t="s">
        <v>521</v>
      </c>
      <c r="E468" s="156" t="s">
        <v>522</v>
      </c>
      <c r="F468" s="156" t="s">
        <v>522</v>
      </c>
      <c r="G468" s="156" t="s">
        <v>58</v>
      </c>
      <c r="H468" s="156" t="s">
        <v>207</v>
      </c>
      <c r="I468" s="169" t="s">
        <v>60</v>
      </c>
      <c r="J468" s="156" t="s">
        <v>334</v>
      </c>
      <c r="K468" s="156" t="s">
        <v>208</v>
      </c>
      <c r="L468" s="156" t="s">
        <v>63</v>
      </c>
      <c r="M468" s="156" t="s">
        <v>63</v>
      </c>
      <c r="N468" s="157">
        <v>556723.19999999995</v>
      </c>
      <c r="O468" s="157">
        <v>556723.19999999995</v>
      </c>
      <c r="P468" s="156" t="s">
        <v>64</v>
      </c>
      <c r="Q468" s="156" t="s">
        <v>82</v>
      </c>
      <c r="R468" s="167"/>
      <c r="S468" s="167"/>
      <c r="T468" s="167"/>
      <c r="U468" s="167"/>
      <c r="V468" s="167"/>
      <c r="W468" s="161"/>
      <c r="X468" s="167"/>
      <c r="Y468" s="167"/>
      <c r="Z468" s="161" t="s">
        <v>66</v>
      </c>
      <c r="AA468" s="167"/>
      <c r="AB468" s="167"/>
      <c r="AC468" s="167"/>
      <c r="AD468" s="167"/>
      <c r="AE468" s="167"/>
      <c r="AF468" s="167"/>
      <c r="AG468" s="167"/>
      <c r="AH468" s="167"/>
      <c r="AI468" s="167"/>
      <c r="AJ468" s="167"/>
      <c r="AK468" s="167"/>
      <c r="AL468" s="167"/>
      <c r="AM468" s="167"/>
      <c r="AN468" s="167"/>
      <c r="AO468" s="167"/>
      <c r="AP468" s="167"/>
      <c r="AQ468" s="167"/>
      <c r="AR468" s="167"/>
      <c r="AS468" s="167"/>
      <c r="AT468" s="167"/>
      <c r="AU468" s="167"/>
      <c r="AV468" s="167"/>
      <c r="AW468" s="160">
        <f t="shared" si="261"/>
        <v>500</v>
      </c>
      <c r="AX468" s="158">
        <f t="shared" si="295"/>
        <v>1113.4463999999998</v>
      </c>
      <c r="AY468" s="161" t="str">
        <f t="shared" si="263"/>
        <v/>
      </c>
      <c r="AZ468" s="161" t="str">
        <f t="shared" si="264"/>
        <v/>
      </c>
      <c r="BA468" s="161" t="str">
        <f t="shared" si="265"/>
        <v/>
      </c>
      <c r="BB468" s="161" t="str">
        <f t="shared" si="266"/>
        <v/>
      </c>
      <c r="BC468" s="161" t="str">
        <f t="shared" si="267"/>
        <v/>
      </c>
      <c r="BD468" s="161" t="str">
        <f t="shared" si="268"/>
        <v/>
      </c>
      <c r="BE468" s="161" t="str">
        <f t="shared" si="269"/>
        <v/>
      </c>
      <c r="BF468" s="161" t="str">
        <f t="shared" si="270"/>
        <v/>
      </c>
      <c r="BG468" s="161">
        <f t="shared" si="271"/>
        <v>556723.19999999995</v>
      </c>
      <c r="BH468" s="161" t="str">
        <f t="shared" si="272"/>
        <v/>
      </c>
      <c r="BI468" s="161" t="str">
        <f t="shared" si="273"/>
        <v/>
      </c>
      <c r="BJ468" s="161" t="str">
        <f t="shared" si="274"/>
        <v/>
      </c>
      <c r="BK468" s="161" t="str">
        <f t="shared" si="275"/>
        <v/>
      </c>
      <c r="BL468" s="161" t="str">
        <f t="shared" si="276"/>
        <v/>
      </c>
      <c r="BM468" s="161" t="str">
        <f t="shared" si="277"/>
        <v/>
      </c>
      <c r="BN468" s="161" t="str">
        <f t="shared" si="278"/>
        <v/>
      </c>
      <c r="BO468" s="161" t="str">
        <f t="shared" si="279"/>
        <v/>
      </c>
      <c r="BP468" s="161" t="str">
        <f t="shared" si="280"/>
        <v/>
      </c>
      <c r="BQ468" s="161" t="str">
        <f t="shared" si="281"/>
        <v/>
      </c>
      <c r="BR468" s="161" t="str">
        <f t="shared" si="282"/>
        <v/>
      </c>
      <c r="BS468" s="161" t="str">
        <f t="shared" si="283"/>
        <v/>
      </c>
      <c r="BT468" s="161" t="str">
        <f t="shared" si="284"/>
        <v/>
      </c>
      <c r="BU468" s="161" t="str">
        <f t="shared" si="285"/>
        <v/>
      </c>
      <c r="BV468" s="161" t="str">
        <f t="shared" si="286"/>
        <v/>
      </c>
      <c r="BW468" s="161" t="str">
        <f t="shared" si="287"/>
        <v/>
      </c>
      <c r="BX468" s="161" t="str">
        <f t="shared" si="288"/>
        <v/>
      </c>
      <c r="BY468" s="161" t="str">
        <f t="shared" si="289"/>
        <v/>
      </c>
      <c r="BZ468" s="161" t="str">
        <f t="shared" si="290"/>
        <v/>
      </c>
      <c r="CA468" s="161" t="str">
        <f t="shared" si="291"/>
        <v/>
      </c>
      <c r="CB468" s="161" t="str">
        <f t="shared" si="292"/>
        <v/>
      </c>
      <c r="CC468" s="161" t="str">
        <f t="shared" si="293"/>
        <v/>
      </c>
      <c r="CD468" s="156"/>
      <c r="CE468" s="156"/>
      <c r="CF468" s="156"/>
    </row>
    <row r="469" spans="1:84" s="168" customFormat="1" ht="56.1" hidden="1" customHeight="1" x14ac:dyDescent="0.2">
      <c r="A469" s="154">
        <v>469</v>
      </c>
      <c r="B469" s="155" t="s">
        <v>53</v>
      </c>
      <c r="C469" s="165" t="s">
        <v>515</v>
      </c>
      <c r="D469" s="156" t="s">
        <v>523</v>
      </c>
      <c r="E469" s="156" t="s">
        <v>540</v>
      </c>
      <c r="F469" s="156" t="s">
        <v>540</v>
      </c>
      <c r="G469" s="156" t="s">
        <v>58</v>
      </c>
      <c r="H469" s="156" t="s">
        <v>207</v>
      </c>
      <c r="I469" s="156" t="s">
        <v>388</v>
      </c>
      <c r="J469" s="156" t="s">
        <v>525</v>
      </c>
      <c r="K469" s="156" t="s">
        <v>208</v>
      </c>
      <c r="L469" s="156" t="s">
        <v>63</v>
      </c>
      <c r="M469" s="156" t="s">
        <v>63</v>
      </c>
      <c r="N469" s="157">
        <v>43494</v>
      </c>
      <c r="O469" s="157">
        <v>43494</v>
      </c>
      <c r="P469" s="156" t="s">
        <v>64</v>
      </c>
      <c r="Q469" s="156" t="s">
        <v>82</v>
      </c>
      <c r="R469" s="167"/>
      <c r="S469" s="167"/>
      <c r="T469" s="167"/>
      <c r="U469" s="167"/>
      <c r="V469" s="167"/>
      <c r="W469" s="161"/>
      <c r="X469" s="167"/>
      <c r="Y469" s="167"/>
      <c r="Z469" s="161" t="s">
        <v>66</v>
      </c>
      <c r="AA469" s="167"/>
      <c r="AB469" s="167"/>
      <c r="AC469" s="167"/>
      <c r="AD469" s="167"/>
      <c r="AE469" s="167"/>
      <c r="AF469" s="167"/>
      <c r="AG469" s="167"/>
      <c r="AH469" s="167"/>
      <c r="AI469" s="167"/>
      <c r="AJ469" s="167"/>
      <c r="AK469" s="167"/>
      <c r="AL469" s="167"/>
      <c r="AM469" s="167"/>
      <c r="AN469" s="167"/>
      <c r="AO469" s="167"/>
      <c r="AP469" s="167"/>
      <c r="AQ469" s="167"/>
      <c r="AR469" s="167"/>
      <c r="AS469" s="167"/>
      <c r="AT469" s="167"/>
      <c r="AU469" s="167"/>
      <c r="AV469" s="167"/>
      <c r="AW469" s="160">
        <f t="shared" si="261"/>
        <v>500</v>
      </c>
      <c r="AX469" s="158">
        <f t="shared" si="295"/>
        <v>86.988</v>
      </c>
      <c r="AY469" s="161" t="str">
        <f t="shared" si="263"/>
        <v/>
      </c>
      <c r="AZ469" s="161" t="str">
        <f t="shared" si="264"/>
        <v/>
      </c>
      <c r="BA469" s="161" t="str">
        <f t="shared" si="265"/>
        <v/>
      </c>
      <c r="BB469" s="161" t="str">
        <f t="shared" si="266"/>
        <v/>
      </c>
      <c r="BC469" s="161" t="str">
        <f t="shared" si="267"/>
        <v/>
      </c>
      <c r="BD469" s="161" t="str">
        <f t="shared" si="268"/>
        <v/>
      </c>
      <c r="BE469" s="161" t="str">
        <f t="shared" si="269"/>
        <v/>
      </c>
      <c r="BF469" s="161" t="str">
        <f t="shared" si="270"/>
        <v/>
      </c>
      <c r="BG469" s="161">
        <f t="shared" si="271"/>
        <v>43494</v>
      </c>
      <c r="BH469" s="161" t="str">
        <f t="shared" si="272"/>
        <v/>
      </c>
      <c r="BI469" s="161" t="str">
        <f t="shared" si="273"/>
        <v/>
      </c>
      <c r="BJ469" s="161" t="str">
        <f t="shared" si="274"/>
        <v/>
      </c>
      <c r="BK469" s="161" t="str">
        <f t="shared" si="275"/>
        <v/>
      </c>
      <c r="BL469" s="161" t="str">
        <f t="shared" si="276"/>
        <v/>
      </c>
      <c r="BM469" s="161" t="str">
        <f t="shared" si="277"/>
        <v/>
      </c>
      <c r="BN469" s="161" t="str">
        <f t="shared" si="278"/>
        <v/>
      </c>
      <c r="BO469" s="161" t="str">
        <f t="shared" si="279"/>
        <v/>
      </c>
      <c r="BP469" s="161" t="str">
        <f t="shared" si="280"/>
        <v/>
      </c>
      <c r="BQ469" s="161" t="str">
        <f t="shared" si="281"/>
        <v/>
      </c>
      <c r="BR469" s="161" t="str">
        <f t="shared" si="282"/>
        <v/>
      </c>
      <c r="BS469" s="161" t="str">
        <f t="shared" si="283"/>
        <v/>
      </c>
      <c r="BT469" s="161" t="str">
        <f t="shared" si="284"/>
        <v/>
      </c>
      <c r="BU469" s="161" t="str">
        <f t="shared" si="285"/>
        <v/>
      </c>
      <c r="BV469" s="161" t="str">
        <f t="shared" si="286"/>
        <v/>
      </c>
      <c r="BW469" s="161" t="str">
        <f t="shared" si="287"/>
        <v/>
      </c>
      <c r="BX469" s="161" t="str">
        <f t="shared" si="288"/>
        <v/>
      </c>
      <c r="BY469" s="161" t="str">
        <f t="shared" si="289"/>
        <v/>
      </c>
      <c r="BZ469" s="161" t="str">
        <f t="shared" si="290"/>
        <v/>
      </c>
      <c r="CA469" s="161" t="str">
        <f t="shared" si="291"/>
        <v/>
      </c>
      <c r="CB469" s="161" t="str">
        <f t="shared" si="292"/>
        <v/>
      </c>
      <c r="CC469" s="161" t="str">
        <f t="shared" si="293"/>
        <v/>
      </c>
      <c r="CD469" s="156"/>
      <c r="CE469" s="156"/>
      <c r="CF469" s="156"/>
    </row>
    <row r="470" spans="1:84" s="168" customFormat="1" ht="56.1" hidden="1" customHeight="1" x14ac:dyDescent="0.2">
      <c r="A470" s="154">
        <v>470</v>
      </c>
      <c r="B470" s="155" t="s">
        <v>53</v>
      </c>
      <c r="C470" s="165" t="s">
        <v>515</v>
      </c>
      <c r="D470" s="156" t="s">
        <v>539</v>
      </c>
      <c r="E470" s="156" t="s">
        <v>541</v>
      </c>
      <c r="F470" s="156" t="s">
        <v>541</v>
      </c>
      <c r="G470" s="156" t="s">
        <v>58</v>
      </c>
      <c r="H470" s="156" t="s">
        <v>207</v>
      </c>
      <c r="I470" s="156" t="s">
        <v>388</v>
      </c>
      <c r="J470" s="156" t="s">
        <v>525</v>
      </c>
      <c r="K470" s="156" t="s">
        <v>208</v>
      </c>
      <c r="L470" s="156" t="s">
        <v>63</v>
      </c>
      <c r="M470" s="156" t="s">
        <v>63</v>
      </c>
      <c r="N470" s="157">
        <v>105440</v>
      </c>
      <c r="O470" s="157">
        <v>105440</v>
      </c>
      <c r="P470" s="156" t="s">
        <v>64</v>
      </c>
      <c r="Q470" s="156" t="s">
        <v>82</v>
      </c>
      <c r="R470" s="167"/>
      <c r="S470" s="167"/>
      <c r="T470" s="167"/>
      <c r="U470" s="167"/>
      <c r="V470" s="167"/>
      <c r="W470" s="161"/>
      <c r="X470" s="167"/>
      <c r="Y470" s="167"/>
      <c r="Z470" s="161" t="s">
        <v>66</v>
      </c>
      <c r="AA470" s="167"/>
      <c r="AB470" s="167"/>
      <c r="AC470" s="167"/>
      <c r="AD470" s="167"/>
      <c r="AE470" s="167"/>
      <c r="AF470" s="167"/>
      <c r="AG470" s="167"/>
      <c r="AH470" s="167"/>
      <c r="AI470" s="167"/>
      <c r="AJ470" s="167"/>
      <c r="AK470" s="167"/>
      <c r="AL470" s="167"/>
      <c r="AM470" s="167"/>
      <c r="AN470" s="167"/>
      <c r="AO470" s="167"/>
      <c r="AP470" s="167"/>
      <c r="AQ470" s="167"/>
      <c r="AR470" s="167"/>
      <c r="AS470" s="167"/>
      <c r="AT470" s="167"/>
      <c r="AU470" s="167"/>
      <c r="AV470" s="167"/>
      <c r="AW470" s="160">
        <f t="shared" si="261"/>
        <v>500</v>
      </c>
      <c r="AX470" s="158">
        <f t="shared" si="295"/>
        <v>210.88</v>
      </c>
      <c r="AY470" s="161" t="str">
        <f t="shared" si="263"/>
        <v/>
      </c>
      <c r="AZ470" s="161" t="str">
        <f t="shared" si="264"/>
        <v/>
      </c>
      <c r="BA470" s="161" t="str">
        <f t="shared" si="265"/>
        <v/>
      </c>
      <c r="BB470" s="161" t="str">
        <f t="shared" si="266"/>
        <v/>
      </c>
      <c r="BC470" s="161" t="str">
        <f t="shared" si="267"/>
        <v/>
      </c>
      <c r="BD470" s="161" t="str">
        <f t="shared" si="268"/>
        <v/>
      </c>
      <c r="BE470" s="161" t="str">
        <f t="shared" si="269"/>
        <v/>
      </c>
      <c r="BF470" s="161" t="str">
        <f t="shared" si="270"/>
        <v/>
      </c>
      <c r="BG470" s="161">
        <f t="shared" si="271"/>
        <v>105440</v>
      </c>
      <c r="BH470" s="161" t="str">
        <f t="shared" si="272"/>
        <v/>
      </c>
      <c r="BI470" s="161" t="str">
        <f t="shared" si="273"/>
        <v/>
      </c>
      <c r="BJ470" s="161" t="str">
        <f t="shared" si="274"/>
        <v/>
      </c>
      <c r="BK470" s="161" t="str">
        <f t="shared" si="275"/>
        <v/>
      </c>
      <c r="BL470" s="161" t="str">
        <f t="shared" si="276"/>
        <v/>
      </c>
      <c r="BM470" s="161" t="str">
        <f t="shared" si="277"/>
        <v/>
      </c>
      <c r="BN470" s="161" t="str">
        <f t="shared" si="278"/>
        <v/>
      </c>
      <c r="BO470" s="161" t="str">
        <f t="shared" si="279"/>
        <v/>
      </c>
      <c r="BP470" s="161" t="str">
        <f t="shared" si="280"/>
        <v/>
      </c>
      <c r="BQ470" s="161" t="str">
        <f t="shared" si="281"/>
        <v/>
      </c>
      <c r="BR470" s="161" t="str">
        <f t="shared" si="282"/>
        <v/>
      </c>
      <c r="BS470" s="161" t="str">
        <f t="shared" si="283"/>
        <v/>
      </c>
      <c r="BT470" s="161" t="str">
        <f t="shared" si="284"/>
        <v/>
      </c>
      <c r="BU470" s="161" t="str">
        <f t="shared" si="285"/>
        <v/>
      </c>
      <c r="BV470" s="161" t="str">
        <f t="shared" si="286"/>
        <v/>
      </c>
      <c r="BW470" s="161" t="str">
        <f t="shared" si="287"/>
        <v/>
      </c>
      <c r="BX470" s="161" t="str">
        <f t="shared" si="288"/>
        <v/>
      </c>
      <c r="BY470" s="161" t="str">
        <f t="shared" si="289"/>
        <v/>
      </c>
      <c r="BZ470" s="161" t="str">
        <f t="shared" si="290"/>
        <v/>
      </c>
      <c r="CA470" s="161" t="str">
        <f t="shared" si="291"/>
        <v/>
      </c>
      <c r="CB470" s="161" t="str">
        <f t="shared" si="292"/>
        <v/>
      </c>
      <c r="CC470" s="161" t="str">
        <f t="shared" si="293"/>
        <v/>
      </c>
      <c r="CD470" s="156"/>
      <c r="CE470" s="156"/>
      <c r="CF470" s="156"/>
    </row>
    <row r="471" spans="1:84" s="168" customFormat="1" ht="56.1" hidden="1" customHeight="1" x14ac:dyDescent="0.2">
      <c r="A471" s="154">
        <v>471</v>
      </c>
      <c r="B471" s="155" t="s">
        <v>53</v>
      </c>
      <c r="C471" s="165" t="s">
        <v>515</v>
      </c>
      <c r="D471" s="156" t="s">
        <v>528</v>
      </c>
      <c r="E471" s="156" t="s">
        <v>568</v>
      </c>
      <c r="F471" s="156" t="s">
        <v>568</v>
      </c>
      <c r="G471" s="156" t="s">
        <v>58</v>
      </c>
      <c r="H471" s="156" t="s">
        <v>207</v>
      </c>
      <c r="I471" s="156" t="s">
        <v>551</v>
      </c>
      <c r="J471" s="156" t="s">
        <v>525</v>
      </c>
      <c r="K471" s="156" t="s">
        <v>208</v>
      </c>
      <c r="L471" s="156" t="s">
        <v>63</v>
      </c>
      <c r="M471" s="156" t="s">
        <v>63</v>
      </c>
      <c r="N471" s="157">
        <v>92260</v>
      </c>
      <c r="O471" s="157">
        <v>92260</v>
      </c>
      <c r="P471" s="156" t="s">
        <v>64</v>
      </c>
      <c r="Q471" s="156" t="s">
        <v>82</v>
      </c>
      <c r="R471" s="167"/>
      <c r="S471" s="167"/>
      <c r="T471" s="167"/>
      <c r="U471" s="167"/>
      <c r="V471" s="167"/>
      <c r="W471" s="161"/>
      <c r="X471" s="167"/>
      <c r="Y471" s="167"/>
      <c r="Z471" s="161" t="s">
        <v>66</v>
      </c>
      <c r="AA471" s="167"/>
      <c r="AB471" s="167"/>
      <c r="AC471" s="167"/>
      <c r="AD471" s="167"/>
      <c r="AE471" s="167"/>
      <c r="AF471" s="167"/>
      <c r="AG471" s="167"/>
      <c r="AH471" s="167"/>
      <c r="AI471" s="167"/>
      <c r="AJ471" s="167"/>
      <c r="AK471" s="167"/>
      <c r="AL471" s="167"/>
      <c r="AM471" s="167"/>
      <c r="AN471" s="167"/>
      <c r="AO471" s="167"/>
      <c r="AP471" s="167"/>
      <c r="AQ471" s="167"/>
      <c r="AR471" s="167"/>
      <c r="AS471" s="167"/>
      <c r="AT471" s="167"/>
      <c r="AU471" s="167"/>
      <c r="AV471" s="167"/>
      <c r="AW471" s="160">
        <f t="shared" si="261"/>
        <v>500</v>
      </c>
      <c r="AX471" s="158">
        <f t="shared" si="295"/>
        <v>184.52</v>
      </c>
      <c r="AY471" s="161" t="str">
        <f t="shared" si="263"/>
        <v/>
      </c>
      <c r="AZ471" s="161" t="str">
        <f t="shared" si="264"/>
        <v/>
      </c>
      <c r="BA471" s="161" t="str">
        <f t="shared" si="265"/>
        <v/>
      </c>
      <c r="BB471" s="161" t="str">
        <f t="shared" si="266"/>
        <v/>
      </c>
      <c r="BC471" s="161" t="str">
        <f t="shared" si="267"/>
        <v/>
      </c>
      <c r="BD471" s="161" t="str">
        <f t="shared" si="268"/>
        <v/>
      </c>
      <c r="BE471" s="161" t="str">
        <f t="shared" si="269"/>
        <v/>
      </c>
      <c r="BF471" s="161" t="str">
        <f t="shared" si="270"/>
        <v/>
      </c>
      <c r="BG471" s="161">
        <f t="shared" si="271"/>
        <v>92260</v>
      </c>
      <c r="BH471" s="161" t="str">
        <f t="shared" si="272"/>
        <v/>
      </c>
      <c r="BI471" s="161" t="str">
        <f t="shared" si="273"/>
        <v/>
      </c>
      <c r="BJ471" s="161" t="str">
        <f t="shared" si="274"/>
        <v/>
      </c>
      <c r="BK471" s="161" t="str">
        <f t="shared" si="275"/>
        <v/>
      </c>
      <c r="BL471" s="161" t="str">
        <f t="shared" si="276"/>
        <v/>
      </c>
      <c r="BM471" s="161" t="str">
        <f t="shared" si="277"/>
        <v/>
      </c>
      <c r="BN471" s="161" t="str">
        <f t="shared" si="278"/>
        <v/>
      </c>
      <c r="BO471" s="161" t="str">
        <f t="shared" si="279"/>
        <v/>
      </c>
      <c r="BP471" s="161" t="str">
        <f t="shared" si="280"/>
        <v/>
      </c>
      <c r="BQ471" s="161" t="str">
        <f t="shared" si="281"/>
        <v/>
      </c>
      <c r="BR471" s="161" t="str">
        <f t="shared" si="282"/>
        <v/>
      </c>
      <c r="BS471" s="161" t="str">
        <f t="shared" si="283"/>
        <v/>
      </c>
      <c r="BT471" s="161" t="str">
        <f t="shared" si="284"/>
        <v/>
      </c>
      <c r="BU471" s="161" t="str">
        <f t="shared" si="285"/>
        <v/>
      </c>
      <c r="BV471" s="161" t="str">
        <f t="shared" si="286"/>
        <v/>
      </c>
      <c r="BW471" s="161" t="str">
        <f t="shared" si="287"/>
        <v/>
      </c>
      <c r="BX471" s="161" t="str">
        <f t="shared" si="288"/>
        <v/>
      </c>
      <c r="BY471" s="161" t="str">
        <f t="shared" si="289"/>
        <v/>
      </c>
      <c r="BZ471" s="161" t="str">
        <f t="shared" si="290"/>
        <v/>
      </c>
      <c r="CA471" s="161" t="str">
        <f t="shared" si="291"/>
        <v/>
      </c>
      <c r="CB471" s="161" t="str">
        <f t="shared" si="292"/>
        <v/>
      </c>
      <c r="CC471" s="161" t="str">
        <f t="shared" si="293"/>
        <v/>
      </c>
      <c r="CD471" s="156"/>
      <c r="CE471" s="156"/>
      <c r="CF471" s="156"/>
    </row>
    <row r="472" spans="1:84" s="168" customFormat="1" ht="56.1" hidden="1" customHeight="1" x14ac:dyDescent="0.2">
      <c r="A472" s="154">
        <v>472</v>
      </c>
      <c r="B472" s="155" t="s">
        <v>53</v>
      </c>
      <c r="C472" s="165" t="s">
        <v>515</v>
      </c>
      <c r="D472" s="156" t="s">
        <v>530</v>
      </c>
      <c r="E472" s="156" t="s">
        <v>569</v>
      </c>
      <c r="F472" s="156" t="s">
        <v>569</v>
      </c>
      <c r="G472" s="156" t="s">
        <v>58</v>
      </c>
      <c r="H472" s="156" t="s">
        <v>207</v>
      </c>
      <c r="I472" s="170" t="s">
        <v>551</v>
      </c>
      <c r="J472" s="156" t="s">
        <v>525</v>
      </c>
      <c r="K472" s="156" t="s">
        <v>208</v>
      </c>
      <c r="L472" s="156" t="s">
        <v>63</v>
      </c>
      <c r="M472" s="156" t="s">
        <v>63</v>
      </c>
      <c r="N472" s="157">
        <v>108735</v>
      </c>
      <c r="O472" s="157">
        <v>108735</v>
      </c>
      <c r="P472" s="156" t="s">
        <v>64</v>
      </c>
      <c r="Q472" s="156" t="s">
        <v>82</v>
      </c>
      <c r="R472" s="167"/>
      <c r="S472" s="167"/>
      <c r="T472" s="167"/>
      <c r="U472" s="167"/>
      <c r="V472" s="167"/>
      <c r="W472" s="161"/>
      <c r="X472" s="167"/>
      <c r="Y472" s="167"/>
      <c r="Z472" s="161" t="s">
        <v>66</v>
      </c>
      <c r="AA472" s="167"/>
      <c r="AB472" s="167"/>
      <c r="AC472" s="167"/>
      <c r="AD472" s="167"/>
      <c r="AE472" s="167"/>
      <c r="AF472" s="167"/>
      <c r="AG472" s="167"/>
      <c r="AH472" s="167"/>
      <c r="AI472" s="167"/>
      <c r="AJ472" s="167"/>
      <c r="AK472" s="167"/>
      <c r="AL472" s="167"/>
      <c r="AM472" s="167"/>
      <c r="AN472" s="167"/>
      <c r="AO472" s="167"/>
      <c r="AP472" s="167"/>
      <c r="AQ472" s="167"/>
      <c r="AR472" s="167"/>
      <c r="AS472" s="167"/>
      <c r="AT472" s="167"/>
      <c r="AU472" s="167"/>
      <c r="AV472" s="167"/>
      <c r="AW472" s="160">
        <f t="shared" si="261"/>
        <v>500</v>
      </c>
      <c r="AX472" s="158">
        <f t="shared" si="295"/>
        <v>217.47</v>
      </c>
      <c r="AY472" s="161" t="str">
        <f t="shared" si="263"/>
        <v/>
      </c>
      <c r="AZ472" s="161" t="str">
        <f t="shared" si="264"/>
        <v/>
      </c>
      <c r="BA472" s="161" t="str">
        <f t="shared" si="265"/>
        <v/>
      </c>
      <c r="BB472" s="161" t="str">
        <f t="shared" si="266"/>
        <v/>
      </c>
      <c r="BC472" s="161" t="str">
        <f t="shared" si="267"/>
        <v/>
      </c>
      <c r="BD472" s="161" t="str">
        <f t="shared" si="268"/>
        <v/>
      </c>
      <c r="BE472" s="161" t="str">
        <f t="shared" si="269"/>
        <v/>
      </c>
      <c r="BF472" s="161" t="str">
        <f t="shared" si="270"/>
        <v/>
      </c>
      <c r="BG472" s="161">
        <f t="shared" si="271"/>
        <v>108735</v>
      </c>
      <c r="BH472" s="161" t="str">
        <f t="shared" si="272"/>
        <v/>
      </c>
      <c r="BI472" s="161" t="str">
        <f t="shared" si="273"/>
        <v/>
      </c>
      <c r="BJ472" s="161" t="str">
        <f t="shared" si="274"/>
        <v/>
      </c>
      <c r="BK472" s="161" t="str">
        <f t="shared" si="275"/>
        <v/>
      </c>
      <c r="BL472" s="161" t="str">
        <f t="shared" si="276"/>
        <v/>
      </c>
      <c r="BM472" s="161" t="str">
        <f t="shared" si="277"/>
        <v/>
      </c>
      <c r="BN472" s="161" t="str">
        <f t="shared" si="278"/>
        <v/>
      </c>
      <c r="BO472" s="161" t="str">
        <f t="shared" si="279"/>
        <v/>
      </c>
      <c r="BP472" s="161" t="str">
        <f t="shared" si="280"/>
        <v/>
      </c>
      <c r="BQ472" s="161" t="str">
        <f t="shared" si="281"/>
        <v/>
      </c>
      <c r="BR472" s="161" t="str">
        <f t="shared" si="282"/>
        <v/>
      </c>
      <c r="BS472" s="161" t="str">
        <f t="shared" si="283"/>
        <v/>
      </c>
      <c r="BT472" s="161" t="str">
        <f t="shared" si="284"/>
        <v/>
      </c>
      <c r="BU472" s="161" t="str">
        <f t="shared" si="285"/>
        <v/>
      </c>
      <c r="BV472" s="161" t="str">
        <f t="shared" si="286"/>
        <v/>
      </c>
      <c r="BW472" s="161" t="str">
        <f t="shared" si="287"/>
        <v/>
      </c>
      <c r="BX472" s="161" t="str">
        <f t="shared" si="288"/>
        <v/>
      </c>
      <c r="BY472" s="161" t="str">
        <f t="shared" si="289"/>
        <v/>
      </c>
      <c r="BZ472" s="161" t="str">
        <f t="shared" si="290"/>
        <v/>
      </c>
      <c r="CA472" s="161" t="str">
        <f t="shared" si="291"/>
        <v/>
      </c>
      <c r="CB472" s="161" t="str">
        <f t="shared" si="292"/>
        <v/>
      </c>
      <c r="CC472" s="161" t="str">
        <f t="shared" si="293"/>
        <v/>
      </c>
      <c r="CD472" s="156"/>
      <c r="CE472" s="156"/>
      <c r="CF472" s="156"/>
    </row>
    <row r="473" spans="1:84" s="168" customFormat="1" ht="56.1" hidden="1" customHeight="1" x14ac:dyDescent="0.2">
      <c r="A473" s="154">
        <v>473</v>
      </c>
      <c r="B473" s="155" t="s">
        <v>53</v>
      </c>
      <c r="C473" s="165" t="s">
        <v>515</v>
      </c>
      <c r="D473" s="156" t="s">
        <v>533</v>
      </c>
      <c r="E473" s="156" t="s">
        <v>534</v>
      </c>
      <c r="F473" s="156" t="s">
        <v>534</v>
      </c>
      <c r="G473" s="156" t="s">
        <v>58</v>
      </c>
      <c r="H473" s="156" t="s">
        <v>207</v>
      </c>
      <c r="I473" s="156" t="s">
        <v>81</v>
      </c>
      <c r="J473" s="156" t="s">
        <v>334</v>
      </c>
      <c r="K473" s="156" t="s">
        <v>208</v>
      </c>
      <c r="L473" s="156" t="s">
        <v>63</v>
      </c>
      <c r="M473" s="156" t="s">
        <v>63</v>
      </c>
      <c r="N473" s="157">
        <v>88965</v>
      </c>
      <c r="O473" s="157">
        <v>88965</v>
      </c>
      <c r="P473" s="156" t="s">
        <v>64</v>
      </c>
      <c r="Q473" s="156" t="s">
        <v>82</v>
      </c>
      <c r="R473" s="167"/>
      <c r="S473" s="167"/>
      <c r="T473" s="167"/>
      <c r="U473" s="167"/>
      <c r="V473" s="167"/>
      <c r="W473" s="161"/>
      <c r="X473" s="167"/>
      <c r="Y473" s="167"/>
      <c r="Z473" s="161" t="s">
        <v>66</v>
      </c>
      <c r="AA473" s="167"/>
      <c r="AB473" s="167"/>
      <c r="AC473" s="167"/>
      <c r="AD473" s="167"/>
      <c r="AE473" s="167"/>
      <c r="AF473" s="167"/>
      <c r="AG473" s="167"/>
      <c r="AH473" s="167"/>
      <c r="AI473" s="167"/>
      <c r="AJ473" s="167"/>
      <c r="AK473" s="167"/>
      <c r="AL473" s="167"/>
      <c r="AM473" s="167"/>
      <c r="AN473" s="167"/>
      <c r="AO473" s="167"/>
      <c r="AP473" s="167"/>
      <c r="AQ473" s="167"/>
      <c r="AR473" s="167"/>
      <c r="AS473" s="167"/>
      <c r="AT473" s="167"/>
      <c r="AU473" s="167"/>
      <c r="AV473" s="167"/>
      <c r="AW473" s="160">
        <f t="shared" si="261"/>
        <v>500</v>
      </c>
      <c r="AX473" s="158">
        <f t="shared" si="295"/>
        <v>177.93</v>
      </c>
      <c r="AY473" s="161" t="str">
        <f t="shared" si="263"/>
        <v/>
      </c>
      <c r="AZ473" s="161" t="str">
        <f t="shared" si="264"/>
        <v/>
      </c>
      <c r="BA473" s="161" t="str">
        <f t="shared" si="265"/>
        <v/>
      </c>
      <c r="BB473" s="161" t="str">
        <f t="shared" si="266"/>
        <v/>
      </c>
      <c r="BC473" s="161" t="str">
        <f t="shared" si="267"/>
        <v/>
      </c>
      <c r="BD473" s="161" t="str">
        <f t="shared" si="268"/>
        <v/>
      </c>
      <c r="BE473" s="161" t="str">
        <f t="shared" si="269"/>
        <v/>
      </c>
      <c r="BF473" s="161" t="str">
        <f t="shared" si="270"/>
        <v/>
      </c>
      <c r="BG473" s="161">
        <f t="shared" si="271"/>
        <v>88965</v>
      </c>
      <c r="BH473" s="161" t="str">
        <f t="shared" si="272"/>
        <v/>
      </c>
      <c r="BI473" s="161" t="str">
        <f t="shared" si="273"/>
        <v/>
      </c>
      <c r="BJ473" s="161" t="str">
        <f t="shared" si="274"/>
        <v/>
      </c>
      <c r="BK473" s="161" t="str">
        <f t="shared" si="275"/>
        <v/>
      </c>
      <c r="BL473" s="161" t="str">
        <f t="shared" si="276"/>
        <v/>
      </c>
      <c r="BM473" s="161" t="str">
        <f t="shared" si="277"/>
        <v/>
      </c>
      <c r="BN473" s="161" t="str">
        <f t="shared" si="278"/>
        <v/>
      </c>
      <c r="BO473" s="161" t="str">
        <f t="shared" si="279"/>
        <v/>
      </c>
      <c r="BP473" s="161" t="str">
        <f t="shared" si="280"/>
        <v/>
      </c>
      <c r="BQ473" s="161" t="str">
        <f t="shared" si="281"/>
        <v/>
      </c>
      <c r="BR473" s="161" t="str">
        <f t="shared" si="282"/>
        <v/>
      </c>
      <c r="BS473" s="161" t="str">
        <f t="shared" si="283"/>
        <v/>
      </c>
      <c r="BT473" s="161" t="str">
        <f t="shared" si="284"/>
        <v/>
      </c>
      <c r="BU473" s="161" t="str">
        <f t="shared" si="285"/>
        <v/>
      </c>
      <c r="BV473" s="161" t="str">
        <f t="shared" si="286"/>
        <v/>
      </c>
      <c r="BW473" s="161" t="str">
        <f t="shared" si="287"/>
        <v/>
      </c>
      <c r="BX473" s="161" t="str">
        <f t="shared" si="288"/>
        <v/>
      </c>
      <c r="BY473" s="161" t="str">
        <f t="shared" si="289"/>
        <v/>
      </c>
      <c r="BZ473" s="161" t="str">
        <f t="shared" si="290"/>
        <v/>
      </c>
      <c r="CA473" s="161" t="str">
        <f t="shared" si="291"/>
        <v/>
      </c>
      <c r="CB473" s="161" t="str">
        <f t="shared" si="292"/>
        <v/>
      </c>
      <c r="CC473" s="161" t="str">
        <f t="shared" si="293"/>
        <v/>
      </c>
      <c r="CD473" s="156"/>
      <c r="CE473" s="156"/>
      <c r="CF473" s="156"/>
    </row>
    <row r="474" spans="1:84" s="211" customFormat="1" ht="56.1" hidden="1" customHeight="1" x14ac:dyDescent="0.2">
      <c r="A474" s="198">
        <v>474</v>
      </c>
      <c r="B474" s="199" t="s">
        <v>53</v>
      </c>
      <c r="C474" s="208" t="s">
        <v>515</v>
      </c>
      <c r="D474" s="200" t="s">
        <v>548</v>
      </c>
      <c r="E474" s="200" t="s">
        <v>536</v>
      </c>
      <c r="F474" s="200" t="s">
        <v>536</v>
      </c>
      <c r="G474" s="200" t="s">
        <v>58</v>
      </c>
      <c r="H474" s="200" t="s">
        <v>326</v>
      </c>
      <c r="I474" s="212" t="s">
        <v>60</v>
      </c>
      <c r="J474" s="200" t="s">
        <v>334</v>
      </c>
      <c r="K474" s="200" t="s">
        <v>570</v>
      </c>
      <c r="L474" s="200" t="s">
        <v>63</v>
      </c>
      <c r="M474" s="200" t="s">
        <v>63</v>
      </c>
      <c r="N474" s="201">
        <v>71058.124799999991</v>
      </c>
      <c r="O474" s="201">
        <v>71058.124799999991</v>
      </c>
      <c r="P474" s="200" t="s">
        <v>64</v>
      </c>
      <c r="Q474" s="200" t="s">
        <v>82</v>
      </c>
      <c r="R474" s="210"/>
      <c r="S474" s="210"/>
      <c r="T474" s="210"/>
      <c r="U474" s="210"/>
      <c r="V474" s="210"/>
      <c r="W474" s="203"/>
      <c r="X474" s="210"/>
      <c r="Y474" s="210"/>
      <c r="Z474" s="210"/>
      <c r="AA474" s="210"/>
      <c r="AB474" s="210"/>
      <c r="AC474" s="210"/>
      <c r="AD474" s="203" t="s">
        <v>66</v>
      </c>
      <c r="AE474" s="210"/>
      <c r="AF474" s="210"/>
      <c r="AG474" s="210"/>
      <c r="AH474" s="210"/>
      <c r="AI474" s="210"/>
      <c r="AJ474" s="210"/>
      <c r="AK474" s="210"/>
      <c r="AL474" s="210"/>
      <c r="AM474" s="210"/>
      <c r="AN474" s="210"/>
      <c r="AO474" s="210"/>
      <c r="AP474" s="210"/>
      <c r="AQ474" s="210"/>
      <c r="AR474" s="210"/>
      <c r="AS474" s="210"/>
      <c r="AT474" s="210"/>
      <c r="AU474" s="210"/>
      <c r="AV474" s="210"/>
      <c r="AW474" s="204">
        <f t="shared" si="261"/>
        <v>234</v>
      </c>
      <c r="AX474" s="205">
        <f t="shared" si="295"/>
        <v>303.66719999999998</v>
      </c>
      <c r="AY474" s="203" t="str">
        <f t="shared" si="263"/>
        <v/>
      </c>
      <c r="AZ474" s="203" t="str">
        <f t="shared" si="264"/>
        <v/>
      </c>
      <c r="BA474" s="203" t="str">
        <f t="shared" si="265"/>
        <v/>
      </c>
      <c r="BB474" s="203" t="str">
        <f t="shared" si="266"/>
        <v/>
      </c>
      <c r="BC474" s="203" t="str">
        <f t="shared" si="267"/>
        <v/>
      </c>
      <c r="BD474" s="203" t="str">
        <f t="shared" si="268"/>
        <v/>
      </c>
      <c r="BE474" s="203" t="str">
        <f t="shared" si="269"/>
        <v/>
      </c>
      <c r="BF474" s="203" t="str">
        <f t="shared" si="270"/>
        <v/>
      </c>
      <c r="BG474" s="203" t="str">
        <f t="shared" si="271"/>
        <v/>
      </c>
      <c r="BH474" s="203" t="str">
        <f t="shared" si="272"/>
        <v/>
      </c>
      <c r="BI474" s="203" t="str">
        <f t="shared" si="273"/>
        <v/>
      </c>
      <c r="BJ474" s="203" t="str">
        <f t="shared" si="274"/>
        <v/>
      </c>
      <c r="BK474" s="203">
        <f t="shared" si="275"/>
        <v>71058.124799999991</v>
      </c>
      <c r="BL474" s="203" t="str">
        <f t="shared" si="276"/>
        <v/>
      </c>
      <c r="BM474" s="203" t="str">
        <f t="shared" si="277"/>
        <v/>
      </c>
      <c r="BN474" s="203" t="str">
        <f t="shared" si="278"/>
        <v/>
      </c>
      <c r="BO474" s="203" t="str">
        <f t="shared" si="279"/>
        <v/>
      </c>
      <c r="BP474" s="203" t="str">
        <f t="shared" si="280"/>
        <v/>
      </c>
      <c r="BQ474" s="203" t="str">
        <f t="shared" si="281"/>
        <v/>
      </c>
      <c r="BR474" s="203" t="str">
        <f t="shared" si="282"/>
        <v/>
      </c>
      <c r="BS474" s="203" t="str">
        <f t="shared" si="283"/>
        <v/>
      </c>
      <c r="BT474" s="203" t="str">
        <f t="shared" si="284"/>
        <v/>
      </c>
      <c r="BU474" s="203" t="str">
        <f t="shared" si="285"/>
        <v/>
      </c>
      <c r="BV474" s="203" t="str">
        <f t="shared" si="286"/>
        <v/>
      </c>
      <c r="BW474" s="203" t="str">
        <f t="shared" si="287"/>
        <v/>
      </c>
      <c r="BX474" s="203" t="str">
        <f t="shared" si="288"/>
        <v/>
      </c>
      <c r="BY474" s="203" t="str">
        <f t="shared" si="289"/>
        <v/>
      </c>
      <c r="BZ474" s="203" t="str">
        <f t="shared" si="290"/>
        <v/>
      </c>
      <c r="CA474" s="203" t="str">
        <f t="shared" si="291"/>
        <v/>
      </c>
      <c r="CB474" s="203" t="str">
        <f t="shared" si="292"/>
        <v/>
      </c>
      <c r="CC474" s="203" t="str">
        <f t="shared" si="293"/>
        <v/>
      </c>
      <c r="CD474" s="200"/>
      <c r="CE474" s="200"/>
      <c r="CF474" s="200"/>
    </row>
    <row r="475" spans="1:84" s="211" customFormat="1" ht="56.1" hidden="1" customHeight="1" x14ac:dyDescent="0.2">
      <c r="A475" s="198">
        <v>475</v>
      </c>
      <c r="B475" s="199" t="s">
        <v>53</v>
      </c>
      <c r="C475" s="208" t="s">
        <v>515</v>
      </c>
      <c r="D475" s="200" t="s">
        <v>518</v>
      </c>
      <c r="E475" s="200" t="s">
        <v>520</v>
      </c>
      <c r="F475" s="200" t="s">
        <v>520</v>
      </c>
      <c r="G475" s="200" t="s">
        <v>58</v>
      </c>
      <c r="H475" s="200" t="s">
        <v>326</v>
      </c>
      <c r="I475" s="212" t="s">
        <v>8</v>
      </c>
      <c r="J475" s="200" t="s">
        <v>334</v>
      </c>
      <c r="K475" s="200" t="s">
        <v>570</v>
      </c>
      <c r="L475" s="200" t="s">
        <v>63</v>
      </c>
      <c r="M475" s="200" t="s">
        <v>63</v>
      </c>
      <c r="N475" s="201">
        <v>186527.57759999999</v>
      </c>
      <c r="O475" s="201">
        <v>186527.57759999999</v>
      </c>
      <c r="P475" s="200" t="s">
        <v>64</v>
      </c>
      <c r="Q475" s="200" t="s">
        <v>82</v>
      </c>
      <c r="R475" s="210"/>
      <c r="S475" s="210"/>
      <c r="T475" s="210"/>
      <c r="U475" s="210"/>
      <c r="V475" s="210"/>
      <c r="W475" s="203"/>
      <c r="X475" s="210"/>
      <c r="Y475" s="210"/>
      <c r="Z475" s="210"/>
      <c r="AA475" s="210"/>
      <c r="AB475" s="210"/>
      <c r="AC475" s="210"/>
      <c r="AD475" s="203" t="s">
        <v>66</v>
      </c>
      <c r="AE475" s="210"/>
      <c r="AF475" s="210"/>
      <c r="AG475" s="210"/>
      <c r="AH475" s="210"/>
      <c r="AI475" s="210"/>
      <c r="AJ475" s="210"/>
      <c r="AK475" s="210"/>
      <c r="AL475" s="210"/>
      <c r="AM475" s="210"/>
      <c r="AN475" s="210"/>
      <c r="AO475" s="210"/>
      <c r="AP475" s="210"/>
      <c r="AQ475" s="210"/>
      <c r="AR475" s="210"/>
      <c r="AS475" s="210"/>
      <c r="AT475" s="210"/>
      <c r="AU475" s="210"/>
      <c r="AV475" s="210"/>
      <c r="AW475" s="204">
        <f t="shared" si="261"/>
        <v>234</v>
      </c>
      <c r="AX475" s="205">
        <f t="shared" si="295"/>
        <v>797.12639999999999</v>
      </c>
      <c r="AY475" s="203" t="str">
        <f t="shared" si="263"/>
        <v/>
      </c>
      <c r="AZ475" s="203" t="str">
        <f t="shared" si="264"/>
        <v/>
      </c>
      <c r="BA475" s="203" t="str">
        <f t="shared" si="265"/>
        <v/>
      </c>
      <c r="BB475" s="203" t="str">
        <f t="shared" si="266"/>
        <v/>
      </c>
      <c r="BC475" s="203" t="str">
        <f t="shared" si="267"/>
        <v/>
      </c>
      <c r="BD475" s="203" t="str">
        <f t="shared" si="268"/>
        <v/>
      </c>
      <c r="BE475" s="203" t="str">
        <f t="shared" si="269"/>
        <v/>
      </c>
      <c r="BF475" s="203" t="str">
        <f t="shared" si="270"/>
        <v/>
      </c>
      <c r="BG475" s="203" t="str">
        <f t="shared" si="271"/>
        <v/>
      </c>
      <c r="BH475" s="203" t="str">
        <f t="shared" si="272"/>
        <v/>
      </c>
      <c r="BI475" s="203" t="str">
        <f t="shared" si="273"/>
        <v/>
      </c>
      <c r="BJ475" s="203" t="str">
        <f t="shared" si="274"/>
        <v/>
      </c>
      <c r="BK475" s="203">
        <f t="shared" si="275"/>
        <v>186527.57759999999</v>
      </c>
      <c r="BL475" s="203" t="str">
        <f t="shared" si="276"/>
        <v/>
      </c>
      <c r="BM475" s="203" t="str">
        <f t="shared" si="277"/>
        <v/>
      </c>
      <c r="BN475" s="203" t="str">
        <f t="shared" si="278"/>
        <v/>
      </c>
      <c r="BO475" s="203" t="str">
        <f t="shared" si="279"/>
        <v/>
      </c>
      <c r="BP475" s="203" t="str">
        <f t="shared" si="280"/>
        <v/>
      </c>
      <c r="BQ475" s="203" t="str">
        <f t="shared" si="281"/>
        <v/>
      </c>
      <c r="BR475" s="203" t="str">
        <f t="shared" si="282"/>
        <v/>
      </c>
      <c r="BS475" s="203" t="str">
        <f t="shared" si="283"/>
        <v/>
      </c>
      <c r="BT475" s="203" t="str">
        <f t="shared" si="284"/>
        <v/>
      </c>
      <c r="BU475" s="203" t="str">
        <f t="shared" si="285"/>
        <v/>
      </c>
      <c r="BV475" s="203" t="str">
        <f t="shared" si="286"/>
        <v/>
      </c>
      <c r="BW475" s="203" t="str">
        <f t="shared" si="287"/>
        <v/>
      </c>
      <c r="BX475" s="203" t="str">
        <f t="shared" si="288"/>
        <v/>
      </c>
      <c r="BY475" s="203" t="str">
        <f t="shared" si="289"/>
        <v/>
      </c>
      <c r="BZ475" s="203" t="str">
        <f t="shared" si="290"/>
        <v/>
      </c>
      <c r="CA475" s="203" t="str">
        <f t="shared" si="291"/>
        <v/>
      </c>
      <c r="CB475" s="203" t="str">
        <f t="shared" si="292"/>
        <v/>
      </c>
      <c r="CC475" s="203" t="str">
        <f t="shared" si="293"/>
        <v/>
      </c>
      <c r="CD475" s="200"/>
      <c r="CE475" s="200"/>
      <c r="CF475" s="200"/>
    </row>
    <row r="476" spans="1:84" s="211" customFormat="1" ht="56.1" hidden="1" customHeight="1" x14ac:dyDescent="0.2">
      <c r="A476" s="198">
        <v>476</v>
      </c>
      <c r="B476" s="199" t="s">
        <v>53</v>
      </c>
      <c r="C476" s="208" t="s">
        <v>515</v>
      </c>
      <c r="D476" s="200" t="s">
        <v>521</v>
      </c>
      <c r="E476" s="200" t="s">
        <v>522</v>
      </c>
      <c r="F476" s="200" t="s">
        <v>522</v>
      </c>
      <c r="G476" s="200" t="s">
        <v>58</v>
      </c>
      <c r="H476" s="200" t="s">
        <v>326</v>
      </c>
      <c r="I476" s="212" t="s">
        <v>8</v>
      </c>
      <c r="J476" s="200" t="s">
        <v>334</v>
      </c>
      <c r="K476" s="200" t="s">
        <v>570</v>
      </c>
      <c r="L476" s="200" t="s">
        <v>63</v>
      </c>
      <c r="M476" s="200" t="s">
        <v>63</v>
      </c>
      <c r="N476" s="201">
        <v>260546.45759999999</v>
      </c>
      <c r="O476" s="201">
        <v>260546.45759999999</v>
      </c>
      <c r="P476" s="200" t="s">
        <v>64</v>
      </c>
      <c r="Q476" s="200" t="s">
        <v>82</v>
      </c>
      <c r="R476" s="210"/>
      <c r="S476" s="210"/>
      <c r="T476" s="210"/>
      <c r="U476" s="210"/>
      <c r="V476" s="210"/>
      <c r="W476" s="203"/>
      <c r="X476" s="210"/>
      <c r="Y476" s="210"/>
      <c r="Z476" s="210"/>
      <c r="AA476" s="210"/>
      <c r="AB476" s="210"/>
      <c r="AC476" s="210"/>
      <c r="AD476" s="203" t="s">
        <v>66</v>
      </c>
      <c r="AE476" s="210"/>
      <c r="AF476" s="210"/>
      <c r="AG476" s="210"/>
      <c r="AH476" s="210"/>
      <c r="AI476" s="210"/>
      <c r="AJ476" s="210"/>
      <c r="AK476" s="210"/>
      <c r="AL476" s="210"/>
      <c r="AM476" s="210"/>
      <c r="AN476" s="210"/>
      <c r="AO476" s="210"/>
      <c r="AP476" s="210"/>
      <c r="AQ476" s="210"/>
      <c r="AR476" s="210"/>
      <c r="AS476" s="210"/>
      <c r="AT476" s="210"/>
      <c r="AU476" s="210"/>
      <c r="AV476" s="210"/>
      <c r="AW476" s="204">
        <f t="shared" si="261"/>
        <v>234</v>
      </c>
      <c r="AX476" s="205">
        <f t="shared" si="295"/>
        <v>1113.4464</v>
      </c>
      <c r="AY476" s="203" t="str">
        <f t="shared" si="263"/>
        <v/>
      </c>
      <c r="AZ476" s="203" t="str">
        <f t="shared" si="264"/>
        <v/>
      </c>
      <c r="BA476" s="203" t="str">
        <f t="shared" si="265"/>
        <v/>
      </c>
      <c r="BB476" s="203" t="str">
        <f t="shared" si="266"/>
        <v/>
      </c>
      <c r="BC476" s="203" t="str">
        <f t="shared" si="267"/>
        <v/>
      </c>
      <c r="BD476" s="203" t="str">
        <f t="shared" si="268"/>
        <v/>
      </c>
      <c r="BE476" s="203" t="str">
        <f t="shared" si="269"/>
        <v/>
      </c>
      <c r="BF476" s="203" t="str">
        <f t="shared" si="270"/>
        <v/>
      </c>
      <c r="BG476" s="203" t="str">
        <f t="shared" si="271"/>
        <v/>
      </c>
      <c r="BH476" s="203" t="str">
        <f t="shared" si="272"/>
        <v/>
      </c>
      <c r="BI476" s="203" t="str">
        <f t="shared" si="273"/>
        <v/>
      </c>
      <c r="BJ476" s="203" t="str">
        <f t="shared" si="274"/>
        <v/>
      </c>
      <c r="BK476" s="203">
        <f t="shared" si="275"/>
        <v>260546.45760000002</v>
      </c>
      <c r="BL476" s="203" t="str">
        <f t="shared" si="276"/>
        <v/>
      </c>
      <c r="BM476" s="203" t="str">
        <f t="shared" si="277"/>
        <v/>
      </c>
      <c r="BN476" s="203" t="str">
        <f t="shared" si="278"/>
        <v/>
      </c>
      <c r="BO476" s="203" t="str">
        <f t="shared" si="279"/>
        <v/>
      </c>
      <c r="BP476" s="203" t="str">
        <f t="shared" si="280"/>
        <v/>
      </c>
      <c r="BQ476" s="203" t="str">
        <f t="shared" si="281"/>
        <v/>
      </c>
      <c r="BR476" s="203" t="str">
        <f t="shared" si="282"/>
        <v/>
      </c>
      <c r="BS476" s="203" t="str">
        <f t="shared" si="283"/>
        <v/>
      </c>
      <c r="BT476" s="203" t="str">
        <f t="shared" si="284"/>
        <v/>
      </c>
      <c r="BU476" s="203" t="str">
        <f t="shared" si="285"/>
        <v/>
      </c>
      <c r="BV476" s="203" t="str">
        <f t="shared" si="286"/>
        <v/>
      </c>
      <c r="BW476" s="203" t="str">
        <f t="shared" si="287"/>
        <v/>
      </c>
      <c r="BX476" s="203" t="str">
        <f t="shared" si="288"/>
        <v/>
      </c>
      <c r="BY476" s="203" t="str">
        <f t="shared" si="289"/>
        <v/>
      </c>
      <c r="BZ476" s="203" t="str">
        <f t="shared" si="290"/>
        <v/>
      </c>
      <c r="CA476" s="203" t="str">
        <f t="shared" si="291"/>
        <v/>
      </c>
      <c r="CB476" s="203" t="str">
        <f t="shared" si="292"/>
        <v/>
      </c>
      <c r="CC476" s="203" t="str">
        <f t="shared" si="293"/>
        <v/>
      </c>
      <c r="CD476" s="200"/>
      <c r="CE476" s="200"/>
      <c r="CF476" s="200"/>
    </row>
    <row r="477" spans="1:84" s="211" customFormat="1" ht="56.1" hidden="1" customHeight="1" x14ac:dyDescent="0.2">
      <c r="A477" s="198">
        <v>477</v>
      </c>
      <c r="B477" s="199" t="s">
        <v>53</v>
      </c>
      <c r="C477" s="208" t="s">
        <v>515</v>
      </c>
      <c r="D477" s="200" t="s">
        <v>523</v>
      </c>
      <c r="E477" s="200" t="s">
        <v>540</v>
      </c>
      <c r="F477" s="200" t="s">
        <v>540</v>
      </c>
      <c r="G477" s="200" t="s">
        <v>58</v>
      </c>
      <c r="H477" s="200" t="s">
        <v>326</v>
      </c>
      <c r="I477" s="200" t="s">
        <v>388</v>
      </c>
      <c r="J477" s="200" t="s">
        <v>525</v>
      </c>
      <c r="K477" s="200" t="s">
        <v>570</v>
      </c>
      <c r="L477" s="200" t="s">
        <v>63</v>
      </c>
      <c r="M477" s="200" t="s">
        <v>63</v>
      </c>
      <c r="N477" s="201">
        <v>43494</v>
      </c>
      <c r="O477" s="201">
        <v>43494</v>
      </c>
      <c r="P477" s="200" t="s">
        <v>64</v>
      </c>
      <c r="Q477" s="200" t="s">
        <v>82</v>
      </c>
      <c r="R477" s="210"/>
      <c r="S477" s="210"/>
      <c r="T477" s="210"/>
      <c r="U477" s="210"/>
      <c r="V477" s="210"/>
      <c r="W477" s="203"/>
      <c r="X477" s="210"/>
      <c r="Y477" s="210"/>
      <c r="Z477" s="210"/>
      <c r="AA477" s="210"/>
      <c r="AB477" s="210"/>
      <c r="AC477" s="210"/>
      <c r="AD477" s="203" t="s">
        <v>66</v>
      </c>
      <c r="AE477" s="210"/>
      <c r="AF477" s="210"/>
      <c r="AG477" s="210"/>
      <c r="AH477" s="210"/>
      <c r="AI477" s="210"/>
      <c r="AJ477" s="210"/>
      <c r="AK477" s="210"/>
      <c r="AL477" s="210"/>
      <c r="AM477" s="210"/>
      <c r="AN477" s="210"/>
      <c r="AO477" s="210"/>
      <c r="AP477" s="210"/>
      <c r="AQ477" s="210"/>
      <c r="AR477" s="210"/>
      <c r="AS477" s="210"/>
      <c r="AT477" s="210"/>
      <c r="AU477" s="210"/>
      <c r="AV477" s="210"/>
      <c r="AW477" s="204">
        <f t="shared" si="261"/>
        <v>234</v>
      </c>
      <c r="AX477" s="205">
        <f t="shared" si="295"/>
        <v>185.87179487179486</v>
      </c>
      <c r="AY477" s="203" t="str">
        <f t="shared" si="263"/>
        <v/>
      </c>
      <c r="AZ477" s="203" t="str">
        <f t="shared" si="264"/>
        <v/>
      </c>
      <c r="BA477" s="203" t="str">
        <f t="shared" si="265"/>
        <v/>
      </c>
      <c r="BB477" s="203" t="str">
        <f t="shared" si="266"/>
        <v/>
      </c>
      <c r="BC477" s="203" t="str">
        <f t="shared" si="267"/>
        <v/>
      </c>
      <c r="BD477" s="203" t="str">
        <f t="shared" si="268"/>
        <v/>
      </c>
      <c r="BE477" s="203" t="str">
        <f t="shared" si="269"/>
        <v/>
      </c>
      <c r="BF477" s="203" t="str">
        <f t="shared" si="270"/>
        <v/>
      </c>
      <c r="BG477" s="203" t="str">
        <f t="shared" si="271"/>
        <v/>
      </c>
      <c r="BH477" s="203" t="str">
        <f t="shared" si="272"/>
        <v/>
      </c>
      <c r="BI477" s="203" t="str">
        <f t="shared" si="273"/>
        <v/>
      </c>
      <c r="BJ477" s="203" t="str">
        <f t="shared" si="274"/>
        <v/>
      </c>
      <c r="BK477" s="203">
        <f t="shared" si="275"/>
        <v>43494</v>
      </c>
      <c r="BL477" s="203" t="str">
        <f t="shared" si="276"/>
        <v/>
      </c>
      <c r="BM477" s="203" t="str">
        <f t="shared" si="277"/>
        <v/>
      </c>
      <c r="BN477" s="203" t="str">
        <f t="shared" si="278"/>
        <v/>
      </c>
      <c r="BO477" s="203" t="str">
        <f t="shared" si="279"/>
        <v/>
      </c>
      <c r="BP477" s="203" t="str">
        <f t="shared" si="280"/>
        <v/>
      </c>
      <c r="BQ477" s="203" t="str">
        <f t="shared" si="281"/>
        <v/>
      </c>
      <c r="BR477" s="203" t="str">
        <f t="shared" si="282"/>
        <v/>
      </c>
      <c r="BS477" s="203" t="str">
        <f t="shared" si="283"/>
        <v/>
      </c>
      <c r="BT477" s="203" t="str">
        <f t="shared" si="284"/>
        <v/>
      </c>
      <c r="BU477" s="203" t="str">
        <f t="shared" si="285"/>
        <v/>
      </c>
      <c r="BV477" s="203" t="str">
        <f t="shared" si="286"/>
        <v/>
      </c>
      <c r="BW477" s="203" t="str">
        <f t="shared" si="287"/>
        <v/>
      </c>
      <c r="BX477" s="203" t="str">
        <f t="shared" si="288"/>
        <v/>
      </c>
      <c r="BY477" s="203" t="str">
        <f t="shared" si="289"/>
        <v/>
      </c>
      <c r="BZ477" s="203" t="str">
        <f t="shared" si="290"/>
        <v/>
      </c>
      <c r="CA477" s="203" t="str">
        <f t="shared" si="291"/>
        <v/>
      </c>
      <c r="CB477" s="203" t="str">
        <f t="shared" si="292"/>
        <v/>
      </c>
      <c r="CC477" s="203" t="str">
        <f t="shared" si="293"/>
        <v/>
      </c>
      <c r="CD477" s="200"/>
      <c r="CE477" s="200"/>
      <c r="CF477" s="200"/>
    </row>
    <row r="478" spans="1:84" s="211" customFormat="1" ht="56.1" hidden="1" customHeight="1" x14ac:dyDescent="0.2">
      <c r="A478" s="198">
        <v>478</v>
      </c>
      <c r="B478" s="199" t="s">
        <v>53</v>
      </c>
      <c r="C478" s="208" t="s">
        <v>515</v>
      </c>
      <c r="D478" s="200" t="s">
        <v>539</v>
      </c>
      <c r="E478" s="200" t="s">
        <v>541</v>
      </c>
      <c r="F478" s="200" t="s">
        <v>541</v>
      </c>
      <c r="G478" s="200" t="s">
        <v>58</v>
      </c>
      <c r="H478" s="200" t="s">
        <v>326</v>
      </c>
      <c r="I478" s="200" t="s">
        <v>388</v>
      </c>
      <c r="J478" s="200" t="s">
        <v>525</v>
      </c>
      <c r="K478" s="200" t="s">
        <v>570</v>
      </c>
      <c r="L478" s="200" t="s">
        <v>63</v>
      </c>
      <c r="M478" s="200" t="s">
        <v>63</v>
      </c>
      <c r="N478" s="201">
        <v>105440</v>
      </c>
      <c r="O478" s="201">
        <v>105440</v>
      </c>
      <c r="P478" s="200" t="s">
        <v>64</v>
      </c>
      <c r="Q478" s="200" t="s">
        <v>82</v>
      </c>
      <c r="R478" s="210"/>
      <c r="S478" s="210"/>
      <c r="T478" s="210"/>
      <c r="U478" s="210"/>
      <c r="V478" s="210"/>
      <c r="W478" s="203"/>
      <c r="X478" s="210"/>
      <c r="Y478" s="210"/>
      <c r="Z478" s="210"/>
      <c r="AA478" s="210"/>
      <c r="AB478" s="210"/>
      <c r="AC478" s="210"/>
      <c r="AD478" s="203" t="s">
        <v>66</v>
      </c>
      <c r="AE478" s="210"/>
      <c r="AF478" s="210"/>
      <c r="AG478" s="210"/>
      <c r="AH478" s="210"/>
      <c r="AI478" s="210"/>
      <c r="AJ478" s="210"/>
      <c r="AK478" s="210"/>
      <c r="AL478" s="210"/>
      <c r="AM478" s="210"/>
      <c r="AN478" s="210"/>
      <c r="AO478" s="210"/>
      <c r="AP478" s="210"/>
      <c r="AQ478" s="210"/>
      <c r="AR478" s="210"/>
      <c r="AS478" s="210"/>
      <c r="AT478" s="210"/>
      <c r="AU478" s="210"/>
      <c r="AV478" s="210"/>
      <c r="AW478" s="204">
        <f t="shared" si="261"/>
        <v>234</v>
      </c>
      <c r="AX478" s="205">
        <f t="shared" si="295"/>
        <v>450.59829059829059</v>
      </c>
      <c r="AY478" s="203" t="str">
        <f t="shared" si="263"/>
        <v/>
      </c>
      <c r="AZ478" s="203" t="str">
        <f t="shared" si="264"/>
        <v/>
      </c>
      <c r="BA478" s="203" t="str">
        <f t="shared" si="265"/>
        <v/>
      </c>
      <c r="BB478" s="203" t="str">
        <f t="shared" si="266"/>
        <v/>
      </c>
      <c r="BC478" s="203" t="str">
        <f t="shared" si="267"/>
        <v/>
      </c>
      <c r="BD478" s="203" t="str">
        <f t="shared" si="268"/>
        <v/>
      </c>
      <c r="BE478" s="203" t="str">
        <f t="shared" si="269"/>
        <v/>
      </c>
      <c r="BF478" s="203" t="str">
        <f t="shared" si="270"/>
        <v/>
      </c>
      <c r="BG478" s="203" t="str">
        <f t="shared" si="271"/>
        <v/>
      </c>
      <c r="BH478" s="203" t="str">
        <f t="shared" si="272"/>
        <v/>
      </c>
      <c r="BI478" s="203" t="str">
        <f t="shared" si="273"/>
        <v/>
      </c>
      <c r="BJ478" s="203" t="str">
        <f t="shared" si="274"/>
        <v/>
      </c>
      <c r="BK478" s="203">
        <f t="shared" si="275"/>
        <v>105440</v>
      </c>
      <c r="BL478" s="203" t="str">
        <f t="shared" si="276"/>
        <v/>
      </c>
      <c r="BM478" s="203" t="str">
        <f t="shared" si="277"/>
        <v/>
      </c>
      <c r="BN478" s="203" t="str">
        <f t="shared" si="278"/>
        <v/>
      </c>
      <c r="BO478" s="203" t="str">
        <f t="shared" si="279"/>
        <v/>
      </c>
      <c r="BP478" s="203" t="str">
        <f t="shared" si="280"/>
        <v/>
      </c>
      <c r="BQ478" s="203" t="str">
        <f t="shared" si="281"/>
        <v/>
      </c>
      <c r="BR478" s="203" t="str">
        <f t="shared" si="282"/>
        <v/>
      </c>
      <c r="BS478" s="203" t="str">
        <f t="shared" si="283"/>
        <v/>
      </c>
      <c r="BT478" s="203" t="str">
        <f t="shared" si="284"/>
        <v/>
      </c>
      <c r="BU478" s="203" t="str">
        <f t="shared" si="285"/>
        <v/>
      </c>
      <c r="BV478" s="203" t="str">
        <f t="shared" si="286"/>
        <v/>
      </c>
      <c r="BW478" s="203" t="str">
        <f t="shared" si="287"/>
        <v/>
      </c>
      <c r="BX478" s="203" t="str">
        <f t="shared" si="288"/>
        <v/>
      </c>
      <c r="BY478" s="203" t="str">
        <f t="shared" si="289"/>
        <v/>
      </c>
      <c r="BZ478" s="203" t="str">
        <f t="shared" si="290"/>
        <v/>
      </c>
      <c r="CA478" s="203" t="str">
        <f t="shared" si="291"/>
        <v/>
      </c>
      <c r="CB478" s="203" t="str">
        <f t="shared" si="292"/>
        <v/>
      </c>
      <c r="CC478" s="203" t="str">
        <f t="shared" si="293"/>
        <v/>
      </c>
      <c r="CD478" s="200"/>
      <c r="CE478" s="200"/>
      <c r="CF478" s="200"/>
    </row>
    <row r="479" spans="1:84" s="211" customFormat="1" ht="56.1" hidden="1" customHeight="1" x14ac:dyDescent="0.2">
      <c r="A479" s="198">
        <v>479</v>
      </c>
      <c r="B479" s="199" t="s">
        <v>53</v>
      </c>
      <c r="C479" s="208" t="s">
        <v>515</v>
      </c>
      <c r="D479" s="200" t="s">
        <v>528</v>
      </c>
      <c r="E479" s="200" t="s">
        <v>542</v>
      </c>
      <c r="F479" s="200" t="s">
        <v>542</v>
      </c>
      <c r="G479" s="200" t="s">
        <v>58</v>
      </c>
      <c r="H479" s="200" t="s">
        <v>326</v>
      </c>
      <c r="I479" s="200" t="s">
        <v>388</v>
      </c>
      <c r="J479" s="200" t="s">
        <v>525</v>
      </c>
      <c r="K479" s="200" t="s">
        <v>570</v>
      </c>
      <c r="L479" s="200" t="s">
        <v>63</v>
      </c>
      <c r="M479" s="200" t="s">
        <v>63</v>
      </c>
      <c r="N479" s="201">
        <v>184520</v>
      </c>
      <c r="O479" s="201">
        <v>184520</v>
      </c>
      <c r="P479" s="200" t="s">
        <v>64</v>
      </c>
      <c r="Q479" s="200" t="s">
        <v>82</v>
      </c>
      <c r="R479" s="210"/>
      <c r="S479" s="210"/>
      <c r="T479" s="210"/>
      <c r="U479" s="210"/>
      <c r="V479" s="210"/>
      <c r="W479" s="203"/>
      <c r="X479" s="210"/>
      <c r="Y479" s="210"/>
      <c r="Z479" s="210"/>
      <c r="AA479" s="210"/>
      <c r="AB479" s="210"/>
      <c r="AC479" s="210"/>
      <c r="AD479" s="203" t="s">
        <v>66</v>
      </c>
      <c r="AE479" s="210"/>
      <c r="AF479" s="210"/>
      <c r="AG479" s="210"/>
      <c r="AH479" s="210"/>
      <c r="AI479" s="210"/>
      <c r="AJ479" s="210"/>
      <c r="AK479" s="210"/>
      <c r="AL479" s="210"/>
      <c r="AM479" s="210"/>
      <c r="AN479" s="210"/>
      <c r="AO479" s="210"/>
      <c r="AP479" s="210"/>
      <c r="AQ479" s="210"/>
      <c r="AR479" s="210"/>
      <c r="AS479" s="210"/>
      <c r="AT479" s="210"/>
      <c r="AU479" s="210"/>
      <c r="AV479" s="210"/>
      <c r="AW479" s="204">
        <f t="shared" si="261"/>
        <v>234</v>
      </c>
      <c r="AX479" s="205">
        <f t="shared" si="295"/>
        <v>788.54700854700855</v>
      </c>
      <c r="AY479" s="203" t="str">
        <f t="shared" si="263"/>
        <v/>
      </c>
      <c r="AZ479" s="203" t="str">
        <f t="shared" si="264"/>
        <v/>
      </c>
      <c r="BA479" s="203" t="str">
        <f t="shared" si="265"/>
        <v/>
      </c>
      <c r="BB479" s="203" t="str">
        <f t="shared" si="266"/>
        <v/>
      </c>
      <c r="BC479" s="203" t="str">
        <f t="shared" si="267"/>
        <v/>
      </c>
      <c r="BD479" s="203" t="str">
        <f t="shared" si="268"/>
        <v/>
      </c>
      <c r="BE479" s="203" t="str">
        <f t="shared" si="269"/>
        <v/>
      </c>
      <c r="BF479" s="203" t="str">
        <f t="shared" si="270"/>
        <v/>
      </c>
      <c r="BG479" s="203" t="str">
        <f t="shared" si="271"/>
        <v/>
      </c>
      <c r="BH479" s="203" t="str">
        <f t="shared" si="272"/>
        <v/>
      </c>
      <c r="BI479" s="203" t="str">
        <f t="shared" si="273"/>
        <v/>
      </c>
      <c r="BJ479" s="203" t="str">
        <f t="shared" si="274"/>
        <v/>
      </c>
      <c r="BK479" s="203">
        <f t="shared" si="275"/>
        <v>184520</v>
      </c>
      <c r="BL479" s="203" t="str">
        <f t="shared" si="276"/>
        <v/>
      </c>
      <c r="BM479" s="203" t="str">
        <f t="shared" si="277"/>
        <v/>
      </c>
      <c r="BN479" s="203" t="str">
        <f t="shared" si="278"/>
        <v/>
      </c>
      <c r="BO479" s="203" t="str">
        <f t="shared" si="279"/>
        <v/>
      </c>
      <c r="BP479" s="203" t="str">
        <f t="shared" si="280"/>
        <v/>
      </c>
      <c r="BQ479" s="203" t="str">
        <f t="shared" si="281"/>
        <v/>
      </c>
      <c r="BR479" s="203" t="str">
        <f t="shared" si="282"/>
        <v/>
      </c>
      <c r="BS479" s="203" t="str">
        <f t="shared" si="283"/>
        <v/>
      </c>
      <c r="BT479" s="203" t="str">
        <f t="shared" si="284"/>
        <v/>
      </c>
      <c r="BU479" s="203" t="str">
        <f t="shared" si="285"/>
        <v/>
      </c>
      <c r="BV479" s="203" t="str">
        <f t="shared" si="286"/>
        <v/>
      </c>
      <c r="BW479" s="203" t="str">
        <f t="shared" si="287"/>
        <v/>
      </c>
      <c r="BX479" s="203" t="str">
        <f t="shared" si="288"/>
        <v/>
      </c>
      <c r="BY479" s="203" t="str">
        <f t="shared" si="289"/>
        <v/>
      </c>
      <c r="BZ479" s="203" t="str">
        <f t="shared" si="290"/>
        <v/>
      </c>
      <c r="CA479" s="203" t="str">
        <f t="shared" si="291"/>
        <v/>
      </c>
      <c r="CB479" s="203" t="str">
        <f t="shared" si="292"/>
        <v/>
      </c>
      <c r="CC479" s="203" t="str">
        <f t="shared" si="293"/>
        <v/>
      </c>
      <c r="CD479" s="200"/>
      <c r="CE479" s="200"/>
      <c r="CF479" s="200"/>
    </row>
    <row r="480" spans="1:84" s="211" customFormat="1" ht="56.1" hidden="1" customHeight="1" x14ac:dyDescent="0.2">
      <c r="A480" s="198">
        <v>480</v>
      </c>
      <c r="B480" s="199" t="s">
        <v>53</v>
      </c>
      <c r="C480" s="208" t="s">
        <v>515</v>
      </c>
      <c r="D480" s="200" t="s">
        <v>530</v>
      </c>
      <c r="E480" s="200" t="s">
        <v>532</v>
      </c>
      <c r="F480" s="200" t="s">
        <v>532</v>
      </c>
      <c r="G480" s="200" t="s">
        <v>58</v>
      </c>
      <c r="H480" s="200" t="s">
        <v>326</v>
      </c>
      <c r="I480" s="200" t="s">
        <v>8</v>
      </c>
      <c r="J480" s="200" t="s">
        <v>525</v>
      </c>
      <c r="K480" s="200" t="s">
        <v>570</v>
      </c>
      <c r="L480" s="200" t="s">
        <v>63</v>
      </c>
      <c r="M480" s="200" t="s">
        <v>63</v>
      </c>
      <c r="N480" s="201">
        <v>0</v>
      </c>
      <c r="O480" s="201">
        <v>0</v>
      </c>
      <c r="P480" s="200" t="s">
        <v>64</v>
      </c>
      <c r="Q480" s="200" t="s">
        <v>82</v>
      </c>
      <c r="R480" s="210"/>
      <c r="S480" s="210"/>
      <c r="T480" s="210"/>
      <c r="U480" s="210"/>
      <c r="V480" s="210"/>
      <c r="W480" s="203"/>
      <c r="X480" s="210"/>
      <c r="Y480" s="210"/>
      <c r="Z480" s="210"/>
      <c r="AA480" s="210"/>
      <c r="AB480" s="210"/>
      <c r="AC480" s="210"/>
      <c r="AD480" s="203" t="s">
        <v>66</v>
      </c>
      <c r="AE480" s="210"/>
      <c r="AF480" s="210"/>
      <c r="AG480" s="210"/>
      <c r="AH480" s="210"/>
      <c r="AI480" s="210"/>
      <c r="AJ480" s="210"/>
      <c r="AK480" s="210"/>
      <c r="AL480" s="210"/>
      <c r="AM480" s="210"/>
      <c r="AN480" s="210"/>
      <c r="AO480" s="210"/>
      <c r="AP480" s="210"/>
      <c r="AQ480" s="210"/>
      <c r="AR480" s="210"/>
      <c r="AS480" s="210"/>
      <c r="AT480" s="210"/>
      <c r="AU480" s="210"/>
      <c r="AV480" s="210"/>
      <c r="AW480" s="204">
        <f t="shared" si="261"/>
        <v>234</v>
      </c>
      <c r="AX480" s="205"/>
      <c r="AY480" s="203" t="str">
        <f t="shared" si="263"/>
        <v/>
      </c>
      <c r="AZ480" s="203" t="str">
        <f t="shared" si="264"/>
        <v/>
      </c>
      <c r="BA480" s="203" t="str">
        <f t="shared" si="265"/>
        <v/>
      </c>
      <c r="BB480" s="203" t="str">
        <f t="shared" si="266"/>
        <v/>
      </c>
      <c r="BC480" s="203" t="str">
        <f t="shared" si="267"/>
        <v/>
      </c>
      <c r="BD480" s="203" t="str">
        <f t="shared" si="268"/>
        <v/>
      </c>
      <c r="BE480" s="203" t="str">
        <f t="shared" si="269"/>
        <v/>
      </c>
      <c r="BF480" s="203" t="str">
        <f t="shared" si="270"/>
        <v/>
      </c>
      <c r="BG480" s="203" t="str">
        <f t="shared" si="271"/>
        <v/>
      </c>
      <c r="BH480" s="203" t="str">
        <f t="shared" si="272"/>
        <v/>
      </c>
      <c r="BI480" s="203" t="str">
        <f t="shared" si="273"/>
        <v/>
      </c>
      <c r="BJ480" s="203" t="str">
        <f t="shared" si="274"/>
        <v/>
      </c>
      <c r="BK480" s="203">
        <f t="shared" si="275"/>
        <v>0</v>
      </c>
      <c r="BL480" s="203" t="str">
        <f t="shared" si="276"/>
        <v/>
      </c>
      <c r="BM480" s="203" t="str">
        <f t="shared" si="277"/>
        <v/>
      </c>
      <c r="BN480" s="203" t="str">
        <f t="shared" si="278"/>
        <v/>
      </c>
      <c r="BO480" s="203" t="str">
        <f t="shared" si="279"/>
        <v/>
      </c>
      <c r="BP480" s="203" t="str">
        <f t="shared" si="280"/>
        <v/>
      </c>
      <c r="BQ480" s="203" t="str">
        <f t="shared" si="281"/>
        <v/>
      </c>
      <c r="BR480" s="203" t="str">
        <f t="shared" si="282"/>
        <v/>
      </c>
      <c r="BS480" s="203" t="str">
        <f t="shared" si="283"/>
        <v/>
      </c>
      <c r="BT480" s="203" t="str">
        <f t="shared" si="284"/>
        <v/>
      </c>
      <c r="BU480" s="203" t="str">
        <f t="shared" si="285"/>
        <v/>
      </c>
      <c r="BV480" s="203" t="str">
        <f t="shared" si="286"/>
        <v/>
      </c>
      <c r="BW480" s="203" t="str">
        <f t="shared" si="287"/>
        <v/>
      </c>
      <c r="BX480" s="203" t="str">
        <f t="shared" si="288"/>
        <v/>
      </c>
      <c r="BY480" s="203" t="str">
        <f t="shared" si="289"/>
        <v/>
      </c>
      <c r="BZ480" s="203" t="str">
        <f t="shared" si="290"/>
        <v/>
      </c>
      <c r="CA480" s="203" t="str">
        <f t="shared" si="291"/>
        <v/>
      </c>
      <c r="CB480" s="203" t="str">
        <f t="shared" si="292"/>
        <v/>
      </c>
      <c r="CC480" s="203" t="str">
        <f t="shared" si="293"/>
        <v/>
      </c>
      <c r="CD480" s="200"/>
      <c r="CE480" s="200"/>
      <c r="CF480" s="200"/>
    </row>
    <row r="481" spans="1:84" s="211" customFormat="1" ht="56.1" hidden="1" customHeight="1" x14ac:dyDescent="0.2">
      <c r="A481" s="198">
        <v>481</v>
      </c>
      <c r="B481" s="199" t="s">
        <v>53</v>
      </c>
      <c r="C481" s="208" t="s">
        <v>515</v>
      </c>
      <c r="D481" s="200" t="s">
        <v>533</v>
      </c>
      <c r="E481" s="200" t="s">
        <v>534</v>
      </c>
      <c r="F481" s="200" t="s">
        <v>534</v>
      </c>
      <c r="G481" s="200" t="s">
        <v>58</v>
      </c>
      <c r="H481" s="200" t="s">
        <v>326</v>
      </c>
      <c r="I481" s="200" t="s">
        <v>81</v>
      </c>
      <c r="J481" s="200" t="s">
        <v>334</v>
      </c>
      <c r="K481" s="200" t="s">
        <v>570</v>
      </c>
      <c r="L481" s="200" t="s">
        <v>63</v>
      </c>
      <c r="M481" s="200" t="s">
        <v>63</v>
      </c>
      <c r="N481" s="201">
        <v>41635.620000000003</v>
      </c>
      <c r="O481" s="201">
        <v>41635.620000000003</v>
      </c>
      <c r="P481" s="200" t="s">
        <v>64</v>
      </c>
      <c r="Q481" s="200" t="s">
        <v>82</v>
      </c>
      <c r="R481" s="210"/>
      <c r="S481" s="210"/>
      <c r="T481" s="210"/>
      <c r="U481" s="210"/>
      <c r="V481" s="210"/>
      <c r="W481" s="203"/>
      <c r="X481" s="210"/>
      <c r="Y481" s="210"/>
      <c r="Z481" s="210"/>
      <c r="AA481" s="210"/>
      <c r="AB481" s="210"/>
      <c r="AC481" s="210"/>
      <c r="AD481" s="203" t="s">
        <v>66</v>
      </c>
      <c r="AE481" s="210"/>
      <c r="AF481" s="210"/>
      <c r="AG481" s="210"/>
      <c r="AH481" s="210"/>
      <c r="AI481" s="210"/>
      <c r="AJ481" s="210"/>
      <c r="AK481" s="210"/>
      <c r="AL481" s="210"/>
      <c r="AM481" s="210"/>
      <c r="AN481" s="210"/>
      <c r="AO481" s="210"/>
      <c r="AP481" s="210"/>
      <c r="AQ481" s="210"/>
      <c r="AR481" s="210"/>
      <c r="AS481" s="210"/>
      <c r="AT481" s="210"/>
      <c r="AU481" s="210"/>
      <c r="AV481" s="210"/>
      <c r="AW481" s="204">
        <f t="shared" si="261"/>
        <v>234</v>
      </c>
      <c r="AX481" s="205">
        <f t="shared" ref="AX481:AX503" si="296">O481/AW481</f>
        <v>177.93</v>
      </c>
      <c r="AY481" s="203" t="str">
        <f t="shared" si="263"/>
        <v/>
      </c>
      <c r="AZ481" s="203" t="str">
        <f t="shared" si="264"/>
        <v/>
      </c>
      <c r="BA481" s="203" t="str">
        <f t="shared" si="265"/>
        <v/>
      </c>
      <c r="BB481" s="203" t="str">
        <f t="shared" si="266"/>
        <v/>
      </c>
      <c r="BC481" s="203" t="str">
        <f t="shared" si="267"/>
        <v/>
      </c>
      <c r="BD481" s="203" t="str">
        <f t="shared" si="268"/>
        <v/>
      </c>
      <c r="BE481" s="203" t="str">
        <f t="shared" si="269"/>
        <v/>
      </c>
      <c r="BF481" s="203" t="str">
        <f t="shared" si="270"/>
        <v/>
      </c>
      <c r="BG481" s="203" t="str">
        <f t="shared" si="271"/>
        <v/>
      </c>
      <c r="BH481" s="203" t="str">
        <f t="shared" si="272"/>
        <v/>
      </c>
      <c r="BI481" s="203" t="str">
        <f t="shared" si="273"/>
        <v/>
      </c>
      <c r="BJ481" s="203" t="str">
        <f t="shared" si="274"/>
        <v/>
      </c>
      <c r="BK481" s="203">
        <f t="shared" si="275"/>
        <v>41635.620000000003</v>
      </c>
      <c r="BL481" s="203" t="str">
        <f t="shared" si="276"/>
        <v/>
      </c>
      <c r="BM481" s="203" t="str">
        <f t="shared" si="277"/>
        <v/>
      </c>
      <c r="BN481" s="203" t="str">
        <f t="shared" si="278"/>
        <v/>
      </c>
      <c r="BO481" s="203" t="str">
        <f t="shared" si="279"/>
        <v/>
      </c>
      <c r="BP481" s="203" t="str">
        <f t="shared" si="280"/>
        <v/>
      </c>
      <c r="BQ481" s="203" t="str">
        <f t="shared" si="281"/>
        <v/>
      </c>
      <c r="BR481" s="203" t="str">
        <f t="shared" si="282"/>
        <v/>
      </c>
      <c r="BS481" s="203" t="str">
        <f t="shared" si="283"/>
        <v/>
      </c>
      <c r="BT481" s="203" t="str">
        <f t="shared" si="284"/>
        <v/>
      </c>
      <c r="BU481" s="203" t="str">
        <f t="shared" si="285"/>
        <v/>
      </c>
      <c r="BV481" s="203" t="str">
        <f t="shared" si="286"/>
        <v/>
      </c>
      <c r="BW481" s="203" t="str">
        <f t="shared" si="287"/>
        <v/>
      </c>
      <c r="BX481" s="203" t="str">
        <f t="shared" si="288"/>
        <v/>
      </c>
      <c r="BY481" s="203" t="str">
        <f t="shared" si="289"/>
        <v/>
      </c>
      <c r="BZ481" s="203" t="str">
        <f t="shared" si="290"/>
        <v/>
      </c>
      <c r="CA481" s="203" t="str">
        <f t="shared" si="291"/>
        <v/>
      </c>
      <c r="CB481" s="203" t="str">
        <f t="shared" si="292"/>
        <v/>
      </c>
      <c r="CC481" s="203" t="str">
        <f t="shared" si="293"/>
        <v/>
      </c>
      <c r="CD481" s="200"/>
      <c r="CE481" s="200"/>
      <c r="CF481" s="200"/>
    </row>
    <row r="482" spans="1:84" s="168" customFormat="1" ht="56.1" hidden="1" customHeight="1" x14ac:dyDescent="0.2">
      <c r="A482" s="154">
        <v>482</v>
      </c>
      <c r="B482" s="155" t="s">
        <v>53</v>
      </c>
      <c r="C482" s="165" t="s">
        <v>515</v>
      </c>
      <c r="D482" s="156" t="s">
        <v>548</v>
      </c>
      <c r="E482" s="156" t="s">
        <v>536</v>
      </c>
      <c r="F482" s="156" t="s">
        <v>536</v>
      </c>
      <c r="G482" s="156" t="s">
        <v>58</v>
      </c>
      <c r="H482" s="156" t="s">
        <v>26</v>
      </c>
      <c r="I482" s="169" t="s">
        <v>60</v>
      </c>
      <c r="J482" s="156" t="s">
        <v>334</v>
      </c>
      <c r="K482" s="156" t="s">
        <v>382</v>
      </c>
      <c r="L482" s="156" t="s">
        <v>63</v>
      </c>
      <c r="M482" s="156" t="s">
        <v>63</v>
      </c>
      <c r="N482" s="157">
        <v>151833.60000000001</v>
      </c>
      <c r="O482" s="157">
        <v>151833.60000000001</v>
      </c>
      <c r="P482" s="156" t="s">
        <v>64</v>
      </c>
      <c r="Q482" s="156" t="s">
        <v>82</v>
      </c>
      <c r="R482" s="167"/>
      <c r="S482" s="167"/>
      <c r="T482" s="167"/>
      <c r="U482" s="167"/>
      <c r="V482" s="167"/>
      <c r="W482" s="161"/>
      <c r="X482" s="167"/>
      <c r="Y482" s="167"/>
      <c r="Z482" s="167"/>
      <c r="AA482" s="161" t="s">
        <v>66</v>
      </c>
      <c r="AB482" s="167"/>
      <c r="AC482" s="167"/>
      <c r="AD482" s="167"/>
      <c r="AE482" s="167"/>
      <c r="AF482" s="167"/>
      <c r="AG482" s="167"/>
      <c r="AH482" s="167"/>
      <c r="AI482" s="167"/>
      <c r="AJ482" s="167"/>
      <c r="AK482" s="167"/>
      <c r="AL482" s="167"/>
      <c r="AM482" s="167"/>
      <c r="AN482" s="167"/>
      <c r="AO482" s="167"/>
      <c r="AP482" s="167"/>
      <c r="AQ482" s="167"/>
      <c r="AR482" s="167"/>
      <c r="AS482" s="167"/>
      <c r="AT482" s="167"/>
      <c r="AU482" s="167"/>
      <c r="AV482" s="167"/>
      <c r="AW482" s="160">
        <f t="shared" si="261"/>
        <v>500</v>
      </c>
      <c r="AX482" s="158">
        <f t="shared" si="296"/>
        <v>303.66720000000004</v>
      </c>
      <c r="AY482" s="161" t="str">
        <f t="shared" si="263"/>
        <v/>
      </c>
      <c r="AZ482" s="161" t="str">
        <f t="shared" si="264"/>
        <v/>
      </c>
      <c r="BA482" s="161" t="str">
        <f t="shared" si="265"/>
        <v/>
      </c>
      <c r="BB482" s="161" t="str">
        <f t="shared" si="266"/>
        <v/>
      </c>
      <c r="BC482" s="161" t="str">
        <f t="shared" si="267"/>
        <v/>
      </c>
      <c r="BD482" s="161" t="str">
        <f t="shared" si="268"/>
        <v/>
      </c>
      <c r="BE482" s="161" t="str">
        <f t="shared" si="269"/>
        <v/>
      </c>
      <c r="BF482" s="161" t="str">
        <f t="shared" si="270"/>
        <v/>
      </c>
      <c r="BG482" s="161" t="str">
        <f t="shared" si="271"/>
        <v/>
      </c>
      <c r="BH482" s="161">
        <f t="shared" si="272"/>
        <v>151833.60000000001</v>
      </c>
      <c r="BI482" s="161" t="str">
        <f t="shared" si="273"/>
        <v/>
      </c>
      <c r="BJ482" s="161" t="str">
        <f t="shared" si="274"/>
        <v/>
      </c>
      <c r="BK482" s="161" t="str">
        <f t="shared" si="275"/>
        <v/>
      </c>
      <c r="BL482" s="161" t="str">
        <f t="shared" si="276"/>
        <v/>
      </c>
      <c r="BM482" s="161" t="str">
        <f t="shared" si="277"/>
        <v/>
      </c>
      <c r="BN482" s="161" t="str">
        <f t="shared" si="278"/>
        <v/>
      </c>
      <c r="BO482" s="161" t="str">
        <f t="shared" si="279"/>
        <v/>
      </c>
      <c r="BP482" s="161" t="str">
        <f t="shared" si="280"/>
        <v/>
      </c>
      <c r="BQ482" s="161" t="str">
        <f t="shared" si="281"/>
        <v/>
      </c>
      <c r="BR482" s="161" t="str">
        <f t="shared" si="282"/>
        <v/>
      </c>
      <c r="BS482" s="161" t="str">
        <f t="shared" si="283"/>
        <v/>
      </c>
      <c r="BT482" s="161" t="str">
        <f t="shared" si="284"/>
        <v/>
      </c>
      <c r="BU482" s="161" t="str">
        <f t="shared" si="285"/>
        <v/>
      </c>
      <c r="BV482" s="161" t="str">
        <f t="shared" si="286"/>
        <v/>
      </c>
      <c r="BW482" s="161" t="str">
        <f t="shared" si="287"/>
        <v/>
      </c>
      <c r="BX482" s="161" t="str">
        <f t="shared" si="288"/>
        <v/>
      </c>
      <c r="BY482" s="161" t="str">
        <f t="shared" si="289"/>
        <v/>
      </c>
      <c r="BZ482" s="161" t="str">
        <f t="shared" si="290"/>
        <v/>
      </c>
      <c r="CA482" s="161" t="str">
        <f t="shared" si="291"/>
        <v/>
      </c>
      <c r="CB482" s="161" t="str">
        <f t="shared" si="292"/>
        <v/>
      </c>
      <c r="CC482" s="161" t="str">
        <f t="shared" si="293"/>
        <v/>
      </c>
      <c r="CD482" s="156"/>
      <c r="CE482" s="156"/>
      <c r="CF482" s="156"/>
    </row>
    <row r="483" spans="1:84" s="168" customFormat="1" ht="56.1" hidden="1" customHeight="1" x14ac:dyDescent="0.2">
      <c r="A483" s="154">
        <v>483</v>
      </c>
      <c r="B483" s="155" t="s">
        <v>53</v>
      </c>
      <c r="C483" s="165" t="s">
        <v>515</v>
      </c>
      <c r="D483" s="156" t="s">
        <v>518</v>
      </c>
      <c r="E483" s="156" t="s">
        <v>520</v>
      </c>
      <c r="F483" s="156" t="s">
        <v>520</v>
      </c>
      <c r="G483" s="156" t="s">
        <v>58</v>
      </c>
      <c r="H483" s="156" t="s">
        <v>26</v>
      </c>
      <c r="I483" s="169" t="s">
        <v>60</v>
      </c>
      <c r="J483" s="156" t="s">
        <v>334</v>
      </c>
      <c r="K483" s="156" t="s">
        <v>382</v>
      </c>
      <c r="L483" s="156" t="s">
        <v>63</v>
      </c>
      <c r="M483" s="156" t="s">
        <v>63</v>
      </c>
      <c r="N483" s="157">
        <v>398563.2</v>
      </c>
      <c r="O483" s="157">
        <v>398563.2</v>
      </c>
      <c r="P483" s="156" t="s">
        <v>64</v>
      </c>
      <c r="Q483" s="156" t="s">
        <v>82</v>
      </c>
      <c r="R483" s="167"/>
      <c r="S483" s="167"/>
      <c r="T483" s="167"/>
      <c r="U483" s="167"/>
      <c r="V483" s="167"/>
      <c r="W483" s="161"/>
      <c r="X483" s="167"/>
      <c r="Y483" s="167"/>
      <c r="Z483" s="167"/>
      <c r="AA483" s="161" t="s">
        <v>66</v>
      </c>
      <c r="AB483" s="167"/>
      <c r="AC483" s="167"/>
      <c r="AD483" s="167"/>
      <c r="AE483" s="167"/>
      <c r="AF483" s="167"/>
      <c r="AG483" s="167"/>
      <c r="AH483" s="167"/>
      <c r="AI483" s="167"/>
      <c r="AJ483" s="167"/>
      <c r="AK483" s="167"/>
      <c r="AL483" s="167"/>
      <c r="AM483" s="167"/>
      <c r="AN483" s="167"/>
      <c r="AO483" s="167"/>
      <c r="AP483" s="167"/>
      <c r="AQ483" s="167"/>
      <c r="AR483" s="167"/>
      <c r="AS483" s="167"/>
      <c r="AT483" s="167"/>
      <c r="AU483" s="167"/>
      <c r="AV483" s="167"/>
      <c r="AW483" s="160">
        <f t="shared" si="261"/>
        <v>500</v>
      </c>
      <c r="AX483" s="158">
        <f t="shared" si="296"/>
        <v>797.12639999999999</v>
      </c>
      <c r="AY483" s="161" t="str">
        <f t="shared" si="263"/>
        <v/>
      </c>
      <c r="AZ483" s="161" t="str">
        <f t="shared" si="264"/>
        <v/>
      </c>
      <c r="BA483" s="161" t="str">
        <f t="shared" si="265"/>
        <v/>
      </c>
      <c r="BB483" s="161" t="str">
        <f t="shared" si="266"/>
        <v/>
      </c>
      <c r="BC483" s="161" t="str">
        <f t="shared" si="267"/>
        <v/>
      </c>
      <c r="BD483" s="161" t="str">
        <f t="shared" si="268"/>
        <v/>
      </c>
      <c r="BE483" s="161" t="str">
        <f t="shared" si="269"/>
        <v/>
      </c>
      <c r="BF483" s="161" t="str">
        <f t="shared" si="270"/>
        <v/>
      </c>
      <c r="BG483" s="161" t="str">
        <f t="shared" si="271"/>
        <v/>
      </c>
      <c r="BH483" s="161">
        <f t="shared" si="272"/>
        <v>398563.2</v>
      </c>
      <c r="BI483" s="161" t="str">
        <f t="shared" si="273"/>
        <v/>
      </c>
      <c r="BJ483" s="161" t="str">
        <f t="shared" si="274"/>
        <v/>
      </c>
      <c r="BK483" s="161" t="str">
        <f t="shared" si="275"/>
        <v/>
      </c>
      <c r="BL483" s="161" t="str">
        <f t="shared" si="276"/>
        <v/>
      </c>
      <c r="BM483" s="161" t="str">
        <f t="shared" si="277"/>
        <v/>
      </c>
      <c r="BN483" s="161" t="str">
        <f t="shared" si="278"/>
        <v/>
      </c>
      <c r="BO483" s="161" t="str">
        <f t="shared" si="279"/>
        <v/>
      </c>
      <c r="BP483" s="161" t="str">
        <f t="shared" si="280"/>
        <v/>
      </c>
      <c r="BQ483" s="161" t="str">
        <f t="shared" si="281"/>
        <v/>
      </c>
      <c r="BR483" s="161" t="str">
        <f t="shared" si="282"/>
        <v/>
      </c>
      <c r="BS483" s="161" t="str">
        <f t="shared" si="283"/>
        <v/>
      </c>
      <c r="BT483" s="161" t="str">
        <f t="shared" si="284"/>
        <v/>
      </c>
      <c r="BU483" s="161" t="str">
        <f t="shared" si="285"/>
        <v/>
      </c>
      <c r="BV483" s="161" t="str">
        <f t="shared" si="286"/>
        <v/>
      </c>
      <c r="BW483" s="161" t="str">
        <f t="shared" si="287"/>
        <v/>
      </c>
      <c r="BX483" s="161" t="str">
        <f t="shared" si="288"/>
        <v/>
      </c>
      <c r="BY483" s="161" t="str">
        <f t="shared" si="289"/>
        <v/>
      </c>
      <c r="BZ483" s="161" t="str">
        <f t="shared" si="290"/>
        <v/>
      </c>
      <c r="CA483" s="161" t="str">
        <f t="shared" si="291"/>
        <v/>
      </c>
      <c r="CB483" s="161" t="str">
        <f t="shared" si="292"/>
        <v/>
      </c>
      <c r="CC483" s="161" t="str">
        <f t="shared" si="293"/>
        <v/>
      </c>
      <c r="CD483" s="156"/>
      <c r="CE483" s="156"/>
      <c r="CF483" s="156"/>
    </row>
    <row r="484" spans="1:84" s="168" customFormat="1" ht="56.1" hidden="1" customHeight="1" x14ac:dyDescent="0.2">
      <c r="A484" s="154">
        <v>484</v>
      </c>
      <c r="B484" s="155" t="s">
        <v>53</v>
      </c>
      <c r="C484" s="165" t="s">
        <v>515</v>
      </c>
      <c r="D484" s="156" t="s">
        <v>521</v>
      </c>
      <c r="E484" s="156" t="s">
        <v>522</v>
      </c>
      <c r="F484" s="156" t="s">
        <v>522</v>
      </c>
      <c r="G484" s="156" t="s">
        <v>58</v>
      </c>
      <c r="H484" s="156" t="s">
        <v>26</v>
      </c>
      <c r="I484" s="169" t="s">
        <v>60</v>
      </c>
      <c r="J484" s="156" t="s">
        <v>334</v>
      </c>
      <c r="K484" s="156" t="s">
        <v>382</v>
      </c>
      <c r="L484" s="156" t="s">
        <v>63</v>
      </c>
      <c r="M484" s="156" t="s">
        <v>63</v>
      </c>
      <c r="N484" s="157">
        <v>556723.19999999995</v>
      </c>
      <c r="O484" s="157">
        <v>556723.19999999995</v>
      </c>
      <c r="P484" s="156" t="s">
        <v>64</v>
      </c>
      <c r="Q484" s="156" t="s">
        <v>82</v>
      </c>
      <c r="R484" s="167"/>
      <c r="S484" s="167"/>
      <c r="T484" s="167"/>
      <c r="U484" s="167"/>
      <c r="V484" s="167"/>
      <c r="W484" s="161"/>
      <c r="X484" s="167"/>
      <c r="Y484" s="167"/>
      <c r="Z484" s="167"/>
      <c r="AA484" s="161" t="s">
        <v>66</v>
      </c>
      <c r="AB484" s="167"/>
      <c r="AC484" s="167"/>
      <c r="AD484" s="167"/>
      <c r="AE484" s="167"/>
      <c r="AF484" s="167"/>
      <c r="AG484" s="167"/>
      <c r="AH484" s="167"/>
      <c r="AI484" s="167"/>
      <c r="AJ484" s="167"/>
      <c r="AK484" s="167"/>
      <c r="AL484" s="167"/>
      <c r="AM484" s="167"/>
      <c r="AN484" s="167"/>
      <c r="AO484" s="167"/>
      <c r="AP484" s="167"/>
      <c r="AQ484" s="167"/>
      <c r="AR484" s="167"/>
      <c r="AS484" s="167"/>
      <c r="AT484" s="167"/>
      <c r="AU484" s="167"/>
      <c r="AV484" s="167"/>
      <c r="AW484" s="160">
        <f t="shared" si="261"/>
        <v>500</v>
      </c>
      <c r="AX484" s="158">
        <f t="shared" si="296"/>
        <v>1113.4463999999998</v>
      </c>
      <c r="AY484" s="161" t="str">
        <f t="shared" si="263"/>
        <v/>
      </c>
      <c r="AZ484" s="161" t="str">
        <f t="shared" si="264"/>
        <v/>
      </c>
      <c r="BA484" s="161" t="str">
        <f t="shared" si="265"/>
        <v/>
      </c>
      <c r="BB484" s="161" t="str">
        <f t="shared" si="266"/>
        <v/>
      </c>
      <c r="BC484" s="161" t="str">
        <f t="shared" si="267"/>
        <v/>
      </c>
      <c r="BD484" s="161" t="str">
        <f t="shared" si="268"/>
        <v/>
      </c>
      <c r="BE484" s="161" t="str">
        <f t="shared" si="269"/>
        <v/>
      </c>
      <c r="BF484" s="161" t="str">
        <f t="shared" si="270"/>
        <v/>
      </c>
      <c r="BG484" s="161" t="str">
        <f t="shared" si="271"/>
        <v/>
      </c>
      <c r="BH484" s="161">
        <f t="shared" si="272"/>
        <v>556723.19999999995</v>
      </c>
      <c r="BI484" s="161" t="str">
        <f t="shared" si="273"/>
        <v/>
      </c>
      <c r="BJ484" s="161" t="str">
        <f t="shared" si="274"/>
        <v/>
      </c>
      <c r="BK484" s="161" t="str">
        <f t="shared" si="275"/>
        <v/>
      </c>
      <c r="BL484" s="161" t="str">
        <f t="shared" si="276"/>
        <v/>
      </c>
      <c r="BM484" s="161" t="str">
        <f t="shared" si="277"/>
        <v/>
      </c>
      <c r="BN484" s="161" t="str">
        <f t="shared" si="278"/>
        <v/>
      </c>
      <c r="BO484" s="161" t="str">
        <f t="shared" si="279"/>
        <v/>
      </c>
      <c r="BP484" s="161" t="str">
        <f t="shared" si="280"/>
        <v/>
      </c>
      <c r="BQ484" s="161" t="str">
        <f t="shared" si="281"/>
        <v/>
      </c>
      <c r="BR484" s="161" t="str">
        <f t="shared" si="282"/>
        <v/>
      </c>
      <c r="BS484" s="161" t="str">
        <f t="shared" si="283"/>
        <v/>
      </c>
      <c r="BT484" s="161" t="str">
        <f t="shared" si="284"/>
        <v/>
      </c>
      <c r="BU484" s="161" t="str">
        <f t="shared" si="285"/>
        <v/>
      </c>
      <c r="BV484" s="161" t="str">
        <f t="shared" si="286"/>
        <v/>
      </c>
      <c r="BW484" s="161" t="str">
        <f t="shared" si="287"/>
        <v/>
      </c>
      <c r="BX484" s="161" t="str">
        <f t="shared" si="288"/>
        <v/>
      </c>
      <c r="BY484" s="161" t="str">
        <f t="shared" si="289"/>
        <v/>
      </c>
      <c r="BZ484" s="161" t="str">
        <f t="shared" si="290"/>
        <v/>
      </c>
      <c r="CA484" s="161" t="str">
        <f t="shared" si="291"/>
        <v/>
      </c>
      <c r="CB484" s="161" t="str">
        <f t="shared" si="292"/>
        <v/>
      </c>
      <c r="CC484" s="161" t="str">
        <f t="shared" si="293"/>
        <v/>
      </c>
      <c r="CD484" s="156"/>
      <c r="CE484" s="156"/>
      <c r="CF484" s="156"/>
    </row>
    <row r="485" spans="1:84" s="168" customFormat="1" ht="56.1" hidden="1" customHeight="1" x14ac:dyDescent="0.2">
      <c r="A485" s="154">
        <v>485</v>
      </c>
      <c r="B485" s="155" t="s">
        <v>53</v>
      </c>
      <c r="C485" s="165" t="s">
        <v>515</v>
      </c>
      <c r="D485" s="156" t="s">
        <v>523</v>
      </c>
      <c r="E485" s="156" t="s">
        <v>537</v>
      </c>
      <c r="F485" s="156" t="s">
        <v>537</v>
      </c>
      <c r="G485" s="156" t="s">
        <v>58</v>
      </c>
      <c r="H485" s="156" t="s">
        <v>26</v>
      </c>
      <c r="I485" s="156" t="s">
        <v>388</v>
      </c>
      <c r="J485" s="156" t="s">
        <v>525</v>
      </c>
      <c r="K485" s="156" t="s">
        <v>382</v>
      </c>
      <c r="L485" s="156" t="s">
        <v>63</v>
      </c>
      <c r="M485" s="156" t="s">
        <v>63</v>
      </c>
      <c r="N485" s="157">
        <v>43494</v>
      </c>
      <c r="O485" s="157">
        <v>43494</v>
      </c>
      <c r="P485" s="156" t="s">
        <v>64</v>
      </c>
      <c r="Q485" s="156" t="s">
        <v>82</v>
      </c>
      <c r="R485" s="167"/>
      <c r="S485" s="167"/>
      <c r="T485" s="167"/>
      <c r="U485" s="167"/>
      <c r="V485" s="167"/>
      <c r="W485" s="161"/>
      <c r="X485" s="167"/>
      <c r="Y485" s="167"/>
      <c r="Z485" s="167"/>
      <c r="AA485" s="161" t="s">
        <v>66</v>
      </c>
      <c r="AB485" s="167"/>
      <c r="AC485" s="167"/>
      <c r="AD485" s="167"/>
      <c r="AE485" s="167"/>
      <c r="AF485" s="167"/>
      <c r="AG485" s="167"/>
      <c r="AH485" s="167"/>
      <c r="AI485" s="167"/>
      <c r="AJ485" s="167"/>
      <c r="AK485" s="167"/>
      <c r="AL485" s="167"/>
      <c r="AM485" s="167"/>
      <c r="AN485" s="167"/>
      <c r="AO485" s="167"/>
      <c r="AP485" s="167"/>
      <c r="AQ485" s="167"/>
      <c r="AR485" s="167"/>
      <c r="AS485" s="167"/>
      <c r="AT485" s="167"/>
      <c r="AU485" s="167"/>
      <c r="AV485" s="167"/>
      <c r="AW485" s="160">
        <f t="shared" si="261"/>
        <v>500</v>
      </c>
      <c r="AX485" s="158">
        <f t="shared" si="296"/>
        <v>86.988</v>
      </c>
      <c r="AY485" s="161" t="str">
        <f t="shared" si="263"/>
        <v/>
      </c>
      <c r="AZ485" s="161" t="str">
        <f t="shared" si="264"/>
        <v/>
      </c>
      <c r="BA485" s="161" t="str">
        <f t="shared" si="265"/>
        <v/>
      </c>
      <c r="BB485" s="161" t="str">
        <f t="shared" si="266"/>
        <v/>
      </c>
      <c r="BC485" s="161" t="str">
        <f t="shared" si="267"/>
        <v/>
      </c>
      <c r="BD485" s="161" t="str">
        <f t="shared" si="268"/>
        <v/>
      </c>
      <c r="BE485" s="161" t="str">
        <f t="shared" si="269"/>
        <v/>
      </c>
      <c r="BF485" s="161" t="str">
        <f t="shared" si="270"/>
        <v/>
      </c>
      <c r="BG485" s="161" t="str">
        <f t="shared" si="271"/>
        <v/>
      </c>
      <c r="BH485" s="161">
        <f t="shared" si="272"/>
        <v>43494</v>
      </c>
      <c r="BI485" s="161" t="str">
        <f t="shared" si="273"/>
        <v/>
      </c>
      <c r="BJ485" s="161" t="str">
        <f t="shared" si="274"/>
        <v/>
      </c>
      <c r="BK485" s="161" t="str">
        <f t="shared" si="275"/>
        <v/>
      </c>
      <c r="BL485" s="161" t="str">
        <f t="shared" si="276"/>
        <v/>
      </c>
      <c r="BM485" s="161" t="str">
        <f t="shared" si="277"/>
        <v/>
      </c>
      <c r="BN485" s="161" t="str">
        <f t="shared" si="278"/>
        <v/>
      </c>
      <c r="BO485" s="161" t="str">
        <f t="shared" si="279"/>
        <v/>
      </c>
      <c r="BP485" s="161" t="str">
        <f t="shared" si="280"/>
        <v/>
      </c>
      <c r="BQ485" s="161" t="str">
        <f t="shared" si="281"/>
        <v/>
      </c>
      <c r="BR485" s="161" t="str">
        <f t="shared" si="282"/>
        <v/>
      </c>
      <c r="BS485" s="161" t="str">
        <f t="shared" si="283"/>
        <v/>
      </c>
      <c r="BT485" s="161" t="str">
        <f t="shared" si="284"/>
        <v/>
      </c>
      <c r="BU485" s="161" t="str">
        <f t="shared" si="285"/>
        <v/>
      </c>
      <c r="BV485" s="161" t="str">
        <f t="shared" si="286"/>
        <v/>
      </c>
      <c r="BW485" s="161" t="str">
        <f t="shared" si="287"/>
        <v/>
      </c>
      <c r="BX485" s="161" t="str">
        <f t="shared" si="288"/>
        <v/>
      </c>
      <c r="BY485" s="161" t="str">
        <f t="shared" si="289"/>
        <v/>
      </c>
      <c r="BZ485" s="161" t="str">
        <f t="shared" si="290"/>
        <v/>
      </c>
      <c r="CA485" s="161" t="str">
        <f t="shared" si="291"/>
        <v/>
      </c>
      <c r="CB485" s="161" t="str">
        <f t="shared" si="292"/>
        <v/>
      </c>
      <c r="CC485" s="161" t="str">
        <f t="shared" si="293"/>
        <v/>
      </c>
      <c r="CD485" s="156"/>
      <c r="CE485" s="156"/>
      <c r="CF485" s="156"/>
    </row>
    <row r="486" spans="1:84" s="168" customFormat="1" ht="56.1" hidden="1" customHeight="1" x14ac:dyDescent="0.2">
      <c r="A486" s="154">
        <v>486</v>
      </c>
      <c r="B486" s="155" t="s">
        <v>53</v>
      </c>
      <c r="C486" s="165" t="s">
        <v>515</v>
      </c>
      <c r="D486" s="156" t="s">
        <v>539</v>
      </c>
      <c r="E486" s="156" t="s">
        <v>538</v>
      </c>
      <c r="F486" s="156" t="s">
        <v>538</v>
      </c>
      <c r="G486" s="156" t="s">
        <v>58</v>
      </c>
      <c r="H486" s="156" t="s">
        <v>26</v>
      </c>
      <c r="I486" s="156" t="s">
        <v>388</v>
      </c>
      <c r="J486" s="156" t="s">
        <v>525</v>
      </c>
      <c r="K486" s="156" t="s">
        <v>382</v>
      </c>
      <c r="L486" s="156" t="s">
        <v>63</v>
      </c>
      <c r="M486" s="156" t="s">
        <v>63</v>
      </c>
      <c r="N486" s="157">
        <v>105440</v>
      </c>
      <c r="O486" s="157">
        <v>105440</v>
      </c>
      <c r="P486" s="156" t="s">
        <v>64</v>
      </c>
      <c r="Q486" s="156" t="s">
        <v>82</v>
      </c>
      <c r="R486" s="167"/>
      <c r="S486" s="167"/>
      <c r="T486" s="167"/>
      <c r="U486" s="167"/>
      <c r="V486" s="167"/>
      <c r="W486" s="161"/>
      <c r="X486" s="167"/>
      <c r="Y486" s="167"/>
      <c r="Z486" s="167"/>
      <c r="AA486" s="161" t="s">
        <v>66</v>
      </c>
      <c r="AB486" s="167"/>
      <c r="AC486" s="167"/>
      <c r="AD486" s="167"/>
      <c r="AE486" s="167"/>
      <c r="AF486" s="167"/>
      <c r="AG486" s="167"/>
      <c r="AH486" s="167"/>
      <c r="AI486" s="167"/>
      <c r="AJ486" s="167"/>
      <c r="AK486" s="167"/>
      <c r="AL486" s="167"/>
      <c r="AM486" s="167"/>
      <c r="AN486" s="167"/>
      <c r="AO486" s="167"/>
      <c r="AP486" s="167"/>
      <c r="AQ486" s="167"/>
      <c r="AR486" s="167"/>
      <c r="AS486" s="167"/>
      <c r="AT486" s="167"/>
      <c r="AU486" s="167"/>
      <c r="AV486" s="167"/>
      <c r="AW486" s="160">
        <f t="shared" si="261"/>
        <v>500</v>
      </c>
      <c r="AX486" s="158">
        <f t="shared" si="296"/>
        <v>210.88</v>
      </c>
      <c r="AY486" s="161" t="str">
        <f t="shared" si="263"/>
        <v/>
      </c>
      <c r="AZ486" s="161" t="str">
        <f t="shared" si="264"/>
        <v/>
      </c>
      <c r="BA486" s="161" t="str">
        <f t="shared" si="265"/>
        <v/>
      </c>
      <c r="BB486" s="161" t="str">
        <f t="shared" si="266"/>
        <v/>
      </c>
      <c r="BC486" s="161" t="str">
        <f t="shared" si="267"/>
        <v/>
      </c>
      <c r="BD486" s="161" t="str">
        <f t="shared" si="268"/>
        <v/>
      </c>
      <c r="BE486" s="161" t="str">
        <f t="shared" si="269"/>
        <v/>
      </c>
      <c r="BF486" s="161" t="str">
        <f t="shared" si="270"/>
        <v/>
      </c>
      <c r="BG486" s="161" t="str">
        <f t="shared" si="271"/>
        <v/>
      </c>
      <c r="BH486" s="161">
        <f t="shared" si="272"/>
        <v>105440</v>
      </c>
      <c r="BI486" s="161" t="str">
        <f t="shared" si="273"/>
        <v/>
      </c>
      <c r="BJ486" s="161" t="str">
        <f t="shared" si="274"/>
        <v/>
      </c>
      <c r="BK486" s="161" t="str">
        <f t="shared" si="275"/>
        <v/>
      </c>
      <c r="BL486" s="161" t="str">
        <f t="shared" si="276"/>
        <v/>
      </c>
      <c r="BM486" s="161" t="str">
        <f t="shared" si="277"/>
        <v/>
      </c>
      <c r="BN486" s="161" t="str">
        <f t="shared" si="278"/>
        <v/>
      </c>
      <c r="BO486" s="161" t="str">
        <f t="shared" si="279"/>
        <v/>
      </c>
      <c r="BP486" s="161" t="str">
        <f t="shared" si="280"/>
        <v/>
      </c>
      <c r="BQ486" s="161" t="str">
        <f t="shared" si="281"/>
        <v/>
      </c>
      <c r="BR486" s="161" t="str">
        <f t="shared" si="282"/>
        <v/>
      </c>
      <c r="BS486" s="161" t="str">
        <f t="shared" si="283"/>
        <v/>
      </c>
      <c r="BT486" s="161" t="str">
        <f t="shared" si="284"/>
        <v/>
      </c>
      <c r="BU486" s="161" t="str">
        <f t="shared" si="285"/>
        <v/>
      </c>
      <c r="BV486" s="161" t="str">
        <f t="shared" si="286"/>
        <v/>
      </c>
      <c r="BW486" s="161" t="str">
        <f t="shared" si="287"/>
        <v/>
      </c>
      <c r="BX486" s="161" t="str">
        <f t="shared" si="288"/>
        <v/>
      </c>
      <c r="BY486" s="161" t="str">
        <f t="shared" si="289"/>
        <v/>
      </c>
      <c r="BZ486" s="161" t="str">
        <f t="shared" si="290"/>
        <v/>
      </c>
      <c r="CA486" s="161" t="str">
        <f t="shared" si="291"/>
        <v/>
      </c>
      <c r="CB486" s="161" t="str">
        <f t="shared" si="292"/>
        <v/>
      </c>
      <c r="CC486" s="161" t="str">
        <f t="shared" si="293"/>
        <v/>
      </c>
      <c r="CD486" s="156"/>
      <c r="CE486" s="156"/>
      <c r="CF486" s="156"/>
    </row>
    <row r="487" spans="1:84" s="168" customFormat="1" ht="56.1" hidden="1" customHeight="1" x14ac:dyDescent="0.2">
      <c r="A487" s="154">
        <v>487</v>
      </c>
      <c r="B487" s="155" t="s">
        <v>53</v>
      </c>
      <c r="C487" s="165" t="s">
        <v>515</v>
      </c>
      <c r="D487" s="156" t="s">
        <v>528</v>
      </c>
      <c r="E487" s="156" t="s">
        <v>571</v>
      </c>
      <c r="F487" s="156" t="s">
        <v>572</v>
      </c>
      <c r="G487" s="156" t="s">
        <v>58</v>
      </c>
      <c r="H487" s="156" t="s">
        <v>26</v>
      </c>
      <c r="I487" s="156" t="s">
        <v>388</v>
      </c>
      <c r="J487" s="156" t="s">
        <v>525</v>
      </c>
      <c r="K487" s="156" t="s">
        <v>382</v>
      </c>
      <c r="L487" s="156" t="s">
        <v>63</v>
      </c>
      <c r="M487" s="156" t="s">
        <v>63</v>
      </c>
      <c r="N487" s="157">
        <v>92260</v>
      </c>
      <c r="O487" s="157">
        <v>92260</v>
      </c>
      <c r="P487" s="156" t="s">
        <v>64</v>
      </c>
      <c r="Q487" s="156" t="s">
        <v>82</v>
      </c>
      <c r="R487" s="167"/>
      <c r="S487" s="167"/>
      <c r="T487" s="167"/>
      <c r="U487" s="167"/>
      <c r="V487" s="167"/>
      <c r="W487" s="161"/>
      <c r="X487" s="167"/>
      <c r="Y487" s="167"/>
      <c r="Z487" s="167"/>
      <c r="AA487" s="161" t="s">
        <v>66</v>
      </c>
      <c r="AB487" s="167"/>
      <c r="AC487" s="167"/>
      <c r="AD487" s="167"/>
      <c r="AE487" s="167"/>
      <c r="AF487" s="167"/>
      <c r="AG487" s="167"/>
      <c r="AH487" s="167"/>
      <c r="AI487" s="167"/>
      <c r="AJ487" s="167"/>
      <c r="AK487" s="167"/>
      <c r="AL487" s="167"/>
      <c r="AM487" s="167"/>
      <c r="AN487" s="167"/>
      <c r="AO487" s="167"/>
      <c r="AP487" s="167"/>
      <c r="AQ487" s="167"/>
      <c r="AR487" s="167"/>
      <c r="AS487" s="167"/>
      <c r="AT487" s="167"/>
      <c r="AU487" s="167"/>
      <c r="AV487" s="167"/>
      <c r="AW487" s="160">
        <f t="shared" si="261"/>
        <v>500</v>
      </c>
      <c r="AX487" s="158">
        <f t="shared" si="296"/>
        <v>184.52</v>
      </c>
      <c r="AY487" s="161" t="str">
        <f t="shared" si="263"/>
        <v/>
      </c>
      <c r="AZ487" s="161" t="str">
        <f t="shared" si="264"/>
        <v/>
      </c>
      <c r="BA487" s="161" t="str">
        <f t="shared" si="265"/>
        <v/>
      </c>
      <c r="BB487" s="161" t="str">
        <f t="shared" si="266"/>
        <v/>
      </c>
      <c r="BC487" s="161" t="str">
        <f t="shared" si="267"/>
        <v/>
      </c>
      <c r="BD487" s="161" t="str">
        <f t="shared" si="268"/>
        <v/>
      </c>
      <c r="BE487" s="161" t="str">
        <f t="shared" si="269"/>
        <v/>
      </c>
      <c r="BF487" s="161" t="str">
        <f t="shared" si="270"/>
        <v/>
      </c>
      <c r="BG487" s="161" t="str">
        <f t="shared" si="271"/>
        <v/>
      </c>
      <c r="BH487" s="161">
        <f t="shared" si="272"/>
        <v>92260</v>
      </c>
      <c r="BI487" s="161" t="str">
        <f t="shared" si="273"/>
        <v/>
      </c>
      <c r="BJ487" s="161" t="str">
        <f t="shared" si="274"/>
        <v/>
      </c>
      <c r="BK487" s="161" t="str">
        <f t="shared" si="275"/>
        <v/>
      </c>
      <c r="BL487" s="161" t="str">
        <f t="shared" si="276"/>
        <v/>
      </c>
      <c r="BM487" s="161" t="str">
        <f t="shared" si="277"/>
        <v/>
      </c>
      <c r="BN487" s="161" t="str">
        <f t="shared" si="278"/>
        <v/>
      </c>
      <c r="BO487" s="161" t="str">
        <f t="shared" si="279"/>
        <v/>
      </c>
      <c r="BP487" s="161" t="str">
        <f t="shared" si="280"/>
        <v/>
      </c>
      <c r="BQ487" s="161" t="str">
        <f t="shared" si="281"/>
        <v/>
      </c>
      <c r="BR487" s="161" t="str">
        <f t="shared" si="282"/>
        <v/>
      </c>
      <c r="BS487" s="161" t="str">
        <f t="shared" si="283"/>
        <v/>
      </c>
      <c r="BT487" s="161" t="str">
        <f t="shared" si="284"/>
        <v/>
      </c>
      <c r="BU487" s="161" t="str">
        <f t="shared" si="285"/>
        <v/>
      </c>
      <c r="BV487" s="161" t="str">
        <f t="shared" si="286"/>
        <v/>
      </c>
      <c r="BW487" s="161" t="str">
        <f t="shared" si="287"/>
        <v/>
      </c>
      <c r="BX487" s="161" t="str">
        <f t="shared" si="288"/>
        <v/>
      </c>
      <c r="BY487" s="161" t="str">
        <f t="shared" si="289"/>
        <v/>
      </c>
      <c r="BZ487" s="161" t="str">
        <f t="shared" si="290"/>
        <v/>
      </c>
      <c r="CA487" s="161" t="str">
        <f t="shared" si="291"/>
        <v/>
      </c>
      <c r="CB487" s="161" t="str">
        <f t="shared" si="292"/>
        <v/>
      </c>
      <c r="CC487" s="161" t="str">
        <f t="shared" si="293"/>
        <v/>
      </c>
      <c r="CD487" s="156"/>
      <c r="CE487" s="156"/>
      <c r="CF487" s="156"/>
    </row>
    <row r="488" spans="1:84" s="168" customFormat="1" ht="56.1" hidden="1" customHeight="1" x14ac:dyDescent="0.2">
      <c r="A488" s="154">
        <v>488</v>
      </c>
      <c r="B488" s="155" t="s">
        <v>53</v>
      </c>
      <c r="C488" s="165" t="s">
        <v>515</v>
      </c>
      <c r="D488" s="156" t="s">
        <v>530</v>
      </c>
      <c r="E488" s="156" t="s">
        <v>573</v>
      </c>
      <c r="F488" s="156" t="s">
        <v>573</v>
      </c>
      <c r="G488" s="156" t="s">
        <v>58</v>
      </c>
      <c r="H488" s="156" t="s">
        <v>26</v>
      </c>
      <c r="I488" s="156" t="s">
        <v>388</v>
      </c>
      <c r="J488" s="156" t="s">
        <v>525</v>
      </c>
      <c r="K488" s="156" t="s">
        <v>382</v>
      </c>
      <c r="L488" s="156" t="s">
        <v>63</v>
      </c>
      <c r="M488" s="156" t="s">
        <v>63</v>
      </c>
      <c r="N488" s="157">
        <v>108735</v>
      </c>
      <c r="O488" s="157">
        <v>108735</v>
      </c>
      <c r="P488" s="156" t="s">
        <v>64</v>
      </c>
      <c r="Q488" s="156" t="s">
        <v>82</v>
      </c>
      <c r="R488" s="167"/>
      <c r="S488" s="167"/>
      <c r="T488" s="167"/>
      <c r="U488" s="167"/>
      <c r="V488" s="167"/>
      <c r="W488" s="161"/>
      <c r="X488" s="167"/>
      <c r="Y488" s="167"/>
      <c r="Z488" s="167"/>
      <c r="AA488" s="161" t="s">
        <v>66</v>
      </c>
      <c r="AB488" s="167"/>
      <c r="AC488" s="167"/>
      <c r="AD488" s="167"/>
      <c r="AE488" s="167"/>
      <c r="AF488" s="167"/>
      <c r="AG488" s="167"/>
      <c r="AH488" s="167"/>
      <c r="AI488" s="167"/>
      <c r="AJ488" s="167"/>
      <c r="AK488" s="167"/>
      <c r="AL488" s="167"/>
      <c r="AM488" s="167"/>
      <c r="AN488" s="167"/>
      <c r="AO488" s="167"/>
      <c r="AP488" s="167"/>
      <c r="AQ488" s="167"/>
      <c r="AR488" s="167"/>
      <c r="AS488" s="167"/>
      <c r="AT488" s="167"/>
      <c r="AU488" s="167"/>
      <c r="AV488" s="167"/>
      <c r="AW488" s="160">
        <f t="shared" si="261"/>
        <v>500</v>
      </c>
      <c r="AX488" s="158">
        <f t="shared" si="296"/>
        <v>217.47</v>
      </c>
      <c r="AY488" s="161" t="str">
        <f t="shared" si="263"/>
        <v/>
      </c>
      <c r="AZ488" s="161" t="str">
        <f t="shared" si="264"/>
        <v/>
      </c>
      <c r="BA488" s="161" t="str">
        <f t="shared" si="265"/>
        <v/>
      </c>
      <c r="BB488" s="161" t="str">
        <f t="shared" si="266"/>
        <v/>
      </c>
      <c r="BC488" s="161" t="str">
        <f t="shared" si="267"/>
        <v/>
      </c>
      <c r="BD488" s="161" t="str">
        <f t="shared" si="268"/>
        <v/>
      </c>
      <c r="BE488" s="161" t="str">
        <f t="shared" si="269"/>
        <v/>
      </c>
      <c r="BF488" s="161" t="str">
        <f t="shared" si="270"/>
        <v/>
      </c>
      <c r="BG488" s="161" t="str">
        <f t="shared" si="271"/>
        <v/>
      </c>
      <c r="BH488" s="161">
        <f t="shared" si="272"/>
        <v>108735</v>
      </c>
      <c r="BI488" s="161" t="str">
        <f t="shared" si="273"/>
        <v/>
      </c>
      <c r="BJ488" s="161" t="str">
        <f t="shared" si="274"/>
        <v/>
      </c>
      <c r="BK488" s="161" t="str">
        <f t="shared" si="275"/>
        <v/>
      </c>
      <c r="BL488" s="161" t="str">
        <f t="shared" si="276"/>
        <v/>
      </c>
      <c r="BM488" s="161" t="str">
        <f t="shared" si="277"/>
        <v/>
      </c>
      <c r="BN488" s="161" t="str">
        <f t="shared" si="278"/>
        <v/>
      </c>
      <c r="BO488" s="161" t="str">
        <f t="shared" si="279"/>
        <v/>
      </c>
      <c r="BP488" s="161" t="str">
        <f t="shared" si="280"/>
        <v/>
      </c>
      <c r="BQ488" s="161" t="str">
        <f t="shared" si="281"/>
        <v/>
      </c>
      <c r="BR488" s="161" t="str">
        <f t="shared" si="282"/>
        <v/>
      </c>
      <c r="BS488" s="161" t="str">
        <f t="shared" si="283"/>
        <v/>
      </c>
      <c r="BT488" s="161" t="str">
        <f t="shared" si="284"/>
        <v/>
      </c>
      <c r="BU488" s="161" t="str">
        <f t="shared" si="285"/>
        <v/>
      </c>
      <c r="BV488" s="161" t="str">
        <f t="shared" si="286"/>
        <v/>
      </c>
      <c r="BW488" s="161" t="str">
        <f t="shared" si="287"/>
        <v/>
      </c>
      <c r="BX488" s="161" t="str">
        <f t="shared" si="288"/>
        <v/>
      </c>
      <c r="BY488" s="161" t="str">
        <f t="shared" si="289"/>
        <v/>
      </c>
      <c r="BZ488" s="161" t="str">
        <f t="shared" si="290"/>
        <v/>
      </c>
      <c r="CA488" s="161" t="str">
        <f t="shared" si="291"/>
        <v/>
      </c>
      <c r="CB488" s="161" t="str">
        <f t="shared" si="292"/>
        <v/>
      </c>
      <c r="CC488" s="161" t="str">
        <f t="shared" si="293"/>
        <v/>
      </c>
      <c r="CD488" s="156"/>
      <c r="CE488" s="156"/>
      <c r="CF488" s="156"/>
    </row>
    <row r="489" spans="1:84" s="168" customFormat="1" ht="56.1" hidden="1" customHeight="1" x14ac:dyDescent="0.2">
      <c r="A489" s="154">
        <v>489</v>
      </c>
      <c r="B489" s="155" t="s">
        <v>53</v>
      </c>
      <c r="C489" s="165" t="s">
        <v>515</v>
      </c>
      <c r="D489" s="156" t="s">
        <v>533</v>
      </c>
      <c r="E489" s="156" t="s">
        <v>534</v>
      </c>
      <c r="F489" s="156" t="s">
        <v>534</v>
      </c>
      <c r="G489" s="156" t="s">
        <v>58</v>
      </c>
      <c r="H489" s="156" t="s">
        <v>26</v>
      </c>
      <c r="I489" s="156" t="s">
        <v>81</v>
      </c>
      <c r="J489" s="156" t="s">
        <v>334</v>
      </c>
      <c r="K489" s="156" t="s">
        <v>382</v>
      </c>
      <c r="L489" s="156" t="s">
        <v>63</v>
      </c>
      <c r="M489" s="156" t="s">
        <v>63</v>
      </c>
      <c r="N489" s="157">
        <v>88965</v>
      </c>
      <c r="O489" s="157">
        <v>88965</v>
      </c>
      <c r="P489" s="156" t="s">
        <v>64</v>
      </c>
      <c r="Q489" s="156" t="s">
        <v>82</v>
      </c>
      <c r="R489" s="167"/>
      <c r="S489" s="167"/>
      <c r="T489" s="167"/>
      <c r="U489" s="167"/>
      <c r="V489" s="167"/>
      <c r="W489" s="161"/>
      <c r="X489" s="167"/>
      <c r="Y489" s="167"/>
      <c r="Z489" s="167"/>
      <c r="AA489" s="161" t="s">
        <v>66</v>
      </c>
      <c r="AB489" s="167"/>
      <c r="AC489" s="167"/>
      <c r="AD489" s="167"/>
      <c r="AE489" s="167"/>
      <c r="AF489" s="167"/>
      <c r="AG489" s="167"/>
      <c r="AH489" s="167"/>
      <c r="AI489" s="167"/>
      <c r="AJ489" s="167"/>
      <c r="AK489" s="167"/>
      <c r="AL489" s="167"/>
      <c r="AM489" s="167"/>
      <c r="AN489" s="167"/>
      <c r="AO489" s="167"/>
      <c r="AP489" s="167"/>
      <c r="AQ489" s="167"/>
      <c r="AR489" s="167"/>
      <c r="AS489" s="167"/>
      <c r="AT489" s="167"/>
      <c r="AU489" s="167"/>
      <c r="AV489" s="167"/>
      <c r="AW489" s="160">
        <f t="shared" si="261"/>
        <v>500</v>
      </c>
      <c r="AX489" s="158">
        <f t="shared" si="296"/>
        <v>177.93</v>
      </c>
      <c r="AY489" s="161" t="str">
        <f t="shared" si="263"/>
        <v/>
      </c>
      <c r="AZ489" s="161" t="str">
        <f t="shared" si="264"/>
        <v/>
      </c>
      <c r="BA489" s="161" t="str">
        <f t="shared" si="265"/>
        <v/>
      </c>
      <c r="BB489" s="161" t="str">
        <f t="shared" si="266"/>
        <v/>
      </c>
      <c r="BC489" s="161" t="str">
        <f t="shared" si="267"/>
        <v/>
      </c>
      <c r="BD489" s="161" t="str">
        <f t="shared" si="268"/>
        <v/>
      </c>
      <c r="BE489" s="161" t="str">
        <f t="shared" si="269"/>
        <v/>
      </c>
      <c r="BF489" s="161" t="str">
        <f t="shared" si="270"/>
        <v/>
      </c>
      <c r="BG489" s="161" t="str">
        <f t="shared" si="271"/>
        <v/>
      </c>
      <c r="BH489" s="161">
        <f t="shared" si="272"/>
        <v>88965</v>
      </c>
      <c r="BI489" s="161" t="str">
        <f t="shared" si="273"/>
        <v/>
      </c>
      <c r="BJ489" s="161" t="str">
        <f t="shared" si="274"/>
        <v/>
      </c>
      <c r="BK489" s="161" t="str">
        <f t="shared" si="275"/>
        <v/>
      </c>
      <c r="BL489" s="161" t="str">
        <f t="shared" si="276"/>
        <v/>
      </c>
      <c r="BM489" s="161" t="str">
        <f t="shared" si="277"/>
        <v/>
      </c>
      <c r="BN489" s="161" t="str">
        <f t="shared" si="278"/>
        <v/>
      </c>
      <c r="BO489" s="161" t="str">
        <f t="shared" si="279"/>
        <v/>
      </c>
      <c r="BP489" s="161" t="str">
        <f t="shared" si="280"/>
        <v/>
      </c>
      <c r="BQ489" s="161" t="str">
        <f t="shared" si="281"/>
        <v/>
      </c>
      <c r="BR489" s="161" t="str">
        <f t="shared" si="282"/>
        <v/>
      </c>
      <c r="BS489" s="161" t="str">
        <f t="shared" si="283"/>
        <v/>
      </c>
      <c r="BT489" s="161" t="str">
        <f t="shared" si="284"/>
        <v/>
      </c>
      <c r="BU489" s="161" t="str">
        <f t="shared" si="285"/>
        <v/>
      </c>
      <c r="BV489" s="161" t="str">
        <f t="shared" si="286"/>
        <v/>
      </c>
      <c r="BW489" s="161" t="str">
        <f t="shared" si="287"/>
        <v/>
      </c>
      <c r="BX489" s="161" t="str">
        <f t="shared" si="288"/>
        <v/>
      </c>
      <c r="BY489" s="161" t="str">
        <f t="shared" si="289"/>
        <v/>
      </c>
      <c r="BZ489" s="161" t="str">
        <f t="shared" si="290"/>
        <v/>
      </c>
      <c r="CA489" s="161" t="str">
        <f t="shared" si="291"/>
        <v/>
      </c>
      <c r="CB489" s="161" t="str">
        <f t="shared" si="292"/>
        <v/>
      </c>
      <c r="CC489" s="161" t="str">
        <f t="shared" si="293"/>
        <v/>
      </c>
      <c r="CD489" s="156"/>
      <c r="CE489" s="156"/>
      <c r="CF489" s="156"/>
    </row>
    <row r="490" spans="1:84" s="168" customFormat="1" ht="56.1" hidden="1" customHeight="1" x14ac:dyDescent="0.2">
      <c r="A490" s="154">
        <v>490</v>
      </c>
      <c r="B490" s="155" t="s">
        <v>53</v>
      </c>
      <c r="C490" s="165" t="s">
        <v>515</v>
      </c>
      <c r="D490" s="156" t="s">
        <v>548</v>
      </c>
      <c r="E490" s="156" t="s">
        <v>536</v>
      </c>
      <c r="F490" s="156" t="s">
        <v>536</v>
      </c>
      <c r="G490" s="156" t="s">
        <v>58</v>
      </c>
      <c r="H490" s="156" t="s">
        <v>574</v>
      </c>
      <c r="I490" s="169" t="s">
        <v>60</v>
      </c>
      <c r="J490" s="156" t="s">
        <v>334</v>
      </c>
      <c r="K490" s="156" t="s">
        <v>390</v>
      </c>
      <c r="L490" s="156" t="s">
        <v>63</v>
      </c>
      <c r="M490" s="156" t="s">
        <v>63</v>
      </c>
      <c r="N490" s="157">
        <v>71058.124799999991</v>
      </c>
      <c r="O490" s="157">
        <v>71058.124799999991</v>
      </c>
      <c r="P490" s="156" t="s">
        <v>64</v>
      </c>
      <c r="Q490" s="156" t="s">
        <v>82</v>
      </c>
      <c r="R490" s="167"/>
      <c r="S490" s="167"/>
      <c r="T490" s="167"/>
      <c r="U490" s="167"/>
      <c r="V490" s="167"/>
      <c r="W490" s="161"/>
      <c r="X490" s="167"/>
      <c r="Y490" s="167"/>
      <c r="Z490" s="167"/>
      <c r="AA490" s="167"/>
      <c r="AB490" s="161" t="s">
        <v>66</v>
      </c>
      <c r="AC490" s="167"/>
      <c r="AD490" s="167"/>
      <c r="AE490" s="167"/>
      <c r="AF490" s="167"/>
      <c r="AG490" s="167"/>
      <c r="AH490" s="167"/>
      <c r="AI490" s="167"/>
      <c r="AJ490" s="167"/>
      <c r="AK490" s="167"/>
      <c r="AL490" s="167"/>
      <c r="AM490" s="167"/>
      <c r="AN490" s="167"/>
      <c r="AO490" s="167"/>
      <c r="AP490" s="167"/>
      <c r="AQ490" s="167"/>
      <c r="AR490" s="167"/>
      <c r="AS490" s="167"/>
      <c r="AT490" s="167"/>
      <c r="AU490" s="167"/>
      <c r="AV490" s="167"/>
      <c r="AW490" s="160">
        <f t="shared" si="261"/>
        <v>750</v>
      </c>
      <c r="AX490" s="158">
        <f t="shared" si="296"/>
        <v>94.744166399999983</v>
      </c>
      <c r="AY490" s="161" t="str">
        <f t="shared" si="263"/>
        <v/>
      </c>
      <c r="AZ490" s="161" t="str">
        <f t="shared" si="264"/>
        <v/>
      </c>
      <c r="BA490" s="161" t="str">
        <f t="shared" si="265"/>
        <v/>
      </c>
      <c r="BB490" s="161" t="str">
        <f t="shared" si="266"/>
        <v/>
      </c>
      <c r="BC490" s="161" t="str">
        <f t="shared" si="267"/>
        <v/>
      </c>
      <c r="BD490" s="161" t="str">
        <f t="shared" si="268"/>
        <v/>
      </c>
      <c r="BE490" s="161" t="str">
        <f t="shared" si="269"/>
        <v/>
      </c>
      <c r="BF490" s="161" t="str">
        <f t="shared" si="270"/>
        <v/>
      </c>
      <c r="BG490" s="161" t="str">
        <f t="shared" si="271"/>
        <v/>
      </c>
      <c r="BH490" s="161" t="str">
        <f t="shared" si="272"/>
        <v/>
      </c>
      <c r="BI490" s="161">
        <f t="shared" si="273"/>
        <v>71058.124799999991</v>
      </c>
      <c r="BJ490" s="161" t="str">
        <f t="shared" si="274"/>
        <v/>
      </c>
      <c r="BK490" s="161" t="str">
        <f t="shared" si="275"/>
        <v/>
      </c>
      <c r="BL490" s="161" t="str">
        <f t="shared" si="276"/>
        <v/>
      </c>
      <c r="BM490" s="161" t="str">
        <f t="shared" si="277"/>
        <v/>
      </c>
      <c r="BN490" s="161" t="str">
        <f t="shared" si="278"/>
        <v/>
      </c>
      <c r="BO490" s="161" t="str">
        <f t="shared" si="279"/>
        <v/>
      </c>
      <c r="BP490" s="161" t="str">
        <f t="shared" si="280"/>
        <v/>
      </c>
      <c r="BQ490" s="161" t="str">
        <f t="shared" si="281"/>
        <v/>
      </c>
      <c r="BR490" s="161" t="str">
        <f t="shared" si="282"/>
        <v/>
      </c>
      <c r="BS490" s="161" t="str">
        <f t="shared" si="283"/>
        <v/>
      </c>
      <c r="BT490" s="161" t="str">
        <f t="shared" si="284"/>
        <v/>
      </c>
      <c r="BU490" s="161" t="str">
        <f t="shared" si="285"/>
        <v/>
      </c>
      <c r="BV490" s="161" t="str">
        <f t="shared" si="286"/>
        <v/>
      </c>
      <c r="BW490" s="161" t="str">
        <f t="shared" si="287"/>
        <v/>
      </c>
      <c r="BX490" s="161" t="str">
        <f t="shared" si="288"/>
        <v/>
      </c>
      <c r="BY490" s="161" t="str">
        <f t="shared" si="289"/>
        <v/>
      </c>
      <c r="BZ490" s="161" t="str">
        <f t="shared" si="290"/>
        <v/>
      </c>
      <c r="CA490" s="161" t="str">
        <f t="shared" si="291"/>
        <v/>
      </c>
      <c r="CB490" s="161" t="str">
        <f t="shared" si="292"/>
        <v/>
      </c>
      <c r="CC490" s="161" t="str">
        <f t="shared" si="293"/>
        <v/>
      </c>
      <c r="CD490" s="156"/>
      <c r="CE490" s="156"/>
      <c r="CF490" s="156"/>
    </row>
    <row r="491" spans="1:84" s="168" customFormat="1" ht="56.1" hidden="1" customHeight="1" x14ac:dyDescent="0.2">
      <c r="A491" s="154">
        <v>491</v>
      </c>
      <c r="B491" s="155" t="s">
        <v>53</v>
      </c>
      <c r="C491" s="165" t="s">
        <v>515</v>
      </c>
      <c r="D491" s="156" t="s">
        <v>518</v>
      </c>
      <c r="E491" s="156" t="s">
        <v>520</v>
      </c>
      <c r="F491" s="156" t="s">
        <v>520</v>
      </c>
      <c r="G491" s="156" t="s">
        <v>58</v>
      </c>
      <c r="H491" s="156" t="s">
        <v>574</v>
      </c>
      <c r="I491" s="169" t="s">
        <v>60</v>
      </c>
      <c r="J491" s="156" t="s">
        <v>334</v>
      </c>
      <c r="K491" s="156" t="s">
        <v>390</v>
      </c>
      <c r="L491" s="156" t="s">
        <v>63</v>
      </c>
      <c r="M491" s="156" t="s">
        <v>63</v>
      </c>
      <c r="N491" s="157">
        <v>186527.57759999999</v>
      </c>
      <c r="O491" s="157">
        <v>186527.57759999999</v>
      </c>
      <c r="P491" s="156" t="s">
        <v>64</v>
      </c>
      <c r="Q491" s="156" t="s">
        <v>82</v>
      </c>
      <c r="R491" s="167"/>
      <c r="S491" s="167"/>
      <c r="T491" s="167"/>
      <c r="U491" s="167"/>
      <c r="V491" s="167"/>
      <c r="W491" s="161"/>
      <c r="X491" s="167"/>
      <c r="Y491" s="167"/>
      <c r="Z491" s="167"/>
      <c r="AA491" s="167"/>
      <c r="AB491" s="161" t="s">
        <v>66</v>
      </c>
      <c r="AC491" s="167"/>
      <c r="AD491" s="167"/>
      <c r="AE491" s="167"/>
      <c r="AF491" s="167"/>
      <c r="AG491" s="167"/>
      <c r="AH491" s="167"/>
      <c r="AI491" s="167"/>
      <c r="AJ491" s="167"/>
      <c r="AK491" s="167"/>
      <c r="AL491" s="167"/>
      <c r="AM491" s="167"/>
      <c r="AN491" s="167"/>
      <c r="AO491" s="167"/>
      <c r="AP491" s="167"/>
      <c r="AQ491" s="167"/>
      <c r="AR491" s="167"/>
      <c r="AS491" s="167"/>
      <c r="AT491" s="167"/>
      <c r="AU491" s="167"/>
      <c r="AV491" s="167"/>
      <c r="AW491" s="160">
        <f t="shared" si="261"/>
        <v>750</v>
      </c>
      <c r="AX491" s="158">
        <f t="shared" si="296"/>
        <v>248.70343679999999</v>
      </c>
      <c r="AY491" s="161" t="str">
        <f t="shared" si="263"/>
        <v/>
      </c>
      <c r="AZ491" s="161" t="str">
        <f t="shared" si="264"/>
        <v/>
      </c>
      <c r="BA491" s="161" t="str">
        <f t="shared" si="265"/>
        <v/>
      </c>
      <c r="BB491" s="161" t="str">
        <f t="shared" si="266"/>
        <v/>
      </c>
      <c r="BC491" s="161" t="str">
        <f t="shared" si="267"/>
        <v/>
      </c>
      <c r="BD491" s="161" t="str">
        <f t="shared" si="268"/>
        <v/>
      </c>
      <c r="BE491" s="161" t="str">
        <f t="shared" si="269"/>
        <v/>
      </c>
      <c r="BF491" s="161" t="str">
        <f t="shared" si="270"/>
        <v/>
      </c>
      <c r="BG491" s="161" t="str">
        <f t="shared" si="271"/>
        <v/>
      </c>
      <c r="BH491" s="161" t="str">
        <f t="shared" si="272"/>
        <v/>
      </c>
      <c r="BI491" s="161">
        <f t="shared" si="273"/>
        <v>186527.57759999999</v>
      </c>
      <c r="BJ491" s="161" t="str">
        <f t="shared" si="274"/>
        <v/>
      </c>
      <c r="BK491" s="161" t="str">
        <f t="shared" si="275"/>
        <v/>
      </c>
      <c r="BL491" s="161" t="str">
        <f t="shared" si="276"/>
        <v/>
      </c>
      <c r="BM491" s="161" t="str">
        <f t="shared" si="277"/>
        <v/>
      </c>
      <c r="BN491" s="161" t="str">
        <f t="shared" si="278"/>
        <v/>
      </c>
      <c r="BO491" s="161" t="str">
        <f t="shared" si="279"/>
        <v/>
      </c>
      <c r="BP491" s="161" t="str">
        <f t="shared" si="280"/>
        <v/>
      </c>
      <c r="BQ491" s="161" t="str">
        <f t="shared" si="281"/>
        <v/>
      </c>
      <c r="BR491" s="161" t="str">
        <f t="shared" si="282"/>
        <v/>
      </c>
      <c r="BS491" s="161" t="str">
        <f t="shared" si="283"/>
        <v/>
      </c>
      <c r="BT491" s="161" t="str">
        <f t="shared" si="284"/>
        <v/>
      </c>
      <c r="BU491" s="161" t="str">
        <f t="shared" si="285"/>
        <v/>
      </c>
      <c r="BV491" s="161" t="str">
        <f t="shared" si="286"/>
        <v/>
      </c>
      <c r="BW491" s="161" t="str">
        <f t="shared" si="287"/>
        <v/>
      </c>
      <c r="BX491" s="161" t="str">
        <f t="shared" si="288"/>
        <v/>
      </c>
      <c r="BY491" s="161" t="str">
        <f t="shared" si="289"/>
        <v/>
      </c>
      <c r="BZ491" s="161" t="str">
        <f t="shared" si="290"/>
        <v/>
      </c>
      <c r="CA491" s="161" t="str">
        <f t="shared" si="291"/>
        <v/>
      </c>
      <c r="CB491" s="161" t="str">
        <f t="shared" si="292"/>
        <v/>
      </c>
      <c r="CC491" s="161" t="str">
        <f t="shared" si="293"/>
        <v/>
      </c>
      <c r="CD491" s="156"/>
      <c r="CE491" s="156"/>
      <c r="CF491" s="156"/>
    </row>
    <row r="492" spans="1:84" s="168" customFormat="1" ht="56.1" hidden="1" customHeight="1" x14ac:dyDescent="0.2">
      <c r="A492" s="154">
        <v>492</v>
      </c>
      <c r="B492" s="155" t="s">
        <v>53</v>
      </c>
      <c r="C492" s="165" t="s">
        <v>515</v>
      </c>
      <c r="D492" s="156" t="s">
        <v>521</v>
      </c>
      <c r="E492" s="156" t="s">
        <v>522</v>
      </c>
      <c r="F492" s="156" t="s">
        <v>522</v>
      </c>
      <c r="G492" s="156" t="s">
        <v>58</v>
      </c>
      <c r="H492" s="156" t="s">
        <v>574</v>
      </c>
      <c r="I492" s="169" t="s">
        <v>60</v>
      </c>
      <c r="J492" s="156" t="s">
        <v>334</v>
      </c>
      <c r="K492" s="156" t="s">
        <v>390</v>
      </c>
      <c r="L492" s="156" t="s">
        <v>63</v>
      </c>
      <c r="M492" s="156" t="s">
        <v>63</v>
      </c>
      <c r="N492" s="157">
        <v>260546.45759999999</v>
      </c>
      <c r="O492" s="157">
        <v>260546.45759999999</v>
      </c>
      <c r="P492" s="156" t="s">
        <v>64</v>
      </c>
      <c r="Q492" s="156" t="s">
        <v>82</v>
      </c>
      <c r="R492" s="167"/>
      <c r="S492" s="167"/>
      <c r="T492" s="167"/>
      <c r="U492" s="167"/>
      <c r="V492" s="167"/>
      <c r="W492" s="161"/>
      <c r="X492" s="167"/>
      <c r="Y492" s="167"/>
      <c r="Z492" s="167"/>
      <c r="AA492" s="167"/>
      <c r="AB492" s="161" t="s">
        <v>66</v>
      </c>
      <c r="AC492" s="167"/>
      <c r="AD492" s="167"/>
      <c r="AE492" s="167"/>
      <c r="AF492" s="167"/>
      <c r="AG492" s="167"/>
      <c r="AH492" s="167"/>
      <c r="AI492" s="167"/>
      <c r="AJ492" s="167"/>
      <c r="AK492" s="167"/>
      <c r="AL492" s="167"/>
      <c r="AM492" s="167"/>
      <c r="AN492" s="167"/>
      <c r="AO492" s="167"/>
      <c r="AP492" s="167"/>
      <c r="AQ492" s="167"/>
      <c r="AR492" s="167"/>
      <c r="AS492" s="167"/>
      <c r="AT492" s="167"/>
      <c r="AU492" s="167"/>
      <c r="AV492" s="167"/>
      <c r="AW492" s="160">
        <f t="shared" si="261"/>
        <v>750</v>
      </c>
      <c r="AX492" s="158">
        <f t="shared" si="296"/>
        <v>347.39527679999998</v>
      </c>
      <c r="AY492" s="161" t="str">
        <f t="shared" si="263"/>
        <v/>
      </c>
      <c r="AZ492" s="161" t="str">
        <f t="shared" si="264"/>
        <v/>
      </c>
      <c r="BA492" s="161" t="str">
        <f t="shared" si="265"/>
        <v/>
      </c>
      <c r="BB492" s="161" t="str">
        <f t="shared" si="266"/>
        <v/>
      </c>
      <c r="BC492" s="161" t="str">
        <f t="shared" si="267"/>
        <v/>
      </c>
      <c r="BD492" s="161" t="str">
        <f t="shared" si="268"/>
        <v/>
      </c>
      <c r="BE492" s="161" t="str">
        <f t="shared" si="269"/>
        <v/>
      </c>
      <c r="BF492" s="161" t="str">
        <f t="shared" si="270"/>
        <v/>
      </c>
      <c r="BG492" s="161" t="str">
        <f t="shared" si="271"/>
        <v/>
      </c>
      <c r="BH492" s="161" t="str">
        <f t="shared" si="272"/>
        <v/>
      </c>
      <c r="BI492" s="161">
        <f t="shared" si="273"/>
        <v>260546.45759999999</v>
      </c>
      <c r="BJ492" s="161" t="str">
        <f t="shared" si="274"/>
        <v/>
      </c>
      <c r="BK492" s="161" t="str">
        <f t="shared" si="275"/>
        <v/>
      </c>
      <c r="BL492" s="161" t="str">
        <f t="shared" si="276"/>
        <v/>
      </c>
      <c r="BM492" s="161" t="str">
        <f t="shared" si="277"/>
        <v/>
      </c>
      <c r="BN492" s="161" t="str">
        <f t="shared" si="278"/>
        <v/>
      </c>
      <c r="BO492" s="161" t="str">
        <f t="shared" si="279"/>
        <v/>
      </c>
      <c r="BP492" s="161" t="str">
        <f t="shared" si="280"/>
        <v/>
      </c>
      <c r="BQ492" s="161" t="str">
        <f t="shared" si="281"/>
        <v/>
      </c>
      <c r="BR492" s="161" t="str">
        <f t="shared" si="282"/>
        <v/>
      </c>
      <c r="BS492" s="161" t="str">
        <f t="shared" si="283"/>
        <v/>
      </c>
      <c r="BT492" s="161" t="str">
        <f t="shared" si="284"/>
        <v/>
      </c>
      <c r="BU492" s="161" t="str">
        <f t="shared" si="285"/>
        <v/>
      </c>
      <c r="BV492" s="161" t="str">
        <f t="shared" si="286"/>
        <v/>
      </c>
      <c r="BW492" s="161" t="str">
        <f t="shared" si="287"/>
        <v/>
      </c>
      <c r="BX492" s="161" t="str">
        <f t="shared" si="288"/>
        <v/>
      </c>
      <c r="BY492" s="161" t="str">
        <f t="shared" si="289"/>
        <v/>
      </c>
      <c r="BZ492" s="161" t="str">
        <f t="shared" si="290"/>
        <v/>
      </c>
      <c r="CA492" s="161" t="str">
        <f t="shared" si="291"/>
        <v/>
      </c>
      <c r="CB492" s="161" t="str">
        <f t="shared" si="292"/>
        <v/>
      </c>
      <c r="CC492" s="161" t="str">
        <f t="shared" si="293"/>
        <v/>
      </c>
      <c r="CD492" s="156"/>
      <c r="CE492" s="156"/>
      <c r="CF492" s="156"/>
    </row>
    <row r="493" spans="1:84" s="168" customFormat="1" ht="56.1" hidden="1" customHeight="1" x14ac:dyDescent="0.2">
      <c r="A493" s="154">
        <v>493</v>
      </c>
      <c r="B493" s="155" t="s">
        <v>53</v>
      </c>
      <c r="C493" s="165" t="s">
        <v>515</v>
      </c>
      <c r="D493" s="156" t="s">
        <v>523</v>
      </c>
      <c r="E493" s="156" t="s">
        <v>537</v>
      </c>
      <c r="F493" s="156" t="s">
        <v>537</v>
      </c>
      <c r="G493" s="156" t="s">
        <v>58</v>
      </c>
      <c r="H493" s="156" t="s">
        <v>574</v>
      </c>
      <c r="I493" s="156" t="s">
        <v>388</v>
      </c>
      <c r="J493" s="156" t="s">
        <v>525</v>
      </c>
      <c r="K493" s="156" t="s">
        <v>390</v>
      </c>
      <c r="L493" s="156" t="s">
        <v>63</v>
      </c>
      <c r="M493" s="156" t="s">
        <v>63</v>
      </c>
      <c r="N493" s="157">
        <v>43494</v>
      </c>
      <c r="O493" s="157">
        <v>43494</v>
      </c>
      <c r="P493" s="156" t="s">
        <v>64</v>
      </c>
      <c r="Q493" s="156" t="s">
        <v>82</v>
      </c>
      <c r="R493" s="167"/>
      <c r="S493" s="167"/>
      <c r="T493" s="167"/>
      <c r="U493" s="167"/>
      <c r="V493" s="167"/>
      <c r="W493" s="161"/>
      <c r="X493" s="167"/>
      <c r="Y493" s="167"/>
      <c r="Z493" s="167"/>
      <c r="AA493" s="167"/>
      <c r="AB493" s="161" t="s">
        <v>66</v>
      </c>
      <c r="AC493" s="167"/>
      <c r="AD493" s="167"/>
      <c r="AE493" s="167"/>
      <c r="AF493" s="167"/>
      <c r="AG493" s="167"/>
      <c r="AH493" s="167"/>
      <c r="AI493" s="167"/>
      <c r="AJ493" s="167"/>
      <c r="AK493" s="167"/>
      <c r="AL493" s="167"/>
      <c r="AM493" s="167"/>
      <c r="AN493" s="167"/>
      <c r="AO493" s="167"/>
      <c r="AP493" s="167"/>
      <c r="AQ493" s="167"/>
      <c r="AR493" s="167"/>
      <c r="AS493" s="167"/>
      <c r="AT493" s="167"/>
      <c r="AU493" s="167"/>
      <c r="AV493" s="167"/>
      <c r="AW493" s="160">
        <f t="shared" si="261"/>
        <v>750</v>
      </c>
      <c r="AX493" s="158">
        <f t="shared" si="296"/>
        <v>57.991999999999997</v>
      </c>
      <c r="AY493" s="161" t="str">
        <f t="shared" si="263"/>
        <v/>
      </c>
      <c r="AZ493" s="161" t="str">
        <f t="shared" si="264"/>
        <v/>
      </c>
      <c r="BA493" s="161" t="str">
        <f t="shared" si="265"/>
        <v/>
      </c>
      <c r="BB493" s="161" t="str">
        <f t="shared" si="266"/>
        <v/>
      </c>
      <c r="BC493" s="161" t="str">
        <f t="shared" si="267"/>
        <v/>
      </c>
      <c r="BD493" s="161" t="str">
        <f t="shared" si="268"/>
        <v/>
      </c>
      <c r="BE493" s="161" t="str">
        <f t="shared" si="269"/>
        <v/>
      </c>
      <c r="BF493" s="161" t="str">
        <f t="shared" si="270"/>
        <v/>
      </c>
      <c r="BG493" s="161" t="str">
        <f t="shared" si="271"/>
        <v/>
      </c>
      <c r="BH493" s="161" t="str">
        <f t="shared" si="272"/>
        <v/>
      </c>
      <c r="BI493" s="161">
        <f t="shared" si="273"/>
        <v>43494</v>
      </c>
      <c r="BJ493" s="161" t="str">
        <f t="shared" si="274"/>
        <v/>
      </c>
      <c r="BK493" s="161" t="str">
        <f t="shared" si="275"/>
        <v/>
      </c>
      <c r="BL493" s="161" t="str">
        <f t="shared" si="276"/>
        <v/>
      </c>
      <c r="BM493" s="161" t="str">
        <f t="shared" si="277"/>
        <v/>
      </c>
      <c r="BN493" s="161" t="str">
        <f t="shared" si="278"/>
        <v/>
      </c>
      <c r="BO493" s="161" t="str">
        <f t="shared" si="279"/>
        <v/>
      </c>
      <c r="BP493" s="161" t="str">
        <f t="shared" si="280"/>
        <v/>
      </c>
      <c r="BQ493" s="161" t="str">
        <f t="shared" si="281"/>
        <v/>
      </c>
      <c r="BR493" s="161" t="str">
        <f t="shared" si="282"/>
        <v/>
      </c>
      <c r="BS493" s="161" t="str">
        <f t="shared" si="283"/>
        <v/>
      </c>
      <c r="BT493" s="161" t="str">
        <f t="shared" si="284"/>
        <v/>
      </c>
      <c r="BU493" s="161" t="str">
        <f t="shared" si="285"/>
        <v/>
      </c>
      <c r="BV493" s="161" t="str">
        <f t="shared" si="286"/>
        <v/>
      </c>
      <c r="BW493" s="161" t="str">
        <f t="shared" si="287"/>
        <v/>
      </c>
      <c r="BX493" s="161" t="str">
        <f t="shared" si="288"/>
        <v/>
      </c>
      <c r="BY493" s="161" t="str">
        <f t="shared" si="289"/>
        <v/>
      </c>
      <c r="BZ493" s="161" t="str">
        <f t="shared" si="290"/>
        <v/>
      </c>
      <c r="CA493" s="161" t="str">
        <f t="shared" si="291"/>
        <v/>
      </c>
      <c r="CB493" s="161" t="str">
        <f t="shared" si="292"/>
        <v/>
      </c>
      <c r="CC493" s="161" t="str">
        <f t="shared" si="293"/>
        <v/>
      </c>
      <c r="CD493" s="156"/>
      <c r="CE493" s="156"/>
      <c r="CF493" s="156"/>
    </row>
    <row r="494" spans="1:84" s="168" customFormat="1" ht="56.1" hidden="1" customHeight="1" x14ac:dyDescent="0.2">
      <c r="A494" s="154">
        <v>494</v>
      </c>
      <c r="B494" s="155" t="s">
        <v>53</v>
      </c>
      <c r="C494" s="165" t="s">
        <v>515</v>
      </c>
      <c r="D494" s="156" t="s">
        <v>539</v>
      </c>
      <c r="E494" s="156" t="s">
        <v>538</v>
      </c>
      <c r="F494" s="156" t="s">
        <v>538</v>
      </c>
      <c r="G494" s="156" t="s">
        <v>58</v>
      </c>
      <c r="H494" s="156" t="s">
        <v>574</v>
      </c>
      <c r="I494" s="156" t="s">
        <v>388</v>
      </c>
      <c r="J494" s="156" t="s">
        <v>525</v>
      </c>
      <c r="K494" s="156" t="s">
        <v>390</v>
      </c>
      <c r="L494" s="156" t="s">
        <v>63</v>
      </c>
      <c r="M494" s="156" t="s">
        <v>63</v>
      </c>
      <c r="N494" s="157">
        <v>105440</v>
      </c>
      <c r="O494" s="157">
        <v>105440</v>
      </c>
      <c r="P494" s="156" t="s">
        <v>64</v>
      </c>
      <c r="Q494" s="156" t="s">
        <v>82</v>
      </c>
      <c r="R494" s="167"/>
      <c r="S494" s="167"/>
      <c r="T494" s="167"/>
      <c r="U494" s="167"/>
      <c r="V494" s="167"/>
      <c r="W494" s="161"/>
      <c r="X494" s="167"/>
      <c r="Y494" s="167"/>
      <c r="Z494" s="167"/>
      <c r="AA494" s="167"/>
      <c r="AB494" s="161" t="s">
        <v>66</v>
      </c>
      <c r="AC494" s="167"/>
      <c r="AD494" s="167"/>
      <c r="AE494" s="167"/>
      <c r="AF494" s="167"/>
      <c r="AG494" s="167"/>
      <c r="AH494" s="167"/>
      <c r="AI494" s="167"/>
      <c r="AJ494" s="167"/>
      <c r="AK494" s="167"/>
      <c r="AL494" s="167"/>
      <c r="AM494" s="167"/>
      <c r="AN494" s="167"/>
      <c r="AO494" s="167"/>
      <c r="AP494" s="167"/>
      <c r="AQ494" s="167"/>
      <c r="AR494" s="167"/>
      <c r="AS494" s="167"/>
      <c r="AT494" s="167"/>
      <c r="AU494" s="167"/>
      <c r="AV494" s="167"/>
      <c r="AW494" s="160">
        <f t="shared" si="261"/>
        <v>750</v>
      </c>
      <c r="AX494" s="158">
        <f t="shared" si="296"/>
        <v>140.58666666666667</v>
      </c>
      <c r="AY494" s="161" t="str">
        <f t="shared" si="263"/>
        <v/>
      </c>
      <c r="AZ494" s="161" t="str">
        <f t="shared" si="264"/>
        <v/>
      </c>
      <c r="BA494" s="161" t="str">
        <f t="shared" si="265"/>
        <v/>
      </c>
      <c r="BB494" s="161" t="str">
        <f t="shared" si="266"/>
        <v/>
      </c>
      <c r="BC494" s="161" t="str">
        <f t="shared" si="267"/>
        <v/>
      </c>
      <c r="BD494" s="161" t="str">
        <f t="shared" si="268"/>
        <v/>
      </c>
      <c r="BE494" s="161" t="str">
        <f t="shared" si="269"/>
        <v/>
      </c>
      <c r="BF494" s="161" t="str">
        <f t="shared" si="270"/>
        <v/>
      </c>
      <c r="BG494" s="161" t="str">
        <f t="shared" si="271"/>
        <v/>
      </c>
      <c r="BH494" s="161" t="str">
        <f t="shared" si="272"/>
        <v/>
      </c>
      <c r="BI494" s="161">
        <f t="shared" si="273"/>
        <v>105440</v>
      </c>
      <c r="BJ494" s="161" t="str">
        <f t="shared" si="274"/>
        <v/>
      </c>
      <c r="BK494" s="161" t="str">
        <f t="shared" si="275"/>
        <v/>
      </c>
      <c r="BL494" s="161" t="str">
        <f t="shared" si="276"/>
        <v/>
      </c>
      <c r="BM494" s="161" t="str">
        <f t="shared" si="277"/>
        <v/>
      </c>
      <c r="BN494" s="161" t="str">
        <f t="shared" si="278"/>
        <v/>
      </c>
      <c r="BO494" s="161" t="str">
        <f t="shared" si="279"/>
        <v/>
      </c>
      <c r="BP494" s="161" t="str">
        <f t="shared" si="280"/>
        <v/>
      </c>
      <c r="BQ494" s="161" t="str">
        <f t="shared" si="281"/>
        <v/>
      </c>
      <c r="BR494" s="161" t="str">
        <f t="shared" si="282"/>
        <v/>
      </c>
      <c r="BS494" s="161" t="str">
        <f t="shared" si="283"/>
        <v/>
      </c>
      <c r="BT494" s="161" t="str">
        <f t="shared" si="284"/>
        <v/>
      </c>
      <c r="BU494" s="161" t="str">
        <f t="shared" si="285"/>
        <v/>
      </c>
      <c r="BV494" s="161" t="str">
        <f t="shared" si="286"/>
        <v/>
      </c>
      <c r="BW494" s="161" t="str">
        <f t="shared" si="287"/>
        <v/>
      </c>
      <c r="BX494" s="161" t="str">
        <f t="shared" si="288"/>
        <v/>
      </c>
      <c r="BY494" s="161" t="str">
        <f t="shared" si="289"/>
        <v/>
      </c>
      <c r="BZ494" s="161" t="str">
        <f t="shared" si="290"/>
        <v/>
      </c>
      <c r="CA494" s="161" t="str">
        <f t="shared" si="291"/>
        <v/>
      </c>
      <c r="CB494" s="161" t="str">
        <f t="shared" si="292"/>
        <v/>
      </c>
      <c r="CC494" s="161" t="str">
        <f t="shared" si="293"/>
        <v/>
      </c>
      <c r="CD494" s="156"/>
      <c r="CE494" s="156"/>
      <c r="CF494" s="156"/>
    </row>
    <row r="495" spans="1:84" s="168" customFormat="1" ht="56.1" hidden="1" customHeight="1" x14ac:dyDescent="0.2">
      <c r="A495" s="154">
        <v>495</v>
      </c>
      <c r="B495" s="155" t="s">
        <v>53</v>
      </c>
      <c r="C495" s="165" t="s">
        <v>515</v>
      </c>
      <c r="D495" s="156" t="s">
        <v>528</v>
      </c>
      <c r="E495" s="156" t="s">
        <v>575</v>
      </c>
      <c r="F495" s="156" t="s">
        <v>575</v>
      </c>
      <c r="G495" s="156" t="s">
        <v>58</v>
      </c>
      <c r="H495" s="156" t="s">
        <v>574</v>
      </c>
      <c r="I495" s="156" t="s">
        <v>388</v>
      </c>
      <c r="J495" s="156" t="s">
        <v>525</v>
      </c>
      <c r="K495" s="156" t="s">
        <v>390</v>
      </c>
      <c r="L495" s="156" t="s">
        <v>63</v>
      </c>
      <c r="M495" s="156" t="s">
        <v>63</v>
      </c>
      <c r="N495" s="157">
        <v>369040</v>
      </c>
      <c r="O495" s="157">
        <v>369040</v>
      </c>
      <c r="P495" s="156" t="s">
        <v>64</v>
      </c>
      <c r="Q495" s="156" t="s">
        <v>82</v>
      </c>
      <c r="R495" s="167"/>
      <c r="S495" s="167"/>
      <c r="T495" s="167"/>
      <c r="U495" s="167"/>
      <c r="V495" s="167"/>
      <c r="W495" s="161"/>
      <c r="X495" s="167"/>
      <c r="Y495" s="167"/>
      <c r="Z495" s="167"/>
      <c r="AA495" s="167"/>
      <c r="AB495" s="161" t="s">
        <v>66</v>
      </c>
      <c r="AC495" s="167"/>
      <c r="AD495" s="167"/>
      <c r="AE495" s="167"/>
      <c r="AF495" s="167"/>
      <c r="AG495" s="167"/>
      <c r="AH495" s="167"/>
      <c r="AI495" s="167"/>
      <c r="AJ495" s="167"/>
      <c r="AK495" s="167"/>
      <c r="AL495" s="167"/>
      <c r="AM495" s="167"/>
      <c r="AN495" s="167"/>
      <c r="AO495" s="167"/>
      <c r="AP495" s="167"/>
      <c r="AQ495" s="167"/>
      <c r="AR495" s="167"/>
      <c r="AS495" s="167"/>
      <c r="AT495" s="167"/>
      <c r="AU495" s="167"/>
      <c r="AV495" s="167"/>
      <c r="AW495" s="160">
        <f t="shared" si="261"/>
        <v>750</v>
      </c>
      <c r="AX495" s="158">
        <f t="shared" si="296"/>
        <v>492.05333333333334</v>
      </c>
      <c r="AY495" s="161" t="str">
        <f t="shared" si="263"/>
        <v/>
      </c>
      <c r="AZ495" s="161" t="str">
        <f t="shared" si="264"/>
        <v/>
      </c>
      <c r="BA495" s="161" t="str">
        <f t="shared" si="265"/>
        <v/>
      </c>
      <c r="BB495" s="161" t="str">
        <f t="shared" si="266"/>
        <v/>
      </c>
      <c r="BC495" s="161" t="str">
        <f t="shared" si="267"/>
        <v/>
      </c>
      <c r="BD495" s="161" t="str">
        <f t="shared" si="268"/>
        <v/>
      </c>
      <c r="BE495" s="161" t="str">
        <f t="shared" si="269"/>
        <v/>
      </c>
      <c r="BF495" s="161" t="str">
        <f t="shared" si="270"/>
        <v/>
      </c>
      <c r="BG495" s="161" t="str">
        <f t="shared" si="271"/>
        <v/>
      </c>
      <c r="BH495" s="161" t="str">
        <f t="shared" si="272"/>
        <v/>
      </c>
      <c r="BI495" s="161">
        <f t="shared" si="273"/>
        <v>369040</v>
      </c>
      <c r="BJ495" s="161" t="str">
        <f t="shared" si="274"/>
        <v/>
      </c>
      <c r="BK495" s="161" t="str">
        <f t="shared" si="275"/>
        <v/>
      </c>
      <c r="BL495" s="161" t="str">
        <f t="shared" si="276"/>
        <v/>
      </c>
      <c r="BM495" s="161" t="str">
        <f t="shared" si="277"/>
        <v/>
      </c>
      <c r="BN495" s="161" t="str">
        <f t="shared" si="278"/>
        <v/>
      </c>
      <c r="BO495" s="161" t="str">
        <f t="shared" si="279"/>
        <v/>
      </c>
      <c r="BP495" s="161" t="str">
        <f t="shared" si="280"/>
        <v/>
      </c>
      <c r="BQ495" s="161" t="str">
        <f t="shared" si="281"/>
        <v/>
      </c>
      <c r="BR495" s="161" t="str">
        <f t="shared" si="282"/>
        <v/>
      </c>
      <c r="BS495" s="161" t="str">
        <f t="shared" si="283"/>
        <v/>
      </c>
      <c r="BT495" s="161" t="str">
        <f t="shared" si="284"/>
        <v/>
      </c>
      <c r="BU495" s="161" t="str">
        <f t="shared" si="285"/>
        <v/>
      </c>
      <c r="BV495" s="161" t="str">
        <f t="shared" si="286"/>
        <v/>
      </c>
      <c r="BW495" s="161" t="str">
        <f t="shared" si="287"/>
        <v/>
      </c>
      <c r="BX495" s="161" t="str">
        <f t="shared" si="288"/>
        <v/>
      </c>
      <c r="BY495" s="161" t="str">
        <f t="shared" si="289"/>
        <v/>
      </c>
      <c r="BZ495" s="161" t="str">
        <f t="shared" si="290"/>
        <v/>
      </c>
      <c r="CA495" s="161" t="str">
        <f t="shared" si="291"/>
        <v/>
      </c>
      <c r="CB495" s="161" t="str">
        <f t="shared" si="292"/>
        <v/>
      </c>
      <c r="CC495" s="161" t="str">
        <f t="shared" si="293"/>
        <v/>
      </c>
      <c r="CD495" s="156"/>
      <c r="CE495" s="156"/>
      <c r="CF495" s="156"/>
    </row>
    <row r="496" spans="1:84" s="168" customFormat="1" ht="56.1" hidden="1" customHeight="1" x14ac:dyDescent="0.2">
      <c r="A496" s="154">
        <v>496</v>
      </c>
      <c r="B496" s="155" t="s">
        <v>53</v>
      </c>
      <c r="C496" s="165" t="s">
        <v>515</v>
      </c>
      <c r="D496" s="156" t="s">
        <v>530</v>
      </c>
      <c r="E496" s="156" t="s">
        <v>576</v>
      </c>
      <c r="F496" s="156" t="s">
        <v>576</v>
      </c>
      <c r="G496" s="156" t="s">
        <v>58</v>
      </c>
      <c r="H496" s="156" t="s">
        <v>574</v>
      </c>
      <c r="I496" s="156" t="s">
        <v>388</v>
      </c>
      <c r="J496" s="156" t="s">
        <v>525</v>
      </c>
      <c r="K496" s="156" t="s">
        <v>390</v>
      </c>
      <c r="L496" s="156" t="s">
        <v>63</v>
      </c>
      <c r="M496" s="156" t="s">
        <v>63</v>
      </c>
      <c r="N496" s="157">
        <v>217470</v>
      </c>
      <c r="O496" s="157">
        <v>217470</v>
      </c>
      <c r="P496" s="156" t="s">
        <v>64</v>
      </c>
      <c r="Q496" s="156" t="s">
        <v>82</v>
      </c>
      <c r="R496" s="167"/>
      <c r="S496" s="167"/>
      <c r="T496" s="167"/>
      <c r="U496" s="167"/>
      <c r="V496" s="167"/>
      <c r="W496" s="161"/>
      <c r="X496" s="167"/>
      <c r="Y496" s="167"/>
      <c r="Z496" s="167"/>
      <c r="AA496" s="167"/>
      <c r="AB496" s="161" t="s">
        <v>66</v>
      </c>
      <c r="AC496" s="167"/>
      <c r="AD496" s="167"/>
      <c r="AE496" s="167"/>
      <c r="AF496" s="167"/>
      <c r="AG496" s="167"/>
      <c r="AH496" s="167"/>
      <c r="AI496" s="167"/>
      <c r="AJ496" s="167"/>
      <c r="AK496" s="167"/>
      <c r="AL496" s="167"/>
      <c r="AM496" s="167"/>
      <c r="AN496" s="167"/>
      <c r="AO496" s="167"/>
      <c r="AP496" s="167"/>
      <c r="AQ496" s="167"/>
      <c r="AR496" s="167"/>
      <c r="AS496" s="167"/>
      <c r="AT496" s="167"/>
      <c r="AU496" s="167"/>
      <c r="AV496" s="167"/>
      <c r="AW496" s="160">
        <f t="shared" si="261"/>
        <v>750</v>
      </c>
      <c r="AX496" s="158">
        <f t="shared" si="296"/>
        <v>289.95999999999998</v>
      </c>
      <c r="AY496" s="161" t="str">
        <f t="shared" si="263"/>
        <v/>
      </c>
      <c r="AZ496" s="161" t="str">
        <f t="shared" si="264"/>
        <v/>
      </c>
      <c r="BA496" s="161" t="str">
        <f t="shared" si="265"/>
        <v/>
      </c>
      <c r="BB496" s="161" t="str">
        <f t="shared" si="266"/>
        <v/>
      </c>
      <c r="BC496" s="161" t="str">
        <f t="shared" si="267"/>
        <v/>
      </c>
      <c r="BD496" s="161" t="str">
        <f t="shared" si="268"/>
        <v/>
      </c>
      <c r="BE496" s="161" t="str">
        <f t="shared" si="269"/>
        <v/>
      </c>
      <c r="BF496" s="161" t="str">
        <f t="shared" si="270"/>
        <v/>
      </c>
      <c r="BG496" s="161" t="str">
        <f t="shared" si="271"/>
        <v/>
      </c>
      <c r="BH496" s="161" t="str">
        <f t="shared" si="272"/>
        <v/>
      </c>
      <c r="BI496" s="161">
        <f t="shared" si="273"/>
        <v>217469.99999999997</v>
      </c>
      <c r="BJ496" s="161" t="str">
        <f t="shared" si="274"/>
        <v/>
      </c>
      <c r="BK496" s="161" t="str">
        <f t="shared" si="275"/>
        <v/>
      </c>
      <c r="BL496" s="161" t="str">
        <f t="shared" si="276"/>
        <v/>
      </c>
      <c r="BM496" s="161" t="str">
        <f t="shared" si="277"/>
        <v/>
      </c>
      <c r="BN496" s="161" t="str">
        <f t="shared" si="278"/>
        <v/>
      </c>
      <c r="BO496" s="161" t="str">
        <f t="shared" si="279"/>
        <v/>
      </c>
      <c r="BP496" s="161" t="str">
        <f t="shared" si="280"/>
        <v/>
      </c>
      <c r="BQ496" s="161" t="str">
        <f t="shared" si="281"/>
        <v/>
      </c>
      <c r="BR496" s="161" t="str">
        <f t="shared" si="282"/>
        <v/>
      </c>
      <c r="BS496" s="161" t="str">
        <f t="shared" si="283"/>
        <v/>
      </c>
      <c r="BT496" s="161" t="str">
        <f t="shared" si="284"/>
        <v/>
      </c>
      <c r="BU496" s="161" t="str">
        <f t="shared" si="285"/>
        <v/>
      </c>
      <c r="BV496" s="161" t="str">
        <f t="shared" si="286"/>
        <v/>
      </c>
      <c r="BW496" s="161" t="str">
        <f t="shared" si="287"/>
        <v/>
      </c>
      <c r="BX496" s="161" t="str">
        <f t="shared" si="288"/>
        <v/>
      </c>
      <c r="BY496" s="161" t="str">
        <f t="shared" si="289"/>
        <v/>
      </c>
      <c r="BZ496" s="161" t="str">
        <f t="shared" si="290"/>
        <v/>
      </c>
      <c r="CA496" s="161" t="str">
        <f t="shared" si="291"/>
        <v/>
      </c>
      <c r="CB496" s="161" t="str">
        <f t="shared" si="292"/>
        <v/>
      </c>
      <c r="CC496" s="161" t="str">
        <f t="shared" si="293"/>
        <v/>
      </c>
      <c r="CD496" s="156"/>
      <c r="CE496" s="156"/>
      <c r="CF496" s="156"/>
    </row>
    <row r="497" spans="1:84" s="168" customFormat="1" ht="56.1" hidden="1" customHeight="1" x14ac:dyDescent="0.2">
      <c r="A497" s="154">
        <v>497</v>
      </c>
      <c r="B497" s="155" t="s">
        <v>53</v>
      </c>
      <c r="C497" s="165" t="s">
        <v>515</v>
      </c>
      <c r="D497" s="156" t="s">
        <v>533</v>
      </c>
      <c r="E497" s="156" t="s">
        <v>534</v>
      </c>
      <c r="F497" s="156" t="s">
        <v>534</v>
      </c>
      <c r="G497" s="156" t="s">
        <v>58</v>
      </c>
      <c r="H497" s="156" t="s">
        <v>574</v>
      </c>
      <c r="I497" s="156" t="s">
        <v>60</v>
      </c>
      <c r="J497" s="156" t="s">
        <v>334</v>
      </c>
      <c r="K497" s="156" t="s">
        <v>390</v>
      </c>
      <c r="L497" s="156" t="s">
        <v>63</v>
      </c>
      <c r="M497" s="156" t="s">
        <v>63</v>
      </c>
      <c r="N497" s="157">
        <v>41635.620000000003</v>
      </c>
      <c r="O497" s="157">
        <v>41635.620000000003</v>
      </c>
      <c r="P497" s="156" t="s">
        <v>64</v>
      </c>
      <c r="Q497" s="156" t="s">
        <v>82</v>
      </c>
      <c r="R497" s="167"/>
      <c r="S497" s="167"/>
      <c r="T497" s="167"/>
      <c r="U497" s="167"/>
      <c r="V497" s="167"/>
      <c r="W497" s="161"/>
      <c r="X497" s="167"/>
      <c r="Y497" s="167"/>
      <c r="Z497" s="167"/>
      <c r="AA497" s="167"/>
      <c r="AB497" s="161" t="s">
        <v>66</v>
      </c>
      <c r="AC497" s="167"/>
      <c r="AD497" s="167"/>
      <c r="AE497" s="167"/>
      <c r="AF497" s="167"/>
      <c r="AG497" s="167"/>
      <c r="AH497" s="167"/>
      <c r="AI497" s="167"/>
      <c r="AJ497" s="167"/>
      <c r="AK497" s="167"/>
      <c r="AL497" s="167"/>
      <c r="AM497" s="167"/>
      <c r="AN497" s="167"/>
      <c r="AO497" s="167"/>
      <c r="AP497" s="167"/>
      <c r="AQ497" s="167"/>
      <c r="AR497" s="167"/>
      <c r="AS497" s="167"/>
      <c r="AT497" s="167"/>
      <c r="AU497" s="167"/>
      <c r="AV497" s="167"/>
      <c r="AW497" s="160">
        <f t="shared" si="261"/>
        <v>750</v>
      </c>
      <c r="AX497" s="158">
        <f t="shared" si="296"/>
        <v>55.514160000000004</v>
      </c>
      <c r="AY497" s="161" t="str">
        <f t="shared" si="263"/>
        <v/>
      </c>
      <c r="AZ497" s="161" t="str">
        <f t="shared" si="264"/>
        <v/>
      </c>
      <c r="BA497" s="161" t="str">
        <f t="shared" si="265"/>
        <v/>
      </c>
      <c r="BB497" s="161" t="str">
        <f t="shared" si="266"/>
        <v/>
      </c>
      <c r="BC497" s="161" t="str">
        <f t="shared" si="267"/>
        <v/>
      </c>
      <c r="BD497" s="161" t="str">
        <f t="shared" si="268"/>
        <v/>
      </c>
      <c r="BE497" s="161" t="str">
        <f t="shared" si="269"/>
        <v/>
      </c>
      <c r="BF497" s="161" t="str">
        <f t="shared" si="270"/>
        <v/>
      </c>
      <c r="BG497" s="161" t="str">
        <f t="shared" si="271"/>
        <v/>
      </c>
      <c r="BH497" s="161" t="str">
        <f t="shared" si="272"/>
        <v/>
      </c>
      <c r="BI497" s="161">
        <f t="shared" si="273"/>
        <v>41635.620000000003</v>
      </c>
      <c r="BJ497" s="161" t="str">
        <f t="shared" si="274"/>
        <v/>
      </c>
      <c r="BK497" s="161" t="str">
        <f t="shared" si="275"/>
        <v/>
      </c>
      <c r="BL497" s="161" t="str">
        <f t="shared" si="276"/>
        <v/>
      </c>
      <c r="BM497" s="161" t="str">
        <f t="shared" si="277"/>
        <v/>
      </c>
      <c r="BN497" s="161" t="str">
        <f t="shared" si="278"/>
        <v/>
      </c>
      <c r="BO497" s="161" t="str">
        <f t="shared" si="279"/>
        <v/>
      </c>
      <c r="BP497" s="161" t="str">
        <f t="shared" si="280"/>
        <v/>
      </c>
      <c r="BQ497" s="161" t="str">
        <f t="shared" si="281"/>
        <v/>
      </c>
      <c r="BR497" s="161" t="str">
        <f t="shared" si="282"/>
        <v/>
      </c>
      <c r="BS497" s="161" t="str">
        <f t="shared" si="283"/>
        <v/>
      </c>
      <c r="BT497" s="161" t="str">
        <f t="shared" si="284"/>
        <v/>
      </c>
      <c r="BU497" s="161" t="str">
        <f t="shared" si="285"/>
        <v/>
      </c>
      <c r="BV497" s="161" t="str">
        <f t="shared" si="286"/>
        <v/>
      </c>
      <c r="BW497" s="161" t="str">
        <f t="shared" si="287"/>
        <v/>
      </c>
      <c r="BX497" s="161" t="str">
        <f t="shared" si="288"/>
        <v/>
      </c>
      <c r="BY497" s="161" t="str">
        <f t="shared" si="289"/>
        <v/>
      </c>
      <c r="BZ497" s="161" t="str">
        <f t="shared" si="290"/>
        <v/>
      </c>
      <c r="CA497" s="161" t="str">
        <f t="shared" si="291"/>
        <v/>
      </c>
      <c r="CB497" s="161" t="str">
        <f t="shared" si="292"/>
        <v/>
      </c>
      <c r="CC497" s="161" t="str">
        <f t="shared" si="293"/>
        <v/>
      </c>
      <c r="CD497" s="156"/>
      <c r="CE497" s="156"/>
      <c r="CF497" s="156"/>
    </row>
    <row r="498" spans="1:84" s="168" customFormat="1" ht="56.1" hidden="1" customHeight="1" x14ac:dyDescent="0.2">
      <c r="A498" s="154">
        <v>498</v>
      </c>
      <c r="B498" s="155" t="s">
        <v>53</v>
      </c>
      <c r="C498" s="165" t="s">
        <v>515</v>
      </c>
      <c r="D498" s="156" t="s">
        <v>548</v>
      </c>
      <c r="E498" s="156" t="s">
        <v>536</v>
      </c>
      <c r="F498" s="156" t="s">
        <v>536</v>
      </c>
      <c r="G498" s="156" t="s">
        <v>58</v>
      </c>
      <c r="H498" s="156" t="s">
        <v>127</v>
      </c>
      <c r="I498" s="169" t="s">
        <v>60</v>
      </c>
      <c r="J498" s="156" t="s">
        <v>334</v>
      </c>
      <c r="K498" s="156" t="s">
        <v>187</v>
      </c>
      <c r="L498" s="156" t="s">
        <v>63</v>
      </c>
      <c r="M498" s="156" t="s">
        <v>63</v>
      </c>
      <c r="N498" s="157">
        <v>106283.52</v>
      </c>
      <c r="O498" s="157">
        <v>106283.52</v>
      </c>
      <c r="P498" s="156" t="s">
        <v>64</v>
      </c>
      <c r="Q498" s="156" t="s">
        <v>82</v>
      </c>
      <c r="R498" s="167"/>
      <c r="S498" s="167"/>
      <c r="T498" s="167"/>
      <c r="U498" s="167"/>
      <c r="V498" s="167"/>
      <c r="W498" s="161"/>
      <c r="X498" s="167"/>
      <c r="Y498" s="167"/>
      <c r="Z498" s="167"/>
      <c r="AA498" s="167"/>
      <c r="AB498" s="167"/>
      <c r="AC498" s="167"/>
      <c r="AD498" s="167"/>
      <c r="AE498" s="161" t="s">
        <v>66</v>
      </c>
      <c r="AF498" s="167"/>
      <c r="AG498" s="167"/>
      <c r="AH498" s="167"/>
      <c r="AI498" s="167"/>
      <c r="AJ498" s="167"/>
      <c r="AK498" s="167"/>
      <c r="AL498" s="167"/>
      <c r="AM498" s="167"/>
      <c r="AN498" s="167"/>
      <c r="AO498" s="167"/>
      <c r="AP498" s="167"/>
      <c r="AQ498" s="167"/>
      <c r="AR498" s="167"/>
      <c r="AS498" s="167"/>
      <c r="AT498" s="167"/>
      <c r="AU498" s="167"/>
      <c r="AV498" s="167"/>
      <c r="AW498" s="160">
        <f t="shared" si="261"/>
        <v>350</v>
      </c>
      <c r="AX498" s="158">
        <f t="shared" si="296"/>
        <v>303.66720000000004</v>
      </c>
      <c r="AY498" s="161" t="str">
        <f t="shared" si="263"/>
        <v/>
      </c>
      <c r="AZ498" s="161" t="str">
        <f t="shared" si="264"/>
        <v/>
      </c>
      <c r="BA498" s="161" t="str">
        <f t="shared" si="265"/>
        <v/>
      </c>
      <c r="BB498" s="161" t="str">
        <f t="shared" si="266"/>
        <v/>
      </c>
      <c r="BC498" s="161" t="str">
        <f t="shared" si="267"/>
        <v/>
      </c>
      <c r="BD498" s="161" t="str">
        <f t="shared" si="268"/>
        <v/>
      </c>
      <c r="BE498" s="161" t="str">
        <f t="shared" si="269"/>
        <v/>
      </c>
      <c r="BF498" s="161" t="str">
        <f t="shared" si="270"/>
        <v/>
      </c>
      <c r="BG498" s="161" t="str">
        <f t="shared" si="271"/>
        <v/>
      </c>
      <c r="BH498" s="161" t="str">
        <f t="shared" si="272"/>
        <v/>
      </c>
      <c r="BI498" s="161" t="str">
        <f t="shared" si="273"/>
        <v/>
      </c>
      <c r="BJ498" s="161" t="str">
        <f t="shared" si="274"/>
        <v/>
      </c>
      <c r="BK498" s="161" t="str">
        <f t="shared" si="275"/>
        <v/>
      </c>
      <c r="BL498" s="161">
        <f t="shared" si="276"/>
        <v>106283.52000000002</v>
      </c>
      <c r="BM498" s="161" t="str">
        <f t="shared" si="277"/>
        <v/>
      </c>
      <c r="BN498" s="161" t="str">
        <f t="shared" si="278"/>
        <v/>
      </c>
      <c r="BO498" s="161" t="str">
        <f t="shared" si="279"/>
        <v/>
      </c>
      <c r="BP498" s="161" t="str">
        <f t="shared" si="280"/>
        <v/>
      </c>
      <c r="BQ498" s="161" t="str">
        <f t="shared" si="281"/>
        <v/>
      </c>
      <c r="BR498" s="161" t="str">
        <f t="shared" si="282"/>
        <v/>
      </c>
      <c r="BS498" s="161" t="str">
        <f t="shared" si="283"/>
        <v/>
      </c>
      <c r="BT498" s="161" t="str">
        <f t="shared" si="284"/>
        <v/>
      </c>
      <c r="BU498" s="161" t="str">
        <f t="shared" si="285"/>
        <v/>
      </c>
      <c r="BV498" s="161" t="str">
        <f t="shared" si="286"/>
        <v/>
      </c>
      <c r="BW498" s="161" t="str">
        <f t="shared" si="287"/>
        <v/>
      </c>
      <c r="BX498" s="161" t="str">
        <f t="shared" si="288"/>
        <v/>
      </c>
      <c r="BY498" s="161" t="str">
        <f t="shared" si="289"/>
        <v/>
      </c>
      <c r="BZ498" s="161" t="str">
        <f t="shared" si="290"/>
        <v/>
      </c>
      <c r="CA498" s="161" t="str">
        <f t="shared" si="291"/>
        <v/>
      </c>
      <c r="CB498" s="161" t="str">
        <f t="shared" si="292"/>
        <v/>
      </c>
      <c r="CC498" s="161" t="str">
        <f t="shared" si="293"/>
        <v/>
      </c>
      <c r="CD498" s="156"/>
      <c r="CE498" s="156"/>
      <c r="CF498" s="156"/>
    </row>
    <row r="499" spans="1:84" s="168" customFormat="1" ht="56.1" hidden="1" customHeight="1" x14ac:dyDescent="0.2">
      <c r="A499" s="154">
        <v>499</v>
      </c>
      <c r="B499" s="155" t="s">
        <v>53</v>
      </c>
      <c r="C499" s="165" t="s">
        <v>515</v>
      </c>
      <c r="D499" s="156" t="s">
        <v>518</v>
      </c>
      <c r="E499" s="156" t="s">
        <v>520</v>
      </c>
      <c r="F499" s="156" t="s">
        <v>520</v>
      </c>
      <c r="G499" s="156" t="s">
        <v>58</v>
      </c>
      <c r="H499" s="156" t="s">
        <v>127</v>
      </c>
      <c r="I499" s="169" t="s">
        <v>60</v>
      </c>
      <c r="J499" s="156" t="s">
        <v>334</v>
      </c>
      <c r="K499" s="156" t="s">
        <v>187</v>
      </c>
      <c r="L499" s="156" t="s">
        <v>63</v>
      </c>
      <c r="M499" s="156" t="s">
        <v>63</v>
      </c>
      <c r="N499" s="157">
        <v>278994.24</v>
      </c>
      <c r="O499" s="157">
        <v>278994.24</v>
      </c>
      <c r="P499" s="156" t="s">
        <v>64</v>
      </c>
      <c r="Q499" s="156" t="s">
        <v>82</v>
      </c>
      <c r="R499" s="167"/>
      <c r="S499" s="167"/>
      <c r="T499" s="167"/>
      <c r="U499" s="167"/>
      <c r="V499" s="167"/>
      <c r="W499" s="161"/>
      <c r="X499" s="167"/>
      <c r="Y499" s="167"/>
      <c r="Z499" s="167"/>
      <c r="AA499" s="167"/>
      <c r="AB499" s="167"/>
      <c r="AC499" s="167"/>
      <c r="AD499" s="167"/>
      <c r="AE499" s="161" t="s">
        <v>66</v>
      </c>
      <c r="AF499" s="167"/>
      <c r="AG499" s="167"/>
      <c r="AH499" s="167"/>
      <c r="AI499" s="167"/>
      <c r="AJ499" s="167"/>
      <c r="AK499" s="167"/>
      <c r="AL499" s="167"/>
      <c r="AM499" s="167"/>
      <c r="AN499" s="167"/>
      <c r="AO499" s="167"/>
      <c r="AP499" s="167"/>
      <c r="AQ499" s="167"/>
      <c r="AR499" s="167"/>
      <c r="AS499" s="167"/>
      <c r="AT499" s="167"/>
      <c r="AU499" s="167"/>
      <c r="AV499" s="167"/>
      <c r="AW499" s="160">
        <f t="shared" si="261"/>
        <v>350</v>
      </c>
      <c r="AX499" s="158">
        <f t="shared" si="296"/>
        <v>797.12639999999999</v>
      </c>
      <c r="AY499" s="161" t="str">
        <f t="shared" si="263"/>
        <v/>
      </c>
      <c r="AZ499" s="161" t="str">
        <f t="shared" si="264"/>
        <v/>
      </c>
      <c r="BA499" s="161" t="str">
        <f t="shared" si="265"/>
        <v/>
      </c>
      <c r="BB499" s="161" t="str">
        <f t="shared" si="266"/>
        <v/>
      </c>
      <c r="BC499" s="161" t="str">
        <f t="shared" si="267"/>
        <v/>
      </c>
      <c r="BD499" s="161" t="str">
        <f t="shared" si="268"/>
        <v/>
      </c>
      <c r="BE499" s="161" t="str">
        <f t="shared" si="269"/>
        <v/>
      </c>
      <c r="BF499" s="161" t="str">
        <f t="shared" si="270"/>
        <v/>
      </c>
      <c r="BG499" s="161" t="str">
        <f t="shared" si="271"/>
        <v/>
      </c>
      <c r="BH499" s="161" t="str">
        <f t="shared" si="272"/>
        <v/>
      </c>
      <c r="BI499" s="161" t="str">
        <f t="shared" si="273"/>
        <v/>
      </c>
      <c r="BJ499" s="161" t="str">
        <f t="shared" si="274"/>
        <v/>
      </c>
      <c r="BK499" s="161" t="str">
        <f t="shared" si="275"/>
        <v/>
      </c>
      <c r="BL499" s="161">
        <f t="shared" si="276"/>
        <v>278994.24</v>
      </c>
      <c r="BM499" s="161" t="str">
        <f t="shared" si="277"/>
        <v/>
      </c>
      <c r="BN499" s="161" t="str">
        <f t="shared" si="278"/>
        <v/>
      </c>
      <c r="BO499" s="161" t="str">
        <f t="shared" si="279"/>
        <v/>
      </c>
      <c r="BP499" s="161" t="str">
        <f t="shared" si="280"/>
        <v/>
      </c>
      <c r="BQ499" s="161" t="str">
        <f t="shared" si="281"/>
        <v/>
      </c>
      <c r="BR499" s="161" t="str">
        <f t="shared" si="282"/>
        <v/>
      </c>
      <c r="BS499" s="161" t="str">
        <f t="shared" si="283"/>
        <v/>
      </c>
      <c r="BT499" s="161" t="str">
        <f t="shared" si="284"/>
        <v/>
      </c>
      <c r="BU499" s="161" t="str">
        <f t="shared" si="285"/>
        <v/>
      </c>
      <c r="BV499" s="161" t="str">
        <f t="shared" si="286"/>
        <v/>
      </c>
      <c r="BW499" s="161" t="str">
        <f t="shared" si="287"/>
        <v/>
      </c>
      <c r="BX499" s="161" t="str">
        <f t="shared" si="288"/>
        <v/>
      </c>
      <c r="BY499" s="161" t="str">
        <f t="shared" si="289"/>
        <v/>
      </c>
      <c r="BZ499" s="161" t="str">
        <f t="shared" si="290"/>
        <v/>
      </c>
      <c r="CA499" s="161" t="str">
        <f t="shared" si="291"/>
        <v/>
      </c>
      <c r="CB499" s="161" t="str">
        <f t="shared" si="292"/>
        <v/>
      </c>
      <c r="CC499" s="161" t="str">
        <f t="shared" si="293"/>
        <v/>
      </c>
      <c r="CD499" s="156"/>
      <c r="CE499" s="156"/>
      <c r="CF499" s="156"/>
    </row>
    <row r="500" spans="1:84" s="168" customFormat="1" ht="56.1" hidden="1" customHeight="1" x14ac:dyDescent="0.2">
      <c r="A500" s="154">
        <v>500</v>
      </c>
      <c r="B500" s="155" t="s">
        <v>53</v>
      </c>
      <c r="C500" s="165" t="s">
        <v>515</v>
      </c>
      <c r="D500" s="156" t="s">
        <v>521</v>
      </c>
      <c r="E500" s="156" t="s">
        <v>522</v>
      </c>
      <c r="F500" s="156" t="s">
        <v>522</v>
      </c>
      <c r="G500" s="156" t="s">
        <v>58</v>
      </c>
      <c r="H500" s="156" t="s">
        <v>127</v>
      </c>
      <c r="I500" s="169" t="s">
        <v>60</v>
      </c>
      <c r="J500" s="156" t="s">
        <v>334</v>
      </c>
      <c r="K500" s="156" t="s">
        <v>187</v>
      </c>
      <c r="L500" s="156" t="s">
        <v>63</v>
      </c>
      <c r="M500" s="156" t="s">
        <v>63</v>
      </c>
      <c r="N500" s="157">
        <v>389706.24000000005</v>
      </c>
      <c r="O500" s="157">
        <v>389706.24000000005</v>
      </c>
      <c r="P500" s="156" t="s">
        <v>64</v>
      </c>
      <c r="Q500" s="156" t="s">
        <v>82</v>
      </c>
      <c r="R500" s="167"/>
      <c r="S500" s="167"/>
      <c r="T500" s="167"/>
      <c r="U500" s="167"/>
      <c r="V500" s="167"/>
      <c r="W500" s="161"/>
      <c r="X500" s="167"/>
      <c r="Y500" s="167"/>
      <c r="Z500" s="167"/>
      <c r="AA500" s="167"/>
      <c r="AB500" s="167"/>
      <c r="AC500" s="167"/>
      <c r="AD500" s="167"/>
      <c r="AE500" s="161" t="s">
        <v>66</v>
      </c>
      <c r="AF500" s="167"/>
      <c r="AG500" s="167"/>
      <c r="AH500" s="167"/>
      <c r="AI500" s="167"/>
      <c r="AJ500" s="167"/>
      <c r="AK500" s="167"/>
      <c r="AL500" s="167"/>
      <c r="AM500" s="167"/>
      <c r="AN500" s="167"/>
      <c r="AO500" s="167"/>
      <c r="AP500" s="167"/>
      <c r="AQ500" s="167"/>
      <c r="AR500" s="167"/>
      <c r="AS500" s="167"/>
      <c r="AT500" s="167"/>
      <c r="AU500" s="167"/>
      <c r="AV500" s="167"/>
      <c r="AW500" s="160">
        <f t="shared" si="261"/>
        <v>350</v>
      </c>
      <c r="AX500" s="158">
        <f t="shared" si="296"/>
        <v>1113.4464</v>
      </c>
      <c r="AY500" s="161" t="str">
        <f t="shared" si="263"/>
        <v/>
      </c>
      <c r="AZ500" s="161" t="str">
        <f t="shared" si="264"/>
        <v/>
      </c>
      <c r="BA500" s="161" t="str">
        <f t="shared" si="265"/>
        <v/>
      </c>
      <c r="BB500" s="161" t="str">
        <f t="shared" si="266"/>
        <v/>
      </c>
      <c r="BC500" s="161" t="str">
        <f t="shared" si="267"/>
        <v/>
      </c>
      <c r="BD500" s="161" t="str">
        <f t="shared" si="268"/>
        <v/>
      </c>
      <c r="BE500" s="161" t="str">
        <f t="shared" si="269"/>
        <v/>
      </c>
      <c r="BF500" s="161" t="str">
        <f t="shared" si="270"/>
        <v/>
      </c>
      <c r="BG500" s="161" t="str">
        <f t="shared" si="271"/>
        <v/>
      </c>
      <c r="BH500" s="161" t="str">
        <f t="shared" si="272"/>
        <v/>
      </c>
      <c r="BI500" s="161" t="str">
        <f t="shared" si="273"/>
        <v/>
      </c>
      <c r="BJ500" s="161" t="str">
        <f t="shared" si="274"/>
        <v/>
      </c>
      <c r="BK500" s="161" t="str">
        <f t="shared" si="275"/>
        <v/>
      </c>
      <c r="BL500" s="161">
        <f t="shared" si="276"/>
        <v>389706.23999999999</v>
      </c>
      <c r="BM500" s="161" t="str">
        <f t="shared" si="277"/>
        <v/>
      </c>
      <c r="BN500" s="161" t="str">
        <f t="shared" si="278"/>
        <v/>
      </c>
      <c r="BO500" s="161" t="str">
        <f t="shared" si="279"/>
        <v/>
      </c>
      <c r="BP500" s="161" t="str">
        <f t="shared" si="280"/>
        <v/>
      </c>
      <c r="BQ500" s="161" t="str">
        <f t="shared" si="281"/>
        <v/>
      </c>
      <c r="BR500" s="161" t="str">
        <f t="shared" si="282"/>
        <v/>
      </c>
      <c r="BS500" s="161" t="str">
        <f t="shared" si="283"/>
        <v/>
      </c>
      <c r="BT500" s="161" t="str">
        <f t="shared" si="284"/>
        <v/>
      </c>
      <c r="BU500" s="161" t="str">
        <f t="shared" si="285"/>
        <v/>
      </c>
      <c r="BV500" s="161" t="str">
        <f t="shared" si="286"/>
        <v/>
      </c>
      <c r="BW500" s="161" t="str">
        <f t="shared" si="287"/>
        <v/>
      </c>
      <c r="BX500" s="161" t="str">
        <f t="shared" si="288"/>
        <v/>
      </c>
      <c r="BY500" s="161" t="str">
        <f t="shared" si="289"/>
        <v/>
      </c>
      <c r="BZ500" s="161" t="str">
        <f t="shared" si="290"/>
        <v/>
      </c>
      <c r="CA500" s="161" t="str">
        <f t="shared" si="291"/>
        <v/>
      </c>
      <c r="CB500" s="161" t="str">
        <f t="shared" si="292"/>
        <v/>
      </c>
      <c r="CC500" s="161" t="str">
        <f t="shared" si="293"/>
        <v/>
      </c>
      <c r="CD500" s="156"/>
      <c r="CE500" s="156"/>
      <c r="CF500" s="156"/>
    </row>
    <row r="501" spans="1:84" s="168" customFormat="1" ht="56.1" hidden="1" customHeight="1" x14ac:dyDescent="0.2">
      <c r="A501" s="154">
        <v>501</v>
      </c>
      <c r="B501" s="155" t="s">
        <v>53</v>
      </c>
      <c r="C501" s="165" t="s">
        <v>515</v>
      </c>
      <c r="D501" s="156" t="s">
        <v>523</v>
      </c>
      <c r="E501" s="156" t="s">
        <v>537</v>
      </c>
      <c r="F501" s="156" t="s">
        <v>537</v>
      </c>
      <c r="G501" s="156" t="s">
        <v>58</v>
      </c>
      <c r="H501" s="156" t="s">
        <v>127</v>
      </c>
      <c r="I501" s="156" t="s">
        <v>388</v>
      </c>
      <c r="J501" s="156" t="s">
        <v>525</v>
      </c>
      <c r="K501" s="156" t="s">
        <v>187</v>
      </c>
      <c r="L501" s="156" t="s">
        <v>63</v>
      </c>
      <c r="M501" s="156" t="s">
        <v>63</v>
      </c>
      <c r="N501" s="157">
        <v>43494</v>
      </c>
      <c r="O501" s="157">
        <v>43494</v>
      </c>
      <c r="P501" s="156" t="s">
        <v>64</v>
      </c>
      <c r="Q501" s="156" t="s">
        <v>82</v>
      </c>
      <c r="R501" s="167"/>
      <c r="S501" s="167"/>
      <c r="T501" s="167"/>
      <c r="U501" s="167"/>
      <c r="V501" s="167"/>
      <c r="W501" s="161"/>
      <c r="X501" s="167"/>
      <c r="Y501" s="167"/>
      <c r="Z501" s="167"/>
      <c r="AA501" s="167"/>
      <c r="AB501" s="167"/>
      <c r="AC501" s="167"/>
      <c r="AD501" s="167"/>
      <c r="AE501" s="161" t="s">
        <v>66</v>
      </c>
      <c r="AF501" s="167"/>
      <c r="AG501" s="167"/>
      <c r="AH501" s="167"/>
      <c r="AI501" s="167"/>
      <c r="AJ501" s="167"/>
      <c r="AK501" s="167"/>
      <c r="AL501" s="167"/>
      <c r="AM501" s="167"/>
      <c r="AN501" s="167"/>
      <c r="AO501" s="167"/>
      <c r="AP501" s="167"/>
      <c r="AQ501" s="167"/>
      <c r="AR501" s="167"/>
      <c r="AS501" s="167"/>
      <c r="AT501" s="167"/>
      <c r="AU501" s="167"/>
      <c r="AV501" s="167"/>
      <c r="AW501" s="160">
        <f t="shared" si="261"/>
        <v>350</v>
      </c>
      <c r="AX501" s="158">
        <f t="shared" si="296"/>
        <v>124.26857142857143</v>
      </c>
      <c r="AY501" s="161" t="str">
        <f t="shared" si="263"/>
        <v/>
      </c>
      <c r="AZ501" s="161" t="str">
        <f t="shared" si="264"/>
        <v/>
      </c>
      <c r="BA501" s="161" t="str">
        <f t="shared" si="265"/>
        <v/>
      </c>
      <c r="BB501" s="161" t="str">
        <f t="shared" si="266"/>
        <v/>
      </c>
      <c r="BC501" s="161" t="str">
        <f t="shared" si="267"/>
        <v/>
      </c>
      <c r="BD501" s="161" t="str">
        <f t="shared" si="268"/>
        <v/>
      </c>
      <c r="BE501" s="161" t="str">
        <f t="shared" si="269"/>
        <v/>
      </c>
      <c r="BF501" s="161" t="str">
        <f t="shared" si="270"/>
        <v/>
      </c>
      <c r="BG501" s="161" t="str">
        <f t="shared" si="271"/>
        <v/>
      </c>
      <c r="BH501" s="161" t="str">
        <f t="shared" si="272"/>
        <v/>
      </c>
      <c r="BI501" s="161" t="str">
        <f t="shared" si="273"/>
        <v/>
      </c>
      <c r="BJ501" s="161" t="str">
        <f t="shared" si="274"/>
        <v/>
      </c>
      <c r="BK501" s="161" t="str">
        <f t="shared" si="275"/>
        <v/>
      </c>
      <c r="BL501" s="161">
        <f t="shared" si="276"/>
        <v>43494</v>
      </c>
      <c r="BM501" s="161" t="str">
        <f t="shared" si="277"/>
        <v/>
      </c>
      <c r="BN501" s="161" t="str">
        <f t="shared" si="278"/>
        <v/>
      </c>
      <c r="BO501" s="161" t="str">
        <f t="shared" si="279"/>
        <v/>
      </c>
      <c r="BP501" s="161" t="str">
        <f t="shared" si="280"/>
        <v/>
      </c>
      <c r="BQ501" s="161" t="str">
        <f t="shared" si="281"/>
        <v/>
      </c>
      <c r="BR501" s="161" t="str">
        <f t="shared" si="282"/>
        <v/>
      </c>
      <c r="BS501" s="161" t="str">
        <f t="shared" si="283"/>
        <v/>
      </c>
      <c r="BT501" s="161" t="str">
        <f t="shared" si="284"/>
        <v/>
      </c>
      <c r="BU501" s="161" t="str">
        <f t="shared" si="285"/>
        <v/>
      </c>
      <c r="BV501" s="161" t="str">
        <f t="shared" si="286"/>
        <v/>
      </c>
      <c r="BW501" s="161" t="str">
        <f t="shared" si="287"/>
        <v/>
      </c>
      <c r="BX501" s="161" t="str">
        <f t="shared" si="288"/>
        <v/>
      </c>
      <c r="BY501" s="161" t="str">
        <f t="shared" si="289"/>
        <v/>
      </c>
      <c r="BZ501" s="161" t="str">
        <f t="shared" si="290"/>
        <v/>
      </c>
      <c r="CA501" s="161" t="str">
        <f t="shared" si="291"/>
        <v/>
      </c>
      <c r="CB501" s="161" t="str">
        <f t="shared" si="292"/>
        <v/>
      </c>
      <c r="CC501" s="161" t="str">
        <f t="shared" si="293"/>
        <v/>
      </c>
      <c r="CD501" s="156"/>
      <c r="CE501" s="156"/>
      <c r="CF501" s="156"/>
    </row>
    <row r="502" spans="1:84" s="168" customFormat="1" ht="56.1" hidden="1" customHeight="1" x14ac:dyDescent="0.2">
      <c r="A502" s="154">
        <v>502</v>
      </c>
      <c r="B502" s="155" t="s">
        <v>53</v>
      </c>
      <c r="C502" s="165" t="s">
        <v>515</v>
      </c>
      <c r="D502" s="156" t="s">
        <v>539</v>
      </c>
      <c r="E502" s="156" t="s">
        <v>538</v>
      </c>
      <c r="F502" s="156" t="s">
        <v>538</v>
      </c>
      <c r="G502" s="156" t="s">
        <v>58</v>
      </c>
      <c r="H502" s="156" t="s">
        <v>127</v>
      </c>
      <c r="I502" s="156" t="s">
        <v>388</v>
      </c>
      <c r="J502" s="156" t="s">
        <v>525</v>
      </c>
      <c r="K502" s="156" t="s">
        <v>187</v>
      </c>
      <c r="L502" s="156" t="s">
        <v>63</v>
      </c>
      <c r="M502" s="156" t="s">
        <v>63</v>
      </c>
      <c r="N502" s="157">
        <v>105440</v>
      </c>
      <c r="O502" s="157">
        <v>105440</v>
      </c>
      <c r="P502" s="156" t="s">
        <v>64</v>
      </c>
      <c r="Q502" s="156" t="s">
        <v>82</v>
      </c>
      <c r="R502" s="167"/>
      <c r="S502" s="167"/>
      <c r="T502" s="167"/>
      <c r="U502" s="167"/>
      <c r="V502" s="167"/>
      <c r="W502" s="161"/>
      <c r="X502" s="167"/>
      <c r="Y502" s="167"/>
      <c r="Z502" s="167"/>
      <c r="AA502" s="167"/>
      <c r="AB502" s="167"/>
      <c r="AC502" s="167"/>
      <c r="AD502" s="167"/>
      <c r="AE502" s="161" t="s">
        <v>66</v>
      </c>
      <c r="AF502" s="167"/>
      <c r="AG502" s="167"/>
      <c r="AH502" s="167"/>
      <c r="AI502" s="167"/>
      <c r="AJ502" s="167"/>
      <c r="AK502" s="167"/>
      <c r="AL502" s="167"/>
      <c r="AM502" s="167"/>
      <c r="AN502" s="167"/>
      <c r="AO502" s="167"/>
      <c r="AP502" s="167"/>
      <c r="AQ502" s="167"/>
      <c r="AR502" s="167"/>
      <c r="AS502" s="167"/>
      <c r="AT502" s="167"/>
      <c r="AU502" s="167"/>
      <c r="AV502" s="167"/>
      <c r="AW502" s="160">
        <f t="shared" si="261"/>
        <v>350</v>
      </c>
      <c r="AX502" s="158">
        <f t="shared" si="296"/>
        <v>301.25714285714287</v>
      </c>
      <c r="AY502" s="161" t="str">
        <f t="shared" si="263"/>
        <v/>
      </c>
      <c r="AZ502" s="161" t="str">
        <f t="shared" si="264"/>
        <v/>
      </c>
      <c r="BA502" s="161" t="str">
        <f t="shared" si="265"/>
        <v/>
      </c>
      <c r="BB502" s="161" t="str">
        <f t="shared" si="266"/>
        <v/>
      </c>
      <c r="BC502" s="161" t="str">
        <f t="shared" si="267"/>
        <v/>
      </c>
      <c r="BD502" s="161" t="str">
        <f t="shared" si="268"/>
        <v/>
      </c>
      <c r="BE502" s="161" t="str">
        <f t="shared" si="269"/>
        <v/>
      </c>
      <c r="BF502" s="161" t="str">
        <f t="shared" si="270"/>
        <v/>
      </c>
      <c r="BG502" s="161" t="str">
        <f t="shared" si="271"/>
        <v/>
      </c>
      <c r="BH502" s="161" t="str">
        <f t="shared" si="272"/>
        <v/>
      </c>
      <c r="BI502" s="161" t="str">
        <f t="shared" si="273"/>
        <v/>
      </c>
      <c r="BJ502" s="161" t="str">
        <f t="shared" si="274"/>
        <v/>
      </c>
      <c r="BK502" s="161" t="str">
        <f t="shared" si="275"/>
        <v/>
      </c>
      <c r="BL502" s="161">
        <f t="shared" si="276"/>
        <v>105440</v>
      </c>
      <c r="BM502" s="161" t="str">
        <f t="shared" si="277"/>
        <v/>
      </c>
      <c r="BN502" s="161" t="str">
        <f t="shared" si="278"/>
        <v/>
      </c>
      <c r="BO502" s="161" t="str">
        <f t="shared" si="279"/>
        <v/>
      </c>
      <c r="BP502" s="161" t="str">
        <f t="shared" si="280"/>
        <v/>
      </c>
      <c r="BQ502" s="161" t="str">
        <f t="shared" si="281"/>
        <v/>
      </c>
      <c r="BR502" s="161" t="str">
        <f t="shared" si="282"/>
        <v/>
      </c>
      <c r="BS502" s="161" t="str">
        <f t="shared" si="283"/>
        <v/>
      </c>
      <c r="BT502" s="161" t="str">
        <f t="shared" si="284"/>
        <v/>
      </c>
      <c r="BU502" s="161" t="str">
        <f t="shared" si="285"/>
        <v/>
      </c>
      <c r="BV502" s="161" t="str">
        <f t="shared" si="286"/>
        <v/>
      </c>
      <c r="BW502" s="161" t="str">
        <f t="shared" si="287"/>
        <v/>
      </c>
      <c r="BX502" s="161" t="str">
        <f t="shared" si="288"/>
        <v/>
      </c>
      <c r="BY502" s="161" t="str">
        <f t="shared" si="289"/>
        <v/>
      </c>
      <c r="BZ502" s="161" t="str">
        <f t="shared" si="290"/>
        <v/>
      </c>
      <c r="CA502" s="161" t="str">
        <f t="shared" si="291"/>
        <v/>
      </c>
      <c r="CB502" s="161" t="str">
        <f t="shared" si="292"/>
        <v/>
      </c>
      <c r="CC502" s="161" t="str">
        <f t="shared" si="293"/>
        <v/>
      </c>
      <c r="CD502" s="156"/>
      <c r="CE502" s="156"/>
      <c r="CF502" s="156"/>
    </row>
    <row r="503" spans="1:84" s="168" customFormat="1" ht="56.1" hidden="1" customHeight="1" x14ac:dyDescent="0.2">
      <c r="A503" s="154">
        <v>503</v>
      </c>
      <c r="B503" s="155" t="s">
        <v>53</v>
      </c>
      <c r="C503" s="165" t="s">
        <v>515</v>
      </c>
      <c r="D503" s="156" t="s">
        <v>528</v>
      </c>
      <c r="E503" s="156" t="s">
        <v>577</v>
      </c>
      <c r="F503" s="156" t="s">
        <v>577</v>
      </c>
      <c r="G503" s="156" t="s">
        <v>58</v>
      </c>
      <c r="H503" s="156" t="s">
        <v>127</v>
      </c>
      <c r="I503" s="156" t="s">
        <v>388</v>
      </c>
      <c r="J503" s="156" t="s">
        <v>525</v>
      </c>
      <c r="K503" s="156" t="s">
        <v>187</v>
      </c>
      <c r="L503" s="156" t="s">
        <v>63</v>
      </c>
      <c r="M503" s="156" t="s">
        <v>63</v>
      </c>
      <c r="N503" s="157">
        <v>184520</v>
      </c>
      <c r="O503" s="157">
        <v>184520</v>
      </c>
      <c r="P503" s="156" t="s">
        <v>64</v>
      </c>
      <c r="Q503" s="156" t="s">
        <v>82</v>
      </c>
      <c r="R503" s="167"/>
      <c r="S503" s="167"/>
      <c r="T503" s="167"/>
      <c r="U503" s="167"/>
      <c r="V503" s="167"/>
      <c r="W503" s="161"/>
      <c r="X503" s="167"/>
      <c r="Y503" s="167"/>
      <c r="Z503" s="167"/>
      <c r="AA503" s="167"/>
      <c r="AB503" s="167"/>
      <c r="AC503" s="167"/>
      <c r="AD503" s="167"/>
      <c r="AE503" s="161" t="s">
        <v>66</v>
      </c>
      <c r="AF503" s="167"/>
      <c r="AG503" s="167"/>
      <c r="AH503" s="167"/>
      <c r="AI503" s="167"/>
      <c r="AJ503" s="167"/>
      <c r="AK503" s="167"/>
      <c r="AL503" s="167"/>
      <c r="AM503" s="167"/>
      <c r="AN503" s="167"/>
      <c r="AO503" s="167"/>
      <c r="AP503" s="167"/>
      <c r="AQ503" s="167"/>
      <c r="AR503" s="167"/>
      <c r="AS503" s="167"/>
      <c r="AT503" s="167"/>
      <c r="AU503" s="167"/>
      <c r="AV503" s="167"/>
      <c r="AW503" s="160">
        <f t="shared" si="261"/>
        <v>350</v>
      </c>
      <c r="AX503" s="158">
        <f t="shared" si="296"/>
        <v>527.20000000000005</v>
      </c>
      <c r="AY503" s="161" t="str">
        <f t="shared" si="263"/>
        <v/>
      </c>
      <c r="AZ503" s="161" t="str">
        <f t="shared" si="264"/>
        <v/>
      </c>
      <c r="BA503" s="161" t="str">
        <f t="shared" si="265"/>
        <v/>
      </c>
      <c r="BB503" s="161" t="str">
        <f t="shared" si="266"/>
        <v/>
      </c>
      <c r="BC503" s="161" t="str">
        <f t="shared" si="267"/>
        <v/>
      </c>
      <c r="BD503" s="161" t="str">
        <f t="shared" si="268"/>
        <v/>
      </c>
      <c r="BE503" s="161" t="str">
        <f t="shared" si="269"/>
        <v/>
      </c>
      <c r="BF503" s="161" t="str">
        <f t="shared" si="270"/>
        <v/>
      </c>
      <c r="BG503" s="161" t="str">
        <f t="shared" si="271"/>
        <v/>
      </c>
      <c r="BH503" s="161" t="str">
        <f t="shared" si="272"/>
        <v/>
      </c>
      <c r="BI503" s="161" t="str">
        <f t="shared" si="273"/>
        <v/>
      </c>
      <c r="BJ503" s="161" t="str">
        <f t="shared" si="274"/>
        <v/>
      </c>
      <c r="BK503" s="161" t="str">
        <f t="shared" si="275"/>
        <v/>
      </c>
      <c r="BL503" s="161">
        <f t="shared" si="276"/>
        <v>184520.00000000003</v>
      </c>
      <c r="BM503" s="161" t="str">
        <f t="shared" si="277"/>
        <v/>
      </c>
      <c r="BN503" s="161" t="str">
        <f t="shared" si="278"/>
        <v/>
      </c>
      <c r="BO503" s="161" t="str">
        <f t="shared" si="279"/>
        <v/>
      </c>
      <c r="BP503" s="161" t="str">
        <f t="shared" si="280"/>
        <v/>
      </c>
      <c r="BQ503" s="161" t="str">
        <f t="shared" si="281"/>
        <v/>
      </c>
      <c r="BR503" s="161" t="str">
        <f t="shared" si="282"/>
        <v/>
      </c>
      <c r="BS503" s="161" t="str">
        <f t="shared" si="283"/>
        <v/>
      </c>
      <c r="BT503" s="161" t="str">
        <f t="shared" si="284"/>
        <v/>
      </c>
      <c r="BU503" s="161" t="str">
        <f t="shared" si="285"/>
        <v/>
      </c>
      <c r="BV503" s="161" t="str">
        <f t="shared" si="286"/>
        <v/>
      </c>
      <c r="BW503" s="161" t="str">
        <f t="shared" si="287"/>
        <v/>
      </c>
      <c r="BX503" s="161" t="str">
        <f t="shared" si="288"/>
        <v/>
      </c>
      <c r="BY503" s="161" t="str">
        <f t="shared" si="289"/>
        <v/>
      </c>
      <c r="BZ503" s="161" t="str">
        <f t="shared" si="290"/>
        <v/>
      </c>
      <c r="CA503" s="161" t="str">
        <f t="shared" si="291"/>
        <v/>
      </c>
      <c r="CB503" s="161" t="str">
        <f t="shared" si="292"/>
        <v/>
      </c>
      <c r="CC503" s="161" t="str">
        <f t="shared" si="293"/>
        <v/>
      </c>
      <c r="CD503" s="156"/>
      <c r="CE503" s="156"/>
      <c r="CF503" s="156"/>
    </row>
    <row r="504" spans="1:84" s="168" customFormat="1" ht="56.1" hidden="1" customHeight="1" x14ac:dyDescent="0.2">
      <c r="A504" s="154">
        <v>504</v>
      </c>
      <c r="B504" s="155" t="s">
        <v>53</v>
      </c>
      <c r="C504" s="165" t="s">
        <v>515</v>
      </c>
      <c r="D504" s="156" t="s">
        <v>530</v>
      </c>
      <c r="E504" s="156" t="s">
        <v>532</v>
      </c>
      <c r="F504" s="156" t="s">
        <v>532</v>
      </c>
      <c r="G504" s="156" t="s">
        <v>58</v>
      </c>
      <c r="H504" s="156" t="s">
        <v>127</v>
      </c>
      <c r="I504" s="156" t="s">
        <v>8</v>
      </c>
      <c r="J504" s="156" t="s">
        <v>525</v>
      </c>
      <c r="K504" s="156" t="s">
        <v>187</v>
      </c>
      <c r="L504" s="156" t="s">
        <v>63</v>
      </c>
      <c r="M504" s="156" t="s">
        <v>63</v>
      </c>
      <c r="N504" s="157">
        <v>0</v>
      </c>
      <c r="O504" s="157">
        <v>0</v>
      </c>
      <c r="P504" s="156" t="s">
        <v>64</v>
      </c>
      <c r="Q504" s="156" t="s">
        <v>82</v>
      </c>
      <c r="R504" s="167"/>
      <c r="S504" s="167"/>
      <c r="T504" s="167"/>
      <c r="U504" s="167"/>
      <c r="V504" s="167"/>
      <c r="W504" s="161"/>
      <c r="X504" s="167"/>
      <c r="Y504" s="167"/>
      <c r="Z504" s="167"/>
      <c r="AA504" s="167"/>
      <c r="AB504" s="167"/>
      <c r="AC504" s="167"/>
      <c r="AD504" s="167"/>
      <c r="AE504" s="161" t="s">
        <v>66</v>
      </c>
      <c r="AF504" s="167"/>
      <c r="AG504" s="167"/>
      <c r="AH504" s="167"/>
      <c r="AI504" s="167"/>
      <c r="AJ504" s="167"/>
      <c r="AK504" s="167"/>
      <c r="AL504" s="167"/>
      <c r="AM504" s="167"/>
      <c r="AN504" s="167"/>
      <c r="AO504" s="167"/>
      <c r="AP504" s="167"/>
      <c r="AQ504" s="167"/>
      <c r="AR504" s="167"/>
      <c r="AS504" s="167"/>
      <c r="AT504" s="167"/>
      <c r="AU504" s="167"/>
      <c r="AV504" s="167"/>
      <c r="AW504" s="160">
        <f t="shared" si="261"/>
        <v>350</v>
      </c>
      <c r="AX504" s="158"/>
      <c r="AY504" s="161" t="str">
        <f t="shared" si="263"/>
        <v/>
      </c>
      <c r="AZ504" s="161" t="str">
        <f t="shared" si="264"/>
        <v/>
      </c>
      <c r="BA504" s="161" t="str">
        <f t="shared" si="265"/>
        <v/>
      </c>
      <c r="BB504" s="161" t="str">
        <f t="shared" si="266"/>
        <v/>
      </c>
      <c r="BC504" s="161" t="str">
        <f t="shared" si="267"/>
        <v/>
      </c>
      <c r="BD504" s="161" t="str">
        <f t="shared" si="268"/>
        <v/>
      </c>
      <c r="BE504" s="161" t="str">
        <f t="shared" si="269"/>
        <v/>
      </c>
      <c r="BF504" s="161" t="str">
        <f t="shared" si="270"/>
        <v/>
      </c>
      <c r="BG504" s="161" t="str">
        <f t="shared" si="271"/>
        <v/>
      </c>
      <c r="BH504" s="161" t="str">
        <f t="shared" si="272"/>
        <v/>
      </c>
      <c r="BI504" s="161" t="str">
        <f t="shared" si="273"/>
        <v/>
      </c>
      <c r="BJ504" s="161" t="str">
        <f t="shared" si="274"/>
        <v/>
      </c>
      <c r="BK504" s="161" t="str">
        <f t="shared" si="275"/>
        <v/>
      </c>
      <c r="BL504" s="161">
        <f t="shared" si="276"/>
        <v>0</v>
      </c>
      <c r="BM504" s="161" t="str">
        <f t="shared" si="277"/>
        <v/>
      </c>
      <c r="BN504" s="161" t="str">
        <f t="shared" si="278"/>
        <v/>
      </c>
      <c r="BO504" s="161" t="str">
        <f t="shared" si="279"/>
        <v/>
      </c>
      <c r="BP504" s="161" t="str">
        <f t="shared" si="280"/>
        <v/>
      </c>
      <c r="BQ504" s="161" t="str">
        <f t="shared" si="281"/>
        <v/>
      </c>
      <c r="BR504" s="161" t="str">
        <f t="shared" si="282"/>
        <v/>
      </c>
      <c r="BS504" s="161" t="str">
        <f t="shared" si="283"/>
        <v/>
      </c>
      <c r="BT504" s="161" t="str">
        <f t="shared" si="284"/>
        <v/>
      </c>
      <c r="BU504" s="161" t="str">
        <f t="shared" si="285"/>
        <v/>
      </c>
      <c r="BV504" s="161" t="str">
        <f t="shared" si="286"/>
        <v/>
      </c>
      <c r="BW504" s="161" t="str">
        <f t="shared" si="287"/>
        <v/>
      </c>
      <c r="BX504" s="161" t="str">
        <f t="shared" si="288"/>
        <v/>
      </c>
      <c r="BY504" s="161" t="str">
        <f t="shared" si="289"/>
        <v/>
      </c>
      <c r="BZ504" s="161" t="str">
        <f t="shared" si="290"/>
        <v/>
      </c>
      <c r="CA504" s="161" t="str">
        <f t="shared" si="291"/>
        <v/>
      </c>
      <c r="CB504" s="161" t="str">
        <f t="shared" si="292"/>
        <v/>
      </c>
      <c r="CC504" s="161" t="str">
        <f t="shared" si="293"/>
        <v/>
      </c>
      <c r="CD504" s="156"/>
      <c r="CE504" s="156"/>
      <c r="CF504" s="156"/>
    </row>
    <row r="505" spans="1:84" s="168" customFormat="1" ht="56.1" hidden="1" customHeight="1" x14ac:dyDescent="0.2">
      <c r="A505" s="154">
        <v>505</v>
      </c>
      <c r="B505" s="155" t="s">
        <v>53</v>
      </c>
      <c r="C505" s="165" t="s">
        <v>515</v>
      </c>
      <c r="D505" s="156" t="s">
        <v>533</v>
      </c>
      <c r="E505" s="156" t="s">
        <v>534</v>
      </c>
      <c r="F505" s="156" t="s">
        <v>534</v>
      </c>
      <c r="G505" s="156" t="s">
        <v>58</v>
      </c>
      <c r="H505" s="156" t="s">
        <v>127</v>
      </c>
      <c r="I505" s="156" t="s">
        <v>81</v>
      </c>
      <c r="J505" s="156" t="s">
        <v>334</v>
      </c>
      <c r="K505" s="156" t="s">
        <v>187</v>
      </c>
      <c r="L505" s="156" t="s">
        <v>63</v>
      </c>
      <c r="M505" s="156" t="s">
        <v>63</v>
      </c>
      <c r="N505" s="157">
        <v>62275.5</v>
      </c>
      <c r="O505" s="157">
        <v>62275.5</v>
      </c>
      <c r="P505" s="156" t="s">
        <v>64</v>
      </c>
      <c r="Q505" s="156" t="s">
        <v>82</v>
      </c>
      <c r="R505" s="167"/>
      <c r="S505" s="167"/>
      <c r="T505" s="167"/>
      <c r="U505" s="167"/>
      <c r="V505" s="167"/>
      <c r="W505" s="161"/>
      <c r="X505" s="167"/>
      <c r="Y505" s="167"/>
      <c r="Z505" s="167"/>
      <c r="AA505" s="167"/>
      <c r="AB505" s="167"/>
      <c r="AC505" s="167"/>
      <c r="AD505" s="167"/>
      <c r="AE505" s="161" t="s">
        <v>66</v>
      </c>
      <c r="AF505" s="167"/>
      <c r="AG505" s="167"/>
      <c r="AH505" s="167"/>
      <c r="AI505" s="167"/>
      <c r="AJ505" s="167"/>
      <c r="AK505" s="167"/>
      <c r="AL505" s="167"/>
      <c r="AM505" s="167"/>
      <c r="AN505" s="167"/>
      <c r="AO505" s="167"/>
      <c r="AP505" s="167"/>
      <c r="AQ505" s="167"/>
      <c r="AR505" s="167"/>
      <c r="AS505" s="167"/>
      <c r="AT505" s="167"/>
      <c r="AU505" s="167"/>
      <c r="AV505" s="167"/>
      <c r="AW505" s="160">
        <f t="shared" si="261"/>
        <v>350</v>
      </c>
      <c r="AX505" s="158">
        <f t="shared" ref="AX505:AX510" si="297">O505/AW505</f>
        <v>177.93</v>
      </c>
      <c r="AY505" s="161" t="str">
        <f t="shared" si="263"/>
        <v/>
      </c>
      <c r="AZ505" s="161" t="str">
        <f t="shared" si="264"/>
        <v/>
      </c>
      <c r="BA505" s="161" t="str">
        <f t="shared" si="265"/>
        <v/>
      </c>
      <c r="BB505" s="161" t="str">
        <f t="shared" si="266"/>
        <v/>
      </c>
      <c r="BC505" s="161" t="str">
        <f t="shared" si="267"/>
        <v/>
      </c>
      <c r="BD505" s="161" t="str">
        <f t="shared" si="268"/>
        <v/>
      </c>
      <c r="BE505" s="161" t="str">
        <f t="shared" si="269"/>
        <v/>
      </c>
      <c r="BF505" s="161" t="str">
        <f t="shared" si="270"/>
        <v/>
      </c>
      <c r="BG505" s="161" t="str">
        <f t="shared" si="271"/>
        <v/>
      </c>
      <c r="BH505" s="161" t="str">
        <f t="shared" si="272"/>
        <v/>
      </c>
      <c r="BI505" s="161" t="str">
        <f t="shared" si="273"/>
        <v/>
      </c>
      <c r="BJ505" s="161" t="str">
        <f t="shared" si="274"/>
        <v/>
      </c>
      <c r="BK505" s="161" t="str">
        <f t="shared" si="275"/>
        <v/>
      </c>
      <c r="BL505" s="161">
        <f t="shared" si="276"/>
        <v>62275.5</v>
      </c>
      <c r="BM505" s="161" t="str">
        <f t="shared" si="277"/>
        <v/>
      </c>
      <c r="BN505" s="161" t="str">
        <f t="shared" si="278"/>
        <v/>
      </c>
      <c r="BO505" s="161" t="str">
        <f t="shared" si="279"/>
        <v/>
      </c>
      <c r="BP505" s="161" t="str">
        <f t="shared" si="280"/>
        <v/>
      </c>
      <c r="BQ505" s="161" t="str">
        <f t="shared" si="281"/>
        <v/>
      </c>
      <c r="BR505" s="161" t="str">
        <f t="shared" si="282"/>
        <v/>
      </c>
      <c r="BS505" s="161" t="str">
        <f t="shared" si="283"/>
        <v/>
      </c>
      <c r="BT505" s="161" t="str">
        <f t="shared" si="284"/>
        <v/>
      </c>
      <c r="BU505" s="161" t="str">
        <f t="shared" si="285"/>
        <v/>
      </c>
      <c r="BV505" s="161" t="str">
        <f t="shared" si="286"/>
        <v/>
      </c>
      <c r="BW505" s="161" t="str">
        <f t="shared" si="287"/>
        <v/>
      </c>
      <c r="BX505" s="161" t="str">
        <f t="shared" si="288"/>
        <v/>
      </c>
      <c r="BY505" s="161" t="str">
        <f t="shared" si="289"/>
        <v/>
      </c>
      <c r="BZ505" s="161" t="str">
        <f t="shared" si="290"/>
        <v/>
      </c>
      <c r="CA505" s="161" t="str">
        <f t="shared" si="291"/>
        <v/>
      </c>
      <c r="CB505" s="161" t="str">
        <f t="shared" si="292"/>
        <v/>
      </c>
      <c r="CC505" s="161" t="str">
        <f t="shared" si="293"/>
        <v/>
      </c>
      <c r="CD505" s="156"/>
      <c r="CE505" s="156"/>
      <c r="CF505" s="156"/>
    </row>
    <row r="506" spans="1:84" s="168" customFormat="1" ht="56.1" hidden="1" customHeight="1" x14ac:dyDescent="0.2">
      <c r="A506" s="154">
        <v>506</v>
      </c>
      <c r="B506" s="155" t="s">
        <v>53</v>
      </c>
      <c r="C506" s="165" t="s">
        <v>515</v>
      </c>
      <c r="D506" s="156" t="s">
        <v>548</v>
      </c>
      <c r="E506" s="156" t="s">
        <v>536</v>
      </c>
      <c r="F506" s="156" t="s">
        <v>536</v>
      </c>
      <c r="G506" s="156" t="s">
        <v>58</v>
      </c>
      <c r="H506" s="156" t="s">
        <v>578</v>
      </c>
      <c r="I506" s="169" t="s">
        <v>60</v>
      </c>
      <c r="J506" s="156" t="s">
        <v>334</v>
      </c>
      <c r="K506" s="156" t="s">
        <v>392</v>
      </c>
      <c r="L506" s="156" t="s">
        <v>63</v>
      </c>
      <c r="M506" s="156" t="s">
        <v>63</v>
      </c>
      <c r="N506" s="157">
        <v>27330.047999999999</v>
      </c>
      <c r="O506" s="157">
        <v>27330.047999999999</v>
      </c>
      <c r="P506" s="156" t="s">
        <v>64</v>
      </c>
      <c r="Q506" s="156" t="s">
        <v>82</v>
      </c>
      <c r="R506" s="167"/>
      <c r="S506" s="167"/>
      <c r="T506" s="167"/>
      <c r="U506" s="167"/>
      <c r="V506" s="167"/>
      <c r="W506" s="161"/>
      <c r="X506" s="167"/>
      <c r="Y506" s="167"/>
      <c r="Z506" s="167"/>
      <c r="AA506" s="167"/>
      <c r="AB506" s="167"/>
      <c r="AC506" s="167"/>
      <c r="AD506" s="167"/>
      <c r="AE506" s="167"/>
      <c r="AF506" s="167" t="s">
        <v>66</v>
      </c>
      <c r="AG506" s="167"/>
      <c r="AH506" s="167"/>
      <c r="AI506" s="167"/>
      <c r="AJ506" s="167"/>
      <c r="AK506" s="167"/>
      <c r="AL506" s="167"/>
      <c r="AM506" s="167"/>
      <c r="AN506" s="167"/>
      <c r="AO506" s="167"/>
      <c r="AP506" s="167"/>
      <c r="AQ506" s="167"/>
      <c r="AR506" s="167"/>
      <c r="AS506" s="167"/>
      <c r="AT506" s="167"/>
      <c r="AU506" s="167"/>
      <c r="AV506" s="167"/>
      <c r="AW506" s="160">
        <f t="shared" si="261"/>
        <v>90</v>
      </c>
      <c r="AX506" s="158">
        <f t="shared" si="297"/>
        <v>303.66719999999998</v>
      </c>
      <c r="AY506" s="161" t="str">
        <f t="shared" si="263"/>
        <v/>
      </c>
      <c r="AZ506" s="161" t="str">
        <f t="shared" si="264"/>
        <v/>
      </c>
      <c r="BA506" s="161" t="str">
        <f t="shared" si="265"/>
        <v/>
      </c>
      <c r="BB506" s="161" t="str">
        <f t="shared" si="266"/>
        <v/>
      </c>
      <c r="BC506" s="161" t="str">
        <f t="shared" si="267"/>
        <v/>
      </c>
      <c r="BD506" s="161" t="str">
        <f t="shared" si="268"/>
        <v/>
      </c>
      <c r="BE506" s="161" t="str">
        <f t="shared" si="269"/>
        <v/>
      </c>
      <c r="BF506" s="161" t="str">
        <f t="shared" si="270"/>
        <v/>
      </c>
      <c r="BG506" s="161" t="str">
        <f t="shared" si="271"/>
        <v/>
      </c>
      <c r="BH506" s="161" t="str">
        <f t="shared" si="272"/>
        <v/>
      </c>
      <c r="BI506" s="161" t="str">
        <f t="shared" si="273"/>
        <v/>
      </c>
      <c r="BJ506" s="161" t="str">
        <f t="shared" si="274"/>
        <v/>
      </c>
      <c r="BK506" s="161" t="str">
        <f t="shared" si="275"/>
        <v/>
      </c>
      <c r="BL506" s="161" t="str">
        <f t="shared" si="276"/>
        <v/>
      </c>
      <c r="BM506" s="161">
        <f t="shared" si="277"/>
        <v>27330.047999999999</v>
      </c>
      <c r="BN506" s="161" t="str">
        <f t="shared" si="278"/>
        <v/>
      </c>
      <c r="BO506" s="161" t="str">
        <f t="shared" si="279"/>
        <v/>
      </c>
      <c r="BP506" s="161" t="str">
        <f t="shared" si="280"/>
        <v/>
      </c>
      <c r="BQ506" s="161" t="str">
        <f t="shared" si="281"/>
        <v/>
      </c>
      <c r="BR506" s="161" t="str">
        <f t="shared" si="282"/>
        <v/>
      </c>
      <c r="BS506" s="161" t="str">
        <f t="shared" si="283"/>
        <v/>
      </c>
      <c r="BT506" s="161" t="str">
        <f t="shared" si="284"/>
        <v/>
      </c>
      <c r="BU506" s="161" t="str">
        <f t="shared" si="285"/>
        <v/>
      </c>
      <c r="BV506" s="161" t="str">
        <f t="shared" si="286"/>
        <v/>
      </c>
      <c r="BW506" s="161" t="str">
        <f t="shared" si="287"/>
        <v/>
      </c>
      <c r="BX506" s="161" t="str">
        <f t="shared" si="288"/>
        <v/>
      </c>
      <c r="BY506" s="161" t="str">
        <f t="shared" si="289"/>
        <v/>
      </c>
      <c r="BZ506" s="161" t="str">
        <f t="shared" si="290"/>
        <v/>
      </c>
      <c r="CA506" s="161" t="str">
        <f t="shared" si="291"/>
        <v/>
      </c>
      <c r="CB506" s="161" t="str">
        <f t="shared" si="292"/>
        <v/>
      </c>
      <c r="CC506" s="161" t="str">
        <f t="shared" si="293"/>
        <v/>
      </c>
      <c r="CD506" s="156"/>
      <c r="CE506" s="156"/>
      <c r="CF506" s="156"/>
    </row>
    <row r="507" spans="1:84" s="168" customFormat="1" ht="56.1" hidden="1" customHeight="1" x14ac:dyDescent="0.2">
      <c r="A507" s="154">
        <v>507</v>
      </c>
      <c r="B507" s="155" t="s">
        <v>53</v>
      </c>
      <c r="C507" s="165" t="s">
        <v>515</v>
      </c>
      <c r="D507" s="156" t="s">
        <v>518</v>
      </c>
      <c r="E507" s="156" t="s">
        <v>520</v>
      </c>
      <c r="F507" s="156" t="s">
        <v>520</v>
      </c>
      <c r="G507" s="156" t="s">
        <v>58</v>
      </c>
      <c r="H507" s="156" t="s">
        <v>578</v>
      </c>
      <c r="I507" s="169" t="s">
        <v>8</v>
      </c>
      <c r="J507" s="156" t="s">
        <v>334</v>
      </c>
      <c r="K507" s="156" t="s">
        <v>392</v>
      </c>
      <c r="L507" s="156" t="s">
        <v>63</v>
      </c>
      <c r="M507" s="156" t="s">
        <v>63</v>
      </c>
      <c r="N507" s="157">
        <v>71741.375999999989</v>
      </c>
      <c r="O507" s="157">
        <v>71741.375999999989</v>
      </c>
      <c r="P507" s="156" t="s">
        <v>64</v>
      </c>
      <c r="Q507" s="156" t="s">
        <v>82</v>
      </c>
      <c r="R507" s="167"/>
      <c r="S507" s="167"/>
      <c r="T507" s="167"/>
      <c r="U507" s="167"/>
      <c r="V507" s="167"/>
      <c r="W507" s="161"/>
      <c r="X507" s="167"/>
      <c r="Y507" s="167"/>
      <c r="Z507" s="167"/>
      <c r="AA507" s="167"/>
      <c r="AB507" s="167"/>
      <c r="AC507" s="167"/>
      <c r="AD507" s="167"/>
      <c r="AE507" s="167"/>
      <c r="AF507" s="167" t="s">
        <v>66</v>
      </c>
      <c r="AG507" s="167"/>
      <c r="AH507" s="167"/>
      <c r="AI507" s="167"/>
      <c r="AJ507" s="167"/>
      <c r="AK507" s="167"/>
      <c r="AL507" s="167"/>
      <c r="AM507" s="167"/>
      <c r="AN507" s="167"/>
      <c r="AO507" s="167"/>
      <c r="AP507" s="167"/>
      <c r="AQ507" s="167"/>
      <c r="AR507" s="167"/>
      <c r="AS507" s="167"/>
      <c r="AT507" s="167"/>
      <c r="AU507" s="167"/>
      <c r="AV507" s="167"/>
      <c r="AW507" s="160">
        <f t="shared" si="261"/>
        <v>90</v>
      </c>
      <c r="AX507" s="158">
        <f t="shared" si="297"/>
        <v>797.12639999999988</v>
      </c>
      <c r="AY507" s="161" t="str">
        <f t="shared" si="263"/>
        <v/>
      </c>
      <c r="AZ507" s="161" t="str">
        <f t="shared" si="264"/>
        <v/>
      </c>
      <c r="BA507" s="161" t="str">
        <f t="shared" si="265"/>
        <v/>
      </c>
      <c r="BB507" s="161" t="str">
        <f t="shared" si="266"/>
        <v/>
      </c>
      <c r="BC507" s="161" t="str">
        <f t="shared" si="267"/>
        <v/>
      </c>
      <c r="BD507" s="161" t="str">
        <f t="shared" si="268"/>
        <v/>
      </c>
      <c r="BE507" s="161" t="str">
        <f t="shared" si="269"/>
        <v/>
      </c>
      <c r="BF507" s="161" t="str">
        <f t="shared" si="270"/>
        <v/>
      </c>
      <c r="BG507" s="161" t="str">
        <f t="shared" si="271"/>
        <v/>
      </c>
      <c r="BH507" s="161" t="str">
        <f t="shared" si="272"/>
        <v/>
      </c>
      <c r="BI507" s="161" t="str">
        <f t="shared" si="273"/>
        <v/>
      </c>
      <c r="BJ507" s="161" t="str">
        <f t="shared" si="274"/>
        <v/>
      </c>
      <c r="BK507" s="161" t="str">
        <f t="shared" si="275"/>
        <v/>
      </c>
      <c r="BL507" s="161" t="str">
        <f t="shared" si="276"/>
        <v/>
      </c>
      <c r="BM507" s="161">
        <f t="shared" si="277"/>
        <v>71741.375999999989</v>
      </c>
      <c r="BN507" s="161" t="str">
        <f t="shared" si="278"/>
        <v/>
      </c>
      <c r="BO507" s="161" t="str">
        <f t="shared" si="279"/>
        <v/>
      </c>
      <c r="BP507" s="161" t="str">
        <f t="shared" si="280"/>
        <v/>
      </c>
      <c r="BQ507" s="161" t="str">
        <f t="shared" si="281"/>
        <v/>
      </c>
      <c r="BR507" s="161" t="str">
        <f t="shared" si="282"/>
        <v/>
      </c>
      <c r="BS507" s="161" t="str">
        <f t="shared" si="283"/>
        <v/>
      </c>
      <c r="BT507" s="161" t="str">
        <f t="shared" si="284"/>
        <v/>
      </c>
      <c r="BU507" s="161" t="str">
        <f t="shared" si="285"/>
        <v/>
      </c>
      <c r="BV507" s="161" t="str">
        <f t="shared" si="286"/>
        <v/>
      </c>
      <c r="BW507" s="161" t="str">
        <f t="shared" si="287"/>
        <v/>
      </c>
      <c r="BX507" s="161" t="str">
        <f t="shared" si="288"/>
        <v/>
      </c>
      <c r="BY507" s="161" t="str">
        <f t="shared" si="289"/>
        <v/>
      </c>
      <c r="BZ507" s="161" t="str">
        <f t="shared" si="290"/>
        <v/>
      </c>
      <c r="CA507" s="161" t="str">
        <f t="shared" si="291"/>
        <v/>
      </c>
      <c r="CB507" s="161" t="str">
        <f t="shared" si="292"/>
        <v/>
      </c>
      <c r="CC507" s="161" t="str">
        <f t="shared" si="293"/>
        <v/>
      </c>
      <c r="CD507" s="156"/>
      <c r="CE507" s="156"/>
      <c r="CF507" s="156"/>
    </row>
    <row r="508" spans="1:84" s="168" customFormat="1" ht="56.1" hidden="1" customHeight="1" x14ac:dyDescent="0.2">
      <c r="A508" s="154">
        <v>508</v>
      </c>
      <c r="B508" s="155" t="s">
        <v>53</v>
      </c>
      <c r="C508" s="165" t="s">
        <v>515</v>
      </c>
      <c r="D508" s="156" t="s">
        <v>521</v>
      </c>
      <c r="E508" s="156" t="s">
        <v>522</v>
      </c>
      <c r="F508" s="156" t="s">
        <v>522</v>
      </c>
      <c r="G508" s="156" t="s">
        <v>58</v>
      </c>
      <c r="H508" s="156" t="s">
        <v>578</v>
      </c>
      <c r="I508" s="169" t="s">
        <v>8</v>
      </c>
      <c r="J508" s="156" t="s">
        <v>334</v>
      </c>
      <c r="K508" s="156" t="s">
        <v>392</v>
      </c>
      <c r="L508" s="156" t="s">
        <v>63</v>
      </c>
      <c r="M508" s="156" t="s">
        <v>63</v>
      </c>
      <c r="N508" s="157">
        <v>100210.17600000001</v>
      </c>
      <c r="O508" s="157">
        <v>100210.17600000001</v>
      </c>
      <c r="P508" s="156" t="s">
        <v>64</v>
      </c>
      <c r="Q508" s="156" t="s">
        <v>82</v>
      </c>
      <c r="R508" s="167"/>
      <c r="S508" s="167"/>
      <c r="T508" s="167"/>
      <c r="U508" s="167"/>
      <c r="V508" s="167"/>
      <c r="W508" s="161"/>
      <c r="X508" s="167"/>
      <c r="Y508" s="167"/>
      <c r="Z508" s="167"/>
      <c r="AA508" s="167"/>
      <c r="AB508" s="167"/>
      <c r="AC508" s="167"/>
      <c r="AD508" s="167"/>
      <c r="AE508" s="167"/>
      <c r="AF508" s="167" t="s">
        <v>66</v>
      </c>
      <c r="AG508" s="167"/>
      <c r="AH508" s="167"/>
      <c r="AI508" s="167"/>
      <c r="AJ508" s="167"/>
      <c r="AK508" s="167"/>
      <c r="AL508" s="167"/>
      <c r="AM508" s="167"/>
      <c r="AN508" s="167"/>
      <c r="AO508" s="167"/>
      <c r="AP508" s="167"/>
      <c r="AQ508" s="167"/>
      <c r="AR508" s="167"/>
      <c r="AS508" s="167"/>
      <c r="AT508" s="167"/>
      <c r="AU508" s="167"/>
      <c r="AV508" s="167"/>
      <c r="AW508" s="160">
        <f t="shared" si="261"/>
        <v>90</v>
      </c>
      <c r="AX508" s="158">
        <f t="shared" si="297"/>
        <v>1113.4464</v>
      </c>
      <c r="AY508" s="161" t="str">
        <f t="shared" si="263"/>
        <v/>
      </c>
      <c r="AZ508" s="161" t="str">
        <f t="shared" si="264"/>
        <v/>
      </c>
      <c r="BA508" s="161" t="str">
        <f t="shared" si="265"/>
        <v/>
      </c>
      <c r="BB508" s="161" t="str">
        <f t="shared" si="266"/>
        <v/>
      </c>
      <c r="BC508" s="161" t="str">
        <f t="shared" si="267"/>
        <v/>
      </c>
      <c r="BD508" s="161" t="str">
        <f t="shared" si="268"/>
        <v/>
      </c>
      <c r="BE508" s="161" t="str">
        <f t="shared" si="269"/>
        <v/>
      </c>
      <c r="BF508" s="161" t="str">
        <f t="shared" si="270"/>
        <v/>
      </c>
      <c r="BG508" s="161" t="str">
        <f t="shared" si="271"/>
        <v/>
      </c>
      <c r="BH508" s="161" t="str">
        <f t="shared" si="272"/>
        <v/>
      </c>
      <c r="BI508" s="161" t="str">
        <f t="shared" si="273"/>
        <v/>
      </c>
      <c r="BJ508" s="161" t="str">
        <f t="shared" si="274"/>
        <v/>
      </c>
      <c r="BK508" s="161" t="str">
        <f t="shared" si="275"/>
        <v/>
      </c>
      <c r="BL508" s="161" t="str">
        <f t="shared" si="276"/>
        <v/>
      </c>
      <c r="BM508" s="161">
        <f t="shared" si="277"/>
        <v>100210.17600000001</v>
      </c>
      <c r="BN508" s="161" t="str">
        <f t="shared" si="278"/>
        <v/>
      </c>
      <c r="BO508" s="161" t="str">
        <f t="shared" si="279"/>
        <v/>
      </c>
      <c r="BP508" s="161" t="str">
        <f t="shared" si="280"/>
        <v/>
      </c>
      <c r="BQ508" s="161" t="str">
        <f t="shared" si="281"/>
        <v/>
      </c>
      <c r="BR508" s="161" t="str">
        <f t="shared" si="282"/>
        <v/>
      </c>
      <c r="BS508" s="161" t="str">
        <f t="shared" si="283"/>
        <v/>
      </c>
      <c r="BT508" s="161" t="str">
        <f t="shared" si="284"/>
        <v/>
      </c>
      <c r="BU508" s="161" t="str">
        <f t="shared" si="285"/>
        <v/>
      </c>
      <c r="BV508" s="161" t="str">
        <f t="shared" si="286"/>
        <v/>
      </c>
      <c r="BW508" s="161" t="str">
        <f t="shared" si="287"/>
        <v/>
      </c>
      <c r="BX508" s="161" t="str">
        <f t="shared" si="288"/>
        <v/>
      </c>
      <c r="BY508" s="161" t="str">
        <f t="shared" si="289"/>
        <v/>
      </c>
      <c r="BZ508" s="161" t="str">
        <f t="shared" si="290"/>
        <v/>
      </c>
      <c r="CA508" s="161" t="str">
        <f t="shared" si="291"/>
        <v/>
      </c>
      <c r="CB508" s="161" t="str">
        <f t="shared" si="292"/>
        <v/>
      </c>
      <c r="CC508" s="161" t="str">
        <f t="shared" si="293"/>
        <v/>
      </c>
      <c r="CD508" s="156"/>
      <c r="CE508" s="156"/>
      <c r="CF508" s="156"/>
    </row>
    <row r="509" spans="1:84" s="168" customFormat="1" ht="56.1" hidden="1" customHeight="1" x14ac:dyDescent="0.2">
      <c r="A509" s="154">
        <v>509</v>
      </c>
      <c r="B509" s="155" t="s">
        <v>53</v>
      </c>
      <c r="C509" s="165" t="s">
        <v>515</v>
      </c>
      <c r="D509" s="156" t="s">
        <v>523</v>
      </c>
      <c r="E509" s="156" t="s">
        <v>537</v>
      </c>
      <c r="F509" s="156" t="s">
        <v>537</v>
      </c>
      <c r="G509" s="156" t="s">
        <v>58</v>
      </c>
      <c r="H509" s="156" t="s">
        <v>578</v>
      </c>
      <c r="I509" s="156" t="s">
        <v>388</v>
      </c>
      <c r="J509" s="156" t="s">
        <v>525</v>
      </c>
      <c r="K509" s="156" t="s">
        <v>392</v>
      </c>
      <c r="L509" s="156" t="s">
        <v>63</v>
      </c>
      <c r="M509" s="156" t="s">
        <v>63</v>
      </c>
      <c r="N509" s="157">
        <v>43494</v>
      </c>
      <c r="O509" s="157">
        <v>43494</v>
      </c>
      <c r="P509" s="156" t="s">
        <v>64</v>
      </c>
      <c r="Q509" s="156" t="s">
        <v>82</v>
      </c>
      <c r="R509" s="167"/>
      <c r="S509" s="167"/>
      <c r="T509" s="167"/>
      <c r="U509" s="167"/>
      <c r="V509" s="167"/>
      <c r="W509" s="161"/>
      <c r="X509" s="167"/>
      <c r="Y509" s="167"/>
      <c r="Z509" s="167"/>
      <c r="AA509" s="167"/>
      <c r="AB509" s="167"/>
      <c r="AC509" s="167"/>
      <c r="AD509" s="167"/>
      <c r="AE509" s="167"/>
      <c r="AF509" s="167" t="s">
        <v>66</v>
      </c>
      <c r="AG509" s="167"/>
      <c r="AH509" s="167"/>
      <c r="AI509" s="167"/>
      <c r="AJ509" s="167"/>
      <c r="AK509" s="167"/>
      <c r="AL509" s="167"/>
      <c r="AM509" s="167"/>
      <c r="AN509" s="167"/>
      <c r="AO509" s="167"/>
      <c r="AP509" s="167"/>
      <c r="AQ509" s="167"/>
      <c r="AR509" s="167"/>
      <c r="AS509" s="167"/>
      <c r="AT509" s="167"/>
      <c r="AU509" s="167"/>
      <c r="AV509" s="167"/>
      <c r="AW509" s="160">
        <f t="shared" ref="AW509:AW572" si="298">SUMIF(R509:AV509,"YES",$R$2:$AV$2)</f>
        <v>90</v>
      </c>
      <c r="AX509" s="158">
        <f t="shared" si="297"/>
        <v>483.26666666666665</v>
      </c>
      <c r="AY509" s="161" t="str">
        <f t="shared" si="263"/>
        <v/>
      </c>
      <c r="AZ509" s="161" t="str">
        <f t="shared" si="264"/>
        <v/>
      </c>
      <c r="BA509" s="161" t="str">
        <f t="shared" si="265"/>
        <v/>
      </c>
      <c r="BB509" s="161" t="str">
        <f t="shared" si="266"/>
        <v/>
      </c>
      <c r="BC509" s="161" t="str">
        <f t="shared" si="267"/>
        <v/>
      </c>
      <c r="BD509" s="161" t="str">
        <f t="shared" si="268"/>
        <v/>
      </c>
      <c r="BE509" s="161" t="str">
        <f t="shared" si="269"/>
        <v/>
      </c>
      <c r="BF509" s="161" t="str">
        <f t="shared" si="270"/>
        <v/>
      </c>
      <c r="BG509" s="161" t="str">
        <f t="shared" si="271"/>
        <v/>
      </c>
      <c r="BH509" s="161" t="str">
        <f t="shared" si="272"/>
        <v/>
      </c>
      <c r="BI509" s="161" t="str">
        <f t="shared" si="273"/>
        <v/>
      </c>
      <c r="BJ509" s="161" t="str">
        <f t="shared" si="274"/>
        <v/>
      </c>
      <c r="BK509" s="161" t="str">
        <f t="shared" si="275"/>
        <v/>
      </c>
      <c r="BL509" s="161" t="str">
        <f t="shared" si="276"/>
        <v/>
      </c>
      <c r="BM509" s="161">
        <f t="shared" si="277"/>
        <v>43494</v>
      </c>
      <c r="BN509" s="161" t="str">
        <f t="shared" si="278"/>
        <v/>
      </c>
      <c r="BO509" s="161" t="str">
        <f t="shared" si="279"/>
        <v/>
      </c>
      <c r="BP509" s="161" t="str">
        <f t="shared" si="280"/>
        <v/>
      </c>
      <c r="BQ509" s="161" t="str">
        <f t="shared" si="281"/>
        <v/>
      </c>
      <c r="BR509" s="161" t="str">
        <f t="shared" si="282"/>
        <v/>
      </c>
      <c r="BS509" s="161" t="str">
        <f t="shared" si="283"/>
        <v/>
      </c>
      <c r="BT509" s="161" t="str">
        <f t="shared" si="284"/>
        <v/>
      </c>
      <c r="BU509" s="161" t="str">
        <f t="shared" si="285"/>
        <v/>
      </c>
      <c r="BV509" s="161" t="str">
        <f t="shared" si="286"/>
        <v/>
      </c>
      <c r="BW509" s="161" t="str">
        <f t="shared" si="287"/>
        <v/>
      </c>
      <c r="BX509" s="161" t="str">
        <f t="shared" si="288"/>
        <v/>
      </c>
      <c r="BY509" s="161" t="str">
        <f t="shared" si="289"/>
        <v/>
      </c>
      <c r="BZ509" s="161" t="str">
        <f t="shared" si="290"/>
        <v/>
      </c>
      <c r="CA509" s="161" t="str">
        <f t="shared" si="291"/>
        <v/>
      </c>
      <c r="CB509" s="161" t="str">
        <f t="shared" si="292"/>
        <v/>
      </c>
      <c r="CC509" s="161" t="str">
        <f t="shared" si="293"/>
        <v/>
      </c>
      <c r="CD509" s="156"/>
      <c r="CE509" s="156"/>
      <c r="CF509" s="156"/>
    </row>
    <row r="510" spans="1:84" s="168" customFormat="1" ht="56.1" hidden="1" customHeight="1" x14ac:dyDescent="0.2">
      <c r="A510" s="154">
        <v>510</v>
      </c>
      <c r="B510" s="155" t="s">
        <v>53</v>
      </c>
      <c r="C510" s="165" t="s">
        <v>515</v>
      </c>
      <c r="D510" s="156" t="s">
        <v>539</v>
      </c>
      <c r="E510" s="156" t="s">
        <v>538</v>
      </c>
      <c r="F510" s="156" t="s">
        <v>538</v>
      </c>
      <c r="G510" s="156" t="s">
        <v>58</v>
      </c>
      <c r="H510" s="156" t="s">
        <v>578</v>
      </c>
      <c r="I510" s="156" t="s">
        <v>388</v>
      </c>
      <c r="J510" s="156" t="s">
        <v>525</v>
      </c>
      <c r="K510" s="156" t="s">
        <v>392</v>
      </c>
      <c r="L510" s="156" t="s">
        <v>63</v>
      </c>
      <c r="M510" s="156" t="s">
        <v>63</v>
      </c>
      <c r="N510" s="157">
        <v>105440</v>
      </c>
      <c r="O510" s="157">
        <v>105440</v>
      </c>
      <c r="P510" s="156" t="s">
        <v>64</v>
      </c>
      <c r="Q510" s="156" t="s">
        <v>82</v>
      </c>
      <c r="R510" s="167"/>
      <c r="S510" s="167"/>
      <c r="T510" s="167"/>
      <c r="U510" s="167"/>
      <c r="V510" s="167"/>
      <c r="W510" s="161"/>
      <c r="X510" s="167"/>
      <c r="Y510" s="167"/>
      <c r="Z510" s="167"/>
      <c r="AA510" s="167"/>
      <c r="AB510" s="167"/>
      <c r="AC510" s="167"/>
      <c r="AD510" s="167"/>
      <c r="AE510" s="167"/>
      <c r="AF510" s="167" t="s">
        <v>66</v>
      </c>
      <c r="AG510" s="167"/>
      <c r="AH510" s="167"/>
      <c r="AI510" s="167"/>
      <c r="AJ510" s="167"/>
      <c r="AK510" s="167"/>
      <c r="AL510" s="167"/>
      <c r="AM510" s="167"/>
      <c r="AN510" s="167"/>
      <c r="AO510" s="167"/>
      <c r="AP510" s="167"/>
      <c r="AQ510" s="167"/>
      <c r="AR510" s="167"/>
      <c r="AS510" s="167"/>
      <c r="AT510" s="167"/>
      <c r="AU510" s="167"/>
      <c r="AV510" s="167"/>
      <c r="AW510" s="160">
        <f t="shared" si="298"/>
        <v>90</v>
      </c>
      <c r="AX510" s="158">
        <f t="shared" si="297"/>
        <v>1171.5555555555557</v>
      </c>
      <c r="AY510" s="161" t="str">
        <f t="shared" si="263"/>
        <v/>
      </c>
      <c r="AZ510" s="161" t="str">
        <f t="shared" si="264"/>
        <v/>
      </c>
      <c r="BA510" s="161" t="str">
        <f t="shared" si="265"/>
        <v/>
      </c>
      <c r="BB510" s="161" t="str">
        <f t="shared" si="266"/>
        <v/>
      </c>
      <c r="BC510" s="161" t="str">
        <f t="shared" si="267"/>
        <v/>
      </c>
      <c r="BD510" s="161" t="str">
        <f t="shared" si="268"/>
        <v/>
      </c>
      <c r="BE510" s="161" t="str">
        <f t="shared" si="269"/>
        <v/>
      </c>
      <c r="BF510" s="161" t="str">
        <f t="shared" si="270"/>
        <v/>
      </c>
      <c r="BG510" s="161" t="str">
        <f t="shared" si="271"/>
        <v/>
      </c>
      <c r="BH510" s="161" t="str">
        <f t="shared" si="272"/>
        <v/>
      </c>
      <c r="BI510" s="161" t="str">
        <f t="shared" si="273"/>
        <v/>
      </c>
      <c r="BJ510" s="161" t="str">
        <f t="shared" si="274"/>
        <v/>
      </c>
      <c r="BK510" s="161" t="str">
        <f t="shared" si="275"/>
        <v/>
      </c>
      <c r="BL510" s="161" t="str">
        <f t="shared" si="276"/>
        <v/>
      </c>
      <c r="BM510" s="161">
        <f t="shared" si="277"/>
        <v>105440.00000000001</v>
      </c>
      <c r="BN510" s="161" t="str">
        <f t="shared" si="278"/>
        <v/>
      </c>
      <c r="BO510" s="161" t="str">
        <f t="shared" si="279"/>
        <v/>
      </c>
      <c r="BP510" s="161" t="str">
        <f t="shared" si="280"/>
        <v/>
      </c>
      <c r="BQ510" s="161" t="str">
        <f t="shared" si="281"/>
        <v/>
      </c>
      <c r="BR510" s="161" t="str">
        <f t="shared" si="282"/>
        <v/>
      </c>
      <c r="BS510" s="161" t="str">
        <f t="shared" si="283"/>
        <v/>
      </c>
      <c r="BT510" s="161" t="str">
        <f t="shared" si="284"/>
        <v/>
      </c>
      <c r="BU510" s="161" t="str">
        <f t="shared" si="285"/>
        <v/>
      </c>
      <c r="BV510" s="161" t="str">
        <f t="shared" si="286"/>
        <v/>
      </c>
      <c r="BW510" s="161" t="str">
        <f t="shared" si="287"/>
        <v/>
      </c>
      <c r="BX510" s="161" t="str">
        <f t="shared" si="288"/>
        <v/>
      </c>
      <c r="BY510" s="161" t="str">
        <f t="shared" si="289"/>
        <v/>
      </c>
      <c r="BZ510" s="161" t="str">
        <f t="shared" si="290"/>
        <v/>
      </c>
      <c r="CA510" s="161" t="str">
        <f t="shared" si="291"/>
        <v/>
      </c>
      <c r="CB510" s="161" t="str">
        <f t="shared" si="292"/>
        <v/>
      </c>
      <c r="CC510" s="161" t="str">
        <f t="shared" si="293"/>
        <v/>
      </c>
      <c r="CD510" s="156"/>
      <c r="CE510" s="156"/>
      <c r="CF510" s="156"/>
    </row>
    <row r="511" spans="1:84" s="168" customFormat="1" ht="56.1" hidden="1" customHeight="1" x14ac:dyDescent="0.2">
      <c r="A511" s="154">
        <v>511</v>
      </c>
      <c r="B511" s="155" t="s">
        <v>53</v>
      </c>
      <c r="C511" s="165" t="s">
        <v>515</v>
      </c>
      <c r="D511" s="156" t="s">
        <v>528</v>
      </c>
      <c r="E511" s="156" t="s">
        <v>529</v>
      </c>
      <c r="F511" s="156" t="s">
        <v>529</v>
      </c>
      <c r="G511" s="156" t="s">
        <v>58</v>
      </c>
      <c r="H511" s="156" t="s">
        <v>578</v>
      </c>
      <c r="I511" s="156" t="s">
        <v>8</v>
      </c>
      <c r="J511" s="156" t="s">
        <v>525</v>
      </c>
      <c r="K511" s="156" t="s">
        <v>392</v>
      </c>
      <c r="L511" s="156" t="s">
        <v>63</v>
      </c>
      <c r="M511" s="156" t="s">
        <v>63</v>
      </c>
      <c r="N511" s="157">
        <v>0</v>
      </c>
      <c r="O511" s="157">
        <v>0</v>
      </c>
      <c r="P511" s="156" t="s">
        <v>64</v>
      </c>
      <c r="Q511" s="156" t="s">
        <v>82</v>
      </c>
      <c r="R511" s="167"/>
      <c r="S511" s="167"/>
      <c r="T511" s="167"/>
      <c r="U511" s="167"/>
      <c r="V511" s="167"/>
      <c r="W511" s="161"/>
      <c r="X511" s="167"/>
      <c r="Y511" s="167"/>
      <c r="Z511" s="167"/>
      <c r="AA511" s="167"/>
      <c r="AB511" s="167"/>
      <c r="AC511" s="167"/>
      <c r="AD511" s="167"/>
      <c r="AE511" s="167"/>
      <c r="AF511" s="167" t="s">
        <v>66</v>
      </c>
      <c r="AG511" s="167"/>
      <c r="AH511" s="167"/>
      <c r="AI511" s="167"/>
      <c r="AJ511" s="167"/>
      <c r="AK511" s="167"/>
      <c r="AL511" s="167"/>
      <c r="AM511" s="167"/>
      <c r="AN511" s="167"/>
      <c r="AO511" s="167"/>
      <c r="AP511" s="167"/>
      <c r="AQ511" s="167"/>
      <c r="AR511" s="167"/>
      <c r="AS511" s="167"/>
      <c r="AT511" s="167"/>
      <c r="AU511" s="167"/>
      <c r="AV511" s="167"/>
      <c r="AW511" s="160">
        <f t="shared" si="298"/>
        <v>90</v>
      </c>
      <c r="AX511" s="158"/>
      <c r="AY511" s="161" t="str">
        <f t="shared" si="263"/>
        <v/>
      </c>
      <c r="AZ511" s="161" t="str">
        <f t="shared" si="264"/>
        <v/>
      </c>
      <c r="BA511" s="161" t="str">
        <f t="shared" si="265"/>
        <v/>
      </c>
      <c r="BB511" s="161" t="str">
        <f t="shared" si="266"/>
        <v/>
      </c>
      <c r="BC511" s="161" t="str">
        <f t="shared" si="267"/>
        <v/>
      </c>
      <c r="BD511" s="161" t="str">
        <f t="shared" si="268"/>
        <v/>
      </c>
      <c r="BE511" s="161" t="str">
        <f t="shared" si="269"/>
        <v/>
      </c>
      <c r="BF511" s="161" t="str">
        <f t="shared" si="270"/>
        <v/>
      </c>
      <c r="BG511" s="161" t="str">
        <f t="shared" si="271"/>
        <v/>
      </c>
      <c r="BH511" s="161" t="str">
        <f t="shared" si="272"/>
        <v/>
      </c>
      <c r="BI511" s="161" t="str">
        <f t="shared" si="273"/>
        <v/>
      </c>
      <c r="BJ511" s="161" t="str">
        <f t="shared" si="274"/>
        <v/>
      </c>
      <c r="BK511" s="161" t="str">
        <f t="shared" si="275"/>
        <v/>
      </c>
      <c r="BL511" s="161" t="str">
        <f t="shared" si="276"/>
        <v/>
      </c>
      <c r="BM511" s="161">
        <f t="shared" si="277"/>
        <v>0</v>
      </c>
      <c r="BN511" s="161" t="str">
        <f t="shared" si="278"/>
        <v/>
      </c>
      <c r="BO511" s="161" t="str">
        <f t="shared" si="279"/>
        <v/>
      </c>
      <c r="BP511" s="161" t="str">
        <f t="shared" si="280"/>
        <v/>
      </c>
      <c r="BQ511" s="161" t="str">
        <f t="shared" si="281"/>
        <v/>
      </c>
      <c r="BR511" s="161" t="str">
        <f t="shared" si="282"/>
        <v/>
      </c>
      <c r="BS511" s="161" t="str">
        <f t="shared" si="283"/>
        <v/>
      </c>
      <c r="BT511" s="161" t="str">
        <f t="shared" si="284"/>
        <v/>
      </c>
      <c r="BU511" s="161" t="str">
        <f t="shared" si="285"/>
        <v/>
      </c>
      <c r="BV511" s="161" t="str">
        <f t="shared" si="286"/>
        <v/>
      </c>
      <c r="BW511" s="161" t="str">
        <f t="shared" si="287"/>
        <v/>
      </c>
      <c r="BX511" s="161" t="str">
        <f t="shared" si="288"/>
        <v/>
      </c>
      <c r="BY511" s="161" t="str">
        <f t="shared" si="289"/>
        <v/>
      </c>
      <c r="BZ511" s="161" t="str">
        <f t="shared" si="290"/>
        <v/>
      </c>
      <c r="CA511" s="161" t="str">
        <f t="shared" si="291"/>
        <v/>
      </c>
      <c r="CB511" s="161" t="str">
        <f t="shared" si="292"/>
        <v/>
      </c>
      <c r="CC511" s="161" t="str">
        <f t="shared" si="293"/>
        <v/>
      </c>
      <c r="CD511" s="156"/>
      <c r="CE511" s="156"/>
      <c r="CF511" s="156"/>
    </row>
    <row r="512" spans="1:84" s="168" customFormat="1" ht="56.1" hidden="1" customHeight="1" x14ac:dyDescent="0.2">
      <c r="A512" s="154">
        <v>512</v>
      </c>
      <c r="B512" s="155" t="s">
        <v>53</v>
      </c>
      <c r="C512" s="165" t="s">
        <v>515</v>
      </c>
      <c r="D512" s="156" t="s">
        <v>530</v>
      </c>
      <c r="E512" s="156" t="s">
        <v>532</v>
      </c>
      <c r="F512" s="156" t="s">
        <v>532</v>
      </c>
      <c r="G512" s="156" t="s">
        <v>58</v>
      </c>
      <c r="H512" s="156" t="s">
        <v>578</v>
      </c>
      <c r="I512" s="156" t="s">
        <v>8</v>
      </c>
      <c r="J512" s="156" t="s">
        <v>525</v>
      </c>
      <c r="K512" s="156" t="s">
        <v>392</v>
      </c>
      <c r="L512" s="156" t="s">
        <v>63</v>
      </c>
      <c r="M512" s="156" t="s">
        <v>63</v>
      </c>
      <c r="N512" s="157">
        <v>0</v>
      </c>
      <c r="O512" s="157">
        <v>0</v>
      </c>
      <c r="P512" s="156" t="s">
        <v>64</v>
      </c>
      <c r="Q512" s="156" t="s">
        <v>82</v>
      </c>
      <c r="R512" s="167"/>
      <c r="S512" s="167"/>
      <c r="T512" s="167"/>
      <c r="U512" s="167"/>
      <c r="V512" s="167"/>
      <c r="W512" s="161"/>
      <c r="X512" s="167"/>
      <c r="Y512" s="167"/>
      <c r="Z512" s="167"/>
      <c r="AA512" s="167"/>
      <c r="AB512" s="167"/>
      <c r="AC512" s="167"/>
      <c r="AD512" s="167"/>
      <c r="AE512" s="167"/>
      <c r="AF512" s="167" t="s">
        <v>66</v>
      </c>
      <c r="AG512" s="167"/>
      <c r="AH512" s="167"/>
      <c r="AI512" s="167"/>
      <c r="AJ512" s="167"/>
      <c r="AK512" s="167"/>
      <c r="AL512" s="167"/>
      <c r="AM512" s="167"/>
      <c r="AN512" s="167"/>
      <c r="AO512" s="167"/>
      <c r="AP512" s="167"/>
      <c r="AQ512" s="167"/>
      <c r="AR512" s="167"/>
      <c r="AS512" s="167"/>
      <c r="AT512" s="167"/>
      <c r="AU512" s="167"/>
      <c r="AV512" s="167"/>
      <c r="AW512" s="160">
        <f t="shared" si="298"/>
        <v>90</v>
      </c>
      <c r="AX512" s="158"/>
      <c r="AY512" s="161" t="str">
        <f t="shared" si="263"/>
        <v/>
      </c>
      <c r="AZ512" s="161" t="str">
        <f t="shared" si="264"/>
        <v/>
      </c>
      <c r="BA512" s="161" t="str">
        <f t="shared" si="265"/>
        <v/>
      </c>
      <c r="BB512" s="161" t="str">
        <f t="shared" si="266"/>
        <v/>
      </c>
      <c r="BC512" s="161" t="str">
        <f t="shared" si="267"/>
        <v/>
      </c>
      <c r="BD512" s="161" t="str">
        <f t="shared" si="268"/>
        <v/>
      </c>
      <c r="BE512" s="161" t="str">
        <f t="shared" si="269"/>
        <v/>
      </c>
      <c r="BF512" s="161" t="str">
        <f t="shared" si="270"/>
        <v/>
      </c>
      <c r="BG512" s="161" t="str">
        <f t="shared" si="271"/>
        <v/>
      </c>
      <c r="BH512" s="161" t="str">
        <f t="shared" si="272"/>
        <v/>
      </c>
      <c r="BI512" s="161" t="str">
        <f t="shared" si="273"/>
        <v/>
      </c>
      <c r="BJ512" s="161" t="str">
        <f t="shared" si="274"/>
        <v/>
      </c>
      <c r="BK512" s="161" t="str">
        <f t="shared" si="275"/>
        <v/>
      </c>
      <c r="BL512" s="161" t="str">
        <f t="shared" si="276"/>
        <v/>
      </c>
      <c r="BM512" s="161">
        <f t="shared" si="277"/>
        <v>0</v>
      </c>
      <c r="BN512" s="161" t="str">
        <f t="shared" si="278"/>
        <v/>
      </c>
      <c r="BO512" s="161" t="str">
        <f t="shared" si="279"/>
        <v/>
      </c>
      <c r="BP512" s="161" t="str">
        <f t="shared" si="280"/>
        <v/>
      </c>
      <c r="BQ512" s="161" t="str">
        <f t="shared" si="281"/>
        <v/>
      </c>
      <c r="BR512" s="161" t="str">
        <f t="shared" si="282"/>
        <v/>
      </c>
      <c r="BS512" s="161" t="str">
        <f t="shared" si="283"/>
        <v/>
      </c>
      <c r="BT512" s="161" t="str">
        <f t="shared" si="284"/>
        <v/>
      </c>
      <c r="BU512" s="161" t="str">
        <f t="shared" si="285"/>
        <v/>
      </c>
      <c r="BV512" s="161" t="str">
        <f t="shared" si="286"/>
        <v/>
      </c>
      <c r="BW512" s="161" t="str">
        <f t="shared" si="287"/>
        <v/>
      </c>
      <c r="BX512" s="161" t="str">
        <f t="shared" si="288"/>
        <v/>
      </c>
      <c r="BY512" s="161" t="str">
        <f t="shared" si="289"/>
        <v/>
      </c>
      <c r="BZ512" s="161" t="str">
        <f t="shared" si="290"/>
        <v/>
      </c>
      <c r="CA512" s="161" t="str">
        <f t="shared" si="291"/>
        <v/>
      </c>
      <c r="CB512" s="161" t="str">
        <f t="shared" si="292"/>
        <v/>
      </c>
      <c r="CC512" s="161" t="str">
        <f t="shared" si="293"/>
        <v/>
      </c>
      <c r="CD512" s="156"/>
      <c r="CE512" s="156"/>
      <c r="CF512" s="156"/>
    </row>
    <row r="513" spans="1:84" s="168" customFormat="1" ht="56.1" hidden="1" customHeight="1" x14ac:dyDescent="0.2">
      <c r="A513" s="154">
        <v>513</v>
      </c>
      <c r="B513" s="155" t="s">
        <v>53</v>
      </c>
      <c r="C513" s="165" t="s">
        <v>515</v>
      </c>
      <c r="D513" s="156" t="s">
        <v>533</v>
      </c>
      <c r="E513" s="156" t="s">
        <v>534</v>
      </c>
      <c r="F513" s="156" t="s">
        <v>534</v>
      </c>
      <c r="G513" s="156" t="s">
        <v>58</v>
      </c>
      <c r="H513" s="156" t="s">
        <v>578</v>
      </c>
      <c r="I513" s="156" t="s">
        <v>81</v>
      </c>
      <c r="J513" s="156" t="s">
        <v>334</v>
      </c>
      <c r="K513" s="156" t="s">
        <v>392</v>
      </c>
      <c r="L513" s="156" t="s">
        <v>63</v>
      </c>
      <c r="M513" s="156" t="s">
        <v>63</v>
      </c>
      <c r="N513" s="157">
        <v>16013.7</v>
      </c>
      <c r="O513" s="157">
        <v>16013.7</v>
      </c>
      <c r="P513" s="156" t="s">
        <v>64</v>
      </c>
      <c r="Q513" s="156" t="s">
        <v>82</v>
      </c>
      <c r="R513" s="167"/>
      <c r="S513" s="167"/>
      <c r="T513" s="167"/>
      <c r="U513" s="167"/>
      <c r="V513" s="167"/>
      <c r="W513" s="161"/>
      <c r="X513" s="167"/>
      <c r="Y513" s="167"/>
      <c r="Z513" s="167"/>
      <c r="AA513" s="167"/>
      <c r="AB513" s="167"/>
      <c r="AC513" s="167"/>
      <c r="AD513" s="167"/>
      <c r="AE513" s="167"/>
      <c r="AF513" s="167" t="s">
        <v>66</v>
      </c>
      <c r="AG513" s="167"/>
      <c r="AH513" s="167"/>
      <c r="AI513" s="167"/>
      <c r="AJ513" s="167"/>
      <c r="AK513" s="167"/>
      <c r="AL513" s="167"/>
      <c r="AM513" s="167"/>
      <c r="AN513" s="167"/>
      <c r="AO513" s="167"/>
      <c r="AP513" s="167"/>
      <c r="AQ513" s="167"/>
      <c r="AR513" s="167"/>
      <c r="AS513" s="167"/>
      <c r="AT513" s="167"/>
      <c r="AU513" s="167"/>
      <c r="AV513" s="167"/>
      <c r="AW513" s="160">
        <f t="shared" si="298"/>
        <v>90</v>
      </c>
      <c r="AX513" s="158">
        <f t="shared" ref="AX513:AX518" si="299">O513/AW513</f>
        <v>177.93</v>
      </c>
      <c r="AY513" s="161" t="str">
        <f t="shared" ref="AY513:AY576" si="300">IF(R513="yes",(R$2*$AX513),"")</f>
        <v/>
      </c>
      <c r="AZ513" s="161" t="str">
        <f t="shared" ref="AZ513:AZ576" si="301">IF(S513="yes",(S$2*$AX513),"")</f>
        <v/>
      </c>
      <c r="BA513" s="161" t="str">
        <f t="shared" ref="BA513:BA576" si="302">IF(T513="yes",(T$2*$AX513),"")</f>
        <v/>
      </c>
      <c r="BB513" s="161" t="str">
        <f t="shared" ref="BB513:BB576" si="303">IF(U513="yes",(U$2*$AX513),"")</f>
        <v/>
      </c>
      <c r="BC513" s="161" t="str">
        <f t="shared" ref="BC513:BC576" si="304">IF(V513="yes",(V$2*$AX513),"")</f>
        <v/>
      </c>
      <c r="BD513" s="161" t="str">
        <f t="shared" ref="BD513:BD576" si="305">IF(W513="yes",(W$2*$AX513),"")</f>
        <v/>
      </c>
      <c r="BE513" s="161" t="str">
        <f t="shared" ref="BE513:BE576" si="306">IF(X513="yes",(X$2*$AX513),"")</f>
        <v/>
      </c>
      <c r="BF513" s="161" t="str">
        <f t="shared" ref="BF513:BF576" si="307">IF(Y513="yes",(Y$2*$AX513),"")</f>
        <v/>
      </c>
      <c r="BG513" s="161" t="str">
        <f t="shared" ref="BG513:BG576" si="308">IF(Z513="yes",(Z$2*$AX513),"")</f>
        <v/>
      </c>
      <c r="BH513" s="161" t="str">
        <f t="shared" ref="BH513:BH576" si="309">IF(AA513="yes",(AA$2*$AX513),"")</f>
        <v/>
      </c>
      <c r="BI513" s="161" t="str">
        <f t="shared" ref="BI513:BI576" si="310">IF(AB513="yes",(AB$2*$AX513),"")</f>
        <v/>
      </c>
      <c r="BJ513" s="161" t="str">
        <f t="shared" ref="BJ513:BJ576" si="311">IF(AC513="yes",(AC$2*$AX513),"")</f>
        <v/>
      </c>
      <c r="BK513" s="161" t="str">
        <f t="shared" ref="BK513:BK576" si="312">IF(AD513="yes",(AD$2*$AX513),"")</f>
        <v/>
      </c>
      <c r="BL513" s="161" t="str">
        <f t="shared" ref="BL513:BL576" si="313">IF(AE513="yes",(AE$2*$AX513),"")</f>
        <v/>
      </c>
      <c r="BM513" s="161">
        <f t="shared" ref="BM513:BM576" si="314">IF(AF513="yes",(AF$2*$AX513),"")</f>
        <v>16013.7</v>
      </c>
      <c r="BN513" s="161" t="str">
        <f t="shared" ref="BN513:BN576" si="315">IF(AG513="yes",(AG$2*$AX513),"")</f>
        <v/>
      </c>
      <c r="BO513" s="161" t="str">
        <f t="shared" ref="BO513:BO576" si="316">IF(AH513="yes",(AH$2*$AX513),"")</f>
        <v/>
      </c>
      <c r="BP513" s="161" t="str">
        <f t="shared" ref="BP513:BP576" si="317">IF(AI513="yes",(AI$2*$AX513),"")</f>
        <v/>
      </c>
      <c r="BQ513" s="161" t="str">
        <f t="shared" ref="BQ513:BQ576" si="318">IF(AJ513="yes",(AJ$2*$AX513),"")</f>
        <v/>
      </c>
      <c r="BR513" s="161" t="str">
        <f t="shared" ref="BR513:BR576" si="319">IF(AK513="yes",(AK$2*$AX513),"")</f>
        <v/>
      </c>
      <c r="BS513" s="161" t="str">
        <f t="shared" ref="BS513:BS576" si="320">IF(AL513="yes",(AL$2*$AX513),"")</f>
        <v/>
      </c>
      <c r="BT513" s="161" t="str">
        <f t="shared" ref="BT513:BT576" si="321">IF(AM513="yes",(AM$2*$AX513),"")</f>
        <v/>
      </c>
      <c r="BU513" s="161" t="str">
        <f t="shared" ref="BU513:BU576" si="322">IF(AN513="yes",(AN$2*$AX513),"")</f>
        <v/>
      </c>
      <c r="BV513" s="161" t="str">
        <f t="shared" ref="BV513:BV576" si="323">IF(AO513="yes",(AO$2*$AX513),"")</f>
        <v/>
      </c>
      <c r="BW513" s="161" t="str">
        <f t="shared" ref="BW513:BW576" si="324">IF(AP513="yes",(AP$2*$AX513),"")</f>
        <v/>
      </c>
      <c r="BX513" s="161" t="str">
        <f t="shared" ref="BX513:BX576" si="325">IF(AQ513="yes",(AQ$2*$AX513),"")</f>
        <v/>
      </c>
      <c r="BY513" s="161" t="str">
        <f t="shared" ref="BY513:BY576" si="326">IF(AR513="yes",(AR$2*$AX513),"")</f>
        <v/>
      </c>
      <c r="BZ513" s="161" t="str">
        <f t="shared" ref="BZ513:BZ576" si="327">IF(AS513="yes",(AS$2*$AX513),"")</f>
        <v/>
      </c>
      <c r="CA513" s="161" t="str">
        <f t="shared" ref="CA513:CA576" si="328">IF(AT513="yes",(AT$2*$AX513),"")</f>
        <v/>
      </c>
      <c r="CB513" s="161" t="str">
        <f t="shared" ref="CB513:CB576" si="329">IF(AU513="yes",(AU$2*$AX513),"")</f>
        <v/>
      </c>
      <c r="CC513" s="161" t="str">
        <f t="shared" ref="CC513:CC576" si="330">IF(AV513="yes",(AV$2*$AX513),"")</f>
        <v/>
      </c>
      <c r="CD513" s="156"/>
      <c r="CE513" s="156"/>
      <c r="CF513" s="156"/>
    </row>
    <row r="514" spans="1:84" s="168" customFormat="1" ht="56.1" hidden="1" customHeight="1" x14ac:dyDescent="0.2">
      <c r="A514" s="154">
        <v>514</v>
      </c>
      <c r="B514" s="155" t="s">
        <v>53</v>
      </c>
      <c r="C514" s="165" t="s">
        <v>515</v>
      </c>
      <c r="D514" s="156" t="s">
        <v>548</v>
      </c>
      <c r="E514" s="156" t="s">
        <v>536</v>
      </c>
      <c r="F514" s="156" t="s">
        <v>536</v>
      </c>
      <c r="G514" s="156" t="s">
        <v>58</v>
      </c>
      <c r="H514" s="156" t="s">
        <v>327</v>
      </c>
      <c r="I514" s="169" t="s">
        <v>60</v>
      </c>
      <c r="J514" s="156" t="s">
        <v>334</v>
      </c>
      <c r="K514" s="156" t="s">
        <v>377</v>
      </c>
      <c r="L514" s="156" t="s">
        <v>63</v>
      </c>
      <c r="M514" s="156" t="s">
        <v>63</v>
      </c>
      <c r="N514" s="157">
        <v>24293.376</v>
      </c>
      <c r="O514" s="157">
        <v>24293.376</v>
      </c>
      <c r="P514" s="156" t="s">
        <v>64</v>
      </c>
      <c r="Q514" s="156" t="s">
        <v>82</v>
      </c>
      <c r="R514" s="167"/>
      <c r="S514" s="167"/>
      <c r="T514" s="167"/>
      <c r="U514" s="167"/>
      <c r="V514" s="167"/>
      <c r="W514" s="161"/>
      <c r="X514" s="167"/>
      <c r="Y514" s="167"/>
      <c r="Z514" s="167"/>
      <c r="AA514" s="167"/>
      <c r="AB514" s="167"/>
      <c r="AC514" s="167"/>
      <c r="AD514" s="167"/>
      <c r="AE514" s="167"/>
      <c r="AF514" s="167"/>
      <c r="AG514" s="161" t="s">
        <v>66</v>
      </c>
      <c r="AH514" s="167"/>
      <c r="AI514" s="167"/>
      <c r="AJ514" s="167"/>
      <c r="AK514" s="167"/>
      <c r="AL514" s="167"/>
      <c r="AM514" s="167"/>
      <c r="AN514" s="167"/>
      <c r="AO514" s="167"/>
      <c r="AP514" s="167"/>
      <c r="AQ514" s="167"/>
      <c r="AR514" s="167"/>
      <c r="AS514" s="167"/>
      <c r="AT514" s="167"/>
      <c r="AU514" s="167"/>
      <c r="AV514" s="167"/>
      <c r="AW514" s="160">
        <f t="shared" si="298"/>
        <v>80</v>
      </c>
      <c r="AX514" s="158">
        <f t="shared" si="299"/>
        <v>303.66719999999998</v>
      </c>
      <c r="AY514" s="161" t="str">
        <f t="shared" si="300"/>
        <v/>
      </c>
      <c r="AZ514" s="161" t="str">
        <f t="shared" si="301"/>
        <v/>
      </c>
      <c r="BA514" s="161" t="str">
        <f t="shared" si="302"/>
        <v/>
      </c>
      <c r="BB514" s="161" t="str">
        <f t="shared" si="303"/>
        <v/>
      </c>
      <c r="BC514" s="161" t="str">
        <f t="shared" si="304"/>
        <v/>
      </c>
      <c r="BD514" s="161" t="str">
        <f t="shared" si="305"/>
        <v/>
      </c>
      <c r="BE514" s="161" t="str">
        <f t="shared" si="306"/>
        <v/>
      </c>
      <c r="BF514" s="161" t="str">
        <f t="shared" si="307"/>
        <v/>
      </c>
      <c r="BG514" s="161" t="str">
        <f t="shared" si="308"/>
        <v/>
      </c>
      <c r="BH514" s="161" t="str">
        <f t="shared" si="309"/>
        <v/>
      </c>
      <c r="BI514" s="161" t="str">
        <f t="shared" si="310"/>
        <v/>
      </c>
      <c r="BJ514" s="161" t="str">
        <f t="shared" si="311"/>
        <v/>
      </c>
      <c r="BK514" s="161" t="str">
        <f t="shared" si="312"/>
        <v/>
      </c>
      <c r="BL514" s="161" t="str">
        <f t="shared" si="313"/>
        <v/>
      </c>
      <c r="BM514" s="161" t="str">
        <f t="shared" si="314"/>
        <v/>
      </c>
      <c r="BN514" s="161">
        <f t="shared" si="315"/>
        <v>24293.375999999997</v>
      </c>
      <c r="BO514" s="161" t="str">
        <f t="shared" si="316"/>
        <v/>
      </c>
      <c r="BP514" s="161" t="str">
        <f t="shared" si="317"/>
        <v/>
      </c>
      <c r="BQ514" s="161" t="str">
        <f t="shared" si="318"/>
        <v/>
      </c>
      <c r="BR514" s="161" t="str">
        <f t="shared" si="319"/>
        <v/>
      </c>
      <c r="BS514" s="161" t="str">
        <f t="shared" si="320"/>
        <v/>
      </c>
      <c r="BT514" s="161" t="str">
        <f t="shared" si="321"/>
        <v/>
      </c>
      <c r="BU514" s="161" t="str">
        <f t="shared" si="322"/>
        <v/>
      </c>
      <c r="BV514" s="161" t="str">
        <f t="shared" si="323"/>
        <v/>
      </c>
      <c r="BW514" s="161" t="str">
        <f t="shared" si="324"/>
        <v/>
      </c>
      <c r="BX514" s="161" t="str">
        <f t="shared" si="325"/>
        <v/>
      </c>
      <c r="BY514" s="161" t="str">
        <f t="shared" si="326"/>
        <v/>
      </c>
      <c r="BZ514" s="161" t="str">
        <f t="shared" si="327"/>
        <v/>
      </c>
      <c r="CA514" s="161" t="str">
        <f t="shared" si="328"/>
        <v/>
      </c>
      <c r="CB514" s="161" t="str">
        <f t="shared" si="329"/>
        <v/>
      </c>
      <c r="CC514" s="161" t="str">
        <f t="shared" si="330"/>
        <v/>
      </c>
      <c r="CD514" s="156"/>
      <c r="CE514" s="156"/>
      <c r="CF514" s="156"/>
    </row>
    <row r="515" spans="1:84" s="168" customFormat="1" ht="56.1" hidden="1" customHeight="1" x14ac:dyDescent="0.2">
      <c r="A515" s="154">
        <v>515</v>
      </c>
      <c r="B515" s="155" t="s">
        <v>53</v>
      </c>
      <c r="C515" s="165" t="s">
        <v>515</v>
      </c>
      <c r="D515" s="156" t="s">
        <v>518</v>
      </c>
      <c r="E515" s="156" t="s">
        <v>520</v>
      </c>
      <c r="F515" s="156" t="s">
        <v>520</v>
      </c>
      <c r="G515" s="156" t="s">
        <v>58</v>
      </c>
      <c r="H515" s="156" t="s">
        <v>327</v>
      </c>
      <c r="I515" s="169" t="s">
        <v>8</v>
      </c>
      <c r="J515" s="156" t="s">
        <v>334</v>
      </c>
      <c r="K515" s="156" t="s">
        <v>377</v>
      </c>
      <c r="L515" s="156" t="s">
        <v>63</v>
      </c>
      <c r="M515" s="156" t="s">
        <v>63</v>
      </c>
      <c r="N515" s="157">
        <v>63770.112000000001</v>
      </c>
      <c r="O515" s="157">
        <v>63770.112000000001</v>
      </c>
      <c r="P515" s="156" t="s">
        <v>64</v>
      </c>
      <c r="Q515" s="156" t="s">
        <v>82</v>
      </c>
      <c r="R515" s="167"/>
      <c r="S515" s="167"/>
      <c r="T515" s="167"/>
      <c r="U515" s="167"/>
      <c r="V515" s="167"/>
      <c r="W515" s="161"/>
      <c r="X515" s="167"/>
      <c r="Y515" s="167"/>
      <c r="Z515" s="167"/>
      <c r="AA515" s="167"/>
      <c r="AB515" s="167"/>
      <c r="AC515" s="167"/>
      <c r="AD515" s="167"/>
      <c r="AE515" s="167"/>
      <c r="AF515" s="167"/>
      <c r="AG515" s="161" t="s">
        <v>66</v>
      </c>
      <c r="AH515" s="167"/>
      <c r="AI515" s="167"/>
      <c r="AJ515" s="167"/>
      <c r="AK515" s="167"/>
      <c r="AL515" s="167"/>
      <c r="AM515" s="167"/>
      <c r="AN515" s="167"/>
      <c r="AO515" s="167"/>
      <c r="AP515" s="167"/>
      <c r="AQ515" s="167"/>
      <c r="AR515" s="167"/>
      <c r="AS515" s="167"/>
      <c r="AT515" s="167"/>
      <c r="AU515" s="167"/>
      <c r="AV515" s="167"/>
      <c r="AW515" s="160">
        <f t="shared" si="298"/>
        <v>80</v>
      </c>
      <c r="AX515" s="158">
        <f t="shared" si="299"/>
        <v>797.12639999999999</v>
      </c>
      <c r="AY515" s="161" t="str">
        <f t="shared" si="300"/>
        <v/>
      </c>
      <c r="AZ515" s="161" t="str">
        <f t="shared" si="301"/>
        <v/>
      </c>
      <c r="BA515" s="161" t="str">
        <f t="shared" si="302"/>
        <v/>
      </c>
      <c r="BB515" s="161" t="str">
        <f t="shared" si="303"/>
        <v/>
      </c>
      <c r="BC515" s="161" t="str">
        <f t="shared" si="304"/>
        <v/>
      </c>
      <c r="BD515" s="161" t="str">
        <f t="shared" si="305"/>
        <v/>
      </c>
      <c r="BE515" s="161" t="str">
        <f t="shared" si="306"/>
        <v/>
      </c>
      <c r="BF515" s="161" t="str">
        <f t="shared" si="307"/>
        <v/>
      </c>
      <c r="BG515" s="161" t="str">
        <f t="shared" si="308"/>
        <v/>
      </c>
      <c r="BH515" s="161" t="str">
        <f t="shared" si="309"/>
        <v/>
      </c>
      <c r="BI515" s="161" t="str">
        <f t="shared" si="310"/>
        <v/>
      </c>
      <c r="BJ515" s="161" t="str">
        <f t="shared" si="311"/>
        <v/>
      </c>
      <c r="BK515" s="161" t="str">
        <f t="shared" si="312"/>
        <v/>
      </c>
      <c r="BL515" s="161" t="str">
        <f t="shared" si="313"/>
        <v/>
      </c>
      <c r="BM515" s="161" t="str">
        <f t="shared" si="314"/>
        <v/>
      </c>
      <c r="BN515" s="161">
        <f t="shared" si="315"/>
        <v>63770.112000000001</v>
      </c>
      <c r="BO515" s="161" t="str">
        <f t="shared" si="316"/>
        <v/>
      </c>
      <c r="BP515" s="161" t="str">
        <f t="shared" si="317"/>
        <v/>
      </c>
      <c r="BQ515" s="161" t="str">
        <f t="shared" si="318"/>
        <v/>
      </c>
      <c r="BR515" s="161" t="str">
        <f t="shared" si="319"/>
        <v/>
      </c>
      <c r="BS515" s="161" t="str">
        <f t="shared" si="320"/>
        <v/>
      </c>
      <c r="BT515" s="161" t="str">
        <f t="shared" si="321"/>
        <v/>
      </c>
      <c r="BU515" s="161" t="str">
        <f t="shared" si="322"/>
        <v/>
      </c>
      <c r="BV515" s="161" t="str">
        <f t="shared" si="323"/>
        <v/>
      </c>
      <c r="BW515" s="161" t="str">
        <f t="shared" si="324"/>
        <v/>
      </c>
      <c r="BX515" s="161" t="str">
        <f t="shared" si="325"/>
        <v/>
      </c>
      <c r="BY515" s="161" t="str">
        <f t="shared" si="326"/>
        <v/>
      </c>
      <c r="BZ515" s="161" t="str">
        <f t="shared" si="327"/>
        <v/>
      </c>
      <c r="CA515" s="161" t="str">
        <f t="shared" si="328"/>
        <v/>
      </c>
      <c r="CB515" s="161" t="str">
        <f t="shared" si="329"/>
        <v/>
      </c>
      <c r="CC515" s="161" t="str">
        <f t="shared" si="330"/>
        <v/>
      </c>
      <c r="CD515" s="156"/>
      <c r="CE515" s="156"/>
      <c r="CF515" s="156"/>
    </row>
    <row r="516" spans="1:84" s="168" customFormat="1" ht="56.1" hidden="1" customHeight="1" x14ac:dyDescent="0.2">
      <c r="A516" s="154">
        <v>516</v>
      </c>
      <c r="B516" s="155" t="s">
        <v>53</v>
      </c>
      <c r="C516" s="165" t="s">
        <v>515</v>
      </c>
      <c r="D516" s="156" t="s">
        <v>521</v>
      </c>
      <c r="E516" s="156" t="s">
        <v>522</v>
      </c>
      <c r="F516" s="156" t="s">
        <v>522</v>
      </c>
      <c r="G516" s="156" t="s">
        <v>58</v>
      </c>
      <c r="H516" s="156" t="s">
        <v>327</v>
      </c>
      <c r="I516" s="169" t="s">
        <v>8</v>
      </c>
      <c r="J516" s="156" t="s">
        <v>334</v>
      </c>
      <c r="K516" s="156" t="s">
        <v>377</v>
      </c>
      <c r="L516" s="156" t="s">
        <v>63</v>
      </c>
      <c r="M516" s="156" t="s">
        <v>63</v>
      </c>
      <c r="N516" s="157">
        <v>89075.712000000014</v>
      </c>
      <c r="O516" s="157">
        <v>89075.712000000014</v>
      </c>
      <c r="P516" s="156" t="s">
        <v>64</v>
      </c>
      <c r="Q516" s="156" t="s">
        <v>82</v>
      </c>
      <c r="R516" s="167"/>
      <c r="S516" s="167"/>
      <c r="T516" s="167"/>
      <c r="U516" s="167"/>
      <c r="V516" s="167"/>
      <c r="W516" s="161"/>
      <c r="X516" s="167"/>
      <c r="Y516" s="167"/>
      <c r="Z516" s="167"/>
      <c r="AA516" s="167"/>
      <c r="AB516" s="167"/>
      <c r="AC516" s="167"/>
      <c r="AD516" s="167"/>
      <c r="AE516" s="167"/>
      <c r="AF516" s="167"/>
      <c r="AG516" s="161" t="s">
        <v>66</v>
      </c>
      <c r="AH516" s="167"/>
      <c r="AI516" s="167"/>
      <c r="AJ516" s="167"/>
      <c r="AK516" s="167"/>
      <c r="AL516" s="167"/>
      <c r="AM516" s="167"/>
      <c r="AN516" s="167"/>
      <c r="AO516" s="167"/>
      <c r="AP516" s="167"/>
      <c r="AQ516" s="167"/>
      <c r="AR516" s="167"/>
      <c r="AS516" s="167"/>
      <c r="AT516" s="167"/>
      <c r="AU516" s="167"/>
      <c r="AV516" s="167"/>
      <c r="AW516" s="160">
        <f t="shared" si="298"/>
        <v>80</v>
      </c>
      <c r="AX516" s="158">
        <f t="shared" si="299"/>
        <v>1113.4464000000003</v>
      </c>
      <c r="AY516" s="161" t="str">
        <f t="shared" si="300"/>
        <v/>
      </c>
      <c r="AZ516" s="161" t="str">
        <f t="shared" si="301"/>
        <v/>
      </c>
      <c r="BA516" s="161" t="str">
        <f t="shared" si="302"/>
        <v/>
      </c>
      <c r="BB516" s="161" t="str">
        <f t="shared" si="303"/>
        <v/>
      </c>
      <c r="BC516" s="161" t="str">
        <f t="shared" si="304"/>
        <v/>
      </c>
      <c r="BD516" s="161" t="str">
        <f t="shared" si="305"/>
        <v/>
      </c>
      <c r="BE516" s="161" t="str">
        <f t="shared" si="306"/>
        <v/>
      </c>
      <c r="BF516" s="161" t="str">
        <f t="shared" si="307"/>
        <v/>
      </c>
      <c r="BG516" s="161" t="str">
        <f t="shared" si="308"/>
        <v/>
      </c>
      <c r="BH516" s="161" t="str">
        <f t="shared" si="309"/>
        <v/>
      </c>
      <c r="BI516" s="161" t="str">
        <f t="shared" si="310"/>
        <v/>
      </c>
      <c r="BJ516" s="161" t="str">
        <f t="shared" si="311"/>
        <v/>
      </c>
      <c r="BK516" s="161" t="str">
        <f t="shared" si="312"/>
        <v/>
      </c>
      <c r="BL516" s="161" t="str">
        <f t="shared" si="313"/>
        <v/>
      </c>
      <c r="BM516" s="161" t="str">
        <f t="shared" si="314"/>
        <v/>
      </c>
      <c r="BN516" s="161">
        <f t="shared" si="315"/>
        <v>89075.712000000029</v>
      </c>
      <c r="BO516" s="161" t="str">
        <f t="shared" si="316"/>
        <v/>
      </c>
      <c r="BP516" s="161" t="str">
        <f t="shared" si="317"/>
        <v/>
      </c>
      <c r="BQ516" s="161" t="str">
        <f t="shared" si="318"/>
        <v/>
      </c>
      <c r="BR516" s="161" t="str">
        <f t="shared" si="319"/>
        <v/>
      </c>
      <c r="BS516" s="161" t="str">
        <f t="shared" si="320"/>
        <v/>
      </c>
      <c r="BT516" s="161" t="str">
        <f t="shared" si="321"/>
        <v/>
      </c>
      <c r="BU516" s="161" t="str">
        <f t="shared" si="322"/>
        <v/>
      </c>
      <c r="BV516" s="161" t="str">
        <f t="shared" si="323"/>
        <v/>
      </c>
      <c r="BW516" s="161" t="str">
        <f t="shared" si="324"/>
        <v/>
      </c>
      <c r="BX516" s="161" t="str">
        <f t="shared" si="325"/>
        <v/>
      </c>
      <c r="BY516" s="161" t="str">
        <f t="shared" si="326"/>
        <v/>
      </c>
      <c r="BZ516" s="161" t="str">
        <f t="shared" si="327"/>
        <v/>
      </c>
      <c r="CA516" s="161" t="str">
        <f t="shared" si="328"/>
        <v/>
      </c>
      <c r="CB516" s="161" t="str">
        <f t="shared" si="329"/>
        <v/>
      </c>
      <c r="CC516" s="161" t="str">
        <f t="shared" si="330"/>
        <v/>
      </c>
      <c r="CD516" s="156"/>
      <c r="CE516" s="156"/>
      <c r="CF516" s="156"/>
    </row>
    <row r="517" spans="1:84" s="168" customFormat="1" ht="56.1" hidden="1" customHeight="1" x14ac:dyDescent="0.2">
      <c r="A517" s="154">
        <v>517</v>
      </c>
      <c r="B517" s="155" t="s">
        <v>53</v>
      </c>
      <c r="C517" s="165" t="s">
        <v>515</v>
      </c>
      <c r="D517" s="156" t="s">
        <v>523</v>
      </c>
      <c r="E517" s="156" t="s">
        <v>537</v>
      </c>
      <c r="F517" s="156" t="s">
        <v>537</v>
      </c>
      <c r="G517" s="156" t="s">
        <v>58</v>
      </c>
      <c r="H517" s="156" t="s">
        <v>327</v>
      </c>
      <c r="I517" s="156" t="s">
        <v>388</v>
      </c>
      <c r="J517" s="156" t="s">
        <v>525</v>
      </c>
      <c r="K517" s="156" t="s">
        <v>377</v>
      </c>
      <c r="L517" s="156" t="s">
        <v>63</v>
      </c>
      <c r="M517" s="156" t="s">
        <v>63</v>
      </c>
      <c r="N517" s="157">
        <v>43494</v>
      </c>
      <c r="O517" s="157">
        <v>43494</v>
      </c>
      <c r="P517" s="156" t="s">
        <v>64</v>
      </c>
      <c r="Q517" s="156" t="s">
        <v>82</v>
      </c>
      <c r="R517" s="167"/>
      <c r="S517" s="167"/>
      <c r="T517" s="167"/>
      <c r="U517" s="167"/>
      <c r="V517" s="167"/>
      <c r="W517" s="161"/>
      <c r="X517" s="167"/>
      <c r="Y517" s="167"/>
      <c r="Z517" s="167"/>
      <c r="AA517" s="167"/>
      <c r="AB517" s="167"/>
      <c r="AC517" s="167"/>
      <c r="AD517" s="167"/>
      <c r="AE517" s="167"/>
      <c r="AF517" s="167"/>
      <c r="AG517" s="161" t="s">
        <v>66</v>
      </c>
      <c r="AH517" s="167"/>
      <c r="AI517" s="167"/>
      <c r="AJ517" s="167"/>
      <c r="AK517" s="167"/>
      <c r="AL517" s="167"/>
      <c r="AM517" s="167"/>
      <c r="AN517" s="167"/>
      <c r="AO517" s="167"/>
      <c r="AP517" s="167"/>
      <c r="AQ517" s="167"/>
      <c r="AR517" s="167"/>
      <c r="AS517" s="167"/>
      <c r="AT517" s="167"/>
      <c r="AU517" s="167"/>
      <c r="AV517" s="167"/>
      <c r="AW517" s="160">
        <f t="shared" si="298"/>
        <v>80</v>
      </c>
      <c r="AX517" s="158">
        <f t="shared" si="299"/>
        <v>543.67499999999995</v>
      </c>
      <c r="AY517" s="161" t="str">
        <f t="shared" si="300"/>
        <v/>
      </c>
      <c r="AZ517" s="161" t="str">
        <f t="shared" si="301"/>
        <v/>
      </c>
      <c r="BA517" s="161" t="str">
        <f t="shared" si="302"/>
        <v/>
      </c>
      <c r="BB517" s="161" t="str">
        <f t="shared" si="303"/>
        <v/>
      </c>
      <c r="BC517" s="161" t="str">
        <f t="shared" si="304"/>
        <v/>
      </c>
      <c r="BD517" s="161" t="str">
        <f t="shared" si="305"/>
        <v/>
      </c>
      <c r="BE517" s="161" t="str">
        <f t="shared" si="306"/>
        <v/>
      </c>
      <c r="BF517" s="161" t="str">
        <f t="shared" si="307"/>
        <v/>
      </c>
      <c r="BG517" s="161" t="str">
        <f t="shared" si="308"/>
        <v/>
      </c>
      <c r="BH517" s="161" t="str">
        <f t="shared" si="309"/>
        <v/>
      </c>
      <c r="BI517" s="161" t="str">
        <f t="shared" si="310"/>
        <v/>
      </c>
      <c r="BJ517" s="161" t="str">
        <f t="shared" si="311"/>
        <v/>
      </c>
      <c r="BK517" s="161" t="str">
        <f t="shared" si="312"/>
        <v/>
      </c>
      <c r="BL517" s="161" t="str">
        <f t="shared" si="313"/>
        <v/>
      </c>
      <c r="BM517" s="161" t="str">
        <f t="shared" si="314"/>
        <v/>
      </c>
      <c r="BN517" s="161">
        <f t="shared" si="315"/>
        <v>43494</v>
      </c>
      <c r="BO517" s="161" t="str">
        <f t="shared" si="316"/>
        <v/>
      </c>
      <c r="BP517" s="161" t="str">
        <f t="shared" si="317"/>
        <v/>
      </c>
      <c r="BQ517" s="161" t="str">
        <f t="shared" si="318"/>
        <v/>
      </c>
      <c r="BR517" s="161" t="str">
        <f t="shared" si="319"/>
        <v/>
      </c>
      <c r="BS517" s="161" t="str">
        <f t="shared" si="320"/>
        <v/>
      </c>
      <c r="BT517" s="161" t="str">
        <f t="shared" si="321"/>
        <v/>
      </c>
      <c r="BU517" s="161" t="str">
        <f t="shared" si="322"/>
        <v/>
      </c>
      <c r="BV517" s="161" t="str">
        <f t="shared" si="323"/>
        <v/>
      </c>
      <c r="BW517" s="161" t="str">
        <f t="shared" si="324"/>
        <v/>
      </c>
      <c r="BX517" s="161" t="str">
        <f t="shared" si="325"/>
        <v/>
      </c>
      <c r="BY517" s="161" t="str">
        <f t="shared" si="326"/>
        <v/>
      </c>
      <c r="BZ517" s="161" t="str">
        <f t="shared" si="327"/>
        <v/>
      </c>
      <c r="CA517" s="161" t="str">
        <f t="shared" si="328"/>
        <v/>
      </c>
      <c r="CB517" s="161" t="str">
        <f t="shared" si="329"/>
        <v/>
      </c>
      <c r="CC517" s="161" t="str">
        <f t="shared" si="330"/>
        <v/>
      </c>
      <c r="CD517" s="156"/>
      <c r="CE517" s="156"/>
      <c r="CF517" s="156"/>
    </row>
    <row r="518" spans="1:84" s="168" customFormat="1" ht="56.1" hidden="1" customHeight="1" x14ac:dyDescent="0.2">
      <c r="A518" s="154">
        <v>518</v>
      </c>
      <c r="B518" s="155" t="s">
        <v>53</v>
      </c>
      <c r="C518" s="165" t="s">
        <v>515</v>
      </c>
      <c r="D518" s="156" t="s">
        <v>539</v>
      </c>
      <c r="E518" s="156" t="s">
        <v>538</v>
      </c>
      <c r="F518" s="156" t="s">
        <v>538</v>
      </c>
      <c r="G518" s="156" t="s">
        <v>58</v>
      </c>
      <c r="H518" s="156" t="s">
        <v>327</v>
      </c>
      <c r="I518" s="156" t="s">
        <v>388</v>
      </c>
      <c r="J518" s="156" t="s">
        <v>525</v>
      </c>
      <c r="K518" s="156" t="s">
        <v>377</v>
      </c>
      <c r="L518" s="156" t="s">
        <v>63</v>
      </c>
      <c r="M518" s="156" t="s">
        <v>63</v>
      </c>
      <c r="N518" s="157">
        <v>105440</v>
      </c>
      <c r="O518" s="157">
        <v>105440</v>
      </c>
      <c r="P518" s="156" t="s">
        <v>64</v>
      </c>
      <c r="Q518" s="156" t="s">
        <v>82</v>
      </c>
      <c r="R518" s="167"/>
      <c r="S518" s="167"/>
      <c r="T518" s="167"/>
      <c r="U518" s="167"/>
      <c r="V518" s="167"/>
      <c r="W518" s="161"/>
      <c r="X518" s="167"/>
      <c r="Y518" s="167"/>
      <c r="Z518" s="167"/>
      <c r="AA518" s="167"/>
      <c r="AB518" s="167"/>
      <c r="AC518" s="167"/>
      <c r="AD518" s="167"/>
      <c r="AE518" s="167"/>
      <c r="AF518" s="167"/>
      <c r="AG518" s="161" t="s">
        <v>66</v>
      </c>
      <c r="AH518" s="167"/>
      <c r="AI518" s="167"/>
      <c r="AJ518" s="167"/>
      <c r="AK518" s="167"/>
      <c r="AL518" s="167"/>
      <c r="AM518" s="167"/>
      <c r="AN518" s="167"/>
      <c r="AO518" s="167"/>
      <c r="AP518" s="167"/>
      <c r="AQ518" s="167"/>
      <c r="AR518" s="167"/>
      <c r="AS518" s="167"/>
      <c r="AT518" s="167"/>
      <c r="AU518" s="167"/>
      <c r="AV518" s="167"/>
      <c r="AW518" s="160">
        <f t="shared" si="298"/>
        <v>80</v>
      </c>
      <c r="AX518" s="158">
        <f t="shared" si="299"/>
        <v>1318</v>
      </c>
      <c r="AY518" s="161" t="str">
        <f t="shared" si="300"/>
        <v/>
      </c>
      <c r="AZ518" s="161" t="str">
        <f t="shared" si="301"/>
        <v/>
      </c>
      <c r="BA518" s="161" t="str">
        <f t="shared" si="302"/>
        <v/>
      </c>
      <c r="BB518" s="161" t="str">
        <f t="shared" si="303"/>
        <v/>
      </c>
      <c r="BC518" s="161" t="str">
        <f t="shared" si="304"/>
        <v/>
      </c>
      <c r="BD518" s="161" t="str">
        <f t="shared" si="305"/>
        <v/>
      </c>
      <c r="BE518" s="161" t="str">
        <f t="shared" si="306"/>
        <v/>
      </c>
      <c r="BF518" s="161" t="str">
        <f t="shared" si="307"/>
        <v/>
      </c>
      <c r="BG518" s="161" t="str">
        <f t="shared" si="308"/>
        <v/>
      </c>
      <c r="BH518" s="161" t="str">
        <f t="shared" si="309"/>
        <v/>
      </c>
      <c r="BI518" s="161" t="str">
        <f t="shared" si="310"/>
        <v/>
      </c>
      <c r="BJ518" s="161" t="str">
        <f t="shared" si="311"/>
        <v/>
      </c>
      <c r="BK518" s="161" t="str">
        <f t="shared" si="312"/>
        <v/>
      </c>
      <c r="BL518" s="161" t="str">
        <f t="shared" si="313"/>
        <v/>
      </c>
      <c r="BM518" s="161" t="str">
        <f t="shared" si="314"/>
        <v/>
      </c>
      <c r="BN518" s="161">
        <f t="shared" si="315"/>
        <v>105440</v>
      </c>
      <c r="BO518" s="161" t="str">
        <f t="shared" si="316"/>
        <v/>
      </c>
      <c r="BP518" s="161" t="str">
        <f t="shared" si="317"/>
        <v/>
      </c>
      <c r="BQ518" s="161" t="str">
        <f t="shared" si="318"/>
        <v/>
      </c>
      <c r="BR518" s="161" t="str">
        <f t="shared" si="319"/>
        <v/>
      </c>
      <c r="BS518" s="161" t="str">
        <f t="shared" si="320"/>
        <v/>
      </c>
      <c r="BT518" s="161" t="str">
        <f t="shared" si="321"/>
        <v/>
      </c>
      <c r="BU518" s="161" t="str">
        <f t="shared" si="322"/>
        <v/>
      </c>
      <c r="BV518" s="161" t="str">
        <f t="shared" si="323"/>
        <v/>
      </c>
      <c r="BW518" s="161" t="str">
        <f t="shared" si="324"/>
        <v/>
      </c>
      <c r="BX518" s="161" t="str">
        <f t="shared" si="325"/>
        <v/>
      </c>
      <c r="BY518" s="161" t="str">
        <f t="shared" si="326"/>
        <v/>
      </c>
      <c r="BZ518" s="161" t="str">
        <f t="shared" si="327"/>
        <v/>
      </c>
      <c r="CA518" s="161" t="str">
        <f t="shared" si="328"/>
        <v/>
      </c>
      <c r="CB518" s="161" t="str">
        <f t="shared" si="329"/>
        <v/>
      </c>
      <c r="CC518" s="161" t="str">
        <f t="shared" si="330"/>
        <v/>
      </c>
      <c r="CD518" s="156"/>
      <c r="CE518" s="156"/>
      <c r="CF518" s="156"/>
    </row>
    <row r="519" spans="1:84" s="168" customFormat="1" ht="56.1" hidden="1" customHeight="1" x14ac:dyDescent="0.2">
      <c r="A519" s="154">
        <v>519</v>
      </c>
      <c r="B519" s="155" t="s">
        <v>53</v>
      </c>
      <c r="C519" s="165" t="s">
        <v>515</v>
      </c>
      <c r="D519" s="156" t="s">
        <v>528</v>
      </c>
      <c r="E519" s="156" t="s">
        <v>529</v>
      </c>
      <c r="F519" s="156" t="s">
        <v>529</v>
      </c>
      <c r="G519" s="156" t="s">
        <v>58</v>
      </c>
      <c r="H519" s="156" t="s">
        <v>327</v>
      </c>
      <c r="I519" s="156" t="s">
        <v>8</v>
      </c>
      <c r="J519" s="156" t="s">
        <v>525</v>
      </c>
      <c r="K519" s="156" t="s">
        <v>377</v>
      </c>
      <c r="L519" s="156" t="s">
        <v>63</v>
      </c>
      <c r="M519" s="156" t="s">
        <v>63</v>
      </c>
      <c r="N519" s="157">
        <v>0</v>
      </c>
      <c r="O519" s="157">
        <v>0</v>
      </c>
      <c r="P519" s="156" t="s">
        <v>64</v>
      </c>
      <c r="Q519" s="156" t="s">
        <v>82</v>
      </c>
      <c r="R519" s="167"/>
      <c r="S519" s="167"/>
      <c r="T519" s="167"/>
      <c r="U519" s="167"/>
      <c r="V519" s="167"/>
      <c r="W519" s="161"/>
      <c r="X519" s="167"/>
      <c r="Y519" s="167"/>
      <c r="Z519" s="167"/>
      <c r="AA519" s="167"/>
      <c r="AB519" s="167"/>
      <c r="AC519" s="167"/>
      <c r="AD519" s="167"/>
      <c r="AE519" s="167"/>
      <c r="AF519" s="167"/>
      <c r="AG519" s="161" t="s">
        <v>66</v>
      </c>
      <c r="AH519" s="167"/>
      <c r="AI519" s="167"/>
      <c r="AJ519" s="167"/>
      <c r="AK519" s="167"/>
      <c r="AL519" s="167"/>
      <c r="AM519" s="167"/>
      <c r="AN519" s="167"/>
      <c r="AO519" s="167"/>
      <c r="AP519" s="167"/>
      <c r="AQ519" s="167"/>
      <c r="AR519" s="167"/>
      <c r="AS519" s="167"/>
      <c r="AT519" s="167"/>
      <c r="AU519" s="167"/>
      <c r="AV519" s="167"/>
      <c r="AW519" s="160">
        <f t="shared" si="298"/>
        <v>80</v>
      </c>
      <c r="AX519" s="158"/>
      <c r="AY519" s="161" t="str">
        <f t="shared" si="300"/>
        <v/>
      </c>
      <c r="AZ519" s="161" t="str">
        <f t="shared" si="301"/>
        <v/>
      </c>
      <c r="BA519" s="161" t="str">
        <f t="shared" si="302"/>
        <v/>
      </c>
      <c r="BB519" s="161" t="str">
        <f t="shared" si="303"/>
        <v/>
      </c>
      <c r="BC519" s="161" t="str">
        <f t="shared" si="304"/>
        <v/>
      </c>
      <c r="BD519" s="161" t="str">
        <f t="shared" si="305"/>
        <v/>
      </c>
      <c r="BE519" s="161" t="str">
        <f t="shared" si="306"/>
        <v/>
      </c>
      <c r="BF519" s="161" t="str">
        <f t="shared" si="307"/>
        <v/>
      </c>
      <c r="BG519" s="161" t="str">
        <f t="shared" si="308"/>
        <v/>
      </c>
      <c r="BH519" s="161" t="str">
        <f t="shared" si="309"/>
        <v/>
      </c>
      <c r="BI519" s="161" t="str">
        <f t="shared" si="310"/>
        <v/>
      </c>
      <c r="BJ519" s="161" t="str">
        <f t="shared" si="311"/>
        <v/>
      </c>
      <c r="BK519" s="161" t="str">
        <f t="shared" si="312"/>
        <v/>
      </c>
      <c r="BL519" s="161" t="str">
        <f t="shared" si="313"/>
        <v/>
      </c>
      <c r="BM519" s="161" t="str">
        <f t="shared" si="314"/>
        <v/>
      </c>
      <c r="BN519" s="161">
        <f t="shared" si="315"/>
        <v>0</v>
      </c>
      <c r="BO519" s="161" t="str">
        <f t="shared" si="316"/>
        <v/>
      </c>
      <c r="BP519" s="161" t="str">
        <f t="shared" si="317"/>
        <v/>
      </c>
      <c r="BQ519" s="161" t="str">
        <f t="shared" si="318"/>
        <v/>
      </c>
      <c r="BR519" s="161" t="str">
        <f t="shared" si="319"/>
        <v/>
      </c>
      <c r="BS519" s="161" t="str">
        <f t="shared" si="320"/>
        <v/>
      </c>
      <c r="BT519" s="161" t="str">
        <f t="shared" si="321"/>
        <v/>
      </c>
      <c r="BU519" s="161" t="str">
        <f t="shared" si="322"/>
        <v/>
      </c>
      <c r="BV519" s="161" t="str">
        <f t="shared" si="323"/>
        <v/>
      </c>
      <c r="BW519" s="161" t="str">
        <f t="shared" si="324"/>
        <v/>
      </c>
      <c r="BX519" s="161" t="str">
        <f t="shared" si="325"/>
        <v/>
      </c>
      <c r="BY519" s="161" t="str">
        <f t="shared" si="326"/>
        <v/>
      </c>
      <c r="BZ519" s="161" t="str">
        <f t="shared" si="327"/>
        <v/>
      </c>
      <c r="CA519" s="161" t="str">
        <f t="shared" si="328"/>
        <v/>
      </c>
      <c r="CB519" s="161" t="str">
        <f t="shared" si="329"/>
        <v/>
      </c>
      <c r="CC519" s="161" t="str">
        <f t="shared" si="330"/>
        <v/>
      </c>
      <c r="CD519" s="156"/>
      <c r="CE519" s="156"/>
      <c r="CF519" s="156"/>
    </row>
    <row r="520" spans="1:84" s="168" customFormat="1" ht="56.1" hidden="1" customHeight="1" x14ac:dyDescent="0.2">
      <c r="A520" s="154">
        <v>520</v>
      </c>
      <c r="B520" s="155" t="s">
        <v>53</v>
      </c>
      <c r="C520" s="165" t="s">
        <v>515</v>
      </c>
      <c r="D520" s="156" t="s">
        <v>530</v>
      </c>
      <c r="E520" s="156" t="s">
        <v>532</v>
      </c>
      <c r="F520" s="156" t="s">
        <v>532</v>
      </c>
      <c r="G520" s="156" t="s">
        <v>58</v>
      </c>
      <c r="H520" s="156" t="s">
        <v>327</v>
      </c>
      <c r="I520" s="156" t="s">
        <v>8</v>
      </c>
      <c r="J520" s="156" t="s">
        <v>525</v>
      </c>
      <c r="K520" s="156" t="s">
        <v>377</v>
      </c>
      <c r="L520" s="156" t="s">
        <v>63</v>
      </c>
      <c r="M520" s="156" t="s">
        <v>63</v>
      </c>
      <c r="N520" s="157">
        <v>0</v>
      </c>
      <c r="O520" s="157">
        <v>0</v>
      </c>
      <c r="P520" s="156" t="s">
        <v>64</v>
      </c>
      <c r="Q520" s="156" t="s">
        <v>82</v>
      </c>
      <c r="R520" s="167"/>
      <c r="S520" s="167"/>
      <c r="T520" s="167"/>
      <c r="U520" s="167"/>
      <c r="V520" s="167"/>
      <c r="W520" s="161"/>
      <c r="X520" s="167"/>
      <c r="Y520" s="167"/>
      <c r="Z520" s="167"/>
      <c r="AA520" s="167"/>
      <c r="AB520" s="167"/>
      <c r="AC520" s="167"/>
      <c r="AD520" s="167"/>
      <c r="AE520" s="167"/>
      <c r="AF520" s="167"/>
      <c r="AG520" s="161" t="s">
        <v>66</v>
      </c>
      <c r="AH520" s="167"/>
      <c r="AI520" s="167"/>
      <c r="AJ520" s="167"/>
      <c r="AK520" s="167"/>
      <c r="AL520" s="167"/>
      <c r="AM520" s="167"/>
      <c r="AN520" s="167"/>
      <c r="AO520" s="167"/>
      <c r="AP520" s="167"/>
      <c r="AQ520" s="167"/>
      <c r="AR520" s="167"/>
      <c r="AS520" s="167"/>
      <c r="AT520" s="167"/>
      <c r="AU520" s="167"/>
      <c r="AV520" s="167"/>
      <c r="AW520" s="160">
        <f t="shared" si="298"/>
        <v>80</v>
      </c>
      <c r="AX520" s="158"/>
      <c r="AY520" s="161" t="str">
        <f t="shared" si="300"/>
        <v/>
      </c>
      <c r="AZ520" s="161" t="str">
        <f t="shared" si="301"/>
        <v/>
      </c>
      <c r="BA520" s="161" t="str">
        <f t="shared" si="302"/>
        <v/>
      </c>
      <c r="BB520" s="161" t="str">
        <f t="shared" si="303"/>
        <v/>
      </c>
      <c r="BC520" s="161" t="str">
        <f t="shared" si="304"/>
        <v/>
      </c>
      <c r="BD520" s="161" t="str">
        <f t="shared" si="305"/>
        <v/>
      </c>
      <c r="BE520" s="161" t="str">
        <f t="shared" si="306"/>
        <v/>
      </c>
      <c r="BF520" s="161" t="str">
        <f t="shared" si="307"/>
        <v/>
      </c>
      <c r="BG520" s="161" t="str">
        <f t="shared" si="308"/>
        <v/>
      </c>
      <c r="BH520" s="161" t="str">
        <f t="shared" si="309"/>
        <v/>
      </c>
      <c r="BI520" s="161" t="str">
        <f t="shared" si="310"/>
        <v/>
      </c>
      <c r="BJ520" s="161" t="str">
        <f t="shared" si="311"/>
        <v/>
      </c>
      <c r="BK520" s="161" t="str">
        <f t="shared" si="312"/>
        <v/>
      </c>
      <c r="BL520" s="161" t="str">
        <f t="shared" si="313"/>
        <v/>
      </c>
      <c r="BM520" s="161" t="str">
        <f t="shared" si="314"/>
        <v/>
      </c>
      <c r="BN520" s="161">
        <f t="shared" si="315"/>
        <v>0</v>
      </c>
      <c r="BO520" s="161" t="str">
        <f t="shared" si="316"/>
        <v/>
      </c>
      <c r="BP520" s="161" t="str">
        <f t="shared" si="317"/>
        <v/>
      </c>
      <c r="BQ520" s="161" t="str">
        <f t="shared" si="318"/>
        <v/>
      </c>
      <c r="BR520" s="161" t="str">
        <f t="shared" si="319"/>
        <v/>
      </c>
      <c r="BS520" s="161" t="str">
        <f t="shared" si="320"/>
        <v/>
      </c>
      <c r="BT520" s="161" t="str">
        <f t="shared" si="321"/>
        <v/>
      </c>
      <c r="BU520" s="161" t="str">
        <f t="shared" si="322"/>
        <v/>
      </c>
      <c r="BV520" s="161" t="str">
        <f t="shared" si="323"/>
        <v/>
      </c>
      <c r="BW520" s="161" t="str">
        <f t="shared" si="324"/>
        <v/>
      </c>
      <c r="BX520" s="161" t="str">
        <f t="shared" si="325"/>
        <v/>
      </c>
      <c r="BY520" s="161" t="str">
        <f t="shared" si="326"/>
        <v/>
      </c>
      <c r="BZ520" s="161" t="str">
        <f t="shared" si="327"/>
        <v/>
      </c>
      <c r="CA520" s="161" t="str">
        <f t="shared" si="328"/>
        <v/>
      </c>
      <c r="CB520" s="161" t="str">
        <f t="shared" si="329"/>
        <v/>
      </c>
      <c r="CC520" s="161" t="str">
        <f t="shared" si="330"/>
        <v/>
      </c>
      <c r="CD520" s="156"/>
      <c r="CE520" s="156"/>
      <c r="CF520" s="156"/>
    </row>
    <row r="521" spans="1:84" s="168" customFormat="1" ht="56.1" hidden="1" customHeight="1" x14ac:dyDescent="0.2">
      <c r="A521" s="154">
        <v>521</v>
      </c>
      <c r="B521" s="155" t="s">
        <v>53</v>
      </c>
      <c r="C521" s="165" t="s">
        <v>515</v>
      </c>
      <c r="D521" s="156" t="s">
        <v>533</v>
      </c>
      <c r="E521" s="156" t="s">
        <v>534</v>
      </c>
      <c r="F521" s="156" t="s">
        <v>534</v>
      </c>
      <c r="G521" s="156" t="s">
        <v>58</v>
      </c>
      <c r="H521" s="156" t="s">
        <v>327</v>
      </c>
      <c r="I521" s="156" t="s">
        <v>81</v>
      </c>
      <c r="J521" s="156" t="s">
        <v>334</v>
      </c>
      <c r="K521" s="156" t="s">
        <v>377</v>
      </c>
      <c r="L521" s="156" t="s">
        <v>63</v>
      </c>
      <c r="M521" s="156" t="s">
        <v>63</v>
      </c>
      <c r="N521" s="157">
        <v>14234.4</v>
      </c>
      <c r="O521" s="157">
        <v>14234.4</v>
      </c>
      <c r="P521" s="156" t="s">
        <v>64</v>
      </c>
      <c r="Q521" s="156" t="s">
        <v>82</v>
      </c>
      <c r="R521" s="167"/>
      <c r="S521" s="167"/>
      <c r="T521" s="167"/>
      <c r="U521" s="167"/>
      <c r="V521" s="167"/>
      <c r="W521" s="161"/>
      <c r="X521" s="167"/>
      <c r="Y521" s="167"/>
      <c r="Z521" s="167"/>
      <c r="AA521" s="167"/>
      <c r="AB521" s="167"/>
      <c r="AC521" s="167"/>
      <c r="AD521" s="167"/>
      <c r="AE521" s="167"/>
      <c r="AF521" s="167"/>
      <c r="AG521" s="161" t="s">
        <v>66</v>
      </c>
      <c r="AH521" s="167"/>
      <c r="AI521" s="167"/>
      <c r="AJ521" s="167"/>
      <c r="AK521" s="167"/>
      <c r="AL521" s="167"/>
      <c r="AM521" s="167"/>
      <c r="AN521" s="167"/>
      <c r="AO521" s="167"/>
      <c r="AP521" s="167"/>
      <c r="AQ521" s="167"/>
      <c r="AR521" s="167"/>
      <c r="AS521" s="167"/>
      <c r="AT521" s="167"/>
      <c r="AU521" s="167"/>
      <c r="AV521" s="167"/>
      <c r="AW521" s="160">
        <f t="shared" si="298"/>
        <v>80</v>
      </c>
      <c r="AX521" s="158">
        <f t="shared" ref="AX521:AX527" si="331">O521/AW521</f>
        <v>177.93</v>
      </c>
      <c r="AY521" s="161" t="str">
        <f t="shared" si="300"/>
        <v/>
      </c>
      <c r="AZ521" s="161" t="str">
        <f t="shared" si="301"/>
        <v/>
      </c>
      <c r="BA521" s="161" t="str">
        <f t="shared" si="302"/>
        <v/>
      </c>
      <c r="BB521" s="161" t="str">
        <f t="shared" si="303"/>
        <v/>
      </c>
      <c r="BC521" s="161" t="str">
        <f t="shared" si="304"/>
        <v/>
      </c>
      <c r="BD521" s="161" t="str">
        <f t="shared" si="305"/>
        <v/>
      </c>
      <c r="BE521" s="161" t="str">
        <f t="shared" si="306"/>
        <v/>
      </c>
      <c r="BF521" s="161" t="str">
        <f t="shared" si="307"/>
        <v/>
      </c>
      <c r="BG521" s="161" t="str">
        <f t="shared" si="308"/>
        <v/>
      </c>
      <c r="BH521" s="161" t="str">
        <f t="shared" si="309"/>
        <v/>
      </c>
      <c r="BI521" s="161" t="str">
        <f t="shared" si="310"/>
        <v/>
      </c>
      <c r="BJ521" s="161" t="str">
        <f t="shared" si="311"/>
        <v/>
      </c>
      <c r="BK521" s="161" t="str">
        <f t="shared" si="312"/>
        <v/>
      </c>
      <c r="BL521" s="161" t="str">
        <f t="shared" si="313"/>
        <v/>
      </c>
      <c r="BM521" s="161" t="str">
        <f t="shared" si="314"/>
        <v/>
      </c>
      <c r="BN521" s="161">
        <f t="shared" si="315"/>
        <v>14234.400000000001</v>
      </c>
      <c r="BO521" s="161" t="str">
        <f t="shared" si="316"/>
        <v/>
      </c>
      <c r="BP521" s="161" t="str">
        <f t="shared" si="317"/>
        <v/>
      </c>
      <c r="BQ521" s="161" t="str">
        <f t="shared" si="318"/>
        <v/>
      </c>
      <c r="BR521" s="161" t="str">
        <f t="shared" si="319"/>
        <v/>
      </c>
      <c r="BS521" s="161" t="str">
        <f t="shared" si="320"/>
        <v/>
      </c>
      <c r="BT521" s="161" t="str">
        <f t="shared" si="321"/>
        <v/>
      </c>
      <c r="BU521" s="161" t="str">
        <f t="shared" si="322"/>
        <v/>
      </c>
      <c r="BV521" s="161" t="str">
        <f t="shared" si="323"/>
        <v/>
      </c>
      <c r="BW521" s="161" t="str">
        <f t="shared" si="324"/>
        <v/>
      </c>
      <c r="BX521" s="161" t="str">
        <f t="shared" si="325"/>
        <v/>
      </c>
      <c r="BY521" s="161" t="str">
        <f t="shared" si="326"/>
        <v/>
      </c>
      <c r="BZ521" s="161" t="str">
        <f t="shared" si="327"/>
        <v/>
      </c>
      <c r="CA521" s="161" t="str">
        <f t="shared" si="328"/>
        <v/>
      </c>
      <c r="CB521" s="161" t="str">
        <f t="shared" si="329"/>
        <v/>
      </c>
      <c r="CC521" s="161" t="str">
        <f t="shared" si="330"/>
        <v/>
      </c>
      <c r="CD521" s="156"/>
      <c r="CE521" s="156"/>
      <c r="CF521" s="156"/>
    </row>
    <row r="522" spans="1:84" s="168" customFormat="1" ht="56.1" hidden="1" customHeight="1" x14ac:dyDescent="0.2">
      <c r="A522" s="154">
        <v>522</v>
      </c>
      <c r="B522" s="155" t="s">
        <v>53</v>
      </c>
      <c r="C522" s="165" t="s">
        <v>515</v>
      </c>
      <c r="D522" s="156" t="s">
        <v>548</v>
      </c>
      <c r="E522" s="156" t="s">
        <v>536</v>
      </c>
      <c r="F522" s="156" t="s">
        <v>536</v>
      </c>
      <c r="G522" s="156" t="s">
        <v>58</v>
      </c>
      <c r="H522" s="156" t="s">
        <v>328</v>
      </c>
      <c r="I522" s="169" t="s">
        <v>60</v>
      </c>
      <c r="J522" s="156" t="s">
        <v>334</v>
      </c>
      <c r="K522" s="156" t="s">
        <v>395</v>
      </c>
      <c r="L522" s="156" t="s">
        <v>63</v>
      </c>
      <c r="M522" s="156" t="s">
        <v>63</v>
      </c>
      <c r="N522" s="157">
        <v>60733.439999999995</v>
      </c>
      <c r="O522" s="157">
        <v>60733.439999999995</v>
      </c>
      <c r="P522" s="156" t="s">
        <v>64</v>
      </c>
      <c r="Q522" s="156" t="s">
        <v>82</v>
      </c>
      <c r="R522" s="167"/>
      <c r="S522" s="167"/>
      <c r="T522" s="167"/>
      <c r="U522" s="167"/>
      <c r="V522" s="167"/>
      <c r="W522" s="161"/>
      <c r="X522" s="167"/>
      <c r="Y522" s="167"/>
      <c r="Z522" s="167"/>
      <c r="AA522" s="167"/>
      <c r="AB522" s="167"/>
      <c r="AC522" s="161" t="s">
        <v>66</v>
      </c>
      <c r="AD522" s="167"/>
      <c r="AE522" s="167"/>
      <c r="AF522" s="167"/>
      <c r="AG522" s="167"/>
      <c r="AH522" s="167"/>
      <c r="AI522" s="167"/>
      <c r="AJ522" s="167"/>
      <c r="AK522" s="167"/>
      <c r="AL522" s="167"/>
      <c r="AM522" s="167"/>
      <c r="AN522" s="167"/>
      <c r="AO522" s="167"/>
      <c r="AP522" s="167"/>
      <c r="AQ522" s="167"/>
      <c r="AR522" s="167"/>
      <c r="AS522" s="167"/>
      <c r="AT522" s="167"/>
      <c r="AU522" s="167"/>
      <c r="AV522" s="167"/>
      <c r="AW522" s="160">
        <f t="shared" si="298"/>
        <v>200</v>
      </c>
      <c r="AX522" s="158">
        <f t="shared" si="331"/>
        <v>303.66719999999998</v>
      </c>
      <c r="AY522" s="161" t="str">
        <f t="shared" si="300"/>
        <v/>
      </c>
      <c r="AZ522" s="161" t="str">
        <f t="shared" si="301"/>
        <v/>
      </c>
      <c r="BA522" s="161" t="str">
        <f t="shared" si="302"/>
        <v/>
      </c>
      <c r="BB522" s="161" t="str">
        <f t="shared" si="303"/>
        <v/>
      </c>
      <c r="BC522" s="161" t="str">
        <f t="shared" si="304"/>
        <v/>
      </c>
      <c r="BD522" s="161" t="str">
        <f t="shared" si="305"/>
        <v/>
      </c>
      <c r="BE522" s="161" t="str">
        <f t="shared" si="306"/>
        <v/>
      </c>
      <c r="BF522" s="161" t="str">
        <f t="shared" si="307"/>
        <v/>
      </c>
      <c r="BG522" s="161" t="str">
        <f t="shared" si="308"/>
        <v/>
      </c>
      <c r="BH522" s="161" t="str">
        <f t="shared" si="309"/>
        <v/>
      </c>
      <c r="BI522" s="161" t="str">
        <f t="shared" si="310"/>
        <v/>
      </c>
      <c r="BJ522" s="161">
        <f t="shared" si="311"/>
        <v>60733.439999999995</v>
      </c>
      <c r="BK522" s="161" t="str">
        <f t="shared" si="312"/>
        <v/>
      </c>
      <c r="BL522" s="161" t="str">
        <f t="shared" si="313"/>
        <v/>
      </c>
      <c r="BM522" s="161" t="str">
        <f t="shared" si="314"/>
        <v/>
      </c>
      <c r="BN522" s="161" t="str">
        <f t="shared" si="315"/>
        <v/>
      </c>
      <c r="BO522" s="161" t="str">
        <f t="shared" si="316"/>
        <v/>
      </c>
      <c r="BP522" s="161" t="str">
        <f t="shared" si="317"/>
        <v/>
      </c>
      <c r="BQ522" s="161" t="str">
        <f t="shared" si="318"/>
        <v/>
      </c>
      <c r="BR522" s="161" t="str">
        <f t="shared" si="319"/>
        <v/>
      </c>
      <c r="BS522" s="161" t="str">
        <f t="shared" si="320"/>
        <v/>
      </c>
      <c r="BT522" s="161" t="str">
        <f t="shared" si="321"/>
        <v/>
      </c>
      <c r="BU522" s="161" t="str">
        <f t="shared" si="322"/>
        <v/>
      </c>
      <c r="BV522" s="161" t="str">
        <f t="shared" si="323"/>
        <v/>
      </c>
      <c r="BW522" s="161" t="str">
        <f t="shared" si="324"/>
        <v/>
      </c>
      <c r="BX522" s="161" t="str">
        <f t="shared" si="325"/>
        <v/>
      </c>
      <c r="BY522" s="161" t="str">
        <f t="shared" si="326"/>
        <v/>
      </c>
      <c r="BZ522" s="161" t="str">
        <f t="shared" si="327"/>
        <v/>
      </c>
      <c r="CA522" s="161" t="str">
        <f t="shared" si="328"/>
        <v/>
      </c>
      <c r="CB522" s="161" t="str">
        <f t="shared" si="329"/>
        <v/>
      </c>
      <c r="CC522" s="161" t="str">
        <f t="shared" si="330"/>
        <v/>
      </c>
      <c r="CD522" s="156"/>
      <c r="CE522" s="156"/>
      <c r="CF522" s="156"/>
    </row>
    <row r="523" spans="1:84" s="168" customFormat="1" ht="56.1" hidden="1" customHeight="1" x14ac:dyDescent="0.2">
      <c r="A523" s="154">
        <v>523</v>
      </c>
      <c r="B523" s="155" t="s">
        <v>53</v>
      </c>
      <c r="C523" s="165" t="s">
        <v>515</v>
      </c>
      <c r="D523" s="156" t="s">
        <v>518</v>
      </c>
      <c r="E523" s="156" t="s">
        <v>520</v>
      </c>
      <c r="F523" s="156" t="s">
        <v>520</v>
      </c>
      <c r="G523" s="156" t="s">
        <v>58</v>
      </c>
      <c r="H523" s="156" t="s">
        <v>328</v>
      </c>
      <c r="I523" s="169" t="s">
        <v>8</v>
      </c>
      <c r="J523" s="156" t="s">
        <v>334</v>
      </c>
      <c r="K523" s="156" t="s">
        <v>395</v>
      </c>
      <c r="L523" s="156" t="s">
        <v>63</v>
      </c>
      <c r="M523" s="156" t="s">
        <v>63</v>
      </c>
      <c r="N523" s="157">
        <v>159425.28</v>
      </c>
      <c r="O523" s="157">
        <v>159425.28</v>
      </c>
      <c r="P523" s="156" t="s">
        <v>64</v>
      </c>
      <c r="Q523" s="156" t="s">
        <v>82</v>
      </c>
      <c r="R523" s="167"/>
      <c r="S523" s="167"/>
      <c r="T523" s="167"/>
      <c r="U523" s="167"/>
      <c r="V523" s="167"/>
      <c r="W523" s="161"/>
      <c r="X523" s="167"/>
      <c r="Y523" s="167"/>
      <c r="Z523" s="167"/>
      <c r="AA523" s="167"/>
      <c r="AB523" s="167"/>
      <c r="AC523" s="161" t="s">
        <v>66</v>
      </c>
      <c r="AD523" s="167"/>
      <c r="AE523" s="167"/>
      <c r="AF523" s="167"/>
      <c r="AG523" s="167"/>
      <c r="AH523" s="167"/>
      <c r="AI523" s="167"/>
      <c r="AJ523" s="167"/>
      <c r="AK523" s="167"/>
      <c r="AL523" s="167"/>
      <c r="AM523" s="167"/>
      <c r="AN523" s="167"/>
      <c r="AO523" s="167"/>
      <c r="AP523" s="167"/>
      <c r="AQ523" s="167"/>
      <c r="AR523" s="167"/>
      <c r="AS523" s="167"/>
      <c r="AT523" s="167"/>
      <c r="AU523" s="167"/>
      <c r="AV523" s="167"/>
      <c r="AW523" s="160">
        <f t="shared" si="298"/>
        <v>200</v>
      </c>
      <c r="AX523" s="158">
        <f t="shared" si="331"/>
        <v>797.12639999999999</v>
      </c>
      <c r="AY523" s="161" t="str">
        <f t="shared" si="300"/>
        <v/>
      </c>
      <c r="AZ523" s="161" t="str">
        <f t="shared" si="301"/>
        <v/>
      </c>
      <c r="BA523" s="161" t="str">
        <f t="shared" si="302"/>
        <v/>
      </c>
      <c r="BB523" s="161" t="str">
        <f t="shared" si="303"/>
        <v/>
      </c>
      <c r="BC523" s="161" t="str">
        <f t="shared" si="304"/>
        <v/>
      </c>
      <c r="BD523" s="161" t="str">
        <f t="shared" si="305"/>
        <v/>
      </c>
      <c r="BE523" s="161" t="str">
        <f t="shared" si="306"/>
        <v/>
      </c>
      <c r="BF523" s="161" t="str">
        <f t="shared" si="307"/>
        <v/>
      </c>
      <c r="BG523" s="161" t="str">
        <f t="shared" si="308"/>
        <v/>
      </c>
      <c r="BH523" s="161" t="str">
        <f t="shared" si="309"/>
        <v/>
      </c>
      <c r="BI523" s="161" t="str">
        <f t="shared" si="310"/>
        <v/>
      </c>
      <c r="BJ523" s="161">
        <f t="shared" si="311"/>
        <v>159425.28</v>
      </c>
      <c r="BK523" s="161" t="str">
        <f t="shared" si="312"/>
        <v/>
      </c>
      <c r="BL523" s="161" t="str">
        <f t="shared" si="313"/>
        <v/>
      </c>
      <c r="BM523" s="161" t="str">
        <f t="shared" si="314"/>
        <v/>
      </c>
      <c r="BN523" s="161" t="str">
        <f t="shared" si="315"/>
        <v/>
      </c>
      <c r="BO523" s="161" t="str">
        <f t="shared" si="316"/>
        <v/>
      </c>
      <c r="BP523" s="161" t="str">
        <f t="shared" si="317"/>
        <v/>
      </c>
      <c r="BQ523" s="161" t="str">
        <f t="shared" si="318"/>
        <v/>
      </c>
      <c r="BR523" s="161" t="str">
        <f t="shared" si="319"/>
        <v/>
      </c>
      <c r="BS523" s="161" t="str">
        <f t="shared" si="320"/>
        <v/>
      </c>
      <c r="BT523" s="161" t="str">
        <f t="shared" si="321"/>
        <v/>
      </c>
      <c r="BU523" s="161" t="str">
        <f t="shared" si="322"/>
        <v/>
      </c>
      <c r="BV523" s="161" t="str">
        <f t="shared" si="323"/>
        <v/>
      </c>
      <c r="BW523" s="161" t="str">
        <f t="shared" si="324"/>
        <v/>
      </c>
      <c r="BX523" s="161" t="str">
        <f t="shared" si="325"/>
        <v/>
      </c>
      <c r="BY523" s="161" t="str">
        <f t="shared" si="326"/>
        <v/>
      </c>
      <c r="BZ523" s="161" t="str">
        <f t="shared" si="327"/>
        <v/>
      </c>
      <c r="CA523" s="161" t="str">
        <f t="shared" si="328"/>
        <v/>
      </c>
      <c r="CB523" s="161" t="str">
        <f t="shared" si="329"/>
        <v/>
      </c>
      <c r="CC523" s="161" t="str">
        <f t="shared" si="330"/>
        <v/>
      </c>
      <c r="CD523" s="156"/>
      <c r="CE523" s="156"/>
      <c r="CF523" s="156"/>
    </row>
    <row r="524" spans="1:84" s="168" customFormat="1" ht="56.1" hidden="1" customHeight="1" x14ac:dyDescent="0.2">
      <c r="A524" s="154">
        <v>524</v>
      </c>
      <c r="B524" s="155" t="s">
        <v>53</v>
      </c>
      <c r="C524" s="165" t="s">
        <v>515</v>
      </c>
      <c r="D524" s="156" t="s">
        <v>521</v>
      </c>
      <c r="E524" s="156" t="s">
        <v>522</v>
      </c>
      <c r="F524" s="156" t="s">
        <v>522</v>
      </c>
      <c r="G524" s="156" t="s">
        <v>58</v>
      </c>
      <c r="H524" s="156" t="s">
        <v>328</v>
      </c>
      <c r="I524" s="169" t="s">
        <v>8</v>
      </c>
      <c r="J524" s="156" t="s">
        <v>334</v>
      </c>
      <c r="K524" s="156" t="s">
        <v>395</v>
      </c>
      <c r="L524" s="156" t="s">
        <v>63</v>
      </c>
      <c r="M524" s="156" t="s">
        <v>63</v>
      </c>
      <c r="N524" s="157">
        <v>222689.28</v>
      </c>
      <c r="O524" s="157">
        <v>222689.28</v>
      </c>
      <c r="P524" s="156" t="s">
        <v>64</v>
      </c>
      <c r="Q524" s="156" t="s">
        <v>82</v>
      </c>
      <c r="R524" s="167"/>
      <c r="S524" s="167"/>
      <c r="T524" s="167"/>
      <c r="U524" s="167"/>
      <c r="V524" s="167"/>
      <c r="W524" s="161"/>
      <c r="X524" s="167"/>
      <c r="Y524" s="167"/>
      <c r="Z524" s="167"/>
      <c r="AA524" s="167"/>
      <c r="AB524" s="167"/>
      <c r="AC524" s="161" t="s">
        <v>66</v>
      </c>
      <c r="AD524" s="167"/>
      <c r="AE524" s="167"/>
      <c r="AF524" s="167"/>
      <c r="AG524" s="167"/>
      <c r="AH524" s="167"/>
      <c r="AI524" s="167"/>
      <c r="AJ524" s="167"/>
      <c r="AK524" s="167"/>
      <c r="AL524" s="167"/>
      <c r="AM524" s="167"/>
      <c r="AN524" s="167"/>
      <c r="AO524" s="167"/>
      <c r="AP524" s="167"/>
      <c r="AQ524" s="167"/>
      <c r="AR524" s="167"/>
      <c r="AS524" s="167"/>
      <c r="AT524" s="167"/>
      <c r="AU524" s="167"/>
      <c r="AV524" s="167"/>
      <c r="AW524" s="160">
        <f t="shared" si="298"/>
        <v>200</v>
      </c>
      <c r="AX524" s="158">
        <f t="shared" si="331"/>
        <v>1113.4464</v>
      </c>
      <c r="AY524" s="161" t="str">
        <f t="shared" si="300"/>
        <v/>
      </c>
      <c r="AZ524" s="161" t="str">
        <f t="shared" si="301"/>
        <v/>
      </c>
      <c r="BA524" s="161" t="str">
        <f t="shared" si="302"/>
        <v/>
      </c>
      <c r="BB524" s="161" t="str">
        <f t="shared" si="303"/>
        <v/>
      </c>
      <c r="BC524" s="161" t="str">
        <f t="shared" si="304"/>
        <v/>
      </c>
      <c r="BD524" s="161" t="str">
        <f t="shared" si="305"/>
        <v/>
      </c>
      <c r="BE524" s="161" t="str">
        <f t="shared" si="306"/>
        <v/>
      </c>
      <c r="BF524" s="161" t="str">
        <f t="shared" si="307"/>
        <v/>
      </c>
      <c r="BG524" s="161" t="str">
        <f t="shared" si="308"/>
        <v/>
      </c>
      <c r="BH524" s="161" t="str">
        <f t="shared" si="309"/>
        <v/>
      </c>
      <c r="BI524" s="161" t="str">
        <f t="shared" si="310"/>
        <v/>
      </c>
      <c r="BJ524" s="161">
        <f t="shared" si="311"/>
        <v>222689.28</v>
      </c>
      <c r="BK524" s="161" t="str">
        <f t="shared" si="312"/>
        <v/>
      </c>
      <c r="BL524" s="161" t="str">
        <f t="shared" si="313"/>
        <v/>
      </c>
      <c r="BM524" s="161" t="str">
        <f t="shared" si="314"/>
        <v/>
      </c>
      <c r="BN524" s="161" t="str">
        <f t="shared" si="315"/>
        <v/>
      </c>
      <c r="BO524" s="161" t="str">
        <f t="shared" si="316"/>
        <v/>
      </c>
      <c r="BP524" s="161" t="str">
        <f t="shared" si="317"/>
        <v/>
      </c>
      <c r="BQ524" s="161" t="str">
        <f t="shared" si="318"/>
        <v/>
      </c>
      <c r="BR524" s="161" t="str">
        <f t="shared" si="319"/>
        <v/>
      </c>
      <c r="BS524" s="161" t="str">
        <f t="shared" si="320"/>
        <v/>
      </c>
      <c r="BT524" s="161" t="str">
        <f t="shared" si="321"/>
        <v/>
      </c>
      <c r="BU524" s="161" t="str">
        <f t="shared" si="322"/>
        <v/>
      </c>
      <c r="BV524" s="161" t="str">
        <f t="shared" si="323"/>
        <v/>
      </c>
      <c r="BW524" s="161" t="str">
        <f t="shared" si="324"/>
        <v/>
      </c>
      <c r="BX524" s="161" t="str">
        <f t="shared" si="325"/>
        <v/>
      </c>
      <c r="BY524" s="161" t="str">
        <f t="shared" si="326"/>
        <v/>
      </c>
      <c r="BZ524" s="161" t="str">
        <f t="shared" si="327"/>
        <v/>
      </c>
      <c r="CA524" s="161" t="str">
        <f t="shared" si="328"/>
        <v/>
      </c>
      <c r="CB524" s="161" t="str">
        <f t="shared" si="329"/>
        <v/>
      </c>
      <c r="CC524" s="161" t="str">
        <f t="shared" si="330"/>
        <v/>
      </c>
      <c r="CD524" s="156"/>
      <c r="CE524" s="156"/>
      <c r="CF524" s="156"/>
    </row>
    <row r="525" spans="1:84" s="168" customFormat="1" ht="56.1" hidden="1" customHeight="1" x14ac:dyDescent="0.2">
      <c r="A525" s="154">
        <v>525</v>
      </c>
      <c r="B525" s="155" t="s">
        <v>53</v>
      </c>
      <c r="C525" s="165" t="s">
        <v>515</v>
      </c>
      <c r="D525" s="156" t="s">
        <v>523</v>
      </c>
      <c r="E525" s="156" t="s">
        <v>537</v>
      </c>
      <c r="F525" s="156" t="s">
        <v>537</v>
      </c>
      <c r="G525" s="156" t="s">
        <v>58</v>
      </c>
      <c r="H525" s="156" t="s">
        <v>328</v>
      </c>
      <c r="I525" s="156" t="s">
        <v>388</v>
      </c>
      <c r="J525" s="156" t="s">
        <v>525</v>
      </c>
      <c r="K525" s="156" t="s">
        <v>395</v>
      </c>
      <c r="L525" s="156" t="s">
        <v>63</v>
      </c>
      <c r="M525" s="156" t="s">
        <v>63</v>
      </c>
      <c r="N525" s="157">
        <v>43494</v>
      </c>
      <c r="O525" s="157">
        <v>43494</v>
      </c>
      <c r="P525" s="156" t="s">
        <v>64</v>
      </c>
      <c r="Q525" s="156" t="s">
        <v>82</v>
      </c>
      <c r="R525" s="167"/>
      <c r="S525" s="167"/>
      <c r="T525" s="167"/>
      <c r="U525" s="167"/>
      <c r="V525" s="167"/>
      <c r="W525" s="161"/>
      <c r="X525" s="167"/>
      <c r="Y525" s="167"/>
      <c r="Z525" s="167"/>
      <c r="AA525" s="167"/>
      <c r="AB525" s="167"/>
      <c r="AC525" s="161" t="s">
        <v>66</v>
      </c>
      <c r="AD525" s="167"/>
      <c r="AE525" s="167"/>
      <c r="AF525" s="167"/>
      <c r="AG525" s="167"/>
      <c r="AH525" s="167"/>
      <c r="AI525" s="167"/>
      <c r="AJ525" s="167"/>
      <c r="AK525" s="167"/>
      <c r="AL525" s="167"/>
      <c r="AM525" s="167"/>
      <c r="AN525" s="167"/>
      <c r="AO525" s="167"/>
      <c r="AP525" s="167"/>
      <c r="AQ525" s="167"/>
      <c r="AR525" s="167"/>
      <c r="AS525" s="167"/>
      <c r="AT525" s="167"/>
      <c r="AU525" s="167"/>
      <c r="AV525" s="167"/>
      <c r="AW525" s="160">
        <f t="shared" si="298"/>
        <v>200</v>
      </c>
      <c r="AX525" s="158">
        <f t="shared" si="331"/>
        <v>217.47</v>
      </c>
      <c r="AY525" s="161" t="str">
        <f t="shared" si="300"/>
        <v/>
      </c>
      <c r="AZ525" s="161" t="str">
        <f t="shared" si="301"/>
        <v/>
      </c>
      <c r="BA525" s="161" t="str">
        <f t="shared" si="302"/>
        <v/>
      </c>
      <c r="BB525" s="161" t="str">
        <f t="shared" si="303"/>
        <v/>
      </c>
      <c r="BC525" s="161" t="str">
        <f t="shared" si="304"/>
        <v/>
      </c>
      <c r="BD525" s="161" t="str">
        <f t="shared" si="305"/>
        <v/>
      </c>
      <c r="BE525" s="161" t="str">
        <f t="shared" si="306"/>
        <v/>
      </c>
      <c r="BF525" s="161" t="str">
        <f t="shared" si="307"/>
        <v/>
      </c>
      <c r="BG525" s="161" t="str">
        <f t="shared" si="308"/>
        <v/>
      </c>
      <c r="BH525" s="161" t="str">
        <f t="shared" si="309"/>
        <v/>
      </c>
      <c r="BI525" s="161" t="str">
        <f t="shared" si="310"/>
        <v/>
      </c>
      <c r="BJ525" s="161">
        <f t="shared" si="311"/>
        <v>43494</v>
      </c>
      <c r="BK525" s="161" t="str">
        <f t="shared" si="312"/>
        <v/>
      </c>
      <c r="BL525" s="161" t="str">
        <f t="shared" si="313"/>
        <v/>
      </c>
      <c r="BM525" s="161" t="str">
        <f t="shared" si="314"/>
        <v/>
      </c>
      <c r="BN525" s="161" t="str">
        <f t="shared" si="315"/>
        <v/>
      </c>
      <c r="BO525" s="161" t="str">
        <f t="shared" si="316"/>
        <v/>
      </c>
      <c r="BP525" s="161" t="str">
        <f t="shared" si="317"/>
        <v/>
      </c>
      <c r="BQ525" s="161" t="str">
        <f t="shared" si="318"/>
        <v/>
      </c>
      <c r="BR525" s="161" t="str">
        <f t="shared" si="319"/>
        <v/>
      </c>
      <c r="BS525" s="161" t="str">
        <f t="shared" si="320"/>
        <v/>
      </c>
      <c r="BT525" s="161" t="str">
        <f t="shared" si="321"/>
        <v/>
      </c>
      <c r="BU525" s="161" t="str">
        <f t="shared" si="322"/>
        <v/>
      </c>
      <c r="BV525" s="161" t="str">
        <f t="shared" si="323"/>
        <v/>
      </c>
      <c r="BW525" s="161" t="str">
        <f t="shared" si="324"/>
        <v/>
      </c>
      <c r="BX525" s="161" t="str">
        <f t="shared" si="325"/>
        <v/>
      </c>
      <c r="BY525" s="161" t="str">
        <f t="shared" si="326"/>
        <v/>
      </c>
      <c r="BZ525" s="161" t="str">
        <f t="shared" si="327"/>
        <v/>
      </c>
      <c r="CA525" s="161" t="str">
        <f t="shared" si="328"/>
        <v/>
      </c>
      <c r="CB525" s="161" t="str">
        <f t="shared" si="329"/>
        <v/>
      </c>
      <c r="CC525" s="161" t="str">
        <f t="shared" si="330"/>
        <v/>
      </c>
      <c r="CD525" s="156"/>
      <c r="CE525" s="156"/>
      <c r="CF525" s="156"/>
    </row>
    <row r="526" spans="1:84" s="168" customFormat="1" ht="56.1" hidden="1" customHeight="1" x14ac:dyDescent="0.2">
      <c r="A526" s="154">
        <v>526</v>
      </c>
      <c r="B526" s="155" t="s">
        <v>53</v>
      </c>
      <c r="C526" s="165" t="s">
        <v>515</v>
      </c>
      <c r="D526" s="156" t="s">
        <v>539</v>
      </c>
      <c r="E526" s="156" t="s">
        <v>538</v>
      </c>
      <c r="F526" s="156" t="s">
        <v>538</v>
      </c>
      <c r="G526" s="156" t="s">
        <v>58</v>
      </c>
      <c r="H526" s="156" t="s">
        <v>328</v>
      </c>
      <c r="I526" s="156" t="s">
        <v>388</v>
      </c>
      <c r="J526" s="156" t="s">
        <v>525</v>
      </c>
      <c r="K526" s="156" t="s">
        <v>395</v>
      </c>
      <c r="L526" s="156" t="s">
        <v>63</v>
      </c>
      <c r="M526" s="156" t="s">
        <v>63</v>
      </c>
      <c r="N526" s="157">
        <v>105440</v>
      </c>
      <c r="O526" s="157">
        <v>105440</v>
      </c>
      <c r="P526" s="156" t="s">
        <v>64</v>
      </c>
      <c r="Q526" s="156" t="s">
        <v>82</v>
      </c>
      <c r="R526" s="167"/>
      <c r="S526" s="167"/>
      <c r="T526" s="167"/>
      <c r="U526" s="167"/>
      <c r="V526" s="167"/>
      <c r="W526" s="161"/>
      <c r="X526" s="167"/>
      <c r="Y526" s="167"/>
      <c r="Z526" s="167"/>
      <c r="AA526" s="167"/>
      <c r="AB526" s="167"/>
      <c r="AC526" s="161" t="s">
        <v>66</v>
      </c>
      <c r="AD526" s="167"/>
      <c r="AE526" s="167"/>
      <c r="AF526" s="167"/>
      <c r="AG526" s="167"/>
      <c r="AH526" s="167"/>
      <c r="AI526" s="167"/>
      <c r="AJ526" s="167"/>
      <c r="AK526" s="167"/>
      <c r="AL526" s="167"/>
      <c r="AM526" s="167"/>
      <c r="AN526" s="167"/>
      <c r="AO526" s="167"/>
      <c r="AP526" s="167"/>
      <c r="AQ526" s="167"/>
      <c r="AR526" s="167"/>
      <c r="AS526" s="167"/>
      <c r="AT526" s="167"/>
      <c r="AU526" s="167"/>
      <c r="AV526" s="167"/>
      <c r="AW526" s="160">
        <f t="shared" si="298"/>
        <v>200</v>
      </c>
      <c r="AX526" s="158">
        <f t="shared" si="331"/>
        <v>527.20000000000005</v>
      </c>
      <c r="AY526" s="161" t="str">
        <f t="shared" si="300"/>
        <v/>
      </c>
      <c r="AZ526" s="161" t="str">
        <f t="shared" si="301"/>
        <v/>
      </c>
      <c r="BA526" s="161" t="str">
        <f t="shared" si="302"/>
        <v/>
      </c>
      <c r="BB526" s="161" t="str">
        <f t="shared" si="303"/>
        <v/>
      </c>
      <c r="BC526" s="161" t="str">
        <f t="shared" si="304"/>
        <v/>
      </c>
      <c r="BD526" s="161" t="str">
        <f t="shared" si="305"/>
        <v/>
      </c>
      <c r="BE526" s="161" t="str">
        <f t="shared" si="306"/>
        <v/>
      </c>
      <c r="BF526" s="161" t="str">
        <f t="shared" si="307"/>
        <v/>
      </c>
      <c r="BG526" s="161" t="str">
        <f t="shared" si="308"/>
        <v/>
      </c>
      <c r="BH526" s="161" t="str">
        <f t="shared" si="309"/>
        <v/>
      </c>
      <c r="BI526" s="161" t="str">
        <f t="shared" si="310"/>
        <v/>
      </c>
      <c r="BJ526" s="161">
        <f t="shared" si="311"/>
        <v>105440.00000000001</v>
      </c>
      <c r="BK526" s="161" t="str">
        <f t="shared" si="312"/>
        <v/>
      </c>
      <c r="BL526" s="161" t="str">
        <f t="shared" si="313"/>
        <v/>
      </c>
      <c r="BM526" s="161" t="str">
        <f t="shared" si="314"/>
        <v/>
      </c>
      <c r="BN526" s="161" t="str">
        <f t="shared" si="315"/>
        <v/>
      </c>
      <c r="BO526" s="161" t="str">
        <f t="shared" si="316"/>
        <v/>
      </c>
      <c r="BP526" s="161" t="str">
        <f t="shared" si="317"/>
        <v/>
      </c>
      <c r="BQ526" s="161" t="str">
        <f t="shared" si="318"/>
        <v/>
      </c>
      <c r="BR526" s="161" t="str">
        <f t="shared" si="319"/>
        <v/>
      </c>
      <c r="BS526" s="161" t="str">
        <f t="shared" si="320"/>
        <v/>
      </c>
      <c r="BT526" s="161" t="str">
        <f t="shared" si="321"/>
        <v/>
      </c>
      <c r="BU526" s="161" t="str">
        <f t="shared" si="322"/>
        <v/>
      </c>
      <c r="BV526" s="161" t="str">
        <f t="shared" si="323"/>
        <v/>
      </c>
      <c r="BW526" s="161" t="str">
        <f t="shared" si="324"/>
        <v/>
      </c>
      <c r="BX526" s="161" t="str">
        <f t="shared" si="325"/>
        <v/>
      </c>
      <c r="BY526" s="161" t="str">
        <f t="shared" si="326"/>
        <v/>
      </c>
      <c r="BZ526" s="161" t="str">
        <f t="shared" si="327"/>
        <v/>
      </c>
      <c r="CA526" s="161" t="str">
        <f t="shared" si="328"/>
        <v/>
      </c>
      <c r="CB526" s="161" t="str">
        <f t="shared" si="329"/>
        <v/>
      </c>
      <c r="CC526" s="161" t="str">
        <f t="shared" si="330"/>
        <v/>
      </c>
      <c r="CD526" s="156"/>
      <c r="CE526" s="156"/>
      <c r="CF526" s="156"/>
    </row>
    <row r="527" spans="1:84" s="168" customFormat="1" ht="56.1" hidden="1" customHeight="1" x14ac:dyDescent="0.2">
      <c r="A527" s="154">
        <v>527</v>
      </c>
      <c r="B527" s="155" t="s">
        <v>53</v>
      </c>
      <c r="C527" s="165" t="s">
        <v>515</v>
      </c>
      <c r="D527" s="156" t="s">
        <v>528</v>
      </c>
      <c r="E527" s="156" t="s">
        <v>529</v>
      </c>
      <c r="F527" s="156" t="s">
        <v>529</v>
      </c>
      <c r="G527" s="156" t="s">
        <v>58</v>
      </c>
      <c r="H527" s="156" t="s">
        <v>328</v>
      </c>
      <c r="I527" s="156" t="s">
        <v>388</v>
      </c>
      <c r="J527" s="156" t="s">
        <v>525</v>
      </c>
      <c r="K527" s="156" t="s">
        <v>395</v>
      </c>
      <c r="L527" s="156" t="s">
        <v>63</v>
      </c>
      <c r="M527" s="156" t="s">
        <v>63</v>
      </c>
      <c r="N527" s="157">
        <v>184520</v>
      </c>
      <c r="O527" s="157">
        <v>184520</v>
      </c>
      <c r="P527" s="156" t="s">
        <v>64</v>
      </c>
      <c r="Q527" s="156" t="s">
        <v>82</v>
      </c>
      <c r="R527" s="167"/>
      <c r="S527" s="167"/>
      <c r="T527" s="167"/>
      <c r="U527" s="167"/>
      <c r="V527" s="167"/>
      <c r="W527" s="161"/>
      <c r="X527" s="167"/>
      <c r="Y527" s="167"/>
      <c r="Z527" s="167"/>
      <c r="AA527" s="167"/>
      <c r="AB527" s="167"/>
      <c r="AC527" s="161" t="s">
        <v>66</v>
      </c>
      <c r="AD527" s="167"/>
      <c r="AE527" s="167"/>
      <c r="AF527" s="167"/>
      <c r="AG527" s="167"/>
      <c r="AH527" s="167"/>
      <c r="AI527" s="167"/>
      <c r="AJ527" s="167"/>
      <c r="AK527" s="167"/>
      <c r="AL527" s="167"/>
      <c r="AM527" s="167"/>
      <c r="AN527" s="167"/>
      <c r="AO527" s="167"/>
      <c r="AP527" s="167"/>
      <c r="AQ527" s="167"/>
      <c r="AR527" s="167"/>
      <c r="AS527" s="167"/>
      <c r="AT527" s="167"/>
      <c r="AU527" s="167"/>
      <c r="AV527" s="167"/>
      <c r="AW527" s="160">
        <f t="shared" si="298"/>
        <v>200</v>
      </c>
      <c r="AX527" s="158">
        <f t="shared" si="331"/>
        <v>922.6</v>
      </c>
      <c r="AY527" s="161" t="str">
        <f t="shared" si="300"/>
        <v/>
      </c>
      <c r="AZ527" s="161" t="str">
        <f t="shared" si="301"/>
        <v/>
      </c>
      <c r="BA527" s="161" t="str">
        <f t="shared" si="302"/>
        <v/>
      </c>
      <c r="BB527" s="161" t="str">
        <f t="shared" si="303"/>
        <v/>
      </c>
      <c r="BC527" s="161" t="str">
        <f t="shared" si="304"/>
        <v/>
      </c>
      <c r="BD527" s="161" t="str">
        <f t="shared" si="305"/>
        <v/>
      </c>
      <c r="BE527" s="161" t="str">
        <f t="shared" si="306"/>
        <v/>
      </c>
      <c r="BF527" s="161" t="str">
        <f t="shared" si="307"/>
        <v/>
      </c>
      <c r="BG527" s="161" t="str">
        <f t="shared" si="308"/>
        <v/>
      </c>
      <c r="BH527" s="161" t="str">
        <f t="shared" si="309"/>
        <v/>
      </c>
      <c r="BI527" s="161" t="str">
        <f t="shared" si="310"/>
        <v/>
      </c>
      <c r="BJ527" s="161">
        <f t="shared" si="311"/>
        <v>184520</v>
      </c>
      <c r="BK527" s="161" t="str">
        <f t="shared" si="312"/>
        <v/>
      </c>
      <c r="BL527" s="161" t="str">
        <f t="shared" si="313"/>
        <v/>
      </c>
      <c r="BM527" s="161" t="str">
        <f t="shared" si="314"/>
        <v/>
      </c>
      <c r="BN527" s="161" t="str">
        <f t="shared" si="315"/>
        <v/>
      </c>
      <c r="BO527" s="161" t="str">
        <f t="shared" si="316"/>
        <v/>
      </c>
      <c r="BP527" s="161" t="str">
        <f t="shared" si="317"/>
        <v/>
      </c>
      <c r="BQ527" s="161" t="str">
        <f t="shared" si="318"/>
        <v/>
      </c>
      <c r="BR527" s="161" t="str">
        <f t="shared" si="319"/>
        <v/>
      </c>
      <c r="BS527" s="161" t="str">
        <f t="shared" si="320"/>
        <v/>
      </c>
      <c r="BT527" s="161" t="str">
        <f t="shared" si="321"/>
        <v/>
      </c>
      <c r="BU527" s="161" t="str">
        <f t="shared" si="322"/>
        <v/>
      </c>
      <c r="BV527" s="161" t="str">
        <f t="shared" si="323"/>
        <v/>
      </c>
      <c r="BW527" s="161" t="str">
        <f t="shared" si="324"/>
        <v/>
      </c>
      <c r="BX527" s="161" t="str">
        <f t="shared" si="325"/>
        <v/>
      </c>
      <c r="BY527" s="161" t="str">
        <f t="shared" si="326"/>
        <v/>
      </c>
      <c r="BZ527" s="161" t="str">
        <f t="shared" si="327"/>
        <v/>
      </c>
      <c r="CA527" s="161" t="str">
        <f t="shared" si="328"/>
        <v/>
      </c>
      <c r="CB527" s="161" t="str">
        <f t="shared" si="329"/>
        <v/>
      </c>
      <c r="CC527" s="161" t="str">
        <f t="shared" si="330"/>
        <v/>
      </c>
      <c r="CD527" s="156"/>
      <c r="CE527" s="156"/>
      <c r="CF527" s="156"/>
    </row>
    <row r="528" spans="1:84" s="168" customFormat="1" ht="56.1" hidden="1" customHeight="1" x14ac:dyDescent="0.2">
      <c r="A528" s="154">
        <v>528</v>
      </c>
      <c r="B528" s="155" t="s">
        <v>53</v>
      </c>
      <c r="C528" s="165" t="s">
        <v>515</v>
      </c>
      <c r="D528" s="156" t="s">
        <v>530</v>
      </c>
      <c r="E528" s="156" t="s">
        <v>532</v>
      </c>
      <c r="F528" s="156" t="s">
        <v>532</v>
      </c>
      <c r="G528" s="156" t="s">
        <v>58</v>
      </c>
      <c r="H528" s="156" t="s">
        <v>328</v>
      </c>
      <c r="I528" s="156" t="s">
        <v>8</v>
      </c>
      <c r="J528" s="156" t="s">
        <v>525</v>
      </c>
      <c r="K528" s="156" t="s">
        <v>395</v>
      </c>
      <c r="L528" s="156" t="s">
        <v>63</v>
      </c>
      <c r="M528" s="156" t="s">
        <v>63</v>
      </c>
      <c r="N528" s="157">
        <v>0</v>
      </c>
      <c r="O528" s="157">
        <v>0</v>
      </c>
      <c r="P528" s="156" t="s">
        <v>64</v>
      </c>
      <c r="Q528" s="156" t="s">
        <v>82</v>
      </c>
      <c r="R528" s="167"/>
      <c r="S528" s="167"/>
      <c r="T528" s="167"/>
      <c r="U528" s="167"/>
      <c r="V528" s="167"/>
      <c r="W528" s="161"/>
      <c r="X528" s="167"/>
      <c r="Y528" s="167"/>
      <c r="Z528" s="167"/>
      <c r="AA528" s="167"/>
      <c r="AB528" s="167"/>
      <c r="AC528" s="161" t="s">
        <v>66</v>
      </c>
      <c r="AD528" s="167"/>
      <c r="AE528" s="167"/>
      <c r="AF528" s="167"/>
      <c r="AG528" s="167"/>
      <c r="AH528" s="167"/>
      <c r="AI528" s="167"/>
      <c r="AJ528" s="167"/>
      <c r="AK528" s="167"/>
      <c r="AL528" s="167"/>
      <c r="AM528" s="167"/>
      <c r="AN528" s="167"/>
      <c r="AO528" s="167"/>
      <c r="AP528" s="167"/>
      <c r="AQ528" s="167"/>
      <c r="AR528" s="167"/>
      <c r="AS528" s="167"/>
      <c r="AT528" s="167"/>
      <c r="AU528" s="167"/>
      <c r="AV528" s="167"/>
      <c r="AW528" s="160">
        <f t="shared" si="298"/>
        <v>200</v>
      </c>
      <c r="AX528" s="158"/>
      <c r="AY528" s="161" t="str">
        <f t="shared" si="300"/>
        <v/>
      </c>
      <c r="AZ528" s="161" t="str">
        <f t="shared" si="301"/>
        <v/>
      </c>
      <c r="BA528" s="161" t="str">
        <f t="shared" si="302"/>
        <v/>
      </c>
      <c r="BB528" s="161" t="str">
        <f t="shared" si="303"/>
        <v/>
      </c>
      <c r="BC528" s="161" t="str">
        <f t="shared" si="304"/>
        <v/>
      </c>
      <c r="BD528" s="161" t="str">
        <f t="shared" si="305"/>
        <v/>
      </c>
      <c r="BE528" s="161" t="str">
        <f t="shared" si="306"/>
        <v/>
      </c>
      <c r="BF528" s="161" t="str">
        <f t="shared" si="307"/>
        <v/>
      </c>
      <c r="BG528" s="161" t="str">
        <f t="shared" si="308"/>
        <v/>
      </c>
      <c r="BH528" s="161" t="str">
        <f t="shared" si="309"/>
        <v/>
      </c>
      <c r="BI528" s="161" t="str">
        <f t="shared" si="310"/>
        <v/>
      </c>
      <c r="BJ528" s="161">
        <f t="shared" si="311"/>
        <v>0</v>
      </c>
      <c r="BK528" s="161" t="str">
        <f t="shared" si="312"/>
        <v/>
      </c>
      <c r="BL528" s="161" t="str">
        <f t="shared" si="313"/>
        <v/>
      </c>
      <c r="BM528" s="161" t="str">
        <f t="shared" si="314"/>
        <v/>
      </c>
      <c r="BN528" s="161" t="str">
        <f t="shared" si="315"/>
        <v/>
      </c>
      <c r="BO528" s="161" t="str">
        <f t="shared" si="316"/>
        <v/>
      </c>
      <c r="BP528" s="161" t="str">
        <f t="shared" si="317"/>
        <v/>
      </c>
      <c r="BQ528" s="161" t="str">
        <f t="shared" si="318"/>
        <v/>
      </c>
      <c r="BR528" s="161" t="str">
        <f t="shared" si="319"/>
        <v/>
      </c>
      <c r="BS528" s="161" t="str">
        <f t="shared" si="320"/>
        <v/>
      </c>
      <c r="BT528" s="161" t="str">
        <f t="shared" si="321"/>
        <v/>
      </c>
      <c r="BU528" s="161" t="str">
        <f t="shared" si="322"/>
        <v/>
      </c>
      <c r="BV528" s="161" t="str">
        <f t="shared" si="323"/>
        <v/>
      </c>
      <c r="BW528" s="161" t="str">
        <f t="shared" si="324"/>
        <v/>
      </c>
      <c r="BX528" s="161" t="str">
        <f t="shared" si="325"/>
        <v/>
      </c>
      <c r="BY528" s="161" t="str">
        <f t="shared" si="326"/>
        <v/>
      </c>
      <c r="BZ528" s="161" t="str">
        <f t="shared" si="327"/>
        <v/>
      </c>
      <c r="CA528" s="161" t="str">
        <f t="shared" si="328"/>
        <v/>
      </c>
      <c r="CB528" s="161" t="str">
        <f t="shared" si="329"/>
        <v/>
      </c>
      <c r="CC528" s="161" t="str">
        <f t="shared" si="330"/>
        <v/>
      </c>
      <c r="CD528" s="156"/>
      <c r="CE528" s="156"/>
      <c r="CF528" s="156"/>
    </row>
    <row r="529" spans="1:84" s="168" customFormat="1" ht="56.1" hidden="1" customHeight="1" x14ac:dyDescent="0.2">
      <c r="A529" s="154">
        <v>529</v>
      </c>
      <c r="B529" s="155" t="s">
        <v>53</v>
      </c>
      <c r="C529" s="165" t="s">
        <v>515</v>
      </c>
      <c r="D529" s="156" t="s">
        <v>533</v>
      </c>
      <c r="E529" s="156" t="s">
        <v>534</v>
      </c>
      <c r="F529" s="156" t="s">
        <v>534</v>
      </c>
      <c r="G529" s="156" t="s">
        <v>58</v>
      </c>
      <c r="H529" s="156" t="s">
        <v>328</v>
      </c>
      <c r="I529" s="156" t="s">
        <v>81</v>
      </c>
      <c r="J529" s="156" t="s">
        <v>334</v>
      </c>
      <c r="K529" s="156" t="s">
        <v>395</v>
      </c>
      <c r="L529" s="156" t="s">
        <v>63</v>
      </c>
      <c r="M529" s="156" t="s">
        <v>63</v>
      </c>
      <c r="N529" s="157">
        <v>35586</v>
      </c>
      <c r="O529" s="157">
        <v>35586</v>
      </c>
      <c r="P529" s="156" t="s">
        <v>64</v>
      </c>
      <c r="Q529" s="156" t="s">
        <v>82</v>
      </c>
      <c r="R529" s="167"/>
      <c r="S529" s="167"/>
      <c r="T529" s="167"/>
      <c r="U529" s="167"/>
      <c r="V529" s="167"/>
      <c r="W529" s="161"/>
      <c r="X529" s="167"/>
      <c r="Y529" s="167"/>
      <c r="Z529" s="167"/>
      <c r="AA529" s="167"/>
      <c r="AB529" s="167"/>
      <c r="AC529" s="161" t="s">
        <v>66</v>
      </c>
      <c r="AD529" s="167"/>
      <c r="AE529" s="167"/>
      <c r="AF529" s="167"/>
      <c r="AG529" s="167"/>
      <c r="AH529" s="167"/>
      <c r="AI529" s="167"/>
      <c r="AJ529" s="167"/>
      <c r="AK529" s="167"/>
      <c r="AL529" s="167"/>
      <c r="AM529" s="167"/>
      <c r="AN529" s="167"/>
      <c r="AO529" s="167"/>
      <c r="AP529" s="167"/>
      <c r="AQ529" s="167"/>
      <c r="AR529" s="167"/>
      <c r="AS529" s="167"/>
      <c r="AT529" s="167"/>
      <c r="AU529" s="167"/>
      <c r="AV529" s="167"/>
      <c r="AW529" s="160">
        <f t="shared" si="298"/>
        <v>200</v>
      </c>
      <c r="AX529" s="158">
        <f>O529/AW529</f>
        <v>177.93</v>
      </c>
      <c r="AY529" s="161" t="str">
        <f t="shared" si="300"/>
        <v/>
      </c>
      <c r="AZ529" s="161" t="str">
        <f t="shared" si="301"/>
        <v/>
      </c>
      <c r="BA529" s="161" t="str">
        <f t="shared" si="302"/>
        <v/>
      </c>
      <c r="BB529" s="161" t="str">
        <f t="shared" si="303"/>
        <v/>
      </c>
      <c r="BC529" s="161" t="str">
        <f t="shared" si="304"/>
        <v/>
      </c>
      <c r="BD529" s="161" t="str">
        <f t="shared" si="305"/>
        <v/>
      </c>
      <c r="BE529" s="161" t="str">
        <f t="shared" si="306"/>
        <v/>
      </c>
      <c r="BF529" s="161" t="str">
        <f t="shared" si="307"/>
        <v/>
      </c>
      <c r="BG529" s="161" t="str">
        <f t="shared" si="308"/>
        <v/>
      </c>
      <c r="BH529" s="161" t="str">
        <f t="shared" si="309"/>
        <v/>
      </c>
      <c r="BI529" s="161" t="str">
        <f t="shared" si="310"/>
        <v/>
      </c>
      <c r="BJ529" s="161">
        <f t="shared" si="311"/>
        <v>35586</v>
      </c>
      <c r="BK529" s="161" t="str">
        <f t="shared" si="312"/>
        <v/>
      </c>
      <c r="BL529" s="161" t="str">
        <f t="shared" si="313"/>
        <v/>
      </c>
      <c r="BM529" s="161" t="str">
        <f t="shared" si="314"/>
        <v/>
      </c>
      <c r="BN529" s="161" t="str">
        <f t="shared" si="315"/>
        <v/>
      </c>
      <c r="BO529" s="161" t="str">
        <f t="shared" si="316"/>
        <v/>
      </c>
      <c r="BP529" s="161" t="str">
        <f t="shared" si="317"/>
        <v/>
      </c>
      <c r="BQ529" s="161" t="str">
        <f t="shared" si="318"/>
        <v/>
      </c>
      <c r="BR529" s="161" t="str">
        <f t="shared" si="319"/>
        <v/>
      </c>
      <c r="BS529" s="161" t="str">
        <f t="shared" si="320"/>
        <v/>
      </c>
      <c r="BT529" s="161" t="str">
        <f t="shared" si="321"/>
        <v/>
      </c>
      <c r="BU529" s="161" t="str">
        <f t="shared" si="322"/>
        <v/>
      </c>
      <c r="BV529" s="161" t="str">
        <f t="shared" si="323"/>
        <v/>
      </c>
      <c r="BW529" s="161" t="str">
        <f t="shared" si="324"/>
        <v/>
      </c>
      <c r="BX529" s="161" t="str">
        <f t="shared" si="325"/>
        <v/>
      </c>
      <c r="BY529" s="161" t="str">
        <f t="shared" si="326"/>
        <v/>
      </c>
      <c r="BZ529" s="161" t="str">
        <f t="shared" si="327"/>
        <v/>
      </c>
      <c r="CA529" s="161" t="str">
        <f t="shared" si="328"/>
        <v/>
      </c>
      <c r="CB529" s="161" t="str">
        <f t="shared" si="329"/>
        <v/>
      </c>
      <c r="CC529" s="161" t="str">
        <f t="shared" si="330"/>
        <v/>
      </c>
      <c r="CD529" s="156"/>
      <c r="CE529" s="156"/>
      <c r="CF529" s="156"/>
    </row>
    <row r="530" spans="1:84" s="211" customFormat="1" ht="56.1" hidden="1" customHeight="1" x14ac:dyDescent="0.2">
      <c r="A530" s="198">
        <v>530</v>
      </c>
      <c r="B530" s="199" t="s">
        <v>53</v>
      </c>
      <c r="C530" s="208" t="s">
        <v>515</v>
      </c>
      <c r="D530" s="200" t="s">
        <v>548</v>
      </c>
      <c r="E530" s="200" t="s">
        <v>536</v>
      </c>
      <c r="F530" s="200" t="s">
        <v>536</v>
      </c>
      <c r="G530" s="200" t="s">
        <v>58</v>
      </c>
      <c r="H530" s="200" t="s">
        <v>310</v>
      </c>
      <c r="I530" s="200" t="s">
        <v>551</v>
      </c>
      <c r="J530" s="200" t="s">
        <v>334</v>
      </c>
      <c r="K530" s="200" t="s">
        <v>225</v>
      </c>
      <c r="L530" s="200" t="s">
        <v>63</v>
      </c>
      <c r="M530" s="200" t="s">
        <v>63</v>
      </c>
      <c r="N530" s="201">
        <v>724246.272</v>
      </c>
      <c r="O530" s="201">
        <v>724246.272</v>
      </c>
      <c r="P530" s="200" t="s">
        <v>226</v>
      </c>
      <c r="Q530" s="200" t="s">
        <v>82</v>
      </c>
      <c r="R530" s="210"/>
      <c r="S530" s="210"/>
      <c r="T530" s="210"/>
      <c r="U530" s="210"/>
      <c r="V530" s="210"/>
      <c r="W530" s="203"/>
      <c r="X530" s="210"/>
      <c r="Y530" s="210"/>
      <c r="Z530" s="210"/>
      <c r="AA530" s="210"/>
      <c r="AB530" s="210"/>
      <c r="AC530" s="210"/>
      <c r="AD530" s="210"/>
      <c r="AE530" s="210"/>
      <c r="AF530" s="210"/>
      <c r="AG530" s="210"/>
      <c r="AH530" s="203" t="s">
        <v>66</v>
      </c>
      <c r="AI530" s="210"/>
      <c r="AJ530" s="210"/>
      <c r="AK530" s="210"/>
      <c r="AL530" s="210"/>
      <c r="AM530" s="210"/>
      <c r="AN530" s="210"/>
      <c r="AO530" s="210"/>
      <c r="AP530" s="210"/>
      <c r="AQ530" s="210"/>
      <c r="AR530" s="210"/>
      <c r="AS530" s="210"/>
      <c r="AT530" s="210"/>
      <c r="AU530" s="210"/>
      <c r="AV530" s="210"/>
      <c r="AW530" s="204">
        <f t="shared" si="298"/>
        <v>2385</v>
      </c>
      <c r="AX530" s="205">
        <f>O530/AW530</f>
        <v>303.66719999999998</v>
      </c>
      <c r="AY530" s="203" t="str">
        <f t="shared" si="300"/>
        <v/>
      </c>
      <c r="AZ530" s="203" t="str">
        <f t="shared" si="301"/>
        <v/>
      </c>
      <c r="BA530" s="203" t="str">
        <f t="shared" si="302"/>
        <v/>
      </c>
      <c r="BB530" s="203" t="str">
        <f t="shared" si="303"/>
        <v/>
      </c>
      <c r="BC530" s="203" t="str">
        <f t="shared" si="304"/>
        <v/>
      </c>
      <c r="BD530" s="203" t="str">
        <f t="shared" si="305"/>
        <v/>
      </c>
      <c r="BE530" s="203" t="str">
        <f t="shared" si="306"/>
        <v/>
      </c>
      <c r="BF530" s="203" t="str">
        <f t="shared" si="307"/>
        <v/>
      </c>
      <c r="BG530" s="203" t="str">
        <f t="shared" si="308"/>
        <v/>
      </c>
      <c r="BH530" s="203" t="str">
        <f t="shared" si="309"/>
        <v/>
      </c>
      <c r="BI530" s="203" t="str">
        <f t="shared" si="310"/>
        <v/>
      </c>
      <c r="BJ530" s="203" t="str">
        <f t="shared" si="311"/>
        <v/>
      </c>
      <c r="BK530" s="203" t="str">
        <f t="shared" si="312"/>
        <v/>
      </c>
      <c r="BL530" s="203" t="str">
        <f t="shared" si="313"/>
        <v/>
      </c>
      <c r="BM530" s="203" t="str">
        <f t="shared" si="314"/>
        <v/>
      </c>
      <c r="BN530" s="203" t="str">
        <f t="shared" si="315"/>
        <v/>
      </c>
      <c r="BO530" s="203">
        <f t="shared" si="316"/>
        <v>724246.272</v>
      </c>
      <c r="BP530" s="203" t="str">
        <f t="shared" si="317"/>
        <v/>
      </c>
      <c r="BQ530" s="203" t="str">
        <f t="shared" si="318"/>
        <v/>
      </c>
      <c r="BR530" s="203" t="str">
        <f t="shared" si="319"/>
        <v/>
      </c>
      <c r="BS530" s="203" t="str">
        <f t="shared" si="320"/>
        <v/>
      </c>
      <c r="BT530" s="203" t="str">
        <f t="shared" si="321"/>
        <v/>
      </c>
      <c r="BU530" s="203" t="str">
        <f t="shared" si="322"/>
        <v/>
      </c>
      <c r="BV530" s="203" t="str">
        <f t="shared" si="323"/>
        <v/>
      </c>
      <c r="BW530" s="203" t="str">
        <f t="shared" si="324"/>
        <v/>
      </c>
      <c r="BX530" s="203" t="str">
        <f t="shared" si="325"/>
        <v/>
      </c>
      <c r="BY530" s="203" t="str">
        <f t="shared" si="326"/>
        <v/>
      </c>
      <c r="BZ530" s="203" t="str">
        <f t="shared" si="327"/>
        <v/>
      </c>
      <c r="CA530" s="203" t="str">
        <f t="shared" si="328"/>
        <v/>
      </c>
      <c r="CB530" s="203" t="str">
        <f t="shared" si="329"/>
        <v/>
      </c>
      <c r="CC530" s="203" t="str">
        <f t="shared" si="330"/>
        <v/>
      </c>
      <c r="CD530" s="200"/>
      <c r="CE530" s="200"/>
      <c r="CF530" s="200"/>
    </row>
    <row r="531" spans="1:84" s="211" customFormat="1" ht="56.1" hidden="1" customHeight="1" x14ac:dyDescent="0.2">
      <c r="A531" s="198">
        <v>531</v>
      </c>
      <c r="B531" s="199" t="s">
        <v>53</v>
      </c>
      <c r="C531" s="208" t="s">
        <v>515</v>
      </c>
      <c r="D531" s="200" t="s">
        <v>518</v>
      </c>
      <c r="E531" s="200" t="s">
        <v>520</v>
      </c>
      <c r="F531" s="200" t="s">
        <v>520</v>
      </c>
      <c r="G531" s="200" t="s">
        <v>58</v>
      </c>
      <c r="H531" s="200" t="s">
        <v>310</v>
      </c>
      <c r="I531" s="200" t="s">
        <v>551</v>
      </c>
      <c r="J531" s="200" t="s">
        <v>334</v>
      </c>
      <c r="K531" s="200" t="s">
        <v>225</v>
      </c>
      <c r="L531" s="200" t="s">
        <v>63</v>
      </c>
      <c r="M531" s="200" t="s">
        <v>63</v>
      </c>
      <c r="N531" s="201">
        <v>1901146.4640000002</v>
      </c>
      <c r="O531" s="201">
        <v>1901146.4640000002</v>
      </c>
      <c r="P531" s="200" t="s">
        <v>226</v>
      </c>
      <c r="Q531" s="200" t="s">
        <v>82</v>
      </c>
      <c r="R531" s="210"/>
      <c r="S531" s="210"/>
      <c r="T531" s="210"/>
      <c r="U531" s="210"/>
      <c r="V531" s="210"/>
      <c r="W531" s="203"/>
      <c r="X531" s="210"/>
      <c r="Y531" s="210"/>
      <c r="Z531" s="210"/>
      <c r="AA531" s="210"/>
      <c r="AB531" s="210"/>
      <c r="AC531" s="210"/>
      <c r="AD531" s="210"/>
      <c r="AE531" s="210"/>
      <c r="AF531" s="210"/>
      <c r="AG531" s="210"/>
      <c r="AH531" s="203" t="s">
        <v>66</v>
      </c>
      <c r="AI531" s="210"/>
      <c r="AJ531" s="210"/>
      <c r="AK531" s="210"/>
      <c r="AL531" s="210"/>
      <c r="AM531" s="210"/>
      <c r="AN531" s="210"/>
      <c r="AO531" s="210"/>
      <c r="AP531" s="210"/>
      <c r="AQ531" s="210"/>
      <c r="AR531" s="210"/>
      <c r="AS531" s="210"/>
      <c r="AT531" s="210"/>
      <c r="AU531" s="210"/>
      <c r="AV531" s="210"/>
      <c r="AW531" s="204">
        <f t="shared" si="298"/>
        <v>2385</v>
      </c>
      <c r="AX531" s="205">
        <f>O531/AW531</f>
        <v>797.1264000000001</v>
      </c>
      <c r="AY531" s="203" t="str">
        <f t="shared" si="300"/>
        <v/>
      </c>
      <c r="AZ531" s="203" t="str">
        <f t="shared" si="301"/>
        <v/>
      </c>
      <c r="BA531" s="203" t="str">
        <f t="shared" si="302"/>
        <v/>
      </c>
      <c r="BB531" s="203" t="str">
        <f t="shared" si="303"/>
        <v/>
      </c>
      <c r="BC531" s="203" t="str">
        <f t="shared" si="304"/>
        <v/>
      </c>
      <c r="BD531" s="203" t="str">
        <f t="shared" si="305"/>
        <v/>
      </c>
      <c r="BE531" s="203" t="str">
        <f t="shared" si="306"/>
        <v/>
      </c>
      <c r="BF531" s="203" t="str">
        <f t="shared" si="307"/>
        <v/>
      </c>
      <c r="BG531" s="203" t="str">
        <f t="shared" si="308"/>
        <v/>
      </c>
      <c r="BH531" s="203" t="str">
        <f t="shared" si="309"/>
        <v/>
      </c>
      <c r="BI531" s="203" t="str">
        <f t="shared" si="310"/>
        <v/>
      </c>
      <c r="BJ531" s="203" t="str">
        <f t="shared" si="311"/>
        <v/>
      </c>
      <c r="BK531" s="203" t="str">
        <f t="shared" si="312"/>
        <v/>
      </c>
      <c r="BL531" s="203" t="str">
        <f t="shared" si="313"/>
        <v/>
      </c>
      <c r="BM531" s="203" t="str">
        <f t="shared" si="314"/>
        <v/>
      </c>
      <c r="BN531" s="203" t="str">
        <f t="shared" si="315"/>
        <v/>
      </c>
      <c r="BO531" s="203">
        <f t="shared" si="316"/>
        <v>1901146.4640000002</v>
      </c>
      <c r="BP531" s="203" t="str">
        <f t="shared" si="317"/>
        <v/>
      </c>
      <c r="BQ531" s="203" t="str">
        <f t="shared" si="318"/>
        <v/>
      </c>
      <c r="BR531" s="203" t="str">
        <f t="shared" si="319"/>
        <v/>
      </c>
      <c r="BS531" s="203" t="str">
        <f t="shared" si="320"/>
        <v/>
      </c>
      <c r="BT531" s="203" t="str">
        <f t="shared" si="321"/>
        <v/>
      </c>
      <c r="BU531" s="203" t="str">
        <f t="shared" si="322"/>
        <v/>
      </c>
      <c r="BV531" s="203" t="str">
        <f t="shared" si="323"/>
        <v/>
      </c>
      <c r="BW531" s="203" t="str">
        <f t="shared" si="324"/>
        <v/>
      </c>
      <c r="BX531" s="203" t="str">
        <f t="shared" si="325"/>
        <v/>
      </c>
      <c r="BY531" s="203" t="str">
        <f t="shared" si="326"/>
        <v/>
      </c>
      <c r="BZ531" s="203" t="str">
        <f t="shared" si="327"/>
        <v/>
      </c>
      <c r="CA531" s="203" t="str">
        <f t="shared" si="328"/>
        <v/>
      </c>
      <c r="CB531" s="203" t="str">
        <f t="shared" si="329"/>
        <v/>
      </c>
      <c r="CC531" s="203" t="str">
        <f t="shared" si="330"/>
        <v/>
      </c>
      <c r="CD531" s="200"/>
      <c r="CE531" s="200"/>
      <c r="CF531" s="200"/>
    </row>
    <row r="532" spans="1:84" s="211" customFormat="1" ht="56.1" hidden="1" customHeight="1" x14ac:dyDescent="0.2">
      <c r="A532" s="198">
        <v>532</v>
      </c>
      <c r="B532" s="199" t="s">
        <v>53</v>
      </c>
      <c r="C532" s="208" t="s">
        <v>515</v>
      </c>
      <c r="D532" s="200" t="s">
        <v>521</v>
      </c>
      <c r="E532" s="200" t="s">
        <v>522</v>
      </c>
      <c r="F532" s="200" t="s">
        <v>522</v>
      </c>
      <c r="G532" s="200" t="s">
        <v>58</v>
      </c>
      <c r="H532" s="200" t="s">
        <v>310</v>
      </c>
      <c r="I532" s="200" t="s">
        <v>551</v>
      </c>
      <c r="J532" s="200" t="s">
        <v>334</v>
      </c>
      <c r="K532" s="200" t="s">
        <v>225</v>
      </c>
      <c r="L532" s="200" t="s">
        <v>63</v>
      </c>
      <c r="M532" s="200" t="s">
        <v>63</v>
      </c>
      <c r="N532" s="201">
        <v>2655569.6639999999</v>
      </c>
      <c r="O532" s="201">
        <v>2655569.6639999999</v>
      </c>
      <c r="P532" s="200" t="s">
        <v>226</v>
      </c>
      <c r="Q532" s="200" t="s">
        <v>82</v>
      </c>
      <c r="R532" s="210"/>
      <c r="S532" s="210"/>
      <c r="T532" s="210"/>
      <c r="U532" s="210"/>
      <c r="V532" s="210"/>
      <c r="W532" s="203"/>
      <c r="X532" s="210"/>
      <c r="Y532" s="210"/>
      <c r="Z532" s="210"/>
      <c r="AA532" s="210"/>
      <c r="AB532" s="210"/>
      <c r="AC532" s="210"/>
      <c r="AD532" s="210"/>
      <c r="AE532" s="210"/>
      <c r="AF532" s="210"/>
      <c r="AG532" s="210"/>
      <c r="AH532" s="203" t="s">
        <v>66</v>
      </c>
      <c r="AI532" s="210"/>
      <c r="AJ532" s="210"/>
      <c r="AK532" s="210"/>
      <c r="AL532" s="210"/>
      <c r="AM532" s="210"/>
      <c r="AN532" s="210"/>
      <c r="AO532" s="210"/>
      <c r="AP532" s="210"/>
      <c r="AQ532" s="210"/>
      <c r="AR532" s="210"/>
      <c r="AS532" s="210"/>
      <c r="AT532" s="210"/>
      <c r="AU532" s="210"/>
      <c r="AV532" s="210"/>
      <c r="AW532" s="204">
        <f t="shared" si="298"/>
        <v>2385</v>
      </c>
      <c r="AX532" s="205">
        <f>O532/AW532</f>
        <v>1113.4464</v>
      </c>
      <c r="AY532" s="203" t="str">
        <f t="shared" si="300"/>
        <v/>
      </c>
      <c r="AZ532" s="203" t="str">
        <f t="shared" si="301"/>
        <v/>
      </c>
      <c r="BA532" s="203" t="str">
        <f t="shared" si="302"/>
        <v/>
      </c>
      <c r="BB532" s="203" t="str">
        <f t="shared" si="303"/>
        <v/>
      </c>
      <c r="BC532" s="203" t="str">
        <f t="shared" si="304"/>
        <v/>
      </c>
      <c r="BD532" s="203" t="str">
        <f t="shared" si="305"/>
        <v/>
      </c>
      <c r="BE532" s="203" t="str">
        <f t="shared" si="306"/>
        <v/>
      </c>
      <c r="BF532" s="203" t="str">
        <f t="shared" si="307"/>
        <v/>
      </c>
      <c r="BG532" s="203" t="str">
        <f t="shared" si="308"/>
        <v/>
      </c>
      <c r="BH532" s="203" t="str">
        <f t="shared" si="309"/>
        <v/>
      </c>
      <c r="BI532" s="203" t="str">
        <f t="shared" si="310"/>
        <v/>
      </c>
      <c r="BJ532" s="203" t="str">
        <f t="shared" si="311"/>
        <v/>
      </c>
      <c r="BK532" s="203" t="str">
        <f t="shared" si="312"/>
        <v/>
      </c>
      <c r="BL532" s="203" t="str">
        <f t="shared" si="313"/>
        <v/>
      </c>
      <c r="BM532" s="203" t="str">
        <f t="shared" si="314"/>
        <v/>
      </c>
      <c r="BN532" s="203" t="str">
        <f t="shared" si="315"/>
        <v/>
      </c>
      <c r="BO532" s="203">
        <f t="shared" si="316"/>
        <v>2655569.6639999999</v>
      </c>
      <c r="BP532" s="203" t="str">
        <f t="shared" si="317"/>
        <v/>
      </c>
      <c r="BQ532" s="203" t="str">
        <f t="shared" si="318"/>
        <v/>
      </c>
      <c r="BR532" s="203" t="str">
        <f t="shared" si="319"/>
        <v/>
      </c>
      <c r="BS532" s="203" t="str">
        <f t="shared" si="320"/>
        <v/>
      </c>
      <c r="BT532" s="203" t="str">
        <f t="shared" si="321"/>
        <v/>
      </c>
      <c r="BU532" s="203" t="str">
        <f t="shared" si="322"/>
        <v/>
      </c>
      <c r="BV532" s="203" t="str">
        <f t="shared" si="323"/>
        <v/>
      </c>
      <c r="BW532" s="203" t="str">
        <f t="shared" si="324"/>
        <v/>
      </c>
      <c r="BX532" s="203" t="str">
        <f t="shared" si="325"/>
        <v/>
      </c>
      <c r="BY532" s="203" t="str">
        <f t="shared" si="326"/>
        <v/>
      </c>
      <c r="BZ532" s="203" t="str">
        <f t="shared" si="327"/>
        <v/>
      </c>
      <c r="CA532" s="203" t="str">
        <f t="shared" si="328"/>
        <v/>
      </c>
      <c r="CB532" s="203" t="str">
        <f t="shared" si="329"/>
        <v/>
      </c>
      <c r="CC532" s="203" t="str">
        <f t="shared" si="330"/>
        <v/>
      </c>
      <c r="CD532" s="200"/>
      <c r="CE532" s="200"/>
      <c r="CF532" s="200"/>
    </row>
    <row r="533" spans="1:84" s="211" customFormat="1" ht="56.1" hidden="1" customHeight="1" x14ac:dyDescent="0.2">
      <c r="A533" s="198">
        <v>533</v>
      </c>
      <c r="B533" s="199" t="s">
        <v>53</v>
      </c>
      <c r="C533" s="208" t="s">
        <v>515</v>
      </c>
      <c r="D533" s="200" t="s">
        <v>523</v>
      </c>
      <c r="E533" s="200" t="s">
        <v>579</v>
      </c>
      <c r="F533" s="200" t="s">
        <v>579</v>
      </c>
      <c r="G533" s="200" t="s">
        <v>58</v>
      </c>
      <c r="H533" s="200" t="s">
        <v>310</v>
      </c>
      <c r="I533" s="200" t="s">
        <v>8</v>
      </c>
      <c r="J533" s="200" t="s">
        <v>525</v>
      </c>
      <c r="K533" s="200" t="s">
        <v>225</v>
      </c>
      <c r="L533" s="200" t="s">
        <v>63</v>
      </c>
      <c r="M533" s="200" t="s">
        <v>63</v>
      </c>
      <c r="N533" s="201">
        <v>0</v>
      </c>
      <c r="O533" s="201">
        <v>0</v>
      </c>
      <c r="P533" s="200" t="s">
        <v>226</v>
      </c>
      <c r="Q533" s="200" t="s">
        <v>82</v>
      </c>
      <c r="R533" s="210"/>
      <c r="S533" s="210"/>
      <c r="T533" s="210"/>
      <c r="U533" s="210"/>
      <c r="V533" s="210"/>
      <c r="W533" s="203"/>
      <c r="X533" s="210"/>
      <c r="Y533" s="210"/>
      <c r="Z533" s="210"/>
      <c r="AA533" s="210"/>
      <c r="AB533" s="210"/>
      <c r="AC533" s="210"/>
      <c r="AD533" s="210"/>
      <c r="AE533" s="210"/>
      <c r="AF533" s="210"/>
      <c r="AG533" s="210"/>
      <c r="AH533" s="203" t="s">
        <v>66</v>
      </c>
      <c r="AI533" s="210"/>
      <c r="AJ533" s="210"/>
      <c r="AK533" s="210"/>
      <c r="AL533" s="210"/>
      <c r="AM533" s="210"/>
      <c r="AN533" s="210"/>
      <c r="AO533" s="210"/>
      <c r="AP533" s="210"/>
      <c r="AQ533" s="210"/>
      <c r="AR533" s="210"/>
      <c r="AS533" s="210"/>
      <c r="AT533" s="210"/>
      <c r="AU533" s="210"/>
      <c r="AV533" s="210"/>
      <c r="AW533" s="204">
        <f t="shared" si="298"/>
        <v>2385</v>
      </c>
      <c r="AX533" s="205"/>
      <c r="AY533" s="203" t="str">
        <f t="shared" si="300"/>
        <v/>
      </c>
      <c r="AZ533" s="203" t="str">
        <f t="shared" si="301"/>
        <v/>
      </c>
      <c r="BA533" s="203" t="str">
        <f t="shared" si="302"/>
        <v/>
      </c>
      <c r="BB533" s="203" t="str">
        <f t="shared" si="303"/>
        <v/>
      </c>
      <c r="BC533" s="203" t="str">
        <f t="shared" si="304"/>
        <v/>
      </c>
      <c r="BD533" s="203" t="str">
        <f t="shared" si="305"/>
        <v/>
      </c>
      <c r="BE533" s="203" t="str">
        <f t="shared" si="306"/>
        <v/>
      </c>
      <c r="BF533" s="203" t="str">
        <f t="shared" si="307"/>
        <v/>
      </c>
      <c r="BG533" s="203" t="str">
        <f t="shared" si="308"/>
        <v/>
      </c>
      <c r="BH533" s="203" t="str">
        <f t="shared" si="309"/>
        <v/>
      </c>
      <c r="BI533" s="203" t="str">
        <f t="shared" si="310"/>
        <v/>
      </c>
      <c r="BJ533" s="203" t="str">
        <f t="shared" si="311"/>
        <v/>
      </c>
      <c r="BK533" s="203" t="str">
        <f t="shared" si="312"/>
        <v/>
      </c>
      <c r="BL533" s="203" t="str">
        <f t="shared" si="313"/>
        <v/>
      </c>
      <c r="BM533" s="203" t="str">
        <f t="shared" si="314"/>
        <v/>
      </c>
      <c r="BN533" s="203" t="str">
        <f t="shared" si="315"/>
        <v/>
      </c>
      <c r="BO533" s="203">
        <f t="shared" si="316"/>
        <v>0</v>
      </c>
      <c r="BP533" s="203" t="str">
        <f t="shared" si="317"/>
        <v/>
      </c>
      <c r="BQ533" s="203" t="str">
        <f t="shared" si="318"/>
        <v/>
      </c>
      <c r="BR533" s="203" t="str">
        <f t="shared" si="319"/>
        <v/>
      </c>
      <c r="BS533" s="203" t="str">
        <f t="shared" si="320"/>
        <v/>
      </c>
      <c r="BT533" s="203" t="str">
        <f t="shared" si="321"/>
        <v/>
      </c>
      <c r="BU533" s="203" t="str">
        <f t="shared" si="322"/>
        <v/>
      </c>
      <c r="BV533" s="203" t="str">
        <f t="shared" si="323"/>
        <v/>
      </c>
      <c r="BW533" s="203" t="str">
        <f t="shared" si="324"/>
        <v/>
      </c>
      <c r="BX533" s="203" t="str">
        <f t="shared" si="325"/>
        <v/>
      </c>
      <c r="BY533" s="203" t="str">
        <f t="shared" si="326"/>
        <v/>
      </c>
      <c r="BZ533" s="203" t="str">
        <f t="shared" si="327"/>
        <v/>
      </c>
      <c r="CA533" s="203" t="str">
        <f t="shared" si="328"/>
        <v/>
      </c>
      <c r="CB533" s="203" t="str">
        <f t="shared" si="329"/>
        <v/>
      </c>
      <c r="CC533" s="203" t="str">
        <f t="shared" si="330"/>
        <v/>
      </c>
      <c r="CD533" s="200"/>
      <c r="CE533" s="200"/>
      <c r="CF533" s="200"/>
    </row>
    <row r="534" spans="1:84" s="211" customFormat="1" ht="56.1" hidden="1" customHeight="1" x14ac:dyDescent="0.2">
      <c r="A534" s="198">
        <v>534</v>
      </c>
      <c r="B534" s="199" t="s">
        <v>53</v>
      </c>
      <c r="C534" s="208" t="s">
        <v>515</v>
      </c>
      <c r="D534" s="200" t="s">
        <v>539</v>
      </c>
      <c r="E534" s="200" t="s">
        <v>527</v>
      </c>
      <c r="F534" s="200" t="s">
        <v>527</v>
      </c>
      <c r="G534" s="200" t="s">
        <v>58</v>
      </c>
      <c r="H534" s="200" t="s">
        <v>310</v>
      </c>
      <c r="I534" s="200" t="s">
        <v>8</v>
      </c>
      <c r="J534" s="200" t="s">
        <v>525</v>
      </c>
      <c r="K534" s="200" t="s">
        <v>225</v>
      </c>
      <c r="L534" s="200" t="s">
        <v>63</v>
      </c>
      <c r="M534" s="200" t="s">
        <v>63</v>
      </c>
      <c r="N534" s="201">
        <v>0</v>
      </c>
      <c r="O534" s="201">
        <v>0</v>
      </c>
      <c r="P534" s="200" t="s">
        <v>226</v>
      </c>
      <c r="Q534" s="200" t="s">
        <v>82</v>
      </c>
      <c r="R534" s="210"/>
      <c r="S534" s="210"/>
      <c r="T534" s="210"/>
      <c r="U534" s="210"/>
      <c r="V534" s="210"/>
      <c r="W534" s="203"/>
      <c r="X534" s="210"/>
      <c r="Y534" s="210"/>
      <c r="Z534" s="210"/>
      <c r="AA534" s="210"/>
      <c r="AB534" s="210"/>
      <c r="AC534" s="210"/>
      <c r="AD534" s="210"/>
      <c r="AE534" s="210"/>
      <c r="AF534" s="210"/>
      <c r="AG534" s="210"/>
      <c r="AH534" s="203" t="s">
        <v>66</v>
      </c>
      <c r="AI534" s="210"/>
      <c r="AJ534" s="210"/>
      <c r="AK534" s="210"/>
      <c r="AL534" s="210"/>
      <c r="AM534" s="210"/>
      <c r="AN534" s="210"/>
      <c r="AO534" s="210"/>
      <c r="AP534" s="210"/>
      <c r="AQ534" s="210"/>
      <c r="AR534" s="210"/>
      <c r="AS534" s="210"/>
      <c r="AT534" s="210"/>
      <c r="AU534" s="210"/>
      <c r="AV534" s="210"/>
      <c r="AW534" s="204">
        <f t="shared" si="298"/>
        <v>2385</v>
      </c>
      <c r="AX534" s="205"/>
      <c r="AY534" s="203" t="str">
        <f t="shared" si="300"/>
        <v/>
      </c>
      <c r="AZ534" s="203" t="str">
        <f t="shared" si="301"/>
        <v/>
      </c>
      <c r="BA534" s="203" t="str">
        <f t="shared" si="302"/>
        <v/>
      </c>
      <c r="BB534" s="203" t="str">
        <f t="shared" si="303"/>
        <v/>
      </c>
      <c r="BC534" s="203" t="str">
        <f t="shared" si="304"/>
        <v/>
      </c>
      <c r="BD534" s="203" t="str">
        <f t="shared" si="305"/>
        <v/>
      </c>
      <c r="BE534" s="203" t="str">
        <f t="shared" si="306"/>
        <v/>
      </c>
      <c r="BF534" s="203" t="str">
        <f t="shared" si="307"/>
        <v/>
      </c>
      <c r="BG534" s="203" t="str">
        <f t="shared" si="308"/>
        <v/>
      </c>
      <c r="BH534" s="203" t="str">
        <f t="shared" si="309"/>
        <v/>
      </c>
      <c r="BI534" s="203" t="str">
        <f t="shared" si="310"/>
        <v/>
      </c>
      <c r="BJ534" s="203" t="str">
        <f t="shared" si="311"/>
        <v/>
      </c>
      <c r="BK534" s="203" t="str">
        <f t="shared" si="312"/>
        <v/>
      </c>
      <c r="BL534" s="203" t="str">
        <f t="shared" si="313"/>
        <v/>
      </c>
      <c r="BM534" s="203" t="str">
        <f t="shared" si="314"/>
        <v/>
      </c>
      <c r="BN534" s="203" t="str">
        <f t="shared" si="315"/>
        <v/>
      </c>
      <c r="BO534" s="203">
        <f t="shared" si="316"/>
        <v>0</v>
      </c>
      <c r="BP534" s="203" t="str">
        <f t="shared" si="317"/>
        <v/>
      </c>
      <c r="BQ534" s="203" t="str">
        <f t="shared" si="318"/>
        <v/>
      </c>
      <c r="BR534" s="203" t="str">
        <f t="shared" si="319"/>
        <v/>
      </c>
      <c r="BS534" s="203" t="str">
        <f t="shared" si="320"/>
        <v/>
      </c>
      <c r="BT534" s="203" t="str">
        <f t="shared" si="321"/>
        <v/>
      </c>
      <c r="BU534" s="203" t="str">
        <f t="shared" si="322"/>
        <v/>
      </c>
      <c r="BV534" s="203" t="str">
        <f t="shared" si="323"/>
        <v/>
      </c>
      <c r="BW534" s="203" t="str">
        <f t="shared" si="324"/>
        <v/>
      </c>
      <c r="BX534" s="203" t="str">
        <f t="shared" si="325"/>
        <v/>
      </c>
      <c r="BY534" s="203" t="str">
        <f t="shared" si="326"/>
        <v/>
      </c>
      <c r="BZ534" s="203" t="str">
        <f t="shared" si="327"/>
        <v/>
      </c>
      <c r="CA534" s="203" t="str">
        <f t="shared" si="328"/>
        <v/>
      </c>
      <c r="CB534" s="203" t="str">
        <f t="shared" si="329"/>
        <v/>
      </c>
      <c r="CC534" s="203" t="str">
        <f t="shared" si="330"/>
        <v/>
      </c>
      <c r="CD534" s="200"/>
      <c r="CE534" s="200"/>
      <c r="CF534" s="200"/>
    </row>
    <row r="535" spans="1:84" s="211" customFormat="1" ht="56.1" hidden="1" customHeight="1" x14ac:dyDescent="0.2">
      <c r="A535" s="198">
        <v>535</v>
      </c>
      <c r="B535" s="199" t="s">
        <v>53</v>
      </c>
      <c r="C535" s="208" t="s">
        <v>515</v>
      </c>
      <c r="D535" s="200" t="s">
        <v>528</v>
      </c>
      <c r="E535" s="200" t="s">
        <v>529</v>
      </c>
      <c r="F535" s="200" t="s">
        <v>529</v>
      </c>
      <c r="G535" s="200" t="s">
        <v>58</v>
      </c>
      <c r="H535" s="200" t="s">
        <v>310</v>
      </c>
      <c r="I535" s="200" t="s">
        <v>8</v>
      </c>
      <c r="J535" s="200" t="s">
        <v>525</v>
      </c>
      <c r="K535" s="200" t="s">
        <v>225</v>
      </c>
      <c r="L535" s="200" t="s">
        <v>63</v>
      </c>
      <c r="M535" s="200" t="s">
        <v>63</v>
      </c>
      <c r="N535" s="201">
        <v>0</v>
      </c>
      <c r="O535" s="201">
        <v>0</v>
      </c>
      <c r="P535" s="200" t="s">
        <v>226</v>
      </c>
      <c r="Q535" s="200" t="s">
        <v>82</v>
      </c>
      <c r="R535" s="210"/>
      <c r="S535" s="210"/>
      <c r="T535" s="210"/>
      <c r="U535" s="210"/>
      <c r="V535" s="210"/>
      <c r="W535" s="203"/>
      <c r="X535" s="210"/>
      <c r="Y535" s="210"/>
      <c r="Z535" s="210"/>
      <c r="AA535" s="210"/>
      <c r="AB535" s="210"/>
      <c r="AC535" s="210"/>
      <c r="AD535" s="210"/>
      <c r="AE535" s="210"/>
      <c r="AF535" s="210"/>
      <c r="AG535" s="210"/>
      <c r="AH535" s="203" t="s">
        <v>66</v>
      </c>
      <c r="AI535" s="210"/>
      <c r="AJ535" s="210"/>
      <c r="AK535" s="210"/>
      <c r="AL535" s="210"/>
      <c r="AM535" s="210"/>
      <c r="AN535" s="210"/>
      <c r="AO535" s="210"/>
      <c r="AP535" s="210"/>
      <c r="AQ535" s="210"/>
      <c r="AR535" s="210"/>
      <c r="AS535" s="210"/>
      <c r="AT535" s="210"/>
      <c r="AU535" s="210"/>
      <c r="AV535" s="210"/>
      <c r="AW535" s="204">
        <f t="shared" si="298"/>
        <v>2385</v>
      </c>
      <c r="AX535" s="205"/>
      <c r="AY535" s="203" t="str">
        <f t="shared" si="300"/>
        <v/>
      </c>
      <c r="AZ535" s="203" t="str">
        <f t="shared" si="301"/>
        <v/>
      </c>
      <c r="BA535" s="203" t="str">
        <f t="shared" si="302"/>
        <v/>
      </c>
      <c r="BB535" s="203" t="str">
        <f t="shared" si="303"/>
        <v/>
      </c>
      <c r="BC535" s="203" t="str">
        <f t="shared" si="304"/>
        <v/>
      </c>
      <c r="BD535" s="203" t="str">
        <f t="shared" si="305"/>
        <v/>
      </c>
      <c r="BE535" s="203" t="str">
        <f t="shared" si="306"/>
        <v/>
      </c>
      <c r="BF535" s="203" t="str">
        <f t="shared" si="307"/>
        <v/>
      </c>
      <c r="BG535" s="203" t="str">
        <f t="shared" si="308"/>
        <v/>
      </c>
      <c r="BH535" s="203" t="str">
        <f t="shared" si="309"/>
        <v/>
      </c>
      <c r="BI535" s="203" t="str">
        <f t="shared" si="310"/>
        <v/>
      </c>
      <c r="BJ535" s="203" t="str">
        <f t="shared" si="311"/>
        <v/>
      </c>
      <c r="BK535" s="203" t="str">
        <f t="shared" si="312"/>
        <v/>
      </c>
      <c r="BL535" s="203" t="str">
        <f t="shared" si="313"/>
        <v/>
      </c>
      <c r="BM535" s="203" t="str">
        <f t="shared" si="314"/>
        <v/>
      </c>
      <c r="BN535" s="203" t="str">
        <f t="shared" si="315"/>
        <v/>
      </c>
      <c r="BO535" s="203">
        <f t="shared" si="316"/>
        <v>0</v>
      </c>
      <c r="BP535" s="203" t="str">
        <f t="shared" si="317"/>
        <v/>
      </c>
      <c r="BQ535" s="203" t="str">
        <f t="shared" si="318"/>
        <v/>
      </c>
      <c r="BR535" s="203" t="str">
        <f t="shared" si="319"/>
        <v/>
      </c>
      <c r="BS535" s="203" t="str">
        <f t="shared" si="320"/>
        <v/>
      </c>
      <c r="BT535" s="203" t="str">
        <f t="shared" si="321"/>
        <v/>
      </c>
      <c r="BU535" s="203" t="str">
        <f t="shared" si="322"/>
        <v/>
      </c>
      <c r="BV535" s="203" t="str">
        <f t="shared" si="323"/>
        <v/>
      </c>
      <c r="BW535" s="203" t="str">
        <f t="shared" si="324"/>
        <v/>
      </c>
      <c r="BX535" s="203" t="str">
        <f t="shared" si="325"/>
        <v/>
      </c>
      <c r="BY535" s="203" t="str">
        <f t="shared" si="326"/>
        <v/>
      </c>
      <c r="BZ535" s="203" t="str">
        <f t="shared" si="327"/>
        <v/>
      </c>
      <c r="CA535" s="203" t="str">
        <f t="shared" si="328"/>
        <v/>
      </c>
      <c r="CB535" s="203" t="str">
        <f t="shared" si="329"/>
        <v/>
      </c>
      <c r="CC535" s="203" t="str">
        <f t="shared" si="330"/>
        <v/>
      </c>
      <c r="CD535" s="200"/>
      <c r="CE535" s="200"/>
      <c r="CF535" s="200"/>
    </row>
    <row r="536" spans="1:84" s="211" customFormat="1" ht="56.1" hidden="1" customHeight="1" x14ac:dyDescent="0.2">
      <c r="A536" s="198">
        <v>536</v>
      </c>
      <c r="B536" s="199" t="s">
        <v>53</v>
      </c>
      <c r="C536" s="208" t="s">
        <v>515</v>
      </c>
      <c r="D536" s="200" t="s">
        <v>530</v>
      </c>
      <c r="E536" s="200" t="s">
        <v>532</v>
      </c>
      <c r="F536" s="200" t="s">
        <v>532</v>
      </c>
      <c r="G536" s="200" t="s">
        <v>58</v>
      </c>
      <c r="H536" s="200" t="s">
        <v>310</v>
      </c>
      <c r="I536" s="200" t="s">
        <v>8</v>
      </c>
      <c r="J536" s="200" t="s">
        <v>525</v>
      </c>
      <c r="K536" s="200" t="s">
        <v>225</v>
      </c>
      <c r="L536" s="200" t="s">
        <v>63</v>
      </c>
      <c r="M536" s="200" t="s">
        <v>63</v>
      </c>
      <c r="N536" s="201">
        <v>0</v>
      </c>
      <c r="O536" s="201">
        <v>0</v>
      </c>
      <c r="P536" s="200" t="s">
        <v>226</v>
      </c>
      <c r="Q536" s="200" t="s">
        <v>82</v>
      </c>
      <c r="R536" s="210"/>
      <c r="S536" s="210"/>
      <c r="T536" s="210"/>
      <c r="U536" s="210"/>
      <c r="V536" s="210"/>
      <c r="W536" s="203"/>
      <c r="X536" s="210"/>
      <c r="Y536" s="210"/>
      <c r="Z536" s="210"/>
      <c r="AA536" s="210"/>
      <c r="AB536" s="210"/>
      <c r="AC536" s="210"/>
      <c r="AD536" s="210"/>
      <c r="AE536" s="210"/>
      <c r="AF536" s="210"/>
      <c r="AG536" s="210"/>
      <c r="AH536" s="203" t="s">
        <v>66</v>
      </c>
      <c r="AI536" s="210"/>
      <c r="AJ536" s="210"/>
      <c r="AK536" s="210"/>
      <c r="AL536" s="210"/>
      <c r="AM536" s="210"/>
      <c r="AN536" s="210"/>
      <c r="AO536" s="210"/>
      <c r="AP536" s="210"/>
      <c r="AQ536" s="210"/>
      <c r="AR536" s="210"/>
      <c r="AS536" s="210"/>
      <c r="AT536" s="210"/>
      <c r="AU536" s="210"/>
      <c r="AV536" s="210"/>
      <c r="AW536" s="204">
        <f t="shared" si="298"/>
        <v>2385</v>
      </c>
      <c r="AX536" s="205"/>
      <c r="AY536" s="203" t="str">
        <f t="shared" si="300"/>
        <v/>
      </c>
      <c r="AZ536" s="203" t="str">
        <f t="shared" si="301"/>
        <v/>
      </c>
      <c r="BA536" s="203" t="str">
        <f t="shared" si="302"/>
        <v/>
      </c>
      <c r="BB536" s="203" t="str">
        <f t="shared" si="303"/>
        <v/>
      </c>
      <c r="BC536" s="203" t="str">
        <f t="shared" si="304"/>
        <v/>
      </c>
      <c r="BD536" s="203" t="str">
        <f t="shared" si="305"/>
        <v/>
      </c>
      <c r="BE536" s="203" t="str">
        <f t="shared" si="306"/>
        <v/>
      </c>
      <c r="BF536" s="203" t="str">
        <f t="shared" si="307"/>
        <v/>
      </c>
      <c r="BG536" s="203" t="str">
        <f t="shared" si="308"/>
        <v/>
      </c>
      <c r="BH536" s="203" t="str">
        <f t="shared" si="309"/>
        <v/>
      </c>
      <c r="BI536" s="203" t="str">
        <f t="shared" si="310"/>
        <v/>
      </c>
      <c r="BJ536" s="203" t="str">
        <f t="shared" si="311"/>
        <v/>
      </c>
      <c r="BK536" s="203" t="str">
        <f t="shared" si="312"/>
        <v/>
      </c>
      <c r="BL536" s="203" t="str">
        <f t="shared" si="313"/>
        <v/>
      </c>
      <c r="BM536" s="203" t="str">
        <f t="shared" si="314"/>
        <v/>
      </c>
      <c r="BN536" s="203" t="str">
        <f t="shared" si="315"/>
        <v/>
      </c>
      <c r="BO536" s="203">
        <f t="shared" si="316"/>
        <v>0</v>
      </c>
      <c r="BP536" s="203" t="str">
        <f t="shared" si="317"/>
        <v/>
      </c>
      <c r="BQ536" s="203" t="str">
        <f t="shared" si="318"/>
        <v/>
      </c>
      <c r="BR536" s="203" t="str">
        <f t="shared" si="319"/>
        <v/>
      </c>
      <c r="BS536" s="203" t="str">
        <f t="shared" si="320"/>
        <v/>
      </c>
      <c r="BT536" s="203" t="str">
        <f t="shared" si="321"/>
        <v/>
      </c>
      <c r="BU536" s="203" t="str">
        <f t="shared" si="322"/>
        <v/>
      </c>
      <c r="BV536" s="203" t="str">
        <f t="shared" si="323"/>
        <v/>
      </c>
      <c r="BW536" s="203" t="str">
        <f t="shared" si="324"/>
        <v/>
      </c>
      <c r="BX536" s="203" t="str">
        <f t="shared" si="325"/>
        <v/>
      </c>
      <c r="BY536" s="203" t="str">
        <f t="shared" si="326"/>
        <v/>
      </c>
      <c r="BZ536" s="203" t="str">
        <f t="shared" si="327"/>
        <v/>
      </c>
      <c r="CA536" s="203" t="str">
        <f t="shared" si="328"/>
        <v/>
      </c>
      <c r="CB536" s="203" t="str">
        <f t="shared" si="329"/>
        <v/>
      </c>
      <c r="CC536" s="203" t="str">
        <f t="shared" si="330"/>
        <v/>
      </c>
      <c r="CD536" s="200"/>
      <c r="CE536" s="200"/>
      <c r="CF536" s="200"/>
    </row>
    <row r="537" spans="1:84" s="211" customFormat="1" ht="56.1" hidden="1" customHeight="1" x14ac:dyDescent="0.2">
      <c r="A537" s="198">
        <v>537</v>
      </c>
      <c r="B537" s="199" t="s">
        <v>53</v>
      </c>
      <c r="C537" s="208" t="s">
        <v>515</v>
      </c>
      <c r="D537" s="200" t="s">
        <v>533</v>
      </c>
      <c r="E537" s="200" t="s">
        <v>534</v>
      </c>
      <c r="F537" s="200" t="s">
        <v>534</v>
      </c>
      <c r="G537" s="200" t="s">
        <v>58</v>
      </c>
      <c r="H537" s="200" t="s">
        <v>310</v>
      </c>
      <c r="I537" s="200" t="s">
        <v>551</v>
      </c>
      <c r="J537" s="200" t="s">
        <v>334</v>
      </c>
      <c r="K537" s="200" t="s">
        <v>225</v>
      </c>
      <c r="L537" s="200" t="s">
        <v>63</v>
      </c>
      <c r="M537" s="200" t="s">
        <v>63</v>
      </c>
      <c r="N537" s="201">
        <v>424363.05</v>
      </c>
      <c r="O537" s="201">
        <v>424363.05</v>
      </c>
      <c r="P537" s="200" t="s">
        <v>226</v>
      </c>
      <c r="Q537" s="200" t="s">
        <v>82</v>
      </c>
      <c r="R537" s="210"/>
      <c r="S537" s="210"/>
      <c r="T537" s="210"/>
      <c r="U537" s="210"/>
      <c r="V537" s="210"/>
      <c r="W537" s="203"/>
      <c r="X537" s="210"/>
      <c r="Y537" s="210"/>
      <c r="Z537" s="210"/>
      <c r="AA537" s="210"/>
      <c r="AB537" s="210"/>
      <c r="AC537" s="210"/>
      <c r="AD537" s="210"/>
      <c r="AE537" s="210"/>
      <c r="AF537" s="210"/>
      <c r="AG537" s="210"/>
      <c r="AH537" s="203" t="s">
        <v>66</v>
      </c>
      <c r="AI537" s="210"/>
      <c r="AJ537" s="210"/>
      <c r="AK537" s="210"/>
      <c r="AL537" s="210"/>
      <c r="AM537" s="210"/>
      <c r="AN537" s="210"/>
      <c r="AO537" s="210"/>
      <c r="AP537" s="210"/>
      <c r="AQ537" s="210"/>
      <c r="AR537" s="210"/>
      <c r="AS537" s="210"/>
      <c r="AT537" s="210"/>
      <c r="AU537" s="210"/>
      <c r="AV537" s="210"/>
      <c r="AW537" s="204">
        <f t="shared" si="298"/>
        <v>2385</v>
      </c>
      <c r="AX537" s="205">
        <f>O537/AW537</f>
        <v>177.93</v>
      </c>
      <c r="AY537" s="203" t="str">
        <f t="shared" si="300"/>
        <v/>
      </c>
      <c r="AZ537" s="203" t="str">
        <f t="shared" si="301"/>
        <v/>
      </c>
      <c r="BA537" s="203" t="str">
        <f t="shared" si="302"/>
        <v/>
      </c>
      <c r="BB537" s="203" t="str">
        <f t="shared" si="303"/>
        <v/>
      </c>
      <c r="BC537" s="203" t="str">
        <f t="shared" si="304"/>
        <v/>
      </c>
      <c r="BD537" s="203" t="str">
        <f t="shared" si="305"/>
        <v/>
      </c>
      <c r="BE537" s="203" t="str">
        <f t="shared" si="306"/>
        <v/>
      </c>
      <c r="BF537" s="203" t="str">
        <f t="shared" si="307"/>
        <v/>
      </c>
      <c r="BG537" s="203" t="str">
        <f t="shared" si="308"/>
        <v/>
      </c>
      <c r="BH537" s="203" t="str">
        <f t="shared" si="309"/>
        <v/>
      </c>
      <c r="BI537" s="203" t="str">
        <f t="shared" si="310"/>
        <v/>
      </c>
      <c r="BJ537" s="203" t="str">
        <f t="shared" si="311"/>
        <v/>
      </c>
      <c r="BK537" s="203" t="str">
        <f t="shared" si="312"/>
        <v/>
      </c>
      <c r="BL537" s="203" t="str">
        <f t="shared" si="313"/>
        <v/>
      </c>
      <c r="BM537" s="203" t="str">
        <f t="shared" si="314"/>
        <v/>
      </c>
      <c r="BN537" s="203" t="str">
        <f t="shared" si="315"/>
        <v/>
      </c>
      <c r="BO537" s="203">
        <f t="shared" si="316"/>
        <v>424363.05</v>
      </c>
      <c r="BP537" s="203" t="str">
        <f t="shared" si="317"/>
        <v/>
      </c>
      <c r="BQ537" s="203" t="str">
        <f t="shared" si="318"/>
        <v/>
      </c>
      <c r="BR537" s="203" t="str">
        <f t="shared" si="319"/>
        <v/>
      </c>
      <c r="BS537" s="203" t="str">
        <f t="shared" si="320"/>
        <v/>
      </c>
      <c r="BT537" s="203" t="str">
        <f t="shared" si="321"/>
        <v/>
      </c>
      <c r="BU537" s="203" t="str">
        <f t="shared" si="322"/>
        <v/>
      </c>
      <c r="BV537" s="203" t="str">
        <f t="shared" si="323"/>
        <v/>
      </c>
      <c r="BW537" s="203" t="str">
        <f t="shared" si="324"/>
        <v/>
      </c>
      <c r="BX537" s="203" t="str">
        <f t="shared" si="325"/>
        <v/>
      </c>
      <c r="BY537" s="203" t="str">
        <f t="shared" si="326"/>
        <v/>
      </c>
      <c r="BZ537" s="203" t="str">
        <f t="shared" si="327"/>
        <v/>
      </c>
      <c r="CA537" s="203" t="str">
        <f t="shared" si="328"/>
        <v/>
      </c>
      <c r="CB537" s="203" t="str">
        <f t="shared" si="329"/>
        <v/>
      </c>
      <c r="CC537" s="203" t="str">
        <f t="shared" si="330"/>
        <v/>
      </c>
      <c r="CD537" s="200"/>
      <c r="CE537" s="200"/>
      <c r="CF537" s="200"/>
    </row>
    <row r="538" spans="1:84" s="261" customFormat="1" ht="56.1" customHeight="1" x14ac:dyDescent="0.2">
      <c r="A538" s="228">
        <v>538</v>
      </c>
      <c r="B538" s="229" t="s">
        <v>53</v>
      </c>
      <c r="C538" s="230" t="s">
        <v>515</v>
      </c>
      <c r="D538" s="258" t="s">
        <v>580</v>
      </c>
      <c r="E538" s="258" t="s">
        <v>581</v>
      </c>
      <c r="F538" s="259" t="s">
        <v>582</v>
      </c>
      <c r="G538" s="258" t="s">
        <v>333</v>
      </c>
      <c r="H538" s="258" t="s">
        <v>63</v>
      </c>
      <c r="I538" s="258" t="s">
        <v>81</v>
      </c>
      <c r="J538" s="258" t="s">
        <v>583</v>
      </c>
      <c r="K538" s="258" t="s">
        <v>584</v>
      </c>
      <c r="L538" s="258" t="s">
        <v>63</v>
      </c>
      <c r="M538" s="258" t="s">
        <v>63</v>
      </c>
      <c r="N538" s="260"/>
      <c r="O538" s="260"/>
      <c r="P538" s="258" t="s">
        <v>585</v>
      </c>
      <c r="Q538" s="258" t="s">
        <v>65</v>
      </c>
      <c r="R538" s="239" t="s">
        <v>66</v>
      </c>
      <c r="S538" s="239" t="s">
        <v>66</v>
      </c>
      <c r="T538" s="239" t="s">
        <v>66</v>
      </c>
      <c r="U538" s="239" t="s">
        <v>66</v>
      </c>
      <c r="V538" s="239" t="s">
        <v>66</v>
      </c>
      <c r="W538" s="239" t="s">
        <v>66</v>
      </c>
      <c r="X538" s="239" t="s">
        <v>66</v>
      </c>
      <c r="Y538" s="239" t="s">
        <v>66</v>
      </c>
      <c r="Z538" s="239" t="s">
        <v>66</v>
      </c>
      <c r="AA538" s="239" t="s">
        <v>66</v>
      </c>
      <c r="AB538" s="239" t="s">
        <v>66</v>
      </c>
      <c r="AC538" s="239" t="s">
        <v>66</v>
      </c>
      <c r="AD538" s="239" t="s">
        <v>66</v>
      </c>
      <c r="AE538" s="239" t="s">
        <v>66</v>
      </c>
      <c r="AF538" s="239" t="s">
        <v>66</v>
      </c>
      <c r="AG538" s="239" t="s">
        <v>66</v>
      </c>
      <c r="AH538" s="239" t="s">
        <v>66</v>
      </c>
      <c r="AI538" s="239" t="s">
        <v>66</v>
      </c>
      <c r="AJ538" s="239" t="s">
        <v>66</v>
      </c>
      <c r="AK538" s="239" t="s">
        <v>66</v>
      </c>
      <c r="AL538" s="239" t="s">
        <v>66</v>
      </c>
      <c r="AM538" s="239" t="s">
        <v>66</v>
      </c>
      <c r="AN538" s="239" t="s">
        <v>66</v>
      </c>
      <c r="AO538" s="239" t="s">
        <v>66</v>
      </c>
      <c r="AP538" s="239" t="s">
        <v>66</v>
      </c>
      <c r="AQ538" s="239" t="s">
        <v>66</v>
      </c>
      <c r="AR538" s="239" t="s">
        <v>66</v>
      </c>
      <c r="AS538" s="239" t="s">
        <v>66</v>
      </c>
      <c r="AT538" s="239" t="s">
        <v>66</v>
      </c>
      <c r="AU538" s="239" t="s">
        <v>66</v>
      </c>
      <c r="AV538" s="239" t="s">
        <v>66</v>
      </c>
      <c r="AW538" s="238">
        <f t="shared" si="298"/>
        <v>13219</v>
      </c>
      <c r="AX538" s="84"/>
      <c r="AY538" s="239">
        <f t="shared" si="300"/>
        <v>0</v>
      </c>
      <c r="AZ538" s="239">
        <f t="shared" si="301"/>
        <v>0</v>
      </c>
      <c r="BA538" s="239">
        <f t="shared" si="302"/>
        <v>0</v>
      </c>
      <c r="BB538" s="239">
        <f t="shared" si="303"/>
        <v>0</v>
      </c>
      <c r="BC538" s="239">
        <f t="shared" si="304"/>
        <v>0</v>
      </c>
      <c r="BD538" s="239">
        <f t="shared" si="305"/>
        <v>0</v>
      </c>
      <c r="BE538" s="239">
        <f t="shared" si="306"/>
        <v>0</v>
      </c>
      <c r="BF538" s="239">
        <f t="shared" si="307"/>
        <v>0</v>
      </c>
      <c r="BG538" s="239">
        <f t="shared" si="308"/>
        <v>0</v>
      </c>
      <c r="BH538" s="239">
        <f t="shared" si="309"/>
        <v>0</v>
      </c>
      <c r="BI538" s="239">
        <f t="shared" si="310"/>
        <v>0</v>
      </c>
      <c r="BJ538" s="239">
        <f t="shared" si="311"/>
        <v>0</v>
      </c>
      <c r="BK538" s="239">
        <f t="shared" si="312"/>
        <v>0</v>
      </c>
      <c r="BL538" s="239">
        <f t="shared" si="313"/>
        <v>0</v>
      </c>
      <c r="BM538" s="239">
        <f t="shared" si="314"/>
        <v>0</v>
      </c>
      <c r="BN538" s="239">
        <f t="shared" si="315"/>
        <v>0</v>
      </c>
      <c r="BO538" s="239">
        <f t="shared" si="316"/>
        <v>0</v>
      </c>
      <c r="BP538" s="239">
        <f t="shared" si="317"/>
        <v>0</v>
      </c>
      <c r="BQ538" s="239">
        <f t="shared" si="318"/>
        <v>0</v>
      </c>
      <c r="BR538" s="239">
        <f t="shared" si="319"/>
        <v>0</v>
      </c>
      <c r="BS538" s="239">
        <f t="shared" si="320"/>
        <v>0</v>
      </c>
      <c r="BT538" s="239">
        <f t="shared" si="321"/>
        <v>0</v>
      </c>
      <c r="BU538" s="239">
        <f t="shared" si="322"/>
        <v>0</v>
      </c>
      <c r="BV538" s="239">
        <f t="shared" si="323"/>
        <v>0</v>
      </c>
      <c r="BW538" s="239">
        <f t="shared" si="324"/>
        <v>0</v>
      </c>
      <c r="BX538" s="239">
        <f t="shared" si="325"/>
        <v>0</v>
      </c>
      <c r="BY538" s="239">
        <f t="shared" si="326"/>
        <v>0</v>
      </c>
      <c r="BZ538" s="239">
        <f t="shared" si="327"/>
        <v>0</v>
      </c>
      <c r="CA538" s="239">
        <f t="shared" si="328"/>
        <v>0</v>
      </c>
      <c r="CB538" s="239">
        <f t="shared" si="329"/>
        <v>0</v>
      </c>
      <c r="CC538" s="239">
        <f t="shared" si="330"/>
        <v>0</v>
      </c>
      <c r="CD538" s="258"/>
      <c r="CE538" s="258" t="s">
        <v>586</v>
      </c>
      <c r="CF538" s="258"/>
    </row>
    <row r="539" spans="1:84" s="318" customFormat="1" ht="56.1" hidden="1" customHeight="1" x14ac:dyDescent="0.2">
      <c r="A539" s="302">
        <v>539</v>
      </c>
      <c r="B539" s="24" t="s">
        <v>53</v>
      </c>
      <c r="C539" s="35" t="s">
        <v>515</v>
      </c>
      <c r="D539" s="303" t="s">
        <v>580</v>
      </c>
      <c r="E539" s="303" t="s">
        <v>587</v>
      </c>
      <c r="F539" s="303" t="s">
        <v>588</v>
      </c>
      <c r="G539" s="303" t="s">
        <v>90</v>
      </c>
      <c r="H539" s="303" t="s">
        <v>38</v>
      </c>
      <c r="I539" s="303" t="s">
        <v>81</v>
      </c>
      <c r="J539" s="303" t="s">
        <v>525</v>
      </c>
      <c r="K539" s="303" t="s">
        <v>584</v>
      </c>
      <c r="L539" s="303" t="s">
        <v>63</v>
      </c>
      <c r="M539" s="303" t="s">
        <v>63</v>
      </c>
      <c r="N539" s="304"/>
      <c r="O539" s="304"/>
      <c r="P539" s="303" t="s">
        <v>585</v>
      </c>
      <c r="Q539" s="303" t="s">
        <v>65</v>
      </c>
      <c r="R539" s="317"/>
      <c r="S539" s="317"/>
      <c r="T539" s="317"/>
      <c r="U539" s="317"/>
      <c r="V539" s="317"/>
      <c r="W539" s="317"/>
      <c r="X539" s="317"/>
      <c r="Y539" s="317"/>
      <c r="Z539" s="317"/>
      <c r="AA539" s="317"/>
      <c r="AB539" s="317"/>
      <c r="AC539" s="317"/>
      <c r="AD539" s="317"/>
      <c r="AE539" s="317"/>
      <c r="AF539" s="317"/>
      <c r="AG539" s="317"/>
      <c r="AH539" s="317"/>
      <c r="AI539" s="317"/>
      <c r="AJ539" s="317"/>
      <c r="AK539" s="317"/>
      <c r="AL539" s="317"/>
      <c r="AM539" s="307" t="s">
        <v>66</v>
      </c>
      <c r="AN539" s="317"/>
      <c r="AO539" s="317"/>
      <c r="AP539" s="317"/>
      <c r="AQ539" s="317"/>
      <c r="AR539" s="317"/>
      <c r="AS539" s="317"/>
      <c r="AT539" s="317"/>
      <c r="AU539" s="317"/>
      <c r="AV539" s="317"/>
      <c r="AW539" s="308">
        <f t="shared" si="298"/>
        <v>250</v>
      </c>
      <c r="AX539" s="309"/>
      <c r="AY539" s="307" t="str">
        <f t="shared" si="300"/>
        <v/>
      </c>
      <c r="AZ539" s="307" t="str">
        <f t="shared" si="301"/>
        <v/>
      </c>
      <c r="BA539" s="307" t="str">
        <f t="shared" si="302"/>
        <v/>
      </c>
      <c r="BB539" s="307" t="str">
        <f t="shared" si="303"/>
        <v/>
      </c>
      <c r="BC539" s="307" t="str">
        <f t="shared" si="304"/>
        <v/>
      </c>
      <c r="BD539" s="307" t="str">
        <f t="shared" si="305"/>
        <v/>
      </c>
      <c r="BE539" s="307" t="str">
        <f t="shared" si="306"/>
        <v/>
      </c>
      <c r="BF539" s="307" t="str">
        <f t="shared" si="307"/>
        <v/>
      </c>
      <c r="BG539" s="307" t="str">
        <f t="shared" si="308"/>
        <v/>
      </c>
      <c r="BH539" s="307" t="str">
        <f t="shared" si="309"/>
        <v/>
      </c>
      <c r="BI539" s="307" t="str">
        <f t="shared" si="310"/>
        <v/>
      </c>
      <c r="BJ539" s="307" t="str">
        <f t="shared" si="311"/>
        <v/>
      </c>
      <c r="BK539" s="307" t="str">
        <f t="shared" si="312"/>
        <v/>
      </c>
      <c r="BL539" s="307" t="str">
        <f t="shared" si="313"/>
        <v/>
      </c>
      <c r="BM539" s="307" t="str">
        <f t="shared" si="314"/>
        <v/>
      </c>
      <c r="BN539" s="307" t="str">
        <f t="shared" si="315"/>
        <v/>
      </c>
      <c r="BO539" s="307" t="str">
        <f t="shared" si="316"/>
        <v/>
      </c>
      <c r="BP539" s="307" t="str">
        <f t="shared" si="317"/>
        <v/>
      </c>
      <c r="BQ539" s="307" t="str">
        <f t="shared" si="318"/>
        <v/>
      </c>
      <c r="BR539" s="307" t="str">
        <f t="shared" si="319"/>
        <v/>
      </c>
      <c r="BS539" s="307" t="str">
        <f t="shared" si="320"/>
        <v/>
      </c>
      <c r="BT539" s="307">
        <f t="shared" si="321"/>
        <v>0</v>
      </c>
      <c r="BU539" s="307" t="str">
        <f t="shared" si="322"/>
        <v/>
      </c>
      <c r="BV539" s="307" t="str">
        <f t="shared" si="323"/>
        <v/>
      </c>
      <c r="BW539" s="307" t="str">
        <f t="shared" si="324"/>
        <v/>
      </c>
      <c r="BX539" s="307" t="str">
        <f t="shared" si="325"/>
        <v/>
      </c>
      <c r="BY539" s="307" t="str">
        <f t="shared" si="326"/>
        <v/>
      </c>
      <c r="BZ539" s="307" t="str">
        <f t="shared" si="327"/>
        <v/>
      </c>
      <c r="CA539" s="307" t="str">
        <f t="shared" si="328"/>
        <v/>
      </c>
      <c r="CB539" s="307" t="str">
        <f t="shared" si="329"/>
        <v/>
      </c>
      <c r="CC539" s="307" t="str">
        <f t="shared" si="330"/>
        <v/>
      </c>
      <c r="CD539" s="303"/>
      <c r="CE539" s="303" t="s">
        <v>586</v>
      </c>
      <c r="CF539" s="303"/>
    </row>
    <row r="540" spans="1:84" s="318" customFormat="1" ht="56.1" hidden="1" customHeight="1" x14ac:dyDescent="0.2">
      <c r="A540" s="302">
        <v>540</v>
      </c>
      <c r="B540" s="24" t="s">
        <v>53</v>
      </c>
      <c r="C540" s="35" t="s">
        <v>515</v>
      </c>
      <c r="D540" s="303" t="s">
        <v>580</v>
      </c>
      <c r="E540" s="303" t="s">
        <v>587</v>
      </c>
      <c r="F540" s="303" t="s">
        <v>589</v>
      </c>
      <c r="G540" s="303" t="s">
        <v>90</v>
      </c>
      <c r="H540" s="303" t="s">
        <v>39</v>
      </c>
      <c r="I540" s="303" t="s">
        <v>81</v>
      </c>
      <c r="J540" s="303" t="s">
        <v>525</v>
      </c>
      <c r="K540" s="303" t="s">
        <v>584</v>
      </c>
      <c r="L540" s="303" t="s">
        <v>63</v>
      </c>
      <c r="M540" s="303" t="s">
        <v>63</v>
      </c>
      <c r="N540" s="304"/>
      <c r="O540" s="304"/>
      <c r="P540" s="303" t="s">
        <v>585</v>
      </c>
      <c r="Q540" s="303" t="s">
        <v>65</v>
      </c>
      <c r="R540" s="317"/>
      <c r="S540" s="317"/>
      <c r="T540" s="317"/>
      <c r="U540" s="317"/>
      <c r="V540" s="317"/>
      <c r="W540" s="317"/>
      <c r="X540" s="317"/>
      <c r="Y540" s="317"/>
      <c r="Z540" s="317"/>
      <c r="AA540" s="317"/>
      <c r="AB540" s="317"/>
      <c r="AC540" s="317"/>
      <c r="AD540" s="317"/>
      <c r="AE540" s="317"/>
      <c r="AF540" s="317"/>
      <c r="AG540" s="317"/>
      <c r="AH540" s="317"/>
      <c r="AI540" s="317"/>
      <c r="AJ540" s="317"/>
      <c r="AK540" s="317"/>
      <c r="AL540" s="317"/>
      <c r="AM540" s="317"/>
      <c r="AN540" s="307" t="s">
        <v>66</v>
      </c>
      <c r="AO540" s="317"/>
      <c r="AP540" s="317"/>
      <c r="AQ540" s="317"/>
      <c r="AR540" s="317"/>
      <c r="AS540" s="317"/>
      <c r="AT540" s="317"/>
      <c r="AU540" s="317"/>
      <c r="AV540" s="317"/>
      <c r="AW540" s="308">
        <f t="shared" si="298"/>
        <v>400</v>
      </c>
      <c r="AX540" s="309"/>
      <c r="AY540" s="307" t="str">
        <f t="shared" si="300"/>
        <v/>
      </c>
      <c r="AZ540" s="307" t="str">
        <f t="shared" si="301"/>
        <v/>
      </c>
      <c r="BA540" s="307" t="str">
        <f t="shared" si="302"/>
        <v/>
      </c>
      <c r="BB540" s="307" t="str">
        <f t="shared" si="303"/>
        <v/>
      </c>
      <c r="BC540" s="307" t="str">
        <f t="shared" si="304"/>
        <v/>
      </c>
      <c r="BD540" s="307" t="str">
        <f t="shared" si="305"/>
        <v/>
      </c>
      <c r="BE540" s="307" t="str">
        <f t="shared" si="306"/>
        <v/>
      </c>
      <c r="BF540" s="307" t="str">
        <f t="shared" si="307"/>
        <v/>
      </c>
      <c r="BG540" s="307" t="str">
        <f t="shared" si="308"/>
        <v/>
      </c>
      <c r="BH540" s="307" t="str">
        <f t="shared" si="309"/>
        <v/>
      </c>
      <c r="BI540" s="307" t="str">
        <f t="shared" si="310"/>
        <v/>
      </c>
      <c r="BJ540" s="307" t="str">
        <f t="shared" si="311"/>
        <v/>
      </c>
      <c r="BK540" s="307" t="str">
        <f t="shared" si="312"/>
        <v/>
      </c>
      <c r="BL540" s="307" t="str">
        <f t="shared" si="313"/>
        <v/>
      </c>
      <c r="BM540" s="307" t="str">
        <f t="shared" si="314"/>
        <v/>
      </c>
      <c r="BN540" s="307" t="str">
        <f t="shared" si="315"/>
        <v/>
      </c>
      <c r="BO540" s="307" t="str">
        <f t="shared" si="316"/>
        <v/>
      </c>
      <c r="BP540" s="307" t="str">
        <f t="shared" si="317"/>
        <v/>
      </c>
      <c r="BQ540" s="307" t="str">
        <f t="shared" si="318"/>
        <v/>
      </c>
      <c r="BR540" s="307" t="str">
        <f t="shared" si="319"/>
        <v/>
      </c>
      <c r="BS540" s="307" t="str">
        <f t="shared" si="320"/>
        <v/>
      </c>
      <c r="BT540" s="307" t="str">
        <f t="shared" si="321"/>
        <v/>
      </c>
      <c r="BU540" s="307">
        <f t="shared" si="322"/>
        <v>0</v>
      </c>
      <c r="BV540" s="307" t="str">
        <f t="shared" si="323"/>
        <v/>
      </c>
      <c r="BW540" s="307" t="str">
        <f t="shared" si="324"/>
        <v/>
      </c>
      <c r="BX540" s="307" t="str">
        <f t="shared" si="325"/>
        <v/>
      </c>
      <c r="BY540" s="307" t="str">
        <f t="shared" si="326"/>
        <v/>
      </c>
      <c r="BZ540" s="307" t="str">
        <f t="shared" si="327"/>
        <v/>
      </c>
      <c r="CA540" s="307" t="str">
        <f t="shared" si="328"/>
        <v/>
      </c>
      <c r="CB540" s="307" t="str">
        <f t="shared" si="329"/>
        <v/>
      </c>
      <c r="CC540" s="307" t="str">
        <f t="shared" si="330"/>
        <v/>
      </c>
      <c r="CD540" s="303"/>
      <c r="CE540" s="303" t="s">
        <v>586</v>
      </c>
      <c r="CF540" s="303"/>
    </row>
    <row r="541" spans="1:84" s="318" customFormat="1" ht="56.1" hidden="1" customHeight="1" x14ac:dyDescent="0.2">
      <c r="A541" s="302">
        <v>541</v>
      </c>
      <c r="B541" s="24" t="s">
        <v>53</v>
      </c>
      <c r="C541" s="35" t="s">
        <v>515</v>
      </c>
      <c r="D541" s="303" t="s">
        <v>580</v>
      </c>
      <c r="E541" s="303" t="s">
        <v>590</v>
      </c>
      <c r="F541" s="303" t="s">
        <v>591</v>
      </c>
      <c r="G541" s="303" t="s">
        <v>90</v>
      </c>
      <c r="H541" s="303" t="s">
        <v>40</v>
      </c>
      <c r="I541" s="303" t="s">
        <v>60</v>
      </c>
      <c r="J541" s="303" t="s">
        <v>525</v>
      </c>
      <c r="K541" s="303" t="s">
        <v>584</v>
      </c>
      <c r="L541" s="303" t="s">
        <v>63</v>
      </c>
      <c r="M541" s="303" t="s">
        <v>63</v>
      </c>
      <c r="N541" s="304"/>
      <c r="O541" s="304"/>
      <c r="P541" s="303" t="s">
        <v>585</v>
      </c>
      <c r="Q541" s="303" t="s">
        <v>65</v>
      </c>
      <c r="R541" s="317"/>
      <c r="S541" s="317"/>
      <c r="T541" s="317"/>
      <c r="U541" s="317"/>
      <c r="V541" s="317"/>
      <c r="W541" s="317"/>
      <c r="X541" s="317"/>
      <c r="Y541" s="317"/>
      <c r="Z541" s="317"/>
      <c r="AA541" s="317"/>
      <c r="AB541" s="317"/>
      <c r="AC541" s="317"/>
      <c r="AD541" s="317"/>
      <c r="AE541" s="317"/>
      <c r="AF541" s="317"/>
      <c r="AG541" s="317"/>
      <c r="AH541" s="317"/>
      <c r="AI541" s="317"/>
      <c r="AJ541" s="317"/>
      <c r="AK541" s="317"/>
      <c r="AL541" s="317"/>
      <c r="AM541" s="317"/>
      <c r="AN541" s="317"/>
      <c r="AO541" s="307" t="s">
        <v>66</v>
      </c>
      <c r="AP541" s="317"/>
      <c r="AQ541" s="317"/>
      <c r="AR541" s="317"/>
      <c r="AS541" s="317"/>
      <c r="AT541" s="317"/>
      <c r="AU541" s="317"/>
      <c r="AV541" s="317"/>
      <c r="AW541" s="308">
        <f t="shared" si="298"/>
        <v>1400</v>
      </c>
      <c r="AX541" s="309"/>
      <c r="AY541" s="307" t="str">
        <f t="shared" si="300"/>
        <v/>
      </c>
      <c r="AZ541" s="307" t="str">
        <f t="shared" si="301"/>
        <v/>
      </c>
      <c r="BA541" s="307" t="str">
        <f t="shared" si="302"/>
        <v/>
      </c>
      <c r="BB541" s="307" t="str">
        <f t="shared" si="303"/>
        <v/>
      </c>
      <c r="BC541" s="307" t="str">
        <f t="shared" si="304"/>
        <v/>
      </c>
      <c r="BD541" s="307" t="str">
        <f t="shared" si="305"/>
        <v/>
      </c>
      <c r="BE541" s="307" t="str">
        <f t="shared" si="306"/>
        <v/>
      </c>
      <c r="BF541" s="307" t="str">
        <f t="shared" si="307"/>
        <v/>
      </c>
      <c r="BG541" s="307" t="str">
        <f t="shared" si="308"/>
        <v/>
      </c>
      <c r="BH541" s="307" t="str">
        <f t="shared" si="309"/>
        <v/>
      </c>
      <c r="BI541" s="307" t="str">
        <f t="shared" si="310"/>
        <v/>
      </c>
      <c r="BJ541" s="307" t="str">
        <f t="shared" si="311"/>
        <v/>
      </c>
      <c r="BK541" s="307" t="str">
        <f t="shared" si="312"/>
        <v/>
      </c>
      <c r="BL541" s="307" t="str">
        <f t="shared" si="313"/>
        <v/>
      </c>
      <c r="BM541" s="307" t="str">
        <f t="shared" si="314"/>
        <v/>
      </c>
      <c r="BN541" s="307" t="str">
        <f t="shared" si="315"/>
        <v/>
      </c>
      <c r="BO541" s="307" t="str">
        <f t="shared" si="316"/>
        <v/>
      </c>
      <c r="BP541" s="307" t="str">
        <f t="shared" si="317"/>
        <v/>
      </c>
      <c r="BQ541" s="307" t="str">
        <f t="shared" si="318"/>
        <v/>
      </c>
      <c r="BR541" s="307" t="str">
        <f t="shared" si="319"/>
        <v/>
      </c>
      <c r="BS541" s="307" t="str">
        <f t="shared" si="320"/>
        <v/>
      </c>
      <c r="BT541" s="307" t="str">
        <f t="shared" si="321"/>
        <v/>
      </c>
      <c r="BU541" s="307" t="str">
        <f t="shared" si="322"/>
        <v/>
      </c>
      <c r="BV541" s="307">
        <f t="shared" si="323"/>
        <v>0</v>
      </c>
      <c r="BW541" s="307" t="str">
        <f t="shared" si="324"/>
        <v/>
      </c>
      <c r="BX541" s="307" t="str">
        <f t="shared" si="325"/>
        <v/>
      </c>
      <c r="BY541" s="307" t="str">
        <f t="shared" si="326"/>
        <v/>
      </c>
      <c r="BZ541" s="307" t="str">
        <f t="shared" si="327"/>
        <v/>
      </c>
      <c r="CA541" s="307" t="str">
        <f t="shared" si="328"/>
        <v/>
      </c>
      <c r="CB541" s="307" t="str">
        <f t="shared" si="329"/>
        <v/>
      </c>
      <c r="CC541" s="307" t="str">
        <f t="shared" si="330"/>
        <v/>
      </c>
      <c r="CD541" s="303"/>
      <c r="CE541" s="303" t="s">
        <v>586</v>
      </c>
      <c r="CF541" s="303"/>
    </row>
    <row r="542" spans="1:84" s="318" customFormat="1" ht="56.1" hidden="1" customHeight="1" x14ac:dyDescent="0.2">
      <c r="A542" s="302">
        <v>542</v>
      </c>
      <c r="B542" s="24" t="s">
        <v>53</v>
      </c>
      <c r="C542" s="35" t="s">
        <v>515</v>
      </c>
      <c r="D542" s="303" t="s">
        <v>580</v>
      </c>
      <c r="E542" s="303" t="s">
        <v>592</v>
      </c>
      <c r="F542" s="303" t="s">
        <v>593</v>
      </c>
      <c r="G542" s="303" t="s">
        <v>90</v>
      </c>
      <c r="H542" s="303" t="s">
        <v>310</v>
      </c>
      <c r="I542" s="303" t="s">
        <v>81</v>
      </c>
      <c r="J542" s="303" t="s">
        <v>525</v>
      </c>
      <c r="K542" s="303" t="s">
        <v>584</v>
      </c>
      <c r="L542" s="303" t="s">
        <v>63</v>
      </c>
      <c r="M542" s="303" t="s">
        <v>63</v>
      </c>
      <c r="N542" s="304"/>
      <c r="O542" s="304"/>
      <c r="P542" s="303" t="s">
        <v>585</v>
      </c>
      <c r="Q542" s="303" t="s">
        <v>65</v>
      </c>
      <c r="R542" s="317"/>
      <c r="S542" s="317"/>
      <c r="T542" s="317"/>
      <c r="U542" s="317"/>
      <c r="V542" s="317"/>
      <c r="W542" s="317"/>
      <c r="X542" s="317"/>
      <c r="Y542" s="317"/>
      <c r="Z542" s="317"/>
      <c r="AA542" s="317"/>
      <c r="AB542" s="317"/>
      <c r="AC542" s="317"/>
      <c r="AD542" s="317"/>
      <c r="AE542" s="317"/>
      <c r="AF542" s="317"/>
      <c r="AG542" s="317"/>
      <c r="AH542" s="317"/>
      <c r="AI542" s="317"/>
      <c r="AJ542" s="317"/>
      <c r="AK542" s="317"/>
      <c r="AL542" s="317"/>
      <c r="AM542" s="317"/>
      <c r="AN542" s="317"/>
      <c r="AO542" s="317"/>
      <c r="AP542" s="307" t="s">
        <v>66</v>
      </c>
      <c r="AQ542" s="317"/>
      <c r="AR542" s="317"/>
      <c r="AS542" s="317"/>
      <c r="AT542" s="317"/>
      <c r="AU542" s="317"/>
      <c r="AV542" s="317"/>
      <c r="AW542" s="308">
        <f t="shared" si="298"/>
        <v>201</v>
      </c>
      <c r="AX542" s="309"/>
      <c r="AY542" s="307" t="str">
        <f t="shared" si="300"/>
        <v/>
      </c>
      <c r="AZ542" s="307" t="str">
        <f t="shared" si="301"/>
        <v/>
      </c>
      <c r="BA542" s="307" t="str">
        <f t="shared" si="302"/>
        <v/>
      </c>
      <c r="BB542" s="307" t="str">
        <f t="shared" si="303"/>
        <v/>
      </c>
      <c r="BC542" s="307" t="str">
        <f t="shared" si="304"/>
        <v/>
      </c>
      <c r="BD542" s="307" t="str">
        <f t="shared" si="305"/>
        <v/>
      </c>
      <c r="BE542" s="307" t="str">
        <f t="shared" si="306"/>
        <v/>
      </c>
      <c r="BF542" s="307" t="str">
        <f t="shared" si="307"/>
        <v/>
      </c>
      <c r="BG542" s="307" t="str">
        <f t="shared" si="308"/>
        <v/>
      </c>
      <c r="BH542" s="307" t="str">
        <f t="shared" si="309"/>
        <v/>
      </c>
      <c r="BI542" s="307" t="str">
        <f t="shared" si="310"/>
        <v/>
      </c>
      <c r="BJ542" s="307" t="str">
        <f t="shared" si="311"/>
        <v/>
      </c>
      <c r="BK542" s="307" t="str">
        <f t="shared" si="312"/>
        <v/>
      </c>
      <c r="BL542" s="307" t="str">
        <f t="shared" si="313"/>
        <v/>
      </c>
      <c r="BM542" s="307" t="str">
        <f t="shared" si="314"/>
        <v/>
      </c>
      <c r="BN542" s="307" t="str">
        <f t="shared" si="315"/>
        <v/>
      </c>
      <c r="BO542" s="307" t="str">
        <f t="shared" si="316"/>
        <v/>
      </c>
      <c r="BP542" s="307" t="str">
        <f t="shared" si="317"/>
        <v/>
      </c>
      <c r="BQ542" s="307" t="str">
        <f t="shared" si="318"/>
        <v/>
      </c>
      <c r="BR542" s="307" t="str">
        <f t="shared" si="319"/>
        <v/>
      </c>
      <c r="BS542" s="307" t="str">
        <f t="shared" si="320"/>
        <v/>
      </c>
      <c r="BT542" s="307" t="str">
        <f t="shared" si="321"/>
        <v/>
      </c>
      <c r="BU542" s="307" t="str">
        <f t="shared" si="322"/>
        <v/>
      </c>
      <c r="BV542" s="307" t="str">
        <f t="shared" si="323"/>
        <v/>
      </c>
      <c r="BW542" s="307">
        <f t="shared" si="324"/>
        <v>0</v>
      </c>
      <c r="BX542" s="307" t="str">
        <f t="shared" si="325"/>
        <v/>
      </c>
      <c r="BY542" s="307" t="str">
        <f t="shared" si="326"/>
        <v/>
      </c>
      <c r="BZ542" s="307" t="str">
        <f t="shared" si="327"/>
        <v/>
      </c>
      <c r="CA542" s="307" t="str">
        <f t="shared" si="328"/>
        <v/>
      </c>
      <c r="CB542" s="307" t="str">
        <f t="shared" si="329"/>
        <v/>
      </c>
      <c r="CC542" s="307" t="str">
        <f t="shared" si="330"/>
        <v/>
      </c>
      <c r="CD542" s="303"/>
      <c r="CE542" s="303" t="s">
        <v>586</v>
      </c>
      <c r="CF542" s="303"/>
    </row>
    <row r="543" spans="1:84" s="318" customFormat="1" ht="56.1" hidden="1" customHeight="1" x14ac:dyDescent="0.2">
      <c r="A543" s="302">
        <v>543</v>
      </c>
      <c r="B543" s="24" t="s">
        <v>53</v>
      </c>
      <c r="C543" s="35" t="s">
        <v>515</v>
      </c>
      <c r="D543" s="303" t="s">
        <v>580</v>
      </c>
      <c r="E543" s="303" t="s">
        <v>594</v>
      </c>
      <c r="F543" s="303" t="s">
        <v>595</v>
      </c>
      <c r="G543" s="303" t="s">
        <v>86</v>
      </c>
      <c r="H543" s="303" t="s">
        <v>87</v>
      </c>
      <c r="I543" s="303" t="s">
        <v>60</v>
      </c>
      <c r="J543" s="303" t="s">
        <v>525</v>
      </c>
      <c r="K543" s="303" t="s">
        <v>584</v>
      </c>
      <c r="L543" s="303" t="s">
        <v>63</v>
      </c>
      <c r="M543" s="303" t="s">
        <v>63</v>
      </c>
      <c r="N543" s="304"/>
      <c r="O543" s="304"/>
      <c r="P543" s="303" t="s">
        <v>585</v>
      </c>
      <c r="Q543" s="303" t="s">
        <v>65</v>
      </c>
      <c r="R543" s="317"/>
      <c r="S543" s="317"/>
      <c r="T543" s="317"/>
      <c r="U543" s="317"/>
      <c r="V543" s="317"/>
      <c r="W543" s="317"/>
      <c r="X543" s="317"/>
      <c r="Y543" s="317"/>
      <c r="Z543" s="317"/>
      <c r="AA543" s="317"/>
      <c r="AB543" s="317"/>
      <c r="AC543" s="317"/>
      <c r="AD543" s="317"/>
      <c r="AE543" s="317"/>
      <c r="AF543" s="317"/>
      <c r="AG543" s="317"/>
      <c r="AH543" s="317"/>
      <c r="AI543" s="307" t="s">
        <v>66</v>
      </c>
      <c r="AJ543" s="317"/>
      <c r="AK543" s="317"/>
      <c r="AL543" s="317"/>
      <c r="AM543" s="317"/>
      <c r="AN543" s="317"/>
      <c r="AO543" s="317"/>
      <c r="AP543" s="317"/>
      <c r="AQ543" s="317"/>
      <c r="AR543" s="317"/>
      <c r="AS543" s="317"/>
      <c r="AT543" s="317"/>
      <c r="AU543" s="317"/>
      <c r="AV543" s="317"/>
      <c r="AW543" s="308">
        <f t="shared" si="298"/>
        <v>775</v>
      </c>
      <c r="AX543" s="309"/>
      <c r="AY543" s="307" t="str">
        <f t="shared" si="300"/>
        <v/>
      </c>
      <c r="AZ543" s="307" t="str">
        <f t="shared" si="301"/>
        <v/>
      </c>
      <c r="BA543" s="307" t="str">
        <f t="shared" si="302"/>
        <v/>
      </c>
      <c r="BB543" s="307" t="str">
        <f t="shared" si="303"/>
        <v/>
      </c>
      <c r="BC543" s="307" t="str">
        <f t="shared" si="304"/>
        <v/>
      </c>
      <c r="BD543" s="307" t="str">
        <f t="shared" si="305"/>
        <v/>
      </c>
      <c r="BE543" s="307" t="str">
        <f t="shared" si="306"/>
        <v/>
      </c>
      <c r="BF543" s="307" t="str">
        <f t="shared" si="307"/>
        <v/>
      </c>
      <c r="BG543" s="307" t="str">
        <f t="shared" si="308"/>
        <v/>
      </c>
      <c r="BH543" s="307" t="str">
        <f t="shared" si="309"/>
        <v/>
      </c>
      <c r="BI543" s="307" t="str">
        <f t="shared" si="310"/>
        <v/>
      </c>
      <c r="BJ543" s="307" t="str">
        <f t="shared" si="311"/>
        <v/>
      </c>
      <c r="BK543" s="307" t="str">
        <f t="shared" si="312"/>
        <v/>
      </c>
      <c r="BL543" s="307" t="str">
        <f t="shared" si="313"/>
        <v/>
      </c>
      <c r="BM543" s="307" t="str">
        <f t="shared" si="314"/>
        <v/>
      </c>
      <c r="BN543" s="307" t="str">
        <f t="shared" si="315"/>
        <v/>
      </c>
      <c r="BO543" s="307" t="str">
        <f t="shared" si="316"/>
        <v/>
      </c>
      <c r="BP543" s="307">
        <f t="shared" si="317"/>
        <v>0</v>
      </c>
      <c r="BQ543" s="307" t="str">
        <f t="shared" si="318"/>
        <v/>
      </c>
      <c r="BR543" s="307" t="str">
        <f t="shared" si="319"/>
        <v/>
      </c>
      <c r="BS543" s="307" t="str">
        <f t="shared" si="320"/>
        <v/>
      </c>
      <c r="BT543" s="307" t="str">
        <f t="shared" si="321"/>
        <v/>
      </c>
      <c r="BU543" s="307" t="str">
        <f t="shared" si="322"/>
        <v/>
      </c>
      <c r="BV543" s="307" t="str">
        <f t="shared" si="323"/>
        <v/>
      </c>
      <c r="BW543" s="307" t="str">
        <f t="shared" si="324"/>
        <v/>
      </c>
      <c r="BX543" s="307" t="str">
        <f t="shared" si="325"/>
        <v/>
      </c>
      <c r="BY543" s="307" t="str">
        <f t="shared" si="326"/>
        <v/>
      </c>
      <c r="BZ543" s="307" t="str">
        <f t="shared" si="327"/>
        <v/>
      </c>
      <c r="CA543" s="307" t="str">
        <f t="shared" si="328"/>
        <v/>
      </c>
      <c r="CB543" s="307" t="str">
        <f t="shared" si="329"/>
        <v/>
      </c>
      <c r="CC543" s="307" t="str">
        <f t="shared" si="330"/>
        <v/>
      </c>
      <c r="CD543" s="303"/>
      <c r="CE543" s="303" t="s">
        <v>586</v>
      </c>
      <c r="CF543" s="303"/>
    </row>
    <row r="544" spans="1:84" s="318" customFormat="1" ht="56.1" hidden="1" customHeight="1" x14ac:dyDescent="0.2">
      <c r="A544" s="302">
        <v>544</v>
      </c>
      <c r="B544" s="24" t="s">
        <v>53</v>
      </c>
      <c r="C544" s="35" t="s">
        <v>515</v>
      </c>
      <c r="D544" s="303" t="s">
        <v>580</v>
      </c>
      <c r="E544" s="303" t="s">
        <v>596</v>
      </c>
      <c r="F544" s="303" t="s">
        <v>597</v>
      </c>
      <c r="G544" s="303" t="s">
        <v>86</v>
      </c>
      <c r="H544" s="303" t="s">
        <v>36</v>
      </c>
      <c r="I544" s="303" t="s">
        <v>81</v>
      </c>
      <c r="J544" s="303" t="s">
        <v>525</v>
      </c>
      <c r="K544" s="303" t="s">
        <v>584</v>
      </c>
      <c r="L544" s="303" t="s">
        <v>63</v>
      </c>
      <c r="M544" s="303" t="s">
        <v>63</v>
      </c>
      <c r="N544" s="304"/>
      <c r="O544" s="304"/>
      <c r="P544" s="303" t="s">
        <v>585</v>
      </c>
      <c r="Q544" s="303" t="s">
        <v>65</v>
      </c>
      <c r="R544" s="317"/>
      <c r="S544" s="317"/>
      <c r="T544" s="317"/>
      <c r="U544" s="317"/>
      <c r="V544" s="317"/>
      <c r="W544" s="317"/>
      <c r="X544" s="317"/>
      <c r="Y544" s="317"/>
      <c r="Z544" s="317"/>
      <c r="AA544" s="317"/>
      <c r="AB544" s="317"/>
      <c r="AC544" s="317"/>
      <c r="AD544" s="317"/>
      <c r="AE544" s="317"/>
      <c r="AF544" s="317"/>
      <c r="AG544" s="317"/>
      <c r="AH544" s="317"/>
      <c r="AI544" s="317"/>
      <c r="AJ544" s="317"/>
      <c r="AK544" s="307" t="s">
        <v>66</v>
      </c>
      <c r="AL544" s="317"/>
      <c r="AM544" s="317"/>
      <c r="AN544" s="317"/>
      <c r="AO544" s="317"/>
      <c r="AP544" s="317"/>
      <c r="AQ544" s="317"/>
      <c r="AR544" s="317"/>
      <c r="AS544" s="317"/>
      <c r="AT544" s="317"/>
      <c r="AU544" s="317"/>
      <c r="AV544" s="317"/>
      <c r="AW544" s="308">
        <f t="shared" si="298"/>
        <v>100</v>
      </c>
      <c r="AX544" s="309"/>
      <c r="AY544" s="307" t="str">
        <f t="shared" si="300"/>
        <v/>
      </c>
      <c r="AZ544" s="307" t="str">
        <f t="shared" si="301"/>
        <v/>
      </c>
      <c r="BA544" s="307" t="str">
        <f t="shared" si="302"/>
        <v/>
      </c>
      <c r="BB544" s="307" t="str">
        <f t="shared" si="303"/>
        <v/>
      </c>
      <c r="BC544" s="307" t="str">
        <f t="shared" si="304"/>
        <v/>
      </c>
      <c r="BD544" s="307" t="str">
        <f t="shared" si="305"/>
        <v/>
      </c>
      <c r="BE544" s="307" t="str">
        <f t="shared" si="306"/>
        <v/>
      </c>
      <c r="BF544" s="307" t="str">
        <f t="shared" si="307"/>
        <v/>
      </c>
      <c r="BG544" s="307" t="str">
        <f t="shared" si="308"/>
        <v/>
      </c>
      <c r="BH544" s="307" t="str">
        <f t="shared" si="309"/>
        <v/>
      </c>
      <c r="BI544" s="307" t="str">
        <f t="shared" si="310"/>
        <v/>
      </c>
      <c r="BJ544" s="307" t="str">
        <f t="shared" si="311"/>
        <v/>
      </c>
      <c r="BK544" s="307" t="str">
        <f t="shared" si="312"/>
        <v/>
      </c>
      <c r="BL544" s="307" t="str">
        <f t="shared" si="313"/>
        <v/>
      </c>
      <c r="BM544" s="307" t="str">
        <f t="shared" si="314"/>
        <v/>
      </c>
      <c r="BN544" s="307" t="str">
        <f t="shared" si="315"/>
        <v/>
      </c>
      <c r="BO544" s="307" t="str">
        <f t="shared" si="316"/>
        <v/>
      </c>
      <c r="BP544" s="307" t="str">
        <f t="shared" si="317"/>
        <v/>
      </c>
      <c r="BQ544" s="307" t="str">
        <f t="shared" si="318"/>
        <v/>
      </c>
      <c r="BR544" s="307">
        <f t="shared" si="319"/>
        <v>0</v>
      </c>
      <c r="BS544" s="307" t="str">
        <f t="shared" si="320"/>
        <v/>
      </c>
      <c r="BT544" s="307" t="str">
        <f t="shared" si="321"/>
        <v/>
      </c>
      <c r="BU544" s="307" t="str">
        <f t="shared" si="322"/>
        <v/>
      </c>
      <c r="BV544" s="307" t="str">
        <f t="shared" si="323"/>
        <v/>
      </c>
      <c r="BW544" s="307" t="str">
        <f t="shared" si="324"/>
        <v/>
      </c>
      <c r="BX544" s="307" t="str">
        <f t="shared" si="325"/>
        <v/>
      </c>
      <c r="BY544" s="307" t="str">
        <f t="shared" si="326"/>
        <v/>
      </c>
      <c r="BZ544" s="307" t="str">
        <f t="shared" si="327"/>
        <v/>
      </c>
      <c r="CA544" s="307" t="str">
        <f t="shared" si="328"/>
        <v/>
      </c>
      <c r="CB544" s="307" t="str">
        <f t="shared" si="329"/>
        <v/>
      </c>
      <c r="CC544" s="307" t="str">
        <f t="shared" si="330"/>
        <v/>
      </c>
      <c r="CD544" s="303"/>
      <c r="CE544" s="303" t="s">
        <v>586</v>
      </c>
      <c r="CF544" s="303"/>
    </row>
    <row r="545" spans="1:84" s="318" customFormat="1" ht="56.1" hidden="1" customHeight="1" x14ac:dyDescent="0.2">
      <c r="A545" s="302">
        <v>545</v>
      </c>
      <c r="B545" s="24" t="s">
        <v>53</v>
      </c>
      <c r="C545" s="35" t="s">
        <v>515</v>
      </c>
      <c r="D545" s="303" t="s">
        <v>580</v>
      </c>
      <c r="E545" s="303" t="s">
        <v>596</v>
      </c>
      <c r="F545" s="303" t="s">
        <v>597</v>
      </c>
      <c r="G545" s="303" t="s">
        <v>86</v>
      </c>
      <c r="H545" s="303" t="s">
        <v>35</v>
      </c>
      <c r="I545" s="303" t="s">
        <v>81</v>
      </c>
      <c r="J545" s="303" t="s">
        <v>525</v>
      </c>
      <c r="K545" s="303" t="s">
        <v>584</v>
      </c>
      <c r="L545" s="303" t="s">
        <v>63</v>
      </c>
      <c r="M545" s="303" t="s">
        <v>63</v>
      </c>
      <c r="N545" s="304"/>
      <c r="O545" s="304"/>
      <c r="P545" s="303" t="s">
        <v>585</v>
      </c>
      <c r="Q545" s="303" t="s">
        <v>65</v>
      </c>
      <c r="R545" s="317"/>
      <c r="S545" s="317"/>
      <c r="T545" s="317"/>
      <c r="U545" s="317"/>
      <c r="V545" s="317"/>
      <c r="W545" s="317"/>
      <c r="X545" s="317"/>
      <c r="Y545" s="317"/>
      <c r="Z545" s="317"/>
      <c r="AA545" s="317"/>
      <c r="AB545" s="317"/>
      <c r="AC545" s="317"/>
      <c r="AD545" s="317"/>
      <c r="AE545" s="317"/>
      <c r="AF545" s="317"/>
      <c r="AG545" s="317"/>
      <c r="AH545" s="317"/>
      <c r="AI545" s="317"/>
      <c r="AJ545" s="307" t="s">
        <v>66</v>
      </c>
      <c r="AK545" s="317"/>
      <c r="AL545" s="317"/>
      <c r="AM545" s="317"/>
      <c r="AN545" s="317"/>
      <c r="AO545" s="317"/>
      <c r="AP545" s="317"/>
      <c r="AQ545" s="317"/>
      <c r="AR545" s="317"/>
      <c r="AS545" s="317"/>
      <c r="AT545" s="317"/>
      <c r="AU545" s="317"/>
      <c r="AV545" s="317"/>
      <c r="AW545" s="308">
        <f t="shared" si="298"/>
        <v>100</v>
      </c>
      <c r="AX545" s="309"/>
      <c r="AY545" s="307" t="str">
        <f t="shared" si="300"/>
        <v/>
      </c>
      <c r="AZ545" s="307" t="str">
        <f t="shared" si="301"/>
        <v/>
      </c>
      <c r="BA545" s="307" t="str">
        <f t="shared" si="302"/>
        <v/>
      </c>
      <c r="BB545" s="307" t="str">
        <f t="shared" si="303"/>
        <v/>
      </c>
      <c r="BC545" s="307" t="str">
        <f t="shared" si="304"/>
        <v/>
      </c>
      <c r="BD545" s="307" t="str">
        <f t="shared" si="305"/>
        <v/>
      </c>
      <c r="BE545" s="307" t="str">
        <f t="shared" si="306"/>
        <v/>
      </c>
      <c r="BF545" s="307" t="str">
        <f t="shared" si="307"/>
        <v/>
      </c>
      <c r="BG545" s="307" t="str">
        <f t="shared" si="308"/>
        <v/>
      </c>
      <c r="BH545" s="307" t="str">
        <f t="shared" si="309"/>
        <v/>
      </c>
      <c r="BI545" s="307" t="str">
        <f t="shared" si="310"/>
        <v/>
      </c>
      <c r="BJ545" s="307" t="str">
        <f t="shared" si="311"/>
        <v/>
      </c>
      <c r="BK545" s="307" t="str">
        <f t="shared" si="312"/>
        <v/>
      </c>
      <c r="BL545" s="307" t="str">
        <f t="shared" si="313"/>
        <v/>
      </c>
      <c r="BM545" s="307" t="str">
        <f t="shared" si="314"/>
        <v/>
      </c>
      <c r="BN545" s="307" t="str">
        <f t="shared" si="315"/>
        <v/>
      </c>
      <c r="BO545" s="307" t="str">
        <f t="shared" si="316"/>
        <v/>
      </c>
      <c r="BP545" s="307" t="str">
        <f t="shared" si="317"/>
        <v/>
      </c>
      <c r="BQ545" s="307">
        <f t="shared" si="318"/>
        <v>0</v>
      </c>
      <c r="BR545" s="307" t="str">
        <f t="shared" si="319"/>
        <v/>
      </c>
      <c r="BS545" s="307" t="str">
        <f t="shared" si="320"/>
        <v/>
      </c>
      <c r="BT545" s="307" t="str">
        <f t="shared" si="321"/>
        <v/>
      </c>
      <c r="BU545" s="307" t="str">
        <f t="shared" si="322"/>
        <v/>
      </c>
      <c r="BV545" s="307" t="str">
        <f t="shared" si="323"/>
        <v/>
      </c>
      <c r="BW545" s="307" t="str">
        <f t="shared" si="324"/>
        <v/>
      </c>
      <c r="BX545" s="307" t="str">
        <f t="shared" si="325"/>
        <v/>
      </c>
      <c r="BY545" s="307" t="str">
        <f t="shared" si="326"/>
        <v/>
      </c>
      <c r="BZ545" s="307" t="str">
        <f t="shared" si="327"/>
        <v/>
      </c>
      <c r="CA545" s="307" t="str">
        <f t="shared" si="328"/>
        <v/>
      </c>
      <c r="CB545" s="307" t="str">
        <f t="shared" si="329"/>
        <v/>
      </c>
      <c r="CC545" s="307" t="str">
        <f t="shared" si="330"/>
        <v/>
      </c>
      <c r="CD545" s="303"/>
      <c r="CE545" s="303" t="s">
        <v>586</v>
      </c>
      <c r="CF545" s="303"/>
    </row>
    <row r="546" spans="1:84" s="318" customFormat="1" ht="56.1" hidden="1" customHeight="1" x14ac:dyDescent="0.2">
      <c r="A546" s="302">
        <v>546</v>
      </c>
      <c r="B546" s="24" t="s">
        <v>53</v>
      </c>
      <c r="C546" s="35" t="s">
        <v>515</v>
      </c>
      <c r="D546" s="303" t="s">
        <v>580</v>
      </c>
      <c r="E546" s="303" t="s">
        <v>592</v>
      </c>
      <c r="F546" s="303" t="s">
        <v>598</v>
      </c>
      <c r="G546" s="303" t="s">
        <v>86</v>
      </c>
      <c r="H546" s="303" t="s">
        <v>310</v>
      </c>
      <c r="I546" s="303" t="s">
        <v>81</v>
      </c>
      <c r="J546" s="303" t="s">
        <v>525</v>
      </c>
      <c r="K546" s="303" t="s">
        <v>584</v>
      </c>
      <c r="L546" s="303" t="s">
        <v>63</v>
      </c>
      <c r="M546" s="303" t="s">
        <v>63</v>
      </c>
      <c r="N546" s="304"/>
      <c r="O546" s="304"/>
      <c r="P546" s="303" t="s">
        <v>585</v>
      </c>
      <c r="Q546" s="303" t="s">
        <v>65</v>
      </c>
      <c r="R546" s="317"/>
      <c r="S546" s="317"/>
      <c r="T546" s="317"/>
      <c r="U546" s="317"/>
      <c r="V546" s="317"/>
      <c r="W546" s="317"/>
      <c r="X546" s="317"/>
      <c r="Y546" s="317"/>
      <c r="Z546" s="317"/>
      <c r="AA546" s="317"/>
      <c r="AB546" s="317"/>
      <c r="AC546" s="317"/>
      <c r="AD546" s="317"/>
      <c r="AE546" s="317"/>
      <c r="AF546" s="317"/>
      <c r="AG546" s="317"/>
      <c r="AH546" s="317"/>
      <c r="AI546" s="317"/>
      <c r="AJ546" s="317"/>
      <c r="AK546" s="317"/>
      <c r="AL546" s="307" t="s">
        <v>66</v>
      </c>
      <c r="AM546" s="317"/>
      <c r="AN546" s="317"/>
      <c r="AO546" s="317"/>
      <c r="AP546" s="317"/>
      <c r="AQ546" s="317"/>
      <c r="AR546" s="317"/>
      <c r="AS546" s="317"/>
      <c r="AT546" s="317"/>
      <c r="AU546" s="317"/>
      <c r="AV546" s="317"/>
      <c r="AW546" s="308">
        <f t="shared" si="298"/>
        <v>302</v>
      </c>
      <c r="AX546" s="309"/>
      <c r="AY546" s="307" t="str">
        <f t="shared" si="300"/>
        <v/>
      </c>
      <c r="AZ546" s="307" t="str">
        <f t="shared" si="301"/>
        <v/>
      </c>
      <c r="BA546" s="307" t="str">
        <f t="shared" si="302"/>
        <v/>
      </c>
      <c r="BB546" s="307" t="str">
        <f t="shared" si="303"/>
        <v/>
      </c>
      <c r="BC546" s="307" t="str">
        <f t="shared" si="304"/>
        <v/>
      </c>
      <c r="BD546" s="307" t="str">
        <f t="shared" si="305"/>
        <v/>
      </c>
      <c r="BE546" s="307" t="str">
        <f t="shared" si="306"/>
        <v/>
      </c>
      <c r="BF546" s="307" t="str">
        <f t="shared" si="307"/>
        <v/>
      </c>
      <c r="BG546" s="307" t="str">
        <f t="shared" si="308"/>
        <v/>
      </c>
      <c r="BH546" s="307" t="str">
        <f t="shared" si="309"/>
        <v/>
      </c>
      <c r="BI546" s="307" t="str">
        <f t="shared" si="310"/>
        <v/>
      </c>
      <c r="BJ546" s="307" t="str">
        <f t="shared" si="311"/>
        <v/>
      </c>
      <c r="BK546" s="307" t="str">
        <f t="shared" si="312"/>
        <v/>
      </c>
      <c r="BL546" s="307" t="str">
        <f t="shared" si="313"/>
        <v/>
      </c>
      <c r="BM546" s="307" t="str">
        <f t="shared" si="314"/>
        <v/>
      </c>
      <c r="BN546" s="307" t="str">
        <f t="shared" si="315"/>
        <v/>
      </c>
      <c r="BO546" s="307" t="str">
        <f t="shared" si="316"/>
        <v/>
      </c>
      <c r="BP546" s="307" t="str">
        <f t="shared" si="317"/>
        <v/>
      </c>
      <c r="BQ546" s="307" t="str">
        <f t="shared" si="318"/>
        <v/>
      </c>
      <c r="BR546" s="307" t="str">
        <f t="shared" si="319"/>
        <v/>
      </c>
      <c r="BS546" s="307">
        <f t="shared" si="320"/>
        <v>0</v>
      </c>
      <c r="BT546" s="307" t="str">
        <f t="shared" si="321"/>
        <v/>
      </c>
      <c r="BU546" s="307" t="str">
        <f t="shared" si="322"/>
        <v/>
      </c>
      <c r="BV546" s="307" t="str">
        <f t="shared" si="323"/>
        <v/>
      </c>
      <c r="BW546" s="307" t="str">
        <f t="shared" si="324"/>
        <v/>
      </c>
      <c r="BX546" s="307" t="str">
        <f t="shared" si="325"/>
        <v/>
      </c>
      <c r="BY546" s="307" t="str">
        <f t="shared" si="326"/>
        <v/>
      </c>
      <c r="BZ546" s="307" t="str">
        <f t="shared" si="327"/>
        <v/>
      </c>
      <c r="CA546" s="307" t="str">
        <f t="shared" si="328"/>
        <v/>
      </c>
      <c r="CB546" s="307" t="str">
        <f t="shared" si="329"/>
        <v/>
      </c>
      <c r="CC546" s="307" t="str">
        <f t="shared" si="330"/>
        <v/>
      </c>
      <c r="CD546" s="303"/>
      <c r="CE546" s="303" t="s">
        <v>586</v>
      </c>
      <c r="CF546" s="303"/>
    </row>
    <row r="547" spans="1:84" s="318" customFormat="1" ht="56.1" hidden="1" customHeight="1" x14ac:dyDescent="0.2">
      <c r="A547" s="302">
        <v>547</v>
      </c>
      <c r="B547" s="24" t="s">
        <v>53</v>
      </c>
      <c r="C547" s="35" t="s">
        <v>515</v>
      </c>
      <c r="D547" s="303" t="s">
        <v>580</v>
      </c>
      <c r="E547" s="303" t="s">
        <v>592</v>
      </c>
      <c r="F547" s="303" t="s">
        <v>599</v>
      </c>
      <c r="G547" s="303" t="s">
        <v>93</v>
      </c>
      <c r="H547" s="303" t="s">
        <v>310</v>
      </c>
      <c r="I547" s="303" t="s">
        <v>81</v>
      </c>
      <c r="J547" s="303" t="s">
        <v>525</v>
      </c>
      <c r="K547" s="303" t="s">
        <v>584</v>
      </c>
      <c r="L547" s="303" t="s">
        <v>63</v>
      </c>
      <c r="M547" s="303" t="s">
        <v>63</v>
      </c>
      <c r="N547" s="304"/>
      <c r="O547" s="304"/>
      <c r="P547" s="303" t="s">
        <v>585</v>
      </c>
      <c r="Q547" s="303" t="s">
        <v>65</v>
      </c>
      <c r="R547" s="317"/>
      <c r="S547" s="317"/>
      <c r="T547" s="317"/>
      <c r="U547" s="317"/>
      <c r="V547" s="317"/>
      <c r="W547" s="317"/>
      <c r="X547" s="317"/>
      <c r="Y547" s="317"/>
      <c r="Z547" s="317"/>
      <c r="AA547" s="317"/>
      <c r="AB547" s="317"/>
      <c r="AC547" s="317"/>
      <c r="AD547" s="317"/>
      <c r="AE547" s="317"/>
      <c r="AF547" s="317"/>
      <c r="AG547" s="317"/>
      <c r="AH547" s="317"/>
      <c r="AI547" s="317"/>
      <c r="AJ547" s="317"/>
      <c r="AK547" s="317"/>
      <c r="AL547" s="317"/>
      <c r="AM547" s="317"/>
      <c r="AN547" s="317"/>
      <c r="AO547" s="317"/>
      <c r="AP547" s="317"/>
      <c r="AQ547" s="317"/>
      <c r="AR547" s="307" t="s">
        <v>66</v>
      </c>
      <c r="AS547" s="317"/>
      <c r="AT547" s="317"/>
      <c r="AU547" s="317"/>
      <c r="AV547" s="317"/>
      <c r="AW547" s="308">
        <f t="shared" si="298"/>
        <v>31</v>
      </c>
      <c r="AX547" s="309"/>
      <c r="AY547" s="307" t="str">
        <f t="shared" si="300"/>
        <v/>
      </c>
      <c r="AZ547" s="307" t="str">
        <f t="shared" si="301"/>
        <v/>
      </c>
      <c r="BA547" s="307" t="str">
        <f t="shared" si="302"/>
        <v/>
      </c>
      <c r="BB547" s="307" t="str">
        <f t="shared" si="303"/>
        <v/>
      </c>
      <c r="BC547" s="307" t="str">
        <f t="shared" si="304"/>
        <v/>
      </c>
      <c r="BD547" s="307" t="str">
        <f t="shared" si="305"/>
        <v/>
      </c>
      <c r="BE547" s="307" t="str">
        <f t="shared" si="306"/>
        <v/>
      </c>
      <c r="BF547" s="307" t="str">
        <f t="shared" si="307"/>
        <v/>
      </c>
      <c r="BG547" s="307" t="str">
        <f t="shared" si="308"/>
        <v/>
      </c>
      <c r="BH547" s="307" t="str">
        <f t="shared" si="309"/>
        <v/>
      </c>
      <c r="BI547" s="307" t="str">
        <f t="shared" si="310"/>
        <v/>
      </c>
      <c r="BJ547" s="307" t="str">
        <f t="shared" si="311"/>
        <v/>
      </c>
      <c r="BK547" s="307" t="str">
        <f t="shared" si="312"/>
        <v/>
      </c>
      <c r="BL547" s="307" t="str">
        <f t="shared" si="313"/>
        <v/>
      </c>
      <c r="BM547" s="307" t="str">
        <f t="shared" si="314"/>
        <v/>
      </c>
      <c r="BN547" s="307" t="str">
        <f t="shared" si="315"/>
        <v/>
      </c>
      <c r="BO547" s="307" t="str">
        <f t="shared" si="316"/>
        <v/>
      </c>
      <c r="BP547" s="307" t="str">
        <f t="shared" si="317"/>
        <v/>
      </c>
      <c r="BQ547" s="307" t="str">
        <f t="shared" si="318"/>
        <v/>
      </c>
      <c r="BR547" s="307" t="str">
        <f t="shared" si="319"/>
        <v/>
      </c>
      <c r="BS547" s="307" t="str">
        <f t="shared" si="320"/>
        <v/>
      </c>
      <c r="BT547" s="307" t="str">
        <f t="shared" si="321"/>
        <v/>
      </c>
      <c r="BU547" s="307" t="str">
        <f t="shared" si="322"/>
        <v/>
      </c>
      <c r="BV547" s="307" t="str">
        <f t="shared" si="323"/>
        <v/>
      </c>
      <c r="BW547" s="307" t="str">
        <f t="shared" si="324"/>
        <v/>
      </c>
      <c r="BX547" s="307" t="str">
        <f t="shared" si="325"/>
        <v/>
      </c>
      <c r="BY547" s="307">
        <f t="shared" si="326"/>
        <v>0</v>
      </c>
      <c r="BZ547" s="307" t="str">
        <f t="shared" si="327"/>
        <v/>
      </c>
      <c r="CA547" s="307" t="str">
        <f t="shared" si="328"/>
        <v/>
      </c>
      <c r="CB547" s="307" t="str">
        <f t="shared" si="329"/>
        <v/>
      </c>
      <c r="CC547" s="307" t="str">
        <f t="shared" si="330"/>
        <v/>
      </c>
      <c r="CD547" s="303"/>
      <c r="CE547" s="303" t="s">
        <v>586</v>
      </c>
      <c r="CF547" s="303"/>
    </row>
    <row r="548" spans="1:84" s="318" customFormat="1" ht="56.1" hidden="1" customHeight="1" x14ac:dyDescent="0.2">
      <c r="A548" s="302">
        <v>548</v>
      </c>
      <c r="B548" s="24" t="s">
        <v>53</v>
      </c>
      <c r="C548" s="35" t="s">
        <v>515</v>
      </c>
      <c r="D548" s="303" t="s">
        <v>580</v>
      </c>
      <c r="E548" s="303" t="s">
        <v>592</v>
      </c>
      <c r="F548" s="303" t="s">
        <v>600</v>
      </c>
      <c r="G548" s="303" t="s">
        <v>93</v>
      </c>
      <c r="H548" s="303" t="s">
        <v>364</v>
      </c>
      <c r="I548" s="303" t="s">
        <v>81</v>
      </c>
      <c r="J548" s="303" t="s">
        <v>525</v>
      </c>
      <c r="K548" s="303" t="s">
        <v>584</v>
      </c>
      <c r="L548" s="303" t="s">
        <v>63</v>
      </c>
      <c r="M548" s="303" t="s">
        <v>63</v>
      </c>
      <c r="N548" s="304"/>
      <c r="O548" s="304"/>
      <c r="P548" s="303" t="s">
        <v>585</v>
      </c>
      <c r="Q548" s="303" t="s">
        <v>65</v>
      </c>
      <c r="R548" s="317"/>
      <c r="S548" s="317"/>
      <c r="T548" s="317"/>
      <c r="U548" s="317"/>
      <c r="V548" s="317"/>
      <c r="W548" s="317"/>
      <c r="X548" s="317"/>
      <c r="Y548" s="317"/>
      <c r="Z548" s="317"/>
      <c r="AA548" s="317"/>
      <c r="AB548" s="317"/>
      <c r="AC548" s="317"/>
      <c r="AD548" s="317"/>
      <c r="AE548" s="317"/>
      <c r="AF548" s="317"/>
      <c r="AG548" s="317"/>
      <c r="AH548" s="317"/>
      <c r="AI548" s="317"/>
      <c r="AJ548" s="317"/>
      <c r="AK548" s="317"/>
      <c r="AL548" s="317"/>
      <c r="AM548" s="317"/>
      <c r="AN548" s="317"/>
      <c r="AO548" s="317"/>
      <c r="AP548" s="317"/>
      <c r="AQ548" s="307" t="s">
        <v>66</v>
      </c>
      <c r="AR548" s="317"/>
      <c r="AS548" s="317"/>
      <c r="AT548" s="317"/>
      <c r="AU548" s="317"/>
      <c r="AV548" s="317"/>
      <c r="AW548" s="308">
        <f t="shared" si="298"/>
        <v>217</v>
      </c>
      <c r="AX548" s="309"/>
      <c r="AY548" s="307" t="str">
        <f t="shared" si="300"/>
        <v/>
      </c>
      <c r="AZ548" s="307" t="str">
        <f t="shared" si="301"/>
        <v/>
      </c>
      <c r="BA548" s="307" t="str">
        <f t="shared" si="302"/>
        <v/>
      </c>
      <c r="BB548" s="307" t="str">
        <f t="shared" si="303"/>
        <v/>
      </c>
      <c r="BC548" s="307" t="str">
        <f t="shared" si="304"/>
        <v/>
      </c>
      <c r="BD548" s="307" t="str">
        <f t="shared" si="305"/>
        <v/>
      </c>
      <c r="BE548" s="307" t="str">
        <f t="shared" si="306"/>
        <v/>
      </c>
      <c r="BF548" s="307" t="str">
        <f t="shared" si="307"/>
        <v/>
      </c>
      <c r="BG548" s="307" t="str">
        <f t="shared" si="308"/>
        <v/>
      </c>
      <c r="BH548" s="307" t="str">
        <f t="shared" si="309"/>
        <v/>
      </c>
      <c r="BI548" s="307" t="str">
        <f t="shared" si="310"/>
        <v/>
      </c>
      <c r="BJ548" s="307" t="str">
        <f t="shared" si="311"/>
        <v/>
      </c>
      <c r="BK548" s="307" t="str">
        <f t="shared" si="312"/>
        <v/>
      </c>
      <c r="BL548" s="307" t="str">
        <f t="shared" si="313"/>
        <v/>
      </c>
      <c r="BM548" s="307" t="str">
        <f t="shared" si="314"/>
        <v/>
      </c>
      <c r="BN548" s="307" t="str">
        <f t="shared" si="315"/>
        <v/>
      </c>
      <c r="BO548" s="307" t="str">
        <f t="shared" si="316"/>
        <v/>
      </c>
      <c r="BP548" s="307" t="str">
        <f t="shared" si="317"/>
        <v/>
      </c>
      <c r="BQ548" s="307" t="str">
        <f t="shared" si="318"/>
        <v/>
      </c>
      <c r="BR548" s="307" t="str">
        <f t="shared" si="319"/>
        <v/>
      </c>
      <c r="BS548" s="307" t="str">
        <f t="shared" si="320"/>
        <v/>
      </c>
      <c r="BT548" s="307" t="str">
        <f t="shared" si="321"/>
        <v/>
      </c>
      <c r="BU548" s="307" t="str">
        <f t="shared" si="322"/>
        <v/>
      </c>
      <c r="BV548" s="307" t="str">
        <f t="shared" si="323"/>
        <v/>
      </c>
      <c r="BW548" s="307" t="str">
        <f t="shared" si="324"/>
        <v/>
      </c>
      <c r="BX548" s="307">
        <f t="shared" si="325"/>
        <v>0</v>
      </c>
      <c r="BY548" s="307" t="str">
        <f t="shared" si="326"/>
        <v/>
      </c>
      <c r="BZ548" s="307" t="str">
        <f t="shared" si="327"/>
        <v/>
      </c>
      <c r="CA548" s="307" t="str">
        <f t="shared" si="328"/>
        <v/>
      </c>
      <c r="CB548" s="307" t="str">
        <f t="shared" si="329"/>
        <v/>
      </c>
      <c r="CC548" s="307" t="str">
        <f t="shared" si="330"/>
        <v/>
      </c>
      <c r="CD548" s="303"/>
      <c r="CE548" s="303" t="s">
        <v>586</v>
      </c>
      <c r="CF548" s="303"/>
    </row>
    <row r="549" spans="1:84" s="318" customFormat="1" ht="56.1" hidden="1" customHeight="1" x14ac:dyDescent="0.2">
      <c r="A549" s="302">
        <v>549</v>
      </c>
      <c r="B549" s="24" t="s">
        <v>53</v>
      </c>
      <c r="C549" s="35" t="s">
        <v>515</v>
      </c>
      <c r="D549" s="303" t="s">
        <v>580</v>
      </c>
      <c r="E549" s="303" t="s">
        <v>592</v>
      </c>
      <c r="F549" s="303" t="s">
        <v>599</v>
      </c>
      <c r="G549" s="303" t="s">
        <v>157</v>
      </c>
      <c r="H549" s="303" t="s">
        <v>310</v>
      </c>
      <c r="I549" s="303" t="s">
        <v>81</v>
      </c>
      <c r="J549" s="303" t="s">
        <v>525</v>
      </c>
      <c r="K549" s="303" t="s">
        <v>584</v>
      </c>
      <c r="L549" s="303" t="s">
        <v>63</v>
      </c>
      <c r="M549" s="303" t="s">
        <v>63</v>
      </c>
      <c r="N549" s="304"/>
      <c r="O549" s="304"/>
      <c r="P549" s="303" t="s">
        <v>585</v>
      </c>
      <c r="Q549" s="303" t="s">
        <v>65</v>
      </c>
      <c r="R549" s="317"/>
      <c r="S549" s="317"/>
      <c r="T549" s="317"/>
      <c r="U549" s="317"/>
      <c r="V549" s="317"/>
      <c r="W549" s="317"/>
      <c r="X549" s="317"/>
      <c r="Y549" s="317"/>
      <c r="Z549" s="317"/>
      <c r="AA549" s="317"/>
      <c r="AB549" s="317"/>
      <c r="AC549" s="317"/>
      <c r="AD549" s="317"/>
      <c r="AE549" s="317"/>
      <c r="AF549" s="317"/>
      <c r="AG549" s="317"/>
      <c r="AH549" s="317"/>
      <c r="AI549" s="317"/>
      <c r="AJ549" s="317"/>
      <c r="AK549" s="317"/>
      <c r="AL549" s="317"/>
      <c r="AM549" s="317"/>
      <c r="AN549" s="317"/>
      <c r="AO549" s="317"/>
      <c r="AP549" s="317"/>
      <c r="AQ549" s="317"/>
      <c r="AR549" s="317"/>
      <c r="AS549" s="307" t="s">
        <v>66</v>
      </c>
      <c r="AT549" s="317"/>
      <c r="AU549" s="317"/>
      <c r="AV549" s="317"/>
      <c r="AW549" s="308">
        <f t="shared" si="298"/>
        <v>67</v>
      </c>
      <c r="AX549" s="309"/>
      <c r="AY549" s="307" t="str">
        <f t="shared" si="300"/>
        <v/>
      </c>
      <c r="AZ549" s="307" t="str">
        <f t="shared" si="301"/>
        <v/>
      </c>
      <c r="BA549" s="307" t="str">
        <f t="shared" si="302"/>
        <v/>
      </c>
      <c r="BB549" s="307" t="str">
        <f t="shared" si="303"/>
        <v/>
      </c>
      <c r="BC549" s="307" t="str">
        <f t="shared" si="304"/>
        <v/>
      </c>
      <c r="BD549" s="307" t="str">
        <f t="shared" si="305"/>
        <v/>
      </c>
      <c r="BE549" s="307" t="str">
        <f t="shared" si="306"/>
        <v/>
      </c>
      <c r="BF549" s="307" t="str">
        <f t="shared" si="307"/>
        <v/>
      </c>
      <c r="BG549" s="307" t="str">
        <f t="shared" si="308"/>
        <v/>
      </c>
      <c r="BH549" s="307" t="str">
        <f t="shared" si="309"/>
        <v/>
      </c>
      <c r="BI549" s="307" t="str">
        <f t="shared" si="310"/>
        <v/>
      </c>
      <c r="BJ549" s="307" t="str">
        <f t="shared" si="311"/>
        <v/>
      </c>
      <c r="BK549" s="307" t="str">
        <f t="shared" si="312"/>
        <v/>
      </c>
      <c r="BL549" s="307" t="str">
        <f t="shared" si="313"/>
        <v/>
      </c>
      <c r="BM549" s="307" t="str">
        <f t="shared" si="314"/>
        <v/>
      </c>
      <c r="BN549" s="307" t="str">
        <f t="shared" si="315"/>
        <v/>
      </c>
      <c r="BO549" s="307" t="str">
        <f t="shared" si="316"/>
        <v/>
      </c>
      <c r="BP549" s="307" t="str">
        <f t="shared" si="317"/>
        <v/>
      </c>
      <c r="BQ549" s="307" t="str">
        <f t="shared" si="318"/>
        <v/>
      </c>
      <c r="BR549" s="307" t="str">
        <f t="shared" si="319"/>
        <v/>
      </c>
      <c r="BS549" s="307" t="str">
        <f t="shared" si="320"/>
        <v/>
      </c>
      <c r="BT549" s="307" t="str">
        <f t="shared" si="321"/>
        <v/>
      </c>
      <c r="BU549" s="307" t="str">
        <f t="shared" si="322"/>
        <v/>
      </c>
      <c r="BV549" s="307" t="str">
        <f t="shared" si="323"/>
        <v/>
      </c>
      <c r="BW549" s="307" t="str">
        <f t="shared" si="324"/>
        <v/>
      </c>
      <c r="BX549" s="307" t="str">
        <f t="shared" si="325"/>
        <v/>
      </c>
      <c r="BY549" s="307" t="str">
        <f t="shared" si="326"/>
        <v/>
      </c>
      <c r="BZ549" s="307">
        <f t="shared" si="327"/>
        <v>0</v>
      </c>
      <c r="CA549" s="307" t="str">
        <f t="shared" si="328"/>
        <v/>
      </c>
      <c r="CB549" s="307" t="str">
        <f t="shared" si="329"/>
        <v/>
      </c>
      <c r="CC549" s="307" t="str">
        <f t="shared" si="330"/>
        <v/>
      </c>
      <c r="CD549" s="303"/>
      <c r="CE549" s="303" t="s">
        <v>586</v>
      </c>
      <c r="CF549" s="303"/>
    </row>
    <row r="550" spans="1:84" s="318" customFormat="1" ht="56.1" hidden="1" customHeight="1" x14ac:dyDescent="0.2">
      <c r="A550" s="302">
        <v>550</v>
      </c>
      <c r="B550" s="24" t="s">
        <v>53</v>
      </c>
      <c r="C550" s="35" t="s">
        <v>515</v>
      </c>
      <c r="D550" s="303" t="s">
        <v>580</v>
      </c>
      <c r="E550" s="303" t="s">
        <v>592</v>
      </c>
      <c r="F550" s="303" t="s">
        <v>601</v>
      </c>
      <c r="G550" s="303" t="s">
        <v>95</v>
      </c>
      <c r="H550" s="303" t="s">
        <v>347</v>
      </c>
      <c r="I550" s="303" t="s">
        <v>81</v>
      </c>
      <c r="J550" s="303" t="s">
        <v>525</v>
      </c>
      <c r="K550" s="303" t="s">
        <v>584</v>
      </c>
      <c r="L550" s="303" t="s">
        <v>63</v>
      </c>
      <c r="M550" s="303" t="s">
        <v>63</v>
      </c>
      <c r="N550" s="304"/>
      <c r="O550" s="304"/>
      <c r="P550" s="303" t="s">
        <v>585</v>
      </c>
      <c r="Q550" s="303" t="s">
        <v>65</v>
      </c>
      <c r="R550" s="317"/>
      <c r="S550" s="317"/>
      <c r="T550" s="317"/>
      <c r="U550" s="317"/>
      <c r="V550" s="317"/>
      <c r="W550" s="317"/>
      <c r="X550" s="317"/>
      <c r="Y550" s="317"/>
      <c r="Z550" s="317"/>
      <c r="AA550" s="317"/>
      <c r="AB550" s="317"/>
      <c r="AC550" s="317"/>
      <c r="AD550" s="317"/>
      <c r="AE550" s="317"/>
      <c r="AF550" s="317"/>
      <c r="AG550" s="317"/>
      <c r="AH550" s="317"/>
      <c r="AI550" s="317"/>
      <c r="AJ550" s="317"/>
      <c r="AK550" s="317"/>
      <c r="AL550" s="317"/>
      <c r="AM550" s="317"/>
      <c r="AN550" s="317"/>
      <c r="AO550" s="317"/>
      <c r="AP550" s="317"/>
      <c r="AQ550" s="317"/>
      <c r="AR550" s="317"/>
      <c r="AS550" s="317"/>
      <c r="AT550" s="317"/>
      <c r="AU550" s="307" t="s">
        <v>66</v>
      </c>
      <c r="AV550" s="317"/>
      <c r="AW550" s="308">
        <f t="shared" si="298"/>
        <v>31</v>
      </c>
      <c r="AX550" s="309"/>
      <c r="AY550" s="307" t="str">
        <f t="shared" si="300"/>
        <v/>
      </c>
      <c r="AZ550" s="307" t="str">
        <f t="shared" si="301"/>
        <v/>
      </c>
      <c r="BA550" s="307" t="str">
        <f t="shared" si="302"/>
        <v/>
      </c>
      <c r="BB550" s="307" t="str">
        <f t="shared" si="303"/>
        <v/>
      </c>
      <c r="BC550" s="307" t="str">
        <f t="shared" si="304"/>
        <v/>
      </c>
      <c r="BD550" s="307" t="str">
        <f t="shared" si="305"/>
        <v/>
      </c>
      <c r="BE550" s="307" t="str">
        <f t="shared" si="306"/>
        <v/>
      </c>
      <c r="BF550" s="307" t="str">
        <f t="shared" si="307"/>
        <v/>
      </c>
      <c r="BG550" s="307" t="str">
        <f t="shared" si="308"/>
        <v/>
      </c>
      <c r="BH550" s="307" t="str">
        <f t="shared" si="309"/>
        <v/>
      </c>
      <c r="BI550" s="307" t="str">
        <f t="shared" si="310"/>
        <v/>
      </c>
      <c r="BJ550" s="307" t="str">
        <f t="shared" si="311"/>
        <v/>
      </c>
      <c r="BK550" s="307" t="str">
        <f t="shared" si="312"/>
        <v/>
      </c>
      <c r="BL550" s="307" t="str">
        <f t="shared" si="313"/>
        <v/>
      </c>
      <c r="BM550" s="307" t="str">
        <f t="shared" si="314"/>
        <v/>
      </c>
      <c r="BN550" s="307" t="str">
        <f t="shared" si="315"/>
        <v/>
      </c>
      <c r="BO550" s="307" t="str">
        <f t="shared" si="316"/>
        <v/>
      </c>
      <c r="BP550" s="307" t="str">
        <f t="shared" si="317"/>
        <v/>
      </c>
      <c r="BQ550" s="307" t="str">
        <f t="shared" si="318"/>
        <v/>
      </c>
      <c r="BR550" s="307" t="str">
        <f t="shared" si="319"/>
        <v/>
      </c>
      <c r="BS550" s="307" t="str">
        <f t="shared" si="320"/>
        <v/>
      </c>
      <c r="BT550" s="307" t="str">
        <f t="shared" si="321"/>
        <v/>
      </c>
      <c r="BU550" s="307" t="str">
        <f t="shared" si="322"/>
        <v/>
      </c>
      <c r="BV550" s="307" t="str">
        <f t="shared" si="323"/>
        <v/>
      </c>
      <c r="BW550" s="307" t="str">
        <f t="shared" si="324"/>
        <v/>
      </c>
      <c r="BX550" s="307" t="str">
        <f t="shared" si="325"/>
        <v/>
      </c>
      <c r="BY550" s="307" t="str">
        <f t="shared" si="326"/>
        <v/>
      </c>
      <c r="BZ550" s="307" t="str">
        <f t="shared" si="327"/>
        <v/>
      </c>
      <c r="CA550" s="307" t="str">
        <f t="shared" si="328"/>
        <v/>
      </c>
      <c r="CB550" s="307">
        <f t="shared" si="329"/>
        <v>0</v>
      </c>
      <c r="CC550" s="307" t="str">
        <f t="shared" si="330"/>
        <v/>
      </c>
      <c r="CD550" s="303"/>
      <c r="CE550" s="303" t="s">
        <v>586</v>
      </c>
      <c r="CF550" s="303"/>
    </row>
    <row r="551" spans="1:84" s="211" customFormat="1" ht="56.1" hidden="1" customHeight="1" x14ac:dyDescent="0.2">
      <c r="A551" s="198">
        <v>551</v>
      </c>
      <c r="B551" s="199" t="s">
        <v>53</v>
      </c>
      <c r="C551" s="208" t="s">
        <v>515</v>
      </c>
      <c r="D551" s="200" t="s">
        <v>580</v>
      </c>
      <c r="E551" s="200" t="s">
        <v>602</v>
      </c>
      <c r="F551" s="200" t="s">
        <v>603</v>
      </c>
      <c r="G551" s="200" t="s">
        <v>95</v>
      </c>
      <c r="H551" s="200" t="s">
        <v>368</v>
      </c>
      <c r="I551" s="200" t="s">
        <v>81</v>
      </c>
      <c r="J551" s="200" t="s">
        <v>525</v>
      </c>
      <c r="K551" s="200" t="s">
        <v>584</v>
      </c>
      <c r="L551" s="200" t="s">
        <v>63</v>
      </c>
      <c r="M551" s="200" t="s">
        <v>63</v>
      </c>
      <c r="N551" s="201"/>
      <c r="O551" s="201"/>
      <c r="P551" s="200" t="s">
        <v>585</v>
      </c>
      <c r="Q551" s="200" t="s">
        <v>65</v>
      </c>
      <c r="R551" s="210"/>
      <c r="S551" s="210"/>
      <c r="T551" s="210"/>
      <c r="U551" s="210"/>
      <c r="V551" s="210"/>
      <c r="W551" s="210"/>
      <c r="X551" s="210"/>
      <c r="Y551" s="210"/>
      <c r="Z551" s="210"/>
      <c r="AA551" s="210"/>
      <c r="AB551" s="210"/>
      <c r="AC551" s="210"/>
      <c r="AD551" s="210"/>
      <c r="AE551" s="210"/>
      <c r="AF551" s="210"/>
      <c r="AG551" s="210"/>
      <c r="AH551" s="210"/>
      <c r="AI551" s="210"/>
      <c r="AJ551" s="210"/>
      <c r="AK551" s="210"/>
      <c r="AL551" s="210"/>
      <c r="AM551" s="210"/>
      <c r="AN551" s="210"/>
      <c r="AO551" s="210"/>
      <c r="AP551" s="210"/>
      <c r="AQ551" s="210"/>
      <c r="AR551" s="210"/>
      <c r="AS551" s="210"/>
      <c r="AT551" s="203" t="s">
        <v>66</v>
      </c>
      <c r="AU551" s="210"/>
      <c r="AV551" s="210"/>
      <c r="AW551" s="204">
        <f t="shared" si="298"/>
        <v>150</v>
      </c>
      <c r="AX551" s="205"/>
      <c r="AY551" s="203" t="str">
        <f t="shared" si="300"/>
        <v/>
      </c>
      <c r="AZ551" s="203" t="str">
        <f t="shared" si="301"/>
        <v/>
      </c>
      <c r="BA551" s="203" t="str">
        <f t="shared" si="302"/>
        <v/>
      </c>
      <c r="BB551" s="203" t="str">
        <f t="shared" si="303"/>
        <v/>
      </c>
      <c r="BC551" s="203" t="str">
        <f t="shared" si="304"/>
        <v/>
      </c>
      <c r="BD551" s="203" t="str">
        <f t="shared" si="305"/>
        <v/>
      </c>
      <c r="BE551" s="203" t="str">
        <f t="shared" si="306"/>
        <v/>
      </c>
      <c r="BF551" s="203" t="str">
        <f t="shared" si="307"/>
        <v/>
      </c>
      <c r="BG551" s="203" t="str">
        <f t="shared" si="308"/>
        <v/>
      </c>
      <c r="BH551" s="203" t="str">
        <f t="shared" si="309"/>
        <v/>
      </c>
      <c r="BI551" s="203" t="str">
        <f t="shared" si="310"/>
        <v/>
      </c>
      <c r="BJ551" s="203" t="str">
        <f t="shared" si="311"/>
        <v/>
      </c>
      <c r="BK551" s="203" t="str">
        <f t="shared" si="312"/>
        <v/>
      </c>
      <c r="BL551" s="203" t="str">
        <f t="shared" si="313"/>
        <v/>
      </c>
      <c r="BM551" s="203" t="str">
        <f t="shared" si="314"/>
        <v/>
      </c>
      <c r="BN551" s="203" t="str">
        <f t="shared" si="315"/>
        <v/>
      </c>
      <c r="BO551" s="203" t="str">
        <f t="shared" si="316"/>
        <v/>
      </c>
      <c r="BP551" s="203" t="str">
        <f t="shared" si="317"/>
        <v/>
      </c>
      <c r="BQ551" s="203" t="str">
        <f t="shared" si="318"/>
        <v/>
      </c>
      <c r="BR551" s="203" t="str">
        <f t="shared" si="319"/>
        <v/>
      </c>
      <c r="BS551" s="203" t="str">
        <f t="shared" si="320"/>
        <v/>
      </c>
      <c r="BT551" s="203" t="str">
        <f t="shared" si="321"/>
        <v/>
      </c>
      <c r="BU551" s="203" t="str">
        <f t="shared" si="322"/>
        <v/>
      </c>
      <c r="BV551" s="203" t="str">
        <f t="shared" si="323"/>
        <v/>
      </c>
      <c r="BW551" s="203" t="str">
        <f t="shared" si="324"/>
        <v/>
      </c>
      <c r="BX551" s="203" t="str">
        <f t="shared" si="325"/>
        <v/>
      </c>
      <c r="BY551" s="203" t="str">
        <f t="shared" si="326"/>
        <v/>
      </c>
      <c r="BZ551" s="203" t="str">
        <f t="shared" si="327"/>
        <v/>
      </c>
      <c r="CA551" s="203">
        <f t="shared" si="328"/>
        <v>0</v>
      </c>
      <c r="CB551" s="203" t="str">
        <f t="shared" si="329"/>
        <v/>
      </c>
      <c r="CC551" s="203" t="str">
        <f t="shared" si="330"/>
        <v/>
      </c>
      <c r="CD551" s="200"/>
      <c r="CE551" s="200" t="s">
        <v>586</v>
      </c>
      <c r="CF551" s="200"/>
    </row>
    <row r="552" spans="1:84" s="211" customFormat="1" ht="56.1" hidden="1" customHeight="1" x14ac:dyDescent="0.2">
      <c r="A552" s="198">
        <v>552</v>
      </c>
      <c r="B552" s="199" t="s">
        <v>53</v>
      </c>
      <c r="C552" s="208" t="s">
        <v>515</v>
      </c>
      <c r="D552" s="200" t="s">
        <v>580</v>
      </c>
      <c r="E552" s="200" t="s">
        <v>592</v>
      </c>
      <c r="F552" s="200" t="s">
        <v>604</v>
      </c>
      <c r="G552" s="200" t="s">
        <v>58</v>
      </c>
      <c r="H552" s="200" t="s">
        <v>347</v>
      </c>
      <c r="I552" s="200" t="s">
        <v>81</v>
      </c>
      <c r="J552" s="200" t="s">
        <v>525</v>
      </c>
      <c r="K552" s="200" t="s">
        <v>584</v>
      </c>
      <c r="L552" s="200" t="s">
        <v>63</v>
      </c>
      <c r="M552" s="200" t="s">
        <v>63</v>
      </c>
      <c r="N552" s="201"/>
      <c r="O552" s="201"/>
      <c r="P552" s="200" t="s">
        <v>585</v>
      </c>
      <c r="Q552" s="200" t="s">
        <v>65</v>
      </c>
      <c r="R552" s="210"/>
      <c r="S552" s="210"/>
      <c r="T552" s="210"/>
      <c r="U552" s="210"/>
      <c r="V552" s="210"/>
      <c r="W552" s="210"/>
      <c r="X552" s="210"/>
      <c r="Y552" s="210"/>
      <c r="Z552" s="210"/>
      <c r="AA552" s="210"/>
      <c r="AB552" s="210"/>
      <c r="AC552" s="210"/>
      <c r="AD552" s="210"/>
      <c r="AE552" s="210"/>
      <c r="AF552" s="210"/>
      <c r="AG552" s="210"/>
      <c r="AH552" s="210"/>
      <c r="AI552" s="210"/>
      <c r="AJ552" s="210"/>
      <c r="AK552" s="210"/>
      <c r="AL552" s="210"/>
      <c r="AM552" s="210"/>
      <c r="AN552" s="210"/>
      <c r="AO552" s="210"/>
      <c r="AP552" s="210"/>
      <c r="AQ552" s="210"/>
      <c r="AR552" s="210"/>
      <c r="AS552" s="210"/>
      <c r="AT552" s="210"/>
      <c r="AU552" s="210"/>
      <c r="AV552" s="210"/>
      <c r="AW552" s="204">
        <f t="shared" si="298"/>
        <v>0</v>
      </c>
      <c r="AX552" s="205"/>
      <c r="AY552" s="203" t="str">
        <f t="shared" si="300"/>
        <v/>
      </c>
      <c r="AZ552" s="203" t="str">
        <f t="shared" si="301"/>
        <v/>
      </c>
      <c r="BA552" s="203" t="str">
        <f t="shared" si="302"/>
        <v/>
      </c>
      <c r="BB552" s="203" t="str">
        <f t="shared" si="303"/>
        <v/>
      </c>
      <c r="BC552" s="203" t="str">
        <f t="shared" si="304"/>
        <v/>
      </c>
      <c r="BD552" s="203" t="str">
        <f t="shared" si="305"/>
        <v/>
      </c>
      <c r="BE552" s="203" t="str">
        <f t="shared" si="306"/>
        <v/>
      </c>
      <c r="BF552" s="203" t="str">
        <f t="shared" si="307"/>
        <v/>
      </c>
      <c r="BG552" s="203" t="str">
        <f t="shared" si="308"/>
        <v/>
      </c>
      <c r="BH552" s="203" t="str">
        <f t="shared" si="309"/>
        <v/>
      </c>
      <c r="BI552" s="203" t="str">
        <f t="shared" si="310"/>
        <v/>
      </c>
      <c r="BJ552" s="203" t="str">
        <f t="shared" si="311"/>
        <v/>
      </c>
      <c r="BK552" s="203" t="str">
        <f t="shared" si="312"/>
        <v/>
      </c>
      <c r="BL552" s="203" t="str">
        <f t="shared" si="313"/>
        <v/>
      </c>
      <c r="BM552" s="203" t="str">
        <f t="shared" si="314"/>
        <v/>
      </c>
      <c r="BN552" s="203" t="str">
        <f t="shared" si="315"/>
        <v/>
      </c>
      <c r="BO552" s="203" t="str">
        <f t="shared" si="316"/>
        <v/>
      </c>
      <c r="BP552" s="203" t="str">
        <f t="shared" si="317"/>
        <v/>
      </c>
      <c r="BQ552" s="203" t="str">
        <f t="shared" si="318"/>
        <v/>
      </c>
      <c r="BR552" s="203" t="str">
        <f t="shared" si="319"/>
        <v/>
      </c>
      <c r="BS552" s="203" t="str">
        <f t="shared" si="320"/>
        <v/>
      </c>
      <c r="BT552" s="203" t="str">
        <f t="shared" si="321"/>
        <v/>
      </c>
      <c r="BU552" s="203" t="str">
        <f t="shared" si="322"/>
        <v/>
      </c>
      <c r="BV552" s="203" t="str">
        <f t="shared" si="323"/>
        <v/>
      </c>
      <c r="BW552" s="203" t="str">
        <f t="shared" si="324"/>
        <v/>
      </c>
      <c r="BX552" s="203" t="str">
        <f t="shared" si="325"/>
        <v/>
      </c>
      <c r="BY552" s="203" t="str">
        <f t="shared" si="326"/>
        <v/>
      </c>
      <c r="BZ552" s="203" t="str">
        <f t="shared" si="327"/>
        <v/>
      </c>
      <c r="CA552" s="203" t="str">
        <f t="shared" si="328"/>
        <v/>
      </c>
      <c r="CB552" s="203" t="str">
        <f t="shared" si="329"/>
        <v/>
      </c>
      <c r="CC552" s="203" t="str">
        <f t="shared" si="330"/>
        <v/>
      </c>
      <c r="CD552" s="200"/>
      <c r="CE552" s="200" t="s">
        <v>586</v>
      </c>
      <c r="CF552" s="200"/>
    </row>
    <row r="553" spans="1:84" s="168" customFormat="1" ht="56.1" hidden="1" customHeight="1" x14ac:dyDescent="0.2">
      <c r="A553" s="154">
        <v>553</v>
      </c>
      <c r="B553" s="155" t="s">
        <v>53</v>
      </c>
      <c r="C553" s="165" t="s">
        <v>515</v>
      </c>
      <c r="D553" s="156" t="s">
        <v>580</v>
      </c>
      <c r="E553" s="156" t="s">
        <v>590</v>
      </c>
      <c r="F553" s="156" t="s">
        <v>605</v>
      </c>
      <c r="G553" s="156" t="s">
        <v>58</v>
      </c>
      <c r="H553" s="156" t="s">
        <v>173</v>
      </c>
      <c r="I553" s="156" t="s">
        <v>60</v>
      </c>
      <c r="J553" s="156" t="s">
        <v>525</v>
      </c>
      <c r="K553" s="156" t="s">
        <v>584</v>
      </c>
      <c r="L553" s="156" t="s">
        <v>63</v>
      </c>
      <c r="M553" s="156" t="s">
        <v>63</v>
      </c>
      <c r="N553" s="157"/>
      <c r="O553" s="157"/>
      <c r="P553" s="156" t="s">
        <v>585</v>
      </c>
      <c r="Q553" s="156" t="s">
        <v>65</v>
      </c>
      <c r="R553" s="161" t="s">
        <v>66</v>
      </c>
      <c r="S553" s="167"/>
      <c r="T553" s="167"/>
      <c r="U553" s="167"/>
      <c r="V553" s="167"/>
      <c r="W553" s="167"/>
      <c r="X553" s="167"/>
      <c r="Y553" s="167"/>
      <c r="Z553" s="167"/>
      <c r="AA553" s="167"/>
      <c r="AB553" s="167"/>
      <c r="AC553" s="167"/>
      <c r="AD553" s="167"/>
      <c r="AE553" s="167"/>
      <c r="AF553" s="167"/>
      <c r="AG553" s="167"/>
      <c r="AH553" s="167"/>
      <c r="AI553" s="167"/>
      <c r="AJ553" s="167"/>
      <c r="AK553" s="167"/>
      <c r="AL553" s="167"/>
      <c r="AM553" s="167"/>
      <c r="AN553" s="167"/>
      <c r="AO553" s="167"/>
      <c r="AP553" s="167"/>
      <c r="AQ553" s="167"/>
      <c r="AR553" s="167"/>
      <c r="AS553" s="167"/>
      <c r="AT553" s="167"/>
      <c r="AU553" s="167"/>
      <c r="AV553" s="167"/>
      <c r="AW553" s="160">
        <f t="shared" si="298"/>
        <v>1500</v>
      </c>
      <c r="AX553" s="158"/>
      <c r="AY553" s="161">
        <f t="shared" si="300"/>
        <v>0</v>
      </c>
      <c r="AZ553" s="161" t="str">
        <f t="shared" si="301"/>
        <v/>
      </c>
      <c r="BA553" s="161" t="str">
        <f t="shared" si="302"/>
        <v/>
      </c>
      <c r="BB553" s="161" t="str">
        <f t="shared" si="303"/>
        <v/>
      </c>
      <c r="BC553" s="161" t="str">
        <f t="shared" si="304"/>
        <v/>
      </c>
      <c r="BD553" s="161" t="str">
        <f t="shared" si="305"/>
        <v/>
      </c>
      <c r="BE553" s="161" t="str">
        <f t="shared" si="306"/>
        <v/>
      </c>
      <c r="BF553" s="161" t="str">
        <f t="shared" si="307"/>
        <v/>
      </c>
      <c r="BG553" s="161" t="str">
        <f t="shared" si="308"/>
        <v/>
      </c>
      <c r="BH553" s="161" t="str">
        <f t="shared" si="309"/>
        <v/>
      </c>
      <c r="BI553" s="161" t="str">
        <f t="shared" si="310"/>
        <v/>
      </c>
      <c r="BJ553" s="161" t="str">
        <f t="shared" si="311"/>
        <v/>
      </c>
      <c r="BK553" s="161" t="str">
        <f t="shared" si="312"/>
        <v/>
      </c>
      <c r="BL553" s="161" t="str">
        <f t="shared" si="313"/>
        <v/>
      </c>
      <c r="BM553" s="161" t="str">
        <f t="shared" si="314"/>
        <v/>
      </c>
      <c r="BN553" s="161" t="str">
        <f t="shared" si="315"/>
        <v/>
      </c>
      <c r="BO553" s="161" t="str">
        <f t="shared" si="316"/>
        <v/>
      </c>
      <c r="BP553" s="161" t="str">
        <f t="shared" si="317"/>
        <v/>
      </c>
      <c r="BQ553" s="161" t="str">
        <f t="shared" si="318"/>
        <v/>
      </c>
      <c r="BR553" s="161" t="str">
        <f t="shared" si="319"/>
        <v/>
      </c>
      <c r="BS553" s="161" t="str">
        <f t="shared" si="320"/>
        <v/>
      </c>
      <c r="BT553" s="161" t="str">
        <f t="shared" si="321"/>
        <v/>
      </c>
      <c r="BU553" s="161" t="str">
        <f t="shared" si="322"/>
        <v/>
      </c>
      <c r="BV553" s="161" t="str">
        <f t="shared" si="323"/>
        <v/>
      </c>
      <c r="BW553" s="161" t="str">
        <f t="shared" si="324"/>
        <v/>
      </c>
      <c r="BX553" s="161" t="str">
        <f t="shared" si="325"/>
        <v/>
      </c>
      <c r="BY553" s="161" t="str">
        <f t="shared" si="326"/>
        <v/>
      </c>
      <c r="BZ553" s="161" t="str">
        <f t="shared" si="327"/>
        <v/>
      </c>
      <c r="CA553" s="161" t="str">
        <f t="shared" si="328"/>
        <v/>
      </c>
      <c r="CB553" s="161" t="str">
        <f t="shared" si="329"/>
        <v/>
      </c>
      <c r="CC553" s="161" t="str">
        <f t="shared" si="330"/>
        <v/>
      </c>
      <c r="CD553" s="156"/>
      <c r="CE553" s="156" t="s">
        <v>586</v>
      </c>
      <c r="CF553" s="156"/>
    </row>
    <row r="554" spans="1:84" s="220" customFormat="1" ht="56.1" hidden="1" customHeight="1" x14ac:dyDescent="0.2">
      <c r="A554" s="181">
        <v>554</v>
      </c>
      <c r="B554" s="182" t="s">
        <v>53</v>
      </c>
      <c r="C554" s="183" t="s">
        <v>515</v>
      </c>
      <c r="D554" s="214" t="s">
        <v>580</v>
      </c>
      <c r="E554" s="214" t="s">
        <v>587</v>
      </c>
      <c r="F554" s="214" t="s">
        <v>606</v>
      </c>
      <c r="G554" s="214" t="s">
        <v>58</v>
      </c>
      <c r="H554" s="214" t="s">
        <v>319</v>
      </c>
      <c r="I554" s="214" t="s">
        <v>81</v>
      </c>
      <c r="J554" s="214" t="s">
        <v>525</v>
      </c>
      <c r="K554" s="214" t="s">
        <v>584</v>
      </c>
      <c r="L554" s="214" t="s">
        <v>63</v>
      </c>
      <c r="M554" s="214" t="s">
        <v>63</v>
      </c>
      <c r="N554" s="215"/>
      <c r="O554" s="215"/>
      <c r="P554" s="214" t="s">
        <v>585</v>
      </c>
      <c r="Q554" s="214" t="s">
        <v>65</v>
      </c>
      <c r="R554" s="219"/>
      <c r="S554" s="219"/>
      <c r="T554" s="192" t="s">
        <v>66</v>
      </c>
      <c r="U554" s="219"/>
      <c r="V554" s="219"/>
      <c r="W554" s="219"/>
      <c r="X554" s="219"/>
      <c r="Y554" s="219"/>
      <c r="Z554" s="219"/>
      <c r="AA554" s="219"/>
      <c r="AB554" s="219"/>
      <c r="AC554" s="219"/>
      <c r="AD554" s="219"/>
      <c r="AE554" s="219"/>
      <c r="AF554" s="219"/>
      <c r="AG554" s="219"/>
      <c r="AH554" s="219"/>
      <c r="AI554" s="219"/>
      <c r="AJ554" s="219"/>
      <c r="AK554" s="219"/>
      <c r="AL554" s="219"/>
      <c r="AM554" s="219"/>
      <c r="AN554" s="219"/>
      <c r="AO554" s="219"/>
      <c r="AP554" s="219"/>
      <c r="AQ554" s="219"/>
      <c r="AR554" s="219"/>
      <c r="AS554" s="219"/>
      <c r="AT554" s="219"/>
      <c r="AU554" s="219"/>
      <c r="AV554" s="219"/>
      <c r="AW554" s="191">
        <f t="shared" si="298"/>
        <v>450</v>
      </c>
      <c r="AX554" s="187"/>
      <c r="AY554" s="192" t="str">
        <f t="shared" si="300"/>
        <v/>
      </c>
      <c r="AZ554" s="192" t="str">
        <f t="shared" si="301"/>
        <v/>
      </c>
      <c r="BA554" s="192">
        <f t="shared" si="302"/>
        <v>0</v>
      </c>
      <c r="BB554" s="192" t="str">
        <f t="shared" si="303"/>
        <v/>
      </c>
      <c r="BC554" s="192" t="str">
        <f t="shared" si="304"/>
        <v/>
      </c>
      <c r="BD554" s="192" t="str">
        <f t="shared" si="305"/>
        <v/>
      </c>
      <c r="BE554" s="192" t="str">
        <f t="shared" si="306"/>
        <v/>
      </c>
      <c r="BF554" s="192" t="str">
        <f t="shared" si="307"/>
        <v/>
      </c>
      <c r="BG554" s="192" t="str">
        <f t="shared" si="308"/>
        <v/>
      </c>
      <c r="BH554" s="192" t="str">
        <f t="shared" si="309"/>
        <v/>
      </c>
      <c r="BI554" s="192" t="str">
        <f t="shared" si="310"/>
        <v/>
      </c>
      <c r="BJ554" s="192" t="str">
        <f t="shared" si="311"/>
        <v/>
      </c>
      <c r="BK554" s="192" t="str">
        <f t="shared" si="312"/>
        <v/>
      </c>
      <c r="BL554" s="192" t="str">
        <f t="shared" si="313"/>
        <v/>
      </c>
      <c r="BM554" s="192" t="str">
        <f t="shared" si="314"/>
        <v/>
      </c>
      <c r="BN554" s="192" t="str">
        <f t="shared" si="315"/>
        <v/>
      </c>
      <c r="BO554" s="192" t="str">
        <f t="shared" si="316"/>
        <v/>
      </c>
      <c r="BP554" s="192" t="str">
        <f t="shared" si="317"/>
        <v/>
      </c>
      <c r="BQ554" s="192" t="str">
        <f t="shared" si="318"/>
        <v/>
      </c>
      <c r="BR554" s="192" t="str">
        <f t="shared" si="319"/>
        <v/>
      </c>
      <c r="BS554" s="192" t="str">
        <f t="shared" si="320"/>
        <v/>
      </c>
      <c r="BT554" s="192" t="str">
        <f t="shared" si="321"/>
        <v/>
      </c>
      <c r="BU554" s="192" t="str">
        <f t="shared" si="322"/>
        <v/>
      </c>
      <c r="BV554" s="192" t="str">
        <f t="shared" si="323"/>
        <v/>
      </c>
      <c r="BW554" s="192" t="str">
        <f t="shared" si="324"/>
        <v/>
      </c>
      <c r="BX554" s="192" t="str">
        <f t="shared" si="325"/>
        <v/>
      </c>
      <c r="BY554" s="192" t="str">
        <f t="shared" si="326"/>
        <v/>
      </c>
      <c r="BZ554" s="192" t="str">
        <f t="shared" si="327"/>
        <v/>
      </c>
      <c r="CA554" s="192" t="str">
        <f t="shared" si="328"/>
        <v/>
      </c>
      <c r="CB554" s="192" t="str">
        <f t="shared" si="329"/>
        <v/>
      </c>
      <c r="CC554" s="192" t="str">
        <f t="shared" si="330"/>
        <v/>
      </c>
      <c r="CD554" s="214"/>
      <c r="CE554" s="214" t="s">
        <v>586</v>
      </c>
      <c r="CF554" s="214"/>
    </row>
    <row r="555" spans="1:84" s="168" customFormat="1" ht="56.1" hidden="1" customHeight="1" x14ac:dyDescent="0.2">
      <c r="A555" s="154">
        <v>555</v>
      </c>
      <c r="B555" s="155" t="s">
        <v>53</v>
      </c>
      <c r="C555" s="165" t="s">
        <v>515</v>
      </c>
      <c r="D555" s="156" t="s">
        <v>580</v>
      </c>
      <c r="E555" s="156" t="s">
        <v>587</v>
      </c>
      <c r="F555" s="156" t="s">
        <v>607</v>
      </c>
      <c r="G555" s="156" t="s">
        <v>58</v>
      </c>
      <c r="H555" s="156" t="s">
        <v>20</v>
      </c>
      <c r="I555" s="156" t="s">
        <v>81</v>
      </c>
      <c r="J555" s="156" t="s">
        <v>525</v>
      </c>
      <c r="K555" s="156" t="s">
        <v>584</v>
      </c>
      <c r="L555" s="156" t="s">
        <v>63</v>
      </c>
      <c r="M555" s="156" t="s">
        <v>63</v>
      </c>
      <c r="N555" s="157"/>
      <c r="O555" s="157"/>
      <c r="P555" s="156" t="s">
        <v>585</v>
      </c>
      <c r="Q555" s="156" t="s">
        <v>65</v>
      </c>
      <c r="R555" s="167"/>
      <c r="S555" s="167"/>
      <c r="T555" s="167"/>
      <c r="U555" s="161" t="s">
        <v>66</v>
      </c>
      <c r="V555" s="167"/>
      <c r="W555" s="167"/>
      <c r="X555" s="167"/>
      <c r="Y555" s="167"/>
      <c r="Z555" s="167"/>
      <c r="AA555" s="167"/>
      <c r="AB555" s="167"/>
      <c r="AC555" s="167"/>
      <c r="AD555" s="167"/>
      <c r="AE555" s="167"/>
      <c r="AF555" s="167"/>
      <c r="AG555" s="167"/>
      <c r="AH555" s="167"/>
      <c r="AI555" s="167"/>
      <c r="AJ555" s="167"/>
      <c r="AK555" s="167"/>
      <c r="AL555" s="167"/>
      <c r="AM555" s="167"/>
      <c r="AN555" s="167"/>
      <c r="AO555" s="167"/>
      <c r="AP555" s="167"/>
      <c r="AQ555" s="167"/>
      <c r="AR555" s="167"/>
      <c r="AS555" s="167"/>
      <c r="AT555" s="167"/>
      <c r="AU555" s="167"/>
      <c r="AV555" s="167"/>
      <c r="AW555" s="160">
        <f t="shared" si="298"/>
        <v>350</v>
      </c>
      <c r="AX555" s="158"/>
      <c r="AY555" s="161" t="str">
        <f t="shared" si="300"/>
        <v/>
      </c>
      <c r="AZ555" s="161" t="str">
        <f t="shared" si="301"/>
        <v/>
      </c>
      <c r="BA555" s="161" t="str">
        <f t="shared" si="302"/>
        <v/>
      </c>
      <c r="BB555" s="161">
        <f t="shared" si="303"/>
        <v>0</v>
      </c>
      <c r="BC555" s="161" t="str">
        <f t="shared" si="304"/>
        <v/>
      </c>
      <c r="BD555" s="161" t="str">
        <f t="shared" si="305"/>
        <v/>
      </c>
      <c r="BE555" s="161" t="str">
        <f t="shared" si="306"/>
        <v/>
      </c>
      <c r="BF555" s="161" t="str">
        <f t="shared" si="307"/>
        <v/>
      </c>
      <c r="BG555" s="161" t="str">
        <f t="shared" si="308"/>
        <v/>
      </c>
      <c r="BH555" s="161" t="str">
        <f t="shared" si="309"/>
        <v/>
      </c>
      <c r="BI555" s="161" t="str">
        <f t="shared" si="310"/>
        <v/>
      </c>
      <c r="BJ555" s="161" t="str">
        <f t="shared" si="311"/>
        <v/>
      </c>
      <c r="BK555" s="161" t="str">
        <f t="shared" si="312"/>
        <v/>
      </c>
      <c r="BL555" s="161" t="str">
        <f t="shared" si="313"/>
        <v/>
      </c>
      <c r="BM555" s="161" t="str">
        <f t="shared" si="314"/>
        <v/>
      </c>
      <c r="BN555" s="161" t="str">
        <f t="shared" si="315"/>
        <v/>
      </c>
      <c r="BO555" s="161" t="str">
        <f t="shared" si="316"/>
        <v/>
      </c>
      <c r="BP555" s="161" t="str">
        <f t="shared" si="317"/>
        <v/>
      </c>
      <c r="BQ555" s="161" t="str">
        <f t="shared" si="318"/>
        <v/>
      </c>
      <c r="BR555" s="161" t="str">
        <f t="shared" si="319"/>
        <v/>
      </c>
      <c r="BS555" s="161" t="str">
        <f t="shared" si="320"/>
        <v/>
      </c>
      <c r="BT555" s="161" t="str">
        <f t="shared" si="321"/>
        <v/>
      </c>
      <c r="BU555" s="161" t="str">
        <f t="shared" si="322"/>
        <v/>
      </c>
      <c r="BV555" s="161" t="str">
        <f t="shared" si="323"/>
        <v/>
      </c>
      <c r="BW555" s="161" t="str">
        <f t="shared" si="324"/>
        <v/>
      </c>
      <c r="BX555" s="161" t="str">
        <f t="shared" si="325"/>
        <v/>
      </c>
      <c r="BY555" s="161" t="str">
        <f t="shared" si="326"/>
        <v/>
      </c>
      <c r="BZ555" s="161" t="str">
        <f t="shared" si="327"/>
        <v/>
      </c>
      <c r="CA555" s="161" t="str">
        <f t="shared" si="328"/>
        <v/>
      </c>
      <c r="CB555" s="161" t="str">
        <f t="shared" si="329"/>
        <v/>
      </c>
      <c r="CC555" s="161" t="str">
        <f t="shared" si="330"/>
        <v/>
      </c>
      <c r="CD555" s="156"/>
      <c r="CE555" s="156" t="s">
        <v>586</v>
      </c>
      <c r="CF555" s="156"/>
    </row>
    <row r="556" spans="1:84" s="211" customFormat="1" ht="56.1" hidden="1" customHeight="1" x14ac:dyDescent="0.2">
      <c r="A556" s="198">
        <v>556</v>
      </c>
      <c r="B556" s="199" t="s">
        <v>53</v>
      </c>
      <c r="C556" s="208" t="s">
        <v>515</v>
      </c>
      <c r="D556" s="200" t="s">
        <v>580</v>
      </c>
      <c r="E556" s="200" t="s">
        <v>587</v>
      </c>
      <c r="F556" s="200" t="s">
        <v>608</v>
      </c>
      <c r="G556" s="200" t="s">
        <v>58</v>
      </c>
      <c r="H556" s="200" t="s">
        <v>322</v>
      </c>
      <c r="I556" s="200" t="s">
        <v>81</v>
      </c>
      <c r="J556" s="200" t="s">
        <v>525</v>
      </c>
      <c r="K556" s="200" t="s">
        <v>584</v>
      </c>
      <c r="L556" s="200" t="s">
        <v>63</v>
      </c>
      <c r="M556" s="200" t="s">
        <v>63</v>
      </c>
      <c r="N556" s="201"/>
      <c r="O556" s="201"/>
      <c r="P556" s="200" t="s">
        <v>585</v>
      </c>
      <c r="Q556" s="200" t="s">
        <v>65</v>
      </c>
      <c r="R556" s="210"/>
      <c r="S556" s="203" t="s">
        <v>66</v>
      </c>
      <c r="T556" s="210"/>
      <c r="U556" s="210"/>
      <c r="V556" s="210"/>
      <c r="W556" s="210"/>
      <c r="X556" s="210"/>
      <c r="Y556" s="210"/>
      <c r="Z556" s="210"/>
      <c r="AA556" s="210"/>
      <c r="AB556" s="210"/>
      <c r="AC556" s="210"/>
      <c r="AD556" s="210"/>
      <c r="AE556" s="210"/>
      <c r="AF556" s="210"/>
      <c r="AG556" s="210"/>
      <c r="AH556" s="210"/>
      <c r="AI556" s="210"/>
      <c r="AJ556" s="210"/>
      <c r="AK556" s="210"/>
      <c r="AL556" s="210"/>
      <c r="AM556" s="210"/>
      <c r="AN556" s="210"/>
      <c r="AO556" s="210"/>
      <c r="AP556" s="210"/>
      <c r="AQ556" s="210"/>
      <c r="AR556" s="210"/>
      <c r="AS556" s="210"/>
      <c r="AT556" s="210"/>
      <c r="AU556" s="210"/>
      <c r="AV556" s="210"/>
      <c r="AW556" s="204">
        <f t="shared" si="298"/>
        <v>200</v>
      </c>
      <c r="AX556" s="205"/>
      <c r="AY556" s="203" t="str">
        <f t="shared" si="300"/>
        <v/>
      </c>
      <c r="AZ556" s="203">
        <f t="shared" si="301"/>
        <v>0</v>
      </c>
      <c r="BA556" s="203" t="str">
        <f t="shared" si="302"/>
        <v/>
      </c>
      <c r="BB556" s="203" t="str">
        <f t="shared" si="303"/>
        <v/>
      </c>
      <c r="BC556" s="203" t="str">
        <f t="shared" si="304"/>
        <v/>
      </c>
      <c r="BD556" s="203" t="str">
        <f t="shared" si="305"/>
        <v/>
      </c>
      <c r="BE556" s="203" t="str">
        <f t="shared" si="306"/>
        <v/>
      </c>
      <c r="BF556" s="203" t="str">
        <f t="shared" si="307"/>
        <v/>
      </c>
      <c r="BG556" s="203" t="str">
        <f t="shared" si="308"/>
        <v/>
      </c>
      <c r="BH556" s="203" t="str">
        <f t="shared" si="309"/>
        <v/>
      </c>
      <c r="BI556" s="203" t="str">
        <f t="shared" si="310"/>
        <v/>
      </c>
      <c r="BJ556" s="203" t="str">
        <f t="shared" si="311"/>
        <v/>
      </c>
      <c r="BK556" s="203" t="str">
        <f t="shared" si="312"/>
        <v/>
      </c>
      <c r="BL556" s="203" t="str">
        <f t="shared" si="313"/>
        <v/>
      </c>
      <c r="BM556" s="203" t="str">
        <f t="shared" si="314"/>
        <v/>
      </c>
      <c r="BN556" s="203" t="str">
        <f t="shared" si="315"/>
        <v/>
      </c>
      <c r="BO556" s="203" t="str">
        <f t="shared" si="316"/>
        <v/>
      </c>
      <c r="BP556" s="203" t="str">
        <f t="shared" si="317"/>
        <v/>
      </c>
      <c r="BQ556" s="203" t="str">
        <f t="shared" si="318"/>
        <v/>
      </c>
      <c r="BR556" s="203" t="str">
        <f t="shared" si="319"/>
        <v/>
      </c>
      <c r="BS556" s="203" t="str">
        <f t="shared" si="320"/>
        <v/>
      </c>
      <c r="BT556" s="203" t="str">
        <f t="shared" si="321"/>
        <v/>
      </c>
      <c r="BU556" s="203" t="str">
        <f t="shared" si="322"/>
        <v/>
      </c>
      <c r="BV556" s="203" t="str">
        <f t="shared" si="323"/>
        <v/>
      </c>
      <c r="BW556" s="203" t="str">
        <f t="shared" si="324"/>
        <v/>
      </c>
      <c r="BX556" s="203" t="str">
        <f t="shared" si="325"/>
        <v/>
      </c>
      <c r="BY556" s="203" t="str">
        <f t="shared" si="326"/>
        <v/>
      </c>
      <c r="BZ556" s="203" t="str">
        <f t="shared" si="327"/>
        <v/>
      </c>
      <c r="CA556" s="203" t="str">
        <f t="shared" si="328"/>
        <v/>
      </c>
      <c r="CB556" s="203" t="str">
        <f t="shared" si="329"/>
        <v/>
      </c>
      <c r="CC556" s="203" t="str">
        <f t="shared" si="330"/>
        <v/>
      </c>
      <c r="CD556" s="200"/>
      <c r="CE556" s="200" t="s">
        <v>586</v>
      </c>
      <c r="CF556" s="200"/>
    </row>
    <row r="557" spans="1:84" s="168" customFormat="1" ht="56.1" hidden="1" customHeight="1" x14ac:dyDescent="0.2">
      <c r="A557" s="154">
        <v>557</v>
      </c>
      <c r="B557" s="155" t="s">
        <v>53</v>
      </c>
      <c r="C557" s="165" t="s">
        <v>515</v>
      </c>
      <c r="D557" s="156" t="s">
        <v>580</v>
      </c>
      <c r="E557" s="156" t="s">
        <v>609</v>
      </c>
      <c r="F557" s="156" t="s">
        <v>610</v>
      </c>
      <c r="G557" s="156" t="s">
        <v>58</v>
      </c>
      <c r="H557" s="156" t="s">
        <v>21</v>
      </c>
      <c r="I557" s="156" t="s">
        <v>81</v>
      </c>
      <c r="J557" s="156" t="s">
        <v>525</v>
      </c>
      <c r="K557" s="156" t="s">
        <v>584</v>
      </c>
      <c r="L557" s="156" t="s">
        <v>63</v>
      </c>
      <c r="M557" s="156" t="s">
        <v>63</v>
      </c>
      <c r="N557" s="157"/>
      <c r="O557" s="157"/>
      <c r="P557" s="156" t="s">
        <v>585</v>
      </c>
      <c r="Q557" s="156" t="s">
        <v>65</v>
      </c>
      <c r="R557" s="167"/>
      <c r="S557" s="167"/>
      <c r="T557" s="167"/>
      <c r="U557" s="167"/>
      <c r="V557" s="161" t="s">
        <v>66</v>
      </c>
      <c r="W557" s="167"/>
      <c r="X557" s="167"/>
      <c r="Y557" s="167"/>
      <c r="Z557" s="167"/>
      <c r="AA557" s="167"/>
      <c r="AB557" s="167"/>
      <c r="AC557" s="167"/>
      <c r="AD557" s="167"/>
      <c r="AE557" s="167"/>
      <c r="AF557" s="167"/>
      <c r="AG557" s="167"/>
      <c r="AH557" s="167"/>
      <c r="AI557" s="167"/>
      <c r="AJ557" s="167"/>
      <c r="AK557" s="167"/>
      <c r="AL557" s="167"/>
      <c r="AM557" s="167"/>
      <c r="AN557" s="167"/>
      <c r="AO557" s="167"/>
      <c r="AP557" s="167"/>
      <c r="AQ557" s="167"/>
      <c r="AR557" s="167"/>
      <c r="AS557" s="167"/>
      <c r="AT557" s="167"/>
      <c r="AU557" s="167"/>
      <c r="AV557" s="167"/>
      <c r="AW557" s="160">
        <f t="shared" si="298"/>
        <v>300</v>
      </c>
      <c r="AX557" s="158"/>
      <c r="AY557" s="161" t="str">
        <f t="shared" si="300"/>
        <v/>
      </c>
      <c r="AZ557" s="161" t="str">
        <f t="shared" si="301"/>
        <v/>
      </c>
      <c r="BA557" s="161" t="str">
        <f t="shared" si="302"/>
        <v/>
      </c>
      <c r="BB557" s="161" t="str">
        <f t="shared" si="303"/>
        <v/>
      </c>
      <c r="BC557" s="161">
        <f t="shared" si="304"/>
        <v>0</v>
      </c>
      <c r="BD557" s="161" t="str">
        <f t="shared" si="305"/>
        <v/>
      </c>
      <c r="BE557" s="161" t="str">
        <f t="shared" si="306"/>
        <v/>
      </c>
      <c r="BF557" s="161" t="str">
        <f t="shared" si="307"/>
        <v/>
      </c>
      <c r="BG557" s="161" t="str">
        <f t="shared" si="308"/>
        <v/>
      </c>
      <c r="BH557" s="161" t="str">
        <f t="shared" si="309"/>
        <v/>
      </c>
      <c r="BI557" s="161" t="str">
        <f t="shared" si="310"/>
        <v/>
      </c>
      <c r="BJ557" s="161" t="str">
        <f t="shared" si="311"/>
        <v/>
      </c>
      <c r="BK557" s="161" t="str">
        <f t="shared" si="312"/>
        <v/>
      </c>
      <c r="BL557" s="161" t="str">
        <f t="shared" si="313"/>
        <v/>
      </c>
      <c r="BM557" s="161" t="str">
        <f t="shared" si="314"/>
        <v/>
      </c>
      <c r="BN557" s="161" t="str">
        <f t="shared" si="315"/>
        <v/>
      </c>
      <c r="BO557" s="161" t="str">
        <f t="shared" si="316"/>
        <v/>
      </c>
      <c r="BP557" s="161" t="str">
        <f t="shared" si="317"/>
        <v/>
      </c>
      <c r="BQ557" s="161" t="str">
        <f t="shared" si="318"/>
        <v/>
      </c>
      <c r="BR557" s="161" t="str">
        <f t="shared" si="319"/>
        <v/>
      </c>
      <c r="BS557" s="161" t="str">
        <f t="shared" si="320"/>
        <v/>
      </c>
      <c r="BT557" s="161" t="str">
        <f t="shared" si="321"/>
        <v/>
      </c>
      <c r="BU557" s="161" t="str">
        <f t="shared" si="322"/>
        <v/>
      </c>
      <c r="BV557" s="161" t="str">
        <f t="shared" si="323"/>
        <v/>
      </c>
      <c r="BW557" s="161" t="str">
        <f t="shared" si="324"/>
        <v/>
      </c>
      <c r="BX557" s="161" t="str">
        <f t="shared" si="325"/>
        <v/>
      </c>
      <c r="BY557" s="161" t="str">
        <f t="shared" si="326"/>
        <v/>
      </c>
      <c r="BZ557" s="161" t="str">
        <f t="shared" si="327"/>
        <v/>
      </c>
      <c r="CA557" s="161" t="str">
        <f t="shared" si="328"/>
        <v/>
      </c>
      <c r="CB557" s="161" t="str">
        <f t="shared" si="329"/>
        <v/>
      </c>
      <c r="CC557" s="161" t="str">
        <f t="shared" si="330"/>
        <v/>
      </c>
      <c r="CD557" s="156"/>
      <c r="CE557" s="156" t="s">
        <v>586</v>
      </c>
      <c r="CF557" s="156"/>
    </row>
    <row r="558" spans="1:84" s="168" customFormat="1" ht="56.1" hidden="1" customHeight="1" x14ac:dyDescent="0.2">
      <c r="A558" s="154">
        <v>558</v>
      </c>
      <c r="B558" s="155" t="s">
        <v>53</v>
      </c>
      <c r="C558" s="165" t="s">
        <v>515</v>
      </c>
      <c r="D558" s="156" t="s">
        <v>580</v>
      </c>
      <c r="E558" s="156" t="s">
        <v>609</v>
      </c>
      <c r="F558" s="156" t="s">
        <v>611</v>
      </c>
      <c r="G558" s="156" t="s">
        <v>58</v>
      </c>
      <c r="H558" s="156" t="s">
        <v>323</v>
      </c>
      <c r="I558" s="156" t="s">
        <v>81</v>
      </c>
      <c r="J558" s="156" t="s">
        <v>525</v>
      </c>
      <c r="K558" s="156" t="s">
        <v>584</v>
      </c>
      <c r="L558" s="156" t="s">
        <v>63</v>
      </c>
      <c r="M558" s="156" t="s">
        <v>63</v>
      </c>
      <c r="N558" s="157"/>
      <c r="O558" s="157"/>
      <c r="P558" s="156" t="s">
        <v>585</v>
      </c>
      <c r="Q558" s="156" t="s">
        <v>65</v>
      </c>
      <c r="R558" s="167"/>
      <c r="S558" s="167"/>
      <c r="T558" s="167"/>
      <c r="U558" s="167"/>
      <c r="V558" s="167"/>
      <c r="W558" s="167"/>
      <c r="X558" s="161" t="s">
        <v>66</v>
      </c>
      <c r="Y558" s="167"/>
      <c r="Z558" s="167"/>
      <c r="AA558" s="167"/>
      <c r="AB558" s="167"/>
      <c r="AC558" s="167"/>
      <c r="AD558" s="167"/>
      <c r="AE558" s="167"/>
      <c r="AF558" s="167"/>
      <c r="AG558" s="167"/>
      <c r="AH558" s="167"/>
      <c r="AI558" s="167"/>
      <c r="AJ558" s="167"/>
      <c r="AK558" s="167"/>
      <c r="AL558" s="167"/>
      <c r="AM558" s="167"/>
      <c r="AN558" s="167"/>
      <c r="AO558" s="167"/>
      <c r="AP558" s="167"/>
      <c r="AQ558" s="167"/>
      <c r="AR558" s="167"/>
      <c r="AS558" s="167"/>
      <c r="AT558" s="167"/>
      <c r="AU558" s="167"/>
      <c r="AV558" s="167"/>
      <c r="AW558" s="160">
        <f t="shared" si="298"/>
        <v>100</v>
      </c>
      <c r="AX558" s="158"/>
      <c r="AY558" s="161" t="str">
        <f t="shared" si="300"/>
        <v/>
      </c>
      <c r="AZ558" s="161" t="str">
        <f t="shared" si="301"/>
        <v/>
      </c>
      <c r="BA558" s="161" t="str">
        <f t="shared" si="302"/>
        <v/>
      </c>
      <c r="BB558" s="161" t="str">
        <f t="shared" si="303"/>
        <v/>
      </c>
      <c r="BC558" s="161" t="str">
        <f t="shared" si="304"/>
        <v/>
      </c>
      <c r="BD558" s="161" t="str">
        <f t="shared" si="305"/>
        <v/>
      </c>
      <c r="BE558" s="161">
        <f t="shared" si="306"/>
        <v>0</v>
      </c>
      <c r="BF558" s="161" t="str">
        <f t="shared" si="307"/>
        <v/>
      </c>
      <c r="BG558" s="161" t="str">
        <f t="shared" si="308"/>
        <v/>
      </c>
      <c r="BH558" s="161" t="str">
        <f t="shared" si="309"/>
        <v/>
      </c>
      <c r="BI558" s="161" t="str">
        <f t="shared" si="310"/>
        <v/>
      </c>
      <c r="BJ558" s="161" t="str">
        <f t="shared" si="311"/>
        <v/>
      </c>
      <c r="BK558" s="161" t="str">
        <f t="shared" si="312"/>
        <v/>
      </c>
      <c r="BL558" s="161" t="str">
        <f t="shared" si="313"/>
        <v/>
      </c>
      <c r="BM558" s="161" t="str">
        <f t="shared" si="314"/>
        <v/>
      </c>
      <c r="BN558" s="161" t="str">
        <f t="shared" si="315"/>
        <v/>
      </c>
      <c r="BO558" s="161" t="str">
        <f t="shared" si="316"/>
        <v/>
      </c>
      <c r="BP558" s="161" t="str">
        <f t="shared" si="317"/>
        <v/>
      </c>
      <c r="BQ558" s="161" t="str">
        <f t="shared" si="318"/>
        <v/>
      </c>
      <c r="BR558" s="161" t="str">
        <f t="shared" si="319"/>
        <v/>
      </c>
      <c r="BS558" s="161" t="str">
        <f t="shared" si="320"/>
        <v/>
      </c>
      <c r="BT558" s="161" t="str">
        <f t="shared" si="321"/>
        <v/>
      </c>
      <c r="BU558" s="161" t="str">
        <f t="shared" si="322"/>
        <v/>
      </c>
      <c r="BV558" s="161" t="str">
        <f t="shared" si="323"/>
        <v/>
      </c>
      <c r="BW558" s="161" t="str">
        <f t="shared" si="324"/>
        <v/>
      </c>
      <c r="BX558" s="161" t="str">
        <f t="shared" si="325"/>
        <v/>
      </c>
      <c r="BY558" s="161" t="str">
        <f t="shared" si="326"/>
        <v/>
      </c>
      <c r="BZ558" s="161" t="str">
        <f t="shared" si="327"/>
        <v/>
      </c>
      <c r="CA558" s="161" t="str">
        <f t="shared" si="328"/>
        <v/>
      </c>
      <c r="CB558" s="161" t="str">
        <f t="shared" si="329"/>
        <v/>
      </c>
      <c r="CC558" s="161" t="str">
        <f t="shared" si="330"/>
        <v/>
      </c>
      <c r="CD558" s="156"/>
      <c r="CE558" s="156" t="s">
        <v>586</v>
      </c>
      <c r="CF558" s="156"/>
    </row>
    <row r="559" spans="1:84" s="168" customFormat="1" ht="56.1" hidden="1" customHeight="1" x14ac:dyDescent="0.2">
      <c r="A559" s="154">
        <v>559</v>
      </c>
      <c r="B559" s="155" t="s">
        <v>53</v>
      </c>
      <c r="C559" s="165" t="s">
        <v>515</v>
      </c>
      <c r="D559" s="156" t="s">
        <v>580</v>
      </c>
      <c r="E559" s="156" t="s">
        <v>609</v>
      </c>
      <c r="F559" s="156" t="s">
        <v>612</v>
      </c>
      <c r="G559" s="156" t="s">
        <v>58</v>
      </c>
      <c r="H559" s="156" t="s">
        <v>324</v>
      </c>
      <c r="I559" s="156" t="s">
        <v>81</v>
      </c>
      <c r="J559" s="156" t="s">
        <v>525</v>
      </c>
      <c r="K559" s="156" t="s">
        <v>584</v>
      </c>
      <c r="L559" s="156" t="s">
        <v>63</v>
      </c>
      <c r="M559" s="156" t="s">
        <v>63</v>
      </c>
      <c r="N559" s="157"/>
      <c r="O559" s="157"/>
      <c r="P559" s="156" t="s">
        <v>585</v>
      </c>
      <c r="Q559" s="156" t="s">
        <v>65</v>
      </c>
      <c r="R559" s="167"/>
      <c r="S559" s="167"/>
      <c r="T559" s="167"/>
      <c r="U559" s="167"/>
      <c r="V559" s="167"/>
      <c r="W559" s="167"/>
      <c r="X559" s="167"/>
      <c r="Y559" s="161" t="s">
        <v>66</v>
      </c>
      <c r="Z559" s="167"/>
      <c r="AA559" s="167"/>
      <c r="AB559" s="167"/>
      <c r="AC559" s="167"/>
      <c r="AD559" s="167"/>
      <c r="AE559" s="167"/>
      <c r="AF559" s="167"/>
      <c r="AG559" s="167"/>
      <c r="AH559" s="167"/>
      <c r="AI559" s="167"/>
      <c r="AJ559" s="167"/>
      <c r="AK559" s="167"/>
      <c r="AL559" s="167"/>
      <c r="AM559" s="167"/>
      <c r="AN559" s="167"/>
      <c r="AO559" s="167"/>
      <c r="AP559" s="167"/>
      <c r="AQ559" s="167"/>
      <c r="AR559" s="167"/>
      <c r="AS559" s="167"/>
      <c r="AT559" s="167"/>
      <c r="AU559" s="167"/>
      <c r="AV559" s="167"/>
      <c r="AW559" s="160">
        <f t="shared" si="298"/>
        <v>390</v>
      </c>
      <c r="AX559" s="158"/>
      <c r="AY559" s="161" t="str">
        <f t="shared" si="300"/>
        <v/>
      </c>
      <c r="AZ559" s="161" t="str">
        <f t="shared" si="301"/>
        <v/>
      </c>
      <c r="BA559" s="161" t="str">
        <f t="shared" si="302"/>
        <v/>
      </c>
      <c r="BB559" s="161" t="str">
        <f t="shared" si="303"/>
        <v/>
      </c>
      <c r="BC559" s="161" t="str">
        <f t="shared" si="304"/>
        <v/>
      </c>
      <c r="BD559" s="161" t="str">
        <f t="shared" si="305"/>
        <v/>
      </c>
      <c r="BE559" s="161" t="str">
        <f t="shared" si="306"/>
        <v/>
      </c>
      <c r="BF559" s="161">
        <f t="shared" si="307"/>
        <v>0</v>
      </c>
      <c r="BG559" s="161" t="str">
        <f t="shared" si="308"/>
        <v/>
      </c>
      <c r="BH559" s="161" t="str">
        <f t="shared" si="309"/>
        <v/>
      </c>
      <c r="BI559" s="161" t="str">
        <f t="shared" si="310"/>
        <v/>
      </c>
      <c r="BJ559" s="161" t="str">
        <f t="shared" si="311"/>
        <v/>
      </c>
      <c r="BK559" s="161" t="str">
        <f t="shared" si="312"/>
        <v/>
      </c>
      <c r="BL559" s="161" t="str">
        <f t="shared" si="313"/>
        <v/>
      </c>
      <c r="BM559" s="161" t="str">
        <f t="shared" si="314"/>
        <v/>
      </c>
      <c r="BN559" s="161" t="str">
        <f t="shared" si="315"/>
        <v/>
      </c>
      <c r="BO559" s="161" t="str">
        <f t="shared" si="316"/>
        <v/>
      </c>
      <c r="BP559" s="161" t="str">
        <f t="shared" si="317"/>
        <v/>
      </c>
      <c r="BQ559" s="161" t="str">
        <f t="shared" si="318"/>
        <v/>
      </c>
      <c r="BR559" s="161" t="str">
        <f t="shared" si="319"/>
        <v/>
      </c>
      <c r="BS559" s="161" t="str">
        <f t="shared" si="320"/>
        <v/>
      </c>
      <c r="BT559" s="161" t="str">
        <f t="shared" si="321"/>
        <v/>
      </c>
      <c r="BU559" s="161" t="str">
        <f t="shared" si="322"/>
        <v/>
      </c>
      <c r="BV559" s="161" t="str">
        <f t="shared" si="323"/>
        <v/>
      </c>
      <c r="BW559" s="161" t="str">
        <f t="shared" si="324"/>
        <v/>
      </c>
      <c r="BX559" s="161" t="str">
        <f t="shared" si="325"/>
        <v/>
      </c>
      <c r="BY559" s="161" t="str">
        <f t="shared" si="326"/>
        <v/>
      </c>
      <c r="BZ559" s="161" t="str">
        <f t="shared" si="327"/>
        <v/>
      </c>
      <c r="CA559" s="161" t="str">
        <f t="shared" si="328"/>
        <v/>
      </c>
      <c r="CB559" s="161" t="str">
        <f t="shared" si="329"/>
        <v/>
      </c>
      <c r="CC559" s="161" t="str">
        <f t="shared" si="330"/>
        <v/>
      </c>
      <c r="CD559" s="156"/>
      <c r="CE559" s="156" t="s">
        <v>586</v>
      </c>
      <c r="CF559" s="156"/>
    </row>
    <row r="560" spans="1:84" s="211" customFormat="1" ht="56.1" hidden="1" customHeight="1" x14ac:dyDescent="0.2">
      <c r="A560" s="198">
        <v>560</v>
      </c>
      <c r="B560" s="199" t="s">
        <v>53</v>
      </c>
      <c r="C560" s="208" t="s">
        <v>515</v>
      </c>
      <c r="D560" s="200" t="s">
        <v>580</v>
      </c>
      <c r="E560" s="200" t="s">
        <v>609</v>
      </c>
      <c r="F560" s="200" t="s">
        <v>613</v>
      </c>
      <c r="G560" s="200" t="s">
        <v>58</v>
      </c>
      <c r="H560" s="200" t="s">
        <v>384</v>
      </c>
      <c r="I560" s="200" t="s">
        <v>81</v>
      </c>
      <c r="J560" s="200" t="s">
        <v>525</v>
      </c>
      <c r="K560" s="200" t="s">
        <v>584</v>
      </c>
      <c r="L560" s="200" t="s">
        <v>63</v>
      </c>
      <c r="M560" s="200" t="s">
        <v>63</v>
      </c>
      <c r="N560" s="201"/>
      <c r="O560" s="201"/>
      <c r="P560" s="200" t="s">
        <v>585</v>
      </c>
      <c r="Q560" s="200" t="s">
        <v>65</v>
      </c>
      <c r="R560" s="210"/>
      <c r="S560" s="210"/>
      <c r="T560" s="210"/>
      <c r="U560" s="210"/>
      <c r="V560" s="210"/>
      <c r="W560" s="203" t="s">
        <v>66</v>
      </c>
      <c r="X560" s="210"/>
      <c r="Y560" s="210"/>
      <c r="Z560" s="210"/>
      <c r="AA560" s="210"/>
      <c r="AB560" s="210"/>
      <c r="AC560" s="210"/>
      <c r="AD560" s="210"/>
      <c r="AE560" s="210"/>
      <c r="AF560" s="210"/>
      <c r="AG560" s="210"/>
      <c r="AH560" s="210"/>
      <c r="AI560" s="210"/>
      <c r="AJ560" s="210"/>
      <c r="AK560" s="210"/>
      <c r="AL560" s="210"/>
      <c r="AM560" s="210"/>
      <c r="AN560" s="210"/>
      <c r="AO560" s="210"/>
      <c r="AP560" s="210"/>
      <c r="AQ560" s="210"/>
      <c r="AR560" s="210"/>
      <c r="AS560" s="210"/>
      <c r="AT560" s="210"/>
      <c r="AU560" s="210"/>
      <c r="AV560" s="210"/>
      <c r="AW560" s="204">
        <f t="shared" si="298"/>
        <v>480</v>
      </c>
      <c r="AX560" s="205"/>
      <c r="AY560" s="203" t="str">
        <f t="shared" si="300"/>
        <v/>
      </c>
      <c r="AZ560" s="203" t="str">
        <f t="shared" si="301"/>
        <v/>
      </c>
      <c r="BA560" s="203" t="str">
        <f t="shared" si="302"/>
        <v/>
      </c>
      <c r="BB560" s="203" t="str">
        <f t="shared" si="303"/>
        <v/>
      </c>
      <c r="BC560" s="203" t="str">
        <f t="shared" si="304"/>
        <v/>
      </c>
      <c r="BD560" s="203">
        <f t="shared" si="305"/>
        <v>0</v>
      </c>
      <c r="BE560" s="203" t="str">
        <f t="shared" si="306"/>
        <v/>
      </c>
      <c r="BF560" s="203" t="str">
        <f t="shared" si="307"/>
        <v/>
      </c>
      <c r="BG560" s="203" t="str">
        <f t="shared" si="308"/>
        <v/>
      </c>
      <c r="BH560" s="203" t="str">
        <f t="shared" si="309"/>
        <v/>
      </c>
      <c r="BI560" s="203" t="str">
        <f t="shared" si="310"/>
        <v/>
      </c>
      <c r="BJ560" s="203" t="str">
        <f t="shared" si="311"/>
        <v/>
      </c>
      <c r="BK560" s="203" t="str">
        <f t="shared" si="312"/>
        <v/>
      </c>
      <c r="BL560" s="203" t="str">
        <f t="shared" si="313"/>
        <v/>
      </c>
      <c r="BM560" s="203" t="str">
        <f t="shared" si="314"/>
        <v/>
      </c>
      <c r="BN560" s="203" t="str">
        <f t="shared" si="315"/>
        <v/>
      </c>
      <c r="BO560" s="203" t="str">
        <f t="shared" si="316"/>
        <v/>
      </c>
      <c r="BP560" s="203" t="str">
        <f t="shared" si="317"/>
        <v/>
      </c>
      <c r="BQ560" s="203" t="str">
        <f t="shared" si="318"/>
        <v/>
      </c>
      <c r="BR560" s="203" t="str">
        <f t="shared" si="319"/>
        <v/>
      </c>
      <c r="BS560" s="203" t="str">
        <f t="shared" si="320"/>
        <v/>
      </c>
      <c r="BT560" s="203" t="str">
        <f t="shared" si="321"/>
        <v/>
      </c>
      <c r="BU560" s="203" t="str">
        <f t="shared" si="322"/>
        <v/>
      </c>
      <c r="BV560" s="203" t="str">
        <f t="shared" si="323"/>
        <v/>
      </c>
      <c r="BW560" s="203" t="str">
        <f t="shared" si="324"/>
        <v/>
      </c>
      <c r="BX560" s="203" t="str">
        <f t="shared" si="325"/>
        <v/>
      </c>
      <c r="BY560" s="203" t="str">
        <f t="shared" si="326"/>
        <v/>
      </c>
      <c r="BZ560" s="203" t="str">
        <f t="shared" si="327"/>
        <v/>
      </c>
      <c r="CA560" s="203" t="str">
        <f t="shared" si="328"/>
        <v/>
      </c>
      <c r="CB560" s="203" t="str">
        <f t="shared" si="329"/>
        <v/>
      </c>
      <c r="CC560" s="203" t="str">
        <f t="shared" si="330"/>
        <v/>
      </c>
      <c r="CD560" s="200"/>
      <c r="CE560" s="200" t="s">
        <v>586</v>
      </c>
      <c r="CF560" s="200"/>
    </row>
    <row r="561" spans="1:84" s="168" customFormat="1" ht="56.1" hidden="1" customHeight="1" x14ac:dyDescent="0.2">
      <c r="A561" s="154">
        <v>561</v>
      </c>
      <c r="B561" s="155" t="s">
        <v>53</v>
      </c>
      <c r="C561" s="165" t="s">
        <v>329</v>
      </c>
      <c r="D561" s="156" t="s">
        <v>580</v>
      </c>
      <c r="E561" s="156" t="s">
        <v>609</v>
      </c>
      <c r="F561" s="166" t="s">
        <v>614</v>
      </c>
      <c r="G561" s="156" t="s">
        <v>58</v>
      </c>
      <c r="H561" s="156" t="s">
        <v>207</v>
      </c>
      <c r="I561" s="156" t="s">
        <v>81</v>
      </c>
      <c r="J561" s="156" t="s">
        <v>334</v>
      </c>
      <c r="K561" s="156" t="s">
        <v>584</v>
      </c>
      <c r="L561" s="156" t="s">
        <v>63</v>
      </c>
      <c r="M561" s="156" t="s">
        <v>63</v>
      </c>
      <c r="N561" s="157"/>
      <c r="O561" s="157"/>
      <c r="P561" s="156" t="s">
        <v>226</v>
      </c>
      <c r="Q561" s="156" t="s">
        <v>82</v>
      </c>
      <c r="R561" s="167"/>
      <c r="S561" s="167"/>
      <c r="T561" s="167"/>
      <c r="U561" s="167"/>
      <c r="V561" s="167"/>
      <c r="W561" s="161"/>
      <c r="X561" s="167"/>
      <c r="Y561" s="167"/>
      <c r="Z561" s="167" t="s">
        <v>66</v>
      </c>
      <c r="AA561" s="167"/>
      <c r="AB561" s="167"/>
      <c r="AC561" s="167"/>
      <c r="AD561" s="167"/>
      <c r="AE561" s="167"/>
      <c r="AF561" s="167"/>
      <c r="AG561" s="167"/>
      <c r="AH561" s="167"/>
      <c r="AI561" s="167"/>
      <c r="AJ561" s="167"/>
      <c r="AK561" s="167"/>
      <c r="AL561" s="167"/>
      <c r="AM561" s="167"/>
      <c r="AN561" s="167"/>
      <c r="AO561" s="167"/>
      <c r="AP561" s="167"/>
      <c r="AQ561" s="167"/>
      <c r="AR561" s="167"/>
      <c r="AS561" s="167"/>
      <c r="AT561" s="167"/>
      <c r="AU561" s="167"/>
      <c r="AV561" s="167"/>
      <c r="AW561" s="160">
        <f t="shared" si="298"/>
        <v>500</v>
      </c>
      <c r="AX561" s="158"/>
      <c r="AY561" s="161" t="str">
        <f t="shared" si="300"/>
        <v/>
      </c>
      <c r="AZ561" s="161" t="str">
        <f t="shared" si="301"/>
        <v/>
      </c>
      <c r="BA561" s="161" t="str">
        <f t="shared" si="302"/>
        <v/>
      </c>
      <c r="BB561" s="161" t="str">
        <f t="shared" si="303"/>
        <v/>
      </c>
      <c r="BC561" s="161" t="str">
        <f t="shared" si="304"/>
        <v/>
      </c>
      <c r="BD561" s="161" t="str">
        <f t="shared" si="305"/>
        <v/>
      </c>
      <c r="BE561" s="161" t="str">
        <f t="shared" si="306"/>
        <v/>
      </c>
      <c r="BF561" s="161" t="str">
        <f t="shared" si="307"/>
        <v/>
      </c>
      <c r="BG561" s="161">
        <f t="shared" si="308"/>
        <v>0</v>
      </c>
      <c r="BH561" s="161" t="str">
        <f t="shared" si="309"/>
        <v/>
      </c>
      <c r="BI561" s="161" t="str">
        <f t="shared" si="310"/>
        <v/>
      </c>
      <c r="BJ561" s="161" t="str">
        <f t="shared" si="311"/>
        <v/>
      </c>
      <c r="BK561" s="161" t="str">
        <f t="shared" si="312"/>
        <v/>
      </c>
      <c r="BL561" s="161" t="str">
        <f t="shared" si="313"/>
        <v/>
      </c>
      <c r="BM561" s="161" t="str">
        <f t="shared" si="314"/>
        <v/>
      </c>
      <c r="BN561" s="161" t="str">
        <f t="shared" si="315"/>
        <v/>
      </c>
      <c r="BO561" s="161" t="str">
        <f t="shared" si="316"/>
        <v/>
      </c>
      <c r="BP561" s="161" t="str">
        <f t="shared" si="317"/>
        <v/>
      </c>
      <c r="BQ561" s="161" t="str">
        <f t="shared" si="318"/>
        <v/>
      </c>
      <c r="BR561" s="161" t="str">
        <f t="shared" si="319"/>
        <v/>
      </c>
      <c r="BS561" s="161" t="str">
        <f t="shared" si="320"/>
        <v/>
      </c>
      <c r="BT561" s="161" t="str">
        <f t="shared" si="321"/>
        <v/>
      </c>
      <c r="BU561" s="161" t="str">
        <f t="shared" si="322"/>
        <v/>
      </c>
      <c r="BV561" s="161" t="str">
        <f t="shared" si="323"/>
        <v/>
      </c>
      <c r="BW561" s="161" t="str">
        <f t="shared" si="324"/>
        <v/>
      </c>
      <c r="BX561" s="161" t="str">
        <f t="shared" si="325"/>
        <v/>
      </c>
      <c r="BY561" s="161" t="str">
        <f t="shared" si="326"/>
        <v/>
      </c>
      <c r="BZ561" s="161" t="str">
        <f t="shared" si="327"/>
        <v/>
      </c>
      <c r="CA561" s="161" t="str">
        <f t="shared" si="328"/>
        <v/>
      </c>
      <c r="CB561" s="161" t="str">
        <f t="shared" si="329"/>
        <v/>
      </c>
      <c r="CC561" s="161" t="str">
        <f t="shared" si="330"/>
        <v/>
      </c>
      <c r="CD561" s="156"/>
      <c r="CE561" s="156"/>
      <c r="CF561" s="156"/>
    </row>
    <row r="562" spans="1:84" s="211" customFormat="1" ht="56.1" hidden="1" customHeight="1" x14ac:dyDescent="0.2">
      <c r="A562" s="198">
        <v>562</v>
      </c>
      <c r="B562" s="199" t="s">
        <v>53</v>
      </c>
      <c r="C562" s="208" t="s">
        <v>329</v>
      </c>
      <c r="D562" s="200" t="s">
        <v>580</v>
      </c>
      <c r="E562" s="200" t="s">
        <v>609</v>
      </c>
      <c r="F562" s="209" t="s">
        <v>615</v>
      </c>
      <c r="G562" s="200" t="s">
        <v>58</v>
      </c>
      <c r="H562" s="200" t="s">
        <v>326</v>
      </c>
      <c r="I562" s="200" t="s">
        <v>81</v>
      </c>
      <c r="J562" s="200" t="s">
        <v>334</v>
      </c>
      <c r="K562" s="200" t="s">
        <v>584</v>
      </c>
      <c r="L562" s="200" t="s">
        <v>63</v>
      </c>
      <c r="M562" s="200" t="s">
        <v>63</v>
      </c>
      <c r="N562" s="201"/>
      <c r="O562" s="201"/>
      <c r="P562" s="200" t="s">
        <v>226</v>
      </c>
      <c r="Q562" s="200" t="s">
        <v>82</v>
      </c>
      <c r="R562" s="210"/>
      <c r="S562" s="210"/>
      <c r="T562" s="210"/>
      <c r="U562" s="210"/>
      <c r="V562" s="210"/>
      <c r="W562" s="203"/>
      <c r="X562" s="210"/>
      <c r="Y562" s="210"/>
      <c r="Z562" s="210"/>
      <c r="AA562" s="210"/>
      <c r="AB562" s="210"/>
      <c r="AC562" s="210"/>
      <c r="AD562" s="210" t="s">
        <v>66</v>
      </c>
      <c r="AE562" s="210"/>
      <c r="AF562" s="210"/>
      <c r="AG562" s="210"/>
      <c r="AH562" s="210"/>
      <c r="AI562" s="210"/>
      <c r="AJ562" s="210"/>
      <c r="AK562" s="210"/>
      <c r="AL562" s="210"/>
      <c r="AM562" s="210"/>
      <c r="AN562" s="210"/>
      <c r="AO562" s="210"/>
      <c r="AP562" s="210"/>
      <c r="AQ562" s="210"/>
      <c r="AR562" s="210"/>
      <c r="AS562" s="210"/>
      <c r="AT562" s="210"/>
      <c r="AU562" s="210"/>
      <c r="AV562" s="210"/>
      <c r="AW562" s="204">
        <f t="shared" si="298"/>
        <v>234</v>
      </c>
      <c r="AX562" s="205"/>
      <c r="AY562" s="203" t="str">
        <f t="shared" si="300"/>
        <v/>
      </c>
      <c r="AZ562" s="203" t="str">
        <f t="shared" si="301"/>
        <v/>
      </c>
      <c r="BA562" s="203" t="str">
        <f t="shared" si="302"/>
        <v/>
      </c>
      <c r="BB562" s="203" t="str">
        <f t="shared" si="303"/>
        <v/>
      </c>
      <c r="BC562" s="203" t="str">
        <f t="shared" si="304"/>
        <v/>
      </c>
      <c r="BD562" s="203" t="str">
        <f t="shared" si="305"/>
        <v/>
      </c>
      <c r="BE562" s="203" t="str">
        <f t="shared" si="306"/>
        <v/>
      </c>
      <c r="BF562" s="203" t="str">
        <f t="shared" si="307"/>
        <v/>
      </c>
      <c r="BG562" s="203" t="str">
        <f t="shared" si="308"/>
        <v/>
      </c>
      <c r="BH562" s="203" t="str">
        <f t="shared" si="309"/>
        <v/>
      </c>
      <c r="BI562" s="203" t="str">
        <f t="shared" si="310"/>
        <v/>
      </c>
      <c r="BJ562" s="203" t="str">
        <f t="shared" si="311"/>
        <v/>
      </c>
      <c r="BK562" s="203">
        <f t="shared" si="312"/>
        <v>0</v>
      </c>
      <c r="BL562" s="203" t="str">
        <f t="shared" si="313"/>
        <v/>
      </c>
      <c r="BM562" s="203" t="str">
        <f t="shared" si="314"/>
        <v/>
      </c>
      <c r="BN562" s="203" t="str">
        <f t="shared" si="315"/>
        <v/>
      </c>
      <c r="BO562" s="203" t="str">
        <f t="shared" si="316"/>
        <v/>
      </c>
      <c r="BP562" s="203" t="str">
        <f t="shared" si="317"/>
        <v/>
      </c>
      <c r="BQ562" s="203" t="str">
        <f t="shared" si="318"/>
        <v/>
      </c>
      <c r="BR562" s="203" t="str">
        <f t="shared" si="319"/>
        <v/>
      </c>
      <c r="BS562" s="203" t="str">
        <f t="shared" si="320"/>
        <v/>
      </c>
      <c r="BT562" s="203" t="str">
        <f t="shared" si="321"/>
        <v/>
      </c>
      <c r="BU562" s="203" t="str">
        <f t="shared" si="322"/>
        <v/>
      </c>
      <c r="BV562" s="203" t="str">
        <f t="shared" si="323"/>
        <v/>
      </c>
      <c r="BW562" s="203" t="str">
        <f t="shared" si="324"/>
        <v/>
      </c>
      <c r="BX562" s="203" t="str">
        <f t="shared" si="325"/>
        <v/>
      </c>
      <c r="BY562" s="203" t="str">
        <f t="shared" si="326"/>
        <v/>
      </c>
      <c r="BZ562" s="203" t="str">
        <f t="shared" si="327"/>
        <v/>
      </c>
      <c r="CA562" s="203" t="str">
        <f t="shared" si="328"/>
        <v/>
      </c>
      <c r="CB562" s="203" t="str">
        <f t="shared" si="329"/>
        <v/>
      </c>
      <c r="CC562" s="203" t="str">
        <f t="shared" si="330"/>
        <v/>
      </c>
      <c r="CD562" s="200"/>
      <c r="CE562" s="200"/>
      <c r="CF562" s="200"/>
    </row>
    <row r="563" spans="1:84" s="168" customFormat="1" ht="56.1" hidden="1" customHeight="1" x14ac:dyDescent="0.2">
      <c r="A563" s="154">
        <v>563</v>
      </c>
      <c r="B563" s="155" t="s">
        <v>53</v>
      </c>
      <c r="C563" s="165" t="s">
        <v>329</v>
      </c>
      <c r="D563" s="156" t="s">
        <v>580</v>
      </c>
      <c r="E563" s="156" t="s">
        <v>609</v>
      </c>
      <c r="F563" s="166" t="s">
        <v>616</v>
      </c>
      <c r="G563" s="156" t="s">
        <v>58</v>
      </c>
      <c r="H563" s="156" t="s">
        <v>26</v>
      </c>
      <c r="I563" s="156" t="s">
        <v>60</v>
      </c>
      <c r="J563" s="156" t="s">
        <v>334</v>
      </c>
      <c r="K563" s="156" t="s">
        <v>584</v>
      </c>
      <c r="L563" s="156" t="s">
        <v>63</v>
      </c>
      <c r="M563" s="156" t="s">
        <v>63</v>
      </c>
      <c r="N563" s="157"/>
      <c r="O563" s="157"/>
      <c r="P563" s="156" t="s">
        <v>226</v>
      </c>
      <c r="Q563" s="156" t="s">
        <v>82</v>
      </c>
      <c r="R563" s="167"/>
      <c r="S563" s="167"/>
      <c r="T563" s="167"/>
      <c r="U563" s="167"/>
      <c r="V563" s="167"/>
      <c r="W563" s="161"/>
      <c r="X563" s="167"/>
      <c r="Y563" s="167"/>
      <c r="Z563" s="167"/>
      <c r="AA563" s="167" t="s">
        <v>66</v>
      </c>
      <c r="AB563" s="167"/>
      <c r="AC563" s="167"/>
      <c r="AD563" s="167"/>
      <c r="AE563" s="167"/>
      <c r="AF563" s="167"/>
      <c r="AG563" s="167"/>
      <c r="AH563" s="167"/>
      <c r="AI563" s="167"/>
      <c r="AJ563" s="167"/>
      <c r="AK563" s="167"/>
      <c r="AL563" s="167"/>
      <c r="AM563" s="167"/>
      <c r="AN563" s="167"/>
      <c r="AO563" s="167"/>
      <c r="AP563" s="167"/>
      <c r="AQ563" s="167"/>
      <c r="AR563" s="167"/>
      <c r="AS563" s="167"/>
      <c r="AT563" s="167"/>
      <c r="AU563" s="167"/>
      <c r="AV563" s="167"/>
      <c r="AW563" s="160">
        <f t="shared" si="298"/>
        <v>500</v>
      </c>
      <c r="AX563" s="158"/>
      <c r="AY563" s="161" t="str">
        <f t="shared" si="300"/>
        <v/>
      </c>
      <c r="AZ563" s="161" t="str">
        <f t="shared" si="301"/>
        <v/>
      </c>
      <c r="BA563" s="161" t="str">
        <f t="shared" si="302"/>
        <v/>
      </c>
      <c r="BB563" s="161" t="str">
        <f t="shared" si="303"/>
        <v/>
      </c>
      <c r="BC563" s="161" t="str">
        <f t="shared" si="304"/>
        <v/>
      </c>
      <c r="BD563" s="161" t="str">
        <f t="shared" si="305"/>
        <v/>
      </c>
      <c r="BE563" s="161" t="str">
        <f t="shared" si="306"/>
        <v/>
      </c>
      <c r="BF563" s="161" t="str">
        <f t="shared" si="307"/>
        <v/>
      </c>
      <c r="BG563" s="161" t="str">
        <f t="shared" si="308"/>
        <v/>
      </c>
      <c r="BH563" s="161">
        <f t="shared" si="309"/>
        <v>0</v>
      </c>
      <c r="BI563" s="161" t="str">
        <f t="shared" si="310"/>
        <v/>
      </c>
      <c r="BJ563" s="161" t="str">
        <f t="shared" si="311"/>
        <v/>
      </c>
      <c r="BK563" s="161" t="str">
        <f t="shared" si="312"/>
        <v/>
      </c>
      <c r="BL563" s="161" t="str">
        <f t="shared" si="313"/>
        <v/>
      </c>
      <c r="BM563" s="161" t="str">
        <f t="shared" si="314"/>
        <v/>
      </c>
      <c r="BN563" s="161" t="str">
        <f t="shared" si="315"/>
        <v/>
      </c>
      <c r="BO563" s="161" t="str">
        <f t="shared" si="316"/>
        <v/>
      </c>
      <c r="BP563" s="161" t="str">
        <f t="shared" si="317"/>
        <v/>
      </c>
      <c r="BQ563" s="161" t="str">
        <f t="shared" si="318"/>
        <v/>
      </c>
      <c r="BR563" s="161" t="str">
        <f t="shared" si="319"/>
        <v/>
      </c>
      <c r="BS563" s="161" t="str">
        <f t="shared" si="320"/>
        <v/>
      </c>
      <c r="BT563" s="161" t="str">
        <f t="shared" si="321"/>
        <v/>
      </c>
      <c r="BU563" s="161" t="str">
        <f t="shared" si="322"/>
        <v/>
      </c>
      <c r="BV563" s="161" t="str">
        <f t="shared" si="323"/>
        <v/>
      </c>
      <c r="BW563" s="161" t="str">
        <f t="shared" si="324"/>
        <v/>
      </c>
      <c r="BX563" s="161" t="str">
        <f t="shared" si="325"/>
        <v/>
      </c>
      <c r="BY563" s="161" t="str">
        <f t="shared" si="326"/>
        <v/>
      </c>
      <c r="BZ563" s="161" t="str">
        <f t="shared" si="327"/>
        <v/>
      </c>
      <c r="CA563" s="161" t="str">
        <f t="shared" si="328"/>
        <v/>
      </c>
      <c r="CB563" s="161" t="str">
        <f t="shared" si="329"/>
        <v/>
      </c>
      <c r="CC563" s="161" t="str">
        <f t="shared" si="330"/>
        <v/>
      </c>
      <c r="CD563" s="156"/>
      <c r="CE563" s="156"/>
      <c r="CF563" s="156"/>
    </row>
    <row r="564" spans="1:84" s="168" customFormat="1" ht="56.1" hidden="1" customHeight="1" x14ac:dyDescent="0.2">
      <c r="A564" s="154">
        <v>564</v>
      </c>
      <c r="B564" s="155" t="s">
        <v>53</v>
      </c>
      <c r="C564" s="165" t="s">
        <v>329</v>
      </c>
      <c r="D564" s="156" t="s">
        <v>580</v>
      </c>
      <c r="E564" s="156" t="s">
        <v>617</v>
      </c>
      <c r="F564" s="166" t="s">
        <v>618</v>
      </c>
      <c r="G564" s="156" t="s">
        <v>58</v>
      </c>
      <c r="H564" s="156" t="s">
        <v>27</v>
      </c>
      <c r="I564" s="156" t="s">
        <v>81</v>
      </c>
      <c r="J564" s="156" t="s">
        <v>334</v>
      </c>
      <c r="K564" s="156" t="s">
        <v>584</v>
      </c>
      <c r="L564" s="156" t="s">
        <v>63</v>
      </c>
      <c r="M564" s="156" t="s">
        <v>63</v>
      </c>
      <c r="N564" s="157"/>
      <c r="O564" s="157"/>
      <c r="P564" s="156" t="s">
        <v>226</v>
      </c>
      <c r="Q564" s="156" t="s">
        <v>82</v>
      </c>
      <c r="R564" s="167"/>
      <c r="S564" s="167"/>
      <c r="T564" s="167"/>
      <c r="U564" s="167"/>
      <c r="V564" s="167"/>
      <c r="W564" s="161"/>
      <c r="X564" s="167"/>
      <c r="Y564" s="167"/>
      <c r="Z564" s="167"/>
      <c r="AA564" s="167"/>
      <c r="AB564" s="167" t="s">
        <v>66</v>
      </c>
      <c r="AC564" s="167"/>
      <c r="AD564" s="167"/>
      <c r="AE564" s="167"/>
      <c r="AF564" s="167"/>
      <c r="AG564" s="167"/>
      <c r="AH564" s="167"/>
      <c r="AI564" s="167"/>
      <c r="AJ564" s="167"/>
      <c r="AK564" s="167"/>
      <c r="AL564" s="167"/>
      <c r="AM564" s="167"/>
      <c r="AN564" s="167"/>
      <c r="AO564" s="167"/>
      <c r="AP564" s="167"/>
      <c r="AQ564" s="167"/>
      <c r="AR564" s="167"/>
      <c r="AS564" s="167"/>
      <c r="AT564" s="167"/>
      <c r="AU564" s="167"/>
      <c r="AV564" s="167"/>
      <c r="AW564" s="160">
        <f t="shared" si="298"/>
        <v>750</v>
      </c>
      <c r="AX564" s="158"/>
      <c r="AY564" s="161" t="str">
        <f t="shared" si="300"/>
        <v/>
      </c>
      <c r="AZ564" s="161" t="str">
        <f t="shared" si="301"/>
        <v/>
      </c>
      <c r="BA564" s="161" t="str">
        <f t="shared" si="302"/>
        <v/>
      </c>
      <c r="BB564" s="161" t="str">
        <f t="shared" si="303"/>
        <v/>
      </c>
      <c r="BC564" s="161" t="str">
        <f t="shared" si="304"/>
        <v/>
      </c>
      <c r="BD564" s="161" t="str">
        <f t="shared" si="305"/>
        <v/>
      </c>
      <c r="BE564" s="161" t="str">
        <f t="shared" si="306"/>
        <v/>
      </c>
      <c r="BF564" s="161" t="str">
        <f t="shared" si="307"/>
        <v/>
      </c>
      <c r="BG564" s="161" t="str">
        <f t="shared" si="308"/>
        <v/>
      </c>
      <c r="BH564" s="161" t="str">
        <f t="shared" si="309"/>
        <v/>
      </c>
      <c r="BI564" s="161">
        <f t="shared" si="310"/>
        <v>0</v>
      </c>
      <c r="BJ564" s="161" t="str">
        <f t="shared" si="311"/>
        <v/>
      </c>
      <c r="BK564" s="161" t="str">
        <f t="shared" si="312"/>
        <v/>
      </c>
      <c r="BL564" s="161" t="str">
        <f t="shared" si="313"/>
        <v/>
      </c>
      <c r="BM564" s="161" t="str">
        <f t="shared" si="314"/>
        <v/>
      </c>
      <c r="BN564" s="161" t="str">
        <f t="shared" si="315"/>
        <v/>
      </c>
      <c r="BO564" s="161" t="str">
        <f t="shared" si="316"/>
        <v/>
      </c>
      <c r="BP564" s="161" t="str">
        <f t="shared" si="317"/>
        <v/>
      </c>
      <c r="BQ564" s="161" t="str">
        <f t="shared" si="318"/>
        <v/>
      </c>
      <c r="BR564" s="161" t="str">
        <f t="shared" si="319"/>
        <v/>
      </c>
      <c r="BS564" s="161" t="str">
        <f t="shared" si="320"/>
        <v/>
      </c>
      <c r="BT564" s="161" t="str">
        <f t="shared" si="321"/>
        <v/>
      </c>
      <c r="BU564" s="161" t="str">
        <f t="shared" si="322"/>
        <v/>
      </c>
      <c r="BV564" s="161" t="str">
        <f t="shared" si="323"/>
        <v/>
      </c>
      <c r="BW564" s="161" t="str">
        <f t="shared" si="324"/>
        <v/>
      </c>
      <c r="BX564" s="161" t="str">
        <f t="shared" si="325"/>
        <v/>
      </c>
      <c r="BY564" s="161" t="str">
        <f t="shared" si="326"/>
        <v/>
      </c>
      <c r="BZ564" s="161" t="str">
        <f t="shared" si="327"/>
        <v/>
      </c>
      <c r="CA564" s="161" t="str">
        <f t="shared" si="328"/>
        <v/>
      </c>
      <c r="CB564" s="161" t="str">
        <f t="shared" si="329"/>
        <v/>
      </c>
      <c r="CC564" s="161" t="str">
        <f t="shared" si="330"/>
        <v/>
      </c>
      <c r="CD564" s="156"/>
      <c r="CE564" s="156"/>
      <c r="CF564" s="156"/>
    </row>
    <row r="565" spans="1:84" s="168" customFormat="1" ht="56.1" hidden="1" customHeight="1" x14ac:dyDescent="0.2">
      <c r="A565" s="154">
        <v>565</v>
      </c>
      <c r="B565" s="155" t="s">
        <v>53</v>
      </c>
      <c r="C565" s="165" t="s">
        <v>329</v>
      </c>
      <c r="D565" s="156" t="s">
        <v>580</v>
      </c>
      <c r="E565" s="156" t="s">
        <v>609</v>
      </c>
      <c r="F565" s="166" t="s">
        <v>619</v>
      </c>
      <c r="G565" s="156" t="s">
        <v>58</v>
      </c>
      <c r="H565" s="156" t="s">
        <v>127</v>
      </c>
      <c r="I565" s="156" t="s">
        <v>81</v>
      </c>
      <c r="J565" s="156" t="s">
        <v>334</v>
      </c>
      <c r="K565" s="156" t="s">
        <v>584</v>
      </c>
      <c r="L565" s="156" t="s">
        <v>63</v>
      </c>
      <c r="M565" s="156" t="s">
        <v>63</v>
      </c>
      <c r="N565" s="157"/>
      <c r="O565" s="157"/>
      <c r="P565" s="156" t="s">
        <v>226</v>
      </c>
      <c r="Q565" s="156" t="s">
        <v>82</v>
      </c>
      <c r="R565" s="167"/>
      <c r="S565" s="167"/>
      <c r="T565" s="167"/>
      <c r="U565" s="167"/>
      <c r="V565" s="167"/>
      <c r="W565" s="161"/>
      <c r="X565" s="167"/>
      <c r="Y565" s="167"/>
      <c r="Z565" s="167"/>
      <c r="AA565" s="167"/>
      <c r="AB565" s="167"/>
      <c r="AC565" s="167"/>
      <c r="AD565" s="167"/>
      <c r="AE565" s="167" t="s">
        <v>66</v>
      </c>
      <c r="AF565" s="167"/>
      <c r="AG565" s="167"/>
      <c r="AH565" s="167"/>
      <c r="AI565" s="167"/>
      <c r="AJ565" s="167"/>
      <c r="AK565" s="167"/>
      <c r="AL565" s="167"/>
      <c r="AM565" s="167"/>
      <c r="AN565" s="167"/>
      <c r="AO565" s="167"/>
      <c r="AP565" s="167"/>
      <c r="AQ565" s="167"/>
      <c r="AR565" s="167"/>
      <c r="AS565" s="167"/>
      <c r="AT565" s="167"/>
      <c r="AU565" s="167"/>
      <c r="AV565" s="167"/>
      <c r="AW565" s="160">
        <f t="shared" si="298"/>
        <v>350</v>
      </c>
      <c r="AX565" s="158"/>
      <c r="AY565" s="161" t="str">
        <f t="shared" si="300"/>
        <v/>
      </c>
      <c r="AZ565" s="161" t="str">
        <f t="shared" si="301"/>
        <v/>
      </c>
      <c r="BA565" s="161" t="str">
        <f t="shared" si="302"/>
        <v/>
      </c>
      <c r="BB565" s="161" t="str">
        <f t="shared" si="303"/>
        <v/>
      </c>
      <c r="BC565" s="161" t="str">
        <f t="shared" si="304"/>
        <v/>
      </c>
      <c r="BD565" s="161" t="str">
        <f t="shared" si="305"/>
        <v/>
      </c>
      <c r="BE565" s="161" t="str">
        <f t="shared" si="306"/>
        <v/>
      </c>
      <c r="BF565" s="161" t="str">
        <f t="shared" si="307"/>
        <v/>
      </c>
      <c r="BG565" s="161" t="str">
        <f t="shared" si="308"/>
        <v/>
      </c>
      <c r="BH565" s="161" t="str">
        <f t="shared" si="309"/>
        <v/>
      </c>
      <c r="BI565" s="161" t="str">
        <f t="shared" si="310"/>
        <v/>
      </c>
      <c r="BJ565" s="161" t="str">
        <f t="shared" si="311"/>
        <v/>
      </c>
      <c r="BK565" s="161" t="str">
        <f t="shared" si="312"/>
        <v/>
      </c>
      <c r="BL565" s="161">
        <f t="shared" si="313"/>
        <v>0</v>
      </c>
      <c r="BM565" s="161" t="str">
        <f t="shared" si="314"/>
        <v/>
      </c>
      <c r="BN565" s="161" t="str">
        <f t="shared" si="315"/>
        <v/>
      </c>
      <c r="BO565" s="161" t="str">
        <f t="shared" si="316"/>
        <v/>
      </c>
      <c r="BP565" s="161" t="str">
        <f t="shared" si="317"/>
        <v/>
      </c>
      <c r="BQ565" s="161" t="str">
        <f t="shared" si="318"/>
        <v/>
      </c>
      <c r="BR565" s="161" t="str">
        <f t="shared" si="319"/>
        <v/>
      </c>
      <c r="BS565" s="161" t="str">
        <f t="shared" si="320"/>
        <v/>
      </c>
      <c r="BT565" s="161" t="str">
        <f t="shared" si="321"/>
        <v/>
      </c>
      <c r="BU565" s="161" t="str">
        <f t="shared" si="322"/>
        <v/>
      </c>
      <c r="BV565" s="161" t="str">
        <f t="shared" si="323"/>
        <v/>
      </c>
      <c r="BW565" s="161" t="str">
        <f t="shared" si="324"/>
        <v/>
      </c>
      <c r="BX565" s="161" t="str">
        <f t="shared" si="325"/>
        <v/>
      </c>
      <c r="BY565" s="161" t="str">
        <f t="shared" si="326"/>
        <v/>
      </c>
      <c r="BZ565" s="161" t="str">
        <f t="shared" si="327"/>
        <v/>
      </c>
      <c r="CA565" s="161" t="str">
        <f t="shared" si="328"/>
        <v/>
      </c>
      <c r="CB565" s="161" t="str">
        <f t="shared" si="329"/>
        <v/>
      </c>
      <c r="CC565" s="161" t="str">
        <f t="shared" si="330"/>
        <v/>
      </c>
      <c r="CD565" s="156"/>
      <c r="CE565" s="156"/>
      <c r="CF565" s="156"/>
    </row>
    <row r="566" spans="1:84" s="168" customFormat="1" ht="56.1" hidden="1" customHeight="1" x14ac:dyDescent="0.2">
      <c r="A566" s="154">
        <v>566</v>
      </c>
      <c r="B566" s="155" t="s">
        <v>53</v>
      </c>
      <c r="C566" s="165" t="s">
        <v>329</v>
      </c>
      <c r="D566" s="156" t="s">
        <v>580</v>
      </c>
      <c r="E566" s="156" t="s">
        <v>609</v>
      </c>
      <c r="F566" s="166" t="s">
        <v>620</v>
      </c>
      <c r="G566" s="156" t="s">
        <v>58</v>
      </c>
      <c r="H566" s="156" t="s">
        <v>31</v>
      </c>
      <c r="I566" s="156" t="s">
        <v>81</v>
      </c>
      <c r="J566" s="156" t="s">
        <v>334</v>
      </c>
      <c r="K566" s="156" t="s">
        <v>584</v>
      </c>
      <c r="L566" s="156" t="s">
        <v>63</v>
      </c>
      <c r="M566" s="156" t="s">
        <v>63</v>
      </c>
      <c r="N566" s="157"/>
      <c r="O566" s="157"/>
      <c r="P566" s="156" t="s">
        <v>226</v>
      </c>
      <c r="Q566" s="156" t="s">
        <v>82</v>
      </c>
      <c r="R566" s="167"/>
      <c r="S566" s="167"/>
      <c r="T566" s="167"/>
      <c r="U566" s="167"/>
      <c r="V566" s="167"/>
      <c r="W566" s="161"/>
      <c r="X566" s="167"/>
      <c r="Y566" s="167"/>
      <c r="Z566" s="167"/>
      <c r="AA566" s="167"/>
      <c r="AB566" s="167"/>
      <c r="AC566" s="167"/>
      <c r="AD566" s="167"/>
      <c r="AE566" s="167"/>
      <c r="AF566" s="167" t="s">
        <v>66</v>
      </c>
      <c r="AG566" s="167"/>
      <c r="AH566" s="167"/>
      <c r="AI566" s="167"/>
      <c r="AJ566" s="167"/>
      <c r="AK566" s="167"/>
      <c r="AL566" s="167"/>
      <c r="AM566" s="167"/>
      <c r="AN566" s="167"/>
      <c r="AO566" s="167"/>
      <c r="AP566" s="167"/>
      <c r="AQ566" s="167"/>
      <c r="AR566" s="167"/>
      <c r="AS566" s="167"/>
      <c r="AT566" s="167"/>
      <c r="AU566" s="167"/>
      <c r="AV566" s="167"/>
      <c r="AW566" s="160">
        <f t="shared" si="298"/>
        <v>90</v>
      </c>
      <c r="AX566" s="158"/>
      <c r="AY566" s="161" t="str">
        <f t="shared" si="300"/>
        <v/>
      </c>
      <c r="AZ566" s="161" t="str">
        <f t="shared" si="301"/>
        <v/>
      </c>
      <c r="BA566" s="161" t="str">
        <f t="shared" si="302"/>
        <v/>
      </c>
      <c r="BB566" s="161" t="str">
        <f t="shared" si="303"/>
        <v/>
      </c>
      <c r="BC566" s="161" t="str">
        <f t="shared" si="304"/>
        <v/>
      </c>
      <c r="BD566" s="161" t="str">
        <f t="shared" si="305"/>
        <v/>
      </c>
      <c r="BE566" s="161" t="str">
        <f t="shared" si="306"/>
        <v/>
      </c>
      <c r="BF566" s="161" t="str">
        <f t="shared" si="307"/>
        <v/>
      </c>
      <c r="BG566" s="161" t="str">
        <f t="shared" si="308"/>
        <v/>
      </c>
      <c r="BH566" s="161" t="str">
        <f t="shared" si="309"/>
        <v/>
      </c>
      <c r="BI566" s="161" t="str">
        <f t="shared" si="310"/>
        <v/>
      </c>
      <c r="BJ566" s="161" t="str">
        <f t="shared" si="311"/>
        <v/>
      </c>
      <c r="BK566" s="161" t="str">
        <f t="shared" si="312"/>
        <v/>
      </c>
      <c r="BL566" s="161" t="str">
        <f t="shared" si="313"/>
        <v/>
      </c>
      <c r="BM566" s="161">
        <f t="shared" si="314"/>
        <v>0</v>
      </c>
      <c r="BN566" s="161" t="str">
        <f t="shared" si="315"/>
        <v/>
      </c>
      <c r="BO566" s="161" t="str">
        <f t="shared" si="316"/>
        <v/>
      </c>
      <c r="BP566" s="161" t="str">
        <f t="shared" si="317"/>
        <v/>
      </c>
      <c r="BQ566" s="161" t="str">
        <f t="shared" si="318"/>
        <v/>
      </c>
      <c r="BR566" s="161" t="str">
        <f t="shared" si="319"/>
        <v/>
      </c>
      <c r="BS566" s="161" t="str">
        <f t="shared" si="320"/>
        <v/>
      </c>
      <c r="BT566" s="161" t="str">
        <f t="shared" si="321"/>
        <v/>
      </c>
      <c r="BU566" s="161" t="str">
        <f t="shared" si="322"/>
        <v/>
      </c>
      <c r="BV566" s="161" t="str">
        <f t="shared" si="323"/>
        <v/>
      </c>
      <c r="BW566" s="161" t="str">
        <f t="shared" si="324"/>
        <v/>
      </c>
      <c r="BX566" s="161" t="str">
        <f t="shared" si="325"/>
        <v/>
      </c>
      <c r="BY566" s="161" t="str">
        <f t="shared" si="326"/>
        <v/>
      </c>
      <c r="BZ566" s="161" t="str">
        <f t="shared" si="327"/>
        <v/>
      </c>
      <c r="CA566" s="161" t="str">
        <f t="shared" si="328"/>
        <v/>
      </c>
      <c r="CB566" s="161" t="str">
        <f t="shared" si="329"/>
        <v/>
      </c>
      <c r="CC566" s="161" t="str">
        <f t="shared" si="330"/>
        <v/>
      </c>
      <c r="CD566" s="156"/>
      <c r="CE566" s="156"/>
      <c r="CF566" s="156"/>
    </row>
    <row r="567" spans="1:84" s="168" customFormat="1" ht="56.1" hidden="1" customHeight="1" x14ac:dyDescent="0.2">
      <c r="A567" s="154">
        <v>567</v>
      </c>
      <c r="B567" s="155" t="s">
        <v>53</v>
      </c>
      <c r="C567" s="165" t="s">
        <v>329</v>
      </c>
      <c r="D567" s="156" t="s">
        <v>580</v>
      </c>
      <c r="E567" s="156" t="s">
        <v>609</v>
      </c>
      <c r="F567" s="166" t="s">
        <v>621</v>
      </c>
      <c r="G567" s="156" t="s">
        <v>58</v>
      </c>
      <c r="H567" s="156" t="s">
        <v>327</v>
      </c>
      <c r="I567" s="156" t="s">
        <v>81</v>
      </c>
      <c r="J567" s="156" t="s">
        <v>334</v>
      </c>
      <c r="K567" s="156" t="s">
        <v>584</v>
      </c>
      <c r="L567" s="156" t="s">
        <v>63</v>
      </c>
      <c r="M567" s="156" t="s">
        <v>63</v>
      </c>
      <c r="N567" s="157"/>
      <c r="O567" s="157"/>
      <c r="P567" s="156" t="s">
        <v>226</v>
      </c>
      <c r="Q567" s="156" t="s">
        <v>82</v>
      </c>
      <c r="R567" s="167"/>
      <c r="S567" s="167"/>
      <c r="T567" s="167"/>
      <c r="U567" s="167"/>
      <c r="V567" s="167"/>
      <c r="W567" s="161"/>
      <c r="X567" s="167"/>
      <c r="Y567" s="167"/>
      <c r="Z567" s="167"/>
      <c r="AA567" s="167"/>
      <c r="AB567" s="167"/>
      <c r="AC567" s="167"/>
      <c r="AD567" s="167"/>
      <c r="AE567" s="167"/>
      <c r="AF567" s="167"/>
      <c r="AG567" s="167" t="s">
        <v>66</v>
      </c>
      <c r="AH567" s="167"/>
      <c r="AI567" s="167"/>
      <c r="AJ567" s="167"/>
      <c r="AK567" s="167"/>
      <c r="AL567" s="167"/>
      <c r="AM567" s="167"/>
      <c r="AN567" s="167"/>
      <c r="AO567" s="167"/>
      <c r="AP567" s="167"/>
      <c r="AQ567" s="167"/>
      <c r="AR567" s="167"/>
      <c r="AS567" s="167"/>
      <c r="AT567" s="167"/>
      <c r="AU567" s="167"/>
      <c r="AV567" s="167"/>
      <c r="AW567" s="160">
        <f t="shared" si="298"/>
        <v>80</v>
      </c>
      <c r="AX567" s="158"/>
      <c r="AY567" s="161" t="str">
        <f t="shared" si="300"/>
        <v/>
      </c>
      <c r="AZ567" s="161" t="str">
        <f t="shared" si="301"/>
        <v/>
      </c>
      <c r="BA567" s="161" t="str">
        <f t="shared" si="302"/>
        <v/>
      </c>
      <c r="BB567" s="161" t="str">
        <f t="shared" si="303"/>
        <v/>
      </c>
      <c r="BC567" s="161" t="str">
        <f t="shared" si="304"/>
        <v/>
      </c>
      <c r="BD567" s="161" t="str">
        <f t="shared" si="305"/>
        <v/>
      </c>
      <c r="BE567" s="161" t="str">
        <f t="shared" si="306"/>
        <v/>
      </c>
      <c r="BF567" s="161" t="str">
        <f t="shared" si="307"/>
        <v/>
      </c>
      <c r="BG567" s="161" t="str">
        <f t="shared" si="308"/>
        <v/>
      </c>
      <c r="BH567" s="161" t="str">
        <f t="shared" si="309"/>
        <v/>
      </c>
      <c r="BI567" s="161" t="str">
        <f t="shared" si="310"/>
        <v/>
      </c>
      <c r="BJ567" s="161" t="str">
        <f t="shared" si="311"/>
        <v/>
      </c>
      <c r="BK567" s="161" t="str">
        <f t="shared" si="312"/>
        <v/>
      </c>
      <c r="BL567" s="161" t="str">
        <f t="shared" si="313"/>
        <v/>
      </c>
      <c r="BM567" s="161" t="str">
        <f t="shared" si="314"/>
        <v/>
      </c>
      <c r="BN567" s="161">
        <f t="shared" si="315"/>
        <v>0</v>
      </c>
      <c r="BO567" s="161" t="str">
        <f t="shared" si="316"/>
        <v/>
      </c>
      <c r="BP567" s="161" t="str">
        <f t="shared" si="317"/>
        <v/>
      </c>
      <c r="BQ567" s="161" t="str">
        <f t="shared" si="318"/>
        <v/>
      </c>
      <c r="BR567" s="161" t="str">
        <f t="shared" si="319"/>
        <v/>
      </c>
      <c r="BS567" s="161" t="str">
        <f t="shared" si="320"/>
        <v/>
      </c>
      <c r="BT567" s="161" t="str">
        <f t="shared" si="321"/>
        <v/>
      </c>
      <c r="BU567" s="161" t="str">
        <f t="shared" si="322"/>
        <v/>
      </c>
      <c r="BV567" s="161" t="str">
        <f t="shared" si="323"/>
        <v/>
      </c>
      <c r="BW567" s="161" t="str">
        <f t="shared" si="324"/>
        <v/>
      </c>
      <c r="BX567" s="161" t="str">
        <f t="shared" si="325"/>
        <v/>
      </c>
      <c r="BY567" s="161" t="str">
        <f t="shared" si="326"/>
        <v/>
      </c>
      <c r="BZ567" s="161" t="str">
        <f t="shared" si="327"/>
        <v/>
      </c>
      <c r="CA567" s="161" t="str">
        <f t="shared" si="328"/>
        <v/>
      </c>
      <c r="CB567" s="161" t="str">
        <f t="shared" si="329"/>
        <v/>
      </c>
      <c r="CC567" s="161" t="str">
        <f t="shared" si="330"/>
        <v/>
      </c>
      <c r="CD567" s="156"/>
      <c r="CE567" s="156"/>
      <c r="CF567" s="156"/>
    </row>
    <row r="568" spans="1:84" s="168" customFormat="1" ht="56.1" hidden="1" customHeight="1" x14ac:dyDescent="0.2">
      <c r="A568" s="154">
        <v>568</v>
      </c>
      <c r="B568" s="155" t="s">
        <v>53</v>
      </c>
      <c r="C568" s="165" t="s">
        <v>329</v>
      </c>
      <c r="D568" s="156" t="s">
        <v>580</v>
      </c>
      <c r="E568" s="156" t="s">
        <v>609</v>
      </c>
      <c r="F568" s="166" t="s">
        <v>622</v>
      </c>
      <c r="G568" s="156" t="s">
        <v>58</v>
      </c>
      <c r="H568" s="156" t="s">
        <v>328</v>
      </c>
      <c r="I568" s="156" t="s">
        <v>81</v>
      </c>
      <c r="J568" s="156" t="s">
        <v>334</v>
      </c>
      <c r="K568" s="156" t="s">
        <v>584</v>
      </c>
      <c r="L568" s="156" t="s">
        <v>63</v>
      </c>
      <c r="M568" s="156" t="s">
        <v>63</v>
      </c>
      <c r="N568" s="157"/>
      <c r="O568" s="157"/>
      <c r="P568" s="156" t="s">
        <v>226</v>
      </c>
      <c r="Q568" s="156" t="s">
        <v>82</v>
      </c>
      <c r="R568" s="167"/>
      <c r="S568" s="167"/>
      <c r="T568" s="167"/>
      <c r="U568" s="167"/>
      <c r="V568" s="167"/>
      <c r="W568" s="161"/>
      <c r="X568" s="167"/>
      <c r="Y568" s="167"/>
      <c r="Z568" s="167"/>
      <c r="AA568" s="167"/>
      <c r="AB568" s="167"/>
      <c r="AC568" s="167"/>
      <c r="AD568" s="167"/>
      <c r="AE568" s="167"/>
      <c r="AF568" s="167"/>
      <c r="AG568" s="167" t="s">
        <v>66</v>
      </c>
      <c r="AH568" s="167"/>
      <c r="AI568" s="167"/>
      <c r="AJ568" s="167"/>
      <c r="AK568" s="167"/>
      <c r="AL568" s="167"/>
      <c r="AM568" s="167"/>
      <c r="AN568" s="167"/>
      <c r="AO568" s="167"/>
      <c r="AP568" s="167"/>
      <c r="AQ568" s="167"/>
      <c r="AR568" s="167"/>
      <c r="AS568" s="167"/>
      <c r="AT568" s="167"/>
      <c r="AU568" s="167"/>
      <c r="AV568" s="167"/>
      <c r="AW568" s="160">
        <f t="shared" si="298"/>
        <v>80</v>
      </c>
      <c r="AX568" s="158"/>
      <c r="AY568" s="161" t="str">
        <f t="shared" si="300"/>
        <v/>
      </c>
      <c r="AZ568" s="161" t="str">
        <f t="shared" si="301"/>
        <v/>
      </c>
      <c r="BA568" s="161" t="str">
        <f t="shared" si="302"/>
        <v/>
      </c>
      <c r="BB568" s="161" t="str">
        <f t="shared" si="303"/>
        <v/>
      </c>
      <c r="BC568" s="161" t="str">
        <f t="shared" si="304"/>
        <v/>
      </c>
      <c r="BD568" s="161" t="str">
        <f t="shared" si="305"/>
        <v/>
      </c>
      <c r="BE568" s="161" t="str">
        <f t="shared" si="306"/>
        <v/>
      </c>
      <c r="BF568" s="161" t="str">
        <f t="shared" si="307"/>
        <v/>
      </c>
      <c r="BG568" s="161" t="str">
        <f t="shared" si="308"/>
        <v/>
      </c>
      <c r="BH568" s="161" t="str">
        <f t="shared" si="309"/>
        <v/>
      </c>
      <c r="BI568" s="161" t="str">
        <f t="shared" si="310"/>
        <v/>
      </c>
      <c r="BJ568" s="161" t="str">
        <f t="shared" si="311"/>
        <v/>
      </c>
      <c r="BK568" s="161" t="str">
        <f t="shared" si="312"/>
        <v/>
      </c>
      <c r="BL568" s="161" t="str">
        <f t="shared" si="313"/>
        <v/>
      </c>
      <c r="BM568" s="161" t="str">
        <f t="shared" si="314"/>
        <v/>
      </c>
      <c r="BN568" s="161">
        <f t="shared" si="315"/>
        <v>0</v>
      </c>
      <c r="BO568" s="161" t="str">
        <f t="shared" si="316"/>
        <v/>
      </c>
      <c r="BP568" s="161" t="str">
        <f t="shared" si="317"/>
        <v/>
      </c>
      <c r="BQ568" s="161" t="str">
        <f t="shared" si="318"/>
        <v/>
      </c>
      <c r="BR568" s="161" t="str">
        <f t="shared" si="319"/>
        <v/>
      </c>
      <c r="BS568" s="161" t="str">
        <f t="shared" si="320"/>
        <v/>
      </c>
      <c r="BT568" s="161" t="str">
        <f t="shared" si="321"/>
        <v/>
      </c>
      <c r="BU568" s="161" t="str">
        <f t="shared" si="322"/>
        <v/>
      </c>
      <c r="BV568" s="161" t="str">
        <f t="shared" si="323"/>
        <v/>
      </c>
      <c r="BW568" s="161" t="str">
        <f t="shared" si="324"/>
        <v/>
      </c>
      <c r="BX568" s="161" t="str">
        <f t="shared" si="325"/>
        <v/>
      </c>
      <c r="BY568" s="161" t="str">
        <f t="shared" si="326"/>
        <v/>
      </c>
      <c r="BZ568" s="161" t="str">
        <f t="shared" si="327"/>
        <v/>
      </c>
      <c r="CA568" s="161" t="str">
        <f t="shared" si="328"/>
        <v/>
      </c>
      <c r="CB568" s="161" t="str">
        <f t="shared" si="329"/>
        <v/>
      </c>
      <c r="CC568" s="161" t="str">
        <f t="shared" si="330"/>
        <v/>
      </c>
      <c r="CD568" s="156"/>
      <c r="CE568" s="156"/>
      <c r="CF568" s="156"/>
    </row>
    <row r="569" spans="1:84" s="261" customFormat="1" ht="56.1" customHeight="1" x14ac:dyDescent="0.2">
      <c r="A569" s="228">
        <v>569</v>
      </c>
      <c r="B569" s="229" t="s">
        <v>53</v>
      </c>
      <c r="C569" s="230" t="s">
        <v>515</v>
      </c>
      <c r="D569" s="258" t="s">
        <v>623</v>
      </c>
      <c r="E569" s="258" t="s">
        <v>624</v>
      </c>
      <c r="F569" s="258" t="s">
        <v>625</v>
      </c>
      <c r="G569" s="258" t="s">
        <v>333</v>
      </c>
      <c r="H569" s="258" t="s">
        <v>63</v>
      </c>
      <c r="I569" s="258" t="s">
        <v>81</v>
      </c>
      <c r="J569" s="258" t="s">
        <v>626</v>
      </c>
      <c r="K569" s="258" t="s">
        <v>225</v>
      </c>
      <c r="L569" s="258" t="s">
        <v>63</v>
      </c>
      <c r="M569" s="258" t="s">
        <v>63</v>
      </c>
      <c r="N569" s="260">
        <v>307063.67999999999</v>
      </c>
      <c r="O569" s="260">
        <f t="shared" ref="O569:O599" si="332">N569</f>
        <v>307063.67999999999</v>
      </c>
      <c r="P569" s="258" t="s">
        <v>585</v>
      </c>
      <c r="Q569" s="258" t="s">
        <v>65</v>
      </c>
      <c r="R569" s="239" t="s">
        <v>66</v>
      </c>
      <c r="S569" s="262"/>
      <c r="T569" s="262"/>
      <c r="U569" s="262"/>
      <c r="V569" s="262"/>
      <c r="W569" s="262"/>
      <c r="X569" s="262"/>
      <c r="Y569" s="262"/>
      <c r="Z569" s="262"/>
      <c r="AA569" s="262"/>
      <c r="AB569" s="262"/>
      <c r="AC569" s="262"/>
      <c r="AD569" s="262"/>
      <c r="AE569" s="262"/>
      <c r="AF569" s="262"/>
      <c r="AG569" s="262"/>
      <c r="AH569" s="262"/>
      <c r="AI569" s="262"/>
      <c r="AJ569" s="262"/>
      <c r="AK569" s="262"/>
      <c r="AL569" s="262"/>
      <c r="AM569" s="262"/>
      <c r="AN569" s="262"/>
      <c r="AO569" s="262"/>
      <c r="AP569" s="262"/>
      <c r="AQ569" s="262"/>
      <c r="AR569" s="262"/>
      <c r="AS569" s="262"/>
      <c r="AT569" s="262"/>
      <c r="AU569" s="262"/>
      <c r="AV569" s="262"/>
      <c r="AW569" s="238">
        <f t="shared" si="298"/>
        <v>1500</v>
      </c>
      <c r="AX569" s="84">
        <f t="shared" ref="AX569:AX610" si="333">O569/AW569</f>
        <v>204.70911999999998</v>
      </c>
      <c r="AY569" s="239">
        <f t="shared" si="300"/>
        <v>307063.67999999999</v>
      </c>
      <c r="AZ569" s="239" t="str">
        <f t="shared" si="301"/>
        <v/>
      </c>
      <c r="BA569" s="239" t="str">
        <f t="shared" si="302"/>
        <v/>
      </c>
      <c r="BB569" s="239" t="str">
        <f t="shared" si="303"/>
        <v/>
      </c>
      <c r="BC569" s="239" t="str">
        <f t="shared" si="304"/>
        <v/>
      </c>
      <c r="BD569" s="239" t="str">
        <f t="shared" si="305"/>
        <v/>
      </c>
      <c r="BE569" s="239" t="str">
        <f t="shared" si="306"/>
        <v/>
      </c>
      <c r="BF569" s="239" t="str">
        <f t="shared" si="307"/>
        <v/>
      </c>
      <c r="BG569" s="239" t="str">
        <f t="shared" si="308"/>
        <v/>
      </c>
      <c r="BH569" s="239" t="str">
        <f t="shared" si="309"/>
        <v/>
      </c>
      <c r="BI569" s="239" t="str">
        <f t="shared" si="310"/>
        <v/>
      </c>
      <c r="BJ569" s="239" t="str">
        <f t="shared" si="311"/>
        <v/>
      </c>
      <c r="BK569" s="239" t="str">
        <f t="shared" si="312"/>
        <v/>
      </c>
      <c r="BL569" s="239" t="str">
        <f t="shared" si="313"/>
        <v/>
      </c>
      <c r="BM569" s="239" t="str">
        <f t="shared" si="314"/>
        <v/>
      </c>
      <c r="BN569" s="239" t="str">
        <f t="shared" si="315"/>
        <v/>
      </c>
      <c r="BO569" s="239" t="str">
        <f t="shared" si="316"/>
        <v/>
      </c>
      <c r="BP569" s="239" t="str">
        <f t="shared" si="317"/>
        <v/>
      </c>
      <c r="BQ569" s="239" t="str">
        <f t="shared" si="318"/>
        <v/>
      </c>
      <c r="BR569" s="239" t="str">
        <f t="shared" si="319"/>
        <v/>
      </c>
      <c r="BS569" s="239" t="str">
        <f t="shared" si="320"/>
        <v/>
      </c>
      <c r="BT569" s="239" t="str">
        <f t="shared" si="321"/>
        <v/>
      </c>
      <c r="BU569" s="239" t="str">
        <f t="shared" si="322"/>
        <v/>
      </c>
      <c r="BV569" s="239" t="str">
        <f t="shared" si="323"/>
        <v/>
      </c>
      <c r="BW569" s="239" t="str">
        <f t="shared" si="324"/>
        <v/>
      </c>
      <c r="BX569" s="239" t="str">
        <f t="shared" si="325"/>
        <v/>
      </c>
      <c r="BY569" s="239" t="str">
        <f t="shared" si="326"/>
        <v/>
      </c>
      <c r="BZ569" s="239" t="str">
        <f t="shared" si="327"/>
        <v/>
      </c>
      <c r="CA569" s="239" t="str">
        <f t="shared" si="328"/>
        <v/>
      </c>
      <c r="CB569" s="239" t="str">
        <f t="shared" si="329"/>
        <v/>
      </c>
      <c r="CC569" s="239" t="str">
        <f t="shared" si="330"/>
        <v/>
      </c>
      <c r="CD569" s="258"/>
      <c r="CE569" s="258" t="s">
        <v>627</v>
      </c>
      <c r="CF569" s="258"/>
    </row>
    <row r="570" spans="1:84" s="318" customFormat="1" ht="56.1" hidden="1" customHeight="1" x14ac:dyDescent="0.2">
      <c r="A570" s="302">
        <v>570</v>
      </c>
      <c r="B570" s="24" t="s">
        <v>53</v>
      </c>
      <c r="C570" s="35" t="s">
        <v>515</v>
      </c>
      <c r="D570" s="303" t="s">
        <v>623</v>
      </c>
      <c r="E570" s="303" t="s">
        <v>624</v>
      </c>
      <c r="F570" s="303" t="s">
        <v>628</v>
      </c>
      <c r="G570" s="303" t="s">
        <v>629</v>
      </c>
      <c r="H570" s="303" t="s">
        <v>38</v>
      </c>
      <c r="I570" s="303" t="s">
        <v>81</v>
      </c>
      <c r="J570" s="303" t="s">
        <v>626</v>
      </c>
      <c r="K570" s="303" t="s">
        <v>339</v>
      </c>
      <c r="L570" s="303" t="s">
        <v>63</v>
      </c>
      <c r="M570" s="303" t="s">
        <v>63</v>
      </c>
      <c r="N570" s="304">
        <v>228470</v>
      </c>
      <c r="O570" s="304">
        <f t="shared" si="332"/>
        <v>228470</v>
      </c>
      <c r="P570" s="303" t="s">
        <v>585</v>
      </c>
      <c r="Q570" s="303" t="s">
        <v>65</v>
      </c>
      <c r="R570" s="317"/>
      <c r="S570" s="317"/>
      <c r="T570" s="317"/>
      <c r="U570" s="317"/>
      <c r="V570" s="317"/>
      <c r="W570" s="317"/>
      <c r="X570" s="317"/>
      <c r="Y570" s="317"/>
      <c r="Z570" s="317"/>
      <c r="AA570" s="317"/>
      <c r="AB570" s="317"/>
      <c r="AC570" s="317"/>
      <c r="AD570" s="317"/>
      <c r="AE570" s="317"/>
      <c r="AF570" s="317"/>
      <c r="AG570" s="317"/>
      <c r="AH570" s="317"/>
      <c r="AI570" s="317"/>
      <c r="AJ570" s="317"/>
      <c r="AK570" s="317"/>
      <c r="AL570" s="317"/>
      <c r="AM570" s="307" t="s">
        <v>66</v>
      </c>
      <c r="AN570" s="317"/>
      <c r="AO570" s="317"/>
      <c r="AP570" s="317"/>
      <c r="AQ570" s="317"/>
      <c r="AR570" s="317"/>
      <c r="AS570" s="317"/>
      <c r="AT570" s="317"/>
      <c r="AU570" s="317"/>
      <c r="AV570" s="317"/>
      <c r="AW570" s="308">
        <f t="shared" si="298"/>
        <v>250</v>
      </c>
      <c r="AX570" s="309">
        <f t="shared" si="333"/>
        <v>913.88</v>
      </c>
      <c r="AY570" s="307" t="str">
        <f t="shared" si="300"/>
        <v/>
      </c>
      <c r="AZ570" s="307" t="str">
        <f t="shared" si="301"/>
        <v/>
      </c>
      <c r="BA570" s="307" t="str">
        <f t="shared" si="302"/>
        <v/>
      </c>
      <c r="BB570" s="307" t="str">
        <f t="shared" si="303"/>
        <v/>
      </c>
      <c r="BC570" s="307" t="str">
        <f t="shared" si="304"/>
        <v/>
      </c>
      <c r="BD570" s="307" t="str">
        <f t="shared" si="305"/>
        <v/>
      </c>
      <c r="BE570" s="307" t="str">
        <f t="shared" si="306"/>
        <v/>
      </c>
      <c r="BF570" s="307" t="str">
        <f t="shared" si="307"/>
        <v/>
      </c>
      <c r="BG570" s="307" t="str">
        <f t="shared" si="308"/>
        <v/>
      </c>
      <c r="BH570" s="307" t="str">
        <f t="shared" si="309"/>
        <v/>
      </c>
      <c r="BI570" s="307" t="str">
        <f t="shared" si="310"/>
        <v/>
      </c>
      <c r="BJ570" s="307" t="str">
        <f t="shared" si="311"/>
        <v/>
      </c>
      <c r="BK570" s="307" t="str">
        <f t="shared" si="312"/>
        <v/>
      </c>
      <c r="BL570" s="307" t="str">
        <f t="shared" si="313"/>
        <v/>
      </c>
      <c r="BM570" s="307" t="str">
        <f t="shared" si="314"/>
        <v/>
      </c>
      <c r="BN570" s="307" t="str">
        <f t="shared" si="315"/>
        <v/>
      </c>
      <c r="BO570" s="307" t="str">
        <f t="shared" si="316"/>
        <v/>
      </c>
      <c r="BP570" s="307" t="str">
        <f t="shared" si="317"/>
        <v/>
      </c>
      <c r="BQ570" s="307" t="str">
        <f t="shared" si="318"/>
        <v/>
      </c>
      <c r="BR570" s="307" t="str">
        <f t="shared" si="319"/>
        <v/>
      </c>
      <c r="BS570" s="307" t="str">
        <f t="shared" si="320"/>
        <v/>
      </c>
      <c r="BT570" s="307">
        <f t="shared" si="321"/>
        <v>228470</v>
      </c>
      <c r="BU570" s="307" t="str">
        <f t="shared" si="322"/>
        <v/>
      </c>
      <c r="BV570" s="307" t="str">
        <f t="shared" si="323"/>
        <v/>
      </c>
      <c r="BW570" s="307" t="str">
        <f t="shared" si="324"/>
        <v/>
      </c>
      <c r="BX570" s="307" t="str">
        <f t="shared" si="325"/>
        <v/>
      </c>
      <c r="BY570" s="307" t="str">
        <f t="shared" si="326"/>
        <v/>
      </c>
      <c r="BZ570" s="307" t="str">
        <f t="shared" si="327"/>
        <v/>
      </c>
      <c r="CA570" s="307" t="str">
        <f t="shared" si="328"/>
        <v/>
      </c>
      <c r="CB570" s="307" t="str">
        <f t="shared" si="329"/>
        <v/>
      </c>
      <c r="CC570" s="307" t="str">
        <f t="shared" si="330"/>
        <v/>
      </c>
      <c r="CD570" s="303"/>
      <c r="CE570" s="303"/>
      <c r="CF570" s="303"/>
    </row>
    <row r="571" spans="1:84" s="318" customFormat="1" ht="56.1" hidden="1" customHeight="1" x14ac:dyDescent="0.2">
      <c r="A571" s="302">
        <v>571</v>
      </c>
      <c r="B571" s="24" t="s">
        <v>53</v>
      </c>
      <c r="C571" s="35" t="s">
        <v>515</v>
      </c>
      <c r="D571" s="303" t="s">
        <v>623</v>
      </c>
      <c r="E571" s="303" t="s">
        <v>624</v>
      </c>
      <c r="F571" s="303" t="s">
        <v>630</v>
      </c>
      <c r="G571" s="303" t="s">
        <v>629</v>
      </c>
      <c r="H571" s="303" t="s">
        <v>39</v>
      </c>
      <c r="I571" s="303" t="s">
        <v>81</v>
      </c>
      <c r="J571" s="303" t="s">
        <v>626</v>
      </c>
      <c r="K571" s="303" t="s">
        <v>342</v>
      </c>
      <c r="L571" s="303" t="s">
        <v>63</v>
      </c>
      <c r="M571" s="303" t="s">
        <v>63</v>
      </c>
      <c r="N571" s="304">
        <v>365552</v>
      </c>
      <c r="O571" s="304">
        <f t="shared" si="332"/>
        <v>365552</v>
      </c>
      <c r="P571" s="303" t="s">
        <v>585</v>
      </c>
      <c r="Q571" s="303" t="s">
        <v>65</v>
      </c>
      <c r="R571" s="317"/>
      <c r="S571" s="317"/>
      <c r="T571" s="317"/>
      <c r="U571" s="317"/>
      <c r="V571" s="317"/>
      <c r="W571" s="317"/>
      <c r="X571" s="317"/>
      <c r="Y571" s="317"/>
      <c r="Z571" s="317"/>
      <c r="AA571" s="317"/>
      <c r="AB571" s="317"/>
      <c r="AC571" s="317"/>
      <c r="AD571" s="317"/>
      <c r="AE571" s="317"/>
      <c r="AF571" s="317"/>
      <c r="AG571" s="317"/>
      <c r="AH571" s="317"/>
      <c r="AI571" s="317"/>
      <c r="AJ571" s="317"/>
      <c r="AK571" s="317"/>
      <c r="AL571" s="317"/>
      <c r="AM571" s="317"/>
      <c r="AN571" s="307" t="s">
        <v>66</v>
      </c>
      <c r="AO571" s="317"/>
      <c r="AP571" s="317"/>
      <c r="AQ571" s="317"/>
      <c r="AR571" s="317"/>
      <c r="AS571" s="317"/>
      <c r="AT571" s="317"/>
      <c r="AU571" s="317"/>
      <c r="AV571" s="317"/>
      <c r="AW571" s="308">
        <f t="shared" si="298"/>
        <v>400</v>
      </c>
      <c r="AX571" s="309">
        <f t="shared" si="333"/>
        <v>913.88</v>
      </c>
      <c r="AY571" s="307" t="str">
        <f t="shared" si="300"/>
        <v/>
      </c>
      <c r="AZ571" s="307" t="str">
        <f t="shared" si="301"/>
        <v/>
      </c>
      <c r="BA571" s="307" t="str">
        <f t="shared" si="302"/>
        <v/>
      </c>
      <c r="BB571" s="307" t="str">
        <f t="shared" si="303"/>
        <v/>
      </c>
      <c r="BC571" s="307" t="str">
        <f t="shared" si="304"/>
        <v/>
      </c>
      <c r="BD571" s="307" t="str">
        <f t="shared" si="305"/>
        <v/>
      </c>
      <c r="BE571" s="307" t="str">
        <f t="shared" si="306"/>
        <v/>
      </c>
      <c r="BF571" s="307" t="str">
        <f t="shared" si="307"/>
        <v/>
      </c>
      <c r="BG571" s="307" t="str">
        <f t="shared" si="308"/>
        <v/>
      </c>
      <c r="BH571" s="307" t="str">
        <f t="shared" si="309"/>
        <v/>
      </c>
      <c r="BI571" s="307" t="str">
        <f t="shared" si="310"/>
        <v/>
      </c>
      <c r="BJ571" s="307" t="str">
        <f t="shared" si="311"/>
        <v/>
      </c>
      <c r="BK571" s="307" t="str">
        <f t="shared" si="312"/>
        <v/>
      </c>
      <c r="BL571" s="307" t="str">
        <f t="shared" si="313"/>
        <v/>
      </c>
      <c r="BM571" s="307" t="str">
        <f t="shared" si="314"/>
        <v/>
      </c>
      <c r="BN571" s="307" t="str">
        <f t="shared" si="315"/>
        <v/>
      </c>
      <c r="BO571" s="307" t="str">
        <f t="shared" si="316"/>
        <v/>
      </c>
      <c r="BP571" s="307" t="str">
        <f t="shared" si="317"/>
        <v/>
      </c>
      <c r="BQ571" s="307" t="str">
        <f t="shared" si="318"/>
        <v/>
      </c>
      <c r="BR571" s="307" t="str">
        <f t="shared" si="319"/>
        <v/>
      </c>
      <c r="BS571" s="307" t="str">
        <f t="shared" si="320"/>
        <v/>
      </c>
      <c r="BT571" s="307" t="str">
        <f t="shared" si="321"/>
        <v/>
      </c>
      <c r="BU571" s="307">
        <f t="shared" si="322"/>
        <v>365552</v>
      </c>
      <c r="BV571" s="307" t="str">
        <f t="shared" si="323"/>
        <v/>
      </c>
      <c r="BW571" s="307" t="str">
        <f t="shared" si="324"/>
        <v/>
      </c>
      <c r="BX571" s="307" t="str">
        <f t="shared" si="325"/>
        <v/>
      </c>
      <c r="BY571" s="307" t="str">
        <f t="shared" si="326"/>
        <v/>
      </c>
      <c r="BZ571" s="307" t="str">
        <f t="shared" si="327"/>
        <v/>
      </c>
      <c r="CA571" s="307" t="str">
        <f t="shared" si="328"/>
        <v/>
      </c>
      <c r="CB571" s="307" t="str">
        <f t="shared" si="329"/>
        <v/>
      </c>
      <c r="CC571" s="307" t="str">
        <f t="shared" si="330"/>
        <v/>
      </c>
      <c r="CD571" s="303"/>
      <c r="CE571" s="303"/>
      <c r="CF571" s="303"/>
    </row>
    <row r="572" spans="1:84" s="318" customFormat="1" ht="56.1" hidden="1" customHeight="1" x14ac:dyDescent="0.2">
      <c r="A572" s="302">
        <v>572</v>
      </c>
      <c r="B572" s="24" t="s">
        <v>53</v>
      </c>
      <c r="C572" s="35" t="s">
        <v>515</v>
      </c>
      <c r="D572" s="303" t="s">
        <v>623</v>
      </c>
      <c r="E572" s="303" t="s">
        <v>624</v>
      </c>
      <c r="F572" s="303" t="s">
        <v>628</v>
      </c>
      <c r="G572" s="303" t="s">
        <v>629</v>
      </c>
      <c r="H572" s="303" t="s">
        <v>260</v>
      </c>
      <c r="I572" s="303" t="s">
        <v>81</v>
      </c>
      <c r="J572" s="303" t="s">
        <v>626</v>
      </c>
      <c r="K572" s="303" t="s">
        <v>169</v>
      </c>
      <c r="L572" s="303" t="s">
        <v>63</v>
      </c>
      <c r="M572" s="303" t="s">
        <v>63</v>
      </c>
      <c r="N572" s="304">
        <v>1279432</v>
      </c>
      <c r="O572" s="304">
        <f t="shared" si="332"/>
        <v>1279432</v>
      </c>
      <c r="P572" s="303" t="s">
        <v>585</v>
      </c>
      <c r="Q572" s="303" t="s">
        <v>65</v>
      </c>
      <c r="R572" s="317"/>
      <c r="S572" s="317"/>
      <c r="T572" s="317"/>
      <c r="U572" s="317"/>
      <c r="V572" s="317"/>
      <c r="W572" s="317"/>
      <c r="X572" s="317"/>
      <c r="Y572" s="317"/>
      <c r="Z572" s="317"/>
      <c r="AA572" s="317"/>
      <c r="AB572" s="317"/>
      <c r="AC572" s="317"/>
      <c r="AD572" s="317"/>
      <c r="AE572" s="317"/>
      <c r="AF572" s="317"/>
      <c r="AG572" s="317"/>
      <c r="AH572" s="317"/>
      <c r="AI572" s="317"/>
      <c r="AJ572" s="317"/>
      <c r="AK572" s="317"/>
      <c r="AL572" s="317"/>
      <c r="AM572" s="317"/>
      <c r="AN572" s="317"/>
      <c r="AO572" s="307" t="s">
        <v>66</v>
      </c>
      <c r="AP572" s="317"/>
      <c r="AQ572" s="317"/>
      <c r="AR572" s="317"/>
      <c r="AS572" s="317"/>
      <c r="AT572" s="317"/>
      <c r="AU572" s="317"/>
      <c r="AV572" s="317"/>
      <c r="AW572" s="308">
        <f t="shared" si="298"/>
        <v>1400</v>
      </c>
      <c r="AX572" s="309">
        <f t="shared" si="333"/>
        <v>913.88</v>
      </c>
      <c r="AY572" s="307" t="str">
        <f t="shared" si="300"/>
        <v/>
      </c>
      <c r="AZ572" s="307" t="str">
        <f t="shared" si="301"/>
        <v/>
      </c>
      <c r="BA572" s="307" t="str">
        <f t="shared" si="302"/>
        <v/>
      </c>
      <c r="BB572" s="307" t="str">
        <f t="shared" si="303"/>
        <v/>
      </c>
      <c r="BC572" s="307" t="str">
        <f t="shared" si="304"/>
        <v/>
      </c>
      <c r="BD572" s="307" t="str">
        <f t="shared" si="305"/>
        <v/>
      </c>
      <c r="BE572" s="307" t="str">
        <f t="shared" si="306"/>
        <v/>
      </c>
      <c r="BF572" s="307" t="str">
        <f t="shared" si="307"/>
        <v/>
      </c>
      <c r="BG572" s="307" t="str">
        <f t="shared" si="308"/>
        <v/>
      </c>
      <c r="BH572" s="307" t="str">
        <f t="shared" si="309"/>
        <v/>
      </c>
      <c r="BI572" s="307" t="str">
        <f t="shared" si="310"/>
        <v/>
      </c>
      <c r="BJ572" s="307" t="str">
        <f t="shared" si="311"/>
        <v/>
      </c>
      <c r="BK572" s="307" t="str">
        <f t="shared" si="312"/>
        <v/>
      </c>
      <c r="BL572" s="307" t="str">
        <f t="shared" si="313"/>
        <v/>
      </c>
      <c r="BM572" s="307" t="str">
        <f t="shared" si="314"/>
        <v/>
      </c>
      <c r="BN572" s="307" t="str">
        <f t="shared" si="315"/>
        <v/>
      </c>
      <c r="BO572" s="307" t="str">
        <f t="shared" si="316"/>
        <v/>
      </c>
      <c r="BP572" s="307" t="str">
        <f t="shared" si="317"/>
        <v/>
      </c>
      <c r="BQ572" s="307" t="str">
        <f t="shared" si="318"/>
        <v/>
      </c>
      <c r="BR572" s="307" t="str">
        <f t="shared" si="319"/>
        <v/>
      </c>
      <c r="BS572" s="307" t="str">
        <f t="shared" si="320"/>
        <v/>
      </c>
      <c r="BT572" s="307" t="str">
        <f t="shared" si="321"/>
        <v/>
      </c>
      <c r="BU572" s="307" t="str">
        <f t="shared" si="322"/>
        <v/>
      </c>
      <c r="BV572" s="307">
        <f t="shared" si="323"/>
        <v>1279432</v>
      </c>
      <c r="BW572" s="307" t="str">
        <f t="shared" si="324"/>
        <v/>
      </c>
      <c r="BX572" s="307" t="str">
        <f t="shared" si="325"/>
        <v/>
      </c>
      <c r="BY572" s="307" t="str">
        <f t="shared" si="326"/>
        <v/>
      </c>
      <c r="BZ572" s="307" t="str">
        <f t="shared" si="327"/>
        <v/>
      </c>
      <c r="CA572" s="307" t="str">
        <f t="shared" si="328"/>
        <v/>
      </c>
      <c r="CB572" s="307" t="str">
        <f t="shared" si="329"/>
        <v/>
      </c>
      <c r="CC572" s="307" t="str">
        <f t="shared" si="330"/>
        <v/>
      </c>
      <c r="CD572" s="303"/>
      <c r="CE572" s="303"/>
      <c r="CF572" s="303"/>
    </row>
    <row r="573" spans="1:84" s="318" customFormat="1" ht="56.1" hidden="1" customHeight="1" x14ac:dyDescent="0.2">
      <c r="A573" s="302">
        <v>573</v>
      </c>
      <c r="B573" s="24" t="s">
        <v>53</v>
      </c>
      <c r="C573" s="35" t="s">
        <v>515</v>
      </c>
      <c r="D573" s="303" t="s">
        <v>623</v>
      </c>
      <c r="E573" s="303" t="s">
        <v>624</v>
      </c>
      <c r="F573" s="303" t="s">
        <v>631</v>
      </c>
      <c r="G573" s="303" t="s">
        <v>629</v>
      </c>
      <c r="H573" s="303" t="s">
        <v>310</v>
      </c>
      <c r="I573" s="303" t="s">
        <v>81</v>
      </c>
      <c r="J573" s="303" t="s">
        <v>626</v>
      </c>
      <c r="K573" s="303" t="s">
        <v>225</v>
      </c>
      <c r="L573" s="303" t="s">
        <v>63</v>
      </c>
      <c r="M573" s="303" t="s">
        <v>63</v>
      </c>
      <c r="N573" s="304">
        <v>183690</v>
      </c>
      <c r="O573" s="304">
        <f t="shared" si="332"/>
        <v>183690</v>
      </c>
      <c r="P573" s="303" t="s">
        <v>585</v>
      </c>
      <c r="Q573" s="303" t="s">
        <v>65</v>
      </c>
      <c r="R573" s="317"/>
      <c r="S573" s="317"/>
      <c r="T573" s="317"/>
      <c r="U573" s="317"/>
      <c r="V573" s="317"/>
      <c r="W573" s="317"/>
      <c r="X573" s="317"/>
      <c r="Y573" s="317"/>
      <c r="Z573" s="317"/>
      <c r="AA573" s="317"/>
      <c r="AB573" s="317"/>
      <c r="AC573" s="317"/>
      <c r="AD573" s="317"/>
      <c r="AE573" s="317"/>
      <c r="AF573" s="317"/>
      <c r="AG573" s="317"/>
      <c r="AH573" s="317"/>
      <c r="AI573" s="317"/>
      <c r="AJ573" s="317"/>
      <c r="AK573" s="317"/>
      <c r="AL573" s="317"/>
      <c r="AM573" s="317"/>
      <c r="AN573" s="317"/>
      <c r="AO573" s="317"/>
      <c r="AP573" s="307" t="s">
        <v>66</v>
      </c>
      <c r="AQ573" s="317"/>
      <c r="AR573" s="317"/>
      <c r="AS573" s="317"/>
      <c r="AT573" s="317"/>
      <c r="AU573" s="317"/>
      <c r="AV573" s="317"/>
      <c r="AW573" s="308">
        <f t="shared" ref="AW573:AW636" si="334">SUMIF(R573:AV573,"YES",$R$2:$AV$2)</f>
        <v>201</v>
      </c>
      <c r="AX573" s="309">
        <f t="shared" si="333"/>
        <v>913.88059701492534</v>
      </c>
      <c r="AY573" s="307" t="str">
        <f t="shared" si="300"/>
        <v/>
      </c>
      <c r="AZ573" s="307" t="str">
        <f t="shared" si="301"/>
        <v/>
      </c>
      <c r="BA573" s="307" t="str">
        <f t="shared" si="302"/>
        <v/>
      </c>
      <c r="BB573" s="307" t="str">
        <f t="shared" si="303"/>
        <v/>
      </c>
      <c r="BC573" s="307" t="str">
        <f t="shared" si="304"/>
        <v/>
      </c>
      <c r="BD573" s="307" t="str">
        <f t="shared" si="305"/>
        <v/>
      </c>
      <c r="BE573" s="307" t="str">
        <f t="shared" si="306"/>
        <v/>
      </c>
      <c r="BF573" s="307" t="str">
        <f t="shared" si="307"/>
        <v/>
      </c>
      <c r="BG573" s="307" t="str">
        <f t="shared" si="308"/>
        <v/>
      </c>
      <c r="BH573" s="307" t="str">
        <f t="shared" si="309"/>
        <v/>
      </c>
      <c r="BI573" s="307" t="str">
        <f t="shared" si="310"/>
        <v/>
      </c>
      <c r="BJ573" s="307" t="str">
        <f t="shared" si="311"/>
        <v/>
      </c>
      <c r="BK573" s="307" t="str">
        <f t="shared" si="312"/>
        <v/>
      </c>
      <c r="BL573" s="307" t="str">
        <f t="shared" si="313"/>
        <v/>
      </c>
      <c r="BM573" s="307" t="str">
        <f t="shared" si="314"/>
        <v/>
      </c>
      <c r="BN573" s="307" t="str">
        <f t="shared" si="315"/>
        <v/>
      </c>
      <c r="BO573" s="307" t="str">
        <f t="shared" si="316"/>
        <v/>
      </c>
      <c r="BP573" s="307" t="str">
        <f t="shared" si="317"/>
        <v/>
      </c>
      <c r="BQ573" s="307" t="str">
        <f t="shared" si="318"/>
        <v/>
      </c>
      <c r="BR573" s="307" t="str">
        <f t="shared" si="319"/>
        <v/>
      </c>
      <c r="BS573" s="307" t="str">
        <f t="shared" si="320"/>
        <v/>
      </c>
      <c r="BT573" s="307" t="str">
        <f t="shared" si="321"/>
        <v/>
      </c>
      <c r="BU573" s="307" t="str">
        <f t="shared" si="322"/>
        <v/>
      </c>
      <c r="BV573" s="307" t="str">
        <f t="shared" si="323"/>
        <v/>
      </c>
      <c r="BW573" s="307">
        <f t="shared" si="324"/>
        <v>183690</v>
      </c>
      <c r="BX573" s="307" t="str">
        <f t="shared" si="325"/>
        <v/>
      </c>
      <c r="BY573" s="307" t="str">
        <f t="shared" si="326"/>
        <v/>
      </c>
      <c r="BZ573" s="307" t="str">
        <f t="shared" si="327"/>
        <v/>
      </c>
      <c r="CA573" s="307" t="str">
        <f t="shared" si="328"/>
        <v/>
      </c>
      <c r="CB573" s="307" t="str">
        <f t="shared" si="329"/>
        <v/>
      </c>
      <c r="CC573" s="307" t="str">
        <f t="shared" si="330"/>
        <v/>
      </c>
      <c r="CD573" s="303"/>
      <c r="CE573" s="303"/>
      <c r="CF573" s="303"/>
    </row>
    <row r="574" spans="1:84" s="318" customFormat="1" ht="56.1" hidden="1" customHeight="1" x14ac:dyDescent="0.2">
      <c r="A574" s="302">
        <v>574</v>
      </c>
      <c r="B574" s="24" t="s">
        <v>53</v>
      </c>
      <c r="C574" s="35" t="s">
        <v>515</v>
      </c>
      <c r="D574" s="303" t="s">
        <v>623</v>
      </c>
      <c r="E574" s="303" t="s">
        <v>624</v>
      </c>
      <c r="F574" s="303" t="s">
        <v>632</v>
      </c>
      <c r="G574" s="303" t="s">
        <v>86</v>
      </c>
      <c r="H574" s="303" t="s">
        <v>87</v>
      </c>
      <c r="I574" s="303" t="s">
        <v>81</v>
      </c>
      <c r="J574" s="303" t="s">
        <v>626</v>
      </c>
      <c r="K574" s="303" t="s">
        <v>184</v>
      </c>
      <c r="L574" s="303" t="s">
        <v>63</v>
      </c>
      <c r="M574" s="303" t="s">
        <v>63</v>
      </c>
      <c r="N574" s="304">
        <v>707831</v>
      </c>
      <c r="O574" s="304">
        <f t="shared" si="332"/>
        <v>707831</v>
      </c>
      <c r="P574" s="303" t="s">
        <v>585</v>
      </c>
      <c r="Q574" s="303" t="s">
        <v>65</v>
      </c>
      <c r="R574" s="317"/>
      <c r="S574" s="317"/>
      <c r="T574" s="317"/>
      <c r="U574" s="317"/>
      <c r="V574" s="317"/>
      <c r="W574" s="317"/>
      <c r="X574" s="317"/>
      <c r="Y574" s="317"/>
      <c r="Z574" s="317"/>
      <c r="AA574" s="317"/>
      <c r="AB574" s="317"/>
      <c r="AC574" s="317"/>
      <c r="AD574" s="317"/>
      <c r="AE574" s="317"/>
      <c r="AF574" s="317"/>
      <c r="AG574" s="317"/>
      <c r="AH574" s="317"/>
      <c r="AI574" s="307" t="s">
        <v>66</v>
      </c>
      <c r="AJ574" s="317"/>
      <c r="AK574" s="317"/>
      <c r="AL574" s="317"/>
      <c r="AM574" s="317"/>
      <c r="AN574" s="317"/>
      <c r="AO574" s="317"/>
      <c r="AP574" s="317"/>
      <c r="AQ574" s="317"/>
      <c r="AR574" s="317"/>
      <c r="AS574" s="317"/>
      <c r="AT574" s="317"/>
      <c r="AU574" s="317"/>
      <c r="AV574" s="317"/>
      <c r="AW574" s="308">
        <f t="shared" si="334"/>
        <v>775</v>
      </c>
      <c r="AX574" s="309">
        <f t="shared" si="333"/>
        <v>913.3303225806452</v>
      </c>
      <c r="AY574" s="307" t="str">
        <f t="shared" si="300"/>
        <v/>
      </c>
      <c r="AZ574" s="307" t="str">
        <f t="shared" si="301"/>
        <v/>
      </c>
      <c r="BA574" s="307" t="str">
        <f t="shared" si="302"/>
        <v/>
      </c>
      <c r="BB574" s="307" t="str">
        <f t="shared" si="303"/>
        <v/>
      </c>
      <c r="BC574" s="307" t="str">
        <f t="shared" si="304"/>
        <v/>
      </c>
      <c r="BD574" s="307" t="str">
        <f t="shared" si="305"/>
        <v/>
      </c>
      <c r="BE574" s="307" t="str">
        <f t="shared" si="306"/>
        <v/>
      </c>
      <c r="BF574" s="307" t="str">
        <f t="shared" si="307"/>
        <v/>
      </c>
      <c r="BG574" s="307" t="str">
        <f t="shared" si="308"/>
        <v/>
      </c>
      <c r="BH574" s="307" t="str">
        <f t="shared" si="309"/>
        <v/>
      </c>
      <c r="BI574" s="307" t="str">
        <f t="shared" si="310"/>
        <v/>
      </c>
      <c r="BJ574" s="307" t="str">
        <f t="shared" si="311"/>
        <v/>
      </c>
      <c r="BK574" s="307" t="str">
        <f t="shared" si="312"/>
        <v/>
      </c>
      <c r="BL574" s="307" t="str">
        <f t="shared" si="313"/>
        <v/>
      </c>
      <c r="BM574" s="307" t="str">
        <f t="shared" si="314"/>
        <v/>
      </c>
      <c r="BN574" s="307" t="str">
        <f t="shared" si="315"/>
        <v/>
      </c>
      <c r="BO574" s="307" t="str">
        <f t="shared" si="316"/>
        <v/>
      </c>
      <c r="BP574" s="307">
        <f t="shared" si="317"/>
        <v>707831</v>
      </c>
      <c r="BQ574" s="307" t="str">
        <f t="shared" si="318"/>
        <v/>
      </c>
      <c r="BR574" s="307" t="str">
        <f t="shared" si="319"/>
        <v/>
      </c>
      <c r="BS574" s="307" t="str">
        <f t="shared" si="320"/>
        <v/>
      </c>
      <c r="BT574" s="307" t="str">
        <f t="shared" si="321"/>
        <v/>
      </c>
      <c r="BU574" s="307" t="str">
        <f t="shared" si="322"/>
        <v/>
      </c>
      <c r="BV574" s="307" t="str">
        <f t="shared" si="323"/>
        <v/>
      </c>
      <c r="BW574" s="307" t="str">
        <f t="shared" si="324"/>
        <v/>
      </c>
      <c r="BX574" s="307" t="str">
        <f t="shared" si="325"/>
        <v/>
      </c>
      <c r="BY574" s="307" t="str">
        <f t="shared" si="326"/>
        <v/>
      </c>
      <c r="BZ574" s="307" t="str">
        <f t="shared" si="327"/>
        <v/>
      </c>
      <c r="CA574" s="307" t="str">
        <f t="shared" si="328"/>
        <v/>
      </c>
      <c r="CB574" s="307" t="str">
        <f t="shared" si="329"/>
        <v/>
      </c>
      <c r="CC574" s="307" t="str">
        <f t="shared" si="330"/>
        <v/>
      </c>
      <c r="CD574" s="303"/>
      <c r="CE574" s="303"/>
      <c r="CF574" s="303"/>
    </row>
    <row r="575" spans="1:84" s="318" customFormat="1" ht="56.1" hidden="1" customHeight="1" x14ac:dyDescent="0.2">
      <c r="A575" s="302">
        <v>575</v>
      </c>
      <c r="B575" s="24" t="s">
        <v>53</v>
      </c>
      <c r="C575" s="35" t="s">
        <v>515</v>
      </c>
      <c r="D575" s="303" t="s">
        <v>623</v>
      </c>
      <c r="E575" s="303" t="s">
        <v>624</v>
      </c>
      <c r="F575" s="303" t="s">
        <v>633</v>
      </c>
      <c r="G575" s="303" t="s">
        <v>86</v>
      </c>
      <c r="H575" s="303" t="s">
        <v>36</v>
      </c>
      <c r="I575" s="303" t="s">
        <v>81</v>
      </c>
      <c r="J575" s="303" t="s">
        <v>626</v>
      </c>
      <c r="K575" s="303" t="s">
        <v>408</v>
      </c>
      <c r="L575" s="303" t="s">
        <v>63</v>
      </c>
      <c r="M575" s="303" t="s">
        <v>63</v>
      </c>
      <c r="N575" s="304">
        <v>91333</v>
      </c>
      <c r="O575" s="304">
        <f t="shared" si="332"/>
        <v>91333</v>
      </c>
      <c r="P575" s="303" t="s">
        <v>585</v>
      </c>
      <c r="Q575" s="303" t="s">
        <v>65</v>
      </c>
      <c r="R575" s="317"/>
      <c r="S575" s="317"/>
      <c r="T575" s="317"/>
      <c r="U575" s="317"/>
      <c r="V575" s="317"/>
      <c r="W575" s="317"/>
      <c r="X575" s="317"/>
      <c r="Y575" s="317"/>
      <c r="Z575" s="317"/>
      <c r="AA575" s="317"/>
      <c r="AB575" s="317"/>
      <c r="AC575" s="317"/>
      <c r="AD575" s="317"/>
      <c r="AE575" s="317"/>
      <c r="AF575" s="317"/>
      <c r="AG575" s="317"/>
      <c r="AH575" s="317"/>
      <c r="AI575" s="317"/>
      <c r="AJ575" s="317"/>
      <c r="AK575" s="307" t="s">
        <v>66</v>
      </c>
      <c r="AL575" s="317"/>
      <c r="AM575" s="317"/>
      <c r="AN575" s="317"/>
      <c r="AO575" s="317"/>
      <c r="AP575" s="317"/>
      <c r="AQ575" s="317"/>
      <c r="AR575" s="317"/>
      <c r="AS575" s="317"/>
      <c r="AT575" s="317"/>
      <c r="AU575" s="317"/>
      <c r="AV575" s="317"/>
      <c r="AW575" s="308">
        <f t="shared" si="334"/>
        <v>100</v>
      </c>
      <c r="AX575" s="309">
        <f t="shared" si="333"/>
        <v>913.33</v>
      </c>
      <c r="AY575" s="307" t="str">
        <f t="shared" si="300"/>
        <v/>
      </c>
      <c r="AZ575" s="307" t="str">
        <f t="shared" si="301"/>
        <v/>
      </c>
      <c r="BA575" s="307" t="str">
        <f t="shared" si="302"/>
        <v/>
      </c>
      <c r="BB575" s="307" t="str">
        <f t="shared" si="303"/>
        <v/>
      </c>
      <c r="BC575" s="307" t="str">
        <f t="shared" si="304"/>
        <v/>
      </c>
      <c r="BD575" s="307" t="str">
        <f t="shared" si="305"/>
        <v/>
      </c>
      <c r="BE575" s="307" t="str">
        <f t="shared" si="306"/>
        <v/>
      </c>
      <c r="BF575" s="307" t="str">
        <f t="shared" si="307"/>
        <v/>
      </c>
      <c r="BG575" s="307" t="str">
        <f t="shared" si="308"/>
        <v/>
      </c>
      <c r="BH575" s="307" t="str">
        <f t="shared" si="309"/>
        <v/>
      </c>
      <c r="BI575" s="307" t="str">
        <f t="shared" si="310"/>
        <v/>
      </c>
      <c r="BJ575" s="307" t="str">
        <f t="shared" si="311"/>
        <v/>
      </c>
      <c r="BK575" s="307" t="str">
        <f t="shared" si="312"/>
        <v/>
      </c>
      <c r="BL575" s="307" t="str">
        <f t="shared" si="313"/>
        <v/>
      </c>
      <c r="BM575" s="307" t="str">
        <f t="shared" si="314"/>
        <v/>
      </c>
      <c r="BN575" s="307" t="str">
        <f t="shared" si="315"/>
        <v/>
      </c>
      <c r="BO575" s="307" t="str">
        <f t="shared" si="316"/>
        <v/>
      </c>
      <c r="BP575" s="307" t="str">
        <f t="shared" si="317"/>
        <v/>
      </c>
      <c r="BQ575" s="307" t="str">
        <f t="shared" si="318"/>
        <v/>
      </c>
      <c r="BR575" s="307">
        <f t="shared" si="319"/>
        <v>91333</v>
      </c>
      <c r="BS575" s="307" t="str">
        <f t="shared" si="320"/>
        <v/>
      </c>
      <c r="BT575" s="307" t="str">
        <f t="shared" si="321"/>
        <v/>
      </c>
      <c r="BU575" s="307" t="str">
        <f t="shared" si="322"/>
        <v/>
      </c>
      <c r="BV575" s="307" t="str">
        <f t="shared" si="323"/>
        <v/>
      </c>
      <c r="BW575" s="307" t="str">
        <f t="shared" si="324"/>
        <v/>
      </c>
      <c r="BX575" s="307" t="str">
        <f t="shared" si="325"/>
        <v/>
      </c>
      <c r="BY575" s="307" t="str">
        <f t="shared" si="326"/>
        <v/>
      </c>
      <c r="BZ575" s="307" t="str">
        <f t="shared" si="327"/>
        <v/>
      </c>
      <c r="CA575" s="307" t="str">
        <f t="shared" si="328"/>
        <v/>
      </c>
      <c r="CB575" s="307" t="str">
        <f t="shared" si="329"/>
        <v/>
      </c>
      <c r="CC575" s="307" t="str">
        <f t="shared" si="330"/>
        <v/>
      </c>
      <c r="CD575" s="303"/>
      <c r="CE575" s="303"/>
      <c r="CF575" s="303"/>
    </row>
    <row r="576" spans="1:84" s="318" customFormat="1" ht="56.1" hidden="1" customHeight="1" x14ac:dyDescent="0.2">
      <c r="A576" s="302">
        <v>576</v>
      </c>
      <c r="B576" s="24" t="s">
        <v>53</v>
      </c>
      <c r="C576" s="35" t="s">
        <v>515</v>
      </c>
      <c r="D576" s="303" t="s">
        <v>623</v>
      </c>
      <c r="E576" s="303" t="s">
        <v>624</v>
      </c>
      <c r="F576" s="303" t="s">
        <v>634</v>
      </c>
      <c r="G576" s="303" t="s">
        <v>86</v>
      </c>
      <c r="H576" s="303" t="s">
        <v>35</v>
      </c>
      <c r="I576" s="303" t="s">
        <v>81</v>
      </c>
      <c r="J576" s="303" t="s">
        <v>626</v>
      </c>
      <c r="K576" s="303" t="s">
        <v>357</v>
      </c>
      <c r="L576" s="303" t="s">
        <v>63</v>
      </c>
      <c r="M576" s="303" t="s">
        <v>63</v>
      </c>
      <c r="N576" s="304">
        <v>91333</v>
      </c>
      <c r="O576" s="304">
        <f t="shared" si="332"/>
        <v>91333</v>
      </c>
      <c r="P576" s="303" t="s">
        <v>585</v>
      </c>
      <c r="Q576" s="303" t="s">
        <v>65</v>
      </c>
      <c r="R576" s="317"/>
      <c r="S576" s="317"/>
      <c r="T576" s="317"/>
      <c r="U576" s="317"/>
      <c r="V576" s="317"/>
      <c r="W576" s="317"/>
      <c r="X576" s="317"/>
      <c r="Y576" s="317"/>
      <c r="Z576" s="317"/>
      <c r="AA576" s="317"/>
      <c r="AB576" s="317"/>
      <c r="AC576" s="317"/>
      <c r="AD576" s="317"/>
      <c r="AE576" s="317"/>
      <c r="AF576" s="317"/>
      <c r="AG576" s="317"/>
      <c r="AH576" s="317"/>
      <c r="AI576" s="317"/>
      <c r="AJ576" s="307" t="s">
        <v>66</v>
      </c>
      <c r="AK576" s="317"/>
      <c r="AL576" s="317"/>
      <c r="AM576" s="317"/>
      <c r="AN576" s="317"/>
      <c r="AO576" s="317"/>
      <c r="AP576" s="317"/>
      <c r="AQ576" s="317"/>
      <c r="AR576" s="317"/>
      <c r="AS576" s="317"/>
      <c r="AT576" s="317"/>
      <c r="AU576" s="317"/>
      <c r="AV576" s="317"/>
      <c r="AW576" s="308">
        <f t="shared" si="334"/>
        <v>100</v>
      </c>
      <c r="AX576" s="309">
        <f t="shared" si="333"/>
        <v>913.33</v>
      </c>
      <c r="AY576" s="307" t="str">
        <f t="shared" si="300"/>
        <v/>
      </c>
      <c r="AZ576" s="307" t="str">
        <f t="shared" si="301"/>
        <v/>
      </c>
      <c r="BA576" s="307" t="str">
        <f t="shared" si="302"/>
        <v/>
      </c>
      <c r="BB576" s="307" t="str">
        <f t="shared" si="303"/>
        <v/>
      </c>
      <c r="BC576" s="307" t="str">
        <f t="shared" si="304"/>
        <v/>
      </c>
      <c r="BD576" s="307" t="str">
        <f t="shared" si="305"/>
        <v/>
      </c>
      <c r="BE576" s="307" t="str">
        <f t="shared" si="306"/>
        <v/>
      </c>
      <c r="BF576" s="307" t="str">
        <f t="shared" si="307"/>
        <v/>
      </c>
      <c r="BG576" s="307" t="str">
        <f t="shared" si="308"/>
        <v/>
      </c>
      <c r="BH576" s="307" t="str">
        <f t="shared" si="309"/>
        <v/>
      </c>
      <c r="BI576" s="307" t="str">
        <f t="shared" si="310"/>
        <v/>
      </c>
      <c r="BJ576" s="307" t="str">
        <f t="shared" si="311"/>
        <v/>
      </c>
      <c r="BK576" s="307" t="str">
        <f t="shared" si="312"/>
        <v/>
      </c>
      <c r="BL576" s="307" t="str">
        <f t="shared" si="313"/>
        <v/>
      </c>
      <c r="BM576" s="307" t="str">
        <f t="shared" si="314"/>
        <v/>
      </c>
      <c r="BN576" s="307" t="str">
        <f t="shared" si="315"/>
        <v/>
      </c>
      <c r="BO576" s="307" t="str">
        <f t="shared" si="316"/>
        <v/>
      </c>
      <c r="BP576" s="307" t="str">
        <f t="shared" si="317"/>
        <v/>
      </c>
      <c r="BQ576" s="307">
        <f t="shared" si="318"/>
        <v>91333</v>
      </c>
      <c r="BR576" s="307" t="str">
        <f t="shared" si="319"/>
        <v/>
      </c>
      <c r="BS576" s="307" t="str">
        <f t="shared" si="320"/>
        <v/>
      </c>
      <c r="BT576" s="307" t="str">
        <f t="shared" si="321"/>
        <v/>
      </c>
      <c r="BU576" s="307" t="str">
        <f t="shared" si="322"/>
        <v/>
      </c>
      <c r="BV576" s="307" t="str">
        <f t="shared" si="323"/>
        <v/>
      </c>
      <c r="BW576" s="307" t="str">
        <f t="shared" si="324"/>
        <v/>
      </c>
      <c r="BX576" s="307" t="str">
        <f t="shared" si="325"/>
        <v/>
      </c>
      <c r="BY576" s="307" t="str">
        <f t="shared" si="326"/>
        <v/>
      </c>
      <c r="BZ576" s="307" t="str">
        <f t="shared" si="327"/>
        <v/>
      </c>
      <c r="CA576" s="307" t="str">
        <f t="shared" si="328"/>
        <v/>
      </c>
      <c r="CB576" s="307" t="str">
        <f t="shared" si="329"/>
        <v/>
      </c>
      <c r="CC576" s="307" t="str">
        <f t="shared" si="330"/>
        <v/>
      </c>
      <c r="CD576" s="303"/>
      <c r="CE576" s="303"/>
      <c r="CF576" s="303"/>
    </row>
    <row r="577" spans="1:84" s="318" customFormat="1" ht="56.1" hidden="1" customHeight="1" x14ac:dyDescent="0.2">
      <c r="A577" s="302">
        <v>577</v>
      </c>
      <c r="B577" s="24" t="s">
        <v>53</v>
      </c>
      <c r="C577" s="35" t="s">
        <v>515</v>
      </c>
      <c r="D577" s="303" t="s">
        <v>623</v>
      </c>
      <c r="E577" s="303" t="s">
        <v>624</v>
      </c>
      <c r="F577" s="303" t="s">
        <v>635</v>
      </c>
      <c r="G577" s="303" t="s">
        <v>86</v>
      </c>
      <c r="H577" s="303" t="s">
        <v>310</v>
      </c>
      <c r="I577" s="303" t="s">
        <v>81</v>
      </c>
      <c r="J577" s="303" t="s">
        <v>626</v>
      </c>
      <c r="K577" s="303" t="s">
        <v>225</v>
      </c>
      <c r="L577" s="303" t="s">
        <v>63</v>
      </c>
      <c r="M577" s="303" t="s">
        <v>63</v>
      </c>
      <c r="N577" s="304">
        <v>275825.65999999997</v>
      </c>
      <c r="O577" s="304">
        <f t="shared" si="332"/>
        <v>275825.65999999997</v>
      </c>
      <c r="P577" s="303" t="s">
        <v>585</v>
      </c>
      <c r="Q577" s="303" t="s">
        <v>65</v>
      </c>
      <c r="R577" s="317"/>
      <c r="S577" s="317"/>
      <c r="T577" s="317"/>
      <c r="U577" s="317"/>
      <c r="V577" s="317"/>
      <c r="W577" s="317"/>
      <c r="X577" s="317"/>
      <c r="Y577" s="317"/>
      <c r="Z577" s="317"/>
      <c r="AA577" s="317"/>
      <c r="AB577" s="317"/>
      <c r="AC577" s="317"/>
      <c r="AD577" s="317"/>
      <c r="AE577" s="317"/>
      <c r="AF577" s="317"/>
      <c r="AG577" s="317"/>
      <c r="AH577" s="317"/>
      <c r="AI577" s="317"/>
      <c r="AJ577" s="317"/>
      <c r="AK577" s="317"/>
      <c r="AL577" s="307" t="s">
        <v>66</v>
      </c>
      <c r="AM577" s="317"/>
      <c r="AN577" s="317"/>
      <c r="AO577" s="317"/>
      <c r="AP577" s="317"/>
      <c r="AQ577" s="317"/>
      <c r="AR577" s="317"/>
      <c r="AS577" s="317"/>
      <c r="AT577" s="317"/>
      <c r="AU577" s="317"/>
      <c r="AV577" s="317"/>
      <c r="AW577" s="308">
        <f t="shared" si="334"/>
        <v>302</v>
      </c>
      <c r="AX577" s="309">
        <f t="shared" si="333"/>
        <v>913.32999999999993</v>
      </c>
      <c r="AY577" s="307" t="str">
        <f t="shared" ref="AY577:AY640" si="335">IF(R577="yes",(R$2*$AX577),"")</f>
        <v/>
      </c>
      <c r="AZ577" s="307" t="str">
        <f t="shared" ref="AZ577:AZ640" si="336">IF(S577="yes",(S$2*$AX577),"")</f>
        <v/>
      </c>
      <c r="BA577" s="307" t="str">
        <f t="shared" ref="BA577:BA640" si="337">IF(T577="yes",(T$2*$AX577),"")</f>
        <v/>
      </c>
      <c r="BB577" s="307" t="str">
        <f t="shared" ref="BB577:BB640" si="338">IF(U577="yes",(U$2*$AX577),"")</f>
        <v/>
      </c>
      <c r="BC577" s="307" t="str">
        <f t="shared" ref="BC577:BC640" si="339">IF(V577="yes",(V$2*$AX577),"")</f>
        <v/>
      </c>
      <c r="BD577" s="307" t="str">
        <f t="shared" ref="BD577:BD640" si="340">IF(W577="yes",(W$2*$AX577),"")</f>
        <v/>
      </c>
      <c r="BE577" s="307" t="str">
        <f t="shared" ref="BE577:BE640" si="341">IF(X577="yes",(X$2*$AX577),"")</f>
        <v/>
      </c>
      <c r="BF577" s="307" t="str">
        <f t="shared" ref="BF577:BF640" si="342">IF(Y577="yes",(Y$2*$AX577),"")</f>
        <v/>
      </c>
      <c r="BG577" s="307" t="str">
        <f t="shared" ref="BG577:BG640" si="343">IF(Z577="yes",(Z$2*$AX577),"")</f>
        <v/>
      </c>
      <c r="BH577" s="307" t="str">
        <f t="shared" ref="BH577:BH640" si="344">IF(AA577="yes",(AA$2*$AX577),"")</f>
        <v/>
      </c>
      <c r="BI577" s="307" t="str">
        <f t="shared" ref="BI577:BI640" si="345">IF(AB577="yes",(AB$2*$AX577),"")</f>
        <v/>
      </c>
      <c r="BJ577" s="307" t="str">
        <f t="shared" ref="BJ577:BJ640" si="346">IF(AC577="yes",(AC$2*$AX577),"")</f>
        <v/>
      </c>
      <c r="BK577" s="307" t="str">
        <f t="shared" ref="BK577:BK640" si="347">IF(AD577="yes",(AD$2*$AX577),"")</f>
        <v/>
      </c>
      <c r="BL577" s="307" t="str">
        <f t="shared" ref="BL577:BL640" si="348">IF(AE577="yes",(AE$2*$AX577),"")</f>
        <v/>
      </c>
      <c r="BM577" s="307" t="str">
        <f t="shared" ref="BM577:BM640" si="349">IF(AF577="yes",(AF$2*$AX577),"")</f>
        <v/>
      </c>
      <c r="BN577" s="307" t="str">
        <f t="shared" ref="BN577:BN640" si="350">IF(AG577="yes",(AG$2*$AX577),"")</f>
        <v/>
      </c>
      <c r="BO577" s="307" t="str">
        <f t="shared" ref="BO577:BO640" si="351">IF(AH577="yes",(AH$2*$AX577),"")</f>
        <v/>
      </c>
      <c r="BP577" s="307" t="str">
        <f t="shared" ref="BP577:BP640" si="352">IF(AI577="yes",(AI$2*$AX577),"")</f>
        <v/>
      </c>
      <c r="BQ577" s="307" t="str">
        <f t="shared" ref="BQ577:BQ640" si="353">IF(AJ577="yes",(AJ$2*$AX577),"")</f>
        <v/>
      </c>
      <c r="BR577" s="307" t="str">
        <f t="shared" ref="BR577:BR640" si="354">IF(AK577="yes",(AK$2*$AX577),"")</f>
        <v/>
      </c>
      <c r="BS577" s="307">
        <f t="shared" ref="BS577:BS640" si="355">IF(AL577="yes",(AL$2*$AX577),"")</f>
        <v>275825.65999999997</v>
      </c>
      <c r="BT577" s="307" t="str">
        <f t="shared" ref="BT577:BT640" si="356">IF(AM577="yes",(AM$2*$AX577),"")</f>
        <v/>
      </c>
      <c r="BU577" s="307" t="str">
        <f t="shared" ref="BU577:BU640" si="357">IF(AN577="yes",(AN$2*$AX577),"")</f>
        <v/>
      </c>
      <c r="BV577" s="307" t="str">
        <f t="shared" ref="BV577:BV640" si="358">IF(AO577="yes",(AO$2*$AX577),"")</f>
        <v/>
      </c>
      <c r="BW577" s="307" t="str">
        <f t="shared" ref="BW577:BW640" si="359">IF(AP577="yes",(AP$2*$AX577),"")</f>
        <v/>
      </c>
      <c r="BX577" s="307" t="str">
        <f t="shared" ref="BX577:BX640" si="360">IF(AQ577="yes",(AQ$2*$AX577),"")</f>
        <v/>
      </c>
      <c r="BY577" s="307" t="str">
        <f t="shared" ref="BY577:BY640" si="361">IF(AR577="yes",(AR$2*$AX577),"")</f>
        <v/>
      </c>
      <c r="BZ577" s="307" t="str">
        <f t="shared" ref="BZ577:BZ640" si="362">IF(AS577="yes",(AS$2*$AX577),"")</f>
        <v/>
      </c>
      <c r="CA577" s="307" t="str">
        <f t="shared" ref="CA577:CA640" si="363">IF(AT577="yes",(AT$2*$AX577),"")</f>
        <v/>
      </c>
      <c r="CB577" s="307" t="str">
        <f t="shared" ref="CB577:CB640" si="364">IF(AU577="yes",(AU$2*$AX577),"")</f>
        <v/>
      </c>
      <c r="CC577" s="307" t="str">
        <f t="shared" ref="CC577:CC640" si="365">IF(AV577="yes",(AV$2*$AX577),"")</f>
        <v/>
      </c>
      <c r="CD577" s="303"/>
      <c r="CE577" s="303"/>
      <c r="CF577" s="303"/>
    </row>
    <row r="578" spans="1:84" s="318" customFormat="1" ht="56.1" hidden="1" customHeight="1" x14ac:dyDescent="0.2">
      <c r="A578" s="302">
        <v>578</v>
      </c>
      <c r="B578" s="24" t="s">
        <v>53</v>
      </c>
      <c r="C578" s="35" t="s">
        <v>515</v>
      </c>
      <c r="D578" s="303" t="s">
        <v>623</v>
      </c>
      <c r="E578" s="303" t="s">
        <v>624</v>
      </c>
      <c r="F578" s="303" t="s">
        <v>636</v>
      </c>
      <c r="G578" s="303" t="s">
        <v>93</v>
      </c>
      <c r="H578" s="303" t="s">
        <v>310</v>
      </c>
      <c r="I578" s="303" t="s">
        <v>81</v>
      </c>
      <c r="J578" s="303" t="s">
        <v>626</v>
      </c>
      <c r="K578" s="303" t="s">
        <v>225</v>
      </c>
      <c r="L578" s="303" t="s">
        <v>63</v>
      </c>
      <c r="M578" s="303" t="s">
        <v>63</v>
      </c>
      <c r="N578" s="304">
        <v>28330</v>
      </c>
      <c r="O578" s="304">
        <f t="shared" si="332"/>
        <v>28330</v>
      </c>
      <c r="P578" s="303" t="s">
        <v>585</v>
      </c>
      <c r="Q578" s="303" t="s">
        <v>65</v>
      </c>
      <c r="R578" s="317"/>
      <c r="S578" s="317"/>
      <c r="T578" s="317"/>
      <c r="U578" s="317"/>
      <c r="V578" s="317"/>
      <c r="W578" s="317"/>
      <c r="X578" s="317"/>
      <c r="Y578" s="317"/>
      <c r="Z578" s="317"/>
      <c r="AA578" s="317"/>
      <c r="AB578" s="317"/>
      <c r="AC578" s="317"/>
      <c r="AD578" s="317"/>
      <c r="AE578" s="317"/>
      <c r="AF578" s="317"/>
      <c r="AG578" s="317"/>
      <c r="AH578" s="317"/>
      <c r="AI578" s="317"/>
      <c r="AJ578" s="317"/>
      <c r="AK578" s="317"/>
      <c r="AL578" s="317"/>
      <c r="AM578" s="317"/>
      <c r="AN578" s="317"/>
      <c r="AO578" s="317"/>
      <c r="AP578" s="317"/>
      <c r="AQ578" s="317"/>
      <c r="AR578" s="307" t="s">
        <v>66</v>
      </c>
      <c r="AS578" s="317"/>
      <c r="AT578" s="317"/>
      <c r="AU578" s="317"/>
      <c r="AV578" s="317"/>
      <c r="AW578" s="308">
        <f t="shared" si="334"/>
        <v>31</v>
      </c>
      <c r="AX578" s="309">
        <f t="shared" si="333"/>
        <v>913.87096774193549</v>
      </c>
      <c r="AY578" s="307" t="str">
        <f t="shared" si="335"/>
        <v/>
      </c>
      <c r="AZ578" s="307" t="str">
        <f t="shared" si="336"/>
        <v/>
      </c>
      <c r="BA578" s="307" t="str">
        <f t="shared" si="337"/>
        <v/>
      </c>
      <c r="BB578" s="307" t="str">
        <f t="shared" si="338"/>
        <v/>
      </c>
      <c r="BC578" s="307" t="str">
        <f t="shared" si="339"/>
        <v/>
      </c>
      <c r="BD578" s="307" t="str">
        <f t="shared" si="340"/>
        <v/>
      </c>
      <c r="BE578" s="307" t="str">
        <f t="shared" si="341"/>
        <v/>
      </c>
      <c r="BF578" s="307" t="str">
        <f t="shared" si="342"/>
        <v/>
      </c>
      <c r="BG578" s="307" t="str">
        <f t="shared" si="343"/>
        <v/>
      </c>
      <c r="BH578" s="307" t="str">
        <f t="shared" si="344"/>
        <v/>
      </c>
      <c r="BI578" s="307" t="str">
        <f t="shared" si="345"/>
        <v/>
      </c>
      <c r="BJ578" s="307" t="str">
        <f t="shared" si="346"/>
        <v/>
      </c>
      <c r="BK578" s="307" t="str">
        <f t="shared" si="347"/>
        <v/>
      </c>
      <c r="BL578" s="307" t="str">
        <f t="shared" si="348"/>
        <v/>
      </c>
      <c r="BM578" s="307" t="str">
        <f t="shared" si="349"/>
        <v/>
      </c>
      <c r="BN578" s="307" t="str">
        <f t="shared" si="350"/>
        <v/>
      </c>
      <c r="BO578" s="307" t="str">
        <f t="shared" si="351"/>
        <v/>
      </c>
      <c r="BP578" s="307" t="str">
        <f t="shared" si="352"/>
        <v/>
      </c>
      <c r="BQ578" s="307" t="str">
        <f t="shared" si="353"/>
        <v/>
      </c>
      <c r="BR578" s="307" t="str">
        <f t="shared" si="354"/>
        <v/>
      </c>
      <c r="BS578" s="307" t="str">
        <f t="shared" si="355"/>
        <v/>
      </c>
      <c r="BT578" s="307" t="str">
        <f t="shared" si="356"/>
        <v/>
      </c>
      <c r="BU578" s="307" t="str">
        <f t="shared" si="357"/>
        <v/>
      </c>
      <c r="BV578" s="307" t="str">
        <f t="shared" si="358"/>
        <v/>
      </c>
      <c r="BW578" s="307" t="str">
        <f t="shared" si="359"/>
        <v/>
      </c>
      <c r="BX578" s="307" t="str">
        <f t="shared" si="360"/>
        <v/>
      </c>
      <c r="BY578" s="307">
        <f t="shared" si="361"/>
        <v>28330</v>
      </c>
      <c r="BZ578" s="307" t="str">
        <f t="shared" si="362"/>
        <v/>
      </c>
      <c r="CA578" s="307" t="str">
        <f t="shared" si="363"/>
        <v/>
      </c>
      <c r="CB578" s="307" t="str">
        <f t="shared" si="364"/>
        <v/>
      </c>
      <c r="CC578" s="307" t="str">
        <f t="shared" si="365"/>
        <v/>
      </c>
      <c r="CD578" s="303"/>
      <c r="CE578" s="303"/>
      <c r="CF578" s="303"/>
    </row>
    <row r="579" spans="1:84" s="318" customFormat="1" ht="56.1" hidden="1" customHeight="1" x14ac:dyDescent="0.2">
      <c r="A579" s="302">
        <v>579</v>
      </c>
      <c r="B579" s="24" t="s">
        <v>53</v>
      </c>
      <c r="C579" s="35" t="s">
        <v>515</v>
      </c>
      <c r="D579" s="303" t="s">
        <v>623</v>
      </c>
      <c r="E579" s="303" t="s">
        <v>624</v>
      </c>
      <c r="F579" s="303" t="s">
        <v>637</v>
      </c>
      <c r="G579" s="303" t="s">
        <v>93</v>
      </c>
      <c r="H579" s="303" t="s">
        <v>364</v>
      </c>
      <c r="I579" s="303" t="s">
        <v>81</v>
      </c>
      <c r="J579" s="303" t="s">
        <v>626</v>
      </c>
      <c r="K579" s="303" t="s">
        <v>71</v>
      </c>
      <c r="L579" s="303" t="s">
        <v>63</v>
      </c>
      <c r="M579" s="303" t="s">
        <v>63</v>
      </c>
      <c r="N579" s="304">
        <v>198312</v>
      </c>
      <c r="O579" s="304">
        <f t="shared" si="332"/>
        <v>198312</v>
      </c>
      <c r="P579" s="303" t="s">
        <v>585</v>
      </c>
      <c r="Q579" s="303" t="s">
        <v>65</v>
      </c>
      <c r="R579" s="317"/>
      <c r="S579" s="317"/>
      <c r="T579" s="317"/>
      <c r="U579" s="317"/>
      <c r="V579" s="317"/>
      <c r="W579" s="317"/>
      <c r="X579" s="317"/>
      <c r="Y579" s="317"/>
      <c r="Z579" s="317"/>
      <c r="AA579" s="317"/>
      <c r="AB579" s="317"/>
      <c r="AC579" s="317"/>
      <c r="AD579" s="317"/>
      <c r="AE579" s="317"/>
      <c r="AF579" s="317"/>
      <c r="AG579" s="317"/>
      <c r="AH579" s="317"/>
      <c r="AI579" s="317"/>
      <c r="AJ579" s="317"/>
      <c r="AK579" s="317"/>
      <c r="AL579" s="317"/>
      <c r="AM579" s="317"/>
      <c r="AN579" s="317"/>
      <c r="AO579" s="317"/>
      <c r="AP579" s="317"/>
      <c r="AQ579" s="307" t="s">
        <v>66</v>
      </c>
      <c r="AR579" s="317"/>
      <c r="AS579" s="317"/>
      <c r="AT579" s="317"/>
      <c r="AU579" s="317"/>
      <c r="AV579" s="317"/>
      <c r="AW579" s="308">
        <f t="shared" si="334"/>
        <v>217</v>
      </c>
      <c r="AX579" s="309">
        <f t="shared" si="333"/>
        <v>913.88018433179718</v>
      </c>
      <c r="AY579" s="307" t="str">
        <f t="shared" si="335"/>
        <v/>
      </c>
      <c r="AZ579" s="307" t="str">
        <f t="shared" si="336"/>
        <v/>
      </c>
      <c r="BA579" s="307" t="str">
        <f t="shared" si="337"/>
        <v/>
      </c>
      <c r="BB579" s="307" t="str">
        <f t="shared" si="338"/>
        <v/>
      </c>
      <c r="BC579" s="307" t="str">
        <f t="shared" si="339"/>
        <v/>
      </c>
      <c r="BD579" s="307" t="str">
        <f t="shared" si="340"/>
        <v/>
      </c>
      <c r="BE579" s="307" t="str">
        <f t="shared" si="341"/>
        <v/>
      </c>
      <c r="BF579" s="307" t="str">
        <f t="shared" si="342"/>
        <v/>
      </c>
      <c r="BG579" s="307" t="str">
        <f t="shared" si="343"/>
        <v/>
      </c>
      <c r="BH579" s="307" t="str">
        <f t="shared" si="344"/>
        <v/>
      </c>
      <c r="BI579" s="307" t="str">
        <f t="shared" si="345"/>
        <v/>
      </c>
      <c r="BJ579" s="307" t="str">
        <f t="shared" si="346"/>
        <v/>
      </c>
      <c r="BK579" s="307" t="str">
        <f t="shared" si="347"/>
        <v/>
      </c>
      <c r="BL579" s="307" t="str">
        <f t="shared" si="348"/>
        <v/>
      </c>
      <c r="BM579" s="307" t="str">
        <f t="shared" si="349"/>
        <v/>
      </c>
      <c r="BN579" s="307" t="str">
        <f t="shared" si="350"/>
        <v/>
      </c>
      <c r="BO579" s="307" t="str">
        <f t="shared" si="351"/>
        <v/>
      </c>
      <c r="BP579" s="307" t="str">
        <f t="shared" si="352"/>
        <v/>
      </c>
      <c r="BQ579" s="307" t="str">
        <f t="shared" si="353"/>
        <v/>
      </c>
      <c r="BR579" s="307" t="str">
        <f t="shared" si="354"/>
        <v/>
      </c>
      <c r="BS579" s="307" t="str">
        <f t="shared" si="355"/>
        <v/>
      </c>
      <c r="BT579" s="307" t="str">
        <f t="shared" si="356"/>
        <v/>
      </c>
      <c r="BU579" s="307" t="str">
        <f t="shared" si="357"/>
        <v/>
      </c>
      <c r="BV579" s="307" t="str">
        <f t="shared" si="358"/>
        <v/>
      </c>
      <c r="BW579" s="307" t="str">
        <f t="shared" si="359"/>
        <v/>
      </c>
      <c r="BX579" s="307">
        <f t="shared" si="360"/>
        <v>198312</v>
      </c>
      <c r="BY579" s="307" t="str">
        <f t="shared" si="361"/>
        <v/>
      </c>
      <c r="BZ579" s="307" t="str">
        <f t="shared" si="362"/>
        <v/>
      </c>
      <c r="CA579" s="307" t="str">
        <f t="shared" si="363"/>
        <v/>
      </c>
      <c r="CB579" s="307" t="str">
        <f t="shared" si="364"/>
        <v/>
      </c>
      <c r="CC579" s="307" t="str">
        <f t="shared" si="365"/>
        <v/>
      </c>
      <c r="CD579" s="303"/>
      <c r="CE579" s="303"/>
      <c r="CF579" s="303"/>
    </row>
    <row r="580" spans="1:84" s="318" customFormat="1" ht="56.1" hidden="1" customHeight="1" x14ac:dyDescent="0.2">
      <c r="A580" s="302">
        <v>580</v>
      </c>
      <c r="B580" s="24" t="s">
        <v>53</v>
      </c>
      <c r="C580" s="35" t="s">
        <v>515</v>
      </c>
      <c r="D580" s="303" t="s">
        <v>623</v>
      </c>
      <c r="E580" s="303" t="s">
        <v>624</v>
      </c>
      <c r="F580" s="303" t="s">
        <v>638</v>
      </c>
      <c r="G580" s="303" t="s">
        <v>157</v>
      </c>
      <c r="H580" s="303" t="s">
        <v>310</v>
      </c>
      <c r="I580" s="303" t="s">
        <v>81</v>
      </c>
      <c r="J580" s="303" t="s">
        <v>626</v>
      </c>
      <c r="K580" s="303" t="s">
        <v>225</v>
      </c>
      <c r="L580" s="303" t="s">
        <v>63</v>
      </c>
      <c r="M580" s="303" t="s">
        <v>63</v>
      </c>
      <c r="N580" s="304">
        <v>61230</v>
      </c>
      <c r="O580" s="304">
        <f t="shared" si="332"/>
        <v>61230</v>
      </c>
      <c r="P580" s="303" t="s">
        <v>585</v>
      </c>
      <c r="Q580" s="303" t="s">
        <v>65</v>
      </c>
      <c r="R580" s="317"/>
      <c r="S580" s="317"/>
      <c r="T580" s="317"/>
      <c r="U580" s="317"/>
      <c r="V580" s="317"/>
      <c r="W580" s="317"/>
      <c r="X580" s="317"/>
      <c r="Y580" s="317"/>
      <c r="Z580" s="317"/>
      <c r="AA580" s="317"/>
      <c r="AB580" s="317"/>
      <c r="AC580" s="317"/>
      <c r="AD580" s="317"/>
      <c r="AE580" s="317"/>
      <c r="AF580" s="317"/>
      <c r="AG580" s="317"/>
      <c r="AH580" s="317"/>
      <c r="AI580" s="317"/>
      <c r="AJ580" s="317"/>
      <c r="AK580" s="317"/>
      <c r="AL580" s="317"/>
      <c r="AM580" s="317"/>
      <c r="AN580" s="317"/>
      <c r="AO580" s="317"/>
      <c r="AP580" s="317"/>
      <c r="AQ580" s="317"/>
      <c r="AR580" s="317"/>
      <c r="AS580" s="317" t="s">
        <v>66</v>
      </c>
      <c r="AT580" s="317"/>
      <c r="AU580" s="317"/>
      <c r="AV580" s="317"/>
      <c r="AW580" s="308">
        <f t="shared" si="334"/>
        <v>67</v>
      </c>
      <c r="AX580" s="309">
        <f t="shared" si="333"/>
        <v>913.88059701492534</v>
      </c>
      <c r="AY580" s="307" t="str">
        <f t="shared" si="335"/>
        <v/>
      </c>
      <c r="AZ580" s="307" t="str">
        <f t="shared" si="336"/>
        <v/>
      </c>
      <c r="BA580" s="307" t="str">
        <f t="shared" si="337"/>
        <v/>
      </c>
      <c r="BB580" s="307" t="str">
        <f t="shared" si="338"/>
        <v/>
      </c>
      <c r="BC580" s="307" t="str">
        <f t="shared" si="339"/>
        <v/>
      </c>
      <c r="BD580" s="307" t="str">
        <f t="shared" si="340"/>
        <v/>
      </c>
      <c r="BE580" s="307" t="str">
        <f t="shared" si="341"/>
        <v/>
      </c>
      <c r="BF580" s="307" t="str">
        <f t="shared" si="342"/>
        <v/>
      </c>
      <c r="BG580" s="307" t="str">
        <f t="shared" si="343"/>
        <v/>
      </c>
      <c r="BH580" s="307" t="str">
        <f t="shared" si="344"/>
        <v/>
      </c>
      <c r="BI580" s="307" t="str">
        <f t="shared" si="345"/>
        <v/>
      </c>
      <c r="BJ580" s="307" t="str">
        <f t="shared" si="346"/>
        <v/>
      </c>
      <c r="BK580" s="307" t="str">
        <f t="shared" si="347"/>
        <v/>
      </c>
      <c r="BL580" s="307" t="str">
        <f t="shared" si="348"/>
        <v/>
      </c>
      <c r="BM580" s="307" t="str">
        <f t="shared" si="349"/>
        <v/>
      </c>
      <c r="BN580" s="307" t="str">
        <f t="shared" si="350"/>
        <v/>
      </c>
      <c r="BO580" s="307" t="str">
        <f t="shared" si="351"/>
        <v/>
      </c>
      <c r="BP580" s="307" t="str">
        <f t="shared" si="352"/>
        <v/>
      </c>
      <c r="BQ580" s="307" t="str">
        <f t="shared" si="353"/>
        <v/>
      </c>
      <c r="BR580" s="307" t="str">
        <f t="shared" si="354"/>
        <v/>
      </c>
      <c r="BS580" s="307" t="str">
        <f t="shared" si="355"/>
        <v/>
      </c>
      <c r="BT580" s="307" t="str">
        <f t="shared" si="356"/>
        <v/>
      </c>
      <c r="BU580" s="307" t="str">
        <f t="shared" si="357"/>
        <v/>
      </c>
      <c r="BV580" s="307" t="str">
        <f t="shared" si="358"/>
        <v/>
      </c>
      <c r="BW580" s="307" t="str">
        <f t="shared" si="359"/>
        <v/>
      </c>
      <c r="BX580" s="307" t="str">
        <f t="shared" si="360"/>
        <v/>
      </c>
      <c r="BY580" s="307" t="str">
        <f t="shared" si="361"/>
        <v/>
      </c>
      <c r="BZ580" s="307">
        <f t="shared" si="362"/>
        <v>61230</v>
      </c>
      <c r="CA580" s="307" t="str">
        <f t="shared" si="363"/>
        <v/>
      </c>
      <c r="CB580" s="307" t="str">
        <f t="shared" si="364"/>
        <v/>
      </c>
      <c r="CC580" s="307" t="str">
        <f t="shared" si="365"/>
        <v/>
      </c>
      <c r="CD580" s="303"/>
      <c r="CE580" s="303"/>
      <c r="CF580" s="303"/>
    </row>
    <row r="581" spans="1:84" s="318" customFormat="1" ht="56.1" hidden="1" customHeight="1" x14ac:dyDescent="0.2">
      <c r="A581" s="302">
        <v>581</v>
      </c>
      <c r="B581" s="24" t="s">
        <v>53</v>
      </c>
      <c r="C581" s="35" t="s">
        <v>515</v>
      </c>
      <c r="D581" s="303" t="s">
        <v>623</v>
      </c>
      <c r="E581" s="303" t="s">
        <v>624</v>
      </c>
      <c r="F581" s="303" t="s">
        <v>636</v>
      </c>
      <c r="G581" s="303" t="s">
        <v>95</v>
      </c>
      <c r="H581" s="303" t="s">
        <v>347</v>
      </c>
      <c r="I581" s="303" t="s">
        <v>81</v>
      </c>
      <c r="J581" s="303" t="s">
        <v>626</v>
      </c>
      <c r="K581" s="303" t="s">
        <v>225</v>
      </c>
      <c r="L581" s="303" t="s">
        <v>63</v>
      </c>
      <c r="M581" s="303" t="s">
        <v>63</v>
      </c>
      <c r="N581" s="304">
        <v>28330</v>
      </c>
      <c r="O581" s="304">
        <f t="shared" si="332"/>
        <v>28330</v>
      </c>
      <c r="P581" s="303" t="s">
        <v>585</v>
      </c>
      <c r="Q581" s="303" t="s">
        <v>65</v>
      </c>
      <c r="R581" s="317"/>
      <c r="S581" s="317"/>
      <c r="T581" s="317"/>
      <c r="U581" s="317"/>
      <c r="V581" s="317"/>
      <c r="W581" s="317"/>
      <c r="X581" s="317"/>
      <c r="Y581" s="317"/>
      <c r="Z581" s="317"/>
      <c r="AA581" s="317"/>
      <c r="AB581" s="317"/>
      <c r="AC581" s="317"/>
      <c r="AD581" s="317"/>
      <c r="AE581" s="317"/>
      <c r="AF581" s="317"/>
      <c r="AG581" s="317"/>
      <c r="AH581" s="317"/>
      <c r="AI581" s="317"/>
      <c r="AJ581" s="317"/>
      <c r="AK581" s="317"/>
      <c r="AL581" s="317"/>
      <c r="AM581" s="317"/>
      <c r="AN581" s="317"/>
      <c r="AO581" s="317"/>
      <c r="AP581" s="317"/>
      <c r="AQ581" s="317"/>
      <c r="AR581" s="317"/>
      <c r="AS581" s="317"/>
      <c r="AT581" s="317"/>
      <c r="AU581" s="306" t="s">
        <v>66</v>
      </c>
      <c r="AV581" s="317"/>
      <c r="AW581" s="308">
        <f t="shared" si="334"/>
        <v>31</v>
      </c>
      <c r="AX581" s="309">
        <f t="shared" si="333"/>
        <v>913.87096774193549</v>
      </c>
      <c r="AY581" s="307" t="str">
        <f t="shared" si="335"/>
        <v/>
      </c>
      <c r="AZ581" s="307" t="str">
        <f t="shared" si="336"/>
        <v/>
      </c>
      <c r="BA581" s="307" t="str">
        <f t="shared" si="337"/>
        <v/>
      </c>
      <c r="BB581" s="307" t="str">
        <f t="shared" si="338"/>
        <v/>
      </c>
      <c r="BC581" s="307" t="str">
        <f t="shared" si="339"/>
        <v/>
      </c>
      <c r="BD581" s="307" t="str">
        <f t="shared" si="340"/>
        <v/>
      </c>
      <c r="BE581" s="307" t="str">
        <f t="shared" si="341"/>
        <v/>
      </c>
      <c r="BF581" s="307" t="str">
        <f t="shared" si="342"/>
        <v/>
      </c>
      <c r="BG581" s="307" t="str">
        <f t="shared" si="343"/>
        <v/>
      </c>
      <c r="BH581" s="307" t="str">
        <f t="shared" si="344"/>
        <v/>
      </c>
      <c r="BI581" s="307" t="str">
        <f t="shared" si="345"/>
        <v/>
      </c>
      <c r="BJ581" s="307" t="str">
        <f t="shared" si="346"/>
        <v/>
      </c>
      <c r="BK581" s="307" t="str">
        <f t="shared" si="347"/>
        <v/>
      </c>
      <c r="BL581" s="307" t="str">
        <f t="shared" si="348"/>
        <v/>
      </c>
      <c r="BM581" s="307" t="str">
        <f t="shared" si="349"/>
        <v/>
      </c>
      <c r="BN581" s="307" t="str">
        <f t="shared" si="350"/>
        <v/>
      </c>
      <c r="BO581" s="307" t="str">
        <f t="shared" si="351"/>
        <v/>
      </c>
      <c r="BP581" s="307" t="str">
        <f t="shared" si="352"/>
        <v/>
      </c>
      <c r="BQ581" s="307" t="str">
        <f t="shared" si="353"/>
        <v/>
      </c>
      <c r="BR581" s="307" t="str">
        <f t="shared" si="354"/>
        <v/>
      </c>
      <c r="BS581" s="307" t="str">
        <f t="shared" si="355"/>
        <v/>
      </c>
      <c r="BT581" s="307" t="str">
        <f t="shared" si="356"/>
        <v/>
      </c>
      <c r="BU581" s="307" t="str">
        <f t="shared" si="357"/>
        <v/>
      </c>
      <c r="BV581" s="307" t="str">
        <f t="shared" si="358"/>
        <v/>
      </c>
      <c r="BW581" s="307" t="str">
        <f t="shared" si="359"/>
        <v/>
      </c>
      <c r="BX581" s="307" t="str">
        <f t="shared" si="360"/>
        <v/>
      </c>
      <c r="BY581" s="307" t="str">
        <f t="shared" si="361"/>
        <v/>
      </c>
      <c r="BZ581" s="307" t="str">
        <f t="shared" si="362"/>
        <v/>
      </c>
      <c r="CA581" s="307" t="str">
        <f t="shared" si="363"/>
        <v/>
      </c>
      <c r="CB581" s="307">
        <f t="shared" si="364"/>
        <v>28330</v>
      </c>
      <c r="CC581" s="307" t="str">
        <f t="shared" si="365"/>
        <v/>
      </c>
      <c r="CD581" s="303"/>
      <c r="CE581" s="303"/>
      <c r="CF581" s="303"/>
    </row>
    <row r="582" spans="1:84" s="211" customFormat="1" ht="56.1" hidden="1" customHeight="1" x14ac:dyDescent="0.2">
      <c r="A582" s="198">
        <v>582</v>
      </c>
      <c r="B582" s="199" t="s">
        <v>53</v>
      </c>
      <c r="C582" s="208" t="s">
        <v>515</v>
      </c>
      <c r="D582" s="200" t="s">
        <v>623</v>
      </c>
      <c r="E582" s="200" t="s">
        <v>624</v>
      </c>
      <c r="F582" s="200" t="s">
        <v>639</v>
      </c>
      <c r="G582" s="200" t="s">
        <v>95</v>
      </c>
      <c r="H582" s="200" t="s">
        <v>368</v>
      </c>
      <c r="I582" s="200" t="s">
        <v>81</v>
      </c>
      <c r="J582" s="200" t="s">
        <v>626</v>
      </c>
      <c r="K582" s="200" t="s">
        <v>493</v>
      </c>
      <c r="L582" s="200" t="s">
        <v>63</v>
      </c>
      <c r="M582" s="200" t="s">
        <v>63</v>
      </c>
      <c r="N582" s="201">
        <v>137082</v>
      </c>
      <c r="O582" s="201">
        <f t="shared" si="332"/>
        <v>137082</v>
      </c>
      <c r="P582" s="200" t="s">
        <v>585</v>
      </c>
      <c r="Q582" s="200" t="s">
        <v>65</v>
      </c>
      <c r="R582" s="210"/>
      <c r="S582" s="210"/>
      <c r="T582" s="210"/>
      <c r="U582" s="210"/>
      <c r="V582" s="210"/>
      <c r="W582" s="210"/>
      <c r="X582" s="210"/>
      <c r="Y582" s="210"/>
      <c r="Z582" s="210"/>
      <c r="AA582" s="210"/>
      <c r="AB582" s="210"/>
      <c r="AC582" s="210"/>
      <c r="AD582" s="210"/>
      <c r="AE582" s="210"/>
      <c r="AF582" s="210"/>
      <c r="AG582" s="210"/>
      <c r="AH582" s="210"/>
      <c r="AI582" s="210"/>
      <c r="AJ582" s="210"/>
      <c r="AK582" s="210"/>
      <c r="AL582" s="210"/>
      <c r="AM582" s="210"/>
      <c r="AN582" s="210"/>
      <c r="AO582" s="210"/>
      <c r="AP582" s="210"/>
      <c r="AQ582" s="210"/>
      <c r="AR582" s="210"/>
      <c r="AS582" s="210"/>
      <c r="AT582" s="203" t="s">
        <v>66</v>
      </c>
      <c r="AU582" s="210"/>
      <c r="AV582" s="210"/>
      <c r="AW582" s="204">
        <f t="shared" si="334"/>
        <v>150</v>
      </c>
      <c r="AX582" s="205">
        <f t="shared" si="333"/>
        <v>913.88</v>
      </c>
      <c r="AY582" s="203" t="str">
        <f t="shared" si="335"/>
        <v/>
      </c>
      <c r="AZ582" s="203" t="str">
        <f t="shared" si="336"/>
        <v/>
      </c>
      <c r="BA582" s="203" t="str">
        <f t="shared" si="337"/>
        <v/>
      </c>
      <c r="BB582" s="203" t="str">
        <f t="shared" si="338"/>
        <v/>
      </c>
      <c r="BC582" s="203" t="str">
        <f t="shared" si="339"/>
        <v/>
      </c>
      <c r="BD582" s="203" t="str">
        <f t="shared" si="340"/>
        <v/>
      </c>
      <c r="BE582" s="203" t="str">
        <f t="shared" si="341"/>
        <v/>
      </c>
      <c r="BF582" s="203" t="str">
        <f t="shared" si="342"/>
        <v/>
      </c>
      <c r="BG582" s="203" t="str">
        <f t="shared" si="343"/>
        <v/>
      </c>
      <c r="BH582" s="203" t="str">
        <f t="shared" si="344"/>
        <v/>
      </c>
      <c r="BI582" s="203" t="str">
        <f t="shared" si="345"/>
        <v/>
      </c>
      <c r="BJ582" s="203" t="str">
        <f t="shared" si="346"/>
        <v/>
      </c>
      <c r="BK582" s="203" t="str">
        <f t="shared" si="347"/>
        <v/>
      </c>
      <c r="BL582" s="203" t="str">
        <f t="shared" si="348"/>
        <v/>
      </c>
      <c r="BM582" s="203" t="str">
        <f t="shared" si="349"/>
        <v/>
      </c>
      <c r="BN582" s="203" t="str">
        <f t="shared" si="350"/>
        <v/>
      </c>
      <c r="BO582" s="203" t="str">
        <f t="shared" si="351"/>
        <v/>
      </c>
      <c r="BP582" s="203" t="str">
        <f t="shared" si="352"/>
        <v/>
      </c>
      <c r="BQ582" s="203" t="str">
        <f t="shared" si="353"/>
        <v/>
      </c>
      <c r="BR582" s="203" t="str">
        <f t="shared" si="354"/>
        <v/>
      </c>
      <c r="BS582" s="203" t="str">
        <f t="shared" si="355"/>
        <v/>
      </c>
      <c r="BT582" s="203" t="str">
        <f t="shared" si="356"/>
        <v/>
      </c>
      <c r="BU582" s="203" t="str">
        <f t="shared" si="357"/>
        <v/>
      </c>
      <c r="BV582" s="203" t="str">
        <f t="shared" si="358"/>
        <v/>
      </c>
      <c r="BW582" s="203" t="str">
        <f t="shared" si="359"/>
        <v/>
      </c>
      <c r="BX582" s="203" t="str">
        <f t="shared" si="360"/>
        <v/>
      </c>
      <c r="BY582" s="203" t="str">
        <f t="shared" si="361"/>
        <v/>
      </c>
      <c r="BZ582" s="203" t="str">
        <f t="shared" si="362"/>
        <v/>
      </c>
      <c r="CA582" s="203">
        <f t="shared" si="363"/>
        <v>137082</v>
      </c>
      <c r="CB582" s="203" t="str">
        <f t="shared" si="364"/>
        <v/>
      </c>
      <c r="CC582" s="203" t="str">
        <f t="shared" si="365"/>
        <v/>
      </c>
      <c r="CD582" s="200"/>
      <c r="CE582" s="200"/>
      <c r="CF582" s="200"/>
    </row>
    <row r="583" spans="1:84" s="211" customFormat="1" ht="56.1" hidden="1" customHeight="1" x14ac:dyDescent="0.2">
      <c r="A583" s="198">
        <v>583</v>
      </c>
      <c r="B583" s="199" t="s">
        <v>53</v>
      </c>
      <c r="C583" s="208" t="s">
        <v>515</v>
      </c>
      <c r="D583" s="200" t="s">
        <v>623</v>
      </c>
      <c r="E583" s="200" t="s">
        <v>624</v>
      </c>
      <c r="F583" s="200" t="s">
        <v>640</v>
      </c>
      <c r="G583" s="200" t="s">
        <v>58</v>
      </c>
      <c r="H583" s="200" t="s">
        <v>347</v>
      </c>
      <c r="I583" s="200" t="s">
        <v>81</v>
      </c>
      <c r="J583" s="200" t="s">
        <v>626</v>
      </c>
      <c r="K583" s="200" t="s">
        <v>225</v>
      </c>
      <c r="L583" s="200" t="s">
        <v>63</v>
      </c>
      <c r="M583" s="200" t="s">
        <v>63</v>
      </c>
      <c r="N583" s="201">
        <v>2179604</v>
      </c>
      <c r="O583" s="201">
        <f t="shared" si="332"/>
        <v>2179604</v>
      </c>
      <c r="P583" s="200" t="s">
        <v>585</v>
      </c>
      <c r="Q583" s="200" t="s">
        <v>65</v>
      </c>
      <c r="R583" s="210"/>
      <c r="S583" s="210"/>
      <c r="T583" s="210"/>
      <c r="U583" s="210"/>
      <c r="V583" s="210"/>
      <c r="W583" s="210"/>
      <c r="X583" s="210"/>
      <c r="Y583" s="210"/>
      <c r="Z583" s="210"/>
      <c r="AA583" s="210"/>
      <c r="AB583" s="210"/>
      <c r="AC583" s="210"/>
      <c r="AD583" s="210"/>
      <c r="AE583" s="210"/>
      <c r="AF583" s="210"/>
      <c r="AG583" s="210"/>
      <c r="AH583" s="203" t="s">
        <v>66</v>
      </c>
      <c r="AI583" s="210"/>
      <c r="AJ583" s="210"/>
      <c r="AK583" s="210"/>
      <c r="AL583" s="210"/>
      <c r="AM583" s="210"/>
      <c r="AN583" s="210"/>
      <c r="AO583" s="210"/>
      <c r="AP583" s="210"/>
      <c r="AQ583" s="210"/>
      <c r="AR583" s="210"/>
      <c r="AS583" s="210"/>
      <c r="AT583" s="210"/>
      <c r="AU583" s="210"/>
      <c r="AV583" s="210"/>
      <c r="AW583" s="204">
        <f t="shared" si="334"/>
        <v>2385</v>
      </c>
      <c r="AX583" s="205">
        <f t="shared" si="333"/>
        <v>913.8800838574424</v>
      </c>
      <c r="AY583" s="203" t="str">
        <f t="shared" si="335"/>
        <v/>
      </c>
      <c r="AZ583" s="203" t="str">
        <f t="shared" si="336"/>
        <v/>
      </c>
      <c r="BA583" s="203" t="str">
        <f t="shared" si="337"/>
        <v/>
      </c>
      <c r="BB583" s="203" t="str">
        <f t="shared" si="338"/>
        <v/>
      </c>
      <c r="BC583" s="203" t="str">
        <f t="shared" si="339"/>
        <v/>
      </c>
      <c r="BD583" s="203" t="str">
        <f t="shared" si="340"/>
        <v/>
      </c>
      <c r="BE583" s="203" t="str">
        <f t="shared" si="341"/>
        <v/>
      </c>
      <c r="BF583" s="203" t="str">
        <f t="shared" si="342"/>
        <v/>
      </c>
      <c r="BG583" s="203" t="str">
        <f t="shared" si="343"/>
        <v/>
      </c>
      <c r="BH583" s="203" t="str">
        <f t="shared" si="344"/>
        <v/>
      </c>
      <c r="BI583" s="203" t="str">
        <f t="shared" si="345"/>
        <v/>
      </c>
      <c r="BJ583" s="203" t="str">
        <f t="shared" si="346"/>
        <v/>
      </c>
      <c r="BK583" s="203" t="str">
        <f t="shared" si="347"/>
        <v/>
      </c>
      <c r="BL583" s="203" t="str">
        <f t="shared" si="348"/>
        <v/>
      </c>
      <c r="BM583" s="203" t="str">
        <f t="shared" si="349"/>
        <v/>
      </c>
      <c r="BN583" s="203" t="str">
        <f t="shared" si="350"/>
        <v/>
      </c>
      <c r="BO583" s="203">
        <f t="shared" si="351"/>
        <v>2179604</v>
      </c>
      <c r="BP583" s="203" t="str">
        <f t="shared" si="352"/>
        <v/>
      </c>
      <c r="BQ583" s="203" t="str">
        <f t="shared" si="353"/>
        <v/>
      </c>
      <c r="BR583" s="203" t="str">
        <f t="shared" si="354"/>
        <v/>
      </c>
      <c r="BS583" s="203" t="str">
        <f t="shared" si="355"/>
        <v/>
      </c>
      <c r="BT583" s="203" t="str">
        <f t="shared" si="356"/>
        <v/>
      </c>
      <c r="BU583" s="203" t="str">
        <f t="shared" si="357"/>
        <v/>
      </c>
      <c r="BV583" s="203" t="str">
        <f t="shared" si="358"/>
        <v/>
      </c>
      <c r="BW583" s="203" t="str">
        <f t="shared" si="359"/>
        <v/>
      </c>
      <c r="BX583" s="203" t="str">
        <f t="shared" si="360"/>
        <v/>
      </c>
      <c r="BY583" s="203" t="str">
        <f t="shared" si="361"/>
        <v/>
      </c>
      <c r="BZ583" s="203" t="str">
        <f t="shared" si="362"/>
        <v/>
      </c>
      <c r="CA583" s="203" t="str">
        <f t="shared" si="363"/>
        <v/>
      </c>
      <c r="CB583" s="203" t="str">
        <f t="shared" si="364"/>
        <v/>
      </c>
      <c r="CC583" s="203" t="str">
        <f t="shared" si="365"/>
        <v/>
      </c>
      <c r="CD583" s="200"/>
      <c r="CE583" s="200"/>
      <c r="CF583" s="200"/>
    </row>
    <row r="584" spans="1:84" s="168" customFormat="1" ht="56.1" hidden="1" customHeight="1" x14ac:dyDescent="0.2">
      <c r="A584" s="154">
        <v>584</v>
      </c>
      <c r="B584" s="155" t="s">
        <v>53</v>
      </c>
      <c r="C584" s="165" t="s">
        <v>515</v>
      </c>
      <c r="D584" s="156" t="s">
        <v>623</v>
      </c>
      <c r="E584" s="156" t="s">
        <v>624</v>
      </c>
      <c r="F584" s="156" t="s">
        <v>641</v>
      </c>
      <c r="G584" s="156" t="s">
        <v>58</v>
      </c>
      <c r="H584" s="156" t="s">
        <v>173</v>
      </c>
      <c r="I584" s="156" t="s">
        <v>81</v>
      </c>
      <c r="J584" s="156" t="s">
        <v>626</v>
      </c>
      <c r="K584" s="156" t="s">
        <v>62</v>
      </c>
      <c r="L584" s="156" t="s">
        <v>63</v>
      </c>
      <c r="M584" s="156" t="s">
        <v>63</v>
      </c>
      <c r="N584" s="157">
        <v>1370820</v>
      </c>
      <c r="O584" s="157">
        <f t="shared" si="332"/>
        <v>1370820</v>
      </c>
      <c r="P584" s="156" t="s">
        <v>585</v>
      </c>
      <c r="Q584" s="156" t="s">
        <v>65</v>
      </c>
      <c r="R584" s="161" t="s">
        <v>66</v>
      </c>
      <c r="S584" s="167"/>
      <c r="T584" s="167"/>
      <c r="U584" s="167"/>
      <c r="V584" s="167"/>
      <c r="W584" s="167"/>
      <c r="X584" s="167"/>
      <c r="Y584" s="167"/>
      <c r="Z584" s="167"/>
      <c r="AA584" s="167"/>
      <c r="AB584" s="167"/>
      <c r="AC584" s="167"/>
      <c r="AD584" s="167"/>
      <c r="AE584" s="167"/>
      <c r="AF584" s="167"/>
      <c r="AG584" s="167"/>
      <c r="AH584" s="167"/>
      <c r="AI584" s="167"/>
      <c r="AJ584" s="167"/>
      <c r="AK584" s="167"/>
      <c r="AL584" s="167"/>
      <c r="AM584" s="167"/>
      <c r="AN584" s="167"/>
      <c r="AO584" s="167"/>
      <c r="AP584" s="167"/>
      <c r="AQ584" s="167"/>
      <c r="AR584" s="167"/>
      <c r="AS584" s="167"/>
      <c r="AT584" s="167"/>
      <c r="AU584" s="167"/>
      <c r="AV584" s="167"/>
      <c r="AW584" s="160">
        <f t="shared" si="334"/>
        <v>1500</v>
      </c>
      <c r="AX584" s="158">
        <f t="shared" si="333"/>
        <v>913.88</v>
      </c>
      <c r="AY584" s="161">
        <f t="shared" si="335"/>
        <v>1370820</v>
      </c>
      <c r="AZ584" s="161" t="str">
        <f t="shared" si="336"/>
        <v/>
      </c>
      <c r="BA584" s="161" t="str">
        <f t="shared" si="337"/>
        <v/>
      </c>
      <c r="BB584" s="161" t="str">
        <f t="shared" si="338"/>
        <v/>
      </c>
      <c r="BC584" s="161" t="str">
        <f t="shared" si="339"/>
        <v/>
      </c>
      <c r="BD584" s="161" t="str">
        <f t="shared" si="340"/>
        <v/>
      </c>
      <c r="BE584" s="161" t="str">
        <f t="shared" si="341"/>
        <v/>
      </c>
      <c r="BF584" s="161" t="str">
        <f t="shared" si="342"/>
        <v/>
      </c>
      <c r="BG584" s="161" t="str">
        <f t="shared" si="343"/>
        <v/>
      </c>
      <c r="BH584" s="161" t="str">
        <f t="shared" si="344"/>
        <v/>
      </c>
      <c r="BI584" s="161" t="str">
        <f t="shared" si="345"/>
        <v/>
      </c>
      <c r="BJ584" s="161" t="str">
        <f t="shared" si="346"/>
        <v/>
      </c>
      <c r="BK584" s="161" t="str">
        <f t="shared" si="347"/>
        <v/>
      </c>
      <c r="BL584" s="161" t="str">
        <f t="shared" si="348"/>
        <v/>
      </c>
      <c r="BM584" s="161" t="str">
        <f t="shared" si="349"/>
        <v/>
      </c>
      <c r="BN584" s="161" t="str">
        <f t="shared" si="350"/>
        <v/>
      </c>
      <c r="BO584" s="161" t="str">
        <f t="shared" si="351"/>
        <v/>
      </c>
      <c r="BP584" s="161" t="str">
        <f t="shared" si="352"/>
        <v/>
      </c>
      <c r="BQ584" s="161" t="str">
        <f t="shared" si="353"/>
        <v/>
      </c>
      <c r="BR584" s="161" t="str">
        <f t="shared" si="354"/>
        <v/>
      </c>
      <c r="BS584" s="161" t="str">
        <f t="shared" si="355"/>
        <v/>
      </c>
      <c r="BT584" s="161" t="str">
        <f t="shared" si="356"/>
        <v/>
      </c>
      <c r="BU584" s="161" t="str">
        <f t="shared" si="357"/>
        <v/>
      </c>
      <c r="BV584" s="161" t="str">
        <f t="shared" si="358"/>
        <v/>
      </c>
      <c r="BW584" s="161" t="str">
        <f t="shared" si="359"/>
        <v/>
      </c>
      <c r="BX584" s="161" t="str">
        <f t="shared" si="360"/>
        <v/>
      </c>
      <c r="BY584" s="161" t="str">
        <f t="shared" si="361"/>
        <v/>
      </c>
      <c r="BZ584" s="161" t="str">
        <f t="shared" si="362"/>
        <v/>
      </c>
      <c r="CA584" s="161" t="str">
        <f t="shared" si="363"/>
        <v/>
      </c>
      <c r="CB584" s="161" t="str">
        <f t="shared" si="364"/>
        <v/>
      </c>
      <c r="CC584" s="161" t="str">
        <f t="shared" si="365"/>
        <v/>
      </c>
      <c r="CD584" s="156"/>
      <c r="CE584" s="156"/>
      <c r="CF584" s="156"/>
    </row>
    <row r="585" spans="1:84" s="220" customFormat="1" ht="56.1" hidden="1" customHeight="1" x14ac:dyDescent="0.2">
      <c r="A585" s="181">
        <v>585</v>
      </c>
      <c r="B585" s="182" t="s">
        <v>53</v>
      </c>
      <c r="C585" s="183" t="s">
        <v>515</v>
      </c>
      <c r="D585" s="214" t="s">
        <v>623</v>
      </c>
      <c r="E585" s="214" t="s">
        <v>624</v>
      </c>
      <c r="F585" s="214" t="s">
        <v>642</v>
      </c>
      <c r="G585" s="214" t="s">
        <v>58</v>
      </c>
      <c r="H585" s="214" t="s">
        <v>319</v>
      </c>
      <c r="I585" s="214" t="s">
        <v>81</v>
      </c>
      <c r="J585" s="214" t="s">
        <v>626</v>
      </c>
      <c r="K585" s="214" t="s">
        <v>181</v>
      </c>
      <c r="L585" s="214" t="s">
        <v>63</v>
      </c>
      <c r="M585" s="214" t="s">
        <v>63</v>
      </c>
      <c r="N585" s="215">
        <v>411246</v>
      </c>
      <c r="O585" s="215">
        <f t="shared" si="332"/>
        <v>411246</v>
      </c>
      <c r="P585" s="214" t="s">
        <v>585</v>
      </c>
      <c r="Q585" s="214" t="s">
        <v>65</v>
      </c>
      <c r="R585" s="219"/>
      <c r="S585" s="219"/>
      <c r="T585" s="192" t="s">
        <v>66</v>
      </c>
      <c r="U585" s="219"/>
      <c r="V585" s="219"/>
      <c r="W585" s="219"/>
      <c r="X585" s="219"/>
      <c r="Y585" s="219"/>
      <c r="Z585" s="219"/>
      <c r="AA585" s="219"/>
      <c r="AB585" s="219"/>
      <c r="AC585" s="219"/>
      <c r="AD585" s="219"/>
      <c r="AE585" s="219"/>
      <c r="AF585" s="219"/>
      <c r="AG585" s="219"/>
      <c r="AH585" s="219"/>
      <c r="AI585" s="219"/>
      <c r="AJ585" s="219"/>
      <c r="AK585" s="219"/>
      <c r="AL585" s="219"/>
      <c r="AM585" s="219"/>
      <c r="AN585" s="219"/>
      <c r="AO585" s="219"/>
      <c r="AP585" s="219"/>
      <c r="AQ585" s="219"/>
      <c r="AR585" s="219"/>
      <c r="AS585" s="219"/>
      <c r="AT585" s="219"/>
      <c r="AU585" s="219"/>
      <c r="AV585" s="219"/>
      <c r="AW585" s="191">
        <f t="shared" si="334"/>
        <v>450</v>
      </c>
      <c r="AX585" s="187">
        <f t="shared" si="333"/>
        <v>913.88</v>
      </c>
      <c r="AY585" s="192" t="str">
        <f t="shared" si="335"/>
        <v/>
      </c>
      <c r="AZ585" s="192" t="str">
        <f t="shared" si="336"/>
        <v/>
      </c>
      <c r="BA585" s="192">
        <f t="shared" si="337"/>
        <v>411246</v>
      </c>
      <c r="BB585" s="192" t="str">
        <f t="shared" si="338"/>
        <v/>
      </c>
      <c r="BC585" s="192" t="str">
        <f t="shared" si="339"/>
        <v/>
      </c>
      <c r="BD585" s="192" t="str">
        <f t="shared" si="340"/>
        <v/>
      </c>
      <c r="BE585" s="192" t="str">
        <f t="shared" si="341"/>
        <v/>
      </c>
      <c r="BF585" s="192" t="str">
        <f t="shared" si="342"/>
        <v/>
      </c>
      <c r="BG585" s="192" t="str">
        <f t="shared" si="343"/>
        <v/>
      </c>
      <c r="BH585" s="192" t="str">
        <f t="shared" si="344"/>
        <v/>
      </c>
      <c r="BI585" s="192" t="str">
        <f t="shared" si="345"/>
        <v/>
      </c>
      <c r="BJ585" s="192" t="str">
        <f t="shared" si="346"/>
        <v/>
      </c>
      <c r="BK585" s="192" t="str">
        <f t="shared" si="347"/>
        <v/>
      </c>
      <c r="BL585" s="192" t="str">
        <f t="shared" si="348"/>
        <v/>
      </c>
      <c r="BM585" s="192" t="str">
        <f t="shared" si="349"/>
        <v/>
      </c>
      <c r="BN585" s="192" t="str">
        <f t="shared" si="350"/>
        <v/>
      </c>
      <c r="BO585" s="192" t="str">
        <f t="shared" si="351"/>
        <v/>
      </c>
      <c r="BP585" s="192" t="str">
        <f t="shared" si="352"/>
        <v/>
      </c>
      <c r="BQ585" s="192" t="str">
        <f t="shared" si="353"/>
        <v/>
      </c>
      <c r="BR585" s="192" t="str">
        <f t="shared" si="354"/>
        <v/>
      </c>
      <c r="BS585" s="192" t="str">
        <f t="shared" si="355"/>
        <v/>
      </c>
      <c r="BT585" s="192" t="str">
        <f t="shared" si="356"/>
        <v/>
      </c>
      <c r="BU585" s="192" t="str">
        <f t="shared" si="357"/>
        <v/>
      </c>
      <c r="BV585" s="192" t="str">
        <f t="shared" si="358"/>
        <v/>
      </c>
      <c r="BW585" s="192" t="str">
        <f t="shared" si="359"/>
        <v/>
      </c>
      <c r="BX585" s="192" t="str">
        <f t="shared" si="360"/>
        <v/>
      </c>
      <c r="BY585" s="192" t="str">
        <f t="shared" si="361"/>
        <v/>
      </c>
      <c r="BZ585" s="192" t="str">
        <f t="shared" si="362"/>
        <v/>
      </c>
      <c r="CA585" s="192" t="str">
        <f t="shared" si="363"/>
        <v/>
      </c>
      <c r="CB585" s="192" t="str">
        <f t="shared" si="364"/>
        <v/>
      </c>
      <c r="CC585" s="192" t="str">
        <f t="shared" si="365"/>
        <v/>
      </c>
      <c r="CD585" s="214"/>
      <c r="CE585" s="214"/>
      <c r="CF585" s="214"/>
    </row>
    <row r="586" spans="1:84" s="168" customFormat="1" ht="56.1" hidden="1" customHeight="1" x14ac:dyDescent="0.2">
      <c r="A586" s="154">
        <v>586</v>
      </c>
      <c r="B586" s="155" t="s">
        <v>53</v>
      </c>
      <c r="C586" s="165" t="s">
        <v>515</v>
      </c>
      <c r="D586" s="156" t="s">
        <v>623</v>
      </c>
      <c r="E586" s="156" t="s">
        <v>624</v>
      </c>
      <c r="F586" s="156" t="s">
        <v>643</v>
      </c>
      <c r="G586" s="156" t="s">
        <v>58</v>
      </c>
      <c r="H586" s="156" t="s">
        <v>20</v>
      </c>
      <c r="I586" s="156" t="s">
        <v>81</v>
      </c>
      <c r="J586" s="156" t="s">
        <v>626</v>
      </c>
      <c r="K586" s="156" t="s">
        <v>559</v>
      </c>
      <c r="L586" s="156" t="s">
        <v>63</v>
      </c>
      <c r="M586" s="156" t="s">
        <v>63</v>
      </c>
      <c r="N586" s="157">
        <v>319858</v>
      </c>
      <c r="O586" s="157">
        <f t="shared" si="332"/>
        <v>319858</v>
      </c>
      <c r="P586" s="156" t="s">
        <v>585</v>
      </c>
      <c r="Q586" s="156" t="s">
        <v>65</v>
      </c>
      <c r="R586" s="167"/>
      <c r="S586" s="167"/>
      <c r="T586" s="167"/>
      <c r="U586" s="161" t="s">
        <v>66</v>
      </c>
      <c r="V586" s="167"/>
      <c r="W586" s="167"/>
      <c r="X586" s="167"/>
      <c r="Y586" s="167"/>
      <c r="Z586" s="167"/>
      <c r="AA586" s="167"/>
      <c r="AB586" s="167"/>
      <c r="AC586" s="167"/>
      <c r="AD586" s="167"/>
      <c r="AE586" s="167"/>
      <c r="AF586" s="167"/>
      <c r="AG586" s="167"/>
      <c r="AH586" s="167"/>
      <c r="AI586" s="167"/>
      <c r="AJ586" s="167"/>
      <c r="AK586" s="167"/>
      <c r="AL586" s="167"/>
      <c r="AM586" s="167"/>
      <c r="AN586" s="167"/>
      <c r="AO586" s="167"/>
      <c r="AP586" s="167"/>
      <c r="AQ586" s="167"/>
      <c r="AR586" s="167"/>
      <c r="AS586" s="167"/>
      <c r="AT586" s="167"/>
      <c r="AU586" s="167"/>
      <c r="AV586" s="167"/>
      <c r="AW586" s="160">
        <f t="shared" si="334"/>
        <v>350</v>
      </c>
      <c r="AX586" s="158">
        <f t="shared" si="333"/>
        <v>913.88</v>
      </c>
      <c r="AY586" s="161" t="str">
        <f t="shared" si="335"/>
        <v/>
      </c>
      <c r="AZ586" s="161" t="str">
        <f t="shared" si="336"/>
        <v/>
      </c>
      <c r="BA586" s="161" t="str">
        <f t="shared" si="337"/>
        <v/>
      </c>
      <c r="BB586" s="161">
        <f t="shared" si="338"/>
        <v>319858</v>
      </c>
      <c r="BC586" s="161" t="str">
        <f t="shared" si="339"/>
        <v/>
      </c>
      <c r="BD586" s="161" t="str">
        <f t="shared" si="340"/>
        <v/>
      </c>
      <c r="BE586" s="161" t="str">
        <f t="shared" si="341"/>
        <v/>
      </c>
      <c r="BF586" s="161" t="str">
        <f t="shared" si="342"/>
        <v/>
      </c>
      <c r="BG586" s="161" t="str">
        <f t="shared" si="343"/>
        <v/>
      </c>
      <c r="BH586" s="161" t="str">
        <f t="shared" si="344"/>
        <v/>
      </c>
      <c r="BI586" s="161" t="str">
        <f t="shared" si="345"/>
        <v/>
      </c>
      <c r="BJ586" s="161" t="str">
        <f t="shared" si="346"/>
        <v/>
      </c>
      <c r="BK586" s="161" t="str">
        <f t="shared" si="347"/>
        <v/>
      </c>
      <c r="BL586" s="161" t="str">
        <f t="shared" si="348"/>
        <v/>
      </c>
      <c r="BM586" s="161" t="str">
        <f t="shared" si="349"/>
        <v/>
      </c>
      <c r="BN586" s="161" t="str">
        <f t="shared" si="350"/>
        <v/>
      </c>
      <c r="BO586" s="161" t="str">
        <f t="shared" si="351"/>
        <v/>
      </c>
      <c r="BP586" s="161" t="str">
        <f t="shared" si="352"/>
        <v/>
      </c>
      <c r="BQ586" s="161" t="str">
        <f t="shared" si="353"/>
        <v/>
      </c>
      <c r="BR586" s="161" t="str">
        <f t="shared" si="354"/>
        <v/>
      </c>
      <c r="BS586" s="161" t="str">
        <f t="shared" si="355"/>
        <v/>
      </c>
      <c r="BT586" s="161" t="str">
        <f t="shared" si="356"/>
        <v/>
      </c>
      <c r="BU586" s="161" t="str">
        <f t="shared" si="357"/>
        <v/>
      </c>
      <c r="BV586" s="161" t="str">
        <f t="shared" si="358"/>
        <v/>
      </c>
      <c r="BW586" s="161" t="str">
        <f t="shared" si="359"/>
        <v/>
      </c>
      <c r="BX586" s="161" t="str">
        <f t="shared" si="360"/>
        <v/>
      </c>
      <c r="BY586" s="161" t="str">
        <f t="shared" si="361"/>
        <v/>
      </c>
      <c r="BZ586" s="161" t="str">
        <f t="shared" si="362"/>
        <v/>
      </c>
      <c r="CA586" s="161" t="str">
        <f t="shared" si="363"/>
        <v/>
      </c>
      <c r="CB586" s="161" t="str">
        <f t="shared" si="364"/>
        <v/>
      </c>
      <c r="CC586" s="161" t="str">
        <f t="shared" si="365"/>
        <v/>
      </c>
      <c r="CD586" s="156"/>
      <c r="CE586" s="156"/>
      <c r="CF586" s="156"/>
    </row>
    <row r="587" spans="1:84" s="211" customFormat="1" ht="56.1" hidden="1" customHeight="1" x14ac:dyDescent="0.2">
      <c r="A587" s="198">
        <v>587</v>
      </c>
      <c r="B587" s="199" t="s">
        <v>53</v>
      </c>
      <c r="C587" s="208" t="s">
        <v>515</v>
      </c>
      <c r="D587" s="200" t="s">
        <v>623</v>
      </c>
      <c r="E587" s="200" t="s">
        <v>624</v>
      </c>
      <c r="F587" s="200" t="s">
        <v>644</v>
      </c>
      <c r="G587" s="200" t="s">
        <v>58</v>
      </c>
      <c r="H587" s="200" t="s">
        <v>322</v>
      </c>
      <c r="I587" s="200" t="s">
        <v>81</v>
      </c>
      <c r="J587" s="200" t="s">
        <v>626</v>
      </c>
      <c r="K587" s="200" t="s">
        <v>377</v>
      </c>
      <c r="L587" s="200" t="s">
        <v>63</v>
      </c>
      <c r="M587" s="200" t="s">
        <v>63</v>
      </c>
      <c r="N587" s="201">
        <v>182776</v>
      </c>
      <c r="O587" s="201">
        <f t="shared" si="332"/>
        <v>182776</v>
      </c>
      <c r="P587" s="200" t="s">
        <v>585</v>
      </c>
      <c r="Q587" s="200" t="s">
        <v>65</v>
      </c>
      <c r="R587" s="210"/>
      <c r="S587" s="203" t="s">
        <v>66</v>
      </c>
      <c r="T587" s="210"/>
      <c r="U587" s="210"/>
      <c r="V587" s="210"/>
      <c r="W587" s="210"/>
      <c r="X587" s="210"/>
      <c r="Y587" s="210"/>
      <c r="Z587" s="210"/>
      <c r="AA587" s="210"/>
      <c r="AB587" s="210"/>
      <c r="AC587" s="210"/>
      <c r="AD587" s="210"/>
      <c r="AE587" s="210"/>
      <c r="AF587" s="210"/>
      <c r="AG587" s="210"/>
      <c r="AH587" s="210"/>
      <c r="AI587" s="210"/>
      <c r="AJ587" s="210"/>
      <c r="AK587" s="210"/>
      <c r="AL587" s="210"/>
      <c r="AM587" s="210"/>
      <c r="AN587" s="210"/>
      <c r="AO587" s="210"/>
      <c r="AP587" s="210"/>
      <c r="AQ587" s="210"/>
      <c r="AR587" s="210"/>
      <c r="AS587" s="210"/>
      <c r="AT587" s="210"/>
      <c r="AU587" s="210"/>
      <c r="AV587" s="210"/>
      <c r="AW587" s="204">
        <f t="shared" si="334"/>
        <v>200</v>
      </c>
      <c r="AX587" s="205">
        <f t="shared" si="333"/>
        <v>913.88</v>
      </c>
      <c r="AY587" s="203" t="str">
        <f t="shared" si="335"/>
        <v/>
      </c>
      <c r="AZ587" s="203">
        <f t="shared" si="336"/>
        <v>182776</v>
      </c>
      <c r="BA587" s="203" t="str">
        <f t="shared" si="337"/>
        <v/>
      </c>
      <c r="BB587" s="203" t="str">
        <f t="shared" si="338"/>
        <v/>
      </c>
      <c r="BC587" s="203" t="str">
        <f t="shared" si="339"/>
        <v/>
      </c>
      <c r="BD587" s="203" t="str">
        <f t="shared" si="340"/>
        <v/>
      </c>
      <c r="BE587" s="203" t="str">
        <f t="shared" si="341"/>
        <v/>
      </c>
      <c r="BF587" s="203" t="str">
        <f t="shared" si="342"/>
        <v/>
      </c>
      <c r="BG587" s="203" t="str">
        <f t="shared" si="343"/>
        <v/>
      </c>
      <c r="BH587" s="203" t="str">
        <f t="shared" si="344"/>
        <v/>
      </c>
      <c r="BI587" s="203" t="str">
        <f t="shared" si="345"/>
        <v/>
      </c>
      <c r="BJ587" s="203" t="str">
        <f t="shared" si="346"/>
        <v/>
      </c>
      <c r="BK587" s="203" t="str">
        <f t="shared" si="347"/>
        <v/>
      </c>
      <c r="BL587" s="203" t="str">
        <f t="shared" si="348"/>
        <v/>
      </c>
      <c r="BM587" s="203" t="str">
        <f t="shared" si="349"/>
        <v/>
      </c>
      <c r="BN587" s="203" t="str">
        <f t="shared" si="350"/>
        <v/>
      </c>
      <c r="BO587" s="203" t="str">
        <f t="shared" si="351"/>
        <v/>
      </c>
      <c r="BP587" s="203" t="str">
        <f t="shared" si="352"/>
        <v/>
      </c>
      <c r="BQ587" s="203" t="str">
        <f t="shared" si="353"/>
        <v/>
      </c>
      <c r="BR587" s="203" t="str">
        <f t="shared" si="354"/>
        <v/>
      </c>
      <c r="BS587" s="203" t="str">
        <f t="shared" si="355"/>
        <v/>
      </c>
      <c r="BT587" s="203" t="str">
        <f t="shared" si="356"/>
        <v/>
      </c>
      <c r="BU587" s="203" t="str">
        <f t="shared" si="357"/>
        <v/>
      </c>
      <c r="BV587" s="203" t="str">
        <f t="shared" si="358"/>
        <v/>
      </c>
      <c r="BW587" s="203" t="str">
        <f t="shared" si="359"/>
        <v/>
      </c>
      <c r="BX587" s="203" t="str">
        <f t="shared" si="360"/>
        <v/>
      </c>
      <c r="BY587" s="203" t="str">
        <f t="shared" si="361"/>
        <v/>
      </c>
      <c r="BZ587" s="203" t="str">
        <f t="shared" si="362"/>
        <v/>
      </c>
      <c r="CA587" s="203" t="str">
        <f t="shared" si="363"/>
        <v/>
      </c>
      <c r="CB587" s="203" t="str">
        <f t="shared" si="364"/>
        <v/>
      </c>
      <c r="CC587" s="203" t="str">
        <f t="shared" si="365"/>
        <v/>
      </c>
      <c r="CD587" s="200"/>
      <c r="CE587" s="200"/>
      <c r="CF587" s="200"/>
    </row>
    <row r="588" spans="1:84" s="168" customFormat="1" ht="56.1" hidden="1" customHeight="1" x14ac:dyDescent="0.2">
      <c r="A588" s="154">
        <v>588</v>
      </c>
      <c r="B588" s="155" t="s">
        <v>53</v>
      </c>
      <c r="C588" s="165" t="s">
        <v>515</v>
      </c>
      <c r="D588" s="156" t="s">
        <v>623</v>
      </c>
      <c r="E588" s="156" t="s">
        <v>624</v>
      </c>
      <c r="F588" s="156" t="s">
        <v>645</v>
      </c>
      <c r="G588" s="156" t="s">
        <v>58</v>
      </c>
      <c r="H588" s="156" t="s">
        <v>21</v>
      </c>
      <c r="I588" s="156" t="s">
        <v>81</v>
      </c>
      <c r="J588" s="156" t="s">
        <v>626</v>
      </c>
      <c r="K588" s="156" t="s">
        <v>71</v>
      </c>
      <c r="L588" s="156" t="s">
        <v>63</v>
      </c>
      <c r="M588" s="156" t="s">
        <v>63</v>
      </c>
      <c r="N588" s="157">
        <v>274164</v>
      </c>
      <c r="O588" s="157">
        <f t="shared" si="332"/>
        <v>274164</v>
      </c>
      <c r="P588" s="156" t="s">
        <v>585</v>
      </c>
      <c r="Q588" s="156" t="s">
        <v>65</v>
      </c>
      <c r="R588" s="167"/>
      <c r="S588" s="167"/>
      <c r="T588" s="167"/>
      <c r="U588" s="167"/>
      <c r="V588" s="161" t="s">
        <v>66</v>
      </c>
      <c r="W588" s="167"/>
      <c r="X588" s="167"/>
      <c r="Y588" s="167"/>
      <c r="Z588" s="167"/>
      <c r="AA588" s="167"/>
      <c r="AB588" s="167"/>
      <c r="AC588" s="167"/>
      <c r="AD588" s="167"/>
      <c r="AE588" s="167"/>
      <c r="AF588" s="167"/>
      <c r="AG588" s="167"/>
      <c r="AH588" s="167"/>
      <c r="AI588" s="167"/>
      <c r="AJ588" s="167"/>
      <c r="AK588" s="167"/>
      <c r="AL588" s="167"/>
      <c r="AM588" s="167"/>
      <c r="AN588" s="167"/>
      <c r="AO588" s="167"/>
      <c r="AP588" s="167"/>
      <c r="AQ588" s="167"/>
      <c r="AR588" s="167"/>
      <c r="AS588" s="167"/>
      <c r="AT588" s="167"/>
      <c r="AU588" s="167"/>
      <c r="AV588" s="167"/>
      <c r="AW588" s="160">
        <f t="shared" si="334"/>
        <v>300</v>
      </c>
      <c r="AX588" s="158">
        <f t="shared" si="333"/>
        <v>913.88</v>
      </c>
      <c r="AY588" s="161" t="str">
        <f t="shared" si="335"/>
        <v/>
      </c>
      <c r="AZ588" s="161" t="str">
        <f t="shared" si="336"/>
        <v/>
      </c>
      <c r="BA588" s="161" t="str">
        <f t="shared" si="337"/>
        <v/>
      </c>
      <c r="BB588" s="161" t="str">
        <f t="shared" si="338"/>
        <v/>
      </c>
      <c r="BC588" s="161">
        <f t="shared" si="339"/>
        <v>274164</v>
      </c>
      <c r="BD588" s="161" t="str">
        <f t="shared" si="340"/>
        <v/>
      </c>
      <c r="BE588" s="161" t="str">
        <f t="shared" si="341"/>
        <v/>
      </c>
      <c r="BF588" s="161" t="str">
        <f t="shared" si="342"/>
        <v/>
      </c>
      <c r="BG588" s="161" t="str">
        <f t="shared" si="343"/>
        <v/>
      </c>
      <c r="BH588" s="161" t="str">
        <f t="shared" si="344"/>
        <v/>
      </c>
      <c r="BI588" s="161" t="str">
        <f t="shared" si="345"/>
        <v/>
      </c>
      <c r="BJ588" s="161" t="str">
        <f t="shared" si="346"/>
        <v/>
      </c>
      <c r="BK588" s="161" t="str">
        <f t="shared" si="347"/>
        <v/>
      </c>
      <c r="BL588" s="161" t="str">
        <f t="shared" si="348"/>
        <v/>
      </c>
      <c r="BM588" s="161" t="str">
        <f t="shared" si="349"/>
        <v/>
      </c>
      <c r="BN588" s="161" t="str">
        <f t="shared" si="350"/>
        <v/>
      </c>
      <c r="BO588" s="161" t="str">
        <f t="shared" si="351"/>
        <v/>
      </c>
      <c r="BP588" s="161" t="str">
        <f t="shared" si="352"/>
        <v/>
      </c>
      <c r="BQ588" s="161" t="str">
        <f t="shared" si="353"/>
        <v/>
      </c>
      <c r="BR588" s="161" t="str">
        <f t="shared" si="354"/>
        <v/>
      </c>
      <c r="BS588" s="161" t="str">
        <f t="shared" si="355"/>
        <v/>
      </c>
      <c r="BT588" s="161" t="str">
        <f t="shared" si="356"/>
        <v/>
      </c>
      <c r="BU588" s="161" t="str">
        <f t="shared" si="357"/>
        <v/>
      </c>
      <c r="BV588" s="161" t="str">
        <f t="shared" si="358"/>
        <v/>
      </c>
      <c r="BW588" s="161" t="str">
        <f t="shared" si="359"/>
        <v/>
      </c>
      <c r="BX588" s="161" t="str">
        <f t="shared" si="360"/>
        <v/>
      </c>
      <c r="BY588" s="161" t="str">
        <f t="shared" si="361"/>
        <v/>
      </c>
      <c r="BZ588" s="161" t="str">
        <f t="shared" si="362"/>
        <v/>
      </c>
      <c r="CA588" s="161" t="str">
        <f t="shared" si="363"/>
        <v/>
      </c>
      <c r="CB588" s="161" t="str">
        <f t="shared" si="364"/>
        <v/>
      </c>
      <c r="CC588" s="161" t="str">
        <f t="shared" si="365"/>
        <v/>
      </c>
      <c r="CD588" s="156"/>
      <c r="CE588" s="156"/>
      <c r="CF588" s="156"/>
    </row>
    <row r="589" spans="1:84" s="168" customFormat="1" ht="56.1" hidden="1" customHeight="1" x14ac:dyDescent="0.2">
      <c r="A589" s="154">
        <v>589</v>
      </c>
      <c r="B589" s="155" t="s">
        <v>53</v>
      </c>
      <c r="C589" s="165" t="s">
        <v>515</v>
      </c>
      <c r="D589" s="156" t="s">
        <v>623</v>
      </c>
      <c r="E589" s="156" t="s">
        <v>624</v>
      </c>
      <c r="F589" s="156" t="s">
        <v>633</v>
      </c>
      <c r="G589" s="156" t="s">
        <v>58</v>
      </c>
      <c r="H589" s="156" t="s">
        <v>323</v>
      </c>
      <c r="I589" s="156" t="s">
        <v>81</v>
      </c>
      <c r="J589" s="156" t="s">
        <v>626</v>
      </c>
      <c r="K589" s="156" t="s">
        <v>380</v>
      </c>
      <c r="L589" s="156" t="s">
        <v>63</v>
      </c>
      <c r="M589" s="156" t="s">
        <v>63</v>
      </c>
      <c r="N589" s="157">
        <v>91388</v>
      </c>
      <c r="O589" s="157">
        <f t="shared" si="332"/>
        <v>91388</v>
      </c>
      <c r="P589" s="156" t="s">
        <v>585</v>
      </c>
      <c r="Q589" s="156" t="s">
        <v>65</v>
      </c>
      <c r="R589" s="167"/>
      <c r="S589" s="167"/>
      <c r="T589" s="167"/>
      <c r="U589" s="167"/>
      <c r="V589" s="167"/>
      <c r="W589" s="167"/>
      <c r="X589" s="161" t="s">
        <v>66</v>
      </c>
      <c r="Y589" s="167"/>
      <c r="Z589" s="167"/>
      <c r="AA589" s="167"/>
      <c r="AB589" s="167"/>
      <c r="AC589" s="167"/>
      <c r="AD589" s="167"/>
      <c r="AE589" s="167"/>
      <c r="AF589" s="167"/>
      <c r="AG589" s="167"/>
      <c r="AH589" s="167"/>
      <c r="AI589" s="167"/>
      <c r="AJ589" s="167"/>
      <c r="AK589" s="167"/>
      <c r="AL589" s="167"/>
      <c r="AM589" s="167"/>
      <c r="AN589" s="167"/>
      <c r="AO589" s="167"/>
      <c r="AP589" s="167"/>
      <c r="AQ589" s="167"/>
      <c r="AR589" s="167"/>
      <c r="AS589" s="167"/>
      <c r="AT589" s="167"/>
      <c r="AU589" s="167"/>
      <c r="AV589" s="167"/>
      <c r="AW589" s="160">
        <f t="shared" si="334"/>
        <v>100</v>
      </c>
      <c r="AX589" s="158">
        <f t="shared" si="333"/>
        <v>913.88</v>
      </c>
      <c r="AY589" s="161" t="str">
        <f t="shared" si="335"/>
        <v/>
      </c>
      <c r="AZ589" s="161" t="str">
        <f t="shared" si="336"/>
        <v/>
      </c>
      <c r="BA589" s="161" t="str">
        <f t="shared" si="337"/>
        <v/>
      </c>
      <c r="BB589" s="161" t="str">
        <f t="shared" si="338"/>
        <v/>
      </c>
      <c r="BC589" s="161" t="str">
        <f t="shared" si="339"/>
        <v/>
      </c>
      <c r="BD589" s="161" t="str">
        <f t="shared" si="340"/>
        <v/>
      </c>
      <c r="BE589" s="161">
        <f t="shared" si="341"/>
        <v>91388</v>
      </c>
      <c r="BF589" s="161" t="str">
        <f t="shared" si="342"/>
        <v/>
      </c>
      <c r="BG589" s="161" t="str">
        <f t="shared" si="343"/>
        <v/>
      </c>
      <c r="BH589" s="161" t="str">
        <f t="shared" si="344"/>
        <v/>
      </c>
      <c r="BI589" s="161" t="str">
        <f t="shared" si="345"/>
        <v/>
      </c>
      <c r="BJ589" s="161" t="str">
        <f t="shared" si="346"/>
        <v/>
      </c>
      <c r="BK589" s="161" t="str">
        <f t="shared" si="347"/>
        <v/>
      </c>
      <c r="BL589" s="161" t="str">
        <f t="shared" si="348"/>
        <v/>
      </c>
      <c r="BM589" s="161" t="str">
        <f t="shared" si="349"/>
        <v/>
      </c>
      <c r="BN589" s="161" t="str">
        <f t="shared" si="350"/>
        <v/>
      </c>
      <c r="BO589" s="161" t="str">
        <f t="shared" si="351"/>
        <v/>
      </c>
      <c r="BP589" s="161" t="str">
        <f t="shared" si="352"/>
        <v/>
      </c>
      <c r="BQ589" s="161" t="str">
        <f t="shared" si="353"/>
        <v/>
      </c>
      <c r="BR589" s="161" t="str">
        <f t="shared" si="354"/>
        <v/>
      </c>
      <c r="BS589" s="161" t="str">
        <f t="shared" si="355"/>
        <v/>
      </c>
      <c r="BT589" s="161" t="str">
        <f t="shared" si="356"/>
        <v/>
      </c>
      <c r="BU589" s="161" t="str">
        <f t="shared" si="357"/>
        <v/>
      </c>
      <c r="BV589" s="161" t="str">
        <f t="shared" si="358"/>
        <v/>
      </c>
      <c r="BW589" s="161" t="str">
        <f t="shared" si="359"/>
        <v/>
      </c>
      <c r="BX589" s="161" t="str">
        <f t="shared" si="360"/>
        <v/>
      </c>
      <c r="BY589" s="161" t="str">
        <f t="shared" si="361"/>
        <v/>
      </c>
      <c r="BZ589" s="161" t="str">
        <f t="shared" si="362"/>
        <v/>
      </c>
      <c r="CA589" s="161" t="str">
        <f t="shared" si="363"/>
        <v/>
      </c>
      <c r="CB589" s="161" t="str">
        <f t="shared" si="364"/>
        <v/>
      </c>
      <c r="CC589" s="161" t="str">
        <f t="shared" si="365"/>
        <v/>
      </c>
      <c r="CD589" s="156"/>
      <c r="CE589" s="156"/>
      <c r="CF589" s="156"/>
    </row>
    <row r="590" spans="1:84" s="168" customFormat="1" ht="56.1" hidden="1" customHeight="1" x14ac:dyDescent="0.2">
      <c r="A590" s="154">
        <v>590</v>
      </c>
      <c r="B590" s="155" t="s">
        <v>53</v>
      </c>
      <c r="C590" s="165" t="s">
        <v>515</v>
      </c>
      <c r="D590" s="156" t="s">
        <v>623</v>
      </c>
      <c r="E590" s="156" t="s">
        <v>624</v>
      </c>
      <c r="F590" s="156" t="s">
        <v>646</v>
      </c>
      <c r="G590" s="156" t="s">
        <v>58</v>
      </c>
      <c r="H590" s="156" t="s">
        <v>324</v>
      </c>
      <c r="I590" s="156" t="s">
        <v>81</v>
      </c>
      <c r="J590" s="156" t="s">
        <v>626</v>
      </c>
      <c r="K590" s="156" t="s">
        <v>382</v>
      </c>
      <c r="L590" s="156" t="s">
        <v>63</v>
      </c>
      <c r="M590" s="156" t="s">
        <v>63</v>
      </c>
      <c r="N590" s="157">
        <v>356413</v>
      </c>
      <c r="O590" s="157">
        <f t="shared" si="332"/>
        <v>356413</v>
      </c>
      <c r="P590" s="156" t="s">
        <v>585</v>
      </c>
      <c r="Q590" s="156" t="s">
        <v>65</v>
      </c>
      <c r="R590" s="167"/>
      <c r="S590" s="167"/>
      <c r="T590" s="167"/>
      <c r="U590" s="167"/>
      <c r="V590" s="167"/>
      <c r="W590" s="167"/>
      <c r="X590" s="167"/>
      <c r="Y590" s="161" t="s">
        <v>66</v>
      </c>
      <c r="Z590" s="167"/>
      <c r="AA590" s="167"/>
      <c r="AB590" s="167"/>
      <c r="AC590" s="167"/>
      <c r="AD590" s="167"/>
      <c r="AE590" s="167"/>
      <c r="AF590" s="167"/>
      <c r="AG590" s="167"/>
      <c r="AH590" s="167"/>
      <c r="AI590" s="167"/>
      <c r="AJ590" s="167"/>
      <c r="AK590" s="167"/>
      <c r="AL590" s="167"/>
      <c r="AM590" s="167"/>
      <c r="AN590" s="167"/>
      <c r="AO590" s="167"/>
      <c r="AP590" s="167"/>
      <c r="AQ590" s="167"/>
      <c r="AR590" s="167"/>
      <c r="AS590" s="167"/>
      <c r="AT590" s="167"/>
      <c r="AU590" s="167"/>
      <c r="AV590" s="167"/>
      <c r="AW590" s="160">
        <f t="shared" si="334"/>
        <v>390</v>
      </c>
      <c r="AX590" s="158">
        <f t="shared" si="333"/>
        <v>913.87948717948723</v>
      </c>
      <c r="AY590" s="161" t="str">
        <f t="shared" si="335"/>
        <v/>
      </c>
      <c r="AZ590" s="161" t="str">
        <f t="shared" si="336"/>
        <v/>
      </c>
      <c r="BA590" s="161" t="str">
        <f t="shared" si="337"/>
        <v/>
      </c>
      <c r="BB590" s="161" t="str">
        <f t="shared" si="338"/>
        <v/>
      </c>
      <c r="BC590" s="161" t="str">
        <f t="shared" si="339"/>
        <v/>
      </c>
      <c r="BD590" s="161" t="str">
        <f t="shared" si="340"/>
        <v/>
      </c>
      <c r="BE590" s="161" t="str">
        <f t="shared" si="341"/>
        <v/>
      </c>
      <c r="BF590" s="161">
        <f t="shared" si="342"/>
        <v>356413</v>
      </c>
      <c r="BG590" s="161" t="str">
        <f t="shared" si="343"/>
        <v/>
      </c>
      <c r="BH590" s="161" t="str">
        <f t="shared" si="344"/>
        <v/>
      </c>
      <c r="BI590" s="161" t="str">
        <f t="shared" si="345"/>
        <v/>
      </c>
      <c r="BJ590" s="161" t="str">
        <f t="shared" si="346"/>
        <v/>
      </c>
      <c r="BK590" s="161" t="str">
        <f t="shared" si="347"/>
        <v/>
      </c>
      <c r="BL590" s="161" t="str">
        <f t="shared" si="348"/>
        <v/>
      </c>
      <c r="BM590" s="161" t="str">
        <f t="shared" si="349"/>
        <v/>
      </c>
      <c r="BN590" s="161" t="str">
        <f t="shared" si="350"/>
        <v/>
      </c>
      <c r="BO590" s="161" t="str">
        <f t="shared" si="351"/>
        <v/>
      </c>
      <c r="BP590" s="161" t="str">
        <f t="shared" si="352"/>
        <v/>
      </c>
      <c r="BQ590" s="161" t="str">
        <f t="shared" si="353"/>
        <v/>
      </c>
      <c r="BR590" s="161" t="str">
        <f t="shared" si="354"/>
        <v/>
      </c>
      <c r="BS590" s="161" t="str">
        <f t="shared" si="355"/>
        <v/>
      </c>
      <c r="BT590" s="161" t="str">
        <f t="shared" si="356"/>
        <v/>
      </c>
      <c r="BU590" s="161" t="str">
        <f t="shared" si="357"/>
        <v/>
      </c>
      <c r="BV590" s="161" t="str">
        <f t="shared" si="358"/>
        <v/>
      </c>
      <c r="BW590" s="161" t="str">
        <f t="shared" si="359"/>
        <v/>
      </c>
      <c r="BX590" s="161" t="str">
        <f t="shared" si="360"/>
        <v/>
      </c>
      <c r="BY590" s="161" t="str">
        <f t="shared" si="361"/>
        <v/>
      </c>
      <c r="BZ590" s="161" t="str">
        <f t="shared" si="362"/>
        <v/>
      </c>
      <c r="CA590" s="161" t="str">
        <f t="shared" si="363"/>
        <v/>
      </c>
      <c r="CB590" s="161" t="str">
        <f t="shared" si="364"/>
        <v/>
      </c>
      <c r="CC590" s="161" t="str">
        <f t="shared" si="365"/>
        <v/>
      </c>
      <c r="CD590" s="156"/>
      <c r="CE590" s="156"/>
      <c r="CF590" s="156"/>
    </row>
    <row r="591" spans="1:84" s="211" customFormat="1" ht="56.1" hidden="1" customHeight="1" x14ac:dyDescent="0.2">
      <c r="A591" s="198">
        <v>591</v>
      </c>
      <c r="B591" s="199" t="s">
        <v>53</v>
      </c>
      <c r="C591" s="208" t="s">
        <v>515</v>
      </c>
      <c r="D591" s="200" t="s">
        <v>623</v>
      </c>
      <c r="E591" s="200" t="s">
        <v>624</v>
      </c>
      <c r="F591" s="200" t="s">
        <v>647</v>
      </c>
      <c r="G591" s="200" t="s">
        <v>58</v>
      </c>
      <c r="H591" s="200" t="s">
        <v>384</v>
      </c>
      <c r="I591" s="200" t="s">
        <v>81</v>
      </c>
      <c r="J591" s="200" t="s">
        <v>626</v>
      </c>
      <c r="K591" s="200" t="s">
        <v>187</v>
      </c>
      <c r="L591" s="200" t="s">
        <v>63</v>
      </c>
      <c r="M591" s="200" t="s">
        <v>63</v>
      </c>
      <c r="N591" s="201">
        <v>438662</v>
      </c>
      <c r="O591" s="201">
        <f t="shared" si="332"/>
        <v>438662</v>
      </c>
      <c r="P591" s="200" t="s">
        <v>585</v>
      </c>
      <c r="Q591" s="200" t="s">
        <v>65</v>
      </c>
      <c r="R591" s="210"/>
      <c r="S591" s="210"/>
      <c r="T591" s="210"/>
      <c r="U591" s="210"/>
      <c r="V591" s="210"/>
      <c r="W591" s="203" t="s">
        <v>66</v>
      </c>
      <c r="X591" s="210"/>
      <c r="Y591" s="210"/>
      <c r="Z591" s="210"/>
      <c r="AA591" s="210"/>
      <c r="AB591" s="210"/>
      <c r="AC591" s="210"/>
      <c r="AD591" s="210"/>
      <c r="AE591" s="210"/>
      <c r="AF591" s="210"/>
      <c r="AG591" s="210"/>
      <c r="AH591" s="210"/>
      <c r="AI591" s="210"/>
      <c r="AJ591" s="210"/>
      <c r="AK591" s="210"/>
      <c r="AL591" s="210"/>
      <c r="AM591" s="210"/>
      <c r="AN591" s="210"/>
      <c r="AO591" s="210"/>
      <c r="AP591" s="210"/>
      <c r="AQ591" s="210"/>
      <c r="AR591" s="210"/>
      <c r="AS591" s="210"/>
      <c r="AT591" s="210"/>
      <c r="AU591" s="210"/>
      <c r="AV591" s="210"/>
      <c r="AW591" s="204">
        <f t="shared" si="334"/>
        <v>480</v>
      </c>
      <c r="AX591" s="205">
        <f t="shared" si="333"/>
        <v>913.87916666666672</v>
      </c>
      <c r="AY591" s="203" t="str">
        <f t="shared" si="335"/>
        <v/>
      </c>
      <c r="AZ591" s="203" t="str">
        <f t="shared" si="336"/>
        <v/>
      </c>
      <c r="BA591" s="203" t="str">
        <f t="shared" si="337"/>
        <v/>
      </c>
      <c r="BB591" s="203" t="str">
        <f t="shared" si="338"/>
        <v/>
      </c>
      <c r="BC591" s="203" t="str">
        <f t="shared" si="339"/>
        <v/>
      </c>
      <c r="BD591" s="203">
        <f t="shared" si="340"/>
        <v>438662</v>
      </c>
      <c r="BE591" s="203" t="str">
        <f t="shared" si="341"/>
        <v/>
      </c>
      <c r="BF591" s="203" t="str">
        <f t="shared" si="342"/>
        <v/>
      </c>
      <c r="BG591" s="203" t="str">
        <f t="shared" si="343"/>
        <v/>
      </c>
      <c r="BH591" s="203" t="str">
        <f t="shared" si="344"/>
        <v/>
      </c>
      <c r="BI591" s="203" t="str">
        <f t="shared" si="345"/>
        <v/>
      </c>
      <c r="BJ591" s="203" t="str">
        <f t="shared" si="346"/>
        <v/>
      </c>
      <c r="BK591" s="203" t="str">
        <f t="shared" si="347"/>
        <v/>
      </c>
      <c r="BL591" s="203" t="str">
        <f t="shared" si="348"/>
        <v/>
      </c>
      <c r="BM591" s="203" t="str">
        <f t="shared" si="349"/>
        <v/>
      </c>
      <c r="BN591" s="203" t="str">
        <f t="shared" si="350"/>
        <v/>
      </c>
      <c r="BO591" s="203" t="str">
        <f t="shared" si="351"/>
        <v/>
      </c>
      <c r="BP591" s="203" t="str">
        <f t="shared" si="352"/>
        <v/>
      </c>
      <c r="BQ591" s="203" t="str">
        <f t="shared" si="353"/>
        <v/>
      </c>
      <c r="BR591" s="203" t="str">
        <f t="shared" si="354"/>
        <v/>
      </c>
      <c r="BS591" s="203" t="str">
        <f t="shared" si="355"/>
        <v/>
      </c>
      <c r="BT591" s="203" t="str">
        <f t="shared" si="356"/>
        <v/>
      </c>
      <c r="BU591" s="203" t="str">
        <f t="shared" si="357"/>
        <v/>
      </c>
      <c r="BV591" s="203" t="str">
        <f t="shared" si="358"/>
        <v/>
      </c>
      <c r="BW591" s="203" t="str">
        <f t="shared" si="359"/>
        <v/>
      </c>
      <c r="BX591" s="203" t="str">
        <f t="shared" si="360"/>
        <v/>
      </c>
      <c r="BY591" s="203" t="str">
        <f t="shared" si="361"/>
        <v/>
      </c>
      <c r="BZ591" s="203" t="str">
        <f t="shared" si="362"/>
        <v/>
      </c>
      <c r="CA591" s="203" t="str">
        <f t="shared" si="363"/>
        <v/>
      </c>
      <c r="CB591" s="203" t="str">
        <f t="shared" si="364"/>
        <v/>
      </c>
      <c r="CC591" s="203" t="str">
        <f t="shared" si="365"/>
        <v/>
      </c>
      <c r="CD591" s="200"/>
      <c r="CE591" s="200"/>
      <c r="CF591" s="200"/>
    </row>
    <row r="592" spans="1:84" s="168" customFormat="1" ht="56.1" hidden="1" customHeight="1" x14ac:dyDescent="0.2">
      <c r="A592" s="154">
        <v>592</v>
      </c>
      <c r="B592" s="155" t="s">
        <v>53</v>
      </c>
      <c r="C592" s="165" t="s">
        <v>329</v>
      </c>
      <c r="D592" s="156" t="s">
        <v>623</v>
      </c>
      <c r="E592" s="156" t="s">
        <v>624</v>
      </c>
      <c r="F592" s="166" t="s">
        <v>648</v>
      </c>
      <c r="G592" s="156" t="s">
        <v>58</v>
      </c>
      <c r="H592" s="156" t="s">
        <v>207</v>
      </c>
      <c r="I592" s="156" t="s">
        <v>81</v>
      </c>
      <c r="J592" s="156" t="s">
        <v>334</v>
      </c>
      <c r="K592" s="156" t="s">
        <v>225</v>
      </c>
      <c r="L592" s="156" t="s">
        <v>63</v>
      </c>
      <c r="M592" s="156" t="s">
        <v>63</v>
      </c>
      <c r="N592" s="171">
        <v>456940</v>
      </c>
      <c r="O592" s="157">
        <f t="shared" si="332"/>
        <v>456940</v>
      </c>
      <c r="P592" s="156" t="s">
        <v>226</v>
      </c>
      <c r="Q592" s="156" t="s">
        <v>82</v>
      </c>
      <c r="R592" s="167"/>
      <c r="S592" s="167"/>
      <c r="T592" s="167"/>
      <c r="U592" s="167"/>
      <c r="V592" s="167"/>
      <c r="W592" s="161"/>
      <c r="X592" s="167"/>
      <c r="Y592" s="167"/>
      <c r="Z592" s="167" t="s">
        <v>66</v>
      </c>
      <c r="AA592" s="167"/>
      <c r="AB592" s="167"/>
      <c r="AC592" s="167"/>
      <c r="AD592" s="167"/>
      <c r="AE592" s="167"/>
      <c r="AF592" s="167"/>
      <c r="AG592" s="167"/>
      <c r="AH592" s="167"/>
      <c r="AI592" s="167"/>
      <c r="AJ592" s="167"/>
      <c r="AK592" s="167"/>
      <c r="AL592" s="167"/>
      <c r="AM592" s="167"/>
      <c r="AN592" s="167"/>
      <c r="AO592" s="167"/>
      <c r="AP592" s="167"/>
      <c r="AQ592" s="167"/>
      <c r="AR592" s="167"/>
      <c r="AS592" s="167"/>
      <c r="AT592" s="167"/>
      <c r="AU592" s="167"/>
      <c r="AV592" s="167"/>
      <c r="AW592" s="160">
        <f t="shared" si="334"/>
        <v>500</v>
      </c>
      <c r="AX592" s="158">
        <f t="shared" si="333"/>
        <v>913.88</v>
      </c>
      <c r="AY592" s="161" t="str">
        <f t="shared" si="335"/>
        <v/>
      </c>
      <c r="AZ592" s="161" t="str">
        <f t="shared" si="336"/>
        <v/>
      </c>
      <c r="BA592" s="161" t="str">
        <f t="shared" si="337"/>
        <v/>
      </c>
      <c r="BB592" s="161" t="str">
        <f t="shared" si="338"/>
        <v/>
      </c>
      <c r="BC592" s="161" t="str">
        <f t="shared" si="339"/>
        <v/>
      </c>
      <c r="BD592" s="161" t="str">
        <f t="shared" si="340"/>
        <v/>
      </c>
      <c r="BE592" s="161" t="str">
        <f t="shared" si="341"/>
        <v/>
      </c>
      <c r="BF592" s="161" t="str">
        <f t="shared" si="342"/>
        <v/>
      </c>
      <c r="BG592" s="161">
        <f t="shared" si="343"/>
        <v>456940</v>
      </c>
      <c r="BH592" s="161" t="str">
        <f t="shared" si="344"/>
        <v/>
      </c>
      <c r="BI592" s="161" t="str">
        <f t="shared" si="345"/>
        <v/>
      </c>
      <c r="BJ592" s="161" t="str">
        <f t="shared" si="346"/>
        <v/>
      </c>
      <c r="BK592" s="161" t="str">
        <f t="shared" si="347"/>
        <v/>
      </c>
      <c r="BL592" s="161" t="str">
        <f t="shared" si="348"/>
        <v/>
      </c>
      <c r="BM592" s="161" t="str">
        <f t="shared" si="349"/>
        <v/>
      </c>
      <c r="BN592" s="161" t="str">
        <f t="shared" si="350"/>
        <v/>
      </c>
      <c r="BO592" s="161" t="str">
        <f t="shared" si="351"/>
        <v/>
      </c>
      <c r="BP592" s="161" t="str">
        <f t="shared" si="352"/>
        <v/>
      </c>
      <c r="BQ592" s="161" t="str">
        <f t="shared" si="353"/>
        <v/>
      </c>
      <c r="BR592" s="161" t="str">
        <f t="shared" si="354"/>
        <v/>
      </c>
      <c r="BS592" s="161" t="str">
        <f t="shared" si="355"/>
        <v/>
      </c>
      <c r="BT592" s="161" t="str">
        <f t="shared" si="356"/>
        <v/>
      </c>
      <c r="BU592" s="161" t="str">
        <f t="shared" si="357"/>
        <v/>
      </c>
      <c r="BV592" s="161" t="str">
        <f t="shared" si="358"/>
        <v/>
      </c>
      <c r="BW592" s="161" t="str">
        <f t="shared" si="359"/>
        <v/>
      </c>
      <c r="BX592" s="161" t="str">
        <f t="shared" si="360"/>
        <v/>
      </c>
      <c r="BY592" s="161" t="str">
        <f t="shared" si="361"/>
        <v/>
      </c>
      <c r="BZ592" s="161" t="str">
        <f t="shared" si="362"/>
        <v/>
      </c>
      <c r="CA592" s="161" t="str">
        <f t="shared" si="363"/>
        <v/>
      </c>
      <c r="CB592" s="161" t="str">
        <f t="shared" si="364"/>
        <v/>
      </c>
      <c r="CC592" s="161" t="str">
        <f t="shared" si="365"/>
        <v/>
      </c>
      <c r="CD592" s="156"/>
      <c r="CE592" s="156"/>
      <c r="CF592" s="156"/>
    </row>
    <row r="593" spans="1:84" s="211" customFormat="1" ht="56.1" hidden="1" customHeight="1" x14ac:dyDescent="0.2">
      <c r="A593" s="198">
        <v>593</v>
      </c>
      <c r="B593" s="199" t="s">
        <v>53</v>
      </c>
      <c r="C593" s="208" t="s">
        <v>329</v>
      </c>
      <c r="D593" s="200" t="s">
        <v>623</v>
      </c>
      <c r="E593" s="200" t="s">
        <v>624</v>
      </c>
      <c r="F593" s="209" t="s">
        <v>649</v>
      </c>
      <c r="G593" s="200" t="s">
        <v>58</v>
      </c>
      <c r="H593" s="200" t="s">
        <v>326</v>
      </c>
      <c r="I593" s="200" t="s">
        <v>81</v>
      </c>
      <c r="J593" s="200" t="s">
        <v>334</v>
      </c>
      <c r="K593" s="200" t="s">
        <v>225</v>
      </c>
      <c r="L593" s="200" t="s">
        <v>63</v>
      </c>
      <c r="M593" s="200" t="s">
        <v>63</v>
      </c>
      <c r="N593" s="201">
        <v>213848</v>
      </c>
      <c r="O593" s="201">
        <f t="shared" si="332"/>
        <v>213848</v>
      </c>
      <c r="P593" s="200" t="s">
        <v>226</v>
      </c>
      <c r="Q593" s="200" t="s">
        <v>82</v>
      </c>
      <c r="R593" s="210"/>
      <c r="S593" s="210"/>
      <c r="T593" s="210"/>
      <c r="U593" s="210"/>
      <c r="V593" s="210"/>
      <c r="W593" s="203"/>
      <c r="X593" s="210"/>
      <c r="Y593" s="210"/>
      <c r="Z593" s="210"/>
      <c r="AA593" s="210"/>
      <c r="AB593" s="210"/>
      <c r="AC593" s="210"/>
      <c r="AD593" s="210" t="s">
        <v>66</v>
      </c>
      <c r="AE593" s="210"/>
      <c r="AF593" s="210"/>
      <c r="AG593" s="210"/>
      <c r="AH593" s="210"/>
      <c r="AI593" s="210"/>
      <c r="AJ593" s="210"/>
      <c r="AK593" s="210"/>
      <c r="AL593" s="210"/>
      <c r="AM593" s="210"/>
      <c r="AN593" s="210"/>
      <c r="AO593" s="210"/>
      <c r="AP593" s="210"/>
      <c r="AQ593" s="210"/>
      <c r="AR593" s="210"/>
      <c r="AS593" s="210"/>
      <c r="AT593" s="210"/>
      <c r="AU593" s="210"/>
      <c r="AV593" s="210"/>
      <c r="AW593" s="204">
        <f t="shared" si="334"/>
        <v>234</v>
      </c>
      <c r="AX593" s="205">
        <f t="shared" si="333"/>
        <v>913.88034188034192</v>
      </c>
      <c r="AY593" s="203" t="str">
        <f t="shared" si="335"/>
        <v/>
      </c>
      <c r="AZ593" s="203" t="str">
        <f t="shared" si="336"/>
        <v/>
      </c>
      <c r="BA593" s="203" t="str">
        <f t="shared" si="337"/>
        <v/>
      </c>
      <c r="BB593" s="203" t="str">
        <f t="shared" si="338"/>
        <v/>
      </c>
      <c r="BC593" s="203" t="str">
        <f t="shared" si="339"/>
        <v/>
      </c>
      <c r="BD593" s="203" t="str">
        <f t="shared" si="340"/>
        <v/>
      </c>
      <c r="BE593" s="203" t="str">
        <f t="shared" si="341"/>
        <v/>
      </c>
      <c r="BF593" s="203" t="str">
        <f t="shared" si="342"/>
        <v/>
      </c>
      <c r="BG593" s="203" t="str">
        <f t="shared" si="343"/>
        <v/>
      </c>
      <c r="BH593" s="203" t="str">
        <f t="shared" si="344"/>
        <v/>
      </c>
      <c r="BI593" s="203" t="str">
        <f t="shared" si="345"/>
        <v/>
      </c>
      <c r="BJ593" s="203" t="str">
        <f t="shared" si="346"/>
        <v/>
      </c>
      <c r="BK593" s="203">
        <f t="shared" si="347"/>
        <v>213848</v>
      </c>
      <c r="BL593" s="203" t="str">
        <f t="shared" si="348"/>
        <v/>
      </c>
      <c r="BM593" s="203" t="str">
        <f t="shared" si="349"/>
        <v/>
      </c>
      <c r="BN593" s="203" t="str">
        <f t="shared" si="350"/>
        <v/>
      </c>
      <c r="BO593" s="203" t="str">
        <f t="shared" si="351"/>
        <v/>
      </c>
      <c r="BP593" s="203" t="str">
        <f t="shared" si="352"/>
        <v/>
      </c>
      <c r="BQ593" s="203" t="str">
        <f t="shared" si="353"/>
        <v/>
      </c>
      <c r="BR593" s="203" t="str">
        <f t="shared" si="354"/>
        <v/>
      </c>
      <c r="BS593" s="203" t="str">
        <f t="shared" si="355"/>
        <v/>
      </c>
      <c r="BT593" s="203" t="str">
        <f t="shared" si="356"/>
        <v/>
      </c>
      <c r="BU593" s="203" t="str">
        <f t="shared" si="357"/>
        <v/>
      </c>
      <c r="BV593" s="203" t="str">
        <f t="shared" si="358"/>
        <v/>
      </c>
      <c r="BW593" s="203" t="str">
        <f t="shared" si="359"/>
        <v/>
      </c>
      <c r="BX593" s="203" t="str">
        <f t="shared" si="360"/>
        <v/>
      </c>
      <c r="BY593" s="203" t="str">
        <f t="shared" si="361"/>
        <v/>
      </c>
      <c r="BZ593" s="203" t="str">
        <f t="shared" si="362"/>
        <v/>
      </c>
      <c r="CA593" s="203" t="str">
        <f t="shared" si="363"/>
        <v/>
      </c>
      <c r="CB593" s="203" t="str">
        <f t="shared" si="364"/>
        <v/>
      </c>
      <c r="CC593" s="203" t="str">
        <f t="shared" si="365"/>
        <v/>
      </c>
      <c r="CD593" s="200"/>
      <c r="CE593" s="200"/>
      <c r="CF593" s="200"/>
    </row>
    <row r="594" spans="1:84" s="168" customFormat="1" ht="56.1" hidden="1" customHeight="1" x14ac:dyDescent="0.2">
      <c r="A594" s="154">
        <v>594</v>
      </c>
      <c r="B594" s="155" t="s">
        <v>53</v>
      </c>
      <c r="C594" s="165" t="s">
        <v>329</v>
      </c>
      <c r="D594" s="156" t="s">
        <v>623</v>
      </c>
      <c r="E594" s="156" t="s">
        <v>624</v>
      </c>
      <c r="F594" s="166" t="s">
        <v>648</v>
      </c>
      <c r="G594" s="156" t="s">
        <v>58</v>
      </c>
      <c r="H594" s="156" t="s">
        <v>26</v>
      </c>
      <c r="I594" s="156" t="s">
        <v>60</v>
      </c>
      <c r="J594" s="156" t="s">
        <v>334</v>
      </c>
      <c r="K594" s="156" t="s">
        <v>225</v>
      </c>
      <c r="L594" s="156" t="s">
        <v>63</v>
      </c>
      <c r="M594" s="156" t="s">
        <v>63</v>
      </c>
      <c r="N594" s="157">
        <v>45940</v>
      </c>
      <c r="O594" s="157">
        <f t="shared" si="332"/>
        <v>45940</v>
      </c>
      <c r="P594" s="156" t="s">
        <v>226</v>
      </c>
      <c r="Q594" s="156" t="s">
        <v>82</v>
      </c>
      <c r="R594" s="167"/>
      <c r="S594" s="167"/>
      <c r="T594" s="167"/>
      <c r="U594" s="167"/>
      <c r="V594" s="167"/>
      <c r="W594" s="161"/>
      <c r="X594" s="167"/>
      <c r="Y594" s="167"/>
      <c r="Z594" s="167"/>
      <c r="AA594" s="167" t="s">
        <v>66</v>
      </c>
      <c r="AB594" s="167"/>
      <c r="AC594" s="167"/>
      <c r="AD594" s="167"/>
      <c r="AE594" s="167"/>
      <c r="AF594" s="167"/>
      <c r="AG594" s="167"/>
      <c r="AH594" s="167"/>
      <c r="AI594" s="167"/>
      <c r="AJ594" s="167"/>
      <c r="AK594" s="167"/>
      <c r="AL594" s="167"/>
      <c r="AM594" s="167"/>
      <c r="AN594" s="167"/>
      <c r="AO594" s="167"/>
      <c r="AP594" s="167"/>
      <c r="AQ594" s="167"/>
      <c r="AR594" s="167"/>
      <c r="AS594" s="167"/>
      <c r="AT594" s="167"/>
      <c r="AU594" s="167"/>
      <c r="AV594" s="167"/>
      <c r="AW594" s="160">
        <f t="shared" si="334"/>
        <v>500</v>
      </c>
      <c r="AX594" s="158">
        <f t="shared" si="333"/>
        <v>91.88</v>
      </c>
      <c r="AY594" s="161" t="str">
        <f t="shared" si="335"/>
        <v/>
      </c>
      <c r="AZ594" s="161" t="str">
        <f t="shared" si="336"/>
        <v/>
      </c>
      <c r="BA594" s="161" t="str">
        <f t="shared" si="337"/>
        <v/>
      </c>
      <c r="BB594" s="161" t="str">
        <f t="shared" si="338"/>
        <v/>
      </c>
      <c r="BC594" s="161" t="str">
        <f t="shared" si="339"/>
        <v/>
      </c>
      <c r="BD594" s="161" t="str">
        <f t="shared" si="340"/>
        <v/>
      </c>
      <c r="BE594" s="161" t="str">
        <f t="shared" si="341"/>
        <v/>
      </c>
      <c r="BF594" s="161" t="str">
        <f t="shared" si="342"/>
        <v/>
      </c>
      <c r="BG594" s="161" t="str">
        <f t="shared" si="343"/>
        <v/>
      </c>
      <c r="BH594" s="161">
        <f t="shared" si="344"/>
        <v>45940</v>
      </c>
      <c r="BI594" s="161" t="str">
        <f t="shared" si="345"/>
        <v/>
      </c>
      <c r="BJ594" s="161" t="str">
        <f t="shared" si="346"/>
        <v/>
      </c>
      <c r="BK594" s="161" t="str">
        <f t="shared" si="347"/>
        <v/>
      </c>
      <c r="BL594" s="161" t="str">
        <f t="shared" si="348"/>
        <v/>
      </c>
      <c r="BM594" s="161" t="str">
        <f t="shared" si="349"/>
        <v/>
      </c>
      <c r="BN594" s="161" t="str">
        <f t="shared" si="350"/>
        <v/>
      </c>
      <c r="BO594" s="161" t="str">
        <f t="shared" si="351"/>
        <v/>
      </c>
      <c r="BP594" s="161" t="str">
        <f t="shared" si="352"/>
        <v/>
      </c>
      <c r="BQ594" s="161" t="str">
        <f t="shared" si="353"/>
        <v/>
      </c>
      <c r="BR594" s="161" t="str">
        <f t="shared" si="354"/>
        <v/>
      </c>
      <c r="BS594" s="161" t="str">
        <f t="shared" si="355"/>
        <v/>
      </c>
      <c r="BT594" s="161" t="str">
        <f t="shared" si="356"/>
        <v/>
      </c>
      <c r="BU594" s="161" t="str">
        <f t="shared" si="357"/>
        <v/>
      </c>
      <c r="BV594" s="161" t="str">
        <f t="shared" si="358"/>
        <v/>
      </c>
      <c r="BW594" s="161" t="str">
        <f t="shared" si="359"/>
        <v/>
      </c>
      <c r="BX594" s="161" t="str">
        <f t="shared" si="360"/>
        <v/>
      </c>
      <c r="BY594" s="161" t="str">
        <f t="shared" si="361"/>
        <v/>
      </c>
      <c r="BZ594" s="161" t="str">
        <f t="shared" si="362"/>
        <v/>
      </c>
      <c r="CA594" s="161" t="str">
        <f t="shared" si="363"/>
        <v/>
      </c>
      <c r="CB594" s="161" t="str">
        <f t="shared" si="364"/>
        <v/>
      </c>
      <c r="CC594" s="161" t="str">
        <f t="shared" si="365"/>
        <v/>
      </c>
      <c r="CD594" s="156"/>
      <c r="CE594" s="156"/>
      <c r="CF594" s="156"/>
    </row>
    <row r="595" spans="1:84" s="168" customFormat="1" ht="56.1" hidden="1" customHeight="1" x14ac:dyDescent="0.2">
      <c r="A595" s="154">
        <v>595</v>
      </c>
      <c r="B595" s="155" t="s">
        <v>53</v>
      </c>
      <c r="C595" s="165" t="s">
        <v>329</v>
      </c>
      <c r="D595" s="156" t="s">
        <v>623</v>
      </c>
      <c r="E595" s="156" t="s">
        <v>624</v>
      </c>
      <c r="F595" s="166" t="s">
        <v>650</v>
      </c>
      <c r="G595" s="156" t="s">
        <v>58</v>
      </c>
      <c r="H595" s="156" t="s">
        <v>27</v>
      </c>
      <c r="I595" s="156" t="s">
        <v>81</v>
      </c>
      <c r="J595" s="156" t="s">
        <v>334</v>
      </c>
      <c r="K595" s="156" t="s">
        <v>225</v>
      </c>
      <c r="L595" s="156" t="s">
        <v>63</v>
      </c>
      <c r="M595" s="156" t="s">
        <v>63</v>
      </c>
      <c r="N595" s="157">
        <v>685410</v>
      </c>
      <c r="O595" s="157">
        <f t="shared" si="332"/>
        <v>685410</v>
      </c>
      <c r="P595" s="156" t="s">
        <v>226</v>
      </c>
      <c r="Q595" s="156" t="s">
        <v>82</v>
      </c>
      <c r="R595" s="167"/>
      <c r="S595" s="167"/>
      <c r="T595" s="167"/>
      <c r="U595" s="167"/>
      <c r="V595" s="167"/>
      <c r="W595" s="161"/>
      <c r="X595" s="167"/>
      <c r="Y595" s="167"/>
      <c r="Z595" s="167"/>
      <c r="AA595" s="167"/>
      <c r="AB595" s="167" t="s">
        <v>66</v>
      </c>
      <c r="AC595" s="167"/>
      <c r="AD595" s="167"/>
      <c r="AE595" s="167"/>
      <c r="AF595" s="167"/>
      <c r="AG595" s="167"/>
      <c r="AH595" s="167"/>
      <c r="AI595" s="167"/>
      <c r="AJ595" s="167"/>
      <c r="AK595" s="167"/>
      <c r="AL595" s="167"/>
      <c r="AM595" s="167"/>
      <c r="AN595" s="167"/>
      <c r="AO595" s="167"/>
      <c r="AP595" s="167"/>
      <c r="AQ595" s="167"/>
      <c r="AR595" s="167"/>
      <c r="AS595" s="167"/>
      <c r="AT595" s="167"/>
      <c r="AU595" s="167"/>
      <c r="AV595" s="167"/>
      <c r="AW595" s="160">
        <f t="shared" si="334"/>
        <v>750</v>
      </c>
      <c r="AX595" s="158">
        <f t="shared" si="333"/>
        <v>913.88</v>
      </c>
      <c r="AY595" s="161" t="str">
        <f t="shared" si="335"/>
        <v/>
      </c>
      <c r="AZ595" s="161" t="str">
        <f t="shared" si="336"/>
        <v/>
      </c>
      <c r="BA595" s="161" t="str">
        <f t="shared" si="337"/>
        <v/>
      </c>
      <c r="BB595" s="161" t="str">
        <f t="shared" si="338"/>
        <v/>
      </c>
      <c r="BC595" s="161" t="str">
        <f t="shared" si="339"/>
        <v/>
      </c>
      <c r="BD595" s="161" t="str">
        <f t="shared" si="340"/>
        <v/>
      </c>
      <c r="BE595" s="161" t="str">
        <f t="shared" si="341"/>
        <v/>
      </c>
      <c r="BF595" s="161" t="str">
        <f t="shared" si="342"/>
        <v/>
      </c>
      <c r="BG595" s="161" t="str">
        <f t="shared" si="343"/>
        <v/>
      </c>
      <c r="BH595" s="161" t="str">
        <f t="shared" si="344"/>
        <v/>
      </c>
      <c r="BI595" s="161">
        <f t="shared" si="345"/>
        <v>685410</v>
      </c>
      <c r="BJ595" s="161" t="str">
        <f t="shared" si="346"/>
        <v/>
      </c>
      <c r="BK595" s="161" t="str">
        <f t="shared" si="347"/>
        <v/>
      </c>
      <c r="BL595" s="161" t="str">
        <f t="shared" si="348"/>
        <v/>
      </c>
      <c r="BM595" s="161" t="str">
        <f t="shared" si="349"/>
        <v/>
      </c>
      <c r="BN595" s="161" t="str">
        <f t="shared" si="350"/>
        <v/>
      </c>
      <c r="BO595" s="161" t="str">
        <f t="shared" si="351"/>
        <v/>
      </c>
      <c r="BP595" s="161" t="str">
        <f t="shared" si="352"/>
        <v/>
      </c>
      <c r="BQ595" s="161" t="str">
        <f t="shared" si="353"/>
        <v/>
      </c>
      <c r="BR595" s="161" t="str">
        <f t="shared" si="354"/>
        <v/>
      </c>
      <c r="BS595" s="161" t="str">
        <f t="shared" si="355"/>
        <v/>
      </c>
      <c r="BT595" s="161" t="str">
        <f t="shared" si="356"/>
        <v/>
      </c>
      <c r="BU595" s="161" t="str">
        <f t="shared" si="357"/>
        <v/>
      </c>
      <c r="BV595" s="161" t="str">
        <f t="shared" si="358"/>
        <v/>
      </c>
      <c r="BW595" s="161" t="str">
        <f t="shared" si="359"/>
        <v/>
      </c>
      <c r="BX595" s="161" t="str">
        <f t="shared" si="360"/>
        <v/>
      </c>
      <c r="BY595" s="161" t="str">
        <f t="shared" si="361"/>
        <v/>
      </c>
      <c r="BZ595" s="161" t="str">
        <f t="shared" si="362"/>
        <v/>
      </c>
      <c r="CA595" s="161" t="str">
        <f t="shared" si="363"/>
        <v/>
      </c>
      <c r="CB595" s="161" t="str">
        <f t="shared" si="364"/>
        <v/>
      </c>
      <c r="CC595" s="161" t="str">
        <f t="shared" si="365"/>
        <v/>
      </c>
      <c r="CD595" s="156"/>
      <c r="CE595" s="156"/>
      <c r="CF595" s="156"/>
    </row>
    <row r="596" spans="1:84" s="168" customFormat="1" ht="56.1" hidden="1" customHeight="1" x14ac:dyDescent="0.2">
      <c r="A596" s="154">
        <v>596</v>
      </c>
      <c r="B596" s="155" t="s">
        <v>53</v>
      </c>
      <c r="C596" s="165" t="s">
        <v>329</v>
      </c>
      <c r="D596" s="156" t="s">
        <v>623</v>
      </c>
      <c r="E596" s="156" t="s">
        <v>624</v>
      </c>
      <c r="F596" s="166" t="s">
        <v>651</v>
      </c>
      <c r="G596" s="156" t="s">
        <v>58</v>
      </c>
      <c r="H596" s="156" t="s">
        <v>127</v>
      </c>
      <c r="I596" s="156" t="s">
        <v>81</v>
      </c>
      <c r="J596" s="156" t="s">
        <v>334</v>
      </c>
      <c r="K596" s="156" t="s">
        <v>225</v>
      </c>
      <c r="L596" s="156" t="s">
        <v>63</v>
      </c>
      <c r="M596" s="156" t="s">
        <v>63</v>
      </c>
      <c r="N596" s="157">
        <v>319858</v>
      </c>
      <c r="O596" s="157">
        <f t="shared" si="332"/>
        <v>319858</v>
      </c>
      <c r="P596" s="156" t="s">
        <v>226</v>
      </c>
      <c r="Q596" s="156" t="s">
        <v>82</v>
      </c>
      <c r="R596" s="167"/>
      <c r="S596" s="167"/>
      <c r="T596" s="167"/>
      <c r="U596" s="167"/>
      <c r="V596" s="167"/>
      <c r="W596" s="161"/>
      <c r="X596" s="167"/>
      <c r="Y596" s="167"/>
      <c r="Z596" s="167"/>
      <c r="AA596" s="167"/>
      <c r="AB596" s="167"/>
      <c r="AC596" s="167"/>
      <c r="AD596" s="167"/>
      <c r="AE596" s="167" t="s">
        <v>66</v>
      </c>
      <c r="AF596" s="167"/>
      <c r="AG596" s="167"/>
      <c r="AH596" s="167"/>
      <c r="AI596" s="167"/>
      <c r="AJ596" s="167"/>
      <c r="AK596" s="167"/>
      <c r="AL596" s="167"/>
      <c r="AM596" s="167"/>
      <c r="AN596" s="167"/>
      <c r="AO596" s="167"/>
      <c r="AP596" s="167"/>
      <c r="AQ596" s="167"/>
      <c r="AR596" s="167"/>
      <c r="AS596" s="167"/>
      <c r="AT596" s="167"/>
      <c r="AU596" s="167"/>
      <c r="AV596" s="167"/>
      <c r="AW596" s="160">
        <f t="shared" si="334"/>
        <v>350</v>
      </c>
      <c r="AX596" s="158">
        <f t="shared" si="333"/>
        <v>913.88</v>
      </c>
      <c r="AY596" s="161" t="str">
        <f t="shared" si="335"/>
        <v/>
      </c>
      <c r="AZ596" s="161" t="str">
        <f t="shared" si="336"/>
        <v/>
      </c>
      <c r="BA596" s="161" t="str">
        <f t="shared" si="337"/>
        <v/>
      </c>
      <c r="BB596" s="161" t="str">
        <f t="shared" si="338"/>
        <v/>
      </c>
      <c r="BC596" s="161" t="str">
        <f t="shared" si="339"/>
        <v/>
      </c>
      <c r="BD596" s="161" t="str">
        <f t="shared" si="340"/>
        <v/>
      </c>
      <c r="BE596" s="161" t="str">
        <f t="shared" si="341"/>
        <v/>
      </c>
      <c r="BF596" s="161" t="str">
        <f t="shared" si="342"/>
        <v/>
      </c>
      <c r="BG596" s="161" t="str">
        <f t="shared" si="343"/>
        <v/>
      </c>
      <c r="BH596" s="161" t="str">
        <f t="shared" si="344"/>
        <v/>
      </c>
      <c r="BI596" s="161" t="str">
        <f t="shared" si="345"/>
        <v/>
      </c>
      <c r="BJ596" s="161" t="str">
        <f t="shared" si="346"/>
        <v/>
      </c>
      <c r="BK596" s="161" t="str">
        <f t="shared" si="347"/>
        <v/>
      </c>
      <c r="BL596" s="161">
        <f t="shared" si="348"/>
        <v>319858</v>
      </c>
      <c r="BM596" s="161" t="str">
        <f t="shared" si="349"/>
        <v/>
      </c>
      <c r="BN596" s="161" t="str">
        <f t="shared" si="350"/>
        <v/>
      </c>
      <c r="BO596" s="161" t="str">
        <f t="shared" si="351"/>
        <v/>
      </c>
      <c r="BP596" s="161" t="str">
        <f t="shared" si="352"/>
        <v/>
      </c>
      <c r="BQ596" s="161" t="str">
        <f t="shared" si="353"/>
        <v/>
      </c>
      <c r="BR596" s="161" t="str">
        <f t="shared" si="354"/>
        <v/>
      </c>
      <c r="BS596" s="161" t="str">
        <f t="shared" si="355"/>
        <v/>
      </c>
      <c r="BT596" s="161" t="str">
        <f t="shared" si="356"/>
        <v/>
      </c>
      <c r="BU596" s="161" t="str">
        <f t="shared" si="357"/>
        <v/>
      </c>
      <c r="BV596" s="161" t="str">
        <f t="shared" si="358"/>
        <v/>
      </c>
      <c r="BW596" s="161" t="str">
        <f t="shared" si="359"/>
        <v/>
      </c>
      <c r="BX596" s="161" t="str">
        <f t="shared" si="360"/>
        <v/>
      </c>
      <c r="BY596" s="161" t="str">
        <f t="shared" si="361"/>
        <v/>
      </c>
      <c r="BZ596" s="161" t="str">
        <f t="shared" si="362"/>
        <v/>
      </c>
      <c r="CA596" s="161" t="str">
        <f t="shared" si="363"/>
        <v/>
      </c>
      <c r="CB596" s="161" t="str">
        <f t="shared" si="364"/>
        <v/>
      </c>
      <c r="CC596" s="161" t="str">
        <f t="shared" si="365"/>
        <v/>
      </c>
      <c r="CD596" s="156"/>
      <c r="CE596" s="156"/>
      <c r="CF596" s="156"/>
    </row>
    <row r="597" spans="1:84" s="168" customFormat="1" ht="56.1" hidden="1" customHeight="1" x14ac:dyDescent="0.2">
      <c r="A597" s="154">
        <v>597</v>
      </c>
      <c r="B597" s="155" t="s">
        <v>53</v>
      </c>
      <c r="C597" s="165" t="s">
        <v>329</v>
      </c>
      <c r="D597" s="156" t="s">
        <v>623</v>
      </c>
      <c r="E597" s="156" t="s">
        <v>624</v>
      </c>
      <c r="F597" s="166" t="s">
        <v>652</v>
      </c>
      <c r="G597" s="156" t="s">
        <v>58</v>
      </c>
      <c r="H597" s="156" t="s">
        <v>31</v>
      </c>
      <c r="I597" s="156" t="s">
        <v>81</v>
      </c>
      <c r="J597" s="156" t="s">
        <v>334</v>
      </c>
      <c r="K597" s="156" t="s">
        <v>225</v>
      </c>
      <c r="L597" s="156" t="s">
        <v>63</v>
      </c>
      <c r="M597" s="156" t="s">
        <v>63</v>
      </c>
      <c r="N597" s="157">
        <v>82249</v>
      </c>
      <c r="O597" s="157">
        <f t="shared" si="332"/>
        <v>82249</v>
      </c>
      <c r="P597" s="156" t="s">
        <v>226</v>
      </c>
      <c r="Q597" s="156" t="s">
        <v>82</v>
      </c>
      <c r="R597" s="167"/>
      <c r="S597" s="167"/>
      <c r="T597" s="167"/>
      <c r="U597" s="167"/>
      <c r="V597" s="167"/>
      <c r="W597" s="161"/>
      <c r="X597" s="167"/>
      <c r="Y597" s="167"/>
      <c r="Z597" s="167"/>
      <c r="AA597" s="167"/>
      <c r="AB597" s="167"/>
      <c r="AC597" s="167"/>
      <c r="AD597" s="167"/>
      <c r="AE597" s="167"/>
      <c r="AF597" s="167" t="s">
        <v>66</v>
      </c>
      <c r="AG597" s="167"/>
      <c r="AH597" s="167"/>
      <c r="AI597" s="167"/>
      <c r="AJ597" s="167"/>
      <c r="AK597" s="167"/>
      <c r="AL597" s="167"/>
      <c r="AM597" s="167"/>
      <c r="AN597" s="167"/>
      <c r="AO597" s="167"/>
      <c r="AP597" s="167"/>
      <c r="AQ597" s="167"/>
      <c r="AR597" s="167"/>
      <c r="AS597" s="167"/>
      <c r="AT597" s="167"/>
      <c r="AU597" s="167"/>
      <c r="AV597" s="167"/>
      <c r="AW597" s="160">
        <f t="shared" si="334"/>
        <v>90</v>
      </c>
      <c r="AX597" s="158">
        <f t="shared" si="333"/>
        <v>913.87777777777774</v>
      </c>
      <c r="AY597" s="161" t="str">
        <f t="shared" si="335"/>
        <v/>
      </c>
      <c r="AZ597" s="161" t="str">
        <f t="shared" si="336"/>
        <v/>
      </c>
      <c r="BA597" s="161" t="str">
        <f t="shared" si="337"/>
        <v/>
      </c>
      <c r="BB597" s="161" t="str">
        <f t="shared" si="338"/>
        <v/>
      </c>
      <c r="BC597" s="161" t="str">
        <f t="shared" si="339"/>
        <v/>
      </c>
      <c r="BD597" s="161" t="str">
        <f t="shared" si="340"/>
        <v/>
      </c>
      <c r="BE597" s="161" t="str">
        <f t="shared" si="341"/>
        <v/>
      </c>
      <c r="BF597" s="161" t="str">
        <f t="shared" si="342"/>
        <v/>
      </c>
      <c r="BG597" s="161" t="str">
        <f t="shared" si="343"/>
        <v/>
      </c>
      <c r="BH597" s="161" t="str">
        <f t="shared" si="344"/>
        <v/>
      </c>
      <c r="BI597" s="161" t="str">
        <f t="shared" si="345"/>
        <v/>
      </c>
      <c r="BJ597" s="161" t="str">
        <f t="shared" si="346"/>
        <v/>
      </c>
      <c r="BK597" s="161" t="str">
        <f t="shared" si="347"/>
        <v/>
      </c>
      <c r="BL597" s="161" t="str">
        <f t="shared" si="348"/>
        <v/>
      </c>
      <c r="BM597" s="161">
        <f t="shared" si="349"/>
        <v>82249</v>
      </c>
      <c r="BN597" s="161" t="str">
        <f t="shared" si="350"/>
        <v/>
      </c>
      <c r="BO597" s="161" t="str">
        <f t="shared" si="351"/>
        <v/>
      </c>
      <c r="BP597" s="161" t="str">
        <f t="shared" si="352"/>
        <v/>
      </c>
      <c r="BQ597" s="161" t="str">
        <f t="shared" si="353"/>
        <v/>
      </c>
      <c r="BR597" s="161" t="str">
        <f t="shared" si="354"/>
        <v/>
      </c>
      <c r="BS597" s="161" t="str">
        <f t="shared" si="355"/>
        <v/>
      </c>
      <c r="BT597" s="161" t="str">
        <f t="shared" si="356"/>
        <v/>
      </c>
      <c r="BU597" s="161" t="str">
        <f t="shared" si="357"/>
        <v/>
      </c>
      <c r="BV597" s="161" t="str">
        <f t="shared" si="358"/>
        <v/>
      </c>
      <c r="BW597" s="161" t="str">
        <f t="shared" si="359"/>
        <v/>
      </c>
      <c r="BX597" s="161" t="str">
        <f t="shared" si="360"/>
        <v/>
      </c>
      <c r="BY597" s="161" t="str">
        <f t="shared" si="361"/>
        <v/>
      </c>
      <c r="BZ597" s="161" t="str">
        <f t="shared" si="362"/>
        <v/>
      </c>
      <c r="CA597" s="161" t="str">
        <f t="shared" si="363"/>
        <v/>
      </c>
      <c r="CB597" s="161" t="str">
        <f t="shared" si="364"/>
        <v/>
      </c>
      <c r="CC597" s="161" t="str">
        <f t="shared" si="365"/>
        <v/>
      </c>
      <c r="CD597" s="156"/>
      <c r="CE597" s="156"/>
      <c r="CF597" s="156"/>
    </row>
    <row r="598" spans="1:84" s="168" customFormat="1" ht="56.1" hidden="1" customHeight="1" x14ac:dyDescent="0.2">
      <c r="A598" s="154">
        <v>598</v>
      </c>
      <c r="B598" s="155" t="s">
        <v>53</v>
      </c>
      <c r="C598" s="165" t="s">
        <v>329</v>
      </c>
      <c r="D598" s="156" t="s">
        <v>623</v>
      </c>
      <c r="E598" s="156" t="s">
        <v>624</v>
      </c>
      <c r="F598" s="166" t="s">
        <v>653</v>
      </c>
      <c r="G598" s="156" t="s">
        <v>58</v>
      </c>
      <c r="H598" s="156" t="s">
        <v>327</v>
      </c>
      <c r="I598" s="156" t="s">
        <v>81</v>
      </c>
      <c r="J598" s="156" t="s">
        <v>334</v>
      </c>
      <c r="K598" s="156" t="s">
        <v>225</v>
      </c>
      <c r="L598" s="156" t="s">
        <v>63</v>
      </c>
      <c r="M598" s="156" t="s">
        <v>63</v>
      </c>
      <c r="N598" s="157">
        <v>73110</v>
      </c>
      <c r="O598" s="157">
        <f t="shared" si="332"/>
        <v>73110</v>
      </c>
      <c r="P598" s="156" t="s">
        <v>226</v>
      </c>
      <c r="Q598" s="156" t="s">
        <v>82</v>
      </c>
      <c r="R598" s="167"/>
      <c r="S598" s="167"/>
      <c r="T598" s="167"/>
      <c r="U598" s="167"/>
      <c r="V598" s="167"/>
      <c r="W598" s="161"/>
      <c r="X598" s="167"/>
      <c r="Y598" s="167"/>
      <c r="Z598" s="167"/>
      <c r="AA598" s="167"/>
      <c r="AB598" s="167"/>
      <c r="AC598" s="167"/>
      <c r="AD598" s="167"/>
      <c r="AE598" s="167"/>
      <c r="AF598" s="167"/>
      <c r="AG598" s="167" t="s">
        <v>66</v>
      </c>
      <c r="AH598" s="167"/>
      <c r="AI598" s="167"/>
      <c r="AJ598" s="167"/>
      <c r="AK598" s="167"/>
      <c r="AL598" s="167"/>
      <c r="AM598" s="167"/>
      <c r="AN598" s="167"/>
      <c r="AO598" s="167"/>
      <c r="AP598" s="167"/>
      <c r="AQ598" s="167"/>
      <c r="AR598" s="167"/>
      <c r="AS598" s="167"/>
      <c r="AT598" s="167"/>
      <c r="AU598" s="167"/>
      <c r="AV598" s="167"/>
      <c r="AW598" s="160">
        <f t="shared" si="334"/>
        <v>80</v>
      </c>
      <c r="AX598" s="158">
        <f t="shared" si="333"/>
        <v>913.875</v>
      </c>
      <c r="AY598" s="161" t="str">
        <f t="shared" si="335"/>
        <v/>
      </c>
      <c r="AZ598" s="161" t="str">
        <f t="shared" si="336"/>
        <v/>
      </c>
      <c r="BA598" s="161" t="str">
        <f t="shared" si="337"/>
        <v/>
      </c>
      <c r="BB598" s="161" t="str">
        <f t="shared" si="338"/>
        <v/>
      </c>
      <c r="BC598" s="161" t="str">
        <f t="shared" si="339"/>
        <v/>
      </c>
      <c r="BD598" s="161" t="str">
        <f t="shared" si="340"/>
        <v/>
      </c>
      <c r="BE598" s="161" t="str">
        <f t="shared" si="341"/>
        <v/>
      </c>
      <c r="BF598" s="161" t="str">
        <f t="shared" si="342"/>
        <v/>
      </c>
      <c r="BG598" s="161" t="str">
        <f t="shared" si="343"/>
        <v/>
      </c>
      <c r="BH598" s="161" t="str">
        <f t="shared" si="344"/>
        <v/>
      </c>
      <c r="BI598" s="161" t="str">
        <f t="shared" si="345"/>
        <v/>
      </c>
      <c r="BJ598" s="161" t="str">
        <f t="shared" si="346"/>
        <v/>
      </c>
      <c r="BK598" s="161" t="str">
        <f t="shared" si="347"/>
        <v/>
      </c>
      <c r="BL598" s="161" t="str">
        <f t="shared" si="348"/>
        <v/>
      </c>
      <c r="BM598" s="161" t="str">
        <f t="shared" si="349"/>
        <v/>
      </c>
      <c r="BN598" s="161">
        <f t="shared" si="350"/>
        <v>73110</v>
      </c>
      <c r="BO598" s="161" t="str">
        <f t="shared" si="351"/>
        <v/>
      </c>
      <c r="BP598" s="161" t="str">
        <f t="shared" si="352"/>
        <v/>
      </c>
      <c r="BQ598" s="161" t="str">
        <f t="shared" si="353"/>
        <v/>
      </c>
      <c r="BR598" s="161" t="str">
        <f t="shared" si="354"/>
        <v/>
      </c>
      <c r="BS598" s="161" t="str">
        <f t="shared" si="355"/>
        <v/>
      </c>
      <c r="BT598" s="161" t="str">
        <f t="shared" si="356"/>
        <v/>
      </c>
      <c r="BU598" s="161" t="str">
        <f t="shared" si="357"/>
        <v/>
      </c>
      <c r="BV598" s="161" t="str">
        <f t="shared" si="358"/>
        <v/>
      </c>
      <c r="BW598" s="161" t="str">
        <f t="shared" si="359"/>
        <v/>
      </c>
      <c r="BX598" s="161" t="str">
        <f t="shared" si="360"/>
        <v/>
      </c>
      <c r="BY598" s="161" t="str">
        <f t="shared" si="361"/>
        <v/>
      </c>
      <c r="BZ598" s="161" t="str">
        <f t="shared" si="362"/>
        <v/>
      </c>
      <c r="CA598" s="161" t="str">
        <f t="shared" si="363"/>
        <v/>
      </c>
      <c r="CB598" s="161" t="str">
        <f t="shared" si="364"/>
        <v/>
      </c>
      <c r="CC598" s="161" t="str">
        <f t="shared" si="365"/>
        <v/>
      </c>
      <c r="CD598" s="156"/>
      <c r="CE598" s="156"/>
      <c r="CF598" s="156"/>
    </row>
    <row r="599" spans="1:84" s="168" customFormat="1" ht="56.1" hidden="1" customHeight="1" x14ac:dyDescent="0.2">
      <c r="A599" s="154">
        <v>599</v>
      </c>
      <c r="B599" s="155" t="s">
        <v>53</v>
      </c>
      <c r="C599" s="165" t="s">
        <v>329</v>
      </c>
      <c r="D599" s="156" t="s">
        <v>623</v>
      </c>
      <c r="E599" s="156" t="s">
        <v>624</v>
      </c>
      <c r="F599" s="166" t="s">
        <v>654</v>
      </c>
      <c r="G599" s="156" t="s">
        <v>58</v>
      </c>
      <c r="H599" s="156" t="s">
        <v>328</v>
      </c>
      <c r="I599" s="156" t="s">
        <v>81</v>
      </c>
      <c r="J599" s="156" t="s">
        <v>334</v>
      </c>
      <c r="K599" s="156" t="s">
        <v>225</v>
      </c>
      <c r="L599" s="156" t="s">
        <v>63</v>
      </c>
      <c r="M599" s="156" t="s">
        <v>63</v>
      </c>
      <c r="N599" s="157">
        <v>182776</v>
      </c>
      <c r="O599" s="157">
        <f t="shared" si="332"/>
        <v>182776</v>
      </c>
      <c r="P599" s="156" t="s">
        <v>226</v>
      </c>
      <c r="Q599" s="156" t="s">
        <v>82</v>
      </c>
      <c r="R599" s="167"/>
      <c r="S599" s="167"/>
      <c r="T599" s="167"/>
      <c r="U599" s="167"/>
      <c r="V599" s="167"/>
      <c r="W599" s="161"/>
      <c r="X599" s="167"/>
      <c r="Y599" s="167"/>
      <c r="Z599" s="167"/>
      <c r="AA599" s="167"/>
      <c r="AB599" s="167"/>
      <c r="AC599" s="167"/>
      <c r="AD599" s="167"/>
      <c r="AE599" s="167"/>
      <c r="AF599" s="167"/>
      <c r="AG599" s="167" t="s">
        <v>66</v>
      </c>
      <c r="AH599" s="167"/>
      <c r="AI599" s="167"/>
      <c r="AJ599" s="167"/>
      <c r="AK599" s="167"/>
      <c r="AL599" s="167"/>
      <c r="AM599" s="167"/>
      <c r="AN599" s="167"/>
      <c r="AO599" s="167"/>
      <c r="AP599" s="167"/>
      <c r="AQ599" s="167"/>
      <c r="AR599" s="167"/>
      <c r="AS599" s="167"/>
      <c r="AT599" s="167"/>
      <c r="AU599" s="167"/>
      <c r="AV599" s="167"/>
      <c r="AW599" s="160">
        <f t="shared" si="334"/>
        <v>80</v>
      </c>
      <c r="AX599" s="158">
        <f t="shared" si="333"/>
        <v>2284.6999999999998</v>
      </c>
      <c r="AY599" s="161" t="str">
        <f t="shared" si="335"/>
        <v/>
      </c>
      <c r="AZ599" s="161" t="str">
        <f t="shared" si="336"/>
        <v/>
      </c>
      <c r="BA599" s="161" t="str">
        <f t="shared" si="337"/>
        <v/>
      </c>
      <c r="BB599" s="161" t="str">
        <f t="shared" si="338"/>
        <v/>
      </c>
      <c r="BC599" s="161" t="str">
        <f t="shared" si="339"/>
        <v/>
      </c>
      <c r="BD599" s="161" t="str">
        <f t="shared" si="340"/>
        <v/>
      </c>
      <c r="BE599" s="161" t="str">
        <f t="shared" si="341"/>
        <v/>
      </c>
      <c r="BF599" s="161" t="str">
        <f t="shared" si="342"/>
        <v/>
      </c>
      <c r="BG599" s="161" t="str">
        <f t="shared" si="343"/>
        <v/>
      </c>
      <c r="BH599" s="161" t="str">
        <f t="shared" si="344"/>
        <v/>
      </c>
      <c r="BI599" s="161" t="str">
        <f t="shared" si="345"/>
        <v/>
      </c>
      <c r="BJ599" s="161" t="str">
        <f t="shared" si="346"/>
        <v/>
      </c>
      <c r="BK599" s="161" t="str">
        <f t="shared" si="347"/>
        <v/>
      </c>
      <c r="BL599" s="161" t="str">
        <f t="shared" si="348"/>
        <v/>
      </c>
      <c r="BM599" s="161" t="str">
        <f t="shared" si="349"/>
        <v/>
      </c>
      <c r="BN599" s="161">
        <f t="shared" si="350"/>
        <v>182776</v>
      </c>
      <c r="BO599" s="161" t="str">
        <f t="shared" si="351"/>
        <v/>
      </c>
      <c r="BP599" s="161" t="str">
        <f t="shared" si="352"/>
        <v/>
      </c>
      <c r="BQ599" s="161" t="str">
        <f t="shared" si="353"/>
        <v/>
      </c>
      <c r="BR599" s="161" t="str">
        <f t="shared" si="354"/>
        <v/>
      </c>
      <c r="BS599" s="161" t="str">
        <f t="shared" si="355"/>
        <v/>
      </c>
      <c r="BT599" s="161" t="str">
        <f t="shared" si="356"/>
        <v/>
      </c>
      <c r="BU599" s="161" t="str">
        <f t="shared" si="357"/>
        <v/>
      </c>
      <c r="BV599" s="161" t="str">
        <f t="shared" si="358"/>
        <v/>
      </c>
      <c r="BW599" s="161" t="str">
        <f t="shared" si="359"/>
        <v/>
      </c>
      <c r="BX599" s="161" t="str">
        <f t="shared" si="360"/>
        <v/>
      </c>
      <c r="BY599" s="161" t="str">
        <f t="shared" si="361"/>
        <v/>
      </c>
      <c r="BZ599" s="161" t="str">
        <f t="shared" si="362"/>
        <v/>
      </c>
      <c r="CA599" s="161" t="str">
        <f t="shared" si="363"/>
        <v/>
      </c>
      <c r="CB599" s="161" t="str">
        <f t="shared" si="364"/>
        <v/>
      </c>
      <c r="CC599" s="161" t="str">
        <f t="shared" si="365"/>
        <v/>
      </c>
      <c r="CD599" s="156"/>
      <c r="CE599" s="156"/>
      <c r="CF599" s="156"/>
    </row>
    <row r="600" spans="1:84" s="322" customFormat="1" ht="114" hidden="1" x14ac:dyDescent="0.2">
      <c r="A600" s="302">
        <v>600</v>
      </c>
      <c r="B600" s="24" t="s">
        <v>53</v>
      </c>
      <c r="C600" s="35" t="s">
        <v>655</v>
      </c>
      <c r="D600" s="310" t="s">
        <v>656</v>
      </c>
      <c r="E600" s="310" t="s">
        <v>657</v>
      </c>
      <c r="F600" s="310" t="s">
        <v>658</v>
      </c>
      <c r="G600" s="310" t="s">
        <v>86</v>
      </c>
      <c r="H600" s="310" t="s">
        <v>63</v>
      </c>
      <c r="I600" s="303" t="s">
        <v>81</v>
      </c>
      <c r="J600" s="310" t="s">
        <v>77</v>
      </c>
      <c r="K600" s="303" t="s">
        <v>225</v>
      </c>
      <c r="L600" s="309" t="s">
        <v>63</v>
      </c>
      <c r="M600" s="309" t="s">
        <v>63</v>
      </c>
      <c r="N600" s="320">
        <v>92540</v>
      </c>
      <c r="O600" s="309">
        <f t="shared" ref="O600:O619" si="366">N600</f>
        <v>92540</v>
      </c>
      <c r="P600" s="309" t="s">
        <v>659</v>
      </c>
      <c r="Q600" s="309" t="s">
        <v>65</v>
      </c>
      <c r="R600" s="309"/>
      <c r="S600" s="309"/>
      <c r="T600" s="309"/>
      <c r="U600" s="309"/>
      <c r="V600" s="309"/>
      <c r="W600" s="309"/>
      <c r="X600" s="309"/>
      <c r="Y600" s="309"/>
      <c r="Z600" s="309"/>
      <c r="AA600" s="309"/>
      <c r="AB600" s="309"/>
      <c r="AC600" s="309"/>
      <c r="AD600" s="309"/>
      <c r="AE600" s="309"/>
      <c r="AF600" s="309"/>
      <c r="AG600" s="309"/>
      <c r="AH600" s="309"/>
      <c r="AI600" s="307" t="s">
        <v>66</v>
      </c>
      <c r="AJ600" s="307" t="s">
        <v>66</v>
      </c>
      <c r="AK600" s="307" t="s">
        <v>66</v>
      </c>
      <c r="AL600" s="307" t="s">
        <v>66</v>
      </c>
      <c r="AM600" s="309"/>
      <c r="AN600" s="309"/>
      <c r="AO600" s="309"/>
      <c r="AP600" s="309"/>
      <c r="AQ600" s="309"/>
      <c r="AR600" s="309"/>
      <c r="AS600" s="309"/>
      <c r="AT600" s="309"/>
      <c r="AU600" s="309"/>
      <c r="AV600" s="309"/>
      <c r="AW600" s="308">
        <f t="shared" si="334"/>
        <v>1277</v>
      </c>
      <c r="AX600" s="309">
        <f t="shared" si="333"/>
        <v>72.466718872357092</v>
      </c>
      <c r="AY600" s="307" t="str">
        <f t="shared" si="335"/>
        <v/>
      </c>
      <c r="AZ600" s="307" t="str">
        <f t="shared" si="336"/>
        <v/>
      </c>
      <c r="BA600" s="307" t="str">
        <f t="shared" si="337"/>
        <v/>
      </c>
      <c r="BB600" s="307" t="str">
        <f t="shared" si="338"/>
        <v/>
      </c>
      <c r="BC600" s="307" t="str">
        <f t="shared" si="339"/>
        <v/>
      </c>
      <c r="BD600" s="307" t="str">
        <f t="shared" si="340"/>
        <v/>
      </c>
      <c r="BE600" s="307" t="str">
        <f t="shared" si="341"/>
        <v/>
      </c>
      <c r="BF600" s="307" t="str">
        <f t="shared" si="342"/>
        <v/>
      </c>
      <c r="BG600" s="307" t="str">
        <f t="shared" si="343"/>
        <v/>
      </c>
      <c r="BH600" s="307" t="str">
        <f t="shared" si="344"/>
        <v/>
      </c>
      <c r="BI600" s="307" t="str">
        <f t="shared" si="345"/>
        <v/>
      </c>
      <c r="BJ600" s="307" t="str">
        <f t="shared" si="346"/>
        <v/>
      </c>
      <c r="BK600" s="307" t="str">
        <f t="shared" si="347"/>
        <v/>
      </c>
      <c r="BL600" s="307" t="str">
        <f t="shared" si="348"/>
        <v/>
      </c>
      <c r="BM600" s="307" t="str">
        <f t="shared" si="349"/>
        <v/>
      </c>
      <c r="BN600" s="307" t="str">
        <f t="shared" si="350"/>
        <v/>
      </c>
      <c r="BO600" s="307" t="str">
        <f t="shared" si="351"/>
        <v/>
      </c>
      <c r="BP600" s="307">
        <f t="shared" si="352"/>
        <v>56161.707126076748</v>
      </c>
      <c r="BQ600" s="307">
        <f t="shared" si="353"/>
        <v>7246.6718872357087</v>
      </c>
      <c r="BR600" s="307">
        <f t="shared" si="354"/>
        <v>7246.6718872357087</v>
      </c>
      <c r="BS600" s="307">
        <f t="shared" si="355"/>
        <v>21884.949099451842</v>
      </c>
      <c r="BT600" s="307" t="str">
        <f t="shared" si="356"/>
        <v/>
      </c>
      <c r="BU600" s="307" t="str">
        <f t="shared" si="357"/>
        <v/>
      </c>
      <c r="BV600" s="307" t="str">
        <f t="shared" si="358"/>
        <v/>
      </c>
      <c r="BW600" s="307" t="str">
        <f t="shared" si="359"/>
        <v/>
      </c>
      <c r="BX600" s="307" t="str">
        <f t="shared" si="360"/>
        <v/>
      </c>
      <c r="BY600" s="307" t="str">
        <f t="shared" si="361"/>
        <v/>
      </c>
      <c r="BZ600" s="307" t="str">
        <f t="shared" si="362"/>
        <v/>
      </c>
      <c r="CA600" s="307" t="str">
        <f t="shared" si="363"/>
        <v/>
      </c>
      <c r="CB600" s="307" t="str">
        <f t="shared" si="364"/>
        <v/>
      </c>
      <c r="CC600" s="307" t="str">
        <f t="shared" si="365"/>
        <v/>
      </c>
      <c r="CD600" s="309" t="s">
        <v>660</v>
      </c>
      <c r="CE600" s="309"/>
      <c r="CF600" s="321" t="s">
        <v>661</v>
      </c>
    </row>
    <row r="601" spans="1:84" ht="171" hidden="1" x14ac:dyDescent="0.2">
      <c r="A601" s="91">
        <v>601</v>
      </c>
      <c r="B601" s="23" t="s">
        <v>53</v>
      </c>
      <c r="C601" s="35" t="s">
        <v>655</v>
      </c>
      <c r="D601" s="77" t="s">
        <v>656</v>
      </c>
      <c r="E601" s="75" t="s">
        <v>662</v>
      </c>
      <c r="F601" s="75" t="s">
        <v>663</v>
      </c>
      <c r="G601" s="75" t="s">
        <v>86</v>
      </c>
      <c r="H601" s="75" t="s">
        <v>63</v>
      </c>
      <c r="I601" s="78" t="s">
        <v>81</v>
      </c>
      <c r="J601" s="77" t="s">
        <v>77</v>
      </c>
      <c r="K601" s="78" t="s">
        <v>225</v>
      </c>
      <c r="L601" s="76" t="s">
        <v>63</v>
      </c>
      <c r="M601" s="76" t="s">
        <v>63</v>
      </c>
      <c r="N601" s="144">
        <v>157995</v>
      </c>
      <c r="O601" s="81">
        <f t="shared" si="366"/>
        <v>157995</v>
      </c>
      <c r="P601" s="76" t="s">
        <v>659</v>
      </c>
      <c r="Q601" s="84" t="s">
        <v>65</v>
      </c>
      <c r="R601" s="81"/>
      <c r="S601" s="81"/>
      <c r="T601" s="81"/>
      <c r="U601" s="81"/>
      <c r="V601" s="81"/>
      <c r="W601" s="81"/>
      <c r="X601" s="81"/>
      <c r="Y601" s="81"/>
      <c r="Z601" s="81"/>
      <c r="AA601" s="81"/>
      <c r="AB601" s="81"/>
      <c r="AC601" s="81"/>
      <c r="AD601" s="81"/>
      <c r="AE601" s="81"/>
      <c r="AF601" s="81"/>
      <c r="AG601" s="81"/>
      <c r="AH601" s="81"/>
      <c r="AI601" s="79" t="s">
        <v>66</v>
      </c>
      <c r="AJ601" s="79" t="s">
        <v>66</v>
      </c>
      <c r="AK601" s="79" t="s">
        <v>66</v>
      </c>
      <c r="AL601" s="79" t="s">
        <v>66</v>
      </c>
      <c r="AM601" s="81"/>
      <c r="AN601" s="81"/>
      <c r="AO601" s="81"/>
      <c r="AP601" s="81"/>
      <c r="AQ601" s="81"/>
      <c r="AR601" s="81"/>
      <c r="AS601" s="81"/>
      <c r="AT601" s="81"/>
      <c r="AU601" s="81"/>
      <c r="AV601" s="81"/>
      <c r="AW601" s="80">
        <f t="shared" si="334"/>
        <v>1277</v>
      </c>
      <c r="AX601" s="76">
        <f t="shared" si="333"/>
        <v>123.72357086922474</v>
      </c>
      <c r="AY601" s="79" t="str">
        <f t="shared" si="335"/>
        <v/>
      </c>
      <c r="AZ601" s="79" t="str">
        <f t="shared" si="336"/>
        <v/>
      </c>
      <c r="BA601" s="79" t="str">
        <f t="shared" si="337"/>
        <v/>
      </c>
      <c r="BB601" s="79" t="str">
        <f t="shared" si="338"/>
        <v/>
      </c>
      <c r="BC601" s="79" t="str">
        <f t="shared" si="339"/>
        <v/>
      </c>
      <c r="BD601" s="79" t="str">
        <f t="shared" si="340"/>
        <v/>
      </c>
      <c r="BE601" s="79" t="str">
        <f t="shared" si="341"/>
        <v/>
      </c>
      <c r="BF601" s="79" t="str">
        <f t="shared" si="342"/>
        <v/>
      </c>
      <c r="BG601" s="79" t="str">
        <f t="shared" si="343"/>
        <v/>
      </c>
      <c r="BH601" s="79" t="str">
        <f t="shared" si="344"/>
        <v/>
      </c>
      <c r="BI601" s="79" t="str">
        <f t="shared" si="345"/>
        <v/>
      </c>
      <c r="BJ601" s="79" t="str">
        <f t="shared" si="346"/>
        <v/>
      </c>
      <c r="BK601" s="79" t="str">
        <f t="shared" si="347"/>
        <v/>
      </c>
      <c r="BL601" s="79" t="str">
        <f t="shared" si="348"/>
        <v/>
      </c>
      <c r="BM601" s="79" t="str">
        <f t="shared" si="349"/>
        <v/>
      </c>
      <c r="BN601" s="79" t="str">
        <f t="shared" si="350"/>
        <v/>
      </c>
      <c r="BO601" s="79" t="str">
        <f t="shared" si="351"/>
        <v/>
      </c>
      <c r="BP601" s="79">
        <f t="shared" si="352"/>
        <v>95885.767423649173</v>
      </c>
      <c r="BQ601" s="79">
        <f t="shared" si="353"/>
        <v>12372.357086922475</v>
      </c>
      <c r="BR601" s="79">
        <f t="shared" si="354"/>
        <v>12372.357086922475</v>
      </c>
      <c r="BS601" s="79">
        <f t="shared" si="355"/>
        <v>37364.51840250587</v>
      </c>
      <c r="BT601" s="79" t="str">
        <f t="shared" si="356"/>
        <v/>
      </c>
      <c r="BU601" s="79" t="str">
        <f t="shared" si="357"/>
        <v/>
      </c>
      <c r="BV601" s="79" t="str">
        <f t="shared" si="358"/>
        <v/>
      </c>
      <c r="BW601" s="79" t="str">
        <f t="shared" si="359"/>
        <v/>
      </c>
      <c r="BX601" s="79" t="str">
        <f t="shared" si="360"/>
        <v/>
      </c>
      <c r="BY601" s="79" t="str">
        <f t="shared" si="361"/>
        <v/>
      </c>
      <c r="BZ601" s="79" t="str">
        <f t="shared" si="362"/>
        <v/>
      </c>
      <c r="CA601" s="79" t="str">
        <f t="shared" si="363"/>
        <v/>
      </c>
      <c r="CB601" s="79" t="str">
        <f t="shared" si="364"/>
        <v/>
      </c>
      <c r="CC601" s="79" t="str">
        <f t="shared" si="365"/>
        <v/>
      </c>
      <c r="CD601" s="81" t="s">
        <v>660</v>
      </c>
      <c r="CE601" s="81"/>
      <c r="CF601" s="83" t="s">
        <v>661</v>
      </c>
    </row>
    <row r="602" spans="1:84" ht="71.25" hidden="1" x14ac:dyDescent="0.2">
      <c r="A602" s="91">
        <v>602</v>
      </c>
      <c r="B602" s="23" t="s">
        <v>53</v>
      </c>
      <c r="C602" s="35" t="s">
        <v>655</v>
      </c>
      <c r="D602" s="77" t="s">
        <v>656</v>
      </c>
      <c r="E602" s="75" t="s">
        <v>664</v>
      </c>
      <c r="F602" s="75" t="s">
        <v>665</v>
      </c>
      <c r="G602" s="75" t="s">
        <v>86</v>
      </c>
      <c r="H602" s="75" t="s">
        <v>63</v>
      </c>
      <c r="I602" s="78" t="s">
        <v>81</v>
      </c>
      <c r="J602" s="77" t="s">
        <v>77</v>
      </c>
      <c r="K602" s="78" t="s">
        <v>225</v>
      </c>
      <c r="L602" s="76" t="s">
        <v>63</v>
      </c>
      <c r="M602" s="76" t="s">
        <v>63</v>
      </c>
      <c r="N602" s="144">
        <v>100315</v>
      </c>
      <c r="O602" s="81">
        <f t="shared" si="366"/>
        <v>100315</v>
      </c>
      <c r="P602" s="76" t="s">
        <v>659</v>
      </c>
      <c r="Q602" s="84" t="s">
        <v>65</v>
      </c>
      <c r="R602" s="81"/>
      <c r="S602" s="81"/>
      <c r="T602" s="81"/>
      <c r="U602" s="81"/>
      <c r="V602" s="81"/>
      <c r="W602" s="81"/>
      <c r="X602" s="81"/>
      <c r="Y602" s="81"/>
      <c r="Z602" s="81"/>
      <c r="AA602" s="81"/>
      <c r="AB602" s="81"/>
      <c r="AC602" s="81"/>
      <c r="AD602" s="81"/>
      <c r="AE602" s="81"/>
      <c r="AF602" s="81"/>
      <c r="AG602" s="81"/>
      <c r="AH602" s="81"/>
      <c r="AI602" s="79" t="s">
        <v>66</v>
      </c>
      <c r="AJ602" s="79" t="s">
        <v>66</v>
      </c>
      <c r="AK602" s="79" t="s">
        <v>66</v>
      </c>
      <c r="AL602" s="79" t="s">
        <v>66</v>
      </c>
      <c r="AM602" s="81"/>
      <c r="AN602" s="81"/>
      <c r="AO602" s="81"/>
      <c r="AP602" s="81"/>
      <c r="AQ602" s="81"/>
      <c r="AR602" s="81"/>
      <c r="AS602" s="81"/>
      <c r="AT602" s="81"/>
      <c r="AU602" s="81"/>
      <c r="AV602" s="81"/>
      <c r="AW602" s="80">
        <f t="shared" si="334"/>
        <v>1277</v>
      </c>
      <c r="AX602" s="76">
        <f t="shared" si="333"/>
        <v>78.555207517619422</v>
      </c>
      <c r="AY602" s="79" t="str">
        <f t="shared" si="335"/>
        <v/>
      </c>
      <c r="AZ602" s="79" t="str">
        <f t="shared" si="336"/>
        <v/>
      </c>
      <c r="BA602" s="79" t="str">
        <f t="shared" si="337"/>
        <v/>
      </c>
      <c r="BB602" s="79" t="str">
        <f t="shared" si="338"/>
        <v/>
      </c>
      <c r="BC602" s="79" t="str">
        <f t="shared" si="339"/>
        <v/>
      </c>
      <c r="BD602" s="79" t="str">
        <f t="shared" si="340"/>
        <v/>
      </c>
      <c r="BE602" s="79" t="str">
        <f t="shared" si="341"/>
        <v/>
      </c>
      <c r="BF602" s="79" t="str">
        <f t="shared" si="342"/>
        <v/>
      </c>
      <c r="BG602" s="79" t="str">
        <f t="shared" si="343"/>
        <v/>
      </c>
      <c r="BH602" s="79" t="str">
        <f t="shared" si="344"/>
        <v/>
      </c>
      <c r="BI602" s="79" t="str">
        <f t="shared" si="345"/>
        <v/>
      </c>
      <c r="BJ602" s="79" t="str">
        <f t="shared" si="346"/>
        <v/>
      </c>
      <c r="BK602" s="79" t="str">
        <f t="shared" si="347"/>
        <v/>
      </c>
      <c r="BL602" s="79" t="str">
        <f t="shared" si="348"/>
        <v/>
      </c>
      <c r="BM602" s="79" t="str">
        <f t="shared" si="349"/>
        <v/>
      </c>
      <c r="BN602" s="79" t="str">
        <f t="shared" si="350"/>
        <v/>
      </c>
      <c r="BO602" s="79" t="str">
        <f t="shared" si="351"/>
        <v/>
      </c>
      <c r="BP602" s="79">
        <f t="shared" si="352"/>
        <v>60880.28582615505</v>
      </c>
      <c r="BQ602" s="79">
        <f t="shared" si="353"/>
        <v>7855.5207517619419</v>
      </c>
      <c r="BR602" s="79">
        <f t="shared" si="354"/>
        <v>7855.5207517619419</v>
      </c>
      <c r="BS602" s="79">
        <f t="shared" si="355"/>
        <v>23723.672670321066</v>
      </c>
      <c r="BT602" s="79" t="str">
        <f t="shared" si="356"/>
        <v/>
      </c>
      <c r="BU602" s="79" t="str">
        <f t="shared" si="357"/>
        <v/>
      </c>
      <c r="BV602" s="79" t="str">
        <f t="shared" si="358"/>
        <v/>
      </c>
      <c r="BW602" s="79" t="str">
        <f t="shared" si="359"/>
        <v/>
      </c>
      <c r="BX602" s="79" t="str">
        <f t="shared" si="360"/>
        <v/>
      </c>
      <c r="BY602" s="79" t="str">
        <f t="shared" si="361"/>
        <v/>
      </c>
      <c r="BZ602" s="79" t="str">
        <f t="shared" si="362"/>
        <v/>
      </c>
      <c r="CA602" s="79" t="str">
        <f t="shared" si="363"/>
        <v/>
      </c>
      <c r="CB602" s="79" t="str">
        <f t="shared" si="364"/>
        <v/>
      </c>
      <c r="CC602" s="79" t="str">
        <f t="shared" si="365"/>
        <v/>
      </c>
      <c r="CD602" s="81" t="s">
        <v>660</v>
      </c>
      <c r="CE602" s="81"/>
      <c r="CF602" s="83" t="s">
        <v>661</v>
      </c>
    </row>
    <row r="603" spans="1:84" ht="56.1" hidden="1" customHeight="1" x14ac:dyDescent="0.2">
      <c r="A603" s="91">
        <v>603</v>
      </c>
      <c r="B603" s="23" t="s">
        <v>53</v>
      </c>
      <c r="C603" s="35" t="s">
        <v>655</v>
      </c>
      <c r="D603" s="77" t="s">
        <v>656</v>
      </c>
      <c r="E603" s="75" t="s">
        <v>666</v>
      </c>
      <c r="F603" s="75" t="s">
        <v>667</v>
      </c>
      <c r="G603" s="75" t="s">
        <v>86</v>
      </c>
      <c r="H603" s="75" t="s">
        <v>63</v>
      </c>
      <c r="I603" s="78" t="s">
        <v>81</v>
      </c>
      <c r="J603" s="77" t="s">
        <v>77</v>
      </c>
      <c r="K603" s="78" t="s">
        <v>225</v>
      </c>
      <c r="L603" s="76" t="s">
        <v>63</v>
      </c>
      <c r="M603" s="76" t="s">
        <v>63</v>
      </c>
      <c r="N603" s="81">
        <v>1416942</v>
      </c>
      <c r="O603" s="81">
        <f t="shared" si="366"/>
        <v>1416942</v>
      </c>
      <c r="P603" s="76" t="s">
        <v>659</v>
      </c>
      <c r="Q603" s="84" t="s">
        <v>65</v>
      </c>
      <c r="R603" s="81"/>
      <c r="S603" s="81"/>
      <c r="T603" s="81"/>
      <c r="U603" s="81"/>
      <c r="V603" s="81"/>
      <c r="W603" s="81"/>
      <c r="X603" s="81"/>
      <c r="Y603" s="81"/>
      <c r="Z603" s="81"/>
      <c r="AA603" s="81"/>
      <c r="AB603" s="81"/>
      <c r="AC603" s="81"/>
      <c r="AD603" s="81"/>
      <c r="AE603" s="81"/>
      <c r="AF603" s="81"/>
      <c r="AG603" s="81"/>
      <c r="AH603" s="81"/>
      <c r="AI603" s="79" t="s">
        <v>66</v>
      </c>
      <c r="AJ603" s="79" t="s">
        <v>66</v>
      </c>
      <c r="AK603" s="79" t="s">
        <v>66</v>
      </c>
      <c r="AL603" s="79" t="s">
        <v>66</v>
      </c>
      <c r="AM603" s="81"/>
      <c r="AN603" s="81"/>
      <c r="AO603" s="81"/>
      <c r="AP603" s="81"/>
      <c r="AQ603" s="81"/>
      <c r="AR603" s="81"/>
      <c r="AS603" s="81"/>
      <c r="AT603" s="81"/>
      <c r="AU603" s="81"/>
      <c r="AV603" s="81"/>
      <c r="AW603" s="80">
        <f t="shared" si="334"/>
        <v>1277</v>
      </c>
      <c r="AX603" s="76">
        <f t="shared" si="333"/>
        <v>1109.5865309318715</v>
      </c>
      <c r="AY603" s="79" t="str">
        <f t="shared" si="335"/>
        <v/>
      </c>
      <c r="AZ603" s="79" t="str">
        <f t="shared" si="336"/>
        <v/>
      </c>
      <c r="BA603" s="79" t="str">
        <f t="shared" si="337"/>
        <v/>
      </c>
      <c r="BB603" s="79" t="str">
        <f t="shared" si="338"/>
        <v/>
      </c>
      <c r="BC603" s="79" t="str">
        <f t="shared" si="339"/>
        <v/>
      </c>
      <c r="BD603" s="79" t="str">
        <f t="shared" si="340"/>
        <v/>
      </c>
      <c r="BE603" s="79" t="str">
        <f t="shared" si="341"/>
        <v/>
      </c>
      <c r="BF603" s="79" t="str">
        <f t="shared" si="342"/>
        <v/>
      </c>
      <c r="BG603" s="79" t="str">
        <f t="shared" si="343"/>
        <v/>
      </c>
      <c r="BH603" s="79" t="str">
        <f t="shared" si="344"/>
        <v/>
      </c>
      <c r="BI603" s="79" t="str">
        <f t="shared" si="345"/>
        <v/>
      </c>
      <c r="BJ603" s="79" t="str">
        <f t="shared" si="346"/>
        <v/>
      </c>
      <c r="BK603" s="79" t="str">
        <f t="shared" si="347"/>
        <v/>
      </c>
      <c r="BL603" s="79" t="str">
        <f t="shared" si="348"/>
        <v/>
      </c>
      <c r="BM603" s="79" t="str">
        <f t="shared" si="349"/>
        <v/>
      </c>
      <c r="BN603" s="79" t="str">
        <f t="shared" si="350"/>
        <v/>
      </c>
      <c r="BO603" s="79" t="str">
        <f t="shared" si="351"/>
        <v/>
      </c>
      <c r="BP603" s="79">
        <f t="shared" si="352"/>
        <v>859929.56147220044</v>
      </c>
      <c r="BQ603" s="79">
        <f t="shared" si="353"/>
        <v>110958.65309318715</v>
      </c>
      <c r="BR603" s="79">
        <f t="shared" si="354"/>
        <v>110958.65309318715</v>
      </c>
      <c r="BS603" s="79">
        <f t="shared" si="355"/>
        <v>335095.13234142517</v>
      </c>
      <c r="BT603" s="79" t="str">
        <f t="shared" si="356"/>
        <v/>
      </c>
      <c r="BU603" s="79" t="str">
        <f t="shared" si="357"/>
        <v/>
      </c>
      <c r="BV603" s="79" t="str">
        <f t="shared" si="358"/>
        <v/>
      </c>
      <c r="BW603" s="79" t="str">
        <f t="shared" si="359"/>
        <v/>
      </c>
      <c r="BX603" s="79" t="str">
        <f t="shared" si="360"/>
        <v/>
      </c>
      <c r="BY603" s="79" t="str">
        <f t="shared" si="361"/>
        <v/>
      </c>
      <c r="BZ603" s="79" t="str">
        <f t="shared" si="362"/>
        <v/>
      </c>
      <c r="CA603" s="79" t="str">
        <f t="shared" si="363"/>
        <v/>
      </c>
      <c r="CB603" s="79" t="str">
        <f t="shared" si="364"/>
        <v/>
      </c>
      <c r="CC603" s="79" t="str">
        <f t="shared" si="365"/>
        <v/>
      </c>
      <c r="CD603" s="81" t="s">
        <v>660</v>
      </c>
      <c r="CE603" s="81"/>
      <c r="CF603" s="83" t="s">
        <v>661</v>
      </c>
    </row>
    <row r="604" spans="1:84" ht="114" hidden="1" x14ac:dyDescent="0.2">
      <c r="A604" s="91">
        <v>604</v>
      </c>
      <c r="B604" s="23" t="s">
        <v>53</v>
      </c>
      <c r="C604" s="35" t="s">
        <v>655</v>
      </c>
      <c r="D604" s="77" t="s">
        <v>656</v>
      </c>
      <c r="E604" s="75" t="s">
        <v>668</v>
      </c>
      <c r="F604" s="75" t="s">
        <v>669</v>
      </c>
      <c r="G604" s="75" t="s">
        <v>86</v>
      </c>
      <c r="H604" s="75" t="s">
        <v>63</v>
      </c>
      <c r="I604" s="78" t="s">
        <v>81</v>
      </c>
      <c r="J604" s="77" t="s">
        <v>77</v>
      </c>
      <c r="K604" s="78" t="s">
        <v>225</v>
      </c>
      <c r="L604" s="76" t="s">
        <v>63</v>
      </c>
      <c r="M604" s="76" t="s">
        <v>63</v>
      </c>
      <c r="N604" s="81">
        <v>290661</v>
      </c>
      <c r="O604" s="81">
        <f t="shared" si="366"/>
        <v>290661</v>
      </c>
      <c r="P604" s="76" t="s">
        <v>659</v>
      </c>
      <c r="Q604" s="84" t="s">
        <v>65</v>
      </c>
      <c r="R604" s="81"/>
      <c r="S604" s="81"/>
      <c r="T604" s="81"/>
      <c r="U604" s="81"/>
      <c r="V604" s="81"/>
      <c r="W604" s="81"/>
      <c r="X604" s="81"/>
      <c r="Y604" s="81"/>
      <c r="Z604" s="81"/>
      <c r="AA604" s="81"/>
      <c r="AB604" s="81"/>
      <c r="AC604" s="81"/>
      <c r="AD604" s="81"/>
      <c r="AE604" s="81"/>
      <c r="AF604" s="81"/>
      <c r="AG604" s="81"/>
      <c r="AH604" s="81"/>
      <c r="AI604" s="79" t="s">
        <v>66</v>
      </c>
      <c r="AJ604" s="79" t="s">
        <v>66</v>
      </c>
      <c r="AK604" s="79" t="s">
        <v>66</v>
      </c>
      <c r="AL604" s="79" t="s">
        <v>66</v>
      </c>
      <c r="AM604" s="81"/>
      <c r="AN604" s="81"/>
      <c r="AO604" s="81"/>
      <c r="AP604" s="81"/>
      <c r="AQ604" s="81"/>
      <c r="AR604" s="81"/>
      <c r="AS604" s="81"/>
      <c r="AT604" s="81"/>
      <c r="AU604" s="81"/>
      <c r="AV604" s="81"/>
      <c r="AW604" s="80">
        <f t="shared" si="334"/>
        <v>1277</v>
      </c>
      <c r="AX604" s="76">
        <f t="shared" si="333"/>
        <v>227.61237274862961</v>
      </c>
      <c r="AY604" s="79" t="str">
        <f t="shared" si="335"/>
        <v/>
      </c>
      <c r="AZ604" s="79" t="str">
        <f t="shared" si="336"/>
        <v/>
      </c>
      <c r="BA604" s="79" t="str">
        <f t="shared" si="337"/>
        <v/>
      </c>
      <c r="BB604" s="79" t="str">
        <f t="shared" si="338"/>
        <v/>
      </c>
      <c r="BC604" s="79" t="str">
        <f t="shared" si="339"/>
        <v/>
      </c>
      <c r="BD604" s="79" t="str">
        <f t="shared" si="340"/>
        <v/>
      </c>
      <c r="BE604" s="79" t="str">
        <f t="shared" si="341"/>
        <v/>
      </c>
      <c r="BF604" s="79" t="str">
        <f t="shared" si="342"/>
        <v/>
      </c>
      <c r="BG604" s="79" t="str">
        <f t="shared" si="343"/>
        <v/>
      </c>
      <c r="BH604" s="79" t="str">
        <f t="shared" si="344"/>
        <v/>
      </c>
      <c r="BI604" s="79" t="str">
        <f t="shared" si="345"/>
        <v/>
      </c>
      <c r="BJ604" s="79" t="str">
        <f t="shared" si="346"/>
        <v/>
      </c>
      <c r="BK604" s="79" t="str">
        <f t="shared" si="347"/>
        <v/>
      </c>
      <c r="BL604" s="79" t="str">
        <f t="shared" si="348"/>
        <v/>
      </c>
      <c r="BM604" s="79" t="str">
        <f t="shared" si="349"/>
        <v/>
      </c>
      <c r="BN604" s="79" t="str">
        <f t="shared" si="350"/>
        <v/>
      </c>
      <c r="BO604" s="79" t="str">
        <f t="shared" si="351"/>
        <v/>
      </c>
      <c r="BP604" s="79">
        <f t="shared" si="352"/>
        <v>176399.58888018795</v>
      </c>
      <c r="BQ604" s="79">
        <f t="shared" si="353"/>
        <v>22761.23727486296</v>
      </c>
      <c r="BR604" s="79">
        <f t="shared" si="354"/>
        <v>22761.23727486296</v>
      </c>
      <c r="BS604" s="79">
        <f t="shared" si="355"/>
        <v>68738.936570086138</v>
      </c>
      <c r="BT604" s="79" t="str">
        <f t="shared" si="356"/>
        <v/>
      </c>
      <c r="BU604" s="79" t="str">
        <f t="shared" si="357"/>
        <v/>
      </c>
      <c r="BV604" s="79" t="str">
        <f t="shared" si="358"/>
        <v/>
      </c>
      <c r="BW604" s="79" t="str">
        <f t="shared" si="359"/>
        <v/>
      </c>
      <c r="BX604" s="79" t="str">
        <f t="shared" si="360"/>
        <v/>
      </c>
      <c r="BY604" s="79" t="str">
        <f t="shared" si="361"/>
        <v/>
      </c>
      <c r="BZ604" s="79" t="str">
        <f t="shared" si="362"/>
        <v/>
      </c>
      <c r="CA604" s="79" t="str">
        <f t="shared" si="363"/>
        <v/>
      </c>
      <c r="CB604" s="79" t="str">
        <f t="shared" si="364"/>
        <v/>
      </c>
      <c r="CC604" s="79" t="str">
        <f t="shared" si="365"/>
        <v/>
      </c>
      <c r="CD604" s="81" t="s">
        <v>660</v>
      </c>
      <c r="CE604" s="81"/>
      <c r="CF604" s="83" t="s">
        <v>661</v>
      </c>
    </row>
    <row r="605" spans="1:84" ht="56.1" hidden="1" customHeight="1" x14ac:dyDescent="0.2">
      <c r="A605" s="91">
        <v>605</v>
      </c>
      <c r="B605" s="23" t="s">
        <v>53</v>
      </c>
      <c r="C605" s="35" t="s">
        <v>655</v>
      </c>
      <c r="D605" s="77" t="s">
        <v>656</v>
      </c>
      <c r="E605" s="75" t="s">
        <v>670</v>
      </c>
      <c r="F605" s="75" t="s">
        <v>671</v>
      </c>
      <c r="G605" s="75" t="s">
        <v>86</v>
      </c>
      <c r="H605" s="75" t="s">
        <v>63</v>
      </c>
      <c r="I605" s="78" t="s">
        <v>81</v>
      </c>
      <c r="J605" s="77" t="s">
        <v>77</v>
      </c>
      <c r="K605" s="78" t="s">
        <v>225</v>
      </c>
      <c r="L605" s="76" t="s">
        <v>63</v>
      </c>
      <c r="M605" s="76" t="s">
        <v>63</v>
      </c>
      <c r="N605" s="81">
        <v>163011</v>
      </c>
      <c r="O605" s="81">
        <f t="shared" si="366"/>
        <v>163011</v>
      </c>
      <c r="P605" s="76" t="s">
        <v>659</v>
      </c>
      <c r="Q605" s="84" t="s">
        <v>65</v>
      </c>
      <c r="R605" s="81"/>
      <c r="S605" s="81"/>
      <c r="T605" s="81"/>
      <c r="U605" s="81"/>
      <c r="V605" s="81"/>
      <c r="W605" s="81"/>
      <c r="X605" s="81"/>
      <c r="Y605" s="81"/>
      <c r="Z605" s="81"/>
      <c r="AA605" s="81"/>
      <c r="AB605" s="81"/>
      <c r="AC605" s="81"/>
      <c r="AD605" s="81"/>
      <c r="AE605" s="81"/>
      <c r="AF605" s="81"/>
      <c r="AG605" s="81"/>
      <c r="AH605" s="81"/>
      <c r="AI605" s="79" t="s">
        <v>66</v>
      </c>
      <c r="AJ605" s="79" t="s">
        <v>66</v>
      </c>
      <c r="AK605" s="79" t="s">
        <v>66</v>
      </c>
      <c r="AL605" s="79" t="s">
        <v>66</v>
      </c>
      <c r="AM605" s="81"/>
      <c r="AN605" s="81"/>
      <c r="AO605" s="81"/>
      <c r="AP605" s="81"/>
      <c r="AQ605" s="81"/>
      <c r="AR605" s="81"/>
      <c r="AS605" s="81"/>
      <c r="AT605" s="81"/>
      <c r="AU605" s="81"/>
      <c r="AV605" s="81"/>
      <c r="AW605" s="80">
        <f t="shared" si="334"/>
        <v>1277</v>
      </c>
      <c r="AX605" s="76">
        <f t="shared" si="333"/>
        <v>127.65152701644479</v>
      </c>
      <c r="AY605" s="79" t="str">
        <f t="shared" si="335"/>
        <v/>
      </c>
      <c r="AZ605" s="79" t="str">
        <f t="shared" si="336"/>
        <v/>
      </c>
      <c r="BA605" s="79" t="str">
        <f t="shared" si="337"/>
        <v/>
      </c>
      <c r="BB605" s="79" t="str">
        <f t="shared" si="338"/>
        <v/>
      </c>
      <c r="BC605" s="79" t="str">
        <f t="shared" si="339"/>
        <v/>
      </c>
      <c r="BD605" s="79" t="str">
        <f t="shared" si="340"/>
        <v/>
      </c>
      <c r="BE605" s="79" t="str">
        <f t="shared" si="341"/>
        <v/>
      </c>
      <c r="BF605" s="79" t="str">
        <f t="shared" si="342"/>
        <v/>
      </c>
      <c r="BG605" s="79" t="str">
        <f t="shared" si="343"/>
        <v/>
      </c>
      <c r="BH605" s="79" t="str">
        <f t="shared" si="344"/>
        <v/>
      </c>
      <c r="BI605" s="79" t="str">
        <f t="shared" si="345"/>
        <v/>
      </c>
      <c r="BJ605" s="79" t="str">
        <f t="shared" si="346"/>
        <v/>
      </c>
      <c r="BK605" s="79" t="str">
        <f t="shared" si="347"/>
        <v/>
      </c>
      <c r="BL605" s="79" t="str">
        <f t="shared" si="348"/>
        <v/>
      </c>
      <c r="BM605" s="79" t="str">
        <f t="shared" si="349"/>
        <v/>
      </c>
      <c r="BN605" s="79" t="str">
        <f t="shared" si="350"/>
        <v/>
      </c>
      <c r="BO605" s="79" t="str">
        <f t="shared" si="351"/>
        <v/>
      </c>
      <c r="BP605" s="79">
        <f t="shared" si="352"/>
        <v>98929.933437744708</v>
      </c>
      <c r="BQ605" s="79">
        <f t="shared" si="353"/>
        <v>12765.152701644478</v>
      </c>
      <c r="BR605" s="79">
        <f t="shared" si="354"/>
        <v>12765.152701644478</v>
      </c>
      <c r="BS605" s="79">
        <f t="shared" si="355"/>
        <v>38550.761158966328</v>
      </c>
      <c r="BT605" s="79" t="str">
        <f t="shared" si="356"/>
        <v/>
      </c>
      <c r="BU605" s="79" t="str">
        <f t="shared" si="357"/>
        <v/>
      </c>
      <c r="BV605" s="79" t="str">
        <f t="shared" si="358"/>
        <v/>
      </c>
      <c r="BW605" s="79" t="str">
        <f t="shared" si="359"/>
        <v/>
      </c>
      <c r="BX605" s="79" t="str">
        <f t="shared" si="360"/>
        <v/>
      </c>
      <c r="BY605" s="79" t="str">
        <f t="shared" si="361"/>
        <v/>
      </c>
      <c r="BZ605" s="79" t="str">
        <f t="shared" si="362"/>
        <v/>
      </c>
      <c r="CA605" s="79" t="str">
        <f t="shared" si="363"/>
        <v/>
      </c>
      <c r="CB605" s="79" t="str">
        <f t="shared" si="364"/>
        <v/>
      </c>
      <c r="CC605" s="79" t="str">
        <f t="shared" si="365"/>
        <v/>
      </c>
      <c r="CD605" s="81" t="s">
        <v>660</v>
      </c>
      <c r="CE605" s="81"/>
      <c r="CF605" s="83" t="s">
        <v>661</v>
      </c>
    </row>
    <row r="606" spans="1:84" ht="56.1" hidden="1" customHeight="1" x14ac:dyDescent="0.2">
      <c r="A606" s="91">
        <v>606</v>
      </c>
      <c r="B606" s="23" t="s">
        <v>53</v>
      </c>
      <c r="C606" s="35" t="s">
        <v>655</v>
      </c>
      <c r="D606" s="77" t="s">
        <v>656</v>
      </c>
      <c r="E606" s="75" t="s">
        <v>672</v>
      </c>
      <c r="F606" s="75" t="s">
        <v>673</v>
      </c>
      <c r="G606" s="75" t="s">
        <v>86</v>
      </c>
      <c r="H606" s="75" t="s">
        <v>63</v>
      </c>
      <c r="I606" s="78" t="s">
        <v>81</v>
      </c>
      <c r="J606" s="77" t="s">
        <v>77</v>
      </c>
      <c r="K606" s="78" t="s">
        <v>225</v>
      </c>
      <c r="L606" s="76" t="s">
        <v>63</v>
      </c>
      <c r="M606" s="76" t="s">
        <v>63</v>
      </c>
      <c r="N606" s="81">
        <v>112854</v>
      </c>
      <c r="O606" s="81">
        <f t="shared" si="366"/>
        <v>112854</v>
      </c>
      <c r="P606" s="76" t="s">
        <v>659</v>
      </c>
      <c r="Q606" s="84" t="s">
        <v>65</v>
      </c>
      <c r="R606" s="81"/>
      <c r="S606" s="81"/>
      <c r="T606" s="81"/>
      <c r="U606" s="81"/>
      <c r="V606" s="81"/>
      <c r="W606" s="81"/>
      <c r="X606" s="81"/>
      <c r="Y606" s="81"/>
      <c r="Z606" s="81"/>
      <c r="AA606" s="81"/>
      <c r="AB606" s="81"/>
      <c r="AC606" s="81"/>
      <c r="AD606" s="81"/>
      <c r="AE606" s="81"/>
      <c r="AF606" s="81"/>
      <c r="AG606" s="81"/>
      <c r="AH606" s="81"/>
      <c r="AI606" s="79" t="s">
        <v>66</v>
      </c>
      <c r="AJ606" s="79" t="s">
        <v>66</v>
      </c>
      <c r="AK606" s="79" t="s">
        <v>66</v>
      </c>
      <c r="AL606" s="79" t="s">
        <v>66</v>
      </c>
      <c r="AM606" s="81"/>
      <c r="AN606" s="81"/>
      <c r="AO606" s="81"/>
      <c r="AP606" s="81"/>
      <c r="AQ606" s="81"/>
      <c r="AR606" s="81"/>
      <c r="AS606" s="81"/>
      <c r="AT606" s="81"/>
      <c r="AU606" s="81"/>
      <c r="AV606" s="81"/>
      <c r="AW606" s="80">
        <f t="shared" si="334"/>
        <v>1277</v>
      </c>
      <c r="AX606" s="76">
        <f t="shared" si="333"/>
        <v>88.374314800313229</v>
      </c>
      <c r="AY606" s="79" t="str">
        <f t="shared" si="335"/>
        <v/>
      </c>
      <c r="AZ606" s="79" t="str">
        <f t="shared" si="336"/>
        <v/>
      </c>
      <c r="BA606" s="79" t="str">
        <f t="shared" si="337"/>
        <v/>
      </c>
      <c r="BB606" s="79" t="str">
        <f t="shared" si="338"/>
        <v/>
      </c>
      <c r="BC606" s="79" t="str">
        <f t="shared" si="339"/>
        <v/>
      </c>
      <c r="BD606" s="79" t="str">
        <f t="shared" si="340"/>
        <v/>
      </c>
      <c r="BE606" s="79" t="str">
        <f t="shared" si="341"/>
        <v/>
      </c>
      <c r="BF606" s="79" t="str">
        <f t="shared" si="342"/>
        <v/>
      </c>
      <c r="BG606" s="79" t="str">
        <f t="shared" si="343"/>
        <v/>
      </c>
      <c r="BH606" s="79" t="str">
        <f t="shared" si="344"/>
        <v/>
      </c>
      <c r="BI606" s="79" t="str">
        <f t="shared" si="345"/>
        <v/>
      </c>
      <c r="BJ606" s="79" t="str">
        <f t="shared" si="346"/>
        <v/>
      </c>
      <c r="BK606" s="79" t="str">
        <f t="shared" si="347"/>
        <v/>
      </c>
      <c r="BL606" s="79" t="str">
        <f t="shared" si="348"/>
        <v/>
      </c>
      <c r="BM606" s="79" t="str">
        <f t="shared" si="349"/>
        <v/>
      </c>
      <c r="BN606" s="79" t="str">
        <f t="shared" si="350"/>
        <v/>
      </c>
      <c r="BO606" s="79" t="str">
        <f t="shared" si="351"/>
        <v/>
      </c>
      <c r="BP606" s="79">
        <f t="shared" si="352"/>
        <v>68490.093970242757</v>
      </c>
      <c r="BQ606" s="79">
        <f t="shared" si="353"/>
        <v>8837.4314800313223</v>
      </c>
      <c r="BR606" s="79">
        <f t="shared" si="354"/>
        <v>8837.4314800313223</v>
      </c>
      <c r="BS606" s="79">
        <f t="shared" si="355"/>
        <v>26689.043069694595</v>
      </c>
      <c r="BT606" s="79" t="str">
        <f t="shared" si="356"/>
        <v/>
      </c>
      <c r="BU606" s="79" t="str">
        <f t="shared" si="357"/>
        <v/>
      </c>
      <c r="BV606" s="79" t="str">
        <f t="shared" si="358"/>
        <v/>
      </c>
      <c r="BW606" s="79" t="str">
        <f t="shared" si="359"/>
        <v/>
      </c>
      <c r="BX606" s="79" t="str">
        <f t="shared" si="360"/>
        <v/>
      </c>
      <c r="BY606" s="79" t="str">
        <f t="shared" si="361"/>
        <v/>
      </c>
      <c r="BZ606" s="79" t="str">
        <f t="shared" si="362"/>
        <v/>
      </c>
      <c r="CA606" s="79" t="str">
        <f t="shared" si="363"/>
        <v/>
      </c>
      <c r="CB606" s="79" t="str">
        <f t="shared" si="364"/>
        <v/>
      </c>
      <c r="CC606" s="79" t="str">
        <f t="shared" si="365"/>
        <v/>
      </c>
      <c r="CD606" s="81" t="s">
        <v>660</v>
      </c>
      <c r="CE606" s="81"/>
      <c r="CF606" s="83" t="s">
        <v>661</v>
      </c>
    </row>
    <row r="607" spans="1:84" ht="56.1" hidden="1" customHeight="1" x14ac:dyDescent="0.2">
      <c r="A607" s="91">
        <v>607</v>
      </c>
      <c r="B607" s="23" t="s">
        <v>53</v>
      </c>
      <c r="C607" s="35" t="s">
        <v>655</v>
      </c>
      <c r="D607" s="77" t="s">
        <v>656</v>
      </c>
      <c r="E607" s="75" t="s">
        <v>674</v>
      </c>
      <c r="F607" s="75" t="s">
        <v>675</v>
      </c>
      <c r="G607" s="75" t="s">
        <v>86</v>
      </c>
      <c r="H607" s="75" t="s">
        <v>63</v>
      </c>
      <c r="I607" s="78" t="s">
        <v>81</v>
      </c>
      <c r="J607" s="77" t="s">
        <v>77</v>
      </c>
      <c r="K607" s="78" t="s">
        <v>225</v>
      </c>
      <c r="L607" s="76" t="s">
        <v>63</v>
      </c>
      <c r="M607" s="76" t="s">
        <v>63</v>
      </c>
      <c r="N607" s="81">
        <v>56427</v>
      </c>
      <c r="O607" s="81">
        <f t="shared" si="366"/>
        <v>56427</v>
      </c>
      <c r="P607" s="76" t="s">
        <v>659</v>
      </c>
      <c r="Q607" s="84" t="s">
        <v>65</v>
      </c>
      <c r="R607" s="81"/>
      <c r="S607" s="81"/>
      <c r="T607" s="81"/>
      <c r="U607" s="81"/>
      <c r="V607" s="81"/>
      <c r="W607" s="81"/>
      <c r="X607" s="81"/>
      <c r="Y607" s="81"/>
      <c r="Z607" s="81"/>
      <c r="AA607" s="81"/>
      <c r="AB607" s="81"/>
      <c r="AC607" s="81"/>
      <c r="AD607" s="81"/>
      <c r="AE607" s="81"/>
      <c r="AF607" s="81"/>
      <c r="AG607" s="81"/>
      <c r="AH607" s="81"/>
      <c r="AI607" s="79" t="s">
        <v>66</v>
      </c>
      <c r="AJ607" s="79" t="s">
        <v>66</v>
      </c>
      <c r="AK607" s="79" t="s">
        <v>66</v>
      </c>
      <c r="AL607" s="79" t="s">
        <v>66</v>
      </c>
      <c r="AM607" s="81"/>
      <c r="AN607" s="81"/>
      <c r="AO607" s="81"/>
      <c r="AP607" s="81"/>
      <c r="AQ607" s="81"/>
      <c r="AR607" s="81"/>
      <c r="AS607" s="81"/>
      <c r="AT607" s="81"/>
      <c r="AU607" s="81"/>
      <c r="AV607" s="81"/>
      <c r="AW607" s="80">
        <f t="shared" si="334"/>
        <v>1277</v>
      </c>
      <c r="AX607" s="76">
        <f t="shared" si="333"/>
        <v>44.187157400156615</v>
      </c>
      <c r="AY607" s="79" t="str">
        <f t="shared" si="335"/>
        <v/>
      </c>
      <c r="AZ607" s="79" t="str">
        <f t="shared" si="336"/>
        <v/>
      </c>
      <c r="BA607" s="79" t="str">
        <f t="shared" si="337"/>
        <v/>
      </c>
      <c r="BB607" s="79" t="str">
        <f t="shared" si="338"/>
        <v/>
      </c>
      <c r="BC607" s="79" t="str">
        <f t="shared" si="339"/>
        <v/>
      </c>
      <c r="BD607" s="79" t="str">
        <f t="shared" si="340"/>
        <v/>
      </c>
      <c r="BE607" s="79" t="str">
        <f t="shared" si="341"/>
        <v/>
      </c>
      <c r="BF607" s="79" t="str">
        <f t="shared" si="342"/>
        <v/>
      </c>
      <c r="BG607" s="79" t="str">
        <f t="shared" si="343"/>
        <v/>
      </c>
      <c r="BH607" s="79" t="str">
        <f t="shared" si="344"/>
        <v/>
      </c>
      <c r="BI607" s="79" t="str">
        <f t="shared" si="345"/>
        <v/>
      </c>
      <c r="BJ607" s="79" t="str">
        <f t="shared" si="346"/>
        <v/>
      </c>
      <c r="BK607" s="79" t="str">
        <f t="shared" si="347"/>
        <v/>
      </c>
      <c r="BL607" s="79" t="str">
        <f t="shared" si="348"/>
        <v/>
      </c>
      <c r="BM607" s="79" t="str">
        <f t="shared" si="349"/>
        <v/>
      </c>
      <c r="BN607" s="79" t="str">
        <f t="shared" si="350"/>
        <v/>
      </c>
      <c r="BO607" s="79" t="str">
        <f t="shared" si="351"/>
        <v/>
      </c>
      <c r="BP607" s="79">
        <f t="shared" si="352"/>
        <v>34245.046985121378</v>
      </c>
      <c r="BQ607" s="79">
        <f t="shared" si="353"/>
        <v>4418.7157400156611</v>
      </c>
      <c r="BR607" s="79">
        <f t="shared" si="354"/>
        <v>4418.7157400156611</v>
      </c>
      <c r="BS607" s="79">
        <f t="shared" si="355"/>
        <v>13344.521534847298</v>
      </c>
      <c r="BT607" s="79" t="str">
        <f t="shared" si="356"/>
        <v/>
      </c>
      <c r="BU607" s="79" t="str">
        <f t="shared" si="357"/>
        <v/>
      </c>
      <c r="BV607" s="79" t="str">
        <f t="shared" si="358"/>
        <v/>
      </c>
      <c r="BW607" s="79" t="str">
        <f t="shared" si="359"/>
        <v/>
      </c>
      <c r="BX607" s="79" t="str">
        <f t="shared" si="360"/>
        <v/>
      </c>
      <c r="BY607" s="79" t="str">
        <f t="shared" si="361"/>
        <v/>
      </c>
      <c r="BZ607" s="79" t="str">
        <f t="shared" si="362"/>
        <v/>
      </c>
      <c r="CA607" s="79" t="str">
        <f t="shared" si="363"/>
        <v/>
      </c>
      <c r="CB607" s="79" t="str">
        <f t="shared" si="364"/>
        <v/>
      </c>
      <c r="CC607" s="79" t="str">
        <f t="shared" si="365"/>
        <v/>
      </c>
      <c r="CD607" s="81" t="s">
        <v>660</v>
      </c>
      <c r="CE607" s="81"/>
      <c r="CF607" s="83" t="s">
        <v>661</v>
      </c>
    </row>
    <row r="608" spans="1:84" ht="56.1" hidden="1" customHeight="1" x14ac:dyDescent="0.2">
      <c r="A608" s="91">
        <v>608</v>
      </c>
      <c r="B608" s="23" t="s">
        <v>53</v>
      </c>
      <c r="C608" s="35" t="s">
        <v>655</v>
      </c>
      <c r="D608" s="77" t="s">
        <v>656</v>
      </c>
      <c r="E608" s="75" t="s">
        <v>676</v>
      </c>
      <c r="F608" s="75" t="s">
        <v>677</v>
      </c>
      <c r="G608" s="75" t="s">
        <v>86</v>
      </c>
      <c r="H608" s="75" t="s">
        <v>63</v>
      </c>
      <c r="I608" s="78" t="s">
        <v>81</v>
      </c>
      <c r="J608" s="77" t="s">
        <v>77</v>
      </c>
      <c r="K608" s="78" t="s">
        <v>225</v>
      </c>
      <c r="L608" s="76" t="s">
        <v>63</v>
      </c>
      <c r="M608" s="76" t="s">
        <v>63</v>
      </c>
      <c r="N608" s="81">
        <v>75236</v>
      </c>
      <c r="O608" s="81">
        <f t="shared" si="366"/>
        <v>75236</v>
      </c>
      <c r="P608" s="76" t="s">
        <v>659</v>
      </c>
      <c r="Q608" s="84" t="s">
        <v>65</v>
      </c>
      <c r="R608" s="81"/>
      <c r="S608" s="81"/>
      <c r="T608" s="81"/>
      <c r="U608" s="81"/>
      <c r="V608" s="81"/>
      <c r="W608" s="81"/>
      <c r="X608" s="81"/>
      <c r="Y608" s="81"/>
      <c r="Z608" s="81"/>
      <c r="AA608" s="81"/>
      <c r="AB608" s="81"/>
      <c r="AC608" s="81"/>
      <c r="AD608" s="81"/>
      <c r="AE608" s="81"/>
      <c r="AF608" s="81"/>
      <c r="AG608" s="81"/>
      <c r="AH608" s="81"/>
      <c r="AI608" s="79" t="s">
        <v>66</v>
      </c>
      <c r="AJ608" s="79" t="s">
        <v>66</v>
      </c>
      <c r="AK608" s="79" t="s">
        <v>66</v>
      </c>
      <c r="AL608" s="79" t="s">
        <v>66</v>
      </c>
      <c r="AM608" s="81"/>
      <c r="AN608" s="81"/>
      <c r="AO608" s="81"/>
      <c r="AP608" s="81"/>
      <c r="AQ608" s="81"/>
      <c r="AR608" s="81"/>
      <c r="AS608" s="81"/>
      <c r="AT608" s="81"/>
      <c r="AU608" s="81"/>
      <c r="AV608" s="81"/>
      <c r="AW608" s="80">
        <f t="shared" si="334"/>
        <v>1277</v>
      </c>
      <c r="AX608" s="76">
        <f t="shared" si="333"/>
        <v>58.916209866875491</v>
      </c>
      <c r="AY608" s="79" t="str">
        <f t="shared" si="335"/>
        <v/>
      </c>
      <c r="AZ608" s="79" t="str">
        <f t="shared" si="336"/>
        <v/>
      </c>
      <c r="BA608" s="79" t="str">
        <f t="shared" si="337"/>
        <v/>
      </c>
      <c r="BB608" s="79" t="str">
        <f t="shared" si="338"/>
        <v/>
      </c>
      <c r="BC608" s="79" t="str">
        <f t="shared" si="339"/>
        <v/>
      </c>
      <c r="BD608" s="79" t="str">
        <f t="shared" si="340"/>
        <v/>
      </c>
      <c r="BE608" s="79" t="str">
        <f t="shared" si="341"/>
        <v/>
      </c>
      <c r="BF608" s="79" t="str">
        <f t="shared" si="342"/>
        <v/>
      </c>
      <c r="BG608" s="79" t="str">
        <f t="shared" si="343"/>
        <v/>
      </c>
      <c r="BH608" s="79" t="str">
        <f t="shared" si="344"/>
        <v/>
      </c>
      <c r="BI608" s="79" t="str">
        <f t="shared" si="345"/>
        <v/>
      </c>
      <c r="BJ608" s="79" t="str">
        <f t="shared" si="346"/>
        <v/>
      </c>
      <c r="BK608" s="79" t="str">
        <f t="shared" si="347"/>
        <v/>
      </c>
      <c r="BL608" s="79" t="str">
        <f t="shared" si="348"/>
        <v/>
      </c>
      <c r="BM608" s="79" t="str">
        <f t="shared" si="349"/>
        <v/>
      </c>
      <c r="BN608" s="79" t="str">
        <f t="shared" si="350"/>
        <v/>
      </c>
      <c r="BO608" s="79" t="str">
        <f t="shared" si="351"/>
        <v/>
      </c>
      <c r="BP608" s="79">
        <f t="shared" si="352"/>
        <v>45660.062646828505</v>
      </c>
      <c r="BQ608" s="79">
        <f t="shared" si="353"/>
        <v>5891.6209866875488</v>
      </c>
      <c r="BR608" s="79">
        <f t="shared" si="354"/>
        <v>5891.6209866875488</v>
      </c>
      <c r="BS608" s="79">
        <f t="shared" si="355"/>
        <v>17792.695379796398</v>
      </c>
      <c r="BT608" s="79" t="str">
        <f t="shared" si="356"/>
        <v/>
      </c>
      <c r="BU608" s="79" t="str">
        <f t="shared" si="357"/>
        <v/>
      </c>
      <c r="BV608" s="79" t="str">
        <f t="shared" si="358"/>
        <v/>
      </c>
      <c r="BW608" s="79" t="str">
        <f t="shared" si="359"/>
        <v/>
      </c>
      <c r="BX608" s="79" t="str">
        <f t="shared" si="360"/>
        <v/>
      </c>
      <c r="BY608" s="79" t="str">
        <f t="shared" si="361"/>
        <v/>
      </c>
      <c r="BZ608" s="79" t="str">
        <f t="shared" si="362"/>
        <v/>
      </c>
      <c r="CA608" s="79" t="str">
        <f t="shared" si="363"/>
        <v/>
      </c>
      <c r="CB608" s="79" t="str">
        <f t="shared" si="364"/>
        <v/>
      </c>
      <c r="CC608" s="79" t="str">
        <f t="shared" si="365"/>
        <v/>
      </c>
      <c r="CD608" s="81" t="s">
        <v>660</v>
      </c>
      <c r="CE608" s="81"/>
      <c r="CF608" s="83" t="s">
        <v>661</v>
      </c>
    </row>
    <row r="609" spans="1:84" ht="56.1" hidden="1" customHeight="1" x14ac:dyDescent="0.2">
      <c r="A609" s="91">
        <v>609</v>
      </c>
      <c r="B609" s="23" t="s">
        <v>53</v>
      </c>
      <c r="C609" s="35" t="s">
        <v>655</v>
      </c>
      <c r="D609" s="77" t="s">
        <v>656</v>
      </c>
      <c r="E609" s="75" t="s">
        <v>678</v>
      </c>
      <c r="F609" s="75" t="s">
        <v>679</v>
      </c>
      <c r="G609" s="75" t="s">
        <v>86</v>
      </c>
      <c r="H609" s="75" t="s">
        <v>63</v>
      </c>
      <c r="I609" s="78" t="s">
        <v>81</v>
      </c>
      <c r="J609" s="77" t="s">
        <v>77</v>
      </c>
      <c r="K609" s="78" t="s">
        <v>225</v>
      </c>
      <c r="L609" s="76" t="s">
        <v>63</v>
      </c>
      <c r="M609" s="76" t="s">
        <v>63</v>
      </c>
      <c r="N609" s="81">
        <v>43888</v>
      </c>
      <c r="O609" s="81">
        <f t="shared" si="366"/>
        <v>43888</v>
      </c>
      <c r="P609" s="76" t="s">
        <v>659</v>
      </c>
      <c r="Q609" s="84" t="s">
        <v>65</v>
      </c>
      <c r="R609" s="81"/>
      <c r="S609" s="81"/>
      <c r="T609" s="81"/>
      <c r="U609" s="81"/>
      <c r="V609" s="81"/>
      <c r="W609" s="81"/>
      <c r="X609" s="81"/>
      <c r="Y609" s="81"/>
      <c r="Z609" s="81"/>
      <c r="AA609" s="81"/>
      <c r="AB609" s="81"/>
      <c r="AC609" s="81"/>
      <c r="AD609" s="81"/>
      <c r="AE609" s="81"/>
      <c r="AF609" s="81"/>
      <c r="AG609" s="81"/>
      <c r="AH609" s="81"/>
      <c r="AI609" s="79" t="s">
        <v>66</v>
      </c>
      <c r="AJ609" s="79" t="s">
        <v>66</v>
      </c>
      <c r="AK609" s="79" t="s">
        <v>66</v>
      </c>
      <c r="AL609" s="79" t="s">
        <v>66</v>
      </c>
      <c r="AM609" s="81"/>
      <c r="AN609" s="81"/>
      <c r="AO609" s="81"/>
      <c r="AP609" s="81"/>
      <c r="AQ609" s="81"/>
      <c r="AR609" s="81"/>
      <c r="AS609" s="81"/>
      <c r="AT609" s="81"/>
      <c r="AU609" s="81"/>
      <c r="AV609" s="81"/>
      <c r="AW609" s="80">
        <f t="shared" si="334"/>
        <v>1277</v>
      </c>
      <c r="AX609" s="76">
        <f t="shared" si="333"/>
        <v>34.368050117462801</v>
      </c>
      <c r="AY609" s="79" t="str">
        <f t="shared" si="335"/>
        <v/>
      </c>
      <c r="AZ609" s="79" t="str">
        <f t="shared" si="336"/>
        <v/>
      </c>
      <c r="BA609" s="79" t="str">
        <f t="shared" si="337"/>
        <v/>
      </c>
      <c r="BB609" s="79" t="str">
        <f t="shared" si="338"/>
        <v/>
      </c>
      <c r="BC609" s="79" t="str">
        <f t="shared" si="339"/>
        <v/>
      </c>
      <c r="BD609" s="79" t="str">
        <f t="shared" si="340"/>
        <v/>
      </c>
      <c r="BE609" s="79" t="str">
        <f t="shared" si="341"/>
        <v/>
      </c>
      <c r="BF609" s="79" t="str">
        <f t="shared" si="342"/>
        <v/>
      </c>
      <c r="BG609" s="79" t="str">
        <f t="shared" si="343"/>
        <v/>
      </c>
      <c r="BH609" s="79" t="str">
        <f t="shared" si="344"/>
        <v/>
      </c>
      <c r="BI609" s="79" t="str">
        <f t="shared" si="345"/>
        <v/>
      </c>
      <c r="BJ609" s="79" t="str">
        <f t="shared" si="346"/>
        <v/>
      </c>
      <c r="BK609" s="79" t="str">
        <f t="shared" si="347"/>
        <v/>
      </c>
      <c r="BL609" s="79" t="str">
        <f t="shared" si="348"/>
        <v/>
      </c>
      <c r="BM609" s="79" t="str">
        <f t="shared" si="349"/>
        <v/>
      </c>
      <c r="BN609" s="79" t="str">
        <f t="shared" si="350"/>
        <v/>
      </c>
      <c r="BO609" s="79" t="str">
        <f t="shared" si="351"/>
        <v/>
      </c>
      <c r="BP609" s="79">
        <f t="shared" si="352"/>
        <v>26635.238841033672</v>
      </c>
      <c r="BQ609" s="79">
        <f t="shared" si="353"/>
        <v>3436.8050117462799</v>
      </c>
      <c r="BR609" s="79">
        <f t="shared" si="354"/>
        <v>3436.8050117462799</v>
      </c>
      <c r="BS609" s="79">
        <f t="shared" si="355"/>
        <v>10379.151135473765</v>
      </c>
      <c r="BT609" s="79" t="str">
        <f t="shared" si="356"/>
        <v/>
      </c>
      <c r="BU609" s="79" t="str">
        <f t="shared" si="357"/>
        <v/>
      </c>
      <c r="BV609" s="79" t="str">
        <f t="shared" si="358"/>
        <v/>
      </c>
      <c r="BW609" s="79" t="str">
        <f t="shared" si="359"/>
        <v/>
      </c>
      <c r="BX609" s="79" t="str">
        <f t="shared" si="360"/>
        <v/>
      </c>
      <c r="BY609" s="79" t="str">
        <f t="shared" si="361"/>
        <v/>
      </c>
      <c r="BZ609" s="79" t="str">
        <f t="shared" si="362"/>
        <v/>
      </c>
      <c r="CA609" s="79" t="str">
        <f t="shared" si="363"/>
        <v/>
      </c>
      <c r="CB609" s="79" t="str">
        <f t="shared" si="364"/>
        <v/>
      </c>
      <c r="CC609" s="79" t="str">
        <f t="shared" si="365"/>
        <v/>
      </c>
      <c r="CD609" s="81" t="s">
        <v>660</v>
      </c>
      <c r="CE609" s="81"/>
      <c r="CF609" s="83" t="s">
        <v>661</v>
      </c>
    </row>
    <row r="610" spans="1:84" ht="56.1" hidden="1" customHeight="1" x14ac:dyDescent="0.2">
      <c r="A610" s="91">
        <v>610</v>
      </c>
      <c r="B610" s="23" t="s">
        <v>53</v>
      </c>
      <c r="C610" s="35" t="s">
        <v>655</v>
      </c>
      <c r="D610" s="77" t="s">
        <v>656</v>
      </c>
      <c r="E610" s="75" t="s">
        <v>680</v>
      </c>
      <c r="F610" s="75" t="s">
        <v>681</v>
      </c>
      <c r="G610" s="75" t="s">
        <v>86</v>
      </c>
      <c r="H610" s="75" t="s">
        <v>63</v>
      </c>
      <c r="I610" s="78" t="s">
        <v>81</v>
      </c>
      <c r="J610" s="77" t="s">
        <v>77</v>
      </c>
      <c r="K610" s="78" t="s">
        <v>225</v>
      </c>
      <c r="L610" s="76" t="s">
        <v>63</v>
      </c>
      <c r="M610" s="76" t="s">
        <v>63</v>
      </c>
      <c r="N610" s="81">
        <v>131663</v>
      </c>
      <c r="O610" s="81">
        <f t="shared" si="366"/>
        <v>131663</v>
      </c>
      <c r="P610" s="76" t="s">
        <v>659</v>
      </c>
      <c r="Q610" s="84" t="s">
        <v>65</v>
      </c>
      <c r="R610" s="81"/>
      <c r="S610" s="81"/>
      <c r="T610" s="81"/>
      <c r="U610" s="81"/>
      <c r="V610" s="81"/>
      <c r="W610" s="81"/>
      <c r="X610" s="81"/>
      <c r="Y610" s="81"/>
      <c r="Z610" s="81"/>
      <c r="AA610" s="81"/>
      <c r="AB610" s="81"/>
      <c r="AC610" s="81"/>
      <c r="AD610" s="81"/>
      <c r="AE610" s="81"/>
      <c r="AF610" s="81"/>
      <c r="AG610" s="81"/>
      <c r="AH610" s="81"/>
      <c r="AI610" s="79" t="s">
        <v>66</v>
      </c>
      <c r="AJ610" s="79" t="s">
        <v>66</v>
      </c>
      <c r="AK610" s="79" t="s">
        <v>66</v>
      </c>
      <c r="AL610" s="79" t="s">
        <v>66</v>
      </c>
      <c r="AM610" s="81"/>
      <c r="AN610" s="81"/>
      <c r="AO610" s="81"/>
      <c r="AP610" s="81"/>
      <c r="AQ610" s="81"/>
      <c r="AR610" s="81"/>
      <c r="AS610" s="81"/>
      <c r="AT610" s="81"/>
      <c r="AU610" s="81"/>
      <c r="AV610" s="81"/>
      <c r="AW610" s="80">
        <f t="shared" si="334"/>
        <v>1277</v>
      </c>
      <c r="AX610" s="76">
        <f t="shared" si="333"/>
        <v>103.10336726703211</v>
      </c>
      <c r="AY610" s="79" t="str">
        <f t="shared" si="335"/>
        <v/>
      </c>
      <c r="AZ610" s="79" t="str">
        <f t="shared" si="336"/>
        <v/>
      </c>
      <c r="BA610" s="79" t="str">
        <f t="shared" si="337"/>
        <v/>
      </c>
      <c r="BB610" s="79" t="str">
        <f t="shared" si="338"/>
        <v/>
      </c>
      <c r="BC610" s="79" t="str">
        <f t="shared" si="339"/>
        <v/>
      </c>
      <c r="BD610" s="79" t="str">
        <f t="shared" si="340"/>
        <v/>
      </c>
      <c r="BE610" s="79" t="str">
        <f t="shared" si="341"/>
        <v/>
      </c>
      <c r="BF610" s="79" t="str">
        <f t="shared" si="342"/>
        <v/>
      </c>
      <c r="BG610" s="79" t="str">
        <f t="shared" si="343"/>
        <v/>
      </c>
      <c r="BH610" s="79" t="str">
        <f t="shared" si="344"/>
        <v/>
      </c>
      <c r="BI610" s="79" t="str">
        <f t="shared" si="345"/>
        <v/>
      </c>
      <c r="BJ610" s="79" t="str">
        <f t="shared" si="346"/>
        <v/>
      </c>
      <c r="BK610" s="79" t="str">
        <f t="shared" si="347"/>
        <v/>
      </c>
      <c r="BL610" s="79" t="str">
        <f t="shared" si="348"/>
        <v/>
      </c>
      <c r="BM610" s="79" t="str">
        <f t="shared" si="349"/>
        <v/>
      </c>
      <c r="BN610" s="79" t="str">
        <f t="shared" si="350"/>
        <v/>
      </c>
      <c r="BO610" s="79" t="str">
        <f t="shared" si="351"/>
        <v/>
      </c>
      <c r="BP610" s="79">
        <f t="shared" si="352"/>
        <v>79905.10963194989</v>
      </c>
      <c r="BQ610" s="79">
        <f t="shared" si="353"/>
        <v>10310.336726703212</v>
      </c>
      <c r="BR610" s="79">
        <f t="shared" si="354"/>
        <v>10310.336726703212</v>
      </c>
      <c r="BS610" s="79">
        <f t="shared" si="355"/>
        <v>31137.216914643697</v>
      </c>
      <c r="BT610" s="79" t="str">
        <f t="shared" si="356"/>
        <v/>
      </c>
      <c r="BU610" s="79" t="str">
        <f t="shared" si="357"/>
        <v/>
      </c>
      <c r="BV610" s="79" t="str">
        <f t="shared" si="358"/>
        <v/>
      </c>
      <c r="BW610" s="79" t="str">
        <f t="shared" si="359"/>
        <v/>
      </c>
      <c r="BX610" s="79" t="str">
        <f t="shared" si="360"/>
        <v/>
      </c>
      <c r="BY610" s="79" t="str">
        <f t="shared" si="361"/>
        <v/>
      </c>
      <c r="BZ610" s="79" t="str">
        <f t="shared" si="362"/>
        <v/>
      </c>
      <c r="CA610" s="79" t="str">
        <f t="shared" si="363"/>
        <v/>
      </c>
      <c r="CB610" s="79" t="str">
        <f t="shared" si="364"/>
        <v/>
      </c>
      <c r="CC610" s="79" t="str">
        <f t="shared" si="365"/>
        <v/>
      </c>
      <c r="CD610" s="81" t="s">
        <v>660</v>
      </c>
      <c r="CE610" s="81"/>
      <c r="CF610" s="83" t="s">
        <v>661</v>
      </c>
    </row>
    <row r="611" spans="1:84" ht="56.1" hidden="1" customHeight="1" x14ac:dyDescent="0.2">
      <c r="A611" s="91">
        <v>611</v>
      </c>
      <c r="B611" s="23" t="s">
        <v>53</v>
      </c>
      <c r="C611" s="35" t="s">
        <v>655</v>
      </c>
      <c r="D611" s="77" t="s">
        <v>656</v>
      </c>
      <c r="E611" s="75" t="s">
        <v>682</v>
      </c>
      <c r="F611" s="75" t="s">
        <v>683</v>
      </c>
      <c r="G611" s="75" t="s">
        <v>86</v>
      </c>
      <c r="H611" s="75" t="s">
        <v>63</v>
      </c>
      <c r="I611" s="78" t="s">
        <v>81</v>
      </c>
      <c r="J611" s="77" t="s">
        <v>77</v>
      </c>
      <c r="K611" s="78" t="s">
        <v>225</v>
      </c>
      <c r="L611" s="76" t="s">
        <v>63</v>
      </c>
      <c r="M611" s="76" t="s">
        <v>63</v>
      </c>
      <c r="N611" s="89"/>
      <c r="O611" s="89"/>
      <c r="P611" s="76" t="s">
        <v>659</v>
      </c>
      <c r="Q611" s="84" t="s">
        <v>65</v>
      </c>
      <c r="R611" s="81"/>
      <c r="S611" s="81"/>
      <c r="T611" s="81"/>
      <c r="U611" s="81"/>
      <c r="V611" s="81"/>
      <c r="W611" s="81"/>
      <c r="X611" s="81"/>
      <c r="Y611" s="81"/>
      <c r="Z611" s="81"/>
      <c r="AA611" s="81"/>
      <c r="AB611" s="81"/>
      <c r="AC611" s="81"/>
      <c r="AD611" s="81"/>
      <c r="AE611" s="81"/>
      <c r="AF611" s="81"/>
      <c r="AG611" s="81"/>
      <c r="AH611" s="81"/>
      <c r="AI611" s="79" t="s">
        <v>66</v>
      </c>
      <c r="AJ611" s="79" t="s">
        <v>66</v>
      </c>
      <c r="AK611" s="79" t="s">
        <v>66</v>
      </c>
      <c r="AL611" s="79" t="s">
        <v>66</v>
      </c>
      <c r="AM611" s="81"/>
      <c r="AN611" s="81"/>
      <c r="AO611" s="81"/>
      <c r="AP611" s="81"/>
      <c r="AQ611" s="81"/>
      <c r="AR611" s="81"/>
      <c r="AS611" s="81"/>
      <c r="AT611" s="81"/>
      <c r="AU611" s="81"/>
      <c r="AV611" s="81"/>
      <c r="AW611" s="80">
        <f t="shared" si="334"/>
        <v>1277</v>
      </c>
      <c r="AX611" s="76"/>
      <c r="AY611" s="79" t="str">
        <f t="shared" si="335"/>
        <v/>
      </c>
      <c r="AZ611" s="79" t="str">
        <f t="shared" si="336"/>
        <v/>
      </c>
      <c r="BA611" s="79" t="str">
        <f t="shared" si="337"/>
        <v/>
      </c>
      <c r="BB611" s="79" t="str">
        <f t="shared" si="338"/>
        <v/>
      </c>
      <c r="BC611" s="79" t="str">
        <f t="shared" si="339"/>
        <v/>
      </c>
      <c r="BD611" s="79" t="str">
        <f t="shared" si="340"/>
        <v/>
      </c>
      <c r="BE611" s="79" t="str">
        <f t="shared" si="341"/>
        <v/>
      </c>
      <c r="BF611" s="79" t="str">
        <f t="shared" si="342"/>
        <v/>
      </c>
      <c r="BG611" s="79" t="str">
        <f t="shared" si="343"/>
        <v/>
      </c>
      <c r="BH611" s="79" t="str">
        <f t="shared" si="344"/>
        <v/>
      </c>
      <c r="BI611" s="79" t="str">
        <f t="shared" si="345"/>
        <v/>
      </c>
      <c r="BJ611" s="79" t="str">
        <f t="shared" si="346"/>
        <v/>
      </c>
      <c r="BK611" s="79" t="str">
        <f t="shared" si="347"/>
        <v/>
      </c>
      <c r="BL611" s="79" t="str">
        <f t="shared" si="348"/>
        <v/>
      </c>
      <c r="BM611" s="79" t="str">
        <f t="shared" si="349"/>
        <v/>
      </c>
      <c r="BN611" s="79" t="str">
        <f t="shared" si="350"/>
        <v/>
      </c>
      <c r="BO611" s="79" t="str">
        <f t="shared" si="351"/>
        <v/>
      </c>
      <c r="BP611" s="79">
        <f t="shared" si="352"/>
        <v>0</v>
      </c>
      <c r="BQ611" s="79">
        <f t="shared" si="353"/>
        <v>0</v>
      </c>
      <c r="BR611" s="79">
        <f t="shared" si="354"/>
        <v>0</v>
      </c>
      <c r="BS611" s="79">
        <f t="shared" si="355"/>
        <v>0</v>
      </c>
      <c r="BT611" s="79" t="str">
        <f t="shared" si="356"/>
        <v/>
      </c>
      <c r="BU611" s="79" t="str">
        <f t="shared" si="357"/>
        <v/>
      </c>
      <c r="BV611" s="79" t="str">
        <f t="shared" si="358"/>
        <v/>
      </c>
      <c r="BW611" s="79" t="str">
        <f t="shared" si="359"/>
        <v/>
      </c>
      <c r="BX611" s="79" t="str">
        <f t="shared" si="360"/>
        <v/>
      </c>
      <c r="BY611" s="79" t="str">
        <f t="shared" si="361"/>
        <v/>
      </c>
      <c r="BZ611" s="79" t="str">
        <f t="shared" si="362"/>
        <v/>
      </c>
      <c r="CA611" s="79" t="str">
        <f t="shared" si="363"/>
        <v/>
      </c>
      <c r="CB611" s="79" t="str">
        <f t="shared" si="364"/>
        <v/>
      </c>
      <c r="CC611" s="79" t="str">
        <f t="shared" si="365"/>
        <v/>
      </c>
      <c r="CD611" s="81" t="s">
        <v>660</v>
      </c>
      <c r="CE611" s="81"/>
      <c r="CF611" s="83" t="s">
        <v>661</v>
      </c>
    </row>
    <row r="612" spans="1:84" ht="56.1" hidden="1" customHeight="1" x14ac:dyDescent="0.2">
      <c r="A612" s="91">
        <v>612</v>
      </c>
      <c r="B612" s="23" t="s">
        <v>53</v>
      </c>
      <c r="C612" s="35" t="s">
        <v>655</v>
      </c>
      <c r="D612" s="77" t="s">
        <v>656</v>
      </c>
      <c r="E612" s="75" t="s">
        <v>684</v>
      </c>
      <c r="F612" s="75" t="s">
        <v>685</v>
      </c>
      <c r="G612" s="75" t="s">
        <v>86</v>
      </c>
      <c r="H612" s="75" t="s">
        <v>63</v>
      </c>
      <c r="I612" s="78" t="s">
        <v>81</v>
      </c>
      <c r="J612" s="77" t="s">
        <v>77</v>
      </c>
      <c r="K612" s="78" t="s">
        <v>225</v>
      </c>
      <c r="L612" s="76" t="s">
        <v>63</v>
      </c>
      <c r="M612" s="76" t="s">
        <v>63</v>
      </c>
      <c r="N612" s="81">
        <v>401258</v>
      </c>
      <c r="O612" s="81">
        <f t="shared" si="366"/>
        <v>401258</v>
      </c>
      <c r="P612" s="76" t="s">
        <v>659</v>
      </c>
      <c r="Q612" s="84" t="s">
        <v>65</v>
      </c>
      <c r="R612" s="81"/>
      <c r="S612" s="81"/>
      <c r="T612" s="81"/>
      <c r="U612" s="81"/>
      <c r="V612" s="81"/>
      <c r="W612" s="81"/>
      <c r="X612" s="81"/>
      <c r="Y612" s="81"/>
      <c r="Z612" s="81"/>
      <c r="AA612" s="81"/>
      <c r="AB612" s="81"/>
      <c r="AC612" s="81"/>
      <c r="AD612" s="81"/>
      <c r="AE612" s="81"/>
      <c r="AF612" s="81"/>
      <c r="AG612" s="81"/>
      <c r="AH612" s="81"/>
      <c r="AI612" s="79" t="s">
        <v>66</v>
      </c>
      <c r="AJ612" s="79" t="s">
        <v>66</v>
      </c>
      <c r="AK612" s="79" t="s">
        <v>66</v>
      </c>
      <c r="AL612" s="79" t="s">
        <v>66</v>
      </c>
      <c r="AM612" s="81"/>
      <c r="AN612" s="81"/>
      <c r="AO612" s="81"/>
      <c r="AP612" s="81"/>
      <c r="AQ612" s="81"/>
      <c r="AR612" s="81"/>
      <c r="AS612" s="81"/>
      <c r="AT612" s="81"/>
      <c r="AU612" s="81"/>
      <c r="AV612" s="81"/>
      <c r="AW612" s="80">
        <f t="shared" si="334"/>
        <v>1277</v>
      </c>
      <c r="AX612" s="76">
        <f t="shared" ref="AX612:AX626" si="367">O612/AW612</f>
        <v>314.21926389976505</v>
      </c>
      <c r="AY612" s="79" t="str">
        <f t="shared" si="335"/>
        <v/>
      </c>
      <c r="AZ612" s="79" t="str">
        <f t="shared" si="336"/>
        <v/>
      </c>
      <c r="BA612" s="79" t="str">
        <f t="shared" si="337"/>
        <v/>
      </c>
      <c r="BB612" s="79" t="str">
        <f t="shared" si="338"/>
        <v/>
      </c>
      <c r="BC612" s="79" t="str">
        <f t="shared" si="339"/>
        <v/>
      </c>
      <c r="BD612" s="79" t="str">
        <f t="shared" si="340"/>
        <v/>
      </c>
      <c r="BE612" s="79" t="str">
        <f t="shared" si="341"/>
        <v/>
      </c>
      <c r="BF612" s="79" t="str">
        <f t="shared" si="342"/>
        <v/>
      </c>
      <c r="BG612" s="79" t="str">
        <f t="shared" si="343"/>
        <v/>
      </c>
      <c r="BH612" s="79" t="str">
        <f t="shared" si="344"/>
        <v/>
      </c>
      <c r="BI612" s="79" t="str">
        <f t="shared" si="345"/>
        <v/>
      </c>
      <c r="BJ612" s="79" t="str">
        <f t="shared" si="346"/>
        <v/>
      </c>
      <c r="BK612" s="79" t="str">
        <f t="shared" si="347"/>
        <v/>
      </c>
      <c r="BL612" s="79" t="str">
        <f t="shared" si="348"/>
        <v/>
      </c>
      <c r="BM612" s="79" t="str">
        <f t="shared" si="349"/>
        <v/>
      </c>
      <c r="BN612" s="79" t="str">
        <f t="shared" si="350"/>
        <v/>
      </c>
      <c r="BO612" s="79" t="str">
        <f t="shared" si="351"/>
        <v/>
      </c>
      <c r="BP612" s="79">
        <f t="shared" si="352"/>
        <v>243519.92952231792</v>
      </c>
      <c r="BQ612" s="79">
        <f t="shared" si="353"/>
        <v>31421.926389976506</v>
      </c>
      <c r="BR612" s="79">
        <f t="shared" si="354"/>
        <v>31421.926389976506</v>
      </c>
      <c r="BS612" s="79">
        <f t="shared" si="355"/>
        <v>94894.217697729051</v>
      </c>
      <c r="BT612" s="79" t="str">
        <f t="shared" si="356"/>
        <v/>
      </c>
      <c r="BU612" s="79" t="str">
        <f t="shared" si="357"/>
        <v/>
      </c>
      <c r="BV612" s="79" t="str">
        <f t="shared" si="358"/>
        <v/>
      </c>
      <c r="BW612" s="79" t="str">
        <f t="shared" si="359"/>
        <v/>
      </c>
      <c r="BX612" s="79" t="str">
        <f t="shared" si="360"/>
        <v/>
      </c>
      <c r="BY612" s="79" t="str">
        <f t="shared" si="361"/>
        <v/>
      </c>
      <c r="BZ612" s="79" t="str">
        <f t="shared" si="362"/>
        <v/>
      </c>
      <c r="CA612" s="79" t="str">
        <f t="shared" si="363"/>
        <v/>
      </c>
      <c r="CB612" s="79" t="str">
        <f t="shared" si="364"/>
        <v/>
      </c>
      <c r="CC612" s="79" t="str">
        <f t="shared" si="365"/>
        <v/>
      </c>
      <c r="CD612" s="81" t="s">
        <v>660</v>
      </c>
      <c r="CE612" s="81"/>
      <c r="CF612" s="83" t="s">
        <v>661</v>
      </c>
    </row>
    <row r="613" spans="1:84" ht="56.1" hidden="1" customHeight="1" x14ac:dyDescent="0.2">
      <c r="A613" s="91">
        <v>613</v>
      </c>
      <c r="B613" s="23" t="s">
        <v>53</v>
      </c>
      <c r="C613" s="35" t="s">
        <v>655</v>
      </c>
      <c r="D613" s="77" t="s">
        <v>656</v>
      </c>
      <c r="E613" s="75" t="s">
        <v>686</v>
      </c>
      <c r="F613" s="75" t="s">
        <v>687</v>
      </c>
      <c r="G613" s="75" t="s">
        <v>86</v>
      </c>
      <c r="H613" s="75" t="s">
        <v>63</v>
      </c>
      <c r="I613" s="78" t="s">
        <v>81</v>
      </c>
      <c r="J613" s="77" t="s">
        <v>77</v>
      </c>
      <c r="K613" s="78" t="s">
        <v>225</v>
      </c>
      <c r="L613" s="76" t="s">
        <v>63</v>
      </c>
      <c r="M613" s="76" t="s">
        <v>63</v>
      </c>
      <c r="N613" s="81">
        <v>75236</v>
      </c>
      <c r="O613" s="81">
        <f t="shared" si="366"/>
        <v>75236</v>
      </c>
      <c r="P613" s="76" t="s">
        <v>659</v>
      </c>
      <c r="Q613" s="84" t="s">
        <v>65</v>
      </c>
      <c r="R613" s="81"/>
      <c r="S613" s="81"/>
      <c r="T613" s="81"/>
      <c r="U613" s="81"/>
      <c r="V613" s="81"/>
      <c r="W613" s="81"/>
      <c r="X613" s="81"/>
      <c r="Y613" s="81"/>
      <c r="Z613" s="81"/>
      <c r="AA613" s="81"/>
      <c r="AB613" s="81"/>
      <c r="AC613" s="81"/>
      <c r="AD613" s="81"/>
      <c r="AE613" s="81"/>
      <c r="AF613" s="81"/>
      <c r="AG613" s="81"/>
      <c r="AH613" s="81"/>
      <c r="AI613" s="79" t="s">
        <v>66</v>
      </c>
      <c r="AJ613" s="79" t="s">
        <v>66</v>
      </c>
      <c r="AK613" s="79" t="s">
        <v>66</v>
      </c>
      <c r="AL613" s="79" t="s">
        <v>66</v>
      </c>
      <c r="AM613" s="81"/>
      <c r="AN613" s="81"/>
      <c r="AO613" s="81"/>
      <c r="AP613" s="81"/>
      <c r="AQ613" s="81"/>
      <c r="AR613" s="81"/>
      <c r="AS613" s="81"/>
      <c r="AT613" s="81"/>
      <c r="AU613" s="81"/>
      <c r="AV613" s="81"/>
      <c r="AW613" s="80">
        <f t="shared" si="334"/>
        <v>1277</v>
      </c>
      <c r="AX613" s="76">
        <f t="shared" si="367"/>
        <v>58.916209866875491</v>
      </c>
      <c r="AY613" s="79" t="str">
        <f t="shared" si="335"/>
        <v/>
      </c>
      <c r="AZ613" s="79" t="str">
        <f t="shared" si="336"/>
        <v/>
      </c>
      <c r="BA613" s="79" t="str">
        <f t="shared" si="337"/>
        <v/>
      </c>
      <c r="BB613" s="79" t="str">
        <f t="shared" si="338"/>
        <v/>
      </c>
      <c r="BC613" s="79" t="str">
        <f t="shared" si="339"/>
        <v/>
      </c>
      <c r="BD613" s="79" t="str">
        <f t="shared" si="340"/>
        <v/>
      </c>
      <c r="BE613" s="79" t="str">
        <f t="shared" si="341"/>
        <v/>
      </c>
      <c r="BF613" s="79" t="str">
        <f t="shared" si="342"/>
        <v/>
      </c>
      <c r="BG613" s="79" t="str">
        <f t="shared" si="343"/>
        <v/>
      </c>
      <c r="BH613" s="79" t="str">
        <f t="shared" si="344"/>
        <v/>
      </c>
      <c r="BI613" s="79" t="str">
        <f t="shared" si="345"/>
        <v/>
      </c>
      <c r="BJ613" s="79" t="str">
        <f t="shared" si="346"/>
        <v/>
      </c>
      <c r="BK613" s="79" t="str">
        <f t="shared" si="347"/>
        <v/>
      </c>
      <c r="BL613" s="79" t="str">
        <f t="shared" si="348"/>
        <v/>
      </c>
      <c r="BM613" s="79" t="str">
        <f t="shared" si="349"/>
        <v/>
      </c>
      <c r="BN613" s="79" t="str">
        <f t="shared" si="350"/>
        <v/>
      </c>
      <c r="BO613" s="79" t="str">
        <f t="shared" si="351"/>
        <v/>
      </c>
      <c r="BP613" s="79">
        <f t="shared" si="352"/>
        <v>45660.062646828505</v>
      </c>
      <c r="BQ613" s="79">
        <f t="shared" si="353"/>
        <v>5891.6209866875488</v>
      </c>
      <c r="BR613" s="79">
        <f t="shared" si="354"/>
        <v>5891.6209866875488</v>
      </c>
      <c r="BS613" s="79">
        <f t="shared" si="355"/>
        <v>17792.695379796398</v>
      </c>
      <c r="BT613" s="79" t="str">
        <f t="shared" si="356"/>
        <v/>
      </c>
      <c r="BU613" s="79" t="str">
        <f t="shared" si="357"/>
        <v/>
      </c>
      <c r="BV613" s="79" t="str">
        <f t="shared" si="358"/>
        <v/>
      </c>
      <c r="BW613" s="79" t="str">
        <f t="shared" si="359"/>
        <v/>
      </c>
      <c r="BX613" s="79" t="str">
        <f t="shared" si="360"/>
        <v/>
      </c>
      <c r="BY613" s="79" t="str">
        <f t="shared" si="361"/>
        <v/>
      </c>
      <c r="BZ613" s="79" t="str">
        <f t="shared" si="362"/>
        <v/>
      </c>
      <c r="CA613" s="79" t="str">
        <f t="shared" si="363"/>
        <v/>
      </c>
      <c r="CB613" s="79" t="str">
        <f t="shared" si="364"/>
        <v/>
      </c>
      <c r="CC613" s="79" t="str">
        <f t="shared" si="365"/>
        <v/>
      </c>
      <c r="CD613" s="81" t="s">
        <v>660</v>
      </c>
      <c r="CE613" s="81"/>
      <c r="CF613" s="83" t="s">
        <v>661</v>
      </c>
    </row>
    <row r="614" spans="1:84" ht="56.1" hidden="1" customHeight="1" x14ac:dyDescent="0.2">
      <c r="A614" s="91">
        <v>614</v>
      </c>
      <c r="B614" s="23" t="s">
        <v>53</v>
      </c>
      <c r="C614" s="35" t="s">
        <v>655</v>
      </c>
      <c r="D614" s="77" t="s">
        <v>656</v>
      </c>
      <c r="E614" s="75" t="s">
        <v>688</v>
      </c>
      <c r="F614" s="86" t="s">
        <v>689</v>
      </c>
      <c r="G614" s="75" t="s">
        <v>86</v>
      </c>
      <c r="H614" s="75" t="s">
        <v>63</v>
      </c>
      <c r="I614" s="78" t="s">
        <v>81</v>
      </c>
      <c r="J614" s="77" t="s">
        <v>77</v>
      </c>
      <c r="K614" s="78" t="s">
        <v>225</v>
      </c>
      <c r="L614" s="76" t="s">
        <v>63</v>
      </c>
      <c r="M614" s="76" t="s">
        <v>63</v>
      </c>
      <c r="N614" s="81">
        <v>25079</v>
      </c>
      <c r="O614" s="81">
        <f t="shared" si="366"/>
        <v>25079</v>
      </c>
      <c r="P614" s="76" t="s">
        <v>659</v>
      </c>
      <c r="Q614" s="84" t="s">
        <v>65</v>
      </c>
      <c r="R614" s="81"/>
      <c r="S614" s="81"/>
      <c r="T614" s="81"/>
      <c r="U614" s="81"/>
      <c r="V614" s="81"/>
      <c r="W614" s="81"/>
      <c r="X614" s="81"/>
      <c r="Y614" s="81"/>
      <c r="Z614" s="81"/>
      <c r="AA614" s="81"/>
      <c r="AB614" s="81"/>
      <c r="AC614" s="81"/>
      <c r="AD614" s="81"/>
      <c r="AE614" s="81"/>
      <c r="AF614" s="81"/>
      <c r="AG614" s="81"/>
      <c r="AH614" s="81"/>
      <c r="AI614" s="79" t="s">
        <v>66</v>
      </c>
      <c r="AJ614" s="79" t="s">
        <v>66</v>
      </c>
      <c r="AK614" s="79" t="s">
        <v>66</v>
      </c>
      <c r="AL614" s="79" t="s">
        <v>66</v>
      </c>
      <c r="AM614" s="81"/>
      <c r="AN614" s="81"/>
      <c r="AO614" s="81"/>
      <c r="AP614" s="81"/>
      <c r="AQ614" s="81"/>
      <c r="AR614" s="81"/>
      <c r="AS614" s="81"/>
      <c r="AT614" s="81"/>
      <c r="AU614" s="81"/>
      <c r="AV614" s="81"/>
      <c r="AW614" s="80">
        <f t="shared" si="334"/>
        <v>1277</v>
      </c>
      <c r="AX614" s="76">
        <f t="shared" si="367"/>
        <v>19.638997650743931</v>
      </c>
      <c r="AY614" s="79" t="str">
        <f t="shared" si="335"/>
        <v/>
      </c>
      <c r="AZ614" s="79" t="str">
        <f t="shared" si="336"/>
        <v/>
      </c>
      <c r="BA614" s="79" t="str">
        <f t="shared" si="337"/>
        <v/>
      </c>
      <c r="BB614" s="79" t="str">
        <f t="shared" si="338"/>
        <v/>
      </c>
      <c r="BC614" s="79" t="str">
        <f t="shared" si="339"/>
        <v/>
      </c>
      <c r="BD614" s="79" t="str">
        <f t="shared" si="340"/>
        <v/>
      </c>
      <c r="BE614" s="79" t="str">
        <f t="shared" si="341"/>
        <v/>
      </c>
      <c r="BF614" s="79" t="str">
        <f t="shared" si="342"/>
        <v/>
      </c>
      <c r="BG614" s="79" t="str">
        <f t="shared" si="343"/>
        <v/>
      </c>
      <c r="BH614" s="79" t="str">
        <f t="shared" si="344"/>
        <v/>
      </c>
      <c r="BI614" s="79" t="str">
        <f t="shared" si="345"/>
        <v/>
      </c>
      <c r="BJ614" s="79" t="str">
        <f t="shared" si="346"/>
        <v/>
      </c>
      <c r="BK614" s="79" t="str">
        <f t="shared" si="347"/>
        <v/>
      </c>
      <c r="BL614" s="79" t="str">
        <f t="shared" si="348"/>
        <v/>
      </c>
      <c r="BM614" s="79" t="str">
        <f t="shared" si="349"/>
        <v/>
      </c>
      <c r="BN614" s="79" t="str">
        <f t="shared" si="350"/>
        <v/>
      </c>
      <c r="BO614" s="79" t="str">
        <f t="shared" si="351"/>
        <v/>
      </c>
      <c r="BP614" s="79">
        <f t="shared" si="352"/>
        <v>15220.223179326547</v>
      </c>
      <c r="BQ614" s="79">
        <f t="shared" si="353"/>
        <v>1963.8997650743931</v>
      </c>
      <c r="BR614" s="79">
        <f t="shared" si="354"/>
        <v>1963.8997650743931</v>
      </c>
      <c r="BS614" s="79">
        <f t="shared" si="355"/>
        <v>5930.9772905246673</v>
      </c>
      <c r="BT614" s="79" t="str">
        <f t="shared" si="356"/>
        <v/>
      </c>
      <c r="BU614" s="79" t="str">
        <f t="shared" si="357"/>
        <v/>
      </c>
      <c r="BV614" s="79" t="str">
        <f t="shared" si="358"/>
        <v/>
      </c>
      <c r="BW614" s="79" t="str">
        <f t="shared" si="359"/>
        <v/>
      </c>
      <c r="BX614" s="79" t="str">
        <f t="shared" si="360"/>
        <v/>
      </c>
      <c r="BY614" s="79" t="str">
        <f t="shared" si="361"/>
        <v/>
      </c>
      <c r="BZ614" s="79" t="str">
        <f t="shared" si="362"/>
        <v/>
      </c>
      <c r="CA614" s="79" t="str">
        <f t="shared" si="363"/>
        <v/>
      </c>
      <c r="CB614" s="79" t="str">
        <f t="shared" si="364"/>
        <v/>
      </c>
      <c r="CC614" s="79" t="str">
        <f t="shared" si="365"/>
        <v/>
      </c>
      <c r="CD614" s="81" t="s">
        <v>660</v>
      </c>
      <c r="CE614" s="81"/>
      <c r="CF614" s="83" t="s">
        <v>661</v>
      </c>
    </row>
    <row r="615" spans="1:84" ht="56.1" hidden="1" customHeight="1" x14ac:dyDescent="0.2">
      <c r="A615" s="91">
        <v>615</v>
      </c>
      <c r="B615" s="23" t="s">
        <v>53</v>
      </c>
      <c r="C615" s="35" t="s">
        <v>655</v>
      </c>
      <c r="D615" s="77" t="s">
        <v>656</v>
      </c>
      <c r="E615" s="75" t="s">
        <v>690</v>
      </c>
      <c r="F615" s="75" t="s">
        <v>691</v>
      </c>
      <c r="G615" s="75" t="s">
        <v>86</v>
      </c>
      <c r="H615" s="75" t="s">
        <v>63</v>
      </c>
      <c r="I615" s="78" t="s">
        <v>81</v>
      </c>
      <c r="J615" s="77" t="s">
        <v>77</v>
      </c>
      <c r="K615" s="78" t="s">
        <v>225</v>
      </c>
      <c r="L615" s="76" t="s">
        <v>63</v>
      </c>
      <c r="M615" s="76" t="s">
        <v>63</v>
      </c>
      <c r="N615" s="81">
        <v>125393</v>
      </c>
      <c r="O615" s="81">
        <f t="shared" si="366"/>
        <v>125393</v>
      </c>
      <c r="P615" s="76" t="s">
        <v>659</v>
      </c>
      <c r="Q615" s="84" t="s">
        <v>65</v>
      </c>
      <c r="R615" s="81"/>
      <c r="S615" s="81"/>
      <c r="T615" s="81"/>
      <c r="U615" s="81"/>
      <c r="V615" s="81"/>
      <c r="W615" s="81"/>
      <c r="X615" s="81"/>
      <c r="Y615" s="81"/>
      <c r="Z615" s="81"/>
      <c r="AA615" s="81"/>
      <c r="AB615" s="81"/>
      <c r="AC615" s="81"/>
      <c r="AD615" s="81"/>
      <c r="AE615" s="81"/>
      <c r="AF615" s="81"/>
      <c r="AG615" s="81"/>
      <c r="AH615" s="81"/>
      <c r="AI615" s="79" t="s">
        <v>66</v>
      </c>
      <c r="AJ615" s="79" t="s">
        <v>66</v>
      </c>
      <c r="AK615" s="79" t="s">
        <v>66</v>
      </c>
      <c r="AL615" s="79" t="s">
        <v>66</v>
      </c>
      <c r="AM615" s="81"/>
      <c r="AN615" s="81"/>
      <c r="AO615" s="81"/>
      <c r="AP615" s="81"/>
      <c r="AQ615" s="81"/>
      <c r="AR615" s="81"/>
      <c r="AS615" s="81"/>
      <c r="AT615" s="81"/>
      <c r="AU615" s="81"/>
      <c r="AV615" s="81"/>
      <c r="AW615" s="80">
        <f t="shared" si="334"/>
        <v>1277</v>
      </c>
      <c r="AX615" s="76">
        <f t="shared" si="367"/>
        <v>98.19342208300705</v>
      </c>
      <c r="AY615" s="79" t="str">
        <f t="shared" si="335"/>
        <v/>
      </c>
      <c r="AZ615" s="79" t="str">
        <f t="shared" si="336"/>
        <v/>
      </c>
      <c r="BA615" s="79" t="str">
        <f t="shared" si="337"/>
        <v/>
      </c>
      <c r="BB615" s="79" t="str">
        <f t="shared" si="338"/>
        <v/>
      </c>
      <c r="BC615" s="79" t="str">
        <f t="shared" si="339"/>
        <v/>
      </c>
      <c r="BD615" s="79" t="str">
        <f t="shared" si="340"/>
        <v/>
      </c>
      <c r="BE615" s="79" t="str">
        <f t="shared" si="341"/>
        <v/>
      </c>
      <c r="BF615" s="79" t="str">
        <f t="shared" si="342"/>
        <v/>
      </c>
      <c r="BG615" s="79" t="str">
        <f t="shared" si="343"/>
        <v/>
      </c>
      <c r="BH615" s="79" t="str">
        <f t="shared" si="344"/>
        <v/>
      </c>
      <c r="BI615" s="79" t="str">
        <f t="shared" si="345"/>
        <v/>
      </c>
      <c r="BJ615" s="79" t="str">
        <f t="shared" si="346"/>
        <v/>
      </c>
      <c r="BK615" s="79" t="str">
        <f t="shared" si="347"/>
        <v/>
      </c>
      <c r="BL615" s="79" t="str">
        <f t="shared" si="348"/>
        <v/>
      </c>
      <c r="BM615" s="79" t="str">
        <f t="shared" si="349"/>
        <v/>
      </c>
      <c r="BN615" s="79" t="str">
        <f t="shared" si="350"/>
        <v/>
      </c>
      <c r="BO615" s="79" t="str">
        <f t="shared" si="351"/>
        <v/>
      </c>
      <c r="BP615" s="79">
        <f t="shared" si="352"/>
        <v>76099.902114330471</v>
      </c>
      <c r="BQ615" s="79">
        <f t="shared" si="353"/>
        <v>9819.3422083007044</v>
      </c>
      <c r="BR615" s="79">
        <f t="shared" si="354"/>
        <v>9819.3422083007044</v>
      </c>
      <c r="BS615" s="79">
        <f t="shared" si="355"/>
        <v>29654.413469068128</v>
      </c>
      <c r="BT615" s="79" t="str">
        <f t="shared" si="356"/>
        <v/>
      </c>
      <c r="BU615" s="79" t="str">
        <f t="shared" si="357"/>
        <v/>
      </c>
      <c r="BV615" s="79" t="str">
        <f t="shared" si="358"/>
        <v/>
      </c>
      <c r="BW615" s="79" t="str">
        <f t="shared" si="359"/>
        <v/>
      </c>
      <c r="BX615" s="79" t="str">
        <f t="shared" si="360"/>
        <v/>
      </c>
      <c r="BY615" s="79" t="str">
        <f t="shared" si="361"/>
        <v/>
      </c>
      <c r="BZ615" s="79" t="str">
        <f t="shared" si="362"/>
        <v/>
      </c>
      <c r="CA615" s="79" t="str">
        <f t="shared" si="363"/>
        <v/>
      </c>
      <c r="CB615" s="79" t="str">
        <f t="shared" si="364"/>
        <v/>
      </c>
      <c r="CC615" s="79" t="str">
        <f t="shared" si="365"/>
        <v/>
      </c>
      <c r="CD615" s="81" t="s">
        <v>660</v>
      </c>
      <c r="CE615" s="81"/>
      <c r="CF615" s="83" t="s">
        <v>661</v>
      </c>
    </row>
    <row r="616" spans="1:84" ht="56.1" hidden="1" customHeight="1" x14ac:dyDescent="0.2">
      <c r="A616" s="91">
        <v>616</v>
      </c>
      <c r="B616" s="23" t="s">
        <v>53</v>
      </c>
      <c r="C616" s="35" t="s">
        <v>655</v>
      </c>
      <c r="D616" s="77" t="s">
        <v>656</v>
      </c>
      <c r="E616" s="75" t="s">
        <v>692</v>
      </c>
      <c r="F616" s="75" t="s">
        <v>693</v>
      </c>
      <c r="G616" s="75" t="s">
        <v>86</v>
      </c>
      <c r="H616" s="75" t="s">
        <v>63</v>
      </c>
      <c r="I616" s="78" t="s">
        <v>81</v>
      </c>
      <c r="J616" s="77" t="s">
        <v>77</v>
      </c>
      <c r="K616" s="78" t="s">
        <v>225</v>
      </c>
      <c r="L616" s="76" t="s">
        <v>63</v>
      </c>
      <c r="M616" s="76" t="s">
        <v>63</v>
      </c>
      <c r="N616" s="81">
        <v>31348</v>
      </c>
      <c r="O616" s="81">
        <f t="shared" si="366"/>
        <v>31348</v>
      </c>
      <c r="P616" s="76" t="s">
        <v>659</v>
      </c>
      <c r="Q616" s="84" t="s">
        <v>65</v>
      </c>
      <c r="R616" s="81"/>
      <c r="S616" s="81"/>
      <c r="T616" s="81"/>
      <c r="U616" s="81"/>
      <c r="V616" s="81"/>
      <c r="W616" s="81"/>
      <c r="X616" s="81"/>
      <c r="Y616" s="81"/>
      <c r="Z616" s="81"/>
      <c r="AA616" s="81"/>
      <c r="AB616" s="81"/>
      <c r="AC616" s="81"/>
      <c r="AD616" s="81"/>
      <c r="AE616" s="81"/>
      <c r="AF616" s="81"/>
      <c r="AG616" s="81"/>
      <c r="AH616" s="81"/>
      <c r="AI616" s="79" t="s">
        <v>66</v>
      </c>
      <c r="AJ616" s="79" t="s">
        <v>66</v>
      </c>
      <c r="AK616" s="79" t="s">
        <v>66</v>
      </c>
      <c r="AL616" s="79" t="s">
        <v>66</v>
      </c>
      <c r="AM616" s="81"/>
      <c r="AN616" s="81"/>
      <c r="AO616" s="81"/>
      <c r="AP616" s="81"/>
      <c r="AQ616" s="81"/>
      <c r="AR616" s="81"/>
      <c r="AS616" s="81"/>
      <c r="AT616" s="81"/>
      <c r="AU616" s="81"/>
      <c r="AV616" s="81"/>
      <c r="AW616" s="80">
        <f t="shared" si="334"/>
        <v>1277</v>
      </c>
      <c r="AX616" s="76">
        <f t="shared" si="367"/>
        <v>24.548159749412687</v>
      </c>
      <c r="AY616" s="79" t="str">
        <f t="shared" si="335"/>
        <v/>
      </c>
      <c r="AZ616" s="79" t="str">
        <f t="shared" si="336"/>
        <v/>
      </c>
      <c r="BA616" s="79" t="str">
        <f t="shared" si="337"/>
        <v/>
      </c>
      <c r="BB616" s="79" t="str">
        <f t="shared" si="338"/>
        <v/>
      </c>
      <c r="BC616" s="79" t="str">
        <f t="shared" si="339"/>
        <v/>
      </c>
      <c r="BD616" s="79" t="str">
        <f t="shared" si="340"/>
        <v/>
      </c>
      <c r="BE616" s="79" t="str">
        <f t="shared" si="341"/>
        <v/>
      </c>
      <c r="BF616" s="79" t="str">
        <f t="shared" si="342"/>
        <v/>
      </c>
      <c r="BG616" s="79" t="str">
        <f t="shared" si="343"/>
        <v/>
      </c>
      <c r="BH616" s="79" t="str">
        <f t="shared" si="344"/>
        <v/>
      </c>
      <c r="BI616" s="79" t="str">
        <f t="shared" si="345"/>
        <v/>
      </c>
      <c r="BJ616" s="79" t="str">
        <f t="shared" si="346"/>
        <v/>
      </c>
      <c r="BK616" s="79" t="str">
        <f t="shared" si="347"/>
        <v/>
      </c>
      <c r="BL616" s="79" t="str">
        <f t="shared" si="348"/>
        <v/>
      </c>
      <c r="BM616" s="79" t="str">
        <f t="shared" si="349"/>
        <v/>
      </c>
      <c r="BN616" s="79" t="str">
        <f t="shared" si="350"/>
        <v/>
      </c>
      <c r="BO616" s="79" t="str">
        <f t="shared" si="351"/>
        <v/>
      </c>
      <c r="BP616" s="79">
        <f t="shared" si="352"/>
        <v>19024.823805794833</v>
      </c>
      <c r="BQ616" s="79">
        <f t="shared" si="353"/>
        <v>2454.8159749412685</v>
      </c>
      <c r="BR616" s="79">
        <f t="shared" si="354"/>
        <v>2454.8159749412685</v>
      </c>
      <c r="BS616" s="79">
        <f t="shared" si="355"/>
        <v>7413.5442443226311</v>
      </c>
      <c r="BT616" s="79" t="str">
        <f t="shared" si="356"/>
        <v/>
      </c>
      <c r="BU616" s="79" t="str">
        <f t="shared" si="357"/>
        <v/>
      </c>
      <c r="BV616" s="79" t="str">
        <f t="shared" si="358"/>
        <v/>
      </c>
      <c r="BW616" s="79" t="str">
        <f t="shared" si="359"/>
        <v/>
      </c>
      <c r="BX616" s="79" t="str">
        <f t="shared" si="360"/>
        <v/>
      </c>
      <c r="BY616" s="79" t="str">
        <f t="shared" si="361"/>
        <v/>
      </c>
      <c r="BZ616" s="79" t="str">
        <f t="shared" si="362"/>
        <v/>
      </c>
      <c r="CA616" s="79" t="str">
        <f t="shared" si="363"/>
        <v/>
      </c>
      <c r="CB616" s="79" t="str">
        <f t="shared" si="364"/>
        <v/>
      </c>
      <c r="CC616" s="79" t="str">
        <f t="shared" si="365"/>
        <v/>
      </c>
      <c r="CD616" s="81" t="s">
        <v>660</v>
      </c>
      <c r="CE616" s="81"/>
      <c r="CF616" s="83" t="s">
        <v>661</v>
      </c>
    </row>
    <row r="617" spans="1:84" ht="56.1" hidden="1" customHeight="1" x14ac:dyDescent="0.2">
      <c r="A617" s="91">
        <v>617</v>
      </c>
      <c r="B617" s="23" t="s">
        <v>53</v>
      </c>
      <c r="C617" s="35" t="s">
        <v>655</v>
      </c>
      <c r="D617" s="77" t="s">
        <v>656</v>
      </c>
      <c r="E617" s="75" t="s">
        <v>694</v>
      </c>
      <c r="F617" s="75" t="s">
        <v>695</v>
      </c>
      <c r="G617" s="75" t="s">
        <v>86</v>
      </c>
      <c r="H617" s="75" t="s">
        <v>63</v>
      </c>
      <c r="I617" s="78" t="s">
        <v>81</v>
      </c>
      <c r="J617" s="77" t="s">
        <v>77</v>
      </c>
      <c r="K617" s="78" t="s">
        <v>225</v>
      </c>
      <c r="L617" s="76" t="s">
        <v>63</v>
      </c>
      <c r="M617" s="76" t="s">
        <v>63</v>
      </c>
      <c r="N617" s="81">
        <v>31348</v>
      </c>
      <c r="O617" s="81">
        <f t="shared" si="366"/>
        <v>31348</v>
      </c>
      <c r="P617" s="76" t="s">
        <v>659</v>
      </c>
      <c r="Q617" s="84" t="s">
        <v>65</v>
      </c>
      <c r="R617" s="81"/>
      <c r="S617" s="81"/>
      <c r="T617" s="81"/>
      <c r="U617" s="81"/>
      <c r="V617" s="81"/>
      <c r="W617" s="81"/>
      <c r="X617" s="81"/>
      <c r="Y617" s="81"/>
      <c r="Z617" s="81"/>
      <c r="AA617" s="81"/>
      <c r="AB617" s="81"/>
      <c r="AC617" s="81"/>
      <c r="AD617" s="81"/>
      <c r="AE617" s="81"/>
      <c r="AF617" s="81"/>
      <c r="AG617" s="81"/>
      <c r="AH617" s="81"/>
      <c r="AI617" s="79" t="s">
        <v>66</v>
      </c>
      <c r="AJ617" s="79" t="s">
        <v>66</v>
      </c>
      <c r="AK617" s="79" t="s">
        <v>66</v>
      </c>
      <c r="AL617" s="79" t="s">
        <v>66</v>
      </c>
      <c r="AM617" s="81"/>
      <c r="AN617" s="81"/>
      <c r="AO617" s="81"/>
      <c r="AP617" s="81"/>
      <c r="AQ617" s="81"/>
      <c r="AR617" s="81"/>
      <c r="AS617" s="81"/>
      <c r="AT617" s="81"/>
      <c r="AU617" s="81"/>
      <c r="AV617" s="81"/>
      <c r="AW617" s="80">
        <f t="shared" si="334"/>
        <v>1277</v>
      </c>
      <c r="AX617" s="76">
        <f t="shared" si="367"/>
        <v>24.548159749412687</v>
      </c>
      <c r="AY617" s="79" t="str">
        <f t="shared" si="335"/>
        <v/>
      </c>
      <c r="AZ617" s="79" t="str">
        <f t="shared" si="336"/>
        <v/>
      </c>
      <c r="BA617" s="79" t="str">
        <f t="shared" si="337"/>
        <v/>
      </c>
      <c r="BB617" s="79" t="str">
        <f t="shared" si="338"/>
        <v/>
      </c>
      <c r="BC617" s="79" t="str">
        <f t="shared" si="339"/>
        <v/>
      </c>
      <c r="BD617" s="79" t="str">
        <f t="shared" si="340"/>
        <v/>
      </c>
      <c r="BE617" s="79" t="str">
        <f t="shared" si="341"/>
        <v/>
      </c>
      <c r="BF617" s="79" t="str">
        <f t="shared" si="342"/>
        <v/>
      </c>
      <c r="BG617" s="79" t="str">
        <f t="shared" si="343"/>
        <v/>
      </c>
      <c r="BH617" s="79" t="str">
        <f t="shared" si="344"/>
        <v/>
      </c>
      <c r="BI617" s="79" t="str">
        <f t="shared" si="345"/>
        <v/>
      </c>
      <c r="BJ617" s="79" t="str">
        <f t="shared" si="346"/>
        <v/>
      </c>
      <c r="BK617" s="79" t="str">
        <f t="shared" si="347"/>
        <v/>
      </c>
      <c r="BL617" s="79" t="str">
        <f t="shared" si="348"/>
        <v/>
      </c>
      <c r="BM617" s="79" t="str">
        <f t="shared" si="349"/>
        <v/>
      </c>
      <c r="BN617" s="79" t="str">
        <f t="shared" si="350"/>
        <v/>
      </c>
      <c r="BO617" s="79" t="str">
        <f t="shared" si="351"/>
        <v/>
      </c>
      <c r="BP617" s="79">
        <f t="shared" si="352"/>
        <v>19024.823805794833</v>
      </c>
      <c r="BQ617" s="79">
        <f t="shared" si="353"/>
        <v>2454.8159749412685</v>
      </c>
      <c r="BR617" s="79">
        <f t="shared" si="354"/>
        <v>2454.8159749412685</v>
      </c>
      <c r="BS617" s="79">
        <f t="shared" si="355"/>
        <v>7413.5442443226311</v>
      </c>
      <c r="BT617" s="79" t="str">
        <f t="shared" si="356"/>
        <v/>
      </c>
      <c r="BU617" s="79" t="str">
        <f t="shared" si="357"/>
        <v/>
      </c>
      <c r="BV617" s="79" t="str">
        <f t="shared" si="358"/>
        <v/>
      </c>
      <c r="BW617" s="79" t="str">
        <f t="shared" si="359"/>
        <v/>
      </c>
      <c r="BX617" s="79" t="str">
        <f t="shared" si="360"/>
        <v/>
      </c>
      <c r="BY617" s="79" t="str">
        <f t="shared" si="361"/>
        <v/>
      </c>
      <c r="BZ617" s="79" t="str">
        <f t="shared" si="362"/>
        <v/>
      </c>
      <c r="CA617" s="79" t="str">
        <f t="shared" si="363"/>
        <v/>
      </c>
      <c r="CB617" s="79" t="str">
        <f t="shared" si="364"/>
        <v/>
      </c>
      <c r="CC617" s="79" t="str">
        <f t="shared" si="365"/>
        <v/>
      </c>
      <c r="CD617" s="81" t="s">
        <v>660</v>
      </c>
      <c r="CE617" s="81"/>
      <c r="CF617" s="83" t="s">
        <v>661</v>
      </c>
    </row>
    <row r="618" spans="1:84" ht="56.1" hidden="1" customHeight="1" x14ac:dyDescent="0.2">
      <c r="A618" s="91">
        <v>618</v>
      </c>
      <c r="B618" s="23" t="s">
        <v>53</v>
      </c>
      <c r="C618" s="35" t="s">
        <v>655</v>
      </c>
      <c r="D618" s="77" t="s">
        <v>656</v>
      </c>
      <c r="E618" s="75" t="s">
        <v>696</v>
      </c>
      <c r="F618" s="86" t="s">
        <v>697</v>
      </c>
      <c r="G618" s="75" t="s">
        <v>86</v>
      </c>
      <c r="H618" s="75" t="s">
        <v>63</v>
      </c>
      <c r="I618" s="78" t="s">
        <v>81</v>
      </c>
      <c r="J618" s="77" t="s">
        <v>77</v>
      </c>
      <c r="K618" s="78" t="s">
        <v>225</v>
      </c>
      <c r="L618" s="76" t="s">
        <v>63</v>
      </c>
      <c r="M618" s="76" t="s">
        <v>63</v>
      </c>
      <c r="N618" s="81">
        <v>25079</v>
      </c>
      <c r="O618" s="81">
        <f t="shared" si="366"/>
        <v>25079</v>
      </c>
      <c r="P618" s="76" t="s">
        <v>659</v>
      </c>
      <c r="Q618" s="84" t="s">
        <v>65</v>
      </c>
      <c r="R618" s="81"/>
      <c r="S618" s="81"/>
      <c r="T618" s="81"/>
      <c r="U618" s="81"/>
      <c r="V618" s="81"/>
      <c r="W618" s="81"/>
      <c r="X618" s="81"/>
      <c r="Y618" s="81"/>
      <c r="Z618" s="81"/>
      <c r="AA618" s="81"/>
      <c r="AB618" s="81"/>
      <c r="AC618" s="81"/>
      <c r="AD618" s="81"/>
      <c r="AE618" s="81"/>
      <c r="AF618" s="81"/>
      <c r="AG618" s="81"/>
      <c r="AH618" s="81"/>
      <c r="AI618" s="79" t="s">
        <v>66</v>
      </c>
      <c r="AJ618" s="79" t="s">
        <v>66</v>
      </c>
      <c r="AK618" s="79" t="s">
        <v>66</v>
      </c>
      <c r="AL618" s="79" t="s">
        <v>66</v>
      </c>
      <c r="AM618" s="81"/>
      <c r="AN618" s="81"/>
      <c r="AO618" s="81"/>
      <c r="AP618" s="81"/>
      <c r="AQ618" s="81"/>
      <c r="AR618" s="81"/>
      <c r="AS618" s="81"/>
      <c r="AT618" s="81"/>
      <c r="AU618" s="81"/>
      <c r="AV618" s="81"/>
      <c r="AW618" s="80">
        <f t="shared" si="334"/>
        <v>1277</v>
      </c>
      <c r="AX618" s="76">
        <f t="shared" si="367"/>
        <v>19.638997650743931</v>
      </c>
      <c r="AY618" s="79" t="str">
        <f t="shared" si="335"/>
        <v/>
      </c>
      <c r="AZ618" s="79" t="str">
        <f t="shared" si="336"/>
        <v/>
      </c>
      <c r="BA618" s="79" t="str">
        <f t="shared" si="337"/>
        <v/>
      </c>
      <c r="BB618" s="79" t="str">
        <f t="shared" si="338"/>
        <v/>
      </c>
      <c r="BC618" s="79" t="str">
        <f t="shared" si="339"/>
        <v/>
      </c>
      <c r="BD618" s="79" t="str">
        <f t="shared" si="340"/>
        <v/>
      </c>
      <c r="BE618" s="79" t="str">
        <f t="shared" si="341"/>
        <v/>
      </c>
      <c r="BF618" s="79" t="str">
        <f t="shared" si="342"/>
        <v/>
      </c>
      <c r="BG618" s="79" t="str">
        <f t="shared" si="343"/>
        <v/>
      </c>
      <c r="BH618" s="79" t="str">
        <f t="shared" si="344"/>
        <v/>
      </c>
      <c r="BI618" s="79" t="str">
        <f t="shared" si="345"/>
        <v/>
      </c>
      <c r="BJ618" s="79" t="str">
        <f t="shared" si="346"/>
        <v/>
      </c>
      <c r="BK618" s="79" t="str">
        <f t="shared" si="347"/>
        <v/>
      </c>
      <c r="BL618" s="79" t="str">
        <f t="shared" si="348"/>
        <v/>
      </c>
      <c r="BM618" s="79" t="str">
        <f t="shared" si="349"/>
        <v/>
      </c>
      <c r="BN618" s="79" t="str">
        <f t="shared" si="350"/>
        <v/>
      </c>
      <c r="BO618" s="79" t="str">
        <f t="shared" si="351"/>
        <v/>
      </c>
      <c r="BP618" s="79">
        <f t="shared" si="352"/>
        <v>15220.223179326547</v>
      </c>
      <c r="BQ618" s="79">
        <f t="shared" si="353"/>
        <v>1963.8997650743931</v>
      </c>
      <c r="BR618" s="79">
        <f t="shared" si="354"/>
        <v>1963.8997650743931</v>
      </c>
      <c r="BS618" s="79">
        <f t="shared" si="355"/>
        <v>5930.9772905246673</v>
      </c>
      <c r="BT618" s="79" t="str">
        <f t="shared" si="356"/>
        <v/>
      </c>
      <c r="BU618" s="79" t="str">
        <f t="shared" si="357"/>
        <v/>
      </c>
      <c r="BV618" s="79" t="str">
        <f t="shared" si="358"/>
        <v/>
      </c>
      <c r="BW618" s="79" t="str">
        <f t="shared" si="359"/>
        <v/>
      </c>
      <c r="BX618" s="79" t="str">
        <f t="shared" si="360"/>
        <v/>
      </c>
      <c r="BY618" s="79" t="str">
        <f t="shared" si="361"/>
        <v/>
      </c>
      <c r="BZ618" s="79" t="str">
        <f t="shared" si="362"/>
        <v/>
      </c>
      <c r="CA618" s="79" t="str">
        <f t="shared" si="363"/>
        <v/>
      </c>
      <c r="CB618" s="79" t="str">
        <f t="shared" si="364"/>
        <v/>
      </c>
      <c r="CC618" s="79" t="str">
        <f t="shared" si="365"/>
        <v/>
      </c>
      <c r="CD618" s="81" t="s">
        <v>660</v>
      </c>
      <c r="CE618" s="81"/>
      <c r="CF618" s="83" t="s">
        <v>661</v>
      </c>
    </row>
    <row r="619" spans="1:84" ht="56.1" hidden="1" customHeight="1" x14ac:dyDescent="0.2">
      <c r="A619" s="91">
        <v>619</v>
      </c>
      <c r="B619" s="23" t="s">
        <v>53</v>
      </c>
      <c r="C619" s="35" t="s">
        <v>655</v>
      </c>
      <c r="D619" s="77" t="s">
        <v>656</v>
      </c>
      <c r="E619" s="75" t="s">
        <v>698</v>
      </c>
      <c r="F619" s="86" t="s">
        <v>699</v>
      </c>
      <c r="G619" s="75" t="s">
        <v>86</v>
      </c>
      <c r="H619" s="75" t="s">
        <v>63</v>
      </c>
      <c r="I619" s="78" t="s">
        <v>81</v>
      </c>
      <c r="J619" s="77" t="s">
        <v>77</v>
      </c>
      <c r="K619" s="78" t="s">
        <v>225</v>
      </c>
      <c r="L619" s="76" t="s">
        <v>63</v>
      </c>
      <c r="M619" s="76" t="s">
        <v>63</v>
      </c>
      <c r="N619" s="81">
        <v>25079</v>
      </c>
      <c r="O619" s="81">
        <f t="shared" si="366"/>
        <v>25079</v>
      </c>
      <c r="P619" s="76" t="s">
        <v>659</v>
      </c>
      <c r="Q619" s="84" t="s">
        <v>65</v>
      </c>
      <c r="R619" s="81"/>
      <c r="S619" s="81"/>
      <c r="T619" s="81"/>
      <c r="U619" s="81"/>
      <c r="V619" s="81"/>
      <c r="W619" s="81"/>
      <c r="X619" s="81"/>
      <c r="Y619" s="81"/>
      <c r="Z619" s="81"/>
      <c r="AA619" s="81"/>
      <c r="AB619" s="81"/>
      <c r="AC619" s="81"/>
      <c r="AD619" s="81"/>
      <c r="AE619" s="81"/>
      <c r="AF619" s="81"/>
      <c r="AG619" s="81"/>
      <c r="AH619" s="81"/>
      <c r="AI619" s="79" t="s">
        <v>66</v>
      </c>
      <c r="AJ619" s="79" t="s">
        <v>66</v>
      </c>
      <c r="AK619" s="79" t="s">
        <v>66</v>
      </c>
      <c r="AL619" s="79" t="s">
        <v>66</v>
      </c>
      <c r="AM619" s="81"/>
      <c r="AN619" s="81"/>
      <c r="AO619" s="81"/>
      <c r="AP619" s="81"/>
      <c r="AQ619" s="81"/>
      <c r="AR619" s="81"/>
      <c r="AS619" s="81"/>
      <c r="AT619" s="81"/>
      <c r="AU619" s="81"/>
      <c r="AV619" s="81"/>
      <c r="AW619" s="80">
        <f t="shared" si="334"/>
        <v>1277</v>
      </c>
      <c r="AX619" s="76">
        <f t="shared" si="367"/>
        <v>19.638997650743931</v>
      </c>
      <c r="AY619" s="79" t="str">
        <f t="shared" si="335"/>
        <v/>
      </c>
      <c r="AZ619" s="79" t="str">
        <f t="shared" si="336"/>
        <v/>
      </c>
      <c r="BA619" s="79" t="str">
        <f t="shared" si="337"/>
        <v/>
      </c>
      <c r="BB619" s="79" t="str">
        <f t="shared" si="338"/>
        <v/>
      </c>
      <c r="BC619" s="79" t="str">
        <f t="shared" si="339"/>
        <v/>
      </c>
      <c r="BD619" s="79" t="str">
        <f t="shared" si="340"/>
        <v/>
      </c>
      <c r="BE619" s="79" t="str">
        <f t="shared" si="341"/>
        <v/>
      </c>
      <c r="BF619" s="79" t="str">
        <f t="shared" si="342"/>
        <v/>
      </c>
      <c r="BG619" s="79" t="str">
        <f t="shared" si="343"/>
        <v/>
      </c>
      <c r="BH619" s="79" t="str">
        <f t="shared" si="344"/>
        <v/>
      </c>
      <c r="BI619" s="79" t="str">
        <f t="shared" si="345"/>
        <v/>
      </c>
      <c r="BJ619" s="79" t="str">
        <f t="shared" si="346"/>
        <v/>
      </c>
      <c r="BK619" s="79" t="str">
        <f t="shared" si="347"/>
        <v/>
      </c>
      <c r="BL619" s="79" t="str">
        <f t="shared" si="348"/>
        <v/>
      </c>
      <c r="BM619" s="79" t="str">
        <f t="shared" si="349"/>
        <v/>
      </c>
      <c r="BN619" s="79" t="str">
        <f t="shared" si="350"/>
        <v/>
      </c>
      <c r="BO619" s="79" t="str">
        <f t="shared" si="351"/>
        <v/>
      </c>
      <c r="BP619" s="79">
        <f t="shared" si="352"/>
        <v>15220.223179326547</v>
      </c>
      <c r="BQ619" s="79">
        <f t="shared" si="353"/>
        <v>1963.8997650743931</v>
      </c>
      <c r="BR619" s="79">
        <f t="shared" si="354"/>
        <v>1963.8997650743931</v>
      </c>
      <c r="BS619" s="79">
        <f t="shared" si="355"/>
        <v>5930.9772905246673</v>
      </c>
      <c r="BT619" s="79" t="str">
        <f t="shared" si="356"/>
        <v/>
      </c>
      <c r="BU619" s="79" t="str">
        <f t="shared" si="357"/>
        <v/>
      </c>
      <c r="BV619" s="79" t="str">
        <f t="shared" si="358"/>
        <v/>
      </c>
      <c r="BW619" s="79" t="str">
        <f t="shared" si="359"/>
        <v/>
      </c>
      <c r="BX619" s="79" t="str">
        <f t="shared" si="360"/>
        <v/>
      </c>
      <c r="BY619" s="79" t="str">
        <f t="shared" si="361"/>
        <v/>
      </c>
      <c r="BZ619" s="79" t="str">
        <f t="shared" si="362"/>
        <v/>
      </c>
      <c r="CA619" s="79" t="str">
        <f t="shared" si="363"/>
        <v/>
      </c>
      <c r="CB619" s="79" t="str">
        <f t="shared" si="364"/>
        <v/>
      </c>
      <c r="CC619" s="79" t="str">
        <f t="shared" si="365"/>
        <v/>
      </c>
      <c r="CD619" s="81" t="s">
        <v>660</v>
      </c>
      <c r="CE619" s="81"/>
      <c r="CF619" s="83" t="s">
        <v>661</v>
      </c>
    </row>
    <row r="620" spans="1:84" ht="56.1" hidden="1" customHeight="1" x14ac:dyDescent="0.2">
      <c r="A620" s="91">
        <v>620</v>
      </c>
      <c r="B620" s="23" t="s">
        <v>53</v>
      </c>
      <c r="C620" s="35" t="s">
        <v>655</v>
      </c>
      <c r="D620" s="77" t="s">
        <v>656</v>
      </c>
      <c r="E620" s="75" t="s">
        <v>700</v>
      </c>
      <c r="F620" s="75" t="s">
        <v>701</v>
      </c>
      <c r="G620" s="75" t="s">
        <v>86</v>
      </c>
      <c r="H620" s="75" t="s">
        <v>63</v>
      </c>
      <c r="I620" s="78" t="s">
        <v>81</v>
      </c>
      <c r="J620" s="77" t="s">
        <v>77</v>
      </c>
      <c r="K620" s="78" t="s">
        <v>225</v>
      </c>
      <c r="L620" s="76" t="s">
        <v>63</v>
      </c>
      <c r="M620" s="76" t="s">
        <v>63</v>
      </c>
      <c r="N620" s="81">
        <v>238247</v>
      </c>
      <c r="O620" s="81">
        <f t="shared" ref="O620:O677" si="368">N620</f>
        <v>238247</v>
      </c>
      <c r="P620" s="76" t="s">
        <v>659</v>
      </c>
      <c r="Q620" s="84" t="s">
        <v>65</v>
      </c>
      <c r="R620" s="81"/>
      <c r="S620" s="81"/>
      <c r="T620" s="81"/>
      <c r="U620" s="81"/>
      <c r="V620" s="81"/>
      <c r="W620" s="81"/>
      <c r="X620" s="81"/>
      <c r="Y620" s="81"/>
      <c r="Z620" s="81"/>
      <c r="AA620" s="81"/>
      <c r="AB620" s="81"/>
      <c r="AC620" s="81"/>
      <c r="AD620" s="81"/>
      <c r="AE620" s="81"/>
      <c r="AF620" s="81"/>
      <c r="AG620" s="81"/>
      <c r="AH620" s="81"/>
      <c r="AI620" s="79" t="s">
        <v>66</v>
      </c>
      <c r="AJ620" s="79" t="s">
        <v>66</v>
      </c>
      <c r="AK620" s="79" t="s">
        <v>66</v>
      </c>
      <c r="AL620" s="79" t="s">
        <v>66</v>
      </c>
      <c r="AM620" s="81"/>
      <c r="AN620" s="81"/>
      <c r="AO620" s="81"/>
      <c r="AP620" s="81"/>
      <c r="AQ620" s="81"/>
      <c r="AR620" s="81"/>
      <c r="AS620" s="81"/>
      <c r="AT620" s="81"/>
      <c r="AU620" s="81"/>
      <c r="AV620" s="81"/>
      <c r="AW620" s="80">
        <f t="shared" si="334"/>
        <v>1277</v>
      </c>
      <c r="AX620" s="76">
        <f t="shared" si="367"/>
        <v>186.56773688332029</v>
      </c>
      <c r="AY620" s="79" t="str">
        <f t="shared" si="335"/>
        <v/>
      </c>
      <c r="AZ620" s="79" t="str">
        <f t="shared" si="336"/>
        <v/>
      </c>
      <c r="BA620" s="79" t="str">
        <f t="shared" si="337"/>
        <v/>
      </c>
      <c r="BB620" s="79" t="str">
        <f t="shared" si="338"/>
        <v/>
      </c>
      <c r="BC620" s="79" t="str">
        <f t="shared" si="339"/>
        <v/>
      </c>
      <c r="BD620" s="79" t="str">
        <f t="shared" si="340"/>
        <v/>
      </c>
      <c r="BE620" s="79" t="str">
        <f t="shared" si="341"/>
        <v/>
      </c>
      <c r="BF620" s="79" t="str">
        <f t="shared" si="342"/>
        <v/>
      </c>
      <c r="BG620" s="79" t="str">
        <f t="shared" si="343"/>
        <v/>
      </c>
      <c r="BH620" s="79" t="str">
        <f t="shared" si="344"/>
        <v/>
      </c>
      <c r="BI620" s="79" t="str">
        <f t="shared" si="345"/>
        <v/>
      </c>
      <c r="BJ620" s="79" t="str">
        <f t="shared" si="346"/>
        <v/>
      </c>
      <c r="BK620" s="79" t="str">
        <f t="shared" si="347"/>
        <v/>
      </c>
      <c r="BL620" s="79" t="str">
        <f t="shared" si="348"/>
        <v/>
      </c>
      <c r="BM620" s="79" t="str">
        <f t="shared" si="349"/>
        <v/>
      </c>
      <c r="BN620" s="79" t="str">
        <f t="shared" si="350"/>
        <v/>
      </c>
      <c r="BO620" s="79" t="str">
        <f t="shared" si="351"/>
        <v/>
      </c>
      <c r="BP620" s="79">
        <f t="shared" si="352"/>
        <v>144589.99608457321</v>
      </c>
      <c r="BQ620" s="79">
        <f t="shared" si="353"/>
        <v>18656.773688332029</v>
      </c>
      <c r="BR620" s="79">
        <f t="shared" si="354"/>
        <v>18656.773688332029</v>
      </c>
      <c r="BS620" s="79">
        <f t="shared" si="355"/>
        <v>56343.45653876273</v>
      </c>
      <c r="BT620" s="79" t="str">
        <f t="shared" si="356"/>
        <v/>
      </c>
      <c r="BU620" s="79" t="str">
        <f t="shared" si="357"/>
        <v/>
      </c>
      <c r="BV620" s="79" t="str">
        <f t="shared" si="358"/>
        <v/>
      </c>
      <c r="BW620" s="79" t="str">
        <f t="shared" si="359"/>
        <v/>
      </c>
      <c r="BX620" s="79" t="str">
        <f t="shared" si="360"/>
        <v/>
      </c>
      <c r="BY620" s="79" t="str">
        <f t="shared" si="361"/>
        <v/>
      </c>
      <c r="BZ620" s="79" t="str">
        <f t="shared" si="362"/>
        <v/>
      </c>
      <c r="CA620" s="79" t="str">
        <f t="shared" si="363"/>
        <v/>
      </c>
      <c r="CB620" s="79" t="str">
        <f t="shared" si="364"/>
        <v/>
      </c>
      <c r="CC620" s="79" t="str">
        <f t="shared" si="365"/>
        <v/>
      </c>
      <c r="CD620" s="81" t="s">
        <v>660</v>
      </c>
      <c r="CE620" s="81"/>
      <c r="CF620" s="83" t="s">
        <v>661</v>
      </c>
    </row>
    <row r="621" spans="1:84" ht="56.1" hidden="1" customHeight="1" x14ac:dyDescent="0.2">
      <c r="A621" s="91">
        <v>621</v>
      </c>
      <c r="B621" s="23" t="s">
        <v>53</v>
      </c>
      <c r="C621" s="35" t="s">
        <v>655</v>
      </c>
      <c r="D621" s="77" t="s">
        <v>656</v>
      </c>
      <c r="E621" s="75" t="s">
        <v>702</v>
      </c>
      <c r="F621" s="75" t="s">
        <v>703</v>
      </c>
      <c r="G621" s="75" t="s">
        <v>86</v>
      </c>
      <c r="H621" s="75" t="s">
        <v>63</v>
      </c>
      <c r="I621" s="78" t="s">
        <v>81</v>
      </c>
      <c r="J621" s="77" t="s">
        <v>77</v>
      </c>
      <c r="K621" s="78" t="s">
        <v>225</v>
      </c>
      <c r="L621" s="76" t="s">
        <v>63</v>
      </c>
      <c r="M621" s="76" t="s">
        <v>63</v>
      </c>
      <c r="N621" s="81">
        <v>238247</v>
      </c>
      <c r="O621" s="81">
        <f t="shared" si="368"/>
        <v>238247</v>
      </c>
      <c r="P621" s="76" t="s">
        <v>659</v>
      </c>
      <c r="Q621" s="84" t="s">
        <v>65</v>
      </c>
      <c r="R621" s="81"/>
      <c r="S621" s="81"/>
      <c r="T621" s="81"/>
      <c r="U621" s="81"/>
      <c r="V621" s="81"/>
      <c r="W621" s="81"/>
      <c r="X621" s="81"/>
      <c r="Y621" s="81"/>
      <c r="Z621" s="81"/>
      <c r="AA621" s="81"/>
      <c r="AB621" s="81"/>
      <c r="AC621" s="81"/>
      <c r="AD621" s="81"/>
      <c r="AE621" s="81"/>
      <c r="AF621" s="81"/>
      <c r="AG621" s="81"/>
      <c r="AH621" s="81"/>
      <c r="AI621" s="79" t="s">
        <v>66</v>
      </c>
      <c r="AJ621" s="79" t="s">
        <v>66</v>
      </c>
      <c r="AK621" s="79" t="s">
        <v>66</v>
      </c>
      <c r="AL621" s="79" t="s">
        <v>66</v>
      </c>
      <c r="AM621" s="81"/>
      <c r="AN621" s="81"/>
      <c r="AO621" s="81"/>
      <c r="AP621" s="81"/>
      <c r="AQ621" s="81"/>
      <c r="AR621" s="81"/>
      <c r="AS621" s="81"/>
      <c r="AT621" s="81"/>
      <c r="AU621" s="81"/>
      <c r="AV621" s="81"/>
      <c r="AW621" s="80">
        <f t="shared" si="334"/>
        <v>1277</v>
      </c>
      <c r="AX621" s="76">
        <f t="shared" si="367"/>
        <v>186.56773688332029</v>
      </c>
      <c r="AY621" s="79" t="str">
        <f t="shared" si="335"/>
        <v/>
      </c>
      <c r="AZ621" s="79" t="str">
        <f t="shared" si="336"/>
        <v/>
      </c>
      <c r="BA621" s="79" t="str">
        <f t="shared" si="337"/>
        <v/>
      </c>
      <c r="BB621" s="79" t="str">
        <f t="shared" si="338"/>
        <v/>
      </c>
      <c r="BC621" s="79" t="str">
        <f t="shared" si="339"/>
        <v/>
      </c>
      <c r="BD621" s="79" t="str">
        <f t="shared" si="340"/>
        <v/>
      </c>
      <c r="BE621" s="79" t="str">
        <f t="shared" si="341"/>
        <v/>
      </c>
      <c r="BF621" s="79" t="str">
        <f t="shared" si="342"/>
        <v/>
      </c>
      <c r="BG621" s="79" t="str">
        <f t="shared" si="343"/>
        <v/>
      </c>
      <c r="BH621" s="79" t="str">
        <f t="shared" si="344"/>
        <v/>
      </c>
      <c r="BI621" s="79" t="str">
        <f t="shared" si="345"/>
        <v/>
      </c>
      <c r="BJ621" s="79" t="str">
        <f t="shared" si="346"/>
        <v/>
      </c>
      <c r="BK621" s="79" t="str">
        <f t="shared" si="347"/>
        <v/>
      </c>
      <c r="BL621" s="79" t="str">
        <f t="shared" si="348"/>
        <v/>
      </c>
      <c r="BM621" s="79" t="str">
        <f t="shared" si="349"/>
        <v/>
      </c>
      <c r="BN621" s="79" t="str">
        <f t="shared" si="350"/>
        <v/>
      </c>
      <c r="BO621" s="79" t="str">
        <f t="shared" si="351"/>
        <v/>
      </c>
      <c r="BP621" s="79">
        <f t="shared" si="352"/>
        <v>144589.99608457321</v>
      </c>
      <c r="BQ621" s="79">
        <f t="shared" si="353"/>
        <v>18656.773688332029</v>
      </c>
      <c r="BR621" s="79">
        <f t="shared" si="354"/>
        <v>18656.773688332029</v>
      </c>
      <c r="BS621" s="79">
        <f t="shared" si="355"/>
        <v>56343.45653876273</v>
      </c>
      <c r="BT621" s="79" t="str">
        <f t="shared" si="356"/>
        <v/>
      </c>
      <c r="BU621" s="79" t="str">
        <f t="shared" si="357"/>
        <v/>
      </c>
      <c r="BV621" s="79" t="str">
        <f t="shared" si="358"/>
        <v/>
      </c>
      <c r="BW621" s="79" t="str">
        <f t="shared" si="359"/>
        <v/>
      </c>
      <c r="BX621" s="79" t="str">
        <f t="shared" si="360"/>
        <v/>
      </c>
      <c r="BY621" s="79" t="str">
        <f t="shared" si="361"/>
        <v/>
      </c>
      <c r="BZ621" s="79" t="str">
        <f t="shared" si="362"/>
        <v/>
      </c>
      <c r="CA621" s="79" t="str">
        <f t="shared" si="363"/>
        <v/>
      </c>
      <c r="CB621" s="79" t="str">
        <f t="shared" si="364"/>
        <v/>
      </c>
      <c r="CC621" s="79" t="str">
        <f t="shared" si="365"/>
        <v/>
      </c>
      <c r="CD621" s="81" t="s">
        <v>660</v>
      </c>
      <c r="CE621" s="81"/>
      <c r="CF621" s="83" t="s">
        <v>661</v>
      </c>
    </row>
    <row r="622" spans="1:84" ht="56.1" hidden="1" customHeight="1" x14ac:dyDescent="0.2">
      <c r="A622" s="91">
        <v>622</v>
      </c>
      <c r="B622" s="23" t="s">
        <v>53</v>
      </c>
      <c r="C622" s="35" t="s">
        <v>655</v>
      </c>
      <c r="D622" s="77" t="s">
        <v>656</v>
      </c>
      <c r="E622" s="75" t="s">
        <v>704</v>
      </c>
      <c r="F622" s="75" t="s">
        <v>705</v>
      </c>
      <c r="G622" s="75" t="s">
        <v>86</v>
      </c>
      <c r="H622" s="75" t="s">
        <v>63</v>
      </c>
      <c r="I622" s="78" t="s">
        <v>81</v>
      </c>
      <c r="J622" s="77" t="s">
        <v>77</v>
      </c>
      <c r="K622" s="78" t="s">
        <v>225</v>
      </c>
      <c r="L622" s="76" t="s">
        <v>63</v>
      </c>
      <c r="M622" s="76" t="s">
        <v>63</v>
      </c>
      <c r="N622" s="81">
        <v>125393</v>
      </c>
      <c r="O622" s="81">
        <f t="shared" si="368"/>
        <v>125393</v>
      </c>
      <c r="P622" s="76" t="s">
        <v>659</v>
      </c>
      <c r="Q622" s="84" t="s">
        <v>65</v>
      </c>
      <c r="R622" s="81"/>
      <c r="S622" s="81"/>
      <c r="T622" s="81"/>
      <c r="U622" s="81"/>
      <c r="V622" s="81"/>
      <c r="W622" s="81"/>
      <c r="X622" s="81"/>
      <c r="Y622" s="81"/>
      <c r="Z622" s="81"/>
      <c r="AA622" s="81"/>
      <c r="AB622" s="81"/>
      <c r="AC622" s="81"/>
      <c r="AD622" s="81"/>
      <c r="AE622" s="81"/>
      <c r="AF622" s="81"/>
      <c r="AG622" s="81"/>
      <c r="AH622" s="81"/>
      <c r="AI622" s="79" t="s">
        <v>66</v>
      </c>
      <c r="AJ622" s="79" t="s">
        <v>66</v>
      </c>
      <c r="AK622" s="79" t="s">
        <v>66</v>
      </c>
      <c r="AL622" s="79" t="s">
        <v>66</v>
      </c>
      <c r="AM622" s="81"/>
      <c r="AN622" s="81"/>
      <c r="AO622" s="81"/>
      <c r="AP622" s="81"/>
      <c r="AQ622" s="81"/>
      <c r="AR622" s="81"/>
      <c r="AS622" s="81"/>
      <c r="AT622" s="81"/>
      <c r="AU622" s="81"/>
      <c r="AV622" s="81"/>
      <c r="AW622" s="80">
        <f t="shared" si="334"/>
        <v>1277</v>
      </c>
      <c r="AX622" s="76">
        <f t="shared" si="367"/>
        <v>98.19342208300705</v>
      </c>
      <c r="AY622" s="79" t="str">
        <f t="shared" si="335"/>
        <v/>
      </c>
      <c r="AZ622" s="79" t="str">
        <f t="shared" si="336"/>
        <v/>
      </c>
      <c r="BA622" s="79" t="str">
        <f t="shared" si="337"/>
        <v/>
      </c>
      <c r="BB622" s="79" t="str">
        <f t="shared" si="338"/>
        <v/>
      </c>
      <c r="BC622" s="79" t="str">
        <f t="shared" si="339"/>
        <v/>
      </c>
      <c r="BD622" s="79" t="str">
        <f t="shared" si="340"/>
        <v/>
      </c>
      <c r="BE622" s="79" t="str">
        <f t="shared" si="341"/>
        <v/>
      </c>
      <c r="BF622" s="79" t="str">
        <f t="shared" si="342"/>
        <v/>
      </c>
      <c r="BG622" s="79" t="str">
        <f t="shared" si="343"/>
        <v/>
      </c>
      <c r="BH622" s="79" t="str">
        <f t="shared" si="344"/>
        <v/>
      </c>
      <c r="BI622" s="79" t="str">
        <f t="shared" si="345"/>
        <v/>
      </c>
      <c r="BJ622" s="79" t="str">
        <f t="shared" si="346"/>
        <v/>
      </c>
      <c r="BK622" s="79" t="str">
        <f t="shared" si="347"/>
        <v/>
      </c>
      <c r="BL622" s="79" t="str">
        <f t="shared" si="348"/>
        <v/>
      </c>
      <c r="BM622" s="79" t="str">
        <f t="shared" si="349"/>
        <v/>
      </c>
      <c r="BN622" s="79" t="str">
        <f t="shared" si="350"/>
        <v/>
      </c>
      <c r="BO622" s="79" t="str">
        <f t="shared" si="351"/>
        <v/>
      </c>
      <c r="BP622" s="79">
        <f t="shared" si="352"/>
        <v>76099.902114330471</v>
      </c>
      <c r="BQ622" s="79">
        <f t="shared" si="353"/>
        <v>9819.3422083007044</v>
      </c>
      <c r="BR622" s="79">
        <f t="shared" si="354"/>
        <v>9819.3422083007044</v>
      </c>
      <c r="BS622" s="79">
        <f t="shared" si="355"/>
        <v>29654.413469068128</v>
      </c>
      <c r="BT622" s="79" t="str">
        <f t="shared" si="356"/>
        <v/>
      </c>
      <c r="BU622" s="79" t="str">
        <f t="shared" si="357"/>
        <v/>
      </c>
      <c r="BV622" s="79" t="str">
        <f t="shared" si="358"/>
        <v/>
      </c>
      <c r="BW622" s="79" t="str">
        <f t="shared" si="359"/>
        <v/>
      </c>
      <c r="BX622" s="79" t="str">
        <f t="shared" si="360"/>
        <v/>
      </c>
      <c r="BY622" s="79" t="str">
        <f t="shared" si="361"/>
        <v/>
      </c>
      <c r="BZ622" s="79" t="str">
        <f t="shared" si="362"/>
        <v/>
      </c>
      <c r="CA622" s="79" t="str">
        <f t="shared" si="363"/>
        <v/>
      </c>
      <c r="CB622" s="79" t="str">
        <f t="shared" si="364"/>
        <v/>
      </c>
      <c r="CC622" s="79" t="str">
        <f t="shared" si="365"/>
        <v/>
      </c>
      <c r="CD622" s="81" t="s">
        <v>660</v>
      </c>
      <c r="CE622" s="81"/>
      <c r="CF622" s="83" t="s">
        <v>661</v>
      </c>
    </row>
    <row r="623" spans="1:84" ht="56.1" hidden="1" customHeight="1" x14ac:dyDescent="0.2">
      <c r="A623" s="91">
        <v>623</v>
      </c>
      <c r="B623" s="23" t="s">
        <v>53</v>
      </c>
      <c r="C623" s="35" t="s">
        <v>655</v>
      </c>
      <c r="D623" s="77" t="s">
        <v>656</v>
      </c>
      <c r="E623" s="75" t="s">
        <v>706</v>
      </c>
      <c r="F623" s="75" t="s">
        <v>707</v>
      </c>
      <c r="G623" s="75" t="s">
        <v>86</v>
      </c>
      <c r="H623" s="75" t="s">
        <v>63</v>
      </c>
      <c r="I623" s="78" t="s">
        <v>81</v>
      </c>
      <c r="J623" s="77" t="s">
        <v>77</v>
      </c>
      <c r="K623" s="78" t="s">
        <v>225</v>
      </c>
      <c r="L623" s="76" t="s">
        <v>63</v>
      </c>
      <c r="M623" s="76" t="s">
        <v>63</v>
      </c>
      <c r="N623" s="81">
        <v>75236</v>
      </c>
      <c r="O623" s="81">
        <f t="shared" si="368"/>
        <v>75236</v>
      </c>
      <c r="P623" s="76" t="s">
        <v>659</v>
      </c>
      <c r="Q623" s="84" t="s">
        <v>65</v>
      </c>
      <c r="R623" s="81"/>
      <c r="S623" s="81"/>
      <c r="T623" s="81"/>
      <c r="U623" s="81"/>
      <c r="V623" s="81"/>
      <c r="W623" s="81"/>
      <c r="X623" s="81"/>
      <c r="Y623" s="81"/>
      <c r="Z623" s="81"/>
      <c r="AA623" s="81"/>
      <c r="AB623" s="81"/>
      <c r="AC623" s="81"/>
      <c r="AD623" s="81"/>
      <c r="AE623" s="81"/>
      <c r="AF623" s="81"/>
      <c r="AG623" s="81"/>
      <c r="AH623" s="81"/>
      <c r="AI623" s="79" t="s">
        <v>66</v>
      </c>
      <c r="AJ623" s="79" t="s">
        <v>66</v>
      </c>
      <c r="AK623" s="79" t="s">
        <v>66</v>
      </c>
      <c r="AL623" s="79" t="s">
        <v>66</v>
      </c>
      <c r="AM623" s="81"/>
      <c r="AN623" s="81"/>
      <c r="AO623" s="81"/>
      <c r="AP623" s="81"/>
      <c r="AQ623" s="81"/>
      <c r="AR623" s="81"/>
      <c r="AS623" s="81"/>
      <c r="AT623" s="81"/>
      <c r="AU623" s="81"/>
      <c r="AV623" s="81"/>
      <c r="AW623" s="80">
        <f t="shared" si="334"/>
        <v>1277</v>
      </c>
      <c r="AX623" s="76">
        <f t="shared" si="367"/>
        <v>58.916209866875491</v>
      </c>
      <c r="AY623" s="79" t="str">
        <f t="shared" si="335"/>
        <v/>
      </c>
      <c r="AZ623" s="79" t="str">
        <f t="shared" si="336"/>
        <v/>
      </c>
      <c r="BA623" s="79" t="str">
        <f t="shared" si="337"/>
        <v/>
      </c>
      <c r="BB623" s="79" t="str">
        <f t="shared" si="338"/>
        <v/>
      </c>
      <c r="BC623" s="79" t="str">
        <f t="shared" si="339"/>
        <v/>
      </c>
      <c r="BD623" s="79" t="str">
        <f t="shared" si="340"/>
        <v/>
      </c>
      <c r="BE623" s="79" t="str">
        <f t="shared" si="341"/>
        <v/>
      </c>
      <c r="BF623" s="79" t="str">
        <f t="shared" si="342"/>
        <v/>
      </c>
      <c r="BG623" s="79" t="str">
        <f t="shared" si="343"/>
        <v/>
      </c>
      <c r="BH623" s="79" t="str">
        <f t="shared" si="344"/>
        <v/>
      </c>
      <c r="BI623" s="79" t="str">
        <f t="shared" si="345"/>
        <v/>
      </c>
      <c r="BJ623" s="79" t="str">
        <f t="shared" si="346"/>
        <v/>
      </c>
      <c r="BK623" s="79" t="str">
        <f t="shared" si="347"/>
        <v/>
      </c>
      <c r="BL623" s="79" t="str">
        <f t="shared" si="348"/>
        <v/>
      </c>
      <c r="BM623" s="79" t="str">
        <f t="shared" si="349"/>
        <v/>
      </c>
      <c r="BN623" s="79" t="str">
        <f t="shared" si="350"/>
        <v/>
      </c>
      <c r="BO623" s="79" t="str">
        <f t="shared" si="351"/>
        <v/>
      </c>
      <c r="BP623" s="79">
        <f t="shared" si="352"/>
        <v>45660.062646828505</v>
      </c>
      <c r="BQ623" s="79">
        <f t="shared" si="353"/>
        <v>5891.6209866875488</v>
      </c>
      <c r="BR623" s="79">
        <f t="shared" si="354"/>
        <v>5891.6209866875488</v>
      </c>
      <c r="BS623" s="79">
        <f t="shared" si="355"/>
        <v>17792.695379796398</v>
      </c>
      <c r="BT623" s="79" t="str">
        <f t="shared" si="356"/>
        <v/>
      </c>
      <c r="BU623" s="79" t="str">
        <f t="shared" si="357"/>
        <v/>
      </c>
      <c r="BV623" s="79" t="str">
        <f t="shared" si="358"/>
        <v/>
      </c>
      <c r="BW623" s="79" t="str">
        <f t="shared" si="359"/>
        <v/>
      </c>
      <c r="BX623" s="79" t="str">
        <f t="shared" si="360"/>
        <v/>
      </c>
      <c r="BY623" s="79" t="str">
        <f t="shared" si="361"/>
        <v/>
      </c>
      <c r="BZ623" s="79" t="str">
        <f t="shared" si="362"/>
        <v/>
      </c>
      <c r="CA623" s="79" t="str">
        <f t="shared" si="363"/>
        <v/>
      </c>
      <c r="CB623" s="79" t="str">
        <f t="shared" si="364"/>
        <v/>
      </c>
      <c r="CC623" s="79" t="str">
        <f t="shared" si="365"/>
        <v/>
      </c>
      <c r="CD623" s="81" t="s">
        <v>660</v>
      </c>
      <c r="CE623" s="81"/>
      <c r="CF623" s="83" t="s">
        <v>661</v>
      </c>
    </row>
    <row r="624" spans="1:84" ht="56.1" hidden="1" customHeight="1" x14ac:dyDescent="0.2">
      <c r="A624" s="91">
        <v>624</v>
      </c>
      <c r="B624" s="23" t="s">
        <v>53</v>
      </c>
      <c r="C624" s="35" t="s">
        <v>655</v>
      </c>
      <c r="D624" s="77" t="s">
        <v>656</v>
      </c>
      <c r="E624" s="75" t="s">
        <v>708</v>
      </c>
      <c r="F624" s="75" t="s">
        <v>709</v>
      </c>
      <c r="G624" s="75" t="s">
        <v>86</v>
      </c>
      <c r="H624" s="75" t="s">
        <v>63</v>
      </c>
      <c r="I624" s="78" t="s">
        <v>81</v>
      </c>
      <c r="J624" s="77" t="s">
        <v>77</v>
      </c>
      <c r="K624" s="78" t="s">
        <v>225</v>
      </c>
      <c r="L624" s="76" t="s">
        <v>63</v>
      </c>
      <c r="M624" s="76" t="s">
        <v>63</v>
      </c>
      <c r="N624" s="81">
        <v>224454</v>
      </c>
      <c r="O624" s="81">
        <f t="shared" si="368"/>
        <v>224454</v>
      </c>
      <c r="P624" s="76" t="s">
        <v>659</v>
      </c>
      <c r="Q624" s="84" t="s">
        <v>65</v>
      </c>
      <c r="R624" s="81"/>
      <c r="S624" s="81"/>
      <c r="T624" s="81"/>
      <c r="U624" s="81"/>
      <c r="V624" s="81"/>
      <c r="W624" s="81"/>
      <c r="X624" s="81"/>
      <c r="Y624" s="81"/>
      <c r="Z624" s="81"/>
      <c r="AA624" s="81"/>
      <c r="AB624" s="81"/>
      <c r="AC624" s="81"/>
      <c r="AD624" s="81"/>
      <c r="AE624" s="81"/>
      <c r="AF624" s="81"/>
      <c r="AG624" s="81"/>
      <c r="AH624" s="81"/>
      <c r="AI624" s="79" t="s">
        <v>66</v>
      </c>
      <c r="AJ624" s="79" t="s">
        <v>66</v>
      </c>
      <c r="AK624" s="79" t="s">
        <v>66</v>
      </c>
      <c r="AL624" s="79" t="s">
        <v>66</v>
      </c>
      <c r="AM624" s="81"/>
      <c r="AN624" s="81"/>
      <c r="AO624" s="81"/>
      <c r="AP624" s="81"/>
      <c r="AQ624" s="81"/>
      <c r="AR624" s="81"/>
      <c r="AS624" s="81"/>
      <c r="AT624" s="81"/>
      <c r="AU624" s="81"/>
      <c r="AV624" s="81"/>
      <c r="AW624" s="80">
        <f t="shared" si="334"/>
        <v>1277</v>
      </c>
      <c r="AX624" s="76">
        <f t="shared" si="367"/>
        <v>175.76664056382145</v>
      </c>
      <c r="AY624" s="79" t="str">
        <f t="shared" si="335"/>
        <v/>
      </c>
      <c r="AZ624" s="79" t="str">
        <f t="shared" si="336"/>
        <v/>
      </c>
      <c r="BA624" s="79" t="str">
        <f t="shared" si="337"/>
        <v/>
      </c>
      <c r="BB624" s="79" t="str">
        <f t="shared" si="338"/>
        <v/>
      </c>
      <c r="BC624" s="79" t="str">
        <f t="shared" si="339"/>
        <v/>
      </c>
      <c r="BD624" s="79" t="str">
        <f t="shared" si="340"/>
        <v/>
      </c>
      <c r="BE624" s="79" t="str">
        <f t="shared" si="341"/>
        <v/>
      </c>
      <c r="BF624" s="79" t="str">
        <f t="shared" si="342"/>
        <v/>
      </c>
      <c r="BG624" s="79" t="str">
        <f t="shared" si="343"/>
        <v/>
      </c>
      <c r="BH624" s="79" t="str">
        <f t="shared" si="344"/>
        <v/>
      </c>
      <c r="BI624" s="79" t="str">
        <f t="shared" si="345"/>
        <v/>
      </c>
      <c r="BJ624" s="79" t="str">
        <f t="shared" si="346"/>
        <v/>
      </c>
      <c r="BK624" s="79" t="str">
        <f t="shared" si="347"/>
        <v/>
      </c>
      <c r="BL624" s="79" t="str">
        <f t="shared" si="348"/>
        <v/>
      </c>
      <c r="BM624" s="79" t="str">
        <f t="shared" si="349"/>
        <v/>
      </c>
      <c r="BN624" s="79" t="str">
        <f t="shared" si="350"/>
        <v/>
      </c>
      <c r="BO624" s="79" t="str">
        <f t="shared" si="351"/>
        <v/>
      </c>
      <c r="BP624" s="79">
        <f t="shared" si="352"/>
        <v>136219.14643696163</v>
      </c>
      <c r="BQ624" s="79">
        <f t="shared" si="353"/>
        <v>17576.664056382146</v>
      </c>
      <c r="BR624" s="79">
        <f t="shared" si="354"/>
        <v>17576.664056382146</v>
      </c>
      <c r="BS624" s="79">
        <f t="shared" si="355"/>
        <v>53081.525450274079</v>
      </c>
      <c r="BT624" s="79" t="str">
        <f t="shared" si="356"/>
        <v/>
      </c>
      <c r="BU624" s="79" t="str">
        <f t="shared" si="357"/>
        <v/>
      </c>
      <c r="BV624" s="79" t="str">
        <f t="shared" si="358"/>
        <v/>
      </c>
      <c r="BW624" s="79" t="str">
        <f t="shared" si="359"/>
        <v/>
      </c>
      <c r="BX624" s="79" t="str">
        <f t="shared" si="360"/>
        <v/>
      </c>
      <c r="BY624" s="79" t="str">
        <f t="shared" si="361"/>
        <v/>
      </c>
      <c r="BZ624" s="79" t="str">
        <f t="shared" si="362"/>
        <v/>
      </c>
      <c r="CA624" s="79" t="str">
        <f t="shared" si="363"/>
        <v/>
      </c>
      <c r="CB624" s="79" t="str">
        <f t="shared" si="364"/>
        <v/>
      </c>
      <c r="CC624" s="79" t="str">
        <f t="shared" si="365"/>
        <v/>
      </c>
      <c r="CD624" s="81" t="s">
        <v>660</v>
      </c>
      <c r="CE624" s="81"/>
      <c r="CF624" s="83" t="s">
        <v>661</v>
      </c>
    </row>
    <row r="625" spans="1:84" ht="56.1" hidden="1" customHeight="1" x14ac:dyDescent="0.2">
      <c r="A625" s="91">
        <v>625</v>
      </c>
      <c r="B625" s="23" t="s">
        <v>53</v>
      </c>
      <c r="C625" s="35" t="s">
        <v>655</v>
      </c>
      <c r="D625" s="77" t="s">
        <v>656</v>
      </c>
      <c r="E625" s="75" t="s">
        <v>710</v>
      </c>
      <c r="F625" s="75" t="s">
        <v>711</v>
      </c>
      <c r="G625" s="75" t="s">
        <v>86</v>
      </c>
      <c r="H625" s="75" t="s">
        <v>63</v>
      </c>
      <c r="I625" s="78" t="s">
        <v>81</v>
      </c>
      <c r="J625" s="77" t="s">
        <v>77</v>
      </c>
      <c r="K625" s="78" t="s">
        <v>225</v>
      </c>
      <c r="L625" s="76" t="s">
        <v>63</v>
      </c>
      <c r="M625" s="76" t="s">
        <v>63</v>
      </c>
      <c r="N625" s="81">
        <v>175550</v>
      </c>
      <c r="O625" s="81">
        <f t="shared" si="368"/>
        <v>175550</v>
      </c>
      <c r="P625" s="76" t="s">
        <v>659</v>
      </c>
      <c r="Q625" s="84" t="s">
        <v>65</v>
      </c>
      <c r="R625" s="81"/>
      <c r="S625" s="81"/>
      <c r="T625" s="81"/>
      <c r="U625" s="81"/>
      <c r="V625" s="81"/>
      <c r="W625" s="81"/>
      <c r="X625" s="81"/>
      <c r="Y625" s="81"/>
      <c r="Z625" s="81"/>
      <c r="AA625" s="81"/>
      <c r="AB625" s="81"/>
      <c r="AC625" s="81"/>
      <c r="AD625" s="81"/>
      <c r="AE625" s="81"/>
      <c r="AF625" s="81"/>
      <c r="AG625" s="81"/>
      <c r="AH625" s="81"/>
      <c r="AI625" s="79" t="s">
        <v>66</v>
      </c>
      <c r="AJ625" s="79" t="s">
        <v>66</v>
      </c>
      <c r="AK625" s="79" t="s">
        <v>66</v>
      </c>
      <c r="AL625" s="79" t="s">
        <v>66</v>
      </c>
      <c r="AM625" s="81"/>
      <c r="AN625" s="81"/>
      <c r="AO625" s="81"/>
      <c r="AP625" s="81"/>
      <c r="AQ625" s="81"/>
      <c r="AR625" s="81"/>
      <c r="AS625" s="81"/>
      <c r="AT625" s="81"/>
      <c r="AU625" s="81"/>
      <c r="AV625" s="81"/>
      <c r="AW625" s="80">
        <f t="shared" si="334"/>
        <v>1277</v>
      </c>
      <c r="AX625" s="76">
        <f t="shared" si="367"/>
        <v>137.4706342991386</v>
      </c>
      <c r="AY625" s="79" t="str">
        <f t="shared" si="335"/>
        <v/>
      </c>
      <c r="AZ625" s="79" t="str">
        <f t="shared" si="336"/>
        <v/>
      </c>
      <c r="BA625" s="79" t="str">
        <f t="shared" si="337"/>
        <v/>
      </c>
      <c r="BB625" s="79" t="str">
        <f t="shared" si="338"/>
        <v/>
      </c>
      <c r="BC625" s="79" t="str">
        <f t="shared" si="339"/>
        <v/>
      </c>
      <c r="BD625" s="79" t="str">
        <f t="shared" si="340"/>
        <v/>
      </c>
      <c r="BE625" s="79" t="str">
        <f t="shared" si="341"/>
        <v/>
      </c>
      <c r="BF625" s="79" t="str">
        <f t="shared" si="342"/>
        <v/>
      </c>
      <c r="BG625" s="79" t="str">
        <f t="shared" si="343"/>
        <v/>
      </c>
      <c r="BH625" s="79" t="str">
        <f t="shared" si="344"/>
        <v/>
      </c>
      <c r="BI625" s="79" t="str">
        <f t="shared" si="345"/>
        <v/>
      </c>
      <c r="BJ625" s="79" t="str">
        <f t="shared" si="346"/>
        <v/>
      </c>
      <c r="BK625" s="79" t="str">
        <f t="shared" si="347"/>
        <v/>
      </c>
      <c r="BL625" s="79" t="str">
        <f t="shared" si="348"/>
        <v/>
      </c>
      <c r="BM625" s="79" t="str">
        <f t="shared" si="349"/>
        <v/>
      </c>
      <c r="BN625" s="79" t="str">
        <f t="shared" si="350"/>
        <v/>
      </c>
      <c r="BO625" s="79" t="str">
        <f t="shared" si="351"/>
        <v/>
      </c>
      <c r="BP625" s="79">
        <f t="shared" si="352"/>
        <v>106539.74158183241</v>
      </c>
      <c r="BQ625" s="79">
        <f t="shared" si="353"/>
        <v>13747.06342991386</v>
      </c>
      <c r="BR625" s="79">
        <f t="shared" si="354"/>
        <v>13747.06342991386</v>
      </c>
      <c r="BS625" s="79">
        <f t="shared" si="355"/>
        <v>41516.131558339854</v>
      </c>
      <c r="BT625" s="79" t="str">
        <f t="shared" si="356"/>
        <v/>
      </c>
      <c r="BU625" s="79" t="str">
        <f t="shared" si="357"/>
        <v/>
      </c>
      <c r="BV625" s="79" t="str">
        <f t="shared" si="358"/>
        <v/>
      </c>
      <c r="BW625" s="79" t="str">
        <f t="shared" si="359"/>
        <v/>
      </c>
      <c r="BX625" s="79" t="str">
        <f t="shared" si="360"/>
        <v/>
      </c>
      <c r="BY625" s="79" t="str">
        <f t="shared" si="361"/>
        <v/>
      </c>
      <c r="BZ625" s="79" t="str">
        <f t="shared" si="362"/>
        <v/>
      </c>
      <c r="CA625" s="79" t="str">
        <f t="shared" si="363"/>
        <v/>
      </c>
      <c r="CB625" s="79" t="str">
        <f t="shared" si="364"/>
        <v/>
      </c>
      <c r="CC625" s="79" t="str">
        <f t="shared" si="365"/>
        <v/>
      </c>
      <c r="CD625" s="81" t="s">
        <v>660</v>
      </c>
      <c r="CE625" s="81"/>
      <c r="CF625" s="83" t="s">
        <v>661</v>
      </c>
    </row>
    <row r="626" spans="1:84" ht="56.1" hidden="1" customHeight="1" x14ac:dyDescent="0.2">
      <c r="A626" s="91">
        <v>626</v>
      </c>
      <c r="B626" s="23" t="s">
        <v>53</v>
      </c>
      <c r="C626" s="35" t="s">
        <v>655</v>
      </c>
      <c r="D626" s="77" t="s">
        <v>656</v>
      </c>
      <c r="E626" s="75" t="s">
        <v>712</v>
      </c>
      <c r="F626" s="75" t="s">
        <v>713</v>
      </c>
      <c r="G626" s="75" t="s">
        <v>86</v>
      </c>
      <c r="H626" s="75" t="s">
        <v>63</v>
      </c>
      <c r="I626" s="78" t="s">
        <v>81</v>
      </c>
      <c r="J626" s="77" t="s">
        <v>77</v>
      </c>
      <c r="K626" s="78" t="s">
        <v>225</v>
      </c>
      <c r="L626" s="76" t="s">
        <v>63</v>
      </c>
      <c r="M626" s="76" t="s">
        <v>63</v>
      </c>
      <c r="N626" s="81">
        <v>75236</v>
      </c>
      <c r="O626" s="81">
        <f t="shared" si="368"/>
        <v>75236</v>
      </c>
      <c r="P626" s="76" t="s">
        <v>659</v>
      </c>
      <c r="Q626" s="84" t="s">
        <v>65</v>
      </c>
      <c r="R626" s="81"/>
      <c r="S626" s="81"/>
      <c r="T626" s="81"/>
      <c r="U626" s="81"/>
      <c r="V626" s="81"/>
      <c r="W626" s="81"/>
      <c r="X626" s="81"/>
      <c r="Y626" s="81"/>
      <c r="Z626" s="81"/>
      <c r="AA626" s="81"/>
      <c r="AB626" s="81"/>
      <c r="AC626" s="81"/>
      <c r="AD626" s="81"/>
      <c r="AE626" s="81"/>
      <c r="AF626" s="81"/>
      <c r="AG626" s="81"/>
      <c r="AH626" s="81"/>
      <c r="AI626" s="79" t="s">
        <v>66</v>
      </c>
      <c r="AJ626" s="79" t="s">
        <v>66</v>
      </c>
      <c r="AK626" s="79" t="s">
        <v>66</v>
      </c>
      <c r="AL626" s="79" t="s">
        <v>66</v>
      </c>
      <c r="AM626" s="81"/>
      <c r="AN626" s="81"/>
      <c r="AO626" s="81"/>
      <c r="AP626" s="81"/>
      <c r="AQ626" s="81"/>
      <c r="AR626" s="81"/>
      <c r="AS626" s="81"/>
      <c r="AT626" s="81"/>
      <c r="AU626" s="81"/>
      <c r="AV626" s="81"/>
      <c r="AW626" s="80">
        <f t="shared" si="334"/>
        <v>1277</v>
      </c>
      <c r="AX626" s="76">
        <f t="shared" si="367"/>
        <v>58.916209866875491</v>
      </c>
      <c r="AY626" s="79" t="str">
        <f t="shared" si="335"/>
        <v/>
      </c>
      <c r="AZ626" s="79" t="str">
        <f t="shared" si="336"/>
        <v/>
      </c>
      <c r="BA626" s="79" t="str">
        <f t="shared" si="337"/>
        <v/>
      </c>
      <c r="BB626" s="79" t="str">
        <f t="shared" si="338"/>
        <v/>
      </c>
      <c r="BC626" s="79" t="str">
        <f t="shared" si="339"/>
        <v/>
      </c>
      <c r="BD626" s="79" t="str">
        <f t="shared" si="340"/>
        <v/>
      </c>
      <c r="BE626" s="79" t="str">
        <f t="shared" si="341"/>
        <v/>
      </c>
      <c r="BF626" s="79" t="str">
        <f t="shared" si="342"/>
        <v/>
      </c>
      <c r="BG626" s="79" t="str">
        <f t="shared" si="343"/>
        <v/>
      </c>
      <c r="BH626" s="79" t="str">
        <f t="shared" si="344"/>
        <v/>
      </c>
      <c r="BI626" s="79" t="str">
        <f t="shared" si="345"/>
        <v/>
      </c>
      <c r="BJ626" s="79" t="str">
        <f t="shared" si="346"/>
        <v/>
      </c>
      <c r="BK626" s="79" t="str">
        <f t="shared" si="347"/>
        <v/>
      </c>
      <c r="BL626" s="79" t="str">
        <f t="shared" si="348"/>
        <v/>
      </c>
      <c r="BM626" s="79" t="str">
        <f t="shared" si="349"/>
        <v/>
      </c>
      <c r="BN626" s="79" t="str">
        <f t="shared" si="350"/>
        <v/>
      </c>
      <c r="BO626" s="79" t="str">
        <f t="shared" si="351"/>
        <v/>
      </c>
      <c r="BP626" s="79">
        <f t="shared" si="352"/>
        <v>45660.062646828505</v>
      </c>
      <c r="BQ626" s="79">
        <f t="shared" si="353"/>
        <v>5891.6209866875488</v>
      </c>
      <c r="BR626" s="79">
        <f t="shared" si="354"/>
        <v>5891.6209866875488</v>
      </c>
      <c r="BS626" s="79">
        <f t="shared" si="355"/>
        <v>17792.695379796398</v>
      </c>
      <c r="BT626" s="79" t="str">
        <f t="shared" si="356"/>
        <v/>
      </c>
      <c r="BU626" s="79" t="str">
        <f t="shared" si="357"/>
        <v/>
      </c>
      <c r="BV626" s="79" t="str">
        <f t="shared" si="358"/>
        <v/>
      </c>
      <c r="BW626" s="79" t="str">
        <f t="shared" si="359"/>
        <v/>
      </c>
      <c r="BX626" s="79" t="str">
        <f t="shared" si="360"/>
        <v/>
      </c>
      <c r="BY626" s="79" t="str">
        <f t="shared" si="361"/>
        <v/>
      </c>
      <c r="BZ626" s="79" t="str">
        <f t="shared" si="362"/>
        <v/>
      </c>
      <c r="CA626" s="79" t="str">
        <f t="shared" si="363"/>
        <v/>
      </c>
      <c r="CB626" s="79" t="str">
        <f t="shared" si="364"/>
        <v/>
      </c>
      <c r="CC626" s="79" t="str">
        <f t="shared" si="365"/>
        <v/>
      </c>
      <c r="CD626" s="81" t="s">
        <v>660</v>
      </c>
      <c r="CE626" s="81"/>
      <c r="CF626" s="83" t="s">
        <v>661</v>
      </c>
    </row>
    <row r="627" spans="1:84" s="322" customFormat="1" ht="56.1" hidden="1" customHeight="1" x14ac:dyDescent="0.2">
      <c r="A627" s="302">
        <v>627</v>
      </c>
      <c r="B627" s="24" t="s">
        <v>53</v>
      </c>
      <c r="C627" s="35" t="s">
        <v>655</v>
      </c>
      <c r="D627" s="310" t="s">
        <v>656</v>
      </c>
      <c r="E627" s="310" t="s">
        <v>714</v>
      </c>
      <c r="F627" s="310" t="s">
        <v>715</v>
      </c>
      <c r="G627" s="310" t="s">
        <v>86</v>
      </c>
      <c r="H627" s="310" t="s">
        <v>63</v>
      </c>
      <c r="I627" s="310" t="s">
        <v>81</v>
      </c>
      <c r="J627" s="310" t="s">
        <v>77</v>
      </c>
      <c r="K627" s="310" t="s">
        <v>225</v>
      </c>
      <c r="L627" s="309" t="s">
        <v>63</v>
      </c>
      <c r="M627" s="309" t="s">
        <v>63</v>
      </c>
      <c r="N627" s="304"/>
      <c r="O627" s="304"/>
      <c r="P627" s="309" t="s">
        <v>63</v>
      </c>
      <c r="Q627" s="309" t="s">
        <v>65</v>
      </c>
      <c r="R627" s="309"/>
      <c r="S627" s="309"/>
      <c r="T627" s="309"/>
      <c r="U627" s="309"/>
      <c r="V627" s="309"/>
      <c r="W627" s="309"/>
      <c r="X627" s="309"/>
      <c r="Y627" s="309"/>
      <c r="Z627" s="309"/>
      <c r="AA627" s="309"/>
      <c r="AB627" s="309"/>
      <c r="AC627" s="309"/>
      <c r="AD627" s="309"/>
      <c r="AE627" s="309"/>
      <c r="AF627" s="309"/>
      <c r="AG627" s="309"/>
      <c r="AH627" s="309"/>
      <c r="AI627" s="309"/>
      <c r="AJ627" s="309"/>
      <c r="AK627" s="309"/>
      <c r="AL627" s="309"/>
      <c r="AM627" s="309"/>
      <c r="AN627" s="309"/>
      <c r="AO627" s="309"/>
      <c r="AP627" s="309"/>
      <c r="AQ627" s="309"/>
      <c r="AR627" s="309"/>
      <c r="AS627" s="309"/>
      <c r="AT627" s="309"/>
      <c r="AU627" s="309"/>
      <c r="AV627" s="309"/>
      <c r="AW627" s="308">
        <f t="shared" si="334"/>
        <v>0</v>
      </c>
      <c r="AX627" s="309"/>
      <c r="AY627" s="307" t="str">
        <f t="shared" si="335"/>
        <v/>
      </c>
      <c r="AZ627" s="307" t="str">
        <f t="shared" si="336"/>
        <v/>
      </c>
      <c r="BA627" s="307" t="str">
        <f t="shared" si="337"/>
        <v/>
      </c>
      <c r="BB627" s="307" t="str">
        <f t="shared" si="338"/>
        <v/>
      </c>
      <c r="BC627" s="307" t="str">
        <f t="shared" si="339"/>
        <v/>
      </c>
      <c r="BD627" s="307" t="str">
        <f t="shared" si="340"/>
        <v/>
      </c>
      <c r="BE627" s="307" t="str">
        <f t="shared" si="341"/>
        <v/>
      </c>
      <c r="BF627" s="307" t="str">
        <f t="shared" si="342"/>
        <v/>
      </c>
      <c r="BG627" s="307" t="str">
        <f t="shared" si="343"/>
        <v/>
      </c>
      <c r="BH627" s="307" t="str">
        <f t="shared" si="344"/>
        <v/>
      </c>
      <c r="BI627" s="307" t="str">
        <f t="shared" si="345"/>
        <v/>
      </c>
      <c r="BJ627" s="307" t="str">
        <f t="shared" si="346"/>
        <v/>
      </c>
      <c r="BK627" s="307" t="str">
        <f t="shared" si="347"/>
        <v/>
      </c>
      <c r="BL627" s="307" t="str">
        <f t="shared" si="348"/>
        <v/>
      </c>
      <c r="BM627" s="307" t="str">
        <f t="shared" si="349"/>
        <v/>
      </c>
      <c r="BN627" s="307" t="str">
        <f t="shared" si="350"/>
        <v/>
      </c>
      <c r="BO627" s="307" t="str">
        <f t="shared" si="351"/>
        <v/>
      </c>
      <c r="BP627" s="307" t="str">
        <f t="shared" si="352"/>
        <v/>
      </c>
      <c r="BQ627" s="307" t="str">
        <f t="shared" si="353"/>
        <v/>
      </c>
      <c r="BR627" s="307" t="str">
        <f t="shared" si="354"/>
        <v/>
      </c>
      <c r="BS627" s="307" t="str">
        <f t="shared" si="355"/>
        <v/>
      </c>
      <c r="BT627" s="307" t="str">
        <f t="shared" si="356"/>
        <v/>
      </c>
      <c r="BU627" s="307" t="str">
        <f t="shared" si="357"/>
        <v/>
      </c>
      <c r="BV627" s="307" t="str">
        <f t="shared" si="358"/>
        <v/>
      </c>
      <c r="BW627" s="307" t="str">
        <f t="shared" si="359"/>
        <v/>
      </c>
      <c r="BX627" s="307" t="str">
        <f t="shared" si="360"/>
        <v/>
      </c>
      <c r="BY627" s="307" t="str">
        <f t="shared" si="361"/>
        <v/>
      </c>
      <c r="BZ627" s="307" t="str">
        <f t="shared" si="362"/>
        <v/>
      </c>
      <c r="CA627" s="307" t="str">
        <f t="shared" si="363"/>
        <v/>
      </c>
      <c r="CB627" s="307" t="str">
        <f t="shared" si="364"/>
        <v/>
      </c>
      <c r="CC627" s="307" t="str">
        <f t="shared" si="365"/>
        <v/>
      </c>
      <c r="CD627" s="309" t="s">
        <v>660</v>
      </c>
      <c r="CE627" s="309"/>
      <c r="CF627" s="321" t="s">
        <v>661</v>
      </c>
    </row>
    <row r="628" spans="1:84" s="322" customFormat="1" ht="56.1" hidden="1" customHeight="1" x14ac:dyDescent="0.2">
      <c r="A628" s="302">
        <v>628</v>
      </c>
      <c r="B628" s="24" t="s">
        <v>53</v>
      </c>
      <c r="C628" s="35" t="s">
        <v>655</v>
      </c>
      <c r="D628" s="310" t="s">
        <v>656</v>
      </c>
      <c r="E628" s="310" t="s">
        <v>716</v>
      </c>
      <c r="F628" s="310" t="s">
        <v>717</v>
      </c>
      <c r="G628" s="310" t="s">
        <v>86</v>
      </c>
      <c r="H628" s="310" t="s">
        <v>63</v>
      </c>
      <c r="I628" s="310" t="s">
        <v>81</v>
      </c>
      <c r="J628" s="310" t="s">
        <v>77</v>
      </c>
      <c r="K628" s="310" t="s">
        <v>225</v>
      </c>
      <c r="L628" s="309" t="s">
        <v>63</v>
      </c>
      <c r="M628" s="309" t="s">
        <v>63</v>
      </c>
      <c r="N628" s="309">
        <v>175550</v>
      </c>
      <c r="O628" s="309">
        <f t="shared" si="368"/>
        <v>175550</v>
      </c>
      <c r="P628" s="309" t="s">
        <v>718</v>
      </c>
      <c r="Q628" s="309" t="s">
        <v>65</v>
      </c>
      <c r="R628" s="309"/>
      <c r="S628" s="309"/>
      <c r="T628" s="309"/>
      <c r="U628" s="309"/>
      <c r="V628" s="309"/>
      <c r="W628" s="309"/>
      <c r="X628" s="309"/>
      <c r="Y628" s="309"/>
      <c r="Z628" s="309"/>
      <c r="AA628" s="309"/>
      <c r="AB628" s="309"/>
      <c r="AC628" s="309"/>
      <c r="AD628" s="309"/>
      <c r="AE628" s="309"/>
      <c r="AF628" s="309"/>
      <c r="AG628" s="309"/>
      <c r="AH628" s="309"/>
      <c r="AI628" s="309"/>
      <c r="AJ628" s="309"/>
      <c r="AK628" s="309"/>
      <c r="AL628" s="309"/>
      <c r="AM628" s="309"/>
      <c r="AN628" s="309"/>
      <c r="AO628" s="309"/>
      <c r="AP628" s="309"/>
      <c r="AQ628" s="309"/>
      <c r="AR628" s="309"/>
      <c r="AS628" s="309"/>
      <c r="AT628" s="309"/>
      <c r="AU628" s="309"/>
      <c r="AV628" s="309"/>
      <c r="AW628" s="308">
        <f t="shared" si="334"/>
        <v>0</v>
      </c>
      <c r="AX628" s="309"/>
      <c r="AY628" s="307" t="str">
        <f t="shared" si="335"/>
        <v/>
      </c>
      <c r="AZ628" s="307" t="str">
        <f t="shared" si="336"/>
        <v/>
      </c>
      <c r="BA628" s="307" t="str">
        <f t="shared" si="337"/>
        <v/>
      </c>
      <c r="BB628" s="307" t="str">
        <f t="shared" si="338"/>
        <v/>
      </c>
      <c r="BC628" s="307" t="str">
        <f t="shared" si="339"/>
        <v/>
      </c>
      <c r="BD628" s="307" t="str">
        <f t="shared" si="340"/>
        <v/>
      </c>
      <c r="BE628" s="307" t="str">
        <f t="shared" si="341"/>
        <v/>
      </c>
      <c r="BF628" s="307" t="str">
        <f t="shared" si="342"/>
        <v/>
      </c>
      <c r="BG628" s="307" t="str">
        <f t="shared" si="343"/>
        <v/>
      </c>
      <c r="BH628" s="307" t="str">
        <f t="shared" si="344"/>
        <v/>
      </c>
      <c r="BI628" s="307" t="str">
        <f t="shared" si="345"/>
        <v/>
      </c>
      <c r="BJ628" s="307" t="str">
        <f t="shared" si="346"/>
        <v/>
      </c>
      <c r="BK628" s="307" t="str">
        <f t="shared" si="347"/>
        <v/>
      </c>
      <c r="BL628" s="307" t="str">
        <f t="shared" si="348"/>
        <v/>
      </c>
      <c r="BM628" s="307" t="str">
        <f t="shared" si="349"/>
        <v/>
      </c>
      <c r="BN628" s="307" t="str">
        <f t="shared" si="350"/>
        <v/>
      </c>
      <c r="BO628" s="307" t="str">
        <f t="shared" si="351"/>
        <v/>
      </c>
      <c r="BP628" s="307" t="str">
        <f t="shared" si="352"/>
        <v/>
      </c>
      <c r="BQ628" s="307" t="str">
        <f t="shared" si="353"/>
        <v/>
      </c>
      <c r="BR628" s="307" t="str">
        <f t="shared" si="354"/>
        <v/>
      </c>
      <c r="BS628" s="307" t="str">
        <f t="shared" si="355"/>
        <v/>
      </c>
      <c r="BT628" s="307" t="str">
        <f t="shared" si="356"/>
        <v/>
      </c>
      <c r="BU628" s="307" t="str">
        <f t="shared" si="357"/>
        <v/>
      </c>
      <c r="BV628" s="307" t="str">
        <f t="shared" si="358"/>
        <v/>
      </c>
      <c r="BW628" s="307" t="str">
        <f t="shared" si="359"/>
        <v/>
      </c>
      <c r="BX628" s="307" t="str">
        <f t="shared" si="360"/>
        <v/>
      </c>
      <c r="BY628" s="307" t="str">
        <f t="shared" si="361"/>
        <v/>
      </c>
      <c r="BZ628" s="307" t="str">
        <f t="shared" si="362"/>
        <v/>
      </c>
      <c r="CA628" s="307" t="str">
        <f t="shared" si="363"/>
        <v/>
      </c>
      <c r="CB628" s="307" t="str">
        <f t="shared" si="364"/>
        <v/>
      </c>
      <c r="CC628" s="307" t="str">
        <f t="shared" si="365"/>
        <v/>
      </c>
      <c r="CD628" s="309" t="s">
        <v>660</v>
      </c>
      <c r="CE628" s="309"/>
      <c r="CF628" s="321" t="s">
        <v>661</v>
      </c>
    </row>
    <row r="629" spans="1:84" ht="56.1" hidden="1" customHeight="1" x14ac:dyDescent="0.2">
      <c r="A629" s="91">
        <v>629</v>
      </c>
      <c r="B629" s="23" t="s">
        <v>53</v>
      </c>
      <c r="C629" s="35" t="s">
        <v>655</v>
      </c>
      <c r="D629" s="77" t="s">
        <v>656</v>
      </c>
      <c r="E629" s="75" t="s">
        <v>719</v>
      </c>
      <c r="F629" s="75" t="s">
        <v>720</v>
      </c>
      <c r="G629" s="75" t="s">
        <v>86</v>
      </c>
      <c r="H629" s="75" t="s">
        <v>721</v>
      </c>
      <c r="I629" s="77" t="s">
        <v>60</v>
      </c>
      <c r="J629" s="77" t="s">
        <v>77</v>
      </c>
      <c r="K629" s="75" t="s">
        <v>722</v>
      </c>
      <c r="L629" s="76" t="s">
        <v>63</v>
      </c>
      <c r="M629" s="76" t="s">
        <v>63</v>
      </c>
      <c r="N629" s="81">
        <v>37618</v>
      </c>
      <c r="O629" s="81">
        <f t="shared" si="368"/>
        <v>37618</v>
      </c>
      <c r="P629" s="76" t="s">
        <v>723</v>
      </c>
      <c r="Q629" s="84" t="s">
        <v>65</v>
      </c>
      <c r="R629" s="81"/>
      <c r="S629" s="81"/>
      <c r="T629" s="81"/>
      <c r="U629" s="81"/>
      <c r="V629" s="81"/>
      <c r="W629" s="81"/>
      <c r="X629" s="81"/>
      <c r="Y629" s="81"/>
      <c r="Z629" s="81"/>
      <c r="AA629" s="81"/>
      <c r="AB629" s="81"/>
      <c r="AC629" s="81"/>
      <c r="AD629" s="81"/>
      <c r="AE629" s="81"/>
      <c r="AF629" s="81"/>
      <c r="AG629" s="81"/>
      <c r="AH629" s="81"/>
      <c r="AI629" s="79" t="s">
        <v>66</v>
      </c>
      <c r="AJ629" s="79" t="s">
        <v>66</v>
      </c>
      <c r="AK629" s="79" t="s">
        <v>66</v>
      </c>
      <c r="AL629" s="81"/>
      <c r="AM629" s="81"/>
      <c r="AN629" s="81"/>
      <c r="AO629" s="81"/>
      <c r="AP629" s="81"/>
      <c r="AQ629" s="81"/>
      <c r="AR629" s="81"/>
      <c r="AS629" s="81"/>
      <c r="AT629" s="81"/>
      <c r="AU629" s="81"/>
      <c r="AV629" s="81"/>
      <c r="AW629" s="80">
        <f t="shared" si="334"/>
        <v>975</v>
      </c>
      <c r="AX629" s="76">
        <f t="shared" ref="AX629:AX639" si="369">O629/AW629</f>
        <v>38.582564102564099</v>
      </c>
      <c r="AY629" s="79" t="str">
        <f t="shared" si="335"/>
        <v/>
      </c>
      <c r="AZ629" s="79" t="str">
        <f t="shared" si="336"/>
        <v/>
      </c>
      <c r="BA629" s="79" t="str">
        <f t="shared" si="337"/>
        <v/>
      </c>
      <c r="BB629" s="79" t="str">
        <f t="shared" si="338"/>
        <v/>
      </c>
      <c r="BC629" s="79" t="str">
        <f t="shared" si="339"/>
        <v/>
      </c>
      <c r="BD629" s="79" t="str">
        <f t="shared" si="340"/>
        <v/>
      </c>
      <c r="BE629" s="79" t="str">
        <f t="shared" si="341"/>
        <v/>
      </c>
      <c r="BF629" s="79" t="str">
        <f t="shared" si="342"/>
        <v/>
      </c>
      <c r="BG629" s="79" t="str">
        <f t="shared" si="343"/>
        <v/>
      </c>
      <c r="BH629" s="79" t="str">
        <f t="shared" si="344"/>
        <v/>
      </c>
      <c r="BI629" s="79" t="str">
        <f t="shared" si="345"/>
        <v/>
      </c>
      <c r="BJ629" s="79" t="str">
        <f t="shared" si="346"/>
        <v/>
      </c>
      <c r="BK629" s="79" t="str">
        <f t="shared" si="347"/>
        <v/>
      </c>
      <c r="BL629" s="79" t="str">
        <f t="shared" si="348"/>
        <v/>
      </c>
      <c r="BM629" s="79" t="str">
        <f t="shared" si="349"/>
        <v/>
      </c>
      <c r="BN629" s="79" t="str">
        <f t="shared" si="350"/>
        <v/>
      </c>
      <c r="BO629" s="79" t="str">
        <f t="shared" si="351"/>
        <v/>
      </c>
      <c r="BP629" s="79">
        <f t="shared" si="352"/>
        <v>29901.487179487176</v>
      </c>
      <c r="BQ629" s="79">
        <f t="shared" si="353"/>
        <v>3858.2564102564097</v>
      </c>
      <c r="BR629" s="79">
        <f t="shared" si="354"/>
        <v>3858.2564102564097</v>
      </c>
      <c r="BS629" s="79" t="str">
        <f t="shared" si="355"/>
        <v/>
      </c>
      <c r="BT629" s="79" t="str">
        <f t="shared" si="356"/>
        <v/>
      </c>
      <c r="BU629" s="79" t="str">
        <f t="shared" si="357"/>
        <v/>
      </c>
      <c r="BV629" s="79" t="str">
        <f t="shared" si="358"/>
        <v/>
      </c>
      <c r="BW629" s="79" t="str">
        <f t="shared" si="359"/>
        <v/>
      </c>
      <c r="BX629" s="79" t="str">
        <f t="shared" si="360"/>
        <v/>
      </c>
      <c r="BY629" s="79" t="str">
        <f t="shared" si="361"/>
        <v/>
      </c>
      <c r="BZ629" s="79" t="str">
        <f t="shared" si="362"/>
        <v/>
      </c>
      <c r="CA629" s="79" t="str">
        <f t="shared" si="363"/>
        <v/>
      </c>
      <c r="CB629" s="79" t="str">
        <f t="shared" si="364"/>
        <v/>
      </c>
      <c r="CC629" s="79" t="str">
        <f t="shared" si="365"/>
        <v/>
      </c>
      <c r="CD629" s="81" t="s">
        <v>660</v>
      </c>
      <c r="CE629" s="81"/>
      <c r="CF629" s="83" t="s">
        <v>661</v>
      </c>
    </row>
    <row r="630" spans="1:84" ht="56.1" hidden="1" customHeight="1" x14ac:dyDescent="0.2">
      <c r="A630" s="91">
        <v>630</v>
      </c>
      <c r="B630" s="23" t="s">
        <v>53</v>
      </c>
      <c r="C630" s="35" t="s">
        <v>655</v>
      </c>
      <c r="D630" s="77" t="s">
        <v>656</v>
      </c>
      <c r="E630" s="75" t="s">
        <v>724</v>
      </c>
      <c r="F630" s="75" t="s">
        <v>725</v>
      </c>
      <c r="G630" s="75" t="s">
        <v>86</v>
      </c>
      <c r="H630" s="75" t="s">
        <v>721</v>
      </c>
      <c r="I630" s="77" t="s">
        <v>60</v>
      </c>
      <c r="J630" s="77" t="s">
        <v>77</v>
      </c>
      <c r="K630" s="75" t="s">
        <v>722</v>
      </c>
      <c r="L630" s="76" t="s">
        <v>63</v>
      </c>
      <c r="M630" s="76" t="s">
        <v>63</v>
      </c>
      <c r="N630" s="81">
        <v>56427</v>
      </c>
      <c r="O630" s="81">
        <f t="shared" si="368"/>
        <v>56427</v>
      </c>
      <c r="P630" s="76" t="s">
        <v>723</v>
      </c>
      <c r="Q630" s="84" t="s">
        <v>65</v>
      </c>
      <c r="R630" s="81"/>
      <c r="S630" s="81"/>
      <c r="T630" s="81"/>
      <c r="U630" s="81"/>
      <c r="V630" s="81"/>
      <c r="W630" s="81"/>
      <c r="X630" s="81"/>
      <c r="Y630" s="81"/>
      <c r="Z630" s="81"/>
      <c r="AA630" s="81"/>
      <c r="AB630" s="81"/>
      <c r="AC630" s="81"/>
      <c r="AD630" s="81"/>
      <c r="AE630" s="81"/>
      <c r="AF630" s="81"/>
      <c r="AG630" s="81"/>
      <c r="AH630" s="81"/>
      <c r="AI630" s="79" t="s">
        <v>66</v>
      </c>
      <c r="AJ630" s="79" t="s">
        <v>66</v>
      </c>
      <c r="AK630" s="79" t="s">
        <v>66</v>
      </c>
      <c r="AL630" s="81"/>
      <c r="AM630" s="81"/>
      <c r="AN630" s="81"/>
      <c r="AO630" s="81"/>
      <c r="AP630" s="81"/>
      <c r="AQ630" s="81"/>
      <c r="AR630" s="81"/>
      <c r="AS630" s="81"/>
      <c r="AT630" s="81"/>
      <c r="AU630" s="81"/>
      <c r="AV630" s="81"/>
      <c r="AW630" s="80">
        <f t="shared" si="334"/>
        <v>975</v>
      </c>
      <c r="AX630" s="76">
        <f t="shared" si="369"/>
        <v>57.873846153846152</v>
      </c>
      <c r="AY630" s="79" t="str">
        <f t="shared" si="335"/>
        <v/>
      </c>
      <c r="AZ630" s="79" t="str">
        <f t="shared" si="336"/>
        <v/>
      </c>
      <c r="BA630" s="79" t="str">
        <f t="shared" si="337"/>
        <v/>
      </c>
      <c r="BB630" s="79" t="str">
        <f t="shared" si="338"/>
        <v/>
      </c>
      <c r="BC630" s="79" t="str">
        <f t="shared" si="339"/>
        <v/>
      </c>
      <c r="BD630" s="79" t="str">
        <f t="shared" si="340"/>
        <v/>
      </c>
      <c r="BE630" s="79" t="str">
        <f t="shared" si="341"/>
        <v/>
      </c>
      <c r="BF630" s="79" t="str">
        <f t="shared" si="342"/>
        <v/>
      </c>
      <c r="BG630" s="79" t="str">
        <f t="shared" si="343"/>
        <v/>
      </c>
      <c r="BH630" s="79" t="str">
        <f t="shared" si="344"/>
        <v/>
      </c>
      <c r="BI630" s="79" t="str">
        <f t="shared" si="345"/>
        <v/>
      </c>
      <c r="BJ630" s="79" t="str">
        <f t="shared" si="346"/>
        <v/>
      </c>
      <c r="BK630" s="79" t="str">
        <f t="shared" si="347"/>
        <v/>
      </c>
      <c r="BL630" s="79" t="str">
        <f t="shared" si="348"/>
        <v/>
      </c>
      <c r="BM630" s="79" t="str">
        <f t="shared" si="349"/>
        <v/>
      </c>
      <c r="BN630" s="79" t="str">
        <f t="shared" si="350"/>
        <v/>
      </c>
      <c r="BO630" s="79" t="str">
        <f t="shared" si="351"/>
        <v/>
      </c>
      <c r="BP630" s="79">
        <f t="shared" si="352"/>
        <v>44852.230769230766</v>
      </c>
      <c r="BQ630" s="79">
        <f t="shared" si="353"/>
        <v>5787.3846153846152</v>
      </c>
      <c r="BR630" s="79">
        <f t="shared" si="354"/>
        <v>5787.3846153846152</v>
      </c>
      <c r="BS630" s="79" t="str">
        <f t="shared" si="355"/>
        <v/>
      </c>
      <c r="BT630" s="79" t="str">
        <f t="shared" si="356"/>
        <v/>
      </c>
      <c r="BU630" s="79" t="str">
        <f t="shared" si="357"/>
        <v/>
      </c>
      <c r="BV630" s="79" t="str">
        <f t="shared" si="358"/>
        <v/>
      </c>
      <c r="BW630" s="79" t="str">
        <f t="shared" si="359"/>
        <v/>
      </c>
      <c r="BX630" s="79" t="str">
        <f t="shared" si="360"/>
        <v/>
      </c>
      <c r="BY630" s="79" t="str">
        <f t="shared" si="361"/>
        <v/>
      </c>
      <c r="BZ630" s="79" t="str">
        <f t="shared" si="362"/>
        <v/>
      </c>
      <c r="CA630" s="79" t="str">
        <f t="shared" si="363"/>
        <v/>
      </c>
      <c r="CB630" s="79" t="str">
        <f t="shared" si="364"/>
        <v/>
      </c>
      <c r="CC630" s="79" t="str">
        <f t="shared" si="365"/>
        <v/>
      </c>
      <c r="CD630" s="81" t="s">
        <v>660</v>
      </c>
      <c r="CE630" s="81"/>
      <c r="CF630" s="83" t="s">
        <v>661</v>
      </c>
    </row>
    <row r="631" spans="1:84" ht="128.25" hidden="1" x14ac:dyDescent="0.2">
      <c r="A631" s="91">
        <v>631</v>
      </c>
      <c r="B631" s="23" t="s">
        <v>53</v>
      </c>
      <c r="C631" s="35" t="s">
        <v>655</v>
      </c>
      <c r="D631" s="77" t="s">
        <v>656</v>
      </c>
      <c r="E631" s="75" t="s">
        <v>726</v>
      </c>
      <c r="F631" s="75" t="s">
        <v>727</v>
      </c>
      <c r="G631" s="75" t="s">
        <v>86</v>
      </c>
      <c r="H631" s="75" t="s">
        <v>721</v>
      </c>
      <c r="I631" s="77" t="s">
        <v>60</v>
      </c>
      <c r="J631" s="77" t="s">
        <v>77</v>
      </c>
      <c r="K631" s="75" t="s">
        <v>722</v>
      </c>
      <c r="L631" s="76" t="s">
        <v>63</v>
      </c>
      <c r="M631" s="76" t="s">
        <v>63</v>
      </c>
      <c r="N631" s="81">
        <v>639505</v>
      </c>
      <c r="O631" s="81">
        <f t="shared" si="368"/>
        <v>639505</v>
      </c>
      <c r="P631" s="76" t="s">
        <v>723</v>
      </c>
      <c r="Q631" s="84" t="s">
        <v>65</v>
      </c>
      <c r="R631" s="81"/>
      <c r="S631" s="81"/>
      <c r="T631" s="81"/>
      <c r="U631" s="81"/>
      <c r="V631" s="81"/>
      <c r="W631" s="81"/>
      <c r="X631" s="81"/>
      <c r="Y631" s="81"/>
      <c r="Z631" s="81"/>
      <c r="AA631" s="81"/>
      <c r="AB631" s="81"/>
      <c r="AC631" s="81"/>
      <c r="AD631" s="81"/>
      <c r="AE631" s="81"/>
      <c r="AF631" s="81"/>
      <c r="AG631" s="81"/>
      <c r="AH631" s="81"/>
      <c r="AI631" s="79" t="s">
        <v>66</v>
      </c>
      <c r="AJ631" s="79" t="s">
        <v>66</v>
      </c>
      <c r="AK631" s="79" t="s">
        <v>66</v>
      </c>
      <c r="AL631" s="81"/>
      <c r="AM631" s="81"/>
      <c r="AN631" s="81"/>
      <c r="AO631" s="81"/>
      <c r="AP631" s="81"/>
      <c r="AQ631" s="81"/>
      <c r="AR631" s="81"/>
      <c r="AS631" s="81"/>
      <c r="AT631" s="81"/>
      <c r="AU631" s="81"/>
      <c r="AV631" s="81"/>
      <c r="AW631" s="80">
        <f t="shared" si="334"/>
        <v>975</v>
      </c>
      <c r="AX631" s="76">
        <f t="shared" si="369"/>
        <v>655.90256410256416</v>
      </c>
      <c r="AY631" s="79" t="str">
        <f t="shared" si="335"/>
        <v/>
      </c>
      <c r="AZ631" s="79" t="str">
        <f t="shared" si="336"/>
        <v/>
      </c>
      <c r="BA631" s="79" t="str">
        <f t="shared" si="337"/>
        <v/>
      </c>
      <c r="BB631" s="79" t="str">
        <f t="shared" si="338"/>
        <v/>
      </c>
      <c r="BC631" s="79" t="str">
        <f t="shared" si="339"/>
        <v/>
      </c>
      <c r="BD631" s="79" t="str">
        <f t="shared" si="340"/>
        <v/>
      </c>
      <c r="BE631" s="79" t="str">
        <f t="shared" si="341"/>
        <v/>
      </c>
      <c r="BF631" s="79" t="str">
        <f t="shared" si="342"/>
        <v/>
      </c>
      <c r="BG631" s="79" t="str">
        <f t="shared" si="343"/>
        <v/>
      </c>
      <c r="BH631" s="79" t="str">
        <f t="shared" si="344"/>
        <v/>
      </c>
      <c r="BI631" s="79" t="str">
        <f t="shared" si="345"/>
        <v/>
      </c>
      <c r="BJ631" s="79" t="str">
        <f t="shared" si="346"/>
        <v/>
      </c>
      <c r="BK631" s="79" t="str">
        <f t="shared" si="347"/>
        <v/>
      </c>
      <c r="BL631" s="79" t="str">
        <f t="shared" si="348"/>
        <v/>
      </c>
      <c r="BM631" s="79" t="str">
        <f t="shared" si="349"/>
        <v/>
      </c>
      <c r="BN631" s="79" t="str">
        <f t="shared" si="350"/>
        <v/>
      </c>
      <c r="BO631" s="79" t="str">
        <f t="shared" si="351"/>
        <v/>
      </c>
      <c r="BP631" s="79">
        <f t="shared" si="352"/>
        <v>508324.48717948725</v>
      </c>
      <c r="BQ631" s="79">
        <f t="shared" si="353"/>
        <v>65590.256410256421</v>
      </c>
      <c r="BR631" s="79">
        <f t="shared" si="354"/>
        <v>65590.256410256421</v>
      </c>
      <c r="BS631" s="79" t="str">
        <f t="shared" si="355"/>
        <v/>
      </c>
      <c r="BT631" s="79" t="str">
        <f t="shared" si="356"/>
        <v/>
      </c>
      <c r="BU631" s="79" t="str">
        <f t="shared" si="357"/>
        <v/>
      </c>
      <c r="BV631" s="79" t="str">
        <f t="shared" si="358"/>
        <v/>
      </c>
      <c r="BW631" s="79" t="str">
        <f t="shared" si="359"/>
        <v/>
      </c>
      <c r="BX631" s="79" t="str">
        <f t="shared" si="360"/>
        <v/>
      </c>
      <c r="BY631" s="79" t="str">
        <f t="shared" si="361"/>
        <v/>
      </c>
      <c r="BZ631" s="79" t="str">
        <f t="shared" si="362"/>
        <v/>
      </c>
      <c r="CA631" s="79" t="str">
        <f t="shared" si="363"/>
        <v/>
      </c>
      <c r="CB631" s="79" t="str">
        <f t="shared" si="364"/>
        <v/>
      </c>
      <c r="CC631" s="79" t="str">
        <f t="shared" si="365"/>
        <v/>
      </c>
      <c r="CD631" s="81" t="s">
        <v>660</v>
      </c>
      <c r="CE631" s="81"/>
      <c r="CF631" s="83" t="s">
        <v>661</v>
      </c>
    </row>
    <row r="632" spans="1:84" ht="56.1" hidden="1" customHeight="1" x14ac:dyDescent="0.2">
      <c r="A632" s="91">
        <v>632</v>
      </c>
      <c r="B632" s="23" t="s">
        <v>53</v>
      </c>
      <c r="C632" s="35" t="s">
        <v>655</v>
      </c>
      <c r="D632" s="77" t="s">
        <v>656</v>
      </c>
      <c r="E632" s="75" t="s">
        <v>728</v>
      </c>
      <c r="F632" s="75" t="s">
        <v>729</v>
      </c>
      <c r="G632" s="75" t="s">
        <v>86</v>
      </c>
      <c r="H632" s="75" t="s">
        <v>721</v>
      </c>
      <c r="I632" s="77" t="s">
        <v>60</v>
      </c>
      <c r="J632" s="77" t="s">
        <v>77</v>
      </c>
      <c r="K632" s="75" t="s">
        <v>722</v>
      </c>
      <c r="L632" s="76" t="s">
        <v>63</v>
      </c>
      <c r="M632" s="76" t="s">
        <v>63</v>
      </c>
      <c r="N632" s="81">
        <v>150472</v>
      </c>
      <c r="O632" s="81">
        <f t="shared" si="368"/>
        <v>150472</v>
      </c>
      <c r="P632" s="76" t="s">
        <v>723</v>
      </c>
      <c r="Q632" s="84" t="s">
        <v>65</v>
      </c>
      <c r="R632" s="81"/>
      <c r="S632" s="81"/>
      <c r="T632" s="81"/>
      <c r="U632" s="81"/>
      <c r="V632" s="81"/>
      <c r="W632" s="81"/>
      <c r="X632" s="81"/>
      <c r="Y632" s="81"/>
      <c r="Z632" s="81"/>
      <c r="AA632" s="81"/>
      <c r="AB632" s="81"/>
      <c r="AC632" s="81"/>
      <c r="AD632" s="81"/>
      <c r="AE632" s="81"/>
      <c r="AF632" s="81"/>
      <c r="AG632" s="81"/>
      <c r="AH632" s="81"/>
      <c r="AI632" s="79" t="s">
        <v>66</v>
      </c>
      <c r="AJ632" s="79" t="s">
        <v>66</v>
      </c>
      <c r="AK632" s="79" t="s">
        <v>66</v>
      </c>
      <c r="AL632" s="81"/>
      <c r="AM632" s="81"/>
      <c r="AN632" s="81"/>
      <c r="AO632" s="81"/>
      <c r="AP632" s="81"/>
      <c r="AQ632" s="81"/>
      <c r="AR632" s="81"/>
      <c r="AS632" s="81"/>
      <c r="AT632" s="81"/>
      <c r="AU632" s="81"/>
      <c r="AV632" s="81"/>
      <c r="AW632" s="80">
        <f t="shared" si="334"/>
        <v>975</v>
      </c>
      <c r="AX632" s="76">
        <f t="shared" si="369"/>
        <v>154.3302564102564</v>
      </c>
      <c r="AY632" s="79" t="str">
        <f t="shared" si="335"/>
        <v/>
      </c>
      <c r="AZ632" s="79" t="str">
        <f t="shared" si="336"/>
        <v/>
      </c>
      <c r="BA632" s="79" t="str">
        <f t="shared" si="337"/>
        <v/>
      </c>
      <c r="BB632" s="79" t="str">
        <f t="shared" si="338"/>
        <v/>
      </c>
      <c r="BC632" s="79" t="str">
        <f t="shared" si="339"/>
        <v/>
      </c>
      <c r="BD632" s="79" t="str">
        <f t="shared" si="340"/>
        <v/>
      </c>
      <c r="BE632" s="79" t="str">
        <f t="shared" si="341"/>
        <v/>
      </c>
      <c r="BF632" s="79" t="str">
        <f t="shared" si="342"/>
        <v/>
      </c>
      <c r="BG632" s="79" t="str">
        <f t="shared" si="343"/>
        <v/>
      </c>
      <c r="BH632" s="79" t="str">
        <f t="shared" si="344"/>
        <v/>
      </c>
      <c r="BI632" s="79" t="str">
        <f t="shared" si="345"/>
        <v/>
      </c>
      <c r="BJ632" s="79" t="str">
        <f t="shared" si="346"/>
        <v/>
      </c>
      <c r="BK632" s="79" t="str">
        <f t="shared" si="347"/>
        <v/>
      </c>
      <c r="BL632" s="79" t="str">
        <f t="shared" si="348"/>
        <v/>
      </c>
      <c r="BM632" s="79" t="str">
        <f t="shared" si="349"/>
        <v/>
      </c>
      <c r="BN632" s="79" t="str">
        <f t="shared" si="350"/>
        <v/>
      </c>
      <c r="BO632" s="79" t="str">
        <f t="shared" si="351"/>
        <v/>
      </c>
      <c r="BP632" s="79">
        <f t="shared" si="352"/>
        <v>119605.9487179487</v>
      </c>
      <c r="BQ632" s="79">
        <f t="shared" si="353"/>
        <v>15433.025641025639</v>
      </c>
      <c r="BR632" s="79">
        <f t="shared" si="354"/>
        <v>15433.025641025639</v>
      </c>
      <c r="BS632" s="79" t="str">
        <f t="shared" si="355"/>
        <v/>
      </c>
      <c r="BT632" s="79" t="str">
        <f t="shared" si="356"/>
        <v/>
      </c>
      <c r="BU632" s="79" t="str">
        <f t="shared" si="357"/>
        <v/>
      </c>
      <c r="BV632" s="79" t="str">
        <f t="shared" si="358"/>
        <v/>
      </c>
      <c r="BW632" s="79" t="str">
        <f t="shared" si="359"/>
        <v/>
      </c>
      <c r="BX632" s="79" t="str">
        <f t="shared" si="360"/>
        <v/>
      </c>
      <c r="BY632" s="79" t="str">
        <f t="shared" si="361"/>
        <v/>
      </c>
      <c r="BZ632" s="79" t="str">
        <f t="shared" si="362"/>
        <v/>
      </c>
      <c r="CA632" s="79" t="str">
        <f t="shared" si="363"/>
        <v/>
      </c>
      <c r="CB632" s="79" t="str">
        <f t="shared" si="364"/>
        <v/>
      </c>
      <c r="CC632" s="79" t="str">
        <f t="shared" si="365"/>
        <v/>
      </c>
      <c r="CD632" s="81" t="s">
        <v>660</v>
      </c>
      <c r="CE632" s="81"/>
      <c r="CF632" s="83" t="s">
        <v>661</v>
      </c>
    </row>
    <row r="633" spans="1:84" ht="56.1" hidden="1" customHeight="1" x14ac:dyDescent="0.2">
      <c r="A633" s="91">
        <v>633</v>
      </c>
      <c r="B633" s="23" t="s">
        <v>53</v>
      </c>
      <c r="C633" s="35" t="s">
        <v>655</v>
      </c>
      <c r="D633" s="77" t="s">
        <v>656</v>
      </c>
      <c r="E633" s="75" t="s">
        <v>730</v>
      </c>
      <c r="F633" s="75" t="s">
        <v>731</v>
      </c>
      <c r="G633" s="75" t="s">
        <v>86</v>
      </c>
      <c r="H633" s="75" t="s">
        <v>732</v>
      </c>
      <c r="I633" s="77" t="s">
        <v>60</v>
      </c>
      <c r="J633" s="77" t="s">
        <v>77</v>
      </c>
      <c r="K633" s="75" t="s">
        <v>722</v>
      </c>
      <c r="L633" s="76" t="s">
        <v>63</v>
      </c>
      <c r="M633" s="76" t="s">
        <v>63</v>
      </c>
      <c r="N633" s="81">
        <v>31348</v>
      </c>
      <c r="O633" s="81">
        <f t="shared" si="368"/>
        <v>31348</v>
      </c>
      <c r="P633" s="76" t="s">
        <v>723</v>
      </c>
      <c r="Q633" s="84" t="s">
        <v>65</v>
      </c>
      <c r="R633" s="81"/>
      <c r="S633" s="81"/>
      <c r="T633" s="81"/>
      <c r="U633" s="81"/>
      <c r="V633" s="81"/>
      <c r="W633" s="81"/>
      <c r="X633" s="81"/>
      <c r="Y633" s="81"/>
      <c r="Z633" s="81"/>
      <c r="AA633" s="81"/>
      <c r="AB633" s="81"/>
      <c r="AC633" s="81"/>
      <c r="AD633" s="81"/>
      <c r="AE633" s="81"/>
      <c r="AF633" s="81"/>
      <c r="AG633" s="81"/>
      <c r="AH633" s="81"/>
      <c r="AI633" s="79" t="s">
        <v>66</v>
      </c>
      <c r="AJ633" s="81"/>
      <c r="AK633" s="81"/>
      <c r="AL633" s="81"/>
      <c r="AM633" s="81"/>
      <c r="AN633" s="81"/>
      <c r="AO633" s="81"/>
      <c r="AP633" s="81"/>
      <c r="AQ633" s="81"/>
      <c r="AR633" s="81"/>
      <c r="AS633" s="81"/>
      <c r="AT633" s="81"/>
      <c r="AU633" s="81"/>
      <c r="AV633" s="81"/>
      <c r="AW633" s="80">
        <f t="shared" si="334"/>
        <v>775</v>
      </c>
      <c r="AX633" s="76">
        <f t="shared" si="369"/>
        <v>40.449032258064513</v>
      </c>
      <c r="AY633" s="79" t="str">
        <f t="shared" si="335"/>
        <v/>
      </c>
      <c r="AZ633" s="79" t="str">
        <f t="shared" si="336"/>
        <v/>
      </c>
      <c r="BA633" s="79" t="str">
        <f t="shared" si="337"/>
        <v/>
      </c>
      <c r="BB633" s="79" t="str">
        <f t="shared" si="338"/>
        <v/>
      </c>
      <c r="BC633" s="79" t="str">
        <f t="shared" si="339"/>
        <v/>
      </c>
      <c r="BD633" s="79" t="str">
        <f t="shared" si="340"/>
        <v/>
      </c>
      <c r="BE633" s="79" t="str">
        <f t="shared" si="341"/>
        <v/>
      </c>
      <c r="BF633" s="79" t="str">
        <f t="shared" si="342"/>
        <v/>
      </c>
      <c r="BG633" s="79" t="str">
        <f t="shared" si="343"/>
        <v/>
      </c>
      <c r="BH633" s="79" t="str">
        <f t="shared" si="344"/>
        <v/>
      </c>
      <c r="BI633" s="79" t="str">
        <f t="shared" si="345"/>
        <v/>
      </c>
      <c r="BJ633" s="79" t="str">
        <f t="shared" si="346"/>
        <v/>
      </c>
      <c r="BK633" s="79" t="str">
        <f t="shared" si="347"/>
        <v/>
      </c>
      <c r="BL633" s="79" t="str">
        <f t="shared" si="348"/>
        <v/>
      </c>
      <c r="BM633" s="79" t="str">
        <f t="shared" si="349"/>
        <v/>
      </c>
      <c r="BN633" s="79" t="str">
        <f t="shared" si="350"/>
        <v/>
      </c>
      <c r="BO633" s="79" t="str">
        <f t="shared" si="351"/>
        <v/>
      </c>
      <c r="BP633" s="79">
        <f t="shared" si="352"/>
        <v>31347.999999999996</v>
      </c>
      <c r="BQ633" s="79" t="str">
        <f t="shared" si="353"/>
        <v/>
      </c>
      <c r="BR633" s="79" t="str">
        <f t="shared" si="354"/>
        <v/>
      </c>
      <c r="BS633" s="79" t="str">
        <f t="shared" si="355"/>
        <v/>
      </c>
      <c r="BT633" s="79" t="str">
        <f t="shared" si="356"/>
        <v/>
      </c>
      <c r="BU633" s="79" t="str">
        <f t="shared" si="357"/>
        <v/>
      </c>
      <c r="BV633" s="79" t="str">
        <f t="shared" si="358"/>
        <v/>
      </c>
      <c r="BW633" s="79" t="str">
        <f t="shared" si="359"/>
        <v/>
      </c>
      <c r="BX633" s="79" t="str">
        <f t="shared" si="360"/>
        <v/>
      </c>
      <c r="BY633" s="79" t="str">
        <f t="shared" si="361"/>
        <v/>
      </c>
      <c r="BZ633" s="79" t="str">
        <f t="shared" si="362"/>
        <v/>
      </c>
      <c r="CA633" s="79" t="str">
        <f t="shared" si="363"/>
        <v/>
      </c>
      <c r="CB633" s="79" t="str">
        <f t="shared" si="364"/>
        <v/>
      </c>
      <c r="CC633" s="79" t="str">
        <f t="shared" si="365"/>
        <v/>
      </c>
      <c r="CD633" s="81" t="s">
        <v>660</v>
      </c>
      <c r="CE633" s="81"/>
      <c r="CF633" s="83" t="s">
        <v>661</v>
      </c>
    </row>
    <row r="634" spans="1:84" ht="56.1" hidden="1" customHeight="1" x14ac:dyDescent="0.2">
      <c r="A634" s="91">
        <v>634</v>
      </c>
      <c r="B634" s="23" t="s">
        <v>53</v>
      </c>
      <c r="C634" s="35" t="s">
        <v>655</v>
      </c>
      <c r="D634" s="77" t="s">
        <v>656</v>
      </c>
      <c r="E634" s="75" t="s">
        <v>733</v>
      </c>
      <c r="F634" s="75" t="s">
        <v>734</v>
      </c>
      <c r="G634" s="75" t="s">
        <v>86</v>
      </c>
      <c r="H634" s="75" t="s">
        <v>732</v>
      </c>
      <c r="I634" s="77" t="s">
        <v>60</v>
      </c>
      <c r="J634" s="77" t="s">
        <v>77</v>
      </c>
      <c r="K634" s="75" t="s">
        <v>722</v>
      </c>
      <c r="L634" s="76" t="s">
        <v>63</v>
      </c>
      <c r="M634" s="76" t="s">
        <v>63</v>
      </c>
      <c r="N634" s="81">
        <v>238247</v>
      </c>
      <c r="O634" s="81">
        <f t="shared" si="368"/>
        <v>238247</v>
      </c>
      <c r="P634" s="76" t="s">
        <v>723</v>
      </c>
      <c r="Q634" s="84" t="s">
        <v>65</v>
      </c>
      <c r="R634" s="81"/>
      <c r="S634" s="81"/>
      <c r="T634" s="81"/>
      <c r="U634" s="81"/>
      <c r="V634" s="81"/>
      <c r="W634" s="81"/>
      <c r="X634" s="81"/>
      <c r="Y634" s="81"/>
      <c r="Z634" s="81"/>
      <c r="AA634" s="81"/>
      <c r="AB634" s="81"/>
      <c r="AC634" s="81"/>
      <c r="AD634" s="81"/>
      <c r="AE634" s="81"/>
      <c r="AF634" s="81"/>
      <c r="AG634" s="81"/>
      <c r="AH634" s="81"/>
      <c r="AI634" s="79" t="s">
        <v>66</v>
      </c>
      <c r="AJ634" s="81"/>
      <c r="AK634" s="81"/>
      <c r="AL634" s="81"/>
      <c r="AM634" s="81"/>
      <c r="AN634" s="81"/>
      <c r="AO634" s="81"/>
      <c r="AP634" s="81"/>
      <c r="AQ634" s="81"/>
      <c r="AR634" s="81"/>
      <c r="AS634" s="81"/>
      <c r="AT634" s="81"/>
      <c r="AU634" s="81"/>
      <c r="AV634" s="81"/>
      <c r="AW634" s="80">
        <f t="shared" si="334"/>
        <v>775</v>
      </c>
      <c r="AX634" s="76">
        <f t="shared" si="369"/>
        <v>307.41548387096776</v>
      </c>
      <c r="AY634" s="79" t="str">
        <f t="shared" si="335"/>
        <v/>
      </c>
      <c r="AZ634" s="79" t="str">
        <f t="shared" si="336"/>
        <v/>
      </c>
      <c r="BA634" s="79" t="str">
        <f t="shared" si="337"/>
        <v/>
      </c>
      <c r="BB634" s="79" t="str">
        <f t="shared" si="338"/>
        <v/>
      </c>
      <c r="BC634" s="79" t="str">
        <f t="shared" si="339"/>
        <v/>
      </c>
      <c r="BD634" s="79" t="str">
        <f t="shared" si="340"/>
        <v/>
      </c>
      <c r="BE634" s="79" t="str">
        <f t="shared" si="341"/>
        <v/>
      </c>
      <c r="BF634" s="79" t="str">
        <f t="shared" si="342"/>
        <v/>
      </c>
      <c r="BG634" s="79" t="str">
        <f t="shared" si="343"/>
        <v/>
      </c>
      <c r="BH634" s="79" t="str">
        <f t="shared" si="344"/>
        <v/>
      </c>
      <c r="BI634" s="79" t="str">
        <f t="shared" si="345"/>
        <v/>
      </c>
      <c r="BJ634" s="79" t="str">
        <f t="shared" si="346"/>
        <v/>
      </c>
      <c r="BK634" s="79" t="str">
        <f t="shared" si="347"/>
        <v/>
      </c>
      <c r="BL634" s="79" t="str">
        <f t="shared" si="348"/>
        <v/>
      </c>
      <c r="BM634" s="79" t="str">
        <f t="shared" si="349"/>
        <v/>
      </c>
      <c r="BN634" s="79" t="str">
        <f t="shared" si="350"/>
        <v/>
      </c>
      <c r="BO634" s="79" t="str">
        <f t="shared" si="351"/>
        <v/>
      </c>
      <c r="BP634" s="79">
        <f t="shared" si="352"/>
        <v>238247.00000000003</v>
      </c>
      <c r="BQ634" s="79" t="str">
        <f t="shared" si="353"/>
        <v/>
      </c>
      <c r="BR634" s="79" t="str">
        <f t="shared" si="354"/>
        <v/>
      </c>
      <c r="BS634" s="79" t="str">
        <f t="shared" si="355"/>
        <v/>
      </c>
      <c r="BT634" s="79" t="str">
        <f t="shared" si="356"/>
        <v/>
      </c>
      <c r="BU634" s="79" t="str">
        <f t="shared" si="357"/>
        <v/>
      </c>
      <c r="BV634" s="79" t="str">
        <f t="shared" si="358"/>
        <v/>
      </c>
      <c r="BW634" s="79" t="str">
        <f t="shared" si="359"/>
        <v/>
      </c>
      <c r="BX634" s="79" t="str">
        <f t="shared" si="360"/>
        <v/>
      </c>
      <c r="BY634" s="79" t="str">
        <f t="shared" si="361"/>
        <v/>
      </c>
      <c r="BZ634" s="79" t="str">
        <f t="shared" si="362"/>
        <v/>
      </c>
      <c r="CA634" s="79" t="str">
        <f t="shared" si="363"/>
        <v/>
      </c>
      <c r="CB634" s="79" t="str">
        <f t="shared" si="364"/>
        <v/>
      </c>
      <c r="CC634" s="79" t="str">
        <f t="shared" si="365"/>
        <v/>
      </c>
      <c r="CD634" s="81" t="s">
        <v>660</v>
      </c>
      <c r="CE634" s="81"/>
      <c r="CF634" s="83" t="s">
        <v>661</v>
      </c>
    </row>
    <row r="635" spans="1:84" ht="56.1" hidden="1" customHeight="1" x14ac:dyDescent="0.2">
      <c r="A635" s="91">
        <v>635</v>
      </c>
      <c r="B635" s="23" t="s">
        <v>53</v>
      </c>
      <c r="C635" s="35" t="s">
        <v>655</v>
      </c>
      <c r="D635" s="77" t="s">
        <v>656</v>
      </c>
      <c r="E635" s="75" t="s">
        <v>735</v>
      </c>
      <c r="F635" s="75" t="s">
        <v>736</v>
      </c>
      <c r="G635" s="75" t="s">
        <v>86</v>
      </c>
      <c r="H635" s="75" t="s">
        <v>732</v>
      </c>
      <c r="I635" s="77" t="s">
        <v>60</v>
      </c>
      <c r="J635" s="77" t="s">
        <v>77</v>
      </c>
      <c r="K635" s="75" t="s">
        <v>722</v>
      </c>
      <c r="L635" s="76" t="s">
        <v>63</v>
      </c>
      <c r="M635" s="76" t="s">
        <v>63</v>
      </c>
      <c r="N635" s="81">
        <v>222573</v>
      </c>
      <c r="O635" s="81">
        <f t="shared" si="368"/>
        <v>222573</v>
      </c>
      <c r="P635" s="76" t="s">
        <v>723</v>
      </c>
      <c r="Q635" s="84" t="s">
        <v>65</v>
      </c>
      <c r="R635" s="81"/>
      <c r="S635" s="81"/>
      <c r="T635" s="81"/>
      <c r="U635" s="81"/>
      <c r="V635" s="81"/>
      <c r="W635" s="81"/>
      <c r="X635" s="81"/>
      <c r="Y635" s="81"/>
      <c r="Z635" s="81"/>
      <c r="AA635" s="81"/>
      <c r="AB635" s="81"/>
      <c r="AC635" s="81"/>
      <c r="AD635" s="81"/>
      <c r="AE635" s="81"/>
      <c r="AF635" s="81"/>
      <c r="AG635" s="81"/>
      <c r="AH635" s="81"/>
      <c r="AI635" s="79" t="s">
        <v>66</v>
      </c>
      <c r="AJ635" s="81"/>
      <c r="AK635" s="81"/>
      <c r="AL635" s="81"/>
      <c r="AM635" s="81"/>
      <c r="AN635" s="81"/>
      <c r="AO635" s="81"/>
      <c r="AP635" s="81"/>
      <c r="AQ635" s="81"/>
      <c r="AR635" s="81"/>
      <c r="AS635" s="81"/>
      <c r="AT635" s="81"/>
      <c r="AU635" s="81"/>
      <c r="AV635" s="81"/>
      <c r="AW635" s="80">
        <f t="shared" si="334"/>
        <v>775</v>
      </c>
      <c r="AX635" s="76">
        <f t="shared" si="369"/>
        <v>287.19096774193548</v>
      </c>
      <c r="AY635" s="79" t="str">
        <f t="shared" si="335"/>
        <v/>
      </c>
      <c r="AZ635" s="79" t="str">
        <f t="shared" si="336"/>
        <v/>
      </c>
      <c r="BA635" s="79" t="str">
        <f t="shared" si="337"/>
        <v/>
      </c>
      <c r="BB635" s="79" t="str">
        <f t="shared" si="338"/>
        <v/>
      </c>
      <c r="BC635" s="79" t="str">
        <f t="shared" si="339"/>
        <v/>
      </c>
      <c r="BD635" s="79" t="str">
        <f t="shared" si="340"/>
        <v/>
      </c>
      <c r="BE635" s="79" t="str">
        <f t="shared" si="341"/>
        <v/>
      </c>
      <c r="BF635" s="79" t="str">
        <f t="shared" si="342"/>
        <v/>
      </c>
      <c r="BG635" s="79" t="str">
        <f t="shared" si="343"/>
        <v/>
      </c>
      <c r="BH635" s="79" t="str">
        <f t="shared" si="344"/>
        <v/>
      </c>
      <c r="BI635" s="79" t="str">
        <f t="shared" si="345"/>
        <v/>
      </c>
      <c r="BJ635" s="79" t="str">
        <f t="shared" si="346"/>
        <v/>
      </c>
      <c r="BK635" s="79" t="str">
        <f t="shared" si="347"/>
        <v/>
      </c>
      <c r="BL635" s="79" t="str">
        <f t="shared" si="348"/>
        <v/>
      </c>
      <c r="BM635" s="79" t="str">
        <f t="shared" si="349"/>
        <v/>
      </c>
      <c r="BN635" s="79" t="str">
        <f t="shared" si="350"/>
        <v/>
      </c>
      <c r="BO635" s="79" t="str">
        <f t="shared" si="351"/>
        <v/>
      </c>
      <c r="BP635" s="79">
        <f t="shared" si="352"/>
        <v>222573</v>
      </c>
      <c r="BQ635" s="79" t="str">
        <f t="shared" si="353"/>
        <v/>
      </c>
      <c r="BR635" s="79" t="str">
        <f t="shared" si="354"/>
        <v/>
      </c>
      <c r="BS635" s="79" t="str">
        <f t="shared" si="355"/>
        <v/>
      </c>
      <c r="BT635" s="79" t="str">
        <f t="shared" si="356"/>
        <v/>
      </c>
      <c r="BU635" s="79" t="str">
        <f t="shared" si="357"/>
        <v/>
      </c>
      <c r="BV635" s="79" t="str">
        <f t="shared" si="358"/>
        <v/>
      </c>
      <c r="BW635" s="79" t="str">
        <f t="shared" si="359"/>
        <v/>
      </c>
      <c r="BX635" s="79" t="str">
        <f t="shared" si="360"/>
        <v/>
      </c>
      <c r="BY635" s="79" t="str">
        <f t="shared" si="361"/>
        <v/>
      </c>
      <c r="BZ635" s="79" t="str">
        <f t="shared" si="362"/>
        <v/>
      </c>
      <c r="CA635" s="79" t="str">
        <f t="shared" si="363"/>
        <v/>
      </c>
      <c r="CB635" s="79" t="str">
        <f t="shared" si="364"/>
        <v/>
      </c>
      <c r="CC635" s="79" t="str">
        <f t="shared" si="365"/>
        <v/>
      </c>
      <c r="CD635" s="81" t="s">
        <v>660</v>
      </c>
      <c r="CE635" s="81"/>
      <c r="CF635" s="83" t="s">
        <v>661</v>
      </c>
    </row>
    <row r="636" spans="1:84" ht="56.1" hidden="1" customHeight="1" x14ac:dyDescent="0.2">
      <c r="A636" s="91">
        <v>636</v>
      </c>
      <c r="B636" s="23" t="s">
        <v>53</v>
      </c>
      <c r="C636" s="35" t="s">
        <v>655</v>
      </c>
      <c r="D636" s="77" t="s">
        <v>656</v>
      </c>
      <c r="E636" s="75" t="s">
        <v>737</v>
      </c>
      <c r="F636" s="75" t="s">
        <v>738</v>
      </c>
      <c r="G636" s="75" t="s">
        <v>86</v>
      </c>
      <c r="H636" s="75" t="s">
        <v>732</v>
      </c>
      <c r="I636" s="77" t="s">
        <v>60</v>
      </c>
      <c r="J636" s="77" t="s">
        <v>77</v>
      </c>
      <c r="K636" s="75" t="s">
        <v>722</v>
      </c>
      <c r="L636" s="76" t="s">
        <v>63</v>
      </c>
      <c r="M636" s="76" t="s">
        <v>63</v>
      </c>
      <c r="N636" s="81">
        <v>150472</v>
      </c>
      <c r="O636" s="81">
        <f t="shared" si="368"/>
        <v>150472</v>
      </c>
      <c r="P636" s="76" t="s">
        <v>723</v>
      </c>
      <c r="Q636" s="84" t="s">
        <v>65</v>
      </c>
      <c r="R636" s="81"/>
      <c r="S636" s="81"/>
      <c r="T636" s="81"/>
      <c r="U636" s="81"/>
      <c r="V636" s="81"/>
      <c r="W636" s="81"/>
      <c r="X636" s="81"/>
      <c r="Y636" s="81"/>
      <c r="Z636" s="81"/>
      <c r="AA636" s="81"/>
      <c r="AB636" s="81"/>
      <c r="AC636" s="81"/>
      <c r="AD636" s="81"/>
      <c r="AE636" s="81"/>
      <c r="AF636" s="81"/>
      <c r="AG636" s="81"/>
      <c r="AH636" s="81"/>
      <c r="AI636" s="79" t="s">
        <v>66</v>
      </c>
      <c r="AJ636" s="81"/>
      <c r="AK636" s="81"/>
      <c r="AL636" s="81"/>
      <c r="AM636" s="81"/>
      <c r="AN636" s="81"/>
      <c r="AO636" s="81"/>
      <c r="AP636" s="81"/>
      <c r="AQ636" s="81"/>
      <c r="AR636" s="81"/>
      <c r="AS636" s="81"/>
      <c r="AT636" s="81"/>
      <c r="AU636" s="81"/>
      <c r="AV636" s="81"/>
      <c r="AW636" s="80">
        <f t="shared" si="334"/>
        <v>775</v>
      </c>
      <c r="AX636" s="76">
        <f t="shared" si="369"/>
        <v>194.15741935483871</v>
      </c>
      <c r="AY636" s="79" t="str">
        <f t="shared" si="335"/>
        <v/>
      </c>
      <c r="AZ636" s="79" t="str">
        <f t="shared" si="336"/>
        <v/>
      </c>
      <c r="BA636" s="79" t="str">
        <f t="shared" si="337"/>
        <v/>
      </c>
      <c r="BB636" s="79" t="str">
        <f t="shared" si="338"/>
        <v/>
      </c>
      <c r="BC636" s="79" t="str">
        <f t="shared" si="339"/>
        <v/>
      </c>
      <c r="BD636" s="79" t="str">
        <f t="shared" si="340"/>
        <v/>
      </c>
      <c r="BE636" s="79" t="str">
        <f t="shared" si="341"/>
        <v/>
      </c>
      <c r="BF636" s="79" t="str">
        <f t="shared" si="342"/>
        <v/>
      </c>
      <c r="BG636" s="79" t="str">
        <f t="shared" si="343"/>
        <v/>
      </c>
      <c r="BH636" s="79" t="str">
        <f t="shared" si="344"/>
        <v/>
      </c>
      <c r="BI636" s="79" t="str">
        <f t="shared" si="345"/>
        <v/>
      </c>
      <c r="BJ636" s="79" t="str">
        <f t="shared" si="346"/>
        <v/>
      </c>
      <c r="BK636" s="79" t="str">
        <f t="shared" si="347"/>
        <v/>
      </c>
      <c r="BL636" s="79" t="str">
        <f t="shared" si="348"/>
        <v/>
      </c>
      <c r="BM636" s="79" t="str">
        <f t="shared" si="349"/>
        <v/>
      </c>
      <c r="BN636" s="79" t="str">
        <f t="shared" si="350"/>
        <v/>
      </c>
      <c r="BO636" s="79" t="str">
        <f t="shared" si="351"/>
        <v/>
      </c>
      <c r="BP636" s="79">
        <f t="shared" si="352"/>
        <v>150472</v>
      </c>
      <c r="BQ636" s="79" t="str">
        <f t="shared" si="353"/>
        <v/>
      </c>
      <c r="BR636" s="79" t="str">
        <f t="shared" si="354"/>
        <v/>
      </c>
      <c r="BS636" s="79" t="str">
        <f t="shared" si="355"/>
        <v/>
      </c>
      <c r="BT636" s="79" t="str">
        <f t="shared" si="356"/>
        <v/>
      </c>
      <c r="BU636" s="79" t="str">
        <f t="shared" si="357"/>
        <v/>
      </c>
      <c r="BV636" s="79" t="str">
        <f t="shared" si="358"/>
        <v/>
      </c>
      <c r="BW636" s="79" t="str">
        <f t="shared" si="359"/>
        <v/>
      </c>
      <c r="BX636" s="79" t="str">
        <f t="shared" si="360"/>
        <v/>
      </c>
      <c r="BY636" s="79" t="str">
        <f t="shared" si="361"/>
        <v/>
      </c>
      <c r="BZ636" s="79" t="str">
        <f t="shared" si="362"/>
        <v/>
      </c>
      <c r="CA636" s="79" t="str">
        <f t="shared" si="363"/>
        <v/>
      </c>
      <c r="CB636" s="79" t="str">
        <f t="shared" si="364"/>
        <v/>
      </c>
      <c r="CC636" s="79" t="str">
        <f t="shared" si="365"/>
        <v/>
      </c>
      <c r="CD636" s="81" t="s">
        <v>660</v>
      </c>
      <c r="CE636" s="81"/>
      <c r="CF636" s="83" t="s">
        <v>661</v>
      </c>
    </row>
    <row r="637" spans="1:84" ht="85.35" hidden="1" customHeight="1" x14ac:dyDescent="0.2">
      <c r="A637" s="91">
        <v>637</v>
      </c>
      <c r="B637" s="23" t="s">
        <v>53</v>
      </c>
      <c r="C637" s="35" t="s">
        <v>655</v>
      </c>
      <c r="D637" s="77" t="s">
        <v>656</v>
      </c>
      <c r="E637" s="75" t="s">
        <v>739</v>
      </c>
      <c r="F637" s="75" t="s">
        <v>740</v>
      </c>
      <c r="G637" s="75" t="s">
        <v>86</v>
      </c>
      <c r="H637" s="75" t="s">
        <v>63</v>
      </c>
      <c r="I637" s="77" t="s">
        <v>81</v>
      </c>
      <c r="J637" s="77" t="s">
        <v>77</v>
      </c>
      <c r="K637" s="78" t="s">
        <v>225</v>
      </c>
      <c r="L637" s="76" t="s">
        <v>63</v>
      </c>
      <c r="M637" s="76" t="s">
        <v>63</v>
      </c>
      <c r="N637" s="81">
        <v>62697</v>
      </c>
      <c r="O637" s="81">
        <f t="shared" si="368"/>
        <v>62697</v>
      </c>
      <c r="P637" s="76" t="s">
        <v>659</v>
      </c>
      <c r="Q637" s="84" t="s">
        <v>65</v>
      </c>
      <c r="R637" s="81"/>
      <c r="S637" s="81"/>
      <c r="T637" s="81"/>
      <c r="U637" s="81"/>
      <c r="V637" s="81"/>
      <c r="W637" s="81"/>
      <c r="X637" s="81"/>
      <c r="Y637" s="81"/>
      <c r="Z637" s="81"/>
      <c r="AA637" s="81"/>
      <c r="AB637" s="81"/>
      <c r="AC637" s="81"/>
      <c r="AD637" s="81"/>
      <c r="AE637" s="81"/>
      <c r="AF637" s="81"/>
      <c r="AG637" s="81"/>
      <c r="AH637" s="81"/>
      <c r="AI637" s="79" t="s">
        <v>66</v>
      </c>
      <c r="AJ637" s="79" t="s">
        <v>66</v>
      </c>
      <c r="AK637" s="79" t="s">
        <v>66</v>
      </c>
      <c r="AL637" s="79" t="s">
        <v>66</v>
      </c>
      <c r="AM637" s="81"/>
      <c r="AN637" s="81"/>
      <c r="AO637" s="81"/>
      <c r="AP637" s="81"/>
      <c r="AQ637" s="81"/>
      <c r="AR637" s="81"/>
      <c r="AS637" s="81"/>
      <c r="AT637" s="81"/>
      <c r="AU637" s="81"/>
      <c r="AV637" s="81"/>
      <c r="AW637" s="80">
        <f t="shared" ref="AW637:AW700" si="370">SUMIF(R637:AV637,"YES",$R$2:$AV$2)</f>
        <v>1277</v>
      </c>
      <c r="AX637" s="76">
        <f t="shared" si="369"/>
        <v>49.097102584181677</v>
      </c>
      <c r="AY637" s="79" t="str">
        <f t="shared" si="335"/>
        <v/>
      </c>
      <c r="AZ637" s="79" t="str">
        <f t="shared" si="336"/>
        <v/>
      </c>
      <c r="BA637" s="79" t="str">
        <f t="shared" si="337"/>
        <v/>
      </c>
      <c r="BB637" s="79" t="str">
        <f t="shared" si="338"/>
        <v/>
      </c>
      <c r="BC637" s="79" t="str">
        <f t="shared" si="339"/>
        <v/>
      </c>
      <c r="BD637" s="79" t="str">
        <f t="shared" si="340"/>
        <v/>
      </c>
      <c r="BE637" s="79" t="str">
        <f t="shared" si="341"/>
        <v/>
      </c>
      <c r="BF637" s="79" t="str">
        <f t="shared" si="342"/>
        <v/>
      </c>
      <c r="BG637" s="79" t="str">
        <f t="shared" si="343"/>
        <v/>
      </c>
      <c r="BH637" s="79" t="str">
        <f t="shared" si="344"/>
        <v/>
      </c>
      <c r="BI637" s="79" t="str">
        <f t="shared" si="345"/>
        <v/>
      </c>
      <c r="BJ637" s="79" t="str">
        <f t="shared" si="346"/>
        <v/>
      </c>
      <c r="BK637" s="79" t="str">
        <f t="shared" si="347"/>
        <v/>
      </c>
      <c r="BL637" s="79" t="str">
        <f t="shared" si="348"/>
        <v/>
      </c>
      <c r="BM637" s="79" t="str">
        <f t="shared" si="349"/>
        <v/>
      </c>
      <c r="BN637" s="79" t="str">
        <f t="shared" si="350"/>
        <v/>
      </c>
      <c r="BO637" s="79" t="str">
        <f t="shared" si="351"/>
        <v/>
      </c>
      <c r="BP637" s="79">
        <f t="shared" si="352"/>
        <v>38050.254502740798</v>
      </c>
      <c r="BQ637" s="79">
        <f t="shared" si="353"/>
        <v>4909.7102584181675</v>
      </c>
      <c r="BR637" s="79">
        <f t="shared" si="354"/>
        <v>4909.7102584181675</v>
      </c>
      <c r="BS637" s="79">
        <f t="shared" si="355"/>
        <v>14827.324980422867</v>
      </c>
      <c r="BT637" s="79" t="str">
        <f t="shared" si="356"/>
        <v/>
      </c>
      <c r="BU637" s="79" t="str">
        <f t="shared" si="357"/>
        <v/>
      </c>
      <c r="BV637" s="79" t="str">
        <f t="shared" si="358"/>
        <v/>
      </c>
      <c r="BW637" s="79" t="str">
        <f t="shared" si="359"/>
        <v/>
      </c>
      <c r="BX637" s="79" t="str">
        <f t="shared" si="360"/>
        <v/>
      </c>
      <c r="BY637" s="79" t="str">
        <f t="shared" si="361"/>
        <v/>
      </c>
      <c r="BZ637" s="79" t="str">
        <f t="shared" si="362"/>
        <v/>
      </c>
      <c r="CA637" s="79" t="str">
        <f t="shared" si="363"/>
        <v/>
      </c>
      <c r="CB637" s="79" t="str">
        <f t="shared" si="364"/>
        <v/>
      </c>
      <c r="CC637" s="79" t="str">
        <f t="shared" si="365"/>
        <v/>
      </c>
      <c r="CD637" s="81" t="s">
        <v>660</v>
      </c>
      <c r="CE637" s="81"/>
      <c r="CF637" s="83" t="s">
        <v>661</v>
      </c>
    </row>
    <row r="638" spans="1:84" ht="56.1" hidden="1" customHeight="1" x14ac:dyDescent="0.2">
      <c r="A638" s="91">
        <v>638</v>
      </c>
      <c r="B638" s="23" t="s">
        <v>53</v>
      </c>
      <c r="C638" s="35" t="s">
        <v>655</v>
      </c>
      <c r="D638" s="77" t="s">
        <v>656</v>
      </c>
      <c r="E638" s="75" t="s">
        <v>741</v>
      </c>
      <c r="F638" s="75" t="s">
        <v>742</v>
      </c>
      <c r="G638" s="75" t="s">
        <v>86</v>
      </c>
      <c r="H638" s="75" t="s">
        <v>732</v>
      </c>
      <c r="I638" s="77" t="s">
        <v>60</v>
      </c>
      <c r="J638" s="77" t="s">
        <v>77</v>
      </c>
      <c r="K638" s="75" t="s">
        <v>722</v>
      </c>
      <c r="L638" s="76" t="s">
        <v>63</v>
      </c>
      <c r="M638" s="76" t="s">
        <v>63</v>
      </c>
      <c r="N638" s="81">
        <v>966240</v>
      </c>
      <c r="O638" s="81">
        <f t="shared" si="368"/>
        <v>966240</v>
      </c>
      <c r="P638" s="76" t="s">
        <v>723</v>
      </c>
      <c r="Q638" s="84" t="s">
        <v>65</v>
      </c>
      <c r="R638" s="81"/>
      <c r="S638" s="81"/>
      <c r="T638" s="81"/>
      <c r="U638" s="81"/>
      <c r="V638" s="81"/>
      <c r="W638" s="81"/>
      <c r="X638" s="81"/>
      <c r="Y638" s="81"/>
      <c r="Z638" s="81"/>
      <c r="AA638" s="81"/>
      <c r="AB638" s="81"/>
      <c r="AC638" s="81"/>
      <c r="AD638" s="81"/>
      <c r="AE638" s="81"/>
      <c r="AF638" s="81"/>
      <c r="AG638" s="81"/>
      <c r="AH638" s="81"/>
      <c r="AI638" s="79" t="s">
        <v>66</v>
      </c>
      <c r="AJ638" s="81"/>
      <c r="AK638" s="81"/>
      <c r="AL638" s="81"/>
      <c r="AM638" s="81"/>
      <c r="AN638" s="81"/>
      <c r="AO638" s="81"/>
      <c r="AP638" s="81"/>
      <c r="AQ638" s="81"/>
      <c r="AR638" s="81"/>
      <c r="AS638" s="81"/>
      <c r="AT638" s="81"/>
      <c r="AU638" s="81"/>
      <c r="AV638" s="81"/>
      <c r="AW638" s="80">
        <f t="shared" si="370"/>
        <v>775</v>
      </c>
      <c r="AX638" s="76">
        <f t="shared" si="369"/>
        <v>1246.7612903225806</v>
      </c>
      <c r="AY638" s="79" t="str">
        <f t="shared" si="335"/>
        <v/>
      </c>
      <c r="AZ638" s="79" t="str">
        <f t="shared" si="336"/>
        <v/>
      </c>
      <c r="BA638" s="79" t="str">
        <f t="shared" si="337"/>
        <v/>
      </c>
      <c r="BB638" s="79" t="str">
        <f t="shared" si="338"/>
        <v/>
      </c>
      <c r="BC638" s="79" t="str">
        <f t="shared" si="339"/>
        <v/>
      </c>
      <c r="BD638" s="79" t="str">
        <f t="shared" si="340"/>
        <v/>
      </c>
      <c r="BE638" s="79" t="str">
        <f t="shared" si="341"/>
        <v/>
      </c>
      <c r="BF638" s="79" t="str">
        <f t="shared" si="342"/>
        <v/>
      </c>
      <c r="BG638" s="79" t="str">
        <f t="shared" si="343"/>
        <v/>
      </c>
      <c r="BH638" s="79" t="str">
        <f t="shared" si="344"/>
        <v/>
      </c>
      <c r="BI638" s="79" t="str">
        <f t="shared" si="345"/>
        <v/>
      </c>
      <c r="BJ638" s="79" t="str">
        <f t="shared" si="346"/>
        <v/>
      </c>
      <c r="BK638" s="79" t="str">
        <f t="shared" si="347"/>
        <v/>
      </c>
      <c r="BL638" s="79" t="str">
        <f t="shared" si="348"/>
        <v/>
      </c>
      <c r="BM638" s="79" t="str">
        <f t="shared" si="349"/>
        <v/>
      </c>
      <c r="BN638" s="79" t="str">
        <f t="shared" si="350"/>
        <v/>
      </c>
      <c r="BO638" s="79" t="str">
        <f t="shared" si="351"/>
        <v/>
      </c>
      <c r="BP638" s="79">
        <f t="shared" si="352"/>
        <v>966240</v>
      </c>
      <c r="BQ638" s="79" t="str">
        <f t="shared" si="353"/>
        <v/>
      </c>
      <c r="BR638" s="79" t="str">
        <f t="shared" si="354"/>
        <v/>
      </c>
      <c r="BS638" s="79" t="str">
        <f t="shared" si="355"/>
        <v/>
      </c>
      <c r="BT638" s="79" t="str">
        <f t="shared" si="356"/>
        <v/>
      </c>
      <c r="BU638" s="79" t="str">
        <f t="shared" si="357"/>
        <v/>
      </c>
      <c r="BV638" s="79" t="str">
        <f t="shared" si="358"/>
        <v/>
      </c>
      <c r="BW638" s="79" t="str">
        <f t="shared" si="359"/>
        <v/>
      </c>
      <c r="BX638" s="79" t="str">
        <f t="shared" si="360"/>
        <v/>
      </c>
      <c r="BY638" s="79" t="str">
        <f t="shared" si="361"/>
        <v/>
      </c>
      <c r="BZ638" s="79" t="str">
        <f t="shared" si="362"/>
        <v/>
      </c>
      <c r="CA638" s="79" t="str">
        <f t="shared" si="363"/>
        <v/>
      </c>
      <c r="CB638" s="79" t="str">
        <f t="shared" si="364"/>
        <v/>
      </c>
      <c r="CC638" s="79" t="str">
        <f t="shared" si="365"/>
        <v/>
      </c>
      <c r="CD638" s="81" t="s">
        <v>660</v>
      </c>
      <c r="CE638" s="81"/>
      <c r="CF638" s="83" t="s">
        <v>661</v>
      </c>
    </row>
    <row r="639" spans="1:84" ht="56.1" hidden="1" customHeight="1" x14ac:dyDescent="0.2">
      <c r="A639" s="91">
        <v>639</v>
      </c>
      <c r="B639" s="23" t="s">
        <v>53</v>
      </c>
      <c r="C639" s="35" t="s">
        <v>655</v>
      </c>
      <c r="D639" s="77" t="s">
        <v>656</v>
      </c>
      <c r="E639" s="75" t="s">
        <v>743</v>
      </c>
      <c r="F639" s="75" t="s">
        <v>744</v>
      </c>
      <c r="G639" s="75" t="s">
        <v>86</v>
      </c>
      <c r="H639" s="75" t="s">
        <v>63</v>
      </c>
      <c r="I639" s="77" t="s">
        <v>81</v>
      </c>
      <c r="J639" s="77" t="s">
        <v>77</v>
      </c>
      <c r="K639" s="78" t="s">
        <v>225</v>
      </c>
      <c r="L639" s="76" t="s">
        <v>63</v>
      </c>
      <c r="M639" s="76" t="s">
        <v>63</v>
      </c>
      <c r="N639" s="81">
        <v>51160</v>
      </c>
      <c r="O639" s="81">
        <f t="shared" si="368"/>
        <v>51160</v>
      </c>
      <c r="P639" s="76" t="s">
        <v>659</v>
      </c>
      <c r="Q639" s="84" t="s">
        <v>65</v>
      </c>
      <c r="R639" s="81"/>
      <c r="S639" s="81"/>
      <c r="T639" s="81"/>
      <c r="U639" s="81"/>
      <c r="V639" s="81"/>
      <c r="W639" s="81"/>
      <c r="X639" s="81"/>
      <c r="Y639" s="81"/>
      <c r="Z639" s="81"/>
      <c r="AA639" s="81"/>
      <c r="AB639" s="81"/>
      <c r="AC639" s="81"/>
      <c r="AD639" s="81"/>
      <c r="AE639" s="81"/>
      <c r="AF639" s="81"/>
      <c r="AG639" s="81"/>
      <c r="AH639" s="81"/>
      <c r="AI639" s="79" t="s">
        <v>66</v>
      </c>
      <c r="AJ639" s="79" t="s">
        <v>66</v>
      </c>
      <c r="AK639" s="79" t="s">
        <v>66</v>
      </c>
      <c r="AL639" s="79" t="s">
        <v>66</v>
      </c>
      <c r="AM639" s="81"/>
      <c r="AN639" s="81"/>
      <c r="AO639" s="81"/>
      <c r="AP639" s="81"/>
      <c r="AQ639" s="81"/>
      <c r="AR639" s="81"/>
      <c r="AS639" s="81"/>
      <c r="AT639" s="81"/>
      <c r="AU639" s="81"/>
      <c r="AV639" s="81"/>
      <c r="AW639" s="80">
        <f t="shared" si="370"/>
        <v>1277</v>
      </c>
      <c r="AX639" s="76">
        <f t="shared" si="369"/>
        <v>40.062646828504306</v>
      </c>
      <c r="AY639" s="79" t="str">
        <f t="shared" si="335"/>
        <v/>
      </c>
      <c r="AZ639" s="79" t="str">
        <f t="shared" si="336"/>
        <v/>
      </c>
      <c r="BA639" s="79" t="str">
        <f t="shared" si="337"/>
        <v/>
      </c>
      <c r="BB639" s="79" t="str">
        <f t="shared" si="338"/>
        <v/>
      </c>
      <c r="BC639" s="79" t="str">
        <f t="shared" si="339"/>
        <v/>
      </c>
      <c r="BD639" s="79" t="str">
        <f t="shared" si="340"/>
        <v/>
      </c>
      <c r="BE639" s="79" t="str">
        <f t="shared" si="341"/>
        <v/>
      </c>
      <c r="BF639" s="79" t="str">
        <f t="shared" si="342"/>
        <v/>
      </c>
      <c r="BG639" s="79" t="str">
        <f t="shared" si="343"/>
        <v/>
      </c>
      <c r="BH639" s="79" t="str">
        <f t="shared" si="344"/>
        <v/>
      </c>
      <c r="BI639" s="79" t="str">
        <f t="shared" si="345"/>
        <v/>
      </c>
      <c r="BJ639" s="79" t="str">
        <f t="shared" si="346"/>
        <v/>
      </c>
      <c r="BK639" s="79" t="str">
        <f t="shared" si="347"/>
        <v/>
      </c>
      <c r="BL639" s="79" t="str">
        <f t="shared" si="348"/>
        <v/>
      </c>
      <c r="BM639" s="79" t="str">
        <f t="shared" si="349"/>
        <v/>
      </c>
      <c r="BN639" s="79" t="str">
        <f t="shared" si="350"/>
        <v/>
      </c>
      <c r="BO639" s="79" t="str">
        <f t="shared" si="351"/>
        <v/>
      </c>
      <c r="BP639" s="79">
        <f t="shared" si="352"/>
        <v>31048.551292090837</v>
      </c>
      <c r="BQ639" s="79">
        <f t="shared" si="353"/>
        <v>4006.2646828504307</v>
      </c>
      <c r="BR639" s="79">
        <f t="shared" si="354"/>
        <v>4006.2646828504307</v>
      </c>
      <c r="BS639" s="79">
        <f t="shared" si="355"/>
        <v>12098.919342208301</v>
      </c>
      <c r="BT639" s="79" t="str">
        <f t="shared" si="356"/>
        <v/>
      </c>
      <c r="BU639" s="79" t="str">
        <f t="shared" si="357"/>
        <v/>
      </c>
      <c r="BV639" s="79" t="str">
        <f t="shared" si="358"/>
        <v/>
      </c>
      <c r="BW639" s="79" t="str">
        <f t="shared" si="359"/>
        <v/>
      </c>
      <c r="BX639" s="79" t="str">
        <f t="shared" si="360"/>
        <v/>
      </c>
      <c r="BY639" s="79" t="str">
        <f t="shared" si="361"/>
        <v/>
      </c>
      <c r="BZ639" s="79" t="str">
        <f t="shared" si="362"/>
        <v/>
      </c>
      <c r="CA639" s="79" t="str">
        <f t="shared" si="363"/>
        <v/>
      </c>
      <c r="CB639" s="79" t="str">
        <f t="shared" si="364"/>
        <v/>
      </c>
      <c r="CC639" s="79" t="str">
        <f t="shared" si="365"/>
        <v/>
      </c>
      <c r="CD639" s="81" t="s">
        <v>660</v>
      </c>
      <c r="CE639" s="81"/>
      <c r="CF639" s="83" t="s">
        <v>661</v>
      </c>
    </row>
    <row r="640" spans="1:84" ht="56.1" hidden="1" customHeight="1" x14ac:dyDescent="0.2">
      <c r="A640" s="91">
        <v>640</v>
      </c>
      <c r="B640" s="23" t="s">
        <v>53</v>
      </c>
      <c r="C640" s="35" t="s">
        <v>655</v>
      </c>
      <c r="D640" s="77" t="s">
        <v>656</v>
      </c>
      <c r="E640" s="75" t="s">
        <v>745</v>
      </c>
      <c r="F640" s="75" t="s">
        <v>746</v>
      </c>
      <c r="G640" s="75" t="s">
        <v>86</v>
      </c>
      <c r="H640" s="75" t="s">
        <v>63</v>
      </c>
      <c r="I640" s="77" t="s">
        <v>81</v>
      </c>
      <c r="J640" s="77" t="s">
        <v>77</v>
      </c>
      <c r="K640" s="78" t="s">
        <v>225</v>
      </c>
      <c r="L640" s="76" t="s">
        <v>63</v>
      </c>
      <c r="M640" s="76" t="s">
        <v>63</v>
      </c>
      <c r="N640" s="89"/>
      <c r="O640" s="89"/>
      <c r="P640" s="76" t="s">
        <v>659</v>
      </c>
      <c r="Q640" s="84" t="s">
        <v>65</v>
      </c>
      <c r="R640" s="81"/>
      <c r="S640" s="81"/>
      <c r="T640" s="81"/>
      <c r="U640" s="81"/>
      <c r="V640" s="81"/>
      <c r="W640" s="81"/>
      <c r="X640" s="81"/>
      <c r="Y640" s="81"/>
      <c r="Z640" s="81"/>
      <c r="AA640" s="81"/>
      <c r="AB640" s="81"/>
      <c r="AC640" s="81"/>
      <c r="AD640" s="81"/>
      <c r="AE640" s="81"/>
      <c r="AF640" s="81"/>
      <c r="AG640" s="81"/>
      <c r="AH640" s="81"/>
      <c r="AI640" s="79" t="s">
        <v>66</v>
      </c>
      <c r="AJ640" s="79" t="s">
        <v>66</v>
      </c>
      <c r="AK640" s="79" t="s">
        <v>66</v>
      </c>
      <c r="AL640" s="79" t="s">
        <v>66</v>
      </c>
      <c r="AM640" s="81"/>
      <c r="AN640" s="81"/>
      <c r="AO640" s="81"/>
      <c r="AP640" s="81"/>
      <c r="AQ640" s="81"/>
      <c r="AR640" s="81"/>
      <c r="AS640" s="81"/>
      <c r="AT640" s="81"/>
      <c r="AU640" s="81"/>
      <c r="AV640" s="81"/>
      <c r="AW640" s="80">
        <f t="shared" si="370"/>
        <v>1277</v>
      </c>
      <c r="AX640" s="76"/>
      <c r="AY640" s="79" t="str">
        <f t="shared" si="335"/>
        <v/>
      </c>
      <c r="AZ640" s="79" t="str">
        <f t="shared" si="336"/>
        <v/>
      </c>
      <c r="BA640" s="79" t="str">
        <f t="shared" si="337"/>
        <v/>
      </c>
      <c r="BB640" s="79" t="str">
        <f t="shared" si="338"/>
        <v/>
      </c>
      <c r="BC640" s="79" t="str">
        <f t="shared" si="339"/>
        <v/>
      </c>
      <c r="BD640" s="79" t="str">
        <f t="shared" si="340"/>
        <v/>
      </c>
      <c r="BE640" s="79" t="str">
        <f t="shared" si="341"/>
        <v/>
      </c>
      <c r="BF640" s="79" t="str">
        <f t="shared" si="342"/>
        <v/>
      </c>
      <c r="BG640" s="79" t="str">
        <f t="shared" si="343"/>
        <v/>
      </c>
      <c r="BH640" s="79" t="str">
        <f t="shared" si="344"/>
        <v/>
      </c>
      <c r="BI640" s="79" t="str">
        <f t="shared" si="345"/>
        <v/>
      </c>
      <c r="BJ640" s="79" t="str">
        <f t="shared" si="346"/>
        <v/>
      </c>
      <c r="BK640" s="79" t="str">
        <f t="shared" si="347"/>
        <v/>
      </c>
      <c r="BL640" s="79" t="str">
        <f t="shared" si="348"/>
        <v/>
      </c>
      <c r="BM640" s="79" t="str">
        <f t="shared" si="349"/>
        <v/>
      </c>
      <c r="BN640" s="79" t="str">
        <f t="shared" si="350"/>
        <v/>
      </c>
      <c r="BO640" s="79" t="str">
        <f t="shared" si="351"/>
        <v/>
      </c>
      <c r="BP640" s="79">
        <f t="shared" si="352"/>
        <v>0</v>
      </c>
      <c r="BQ640" s="79">
        <f t="shared" si="353"/>
        <v>0</v>
      </c>
      <c r="BR640" s="79">
        <f t="shared" si="354"/>
        <v>0</v>
      </c>
      <c r="BS640" s="79">
        <f t="shared" si="355"/>
        <v>0</v>
      </c>
      <c r="BT640" s="79" t="str">
        <f t="shared" si="356"/>
        <v/>
      </c>
      <c r="BU640" s="79" t="str">
        <f t="shared" si="357"/>
        <v/>
      </c>
      <c r="BV640" s="79" t="str">
        <f t="shared" si="358"/>
        <v/>
      </c>
      <c r="BW640" s="79" t="str">
        <f t="shared" si="359"/>
        <v/>
      </c>
      <c r="BX640" s="79" t="str">
        <f t="shared" si="360"/>
        <v/>
      </c>
      <c r="BY640" s="79" t="str">
        <f t="shared" si="361"/>
        <v/>
      </c>
      <c r="BZ640" s="79" t="str">
        <f t="shared" si="362"/>
        <v/>
      </c>
      <c r="CA640" s="79" t="str">
        <f t="shared" si="363"/>
        <v/>
      </c>
      <c r="CB640" s="79" t="str">
        <f t="shared" si="364"/>
        <v/>
      </c>
      <c r="CC640" s="79" t="str">
        <f t="shared" si="365"/>
        <v/>
      </c>
      <c r="CD640" s="81" t="s">
        <v>660</v>
      </c>
      <c r="CE640" s="81"/>
      <c r="CF640" s="83" t="s">
        <v>661</v>
      </c>
    </row>
    <row r="641" spans="1:84" ht="228" hidden="1" x14ac:dyDescent="0.2">
      <c r="A641" s="91">
        <v>641</v>
      </c>
      <c r="B641" s="23" t="s">
        <v>53</v>
      </c>
      <c r="C641" s="35" t="s">
        <v>655</v>
      </c>
      <c r="D641" s="77" t="s">
        <v>656</v>
      </c>
      <c r="E641" s="75" t="s">
        <v>747</v>
      </c>
      <c r="F641" s="75" t="s">
        <v>748</v>
      </c>
      <c r="G641" s="75" t="s">
        <v>86</v>
      </c>
      <c r="H641" s="75" t="s">
        <v>63</v>
      </c>
      <c r="I641" s="77" t="s">
        <v>81</v>
      </c>
      <c r="J641" s="77" t="s">
        <v>77</v>
      </c>
      <c r="K641" s="78" t="s">
        <v>225</v>
      </c>
      <c r="L641" s="76" t="s">
        <v>63</v>
      </c>
      <c r="M641" s="76" t="s">
        <v>63</v>
      </c>
      <c r="N641" s="81">
        <v>130113</v>
      </c>
      <c r="O641" s="81">
        <f t="shared" si="368"/>
        <v>130113</v>
      </c>
      <c r="P641" s="76" t="s">
        <v>659</v>
      </c>
      <c r="Q641" s="84" t="s">
        <v>65</v>
      </c>
      <c r="R641" s="81"/>
      <c r="S641" s="81"/>
      <c r="T641" s="81"/>
      <c r="U641" s="81"/>
      <c r="V641" s="81"/>
      <c r="W641" s="81"/>
      <c r="X641" s="81"/>
      <c r="Y641" s="81"/>
      <c r="Z641" s="81"/>
      <c r="AA641" s="81"/>
      <c r="AB641" s="81"/>
      <c r="AC641" s="81"/>
      <c r="AD641" s="81"/>
      <c r="AE641" s="81"/>
      <c r="AF641" s="81"/>
      <c r="AG641" s="81"/>
      <c r="AH641" s="81"/>
      <c r="AI641" s="79" t="s">
        <v>66</v>
      </c>
      <c r="AJ641" s="79" t="s">
        <v>66</v>
      </c>
      <c r="AK641" s="79" t="s">
        <v>66</v>
      </c>
      <c r="AL641" s="79" t="s">
        <v>66</v>
      </c>
      <c r="AM641" s="81"/>
      <c r="AN641" s="81"/>
      <c r="AO641" s="81"/>
      <c r="AP641" s="81"/>
      <c r="AQ641" s="81"/>
      <c r="AR641" s="81"/>
      <c r="AS641" s="81"/>
      <c r="AT641" s="81"/>
      <c r="AU641" s="81"/>
      <c r="AV641" s="81"/>
      <c r="AW641" s="80">
        <f t="shared" si="370"/>
        <v>1277</v>
      </c>
      <c r="AX641" s="76">
        <f>O641/AW641</f>
        <v>101.88958496476116</v>
      </c>
      <c r="AY641" s="79" t="str">
        <f t="shared" ref="AY641:AY704" si="371">IF(R641="yes",(R$2*$AX641),"")</f>
        <v/>
      </c>
      <c r="AZ641" s="79" t="str">
        <f t="shared" ref="AZ641:AZ704" si="372">IF(S641="yes",(S$2*$AX641),"")</f>
        <v/>
      </c>
      <c r="BA641" s="79" t="str">
        <f t="shared" ref="BA641:BA704" si="373">IF(T641="yes",(T$2*$AX641),"")</f>
        <v/>
      </c>
      <c r="BB641" s="79" t="str">
        <f t="shared" ref="BB641:BB704" si="374">IF(U641="yes",(U$2*$AX641),"")</f>
        <v/>
      </c>
      <c r="BC641" s="79" t="str">
        <f t="shared" ref="BC641:BC704" si="375">IF(V641="yes",(V$2*$AX641),"")</f>
        <v/>
      </c>
      <c r="BD641" s="79" t="str">
        <f t="shared" ref="BD641:BD704" si="376">IF(W641="yes",(W$2*$AX641),"")</f>
        <v/>
      </c>
      <c r="BE641" s="79" t="str">
        <f t="shared" ref="BE641:BE704" si="377">IF(X641="yes",(X$2*$AX641),"")</f>
        <v/>
      </c>
      <c r="BF641" s="79" t="str">
        <f t="shared" ref="BF641:BF704" si="378">IF(Y641="yes",(Y$2*$AX641),"")</f>
        <v/>
      </c>
      <c r="BG641" s="79" t="str">
        <f t="shared" ref="BG641:BG704" si="379">IF(Z641="yes",(Z$2*$AX641),"")</f>
        <v/>
      </c>
      <c r="BH641" s="79" t="str">
        <f t="shared" ref="BH641:BH704" si="380">IF(AA641="yes",(AA$2*$AX641),"")</f>
        <v/>
      </c>
      <c r="BI641" s="79" t="str">
        <f t="shared" ref="BI641:BI704" si="381">IF(AB641="yes",(AB$2*$AX641),"")</f>
        <v/>
      </c>
      <c r="BJ641" s="79" t="str">
        <f t="shared" ref="BJ641:BJ704" si="382">IF(AC641="yes",(AC$2*$AX641),"")</f>
        <v/>
      </c>
      <c r="BK641" s="79" t="str">
        <f t="shared" ref="BK641:BK704" si="383">IF(AD641="yes",(AD$2*$AX641),"")</f>
        <v/>
      </c>
      <c r="BL641" s="79" t="str">
        <f t="shared" ref="BL641:BL704" si="384">IF(AE641="yes",(AE$2*$AX641),"")</f>
        <v/>
      </c>
      <c r="BM641" s="79" t="str">
        <f t="shared" ref="BM641:BM704" si="385">IF(AF641="yes",(AF$2*$AX641),"")</f>
        <v/>
      </c>
      <c r="BN641" s="79" t="str">
        <f t="shared" ref="BN641:BN704" si="386">IF(AG641="yes",(AG$2*$AX641),"")</f>
        <v/>
      </c>
      <c r="BO641" s="79" t="str">
        <f t="shared" ref="BO641:BO704" si="387">IF(AH641="yes",(AH$2*$AX641),"")</f>
        <v/>
      </c>
      <c r="BP641" s="79">
        <f t="shared" ref="BP641:BP704" si="388">IF(AI641="yes",(AI$2*$AX641),"")</f>
        <v>78964.4283476899</v>
      </c>
      <c r="BQ641" s="79">
        <f t="shared" ref="BQ641:BQ704" si="389">IF(AJ641="yes",(AJ$2*$AX641),"")</f>
        <v>10188.958496476116</v>
      </c>
      <c r="BR641" s="79">
        <f t="shared" ref="BR641:BR704" si="390">IF(AK641="yes",(AK$2*$AX641),"")</f>
        <v>10188.958496476116</v>
      </c>
      <c r="BS641" s="79">
        <f t="shared" ref="BS641:BS704" si="391">IF(AL641="yes",(AL$2*$AX641),"")</f>
        <v>30770.654659357868</v>
      </c>
      <c r="BT641" s="79" t="str">
        <f t="shared" ref="BT641:BT704" si="392">IF(AM641="yes",(AM$2*$AX641),"")</f>
        <v/>
      </c>
      <c r="BU641" s="79" t="str">
        <f t="shared" ref="BU641:BU704" si="393">IF(AN641="yes",(AN$2*$AX641),"")</f>
        <v/>
      </c>
      <c r="BV641" s="79" t="str">
        <f t="shared" ref="BV641:BV704" si="394">IF(AO641="yes",(AO$2*$AX641),"")</f>
        <v/>
      </c>
      <c r="BW641" s="79" t="str">
        <f t="shared" ref="BW641:BW704" si="395">IF(AP641="yes",(AP$2*$AX641),"")</f>
        <v/>
      </c>
      <c r="BX641" s="79" t="str">
        <f t="shared" ref="BX641:BX704" si="396">IF(AQ641="yes",(AQ$2*$AX641),"")</f>
        <v/>
      </c>
      <c r="BY641" s="79" t="str">
        <f t="shared" ref="BY641:BY704" si="397">IF(AR641="yes",(AR$2*$AX641),"")</f>
        <v/>
      </c>
      <c r="BZ641" s="79" t="str">
        <f t="shared" ref="BZ641:BZ704" si="398">IF(AS641="yes",(AS$2*$AX641),"")</f>
        <v/>
      </c>
      <c r="CA641" s="79" t="str">
        <f t="shared" ref="CA641:CA704" si="399">IF(AT641="yes",(AT$2*$AX641),"")</f>
        <v/>
      </c>
      <c r="CB641" s="79" t="str">
        <f t="shared" ref="CB641:CB704" si="400">IF(AU641="yes",(AU$2*$AX641),"")</f>
        <v/>
      </c>
      <c r="CC641" s="79" t="str">
        <f t="shared" ref="CC641:CC704" si="401">IF(AV641="yes",(AV$2*$AX641),"")</f>
        <v/>
      </c>
      <c r="CD641" s="81" t="s">
        <v>660</v>
      </c>
      <c r="CE641" s="81"/>
      <c r="CF641" s="83" t="s">
        <v>661</v>
      </c>
    </row>
    <row r="642" spans="1:84" ht="171" hidden="1" x14ac:dyDescent="0.2">
      <c r="A642" s="91">
        <v>642</v>
      </c>
      <c r="B642" s="23" t="s">
        <v>53</v>
      </c>
      <c r="C642" s="35" t="s">
        <v>655</v>
      </c>
      <c r="D642" s="77" t="s">
        <v>656</v>
      </c>
      <c r="E642" s="75" t="s">
        <v>749</v>
      </c>
      <c r="F642" s="75" t="s">
        <v>750</v>
      </c>
      <c r="G642" s="75" t="s">
        <v>90</v>
      </c>
      <c r="H642" s="75" t="s">
        <v>63</v>
      </c>
      <c r="I642" s="77" t="s">
        <v>81</v>
      </c>
      <c r="J642" s="77" t="s">
        <v>77</v>
      </c>
      <c r="K642" s="78" t="s">
        <v>225</v>
      </c>
      <c r="L642" s="76" t="s">
        <v>63</v>
      </c>
      <c r="M642" s="76" t="s">
        <v>63</v>
      </c>
      <c r="N642" s="81">
        <v>412543</v>
      </c>
      <c r="O642" s="81">
        <f t="shared" si="368"/>
        <v>412543</v>
      </c>
      <c r="P642" s="76" t="s">
        <v>659</v>
      </c>
      <c r="Q642" s="84" t="s">
        <v>65</v>
      </c>
      <c r="R642" s="81"/>
      <c r="S642" s="81"/>
      <c r="T642" s="81"/>
      <c r="U642" s="81"/>
      <c r="V642" s="81"/>
      <c r="W642" s="81"/>
      <c r="X642" s="81"/>
      <c r="Y642" s="81"/>
      <c r="Z642" s="81"/>
      <c r="AA642" s="81"/>
      <c r="AB642" s="81"/>
      <c r="AC642" s="81"/>
      <c r="AD642" s="81"/>
      <c r="AE642" s="81"/>
      <c r="AF642" s="81"/>
      <c r="AG642" s="81"/>
      <c r="AH642" s="81"/>
      <c r="AI642" s="79"/>
      <c r="AJ642" s="79"/>
      <c r="AK642" s="79"/>
      <c r="AL642" s="79"/>
      <c r="AM642" s="79" t="s">
        <v>66</v>
      </c>
      <c r="AN642" s="79" t="s">
        <v>66</v>
      </c>
      <c r="AO642" s="79" t="s">
        <v>66</v>
      </c>
      <c r="AP642" s="79" t="s">
        <v>66</v>
      </c>
      <c r="AQ642" s="81"/>
      <c r="AR642" s="81"/>
      <c r="AS642" s="81"/>
      <c r="AT642" s="81"/>
      <c r="AU642" s="81"/>
      <c r="AV642" s="81"/>
      <c r="AW642" s="80">
        <f t="shared" si="370"/>
        <v>2251</v>
      </c>
      <c r="AX642" s="76">
        <f>O642/AW642</f>
        <v>183.27099067081298</v>
      </c>
      <c r="AY642" s="79" t="str">
        <f t="shared" si="371"/>
        <v/>
      </c>
      <c r="AZ642" s="79" t="str">
        <f t="shared" si="372"/>
        <v/>
      </c>
      <c r="BA642" s="79" t="str">
        <f t="shared" si="373"/>
        <v/>
      </c>
      <c r="BB642" s="79" t="str">
        <f t="shared" si="374"/>
        <v/>
      </c>
      <c r="BC642" s="79" t="str">
        <f t="shared" si="375"/>
        <v/>
      </c>
      <c r="BD642" s="79" t="str">
        <f t="shared" si="376"/>
        <v/>
      </c>
      <c r="BE642" s="79" t="str">
        <f t="shared" si="377"/>
        <v/>
      </c>
      <c r="BF642" s="79" t="str">
        <f t="shared" si="378"/>
        <v/>
      </c>
      <c r="BG642" s="79" t="str">
        <f t="shared" si="379"/>
        <v/>
      </c>
      <c r="BH642" s="79" t="str">
        <f t="shared" si="380"/>
        <v/>
      </c>
      <c r="BI642" s="79" t="str">
        <f t="shared" si="381"/>
        <v/>
      </c>
      <c r="BJ642" s="79" t="str">
        <f t="shared" si="382"/>
        <v/>
      </c>
      <c r="BK642" s="79" t="str">
        <f t="shared" si="383"/>
        <v/>
      </c>
      <c r="BL642" s="79" t="str">
        <f t="shared" si="384"/>
        <v/>
      </c>
      <c r="BM642" s="79" t="str">
        <f t="shared" si="385"/>
        <v/>
      </c>
      <c r="BN642" s="79" t="str">
        <f t="shared" si="386"/>
        <v/>
      </c>
      <c r="BO642" s="79" t="str">
        <f t="shared" si="387"/>
        <v/>
      </c>
      <c r="BP642" s="79" t="str">
        <f t="shared" si="388"/>
        <v/>
      </c>
      <c r="BQ642" s="79" t="str">
        <f t="shared" si="389"/>
        <v/>
      </c>
      <c r="BR642" s="79" t="str">
        <f t="shared" si="390"/>
        <v/>
      </c>
      <c r="BS642" s="79" t="str">
        <f t="shared" si="391"/>
        <v/>
      </c>
      <c r="BT642" s="79">
        <f t="shared" si="392"/>
        <v>45817.747667703246</v>
      </c>
      <c r="BU642" s="79">
        <f t="shared" si="393"/>
        <v>73308.396268325188</v>
      </c>
      <c r="BV642" s="79">
        <f t="shared" si="394"/>
        <v>256579.38693913817</v>
      </c>
      <c r="BW642" s="79">
        <f t="shared" si="395"/>
        <v>36837.469124833406</v>
      </c>
      <c r="BX642" s="79" t="str">
        <f t="shared" si="396"/>
        <v/>
      </c>
      <c r="BY642" s="79" t="str">
        <f t="shared" si="397"/>
        <v/>
      </c>
      <c r="BZ642" s="79" t="str">
        <f t="shared" si="398"/>
        <v/>
      </c>
      <c r="CA642" s="79" t="str">
        <f t="shared" si="399"/>
        <v/>
      </c>
      <c r="CB642" s="79" t="str">
        <f t="shared" si="400"/>
        <v/>
      </c>
      <c r="CC642" s="79" t="str">
        <f t="shared" si="401"/>
        <v/>
      </c>
      <c r="CD642" s="81" t="s">
        <v>660</v>
      </c>
      <c r="CE642" s="81"/>
      <c r="CF642" s="83" t="s">
        <v>661</v>
      </c>
    </row>
    <row r="643" spans="1:84" ht="56.1" hidden="1" customHeight="1" x14ac:dyDescent="0.2">
      <c r="A643" s="91">
        <v>643</v>
      </c>
      <c r="B643" s="23" t="s">
        <v>53</v>
      </c>
      <c r="C643" s="35" t="s">
        <v>655</v>
      </c>
      <c r="D643" s="77" t="s">
        <v>656</v>
      </c>
      <c r="E643" s="75" t="s">
        <v>751</v>
      </c>
      <c r="F643" s="75" t="s">
        <v>752</v>
      </c>
      <c r="G643" s="75" t="s">
        <v>90</v>
      </c>
      <c r="H643" s="75" t="s">
        <v>63</v>
      </c>
      <c r="I643" s="77" t="s">
        <v>81</v>
      </c>
      <c r="J643" s="77" t="s">
        <v>77</v>
      </c>
      <c r="K643" s="78" t="s">
        <v>225</v>
      </c>
      <c r="L643" s="76" t="s">
        <v>63</v>
      </c>
      <c r="M643" s="76" t="s">
        <v>63</v>
      </c>
      <c r="N643" s="81">
        <v>435114</v>
      </c>
      <c r="O643" s="81">
        <f t="shared" si="368"/>
        <v>435114</v>
      </c>
      <c r="P643" s="76" t="s">
        <v>659</v>
      </c>
      <c r="Q643" s="84" t="s">
        <v>65</v>
      </c>
      <c r="R643" s="81"/>
      <c r="S643" s="81"/>
      <c r="T643" s="81"/>
      <c r="U643" s="81"/>
      <c r="V643" s="81"/>
      <c r="W643" s="81"/>
      <c r="X643" s="81"/>
      <c r="Y643" s="81"/>
      <c r="Z643" s="81"/>
      <c r="AA643" s="81"/>
      <c r="AB643" s="81"/>
      <c r="AC643" s="81"/>
      <c r="AD643" s="81"/>
      <c r="AE643" s="81"/>
      <c r="AF643" s="81"/>
      <c r="AG643" s="81"/>
      <c r="AH643" s="81"/>
      <c r="AI643" s="79"/>
      <c r="AJ643" s="79"/>
      <c r="AK643" s="79"/>
      <c r="AL643" s="81"/>
      <c r="AM643" s="79" t="s">
        <v>66</v>
      </c>
      <c r="AN643" s="79" t="s">
        <v>66</v>
      </c>
      <c r="AO643" s="79" t="s">
        <v>66</v>
      </c>
      <c r="AP643" s="79" t="s">
        <v>66</v>
      </c>
      <c r="AQ643" s="81"/>
      <c r="AR643" s="81"/>
      <c r="AS643" s="81"/>
      <c r="AT643" s="81"/>
      <c r="AU643" s="81"/>
      <c r="AV643" s="81"/>
      <c r="AW643" s="80">
        <f t="shared" si="370"/>
        <v>2251</v>
      </c>
      <c r="AX643" s="76">
        <f>O643/AW643</f>
        <v>193.29808973789426</v>
      </c>
      <c r="AY643" s="79" t="str">
        <f t="shared" si="371"/>
        <v/>
      </c>
      <c r="AZ643" s="79" t="str">
        <f t="shared" si="372"/>
        <v/>
      </c>
      <c r="BA643" s="79" t="str">
        <f t="shared" si="373"/>
        <v/>
      </c>
      <c r="BB643" s="79" t="str">
        <f t="shared" si="374"/>
        <v/>
      </c>
      <c r="BC643" s="79" t="str">
        <f t="shared" si="375"/>
        <v/>
      </c>
      <c r="BD643" s="79" t="str">
        <f t="shared" si="376"/>
        <v/>
      </c>
      <c r="BE643" s="79" t="str">
        <f t="shared" si="377"/>
        <v/>
      </c>
      <c r="BF643" s="79" t="str">
        <f t="shared" si="378"/>
        <v/>
      </c>
      <c r="BG643" s="79" t="str">
        <f t="shared" si="379"/>
        <v/>
      </c>
      <c r="BH643" s="79" t="str">
        <f t="shared" si="380"/>
        <v/>
      </c>
      <c r="BI643" s="79" t="str">
        <f t="shared" si="381"/>
        <v/>
      </c>
      <c r="BJ643" s="79" t="str">
        <f t="shared" si="382"/>
        <v/>
      </c>
      <c r="BK643" s="79" t="str">
        <f t="shared" si="383"/>
        <v/>
      </c>
      <c r="BL643" s="79" t="str">
        <f t="shared" si="384"/>
        <v/>
      </c>
      <c r="BM643" s="79" t="str">
        <f t="shared" si="385"/>
        <v/>
      </c>
      <c r="BN643" s="79" t="str">
        <f t="shared" si="386"/>
        <v/>
      </c>
      <c r="BO643" s="79" t="str">
        <f t="shared" si="387"/>
        <v/>
      </c>
      <c r="BP643" s="79" t="str">
        <f t="shared" si="388"/>
        <v/>
      </c>
      <c r="BQ643" s="79" t="str">
        <f t="shared" si="389"/>
        <v/>
      </c>
      <c r="BR643" s="79" t="str">
        <f t="shared" si="390"/>
        <v/>
      </c>
      <c r="BS643" s="79" t="str">
        <f t="shared" si="391"/>
        <v/>
      </c>
      <c r="BT643" s="79">
        <f t="shared" si="392"/>
        <v>48324.522434473562</v>
      </c>
      <c r="BU643" s="79">
        <f t="shared" si="393"/>
        <v>77319.235895157704</v>
      </c>
      <c r="BV643" s="79">
        <f t="shared" si="394"/>
        <v>270617.32563305198</v>
      </c>
      <c r="BW643" s="79">
        <f t="shared" si="395"/>
        <v>38852.916037316747</v>
      </c>
      <c r="BX643" s="79" t="str">
        <f t="shared" si="396"/>
        <v/>
      </c>
      <c r="BY643" s="79" t="str">
        <f t="shared" si="397"/>
        <v/>
      </c>
      <c r="BZ643" s="79" t="str">
        <f t="shared" si="398"/>
        <v/>
      </c>
      <c r="CA643" s="79" t="str">
        <f t="shared" si="399"/>
        <v/>
      </c>
      <c r="CB643" s="79" t="str">
        <f t="shared" si="400"/>
        <v/>
      </c>
      <c r="CC643" s="79" t="str">
        <f t="shared" si="401"/>
        <v/>
      </c>
      <c r="CD643" s="81" t="s">
        <v>660</v>
      </c>
      <c r="CE643" s="81"/>
      <c r="CF643" s="83" t="s">
        <v>661</v>
      </c>
    </row>
    <row r="644" spans="1:84" ht="56.1" hidden="1" customHeight="1" x14ac:dyDescent="0.2">
      <c r="A644" s="91">
        <v>644</v>
      </c>
      <c r="B644" s="23" t="s">
        <v>53</v>
      </c>
      <c r="C644" s="35" t="s">
        <v>655</v>
      </c>
      <c r="D644" s="77" t="s">
        <v>656</v>
      </c>
      <c r="E644" s="75" t="s">
        <v>753</v>
      </c>
      <c r="F644" s="75" t="s">
        <v>754</v>
      </c>
      <c r="G644" s="75" t="s">
        <v>90</v>
      </c>
      <c r="H644" s="75" t="s">
        <v>755</v>
      </c>
      <c r="I644" s="77" t="s">
        <v>60</v>
      </c>
      <c r="J644" s="77" t="s">
        <v>77</v>
      </c>
      <c r="K644" s="75" t="s">
        <v>756</v>
      </c>
      <c r="L644" s="76" t="s">
        <v>63</v>
      </c>
      <c r="M644" s="76" t="s">
        <v>63</v>
      </c>
      <c r="N644" s="81">
        <v>198924</v>
      </c>
      <c r="O644" s="81">
        <f t="shared" si="368"/>
        <v>198924</v>
      </c>
      <c r="P644" s="76" t="s">
        <v>723</v>
      </c>
      <c r="Q644" s="84" t="s">
        <v>65</v>
      </c>
      <c r="R644" s="87"/>
      <c r="S644" s="87"/>
      <c r="T644" s="87"/>
      <c r="U644" s="87"/>
      <c r="V644" s="87"/>
      <c r="W644" s="87"/>
      <c r="X644" s="87"/>
      <c r="Y644" s="87"/>
      <c r="Z644" s="87"/>
      <c r="AA644" s="87"/>
      <c r="AB644" s="87"/>
      <c r="AC644" s="87"/>
      <c r="AD644" s="87"/>
      <c r="AE644" s="87"/>
      <c r="AF644" s="87"/>
      <c r="AG644" s="87"/>
      <c r="AH644" s="87"/>
      <c r="AI644" s="87"/>
      <c r="AJ644" s="87"/>
      <c r="AK644" s="87"/>
      <c r="AL644" s="87"/>
      <c r="AM644" s="87"/>
      <c r="AN644" s="87"/>
      <c r="AO644" s="87"/>
      <c r="AP644" s="87"/>
      <c r="AQ644" s="87"/>
      <c r="AR644" s="87"/>
      <c r="AS644" s="87"/>
      <c r="AT644" s="87"/>
      <c r="AU644" s="87"/>
      <c r="AV644" s="87"/>
      <c r="AW644" s="80">
        <f t="shared" si="370"/>
        <v>0</v>
      </c>
      <c r="AX644" s="76"/>
      <c r="AY644" s="151" t="str">
        <f t="shared" si="371"/>
        <v/>
      </c>
      <c r="AZ644" s="151" t="str">
        <f t="shared" si="372"/>
        <v/>
      </c>
      <c r="BA644" s="151" t="str">
        <f t="shared" si="373"/>
        <v/>
      </c>
      <c r="BB644" s="151" t="str">
        <f t="shared" si="374"/>
        <v/>
      </c>
      <c r="BC644" s="151" t="str">
        <f t="shared" si="375"/>
        <v/>
      </c>
      <c r="BD644" s="151" t="str">
        <f t="shared" si="376"/>
        <v/>
      </c>
      <c r="BE644" s="151" t="str">
        <f t="shared" si="377"/>
        <v/>
      </c>
      <c r="BF644" s="151" t="str">
        <f t="shared" si="378"/>
        <v/>
      </c>
      <c r="BG644" s="151" t="str">
        <f t="shared" si="379"/>
        <v/>
      </c>
      <c r="BH644" s="151" t="str">
        <f t="shared" si="380"/>
        <v/>
      </c>
      <c r="BI644" s="151" t="str">
        <f t="shared" si="381"/>
        <v/>
      </c>
      <c r="BJ644" s="151" t="str">
        <f t="shared" si="382"/>
        <v/>
      </c>
      <c r="BK644" s="151" t="str">
        <f t="shared" si="383"/>
        <v/>
      </c>
      <c r="BL644" s="151" t="str">
        <f t="shared" si="384"/>
        <v/>
      </c>
      <c r="BM644" s="151" t="str">
        <f t="shared" si="385"/>
        <v/>
      </c>
      <c r="BN644" s="151" t="str">
        <f t="shared" si="386"/>
        <v/>
      </c>
      <c r="BO644" s="151" t="str">
        <f t="shared" si="387"/>
        <v/>
      </c>
      <c r="BP644" s="151" t="str">
        <f t="shared" si="388"/>
        <v/>
      </c>
      <c r="BQ644" s="151" t="str">
        <f t="shared" si="389"/>
        <v/>
      </c>
      <c r="BR644" s="151" t="str">
        <f t="shared" si="390"/>
        <v/>
      </c>
      <c r="BS644" s="151" t="str">
        <f t="shared" si="391"/>
        <v/>
      </c>
      <c r="BT644" s="151" t="str">
        <f t="shared" si="392"/>
        <v/>
      </c>
      <c r="BU644" s="151" t="str">
        <f t="shared" si="393"/>
        <v/>
      </c>
      <c r="BV644" s="151" t="str">
        <f t="shared" si="394"/>
        <v/>
      </c>
      <c r="BW644" s="151" t="str">
        <f t="shared" si="395"/>
        <v/>
      </c>
      <c r="BX644" s="151" t="str">
        <f t="shared" si="396"/>
        <v/>
      </c>
      <c r="BY644" s="151" t="str">
        <f t="shared" si="397"/>
        <v/>
      </c>
      <c r="BZ644" s="151" t="str">
        <f t="shared" si="398"/>
        <v/>
      </c>
      <c r="CA644" s="151" t="str">
        <f t="shared" si="399"/>
        <v/>
      </c>
      <c r="CB644" s="151" t="str">
        <f t="shared" si="400"/>
        <v/>
      </c>
      <c r="CC644" s="151" t="str">
        <f t="shared" si="401"/>
        <v/>
      </c>
      <c r="CD644" s="81" t="s">
        <v>660</v>
      </c>
      <c r="CE644" s="81"/>
      <c r="CF644" s="83" t="s">
        <v>661</v>
      </c>
    </row>
    <row r="645" spans="1:84" ht="56.1" hidden="1" customHeight="1" x14ac:dyDescent="0.2">
      <c r="A645" s="91">
        <v>645</v>
      </c>
      <c r="B645" s="23" t="s">
        <v>53</v>
      </c>
      <c r="C645" s="35" t="s">
        <v>655</v>
      </c>
      <c r="D645" s="77" t="s">
        <v>656</v>
      </c>
      <c r="E645" s="75" t="s">
        <v>757</v>
      </c>
      <c r="F645" s="75" t="s">
        <v>758</v>
      </c>
      <c r="G645" s="75" t="s">
        <v>90</v>
      </c>
      <c r="H645" s="75" t="s">
        <v>63</v>
      </c>
      <c r="I645" s="77" t="s">
        <v>81</v>
      </c>
      <c r="J645" s="77" t="s">
        <v>77</v>
      </c>
      <c r="K645" s="78" t="s">
        <v>225</v>
      </c>
      <c r="L645" s="76" t="s">
        <v>63</v>
      </c>
      <c r="M645" s="76" t="s">
        <v>63</v>
      </c>
      <c r="N645" s="81">
        <v>248278</v>
      </c>
      <c r="O645" s="81">
        <f t="shared" si="368"/>
        <v>248278</v>
      </c>
      <c r="P645" s="76" t="s">
        <v>659</v>
      </c>
      <c r="Q645" s="84" t="s">
        <v>65</v>
      </c>
      <c r="R645" s="81"/>
      <c r="S645" s="81"/>
      <c r="T645" s="81"/>
      <c r="U645" s="81"/>
      <c r="V645" s="81"/>
      <c r="W645" s="81"/>
      <c r="X645" s="81"/>
      <c r="Y645" s="81"/>
      <c r="Z645" s="81"/>
      <c r="AA645" s="81"/>
      <c r="AB645" s="81"/>
      <c r="AC645" s="81"/>
      <c r="AD645" s="81"/>
      <c r="AE645" s="81"/>
      <c r="AF645" s="81"/>
      <c r="AG645" s="81"/>
      <c r="AH645" s="81"/>
      <c r="AI645" s="81"/>
      <c r="AJ645" s="81"/>
      <c r="AK645" s="81"/>
      <c r="AL645" s="81"/>
      <c r="AM645" s="79" t="s">
        <v>66</v>
      </c>
      <c r="AN645" s="79" t="s">
        <v>66</v>
      </c>
      <c r="AO645" s="79" t="s">
        <v>66</v>
      </c>
      <c r="AP645" s="79" t="s">
        <v>66</v>
      </c>
      <c r="AQ645" s="81"/>
      <c r="AR645" s="81"/>
      <c r="AS645" s="81"/>
      <c r="AT645" s="81"/>
      <c r="AU645" s="81"/>
      <c r="AV645" s="81"/>
      <c r="AW645" s="80">
        <f t="shared" si="370"/>
        <v>2251</v>
      </c>
      <c r="AX645" s="76">
        <f t="shared" ref="AX645:AX653" si="402">O645/AW645</f>
        <v>110.29675699689027</v>
      </c>
      <c r="AY645" s="79" t="str">
        <f t="shared" si="371"/>
        <v/>
      </c>
      <c r="AZ645" s="79" t="str">
        <f t="shared" si="372"/>
        <v/>
      </c>
      <c r="BA645" s="79" t="str">
        <f t="shared" si="373"/>
        <v/>
      </c>
      <c r="BB645" s="79" t="str">
        <f t="shared" si="374"/>
        <v/>
      </c>
      <c r="BC645" s="79" t="str">
        <f t="shared" si="375"/>
        <v/>
      </c>
      <c r="BD645" s="79" t="str">
        <f t="shared" si="376"/>
        <v/>
      </c>
      <c r="BE645" s="79" t="str">
        <f t="shared" si="377"/>
        <v/>
      </c>
      <c r="BF645" s="79" t="str">
        <f t="shared" si="378"/>
        <v/>
      </c>
      <c r="BG645" s="79" t="str">
        <f t="shared" si="379"/>
        <v/>
      </c>
      <c r="BH645" s="79" t="str">
        <f t="shared" si="380"/>
        <v/>
      </c>
      <c r="BI645" s="79" t="str">
        <f t="shared" si="381"/>
        <v/>
      </c>
      <c r="BJ645" s="79" t="str">
        <f t="shared" si="382"/>
        <v/>
      </c>
      <c r="BK645" s="79" t="str">
        <f t="shared" si="383"/>
        <v/>
      </c>
      <c r="BL645" s="79" t="str">
        <f t="shared" si="384"/>
        <v/>
      </c>
      <c r="BM645" s="79" t="str">
        <f t="shared" si="385"/>
        <v/>
      </c>
      <c r="BN645" s="79" t="str">
        <f t="shared" si="386"/>
        <v/>
      </c>
      <c r="BO645" s="79" t="str">
        <f t="shared" si="387"/>
        <v/>
      </c>
      <c r="BP645" s="79" t="str">
        <f t="shared" si="388"/>
        <v/>
      </c>
      <c r="BQ645" s="79" t="str">
        <f t="shared" si="389"/>
        <v/>
      </c>
      <c r="BR645" s="79" t="str">
        <f t="shared" si="390"/>
        <v/>
      </c>
      <c r="BS645" s="79" t="str">
        <f t="shared" si="391"/>
        <v/>
      </c>
      <c r="BT645" s="79">
        <f t="shared" si="392"/>
        <v>27574.189249222567</v>
      </c>
      <c r="BU645" s="79">
        <f t="shared" si="393"/>
        <v>44118.702798756109</v>
      </c>
      <c r="BV645" s="79">
        <f t="shared" si="394"/>
        <v>154415.45979564637</v>
      </c>
      <c r="BW645" s="79">
        <f t="shared" si="395"/>
        <v>22169.648156374944</v>
      </c>
      <c r="BX645" s="79" t="str">
        <f t="shared" si="396"/>
        <v/>
      </c>
      <c r="BY645" s="79" t="str">
        <f t="shared" si="397"/>
        <v/>
      </c>
      <c r="BZ645" s="79" t="str">
        <f t="shared" si="398"/>
        <v/>
      </c>
      <c r="CA645" s="79" t="str">
        <f t="shared" si="399"/>
        <v/>
      </c>
      <c r="CB645" s="79" t="str">
        <f t="shared" si="400"/>
        <v/>
      </c>
      <c r="CC645" s="79" t="str">
        <f t="shared" si="401"/>
        <v/>
      </c>
      <c r="CD645" s="81" t="s">
        <v>660</v>
      </c>
      <c r="CE645" s="81"/>
      <c r="CF645" s="83" t="s">
        <v>661</v>
      </c>
    </row>
    <row r="646" spans="1:84" ht="56.1" hidden="1" customHeight="1" x14ac:dyDescent="0.2">
      <c r="A646" s="91">
        <v>646</v>
      </c>
      <c r="B646" s="23" t="s">
        <v>53</v>
      </c>
      <c r="C646" s="35" t="s">
        <v>655</v>
      </c>
      <c r="D646" s="77" t="s">
        <v>656</v>
      </c>
      <c r="E646" s="75" t="s">
        <v>759</v>
      </c>
      <c r="F646" s="75" t="s">
        <v>760</v>
      </c>
      <c r="G646" s="75" t="s">
        <v>90</v>
      </c>
      <c r="H646" s="75" t="s">
        <v>63</v>
      </c>
      <c r="I646" s="77" t="s">
        <v>81</v>
      </c>
      <c r="J646" s="77" t="s">
        <v>77</v>
      </c>
      <c r="K646" s="78" t="s">
        <v>225</v>
      </c>
      <c r="L646" s="76" t="s">
        <v>63</v>
      </c>
      <c r="M646" s="76" t="s">
        <v>63</v>
      </c>
      <c r="N646" s="81">
        <v>37618</v>
      </c>
      <c r="O646" s="81">
        <f t="shared" si="368"/>
        <v>37618</v>
      </c>
      <c r="P646" s="76" t="s">
        <v>659</v>
      </c>
      <c r="Q646" s="84" t="s">
        <v>65</v>
      </c>
      <c r="R646" s="81"/>
      <c r="S646" s="81"/>
      <c r="T646" s="81"/>
      <c r="U646" s="81"/>
      <c r="V646" s="81"/>
      <c r="W646" s="81"/>
      <c r="X646" s="81"/>
      <c r="Y646" s="81"/>
      <c r="Z646" s="81"/>
      <c r="AA646" s="81"/>
      <c r="AB646" s="81"/>
      <c r="AC646" s="81"/>
      <c r="AD646" s="81"/>
      <c r="AE646" s="81"/>
      <c r="AF646" s="81"/>
      <c r="AG646" s="81"/>
      <c r="AH646" s="81"/>
      <c r="AI646" s="81"/>
      <c r="AJ646" s="81"/>
      <c r="AK646" s="81"/>
      <c r="AL646" s="81"/>
      <c r="AM646" s="79" t="s">
        <v>66</v>
      </c>
      <c r="AN646" s="79" t="s">
        <v>66</v>
      </c>
      <c r="AO646" s="79" t="s">
        <v>66</v>
      </c>
      <c r="AP646" s="79" t="s">
        <v>66</v>
      </c>
      <c r="AQ646" s="81"/>
      <c r="AR646" s="81"/>
      <c r="AS646" s="81"/>
      <c r="AT646" s="81"/>
      <c r="AU646" s="81"/>
      <c r="AV646" s="81"/>
      <c r="AW646" s="80">
        <f t="shared" si="370"/>
        <v>2251</v>
      </c>
      <c r="AX646" s="76">
        <f t="shared" si="402"/>
        <v>16.711683696135051</v>
      </c>
      <c r="AY646" s="79" t="str">
        <f t="shared" si="371"/>
        <v/>
      </c>
      <c r="AZ646" s="79" t="str">
        <f t="shared" si="372"/>
        <v/>
      </c>
      <c r="BA646" s="79" t="str">
        <f t="shared" si="373"/>
        <v/>
      </c>
      <c r="BB646" s="79" t="str">
        <f t="shared" si="374"/>
        <v/>
      </c>
      <c r="BC646" s="79" t="str">
        <f t="shared" si="375"/>
        <v/>
      </c>
      <c r="BD646" s="79" t="str">
        <f t="shared" si="376"/>
        <v/>
      </c>
      <c r="BE646" s="79" t="str">
        <f t="shared" si="377"/>
        <v/>
      </c>
      <c r="BF646" s="79" t="str">
        <f t="shared" si="378"/>
        <v/>
      </c>
      <c r="BG646" s="79" t="str">
        <f t="shared" si="379"/>
        <v/>
      </c>
      <c r="BH646" s="79" t="str">
        <f t="shared" si="380"/>
        <v/>
      </c>
      <c r="BI646" s="79" t="str">
        <f t="shared" si="381"/>
        <v/>
      </c>
      <c r="BJ646" s="79" t="str">
        <f t="shared" si="382"/>
        <v/>
      </c>
      <c r="BK646" s="79" t="str">
        <f t="shared" si="383"/>
        <v/>
      </c>
      <c r="BL646" s="79" t="str">
        <f t="shared" si="384"/>
        <v/>
      </c>
      <c r="BM646" s="79" t="str">
        <f t="shared" si="385"/>
        <v/>
      </c>
      <c r="BN646" s="79" t="str">
        <f t="shared" si="386"/>
        <v/>
      </c>
      <c r="BO646" s="79" t="str">
        <f t="shared" si="387"/>
        <v/>
      </c>
      <c r="BP646" s="79" t="str">
        <f t="shared" si="388"/>
        <v/>
      </c>
      <c r="BQ646" s="79" t="str">
        <f t="shared" si="389"/>
        <v/>
      </c>
      <c r="BR646" s="79" t="str">
        <f t="shared" si="390"/>
        <v/>
      </c>
      <c r="BS646" s="79" t="str">
        <f t="shared" si="391"/>
        <v/>
      </c>
      <c r="BT646" s="79">
        <f t="shared" si="392"/>
        <v>4177.9209240337623</v>
      </c>
      <c r="BU646" s="79">
        <f t="shared" si="393"/>
        <v>6684.6734784540204</v>
      </c>
      <c r="BV646" s="79">
        <f t="shared" si="394"/>
        <v>23396.357174589069</v>
      </c>
      <c r="BW646" s="79">
        <f t="shared" si="395"/>
        <v>3359.0484229231452</v>
      </c>
      <c r="BX646" s="79" t="str">
        <f t="shared" si="396"/>
        <v/>
      </c>
      <c r="BY646" s="79" t="str">
        <f t="shared" si="397"/>
        <v/>
      </c>
      <c r="BZ646" s="79" t="str">
        <f t="shared" si="398"/>
        <v/>
      </c>
      <c r="CA646" s="79" t="str">
        <f t="shared" si="399"/>
        <v/>
      </c>
      <c r="CB646" s="79" t="str">
        <f t="shared" si="400"/>
        <v/>
      </c>
      <c r="CC646" s="79" t="str">
        <f t="shared" si="401"/>
        <v/>
      </c>
      <c r="CD646" s="81" t="s">
        <v>660</v>
      </c>
      <c r="CE646" s="81"/>
      <c r="CF646" s="83" t="s">
        <v>661</v>
      </c>
    </row>
    <row r="647" spans="1:84" ht="56.1" hidden="1" customHeight="1" x14ac:dyDescent="0.2">
      <c r="A647" s="91">
        <v>647</v>
      </c>
      <c r="B647" s="23" t="s">
        <v>53</v>
      </c>
      <c r="C647" s="35" t="s">
        <v>655</v>
      </c>
      <c r="D647" s="77" t="s">
        <v>656</v>
      </c>
      <c r="E647" s="75" t="s">
        <v>761</v>
      </c>
      <c r="F647" s="75" t="s">
        <v>762</v>
      </c>
      <c r="G647" s="75" t="s">
        <v>90</v>
      </c>
      <c r="H647" s="75" t="s">
        <v>63</v>
      </c>
      <c r="I647" s="77" t="s">
        <v>81</v>
      </c>
      <c r="J647" s="77" t="s">
        <v>77</v>
      </c>
      <c r="K647" s="78" t="s">
        <v>225</v>
      </c>
      <c r="L647" s="76" t="s">
        <v>63</v>
      </c>
      <c r="M647" s="76" t="s">
        <v>63</v>
      </c>
      <c r="N647" s="81">
        <v>37618</v>
      </c>
      <c r="O647" s="81">
        <f t="shared" si="368"/>
        <v>37618</v>
      </c>
      <c r="P647" s="76" t="s">
        <v>659</v>
      </c>
      <c r="Q647" s="84" t="s">
        <v>65</v>
      </c>
      <c r="R647" s="81"/>
      <c r="S647" s="81"/>
      <c r="T647" s="81"/>
      <c r="U647" s="81"/>
      <c r="V647" s="81"/>
      <c r="W647" s="81"/>
      <c r="X647" s="81"/>
      <c r="Y647" s="81"/>
      <c r="Z647" s="81"/>
      <c r="AA647" s="81"/>
      <c r="AB647" s="81"/>
      <c r="AC647" s="81"/>
      <c r="AD647" s="81"/>
      <c r="AE647" s="81"/>
      <c r="AF647" s="81"/>
      <c r="AG647" s="81"/>
      <c r="AH647" s="81"/>
      <c r="AI647" s="81"/>
      <c r="AJ647" s="81"/>
      <c r="AK647" s="81"/>
      <c r="AL647" s="81"/>
      <c r="AM647" s="79" t="s">
        <v>66</v>
      </c>
      <c r="AN647" s="79" t="s">
        <v>66</v>
      </c>
      <c r="AO647" s="79" t="s">
        <v>66</v>
      </c>
      <c r="AP647" s="79" t="s">
        <v>66</v>
      </c>
      <c r="AQ647" s="81"/>
      <c r="AR647" s="81"/>
      <c r="AS647" s="81"/>
      <c r="AT647" s="81"/>
      <c r="AU647" s="81"/>
      <c r="AV647" s="81"/>
      <c r="AW647" s="80">
        <f t="shared" si="370"/>
        <v>2251</v>
      </c>
      <c r="AX647" s="76">
        <f t="shared" si="402"/>
        <v>16.711683696135051</v>
      </c>
      <c r="AY647" s="79" t="str">
        <f t="shared" si="371"/>
        <v/>
      </c>
      <c r="AZ647" s="79" t="str">
        <f t="shared" si="372"/>
        <v/>
      </c>
      <c r="BA647" s="79" t="str">
        <f t="shared" si="373"/>
        <v/>
      </c>
      <c r="BB647" s="79" t="str">
        <f t="shared" si="374"/>
        <v/>
      </c>
      <c r="BC647" s="79" t="str">
        <f t="shared" si="375"/>
        <v/>
      </c>
      <c r="BD647" s="79" t="str">
        <f t="shared" si="376"/>
        <v/>
      </c>
      <c r="BE647" s="79" t="str">
        <f t="shared" si="377"/>
        <v/>
      </c>
      <c r="BF647" s="79" t="str">
        <f t="shared" si="378"/>
        <v/>
      </c>
      <c r="BG647" s="79" t="str">
        <f t="shared" si="379"/>
        <v/>
      </c>
      <c r="BH647" s="79" t="str">
        <f t="shared" si="380"/>
        <v/>
      </c>
      <c r="BI647" s="79" t="str">
        <f t="shared" si="381"/>
        <v/>
      </c>
      <c r="BJ647" s="79" t="str">
        <f t="shared" si="382"/>
        <v/>
      </c>
      <c r="BK647" s="79" t="str">
        <f t="shared" si="383"/>
        <v/>
      </c>
      <c r="BL647" s="79" t="str">
        <f t="shared" si="384"/>
        <v/>
      </c>
      <c r="BM647" s="79" t="str">
        <f t="shared" si="385"/>
        <v/>
      </c>
      <c r="BN647" s="79" t="str">
        <f t="shared" si="386"/>
        <v/>
      </c>
      <c r="BO647" s="79" t="str">
        <f t="shared" si="387"/>
        <v/>
      </c>
      <c r="BP647" s="79" t="str">
        <f t="shared" si="388"/>
        <v/>
      </c>
      <c r="BQ647" s="79" t="str">
        <f t="shared" si="389"/>
        <v/>
      </c>
      <c r="BR647" s="79" t="str">
        <f t="shared" si="390"/>
        <v/>
      </c>
      <c r="BS647" s="79" t="str">
        <f t="shared" si="391"/>
        <v/>
      </c>
      <c r="BT647" s="79">
        <f t="shared" si="392"/>
        <v>4177.9209240337623</v>
      </c>
      <c r="BU647" s="79">
        <f t="shared" si="393"/>
        <v>6684.6734784540204</v>
      </c>
      <c r="BV647" s="79">
        <f t="shared" si="394"/>
        <v>23396.357174589069</v>
      </c>
      <c r="BW647" s="79">
        <f t="shared" si="395"/>
        <v>3359.0484229231452</v>
      </c>
      <c r="BX647" s="79" t="str">
        <f t="shared" si="396"/>
        <v/>
      </c>
      <c r="BY647" s="79" t="str">
        <f t="shared" si="397"/>
        <v/>
      </c>
      <c r="BZ647" s="79" t="str">
        <f t="shared" si="398"/>
        <v/>
      </c>
      <c r="CA647" s="79" t="str">
        <f t="shared" si="399"/>
        <v/>
      </c>
      <c r="CB647" s="79" t="str">
        <f t="shared" si="400"/>
        <v/>
      </c>
      <c r="CC647" s="79" t="str">
        <f t="shared" si="401"/>
        <v/>
      </c>
      <c r="CD647" s="81" t="s">
        <v>660</v>
      </c>
      <c r="CE647" s="81"/>
      <c r="CF647" s="83" t="s">
        <v>661</v>
      </c>
    </row>
    <row r="648" spans="1:84" ht="56.1" hidden="1" customHeight="1" x14ac:dyDescent="0.2">
      <c r="A648" s="91">
        <v>648</v>
      </c>
      <c r="B648" s="23" t="s">
        <v>53</v>
      </c>
      <c r="C648" s="35" t="s">
        <v>655</v>
      </c>
      <c r="D648" s="77" t="s">
        <v>656</v>
      </c>
      <c r="E648" s="75" t="s">
        <v>763</v>
      </c>
      <c r="F648" s="75" t="s">
        <v>764</v>
      </c>
      <c r="G648" s="75" t="s">
        <v>90</v>
      </c>
      <c r="H648" s="75" t="s">
        <v>63</v>
      </c>
      <c r="I648" s="77" t="s">
        <v>81</v>
      </c>
      <c r="J648" s="77" t="s">
        <v>77</v>
      </c>
      <c r="K648" s="78" t="s">
        <v>225</v>
      </c>
      <c r="L648" s="76" t="s">
        <v>63</v>
      </c>
      <c r="M648" s="76" t="s">
        <v>63</v>
      </c>
      <c r="N648" s="81">
        <v>62697</v>
      </c>
      <c r="O648" s="81">
        <f t="shared" si="368"/>
        <v>62697</v>
      </c>
      <c r="P648" s="76" t="s">
        <v>659</v>
      </c>
      <c r="Q648" s="84" t="s">
        <v>65</v>
      </c>
      <c r="R648" s="81"/>
      <c r="S648" s="81"/>
      <c r="T648" s="81"/>
      <c r="U648" s="81"/>
      <c r="V648" s="81"/>
      <c r="W648" s="81"/>
      <c r="X648" s="81"/>
      <c r="Y648" s="81"/>
      <c r="Z648" s="81"/>
      <c r="AA648" s="81"/>
      <c r="AB648" s="81"/>
      <c r="AC648" s="81"/>
      <c r="AD648" s="81"/>
      <c r="AE648" s="81"/>
      <c r="AF648" s="81"/>
      <c r="AG648" s="81"/>
      <c r="AH648" s="81"/>
      <c r="AI648" s="81"/>
      <c r="AJ648" s="81"/>
      <c r="AK648" s="81"/>
      <c r="AL648" s="81"/>
      <c r="AM648" s="79" t="s">
        <v>66</v>
      </c>
      <c r="AN648" s="79" t="s">
        <v>66</v>
      </c>
      <c r="AO648" s="79" t="s">
        <v>66</v>
      </c>
      <c r="AP648" s="79" t="s">
        <v>66</v>
      </c>
      <c r="AQ648" s="81"/>
      <c r="AR648" s="81"/>
      <c r="AS648" s="81"/>
      <c r="AT648" s="81"/>
      <c r="AU648" s="81"/>
      <c r="AV648" s="81"/>
      <c r="AW648" s="80">
        <f t="shared" si="370"/>
        <v>2251</v>
      </c>
      <c r="AX648" s="76">
        <f t="shared" si="402"/>
        <v>27.852954242558862</v>
      </c>
      <c r="AY648" s="79" t="str">
        <f t="shared" si="371"/>
        <v/>
      </c>
      <c r="AZ648" s="79" t="str">
        <f t="shared" si="372"/>
        <v/>
      </c>
      <c r="BA648" s="79" t="str">
        <f t="shared" si="373"/>
        <v/>
      </c>
      <c r="BB648" s="79" t="str">
        <f t="shared" si="374"/>
        <v/>
      </c>
      <c r="BC648" s="79" t="str">
        <f t="shared" si="375"/>
        <v/>
      </c>
      <c r="BD648" s="79" t="str">
        <f t="shared" si="376"/>
        <v/>
      </c>
      <c r="BE648" s="79" t="str">
        <f t="shared" si="377"/>
        <v/>
      </c>
      <c r="BF648" s="79" t="str">
        <f t="shared" si="378"/>
        <v/>
      </c>
      <c r="BG648" s="79" t="str">
        <f t="shared" si="379"/>
        <v/>
      </c>
      <c r="BH648" s="79" t="str">
        <f t="shared" si="380"/>
        <v/>
      </c>
      <c r="BI648" s="79" t="str">
        <f t="shared" si="381"/>
        <v/>
      </c>
      <c r="BJ648" s="79" t="str">
        <f t="shared" si="382"/>
        <v/>
      </c>
      <c r="BK648" s="79" t="str">
        <f t="shared" si="383"/>
        <v/>
      </c>
      <c r="BL648" s="79" t="str">
        <f t="shared" si="384"/>
        <v/>
      </c>
      <c r="BM648" s="79" t="str">
        <f t="shared" si="385"/>
        <v/>
      </c>
      <c r="BN648" s="79" t="str">
        <f t="shared" si="386"/>
        <v/>
      </c>
      <c r="BO648" s="79" t="str">
        <f t="shared" si="387"/>
        <v/>
      </c>
      <c r="BP648" s="79" t="str">
        <f t="shared" si="388"/>
        <v/>
      </c>
      <c r="BQ648" s="79" t="str">
        <f t="shared" si="389"/>
        <v/>
      </c>
      <c r="BR648" s="79" t="str">
        <f t="shared" si="390"/>
        <v/>
      </c>
      <c r="BS648" s="79" t="str">
        <f t="shared" si="391"/>
        <v/>
      </c>
      <c r="BT648" s="79">
        <f t="shared" si="392"/>
        <v>6963.2385606397156</v>
      </c>
      <c r="BU648" s="79">
        <f t="shared" si="393"/>
        <v>11141.181697023545</v>
      </c>
      <c r="BV648" s="79">
        <f t="shared" si="394"/>
        <v>38994.135939582404</v>
      </c>
      <c r="BW648" s="79">
        <f t="shared" si="395"/>
        <v>5598.443802754331</v>
      </c>
      <c r="BX648" s="79" t="str">
        <f t="shared" si="396"/>
        <v/>
      </c>
      <c r="BY648" s="79" t="str">
        <f t="shared" si="397"/>
        <v/>
      </c>
      <c r="BZ648" s="79" t="str">
        <f t="shared" si="398"/>
        <v/>
      </c>
      <c r="CA648" s="79" t="str">
        <f t="shared" si="399"/>
        <v/>
      </c>
      <c r="CB648" s="79" t="str">
        <f t="shared" si="400"/>
        <v/>
      </c>
      <c r="CC648" s="79" t="str">
        <f t="shared" si="401"/>
        <v/>
      </c>
      <c r="CD648" s="81" t="s">
        <v>660</v>
      </c>
      <c r="CE648" s="81"/>
      <c r="CF648" s="83" t="s">
        <v>661</v>
      </c>
    </row>
    <row r="649" spans="1:84" ht="56.1" hidden="1" customHeight="1" x14ac:dyDescent="0.2">
      <c r="A649" s="91">
        <v>649</v>
      </c>
      <c r="B649" s="23" t="s">
        <v>53</v>
      </c>
      <c r="C649" s="35" t="s">
        <v>655</v>
      </c>
      <c r="D649" s="77" t="s">
        <v>656</v>
      </c>
      <c r="E649" s="75" t="s">
        <v>765</v>
      </c>
      <c r="F649" s="75" t="s">
        <v>766</v>
      </c>
      <c r="G649" s="75" t="s">
        <v>90</v>
      </c>
      <c r="H649" s="75" t="s">
        <v>63</v>
      </c>
      <c r="I649" s="77" t="s">
        <v>81</v>
      </c>
      <c r="J649" s="77" t="s">
        <v>77</v>
      </c>
      <c r="K649" s="78" t="s">
        <v>225</v>
      </c>
      <c r="L649" s="76" t="s">
        <v>63</v>
      </c>
      <c r="M649" s="76" t="s">
        <v>63</v>
      </c>
      <c r="N649" s="81">
        <v>75236</v>
      </c>
      <c r="O649" s="81">
        <f t="shared" si="368"/>
        <v>75236</v>
      </c>
      <c r="P649" s="76" t="s">
        <v>659</v>
      </c>
      <c r="Q649" s="84" t="s">
        <v>65</v>
      </c>
      <c r="R649" s="81"/>
      <c r="S649" s="81"/>
      <c r="T649" s="81"/>
      <c r="U649" s="81"/>
      <c r="V649" s="81"/>
      <c r="W649" s="81"/>
      <c r="X649" s="81"/>
      <c r="Y649" s="81"/>
      <c r="Z649" s="81"/>
      <c r="AA649" s="81"/>
      <c r="AB649" s="81"/>
      <c r="AC649" s="81"/>
      <c r="AD649" s="81"/>
      <c r="AE649" s="81"/>
      <c r="AF649" s="81"/>
      <c r="AG649" s="81"/>
      <c r="AH649" s="81"/>
      <c r="AI649" s="81"/>
      <c r="AJ649" s="81"/>
      <c r="AK649" s="81"/>
      <c r="AL649" s="81"/>
      <c r="AM649" s="79" t="s">
        <v>66</v>
      </c>
      <c r="AN649" s="79" t="s">
        <v>66</v>
      </c>
      <c r="AO649" s="79" t="s">
        <v>66</v>
      </c>
      <c r="AP649" s="79" t="s">
        <v>66</v>
      </c>
      <c r="AQ649" s="81"/>
      <c r="AR649" s="81"/>
      <c r="AS649" s="81"/>
      <c r="AT649" s="81"/>
      <c r="AU649" s="81"/>
      <c r="AV649" s="81"/>
      <c r="AW649" s="80">
        <f t="shared" si="370"/>
        <v>2251</v>
      </c>
      <c r="AX649" s="76">
        <f t="shared" si="402"/>
        <v>33.423367392270102</v>
      </c>
      <c r="AY649" s="79" t="str">
        <f t="shared" si="371"/>
        <v/>
      </c>
      <c r="AZ649" s="79" t="str">
        <f t="shared" si="372"/>
        <v/>
      </c>
      <c r="BA649" s="79" t="str">
        <f t="shared" si="373"/>
        <v/>
      </c>
      <c r="BB649" s="79" t="str">
        <f t="shared" si="374"/>
        <v/>
      </c>
      <c r="BC649" s="79" t="str">
        <f t="shared" si="375"/>
        <v/>
      </c>
      <c r="BD649" s="79" t="str">
        <f t="shared" si="376"/>
        <v/>
      </c>
      <c r="BE649" s="79" t="str">
        <f t="shared" si="377"/>
        <v/>
      </c>
      <c r="BF649" s="79" t="str">
        <f t="shared" si="378"/>
        <v/>
      </c>
      <c r="BG649" s="79" t="str">
        <f t="shared" si="379"/>
        <v/>
      </c>
      <c r="BH649" s="79" t="str">
        <f t="shared" si="380"/>
        <v/>
      </c>
      <c r="BI649" s="79" t="str">
        <f t="shared" si="381"/>
        <v/>
      </c>
      <c r="BJ649" s="79" t="str">
        <f t="shared" si="382"/>
        <v/>
      </c>
      <c r="BK649" s="79" t="str">
        <f t="shared" si="383"/>
        <v/>
      </c>
      <c r="BL649" s="79" t="str">
        <f t="shared" si="384"/>
        <v/>
      </c>
      <c r="BM649" s="79" t="str">
        <f t="shared" si="385"/>
        <v/>
      </c>
      <c r="BN649" s="79" t="str">
        <f t="shared" si="386"/>
        <v/>
      </c>
      <c r="BO649" s="79" t="str">
        <f t="shared" si="387"/>
        <v/>
      </c>
      <c r="BP649" s="79" t="str">
        <f t="shared" si="388"/>
        <v/>
      </c>
      <c r="BQ649" s="79" t="str">
        <f t="shared" si="389"/>
        <v/>
      </c>
      <c r="BR649" s="79" t="str">
        <f t="shared" si="390"/>
        <v/>
      </c>
      <c r="BS649" s="79" t="str">
        <f t="shared" si="391"/>
        <v/>
      </c>
      <c r="BT649" s="79">
        <f t="shared" si="392"/>
        <v>8355.8418480675246</v>
      </c>
      <c r="BU649" s="79">
        <f t="shared" si="393"/>
        <v>13369.346956908041</v>
      </c>
      <c r="BV649" s="79">
        <f t="shared" si="394"/>
        <v>46792.714349178139</v>
      </c>
      <c r="BW649" s="79">
        <f t="shared" si="395"/>
        <v>6718.0968458462903</v>
      </c>
      <c r="BX649" s="79" t="str">
        <f t="shared" si="396"/>
        <v/>
      </c>
      <c r="BY649" s="79" t="str">
        <f t="shared" si="397"/>
        <v/>
      </c>
      <c r="BZ649" s="79" t="str">
        <f t="shared" si="398"/>
        <v/>
      </c>
      <c r="CA649" s="79" t="str">
        <f t="shared" si="399"/>
        <v/>
      </c>
      <c r="CB649" s="79" t="str">
        <f t="shared" si="400"/>
        <v/>
      </c>
      <c r="CC649" s="79" t="str">
        <f t="shared" si="401"/>
        <v/>
      </c>
      <c r="CD649" s="81" t="s">
        <v>660</v>
      </c>
      <c r="CE649" s="81"/>
      <c r="CF649" s="83" t="s">
        <v>661</v>
      </c>
    </row>
    <row r="650" spans="1:84" ht="56.1" hidden="1" customHeight="1" x14ac:dyDescent="0.2">
      <c r="A650" s="91">
        <v>650</v>
      </c>
      <c r="B650" s="23" t="s">
        <v>53</v>
      </c>
      <c r="C650" s="35" t="s">
        <v>655</v>
      </c>
      <c r="D650" s="77" t="s">
        <v>656</v>
      </c>
      <c r="E650" s="75" t="s">
        <v>767</v>
      </c>
      <c r="F650" s="75" t="s">
        <v>768</v>
      </c>
      <c r="G650" s="75" t="s">
        <v>90</v>
      </c>
      <c r="H650" s="75" t="s">
        <v>769</v>
      </c>
      <c r="I650" s="77" t="s">
        <v>60</v>
      </c>
      <c r="J650" s="77" t="s">
        <v>77</v>
      </c>
      <c r="K650" s="75" t="s">
        <v>722</v>
      </c>
      <c r="L650" s="76" t="s">
        <v>63</v>
      </c>
      <c r="M650" s="76" t="s">
        <v>63</v>
      </c>
      <c r="N650" s="81">
        <v>150472</v>
      </c>
      <c r="O650" s="81">
        <f t="shared" si="368"/>
        <v>150472</v>
      </c>
      <c r="P650" s="76" t="s">
        <v>723</v>
      </c>
      <c r="Q650" s="84" t="s">
        <v>65</v>
      </c>
      <c r="R650" s="81"/>
      <c r="S650" s="81"/>
      <c r="T650" s="81"/>
      <c r="U650" s="81"/>
      <c r="V650" s="81"/>
      <c r="W650" s="81"/>
      <c r="X650" s="81"/>
      <c r="Y650" s="81"/>
      <c r="Z650" s="81"/>
      <c r="AA650" s="81"/>
      <c r="AB650" s="81"/>
      <c r="AC650" s="81"/>
      <c r="AD650" s="81"/>
      <c r="AE650" s="81"/>
      <c r="AF650" s="81"/>
      <c r="AG650" s="81"/>
      <c r="AH650" s="81"/>
      <c r="AI650" s="81"/>
      <c r="AJ650" s="81"/>
      <c r="AK650" s="81"/>
      <c r="AL650" s="81"/>
      <c r="AM650" s="79" t="s">
        <v>66</v>
      </c>
      <c r="AN650" s="81"/>
      <c r="AO650" s="79" t="s">
        <v>66</v>
      </c>
      <c r="AP650" s="81"/>
      <c r="AQ650" s="81"/>
      <c r="AR650" s="81"/>
      <c r="AS650" s="81"/>
      <c r="AT650" s="81"/>
      <c r="AU650" s="81"/>
      <c r="AV650" s="81"/>
      <c r="AW650" s="80">
        <f t="shared" si="370"/>
        <v>1650</v>
      </c>
      <c r="AX650" s="76">
        <f t="shared" si="402"/>
        <v>91.195151515151508</v>
      </c>
      <c r="AY650" s="79" t="str">
        <f t="shared" si="371"/>
        <v/>
      </c>
      <c r="AZ650" s="79" t="str">
        <f t="shared" si="372"/>
        <v/>
      </c>
      <c r="BA650" s="79" t="str">
        <f t="shared" si="373"/>
        <v/>
      </c>
      <c r="BB650" s="79" t="str">
        <f t="shared" si="374"/>
        <v/>
      </c>
      <c r="BC650" s="79" t="str">
        <f t="shared" si="375"/>
        <v/>
      </c>
      <c r="BD650" s="79" t="str">
        <f t="shared" si="376"/>
        <v/>
      </c>
      <c r="BE650" s="79" t="str">
        <f t="shared" si="377"/>
        <v/>
      </c>
      <c r="BF650" s="79" t="str">
        <f t="shared" si="378"/>
        <v/>
      </c>
      <c r="BG650" s="79" t="str">
        <f t="shared" si="379"/>
        <v/>
      </c>
      <c r="BH650" s="79" t="str">
        <f t="shared" si="380"/>
        <v/>
      </c>
      <c r="BI650" s="79" t="str">
        <f t="shared" si="381"/>
        <v/>
      </c>
      <c r="BJ650" s="79" t="str">
        <f t="shared" si="382"/>
        <v/>
      </c>
      <c r="BK650" s="79" t="str">
        <f t="shared" si="383"/>
        <v/>
      </c>
      <c r="BL650" s="79" t="str">
        <f t="shared" si="384"/>
        <v/>
      </c>
      <c r="BM650" s="79" t="str">
        <f t="shared" si="385"/>
        <v/>
      </c>
      <c r="BN650" s="79" t="str">
        <f t="shared" si="386"/>
        <v/>
      </c>
      <c r="BO650" s="79" t="str">
        <f t="shared" si="387"/>
        <v/>
      </c>
      <c r="BP650" s="79" t="str">
        <f t="shared" si="388"/>
        <v/>
      </c>
      <c r="BQ650" s="79" t="str">
        <f t="shared" si="389"/>
        <v/>
      </c>
      <c r="BR650" s="79" t="str">
        <f t="shared" si="390"/>
        <v/>
      </c>
      <c r="BS650" s="79" t="str">
        <f t="shared" si="391"/>
        <v/>
      </c>
      <c r="BT650" s="79">
        <f t="shared" si="392"/>
        <v>22798.787878787876</v>
      </c>
      <c r="BU650" s="79" t="str">
        <f t="shared" si="393"/>
        <v/>
      </c>
      <c r="BV650" s="79">
        <f t="shared" si="394"/>
        <v>127673.21212121211</v>
      </c>
      <c r="BW650" s="79" t="str">
        <f t="shared" si="395"/>
        <v/>
      </c>
      <c r="BX650" s="79" t="str">
        <f t="shared" si="396"/>
        <v/>
      </c>
      <c r="BY650" s="79" t="str">
        <f t="shared" si="397"/>
        <v/>
      </c>
      <c r="BZ650" s="79" t="str">
        <f t="shared" si="398"/>
        <v/>
      </c>
      <c r="CA650" s="79" t="str">
        <f t="shared" si="399"/>
        <v/>
      </c>
      <c r="CB650" s="79" t="str">
        <f t="shared" si="400"/>
        <v/>
      </c>
      <c r="CC650" s="79" t="str">
        <f t="shared" si="401"/>
        <v/>
      </c>
      <c r="CD650" s="81" t="s">
        <v>660</v>
      </c>
      <c r="CE650" s="81"/>
      <c r="CF650" s="83" t="s">
        <v>661</v>
      </c>
    </row>
    <row r="651" spans="1:84" ht="56.1" hidden="1" customHeight="1" x14ac:dyDescent="0.2">
      <c r="A651" s="91">
        <v>651</v>
      </c>
      <c r="B651" s="23" t="s">
        <v>53</v>
      </c>
      <c r="C651" s="35" t="s">
        <v>655</v>
      </c>
      <c r="D651" s="77" t="s">
        <v>656</v>
      </c>
      <c r="E651" s="75" t="s">
        <v>770</v>
      </c>
      <c r="F651" s="75" t="s">
        <v>771</v>
      </c>
      <c r="G651" s="75" t="s">
        <v>90</v>
      </c>
      <c r="H651" s="75" t="s">
        <v>63</v>
      </c>
      <c r="I651" s="77" t="s">
        <v>81</v>
      </c>
      <c r="J651" s="77" t="s">
        <v>77</v>
      </c>
      <c r="K651" s="78" t="s">
        <v>225</v>
      </c>
      <c r="L651" s="76" t="s">
        <v>63</v>
      </c>
      <c r="M651" s="76" t="s">
        <v>63</v>
      </c>
      <c r="N651" s="81">
        <v>25079</v>
      </c>
      <c r="O651" s="81">
        <f t="shared" si="368"/>
        <v>25079</v>
      </c>
      <c r="P651" s="76" t="s">
        <v>659</v>
      </c>
      <c r="Q651" s="84" t="s">
        <v>65</v>
      </c>
      <c r="R651" s="81"/>
      <c r="S651" s="81"/>
      <c r="T651" s="81"/>
      <c r="U651" s="81"/>
      <c r="V651" s="81"/>
      <c r="W651" s="81"/>
      <c r="X651" s="81"/>
      <c r="Y651" s="81"/>
      <c r="Z651" s="81"/>
      <c r="AA651" s="81"/>
      <c r="AB651" s="81"/>
      <c r="AC651" s="81"/>
      <c r="AD651" s="81"/>
      <c r="AE651" s="81"/>
      <c r="AF651" s="81"/>
      <c r="AG651" s="81"/>
      <c r="AH651" s="81"/>
      <c r="AI651" s="81"/>
      <c r="AJ651" s="81"/>
      <c r="AK651" s="81"/>
      <c r="AL651" s="81"/>
      <c r="AM651" s="79" t="s">
        <v>66</v>
      </c>
      <c r="AN651" s="79" t="s">
        <v>66</v>
      </c>
      <c r="AO651" s="79" t="s">
        <v>66</v>
      </c>
      <c r="AP651" s="79" t="s">
        <v>66</v>
      </c>
      <c r="AQ651" s="81"/>
      <c r="AR651" s="81"/>
      <c r="AS651" s="81"/>
      <c r="AT651" s="81"/>
      <c r="AU651" s="81"/>
      <c r="AV651" s="81"/>
      <c r="AW651" s="80">
        <f t="shared" si="370"/>
        <v>2251</v>
      </c>
      <c r="AX651" s="76">
        <f t="shared" si="402"/>
        <v>11.141270546423812</v>
      </c>
      <c r="AY651" s="79" t="str">
        <f t="shared" si="371"/>
        <v/>
      </c>
      <c r="AZ651" s="79" t="str">
        <f t="shared" si="372"/>
        <v/>
      </c>
      <c r="BA651" s="79" t="str">
        <f t="shared" si="373"/>
        <v/>
      </c>
      <c r="BB651" s="79" t="str">
        <f t="shared" si="374"/>
        <v/>
      </c>
      <c r="BC651" s="79" t="str">
        <f t="shared" si="375"/>
        <v/>
      </c>
      <c r="BD651" s="79" t="str">
        <f t="shared" si="376"/>
        <v/>
      </c>
      <c r="BE651" s="79" t="str">
        <f t="shared" si="377"/>
        <v/>
      </c>
      <c r="BF651" s="79" t="str">
        <f t="shared" si="378"/>
        <v/>
      </c>
      <c r="BG651" s="79" t="str">
        <f t="shared" si="379"/>
        <v/>
      </c>
      <c r="BH651" s="79" t="str">
        <f t="shared" si="380"/>
        <v/>
      </c>
      <c r="BI651" s="79" t="str">
        <f t="shared" si="381"/>
        <v/>
      </c>
      <c r="BJ651" s="79" t="str">
        <f t="shared" si="382"/>
        <v/>
      </c>
      <c r="BK651" s="79" t="str">
        <f t="shared" si="383"/>
        <v/>
      </c>
      <c r="BL651" s="79" t="str">
        <f t="shared" si="384"/>
        <v/>
      </c>
      <c r="BM651" s="79" t="str">
        <f t="shared" si="385"/>
        <v/>
      </c>
      <c r="BN651" s="79" t="str">
        <f t="shared" si="386"/>
        <v/>
      </c>
      <c r="BO651" s="79" t="str">
        <f t="shared" si="387"/>
        <v/>
      </c>
      <c r="BP651" s="79" t="str">
        <f t="shared" si="388"/>
        <v/>
      </c>
      <c r="BQ651" s="79" t="str">
        <f t="shared" si="389"/>
        <v/>
      </c>
      <c r="BR651" s="79" t="str">
        <f t="shared" si="390"/>
        <v/>
      </c>
      <c r="BS651" s="79" t="str">
        <f t="shared" si="391"/>
        <v/>
      </c>
      <c r="BT651" s="79">
        <f t="shared" si="392"/>
        <v>2785.3176366059529</v>
      </c>
      <c r="BU651" s="79">
        <f t="shared" si="393"/>
        <v>4456.5082185695246</v>
      </c>
      <c r="BV651" s="79">
        <f t="shared" si="394"/>
        <v>15597.778764993336</v>
      </c>
      <c r="BW651" s="79">
        <f t="shared" si="395"/>
        <v>2239.3953798311859</v>
      </c>
      <c r="BX651" s="79" t="str">
        <f t="shared" si="396"/>
        <v/>
      </c>
      <c r="BY651" s="79" t="str">
        <f t="shared" si="397"/>
        <v/>
      </c>
      <c r="BZ651" s="79" t="str">
        <f t="shared" si="398"/>
        <v/>
      </c>
      <c r="CA651" s="79" t="str">
        <f t="shared" si="399"/>
        <v/>
      </c>
      <c r="CB651" s="79" t="str">
        <f t="shared" si="400"/>
        <v/>
      </c>
      <c r="CC651" s="79" t="str">
        <f t="shared" si="401"/>
        <v/>
      </c>
      <c r="CD651" s="81" t="s">
        <v>660</v>
      </c>
      <c r="CE651" s="81"/>
      <c r="CF651" s="83" t="s">
        <v>661</v>
      </c>
    </row>
    <row r="652" spans="1:84" ht="56.1" hidden="1" customHeight="1" x14ac:dyDescent="0.2">
      <c r="A652" s="91">
        <v>652</v>
      </c>
      <c r="B652" s="23" t="s">
        <v>53</v>
      </c>
      <c r="C652" s="35" t="s">
        <v>655</v>
      </c>
      <c r="D652" s="77" t="s">
        <v>656</v>
      </c>
      <c r="E652" s="75" t="s">
        <v>772</v>
      </c>
      <c r="F652" s="75" t="s">
        <v>773</v>
      </c>
      <c r="G652" s="75" t="s">
        <v>90</v>
      </c>
      <c r="H652" s="75" t="s">
        <v>63</v>
      </c>
      <c r="I652" s="77" t="s">
        <v>81</v>
      </c>
      <c r="J652" s="77" t="s">
        <v>77</v>
      </c>
      <c r="K652" s="78" t="s">
        <v>225</v>
      </c>
      <c r="L652" s="76" t="s">
        <v>63</v>
      </c>
      <c r="M652" s="76" t="s">
        <v>63</v>
      </c>
      <c r="N652" s="81">
        <v>56427</v>
      </c>
      <c r="O652" s="81">
        <f t="shared" si="368"/>
        <v>56427</v>
      </c>
      <c r="P652" s="76" t="s">
        <v>659</v>
      </c>
      <c r="Q652" s="84" t="s">
        <v>65</v>
      </c>
      <c r="R652" s="81"/>
      <c r="S652" s="81"/>
      <c r="T652" s="81"/>
      <c r="U652" s="81"/>
      <c r="V652" s="81"/>
      <c r="W652" s="81"/>
      <c r="X652" s="81"/>
      <c r="Y652" s="81"/>
      <c r="Z652" s="81"/>
      <c r="AA652" s="81"/>
      <c r="AB652" s="81"/>
      <c r="AC652" s="81"/>
      <c r="AD652" s="81"/>
      <c r="AE652" s="81"/>
      <c r="AF652" s="81"/>
      <c r="AG652" s="81"/>
      <c r="AH652" s="81"/>
      <c r="AI652" s="81"/>
      <c r="AJ652" s="81"/>
      <c r="AK652" s="81"/>
      <c r="AL652" s="81"/>
      <c r="AM652" s="79" t="s">
        <v>66</v>
      </c>
      <c r="AN652" s="79" t="s">
        <v>66</v>
      </c>
      <c r="AO652" s="79" t="s">
        <v>66</v>
      </c>
      <c r="AP652" s="79" t="s">
        <v>66</v>
      </c>
      <c r="AQ652" s="81"/>
      <c r="AR652" s="81"/>
      <c r="AS652" s="81"/>
      <c r="AT652" s="81"/>
      <c r="AU652" s="81"/>
      <c r="AV652" s="81"/>
      <c r="AW652" s="80">
        <f t="shared" si="370"/>
        <v>2251</v>
      </c>
      <c r="AX652" s="76">
        <f t="shared" si="402"/>
        <v>25.067525544202578</v>
      </c>
      <c r="AY652" s="79" t="str">
        <f t="shared" si="371"/>
        <v/>
      </c>
      <c r="AZ652" s="79" t="str">
        <f t="shared" si="372"/>
        <v/>
      </c>
      <c r="BA652" s="79" t="str">
        <f t="shared" si="373"/>
        <v/>
      </c>
      <c r="BB652" s="79" t="str">
        <f t="shared" si="374"/>
        <v/>
      </c>
      <c r="BC652" s="79" t="str">
        <f t="shared" si="375"/>
        <v/>
      </c>
      <c r="BD652" s="79" t="str">
        <f t="shared" si="376"/>
        <v/>
      </c>
      <c r="BE652" s="79" t="str">
        <f t="shared" si="377"/>
        <v/>
      </c>
      <c r="BF652" s="79" t="str">
        <f t="shared" si="378"/>
        <v/>
      </c>
      <c r="BG652" s="79" t="str">
        <f t="shared" si="379"/>
        <v/>
      </c>
      <c r="BH652" s="79" t="str">
        <f t="shared" si="380"/>
        <v/>
      </c>
      <c r="BI652" s="79" t="str">
        <f t="shared" si="381"/>
        <v/>
      </c>
      <c r="BJ652" s="79" t="str">
        <f t="shared" si="382"/>
        <v/>
      </c>
      <c r="BK652" s="79" t="str">
        <f t="shared" si="383"/>
        <v/>
      </c>
      <c r="BL652" s="79" t="str">
        <f t="shared" si="384"/>
        <v/>
      </c>
      <c r="BM652" s="79" t="str">
        <f t="shared" si="385"/>
        <v/>
      </c>
      <c r="BN652" s="79" t="str">
        <f t="shared" si="386"/>
        <v/>
      </c>
      <c r="BO652" s="79" t="str">
        <f t="shared" si="387"/>
        <v/>
      </c>
      <c r="BP652" s="79" t="str">
        <f t="shared" si="388"/>
        <v/>
      </c>
      <c r="BQ652" s="79" t="str">
        <f t="shared" si="389"/>
        <v/>
      </c>
      <c r="BR652" s="79" t="str">
        <f t="shared" si="390"/>
        <v/>
      </c>
      <c r="BS652" s="79" t="str">
        <f t="shared" si="391"/>
        <v/>
      </c>
      <c r="BT652" s="79">
        <f t="shared" si="392"/>
        <v>6266.8813860506443</v>
      </c>
      <c r="BU652" s="79">
        <f t="shared" si="393"/>
        <v>10027.010217681031</v>
      </c>
      <c r="BV652" s="79">
        <f t="shared" si="394"/>
        <v>35094.535761883606</v>
      </c>
      <c r="BW652" s="79">
        <f t="shared" si="395"/>
        <v>5038.5726343847182</v>
      </c>
      <c r="BX652" s="79" t="str">
        <f t="shared" si="396"/>
        <v/>
      </c>
      <c r="BY652" s="79" t="str">
        <f t="shared" si="397"/>
        <v/>
      </c>
      <c r="BZ652" s="79" t="str">
        <f t="shared" si="398"/>
        <v/>
      </c>
      <c r="CA652" s="79" t="str">
        <f t="shared" si="399"/>
        <v/>
      </c>
      <c r="CB652" s="79" t="str">
        <f t="shared" si="400"/>
        <v/>
      </c>
      <c r="CC652" s="79" t="str">
        <f t="shared" si="401"/>
        <v/>
      </c>
      <c r="CD652" s="81" t="s">
        <v>660</v>
      </c>
      <c r="CE652" s="81"/>
      <c r="CF652" s="83" t="s">
        <v>661</v>
      </c>
    </row>
    <row r="653" spans="1:84" ht="56.1" hidden="1" customHeight="1" x14ac:dyDescent="0.2">
      <c r="A653" s="91">
        <v>653</v>
      </c>
      <c r="B653" s="23" t="s">
        <v>53</v>
      </c>
      <c r="C653" s="35" t="s">
        <v>655</v>
      </c>
      <c r="D653" s="77" t="s">
        <v>656</v>
      </c>
      <c r="E653" s="75" t="s">
        <v>774</v>
      </c>
      <c r="F653" s="75" t="s">
        <v>775</v>
      </c>
      <c r="G653" s="75" t="s">
        <v>90</v>
      </c>
      <c r="H653" s="75" t="s">
        <v>63</v>
      </c>
      <c r="I653" s="77" t="s">
        <v>81</v>
      </c>
      <c r="J653" s="77" t="s">
        <v>77</v>
      </c>
      <c r="K653" s="78" t="s">
        <v>225</v>
      </c>
      <c r="L653" s="76" t="s">
        <v>63</v>
      </c>
      <c r="M653" s="76" t="s">
        <v>63</v>
      </c>
      <c r="N653" s="81">
        <v>106584</v>
      </c>
      <c r="O653" s="81">
        <f t="shared" si="368"/>
        <v>106584</v>
      </c>
      <c r="P653" s="76" t="s">
        <v>659</v>
      </c>
      <c r="Q653" s="84" t="s">
        <v>65</v>
      </c>
      <c r="R653" s="81"/>
      <c r="S653" s="81"/>
      <c r="T653" s="81"/>
      <c r="U653" s="81"/>
      <c r="V653" s="81"/>
      <c r="W653" s="81"/>
      <c r="X653" s="81"/>
      <c r="Y653" s="81"/>
      <c r="Z653" s="81"/>
      <c r="AA653" s="81"/>
      <c r="AB653" s="81"/>
      <c r="AC653" s="81"/>
      <c r="AD653" s="81"/>
      <c r="AE653" s="81"/>
      <c r="AF653" s="81"/>
      <c r="AG653" s="81"/>
      <c r="AH653" s="81"/>
      <c r="AI653" s="81"/>
      <c r="AJ653" s="81"/>
      <c r="AK653" s="81"/>
      <c r="AL653" s="81"/>
      <c r="AM653" s="79" t="s">
        <v>66</v>
      </c>
      <c r="AN653" s="79" t="s">
        <v>66</v>
      </c>
      <c r="AO653" s="79" t="s">
        <v>66</v>
      </c>
      <c r="AP653" s="79" t="s">
        <v>66</v>
      </c>
      <c r="AQ653" s="81"/>
      <c r="AR653" s="81"/>
      <c r="AS653" s="81"/>
      <c r="AT653" s="81"/>
      <c r="AU653" s="81"/>
      <c r="AV653" s="81"/>
      <c r="AW653" s="80">
        <f t="shared" si="370"/>
        <v>2251</v>
      </c>
      <c r="AX653" s="76">
        <f t="shared" si="402"/>
        <v>47.349622390048864</v>
      </c>
      <c r="AY653" s="79" t="str">
        <f t="shared" si="371"/>
        <v/>
      </c>
      <c r="AZ653" s="79" t="str">
        <f t="shared" si="372"/>
        <v/>
      </c>
      <c r="BA653" s="79" t="str">
        <f t="shared" si="373"/>
        <v/>
      </c>
      <c r="BB653" s="79" t="str">
        <f t="shared" si="374"/>
        <v/>
      </c>
      <c r="BC653" s="79" t="str">
        <f t="shared" si="375"/>
        <v/>
      </c>
      <c r="BD653" s="79" t="str">
        <f t="shared" si="376"/>
        <v/>
      </c>
      <c r="BE653" s="79" t="str">
        <f t="shared" si="377"/>
        <v/>
      </c>
      <c r="BF653" s="79" t="str">
        <f t="shared" si="378"/>
        <v/>
      </c>
      <c r="BG653" s="79" t="str">
        <f t="shared" si="379"/>
        <v/>
      </c>
      <c r="BH653" s="79" t="str">
        <f t="shared" si="380"/>
        <v/>
      </c>
      <c r="BI653" s="79" t="str">
        <f t="shared" si="381"/>
        <v/>
      </c>
      <c r="BJ653" s="79" t="str">
        <f t="shared" si="382"/>
        <v/>
      </c>
      <c r="BK653" s="79" t="str">
        <f t="shared" si="383"/>
        <v/>
      </c>
      <c r="BL653" s="79" t="str">
        <f t="shared" si="384"/>
        <v/>
      </c>
      <c r="BM653" s="79" t="str">
        <f t="shared" si="385"/>
        <v/>
      </c>
      <c r="BN653" s="79" t="str">
        <f t="shared" si="386"/>
        <v/>
      </c>
      <c r="BO653" s="79" t="str">
        <f t="shared" si="387"/>
        <v/>
      </c>
      <c r="BP653" s="79" t="str">
        <f t="shared" si="388"/>
        <v/>
      </c>
      <c r="BQ653" s="79" t="str">
        <f t="shared" si="389"/>
        <v/>
      </c>
      <c r="BR653" s="79" t="str">
        <f t="shared" si="390"/>
        <v/>
      </c>
      <c r="BS653" s="79" t="str">
        <f t="shared" si="391"/>
        <v/>
      </c>
      <c r="BT653" s="79">
        <f t="shared" si="392"/>
        <v>11837.405597512216</v>
      </c>
      <c r="BU653" s="79">
        <f t="shared" si="393"/>
        <v>18939.848956019545</v>
      </c>
      <c r="BV653" s="79">
        <f t="shared" si="394"/>
        <v>66289.471346068414</v>
      </c>
      <c r="BW653" s="79">
        <f t="shared" si="395"/>
        <v>9517.2741003998217</v>
      </c>
      <c r="BX653" s="79" t="str">
        <f t="shared" si="396"/>
        <v/>
      </c>
      <c r="BY653" s="79" t="str">
        <f t="shared" si="397"/>
        <v/>
      </c>
      <c r="BZ653" s="79" t="str">
        <f t="shared" si="398"/>
        <v/>
      </c>
      <c r="CA653" s="79" t="str">
        <f t="shared" si="399"/>
        <v/>
      </c>
      <c r="CB653" s="79" t="str">
        <f t="shared" si="400"/>
        <v/>
      </c>
      <c r="CC653" s="79" t="str">
        <f t="shared" si="401"/>
        <v/>
      </c>
      <c r="CD653" s="81" t="s">
        <v>660</v>
      </c>
      <c r="CE653" s="81"/>
      <c r="CF653" s="83" t="s">
        <v>661</v>
      </c>
    </row>
    <row r="654" spans="1:84" ht="56.1" hidden="1" customHeight="1" x14ac:dyDescent="0.2">
      <c r="A654" s="91">
        <v>654</v>
      </c>
      <c r="B654" s="23" t="s">
        <v>53</v>
      </c>
      <c r="C654" s="35" t="s">
        <v>655</v>
      </c>
      <c r="D654" s="77" t="s">
        <v>656</v>
      </c>
      <c r="E654" s="75" t="s">
        <v>776</v>
      </c>
      <c r="F654" s="75" t="s">
        <v>777</v>
      </c>
      <c r="G654" s="75" t="s">
        <v>90</v>
      </c>
      <c r="H654" s="75" t="s">
        <v>63</v>
      </c>
      <c r="I654" s="77" t="s">
        <v>81</v>
      </c>
      <c r="J654" s="77" t="s">
        <v>77</v>
      </c>
      <c r="K654" s="78" t="s">
        <v>225</v>
      </c>
      <c r="L654" s="76" t="s">
        <v>63</v>
      </c>
      <c r="M654" s="76" t="s">
        <v>63</v>
      </c>
      <c r="N654" s="89"/>
      <c r="O654" s="89"/>
      <c r="P654" s="76" t="s">
        <v>659</v>
      </c>
      <c r="Q654" s="84" t="s">
        <v>65</v>
      </c>
      <c r="R654" s="81"/>
      <c r="S654" s="81"/>
      <c r="T654" s="81"/>
      <c r="U654" s="81"/>
      <c r="V654" s="81"/>
      <c r="W654" s="81"/>
      <c r="X654" s="81"/>
      <c r="Y654" s="81"/>
      <c r="Z654" s="81"/>
      <c r="AA654" s="81"/>
      <c r="AB654" s="81"/>
      <c r="AC654" s="81"/>
      <c r="AD654" s="81"/>
      <c r="AE654" s="81"/>
      <c r="AF654" s="81"/>
      <c r="AG654" s="81"/>
      <c r="AH654" s="81"/>
      <c r="AI654" s="81"/>
      <c r="AJ654" s="81"/>
      <c r="AK654" s="81"/>
      <c r="AL654" s="81"/>
      <c r="AM654" s="79" t="s">
        <v>66</v>
      </c>
      <c r="AN654" s="79" t="s">
        <v>66</v>
      </c>
      <c r="AO654" s="79" t="s">
        <v>66</v>
      </c>
      <c r="AP654" s="79" t="s">
        <v>66</v>
      </c>
      <c r="AQ654" s="81"/>
      <c r="AR654" s="81"/>
      <c r="AS654" s="81"/>
      <c r="AT654" s="81"/>
      <c r="AU654" s="81"/>
      <c r="AV654" s="81"/>
      <c r="AW654" s="80">
        <f t="shared" si="370"/>
        <v>2251</v>
      </c>
      <c r="AX654" s="76"/>
      <c r="AY654" s="79" t="str">
        <f t="shared" si="371"/>
        <v/>
      </c>
      <c r="AZ654" s="79" t="str">
        <f t="shared" si="372"/>
        <v/>
      </c>
      <c r="BA654" s="79" t="str">
        <f t="shared" si="373"/>
        <v/>
      </c>
      <c r="BB654" s="79" t="str">
        <f t="shared" si="374"/>
        <v/>
      </c>
      <c r="BC654" s="79" t="str">
        <f t="shared" si="375"/>
        <v/>
      </c>
      <c r="BD654" s="79" t="str">
        <f t="shared" si="376"/>
        <v/>
      </c>
      <c r="BE654" s="79" t="str">
        <f t="shared" si="377"/>
        <v/>
      </c>
      <c r="BF654" s="79" t="str">
        <f t="shared" si="378"/>
        <v/>
      </c>
      <c r="BG654" s="79" t="str">
        <f t="shared" si="379"/>
        <v/>
      </c>
      <c r="BH654" s="79" t="str">
        <f t="shared" si="380"/>
        <v/>
      </c>
      <c r="BI654" s="79" t="str">
        <f t="shared" si="381"/>
        <v/>
      </c>
      <c r="BJ654" s="79" t="str">
        <f t="shared" si="382"/>
        <v/>
      </c>
      <c r="BK654" s="79" t="str">
        <f t="shared" si="383"/>
        <v/>
      </c>
      <c r="BL654" s="79" t="str">
        <f t="shared" si="384"/>
        <v/>
      </c>
      <c r="BM654" s="79" t="str">
        <f t="shared" si="385"/>
        <v/>
      </c>
      <c r="BN654" s="79" t="str">
        <f t="shared" si="386"/>
        <v/>
      </c>
      <c r="BO654" s="79" t="str">
        <f t="shared" si="387"/>
        <v/>
      </c>
      <c r="BP654" s="79" t="str">
        <f t="shared" si="388"/>
        <v/>
      </c>
      <c r="BQ654" s="79" t="str">
        <f t="shared" si="389"/>
        <v/>
      </c>
      <c r="BR654" s="79" t="str">
        <f t="shared" si="390"/>
        <v/>
      </c>
      <c r="BS654" s="79" t="str">
        <f t="shared" si="391"/>
        <v/>
      </c>
      <c r="BT654" s="79">
        <f t="shared" si="392"/>
        <v>0</v>
      </c>
      <c r="BU654" s="79">
        <f t="shared" si="393"/>
        <v>0</v>
      </c>
      <c r="BV654" s="79">
        <f t="shared" si="394"/>
        <v>0</v>
      </c>
      <c r="BW654" s="79">
        <f t="shared" si="395"/>
        <v>0</v>
      </c>
      <c r="BX654" s="79" t="str">
        <f t="shared" si="396"/>
        <v/>
      </c>
      <c r="BY654" s="79" t="str">
        <f t="shared" si="397"/>
        <v/>
      </c>
      <c r="BZ654" s="79" t="str">
        <f t="shared" si="398"/>
        <v/>
      </c>
      <c r="CA654" s="79" t="str">
        <f t="shared" si="399"/>
        <v/>
      </c>
      <c r="CB654" s="79" t="str">
        <f t="shared" si="400"/>
        <v/>
      </c>
      <c r="CC654" s="79" t="str">
        <f t="shared" si="401"/>
        <v/>
      </c>
      <c r="CD654" s="81" t="s">
        <v>660</v>
      </c>
      <c r="CE654" s="81"/>
      <c r="CF654" s="83" t="s">
        <v>661</v>
      </c>
    </row>
    <row r="655" spans="1:84" ht="56.1" hidden="1" customHeight="1" x14ac:dyDescent="0.2">
      <c r="A655" s="91">
        <v>655</v>
      </c>
      <c r="B655" s="23" t="s">
        <v>53</v>
      </c>
      <c r="C655" s="35" t="s">
        <v>655</v>
      </c>
      <c r="D655" s="77" t="s">
        <v>656</v>
      </c>
      <c r="E655" s="75" t="s">
        <v>778</v>
      </c>
      <c r="F655" s="75" t="s">
        <v>779</v>
      </c>
      <c r="G655" s="75" t="s">
        <v>90</v>
      </c>
      <c r="H655" s="75" t="s">
        <v>63</v>
      </c>
      <c r="I655" s="77" t="s">
        <v>81</v>
      </c>
      <c r="J655" s="77" t="s">
        <v>77</v>
      </c>
      <c r="K655" s="78" t="s">
        <v>225</v>
      </c>
      <c r="L655" s="76" t="s">
        <v>63</v>
      </c>
      <c r="M655" s="76" t="s">
        <v>63</v>
      </c>
      <c r="N655" s="81">
        <v>99688</v>
      </c>
      <c r="O655" s="81">
        <f t="shared" si="368"/>
        <v>99688</v>
      </c>
      <c r="P655" s="76" t="s">
        <v>659</v>
      </c>
      <c r="Q655" s="84" t="s">
        <v>65</v>
      </c>
      <c r="R655" s="81"/>
      <c r="S655" s="81"/>
      <c r="T655" s="81"/>
      <c r="U655" s="81"/>
      <c r="V655" s="81"/>
      <c r="W655" s="81"/>
      <c r="X655" s="81"/>
      <c r="Y655" s="81"/>
      <c r="Z655" s="81"/>
      <c r="AA655" s="81"/>
      <c r="AB655" s="81"/>
      <c r="AC655" s="81"/>
      <c r="AD655" s="81"/>
      <c r="AE655" s="81"/>
      <c r="AF655" s="81"/>
      <c r="AG655" s="81"/>
      <c r="AH655" s="81"/>
      <c r="AI655" s="81"/>
      <c r="AJ655" s="81"/>
      <c r="AK655" s="81"/>
      <c r="AL655" s="81"/>
      <c r="AM655" s="79" t="s">
        <v>66</v>
      </c>
      <c r="AN655" s="79" t="s">
        <v>66</v>
      </c>
      <c r="AO655" s="79" t="s">
        <v>66</v>
      </c>
      <c r="AP655" s="79" t="s">
        <v>66</v>
      </c>
      <c r="AQ655" s="81"/>
      <c r="AR655" s="81"/>
      <c r="AS655" s="81"/>
      <c r="AT655" s="81"/>
      <c r="AU655" s="81"/>
      <c r="AV655" s="81"/>
      <c r="AW655" s="80">
        <f t="shared" si="370"/>
        <v>2251</v>
      </c>
      <c r="AX655" s="76">
        <f t="shared" ref="AX655:AX664" si="403">O655/AW655</f>
        <v>44.286095068858288</v>
      </c>
      <c r="AY655" s="79" t="str">
        <f t="shared" si="371"/>
        <v/>
      </c>
      <c r="AZ655" s="79" t="str">
        <f t="shared" si="372"/>
        <v/>
      </c>
      <c r="BA655" s="79" t="str">
        <f t="shared" si="373"/>
        <v/>
      </c>
      <c r="BB655" s="79" t="str">
        <f t="shared" si="374"/>
        <v/>
      </c>
      <c r="BC655" s="79" t="str">
        <f t="shared" si="375"/>
        <v/>
      </c>
      <c r="BD655" s="79" t="str">
        <f t="shared" si="376"/>
        <v/>
      </c>
      <c r="BE655" s="79" t="str">
        <f t="shared" si="377"/>
        <v/>
      </c>
      <c r="BF655" s="79" t="str">
        <f t="shared" si="378"/>
        <v/>
      </c>
      <c r="BG655" s="79" t="str">
        <f t="shared" si="379"/>
        <v/>
      </c>
      <c r="BH655" s="79" t="str">
        <f t="shared" si="380"/>
        <v/>
      </c>
      <c r="BI655" s="79" t="str">
        <f t="shared" si="381"/>
        <v/>
      </c>
      <c r="BJ655" s="79" t="str">
        <f t="shared" si="382"/>
        <v/>
      </c>
      <c r="BK655" s="79" t="str">
        <f t="shared" si="383"/>
        <v/>
      </c>
      <c r="BL655" s="79" t="str">
        <f t="shared" si="384"/>
        <v/>
      </c>
      <c r="BM655" s="79" t="str">
        <f t="shared" si="385"/>
        <v/>
      </c>
      <c r="BN655" s="79" t="str">
        <f t="shared" si="386"/>
        <v/>
      </c>
      <c r="BO655" s="79" t="str">
        <f t="shared" si="387"/>
        <v/>
      </c>
      <c r="BP655" s="79" t="str">
        <f t="shared" si="388"/>
        <v/>
      </c>
      <c r="BQ655" s="79" t="str">
        <f t="shared" si="389"/>
        <v/>
      </c>
      <c r="BR655" s="79" t="str">
        <f t="shared" si="390"/>
        <v/>
      </c>
      <c r="BS655" s="79" t="str">
        <f t="shared" si="391"/>
        <v/>
      </c>
      <c r="BT655" s="79">
        <f t="shared" si="392"/>
        <v>11071.523767214572</v>
      </c>
      <c r="BU655" s="79">
        <f t="shared" si="393"/>
        <v>17714.438027543314</v>
      </c>
      <c r="BV655" s="79">
        <f t="shared" si="394"/>
        <v>62000.533096401603</v>
      </c>
      <c r="BW655" s="79">
        <f t="shared" si="395"/>
        <v>8901.5051088405162</v>
      </c>
      <c r="BX655" s="79" t="str">
        <f t="shared" si="396"/>
        <v/>
      </c>
      <c r="BY655" s="79" t="str">
        <f t="shared" si="397"/>
        <v/>
      </c>
      <c r="BZ655" s="79" t="str">
        <f t="shared" si="398"/>
        <v/>
      </c>
      <c r="CA655" s="79" t="str">
        <f t="shared" si="399"/>
        <v/>
      </c>
      <c r="CB655" s="79" t="str">
        <f t="shared" si="400"/>
        <v/>
      </c>
      <c r="CC655" s="79" t="str">
        <f t="shared" si="401"/>
        <v/>
      </c>
      <c r="CD655" s="81" t="s">
        <v>660</v>
      </c>
      <c r="CE655" s="81"/>
      <c r="CF655" s="83" t="s">
        <v>661</v>
      </c>
    </row>
    <row r="656" spans="1:84" ht="56.1" hidden="1" customHeight="1" x14ac:dyDescent="0.2">
      <c r="A656" s="91">
        <v>656</v>
      </c>
      <c r="B656" s="23" t="s">
        <v>53</v>
      </c>
      <c r="C656" s="35" t="s">
        <v>655</v>
      </c>
      <c r="D656" s="77" t="s">
        <v>656</v>
      </c>
      <c r="E656" s="75" t="s">
        <v>780</v>
      </c>
      <c r="F656" s="75" t="s">
        <v>781</v>
      </c>
      <c r="G656" s="75" t="s">
        <v>90</v>
      </c>
      <c r="H656" s="75" t="s">
        <v>63</v>
      </c>
      <c r="I656" s="77" t="s">
        <v>81</v>
      </c>
      <c r="J656" s="77" t="s">
        <v>77</v>
      </c>
      <c r="K656" s="78" t="s">
        <v>225</v>
      </c>
      <c r="L656" s="76" t="s">
        <v>63</v>
      </c>
      <c r="M656" s="76" t="s">
        <v>63</v>
      </c>
      <c r="N656" s="81">
        <v>25079</v>
      </c>
      <c r="O656" s="81">
        <f t="shared" si="368"/>
        <v>25079</v>
      </c>
      <c r="P656" s="76" t="s">
        <v>659</v>
      </c>
      <c r="Q656" s="84" t="s">
        <v>65</v>
      </c>
      <c r="R656" s="81"/>
      <c r="S656" s="81"/>
      <c r="T656" s="81"/>
      <c r="U656" s="81"/>
      <c r="V656" s="81"/>
      <c r="W656" s="81"/>
      <c r="X656" s="81"/>
      <c r="Y656" s="81"/>
      <c r="Z656" s="81"/>
      <c r="AA656" s="81"/>
      <c r="AB656" s="81"/>
      <c r="AC656" s="81"/>
      <c r="AD656" s="81"/>
      <c r="AE656" s="81"/>
      <c r="AF656" s="81"/>
      <c r="AG656" s="81"/>
      <c r="AH656" s="81"/>
      <c r="AI656" s="81"/>
      <c r="AJ656" s="81"/>
      <c r="AK656" s="81"/>
      <c r="AL656" s="81"/>
      <c r="AM656" s="79" t="s">
        <v>66</v>
      </c>
      <c r="AN656" s="79" t="s">
        <v>66</v>
      </c>
      <c r="AO656" s="79" t="s">
        <v>66</v>
      </c>
      <c r="AP656" s="79" t="s">
        <v>66</v>
      </c>
      <c r="AQ656" s="81"/>
      <c r="AR656" s="81"/>
      <c r="AS656" s="81"/>
      <c r="AT656" s="81"/>
      <c r="AU656" s="81"/>
      <c r="AV656" s="81"/>
      <c r="AW656" s="80">
        <f t="shared" si="370"/>
        <v>2251</v>
      </c>
      <c r="AX656" s="76">
        <f t="shared" si="403"/>
        <v>11.141270546423812</v>
      </c>
      <c r="AY656" s="79" t="str">
        <f t="shared" si="371"/>
        <v/>
      </c>
      <c r="AZ656" s="79" t="str">
        <f t="shared" si="372"/>
        <v/>
      </c>
      <c r="BA656" s="79" t="str">
        <f t="shared" si="373"/>
        <v/>
      </c>
      <c r="BB656" s="79" t="str">
        <f t="shared" si="374"/>
        <v/>
      </c>
      <c r="BC656" s="79" t="str">
        <f t="shared" si="375"/>
        <v/>
      </c>
      <c r="BD656" s="79" t="str">
        <f t="shared" si="376"/>
        <v/>
      </c>
      <c r="BE656" s="79" t="str">
        <f t="shared" si="377"/>
        <v/>
      </c>
      <c r="BF656" s="79" t="str">
        <f t="shared" si="378"/>
        <v/>
      </c>
      <c r="BG656" s="79" t="str">
        <f t="shared" si="379"/>
        <v/>
      </c>
      <c r="BH656" s="79" t="str">
        <f t="shared" si="380"/>
        <v/>
      </c>
      <c r="BI656" s="79" t="str">
        <f t="shared" si="381"/>
        <v/>
      </c>
      <c r="BJ656" s="79" t="str">
        <f t="shared" si="382"/>
        <v/>
      </c>
      <c r="BK656" s="79" t="str">
        <f t="shared" si="383"/>
        <v/>
      </c>
      <c r="BL656" s="79" t="str">
        <f t="shared" si="384"/>
        <v/>
      </c>
      <c r="BM656" s="79" t="str">
        <f t="shared" si="385"/>
        <v/>
      </c>
      <c r="BN656" s="79" t="str">
        <f t="shared" si="386"/>
        <v/>
      </c>
      <c r="BO656" s="79" t="str">
        <f t="shared" si="387"/>
        <v/>
      </c>
      <c r="BP656" s="79" t="str">
        <f t="shared" si="388"/>
        <v/>
      </c>
      <c r="BQ656" s="79" t="str">
        <f t="shared" si="389"/>
        <v/>
      </c>
      <c r="BR656" s="79" t="str">
        <f t="shared" si="390"/>
        <v/>
      </c>
      <c r="BS656" s="79" t="str">
        <f t="shared" si="391"/>
        <v/>
      </c>
      <c r="BT656" s="79">
        <f t="shared" si="392"/>
        <v>2785.3176366059529</v>
      </c>
      <c r="BU656" s="79">
        <f t="shared" si="393"/>
        <v>4456.5082185695246</v>
      </c>
      <c r="BV656" s="79">
        <f t="shared" si="394"/>
        <v>15597.778764993336</v>
      </c>
      <c r="BW656" s="79">
        <f t="shared" si="395"/>
        <v>2239.3953798311859</v>
      </c>
      <c r="BX656" s="79" t="str">
        <f t="shared" si="396"/>
        <v/>
      </c>
      <c r="BY656" s="79" t="str">
        <f t="shared" si="397"/>
        <v/>
      </c>
      <c r="BZ656" s="79" t="str">
        <f t="shared" si="398"/>
        <v/>
      </c>
      <c r="CA656" s="79" t="str">
        <f t="shared" si="399"/>
        <v/>
      </c>
      <c r="CB656" s="79" t="str">
        <f t="shared" si="400"/>
        <v/>
      </c>
      <c r="CC656" s="79" t="str">
        <f t="shared" si="401"/>
        <v/>
      </c>
      <c r="CD656" s="81" t="s">
        <v>660</v>
      </c>
      <c r="CE656" s="81"/>
      <c r="CF656" s="83" t="s">
        <v>661</v>
      </c>
    </row>
    <row r="657" spans="1:84" ht="56.1" hidden="1" customHeight="1" x14ac:dyDescent="0.2">
      <c r="A657" s="91">
        <v>657</v>
      </c>
      <c r="B657" s="23" t="s">
        <v>53</v>
      </c>
      <c r="C657" s="35" t="s">
        <v>655</v>
      </c>
      <c r="D657" s="77" t="s">
        <v>656</v>
      </c>
      <c r="E657" s="75" t="s">
        <v>782</v>
      </c>
      <c r="F657" s="75" t="s">
        <v>783</v>
      </c>
      <c r="G657" s="75" t="s">
        <v>90</v>
      </c>
      <c r="H657" s="75" t="s">
        <v>769</v>
      </c>
      <c r="I657" s="77" t="s">
        <v>60</v>
      </c>
      <c r="J657" s="77" t="s">
        <v>77</v>
      </c>
      <c r="K657" s="75" t="s">
        <v>722</v>
      </c>
      <c r="L657" s="76" t="s">
        <v>63</v>
      </c>
      <c r="M657" s="76" t="s">
        <v>63</v>
      </c>
      <c r="N657" s="81">
        <v>75236</v>
      </c>
      <c r="O657" s="81">
        <f t="shared" si="368"/>
        <v>75236</v>
      </c>
      <c r="P657" s="76" t="s">
        <v>723</v>
      </c>
      <c r="Q657" s="84" t="s">
        <v>65</v>
      </c>
      <c r="R657" s="81"/>
      <c r="S657" s="81"/>
      <c r="T657" s="81"/>
      <c r="U657" s="81"/>
      <c r="V657" s="81"/>
      <c r="W657" s="81"/>
      <c r="X657" s="81"/>
      <c r="Y657" s="81"/>
      <c r="Z657" s="81"/>
      <c r="AA657" s="81"/>
      <c r="AB657" s="81"/>
      <c r="AC657" s="81"/>
      <c r="AD657" s="81"/>
      <c r="AE657" s="81"/>
      <c r="AF657" s="81"/>
      <c r="AG657" s="81"/>
      <c r="AH657" s="81"/>
      <c r="AI657" s="81"/>
      <c r="AJ657" s="81"/>
      <c r="AK657" s="81"/>
      <c r="AL657" s="81"/>
      <c r="AM657" s="79" t="s">
        <v>66</v>
      </c>
      <c r="AN657" s="81"/>
      <c r="AO657" s="79" t="s">
        <v>66</v>
      </c>
      <c r="AP657" s="81"/>
      <c r="AQ657" s="81"/>
      <c r="AR657" s="81"/>
      <c r="AS657" s="81"/>
      <c r="AT657" s="81"/>
      <c r="AU657" s="81"/>
      <c r="AV657" s="81"/>
      <c r="AW657" s="80">
        <f t="shared" si="370"/>
        <v>1650</v>
      </c>
      <c r="AX657" s="76">
        <f t="shared" si="403"/>
        <v>45.597575757575754</v>
      </c>
      <c r="AY657" s="79" t="str">
        <f t="shared" si="371"/>
        <v/>
      </c>
      <c r="AZ657" s="79" t="str">
        <f t="shared" si="372"/>
        <v/>
      </c>
      <c r="BA657" s="79" t="str">
        <f t="shared" si="373"/>
        <v/>
      </c>
      <c r="BB657" s="79" t="str">
        <f t="shared" si="374"/>
        <v/>
      </c>
      <c r="BC657" s="79" t="str">
        <f t="shared" si="375"/>
        <v/>
      </c>
      <c r="BD657" s="79" t="str">
        <f t="shared" si="376"/>
        <v/>
      </c>
      <c r="BE657" s="79" t="str">
        <f t="shared" si="377"/>
        <v/>
      </c>
      <c r="BF657" s="79" t="str">
        <f t="shared" si="378"/>
        <v/>
      </c>
      <c r="BG657" s="79" t="str">
        <f t="shared" si="379"/>
        <v/>
      </c>
      <c r="BH657" s="79" t="str">
        <f t="shared" si="380"/>
        <v/>
      </c>
      <c r="BI657" s="79" t="str">
        <f t="shared" si="381"/>
        <v/>
      </c>
      <c r="BJ657" s="79" t="str">
        <f t="shared" si="382"/>
        <v/>
      </c>
      <c r="BK657" s="79" t="str">
        <f t="shared" si="383"/>
        <v/>
      </c>
      <c r="BL657" s="79" t="str">
        <f t="shared" si="384"/>
        <v/>
      </c>
      <c r="BM657" s="79" t="str">
        <f t="shared" si="385"/>
        <v/>
      </c>
      <c r="BN657" s="79" t="str">
        <f t="shared" si="386"/>
        <v/>
      </c>
      <c r="BO657" s="79" t="str">
        <f t="shared" si="387"/>
        <v/>
      </c>
      <c r="BP657" s="79" t="str">
        <f t="shared" si="388"/>
        <v/>
      </c>
      <c r="BQ657" s="79" t="str">
        <f t="shared" si="389"/>
        <v/>
      </c>
      <c r="BR657" s="79" t="str">
        <f t="shared" si="390"/>
        <v/>
      </c>
      <c r="BS657" s="79" t="str">
        <f t="shared" si="391"/>
        <v/>
      </c>
      <c r="BT657" s="79">
        <f t="shared" si="392"/>
        <v>11399.393939393938</v>
      </c>
      <c r="BU657" s="79" t="str">
        <f t="shared" si="393"/>
        <v/>
      </c>
      <c r="BV657" s="79">
        <f t="shared" si="394"/>
        <v>63836.606060606056</v>
      </c>
      <c r="BW657" s="79" t="str">
        <f t="shared" si="395"/>
        <v/>
      </c>
      <c r="BX657" s="79" t="str">
        <f t="shared" si="396"/>
        <v/>
      </c>
      <c r="BY657" s="79" t="str">
        <f t="shared" si="397"/>
        <v/>
      </c>
      <c r="BZ657" s="79" t="str">
        <f t="shared" si="398"/>
        <v/>
      </c>
      <c r="CA657" s="79" t="str">
        <f t="shared" si="399"/>
        <v/>
      </c>
      <c r="CB657" s="79" t="str">
        <f t="shared" si="400"/>
        <v/>
      </c>
      <c r="CC657" s="79" t="str">
        <f t="shared" si="401"/>
        <v/>
      </c>
      <c r="CD657" s="81" t="s">
        <v>660</v>
      </c>
      <c r="CE657" s="81"/>
      <c r="CF657" s="83" t="s">
        <v>661</v>
      </c>
    </row>
    <row r="658" spans="1:84" ht="56.1" hidden="1" customHeight="1" x14ac:dyDescent="0.2">
      <c r="A658" s="91">
        <v>658</v>
      </c>
      <c r="B658" s="23" t="s">
        <v>53</v>
      </c>
      <c r="C658" s="35" t="s">
        <v>655</v>
      </c>
      <c r="D658" s="77" t="s">
        <v>656</v>
      </c>
      <c r="E658" s="75" t="s">
        <v>784</v>
      </c>
      <c r="F658" s="75" t="s">
        <v>785</v>
      </c>
      <c r="G658" s="75" t="s">
        <v>90</v>
      </c>
      <c r="H658" s="75" t="s">
        <v>63</v>
      </c>
      <c r="I658" s="77" t="s">
        <v>81</v>
      </c>
      <c r="J658" s="77" t="s">
        <v>77</v>
      </c>
      <c r="K658" s="78" t="s">
        <v>225</v>
      </c>
      <c r="L658" s="76" t="s">
        <v>63</v>
      </c>
      <c r="M658" s="76" t="s">
        <v>63</v>
      </c>
      <c r="N658" s="81">
        <v>952988</v>
      </c>
      <c r="O658" s="81">
        <f t="shared" si="368"/>
        <v>952988</v>
      </c>
      <c r="P658" s="76" t="s">
        <v>659</v>
      </c>
      <c r="Q658" s="84" t="s">
        <v>65</v>
      </c>
      <c r="R658" s="81"/>
      <c r="S658" s="81"/>
      <c r="T658" s="81"/>
      <c r="U658" s="81"/>
      <c r="V658" s="81"/>
      <c r="W658" s="81"/>
      <c r="X658" s="81"/>
      <c r="Y658" s="81"/>
      <c r="Z658" s="81"/>
      <c r="AA658" s="81"/>
      <c r="AB658" s="81"/>
      <c r="AC658" s="81"/>
      <c r="AD658" s="81"/>
      <c r="AE658" s="81"/>
      <c r="AF658" s="81"/>
      <c r="AG658" s="81"/>
      <c r="AH658" s="81"/>
      <c r="AI658" s="81"/>
      <c r="AJ658" s="81"/>
      <c r="AK658" s="81"/>
      <c r="AL658" s="81"/>
      <c r="AM658" s="79" t="s">
        <v>66</v>
      </c>
      <c r="AN658" s="79" t="s">
        <v>66</v>
      </c>
      <c r="AO658" s="79" t="s">
        <v>66</v>
      </c>
      <c r="AP658" s="79" t="s">
        <v>66</v>
      </c>
      <c r="AQ658" s="81"/>
      <c r="AR658" s="81"/>
      <c r="AS658" s="81"/>
      <c r="AT658" s="81"/>
      <c r="AU658" s="81"/>
      <c r="AV658" s="81"/>
      <c r="AW658" s="80">
        <f t="shared" si="370"/>
        <v>2251</v>
      </c>
      <c r="AX658" s="76">
        <f t="shared" si="403"/>
        <v>423.36206130608616</v>
      </c>
      <c r="AY658" s="79" t="str">
        <f t="shared" si="371"/>
        <v/>
      </c>
      <c r="AZ658" s="79" t="str">
        <f t="shared" si="372"/>
        <v/>
      </c>
      <c r="BA658" s="79" t="str">
        <f t="shared" si="373"/>
        <v/>
      </c>
      <c r="BB658" s="79" t="str">
        <f t="shared" si="374"/>
        <v/>
      </c>
      <c r="BC658" s="79" t="str">
        <f t="shared" si="375"/>
        <v/>
      </c>
      <c r="BD658" s="79" t="str">
        <f t="shared" si="376"/>
        <v/>
      </c>
      <c r="BE658" s="79" t="str">
        <f t="shared" si="377"/>
        <v/>
      </c>
      <c r="BF658" s="79" t="str">
        <f t="shared" si="378"/>
        <v/>
      </c>
      <c r="BG658" s="79" t="str">
        <f t="shared" si="379"/>
        <v/>
      </c>
      <c r="BH658" s="79" t="str">
        <f t="shared" si="380"/>
        <v/>
      </c>
      <c r="BI658" s="79" t="str">
        <f t="shared" si="381"/>
        <v/>
      </c>
      <c r="BJ658" s="79" t="str">
        <f t="shared" si="382"/>
        <v/>
      </c>
      <c r="BK658" s="79" t="str">
        <f t="shared" si="383"/>
        <v/>
      </c>
      <c r="BL658" s="79" t="str">
        <f t="shared" si="384"/>
        <v/>
      </c>
      <c r="BM658" s="79" t="str">
        <f t="shared" si="385"/>
        <v/>
      </c>
      <c r="BN658" s="79" t="str">
        <f t="shared" si="386"/>
        <v/>
      </c>
      <c r="BO658" s="79" t="str">
        <f t="shared" si="387"/>
        <v/>
      </c>
      <c r="BP658" s="79" t="str">
        <f t="shared" si="388"/>
        <v/>
      </c>
      <c r="BQ658" s="79" t="str">
        <f t="shared" si="389"/>
        <v/>
      </c>
      <c r="BR658" s="79" t="str">
        <f t="shared" si="390"/>
        <v/>
      </c>
      <c r="BS658" s="79" t="str">
        <f t="shared" si="391"/>
        <v/>
      </c>
      <c r="BT658" s="79">
        <f t="shared" si="392"/>
        <v>105840.51532652153</v>
      </c>
      <c r="BU658" s="79">
        <f t="shared" si="393"/>
        <v>169344.82452243447</v>
      </c>
      <c r="BV658" s="79">
        <f t="shared" si="394"/>
        <v>592706.88582852064</v>
      </c>
      <c r="BW658" s="79">
        <f t="shared" si="395"/>
        <v>85095.774322523313</v>
      </c>
      <c r="BX658" s="79" t="str">
        <f t="shared" si="396"/>
        <v/>
      </c>
      <c r="BY658" s="79" t="str">
        <f t="shared" si="397"/>
        <v/>
      </c>
      <c r="BZ658" s="79" t="str">
        <f t="shared" si="398"/>
        <v/>
      </c>
      <c r="CA658" s="79" t="str">
        <f t="shared" si="399"/>
        <v/>
      </c>
      <c r="CB658" s="79" t="str">
        <f t="shared" si="400"/>
        <v/>
      </c>
      <c r="CC658" s="79" t="str">
        <f t="shared" si="401"/>
        <v/>
      </c>
      <c r="CD658" s="81" t="s">
        <v>660</v>
      </c>
      <c r="CE658" s="81"/>
      <c r="CF658" s="83" t="s">
        <v>661</v>
      </c>
    </row>
    <row r="659" spans="1:84" s="322" customFormat="1" ht="56.1" hidden="1" customHeight="1" x14ac:dyDescent="0.2">
      <c r="A659" s="302">
        <v>659</v>
      </c>
      <c r="B659" s="24" t="s">
        <v>53</v>
      </c>
      <c r="C659" s="35" t="s">
        <v>655</v>
      </c>
      <c r="D659" s="310" t="s">
        <v>656</v>
      </c>
      <c r="E659" s="310" t="s">
        <v>786</v>
      </c>
      <c r="F659" s="310" t="s">
        <v>787</v>
      </c>
      <c r="G659" s="310" t="s">
        <v>90</v>
      </c>
      <c r="H659" s="310" t="s">
        <v>63</v>
      </c>
      <c r="I659" s="310" t="s">
        <v>81</v>
      </c>
      <c r="J659" s="310" t="s">
        <v>77</v>
      </c>
      <c r="K659" s="303" t="s">
        <v>225</v>
      </c>
      <c r="L659" s="309" t="s">
        <v>63</v>
      </c>
      <c r="M659" s="309" t="s">
        <v>63</v>
      </c>
      <c r="N659" s="309">
        <v>50157</v>
      </c>
      <c r="O659" s="309">
        <f t="shared" si="368"/>
        <v>50157</v>
      </c>
      <c r="P659" s="309" t="s">
        <v>659</v>
      </c>
      <c r="Q659" s="309" t="s">
        <v>65</v>
      </c>
      <c r="R659" s="309"/>
      <c r="S659" s="309"/>
      <c r="T659" s="309"/>
      <c r="U659" s="309"/>
      <c r="V659" s="309"/>
      <c r="W659" s="309"/>
      <c r="X659" s="309"/>
      <c r="Y659" s="309"/>
      <c r="Z659" s="309"/>
      <c r="AA659" s="309"/>
      <c r="AB659" s="309"/>
      <c r="AC659" s="309"/>
      <c r="AD659" s="309"/>
      <c r="AE659" s="309"/>
      <c r="AF659" s="309"/>
      <c r="AG659" s="309"/>
      <c r="AH659" s="309"/>
      <c r="AI659" s="309"/>
      <c r="AJ659" s="309"/>
      <c r="AK659" s="309"/>
      <c r="AL659" s="309"/>
      <c r="AM659" s="307" t="s">
        <v>66</v>
      </c>
      <c r="AN659" s="307" t="s">
        <v>66</v>
      </c>
      <c r="AO659" s="307" t="s">
        <v>66</v>
      </c>
      <c r="AP659" s="307" t="s">
        <v>66</v>
      </c>
      <c r="AQ659" s="309"/>
      <c r="AR659" s="309"/>
      <c r="AS659" s="309"/>
      <c r="AT659" s="309"/>
      <c r="AU659" s="309"/>
      <c r="AV659" s="309"/>
      <c r="AW659" s="308">
        <f t="shared" si="370"/>
        <v>2251</v>
      </c>
      <c r="AX659" s="309">
        <f t="shared" si="403"/>
        <v>22.28209684584629</v>
      </c>
      <c r="AY659" s="307" t="str">
        <f t="shared" si="371"/>
        <v/>
      </c>
      <c r="AZ659" s="307" t="str">
        <f t="shared" si="372"/>
        <v/>
      </c>
      <c r="BA659" s="307" t="str">
        <f t="shared" si="373"/>
        <v/>
      </c>
      <c r="BB659" s="307" t="str">
        <f t="shared" si="374"/>
        <v/>
      </c>
      <c r="BC659" s="307" t="str">
        <f t="shared" si="375"/>
        <v/>
      </c>
      <c r="BD659" s="307" t="str">
        <f t="shared" si="376"/>
        <v/>
      </c>
      <c r="BE659" s="307" t="str">
        <f t="shared" si="377"/>
        <v/>
      </c>
      <c r="BF659" s="307" t="str">
        <f t="shared" si="378"/>
        <v/>
      </c>
      <c r="BG659" s="307" t="str">
        <f t="shared" si="379"/>
        <v/>
      </c>
      <c r="BH659" s="307" t="str">
        <f t="shared" si="380"/>
        <v/>
      </c>
      <c r="BI659" s="307" t="str">
        <f t="shared" si="381"/>
        <v/>
      </c>
      <c r="BJ659" s="307" t="str">
        <f t="shared" si="382"/>
        <v/>
      </c>
      <c r="BK659" s="307" t="str">
        <f t="shared" si="383"/>
        <v/>
      </c>
      <c r="BL659" s="307" t="str">
        <f t="shared" si="384"/>
        <v/>
      </c>
      <c r="BM659" s="307" t="str">
        <f t="shared" si="385"/>
        <v/>
      </c>
      <c r="BN659" s="307" t="str">
        <f t="shared" si="386"/>
        <v/>
      </c>
      <c r="BO659" s="307" t="str">
        <f t="shared" si="387"/>
        <v/>
      </c>
      <c r="BP659" s="307" t="str">
        <f t="shared" si="388"/>
        <v/>
      </c>
      <c r="BQ659" s="307" t="str">
        <f t="shared" si="389"/>
        <v/>
      </c>
      <c r="BR659" s="307" t="str">
        <f t="shared" si="390"/>
        <v/>
      </c>
      <c r="BS659" s="307" t="str">
        <f t="shared" si="391"/>
        <v/>
      </c>
      <c r="BT659" s="307">
        <f t="shared" si="392"/>
        <v>5570.5242114615721</v>
      </c>
      <c r="BU659" s="307">
        <f t="shared" si="393"/>
        <v>8912.8387383385161</v>
      </c>
      <c r="BV659" s="307">
        <f t="shared" si="394"/>
        <v>31194.935584184805</v>
      </c>
      <c r="BW659" s="307">
        <f t="shared" si="395"/>
        <v>4478.7014660151044</v>
      </c>
      <c r="BX659" s="307" t="str">
        <f t="shared" si="396"/>
        <v/>
      </c>
      <c r="BY659" s="307" t="str">
        <f t="shared" si="397"/>
        <v/>
      </c>
      <c r="BZ659" s="307" t="str">
        <f t="shared" si="398"/>
        <v/>
      </c>
      <c r="CA659" s="307" t="str">
        <f t="shared" si="399"/>
        <v/>
      </c>
      <c r="CB659" s="307" t="str">
        <f t="shared" si="400"/>
        <v/>
      </c>
      <c r="CC659" s="307" t="str">
        <f t="shared" si="401"/>
        <v/>
      </c>
      <c r="CD659" s="309" t="s">
        <v>660</v>
      </c>
      <c r="CE659" s="309"/>
      <c r="CF659" s="321" t="s">
        <v>661</v>
      </c>
    </row>
    <row r="660" spans="1:84" ht="56.1" hidden="1" customHeight="1" x14ac:dyDescent="0.2">
      <c r="A660" s="91">
        <v>660</v>
      </c>
      <c r="B660" s="23" t="s">
        <v>53</v>
      </c>
      <c r="C660" s="35" t="s">
        <v>655</v>
      </c>
      <c r="D660" s="77" t="s">
        <v>656</v>
      </c>
      <c r="E660" s="75" t="s">
        <v>788</v>
      </c>
      <c r="F660" s="75" t="s">
        <v>789</v>
      </c>
      <c r="G660" s="75" t="s">
        <v>90</v>
      </c>
      <c r="H660" s="75" t="s">
        <v>38</v>
      </c>
      <c r="I660" s="77" t="s">
        <v>60</v>
      </c>
      <c r="J660" s="77" t="s">
        <v>77</v>
      </c>
      <c r="K660" s="85" t="s">
        <v>722</v>
      </c>
      <c r="L660" s="76" t="s">
        <v>63</v>
      </c>
      <c r="M660" s="76" t="s">
        <v>63</v>
      </c>
      <c r="N660" s="81">
        <v>25079</v>
      </c>
      <c r="O660" s="81">
        <f t="shared" si="368"/>
        <v>25079</v>
      </c>
      <c r="P660" s="76" t="s">
        <v>723</v>
      </c>
      <c r="Q660" s="84" t="s">
        <v>65</v>
      </c>
      <c r="R660" s="81"/>
      <c r="S660" s="81"/>
      <c r="T660" s="81"/>
      <c r="U660" s="81"/>
      <c r="V660" s="81"/>
      <c r="W660" s="81"/>
      <c r="X660" s="81"/>
      <c r="Y660" s="81"/>
      <c r="Z660" s="81"/>
      <c r="AA660" s="81"/>
      <c r="AB660" s="81"/>
      <c r="AC660" s="81"/>
      <c r="AD660" s="81"/>
      <c r="AE660" s="81"/>
      <c r="AF660" s="81"/>
      <c r="AG660" s="81"/>
      <c r="AH660" s="81"/>
      <c r="AI660" s="81"/>
      <c r="AJ660" s="81"/>
      <c r="AK660" s="81"/>
      <c r="AL660" s="81"/>
      <c r="AM660" s="79" t="s">
        <v>66</v>
      </c>
      <c r="AN660" s="79"/>
      <c r="AO660" s="79"/>
      <c r="AP660" s="79"/>
      <c r="AQ660" s="81"/>
      <c r="AR660" s="81"/>
      <c r="AS660" s="81"/>
      <c r="AT660" s="81"/>
      <c r="AU660" s="81"/>
      <c r="AV660" s="81"/>
      <c r="AW660" s="80">
        <f t="shared" si="370"/>
        <v>250</v>
      </c>
      <c r="AX660" s="76">
        <f t="shared" si="403"/>
        <v>100.316</v>
      </c>
      <c r="AY660" s="79" t="str">
        <f t="shared" si="371"/>
        <v/>
      </c>
      <c r="AZ660" s="79" t="str">
        <f t="shared" si="372"/>
        <v/>
      </c>
      <c r="BA660" s="79" t="str">
        <f t="shared" si="373"/>
        <v/>
      </c>
      <c r="BB660" s="79" t="str">
        <f t="shared" si="374"/>
        <v/>
      </c>
      <c r="BC660" s="79" t="str">
        <f t="shared" si="375"/>
        <v/>
      </c>
      <c r="BD660" s="79" t="str">
        <f t="shared" si="376"/>
        <v/>
      </c>
      <c r="BE660" s="79" t="str">
        <f t="shared" si="377"/>
        <v/>
      </c>
      <c r="BF660" s="79" t="str">
        <f t="shared" si="378"/>
        <v/>
      </c>
      <c r="BG660" s="79" t="str">
        <f t="shared" si="379"/>
        <v/>
      </c>
      <c r="BH660" s="79" t="str">
        <f t="shared" si="380"/>
        <v/>
      </c>
      <c r="BI660" s="79" t="str">
        <f t="shared" si="381"/>
        <v/>
      </c>
      <c r="BJ660" s="79" t="str">
        <f t="shared" si="382"/>
        <v/>
      </c>
      <c r="BK660" s="79" t="str">
        <f t="shared" si="383"/>
        <v/>
      </c>
      <c r="BL660" s="79" t="str">
        <f t="shared" si="384"/>
        <v/>
      </c>
      <c r="BM660" s="79" t="str">
        <f t="shared" si="385"/>
        <v/>
      </c>
      <c r="BN660" s="79" t="str">
        <f t="shared" si="386"/>
        <v/>
      </c>
      <c r="BO660" s="79" t="str">
        <f t="shared" si="387"/>
        <v/>
      </c>
      <c r="BP660" s="79" t="str">
        <f t="shared" si="388"/>
        <v/>
      </c>
      <c r="BQ660" s="79" t="str">
        <f t="shared" si="389"/>
        <v/>
      </c>
      <c r="BR660" s="79" t="str">
        <f t="shared" si="390"/>
        <v/>
      </c>
      <c r="BS660" s="79" t="str">
        <f t="shared" si="391"/>
        <v/>
      </c>
      <c r="BT660" s="79">
        <f t="shared" si="392"/>
        <v>25079</v>
      </c>
      <c r="BU660" s="79" t="str">
        <f t="shared" si="393"/>
        <v/>
      </c>
      <c r="BV660" s="79" t="str">
        <f t="shared" si="394"/>
        <v/>
      </c>
      <c r="BW660" s="79" t="str">
        <f t="shared" si="395"/>
        <v/>
      </c>
      <c r="BX660" s="79" t="str">
        <f t="shared" si="396"/>
        <v/>
      </c>
      <c r="BY660" s="79" t="str">
        <f t="shared" si="397"/>
        <v/>
      </c>
      <c r="BZ660" s="79" t="str">
        <f t="shared" si="398"/>
        <v/>
      </c>
      <c r="CA660" s="79" t="str">
        <f t="shared" si="399"/>
        <v/>
      </c>
      <c r="CB660" s="79" t="str">
        <f t="shared" si="400"/>
        <v/>
      </c>
      <c r="CC660" s="79" t="str">
        <f t="shared" si="401"/>
        <v/>
      </c>
      <c r="CD660" s="81" t="s">
        <v>660</v>
      </c>
      <c r="CE660" s="81"/>
      <c r="CF660" s="83" t="s">
        <v>661</v>
      </c>
    </row>
    <row r="661" spans="1:84" ht="56.1" hidden="1" customHeight="1" x14ac:dyDescent="0.2">
      <c r="A661" s="91">
        <v>661</v>
      </c>
      <c r="B661" s="23" t="s">
        <v>53</v>
      </c>
      <c r="C661" s="35" t="s">
        <v>655</v>
      </c>
      <c r="D661" s="77" t="s">
        <v>656</v>
      </c>
      <c r="E661" s="75" t="s">
        <v>790</v>
      </c>
      <c r="F661" s="75" t="s">
        <v>791</v>
      </c>
      <c r="G661" s="75" t="s">
        <v>90</v>
      </c>
      <c r="H661" s="75" t="s">
        <v>769</v>
      </c>
      <c r="I661" s="77" t="s">
        <v>60</v>
      </c>
      <c r="J661" s="77" t="s">
        <v>77</v>
      </c>
      <c r="K661" s="85" t="s">
        <v>722</v>
      </c>
      <c r="L661" s="76" t="s">
        <v>63</v>
      </c>
      <c r="M661" s="76" t="s">
        <v>63</v>
      </c>
      <c r="N661" s="81">
        <v>144453</v>
      </c>
      <c r="O661" s="81">
        <f t="shared" si="368"/>
        <v>144453</v>
      </c>
      <c r="P661" s="76" t="s">
        <v>723</v>
      </c>
      <c r="Q661" s="84" t="s">
        <v>65</v>
      </c>
      <c r="R661" s="81"/>
      <c r="S661" s="81"/>
      <c r="T661" s="81"/>
      <c r="U661" s="81"/>
      <c r="V661" s="81"/>
      <c r="W661" s="81"/>
      <c r="X661" s="81"/>
      <c r="Y661" s="81"/>
      <c r="Z661" s="81"/>
      <c r="AA661" s="81"/>
      <c r="AB661" s="81"/>
      <c r="AC661" s="81"/>
      <c r="AD661" s="81"/>
      <c r="AE661" s="81"/>
      <c r="AF661" s="81"/>
      <c r="AG661" s="81"/>
      <c r="AH661" s="81"/>
      <c r="AI661" s="81"/>
      <c r="AJ661" s="81"/>
      <c r="AK661" s="81"/>
      <c r="AL661" s="81"/>
      <c r="AM661" s="79" t="s">
        <v>66</v>
      </c>
      <c r="AN661" s="81"/>
      <c r="AO661" s="79" t="s">
        <v>66</v>
      </c>
      <c r="AP661" s="81"/>
      <c r="AQ661" s="81"/>
      <c r="AR661" s="81"/>
      <c r="AS661" s="81"/>
      <c r="AT661" s="81"/>
      <c r="AU661" s="81"/>
      <c r="AV661" s="81"/>
      <c r="AW661" s="80">
        <f t="shared" si="370"/>
        <v>1650</v>
      </c>
      <c r="AX661" s="76">
        <f t="shared" si="403"/>
        <v>87.547272727272727</v>
      </c>
      <c r="AY661" s="79" t="str">
        <f t="shared" si="371"/>
        <v/>
      </c>
      <c r="AZ661" s="79" t="str">
        <f t="shared" si="372"/>
        <v/>
      </c>
      <c r="BA661" s="79" t="str">
        <f t="shared" si="373"/>
        <v/>
      </c>
      <c r="BB661" s="79" t="str">
        <f t="shared" si="374"/>
        <v/>
      </c>
      <c r="BC661" s="79" t="str">
        <f t="shared" si="375"/>
        <v/>
      </c>
      <c r="BD661" s="79" t="str">
        <f t="shared" si="376"/>
        <v/>
      </c>
      <c r="BE661" s="79" t="str">
        <f t="shared" si="377"/>
        <v/>
      </c>
      <c r="BF661" s="79" t="str">
        <f t="shared" si="378"/>
        <v/>
      </c>
      <c r="BG661" s="79" t="str">
        <f t="shared" si="379"/>
        <v/>
      </c>
      <c r="BH661" s="79" t="str">
        <f t="shared" si="380"/>
        <v/>
      </c>
      <c r="BI661" s="79" t="str">
        <f t="shared" si="381"/>
        <v/>
      </c>
      <c r="BJ661" s="79" t="str">
        <f t="shared" si="382"/>
        <v/>
      </c>
      <c r="BK661" s="79" t="str">
        <f t="shared" si="383"/>
        <v/>
      </c>
      <c r="BL661" s="79" t="str">
        <f t="shared" si="384"/>
        <v/>
      </c>
      <c r="BM661" s="79" t="str">
        <f t="shared" si="385"/>
        <v/>
      </c>
      <c r="BN661" s="79" t="str">
        <f t="shared" si="386"/>
        <v/>
      </c>
      <c r="BO661" s="79" t="str">
        <f t="shared" si="387"/>
        <v/>
      </c>
      <c r="BP661" s="79" t="str">
        <f t="shared" si="388"/>
        <v/>
      </c>
      <c r="BQ661" s="79" t="str">
        <f t="shared" si="389"/>
        <v/>
      </c>
      <c r="BR661" s="79" t="str">
        <f t="shared" si="390"/>
        <v/>
      </c>
      <c r="BS661" s="79" t="str">
        <f t="shared" si="391"/>
        <v/>
      </c>
      <c r="BT661" s="79">
        <f t="shared" si="392"/>
        <v>21886.81818181818</v>
      </c>
      <c r="BU661" s="79" t="str">
        <f t="shared" si="393"/>
        <v/>
      </c>
      <c r="BV661" s="79">
        <f t="shared" si="394"/>
        <v>122566.18181818182</v>
      </c>
      <c r="BW661" s="79" t="str">
        <f t="shared" si="395"/>
        <v/>
      </c>
      <c r="BX661" s="79" t="str">
        <f t="shared" si="396"/>
        <v/>
      </c>
      <c r="BY661" s="79" t="str">
        <f t="shared" si="397"/>
        <v/>
      </c>
      <c r="BZ661" s="79" t="str">
        <f t="shared" si="398"/>
        <v/>
      </c>
      <c r="CA661" s="79" t="str">
        <f t="shared" si="399"/>
        <v/>
      </c>
      <c r="CB661" s="79" t="str">
        <f t="shared" si="400"/>
        <v/>
      </c>
      <c r="CC661" s="79" t="str">
        <f t="shared" si="401"/>
        <v/>
      </c>
      <c r="CD661" s="81" t="s">
        <v>660</v>
      </c>
      <c r="CE661" s="81"/>
      <c r="CF661" s="83" t="s">
        <v>661</v>
      </c>
    </row>
    <row r="662" spans="1:84" ht="56.1" hidden="1" customHeight="1" x14ac:dyDescent="0.2">
      <c r="A662" s="91">
        <v>662</v>
      </c>
      <c r="B662" s="23" t="s">
        <v>53</v>
      </c>
      <c r="C662" s="35" t="s">
        <v>655</v>
      </c>
      <c r="D662" s="77" t="s">
        <v>656</v>
      </c>
      <c r="E662" s="75" t="s">
        <v>792</v>
      </c>
      <c r="F662" s="75" t="s">
        <v>793</v>
      </c>
      <c r="G662" s="75" t="s">
        <v>90</v>
      </c>
      <c r="H662" s="75" t="s">
        <v>794</v>
      </c>
      <c r="I662" s="77" t="s">
        <v>60</v>
      </c>
      <c r="J662" s="77" t="s">
        <v>77</v>
      </c>
      <c r="K662" s="85" t="s">
        <v>722</v>
      </c>
      <c r="L662" s="76" t="s">
        <v>63</v>
      </c>
      <c r="M662" s="76" t="s">
        <v>63</v>
      </c>
      <c r="N662" s="81">
        <v>50157</v>
      </c>
      <c r="O662" s="81">
        <f t="shared" si="368"/>
        <v>50157</v>
      </c>
      <c r="P662" s="76" t="s">
        <v>723</v>
      </c>
      <c r="Q662" s="84" t="s">
        <v>65</v>
      </c>
      <c r="R662" s="81"/>
      <c r="S662" s="81"/>
      <c r="T662" s="81"/>
      <c r="U662" s="81"/>
      <c r="V662" s="81"/>
      <c r="W662" s="81"/>
      <c r="X662" s="81"/>
      <c r="Y662" s="81"/>
      <c r="Z662" s="81"/>
      <c r="AA662" s="81"/>
      <c r="AB662" s="81"/>
      <c r="AC662" s="81"/>
      <c r="AD662" s="81"/>
      <c r="AE662" s="81"/>
      <c r="AF662" s="81"/>
      <c r="AG662" s="81"/>
      <c r="AH662" s="81"/>
      <c r="AI662" s="81"/>
      <c r="AJ662" s="81"/>
      <c r="AK662" s="81"/>
      <c r="AL662" s="81"/>
      <c r="AM662" s="79" t="s">
        <v>66</v>
      </c>
      <c r="AN662" s="79" t="s">
        <v>66</v>
      </c>
      <c r="AO662" s="79" t="s">
        <v>66</v>
      </c>
      <c r="AP662" s="81"/>
      <c r="AQ662" s="81"/>
      <c r="AR662" s="81"/>
      <c r="AS662" s="81"/>
      <c r="AT662" s="81"/>
      <c r="AU662" s="81"/>
      <c r="AV662" s="81"/>
      <c r="AW662" s="80">
        <f t="shared" si="370"/>
        <v>2050</v>
      </c>
      <c r="AX662" s="76">
        <f t="shared" si="403"/>
        <v>24.466829268292685</v>
      </c>
      <c r="AY662" s="79" t="str">
        <f t="shared" si="371"/>
        <v/>
      </c>
      <c r="AZ662" s="79" t="str">
        <f t="shared" si="372"/>
        <v/>
      </c>
      <c r="BA662" s="79" t="str">
        <f t="shared" si="373"/>
        <v/>
      </c>
      <c r="BB662" s="79" t="str">
        <f t="shared" si="374"/>
        <v/>
      </c>
      <c r="BC662" s="79" t="str">
        <f t="shared" si="375"/>
        <v/>
      </c>
      <c r="BD662" s="79" t="str">
        <f t="shared" si="376"/>
        <v/>
      </c>
      <c r="BE662" s="79" t="str">
        <f t="shared" si="377"/>
        <v/>
      </c>
      <c r="BF662" s="79" t="str">
        <f t="shared" si="378"/>
        <v/>
      </c>
      <c r="BG662" s="79" t="str">
        <f t="shared" si="379"/>
        <v/>
      </c>
      <c r="BH662" s="79" t="str">
        <f t="shared" si="380"/>
        <v/>
      </c>
      <c r="BI662" s="79" t="str">
        <f t="shared" si="381"/>
        <v/>
      </c>
      <c r="BJ662" s="79" t="str">
        <f t="shared" si="382"/>
        <v/>
      </c>
      <c r="BK662" s="79" t="str">
        <f t="shared" si="383"/>
        <v/>
      </c>
      <c r="BL662" s="79" t="str">
        <f t="shared" si="384"/>
        <v/>
      </c>
      <c r="BM662" s="79" t="str">
        <f t="shared" si="385"/>
        <v/>
      </c>
      <c r="BN662" s="79" t="str">
        <f t="shared" si="386"/>
        <v/>
      </c>
      <c r="BO662" s="79" t="str">
        <f t="shared" si="387"/>
        <v/>
      </c>
      <c r="BP662" s="79" t="str">
        <f t="shared" si="388"/>
        <v/>
      </c>
      <c r="BQ662" s="79" t="str">
        <f t="shared" si="389"/>
        <v/>
      </c>
      <c r="BR662" s="79" t="str">
        <f t="shared" si="390"/>
        <v/>
      </c>
      <c r="BS662" s="79" t="str">
        <f t="shared" si="391"/>
        <v/>
      </c>
      <c r="BT662" s="79">
        <f t="shared" si="392"/>
        <v>6116.707317073171</v>
      </c>
      <c r="BU662" s="79">
        <f t="shared" si="393"/>
        <v>9786.7317073170743</v>
      </c>
      <c r="BV662" s="79">
        <f t="shared" si="394"/>
        <v>34253.560975609762</v>
      </c>
      <c r="BW662" s="79" t="str">
        <f t="shared" si="395"/>
        <v/>
      </c>
      <c r="BX662" s="79" t="str">
        <f t="shared" si="396"/>
        <v/>
      </c>
      <c r="BY662" s="79" t="str">
        <f t="shared" si="397"/>
        <v/>
      </c>
      <c r="BZ662" s="79" t="str">
        <f t="shared" si="398"/>
        <v/>
      </c>
      <c r="CA662" s="79" t="str">
        <f t="shared" si="399"/>
        <v/>
      </c>
      <c r="CB662" s="79" t="str">
        <f t="shared" si="400"/>
        <v/>
      </c>
      <c r="CC662" s="79" t="str">
        <f t="shared" si="401"/>
        <v/>
      </c>
      <c r="CD662" s="81" t="s">
        <v>660</v>
      </c>
      <c r="CE662" s="81"/>
      <c r="CF662" s="83" t="s">
        <v>661</v>
      </c>
    </row>
    <row r="663" spans="1:84" s="322" customFormat="1" ht="56.1" hidden="1" customHeight="1" x14ac:dyDescent="0.2">
      <c r="A663" s="302">
        <v>663</v>
      </c>
      <c r="B663" s="24" t="s">
        <v>53</v>
      </c>
      <c r="C663" s="35" t="s">
        <v>655</v>
      </c>
      <c r="D663" s="310" t="s">
        <v>656</v>
      </c>
      <c r="E663" s="310" t="s">
        <v>795</v>
      </c>
      <c r="F663" s="323" t="s">
        <v>796</v>
      </c>
      <c r="G663" s="310" t="s">
        <v>90</v>
      </c>
      <c r="H663" s="310" t="s">
        <v>797</v>
      </c>
      <c r="I663" s="310" t="s">
        <v>60</v>
      </c>
      <c r="J663" s="310" t="s">
        <v>77</v>
      </c>
      <c r="K663" s="324" t="s">
        <v>722</v>
      </c>
      <c r="L663" s="309" t="s">
        <v>63</v>
      </c>
      <c r="M663" s="309" t="s">
        <v>63</v>
      </c>
      <c r="N663" s="309">
        <v>12539</v>
      </c>
      <c r="O663" s="309">
        <f t="shared" si="368"/>
        <v>12539</v>
      </c>
      <c r="P663" s="309" t="s">
        <v>723</v>
      </c>
      <c r="Q663" s="309" t="s">
        <v>65</v>
      </c>
      <c r="R663" s="309"/>
      <c r="S663" s="309"/>
      <c r="T663" s="309"/>
      <c r="U663" s="309"/>
      <c r="V663" s="309"/>
      <c r="W663" s="309"/>
      <c r="X663" s="309"/>
      <c r="Y663" s="309"/>
      <c r="Z663" s="309"/>
      <c r="AA663" s="309"/>
      <c r="AB663" s="309"/>
      <c r="AC663" s="309"/>
      <c r="AD663" s="309"/>
      <c r="AE663" s="309"/>
      <c r="AF663" s="309"/>
      <c r="AG663" s="309"/>
      <c r="AH663" s="309"/>
      <c r="AI663" s="309"/>
      <c r="AJ663" s="309"/>
      <c r="AK663" s="309"/>
      <c r="AL663" s="309"/>
      <c r="AM663" s="307" t="s">
        <v>66</v>
      </c>
      <c r="AN663" s="307" t="s">
        <v>66</v>
      </c>
      <c r="AO663" s="307" t="s">
        <v>66</v>
      </c>
      <c r="AP663" s="309"/>
      <c r="AQ663" s="309"/>
      <c r="AR663" s="309"/>
      <c r="AS663" s="309"/>
      <c r="AT663" s="309"/>
      <c r="AU663" s="309"/>
      <c r="AV663" s="309"/>
      <c r="AW663" s="308">
        <f t="shared" si="370"/>
        <v>2050</v>
      </c>
      <c r="AX663" s="309">
        <f t="shared" si="403"/>
        <v>6.1165853658536582</v>
      </c>
      <c r="AY663" s="307" t="str">
        <f t="shared" si="371"/>
        <v/>
      </c>
      <c r="AZ663" s="307" t="str">
        <f t="shared" si="372"/>
        <v/>
      </c>
      <c r="BA663" s="307" t="str">
        <f t="shared" si="373"/>
        <v/>
      </c>
      <c r="BB663" s="307" t="str">
        <f t="shared" si="374"/>
        <v/>
      </c>
      <c r="BC663" s="307" t="str">
        <f t="shared" si="375"/>
        <v/>
      </c>
      <c r="BD663" s="307" t="str">
        <f t="shared" si="376"/>
        <v/>
      </c>
      <c r="BE663" s="307" t="str">
        <f t="shared" si="377"/>
        <v/>
      </c>
      <c r="BF663" s="307" t="str">
        <f t="shared" si="378"/>
        <v/>
      </c>
      <c r="BG663" s="307" t="str">
        <f t="shared" si="379"/>
        <v/>
      </c>
      <c r="BH663" s="307" t="str">
        <f t="shared" si="380"/>
        <v/>
      </c>
      <c r="BI663" s="307" t="str">
        <f t="shared" si="381"/>
        <v/>
      </c>
      <c r="BJ663" s="307" t="str">
        <f t="shared" si="382"/>
        <v/>
      </c>
      <c r="BK663" s="307" t="str">
        <f t="shared" si="383"/>
        <v/>
      </c>
      <c r="BL663" s="307" t="str">
        <f t="shared" si="384"/>
        <v/>
      </c>
      <c r="BM663" s="307" t="str">
        <f t="shared" si="385"/>
        <v/>
      </c>
      <c r="BN663" s="307" t="str">
        <f t="shared" si="386"/>
        <v/>
      </c>
      <c r="BO663" s="307" t="str">
        <f t="shared" si="387"/>
        <v/>
      </c>
      <c r="BP663" s="307" t="str">
        <f t="shared" si="388"/>
        <v/>
      </c>
      <c r="BQ663" s="307" t="str">
        <f t="shared" si="389"/>
        <v/>
      </c>
      <c r="BR663" s="307" t="str">
        <f t="shared" si="390"/>
        <v/>
      </c>
      <c r="BS663" s="307" t="str">
        <f t="shared" si="391"/>
        <v/>
      </c>
      <c r="BT663" s="307">
        <f t="shared" si="392"/>
        <v>1529.1463414634145</v>
      </c>
      <c r="BU663" s="307">
        <f t="shared" si="393"/>
        <v>2446.6341463414633</v>
      </c>
      <c r="BV663" s="307">
        <f t="shared" si="394"/>
        <v>8563.2195121951208</v>
      </c>
      <c r="BW663" s="307" t="str">
        <f t="shared" si="395"/>
        <v/>
      </c>
      <c r="BX663" s="307" t="str">
        <f t="shared" si="396"/>
        <v/>
      </c>
      <c r="BY663" s="307" t="str">
        <f t="shared" si="397"/>
        <v/>
      </c>
      <c r="BZ663" s="307" t="str">
        <f t="shared" si="398"/>
        <v/>
      </c>
      <c r="CA663" s="307" t="str">
        <f t="shared" si="399"/>
        <v/>
      </c>
      <c r="CB663" s="307" t="str">
        <f t="shared" si="400"/>
        <v/>
      </c>
      <c r="CC663" s="307" t="str">
        <f t="shared" si="401"/>
        <v/>
      </c>
      <c r="CD663" s="309" t="s">
        <v>660</v>
      </c>
      <c r="CE663" s="309"/>
      <c r="CF663" s="321" t="s">
        <v>661</v>
      </c>
    </row>
    <row r="664" spans="1:84" ht="56.1" hidden="1" customHeight="1" x14ac:dyDescent="0.2">
      <c r="A664" s="91">
        <v>664</v>
      </c>
      <c r="B664" s="23" t="s">
        <v>53</v>
      </c>
      <c r="C664" s="35" t="s">
        <v>655</v>
      </c>
      <c r="D664" s="77" t="s">
        <v>656</v>
      </c>
      <c r="E664" s="75" t="s">
        <v>798</v>
      </c>
      <c r="F664" s="77" t="s">
        <v>799</v>
      </c>
      <c r="G664" s="75" t="s">
        <v>90</v>
      </c>
      <c r="H664" s="75" t="s">
        <v>794</v>
      </c>
      <c r="I664" s="77" t="s">
        <v>60</v>
      </c>
      <c r="J664" s="77" t="s">
        <v>77</v>
      </c>
      <c r="K664" s="85" t="s">
        <v>722</v>
      </c>
      <c r="L664" s="76" t="s">
        <v>63</v>
      </c>
      <c r="M664" s="76" t="s">
        <v>63</v>
      </c>
      <c r="N664" s="81">
        <v>75236</v>
      </c>
      <c r="O664" s="81">
        <f t="shared" si="368"/>
        <v>75236</v>
      </c>
      <c r="P664" s="76" t="s">
        <v>723</v>
      </c>
      <c r="Q664" s="84" t="s">
        <v>65</v>
      </c>
      <c r="R664" s="81"/>
      <c r="S664" s="81"/>
      <c r="T664" s="81"/>
      <c r="U664" s="81"/>
      <c r="V664" s="81"/>
      <c r="W664" s="81"/>
      <c r="X664" s="81"/>
      <c r="Y664" s="81"/>
      <c r="Z664" s="81"/>
      <c r="AA664" s="81"/>
      <c r="AB664" s="81"/>
      <c r="AC664" s="81"/>
      <c r="AD664" s="81"/>
      <c r="AE664" s="81"/>
      <c r="AF664" s="81"/>
      <c r="AG664" s="81"/>
      <c r="AH664" s="81"/>
      <c r="AI664" s="81"/>
      <c r="AJ664" s="81"/>
      <c r="AK664" s="81"/>
      <c r="AL664" s="81"/>
      <c r="AM664" s="79" t="s">
        <v>66</v>
      </c>
      <c r="AN664" s="79" t="s">
        <v>66</v>
      </c>
      <c r="AO664" s="79" t="s">
        <v>66</v>
      </c>
      <c r="AP664" s="81"/>
      <c r="AQ664" s="81"/>
      <c r="AR664" s="81"/>
      <c r="AS664" s="81"/>
      <c r="AT664" s="81"/>
      <c r="AU664" s="81"/>
      <c r="AV664" s="81"/>
      <c r="AW664" s="80">
        <f t="shared" si="370"/>
        <v>2050</v>
      </c>
      <c r="AX664" s="76">
        <f t="shared" si="403"/>
        <v>36.700487804878051</v>
      </c>
      <c r="AY664" s="79" t="str">
        <f t="shared" si="371"/>
        <v/>
      </c>
      <c r="AZ664" s="79" t="str">
        <f t="shared" si="372"/>
        <v/>
      </c>
      <c r="BA664" s="79" t="str">
        <f t="shared" si="373"/>
        <v/>
      </c>
      <c r="BB664" s="79" t="str">
        <f t="shared" si="374"/>
        <v/>
      </c>
      <c r="BC664" s="79" t="str">
        <f t="shared" si="375"/>
        <v/>
      </c>
      <c r="BD664" s="79" t="str">
        <f t="shared" si="376"/>
        <v/>
      </c>
      <c r="BE664" s="79" t="str">
        <f t="shared" si="377"/>
        <v/>
      </c>
      <c r="BF664" s="79" t="str">
        <f t="shared" si="378"/>
        <v/>
      </c>
      <c r="BG664" s="79" t="str">
        <f t="shared" si="379"/>
        <v/>
      </c>
      <c r="BH664" s="79" t="str">
        <f t="shared" si="380"/>
        <v/>
      </c>
      <c r="BI664" s="79" t="str">
        <f t="shared" si="381"/>
        <v/>
      </c>
      <c r="BJ664" s="79" t="str">
        <f t="shared" si="382"/>
        <v/>
      </c>
      <c r="BK664" s="79" t="str">
        <f t="shared" si="383"/>
        <v/>
      </c>
      <c r="BL664" s="79" t="str">
        <f t="shared" si="384"/>
        <v/>
      </c>
      <c r="BM664" s="79" t="str">
        <f t="shared" si="385"/>
        <v/>
      </c>
      <c r="BN664" s="79" t="str">
        <f t="shared" si="386"/>
        <v/>
      </c>
      <c r="BO664" s="79" t="str">
        <f t="shared" si="387"/>
        <v/>
      </c>
      <c r="BP664" s="79" t="str">
        <f t="shared" si="388"/>
        <v/>
      </c>
      <c r="BQ664" s="79" t="str">
        <f t="shared" si="389"/>
        <v/>
      </c>
      <c r="BR664" s="79" t="str">
        <f t="shared" si="390"/>
        <v/>
      </c>
      <c r="BS664" s="79" t="str">
        <f t="shared" si="391"/>
        <v/>
      </c>
      <c r="BT664" s="79">
        <f t="shared" si="392"/>
        <v>9175.121951219513</v>
      </c>
      <c r="BU664" s="79">
        <f t="shared" si="393"/>
        <v>14680.195121951221</v>
      </c>
      <c r="BV664" s="79">
        <f t="shared" si="394"/>
        <v>51380.682926829271</v>
      </c>
      <c r="BW664" s="79" t="str">
        <f t="shared" si="395"/>
        <v/>
      </c>
      <c r="BX664" s="79" t="str">
        <f t="shared" si="396"/>
        <v/>
      </c>
      <c r="BY664" s="79" t="str">
        <f t="shared" si="397"/>
        <v/>
      </c>
      <c r="BZ664" s="79" t="str">
        <f t="shared" si="398"/>
        <v/>
      </c>
      <c r="CA664" s="79" t="str">
        <f t="shared" si="399"/>
        <v/>
      </c>
      <c r="CB664" s="79" t="str">
        <f t="shared" si="400"/>
        <v/>
      </c>
      <c r="CC664" s="79" t="str">
        <f t="shared" si="401"/>
        <v/>
      </c>
      <c r="CD664" s="81" t="s">
        <v>660</v>
      </c>
      <c r="CE664" s="81"/>
      <c r="CF664" s="83" t="s">
        <v>661</v>
      </c>
    </row>
    <row r="665" spans="1:84" ht="56.1" hidden="1" customHeight="1" x14ac:dyDescent="0.2">
      <c r="A665" s="91">
        <v>665</v>
      </c>
      <c r="B665" s="23" t="s">
        <v>53</v>
      </c>
      <c r="C665" s="35" t="s">
        <v>655</v>
      </c>
      <c r="D665" s="77" t="s">
        <v>656</v>
      </c>
      <c r="E665" s="75" t="s">
        <v>800</v>
      </c>
      <c r="F665" s="82" t="s">
        <v>801</v>
      </c>
      <c r="G665" s="75" t="s">
        <v>90</v>
      </c>
      <c r="H665" s="75" t="s">
        <v>63</v>
      </c>
      <c r="I665" s="77" t="s">
        <v>81</v>
      </c>
      <c r="J665" s="77" t="s">
        <v>77</v>
      </c>
      <c r="K665" s="78" t="s">
        <v>225</v>
      </c>
      <c r="L665" s="76" t="s">
        <v>63</v>
      </c>
      <c r="M665" s="76" t="s">
        <v>63</v>
      </c>
      <c r="N665" s="89"/>
      <c r="O665" s="89"/>
      <c r="P665" s="76" t="s">
        <v>659</v>
      </c>
      <c r="Q665" s="84" t="s">
        <v>65</v>
      </c>
      <c r="R665" s="81"/>
      <c r="S665" s="81"/>
      <c r="T665" s="81"/>
      <c r="U665" s="81"/>
      <c r="V665" s="81"/>
      <c r="W665" s="81"/>
      <c r="X665" s="81"/>
      <c r="Y665" s="81"/>
      <c r="Z665" s="81"/>
      <c r="AA665" s="81"/>
      <c r="AB665" s="81"/>
      <c r="AC665" s="81"/>
      <c r="AD665" s="81"/>
      <c r="AE665" s="81"/>
      <c r="AF665" s="81"/>
      <c r="AG665" s="81"/>
      <c r="AH665" s="81"/>
      <c r="AI665" s="81"/>
      <c r="AJ665" s="81"/>
      <c r="AK665" s="81"/>
      <c r="AL665" s="81"/>
      <c r="AM665" s="79" t="s">
        <v>66</v>
      </c>
      <c r="AN665" s="79" t="s">
        <v>66</v>
      </c>
      <c r="AO665" s="79" t="s">
        <v>66</v>
      </c>
      <c r="AP665" s="79" t="s">
        <v>66</v>
      </c>
      <c r="AQ665" s="81"/>
      <c r="AR665" s="81"/>
      <c r="AS665" s="81"/>
      <c r="AT665" s="81"/>
      <c r="AU665" s="81"/>
      <c r="AV665" s="81"/>
      <c r="AW665" s="80">
        <f t="shared" si="370"/>
        <v>2251</v>
      </c>
      <c r="AX665" s="76"/>
      <c r="AY665" s="79" t="str">
        <f t="shared" si="371"/>
        <v/>
      </c>
      <c r="AZ665" s="79" t="str">
        <f t="shared" si="372"/>
        <v/>
      </c>
      <c r="BA665" s="79" t="str">
        <f t="shared" si="373"/>
        <v/>
      </c>
      <c r="BB665" s="79" t="str">
        <f t="shared" si="374"/>
        <v/>
      </c>
      <c r="BC665" s="79" t="str">
        <f t="shared" si="375"/>
        <v/>
      </c>
      <c r="BD665" s="79" t="str">
        <f t="shared" si="376"/>
        <v/>
      </c>
      <c r="BE665" s="79" t="str">
        <f t="shared" si="377"/>
        <v/>
      </c>
      <c r="BF665" s="79" t="str">
        <f t="shared" si="378"/>
        <v/>
      </c>
      <c r="BG665" s="79" t="str">
        <f t="shared" si="379"/>
        <v/>
      </c>
      <c r="BH665" s="79" t="str">
        <f t="shared" si="380"/>
        <v/>
      </c>
      <c r="BI665" s="79" t="str">
        <f t="shared" si="381"/>
        <v/>
      </c>
      <c r="BJ665" s="79" t="str">
        <f t="shared" si="382"/>
        <v/>
      </c>
      <c r="BK665" s="79" t="str">
        <f t="shared" si="383"/>
        <v/>
      </c>
      <c r="BL665" s="79" t="str">
        <f t="shared" si="384"/>
        <v/>
      </c>
      <c r="BM665" s="79" t="str">
        <f t="shared" si="385"/>
        <v/>
      </c>
      <c r="BN665" s="79" t="str">
        <f t="shared" si="386"/>
        <v/>
      </c>
      <c r="BO665" s="79" t="str">
        <f t="shared" si="387"/>
        <v/>
      </c>
      <c r="BP665" s="79" t="str">
        <f t="shared" si="388"/>
        <v/>
      </c>
      <c r="BQ665" s="79" t="str">
        <f t="shared" si="389"/>
        <v/>
      </c>
      <c r="BR665" s="79" t="str">
        <f t="shared" si="390"/>
        <v/>
      </c>
      <c r="BS665" s="79" t="str">
        <f t="shared" si="391"/>
        <v/>
      </c>
      <c r="BT665" s="79">
        <f t="shared" si="392"/>
        <v>0</v>
      </c>
      <c r="BU665" s="79">
        <f t="shared" si="393"/>
        <v>0</v>
      </c>
      <c r="BV665" s="79">
        <f t="shared" si="394"/>
        <v>0</v>
      </c>
      <c r="BW665" s="79">
        <f t="shared" si="395"/>
        <v>0</v>
      </c>
      <c r="BX665" s="79" t="str">
        <f t="shared" si="396"/>
        <v/>
      </c>
      <c r="BY665" s="79" t="str">
        <f t="shared" si="397"/>
        <v/>
      </c>
      <c r="BZ665" s="79" t="str">
        <f t="shared" si="398"/>
        <v/>
      </c>
      <c r="CA665" s="79" t="str">
        <f t="shared" si="399"/>
        <v/>
      </c>
      <c r="CB665" s="79" t="str">
        <f t="shared" si="400"/>
        <v/>
      </c>
      <c r="CC665" s="79" t="str">
        <f t="shared" si="401"/>
        <v/>
      </c>
      <c r="CD665" s="81" t="s">
        <v>660</v>
      </c>
      <c r="CE665" s="81" t="s">
        <v>802</v>
      </c>
      <c r="CF665" s="83" t="s">
        <v>661</v>
      </c>
    </row>
    <row r="666" spans="1:84" s="322" customFormat="1" ht="56.1" hidden="1" customHeight="1" x14ac:dyDescent="0.2">
      <c r="A666" s="302">
        <v>666</v>
      </c>
      <c r="B666" s="24" t="s">
        <v>53</v>
      </c>
      <c r="C666" s="35" t="s">
        <v>655</v>
      </c>
      <c r="D666" s="310" t="s">
        <v>656</v>
      </c>
      <c r="E666" s="310" t="s">
        <v>803</v>
      </c>
      <c r="F666" s="323" t="s">
        <v>804</v>
      </c>
      <c r="G666" s="310" t="s">
        <v>90</v>
      </c>
      <c r="H666" s="324" t="s">
        <v>755</v>
      </c>
      <c r="I666" s="310" t="s">
        <v>60</v>
      </c>
      <c r="J666" s="310" t="s">
        <v>77</v>
      </c>
      <c r="K666" s="324" t="s">
        <v>805</v>
      </c>
      <c r="L666" s="309" t="s">
        <v>63</v>
      </c>
      <c r="M666" s="309" t="s">
        <v>63</v>
      </c>
      <c r="N666" s="309">
        <v>25079</v>
      </c>
      <c r="O666" s="309">
        <f t="shared" si="368"/>
        <v>25079</v>
      </c>
      <c r="P666" s="309" t="s">
        <v>723</v>
      </c>
      <c r="Q666" s="309" t="s">
        <v>65</v>
      </c>
      <c r="R666" s="309"/>
      <c r="S666" s="309"/>
      <c r="T666" s="309"/>
      <c r="U666" s="309"/>
      <c r="V666" s="309"/>
      <c r="W666" s="309"/>
      <c r="X666" s="309"/>
      <c r="Y666" s="309"/>
      <c r="Z666" s="309"/>
      <c r="AA666" s="309"/>
      <c r="AB666" s="309"/>
      <c r="AC666" s="309"/>
      <c r="AD666" s="309"/>
      <c r="AE666" s="309"/>
      <c r="AF666" s="309"/>
      <c r="AG666" s="309"/>
      <c r="AH666" s="309"/>
      <c r="AI666" s="309"/>
      <c r="AJ666" s="309"/>
      <c r="AK666" s="309"/>
      <c r="AL666" s="309"/>
      <c r="AM666" s="309"/>
      <c r="AN666" s="309"/>
      <c r="AO666" s="309"/>
      <c r="AP666" s="309"/>
      <c r="AQ666" s="309"/>
      <c r="AR666" s="309"/>
      <c r="AS666" s="309"/>
      <c r="AT666" s="309"/>
      <c r="AU666" s="309"/>
      <c r="AV666" s="309"/>
      <c r="AW666" s="308">
        <f t="shared" si="370"/>
        <v>0</v>
      </c>
      <c r="AX666" s="309"/>
      <c r="AY666" s="307" t="str">
        <f t="shared" si="371"/>
        <v/>
      </c>
      <c r="AZ666" s="307" t="str">
        <f t="shared" si="372"/>
        <v/>
      </c>
      <c r="BA666" s="307" t="str">
        <f t="shared" si="373"/>
        <v/>
      </c>
      <c r="BB666" s="307" t="str">
        <f t="shared" si="374"/>
        <v/>
      </c>
      <c r="BC666" s="307" t="str">
        <f t="shared" si="375"/>
        <v/>
      </c>
      <c r="BD666" s="307" t="str">
        <f t="shared" si="376"/>
        <v/>
      </c>
      <c r="BE666" s="307" t="str">
        <f t="shared" si="377"/>
        <v/>
      </c>
      <c r="BF666" s="307" t="str">
        <f t="shared" si="378"/>
        <v/>
      </c>
      <c r="BG666" s="307" t="str">
        <f t="shared" si="379"/>
        <v/>
      </c>
      <c r="BH666" s="307" t="str">
        <f t="shared" si="380"/>
        <v/>
      </c>
      <c r="BI666" s="307" t="str">
        <f t="shared" si="381"/>
        <v/>
      </c>
      <c r="BJ666" s="307" t="str">
        <f t="shared" si="382"/>
        <v/>
      </c>
      <c r="BK666" s="307" t="str">
        <f t="shared" si="383"/>
        <v/>
      </c>
      <c r="BL666" s="307" t="str">
        <f t="shared" si="384"/>
        <v/>
      </c>
      <c r="BM666" s="307" t="str">
        <f t="shared" si="385"/>
        <v/>
      </c>
      <c r="BN666" s="307" t="str">
        <f t="shared" si="386"/>
        <v/>
      </c>
      <c r="BO666" s="307" t="str">
        <f t="shared" si="387"/>
        <v/>
      </c>
      <c r="BP666" s="307" t="str">
        <f t="shared" si="388"/>
        <v/>
      </c>
      <c r="BQ666" s="307" t="str">
        <f t="shared" si="389"/>
        <v/>
      </c>
      <c r="BR666" s="307" t="str">
        <f t="shared" si="390"/>
        <v/>
      </c>
      <c r="BS666" s="307" t="str">
        <f t="shared" si="391"/>
        <v/>
      </c>
      <c r="BT666" s="307" t="str">
        <f t="shared" si="392"/>
        <v/>
      </c>
      <c r="BU666" s="307" t="str">
        <f t="shared" si="393"/>
        <v/>
      </c>
      <c r="BV666" s="307" t="str">
        <f t="shared" si="394"/>
        <v/>
      </c>
      <c r="BW666" s="307" t="str">
        <f t="shared" si="395"/>
        <v/>
      </c>
      <c r="BX666" s="307" t="str">
        <f t="shared" si="396"/>
        <v/>
      </c>
      <c r="BY666" s="307" t="str">
        <f t="shared" si="397"/>
        <v/>
      </c>
      <c r="BZ666" s="307" t="str">
        <f t="shared" si="398"/>
        <v/>
      </c>
      <c r="CA666" s="307" t="str">
        <f t="shared" si="399"/>
        <v/>
      </c>
      <c r="CB666" s="307" t="str">
        <f t="shared" si="400"/>
        <v/>
      </c>
      <c r="CC666" s="307" t="str">
        <f t="shared" si="401"/>
        <v/>
      </c>
      <c r="CD666" s="309" t="s">
        <v>660</v>
      </c>
      <c r="CE666" s="309"/>
      <c r="CF666" s="321" t="s">
        <v>661</v>
      </c>
    </row>
    <row r="667" spans="1:84" ht="56.1" hidden="1" customHeight="1" x14ac:dyDescent="0.2">
      <c r="A667" s="91">
        <v>667</v>
      </c>
      <c r="B667" s="23" t="s">
        <v>53</v>
      </c>
      <c r="C667" s="35" t="s">
        <v>655</v>
      </c>
      <c r="D667" s="77" t="s">
        <v>656</v>
      </c>
      <c r="E667" s="75" t="s">
        <v>806</v>
      </c>
      <c r="F667" s="86" t="s">
        <v>807</v>
      </c>
      <c r="G667" s="75" t="s">
        <v>90</v>
      </c>
      <c r="H667" s="85" t="s">
        <v>755</v>
      </c>
      <c r="I667" s="77" t="s">
        <v>60</v>
      </c>
      <c r="J667" s="77" t="s">
        <v>77</v>
      </c>
      <c r="K667" s="85" t="s">
        <v>808</v>
      </c>
      <c r="L667" s="76" t="s">
        <v>63</v>
      </c>
      <c r="M667" s="76" t="s">
        <v>63</v>
      </c>
      <c r="N667" s="81">
        <v>25079</v>
      </c>
      <c r="O667" s="81">
        <f t="shared" si="368"/>
        <v>25079</v>
      </c>
      <c r="P667" s="76" t="s">
        <v>723</v>
      </c>
      <c r="Q667" s="84" t="s">
        <v>65</v>
      </c>
      <c r="R667" s="87"/>
      <c r="S667" s="87"/>
      <c r="T667" s="87"/>
      <c r="U667" s="87"/>
      <c r="V667" s="87"/>
      <c r="W667" s="87"/>
      <c r="X667" s="87"/>
      <c r="Y667" s="87"/>
      <c r="Z667" s="87"/>
      <c r="AA667" s="87"/>
      <c r="AB667" s="87"/>
      <c r="AC667" s="87"/>
      <c r="AD667" s="87"/>
      <c r="AE667" s="87"/>
      <c r="AF667" s="87"/>
      <c r="AG667" s="87"/>
      <c r="AH667" s="87"/>
      <c r="AI667" s="87"/>
      <c r="AJ667" s="87"/>
      <c r="AK667" s="87"/>
      <c r="AL667" s="87"/>
      <c r="AM667" s="87"/>
      <c r="AN667" s="87"/>
      <c r="AO667" s="87"/>
      <c r="AP667" s="87"/>
      <c r="AQ667" s="87"/>
      <c r="AR667" s="87"/>
      <c r="AS667" s="87"/>
      <c r="AT667" s="87"/>
      <c r="AU667" s="87"/>
      <c r="AV667" s="87"/>
      <c r="AW667" s="80">
        <f t="shared" si="370"/>
        <v>0</v>
      </c>
      <c r="AX667" s="76"/>
      <c r="AY667" s="151" t="str">
        <f t="shared" si="371"/>
        <v/>
      </c>
      <c r="AZ667" s="151" t="str">
        <f t="shared" si="372"/>
        <v/>
      </c>
      <c r="BA667" s="151" t="str">
        <f t="shared" si="373"/>
        <v/>
      </c>
      <c r="BB667" s="151" t="str">
        <f t="shared" si="374"/>
        <v/>
      </c>
      <c r="BC667" s="151" t="str">
        <f t="shared" si="375"/>
        <v/>
      </c>
      <c r="BD667" s="151" t="str">
        <f t="shared" si="376"/>
        <v/>
      </c>
      <c r="BE667" s="151" t="str">
        <f t="shared" si="377"/>
        <v/>
      </c>
      <c r="BF667" s="151" t="str">
        <f t="shared" si="378"/>
        <v/>
      </c>
      <c r="BG667" s="151" t="str">
        <f t="shared" si="379"/>
        <v/>
      </c>
      <c r="BH667" s="151" t="str">
        <f t="shared" si="380"/>
        <v/>
      </c>
      <c r="BI667" s="151" t="str">
        <f t="shared" si="381"/>
        <v/>
      </c>
      <c r="BJ667" s="151" t="str">
        <f t="shared" si="382"/>
        <v/>
      </c>
      <c r="BK667" s="151" t="str">
        <f t="shared" si="383"/>
        <v/>
      </c>
      <c r="BL667" s="151" t="str">
        <f t="shared" si="384"/>
        <v/>
      </c>
      <c r="BM667" s="151" t="str">
        <f t="shared" si="385"/>
        <v/>
      </c>
      <c r="BN667" s="151" t="str">
        <f t="shared" si="386"/>
        <v/>
      </c>
      <c r="BO667" s="151" t="str">
        <f t="shared" si="387"/>
        <v/>
      </c>
      <c r="BP667" s="151" t="str">
        <f t="shared" si="388"/>
        <v/>
      </c>
      <c r="BQ667" s="151" t="str">
        <f t="shared" si="389"/>
        <v/>
      </c>
      <c r="BR667" s="151" t="str">
        <f t="shared" si="390"/>
        <v/>
      </c>
      <c r="BS667" s="151" t="str">
        <f t="shared" si="391"/>
        <v/>
      </c>
      <c r="BT667" s="151" t="str">
        <f t="shared" si="392"/>
        <v/>
      </c>
      <c r="BU667" s="151" t="str">
        <f t="shared" si="393"/>
        <v/>
      </c>
      <c r="BV667" s="151" t="str">
        <f t="shared" si="394"/>
        <v/>
      </c>
      <c r="BW667" s="151" t="str">
        <f t="shared" si="395"/>
        <v/>
      </c>
      <c r="BX667" s="151" t="str">
        <f t="shared" si="396"/>
        <v/>
      </c>
      <c r="BY667" s="151" t="str">
        <f t="shared" si="397"/>
        <v/>
      </c>
      <c r="BZ667" s="151" t="str">
        <f t="shared" si="398"/>
        <v/>
      </c>
      <c r="CA667" s="151" t="str">
        <f t="shared" si="399"/>
        <v/>
      </c>
      <c r="CB667" s="151" t="str">
        <f t="shared" si="400"/>
        <v/>
      </c>
      <c r="CC667" s="151" t="str">
        <f t="shared" si="401"/>
        <v/>
      </c>
      <c r="CD667" s="81" t="s">
        <v>660</v>
      </c>
      <c r="CE667" s="81"/>
      <c r="CF667" s="83" t="s">
        <v>661</v>
      </c>
    </row>
    <row r="668" spans="1:84" ht="56.1" hidden="1" customHeight="1" x14ac:dyDescent="0.2">
      <c r="A668" s="91">
        <v>668</v>
      </c>
      <c r="B668" s="23" t="s">
        <v>53</v>
      </c>
      <c r="C668" s="35" t="s">
        <v>655</v>
      </c>
      <c r="D668" s="77" t="s">
        <v>656</v>
      </c>
      <c r="E668" s="75" t="s">
        <v>809</v>
      </c>
      <c r="F668" s="86" t="s">
        <v>810</v>
      </c>
      <c r="G668" s="75" t="s">
        <v>90</v>
      </c>
      <c r="H668" s="85" t="s">
        <v>755</v>
      </c>
      <c r="I668" s="77" t="s">
        <v>60</v>
      </c>
      <c r="J668" s="77" t="s">
        <v>77</v>
      </c>
      <c r="K668" s="85" t="s">
        <v>808</v>
      </c>
      <c r="L668" s="76" t="s">
        <v>63</v>
      </c>
      <c r="M668" s="76" t="s">
        <v>63</v>
      </c>
      <c r="N668" s="81">
        <v>25079</v>
      </c>
      <c r="O668" s="81">
        <f t="shared" si="368"/>
        <v>25079</v>
      </c>
      <c r="P668" s="76" t="s">
        <v>723</v>
      </c>
      <c r="Q668" s="84" t="s">
        <v>65</v>
      </c>
      <c r="R668" s="87"/>
      <c r="S668" s="87"/>
      <c r="T668" s="87"/>
      <c r="U668" s="87"/>
      <c r="V668" s="87"/>
      <c r="W668" s="87"/>
      <c r="X668" s="87"/>
      <c r="Y668" s="87"/>
      <c r="Z668" s="87"/>
      <c r="AA668" s="87"/>
      <c r="AB668" s="87"/>
      <c r="AC668" s="87"/>
      <c r="AD668" s="87"/>
      <c r="AE668" s="87"/>
      <c r="AF668" s="87"/>
      <c r="AG668" s="87"/>
      <c r="AH668" s="87"/>
      <c r="AI668" s="87"/>
      <c r="AJ668" s="87"/>
      <c r="AK668" s="87"/>
      <c r="AL668" s="87"/>
      <c r="AM668" s="87"/>
      <c r="AN668" s="87"/>
      <c r="AO668" s="87"/>
      <c r="AP668" s="87"/>
      <c r="AQ668" s="87"/>
      <c r="AR668" s="87"/>
      <c r="AS668" s="87"/>
      <c r="AT668" s="87"/>
      <c r="AU668" s="87"/>
      <c r="AV668" s="87"/>
      <c r="AW668" s="80">
        <f t="shared" si="370"/>
        <v>0</v>
      </c>
      <c r="AX668" s="76"/>
      <c r="AY668" s="151" t="str">
        <f t="shared" si="371"/>
        <v/>
      </c>
      <c r="AZ668" s="151" t="str">
        <f t="shared" si="372"/>
        <v/>
      </c>
      <c r="BA668" s="151" t="str">
        <f t="shared" si="373"/>
        <v/>
      </c>
      <c r="BB668" s="151" t="str">
        <f t="shared" si="374"/>
        <v/>
      </c>
      <c r="BC668" s="151" t="str">
        <f t="shared" si="375"/>
        <v/>
      </c>
      <c r="BD668" s="151" t="str">
        <f t="shared" si="376"/>
        <v/>
      </c>
      <c r="BE668" s="151" t="str">
        <f t="shared" si="377"/>
        <v/>
      </c>
      <c r="BF668" s="151" t="str">
        <f t="shared" si="378"/>
        <v/>
      </c>
      <c r="BG668" s="151" t="str">
        <f t="shared" si="379"/>
        <v/>
      </c>
      <c r="BH668" s="151" t="str">
        <f t="shared" si="380"/>
        <v/>
      </c>
      <c r="BI668" s="151" t="str">
        <f t="shared" si="381"/>
        <v/>
      </c>
      <c r="BJ668" s="151" t="str">
        <f t="shared" si="382"/>
        <v/>
      </c>
      <c r="BK668" s="151" t="str">
        <f t="shared" si="383"/>
        <v/>
      </c>
      <c r="BL668" s="151" t="str">
        <f t="shared" si="384"/>
        <v/>
      </c>
      <c r="BM668" s="151" t="str">
        <f t="shared" si="385"/>
        <v/>
      </c>
      <c r="BN668" s="151" t="str">
        <f t="shared" si="386"/>
        <v/>
      </c>
      <c r="BO668" s="151" t="str">
        <f t="shared" si="387"/>
        <v/>
      </c>
      <c r="BP668" s="151" t="str">
        <f t="shared" si="388"/>
        <v/>
      </c>
      <c r="BQ668" s="151" t="str">
        <f t="shared" si="389"/>
        <v/>
      </c>
      <c r="BR668" s="151" t="str">
        <f t="shared" si="390"/>
        <v/>
      </c>
      <c r="BS668" s="151" t="str">
        <f t="shared" si="391"/>
        <v/>
      </c>
      <c r="BT668" s="151" t="str">
        <f t="shared" si="392"/>
        <v/>
      </c>
      <c r="BU668" s="151" t="str">
        <f t="shared" si="393"/>
        <v/>
      </c>
      <c r="BV668" s="151" t="str">
        <f t="shared" si="394"/>
        <v/>
      </c>
      <c r="BW668" s="151" t="str">
        <f t="shared" si="395"/>
        <v/>
      </c>
      <c r="BX668" s="151" t="str">
        <f t="shared" si="396"/>
        <v/>
      </c>
      <c r="BY668" s="151" t="str">
        <f t="shared" si="397"/>
        <v/>
      </c>
      <c r="BZ668" s="151" t="str">
        <f t="shared" si="398"/>
        <v/>
      </c>
      <c r="CA668" s="151" t="str">
        <f t="shared" si="399"/>
        <v/>
      </c>
      <c r="CB668" s="151" t="str">
        <f t="shared" si="400"/>
        <v/>
      </c>
      <c r="CC668" s="151" t="str">
        <f t="shared" si="401"/>
        <v/>
      </c>
      <c r="CD668" s="81" t="s">
        <v>660</v>
      </c>
      <c r="CE668" s="81"/>
      <c r="CF668" s="83" t="s">
        <v>661</v>
      </c>
    </row>
    <row r="669" spans="1:84" ht="56.1" hidden="1" customHeight="1" x14ac:dyDescent="0.2">
      <c r="A669" s="91">
        <v>669</v>
      </c>
      <c r="B669" s="23" t="s">
        <v>53</v>
      </c>
      <c r="C669" s="35" t="s">
        <v>655</v>
      </c>
      <c r="D669" s="77" t="s">
        <v>656</v>
      </c>
      <c r="E669" s="75" t="s">
        <v>811</v>
      </c>
      <c r="F669" s="75" t="s">
        <v>812</v>
      </c>
      <c r="G669" s="75" t="s">
        <v>90</v>
      </c>
      <c r="H669" s="75" t="s">
        <v>813</v>
      </c>
      <c r="I669" s="77" t="s">
        <v>60</v>
      </c>
      <c r="J669" s="77" t="s">
        <v>77</v>
      </c>
      <c r="K669" s="78" t="s">
        <v>225</v>
      </c>
      <c r="L669" s="76" t="s">
        <v>63</v>
      </c>
      <c r="M669" s="76" t="s">
        <v>63</v>
      </c>
      <c r="N669" s="81">
        <v>31348</v>
      </c>
      <c r="O669" s="81">
        <f t="shared" si="368"/>
        <v>31348</v>
      </c>
      <c r="P669" s="76" t="s">
        <v>723</v>
      </c>
      <c r="Q669" s="84" t="s">
        <v>65</v>
      </c>
      <c r="R669" s="81"/>
      <c r="S669" s="81"/>
      <c r="T669" s="81"/>
      <c r="U669" s="81"/>
      <c r="V669" s="81"/>
      <c r="W669" s="81"/>
      <c r="X669" s="81"/>
      <c r="Y669" s="81"/>
      <c r="Z669" s="81"/>
      <c r="AA669" s="81"/>
      <c r="AB669" s="81"/>
      <c r="AC669" s="81"/>
      <c r="AD669" s="81"/>
      <c r="AE669" s="81"/>
      <c r="AF669" s="81"/>
      <c r="AG669" s="81"/>
      <c r="AH669" s="81"/>
      <c r="AI669" s="81"/>
      <c r="AJ669" s="81"/>
      <c r="AK669" s="81"/>
      <c r="AL669" s="81"/>
      <c r="AM669" s="79" t="s">
        <v>66</v>
      </c>
      <c r="AN669" s="79" t="s">
        <v>66</v>
      </c>
      <c r="AO669" s="79" t="s">
        <v>66</v>
      </c>
      <c r="AP669" s="81"/>
      <c r="AQ669" s="81"/>
      <c r="AR669" s="81"/>
      <c r="AS669" s="81"/>
      <c r="AT669" s="81"/>
      <c r="AU669" s="81"/>
      <c r="AV669" s="81"/>
      <c r="AW669" s="80">
        <f t="shared" si="370"/>
        <v>2050</v>
      </c>
      <c r="AX669" s="76">
        <f>O669/AW669</f>
        <v>15.29170731707317</v>
      </c>
      <c r="AY669" s="79" t="str">
        <f t="shared" si="371"/>
        <v/>
      </c>
      <c r="AZ669" s="79" t="str">
        <f t="shared" si="372"/>
        <v/>
      </c>
      <c r="BA669" s="79" t="str">
        <f t="shared" si="373"/>
        <v/>
      </c>
      <c r="BB669" s="79" t="str">
        <f t="shared" si="374"/>
        <v/>
      </c>
      <c r="BC669" s="79" t="str">
        <f t="shared" si="375"/>
        <v/>
      </c>
      <c r="BD669" s="79" t="str">
        <f t="shared" si="376"/>
        <v/>
      </c>
      <c r="BE669" s="79" t="str">
        <f t="shared" si="377"/>
        <v/>
      </c>
      <c r="BF669" s="79" t="str">
        <f t="shared" si="378"/>
        <v/>
      </c>
      <c r="BG669" s="79" t="str">
        <f t="shared" si="379"/>
        <v/>
      </c>
      <c r="BH669" s="79" t="str">
        <f t="shared" si="380"/>
        <v/>
      </c>
      <c r="BI669" s="79" t="str">
        <f t="shared" si="381"/>
        <v/>
      </c>
      <c r="BJ669" s="79" t="str">
        <f t="shared" si="382"/>
        <v/>
      </c>
      <c r="BK669" s="79" t="str">
        <f t="shared" si="383"/>
        <v/>
      </c>
      <c r="BL669" s="79" t="str">
        <f t="shared" si="384"/>
        <v/>
      </c>
      <c r="BM669" s="79" t="str">
        <f t="shared" si="385"/>
        <v/>
      </c>
      <c r="BN669" s="79" t="str">
        <f t="shared" si="386"/>
        <v/>
      </c>
      <c r="BO669" s="79" t="str">
        <f t="shared" si="387"/>
        <v/>
      </c>
      <c r="BP669" s="79" t="str">
        <f t="shared" si="388"/>
        <v/>
      </c>
      <c r="BQ669" s="79" t="str">
        <f t="shared" si="389"/>
        <v/>
      </c>
      <c r="BR669" s="79" t="str">
        <f t="shared" si="390"/>
        <v/>
      </c>
      <c r="BS669" s="79" t="str">
        <f t="shared" si="391"/>
        <v/>
      </c>
      <c r="BT669" s="79">
        <f t="shared" si="392"/>
        <v>3822.9268292682927</v>
      </c>
      <c r="BU669" s="79">
        <f t="shared" si="393"/>
        <v>6116.6829268292677</v>
      </c>
      <c r="BV669" s="79">
        <f t="shared" si="394"/>
        <v>21408.390243902439</v>
      </c>
      <c r="BW669" s="79" t="str">
        <f t="shared" si="395"/>
        <v/>
      </c>
      <c r="BX669" s="79" t="str">
        <f t="shared" si="396"/>
        <v/>
      </c>
      <c r="BY669" s="79" t="str">
        <f t="shared" si="397"/>
        <v/>
      </c>
      <c r="BZ669" s="79" t="str">
        <f t="shared" si="398"/>
        <v/>
      </c>
      <c r="CA669" s="79" t="str">
        <f t="shared" si="399"/>
        <v/>
      </c>
      <c r="CB669" s="79" t="str">
        <f t="shared" si="400"/>
        <v/>
      </c>
      <c r="CC669" s="79" t="str">
        <f t="shared" si="401"/>
        <v/>
      </c>
      <c r="CD669" s="81" t="s">
        <v>660</v>
      </c>
      <c r="CE669" s="81"/>
      <c r="CF669" s="83" t="s">
        <v>661</v>
      </c>
    </row>
    <row r="670" spans="1:84" ht="56.1" hidden="1" customHeight="1" x14ac:dyDescent="0.2">
      <c r="A670" s="91">
        <v>670</v>
      </c>
      <c r="B670" s="23" t="s">
        <v>53</v>
      </c>
      <c r="C670" s="35" t="s">
        <v>655</v>
      </c>
      <c r="D670" s="77" t="s">
        <v>656</v>
      </c>
      <c r="E670" s="75" t="s">
        <v>814</v>
      </c>
      <c r="F670" s="75" t="s">
        <v>815</v>
      </c>
      <c r="G670" s="75" t="s">
        <v>90</v>
      </c>
      <c r="H670" s="75" t="s">
        <v>794</v>
      </c>
      <c r="I670" s="77" t="s">
        <v>60</v>
      </c>
      <c r="J670" s="77" t="s">
        <v>77</v>
      </c>
      <c r="K670" s="77" t="s">
        <v>225</v>
      </c>
      <c r="L670" s="76" t="s">
        <v>63</v>
      </c>
      <c r="M670" s="76" t="s">
        <v>63</v>
      </c>
      <c r="N670" s="81">
        <v>75236</v>
      </c>
      <c r="O670" s="81">
        <f t="shared" si="368"/>
        <v>75236</v>
      </c>
      <c r="P670" s="76" t="s">
        <v>723</v>
      </c>
      <c r="Q670" s="84" t="s">
        <v>65</v>
      </c>
      <c r="R670" s="81"/>
      <c r="S670" s="81"/>
      <c r="T670" s="81"/>
      <c r="U670" s="81"/>
      <c r="V670" s="81"/>
      <c r="W670" s="81"/>
      <c r="X670" s="81"/>
      <c r="Y670" s="81"/>
      <c r="Z670" s="81"/>
      <c r="AA670" s="81"/>
      <c r="AB670" s="81"/>
      <c r="AC670" s="81"/>
      <c r="AD670" s="81"/>
      <c r="AE670" s="81"/>
      <c r="AF670" s="81"/>
      <c r="AG670" s="81"/>
      <c r="AH670" s="81"/>
      <c r="AI670" s="81"/>
      <c r="AJ670" s="81"/>
      <c r="AK670" s="81"/>
      <c r="AL670" s="81"/>
      <c r="AM670" s="79" t="s">
        <v>66</v>
      </c>
      <c r="AN670" s="79" t="s">
        <v>66</v>
      </c>
      <c r="AO670" s="79" t="s">
        <v>66</v>
      </c>
      <c r="AP670" s="81"/>
      <c r="AQ670" s="81"/>
      <c r="AR670" s="81"/>
      <c r="AS670" s="81"/>
      <c r="AT670" s="81"/>
      <c r="AU670" s="81"/>
      <c r="AV670" s="81"/>
      <c r="AW670" s="80">
        <f t="shared" si="370"/>
        <v>2050</v>
      </c>
      <c r="AX670" s="76">
        <f>O670/AW670</f>
        <v>36.700487804878051</v>
      </c>
      <c r="AY670" s="79" t="str">
        <f t="shared" si="371"/>
        <v/>
      </c>
      <c r="AZ670" s="79" t="str">
        <f t="shared" si="372"/>
        <v/>
      </c>
      <c r="BA670" s="79" t="str">
        <f t="shared" si="373"/>
        <v/>
      </c>
      <c r="BB670" s="79" t="str">
        <f t="shared" si="374"/>
        <v/>
      </c>
      <c r="BC670" s="79" t="str">
        <f t="shared" si="375"/>
        <v/>
      </c>
      <c r="BD670" s="79" t="str">
        <f t="shared" si="376"/>
        <v/>
      </c>
      <c r="BE670" s="79" t="str">
        <f t="shared" si="377"/>
        <v/>
      </c>
      <c r="BF670" s="79" t="str">
        <f t="shared" si="378"/>
        <v/>
      </c>
      <c r="BG670" s="79" t="str">
        <f t="shared" si="379"/>
        <v/>
      </c>
      <c r="BH670" s="79" t="str">
        <f t="shared" si="380"/>
        <v/>
      </c>
      <c r="BI670" s="79" t="str">
        <f t="shared" si="381"/>
        <v/>
      </c>
      <c r="BJ670" s="79" t="str">
        <f t="shared" si="382"/>
        <v/>
      </c>
      <c r="BK670" s="79" t="str">
        <f t="shared" si="383"/>
        <v/>
      </c>
      <c r="BL670" s="79" t="str">
        <f t="shared" si="384"/>
        <v/>
      </c>
      <c r="BM670" s="79" t="str">
        <f t="shared" si="385"/>
        <v/>
      </c>
      <c r="BN670" s="79" t="str">
        <f t="shared" si="386"/>
        <v/>
      </c>
      <c r="BO670" s="79" t="str">
        <f t="shared" si="387"/>
        <v/>
      </c>
      <c r="BP670" s="79" t="str">
        <f t="shared" si="388"/>
        <v/>
      </c>
      <c r="BQ670" s="79" t="str">
        <f t="shared" si="389"/>
        <v/>
      </c>
      <c r="BR670" s="79" t="str">
        <f t="shared" si="390"/>
        <v/>
      </c>
      <c r="BS670" s="79" t="str">
        <f t="shared" si="391"/>
        <v/>
      </c>
      <c r="BT670" s="79">
        <f t="shared" si="392"/>
        <v>9175.121951219513</v>
      </c>
      <c r="BU670" s="79">
        <f t="shared" si="393"/>
        <v>14680.195121951221</v>
      </c>
      <c r="BV670" s="79">
        <f t="shared" si="394"/>
        <v>51380.682926829271</v>
      </c>
      <c r="BW670" s="79" t="str">
        <f t="shared" si="395"/>
        <v/>
      </c>
      <c r="BX670" s="79" t="str">
        <f t="shared" si="396"/>
        <v/>
      </c>
      <c r="BY670" s="79" t="str">
        <f t="shared" si="397"/>
        <v/>
      </c>
      <c r="BZ670" s="79" t="str">
        <f t="shared" si="398"/>
        <v/>
      </c>
      <c r="CA670" s="79" t="str">
        <f t="shared" si="399"/>
        <v/>
      </c>
      <c r="CB670" s="79" t="str">
        <f t="shared" si="400"/>
        <v/>
      </c>
      <c r="CC670" s="79" t="str">
        <f t="shared" si="401"/>
        <v/>
      </c>
      <c r="CD670" s="81" t="s">
        <v>660</v>
      </c>
      <c r="CE670" s="81"/>
      <c r="CF670" s="83" t="s">
        <v>661</v>
      </c>
    </row>
    <row r="671" spans="1:84" ht="56.1" hidden="1" customHeight="1" x14ac:dyDescent="0.2">
      <c r="A671" s="91">
        <v>671</v>
      </c>
      <c r="B671" s="23" t="s">
        <v>53</v>
      </c>
      <c r="C671" s="35" t="s">
        <v>655</v>
      </c>
      <c r="D671" s="77" t="s">
        <v>656</v>
      </c>
      <c r="E671" s="75" t="s">
        <v>816</v>
      </c>
      <c r="F671" s="75" t="s">
        <v>817</v>
      </c>
      <c r="G671" s="75" t="s">
        <v>90</v>
      </c>
      <c r="H671" s="75" t="s">
        <v>39</v>
      </c>
      <c r="I671" s="77" t="s">
        <v>60</v>
      </c>
      <c r="J671" s="77" t="s">
        <v>77</v>
      </c>
      <c r="K671" s="78" t="s">
        <v>818</v>
      </c>
      <c r="L671" s="76" t="s">
        <v>63</v>
      </c>
      <c r="M671" s="76" t="s">
        <v>63</v>
      </c>
      <c r="N671" s="81">
        <v>108841</v>
      </c>
      <c r="O671" s="81">
        <f t="shared" si="368"/>
        <v>108841</v>
      </c>
      <c r="P671" s="76" t="s">
        <v>723</v>
      </c>
      <c r="Q671" s="84" t="s">
        <v>65</v>
      </c>
      <c r="R671" s="81"/>
      <c r="S671" s="81"/>
      <c r="T671" s="81"/>
      <c r="U671" s="81"/>
      <c r="V671" s="81"/>
      <c r="W671" s="81"/>
      <c r="X671" s="81"/>
      <c r="Y671" s="81"/>
      <c r="Z671" s="81"/>
      <c r="AA671" s="81"/>
      <c r="AB671" s="81"/>
      <c r="AC671" s="81"/>
      <c r="AD671" s="81"/>
      <c r="AE671" s="81"/>
      <c r="AF671" s="81"/>
      <c r="AG671" s="81"/>
      <c r="AH671" s="81"/>
      <c r="AI671" s="81"/>
      <c r="AJ671" s="81"/>
      <c r="AK671" s="81"/>
      <c r="AL671" s="81"/>
      <c r="AM671" s="79"/>
      <c r="AN671" s="79" t="s">
        <v>66</v>
      </c>
      <c r="AO671" s="79"/>
      <c r="AP671" s="81"/>
      <c r="AQ671" s="81"/>
      <c r="AR671" s="81"/>
      <c r="AS671" s="81"/>
      <c r="AT671" s="81"/>
      <c r="AU671" s="81"/>
      <c r="AV671" s="81"/>
      <c r="AW671" s="80">
        <f t="shared" si="370"/>
        <v>400</v>
      </c>
      <c r="AX671" s="76">
        <f>O671/AW671</f>
        <v>272.10250000000002</v>
      </c>
      <c r="AY671" s="79" t="str">
        <f t="shared" si="371"/>
        <v/>
      </c>
      <c r="AZ671" s="79" t="str">
        <f t="shared" si="372"/>
        <v/>
      </c>
      <c r="BA671" s="79" t="str">
        <f t="shared" si="373"/>
        <v/>
      </c>
      <c r="BB671" s="79" t="str">
        <f t="shared" si="374"/>
        <v/>
      </c>
      <c r="BC671" s="79" t="str">
        <f t="shared" si="375"/>
        <v/>
      </c>
      <c r="BD671" s="79" t="str">
        <f t="shared" si="376"/>
        <v/>
      </c>
      <c r="BE671" s="79" t="str">
        <f t="shared" si="377"/>
        <v/>
      </c>
      <c r="BF671" s="79" t="str">
        <f t="shared" si="378"/>
        <v/>
      </c>
      <c r="BG671" s="79" t="str">
        <f t="shared" si="379"/>
        <v/>
      </c>
      <c r="BH671" s="79" t="str">
        <f t="shared" si="380"/>
        <v/>
      </c>
      <c r="BI671" s="79" t="str">
        <f t="shared" si="381"/>
        <v/>
      </c>
      <c r="BJ671" s="79" t="str">
        <f t="shared" si="382"/>
        <v/>
      </c>
      <c r="BK671" s="79" t="str">
        <f t="shared" si="383"/>
        <v/>
      </c>
      <c r="BL671" s="79" t="str">
        <f t="shared" si="384"/>
        <v/>
      </c>
      <c r="BM671" s="79" t="str">
        <f t="shared" si="385"/>
        <v/>
      </c>
      <c r="BN671" s="79" t="str">
        <f t="shared" si="386"/>
        <v/>
      </c>
      <c r="BO671" s="79" t="str">
        <f t="shared" si="387"/>
        <v/>
      </c>
      <c r="BP671" s="79" t="str">
        <f t="shared" si="388"/>
        <v/>
      </c>
      <c r="BQ671" s="79" t="str">
        <f t="shared" si="389"/>
        <v/>
      </c>
      <c r="BR671" s="79" t="str">
        <f t="shared" si="390"/>
        <v/>
      </c>
      <c r="BS671" s="79" t="str">
        <f t="shared" si="391"/>
        <v/>
      </c>
      <c r="BT671" s="79" t="str">
        <f t="shared" si="392"/>
        <v/>
      </c>
      <c r="BU671" s="79">
        <f t="shared" si="393"/>
        <v>108841.00000000001</v>
      </c>
      <c r="BV671" s="79" t="str">
        <f t="shared" si="394"/>
        <v/>
      </c>
      <c r="BW671" s="79" t="str">
        <f t="shared" si="395"/>
        <v/>
      </c>
      <c r="BX671" s="79" t="str">
        <f t="shared" si="396"/>
        <v/>
      </c>
      <c r="BY671" s="79" t="str">
        <f t="shared" si="397"/>
        <v/>
      </c>
      <c r="BZ671" s="79" t="str">
        <f t="shared" si="398"/>
        <v/>
      </c>
      <c r="CA671" s="79" t="str">
        <f t="shared" si="399"/>
        <v/>
      </c>
      <c r="CB671" s="79" t="str">
        <f t="shared" si="400"/>
        <v/>
      </c>
      <c r="CC671" s="79" t="str">
        <f t="shared" si="401"/>
        <v/>
      </c>
      <c r="CD671" s="81" t="s">
        <v>660</v>
      </c>
      <c r="CE671" s="81"/>
      <c r="CF671" s="83" t="s">
        <v>661</v>
      </c>
    </row>
    <row r="672" spans="1:84" ht="56.1" hidden="1" customHeight="1" x14ac:dyDescent="0.2">
      <c r="A672" s="91">
        <v>672</v>
      </c>
      <c r="B672" s="23" t="s">
        <v>53</v>
      </c>
      <c r="C672" s="35" t="s">
        <v>655</v>
      </c>
      <c r="D672" s="77" t="s">
        <v>656</v>
      </c>
      <c r="E672" s="75" t="s">
        <v>819</v>
      </c>
      <c r="F672" s="75" t="s">
        <v>820</v>
      </c>
      <c r="G672" s="75" t="s">
        <v>90</v>
      </c>
      <c r="H672" s="75" t="s">
        <v>39</v>
      </c>
      <c r="I672" s="77" t="s">
        <v>60</v>
      </c>
      <c r="J672" s="77" t="s">
        <v>77</v>
      </c>
      <c r="K672" s="78" t="s">
        <v>818</v>
      </c>
      <c r="L672" s="76" t="s">
        <v>63</v>
      </c>
      <c r="M672" s="76" t="s">
        <v>63</v>
      </c>
      <c r="N672" s="81">
        <v>37618</v>
      </c>
      <c r="O672" s="81">
        <f t="shared" si="368"/>
        <v>37618</v>
      </c>
      <c r="P672" s="76" t="s">
        <v>723</v>
      </c>
      <c r="Q672" s="84" t="s">
        <v>65</v>
      </c>
      <c r="R672" s="81"/>
      <c r="S672" s="81"/>
      <c r="T672" s="81"/>
      <c r="U672" s="81"/>
      <c r="V672" s="81"/>
      <c r="W672" s="81"/>
      <c r="X672" s="81"/>
      <c r="Y672" s="81"/>
      <c r="Z672" s="81"/>
      <c r="AA672" s="81"/>
      <c r="AB672" s="81"/>
      <c r="AC672" s="81"/>
      <c r="AD672" s="81"/>
      <c r="AE672" s="81"/>
      <c r="AF672" s="81"/>
      <c r="AG672" s="81"/>
      <c r="AH672" s="81"/>
      <c r="AI672" s="81"/>
      <c r="AJ672" s="81"/>
      <c r="AK672" s="81"/>
      <c r="AL672" s="81"/>
      <c r="AM672" s="81"/>
      <c r="AN672" s="79" t="s">
        <v>66</v>
      </c>
      <c r="AO672" s="81"/>
      <c r="AP672" s="81"/>
      <c r="AQ672" s="81"/>
      <c r="AR672" s="81"/>
      <c r="AS672" s="81"/>
      <c r="AT672" s="81"/>
      <c r="AU672" s="81"/>
      <c r="AV672" s="81"/>
      <c r="AW672" s="80">
        <f t="shared" si="370"/>
        <v>400</v>
      </c>
      <c r="AX672" s="76">
        <f>O672/AW672</f>
        <v>94.045000000000002</v>
      </c>
      <c r="AY672" s="79" t="str">
        <f t="shared" si="371"/>
        <v/>
      </c>
      <c r="AZ672" s="79" t="str">
        <f t="shared" si="372"/>
        <v/>
      </c>
      <c r="BA672" s="79" t="str">
        <f t="shared" si="373"/>
        <v/>
      </c>
      <c r="BB672" s="79" t="str">
        <f t="shared" si="374"/>
        <v/>
      </c>
      <c r="BC672" s="79" t="str">
        <f t="shared" si="375"/>
        <v/>
      </c>
      <c r="BD672" s="79" t="str">
        <f t="shared" si="376"/>
        <v/>
      </c>
      <c r="BE672" s="79" t="str">
        <f t="shared" si="377"/>
        <v/>
      </c>
      <c r="BF672" s="79" t="str">
        <f t="shared" si="378"/>
        <v/>
      </c>
      <c r="BG672" s="79" t="str">
        <f t="shared" si="379"/>
        <v/>
      </c>
      <c r="BH672" s="79" t="str">
        <f t="shared" si="380"/>
        <v/>
      </c>
      <c r="BI672" s="79" t="str">
        <f t="shared" si="381"/>
        <v/>
      </c>
      <c r="BJ672" s="79" t="str">
        <f t="shared" si="382"/>
        <v/>
      </c>
      <c r="BK672" s="79" t="str">
        <f t="shared" si="383"/>
        <v/>
      </c>
      <c r="BL672" s="79" t="str">
        <f t="shared" si="384"/>
        <v/>
      </c>
      <c r="BM672" s="79" t="str">
        <f t="shared" si="385"/>
        <v/>
      </c>
      <c r="BN672" s="79" t="str">
        <f t="shared" si="386"/>
        <v/>
      </c>
      <c r="BO672" s="79" t="str">
        <f t="shared" si="387"/>
        <v/>
      </c>
      <c r="BP672" s="79" t="str">
        <f t="shared" si="388"/>
        <v/>
      </c>
      <c r="BQ672" s="79" t="str">
        <f t="shared" si="389"/>
        <v/>
      </c>
      <c r="BR672" s="79" t="str">
        <f t="shared" si="390"/>
        <v/>
      </c>
      <c r="BS672" s="79" t="str">
        <f t="shared" si="391"/>
        <v/>
      </c>
      <c r="BT672" s="79" t="str">
        <f t="shared" si="392"/>
        <v/>
      </c>
      <c r="BU672" s="79">
        <f t="shared" si="393"/>
        <v>37618</v>
      </c>
      <c r="BV672" s="79" t="str">
        <f t="shared" si="394"/>
        <v/>
      </c>
      <c r="BW672" s="79" t="str">
        <f t="shared" si="395"/>
        <v/>
      </c>
      <c r="BX672" s="79" t="str">
        <f t="shared" si="396"/>
        <v/>
      </c>
      <c r="BY672" s="79" t="str">
        <f t="shared" si="397"/>
        <v/>
      </c>
      <c r="BZ672" s="79" t="str">
        <f t="shared" si="398"/>
        <v/>
      </c>
      <c r="CA672" s="79" t="str">
        <f t="shared" si="399"/>
        <v/>
      </c>
      <c r="CB672" s="79" t="str">
        <f t="shared" si="400"/>
        <v/>
      </c>
      <c r="CC672" s="79" t="str">
        <f t="shared" si="401"/>
        <v/>
      </c>
      <c r="CD672" s="81" t="s">
        <v>660</v>
      </c>
      <c r="CE672" s="81"/>
      <c r="CF672" s="83" t="s">
        <v>661</v>
      </c>
    </row>
    <row r="673" spans="1:84" s="322" customFormat="1" ht="56.1" hidden="1" customHeight="1" x14ac:dyDescent="0.2">
      <c r="A673" s="302">
        <v>673</v>
      </c>
      <c r="B673" s="24" t="s">
        <v>53</v>
      </c>
      <c r="C673" s="35" t="s">
        <v>655</v>
      </c>
      <c r="D673" s="310" t="s">
        <v>656</v>
      </c>
      <c r="E673" s="310" t="s">
        <v>821</v>
      </c>
      <c r="F673" s="310" t="s">
        <v>717</v>
      </c>
      <c r="G673" s="310" t="s">
        <v>90</v>
      </c>
      <c r="H673" s="310" t="s">
        <v>63</v>
      </c>
      <c r="I673" s="325" t="s">
        <v>81</v>
      </c>
      <c r="J673" s="310" t="s">
        <v>77</v>
      </c>
      <c r="K673" s="325" t="s">
        <v>225</v>
      </c>
      <c r="L673" s="309" t="s">
        <v>63</v>
      </c>
      <c r="M673" s="309" t="s">
        <v>63</v>
      </c>
      <c r="N673" s="309">
        <v>125393</v>
      </c>
      <c r="O673" s="309">
        <f t="shared" si="368"/>
        <v>125393</v>
      </c>
      <c r="P673" s="309" t="s">
        <v>718</v>
      </c>
      <c r="Q673" s="309" t="s">
        <v>65</v>
      </c>
      <c r="R673" s="309"/>
      <c r="S673" s="309"/>
      <c r="T673" s="309"/>
      <c r="U673" s="309"/>
      <c r="V673" s="309"/>
      <c r="W673" s="309"/>
      <c r="X673" s="309"/>
      <c r="Y673" s="309"/>
      <c r="Z673" s="309"/>
      <c r="AA673" s="309"/>
      <c r="AB673" s="309"/>
      <c r="AC673" s="309"/>
      <c r="AD673" s="309"/>
      <c r="AE673" s="309"/>
      <c r="AF673" s="309"/>
      <c r="AG673" s="309"/>
      <c r="AH673" s="309"/>
      <c r="AI673" s="309"/>
      <c r="AJ673" s="309"/>
      <c r="AK673" s="309"/>
      <c r="AL673" s="309"/>
      <c r="AM673" s="309"/>
      <c r="AN673" s="309"/>
      <c r="AO673" s="309"/>
      <c r="AP673" s="309"/>
      <c r="AQ673" s="309"/>
      <c r="AR673" s="309"/>
      <c r="AS673" s="309"/>
      <c r="AT673" s="309"/>
      <c r="AU673" s="309"/>
      <c r="AV673" s="309"/>
      <c r="AW673" s="308">
        <f t="shared" si="370"/>
        <v>0</v>
      </c>
      <c r="AX673" s="309"/>
      <c r="AY673" s="307" t="str">
        <f t="shared" si="371"/>
        <v/>
      </c>
      <c r="AZ673" s="307" t="str">
        <f t="shared" si="372"/>
        <v/>
      </c>
      <c r="BA673" s="307" t="str">
        <f t="shared" si="373"/>
        <v/>
      </c>
      <c r="BB673" s="307" t="str">
        <f t="shared" si="374"/>
        <v/>
      </c>
      <c r="BC673" s="307" t="str">
        <f t="shared" si="375"/>
        <v/>
      </c>
      <c r="BD673" s="307" t="str">
        <f t="shared" si="376"/>
        <v/>
      </c>
      <c r="BE673" s="307" t="str">
        <f t="shared" si="377"/>
        <v/>
      </c>
      <c r="BF673" s="307" t="str">
        <f t="shared" si="378"/>
        <v/>
      </c>
      <c r="BG673" s="307" t="str">
        <f t="shared" si="379"/>
        <v/>
      </c>
      <c r="BH673" s="307" t="str">
        <f t="shared" si="380"/>
        <v/>
      </c>
      <c r="BI673" s="307" t="str">
        <f t="shared" si="381"/>
        <v/>
      </c>
      <c r="BJ673" s="307" t="str">
        <f t="shared" si="382"/>
        <v/>
      </c>
      <c r="BK673" s="307" t="str">
        <f t="shared" si="383"/>
        <v/>
      </c>
      <c r="BL673" s="307" t="str">
        <f t="shared" si="384"/>
        <v/>
      </c>
      <c r="BM673" s="307" t="str">
        <f t="shared" si="385"/>
        <v/>
      </c>
      <c r="BN673" s="307" t="str">
        <f t="shared" si="386"/>
        <v/>
      </c>
      <c r="BO673" s="307" t="str">
        <f t="shared" si="387"/>
        <v/>
      </c>
      <c r="BP673" s="307" t="str">
        <f t="shared" si="388"/>
        <v/>
      </c>
      <c r="BQ673" s="307" t="str">
        <f t="shared" si="389"/>
        <v/>
      </c>
      <c r="BR673" s="307" t="str">
        <f t="shared" si="390"/>
        <v/>
      </c>
      <c r="BS673" s="307" t="str">
        <f t="shared" si="391"/>
        <v/>
      </c>
      <c r="BT673" s="307" t="str">
        <f t="shared" si="392"/>
        <v/>
      </c>
      <c r="BU673" s="307" t="str">
        <f t="shared" si="393"/>
        <v/>
      </c>
      <c r="BV673" s="307" t="str">
        <f t="shared" si="394"/>
        <v/>
      </c>
      <c r="BW673" s="307" t="str">
        <f t="shared" si="395"/>
        <v/>
      </c>
      <c r="BX673" s="307" t="str">
        <f t="shared" si="396"/>
        <v/>
      </c>
      <c r="BY673" s="307" t="str">
        <f t="shared" si="397"/>
        <v/>
      </c>
      <c r="BZ673" s="307" t="str">
        <f t="shared" si="398"/>
        <v/>
      </c>
      <c r="CA673" s="307" t="str">
        <f t="shared" si="399"/>
        <v/>
      </c>
      <c r="CB673" s="307" t="str">
        <f t="shared" si="400"/>
        <v/>
      </c>
      <c r="CC673" s="307" t="str">
        <f t="shared" si="401"/>
        <v/>
      </c>
      <c r="CD673" s="309" t="s">
        <v>660</v>
      </c>
      <c r="CE673" s="309"/>
      <c r="CF673" s="321" t="s">
        <v>661</v>
      </c>
    </row>
    <row r="674" spans="1:84" s="322" customFormat="1" ht="56.1" hidden="1" customHeight="1" x14ac:dyDescent="0.2">
      <c r="A674" s="302">
        <v>674</v>
      </c>
      <c r="B674" s="24" t="s">
        <v>53</v>
      </c>
      <c r="C674" s="35" t="s">
        <v>655</v>
      </c>
      <c r="D674" s="310" t="s">
        <v>656</v>
      </c>
      <c r="E674" s="310" t="s">
        <v>822</v>
      </c>
      <c r="F674" s="310" t="s">
        <v>715</v>
      </c>
      <c r="G674" s="310" t="s">
        <v>90</v>
      </c>
      <c r="H674" s="310" t="s">
        <v>63</v>
      </c>
      <c r="I674" s="325" t="s">
        <v>81</v>
      </c>
      <c r="J674" s="310" t="s">
        <v>77</v>
      </c>
      <c r="K674" s="325" t="s">
        <v>225</v>
      </c>
      <c r="L674" s="309" t="s">
        <v>63</v>
      </c>
      <c r="M674" s="309" t="s">
        <v>63</v>
      </c>
      <c r="N674" s="304"/>
      <c r="O674" s="304"/>
      <c r="P674" s="309" t="s">
        <v>718</v>
      </c>
      <c r="Q674" s="309" t="s">
        <v>65</v>
      </c>
      <c r="R674" s="309"/>
      <c r="S674" s="309"/>
      <c r="T674" s="309"/>
      <c r="U674" s="309"/>
      <c r="V674" s="309"/>
      <c r="W674" s="309"/>
      <c r="X674" s="309"/>
      <c r="Y674" s="309"/>
      <c r="Z674" s="309"/>
      <c r="AA674" s="309"/>
      <c r="AB674" s="309"/>
      <c r="AC674" s="309"/>
      <c r="AD674" s="309"/>
      <c r="AE674" s="309"/>
      <c r="AF674" s="309"/>
      <c r="AG674" s="309"/>
      <c r="AH674" s="309"/>
      <c r="AI674" s="309"/>
      <c r="AJ674" s="309"/>
      <c r="AK674" s="309"/>
      <c r="AL674" s="309"/>
      <c r="AM674" s="309"/>
      <c r="AN674" s="309"/>
      <c r="AO674" s="309"/>
      <c r="AP674" s="309"/>
      <c r="AQ674" s="309"/>
      <c r="AR674" s="309"/>
      <c r="AS674" s="309"/>
      <c r="AT674" s="309"/>
      <c r="AU674" s="309"/>
      <c r="AV674" s="309"/>
      <c r="AW674" s="308">
        <f t="shared" si="370"/>
        <v>0</v>
      </c>
      <c r="AX674" s="309"/>
      <c r="AY674" s="307" t="str">
        <f t="shared" si="371"/>
        <v/>
      </c>
      <c r="AZ674" s="307" t="str">
        <f t="shared" si="372"/>
        <v/>
      </c>
      <c r="BA674" s="307" t="str">
        <f t="shared" si="373"/>
        <v/>
      </c>
      <c r="BB674" s="307" t="str">
        <f t="shared" si="374"/>
        <v/>
      </c>
      <c r="BC674" s="307" t="str">
        <f t="shared" si="375"/>
        <v/>
      </c>
      <c r="BD674" s="307" t="str">
        <f t="shared" si="376"/>
        <v/>
      </c>
      <c r="BE674" s="307" t="str">
        <f t="shared" si="377"/>
        <v/>
      </c>
      <c r="BF674" s="307" t="str">
        <f t="shared" si="378"/>
        <v/>
      </c>
      <c r="BG674" s="307" t="str">
        <f t="shared" si="379"/>
        <v/>
      </c>
      <c r="BH674" s="307" t="str">
        <f t="shared" si="380"/>
        <v/>
      </c>
      <c r="BI674" s="307" t="str">
        <f t="shared" si="381"/>
        <v/>
      </c>
      <c r="BJ674" s="307" t="str">
        <f t="shared" si="382"/>
        <v/>
      </c>
      <c r="BK674" s="307" t="str">
        <f t="shared" si="383"/>
        <v/>
      </c>
      <c r="BL674" s="307" t="str">
        <f t="shared" si="384"/>
        <v/>
      </c>
      <c r="BM674" s="307" t="str">
        <f t="shared" si="385"/>
        <v/>
      </c>
      <c r="BN674" s="307" t="str">
        <f t="shared" si="386"/>
        <v/>
      </c>
      <c r="BO674" s="307" t="str">
        <f t="shared" si="387"/>
        <v/>
      </c>
      <c r="BP674" s="307" t="str">
        <f t="shared" si="388"/>
        <v/>
      </c>
      <c r="BQ674" s="307" t="str">
        <f t="shared" si="389"/>
        <v/>
      </c>
      <c r="BR674" s="307" t="str">
        <f t="shared" si="390"/>
        <v/>
      </c>
      <c r="BS674" s="307" t="str">
        <f t="shared" si="391"/>
        <v/>
      </c>
      <c r="BT674" s="307" t="str">
        <f t="shared" si="392"/>
        <v/>
      </c>
      <c r="BU674" s="307" t="str">
        <f t="shared" si="393"/>
        <v/>
      </c>
      <c r="BV674" s="307" t="str">
        <f t="shared" si="394"/>
        <v/>
      </c>
      <c r="BW674" s="307" t="str">
        <f t="shared" si="395"/>
        <v/>
      </c>
      <c r="BX674" s="307" t="str">
        <f t="shared" si="396"/>
        <v/>
      </c>
      <c r="BY674" s="307" t="str">
        <f t="shared" si="397"/>
        <v/>
      </c>
      <c r="BZ674" s="307" t="str">
        <f t="shared" si="398"/>
        <v/>
      </c>
      <c r="CA674" s="307" t="str">
        <f t="shared" si="399"/>
        <v/>
      </c>
      <c r="CB674" s="307" t="str">
        <f t="shared" si="400"/>
        <v/>
      </c>
      <c r="CC674" s="307" t="str">
        <f t="shared" si="401"/>
        <v/>
      </c>
      <c r="CD674" s="309" t="s">
        <v>660</v>
      </c>
      <c r="CE674" s="309"/>
      <c r="CF674" s="321" t="s">
        <v>661</v>
      </c>
    </row>
    <row r="675" spans="1:84" s="322" customFormat="1" ht="56.1" hidden="1" customHeight="1" x14ac:dyDescent="0.2">
      <c r="A675" s="302">
        <v>675</v>
      </c>
      <c r="B675" s="24" t="s">
        <v>53</v>
      </c>
      <c r="C675" s="35" t="s">
        <v>655</v>
      </c>
      <c r="D675" s="310" t="s">
        <v>656</v>
      </c>
      <c r="E675" s="310" t="s">
        <v>823</v>
      </c>
      <c r="F675" s="310" t="s">
        <v>717</v>
      </c>
      <c r="G675" s="310" t="s">
        <v>90</v>
      </c>
      <c r="H675" s="310" t="s">
        <v>63</v>
      </c>
      <c r="I675" s="325" t="s">
        <v>81</v>
      </c>
      <c r="J675" s="310" t="s">
        <v>77</v>
      </c>
      <c r="K675" s="325" t="s">
        <v>225</v>
      </c>
      <c r="L675" s="309" t="s">
        <v>63</v>
      </c>
      <c r="M675" s="309" t="s">
        <v>63</v>
      </c>
      <c r="N675" s="309">
        <v>18809</v>
      </c>
      <c r="O675" s="309">
        <f t="shared" si="368"/>
        <v>18809</v>
      </c>
      <c r="P675" s="309" t="s">
        <v>718</v>
      </c>
      <c r="Q675" s="309" t="s">
        <v>65</v>
      </c>
      <c r="R675" s="309"/>
      <c r="S675" s="309"/>
      <c r="T675" s="309"/>
      <c r="U675" s="309"/>
      <c r="V675" s="309"/>
      <c r="W675" s="309"/>
      <c r="X675" s="309"/>
      <c r="Y675" s="309"/>
      <c r="Z675" s="309"/>
      <c r="AA675" s="309"/>
      <c r="AB675" s="309"/>
      <c r="AC675" s="309"/>
      <c r="AD675" s="309"/>
      <c r="AE675" s="309"/>
      <c r="AF675" s="309"/>
      <c r="AG675" s="309"/>
      <c r="AH675" s="309"/>
      <c r="AI675" s="309"/>
      <c r="AJ675" s="309"/>
      <c r="AK675" s="309"/>
      <c r="AL675" s="309"/>
      <c r="AM675" s="309"/>
      <c r="AN675" s="309"/>
      <c r="AO675" s="309"/>
      <c r="AP675" s="309"/>
      <c r="AQ675" s="309"/>
      <c r="AR675" s="309"/>
      <c r="AS675" s="309"/>
      <c r="AT675" s="309"/>
      <c r="AU675" s="309"/>
      <c r="AV675" s="309"/>
      <c r="AW675" s="308">
        <f t="shared" si="370"/>
        <v>0</v>
      </c>
      <c r="AX675" s="309"/>
      <c r="AY675" s="307" t="str">
        <f t="shared" si="371"/>
        <v/>
      </c>
      <c r="AZ675" s="307" t="str">
        <f t="shared" si="372"/>
        <v/>
      </c>
      <c r="BA675" s="307" t="str">
        <f t="shared" si="373"/>
        <v/>
      </c>
      <c r="BB675" s="307" t="str">
        <f t="shared" si="374"/>
        <v/>
      </c>
      <c r="BC675" s="307" t="str">
        <f t="shared" si="375"/>
        <v/>
      </c>
      <c r="BD675" s="307" t="str">
        <f t="shared" si="376"/>
        <v/>
      </c>
      <c r="BE675" s="307" t="str">
        <f t="shared" si="377"/>
        <v/>
      </c>
      <c r="BF675" s="307" t="str">
        <f t="shared" si="378"/>
        <v/>
      </c>
      <c r="BG675" s="307" t="str">
        <f t="shared" si="379"/>
        <v/>
      </c>
      <c r="BH675" s="307" t="str">
        <f t="shared" si="380"/>
        <v/>
      </c>
      <c r="BI675" s="307" t="str">
        <f t="shared" si="381"/>
        <v/>
      </c>
      <c r="BJ675" s="307" t="str">
        <f t="shared" si="382"/>
        <v/>
      </c>
      <c r="BK675" s="307" t="str">
        <f t="shared" si="383"/>
        <v/>
      </c>
      <c r="BL675" s="307" t="str">
        <f t="shared" si="384"/>
        <v/>
      </c>
      <c r="BM675" s="307" t="str">
        <f t="shared" si="385"/>
        <v/>
      </c>
      <c r="BN675" s="307" t="str">
        <f t="shared" si="386"/>
        <v/>
      </c>
      <c r="BO675" s="307" t="str">
        <f t="shared" si="387"/>
        <v/>
      </c>
      <c r="BP675" s="307" t="str">
        <f t="shared" si="388"/>
        <v/>
      </c>
      <c r="BQ675" s="307" t="str">
        <f t="shared" si="389"/>
        <v/>
      </c>
      <c r="BR675" s="307" t="str">
        <f t="shared" si="390"/>
        <v/>
      </c>
      <c r="BS675" s="307" t="str">
        <f t="shared" si="391"/>
        <v/>
      </c>
      <c r="BT675" s="307" t="str">
        <f t="shared" si="392"/>
        <v/>
      </c>
      <c r="BU675" s="307" t="str">
        <f t="shared" si="393"/>
        <v/>
      </c>
      <c r="BV675" s="307" t="str">
        <f t="shared" si="394"/>
        <v/>
      </c>
      <c r="BW675" s="307" t="str">
        <f t="shared" si="395"/>
        <v/>
      </c>
      <c r="BX675" s="307" t="str">
        <f t="shared" si="396"/>
        <v/>
      </c>
      <c r="BY675" s="307" t="str">
        <f t="shared" si="397"/>
        <v/>
      </c>
      <c r="BZ675" s="307" t="str">
        <f t="shared" si="398"/>
        <v/>
      </c>
      <c r="CA675" s="307" t="str">
        <f t="shared" si="399"/>
        <v/>
      </c>
      <c r="CB675" s="307" t="str">
        <f t="shared" si="400"/>
        <v/>
      </c>
      <c r="CC675" s="307" t="str">
        <f t="shared" si="401"/>
        <v/>
      </c>
      <c r="CD675" s="309" t="s">
        <v>660</v>
      </c>
      <c r="CE675" s="309"/>
      <c r="CF675" s="321" t="s">
        <v>661</v>
      </c>
    </row>
    <row r="676" spans="1:84" s="283" customFormat="1" ht="56.1" hidden="1" customHeight="1" x14ac:dyDescent="0.2">
      <c r="A676" s="264">
        <v>676</v>
      </c>
      <c r="B676" s="265" t="s">
        <v>53</v>
      </c>
      <c r="C676" s="279" t="s">
        <v>655</v>
      </c>
      <c r="D676" s="273" t="s">
        <v>656</v>
      </c>
      <c r="E676" s="273" t="s">
        <v>824</v>
      </c>
      <c r="F676" s="273" t="s">
        <v>824</v>
      </c>
      <c r="G676" s="273" t="s">
        <v>215</v>
      </c>
      <c r="H676" s="273" t="s">
        <v>63</v>
      </c>
      <c r="I676" s="280" t="s">
        <v>81</v>
      </c>
      <c r="J676" s="273" t="s">
        <v>77</v>
      </c>
      <c r="K676" s="280" t="s">
        <v>825</v>
      </c>
      <c r="L676" s="272" t="s">
        <v>63</v>
      </c>
      <c r="M676" s="272" t="s">
        <v>63</v>
      </c>
      <c r="N676" s="272">
        <v>100816</v>
      </c>
      <c r="O676" s="272">
        <f t="shared" si="368"/>
        <v>100816</v>
      </c>
      <c r="P676" s="281" t="s">
        <v>659</v>
      </c>
      <c r="Q676" s="272" t="s">
        <v>65</v>
      </c>
      <c r="R676" s="272"/>
      <c r="S676" s="272"/>
      <c r="T676" s="272"/>
      <c r="U676" s="272"/>
      <c r="V676" s="272"/>
      <c r="W676" s="272"/>
      <c r="X676" s="272"/>
      <c r="Y676" s="272"/>
      <c r="Z676" s="272"/>
      <c r="AA676" s="272"/>
      <c r="AB676" s="272"/>
      <c r="AC676" s="272"/>
      <c r="AD676" s="272"/>
      <c r="AE676" s="272"/>
      <c r="AF676" s="272"/>
      <c r="AG676" s="272"/>
      <c r="AH676" s="272"/>
      <c r="AI676" s="272"/>
      <c r="AJ676" s="272"/>
      <c r="AK676" s="272"/>
      <c r="AL676" s="272"/>
      <c r="AM676" s="272"/>
      <c r="AN676" s="272"/>
      <c r="AO676" s="272"/>
      <c r="AP676" s="272"/>
      <c r="AQ676" s="272"/>
      <c r="AR676" s="272"/>
      <c r="AS676" s="272"/>
      <c r="AT676" s="272"/>
      <c r="AU676" s="272"/>
      <c r="AV676" s="272"/>
      <c r="AW676" s="271">
        <f t="shared" si="370"/>
        <v>0</v>
      </c>
      <c r="AX676" s="272"/>
      <c r="AY676" s="269" t="str">
        <f t="shared" si="371"/>
        <v/>
      </c>
      <c r="AZ676" s="269" t="str">
        <f t="shared" si="372"/>
        <v/>
      </c>
      <c r="BA676" s="269" t="str">
        <f t="shared" si="373"/>
        <v/>
      </c>
      <c r="BB676" s="269" t="str">
        <f t="shared" si="374"/>
        <v/>
      </c>
      <c r="BC676" s="269" t="str">
        <f t="shared" si="375"/>
        <v/>
      </c>
      <c r="BD676" s="269" t="str">
        <f t="shared" si="376"/>
        <v/>
      </c>
      <c r="BE676" s="269" t="str">
        <f t="shared" si="377"/>
        <v/>
      </c>
      <c r="BF676" s="269" t="str">
        <f t="shared" si="378"/>
        <v/>
      </c>
      <c r="BG676" s="269" t="str">
        <f t="shared" si="379"/>
        <v/>
      </c>
      <c r="BH676" s="269" t="str">
        <f t="shared" si="380"/>
        <v/>
      </c>
      <c r="BI676" s="269" t="str">
        <f t="shared" si="381"/>
        <v/>
      </c>
      <c r="BJ676" s="269" t="str">
        <f t="shared" si="382"/>
        <v/>
      </c>
      <c r="BK676" s="269" t="str">
        <f t="shared" si="383"/>
        <v/>
      </c>
      <c r="BL676" s="269" t="str">
        <f t="shared" si="384"/>
        <v/>
      </c>
      <c r="BM676" s="269" t="str">
        <f t="shared" si="385"/>
        <v/>
      </c>
      <c r="BN676" s="269" t="str">
        <f t="shared" si="386"/>
        <v/>
      </c>
      <c r="BO676" s="269" t="str">
        <f t="shared" si="387"/>
        <v/>
      </c>
      <c r="BP676" s="269" t="str">
        <f t="shared" si="388"/>
        <v/>
      </c>
      <c r="BQ676" s="269" t="str">
        <f t="shared" si="389"/>
        <v/>
      </c>
      <c r="BR676" s="269" t="str">
        <f t="shared" si="390"/>
        <v/>
      </c>
      <c r="BS676" s="269" t="str">
        <f t="shared" si="391"/>
        <v/>
      </c>
      <c r="BT676" s="269" t="str">
        <f t="shared" si="392"/>
        <v/>
      </c>
      <c r="BU676" s="269" t="str">
        <f t="shared" si="393"/>
        <v/>
      </c>
      <c r="BV676" s="269" t="str">
        <f t="shared" si="394"/>
        <v/>
      </c>
      <c r="BW676" s="269" t="str">
        <f t="shared" si="395"/>
        <v/>
      </c>
      <c r="BX676" s="269" t="str">
        <f t="shared" si="396"/>
        <v/>
      </c>
      <c r="BY676" s="269" t="str">
        <f t="shared" si="397"/>
        <v/>
      </c>
      <c r="BZ676" s="269" t="str">
        <f t="shared" si="398"/>
        <v/>
      </c>
      <c r="CA676" s="269" t="str">
        <f t="shared" si="399"/>
        <v/>
      </c>
      <c r="CB676" s="269" t="str">
        <f t="shared" si="400"/>
        <v/>
      </c>
      <c r="CC676" s="269" t="str">
        <f t="shared" si="401"/>
        <v/>
      </c>
      <c r="CD676" s="272" t="s">
        <v>660</v>
      </c>
      <c r="CE676" s="272"/>
      <c r="CF676" s="282" t="s">
        <v>661</v>
      </c>
    </row>
    <row r="677" spans="1:84" s="283" customFormat="1" ht="56.1" hidden="1" customHeight="1" x14ac:dyDescent="0.2">
      <c r="A677" s="264">
        <v>677</v>
      </c>
      <c r="B677" s="265" t="s">
        <v>53</v>
      </c>
      <c r="C677" s="279" t="s">
        <v>655</v>
      </c>
      <c r="D677" s="273" t="s">
        <v>656</v>
      </c>
      <c r="E677" s="273" t="s">
        <v>826</v>
      </c>
      <c r="F677" s="273" t="s">
        <v>826</v>
      </c>
      <c r="G677" s="273" t="s">
        <v>215</v>
      </c>
      <c r="H677" s="273" t="s">
        <v>63</v>
      </c>
      <c r="I677" s="280" t="s">
        <v>81</v>
      </c>
      <c r="J677" s="273" t="s">
        <v>77</v>
      </c>
      <c r="K677" s="280" t="s">
        <v>827</v>
      </c>
      <c r="L677" s="272" t="s">
        <v>63</v>
      </c>
      <c r="M677" s="272" t="s">
        <v>63</v>
      </c>
      <c r="N677" s="272">
        <v>1095936</v>
      </c>
      <c r="O677" s="272">
        <f t="shared" si="368"/>
        <v>1095936</v>
      </c>
      <c r="P677" s="281" t="s">
        <v>659</v>
      </c>
      <c r="Q677" s="272" t="s">
        <v>65</v>
      </c>
      <c r="R677" s="272"/>
      <c r="S677" s="272"/>
      <c r="T677" s="272"/>
      <c r="U677" s="272"/>
      <c r="V677" s="272"/>
      <c r="W677" s="272"/>
      <c r="X677" s="272"/>
      <c r="Y677" s="272"/>
      <c r="Z677" s="272"/>
      <c r="AA677" s="272"/>
      <c r="AB677" s="272"/>
      <c r="AC677" s="272"/>
      <c r="AD677" s="272"/>
      <c r="AE677" s="272"/>
      <c r="AF677" s="272"/>
      <c r="AG677" s="272"/>
      <c r="AH677" s="272"/>
      <c r="AI677" s="272"/>
      <c r="AJ677" s="272"/>
      <c r="AK677" s="272"/>
      <c r="AL677" s="272"/>
      <c r="AM677" s="272"/>
      <c r="AN677" s="272"/>
      <c r="AO677" s="272"/>
      <c r="AP677" s="272"/>
      <c r="AQ677" s="272"/>
      <c r="AR677" s="272"/>
      <c r="AS677" s="272"/>
      <c r="AT677" s="272"/>
      <c r="AU677" s="272"/>
      <c r="AV677" s="272"/>
      <c r="AW677" s="271">
        <f t="shared" si="370"/>
        <v>0</v>
      </c>
      <c r="AX677" s="272"/>
      <c r="AY677" s="269" t="str">
        <f t="shared" si="371"/>
        <v/>
      </c>
      <c r="AZ677" s="269" t="str">
        <f t="shared" si="372"/>
        <v/>
      </c>
      <c r="BA677" s="269" t="str">
        <f t="shared" si="373"/>
        <v/>
      </c>
      <c r="BB677" s="269" t="str">
        <f t="shared" si="374"/>
        <v/>
      </c>
      <c r="BC677" s="269" t="str">
        <f t="shared" si="375"/>
        <v/>
      </c>
      <c r="BD677" s="269" t="str">
        <f t="shared" si="376"/>
        <v/>
      </c>
      <c r="BE677" s="269" t="str">
        <f t="shared" si="377"/>
        <v/>
      </c>
      <c r="BF677" s="269" t="str">
        <f t="shared" si="378"/>
        <v/>
      </c>
      <c r="BG677" s="269" t="str">
        <f t="shared" si="379"/>
        <v/>
      </c>
      <c r="BH677" s="269" t="str">
        <f t="shared" si="380"/>
        <v/>
      </c>
      <c r="BI677" s="269" t="str">
        <f t="shared" si="381"/>
        <v/>
      </c>
      <c r="BJ677" s="269" t="str">
        <f t="shared" si="382"/>
        <v/>
      </c>
      <c r="BK677" s="269" t="str">
        <f t="shared" si="383"/>
        <v/>
      </c>
      <c r="BL677" s="269" t="str">
        <f t="shared" si="384"/>
        <v/>
      </c>
      <c r="BM677" s="269" t="str">
        <f t="shared" si="385"/>
        <v/>
      </c>
      <c r="BN677" s="269" t="str">
        <f t="shared" si="386"/>
        <v/>
      </c>
      <c r="BO677" s="269" t="str">
        <f t="shared" si="387"/>
        <v/>
      </c>
      <c r="BP677" s="269" t="str">
        <f t="shared" si="388"/>
        <v/>
      </c>
      <c r="BQ677" s="269" t="str">
        <f t="shared" si="389"/>
        <v/>
      </c>
      <c r="BR677" s="269" t="str">
        <f t="shared" si="390"/>
        <v/>
      </c>
      <c r="BS677" s="269" t="str">
        <f t="shared" si="391"/>
        <v/>
      </c>
      <c r="BT677" s="269" t="str">
        <f t="shared" si="392"/>
        <v/>
      </c>
      <c r="BU677" s="269" t="str">
        <f t="shared" si="393"/>
        <v/>
      </c>
      <c r="BV677" s="269" t="str">
        <f t="shared" si="394"/>
        <v/>
      </c>
      <c r="BW677" s="269" t="str">
        <f t="shared" si="395"/>
        <v/>
      </c>
      <c r="BX677" s="269" t="str">
        <f t="shared" si="396"/>
        <v/>
      </c>
      <c r="BY677" s="269" t="str">
        <f t="shared" si="397"/>
        <v/>
      </c>
      <c r="BZ677" s="269" t="str">
        <f t="shared" si="398"/>
        <v/>
      </c>
      <c r="CA677" s="269" t="str">
        <f t="shared" si="399"/>
        <v/>
      </c>
      <c r="CB677" s="269" t="str">
        <f t="shared" si="400"/>
        <v/>
      </c>
      <c r="CC677" s="269" t="str">
        <f t="shared" si="401"/>
        <v/>
      </c>
      <c r="CD677" s="272" t="s">
        <v>660</v>
      </c>
      <c r="CE677" s="272"/>
      <c r="CF677" s="282" t="s">
        <v>661</v>
      </c>
    </row>
    <row r="678" spans="1:84" s="283" customFormat="1" ht="56.1" hidden="1" customHeight="1" x14ac:dyDescent="0.2">
      <c r="A678" s="264">
        <v>678</v>
      </c>
      <c r="B678" s="265" t="s">
        <v>53</v>
      </c>
      <c r="C678" s="279" t="s">
        <v>655</v>
      </c>
      <c r="D678" s="273" t="s">
        <v>656</v>
      </c>
      <c r="E678" s="273" t="s">
        <v>828</v>
      </c>
      <c r="F678" s="273" t="s">
        <v>828</v>
      </c>
      <c r="G678" s="273" t="s">
        <v>215</v>
      </c>
      <c r="H678" s="273" t="s">
        <v>63</v>
      </c>
      <c r="I678" s="280" t="s">
        <v>81</v>
      </c>
      <c r="J678" s="273" t="s">
        <v>77</v>
      </c>
      <c r="K678" s="280" t="s">
        <v>829</v>
      </c>
      <c r="L678" s="272" t="s">
        <v>63</v>
      </c>
      <c r="M678" s="272" t="s">
        <v>63</v>
      </c>
      <c r="N678" s="267"/>
      <c r="O678" s="267"/>
      <c r="P678" s="281" t="s">
        <v>659</v>
      </c>
      <c r="Q678" s="272" t="s">
        <v>65</v>
      </c>
      <c r="R678" s="272"/>
      <c r="S678" s="272"/>
      <c r="T678" s="272"/>
      <c r="U678" s="272"/>
      <c r="V678" s="272"/>
      <c r="W678" s="272"/>
      <c r="X678" s="272"/>
      <c r="Y678" s="272"/>
      <c r="Z678" s="272"/>
      <c r="AA678" s="272"/>
      <c r="AB678" s="272"/>
      <c r="AC678" s="272"/>
      <c r="AD678" s="272"/>
      <c r="AE678" s="272"/>
      <c r="AF678" s="272"/>
      <c r="AG678" s="272"/>
      <c r="AH678" s="272"/>
      <c r="AI678" s="272"/>
      <c r="AJ678" s="272"/>
      <c r="AK678" s="272"/>
      <c r="AL678" s="272"/>
      <c r="AM678" s="272"/>
      <c r="AN678" s="272"/>
      <c r="AO678" s="272"/>
      <c r="AP678" s="272"/>
      <c r="AQ678" s="272"/>
      <c r="AR678" s="272"/>
      <c r="AS678" s="272"/>
      <c r="AT678" s="272"/>
      <c r="AU678" s="272"/>
      <c r="AV678" s="272"/>
      <c r="AW678" s="271">
        <f t="shared" si="370"/>
        <v>0</v>
      </c>
      <c r="AX678" s="272"/>
      <c r="AY678" s="269" t="str">
        <f t="shared" si="371"/>
        <v/>
      </c>
      <c r="AZ678" s="269" t="str">
        <f t="shared" si="372"/>
        <v/>
      </c>
      <c r="BA678" s="269" t="str">
        <f t="shared" si="373"/>
        <v/>
      </c>
      <c r="BB678" s="269" t="str">
        <f t="shared" si="374"/>
        <v/>
      </c>
      <c r="BC678" s="269" t="str">
        <f t="shared" si="375"/>
        <v/>
      </c>
      <c r="BD678" s="269" t="str">
        <f t="shared" si="376"/>
        <v/>
      </c>
      <c r="BE678" s="269" t="str">
        <f t="shared" si="377"/>
        <v/>
      </c>
      <c r="BF678" s="269" t="str">
        <f t="shared" si="378"/>
        <v/>
      </c>
      <c r="BG678" s="269" t="str">
        <f t="shared" si="379"/>
        <v/>
      </c>
      <c r="BH678" s="269" t="str">
        <f t="shared" si="380"/>
        <v/>
      </c>
      <c r="BI678" s="269" t="str">
        <f t="shared" si="381"/>
        <v/>
      </c>
      <c r="BJ678" s="269" t="str">
        <f t="shared" si="382"/>
        <v/>
      </c>
      <c r="BK678" s="269" t="str">
        <f t="shared" si="383"/>
        <v/>
      </c>
      <c r="BL678" s="269" t="str">
        <f t="shared" si="384"/>
        <v/>
      </c>
      <c r="BM678" s="269" t="str">
        <f t="shared" si="385"/>
        <v/>
      </c>
      <c r="BN678" s="269" t="str">
        <f t="shared" si="386"/>
        <v/>
      </c>
      <c r="BO678" s="269" t="str">
        <f t="shared" si="387"/>
        <v/>
      </c>
      <c r="BP678" s="269" t="str">
        <f t="shared" si="388"/>
        <v/>
      </c>
      <c r="BQ678" s="269" t="str">
        <f t="shared" si="389"/>
        <v/>
      </c>
      <c r="BR678" s="269" t="str">
        <f t="shared" si="390"/>
        <v/>
      </c>
      <c r="BS678" s="269" t="str">
        <f t="shared" si="391"/>
        <v/>
      </c>
      <c r="BT678" s="269" t="str">
        <f t="shared" si="392"/>
        <v/>
      </c>
      <c r="BU678" s="269" t="str">
        <f t="shared" si="393"/>
        <v/>
      </c>
      <c r="BV678" s="269" t="str">
        <f t="shared" si="394"/>
        <v/>
      </c>
      <c r="BW678" s="269" t="str">
        <f t="shared" si="395"/>
        <v/>
      </c>
      <c r="BX678" s="269" t="str">
        <f t="shared" si="396"/>
        <v/>
      </c>
      <c r="BY678" s="269" t="str">
        <f t="shared" si="397"/>
        <v/>
      </c>
      <c r="BZ678" s="269" t="str">
        <f t="shared" si="398"/>
        <v/>
      </c>
      <c r="CA678" s="269" t="str">
        <f t="shared" si="399"/>
        <v/>
      </c>
      <c r="CB678" s="269" t="str">
        <f t="shared" si="400"/>
        <v/>
      </c>
      <c r="CC678" s="269" t="str">
        <f t="shared" si="401"/>
        <v/>
      </c>
      <c r="CD678" s="272" t="s">
        <v>660</v>
      </c>
      <c r="CE678" s="272"/>
      <c r="CF678" s="282" t="s">
        <v>661</v>
      </c>
    </row>
    <row r="679" spans="1:84" s="248" customFormat="1" ht="56.1" hidden="1" customHeight="1" x14ac:dyDescent="0.2">
      <c r="A679" s="198">
        <v>679</v>
      </c>
      <c r="B679" s="199" t="s">
        <v>53</v>
      </c>
      <c r="C679" s="208" t="s">
        <v>655</v>
      </c>
      <c r="D679" s="242" t="s">
        <v>830</v>
      </c>
      <c r="E679" s="243" t="s">
        <v>831</v>
      </c>
      <c r="F679" s="243" t="s">
        <v>832</v>
      </c>
      <c r="G679" s="206" t="s">
        <v>58</v>
      </c>
      <c r="H679" s="243" t="s">
        <v>833</v>
      </c>
      <c r="I679" s="243" t="s">
        <v>81</v>
      </c>
      <c r="J679" s="284" t="s">
        <v>77</v>
      </c>
      <c r="K679" s="242" t="s">
        <v>834</v>
      </c>
      <c r="L679" s="205" t="s">
        <v>63</v>
      </c>
      <c r="M679" s="205" t="s">
        <v>63</v>
      </c>
      <c r="N679" s="244">
        <v>370629.1875</v>
      </c>
      <c r="O679" s="245">
        <f>N679</f>
        <v>370629.1875</v>
      </c>
      <c r="P679" s="285" t="s">
        <v>659</v>
      </c>
      <c r="Q679" s="205" t="s">
        <v>65</v>
      </c>
      <c r="R679" s="203"/>
      <c r="S679" s="203"/>
      <c r="T679" s="203"/>
      <c r="U679" s="203"/>
      <c r="V679" s="203"/>
      <c r="W679" s="203"/>
      <c r="X679" s="203"/>
      <c r="Y679" s="203"/>
      <c r="Z679" s="203"/>
      <c r="AA679" s="203"/>
      <c r="AB679" s="203"/>
      <c r="AC679" s="203"/>
      <c r="AD679" s="203"/>
      <c r="AE679" s="203"/>
      <c r="AF679" s="203"/>
      <c r="AG679" s="203"/>
      <c r="AH679" s="205"/>
      <c r="AI679" s="203"/>
      <c r="AJ679" s="203"/>
      <c r="AK679" s="203"/>
      <c r="AL679" s="205"/>
      <c r="AM679" s="203"/>
      <c r="AN679" s="203"/>
      <c r="AO679" s="203"/>
      <c r="AP679" s="205"/>
      <c r="AQ679" s="203"/>
      <c r="AR679" s="205"/>
      <c r="AS679" s="205"/>
      <c r="AT679" s="203"/>
      <c r="AU679" s="205"/>
      <c r="AV679" s="205"/>
      <c r="AW679" s="204">
        <f t="shared" si="370"/>
        <v>0</v>
      </c>
      <c r="AX679" s="205"/>
      <c r="AY679" s="203" t="str">
        <f t="shared" si="371"/>
        <v/>
      </c>
      <c r="AZ679" s="203" t="str">
        <f t="shared" si="372"/>
        <v/>
      </c>
      <c r="BA679" s="203" t="str">
        <f t="shared" si="373"/>
        <v/>
      </c>
      <c r="BB679" s="203" t="str">
        <f t="shared" si="374"/>
        <v/>
      </c>
      <c r="BC679" s="203" t="str">
        <f t="shared" si="375"/>
        <v/>
      </c>
      <c r="BD679" s="203" t="str">
        <f t="shared" si="376"/>
        <v/>
      </c>
      <c r="BE679" s="203" t="str">
        <f t="shared" si="377"/>
        <v/>
      </c>
      <c r="BF679" s="203" t="str">
        <f t="shared" si="378"/>
        <v/>
      </c>
      <c r="BG679" s="203" t="str">
        <f t="shared" si="379"/>
        <v/>
      </c>
      <c r="BH679" s="203" t="str">
        <f t="shared" si="380"/>
        <v/>
      </c>
      <c r="BI679" s="203" t="str">
        <f t="shared" si="381"/>
        <v/>
      </c>
      <c r="BJ679" s="203" t="str">
        <f t="shared" si="382"/>
        <v/>
      </c>
      <c r="BK679" s="203" t="str">
        <f t="shared" si="383"/>
        <v/>
      </c>
      <c r="BL679" s="203" t="str">
        <f t="shared" si="384"/>
        <v/>
      </c>
      <c r="BM679" s="203" t="str">
        <f t="shared" si="385"/>
        <v/>
      </c>
      <c r="BN679" s="203" t="str">
        <f t="shared" si="386"/>
        <v/>
      </c>
      <c r="BO679" s="203" t="str">
        <f t="shared" si="387"/>
        <v/>
      </c>
      <c r="BP679" s="203" t="str">
        <f t="shared" si="388"/>
        <v/>
      </c>
      <c r="BQ679" s="203" t="str">
        <f t="shared" si="389"/>
        <v/>
      </c>
      <c r="BR679" s="203" t="str">
        <f t="shared" si="390"/>
        <v/>
      </c>
      <c r="BS679" s="203" t="str">
        <f t="shared" si="391"/>
        <v/>
      </c>
      <c r="BT679" s="203" t="str">
        <f t="shared" si="392"/>
        <v/>
      </c>
      <c r="BU679" s="203" t="str">
        <f t="shared" si="393"/>
        <v/>
      </c>
      <c r="BV679" s="203" t="str">
        <f t="shared" si="394"/>
        <v/>
      </c>
      <c r="BW679" s="203" t="str">
        <f t="shared" si="395"/>
        <v/>
      </c>
      <c r="BX679" s="203" t="str">
        <f t="shared" si="396"/>
        <v/>
      </c>
      <c r="BY679" s="203" t="str">
        <f t="shared" si="397"/>
        <v/>
      </c>
      <c r="BZ679" s="203" t="str">
        <f t="shared" si="398"/>
        <v/>
      </c>
      <c r="CA679" s="203" t="str">
        <f t="shared" si="399"/>
        <v/>
      </c>
      <c r="CB679" s="203" t="str">
        <f t="shared" si="400"/>
        <v/>
      </c>
      <c r="CC679" s="203" t="str">
        <f t="shared" si="401"/>
        <v/>
      </c>
      <c r="CD679" s="205"/>
      <c r="CE679" s="205"/>
      <c r="CF679" s="247"/>
    </row>
    <row r="680" spans="1:84" s="248" customFormat="1" ht="56.1" hidden="1" customHeight="1" x14ac:dyDescent="0.2">
      <c r="A680" s="198">
        <v>680</v>
      </c>
      <c r="B680" s="199" t="s">
        <v>53</v>
      </c>
      <c r="C680" s="208" t="s">
        <v>655</v>
      </c>
      <c r="D680" s="242" t="s">
        <v>830</v>
      </c>
      <c r="E680" s="243" t="s">
        <v>835</v>
      </c>
      <c r="F680" s="243" t="s">
        <v>836</v>
      </c>
      <c r="G680" s="206" t="s">
        <v>58</v>
      </c>
      <c r="H680" s="243" t="s">
        <v>833</v>
      </c>
      <c r="I680" s="243" t="s">
        <v>81</v>
      </c>
      <c r="J680" s="284" t="s">
        <v>77</v>
      </c>
      <c r="K680" s="242" t="s">
        <v>834</v>
      </c>
      <c r="L680" s="205" t="s">
        <v>63</v>
      </c>
      <c r="M680" s="205" t="s">
        <v>63</v>
      </c>
      <c r="N680" s="244">
        <v>370629.1875</v>
      </c>
      <c r="O680" s="245">
        <f t="shared" ref="O680:O743" si="404">N680</f>
        <v>370629.1875</v>
      </c>
      <c r="P680" s="285" t="s">
        <v>659</v>
      </c>
      <c r="Q680" s="205" t="s">
        <v>65</v>
      </c>
      <c r="R680" s="203"/>
      <c r="S680" s="203"/>
      <c r="T680" s="203"/>
      <c r="U680" s="203"/>
      <c r="V680" s="203"/>
      <c r="W680" s="203"/>
      <c r="X680" s="203"/>
      <c r="Y680" s="203"/>
      <c r="Z680" s="203"/>
      <c r="AA680" s="203"/>
      <c r="AB680" s="203"/>
      <c r="AC680" s="203"/>
      <c r="AD680" s="203"/>
      <c r="AE680" s="203"/>
      <c r="AF680" s="203"/>
      <c r="AG680" s="203"/>
      <c r="AH680" s="205"/>
      <c r="AI680" s="203"/>
      <c r="AJ680" s="203"/>
      <c r="AK680" s="203"/>
      <c r="AL680" s="205"/>
      <c r="AM680" s="203"/>
      <c r="AN680" s="203"/>
      <c r="AO680" s="203"/>
      <c r="AP680" s="205"/>
      <c r="AQ680" s="203"/>
      <c r="AR680" s="205"/>
      <c r="AS680" s="205"/>
      <c r="AT680" s="203"/>
      <c r="AU680" s="205"/>
      <c r="AV680" s="205"/>
      <c r="AW680" s="204">
        <f t="shared" si="370"/>
        <v>0</v>
      </c>
      <c r="AX680" s="205"/>
      <c r="AY680" s="203" t="str">
        <f t="shared" si="371"/>
        <v/>
      </c>
      <c r="AZ680" s="203" t="str">
        <f t="shared" si="372"/>
        <v/>
      </c>
      <c r="BA680" s="203" t="str">
        <f t="shared" si="373"/>
        <v/>
      </c>
      <c r="BB680" s="203" t="str">
        <f t="shared" si="374"/>
        <v/>
      </c>
      <c r="BC680" s="203" t="str">
        <f t="shared" si="375"/>
        <v/>
      </c>
      <c r="BD680" s="203" t="str">
        <f t="shared" si="376"/>
        <v/>
      </c>
      <c r="BE680" s="203" t="str">
        <f t="shared" si="377"/>
        <v/>
      </c>
      <c r="BF680" s="203" t="str">
        <f t="shared" si="378"/>
        <v/>
      </c>
      <c r="BG680" s="203" t="str">
        <f t="shared" si="379"/>
        <v/>
      </c>
      <c r="BH680" s="203" t="str">
        <f t="shared" si="380"/>
        <v/>
      </c>
      <c r="BI680" s="203" t="str">
        <f t="shared" si="381"/>
        <v/>
      </c>
      <c r="BJ680" s="203" t="str">
        <f t="shared" si="382"/>
        <v/>
      </c>
      <c r="BK680" s="203" t="str">
        <f t="shared" si="383"/>
        <v/>
      </c>
      <c r="BL680" s="203" t="str">
        <f t="shared" si="384"/>
        <v/>
      </c>
      <c r="BM680" s="203" t="str">
        <f t="shared" si="385"/>
        <v/>
      </c>
      <c r="BN680" s="203" t="str">
        <f t="shared" si="386"/>
        <v/>
      </c>
      <c r="BO680" s="203" t="str">
        <f t="shared" si="387"/>
        <v/>
      </c>
      <c r="BP680" s="203" t="str">
        <f t="shared" si="388"/>
        <v/>
      </c>
      <c r="BQ680" s="203" t="str">
        <f t="shared" si="389"/>
        <v/>
      </c>
      <c r="BR680" s="203" t="str">
        <f t="shared" si="390"/>
        <v/>
      </c>
      <c r="BS680" s="203" t="str">
        <f t="shared" si="391"/>
        <v/>
      </c>
      <c r="BT680" s="203" t="str">
        <f t="shared" si="392"/>
        <v/>
      </c>
      <c r="BU680" s="203" t="str">
        <f t="shared" si="393"/>
        <v/>
      </c>
      <c r="BV680" s="203" t="str">
        <f t="shared" si="394"/>
        <v/>
      </c>
      <c r="BW680" s="203" t="str">
        <f t="shared" si="395"/>
        <v/>
      </c>
      <c r="BX680" s="203" t="str">
        <f t="shared" si="396"/>
        <v/>
      </c>
      <c r="BY680" s="203" t="str">
        <f t="shared" si="397"/>
        <v/>
      </c>
      <c r="BZ680" s="203" t="str">
        <f t="shared" si="398"/>
        <v/>
      </c>
      <c r="CA680" s="203" t="str">
        <f t="shared" si="399"/>
        <v/>
      </c>
      <c r="CB680" s="203" t="str">
        <f t="shared" si="400"/>
        <v/>
      </c>
      <c r="CC680" s="203" t="str">
        <f t="shared" si="401"/>
        <v/>
      </c>
      <c r="CD680" s="205"/>
      <c r="CE680" s="205"/>
      <c r="CF680" s="247"/>
    </row>
    <row r="681" spans="1:84" s="178" customFormat="1" ht="56.1" hidden="1" customHeight="1" x14ac:dyDescent="0.2">
      <c r="A681" s="154">
        <v>681</v>
      </c>
      <c r="B681" s="155" t="s">
        <v>53</v>
      </c>
      <c r="C681" s="165" t="s">
        <v>655</v>
      </c>
      <c r="D681" s="179" t="s">
        <v>830</v>
      </c>
      <c r="E681" s="172" t="s">
        <v>837</v>
      </c>
      <c r="F681" s="172" t="s">
        <v>838</v>
      </c>
      <c r="G681" s="163" t="s">
        <v>58</v>
      </c>
      <c r="H681" s="172" t="s">
        <v>59</v>
      </c>
      <c r="I681" s="172" t="s">
        <v>81</v>
      </c>
      <c r="J681" s="250" t="s">
        <v>77</v>
      </c>
      <c r="K681" s="251" t="s">
        <v>834</v>
      </c>
      <c r="L681" s="158" t="s">
        <v>63</v>
      </c>
      <c r="M681" s="158" t="s">
        <v>63</v>
      </c>
      <c r="N681" s="174">
        <v>370629.1875</v>
      </c>
      <c r="O681" s="175">
        <f t="shared" si="404"/>
        <v>370629.1875</v>
      </c>
      <c r="P681" s="176" t="s">
        <v>839</v>
      </c>
      <c r="Q681" s="158" t="s">
        <v>65</v>
      </c>
      <c r="R681" s="161"/>
      <c r="S681" s="158"/>
      <c r="T681" s="158"/>
      <c r="U681" s="158"/>
      <c r="V681" s="158"/>
      <c r="W681" s="158"/>
      <c r="X681" s="158"/>
      <c r="Y681" s="158"/>
      <c r="Z681" s="158"/>
      <c r="AA681" s="158"/>
      <c r="AB681" s="158"/>
      <c r="AC681" s="158"/>
      <c r="AD681" s="158"/>
      <c r="AE681" s="158"/>
      <c r="AF681" s="158"/>
      <c r="AG681" s="158"/>
      <c r="AH681" s="158"/>
      <c r="AI681" s="158"/>
      <c r="AJ681" s="158"/>
      <c r="AK681" s="158"/>
      <c r="AL681" s="158"/>
      <c r="AM681" s="158"/>
      <c r="AN681" s="158"/>
      <c r="AO681" s="158"/>
      <c r="AP681" s="158"/>
      <c r="AQ681" s="158"/>
      <c r="AR681" s="158"/>
      <c r="AS681" s="158"/>
      <c r="AT681" s="158"/>
      <c r="AU681" s="158"/>
      <c r="AV681" s="158"/>
      <c r="AW681" s="160">
        <f t="shared" si="370"/>
        <v>0</v>
      </c>
      <c r="AX681" s="158"/>
      <c r="AY681" s="161" t="str">
        <f t="shared" si="371"/>
        <v/>
      </c>
      <c r="AZ681" s="161" t="str">
        <f t="shared" si="372"/>
        <v/>
      </c>
      <c r="BA681" s="161" t="str">
        <f t="shared" si="373"/>
        <v/>
      </c>
      <c r="BB681" s="161" t="str">
        <f t="shared" si="374"/>
        <v/>
      </c>
      <c r="BC681" s="161" t="str">
        <f t="shared" si="375"/>
        <v/>
      </c>
      <c r="BD681" s="161" t="str">
        <f t="shared" si="376"/>
        <v/>
      </c>
      <c r="BE681" s="161" t="str">
        <f t="shared" si="377"/>
        <v/>
      </c>
      <c r="BF681" s="161" t="str">
        <f t="shared" si="378"/>
        <v/>
      </c>
      <c r="BG681" s="161" t="str">
        <f t="shared" si="379"/>
        <v/>
      </c>
      <c r="BH681" s="161" t="str">
        <f t="shared" si="380"/>
        <v/>
      </c>
      <c r="BI681" s="161" t="str">
        <f t="shared" si="381"/>
        <v/>
      </c>
      <c r="BJ681" s="161" t="str">
        <f t="shared" si="382"/>
        <v/>
      </c>
      <c r="BK681" s="161" t="str">
        <f t="shared" si="383"/>
        <v/>
      </c>
      <c r="BL681" s="161" t="str">
        <f t="shared" si="384"/>
        <v/>
      </c>
      <c r="BM681" s="161" t="str">
        <f t="shared" si="385"/>
        <v/>
      </c>
      <c r="BN681" s="161" t="str">
        <f t="shared" si="386"/>
        <v/>
      </c>
      <c r="BO681" s="161" t="str">
        <f t="shared" si="387"/>
        <v/>
      </c>
      <c r="BP681" s="161" t="str">
        <f t="shared" si="388"/>
        <v/>
      </c>
      <c r="BQ681" s="161" t="str">
        <f t="shared" si="389"/>
        <v/>
      </c>
      <c r="BR681" s="161" t="str">
        <f t="shared" si="390"/>
        <v/>
      </c>
      <c r="BS681" s="161" t="str">
        <f t="shared" si="391"/>
        <v/>
      </c>
      <c r="BT681" s="161" t="str">
        <f t="shared" si="392"/>
        <v/>
      </c>
      <c r="BU681" s="161" t="str">
        <f t="shared" si="393"/>
        <v/>
      </c>
      <c r="BV681" s="161" t="str">
        <f t="shared" si="394"/>
        <v/>
      </c>
      <c r="BW681" s="161" t="str">
        <f t="shared" si="395"/>
        <v/>
      </c>
      <c r="BX681" s="161" t="str">
        <f t="shared" si="396"/>
        <v/>
      </c>
      <c r="BY681" s="161" t="str">
        <f t="shared" si="397"/>
        <v/>
      </c>
      <c r="BZ681" s="161" t="str">
        <f t="shared" si="398"/>
        <v/>
      </c>
      <c r="CA681" s="161" t="str">
        <f t="shared" si="399"/>
        <v/>
      </c>
      <c r="CB681" s="161" t="str">
        <f t="shared" si="400"/>
        <v/>
      </c>
      <c r="CC681" s="161" t="str">
        <f t="shared" si="401"/>
        <v/>
      </c>
      <c r="CD681" s="158"/>
      <c r="CE681" s="158"/>
      <c r="CF681" s="177"/>
    </row>
    <row r="682" spans="1:84" s="178" customFormat="1" ht="56.1" hidden="1" customHeight="1" x14ac:dyDescent="0.2">
      <c r="A682" s="154">
        <v>682</v>
      </c>
      <c r="B682" s="155" t="s">
        <v>53</v>
      </c>
      <c r="C682" s="165" t="s">
        <v>655</v>
      </c>
      <c r="D682" s="179" t="s">
        <v>830</v>
      </c>
      <c r="E682" s="172" t="s">
        <v>840</v>
      </c>
      <c r="F682" s="172" t="s">
        <v>841</v>
      </c>
      <c r="G682" s="163" t="s">
        <v>58</v>
      </c>
      <c r="H682" s="172" t="s">
        <v>59</v>
      </c>
      <c r="I682" s="172" t="s">
        <v>81</v>
      </c>
      <c r="J682" s="163" t="s">
        <v>77</v>
      </c>
      <c r="K682" s="179" t="s">
        <v>834</v>
      </c>
      <c r="L682" s="158" t="s">
        <v>63</v>
      </c>
      <c r="M682" s="158" t="s">
        <v>63</v>
      </c>
      <c r="N682" s="174">
        <v>370629.1875</v>
      </c>
      <c r="O682" s="175">
        <f t="shared" si="404"/>
        <v>370629.1875</v>
      </c>
      <c r="P682" s="176" t="s">
        <v>839</v>
      </c>
      <c r="Q682" s="158" t="s">
        <v>65</v>
      </c>
      <c r="R682" s="161"/>
      <c r="S682" s="158"/>
      <c r="T682" s="158"/>
      <c r="U682" s="158"/>
      <c r="V682" s="158"/>
      <c r="W682" s="158"/>
      <c r="X682" s="158"/>
      <c r="Y682" s="158"/>
      <c r="Z682" s="158"/>
      <c r="AA682" s="158"/>
      <c r="AB682" s="158"/>
      <c r="AC682" s="158"/>
      <c r="AD682" s="158"/>
      <c r="AE682" s="158"/>
      <c r="AF682" s="158"/>
      <c r="AG682" s="158"/>
      <c r="AH682" s="158"/>
      <c r="AI682" s="158"/>
      <c r="AJ682" s="158"/>
      <c r="AK682" s="158"/>
      <c r="AL682" s="158"/>
      <c r="AM682" s="158"/>
      <c r="AN682" s="158"/>
      <c r="AO682" s="158"/>
      <c r="AP682" s="158"/>
      <c r="AQ682" s="158"/>
      <c r="AR682" s="158"/>
      <c r="AS682" s="158"/>
      <c r="AT682" s="158"/>
      <c r="AU682" s="158"/>
      <c r="AV682" s="158"/>
      <c r="AW682" s="160">
        <f t="shared" si="370"/>
        <v>0</v>
      </c>
      <c r="AX682" s="158"/>
      <c r="AY682" s="161" t="str">
        <f t="shared" si="371"/>
        <v/>
      </c>
      <c r="AZ682" s="161" t="str">
        <f t="shared" si="372"/>
        <v/>
      </c>
      <c r="BA682" s="161" t="str">
        <f t="shared" si="373"/>
        <v/>
      </c>
      <c r="BB682" s="161" t="str">
        <f t="shared" si="374"/>
        <v/>
      </c>
      <c r="BC682" s="161" t="str">
        <f t="shared" si="375"/>
        <v/>
      </c>
      <c r="BD682" s="161" t="str">
        <f t="shared" si="376"/>
        <v/>
      </c>
      <c r="BE682" s="161" t="str">
        <f t="shared" si="377"/>
        <v/>
      </c>
      <c r="BF682" s="161" t="str">
        <f t="shared" si="378"/>
        <v/>
      </c>
      <c r="BG682" s="161" t="str">
        <f t="shared" si="379"/>
        <v/>
      </c>
      <c r="BH682" s="161" t="str">
        <f t="shared" si="380"/>
        <v/>
      </c>
      <c r="BI682" s="161" t="str">
        <f t="shared" si="381"/>
        <v/>
      </c>
      <c r="BJ682" s="161" t="str">
        <f t="shared" si="382"/>
        <v/>
      </c>
      <c r="BK682" s="161" t="str">
        <f t="shared" si="383"/>
        <v/>
      </c>
      <c r="BL682" s="161" t="str">
        <f t="shared" si="384"/>
        <v/>
      </c>
      <c r="BM682" s="161" t="str">
        <f t="shared" si="385"/>
        <v/>
      </c>
      <c r="BN682" s="161" t="str">
        <f t="shared" si="386"/>
        <v/>
      </c>
      <c r="BO682" s="161" t="str">
        <f t="shared" si="387"/>
        <v/>
      </c>
      <c r="BP682" s="161" t="str">
        <f t="shared" si="388"/>
        <v/>
      </c>
      <c r="BQ682" s="161" t="str">
        <f t="shared" si="389"/>
        <v/>
      </c>
      <c r="BR682" s="161" t="str">
        <f t="shared" si="390"/>
        <v/>
      </c>
      <c r="BS682" s="161" t="str">
        <f t="shared" si="391"/>
        <v/>
      </c>
      <c r="BT682" s="161" t="str">
        <f t="shared" si="392"/>
        <v/>
      </c>
      <c r="BU682" s="161" t="str">
        <f t="shared" si="393"/>
        <v/>
      </c>
      <c r="BV682" s="161" t="str">
        <f t="shared" si="394"/>
        <v/>
      </c>
      <c r="BW682" s="161" t="str">
        <f t="shared" si="395"/>
        <v/>
      </c>
      <c r="BX682" s="161" t="str">
        <f t="shared" si="396"/>
        <v/>
      </c>
      <c r="BY682" s="161" t="str">
        <f t="shared" si="397"/>
        <v/>
      </c>
      <c r="BZ682" s="161" t="str">
        <f t="shared" si="398"/>
        <v/>
      </c>
      <c r="CA682" s="161" t="str">
        <f t="shared" si="399"/>
        <v/>
      </c>
      <c r="CB682" s="161" t="str">
        <f t="shared" si="400"/>
        <v/>
      </c>
      <c r="CC682" s="161" t="str">
        <f t="shared" si="401"/>
        <v/>
      </c>
      <c r="CD682" s="158"/>
      <c r="CE682" s="158"/>
      <c r="CF682" s="177"/>
    </row>
    <row r="683" spans="1:84" s="248" customFormat="1" ht="56.1" hidden="1" customHeight="1" x14ac:dyDescent="0.2">
      <c r="A683" s="198">
        <v>683</v>
      </c>
      <c r="B683" s="199" t="s">
        <v>53</v>
      </c>
      <c r="C683" s="208" t="s">
        <v>655</v>
      </c>
      <c r="D683" s="242" t="s">
        <v>830</v>
      </c>
      <c r="E683" s="243" t="s">
        <v>842</v>
      </c>
      <c r="F683" s="243" t="s">
        <v>843</v>
      </c>
      <c r="G683" s="206" t="s">
        <v>58</v>
      </c>
      <c r="H683" s="243" t="s">
        <v>833</v>
      </c>
      <c r="I683" s="243" t="s">
        <v>81</v>
      </c>
      <c r="J683" s="206" t="s">
        <v>77</v>
      </c>
      <c r="K683" s="242" t="s">
        <v>834</v>
      </c>
      <c r="L683" s="205" t="s">
        <v>63</v>
      </c>
      <c r="M683" s="205" t="s">
        <v>63</v>
      </c>
      <c r="N683" s="244">
        <v>370629.1875</v>
      </c>
      <c r="O683" s="245">
        <f t="shared" si="404"/>
        <v>370629.1875</v>
      </c>
      <c r="P683" s="285" t="s">
        <v>659</v>
      </c>
      <c r="Q683" s="205" t="s">
        <v>65</v>
      </c>
      <c r="R683" s="203"/>
      <c r="S683" s="203"/>
      <c r="T683" s="203"/>
      <c r="U683" s="203"/>
      <c r="V683" s="203"/>
      <c r="W683" s="203"/>
      <c r="X683" s="203"/>
      <c r="Y683" s="203"/>
      <c r="Z683" s="203"/>
      <c r="AA683" s="203"/>
      <c r="AB683" s="203"/>
      <c r="AC683" s="203"/>
      <c r="AD683" s="203"/>
      <c r="AE683" s="203"/>
      <c r="AF683" s="203"/>
      <c r="AG683" s="203"/>
      <c r="AH683" s="205"/>
      <c r="AI683" s="203"/>
      <c r="AJ683" s="203"/>
      <c r="AK683" s="203"/>
      <c r="AL683" s="205"/>
      <c r="AM683" s="203"/>
      <c r="AN683" s="203"/>
      <c r="AO683" s="203"/>
      <c r="AP683" s="205"/>
      <c r="AQ683" s="203"/>
      <c r="AR683" s="205"/>
      <c r="AS683" s="205"/>
      <c r="AT683" s="203"/>
      <c r="AU683" s="205"/>
      <c r="AV683" s="205"/>
      <c r="AW683" s="204">
        <f t="shared" si="370"/>
        <v>0</v>
      </c>
      <c r="AX683" s="205"/>
      <c r="AY683" s="203" t="str">
        <f t="shared" si="371"/>
        <v/>
      </c>
      <c r="AZ683" s="203" t="str">
        <f t="shared" si="372"/>
        <v/>
      </c>
      <c r="BA683" s="203" t="str">
        <f t="shared" si="373"/>
        <v/>
      </c>
      <c r="BB683" s="203" t="str">
        <f t="shared" si="374"/>
        <v/>
      </c>
      <c r="BC683" s="203" t="str">
        <f t="shared" si="375"/>
        <v/>
      </c>
      <c r="BD683" s="203" t="str">
        <f t="shared" si="376"/>
        <v/>
      </c>
      <c r="BE683" s="203" t="str">
        <f t="shared" si="377"/>
        <v/>
      </c>
      <c r="BF683" s="203" t="str">
        <f t="shared" si="378"/>
        <v/>
      </c>
      <c r="BG683" s="203" t="str">
        <f t="shared" si="379"/>
        <v/>
      </c>
      <c r="BH683" s="203" t="str">
        <f t="shared" si="380"/>
        <v/>
      </c>
      <c r="BI683" s="203" t="str">
        <f t="shared" si="381"/>
        <v/>
      </c>
      <c r="BJ683" s="203" t="str">
        <f t="shared" si="382"/>
        <v/>
      </c>
      <c r="BK683" s="203" t="str">
        <f t="shared" si="383"/>
        <v/>
      </c>
      <c r="BL683" s="203" t="str">
        <f t="shared" si="384"/>
        <v/>
      </c>
      <c r="BM683" s="203" t="str">
        <f t="shared" si="385"/>
        <v/>
      </c>
      <c r="BN683" s="203" t="str">
        <f t="shared" si="386"/>
        <v/>
      </c>
      <c r="BO683" s="203" t="str">
        <f t="shared" si="387"/>
        <v/>
      </c>
      <c r="BP683" s="203" t="str">
        <f t="shared" si="388"/>
        <v/>
      </c>
      <c r="BQ683" s="203" t="str">
        <f t="shared" si="389"/>
        <v/>
      </c>
      <c r="BR683" s="203" t="str">
        <f t="shared" si="390"/>
        <v/>
      </c>
      <c r="BS683" s="203" t="str">
        <f t="shared" si="391"/>
        <v/>
      </c>
      <c r="BT683" s="203" t="str">
        <f t="shared" si="392"/>
        <v/>
      </c>
      <c r="BU683" s="203" t="str">
        <f t="shared" si="393"/>
        <v/>
      </c>
      <c r="BV683" s="203" t="str">
        <f t="shared" si="394"/>
        <v/>
      </c>
      <c r="BW683" s="203" t="str">
        <f t="shared" si="395"/>
        <v/>
      </c>
      <c r="BX683" s="203" t="str">
        <f t="shared" si="396"/>
        <v/>
      </c>
      <c r="BY683" s="203" t="str">
        <f t="shared" si="397"/>
        <v/>
      </c>
      <c r="BZ683" s="203" t="str">
        <f t="shared" si="398"/>
        <v/>
      </c>
      <c r="CA683" s="203" t="str">
        <f t="shared" si="399"/>
        <v/>
      </c>
      <c r="CB683" s="203" t="str">
        <f t="shared" si="400"/>
        <v/>
      </c>
      <c r="CC683" s="203" t="str">
        <f t="shared" si="401"/>
        <v/>
      </c>
      <c r="CD683" s="205"/>
      <c r="CE683" s="205"/>
      <c r="CF683" s="247"/>
    </row>
    <row r="684" spans="1:84" s="178" customFormat="1" ht="56.1" hidden="1" customHeight="1" x14ac:dyDescent="0.2">
      <c r="A684" s="154">
        <v>684</v>
      </c>
      <c r="B684" s="155" t="s">
        <v>53</v>
      </c>
      <c r="C684" s="165" t="s">
        <v>655</v>
      </c>
      <c r="D684" s="179" t="s">
        <v>830</v>
      </c>
      <c r="E684" s="172" t="s">
        <v>844</v>
      </c>
      <c r="F684" s="172" t="s">
        <v>845</v>
      </c>
      <c r="G684" s="163" t="s">
        <v>58</v>
      </c>
      <c r="H684" s="172" t="s">
        <v>846</v>
      </c>
      <c r="I684" s="172" t="s">
        <v>81</v>
      </c>
      <c r="J684" s="163" t="s">
        <v>77</v>
      </c>
      <c r="K684" s="179" t="s">
        <v>834</v>
      </c>
      <c r="L684" s="158" t="s">
        <v>63</v>
      </c>
      <c r="M684" s="158" t="s">
        <v>63</v>
      </c>
      <c r="N684" s="174">
        <v>370629.1875</v>
      </c>
      <c r="O684" s="175">
        <f t="shared" si="404"/>
        <v>370629.1875</v>
      </c>
      <c r="P684" s="176" t="s">
        <v>839</v>
      </c>
      <c r="Q684" s="158" t="s">
        <v>65</v>
      </c>
      <c r="R684" s="158"/>
      <c r="S684" s="158"/>
      <c r="T684" s="158"/>
      <c r="U684" s="158"/>
      <c r="V684" s="158"/>
      <c r="W684" s="158"/>
      <c r="X684" s="158"/>
      <c r="Y684" s="158"/>
      <c r="Z684" s="158"/>
      <c r="AA684" s="158"/>
      <c r="AB684" s="158"/>
      <c r="AC684" s="158"/>
      <c r="AD684" s="158"/>
      <c r="AE684" s="158"/>
      <c r="AF684" s="158"/>
      <c r="AG684" s="158"/>
      <c r="AH684" s="158"/>
      <c r="AI684" s="158"/>
      <c r="AJ684" s="158"/>
      <c r="AK684" s="158"/>
      <c r="AL684" s="158"/>
      <c r="AM684" s="158"/>
      <c r="AN684" s="158"/>
      <c r="AO684" s="158"/>
      <c r="AP684" s="158"/>
      <c r="AQ684" s="158"/>
      <c r="AR684" s="158"/>
      <c r="AS684" s="158"/>
      <c r="AT684" s="158"/>
      <c r="AU684" s="158"/>
      <c r="AV684" s="158"/>
      <c r="AW684" s="160">
        <f t="shared" si="370"/>
        <v>0</v>
      </c>
      <c r="AX684" s="158"/>
      <c r="AY684" s="161" t="str">
        <f t="shared" si="371"/>
        <v/>
      </c>
      <c r="AZ684" s="161" t="str">
        <f t="shared" si="372"/>
        <v/>
      </c>
      <c r="BA684" s="161" t="str">
        <f t="shared" si="373"/>
        <v/>
      </c>
      <c r="BB684" s="161" t="str">
        <f t="shared" si="374"/>
        <v/>
      </c>
      <c r="BC684" s="161" t="str">
        <f t="shared" si="375"/>
        <v/>
      </c>
      <c r="BD684" s="161" t="str">
        <f t="shared" si="376"/>
        <v/>
      </c>
      <c r="BE684" s="161" t="str">
        <f t="shared" si="377"/>
        <v/>
      </c>
      <c r="BF684" s="161" t="str">
        <f t="shared" si="378"/>
        <v/>
      </c>
      <c r="BG684" s="161" t="str">
        <f t="shared" si="379"/>
        <v/>
      </c>
      <c r="BH684" s="161" t="str">
        <f t="shared" si="380"/>
        <v/>
      </c>
      <c r="BI684" s="161" t="str">
        <f t="shared" si="381"/>
        <v/>
      </c>
      <c r="BJ684" s="161" t="str">
        <f t="shared" si="382"/>
        <v/>
      </c>
      <c r="BK684" s="161" t="str">
        <f t="shared" si="383"/>
        <v/>
      </c>
      <c r="BL684" s="161" t="str">
        <f t="shared" si="384"/>
        <v/>
      </c>
      <c r="BM684" s="161" t="str">
        <f t="shared" si="385"/>
        <v/>
      </c>
      <c r="BN684" s="161" t="str">
        <f t="shared" si="386"/>
        <v/>
      </c>
      <c r="BO684" s="161" t="str">
        <f t="shared" si="387"/>
        <v/>
      </c>
      <c r="BP684" s="161" t="str">
        <f t="shared" si="388"/>
        <v/>
      </c>
      <c r="BQ684" s="161" t="str">
        <f t="shared" si="389"/>
        <v/>
      </c>
      <c r="BR684" s="161" t="str">
        <f t="shared" si="390"/>
        <v/>
      </c>
      <c r="BS684" s="161" t="str">
        <f t="shared" si="391"/>
        <v/>
      </c>
      <c r="BT684" s="161" t="str">
        <f t="shared" si="392"/>
        <v/>
      </c>
      <c r="BU684" s="161" t="str">
        <f t="shared" si="393"/>
        <v/>
      </c>
      <c r="BV684" s="161" t="str">
        <f t="shared" si="394"/>
        <v/>
      </c>
      <c r="BW684" s="161" t="str">
        <f t="shared" si="395"/>
        <v/>
      </c>
      <c r="BX684" s="161" t="str">
        <f t="shared" si="396"/>
        <v/>
      </c>
      <c r="BY684" s="161" t="str">
        <f t="shared" si="397"/>
        <v/>
      </c>
      <c r="BZ684" s="161" t="str">
        <f t="shared" si="398"/>
        <v/>
      </c>
      <c r="CA684" s="161" t="str">
        <f t="shared" si="399"/>
        <v/>
      </c>
      <c r="CB684" s="161" t="str">
        <f t="shared" si="400"/>
        <v/>
      </c>
      <c r="CC684" s="161" t="str">
        <f t="shared" si="401"/>
        <v/>
      </c>
      <c r="CD684" s="158"/>
      <c r="CE684" s="158"/>
      <c r="CF684" s="177"/>
    </row>
    <row r="685" spans="1:84" s="248" customFormat="1" ht="56.1" hidden="1" customHeight="1" x14ac:dyDescent="0.2">
      <c r="A685" s="198">
        <v>685</v>
      </c>
      <c r="B685" s="199" t="s">
        <v>53</v>
      </c>
      <c r="C685" s="208" t="s">
        <v>655</v>
      </c>
      <c r="D685" s="242" t="s">
        <v>830</v>
      </c>
      <c r="E685" s="243" t="s">
        <v>847</v>
      </c>
      <c r="F685" s="243" t="s">
        <v>848</v>
      </c>
      <c r="G685" s="206" t="s">
        <v>58</v>
      </c>
      <c r="H685" s="243" t="s">
        <v>833</v>
      </c>
      <c r="I685" s="243" t="s">
        <v>81</v>
      </c>
      <c r="J685" s="206" t="s">
        <v>77</v>
      </c>
      <c r="K685" s="242" t="s">
        <v>834</v>
      </c>
      <c r="L685" s="205" t="s">
        <v>63</v>
      </c>
      <c r="M685" s="205" t="s">
        <v>63</v>
      </c>
      <c r="N685" s="244">
        <v>370629.1875</v>
      </c>
      <c r="O685" s="245">
        <f t="shared" si="404"/>
        <v>370629.1875</v>
      </c>
      <c r="P685" s="285" t="s">
        <v>659</v>
      </c>
      <c r="Q685" s="205" t="s">
        <v>65</v>
      </c>
      <c r="R685" s="203"/>
      <c r="S685" s="203"/>
      <c r="T685" s="203"/>
      <c r="U685" s="203"/>
      <c r="V685" s="203"/>
      <c r="W685" s="203"/>
      <c r="X685" s="203"/>
      <c r="Y685" s="203"/>
      <c r="Z685" s="203"/>
      <c r="AA685" s="203"/>
      <c r="AB685" s="203"/>
      <c r="AC685" s="203"/>
      <c r="AD685" s="203"/>
      <c r="AE685" s="203"/>
      <c r="AF685" s="203"/>
      <c r="AG685" s="203"/>
      <c r="AH685" s="205"/>
      <c r="AI685" s="203"/>
      <c r="AJ685" s="203"/>
      <c r="AK685" s="203"/>
      <c r="AL685" s="205"/>
      <c r="AM685" s="203"/>
      <c r="AN685" s="203"/>
      <c r="AO685" s="203"/>
      <c r="AP685" s="205"/>
      <c r="AQ685" s="203"/>
      <c r="AR685" s="205"/>
      <c r="AS685" s="205"/>
      <c r="AT685" s="203"/>
      <c r="AU685" s="205"/>
      <c r="AV685" s="205"/>
      <c r="AW685" s="204">
        <f t="shared" si="370"/>
        <v>0</v>
      </c>
      <c r="AX685" s="205"/>
      <c r="AY685" s="203" t="str">
        <f t="shared" si="371"/>
        <v/>
      </c>
      <c r="AZ685" s="203" t="str">
        <f t="shared" si="372"/>
        <v/>
      </c>
      <c r="BA685" s="203" t="str">
        <f t="shared" si="373"/>
        <v/>
      </c>
      <c r="BB685" s="203" t="str">
        <f t="shared" si="374"/>
        <v/>
      </c>
      <c r="BC685" s="203" t="str">
        <f t="shared" si="375"/>
        <v/>
      </c>
      <c r="BD685" s="203" t="str">
        <f t="shared" si="376"/>
        <v/>
      </c>
      <c r="BE685" s="203" t="str">
        <f t="shared" si="377"/>
        <v/>
      </c>
      <c r="BF685" s="203" t="str">
        <f t="shared" si="378"/>
        <v/>
      </c>
      <c r="BG685" s="203" t="str">
        <f t="shared" si="379"/>
        <v/>
      </c>
      <c r="BH685" s="203" t="str">
        <f t="shared" si="380"/>
        <v/>
      </c>
      <c r="BI685" s="203" t="str">
        <f t="shared" si="381"/>
        <v/>
      </c>
      <c r="BJ685" s="203" t="str">
        <f t="shared" si="382"/>
        <v/>
      </c>
      <c r="BK685" s="203" t="str">
        <f t="shared" si="383"/>
        <v/>
      </c>
      <c r="BL685" s="203" t="str">
        <f t="shared" si="384"/>
        <v/>
      </c>
      <c r="BM685" s="203" t="str">
        <f t="shared" si="385"/>
        <v/>
      </c>
      <c r="BN685" s="203" t="str">
        <f t="shared" si="386"/>
        <v/>
      </c>
      <c r="BO685" s="203" t="str">
        <f t="shared" si="387"/>
        <v/>
      </c>
      <c r="BP685" s="203" t="str">
        <f t="shared" si="388"/>
        <v/>
      </c>
      <c r="BQ685" s="203" t="str">
        <f t="shared" si="389"/>
        <v/>
      </c>
      <c r="BR685" s="203" t="str">
        <f t="shared" si="390"/>
        <v/>
      </c>
      <c r="BS685" s="203" t="str">
        <f t="shared" si="391"/>
        <v/>
      </c>
      <c r="BT685" s="203" t="str">
        <f t="shared" si="392"/>
        <v/>
      </c>
      <c r="BU685" s="203" t="str">
        <f t="shared" si="393"/>
        <v/>
      </c>
      <c r="BV685" s="203" t="str">
        <f t="shared" si="394"/>
        <v/>
      </c>
      <c r="BW685" s="203" t="str">
        <f t="shared" si="395"/>
        <v/>
      </c>
      <c r="BX685" s="203" t="str">
        <f t="shared" si="396"/>
        <v/>
      </c>
      <c r="BY685" s="203" t="str">
        <f t="shared" si="397"/>
        <v/>
      </c>
      <c r="BZ685" s="203" t="str">
        <f t="shared" si="398"/>
        <v/>
      </c>
      <c r="CA685" s="203" t="str">
        <f t="shared" si="399"/>
        <v/>
      </c>
      <c r="CB685" s="203" t="str">
        <f t="shared" si="400"/>
        <v/>
      </c>
      <c r="CC685" s="203" t="str">
        <f t="shared" si="401"/>
        <v/>
      </c>
      <c r="CD685" s="205"/>
      <c r="CE685" s="205"/>
      <c r="CF685" s="247"/>
    </row>
    <row r="686" spans="1:84" s="248" customFormat="1" ht="56.1" hidden="1" customHeight="1" x14ac:dyDescent="0.2">
      <c r="A686" s="198">
        <v>686</v>
      </c>
      <c r="B686" s="199" t="s">
        <v>53</v>
      </c>
      <c r="C686" s="208" t="s">
        <v>655</v>
      </c>
      <c r="D686" s="242" t="s">
        <v>830</v>
      </c>
      <c r="E686" s="243" t="s">
        <v>849</v>
      </c>
      <c r="F686" s="243" t="s">
        <v>850</v>
      </c>
      <c r="G686" s="206" t="s">
        <v>58</v>
      </c>
      <c r="H686" s="243" t="s">
        <v>833</v>
      </c>
      <c r="I686" s="243" t="s">
        <v>81</v>
      </c>
      <c r="J686" s="206" t="s">
        <v>77</v>
      </c>
      <c r="K686" s="242" t="s">
        <v>834</v>
      </c>
      <c r="L686" s="205" t="s">
        <v>63</v>
      </c>
      <c r="M686" s="205" t="s">
        <v>63</v>
      </c>
      <c r="N686" s="244">
        <v>370629.1875</v>
      </c>
      <c r="O686" s="245">
        <f t="shared" si="404"/>
        <v>370629.1875</v>
      </c>
      <c r="P686" s="285" t="s">
        <v>659</v>
      </c>
      <c r="Q686" s="205" t="s">
        <v>65</v>
      </c>
      <c r="R686" s="203"/>
      <c r="S686" s="203"/>
      <c r="T686" s="203"/>
      <c r="U686" s="203"/>
      <c r="V686" s="203"/>
      <c r="W686" s="203"/>
      <c r="X686" s="203"/>
      <c r="Y686" s="203"/>
      <c r="Z686" s="203"/>
      <c r="AA686" s="203"/>
      <c r="AB686" s="203"/>
      <c r="AC686" s="203"/>
      <c r="AD686" s="203"/>
      <c r="AE686" s="203"/>
      <c r="AF686" s="203"/>
      <c r="AG686" s="203"/>
      <c r="AH686" s="205"/>
      <c r="AI686" s="203"/>
      <c r="AJ686" s="203"/>
      <c r="AK686" s="203"/>
      <c r="AL686" s="205"/>
      <c r="AM686" s="203"/>
      <c r="AN686" s="203"/>
      <c r="AO686" s="203"/>
      <c r="AP686" s="205"/>
      <c r="AQ686" s="203"/>
      <c r="AR686" s="205"/>
      <c r="AS686" s="205"/>
      <c r="AT686" s="203"/>
      <c r="AU686" s="205"/>
      <c r="AV686" s="205"/>
      <c r="AW686" s="204">
        <f t="shared" si="370"/>
        <v>0</v>
      </c>
      <c r="AX686" s="205"/>
      <c r="AY686" s="203" t="str">
        <f t="shared" si="371"/>
        <v/>
      </c>
      <c r="AZ686" s="203" t="str">
        <f t="shared" si="372"/>
        <v/>
      </c>
      <c r="BA686" s="203" t="str">
        <f t="shared" si="373"/>
        <v/>
      </c>
      <c r="BB686" s="203" t="str">
        <f t="shared" si="374"/>
        <v/>
      </c>
      <c r="BC686" s="203" t="str">
        <f t="shared" si="375"/>
        <v/>
      </c>
      <c r="BD686" s="203" t="str">
        <f t="shared" si="376"/>
        <v/>
      </c>
      <c r="BE686" s="203" t="str">
        <f t="shared" si="377"/>
        <v/>
      </c>
      <c r="BF686" s="203" t="str">
        <f t="shared" si="378"/>
        <v/>
      </c>
      <c r="BG686" s="203" t="str">
        <f t="shared" si="379"/>
        <v/>
      </c>
      <c r="BH686" s="203" t="str">
        <f t="shared" si="380"/>
        <v/>
      </c>
      <c r="BI686" s="203" t="str">
        <f t="shared" si="381"/>
        <v/>
      </c>
      <c r="BJ686" s="203" t="str">
        <f t="shared" si="382"/>
        <v/>
      </c>
      <c r="BK686" s="203" t="str">
        <f t="shared" si="383"/>
        <v/>
      </c>
      <c r="BL686" s="203" t="str">
        <f t="shared" si="384"/>
        <v/>
      </c>
      <c r="BM686" s="203" t="str">
        <f t="shared" si="385"/>
        <v/>
      </c>
      <c r="BN686" s="203" t="str">
        <f t="shared" si="386"/>
        <v/>
      </c>
      <c r="BO686" s="203" t="str">
        <f t="shared" si="387"/>
        <v/>
      </c>
      <c r="BP686" s="203" t="str">
        <f t="shared" si="388"/>
        <v/>
      </c>
      <c r="BQ686" s="203" t="str">
        <f t="shared" si="389"/>
        <v/>
      </c>
      <c r="BR686" s="203" t="str">
        <f t="shared" si="390"/>
        <v/>
      </c>
      <c r="BS686" s="203" t="str">
        <f t="shared" si="391"/>
        <v/>
      </c>
      <c r="BT686" s="203" t="str">
        <f t="shared" si="392"/>
        <v/>
      </c>
      <c r="BU686" s="203" t="str">
        <f t="shared" si="393"/>
        <v/>
      </c>
      <c r="BV686" s="203" t="str">
        <f t="shared" si="394"/>
        <v/>
      </c>
      <c r="BW686" s="203" t="str">
        <f t="shared" si="395"/>
        <v/>
      </c>
      <c r="BX686" s="203" t="str">
        <f t="shared" si="396"/>
        <v/>
      </c>
      <c r="BY686" s="203" t="str">
        <f t="shared" si="397"/>
        <v/>
      </c>
      <c r="BZ686" s="203" t="str">
        <f t="shared" si="398"/>
        <v/>
      </c>
      <c r="CA686" s="203" t="str">
        <f t="shared" si="399"/>
        <v/>
      </c>
      <c r="CB686" s="203" t="str">
        <f t="shared" si="400"/>
        <v/>
      </c>
      <c r="CC686" s="203" t="str">
        <f t="shared" si="401"/>
        <v/>
      </c>
      <c r="CD686" s="205"/>
      <c r="CE686" s="205"/>
      <c r="CF686" s="247"/>
    </row>
    <row r="687" spans="1:84" s="178" customFormat="1" ht="56.1" hidden="1" customHeight="1" x14ac:dyDescent="0.2">
      <c r="A687" s="154">
        <v>687</v>
      </c>
      <c r="B687" s="155" t="s">
        <v>53</v>
      </c>
      <c r="C687" s="165" t="s">
        <v>655</v>
      </c>
      <c r="D687" s="179" t="s">
        <v>830</v>
      </c>
      <c r="E687" s="172" t="s">
        <v>851</v>
      </c>
      <c r="F687" s="172" t="s">
        <v>852</v>
      </c>
      <c r="G687" s="163" t="s">
        <v>58</v>
      </c>
      <c r="H687" s="172" t="s">
        <v>846</v>
      </c>
      <c r="I687" s="172" t="s">
        <v>81</v>
      </c>
      <c r="J687" s="163" t="s">
        <v>77</v>
      </c>
      <c r="K687" s="179" t="s">
        <v>834</v>
      </c>
      <c r="L687" s="158" t="s">
        <v>63</v>
      </c>
      <c r="M687" s="158" t="s">
        <v>63</v>
      </c>
      <c r="N687" s="174">
        <v>370629.1875</v>
      </c>
      <c r="O687" s="175">
        <f t="shared" si="404"/>
        <v>370629.1875</v>
      </c>
      <c r="P687" s="176" t="s">
        <v>839</v>
      </c>
      <c r="Q687" s="176" t="s">
        <v>853</v>
      </c>
      <c r="R687" s="158"/>
      <c r="S687" s="158"/>
      <c r="T687" s="158"/>
      <c r="U687" s="158"/>
      <c r="V687" s="158"/>
      <c r="W687" s="158"/>
      <c r="X687" s="158"/>
      <c r="Y687" s="158"/>
      <c r="Z687" s="158"/>
      <c r="AA687" s="158"/>
      <c r="AB687" s="158"/>
      <c r="AC687" s="158"/>
      <c r="AD687" s="158"/>
      <c r="AE687" s="158"/>
      <c r="AF687" s="158"/>
      <c r="AG687" s="158"/>
      <c r="AH687" s="158"/>
      <c r="AI687" s="158"/>
      <c r="AJ687" s="158"/>
      <c r="AK687" s="158"/>
      <c r="AL687" s="158"/>
      <c r="AM687" s="158"/>
      <c r="AN687" s="158"/>
      <c r="AO687" s="158"/>
      <c r="AP687" s="158"/>
      <c r="AQ687" s="158"/>
      <c r="AR687" s="158"/>
      <c r="AS687" s="158"/>
      <c r="AT687" s="158"/>
      <c r="AU687" s="158"/>
      <c r="AV687" s="158"/>
      <c r="AW687" s="160">
        <f t="shared" si="370"/>
        <v>0</v>
      </c>
      <c r="AX687" s="158"/>
      <c r="AY687" s="161" t="str">
        <f t="shared" si="371"/>
        <v/>
      </c>
      <c r="AZ687" s="161" t="str">
        <f t="shared" si="372"/>
        <v/>
      </c>
      <c r="BA687" s="161" t="str">
        <f t="shared" si="373"/>
        <v/>
      </c>
      <c r="BB687" s="161" t="str">
        <f t="shared" si="374"/>
        <v/>
      </c>
      <c r="BC687" s="161" t="str">
        <f t="shared" si="375"/>
        <v/>
      </c>
      <c r="BD687" s="161" t="str">
        <f t="shared" si="376"/>
        <v/>
      </c>
      <c r="BE687" s="161" t="str">
        <f t="shared" si="377"/>
        <v/>
      </c>
      <c r="BF687" s="161" t="str">
        <f t="shared" si="378"/>
        <v/>
      </c>
      <c r="BG687" s="161" t="str">
        <f t="shared" si="379"/>
        <v/>
      </c>
      <c r="BH687" s="161" t="str">
        <f t="shared" si="380"/>
        <v/>
      </c>
      <c r="BI687" s="161" t="str">
        <f t="shared" si="381"/>
        <v/>
      </c>
      <c r="BJ687" s="161" t="str">
        <f t="shared" si="382"/>
        <v/>
      </c>
      <c r="BK687" s="161" t="str">
        <f t="shared" si="383"/>
        <v/>
      </c>
      <c r="BL687" s="161" t="str">
        <f t="shared" si="384"/>
        <v/>
      </c>
      <c r="BM687" s="161" t="str">
        <f t="shared" si="385"/>
        <v/>
      </c>
      <c r="BN687" s="161" t="str">
        <f t="shared" si="386"/>
        <v/>
      </c>
      <c r="BO687" s="161" t="str">
        <f t="shared" si="387"/>
        <v/>
      </c>
      <c r="BP687" s="161" t="str">
        <f t="shared" si="388"/>
        <v/>
      </c>
      <c r="BQ687" s="161" t="str">
        <f t="shared" si="389"/>
        <v/>
      </c>
      <c r="BR687" s="161" t="str">
        <f t="shared" si="390"/>
        <v/>
      </c>
      <c r="BS687" s="161" t="str">
        <f t="shared" si="391"/>
        <v/>
      </c>
      <c r="BT687" s="161" t="str">
        <f t="shared" si="392"/>
        <v/>
      </c>
      <c r="BU687" s="161" t="str">
        <f t="shared" si="393"/>
        <v/>
      </c>
      <c r="BV687" s="161" t="str">
        <f t="shared" si="394"/>
        <v/>
      </c>
      <c r="BW687" s="161" t="str">
        <f t="shared" si="395"/>
        <v/>
      </c>
      <c r="BX687" s="161" t="str">
        <f t="shared" si="396"/>
        <v/>
      </c>
      <c r="BY687" s="161" t="str">
        <f t="shared" si="397"/>
        <v/>
      </c>
      <c r="BZ687" s="161" t="str">
        <f t="shared" si="398"/>
        <v/>
      </c>
      <c r="CA687" s="161" t="str">
        <f t="shared" si="399"/>
        <v/>
      </c>
      <c r="CB687" s="161" t="str">
        <f t="shared" si="400"/>
        <v/>
      </c>
      <c r="CC687" s="161" t="str">
        <f t="shared" si="401"/>
        <v/>
      </c>
      <c r="CD687" s="158"/>
      <c r="CE687" s="158"/>
      <c r="CF687" s="177"/>
    </row>
    <row r="688" spans="1:84" s="178" customFormat="1" ht="56.1" hidden="1" customHeight="1" x14ac:dyDescent="0.2">
      <c r="A688" s="154">
        <v>688</v>
      </c>
      <c r="B688" s="155" t="s">
        <v>53</v>
      </c>
      <c r="C688" s="165" t="s">
        <v>655</v>
      </c>
      <c r="D688" s="179" t="s">
        <v>830</v>
      </c>
      <c r="E688" s="172" t="s">
        <v>854</v>
      </c>
      <c r="F688" s="172" t="s">
        <v>855</v>
      </c>
      <c r="G688" s="163" t="s">
        <v>58</v>
      </c>
      <c r="H688" s="172" t="s">
        <v>27</v>
      </c>
      <c r="I688" s="172" t="s">
        <v>81</v>
      </c>
      <c r="J688" s="163" t="s">
        <v>77</v>
      </c>
      <c r="K688" s="179" t="s">
        <v>834</v>
      </c>
      <c r="L688" s="158" t="s">
        <v>63</v>
      </c>
      <c r="M688" s="158" t="s">
        <v>63</v>
      </c>
      <c r="N688" s="174">
        <v>370629.1875</v>
      </c>
      <c r="O688" s="175">
        <f t="shared" si="404"/>
        <v>370629.1875</v>
      </c>
      <c r="P688" s="176" t="s">
        <v>839</v>
      </c>
      <c r="Q688" s="176" t="s">
        <v>853</v>
      </c>
      <c r="R688" s="158"/>
      <c r="S688" s="158"/>
      <c r="T688" s="158"/>
      <c r="U688" s="158"/>
      <c r="V688" s="158"/>
      <c r="W688" s="158"/>
      <c r="X688" s="158"/>
      <c r="Y688" s="158"/>
      <c r="Z688" s="158"/>
      <c r="AA688" s="158"/>
      <c r="AB688" s="161"/>
      <c r="AC688" s="158"/>
      <c r="AD688" s="158"/>
      <c r="AE688" s="158"/>
      <c r="AF688" s="158"/>
      <c r="AG688" s="158"/>
      <c r="AH688" s="158"/>
      <c r="AI688" s="158"/>
      <c r="AJ688" s="158"/>
      <c r="AK688" s="158"/>
      <c r="AL688" s="158"/>
      <c r="AM688" s="158"/>
      <c r="AN688" s="158"/>
      <c r="AO688" s="158"/>
      <c r="AP688" s="158"/>
      <c r="AQ688" s="158"/>
      <c r="AR688" s="158"/>
      <c r="AS688" s="158"/>
      <c r="AT688" s="158"/>
      <c r="AU688" s="158"/>
      <c r="AV688" s="158"/>
      <c r="AW688" s="160">
        <f t="shared" si="370"/>
        <v>0</v>
      </c>
      <c r="AX688" s="158"/>
      <c r="AY688" s="161" t="str">
        <f t="shared" si="371"/>
        <v/>
      </c>
      <c r="AZ688" s="161" t="str">
        <f t="shared" si="372"/>
        <v/>
      </c>
      <c r="BA688" s="161" t="str">
        <f t="shared" si="373"/>
        <v/>
      </c>
      <c r="BB688" s="161" t="str">
        <f t="shared" si="374"/>
        <v/>
      </c>
      <c r="BC688" s="161" t="str">
        <f t="shared" si="375"/>
        <v/>
      </c>
      <c r="BD688" s="161" t="str">
        <f t="shared" si="376"/>
        <v/>
      </c>
      <c r="BE688" s="161" t="str">
        <f t="shared" si="377"/>
        <v/>
      </c>
      <c r="BF688" s="161" t="str">
        <f t="shared" si="378"/>
        <v/>
      </c>
      <c r="BG688" s="161" t="str">
        <f t="shared" si="379"/>
        <v/>
      </c>
      <c r="BH688" s="161" t="str">
        <f t="shared" si="380"/>
        <v/>
      </c>
      <c r="BI688" s="161" t="str">
        <f t="shared" si="381"/>
        <v/>
      </c>
      <c r="BJ688" s="161" t="str">
        <f t="shared" si="382"/>
        <v/>
      </c>
      <c r="BK688" s="161" t="str">
        <f t="shared" si="383"/>
        <v/>
      </c>
      <c r="BL688" s="161" t="str">
        <f t="shared" si="384"/>
        <v/>
      </c>
      <c r="BM688" s="161" t="str">
        <f t="shared" si="385"/>
        <v/>
      </c>
      <c r="BN688" s="161" t="str">
        <f t="shared" si="386"/>
        <v/>
      </c>
      <c r="BO688" s="161" t="str">
        <f t="shared" si="387"/>
        <v/>
      </c>
      <c r="BP688" s="161" t="str">
        <f t="shared" si="388"/>
        <v/>
      </c>
      <c r="BQ688" s="161" t="str">
        <f t="shared" si="389"/>
        <v/>
      </c>
      <c r="BR688" s="161" t="str">
        <f t="shared" si="390"/>
        <v/>
      </c>
      <c r="BS688" s="161" t="str">
        <f t="shared" si="391"/>
        <v/>
      </c>
      <c r="BT688" s="161" t="str">
        <f t="shared" si="392"/>
        <v/>
      </c>
      <c r="BU688" s="161" t="str">
        <f t="shared" si="393"/>
        <v/>
      </c>
      <c r="BV688" s="161" t="str">
        <f t="shared" si="394"/>
        <v/>
      </c>
      <c r="BW688" s="161" t="str">
        <f t="shared" si="395"/>
        <v/>
      </c>
      <c r="BX688" s="161" t="str">
        <f t="shared" si="396"/>
        <v/>
      </c>
      <c r="BY688" s="161" t="str">
        <f t="shared" si="397"/>
        <v/>
      </c>
      <c r="BZ688" s="161" t="str">
        <f t="shared" si="398"/>
        <v/>
      </c>
      <c r="CA688" s="161" t="str">
        <f t="shared" si="399"/>
        <v/>
      </c>
      <c r="CB688" s="161" t="str">
        <f t="shared" si="400"/>
        <v/>
      </c>
      <c r="CC688" s="161" t="str">
        <f t="shared" si="401"/>
        <v/>
      </c>
      <c r="CD688" s="158"/>
      <c r="CE688" s="158"/>
      <c r="CF688" s="177"/>
    </row>
    <row r="689" spans="1:84" s="194" customFormat="1" ht="56.1" hidden="1" customHeight="1" x14ac:dyDescent="0.2">
      <c r="A689" s="181">
        <v>689</v>
      </c>
      <c r="B689" s="182" t="s">
        <v>53</v>
      </c>
      <c r="C689" s="183" t="s">
        <v>655</v>
      </c>
      <c r="D689" s="195" t="s">
        <v>830</v>
      </c>
      <c r="E689" s="184" t="s">
        <v>856</v>
      </c>
      <c r="F689" s="184" t="s">
        <v>857</v>
      </c>
      <c r="G689" s="186" t="s">
        <v>58</v>
      </c>
      <c r="H689" s="184" t="s">
        <v>858</v>
      </c>
      <c r="I689" s="184" t="s">
        <v>81</v>
      </c>
      <c r="J689" s="186" t="s">
        <v>77</v>
      </c>
      <c r="K689" s="195" t="s">
        <v>834</v>
      </c>
      <c r="L689" s="187" t="s">
        <v>63</v>
      </c>
      <c r="M689" s="187" t="s">
        <v>63</v>
      </c>
      <c r="N689" s="188">
        <v>370629.1875</v>
      </c>
      <c r="O689" s="189">
        <f t="shared" si="404"/>
        <v>370629.1875</v>
      </c>
      <c r="P689" s="190" t="s">
        <v>839</v>
      </c>
      <c r="Q689" s="190" t="s">
        <v>853</v>
      </c>
      <c r="R689" s="187"/>
      <c r="S689" s="187"/>
      <c r="T689" s="187"/>
      <c r="U689" s="187"/>
      <c r="V689" s="187"/>
      <c r="W689" s="187"/>
      <c r="X689" s="187"/>
      <c r="Y689" s="187"/>
      <c r="Z689" s="187"/>
      <c r="AA689" s="187"/>
      <c r="AB689" s="192"/>
      <c r="AC689" s="187"/>
      <c r="AD689" s="187"/>
      <c r="AE689" s="187"/>
      <c r="AF689" s="187"/>
      <c r="AG689" s="187"/>
      <c r="AH689" s="187"/>
      <c r="AI689" s="187"/>
      <c r="AJ689" s="187"/>
      <c r="AK689" s="187"/>
      <c r="AL689" s="187"/>
      <c r="AM689" s="187"/>
      <c r="AN689" s="187"/>
      <c r="AO689" s="187"/>
      <c r="AP689" s="187"/>
      <c r="AQ689" s="187"/>
      <c r="AR689" s="187"/>
      <c r="AS689" s="187"/>
      <c r="AT689" s="187"/>
      <c r="AU689" s="187"/>
      <c r="AV689" s="187"/>
      <c r="AW689" s="191">
        <f t="shared" si="370"/>
        <v>0</v>
      </c>
      <c r="AX689" s="187"/>
      <c r="AY689" s="192" t="str">
        <f t="shared" si="371"/>
        <v/>
      </c>
      <c r="AZ689" s="192" t="str">
        <f t="shared" si="372"/>
        <v/>
      </c>
      <c r="BA689" s="192" t="str">
        <f t="shared" si="373"/>
        <v/>
      </c>
      <c r="BB689" s="192" t="str">
        <f t="shared" si="374"/>
        <v/>
      </c>
      <c r="BC689" s="192" t="str">
        <f t="shared" si="375"/>
        <v/>
      </c>
      <c r="BD689" s="192" t="str">
        <f t="shared" si="376"/>
        <v/>
      </c>
      <c r="BE689" s="192" t="str">
        <f t="shared" si="377"/>
        <v/>
      </c>
      <c r="BF689" s="192" t="str">
        <f t="shared" si="378"/>
        <v/>
      </c>
      <c r="BG689" s="192" t="str">
        <f t="shared" si="379"/>
        <v/>
      </c>
      <c r="BH689" s="192" t="str">
        <f t="shared" si="380"/>
        <v/>
      </c>
      <c r="BI689" s="192" t="str">
        <f t="shared" si="381"/>
        <v/>
      </c>
      <c r="BJ689" s="192" t="str">
        <f t="shared" si="382"/>
        <v/>
      </c>
      <c r="BK689" s="192" t="str">
        <f t="shared" si="383"/>
        <v/>
      </c>
      <c r="BL689" s="192" t="str">
        <f t="shared" si="384"/>
        <v/>
      </c>
      <c r="BM689" s="192" t="str">
        <f t="shared" si="385"/>
        <v/>
      </c>
      <c r="BN689" s="192" t="str">
        <f t="shared" si="386"/>
        <v/>
      </c>
      <c r="BO689" s="192" t="str">
        <f t="shared" si="387"/>
        <v/>
      </c>
      <c r="BP689" s="192" t="str">
        <f t="shared" si="388"/>
        <v/>
      </c>
      <c r="BQ689" s="192" t="str">
        <f t="shared" si="389"/>
        <v/>
      </c>
      <c r="BR689" s="192" t="str">
        <f t="shared" si="390"/>
        <v/>
      </c>
      <c r="BS689" s="192" t="str">
        <f t="shared" si="391"/>
        <v/>
      </c>
      <c r="BT689" s="192" t="str">
        <f t="shared" si="392"/>
        <v/>
      </c>
      <c r="BU689" s="192" t="str">
        <f t="shared" si="393"/>
        <v/>
      </c>
      <c r="BV689" s="192" t="str">
        <f t="shared" si="394"/>
        <v/>
      </c>
      <c r="BW689" s="192" t="str">
        <f t="shared" si="395"/>
        <v/>
      </c>
      <c r="BX689" s="192" t="str">
        <f t="shared" si="396"/>
        <v/>
      </c>
      <c r="BY689" s="192" t="str">
        <f t="shared" si="397"/>
        <v/>
      </c>
      <c r="BZ689" s="192" t="str">
        <f t="shared" si="398"/>
        <v/>
      </c>
      <c r="CA689" s="192" t="str">
        <f t="shared" si="399"/>
        <v/>
      </c>
      <c r="CB689" s="192" t="str">
        <f t="shared" si="400"/>
        <v/>
      </c>
      <c r="CC689" s="192" t="str">
        <f t="shared" si="401"/>
        <v/>
      </c>
      <c r="CD689" s="187"/>
      <c r="CE689" s="187"/>
      <c r="CF689" s="193"/>
    </row>
    <row r="690" spans="1:84" s="178" customFormat="1" ht="56.1" hidden="1" customHeight="1" x14ac:dyDescent="0.2">
      <c r="A690" s="154">
        <v>690</v>
      </c>
      <c r="B690" s="155" t="s">
        <v>53</v>
      </c>
      <c r="C690" s="165" t="s">
        <v>655</v>
      </c>
      <c r="D690" s="179" t="s">
        <v>830</v>
      </c>
      <c r="E690" s="172" t="s">
        <v>859</v>
      </c>
      <c r="F690" s="172" t="s">
        <v>860</v>
      </c>
      <c r="G690" s="163" t="s">
        <v>58</v>
      </c>
      <c r="H690" s="172" t="s">
        <v>861</v>
      </c>
      <c r="I690" s="172" t="s">
        <v>81</v>
      </c>
      <c r="J690" s="163" t="s">
        <v>77</v>
      </c>
      <c r="K690" s="179" t="s">
        <v>834</v>
      </c>
      <c r="L690" s="158" t="s">
        <v>63</v>
      </c>
      <c r="M690" s="158" t="s">
        <v>63</v>
      </c>
      <c r="N690" s="174">
        <v>370629.1875</v>
      </c>
      <c r="O690" s="175">
        <f t="shared" si="404"/>
        <v>370629.1875</v>
      </c>
      <c r="P690" s="176" t="s">
        <v>839</v>
      </c>
      <c r="Q690" s="176" t="s">
        <v>853</v>
      </c>
      <c r="R690" s="158"/>
      <c r="S690" s="158"/>
      <c r="T690" s="158"/>
      <c r="U690" s="158"/>
      <c r="V690" s="158"/>
      <c r="W690" s="158"/>
      <c r="X690" s="158"/>
      <c r="Y690" s="158"/>
      <c r="Z690" s="158"/>
      <c r="AA690" s="158"/>
      <c r="AB690" s="158"/>
      <c r="AC690" s="158"/>
      <c r="AD690" s="158"/>
      <c r="AE690" s="158"/>
      <c r="AF690" s="158"/>
      <c r="AG690" s="158"/>
      <c r="AH690" s="158"/>
      <c r="AI690" s="158"/>
      <c r="AJ690" s="158"/>
      <c r="AK690" s="158"/>
      <c r="AL690" s="158"/>
      <c r="AM690" s="158"/>
      <c r="AN690" s="158"/>
      <c r="AO690" s="158"/>
      <c r="AP690" s="158"/>
      <c r="AQ690" s="158"/>
      <c r="AR690" s="158"/>
      <c r="AS690" s="158"/>
      <c r="AT690" s="158"/>
      <c r="AU690" s="158"/>
      <c r="AV690" s="158"/>
      <c r="AW690" s="160">
        <f t="shared" si="370"/>
        <v>0</v>
      </c>
      <c r="AX690" s="158"/>
      <c r="AY690" s="161" t="str">
        <f t="shared" si="371"/>
        <v/>
      </c>
      <c r="AZ690" s="161" t="str">
        <f t="shared" si="372"/>
        <v/>
      </c>
      <c r="BA690" s="161" t="str">
        <f t="shared" si="373"/>
        <v/>
      </c>
      <c r="BB690" s="161" t="str">
        <f t="shared" si="374"/>
        <v/>
      </c>
      <c r="BC690" s="161" t="str">
        <f t="shared" si="375"/>
        <v/>
      </c>
      <c r="BD690" s="161" t="str">
        <f t="shared" si="376"/>
        <v/>
      </c>
      <c r="BE690" s="161" t="str">
        <f t="shared" si="377"/>
        <v/>
      </c>
      <c r="BF690" s="161" t="str">
        <f t="shared" si="378"/>
        <v/>
      </c>
      <c r="BG690" s="161" t="str">
        <f t="shared" si="379"/>
        <v/>
      </c>
      <c r="BH690" s="161" t="str">
        <f t="shared" si="380"/>
        <v/>
      </c>
      <c r="BI690" s="161" t="str">
        <f t="shared" si="381"/>
        <v/>
      </c>
      <c r="BJ690" s="161" t="str">
        <f t="shared" si="382"/>
        <v/>
      </c>
      <c r="BK690" s="161" t="str">
        <f t="shared" si="383"/>
        <v/>
      </c>
      <c r="BL690" s="161" t="str">
        <f t="shared" si="384"/>
        <v/>
      </c>
      <c r="BM690" s="161" t="str">
        <f t="shared" si="385"/>
        <v/>
      </c>
      <c r="BN690" s="161" t="str">
        <f t="shared" si="386"/>
        <v/>
      </c>
      <c r="BO690" s="161" t="str">
        <f t="shared" si="387"/>
        <v/>
      </c>
      <c r="BP690" s="161" t="str">
        <f t="shared" si="388"/>
        <v/>
      </c>
      <c r="BQ690" s="161" t="str">
        <f t="shared" si="389"/>
        <v/>
      </c>
      <c r="BR690" s="161" t="str">
        <f t="shared" si="390"/>
        <v/>
      </c>
      <c r="BS690" s="161" t="str">
        <f t="shared" si="391"/>
        <v/>
      </c>
      <c r="BT690" s="161" t="str">
        <f t="shared" si="392"/>
        <v/>
      </c>
      <c r="BU690" s="161" t="str">
        <f t="shared" si="393"/>
        <v/>
      </c>
      <c r="BV690" s="161" t="str">
        <f t="shared" si="394"/>
        <v/>
      </c>
      <c r="BW690" s="161" t="str">
        <f t="shared" si="395"/>
        <v/>
      </c>
      <c r="BX690" s="161" t="str">
        <f t="shared" si="396"/>
        <v/>
      </c>
      <c r="BY690" s="161" t="str">
        <f t="shared" si="397"/>
        <v/>
      </c>
      <c r="BZ690" s="161" t="str">
        <f t="shared" si="398"/>
        <v/>
      </c>
      <c r="CA690" s="161" t="str">
        <f t="shared" si="399"/>
        <v/>
      </c>
      <c r="CB690" s="161" t="str">
        <f t="shared" si="400"/>
        <v/>
      </c>
      <c r="CC690" s="161" t="str">
        <f t="shared" si="401"/>
        <v/>
      </c>
      <c r="CD690" s="158"/>
      <c r="CE690" s="158"/>
      <c r="CF690" s="177"/>
    </row>
    <row r="691" spans="1:84" s="248" customFormat="1" ht="56.1" hidden="1" customHeight="1" x14ac:dyDescent="0.2">
      <c r="A691" s="198">
        <v>691</v>
      </c>
      <c r="B691" s="199" t="s">
        <v>53</v>
      </c>
      <c r="C691" s="208" t="s">
        <v>655</v>
      </c>
      <c r="D691" s="242" t="s">
        <v>830</v>
      </c>
      <c r="E691" s="243" t="s">
        <v>862</v>
      </c>
      <c r="F691" s="243" t="s">
        <v>863</v>
      </c>
      <c r="G691" s="206" t="s">
        <v>58</v>
      </c>
      <c r="H691" s="243" t="s">
        <v>833</v>
      </c>
      <c r="I691" s="243" t="s">
        <v>81</v>
      </c>
      <c r="J691" s="206" t="s">
        <v>77</v>
      </c>
      <c r="K691" s="242" t="s">
        <v>834</v>
      </c>
      <c r="L691" s="205" t="s">
        <v>63</v>
      </c>
      <c r="M691" s="205" t="s">
        <v>63</v>
      </c>
      <c r="N691" s="244">
        <v>370629.1875</v>
      </c>
      <c r="O691" s="245">
        <f t="shared" si="404"/>
        <v>370629.1875</v>
      </c>
      <c r="P691" s="285" t="s">
        <v>659</v>
      </c>
      <c r="Q691" s="205" t="s">
        <v>65</v>
      </c>
      <c r="R691" s="203"/>
      <c r="S691" s="203"/>
      <c r="T691" s="203"/>
      <c r="U691" s="203"/>
      <c r="V691" s="203"/>
      <c r="W691" s="203"/>
      <c r="X691" s="203"/>
      <c r="Y691" s="203"/>
      <c r="Z691" s="203"/>
      <c r="AA691" s="203"/>
      <c r="AB691" s="203"/>
      <c r="AC691" s="203"/>
      <c r="AD691" s="203"/>
      <c r="AE691" s="203"/>
      <c r="AF691" s="203"/>
      <c r="AG691" s="203"/>
      <c r="AH691" s="205"/>
      <c r="AI691" s="203"/>
      <c r="AJ691" s="203"/>
      <c r="AK691" s="203"/>
      <c r="AL691" s="205"/>
      <c r="AM691" s="203"/>
      <c r="AN691" s="203"/>
      <c r="AO691" s="203"/>
      <c r="AP691" s="205"/>
      <c r="AQ691" s="203"/>
      <c r="AR691" s="205"/>
      <c r="AS691" s="205"/>
      <c r="AT691" s="203"/>
      <c r="AU691" s="205"/>
      <c r="AV691" s="205"/>
      <c r="AW691" s="204">
        <f t="shared" si="370"/>
        <v>0</v>
      </c>
      <c r="AX691" s="205"/>
      <c r="AY691" s="203" t="str">
        <f t="shared" si="371"/>
        <v/>
      </c>
      <c r="AZ691" s="203" t="str">
        <f t="shared" si="372"/>
        <v/>
      </c>
      <c r="BA691" s="203" t="str">
        <f t="shared" si="373"/>
        <v/>
      </c>
      <c r="BB691" s="203" t="str">
        <f t="shared" si="374"/>
        <v/>
      </c>
      <c r="BC691" s="203" t="str">
        <f t="shared" si="375"/>
        <v/>
      </c>
      <c r="BD691" s="203" t="str">
        <f t="shared" si="376"/>
        <v/>
      </c>
      <c r="BE691" s="203" t="str">
        <f t="shared" si="377"/>
        <v/>
      </c>
      <c r="BF691" s="203" t="str">
        <f t="shared" si="378"/>
        <v/>
      </c>
      <c r="BG691" s="203" t="str">
        <f t="shared" si="379"/>
        <v/>
      </c>
      <c r="BH691" s="203" t="str">
        <f t="shared" si="380"/>
        <v/>
      </c>
      <c r="BI691" s="203" t="str">
        <f t="shared" si="381"/>
        <v/>
      </c>
      <c r="BJ691" s="203" t="str">
        <f t="shared" si="382"/>
        <v/>
      </c>
      <c r="BK691" s="203" t="str">
        <f t="shared" si="383"/>
        <v/>
      </c>
      <c r="BL691" s="203" t="str">
        <f t="shared" si="384"/>
        <v/>
      </c>
      <c r="BM691" s="203" t="str">
        <f t="shared" si="385"/>
        <v/>
      </c>
      <c r="BN691" s="203" t="str">
        <f t="shared" si="386"/>
        <v/>
      </c>
      <c r="BO691" s="203" t="str">
        <f t="shared" si="387"/>
        <v/>
      </c>
      <c r="BP691" s="203" t="str">
        <f t="shared" si="388"/>
        <v/>
      </c>
      <c r="BQ691" s="203" t="str">
        <f t="shared" si="389"/>
        <v/>
      </c>
      <c r="BR691" s="203" t="str">
        <f t="shared" si="390"/>
        <v/>
      </c>
      <c r="BS691" s="203" t="str">
        <f t="shared" si="391"/>
        <v/>
      </c>
      <c r="BT691" s="203" t="str">
        <f t="shared" si="392"/>
        <v/>
      </c>
      <c r="BU691" s="203" t="str">
        <f t="shared" si="393"/>
        <v/>
      </c>
      <c r="BV691" s="203" t="str">
        <f t="shared" si="394"/>
        <v/>
      </c>
      <c r="BW691" s="203" t="str">
        <f t="shared" si="395"/>
        <v/>
      </c>
      <c r="BX691" s="203" t="str">
        <f t="shared" si="396"/>
        <v/>
      </c>
      <c r="BY691" s="203" t="str">
        <f t="shared" si="397"/>
        <v/>
      </c>
      <c r="BZ691" s="203" t="str">
        <f t="shared" si="398"/>
        <v/>
      </c>
      <c r="CA691" s="203" t="str">
        <f t="shared" si="399"/>
        <v/>
      </c>
      <c r="CB691" s="203" t="str">
        <f t="shared" si="400"/>
        <v/>
      </c>
      <c r="CC691" s="203" t="str">
        <f t="shared" si="401"/>
        <v/>
      </c>
      <c r="CD691" s="205"/>
      <c r="CE691" s="205"/>
      <c r="CF691" s="247"/>
    </row>
    <row r="692" spans="1:84" s="248" customFormat="1" ht="56.1" hidden="1" customHeight="1" x14ac:dyDescent="0.2">
      <c r="A692" s="198">
        <v>692</v>
      </c>
      <c r="B692" s="199" t="s">
        <v>864</v>
      </c>
      <c r="C692" s="208" t="s">
        <v>655</v>
      </c>
      <c r="D692" s="242" t="s">
        <v>830</v>
      </c>
      <c r="E692" s="243" t="s">
        <v>865</v>
      </c>
      <c r="F692" s="243" t="s">
        <v>866</v>
      </c>
      <c r="G692" s="206" t="s">
        <v>58</v>
      </c>
      <c r="H692" s="243" t="s">
        <v>867</v>
      </c>
      <c r="I692" s="243" t="s">
        <v>60</v>
      </c>
      <c r="J692" s="206" t="s">
        <v>77</v>
      </c>
      <c r="K692" s="242" t="s">
        <v>868</v>
      </c>
      <c r="L692" s="205" t="s">
        <v>63</v>
      </c>
      <c r="M692" s="205" t="s">
        <v>63</v>
      </c>
      <c r="N692" s="244">
        <v>877751.875</v>
      </c>
      <c r="O692" s="245">
        <f t="shared" si="404"/>
        <v>877751.875</v>
      </c>
      <c r="P692" s="246" t="s">
        <v>839</v>
      </c>
      <c r="Q692" s="205" t="s">
        <v>65</v>
      </c>
      <c r="R692" s="205"/>
      <c r="S692" s="205"/>
      <c r="T692" s="205"/>
      <c r="U692" s="205"/>
      <c r="V692" s="205"/>
      <c r="W692" s="205"/>
      <c r="X692" s="205"/>
      <c r="Y692" s="205"/>
      <c r="Z692" s="205"/>
      <c r="AA692" s="205"/>
      <c r="AB692" s="205"/>
      <c r="AC692" s="205"/>
      <c r="AD692" s="205"/>
      <c r="AE692" s="205"/>
      <c r="AF692" s="205"/>
      <c r="AG692" s="205"/>
      <c r="AH692" s="205"/>
      <c r="AI692" s="205"/>
      <c r="AJ692" s="205"/>
      <c r="AK692" s="205"/>
      <c r="AL692" s="205"/>
      <c r="AM692" s="205"/>
      <c r="AN692" s="205"/>
      <c r="AO692" s="205"/>
      <c r="AP692" s="205"/>
      <c r="AQ692" s="205"/>
      <c r="AR692" s="205"/>
      <c r="AS692" s="205"/>
      <c r="AT692" s="205"/>
      <c r="AU692" s="205"/>
      <c r="AV692" s="205"/>
      <c r="AW692" s="204">
        <f t="shared" si="370"/>
        <v>0</v>
      </c>
      <c r="AX692" s="205"/>
      <c r="AY692" s="203" t="str">
        <f t="shared" si="371"/>
        <v/>
      </c>
      <c r="AZ692" s="203" t="str">
        <f t="shared" si="372"/>
        <v/>
      </c>
      <c r="BA692" s="203" t="str">
        <f t="shared" si="373"/>
        <v/>
      </c>
      <c r="BB692" s="203" t="str">
        <f t="shared" si="374"/>
        <v/>
      </c>
      <c r="BC692" s="203" t="str">
        <f t="shared" si="375"/>
        <v/>
      </c>
      <c r="BD692" s="203" t="str">
        <f t="shared" si="376"/>
        <v/>
      </c>
      <c r="BE692" s="203" t="str">
        <f t="shared" si="377"/>
        <v/>
      </c>
      <c r="BF692" s="203" t="str">
        <f t="shared" si="378"/>
        <v/>
      </c>
      <c r="BG692" s="203" t="str">
        <f t="shared" si="379"/>
        <v/>
      </c>
      <c r="BH692" s="203" t="str">
        <f t="shared" si="380"/>
        <v/>
      </c>
      <c r="BI692" s="203" t="str">
        <f t="shared" si="381"/>
        <v/>
      </c>
      <c r="BJ692" s="203" t="str">
        <f t="shared" si="382"/>
        <v/>
      </c>
      <c r="BK692" s="203" t="str">
        <f t="shared" si="383"/>
        <v/>
      </c>
      <c r="BL692" s="203" t="str">
        <f t="shared" si="384"/>
        <v/>
      </c>
      <c r="BM692" s="203" t="str">
        <f t="shared" si="385"/>
        <v/>
      </c>
      <c r="BN692" s="203" t="str">
        <f t="shared" si="386"/>
        <v/>
      </c>
      <c r="BO692" s="203" t="str">
        <f t="shared" si="387"/>
        <v/>
      </c>
      <c r="BP692" s="203" t="str">
        <f t="shared" si="388"/>
        <v/>
      </c>
      <c r="BQ692" s="203" t="str">
        <f t="shared" si="389"/>
        <v/>
      </c>
      <c r="BR692" s="203" t="str">
        <f t="shared" si="390"/>
        <v/>
      </c>
      <c r="BS692" s="203" t="str">
        <f t="shared" si="391"/>
        <v/>
      </c>
      <c r="BT692" s="203" t="str">
        <f t="shared" si="392"/>
        <v/>
      </c>
      <c r="BU692" s="203" t="str">
        <f t="shared" si="393"/>
        <v/>
      </c>
      <c r="BV692" s="203" t="str">
        <f t="shared" si="394"/>
        <v/>
      </c>
      <c r="BW692" s="203" t="str">
        <f t="shared" si="395"/>
        <v/>
      </c>
      <c r="BX692" s="203" t="str">
        <f t="shared" si="396"/>
        <v/>
      </c>
      <c r="BY692" s="203" t="str">
        <f t="shared" si="397"/>
        <v/>
      </c>
      <c r="BZ692" s="203" t="str">
        <f t="shared" si="398"/>
        <v/>
      </c>
      <c r="CA692" s="203" t="str">
        <f t="shared" si="399"/>
        <v/>
      </c>
      <c r="CB692" s="203" t="str">
        <f t="shared" si="400"/>
        <v/>
      </c>
      <c r="CC692" s="203" t="str">
        <f t="shared" si="401"/>
        <v/>
      </c>
      <c r="CD692" s="205"/>
      <c r="CE692" s="205"/>
      <c r="CF692" s="247"/>
    </row>
    <row r="693" spans="1:84" s="248" customFormat="1" ht="56.1" hidden="1" customHeight="1" x14ac:dyDescent="0.2">
      <c r="A693" s="198">
        <v>693</v>
      </c>
      <c r="B693" s="199" t="s">
        <v>869</v>
      </c>
      <c r="C693" s="208" t="s">
        <v>655</v>
      </c>
      <c r="D693" s="242" t="s">
        <v>870</v>
      </c>
      <c r="E693" s="243" t="s">
        <v>871</v>
      </c>
      <c r="F693" s="243" t="s">
        <v>872</v>
      </c>
      <c r="G693" s="206" t="s">
        <v>58</v>
      </c>
      <c r="H693" s="243" t="s">
        <v>833</v>
      </c>
      <c r="I693" s="243" t="s">
        <v>81</v>
      </c>
      <c r="J693" s="206" t="s">
        <v>77</v>
      </c>
      <c r="K693" s="242" t="s">
        <v>868</v>
      </c>
      <c r="L693" s="205" t="s">
        <v>63</v>
      </c>
      <c r="M693" s="205" t="s">
        <v>63</v>
      </c>
      <c r="N693" s="244">
        <v>40080.247349999998</v>
      </c>
      <c r="O693" s="245">
        <f t="shared" si="404"/>
        <v>40080.247349999998</v>
      </c>
      <c r="P693" s="285" t="s">
        <v>659</v>
      </c>
      <c r="Q693" s="205" t="s">
        <v>65</v>
      </c>
      <c r="R693" s="205"/>
      <c r="S693" s="205"/>
      <c r="T693" s="205"/>
      <c r="U693" s="205"/>
      <c r="V693" s="205"/>
      <c r="W693" s="205"/>
      <c r="X693" s="205"/>
      <c r="Y693" s="205"/>
      <c r="Z693" s="205"/>
      <c r="AA693" s="205"/>
      <c r="AB693" s="205"/>
      <c r="AC693" s="205"/>
      <c r="AD693" s="205"/>
      <c r="AE693" s="205"/>
      <c r="AF693" s="205"/>
      <c r="AG693" s="205"/>
      <c r="AH693" s="205"/>
      <c r="AI693" s="205"/>
      <c r="AJ693" s="205"/>
      <c r="AK693" s="205"/>
      <c r="AL693" s="205"/>
      <c r="AM693" s="205"/>
      <c r="AN693" s="205"/>
      <c r="AO693" s="205"/>
      <c r="AP693" s="205"/>
      <c r="AQ693" s="205"/>
      <c r="AR693" s="205"/>
      <c r="AS693" s="205"/>
      <c r="AT693" s="205"/>
      <c r="AU693" s="205"/>
      <c r="AV693" s="205"/>
      <c r="AW693" s="204">
        <f t="shared" si="370"/>
        <v>0</v>
      </c>
      <c r="AX693" s="205"/>
      <c r="AY693" s="203" t="str">
        <f t="shared" si="371"/>
        <v/>
      </c>
      <c r="AZ693" s="203" t="str">
        <f t="shared" si="372"/>
        <v/>
      </c>
      <c r="BA693" s="203" t="str">
        <f t="shared" si="373"/>
        <v/>
      </c>
      <c r="BB693" s="203" t="str">
        <f t="shared" si="374"/>
        <v/>
      </c>
      <c r="BC693" s="203" t="str">
        <f t="shared" si="375"/>
        <v/>
      </c>
      <c r="BD693" s="203" t="str">
        <f t="shared" si="376"/>
        <v/>
      </c>
      <c r="BE693" s="203" t="str">
        <f t="shared" si="377"/>
        <v/>
      </c>
      <c r="BF693" s="203" t="str">
        <f t="shared" si="378"/>
        <v/>
      </c>
      <c r="BG693" s="203" t="str">
        <f t="shared" si="379"/>
        <v/>
      </c>
      <c r="BH693" s="203" t="str">
        <f t="shared" si="380"/>
        <v/>
      </c>
      <c r="BI693" s="203" t="str">
        <f t="shared" si="381"/>
        <v/>
      </c>
      <c r="BJ693" s="203" t="str">
        <f t="shared" si="382"/>
        <v/>
      </c>
      <c r="BK693" s="203" t="str">
        <f t="shared" si="383"/>
        <v/>
      </c>
      <c r="BL693" s="203" t="str">
        <f t="shared" si="384"/>
        <v/>
      </c>
      <c r="BM693" s="203" t="str">
        <f t="shared" si="385"/>
        <v/>
      </c>
      <c r="BN693" s="203" t="str">
        <f t="shared" si="386"/>
        <v/>
      </c>
      <c r="BO693" s="203" t="str">
        <f t="shared" si="387"/>
        <v/>
      </c>
      <c r="BP693" s="203" t="str">
        <f t="shared" si="388"/>
        <v/>
      </c>
      <c r="BQ693" s="203" t="str">
        <f t="shared" si="389"/>
        <v/>
      </c>
      <c r="BR693" s="203" t="str">
        <f t="shared" si="390"/>
        <v/>
      </c>
      <c r="BS693" s="203" t="str">
        <f t="shared" si="391"/>
        <v/>
      </c>
      <c r="BT693" s="203" t="str">
        <f t="shared" si="392"/>
        <v/>
      </c>
      <c r="BU693" s="203" t="str">
        <f t="shared" si="393"/>
        <v/>
      </c>
      <c r="BV693" s="203" t="str">
        <f t="shared" si="394"/>
        <v/>
      </c>
      <c r="BW693" s="203" t="str">
        <f t="shared" si="395"/>
        <v/>
      </c>
      <c r="BX693" s="203" t="str">
        <f t="shared" si="396"/>
        <v/>
      </c>
      <c r="BY693" s="203" t="str">
        <f t="shared" si="397"/>
        <v/>
      </c>
      <c r="BZ693" s="203" t="str">
        <f t="shared" si="398"/>
        <v/>
      </c>
      <c r="CA693" s="203" t="str">
        <f t="shared" si="399"/>
        <v/>
      </c>
      <c r="CB693" s="203" t="str">
        <f t="shared" si="400"/>
        <v/>
      </c>
      <c r="CC693" s="203" t="str">
        <f t="shared" si="401"/>
        <v/>
      </c>
      <c r="CD693" s="205"/>
      <c r="CE693" s="205"/>
      <c r="CF693" s="247"/>
    </row>
    <row r="694" spans="1:84" s="248" customFormat="1" ht="56.1" hidden="1" customHeight="1" x14ac:dyDescent="0.2">
      <c r="A694" s="198">
        <v>694</v>
      </c>
      <c r="B694" s="199" t="s">
        <v>53</v>
      </c>
      <c r="C694" s="208" t="s">
        <v>655</v>
      </c>
      <c r="D694" s="242" t="s">
        <v>870</v>
      </c>
      <c r="E694" s="243" t="s">
        <v>873</v>
      </c>
      <c r="F694" s="243" t="s">
        <v>874</v>
      </c>
      <c r="G694" s="206" t="s">
        <v>58</v>
      </c>
      <c r="H694" s="243" t="s">
        <v>833</v>
      </c>
      <c r="I694" s="243" t="s">
        <v>81</v>
      </c>
      <c r="J694" s="206" t="s">
        <v>77</v>
      </c>
      <c r="K694" s="243" t="s">
        <v>868</v>
      </c>
      <c r="L694" s="205" t="s">
        <v>63</v>
      </c>
      <c r="M694" s="205" t="s">
        <v>63</v>
      </c>
      <c r="N694" s="244">
        <v>44337.52895</v>
      </c>
      <c r="O694" s="245">
        <f t="shared" si="404"/>
        <v>44337.52895</v>
      </c>
      <c r="P694" s="285" t="s">
        <v>659</v>
      </c>
      <c r="Q694" s="205" t="s">
        <v>65</v>
      </c>
      <c r="R694" s="203"/>
      <c r="S694" s="203"/>
      <c r="T694" s="203"/>
      <c r="U694" s="203"/>
      <c r="V694" s="203"/>
      <c r="W694" s="203"/>
      <c r="X694" s="203"/>
      <c r="Y694" s="203"/>
      <c r="Z694" s="203"/>
      <c r="AA694" s="203"/>
      <c r="AB694" s="203"/>
      <c r="AC694" s="203"/>
      <c r="AD694" s="203"/>
      <c r="AE694" s="203"/>
      <c r="AF694" s="203"/>
      <c r="AG694" s="203"/>
      <c r="AH694" s="205"/>
      <c r="AI694" s="203"/>
      <c r="AJ694" s="203"/>
      <c r="AK694" s="203"/>
      <c r="AL694" s="205"/>
      <c r="AM694" s="203"/>
      <c r="AN694" s="203"/>
      <c r="AO694" s="203"/>
      <c r="AP694" s="205"/>
      <c r="AQ694" s="203"/>
      <c r="AR694" s="205"/>
      <c r="AS694" s="205"/>
      <c r="AT694" s="203"/>
      <c r="AU694" s="205"/>
      <c r="AV694" s="205"/>
      <c r="AW694" s="204">
        <f t="shared" si="370"/>
        <v>0</v>
      </c>
      <c r="AX694" s="205"/>
      <c r="AY694" s="203" t="str">
        <f t="shared" si="371"/>
        <v/>
      </c>
      <c r="AZ694" s="203" t="str">
        <f t="shared" si="372"/>
        <v/>
      </c>
      <c r="BA694" s="203" t="str">
        <f t="shared" si="373"/>
        <v/>
      </c>
      <c r="BB694" s="203" t="str">
        <f t="shared" si="374"/>
        <v/>
      </c>
      <c r="BC694" s="203" t="str">
        <f t="shared" si="375"/>
        <v/>
      </c>
      <c r="BD694" s="203" t="str">
        <f t="shared" si="376"/>
        <v/>
      </c>
      <c r="BE694" s="203" t="str">
        <f t="shared" si="377"/>
        <v/>
      </c>
      <c r="BF694" s="203" t="str">
        <f t="shared" si="378"/>
        <v/>
      </c>
      <c r="BG694" s="203" t="str">
        <f t="shared" si="379"/>
        <v/>
      </c>
      <c r="BH694" s="203" t="str">
        <f t="shared" si="380"/>
        <v/>
      </c>
      <c r="BI694" s="203" t="str">
        <f t="shared" si="381"/>
        <v/>
      </c>
      <c r="BJ694" s="203" t="str">
        <f t="shared" si="382"/>
        <v/>
      </c>
      <c r="BK694" s="203" t="str">
        <f t="shared" si="383"/>
        <v/>
      </c>
      <c r="BL694" s="203" t="str">
        <f t="shared" si="384"/>
        <v/>
      </c>
      <c r="BM694" s="203" t="str">
        <f t="shared" si="385"/>
        <v/>
      </c>
      <c r="BN694" s="203" t="str">
        <f t="shared" si="386"/>
        <v/>
      </c>
      <c r="BO694" s="203" t="str">
        <f t="shared" si="387"/>
        <v/>
      </c>
      <c r="BP694" s="203" t="str">
        <f t="shared" si="388"/>
        <v/>
      </c>
      <c r="BQ694" s="203" t="str">
        <f t="shared" si="389"/>
        <v/>
      </c>
      <c r="BR694" s="203" t="str">
        <f t="shared" si="390"/>
        <v/>
      </c>
      <c r="BS694" s="203" t="str">
        <f t="shared" si="391"/>
        <v/>
      </c>
      <c r="BT694" s="203" t="str">
        <f t="shared" si="392"/>
        <v/>
      </c>
      <c r="BU694" s="203" t="str">
        <f t="shared" si="393"/>
        <v/>
      </c>
      <c r="BV694" s="203" t="str">
        <f t="shared" si="394"/>
        <v/>
      </c>
      <c r="BW694" s="203" t="str">
        <f t="shared" si="395"/>
        <v/>
      </c>
      <c r="BX694" s="203" t="str">
        <f t="shared" si="396"/>
        <v/>
      </c>
      <c r="BY694" s="203" t="str">
        <f t="shared" si="397"/>
        <v/>
      </c>
      <c r="BZ694" s="203" t="str">
        <f t="shared" si="398"/>
        <v/>
      </c>
      <c r="CA694" s="203" t="str">
        <f t="shared" si="399"/>
        <v/>
      </c>
      <c r="CB694" s="203" t="str">
        <f t="shared" si="400"/>
        <v/>
      </c>
      <c r="CC694" s="203" t="str">
        <f t="shared" si="401"/>
        <v/>
      </c>
      <c r="CD694" s="205"/>
      <c r="CE694" s="205"/>
      <c r="CF694" s="247"/>
    </row>
    <row r="695" spans="1:84" s="248" customFormat="1" ht="56.1" hidden="1" customHeight="1" x14ac:dyDescent="0.2">
      <c r="A695" s="198">
        <v>695</v>
      </c>
      <c r="B695" s="199" t="s">
        <v>53</v>
      </c>
      <c r="C695" s="208" t="s">
        <v>655</v>
      </c>
      <c r="D695" s="242" t="s">
        <v>870</v>
      </c>
      <c r="E695" s="243" t="s">
        <v>875</v>
      </c>
      <c r="F695" s="243" t="s">
        <v>876</v>
      </c>
      <c r="G695" s="206" t="s">
        <v>58</v>
      </c>
      <c r="H695" s="243" t="s">
        <v>833</v>
      </c>
      <c r="I695" s="243" t="s">
        <v>81</v>
      </c>
      <c r="J695" s="206" t="s">
        <v>77</v>
      </c>
      <c r="K695" s="243" t="s">
        <v>834</v>
      </c>
      <c r="L695" s="205" t="s">
        <v>63</v>
      </c>
      <c r="M695" s="205" t="s">
        <v>63</v>
      </c>
      <c r="N695" s="244">
        <v>71266.216450000007</v>
      </c>
      <c r="O695" s="245">
        <f t="shared" si="404"/>
        <v>71266.216450000007</v>
      </c>
      <c r="P695" s="285" t="s">
        <v>659</v>
      </c>
      <c r="Q695" s="205" t="s">
        <v>65</v>
      </c>
      <c r="R695" s="203"/>
      <c r="S695" s="203"/>
      <c r="T695" s="203"/>
      <c r="U695" s="203"/>
      <c r="V695" s="203"/>
      <c r="W695" s="203"/>
      <c r="X695" s="203"/>
      <c r="Y695" s="203"/>
      <c r="Z695" s="203"/>
      <c r="AA695" s="203"/>
      <c r="AB695" s="203"/>
      <c r="AC695" s="203"/>
      <c r="AD695" s="203"/>
      <c r="AE695" s="203"/>
      <c r="AF695" s="203"/>
      <c r="AG695" s="203"/>
      <c r="AH695" s="205"/>
      <c r="AI695" s="203"/>
      <c r="AJ695" s="203"/>
      <c r="AK695" s="203"/>
      <c r="AL695" s="205"/>
      <c r="AM695" s="203"/>
      <c r="AN695" s="203"/>
      <c r="AO695" s="203"/>
      <c r="AP695" s="205"/>
      <c r="AQ695" s="203"/>
      <c r="AR695" s="205"/>
      <c r="AS695" s="205"/>
      <c r="AT695" s="203"/>
      <c r="AU695" s="205"/>
      <c r="AV695" s="205"/>
      <c r="AW695" s="204">
        <f t="shared" si="370"/>
        <v>0</v>
      </c>
      <c r="AX695" s="205"/>
      <c r="AY695" s="203" t="str">
        <f t="shared" si="371"/>
        <v/>
      </c>
      <c r="AZ695" s="203" t="str">
        <f t="shared" si="372"/>
        <v/>
      </c>
      <c r="BA695" s="203" t="str">
        <f t="shared" si="373"/>
        <v/>
      </c>
      <c r="BB695" s="203" t="str">
        <f t="shared" si="374"/>
        <v/>
      </c>
      <c r="BC695" s="203" t="str">
        <f t="shared" si="375"/>
        <v/>
      </c>
      <c r="BD695" s="203" t="str">
        <f t="shared" si="376"/>
        <v/>
      </c>
      <c r="BE695" s="203" t="str">
        <f t="shared" si="377"/>
        <v/>
      </c>
      <c r="BF695" s="203" t="str">
        <f t="shared" si="378"/>
        <v/>
      </c>
      <c r="BG695" s="203" t="str">
        <f t="shared" si="379"/>
        <v/>
      </c>
      <c r="BH695" s="203" t="str">
        <f t="shared" si="380"/>
        <v/>
      </c>
      <c r="BI695" s="203" t="str">
        <f t="shared" si="381"/>
        <v/>
      </c>
      <c r="BJ695" s="203" t="str">
        <f t="shared" si="382"/>
        <v/>
      </c>
      <c r="BK695" s="203" t="str">
        <f t="shared" si="383"/>
        <v/>
      </c>
      <c r="BL695" s="203" t="str">
        <f t="shared" si="384"/>
        <v/>
      </c>
      <c r="BM695" s="203" t="str">
        <f t="shared" si="385"/>
        <v/>
      </c>
      <c r="BN695" s="203" t="str">
        <f t="shared" si="386"/>
        <v/>
      </c>
      <c r="BO695" s="203" t="str">
        <f t="shared" si="387"/>
        <v/>
      </c>
      <c r="BP695" s="203" t="str">
        <f t="shared" si="388"/>
        <v/>
      </c>
      <c r="BQ695" s="203" t="str">
        <f t="shared" si="389"/>
        <v/>
      </c>
      <c r="BR695" s="203" t="str">
        <f t="shared" si="390"/>
        <v/>
      </c>
      <c r="BS695" s="203" t="str">
        <f t="shared" si="391"/>
        <v/>
      </c>
      <c r="BT695" s="203" t="str">
        <f t="shared" si="392"/>
        <v/>
      </c>
      <c r="BU695" s="203" t="str">
        <f t="shared" si="393"/>
        <v/>
      </c>
      <c r="BV695" s="203" t="str">
        <f t="shared" si="394"/>
        <v/>
      </c>
      <c r="BW695" s="203" t="str">
        <f t="shared" si="395"/>
        <v/>
      </c>
      <c r="BX695" s="203" t="str">
        <f t="shared" si="396"/>
        <v/>
      </c>
      <c r="BY695" s="203" t="str">
        <f t="shared" si="397"/>
        <v/>
      </c>
      <c r="BZ695" s="203" t="str">
        <f t="shared" si="398"/>
        <v/>
      </c>
      <c r="CA695" s="203" t="str">
        <f t="shared" si="399"/>
        <v/>
      </c>
      <c r="CB695" s="203" t="str">
        <f t="shared" si="400"/>
        <v/>
      </c>
      <c r="CC695" s="203" t="str">
        <f t="shared" si="401"/>
        <v/>
      </c>
      <c r="CD695" s="205"/>
      <c r="CE695" s="205"/>
      <c r="CF695" s="247"/>
    </row>
    <row r="696" spans="1:84" s="248" customFormat="1" ht="56.1" hidden="1" customHeight="1" x14ac:dyDescent="0.2">
      <c r="A696" s="198">
        <v>696</v>
      </c>
      <c r="B696" s="199" t="s">
        <v>53</v>
      </c>
      <c r="C696" s="208" t="s">
        <v>655</v>
      </c>
      <c r="D696" s="242" t="s">
        <v>870</v>
      </c>
      <c r="E696" s="243" t="s">
        <v>877</v>
      </c>
      <c r="F696" s="243" t="s">
        <v>878</v>
      </c>
      <c r="G696" s="206" t="s">
        <v>58</v>
      </c>
      <c r="H696" s="243" t="s">
        <v>833</v>
      </c>
      <c r="I696" s="243" t="s">
        <v>81</v>
      </c>
      <c r="J696" s="206" t="s">
        <v>77</v>
      </c>
      <c r="K696" s="243" t="s">
        <v>879</v>
      </c>
      <c r="L696" s="205" t="s">
        <v>63</v>
      </c>
      <c r="M696" s="205" t="s">
        <v>63</v>
      </c>
      <c r="N696" s="286">
        <v>285064.86580000003</v>
      </c>
      <c r="O696" s="245">
        <f t="shared" si="404"/>
        <v>285064.86580000003</v>
      </c>
      <c r="P696" s="285" t="s">
        <v>659</v>
      </c>
      <c r="Q696" s="205" t="s">
        <v>65</v>
      </c>
      <c r="R696" s="205"/>
      <c r="S696" s="205"/>
      <c r="T696" s="205"/>
      <c r="U696" s="205"/>
      <c r="V696" s="205"/>
      <c r="W696" s="205"/>
      <c r="X696" s="205"/>
      <c r="Y696" s="205"/>
      <c r="Z696" s="205"/>
      <c r="AA696" s="205"/>
      <c r="AB696" s="205"/>
      <c r="AC696" s="205"/>
      <c r="AD696" s="205"/>
      <c r="AE696" s="205"/>
      <c r="AF696" s="205"/>
      <c r="AG696" s="205"/>
      <c r="AH696" s="205"/>
      <c r="AI696" s="205"/>
      <c r="AJ696" s="205"/>
      <c r="AK696" s="205"/>
      <c r="AL696" s="205"/>
      <c r="AM696" s="205"/>
      <c r="AN696" s="205"/>
      <c r="AO696" s="205"/>
      <c r="AP696" s="205"/>
      <c r="AQ696" s="205"/>
      <c r="AR696" s="205"/>
      <c r="AS696" s="205"/>
      <c r="AT696" s="205"/>
      <c r="AU696" s="205"/>
      <c r="AV696" s="205"/>
      <c r="AW696" s="204">
        <f t="shared" si="370"/>
        <v>0</v>
      </c>
      <c r="AX696" s="205"/>
      <c r="AY696" s="203" t="str">
        <f t="shared" si="371"/>
        <v/>
      </c>
      <c r="AZ696" s="203" t="str">
        <f t="shared" si="372"/>
        <v/>
      </c>
      <c r="BA696" s="203" t="str">
        <f t="shared" si="373"/>
        <v/>
      </c>
      <c r="BB696" s="203" t="str">
        <f t="shared" si="374"/>
        <v/>
      </c>
      <c r="BC696" s="203" t="str">
        <f t="shared" si="375"/>
        <v/>
      </c>
      <c r="BD696" s="203" t="str">
        <f t="shared" si="376"/>
        <v/>
      </c>
      <c r="BE696" s="203" t="str">
        <f t="shared" si="377"/>
        <v/>
      </c>
      <c r="BF696" s="203" t="str">
        <f t="shared" si="378"/>
        <v/>
      </c>
      <c r="BG696" s="203" t="str">
        <f t="shared" si="379"/>
        <v/>
      </c>
      <c r="BH696" s="203" t="str">
        <f t="shared" si="380"/>
        <v/>
      </c>
      <c r="BI696" s="203" t="str">
        <f t="shared" si="381"/>
        <v/>
      </c>
      <c r="BJ696" s="203" t="str">
        <f t="shared" si="382"/>
        <v/>
      </c>
      <c r="BK696" s="203" t="str">
        <f t="shared" si="383"/>
        <v/>
      </c>
      <c r="BL696" s="203" t="str">
        <f t="shared" si="384"/>
        <v/>
      </c>
      <c r="BM696" s="203" t="str">
        <f t="shared" si="385"/>
        <v/>
      </c>
      <c r="BN696" s="203" t="str">
        <f t="shared" si="386"/>
        <v/>
      </c>
      <c r="BO696" s="203" t="str">
        <f t="shared" si="387"/>
        <v/>
      </c>
      <c r="BP696" s="203" t="str">
        <f t="shared" si="388"/>
        <v/>
      </c>
      <c r="BQ696" s="203" t="str">
        <f t="shared" si="389"/>
        <v/>
      </c>
      <c r="BR696" s="203" t="str">
        <f t="shared" si="390"/>
        <v/>
      </c>
      <c r="BS696" s="203" t="str">
        <f t="shared" si="391"/>
        <v/>
      </c>
      <c r="BT696" s="203" t="str">
        <f t="shared" si="392"/>
        <v/>
      </c>
      <c r="BU696" s="203" t="str">
        <f t="shared" si="393"/>
        <v/>
      </c>
      <c r="BV696" s="203" t="str">
        <f t="shared" si="394"/>
        <v/>
      </c>
      <c r="BW696" s="203" t="str">
        <f t="shared" si="395"/>
        <v/>
      </c>
      <c r="BX696" s="203" t="str">
        <f t="shared" si="396"/>
        <v/>
      </c>
      <c r="BY696" s="203" t="str">
        <f t="shared" si="397"/>
        <v/>
      </c>
      <c r="BZ696" s="203" t="str">
        <f t="shared" si="398"/>
        <v/>
      </c>
      <c r="CA696" s="203" t="str">
        <f t="shared" si="399"/>
        <v/>
      </c>
      <c r="CB696" s="203" t="str">
        <f t="shared" si="400"/>
        <v/>
      </c>
      <c r="CC696" s="203" t="str">
        <f t="shared" si="401"/>
        <v/>
      </c>
      <c r="CD696" s="205"/>
      <c r="CE696" s="205"/>
      <c r="CF696" s="247"/>
    </row>
    <row r="697" spans="1:84" s="178" customFormat="1" ht="79.349999999999994" hidden="1" customHeight="1" x14ac:dyDescent="0.2">
      <c r="A697" s="154">
        <v>697</v>
      </c>
      <c r="B697" s="155" t="s">
        <v>53</v>
      </c>
      <c r="C697" s="165" t="s">
        <v>655</v>
      </c>
      <c r="D697" s="179" t="s">
        <v>830</v>
      </c>
      <c r="E697" s="172" t="s">
        <v>880</v>
      </c>
      <c r="F697" s="173" t="s">
        <v>881</v>
      </c>
      <c r="G697" s="163" t="s">
        <v>58</v>
      </c>
      <c r="H697" s="172" t="s">
        <v>59</v>
      </c>
      <c r="I697" s="172" t="s">
        <v>60</v>
      </c>
      <c r="J697" s="163" t="s">
        <v>77</v>
      </c>
      <c r="K697" s="179" t="s">
        <v>834</v>
      </c>
      <c r="L697" s="158" t="s">
        <v>63</v>
      </c>
      <c r="M697" s="158" t="s">
        <v>63</v>
      </c>
      <c r="N697" s="174">
        <v>370629.1875</v>
      </c>
      <c r="O697" s="175">
        <f t="shared" si="404"/>
        <v>370629.1875</v>
      </c>
      <c r="P697" s="176" t="s">
        <v>839</v>
      </c>
      <c r="Q697" s="158" t="s">
        <v>65</v>
      </c>
      <c r="R697" s="161"/>
      <c r="S697" s="161"/>
      <c r="T697" s="161"/>
      <c r="U697" s="161"/>
      <c r="V697" s="161"/>
      <c r="W697" s="161"/>
      <c r="X697" s="161"/>
      <c r="Y697" s="161"/>
      <c r="Z697" s="161"/>
      <c r="AA697" s="161"/>
      <c r="AB697" s="161"/>
      <c r="AC697" s="161"/>
      <c r="AD697" s="161"/>
      <c r="AE697" s="161"/>
      <c r="AF697" s="161"/>
      <c r="AG697" s="161"/>
      <c r="AH697" s="161"/>
      <c r="AI697" s="161"/>
      <c r="AJ697" s="161"/>
      <c r="AK697" s="161"/>
      <c r="AL697" s="161"/>
      <c r="AM697" s="161"/>
      <c r="AN697" s="161"/>
      <c r="AO697" s="161"/>
      <c r="AP697" s="161"/>
      <c r="AQ697" s="161"/>
      <c r="AR697" s="161"/>
      <c r="AS697" s="161"/>
      <c r="AT697" s="161"/>
      <c r="AU697" s="161"/>
      <c r="AV697" s="161"/>
      <c r="AW697" s="160">
        <f t="shared" si="370"/>
        <v>0</v>
      </c>
      <c r="AX697" s="158"/>
      <c r="AY697" s="161" t="str">
        <f t="shared" si="371"/>
        <v/>
      </c>
      <c r="AZ697" s="161" t="str">
        <f t="shared" si="372"/>
        <v/>
      </c>
      <c r="BA697" s="161" t="str">
        <f t="shared" si="373"/>
        <v/>
      </c>
      <c r="BB697" s="161" t="str">
        <f t="shared" si="374"/>
        <v/>
      </c>
      <c r="BC697" s="161" t="str">
        <f t="shared" si="375"/>
        <v/>
      </c>
      <c r="BD697" s="161" t="str">
        <f t="shared" si="376"/>
        <v/>
      </c>
      <c r="BE697" s="161" t="str">
        <f t="shared" si="377"/>
        <v/>
      </c>
      <c r="BF697" s="161" t="str">
        <f t="shared" si="378"/>
        <v/>
      </c>
      <c r="BG697" s="161" t="str">
        <f t="shared" si="379"/>
        <v/>
      </c>
      <c r="BH697" s="161" t="str">
        <f t="shared" si="380"/>
        <v/>
      </c>
      <c r="BI697" s="161" t="str">
        <f t="shared" si="381"/>
        <v/>
      </c>
      <c r="BJ697" s="161" t="str">
        <f t="shared" si="382"/>
        <v/>
      </c>
      <c r="BK697" s="161" t="str">
        <f t="shared" si="383"/>
        <v/>
      </c>
      <c r="BL697" s="161" t="str">
        <f t="shared" si="384"/>
        <v/>
      </c>
      <c r="BM697" s="161" t="str">
        <f t="shared" si="385"/>
        <v/>
      </c>
      <c r="BN697" s="161" t="str">
        <f t="shared" si="386"/>
        <v/>
      </c>
      <c r="BO697" s="161" t="str">
        <f t="shared" si="387"/>
        <v/>
      </c>
      <c r="BP697" s="161" t="str">
        <f t="shared" si="388"/>
        <v/>
      </c>
      <c r="BQ697" s="161" t="str">
        <f t="shared" si="389"/>
        <v/>
      </c>
      <c r="BR697" s="161" t="str">
        <f t="shared" si="390"/>
        <v/>
      </c>
      <c r="BS697" s="161" t="str">
        <f t="shared" si="391"/>
        <v/>
      </c>
      <c r="BT697" s="161" t="str">
        <f t="shared" si="392"/>
        <v/>
      </c>
      <c r="BU697" s="161" t="str">
        <f t="shared" si="393"/>
        <v/>
      </c>
      <c r="BV697" s="161" t="str">
        <f t="shared" si="394"/>
        <v/>
      </c>
      <c r="BW697" s="161" t="str">
        <f t="shared" si="395"/>
        <v/>
      </c>
      <c r="BX697" s="161" t="str">
        <f t="shared" si="396"/>
        <v/>
      </c>
      <c r="BY697" s="161" t="str">
        <f t="shared" si="397"/>
        <v/>
      </c>
      <c r="BZ697" s="161" t="str">
        <f t="shared" si="398"/>
        <v/>
      </c>
      <c r="CA697" s="161" t="str">
        <f t="shared" si="399"/>
        <v/>
      </c>
      <c r="CB697" s="161" t="str">
        <f t="shared" si="400"/>
        <v/>
      </c>
      <c r="CC697" s="161" t="str">
        <f t="shared" si="401"/>
        <v/>
      </c>
      <c r="CD697" s="158"/>
      <c r="CE697" s="158"/>
      <c r="CF697" s="177"/>
    </row>
    <row r="698" spans="1:84" s="178" customFormat="1" ht="84.6" hidden="1" customHeight="1" x14ac:dyDescent="0.2">
      <c r="A698" s="154">
        <v>698</v>
      </c>
      <c r="B698" s="155" t="s">
        <v>53</v>
      </c>
      <c r="C698" s="165" t="s">
        <v>655</v>
      </c>
      <c r="D698" s="179" t="s">
        <v>830</v>
      </c>
      <c r="E698" s="172" t="s">
        <v>882</v>
      </c>
      <c r="F698" s="173" t="s">
        <v>883</v>
      </c>
      <c r="G698" s="163" t="s">
        <v>58</v>
      </c>
      <c r="H698" s="172" t="s">
        <v>59</v>
      </c>
      <c r="I698" s="172" t="s">
        <v>60</v>
      </c>
      <c r="J698" s="163" t="s">
        <v>77</v>
      </c>
      <c r="K698" s="179" t="s">
        <v>834</v>
      </c>
      <c r="L698" s="158" t="s">
        <v>63</v>
      </c>
      <c r="M698" s="158" t="s">
        <v>63</v>
      </c>
      <c r="N698" s="174">
        <v>370629.1875</v>
      </c>
      <c r="O698" s="175">
        <f t="shared" si="404"/>
        <v>370629.1875</v>
      </c>
      <c r="P698" s="176" t="s">
        <v>839</v>
      </c>
      <c r="Q698" s="158" t="s">
        <v>65</v>
      </c>
      <c r="R698" s="158"/>
      <c r="S698" s="158"/>
      <c r="T698" s="158"/>
      <c r="U698" s="158"/>
      <c r="V698" s="158"/>
      <c r="W698" s="158"/>
      <c r="X698" s="158"/>
      <c r="Y698" s="158"/>
      <c r="Z698" s="158"/>
      <c r="AA698" s="158"/>
      <c r="AB698" s="158"/>
      <c r="AC698" s="158"/>
      <c r="AD698" s="158"/>
      <c r="AE698" s="158"/>
      <c r="AF698" s="158"/>
      <c r="AG698" s="158"/>
      <c r="AH698" s="158"/>
      <c r="AI698" s="158"/>
      <c r="AJ698" s="158"/>
      <c r="AK698" s="158"/>
      <c r="AL698" s="158"/>
      <c r="AM698" s="158"/>
      <c r="AN698" s="158"/>
      <c r="AO698" s="158"/>
      <c r="AP698" s="158"/>
      <c r="AQ698" s="158"/>
      <c r="AR698" s="158"/>
      <c r="AS698" s="158"/>
      <c r="AT698" s="158"/>
      <c r="AU698" s="158"/>
      <c r="AV698" s="158"/>
      <c r="AW698" s="160">
        <f t="shared" si="370"/>
        <v>0</v>
      </c>
      <c r="AX698" s="158"/>
      <c r="AY698" s="161" t="str">
        <f t="shared" si="371"/>
        <v/>
      </c>
      <c r="AZ698" s="161" t="str">
        <f t="shared" si="372"/>
        <v/>
      </c>
      <c r="BA698" s="161" t="str">
        <f t="shared" si="373"/>
        <v/>
      </c>
      <c r="BB698" s="161" t="str">
        <f t="shared" si="374"/>
        <v/>
      </c>
      <c r="BC698" s="161" t="str">
        <f t="shared" si="375"/>
        <v/>
      </c>
      <c r="BD698" s="161" t="str">
        <f t="shared" si="376"/>
        <v/>
      </c>
      <c r="BE698" s="161" t="str">
        <f t="shared" si="377"/>
        <v/>
      </c>
      <c r="BF698" s="161" t="str">
        <f t="shared" si="378"/>
        <v/>
      </c>
      <c r="BG698" s="161" t="str">
        <f t="shared" si="379"/>
        <v/>
      </c>
      <c r="BH698" s="161" t="str">
        <f t="shared" si="380"/>
        <v/>
      </c>
      <c r="BI698" s="161" t="str">
        <f t="shared" si="381"/>
        <v/>
      </c>
      <c r="BJ698" s="161" t="str">
        <f t="shared" si="382"/>
        <v/>
      </c>
      <c r="BK698" s="161" t="str">
        <f t="shared" si="383"/>
        <v/>
      </c>
      <c r="BL698" s="161" t="str">
        <f t="shared" si="384"/>
        <v/>
      </c>
      <c r="BM698" s="161" t="str">
        <f t="shared" si="385"/>
        <v/>
      </c>
      <c r="BN698" s="161" t="str">
        <f t="shared" si="386"/>
        <v/>
      </c>
      <c r="BO698" s="161" t="str">
        <f t="shared" si="387"/>
        <v/>
      </c>
      <c r="BP698" s="161" t="str">
        <f t="shared" si="388"/>
        <v/>
      </c>
      <c r="BQ698" s="161" t="str">
        <f t="shared" si="389"/>
        <v/>
      </c>
      <c r="BR698" s="161" t="str">
        <f t="shared" si="390"/>
        <v/>
      </c>
      <c r="BS698" s="161" t="str">
        <f t="shared" si="391"/>
        <v/>
      </c>
      <c r="BT698" s="161" t="str">
        <f t="shared" si="392"/>
        <v/>
      </c>
      <c r="BU698" s="161" t="str">
        <f t="shared" si="393"/>
        <v/>
      </c>
      <c r="BV698" s="161" t="str">
        <f t="shared" si="394"/>
        <v/>
      </c>
      <c r="BW698" s="161" t="str">
        <f t="shared" si="395"/>
        <v/>
      </c>
      <c r="BX698" s="161" t="str">
        <f t="shared" si="396"/>
        <v/>
      </c>
      <c r="BY698" s="161" t="str">
        <f t="shared" si="397"/>
        <v/>
      </c>
      <c r="BZ698" s="161" t="str">
        <f t="shared" si="398"/>
        <v/>
      </c>
      <c r="CA698" s="161" t="str">
        <f t="shared" si="399"/>
        <v/>
      </c>
      <c r="CB698" s="161" t="str">
        <f t="shared" si="400"/>
        <v/>
      </c>
      <c r="CC698" s="161" t="str">
        <f t="shared" si="401"/>
        <v/>
      </c>
      <c r="CD698" s="158"/>
      <c r="CE698" s="158"/>
      <c r="CF698" s="177"/>
    </row>
    <row r="699" spans="1:84" s="178" customFormat="1" ht="56.1" hidden="1" customHeight="1" x14ac:dyDescent="0.2">
      <c r="A699" s="154">
        <v>699</v>
      </c>
      <c r="B699" s="155" t="s">
        <v>53</v>
      </c>
      <c r="C699" s="165" t="s">
        <v>655</v>
      </c>
      <c r="D699" s="179" t="s">
        <v>830</v>
      </c>
      <c r="E699" s="172" t="s">
        <v>884</v>
      </c>
      <c r="F699" s="173" t="s">
        <v>885</v>
      </c>
      <c r="G699" s="163" t="s">
        <v>58</v>
      </c>
      <c r="H699" s="172" t="s">
        <v>59</v>
      </c>
      <c r="I699" s="172" t="s">
        <v>60</v>
      </c>
      <c r="J699" s="163" t="s">
        <v>77</v>
      </c>
      <c r="K699" s="179" t="s">
        <v>834</v>
      </c>
      <c r="L699" s="158" t="s">
        <v>63</v>
      </c>
      <c r="M699" s="158" t="s">
        <v>63</v>
      </c>
      <c r="N699" s="174">
        <v>370629.1875</v>
      </c>
      <c r="O699" s="175">
        <f t="shared" si="404"/>
        <v>370629.1875</v>
      </c>
      <c r="P699" s="176" t="s">
        <v>839</v>
      </c>
      <c r="Q699" s="158" t="s">
        <v>65</v>
      </c>
      <c r="R699" s="158"/>
      <c r="S699" s="158"/>
      <c r="T699" s="158"/>
      <c r="U699" s="158"/>
      <c r="V699" s="158"/>
      <c r="W699" s="158"/>
      <c r="X699" s="158"/>
      <c r="Y699" s="158"/>
      <c r="Z699" s="158"/>
      <c r="AA699" s="158"/>
      <c r="AB699" s="158"/>
      <c r="AC699" s="158"/>
      <c r="AD699" s="158"/>
      <c r="AE699" s="158"/>
      <c r="AF699" s="158"/>
      <c r="AG699" s="158"/>
      <c r="AH699" s="158"/>
      <c r="AI699" s="158"/>
      <c r="AJ699" s="158"/>
      <c r="AK699" s="158"/>
      <c r="AL699" s="158"/>
      <c r="AM699" s="158"/>
      <c r="AN699" s="158"/>
      <c r="AO699" s="158"/>
      <c r="AP699" s="158"/>
      <c r="AQ699" s="158"/>
      <c r="AR699" s="158"/>
      <c r="AS699" s="158"/>
      <c r="AT699" s="158"/>
      <c r="AU699" s="158"/>
      <c r="AV699" s="158"/>
      <c r="AW699" s="160">
        <f t="shared" si="370"/>
        <v>0</v>
      </c>
      <c r="AX699" s="158"/>
      <c r="AY699" s="161" t="str">
        <f t="shared" si="371"/>
        <v/>
      </c>
      <c r="AZ699" s="161" t="str">
        <f t="shared" si="372"/>
        <v/>
      </c>
      <c r="BA699" s="161" t="str">
        <f t="shared" si="373"/>
        <v/>
      </c>
      <c r="BB699" s="161" t="str">
        <f t="shared" si="374"/>
        <v/>
      </c>
      <c r="BC699" s="161" t="str">
        <f t="shared" si="375"/>
        <v/>
      </c>
      <c r="BD699" s="161" t="str">
        <f t="shared" si="376"/>
        <v/>
      </c>
      <c r="BE699" s="161" t="str">
        <f t="shared" si="377"/>
        <v/>
      </c>
      <c r="BF699" s="161" t="str">
        <f t="shared" si="378"/>
        <v/>
      </c>
      <c r="BG699" s="161" t="str">
        <f t="shared" si="379"/>
        <v/>
      </c>
      <c r="BH699" s="161" t="str">
        <f t="shared" si="380"/>
        <v/>
      </c>
      <c r="BI699" s="161" t="str">
        <f t="shared" si="381"/>
        <v/>
      </c>
      <c r="BJ699" s="161" t="str">
        <f t="shared" si="382"/>
        <v/>
      </c>
      <c r="BK699" s="161" t="str">
        <f t="shared" si="383"/>
        <v/>
      </c>
      <c r="BL699" s="161" t="str">
        <f t="shared" si="384"/>
        <v/>
      </c>
      <c r="BM699" s="161" t="str">
        <f t="shared" si="385"/>
        <v/>
      </c>
      <c r="BN699" s="161" t="str">
        <f t="shared" si="386"/>
        <v/>
      </c>
      <c r="BO699" s="161" t="str">
        <f t="shared" si="387"/>
        <v/>
      </c>
      <c r="BP699" s="161" t="str">
        <f t="shared" si="388"/>
        <v/>
      </c>
      <c r="BQ699" s="161" t="str">
        <f t="shared" si="389"/>
        <v/>
      </c>
      <c r="BR699" s="161" t="str">
        <f t="shared" si="390"/>
        <v/>
      </c>
      <c r="BS699" s="161" t="str">
        <f t="shared" si="391"/>
        <v/>
      </c>
      <c r="BT699" s="161" t="str">
        <f t="shared" si="392"/>
        <v/>
      </c>
      <c r="BU699" s="161" t="str">
        <f t="shared" si="393"/>
        <v/>
      </c>
      <c r="BV699" s="161" t="str">
        <f t="shared" si="394"/>
        <v/>
      </c>
      <c r="BW699" s="161" t="str">
        <f t="shared" si="395"/>
        <v/>
      </c>
      <c r="BX699" s="161" t="str">
        <f t="shared" si="396"/>
        <v/>
      </c>
      <c r="BY699" s="161" t="str">
        <f t="shared" si="397"/>
        <v/>
      </c>
      <c r="BZ699" s="161" t="str">
        <f t="shared" si="398"/>
        <v/>
      </c>
      <c r="CA699" s="161" t="str">
        <f t="shared" si="399"/>
        <v/>
      </c>
      <c r="CB699" s="161" t="str">
        <f t="shared" si="400"/>
        <v/>
      </c>
      <c r="CC699" s="161" t="str">
        <f t="shared" si="401"/>
        <v/>
      </c>
      <c r="CD699" s="158"/>
      <c r="CE699" s="158"/>
      <c r="CF699" s="177"/>
    </row>
    <row r="700" spans="1:84" s="178" customFormat="1" ht="56.1" hidden="1" customHeight="1" x14ac:dyDescent="0.2">
      <c r="A700" s="154">
        <v>700</v>
      </c>
      <c r="B700" s="155" t="s">
        <v>53</v>
      </c>
      <c r="C700" s="165" t="s">
        <v>655</v>
      </c>
      <c r="D700" s="179" t="s">
        <v>830</v>
      </c>
      <c r="E700" s="172" t="s">
        <v>886</v>
      </c>
      <c r="F700" s="173" t="s">
        <v>887</v>
      </c>
      <c r="G700" s="163" t="s">
        <v>58</v>
      </c>
      <c r="H700" s="172" t="s">
        <v>846</v>
      </c>
      <c r="I700" s="172" t="s">
        <v>60</v>
      </c>
      <c r="J700" s="163" t="s">
        <v>77</v>
      </c>
      <c r="K700" s="179" t="s">
        <v>834</v>
      </c>
      <c r="L700" s="158" t="s">
        <v>63</v>
      </c>
      <c r="M700" s="158" t="s">
        <v>63</v>
      </c>
      <c r="N700" s="174">
        <v>370629.1875</v>
      </c>
      <c r="O700" s="175">
        <f t="shared" si="404"/>
        <v>370629.1875</v>
      </c>
      <c r="P700" s="176" t="s">
        <v>839</v>
      </c>
      <c r="Q700" s="158" t="s">
        <v>65</v>
      </c>
      <c r="R700" s="161"/>
      <c r="S700" s="158"/>
      <c r="T700" s="158"/>
      <c r="U700" s="158"/>
      <c r="V700" s="158"/>
      <c r="W700" s="158"/>
      <c r="X700" s="158"/>
      <c r="Y700" s="158"/>
      <c r="Z700" s="158"/>
      <c r="AA700" s="158"/>
      <c r="AB700" s="158"/>
      <c r="AC700" s="158"/>
      <c r="AD700" s="158"/>
      <c r="AE700" s="158"/>
      <c r="AF700" s="158"/>
      <c r="AG700" s="158"/>
      <c r="AH700" s="158"/>
      <c r="AI700" s="158"/>
      <c r="AJ700" s="158"/>
      <c r="AK700" s="158"/>
      <c r="AL700" s="158"/>
      <c r="AM700" s="158"/>
      <c r="AN700" s="158"/>
      <c r="AO700" s="158"/>
      <c r="AP700" s="158"/>
      <c r="AQ700" s="158"/>
      <c r="AR700" s="158"/>
      <c r="AS700" s="158"/>
      <c r="AT700" s="158"/>
      <c r="AU700" s="158"/>
      <c r="AV700" s="158"/>
      <c r="AW700" s="160">
        <f t="shared" si="370"/>
        <v>0</v>
      </c>
      <c r="AX700" s="158"/>
      <c r="AY700" s="161" t="str">
        <f t="shared" si="371"/>
        <v/>
      </c>
      <c r="AZ700" s="161" t="str">
        <f t="shared" si="372"/>
        <v/>
      </c>
      <c r="BA700" s="161" t="str">
        <f t="shared" si="373"/>
        <v/>
      </c>
      <c r="BB700" s="161" t="str">
        <f t="shared" si="374"/>
        <v/>
      </c>
      <c r="BC700" s="161" t="str">
        <f t="shared" si="375"/>
        <v/>
      </c>
      <c r="BD700" s="161" t="str">
        <f t="shared" si="376"/>
        <v/>
      </c>
      <c r="BE700" s="161" t="str">
        <f t="shared" si="377"/>
        <v/>
      </c>
      <c r="BF700" s="161" t="str">
        <f t="shared" si="378"/>
        <v/>
      </c>
      <c r="BG700" s="161" t="str">
        <f t="shared" si="379"/>
        <v/>
      </c>
      <c r="BH700" s="161" t="str">
        <f t="shared" si="380"/>
        <v/>
      </c>
      <c r="BI700" s="161" t="str">
        <f t="shared" si="381"/>
        <v/>
      </c>
      <c r="BJ700" s="161" t="str">
        <f t="shared" si="382"/>
        <v/>
      </c>
      <c r="BK700" s="161" t="str">
        <f t="shared" si="383"/>
        <v/>
      </c>
      <c r="BL700" s="161" t="str">
        <f t="shared" si="384"/>
        <v/>
      </c>
      <c r="BM700" s="161" t="str">
        <f t="shared" si="385"/>
        <v/>
      </c>
      <c r="BN700" s="161" t="str">
        <f t="shared" si="386"/>
        <v/>
      </c>
      <c r="BO700" s="161" t="str">
        <f t="shared" si="387"/>
        <v/>
      </c>
      <c r="BP700" s="161" t="str">
        <f t="shared" si="388"/>
        <v/>
      </c>
      <c r="BQ700" s="161" t="str">
        <f t="shared" si="389"/>
        <v/>
      </c>
      <c r="BR700" s="161" t="str">
        <f t="shared" si="390"/>
        <v/>
      </c>
      <c r="BS700" s="161" t="str">
        <f t="shared" si="391"/>
        <v/>
      </c>
      <c r="BT700" s="161" t="str">
        <f t="shared" si="392"/>
        <v/>
      </c>
      <c r="BU700" s="161" t="str">
        <f t="shared" si="393"/>
        <v/>
      </c>
      <c r="BV700" s="161" t="str">
        <f t="shared" si="394"/>
        <v/>
      </c>
      <c r="BW700" s="161" t="str">
        <f t="shared" si="395"/>
        <v/>
      </c>
      <c r="BX700" s="161" t="str">
        <f t="shared" si="396"/>
        <v/>
      </c>
      <c r="BY700" s="161" t="str">
        <f t="shared" si="397"/>
        <v/>
      </c>
      <c r="BZ700" s="161" t="str">
        <f t="shared" si="398"/>
        <v/>
      </c>
      <c r="CA700" s="161" t="str">
        <f t="shared" si="399"/>
        <v/>
      </c>
      <c r="CB700" s="161" t="str">
        <f t="shared" si="400"/>
        <v/>
      </c>
      <c r="CC700" s="161" t="str">
        <f t="shared" si="401"/>
        <v/>
      </c>
      <c r="CD700" s="158"/>
      <c r="CE700" s="158"/>
      <c r="CF700" s="177"/>
    </row>
    <row r="701" spans="1:84" s="178" customFormat="1" ht="56.1" hidden="1" customHeight="1" x14ac:dyDescent="0.2">
      <c r="A701" s="154">
        <v>701</v>
      </c>
      <c r="B701" s="155" t="s">
        <v>53</v>
      </c>
      <c r="C701" s="165" t="s">
        <v>655</v>
      </c>
      <c r="D701" s="179" t="s">
        <v>830</v>
      </c>
      <c r="E701" s="172" t="s">
        <v>886</v>
      </c>
      <c r="F701" s="173" t="s">
        <v>888</v>
      </c>
      <c r="G701" s="163" t="s">
        <v>58</v>
      </c>
      <c r="H701" s="172" t="s">
        <v>846</v>
      </c>
      <c r="I701" s="172" t="s">
        <v>60</v>
      </c>
      <c r="J701" s="163" t="s">
        <v>77</v>
      </c>
      <c r="K701" s="179" t="s">
        <v>834</v>
      </c>
      <c r="L701" s="158" t="s">
        <v>63</v>
      </c>
      <c r="M701" s="158" t="s">
        <v>63</v>
      </c>
      <c r="N701" s="174">
        <v>370629.1875</v>
      </c>
      <c r="O701" s="175">
        <f t="shared" si="404"/>
        <v>370629.1875</v>
      </c>
      <c r="P701" s="176" t="s">
        <v>839</v>
      </c>
      <c r="Q701" s="158" t="s">
        <v>65</v>
      </c>
      <c r="R701" s="161"/>
      <c r="S701" s="158"/>
      <c r="T701" s="158"/>
      <c r="U701" s="158"/>
      <c r="V701" s="158"/>
      <c r="W701" s="158"/>
      <c r="X701" s="158"/>
      <c r="Y701" s="158"/>
      <c r="Z701" s="158"/>
      <c r="AA701" s="158"/>
      <c r="AB701" s="158"/>
      <c r="AC701" s="158"/>
      <c r="AD701" s="158"/>
      <c r="AE701" s="158"/>
      <c r="AF701" s="158"/>
      <c r="AG701" s="158"/>
      <c r="AH701" s="158"/>
      <c r="AI701" s="158"/>
      <c r="AJ701" s="158"/>
      <c r="AK701" s="158"/>
      <c r="AL701" s="158"/>
      <c r="AM701" s="158"/>
      <c r="AN701" s="158"/>
      <c r="AO701" s="158"/>
      <c r="AP701" s="158"/>
      <c r="AQ701" s="158"/>
      <c r="AR701" s="158"/>
      <c r="AS701" s="158"/>
      <c r="AT701" s="158"/>
      <c r="AU701" s="158"/>
      <c r="AV701" s="158"/>
      <c r="AW701" s="160">
        <f t="shared" ref="AW701:AW764" si="405">SUMIF(R701:AV701,"YES",$R$2:$AV$2)</f>
        <v>0</v>
      </c>
      <c r="AX701" s="158"/>
      <c r="AY701" s="161" t="str">
        <f t="shared" si="371"/>
        <v/>
      </c>
      <c r="AZ701" s="161" t="str">
        <f t="shared" si="372"/>
        <v/>
      </c>
      <c r="BA701" s="161" t="str">
        <f t="shared" si="373"/>
        <v/>
      </c>
      <c r="BB701" s="161" t="str">
        <f t="shared" si="374"/>
        <v/>
      </c>
      <c r="BC701" s="161" t="str">
        <f t="shared" si="375"/>
        <v/>
      </c>
      <c r="BD701" s="161" t="str">
        <f t="shared" si="376"/>
        <v/>
      </c>
      <c r="BE701" s="161" t="str">
        <f t="shared" si="377"/>
        <v/>
      </c>
      <c r="BF701" s="161" t="str">
        <f t="shared" si="378"/>
        <v/>
      </c>
      <c r="BG701" s="161" t="str">
        <f t="shared" si="379"/>
        <v/>
      </c>
      <c r="BH701" s="161" t="str">
        <f t="shared" si="380"/>
        <v/>
      </c>
      <c r="BI701" s="161" t="str">
        <f t="shared" si="381"/>
        <v/>
      </c>
      <c r="BJ701" s="161" t="str">
        <f t="shared" si="382"/>
        <v/>
      </c>
      <c r="BK701" s="161" t="str">
        <f t="shared" si="383"/>
        <v/>
      </c>
      <c r="BL701" s="161" t="str">
        <f t="shared" si="384"/>
        <v/>
      </c>
      <c r="BM701" s="161" t="str">
        <f t="shared" si="385"/>
        <v/>
      </c>
      <c r="BN701" s="161" t="str">
        <f t="shared" si="386"/>
        <v/>
      </c>
      <c r="BO701" s="161" t="str">
        <f t="shared" si="387"/>
        <v/>
      </c>
      <c r="BP701" s="161" t="str">
        <f t="shared" si="388"/>
        <v/>
      </c>
      <c r="BQ701" s="161" t="str">
        <f t="shared" si="389"/>
        <v/>
      </c>
      <c r="BR701" s="161" t="str">
        <f t="shared" si="390"/>
        <v/>
      </c>
      <c r="BS701" s="161" t="str">
        <f t="shared" si="391"/>
        <v/>
      </c>
      <c r="BT701" s="161" t="str">
        <f t="shared" si="392"/>
        <v/>
      </c>
      <c r="BU701" s="161" t="str">
        <f t="shared" si="393"/>
        <v/>
      </c>
      <c r="BV701" s="161" t="str">
        <f t="shared" si="394"/>
        <v/>
      </c>
      <c r="BW701" s="161" t="str">
        <f t="shared" si="395"/>
        <v/>
      </c>
      <c r="BX701" s="161" t="str">
        <f t="shared" si="396"/>
        <v/>
      </c>
      <c r="BY701" s="161" t="str">
        <f t="shared" si="397"/>
        <v/>
      </c>
      <c r="BZ701" s="161" t="str">
        <f t="shared" si="398"/>
        <v/>
      </c>
      <c r="CA701" s="161" t="str">
        <f t="shared" si="399"/>
        <v/>
      </c>
      <c r="CB701" s="161" t="str">
        <f t="shared" si="400"/>
        <v/>
      </c>
      <c r="CC701" s="161" t="str">
        <f t="shared" si="401"/>
        <v/>
      </c>
      <c r="CD701" s="158"/>
      <c r="CE701" s="158"/>
      <c r="CF701" s="177"/>
    </row>
    <row r="702" spans="1:84" s="178" customFormat="1" ht="56.1" hidden="1" customHeight="1" x14ac:dyDescent="0.2">
      <c r="A702" s="154">
        <v>702</v>
      </c>
      <c r="B702" s="155" t="s">
        <v>869</v>
      </c>
      <c r="C702" s="165" t="s">
        <v>655</v>
      </c>
      <c r="D702" s="179" t="s">
        <v>830</v>
      </c>
      <c r="E702" s="172" t="s">
        <v>889</v>
      </c>
      <c r="F702" s="172" t="s">
        <v>890</v>
      </c>
      <c r="G702" s="163" t="s">
        <v>58</v>
      </c>
      <c r="H702" s="172" t="s">
        <v>127</v>
      </c>
      <c r="I702" s="172" t="s">
        <v>60</v>
      </c>
      <c r="J702" s="163" t="s">
        <v>77</v>
      </c>
      <c r="K702" s="179" t="s">
        <v>834</v>
      </c>
      <c r="L702" s="158" t="s">
        <v>63</v>
      </c>
      <c r="M702" s="158" t="s">
        <v>63</v>
      </c>
      <c r="N702" s="174">
        <v>370629.1875</v>
      </c>
      <c r="O702" s="175">
        <f t="shared" si="404"/>
        <v>370629.1875</v>
      </c>
      <c r="P702" s="176" t="s">
        <v>839</v>
      </c>
      <c r="Q702" s="158" t="s">
        <v>65</v>
      </c>
      <c r="R702" s="161"/>
      <c r="S702" s="158"/>
      <c r="T702" s="158"/>
      <c r="U702" s="158"/>
      <c r="V702" s="158"/>
      <c r="W702" s="158"/>
      <c r="X702" s="158"/>
      <c r="Y702" s="158"/>
      <c r="Z702" s="158"/>
      <c r="AA702" s="158"/>
      <c r="AB702" s="158"/>
      <c r="AC702" s="158"/>
      <c r="AD702" s="158"/>
      <c r="AE702" s="158"/>
      <c r="AF702" s="158"/>
      <c r="AG702" s="158"/>
      <c r="AH702" s="158"/>
      <c r="AI702" s="158"/>
      <c r="AJ702" s="158"/>
      <c r="AK702" s="158"/>
      <c r="AL702" s="158"/>
      <c r="AM702" s="158"/>
      <c r="AN702" s="158"/>
      <c r="AO702" s="158"/>
      <c r="AP702" s="158"/>
      <c r="AQ702" s="158"/>
      <c r="AR702" s="158"/>
      <c r="AS702" s="158"/>
      <c r="AT702" s="158"/>
      <c r="AU702" s="158"/>
      <c r="AV702" s="158"/>
      <c r="AW702" s="160">
        <f t="shared" si="405"/>
        <v>0</v>
      </c>
      <c r="AX702" s="158"/>
      <c r="AY702" s="161" t="str">
        <f t="shared" si="371"/>
        <v/>
      </c>
      <c r="AZ702" s="161" t="str">
        <f t="shared" si="372"/>
        <v/>
      </c>
      <c r="BA702" s="161" t="str">
        <f t="shared" si="373"/>
        <v/>
      </c>
      <c r="BB702" s="161" t="str">
        <f t="shared" si="374"/>
        <v/>
      </c>
      <c r="BC702" s="161" t="str">
        <f t="shared" si="375"/>
        <v/>
      </c>
      <c r="BD702" s="161" t="str">
        <f t="shared" si="376"/>
        <v/>
      </c>
      <c r="BE702" s="161" t="str">
        <f t="shared" si="377"/>
        <v/>
      </c>
      <c r="BF702" s="161" t="str">
        <f t="shared" si="378"/>
        <v/>
      </c>
      <c r="BG702" s="161" t="str">
        <f t="shared" si="379"/>
        <v/>
      </c>
      <c r="BH702" s="161" t="str">
        <f t="shared" si="380"/>
        <v/>
      </c>
      <c r="BI702" s="161" t="str">
        <f t="shared" si="381"/>
        <v/>
      </c>
      <c r="BJ702" s="161" t="str">
        <f t="shared" si="382"/>
        <v/>
      </c>
      <c r="BK702" s="161" t="str">
        <f t="shared" si="383"/>
        <v/>
      </c>
      <c r="BL702" s="161" t="str">
        <f t="shared" si="384"/>
        <v/>
      </c>
      <c r="BM702" s="161" t="str">
        <f t="shared" si="385"/>
        <v/>
      </c>
      <c r="BN702" s="161" t="str">
        <f t="shared" si="386"/>
        <v/>
      </c>
      <c r="BO702" s="161" t="str">
        <f t="shared" si="387"/>
        <v/>
      </c>
      <c r="BP702" s="161" t="str">
        <f t="shared" si="388"/>
        <v/>
      </c>
      <c r="BQ702" s="161" t="str">
        <f t="shared" si="389"/>
        <v/>
      </c>
      <c r="BR702" s="161" t="str">
        <f t="shared" si="390"/>
        <v/>
      </c>
      <c r="BS702" s="161" t="str">
        <f t="shared" si="391"/>
        <v/>
      </c>
      <c r="BT702" s="161" t="str">
        <f t="shared" si="392"/>
        <v/>
      </c>
      <c r="BU702" s="161" t="str">
        <f t="shared" si="393"/>
        <v/>
      </c>
      <c r="BV702" s="161" t="str">
        <f t="shared" si="394"/>
        <v/>
      </c>
      <c r="BW702" s="161" t="str">
        <f t="shared" si="395"/>
        <v/>
      </c>
      <c r="BX702" s="161" t="str">
        <f t="shared" si="396"/>
        <v/>
      </c>
      <c r="BY702" s="161" t="str">
        <f t="shared" si="397"/>
        <v/>
      </c>
      <c r="BZ702" s="161" t="str">
        <f t="shared" si="398"/>
        <v/>
      </c>
      <c r="CA702" s="161" t="str">
        <f t="shared" si="399"/>
        <v/>
      </c>
      <c r="CB702" s="161" t="str">
        <f t="shared" si="400"/>
        <v/>
      </c>
      <c r="CC702" s="161" t="str">
        <f t="shared" si="401"/>
        <v/>
      </c>
      <c r="CD702" s="158"/>
      <c r="CE702" s="158"/>
      <c r="CF702" s="177"/>
    </row>
    <row r="703" spans="1:84" s="178" customFormat="1" ht="56.1" hidden="1" customHeight="1" x14ac:dyDescent="0.2">
      <c r="A703" s="154">
        <v>703</v>
      </c>
      <c r="B703" s="155" t="s">
        <v>869</v>
      </c>
      <c r="C703" s="165" t="s">
        <v>655</v>
      </c>
      <c r="D703" s="179" t="s">
        <v>830</v>
      </c>
      <c r="E703" s="172" t="s">
        <v>891</v>
      </c>
      <c r="F703" s="172" t="s">
        <v>892</v>
      </c>
      <c r="G703" s="163" t="s">
        <v>58</v>
      </c>
      <c r="H703" s="172" t="s">
        <v>27</v>
      </c>
      <c r="I703" s="172" t="s">
        <v>60</v>
      </c>
      <c r="J703" s="163" t="s">
        <v>77</v>
      </c>
      <c r="K703" s="172" t="s">
        <v>834</v>
      </c>
      <c r="L703" s="158" t="s">
        <v>63</v>
      </c>
      <c r="M703" s="158" t="s">
        <v>63</v>
      </c>
      <c r="N703" s="174">
        <v>370629.1875</v>
      </c>
      <c r="O703" s="175">
        <f t="shared" si="404"/>
        <v>370629.1875</v>
      </c>
      <c r="P703" s="176" t="s">
        <v>839</v>
      </c>
      <c r="Q703" s="158" t="s">
        <v>65</v>
      </c>
      <c r="R703" s="158"/>
      <c r="S703" s="158"/>
      <c r="T703" s="158"/>
      <c r="U703" s="158"/>
      <c r="V703" s="158"/>
      <c r="W703" s="158"/>
      <c r="X703" s="158"/>
      <c r="Y703" s="158"/>
      <c r="Z703" s="158"/>
      <c r="AA703" s="158"/>
      <c r="AB703" s="158"/>
      <c r="AC703" s="158"/>
      <c r="AD703" s="158"/>
      <c r="AE703" s="158"/>
      <c r="AF703" s="158"/>
      <c r="AG703" s="158"/>
      <c r="AH703" s="158"/>
      <c r="AI703" s="158"/>
      <c r="AJ703" s="158"/>
      <c r="AK703" s="158"/>
      <c r="AL703" s="158"/>
      <c r="AM703" s="158"/>
      <c r="AN703" s="158"/>
      <c r="AO703" s="158"/>
      <c r="AP703" s="158"/>
      <c r="AQ703" s="158"/>
      <c r="AR703" s="158"/>
      <c r="AS703" s="158"/>
      <c r="AT703" s="158"/>
      <c r="AU703" s="158"/>
      <c r="AV703" s="158"/>
      <c r="AW703" s="160">
        <f t="shared" si="405"/>
        <v>0</v>
      </c>
      <c r="AX703" s="158"/>
      <c r="AY703" s="161" t="str">
        <f t="shared" si="371"/>
        <v/>
      </c>
      <c r="AZ703" s="161" t="str">
        <f t="shared" si="372"/>
        <v/>
      </c>
      <c r="BA703" s="161" t="str">
        <f t="shared" si="373"/>
        <v/>
      </c>
      <c r="BB703" s="161" t="str">
        <f t="shared" si="374"/>
        <v/>
      </c>
      <c r="BC703" s="161" t="str">
        <f t="shared" si="375"/>
        <v/>
      </c>
      <c r="BD703" s="161" t="str">
        <f t="shared" si="376"/>
        <v/>
      </c>
      <c r="BE703" s="161" t="str">
        <f t="shared" si="377"/>
        <v/>
      </c>
      <c r="BF703" s="161" t="str">
        <f t="shared" si="378"/>
        <v/>
      </c>
      <c r="BG703" s="161" t="str">
        <f t="shared" si="379"/>
        <v/>
      </c>
      <c r="BH703" s="161" t="str">
        <f t="shared" si="380"/>
        <v/>
      </c>
      <c r="BI703" s="161" t="str">
        <f t="shared" si="381"/>
        <v/>
      </c>
      <c r="BJ703" s="161" t="str">
        <f t="shared" si="382"/>
        <v/>
      </c>
      <c r="BK703" s="161" t="str">
        <f t="shared" si="383"/>
        <v/>
      </c>
      <c r="BL703" s="161" t="str">
        <f t="shared" si="384"/>
        <v/>
      </c>
      <c r="BM703" s="161" t="str">
        <f t="shared" si="385"/>
        <v/>
      </c>
      <c r="BN703" s="161" t="str">
        <f t="shared" si="386"/>
        <v/>
      </c>
      <c r="BO703" s="161" t="str">
        <f t="shared" si="387"/>
        <v/>
      </c>
      <c r="BP703" s="161" t="str">
        <f t="shared" si="388"/>
        <v/>
      </c>
      <c r="BQ703" s="161" t="str">
        <f t="shared" si="389"/>
        <v/>
      </c>
      <c r="BR703" s="161" t="str">
        <f t="shared" si="390"/>
        <v/>
      </c>
      <c r="BS703" s="161" t="str">
        <f t="shared" si="391"/>
        <v/>
      </c>
      <c r="BT703" s="161" t="str">
        <f t="shared" si="392"/>
        <v/>
      </c>
      <c r="BU703" s="161" t="str">
        <f t="shared" si="393"/>
        <v/>
      </c>
      <c r="BV703" s="161" t="str">
        <f t="shared" si="394"/>
        <v/>
      </c>
      <c r="BW703" s="161" t="str">
        <f t="shared" si="395"/>
        <v/>
      </c>
      <c r="BX703" s="161" t="str">
        <f t="shared" si="396"/>
        <v/>
      </c>
      <c r="BY703" s="161" t="str">
        <f t="shared" si="397"/>
        <v/>
      </c>
      <c r="BZ703" s="161" t="str">
        <f t="shared" si="398"/>
        <v/>
      </c>
      <c r="CA703" s="161" t="str">
        <f t="shared" si="399"/>
        <v/>
      </c>
      <c r="CB703" s="161" t="str">
        <f t="shared" si="400"/>
        <v/>
      </c>
      <c r="CC703" s="161" t="str">
        <f t="shared" si="401"/>
        <v/>
      </c>
      <c r="CD703" s="158"/>
      <c r="CE703" s="158"/>
      <c r="CF703" s="177"/>
    </row>
    <row r="704" spans="1:84" s="178" customFormat="1" ht="56.1" hidden="1" customHeight="1" x14ac:dyDescent="0.2">
      <c r="A704" s="154">
        <v>704</v>
      </c>
      <c r="B704" s="155" t="s">
        <v>869</v>
      </c>
      <c r="C704" s="165" t="s">
        <v>655</v>
      </c>
      <c r="D704" s="179" t="s">
        <v>830</v>
      </c>
      <c r="E704" s="172" t="s">
        <v>893</v>
      </c>
      <c r="F704" s="172" t="s">
        <v>894</v>
      </c>
      <c r="G704" s="163" t="s">
        <v>58</v>
      </c>
      <c r="H704" s="172" t="s">
        <v>26</v>
      </c>
      <c r="I704" s="172" t="s">
        <v>60</v>
      </c>
      <c r="J704" s="163" t="s">
        <v>77</v>
      </c>
      <c r="K704" s="179" t="s">
        <v>834</v>
      </c>
      <c r="L704" s="158" t="s">
        <v>63</v>
      </c>
      <c r="M704" s="158" t="s">
        <v>63</v>
      </c>
      <c r="N704" s="174">
        <v>370629.1875</v>
      </c>
      <c r="O704" s="175">
        <f t="shared" si="404"/>
        <v>370629.1875</v>
      </c>
      <c r="P704" s="176" t="s">
        <v>839</v>
      </c>
      <c r="Q704" s="158" t="s">
        <v>65</v>
      </c>
      <c r="R704" s="158"/>
      <c r="S704" s="158"/>
      <c r="T704" s="158"/>
      <c r="U704" s="158"/>
      <c r="V704" s="158"/>
      <c r="W704" s="158"/>
      <c r="X704" s="158"/>
      <c r="Y704" s="158"/>
      <c r="Z704" s="158"/>
      <c r="AA704" s="158"/>
      <c r="AB704" s="158"/>
      <c r="AC704" s="158"/>
      <c r="AD704" s="158"/>
      <c r="AE704" s="158"/>
      <c r="AF704" s="158"/>
      <c r="AG704" s="158"/>
      <c r="AH704" s="158"/>
      <c r="AI704" s="158"/>
      <c r="AJ704" s="158"/>
      <c r="AK704" s="158"/>
      <c r="AL704" s="158"/>
      <c r="AM704" s="158"/>
      <c r="AN704" s="158"/>
      <c r="AO704" s="158"/>
      <c r="AP704" s="158"/>
      <c r="AQ704" s="158"/>
      <c r="AR704" s="158"/>
      <c r="AS704" s="158"/>
      <c r="AT704" s="158"/>
      <c r="AU704" s="158"/>
      <c r="AV704" s="158"/>
      <c r="AW704" s="160">
        <f t="shared" si="405"/>
        <v>0</v>
      </c>
      <c r="AX704" s="158"/>
      <c r="AY704" s="161" t="str">
        <f t="shared" si="371"/>
        <v/>
      </c>
      <c r="AZ704" s="161" t="str">
        <f t="shared" si="372"/>
        <v/>
      </c>
      <c r="BA704" s="161" t="str">
        <f t="shared" si="373"/>
        <v/>
      </c>
      <c r="BB704" s="161" t="str">
        <f t="shared" si="374"/>
        <v/>
      </c>
      <c r="BC704" s="161" t="str">
        <f t="shared" si="375"/>
        <v/>
      </c>
      <c r="BD704" s="161" t="str">
        <f t="shared" si="376"/>
        <v/>
      </c>
      <c r="BE704" s="161" t="str">
        <f t="shared" si="377"/>
        <v/>
      </c>
      <c r="BF704" s="161" t="str">
        <f t="shared" si="378"/>
        <v/>
      </c>
      <c r="BG704" s="161" t="str">
        <f t="shared" si="379"/>
        <v/>
      </c>
      <c r="BH704" s="161" t="str">
        <f t="shared" si="380"/>
        <v/>
      </c>
      <c r="BI704" s="161" t="str">
        <f t="shared" si="381"/>
        <v/>
      </c>
      <c r="BJ704" s="161" t="str">
        <f t="shared" si="382"/>
        <v/>
      </c>
      <c r="BK704" s="161" t="str">
        <f t="shared" si="383"/>
        <v/>
      </c>
      <c r="BL704" s="161" t="str">
        <f t="shared" si="384"/>
        <v/>
      </c>
      <c r="BM704" s="161" t="str">
        <f t="shared" si="385"/>
        <v/>
      </c>
      <c r="BN704" s="161" t="str">
        <f t="shared" si="386"/>
        <v/>
      </c>
      <c r="BO704" s="161" t="str">
        <f t="shared" si="387"/>
        <v/>
      </c>
      <c r="BP704" s="161" t="str">
        <f t="shared" si="388"/>
        <v/>
      </c>
      <c r="BQ704" s="161" t="str">
        <f t="shared" si="389"/>
        <v/>
      </c>
      <c r="BR704" s="161" t="str">
        <f t="shared" si="390"/>
        <v/>
      </c>
      <c r="BS704" s="161" t="str">
        <f t="shared" si="391"/>
        <v/>
      </c>
      <c r="BT704" s="161" t="str">
        <f t="shared" si="392"/>
        <v/>
      </c>
      <c r="BU704" s="161" t="str">
        <f t="shared" si="393"/>
        <v/>
      </c>
      <c r="BV704" s="161" t="str">
        <f t="shared" si="394"/>
        <v/>
      </c>
      <c r="BW704" s="161" t="str">
        <f t="shared" si="395"/>
        <v/>
      </c>
      <c r="BX704" s="161" t="str">
        <f t="shared" si="396"/>
        <v/>
      </c>
      <c r="BY704" s="161" t="str">
        <f t="shared" si="397"/>
        <v/>
      </c>
      <c r="BZ704" s="161" t="str">
        <f t="shared" si="398"/>
        <v/>
      </c>
      <c r="CA704" s="161" t="str">
        <f t="shared" si="399"/>
        <v/>
      </c>
      <c r="CB704" s="161" t="str">
        <f t="shared" si="400"/>
        <v/>
      </c>
      <c r="CC704" s="161" t="str">
        <f t="shared" si="401"/>
        <v/>
      </c>
      <c r="CD704" s="158"/>
      <c r="CE704" s="158"/>
      <c r="CF704" s="177"/>
    </row>
    <row r="705" spans="1:84" s="248" customFormat="1" ht="56.1" hidden="1" customHeight="1" x14ac:dyDescent="0.2">
      <c r="A705" s="198">
        <v>705</v>
      </c>
      <c r="B705" s="199" t="s">
        <v>53</v>
      </c>
      <c r="C705" s="208" t="s">
        <v>655</v>
      </c>
      <c r="D705" s="242" t="s">
        <v>830</v>
      </c>
      <c r="E705" s="243" t="s">
        <v>895</v>
      </c>
      <c r="F705" s="243" t="s">
        <v>896</v>
      </c>
      <c r="G705" s="206" t="s">
        <v>58</v>
      </c>
      <c r="H705" s="243" t="s">
        <v>833</v>
      </c>
      <c r="I705" s="243" t="s">
        <v>81</v>
      </c>
      <c r="J705" s="206" t="s">
        <v>77</v>
      </c>
      <c r="K705" s="242" t="s">
        <v>834</v>
      </c>
      <c r="L705" s="205" t="s">
        <v>63</v>
      </c>
      <c r="M705" s="205" t="s">
        <v>63</v>
      </c>
      <c r="N705" s="244">
        <v>877751.875</v>
      </c>
      <c r="O705" s="245">
        <f t="shared" si="404"/>
        <v>877751.875</v>
      </c>
      <c r="P705" s="285" t="s">
        <v>659</v>
      </c>
      <c r="Q705" s="205" t="s">
        <v>65</v>
      </c>
      <c r="R705" s="205"/>
      <c r="S705" s="205"/>
      <c r="T705" s="205"/>
      <c r="U705" s="205"/>
      <c r="V705" s="205"/>
      <c r="W705" s="205"/>
      <c r="X705" s="205"/>
      <c r="Y705" s="205"/>
      <c r="Z705" s="205"/>
      <c r="AA705" s="205"/>
      <c r="AB705" s="205"/>
      <c r="AC705" s="205"/>
      <c r="AD705" s="205"/>
      <c r="AE705" s="203"/>
      <c r="AF705" s="205"/>
      <c r="AG705" s="205"/>
      <c r="AH705" s="205"/>
      <c r="AI705" s="205"/>
      <c r="AJ705" s="205"/>
      <c r="AK705" s="205"/>
      <c r="AL705" s="205"/>
      <c r="AM705" s="205"/>
      <c r="AN705" s="205"/>
      <c r="AO705" s="205"/>
      <c r="AP705" s="205"/>
      <c r="AQ705" s="205"/>
      <c r="AR705" s="205"/>
      <c r="AS705" s="205"/>
      <c r="AT705" s="205"/>
      <c r="AU705" s="205"/>
      <c r="AV705" s="205"/>
      <c r="AW705" s="204">
        <f t="shared" si="405"/>
        <v>0</v>
      </c>
      <c r="AX705" s="205"/>
      <c r="AY705" s="203" t="str">
        <f t="shared" ref="AY705:AY768" si="406">IF(R705="yes",(R$2*$AX705),"")</f>
        <v/>
      </c>
      <c r="AZ705" s="203" t="str">
        <f t="shared" ref="AZ705:AZ768" si="407">IF(S705="yes",(S$2*$AX705),"")</f>
        <v/>
      </c>
      <c r="BA705" s="203" t="str">
        <f t="shared" ref="BA705:BA768" si="408">IF(T705="yes",(T$2*$AX705),"")</f>
        <v/>
      </c>
      <c r="BB705" s="203" t="str">
        <f t="shared" ref="BB705:BB768" si="409">IF(U705="yes",(U$2*$AX705),"")</f>
        <v/>
      </c>
      <c r="BC705" s="203" t="str">
        <f t="shared" ref="BC705:BC768" si="410">IF(V705="yes",(V$2*$AX705),"")</f>
        <v/>
      </c>
      <c r="BD705" s="203" t="str">
        <f t="shared" ref="BD705:BD768" si="411">IF(W705="yes",(W$2*$AX705),"")</f>
        <v/>
      </c>
      <c r="BE705" s="203" t="str">
        <f t="shared" ref="BE705:BE768" si="412">IF(X705="yes",(X$2*$AX705),"")</f>
        <v/>
      </c>
      <c r="BF705" s="203" t="str">
        <f t="shared" ref="BF705:BF768" si="413">IF(Y705="yes",(Y$2*$AX705),"")</f>
        <v/>
      </c>
      <c r="BG705" s="203" t="str">
        <f t="shared" ref="BG705:BG768" si="414">IF(Z705="yes",(Z$2*$AX705),"")</f>
        <v/>
      </c>
      <c r="BH705" s="203" t="str">
        <f t="shared" ref="BH705:BH768" si="415">IF(AA705="yes",(AA$2*$AX705),"")</f>
        <v/>
      </c>
      <c r="BI705" s="203" t="str">
        <f t="shared" ref="BI705:BI768" si="416">IF(AB705="yes",(AB$2*$AX705),"")</f>
        <v/>
      </c>
      <c r="BJ705" s="203" t="str">
        <f t="shared" ref="BJ705:BJ768" si="417">IF(AC705="yes",(AC$2*$AX705),"")</f>
        <v/>
      </c>
      <c r="BK705" s="203" t="str">
        <f t="shared" ref="BK705:BK768" si="418">IF(AD705="yes",(AD$2*$AX705),"")</f>
        <v/>
      </c>
      <c r="BL705" s="203" t="str">
        <f t="shared" ref="BL705:BL768" si="419">IF(AE705="yes",(AE$2*$AX705),"")</f>
        <v/>
      </c>
      <c r="BM705" s="203" t="str">
        <f t="shared" ref="BM705:BM768" si="420">IF(AF705="yes",(AF$2*$AX705),"")</f>
        <v/>
      </c>
      <c r="BN705" s="203" t="str">
        <f t="shared" ref="BN705:BN768" si="421">IF(AG705="yes",(AG$2*$AX705),"")</f>
        <v/>
      </c>
      <c r="BO705" s="203" t="str">
        <f t="shared" ref="BO705:BO768" si="422">IF(AH705="yes",(AH$2*$AX705),"")</f>
        <v/>
      </c>
      <c r="BP705" s="203" t="str">
        <f t="shared" ref="BP705:BP768" si="423">IF(AI705="yes",(AI$2*$AX705),"")</f>
        <v/>
      </c>
      <c r="BQ705" s="203" t="str">
        <f t="shared" ref="BQ705:BQ768" si="424">IF(AJ705="yes",(AJ$2*$AX705),"")</f>
        <v/>
      </c>
      <c r="BR705" s="203" t="str">
        <f t="shared" ref="BR705:BR768" si="425">IF(AK705="yes",(AK$2*$AX705),"")</f>
        <v/>
      </c>
      <c r="BS705" s="203" t="str">
        <f t="shared" ref="BS705:BS768" si="426">IF(AL705="yes",(AL$2*$AX705),"")</f>
        <v/>
      </c>
      <c r="BT705" s="203" t="str">
        <f t="shared" ref="BT705:BT768" si="427">IF(AM705="yes",(AM$2*$AX705),"")</f>
        <v/>
      </c>
      <c r="BU705" s="203" t="str">
        <f t="shared" ref="BU705:BU768" si="428">IF(AN705="yes",(AN$2*$AX705),"")</f>
        <v/>
      </c>
      <c r="BV705" s="203" t="str">
        <f t="shared" ref="BV705:BV768" si="429">IF(AO705="yes",(AO$2*$AX705),"")</f>
        <v/>
      </c>
      <c r="BW705" s="203" t="str">
        <f t="shared" ref="BW705:BW768" si="430">IF(AP705="yes",(AP$2*$AX705),"")</f>
        <v/>
      </c>
      <c r="BX705" s="203" t="str">
        <f t="shared" ref="BX705:BX768" si="431">IF(AQ705="yes",(AQ$2*$AX705),"")</f>
        <v/>
      </c>
      <c r="BY705" s="203" t="str">
        <f t="shared" ref="BY705:BY768" si="432">IF(AR705="yes",(AR$2*$AX705),"")</f>
        <v/>
      </c>
      <c r="BZ705" s="203" t="str">
        <f t="shared" ref="BZ705:BZ768" si="433">IF(AS705="yes",(AS$2*$AX705),"")</f>
        <v/>
      </c>
      <c r="CA705" s="203" t="str">
        <f t="shared" ref="CA705:CA768" si="434">IF(AT705="yes",(AT$2*$AX705),"")</f>
        <v/>
      </c>
      <c r="CB705" s="203" t="str">
        <f t="shared" ref="CB705:CB768" si="435">IF(AU705="yes",(AU$2*$AX705),"")</f>
        <v/>
      </c>
      <c r="CC705" s="203" t="str">
        <f t="shared" ref="CC705:CC768" si="436">IF(AV705="yes",(AV$2*$AX705),"")</f>
        <v/>
      </c>
      <c r="CD705" s="205"/>
      <c r="CE705" s="205"/>
      <c r="CF705" s="247"/>
    </row>
    <row r="706" spans="1:84" s="248" customFormat="1" ht="56.1" hidden="1" customHeight="1" x14ac:dyDescent="0.2">
      <c r="A706" s="198">
        <v>706</v>
      </c>
      <c r="B706" s="199" t="s">
        <v>53</v>
      </c>
      <c r="C706" s="208" t="s">
        <v>655</v>
      </c>
      <c r="D706" s="242" t="s">
        <v>897</v>
      </c>
      <c r="E706" s="243" t="s">
        <v>898</v>
      </c>
      <c r="F706" s="243" t="s">
        <v>899</v>
      </c>
      <c r="G706" s="206" t="s">
        <v>58</v>
      </c>
      <c r="H706" s="243" t="s">
        <v>833</v>
      </c>
      <c r="I706" s="243" t="s">
        <v>81</v>
      </c>
      <c r="J706" s="206" t="s">
        <v>77</v>
      </c>
      <c r="K706" s="243" t="s">
        <v>868</v>
      </c>
      <c r="L706" s="205" t="s">
        <v>63</v>
      </c>
      <c r="M706" s="205" t="s">
        <v>63</v>
      </c>
      <c r="N706" s="287">
        <v>7410000</v>
      </c>
      <c r="O706" s="245">
        <f t="shared" si="404"/>
        <v>7410000</v>
      </c>
      <c r="P706" s="285" t="s">
        <v>659</v>
      </c>
      <c r="Q706" s="205" t="s">
        <v>65</v>
      </c>
      <c r="R706" s="205"/>
      <c r="S706" s="205"/>
      <c r="T706" s="205"/>
      <c r="U706" s="205"/>
      <c r="V706" s="205"/>
      <c r="W706" s="205"/>
      <c r="X706" s="205"/>
      <c r="Y706" s="205"/>
      <c r="Z706" s="205"/>
      <c r="AA706" s="205"/>
      <c r="AB706" s="203"/>
      <c r="AC706" s="205"/>
      <c r="AD706" s="205"/>
      <c r="AE706" s="205"/>
      <c r="AF706" s="205"/>
      <c r="AG706" s="205"/>
      <c r="AH706" s="205"/>
      <c r="AI706" s="205"/>
      <c r="AJ706" s="205"/>
      <c r="AK706" s="205"/>
      <c r="AL706" s="205"/>
      <c r="AM706" s="205"/>
      <c r="AN706" s="205"/>
      <c r="AO706" s="205"/>
      <c r="AP706" s="205"/>
      <c r="AQ706" s="205"/>
      <c r="AR706" s="205"/>
      <c r="AS706" s="205"/>
      <c r="AT706" s="205"/>
      <c r="AU706" s="205"/>
      <c r="AV706" s="205"/>
      <c r="AW706" s="204">
        <f t="shared" si="405"/>
        <v>0</v>
      </c>
      <c r="AX706" s="205"/>
      <c r="AY706" s="203" t="str">
        <f t="shared" si="406"/>
        <v/>
      </c>
      <c r="AZ706" s="203" t="str">
        <f t="shared" si="407"/>
        <v/>
      </c>
      <c r="BA706" s="203" t="str">
        <f t="shared" si="408"/>
        <v/>
      </c>
      <c r="BB706" s="203" t="str">
        <f t="shared" si="409"/>
        <v/>
      </c>
      <c r="BC706" s="203" t="str">
        <f t="shared" si="410"/>
        <v/>
      </c>
      <c r="BD706" s="203" t="str">
        <f t="shared" si="411"/>
        <v/>
      </c>
      <c r="BE706" s="203" t="str">
        <f t="shared" si="412"/>
        <v/>
      </c>
      <c r="BF706" s="203" t="str">
        <f t="shared" si="413"/>
        <v/>
      </c>
      <c r="BG706" s="203" t="str">
        <f t="shared" si="414"/>
        <v/>
      </c>
      <c r="BH706" s="203" t="str">
        <f t="shared" si="415"/>
        <v/>
      </c>
      <c r="BI706" s="203" t="str">
        <f t="shared" si="416"/>
        <v/>
      </c>
      <c r="BJ706" s="203" t="str">
        <f t="shared" si="417"/>
        <v/>
      </c>
      <c r="BK706" s="203" t="str">
        <f t="shared" si="418"/>
        <v/>
      </c>
      <c r="BL706" s="203" t="str">
        <f t="shared" si="419"/>
        <v/>
      </c>
      <c r="BM706" s="203" t="str">
        <f t="shared" si="420"/>
        <v/>
      </c>
      <c r="BN706" s="203" t="str">
        <f t="shared" si="421"/>
        <v/>
      </c>
      <c r="BO706" s="203" t="str">
        <f t="shared" si="422"/>
        <v/>
      </c>
      <c r="BP706" s="203" t="str">
        <f t="shared" si="423"/>
        <v/>
      </c>
      <c r="BQ706" s="203" t="str">
        <f t="shared" si="424"/>
        <v/>
      </c>
      <c r="BR706" s="203" t="str">
        <f t="shared" si="425"/>
        <v/>
      </c>
      <c r="BS706" s="203" t="str">
        <f t="shared" si="426"/>
        <v/>
      </c>
      <c r="BT706" s="203" t="str">
        <f t="shared" si="427"/>
        <v/>
      </c>
      <c r="BU706" s="203" t="str">
        <f t="shared" si="428"/>
        <v/>
      </c>
      <c r="BV706" s="203" t="str">
        <f t="shared" si="429"/>
        <v/>
      </c>
      <c r="BW706" s="203" t="str">
        <f t="shared" si="430"/>
        <v/>
      </c>
      <c r="BX706" s="203" t="str">
        <f t="shared" si="431"/>
        <v/>
      </c>
      <c r="BY706" s="203" t="str">
        <f t="shared" si="432"/>
        <v/>
      </c>
      <c r="BZ706" s="203" t="str">
        <f t="shared" si="433"/>
        <v/>
      </c>
      <c r="CA706" s="203" t="str">
        <f t="shared" si="434"/>
        <v/>
      </c>
      <c r="CB706" s="203" t="str">
        <f t="shared" si="435"/>
        <v/>
      </c>
      <c r="CC706" s="203" t="str">
        <f t="shared" si="436"/>
        <v/>
      </c>
      <c r="CD706" s="205"/>
      <c r="CE706" s="205"/>
      <c r="CF706" s="247"/>
    </row>
    <row r="707" spans="1:84" s="248" customFormat="1" ht="56.1" hidden="1" customHeight="1" x14ac:dyDescent="0.2">
      <c r="A707" s="198">
        <v>707</v>
      </c>
      <c r="B707" s="199" t="s">
        <v>53</v>
      </c>
      <c r="C707" s="208" t="s">
        <v>655</v>
      </c>
      <c r="D707" s="243" t="s">
        <v>900</v>
      </c>
      <c r="E707" s="243" t="s">
        <v>901</v>
      </c>
      <c r="F707" s="243" t="s">
        <v>902</v>
      </c>
      <c r="G707" s="206" t="s">
        <v>58</v>
      </c>
      <c r="H707" s="243" t="s">
        <v>903</v>
      </c>
      <c r="I707" s="243" t="s">
        <v>81</v>
      </c>
      <c r="J707" s="206" t="s">
        <v>77</v>
      </c>
      <c r="K707" s="243" t="s">
        <v>904</v>
      </c>
      <c r="L707" s="205" t="s">
        <v>63</v>
      </c>
      <c r="M707" s="205" t="s">
        <v>63</v>
      </c>
      <c r="N707" s="287">
        <v>106900000</v>
      </c>
      <c r="O707" s="245">
        <f t="shared" si="404"/>
        <v>106900000</v>
      </c>
      <c r="P707" s="246" t="s">
        <v>839</v>
      </c>
      <c r="Q707" s="205" t="s">
        <v>65</v>
      </c>
      <c r="R707" s="205"/>
      <c r="S707" s="205"/>
      <c r="T707" s="205"/>
      <c r="U707" s="205"/>
      <c r="V707" s="205"/>
      <c r="W707" s="205"/>
      <c r="X707" s="205"/>
      <c r="Y707" s="205"/>
      <c r="Z707" s="205"/>
      <c r="AA707" s="203"/>
      <c r="AB707" s="205"/>
      <c r="AC707" s="205"/>
      <c r="AD707" s="205"/>
      <c r="AE707" s="205"/>
      <c r="AF707" s="205"/>
      <c r="AG707" s="205"/>
      <c r="AH707" s="205"/>
      <c r="AI707" s="205"/>
      <c r="AJ707" s="205"/>
      <c r="AK707" s="205"/>
      <c r="AL707" s="205"/>
      <c r="AM707" s="205"/>
      <c r="AN707" s="205"/>
      <c r="AO707" s="205"/>
      <c r="AP707" s="205"/>
      <c r="AQ707" s="205"/>
      <c r="AR707" s="205"/>
      <c r="AS707" s="205"/>
      <c r="AT707" s="205"/>
      <c r="AU707" s="205"/>
      <c r="AV707" s="205"/>
      <c r="AW707" s="204">
        <f t="shared" si="405"/>
        <v>0</v>
      </c>
      <c r="AX707" s="205"/>
      <c r="AY707" s="203" t="str">
        <f t="shared" si="406"/>
        <v/>
      </c>
      <c r="AZ707" s="203" t="str">
        <f t="shared" si="407"/>
        <v/>
      </c>
      <c r="BA707" s="203" t="str">
        <f t="shared" si="408"/>
        <v/>
      </c>
      <c r="BB707" s="203" t="str">
        <f t="shared" si="409"/>
        <v/>
      </c>
      <c r="BC707" s="203" t="str">
        <f t="shared" si="410"/>
        <v/>
      </c>
      <c r="BD707" s="203" t="str">
        <f t="shared" si="411"/>
        <v/>
      </c>
      <c r="BE707" s="203" t="str">
        <f t="shared" si="412"/>
        <v/>
      </c>
      <c r="BF707" s="203" t="str">
        <f t="shared" si="413"/>
        <v/>
      </c>
      <c r="BG707" s="203" t="str">
        <f t="shared" si="414"/>
        <v/>
      </c>
      <c r="BH707" s="203" t="str">
        <f t="shared" si="415"/>
        <v/>
      </c>
      <c r="BI707" s="203" t="str">
        <f t="shared" si="416"/>
        <v/>
      </c>
      <c r="BJ707" s="203" t="str">
        <f t="shared" si="417"/>
        <v/>
      </c>
      <c r="BK707" s="203" t="str">
        <f t="shared" si="418"/>
        <v/>
      </c>
      <c r="BL707" s="203" t="str">
        <f t="shared" si="419"/>
        <v/>
      </c>
      <c r="BM707" s="203" t="str">
        <f t="shared" si="420"/>
        <v/>
      </c>
      <c r="BN707" s="203" t="str">
        <f t="shared" si="421"/>
        <v/>
      </c>
      <c r="BO707" s="203" t="str">
        <f t="shared" si="422"/>
        <v/>
      </c>
      <c r="BP707" s="203" t="str">
        <f t="shared" si="423"/>
        <v/>
      </c>
      <c r="BQ707" s="203" t="str">
        <f t="shared" si="424"/>
        <v/>
      </c>
      <c r="BR707" s="203" t="str">
        <f t="shared" si="425"/>
        <v/>
      </c>
      <c r="BS707" s="203" t="str">
        <f t="shared" si="426"/>
        <v/>
      </c>
      <c r="BT707" s="203" t="str">
        <f t="shared" si="427"/>
        <v/>
      </c>
      <c r="BU707" s="203" t="str">
        <f t="shared" si="428"/>
        <v/>
      </c>
      <c r="BV707" s="203" t="str">
        <f t="shared" si="429"/>
        <v/>
      </c>
      <c r="BW707" s="203" t="str">
        <f t="shared" si="430"/>
        <v/>
      </c>
      <c r="BX707" s="203" t="str">
        <f t="shared" si="431"/>
        <v/>
      </c>
      <c r="BY707" s="203" t="str">
        <f t="shared" si="432"/>
        <v/>
      </c>
      <c r="BZ707" s="203" t="str">
        <f t="shared" si="433"/>
        <v/>
      </c>
      <c r="CA707" s="203" t="str">
        <f t="shared" si="434"/>
        <v/>
      </c>
      <c r="CB707" s="203" t="str">
        <f t="shared" si="435"/>
        <v/>
      </c>
      <c r="CC707" s="203" t="str">
        <f t="shared" si="436"/>
        <v/>
      </c>
      <c r="CD707" s="205"/>
      <c r="CE707" s="205"/>
      <c r="CF707" s="247"/>
    </row>
    <row r="708" spans="1:84" s="178" customFormat="1" ht="56.1" hidden="1" customHeight="1" x14ac:dyDescent="0.2">
      <c r="A708" s="154">
        <v>708</v>
      </c>
      <c r="B708" s="155" t="s">
        <v>53</v>
      </c>
      <c r="C708" s="165" t="s">
        <v>655</v>
      </c>
      <c r="D708" s="172" t="s">
        <v>900</v>
      </c>
      <c r="E708" s="172" t="s">
        <v>905</v>
      </c>
      <c r="F708" s="172" t="s">
        <v>906</v>
      </c>
      <c r="G708" s="163" t="s">
        <v>58</v>
      </c>
      <c r="H708" s="172" t="s">
        <v>846</v>
      </c>
      <c r="I708" s="172" t="s">
        <v>81</v>
      </c>
      <c r="J708" s="163" t="s">
        <v>77</v>
      </c>
      <c r="K708" s="179" t="s">
        <v>722</v>
      </c>
      <c r="L708" s="158" t="s">
        <v>63</v>
      </c>
      <c r="M708" s="158" t="s">
        <v>63</v>
      </c>
      <c r="N708" s="174">
        <v>1056500</v>
      </c>
      <c r="O708" s="175">
        <f t="shared" si="404"/>
        <v>1056500</v>
      </c>
      <c r="P708" s="176" t="s">
        <v>839</v>
      </c>
      <c r="Q708" s="176" t="s">
        <v>853</v>
      </c>
      <c r="R708" s="161"/>
      <c r="S708" s="161"/>
      <c r="T708" s="161"/>
      <c r="U708" s="161"/>
      <c r="V708" s="161"/>
      <c r="W708" s="161"/>
      <c r="X708" s="161"/>
      <c r="Y708" s="161"/>
      <c r="Z708" s="161"/>
      <c r="AA708" s="161"/>
      <c r="AB708" s="161"/>
      <c r="AC708" s="161"/>
      <c r="AD708" s="161"/>
      <c r="AE708" s="161"/>
      <c r="AF708" s="161"/>
      <c r="AG708" s="161"/>
      <c r="AH708" s="158"/>
      <c r="AI708" s="161"/>
      <c r="AJ708" s="161"/>
      <c r="AK708" s="161"/>
      <c r="AL708" s="158"/>
      <c r="AM708" s="161"/>
      <c r="AN708" s="161"/>
      <c r="AO708" s="161"/>
      <c r="AP708" s="158"/>
      <c r="AQ708" s="161"/>
      <c r="AR708" s="158"/>
      <c r="AS708" s="158"/>
      <c r="AT708" s="161"/>
      <c r="AU708" s="158"/>
      <c r="AV708" s="158"/>
      <c r="AW708" s="160">
        <f t="shared" si="405"/>
        <v>0</v>
      </c>
      <c r="AX708" s="158"/>
      <c r="AY708" s="161" t="str">
        <f t="shared" si="406"/>
        <v/>
      </c>
      <c r="AZ708" s="161" t="str">
        <f t="shared" si="407"/>
        <v/>
      </c>
      <c r="BA708" s="161" t="str">
        <f t="shared" si="408"/>
        <v/>
      </c>
      <c r="BB708" s="161" t="str">
        <f t="shared" si="409"/>
        <v/>
      </c>
      <c r="BC708" s="161" t="str">
        <f t="shared" si="410"/>
        <v/>
      </c>
      <c r="BD708" s="161" t="str">
        <f t="shared" si="411"/>
        <v/>
      </c>
      <c r="BE708" s="161" t="str">
        <f t="shared" si="412"/>
        <v/>
      </c>
      <c r="BF708" s="161" t="str">
        <f t="shared" si="413"/>
        <v/>
      </c>
      <c r="BG708" s="161" t="str">
        <f t="shared" si="414"/>
        <v/>
      </c>
      <c r="BH708" s="161" t="str">
        <f t="shared" si="415"/>
        <v/>
      </c>
      <c r="BI708" s="161" t="str">
        <f t="shared" si="416"/>
        <v/>
      </c>
      <c r="BJ708" s="161" t="str">
        <f t="shared" si="417"/>
        <v/>
      </c>
      <c r="BK708" s="161" t="str">
        <f t="shared" si="418"/>
        <v/>
      </c>
      <c r="BL708" s="161" t="str">
        <f t="shared" si="419"/>
        <v/>
      </c>
      <c r="BM708" s="161" t="str">
        <f t="shared" si="420"/>
        <v/>
      </c>
      <c r="BN708" s="161" t="str">
        <f t="shared" si="421"/>
        <v/>
      </c>
      <c r="BO708" s="161" t="str">
        <f t="shared" si="422"/>
        <v/>
      </c>
      <c r="BP708" s="161" t="str">
        <f t="shared" si="423"/>
        <v/>
      </c>
      <c r="BQ708" s="161" t="str">
        <f t="shared" si="424"/>
        <v/>
      </c>
      <c r="BR708" s="161" t="str">
        <f t="shared" si="425"/>
        <v/>
      </c>
      <c r="BS708" s="161" t="str">
        <f t="shared" si="426"/>
        <v/>
      </c>
      <c r="BT708" s="161" t="str">
        <f t="shared" si="427"/>
        <v/>
      </c>
      <c r="BU708" s="161" t="str">
        <f t="shared" si="428"/>
        <v/>
      </c>
      <c r="BV708" s="161" t="str">
        <f t="shared" si="429"/>
        <v/>
      </c>
      <c r="BW708" s="161" t="str">
        <f t="shared" si="430"/>
        <v/>
      </c>
      <c r="BX708" s="161" t="str">
        <f t="shared" si="431"/>
        <v/>
      </c>
      <c r="BY708" s="161" t="str">
        <f t="shared" si="432"/>
        <v/>
      </c>
      <c r="BZ708" s="161" t="str">
        <f t="shared" si="433"/>
        <v/>
      </c>
      <c r="CA708" s="161" t="str">
        <f t="shared" si="434"/>
        <v/>
      </c>
      <c r="CB708" s="161" t="str">
        <f t="shared" si="435"/>
        <v/>
      </c>
      <c r="CC708" s="161" t="str">
        <f t="shared" si="436"/>
        <v/>
      </c>
      <c r="CD708" s="158"/>
      <c r="CE708" s="158"/>
      <c r="CF708" s="177"/>
    </row>
    <row r="709" spans="1:84" s="178" customFormat="1" ht="56.1" hidden="1" customHeight="1" x14ac:dyDescent="0.2">
      <c r="A709" s="154">
        <v>709</v>
      </c>
      <c r="B709" s="155" t="s">
        <v>53</v>
      </c>
      <c r="C709" s="165" t="s">
        <v>655</v>
      </c>
      <c r="D709" s="172" t="s">
        <v>900</v>
      </c>
      <c r="E709" s="241" t="s">
        <v>907</v>
      </c>
      <c r="F709" s="241" t="s">
        <v>908</v>
      </c>
      <c r="G709" s="163" t="s">
        <v>58</v>
      </c>
      <c r="H709" s="172" t="s">
        <v>846</v>
      </c>
      <c r="I709" s="172" t="s">
        <v>909</v>
      </c>
      <c r="J709" s="163" t="s">
        <v>77</v>
      </c>
      <c r="K709" s="172" t="s">
        <v>834</v>
      </c>
      <c r="L709" s="158" t="s">
        <v>63</v>
      </c>
      <c r="M709" s="158" t="s">
        <v>63</v>
      </c>
      <c r="N709" s="174">
        <v>22000000</v>
      </c>
      <c r="O709" s="175">
        <f t="shared" si="404"/>
        <v>22000000</v>
      </c>
      <c r="P709" s="176" t="s">
        <v>839</v>
      </c>
      <c r="Q709" s="176" t="s">
        <v>853</v>
      </c>
      <c r="R709" s="158"/>
      <c r="S709" s="158"/>
      <c r="T709" s="158"/>
      <c r="U709" s="158"/>
      <c r="V709" s="158"/>
      <c r="W709" s="158"/>
      <c r="X709" s="158"/>
      <c r="Y709" s="158"/>
      <c r="Z709" s="158"/>
      <c r="AA709" s="158"/>
      <c r="AB709" s="158"/>
      <c r="AC709" s="158"/>
      <c r="AD709" s="158"/>
      <c r="AE709" s="158"/>
      <c r="AF709" s="158"/>
      <c r="AG709" s="158"/>
      <c r="AH709" s="158"/>
      <c r="AI709" s="158"/>
      <c r="AJ709" s="158"/>
      <c r="AK709" s="158"/>
      <c r="AL709" s="158"/>
      <c r="AM709" s="158"/>
      <c r="AN709" s="158"/>
      <c r="AO709" s="158"/>
      <c r="AP709" s="158"/>
      <c r="AQ709" s="158"/>
      <c r="AR709" s="158"/>
      <c r="AS709" s="158"/>
      <c r="AT709" s="158"/>
      <c r="AU709" s="158"/>
      <c r="AV709" s="158"/>
      <c r="AW709" s="160">
        <f t="shared" si="405"/>
        <v>0</v>
      </c>
      <c r="AX709" s="158"/>
      <c r="AY709" s="161" t="str">
        <f t="shared" si="406"/>
        <v/>
      </c>
      <c r="AZ709" s="161" t="str">
        <f t="shared" si="407"/>
        <v/>
      </c>
      <c r="BA709" s="161" t="str">
        <f t="shared" si="408"/>
        <v/>
      </c>
      <c r="BB709" s="161" t="str">
        <f t="shared" si="409"/>
        <v/>
      </c>
      <c r="BC709" s="161" t="str">
        <f t="shared" si="410"/>
        <v/>
      </c>
      <c r="BD709" s="161" t="str">
        <f t="shared" si="411"/>
        <v/>
      </c>
      <c r="BE709" s="161" t="str">
        <f t="shared" si="412"/>
        <v/>
      </c>
      <c r="BF709" s="161" t="str">
        <f t="shared" si="413"/>
        <v/>
      </c>
      <c r="BG709" s="161" t="str">
        <f t="shared" si="414"/>
        <v/>
      </c>
      <c r="BH709" s="161" t="str">
        <f t="shared" si="415"/>
        <v/>
      </c>
      <c r="BI709" s="161" t="str">
        <f t="shared" si="416"/>
        <v/>
      </c>
      <c r="BJ709" s="161" t="str">
        <f t="shared" si="417"/>
        <v/>
      </c>
      <c r="BK709" s="161" t="str">
        <f t="shared" si="418"/>
        <v/>
      </c>
      <c r="BL709" s="161" t="str">
        <f t="shared" si="419"/>
        <v/>
      </c>
      <c r="BM709" s="161" t="str">
        <f t="shared" si="420"/>
        <v/>
      </c>
      <c r="BN709" s="161" t="str">
        <f t="shared" si="421"/>
        <v/>
      </c>
      <c r="BO709" s="161" t="str">
        <f t="shared" si="422"/>
        <v/>
      </c>
      <c r="BP709" s="161" t="str">
        <f t="shared" si="423"/>
        <v/>
      </c>
      <c r="BQ709" s="161" t="str">
        <f t="shared" si="424"/>
        <v/>
      </c>
      <c r="BR709" s="161" t="str">
        <f t="shared" si="425"/>
        <v/>
      </c>
      <c r="BS709" s="161" t="str">
        <f t="shared" si="426"/>
        <v/>
      </c>
      <c r="BT709" s="161" t="str">
        <f t="shared" si="427"/>
        <v/>
      </c>
      <c r="BU709" s="161" t="str">
        <f t="shared" si="428"/>
        <v/>
      </c>
      <c r="BV709" s="161" t="str">
        <f t="shared" si="429"/>
        <v/>
      </c>
      <c r="BW709" s="161" t="str">
        <f t="shared" si="430"/>
        <v/>
      </c>
      <c r="BX709" s="161" t="str">
        <f t="shared" si="431"/>
        <v/>
      </c>
      <c r="BY709" s="161" t="str">
        <f t="shared" si="432"/>
        <v/>
      </c>
      <c r="BZ709" s="161" t="str">
        <f t="shared" si="433"/>
        <v/>
      </c>
      <c r="CA709" s="161" t="str">
        <f t="shared" si="434"/>
        <v/>
      </c>
      <c r="CB709" s="161" t="str">
        <f t="shared" si="435"/>
        <v/>
      </c>
      <c r="CC709" s="161" t="str">
        <f t="shared" si="436"/>
        <v/>
      </c>
      <c r="CD709" s="158"/>
      <c r="CE709" s="158"/>
      <c r="CF709" s="177"/>
    </row>
    <row r="710" spans="1:84" s="248" customFormat="1" ht="56.1" hidden="1" customHeight="1" x14ac:dyDescent="0.2">
      <c r="A710" s="198">
        <v>710</v>
      </c>
      <c r="B710" s="199" t="s">
        <v>869</v>
      </c>
      <c r="C710" s="208" t="s">
        <v>655</v>
      </c>
      <c r="D710" s="243" t="s">
        <v>900</v>
      </c>
      <c r="E710" s="243" t="s">
        <v>910</v>
      </c>
      <c r="F710" s="243" t="s">
        <v>911</v>
      </c>
      <c r="G710" s="206" t="s">
        <v>58</v>
      </c>
      <c r="H710" s="243" t="s">
        <v>833</v>
      </c>
      <c r="I710" s="243" t="s">
        <v>81</v>
      </c>
      <c r="J710" s="206" t="s">
        <v>77</v>
      </c>
      <c r="K710" s="243" t="s">
        <v>834</v>
      </c>
      <c r="L710" s="205" t="s">
        <v>63</v>
      </c>
      <c r="M710" s="205" t="s">
        <v>63</v>
      </c>
      <c r="N710" s="244">
        <v>44990.539343750002</v>
      </c>
      <c r="O710" s="245">
        <f t="shared" si="404"/>
        <v>44990.539343750002</v>
      </c>
      <c r="P710" s="285" t="s">
        <v>659</v>
      </c>
      <c r="Q710" s="205" t="s">
        <v>65</v>
      </c>
      <c r="R710" s="205"/>
      <c r="S710" s="205"/>
      <c r="T710" s="205"/>
      <c r="U710" s="205"/>
      <c r="V710" s="205"/>
      <c r="W710" s="205"/>
      <c r="X710" s="205"/>
      <c r="Y710" s="205"/>
      <c r="Z710" s="205"/>
      <c r="AA710" s="205"/>
      <c r="AB710" s="205"/>
      <c r="AC710" s="205"/>
      <c r="AD710" s="205"/>
      <c r="AE710" s="205"/>
      <c r="AF710" s="205"/>
      <c r="AG710" s="205"/>
      <c r="AH710" s="205"/>
      <c r="AI710" s="205"/>
      <c r="AJ710" s="205"/>
      <c r="AK710" s="205"/>
      <c r="AL710" s="205"/>
      <c r="AM710" s="205"/>
      <c r="AN710" s="205"/>
      <c r="AO710" s="205"/>
      <c r="AP710" s="205"/>
      <c r="AQ710" s="205"/>
      <c r="AR710" s="205"/>
      <c r="AS710" s="205"/>
      <c r="AT710" s="205"/>
      <c r="AU710" s="205"/>
      <c r="AV710" s="205"/>
      <c r="AW710" s="204">
        <f t="shared" si="405"/>
        <v>0</v>
      </c>
      <c r="AX710" s="205"/>
      <c r="AY710" s="203" t="str">
        <f t="shared" si="406"/>
        <v/>
      </c>
      <c r="AZ710" s="203" t="str">
        <f t="shared" si="407"/>
        <v/>
      </c>
      <c r="BA710" s="203" t="str">
        <f t="shared" si="408"/>
        <v/>
      </c>
      <c r="BB710" s="203" t="str">
        <f t="shared" si="409"/>
        <v/>
      </c>
      <c r="BC710" s="203" t="str">
        <f t="shared" si="410"/>
        <v/>
      </c>
      <c r="BD710" s="203" t="str">
        <f t="shared" si="411"/>
        <v/>
      </c>
      <c r="BE710" s="203" t="str">
        <f t="shared" si="412"/>
        <v/>
      </c>
      <c r="BF710" s="203" t="str">
        <f t="shared" si="413"/>
        <v/>
      </c>
      <c r="BG710" s="203" t="str">
        <f t="shared" si="414"/>
        <v/>
      </c>
      <c r="BH710" s="203" t="str">
        <f t="shared" si="415"/>
        <v/>
      </c>
      <c r="BI710" s="203" t="str">
        <f t="shared" si="416"/>
        <v/>
      </c>
      <c r="BJ710" s="203" t="str">
        <f t="shared" si="417"/>
        <v/>
      </c>
      <c r="BK710" s="203" t="str">
        <f t="shared" si="418"/>
        <v/>
      </c>
      <c r="BL710" s="203" t="str">
        <f t="shared" si="419"/>
        <v/>
      </c>
      <c r="BM710" s="203" t="str">
        <f t="shared" si="420"/>
        <v/>
      </c>
      <c r="BN710" s="203" t="str">
        <f t="shared" si="421"/>
        <v/>
      </c>
      <c r="BO710" s="203" t="str">
        <f t="shared" si="422"/>
        <v/>
      </c>
      <c r="BP710" s="203" t="str">
        <f t="shared" si="423"/>
        <v/>
      </c>
      <c r="BQ710" s="203" t="str">
        <f t="shared" si="424"/>
        <v/>
      </c>
      <c r="BR710" s="203" t="str">
        <f t="shared" si="425"/>
        <v/>
      </c>
      <c r="BS710" s="203" t="str">
        <f t="shared" si="426"/>
        <v/>
      </c>
      <c r="BT710" s="203" t="str">
        <f t="shared" si="427"/>
        <v/>
      </c>
      <c r="BU710" s="203" t="str">
        <f t="shared" si="428"/>
        <v/>
      </c>
      <c r="BV710" s="203" t="str">
        <f t="shared" si="429"/>
        <v/>
      </c>
      <c r="BW710" s="203" t="str">
        <f t="shared" si="430"/>
        <v/>
      </c>
      <c r="BX710" s="203" t="str">
        <f t="shared" si="431"/>
        <v/>
      </c>
      <c r="BY710" s="203" t="str">
        <f t="shared" si="432"/>
        <v/>
      </c>
      <c r="BZ710" s="203" t="str">
        <f t="shared" si="433"/>
        <v/>
      </c>
      <c r="CA710" s="203" t="str">
        <f t="shared" si="434"/>
        <v/>
      </c>
      <c r="CB710" s="203" t="str">
        <f t="shared" si="435"/>
        <v/>
      </c>
      <c r="CC710" s="203" t="str">
        <f t="shared" si="436"/>
        <v/>
      </c>
      <c r="CD710" s="205"/>
      <c r="CE710" s="205"/>
      <c r="CF710" s="247"/>
    </row>
    <row r="711" spans="1:84" s="248" customFormat="1" ht="56.1" hidden="1" customHeight="1" x14ac:dyDescent="0.2">
      <c r="A711" s="198">
        <v>711</v>
      </c>
      <c r="B711" s="199" t="s">
        <v>912</v>
      </c>
      <c r="C711" s="208" t="s">
        <v>655</v>
      </c>
      <c r="D711" s="243" t="s">
        <v>900</v>
      </c>
      <c r="E711" s="243" t="s">
        <v>913</v>
      </c>
      <c r="F711" s="243" t="s">
        <v>911</v>
      </c>
      <c r="G711" s="206" t="s">
        <v>58</v>
      </c>
      <c r="H711" s="243" t="s">
        <v>833</v>
      </c>
      <c r="I711" s="243" t="s">
        <v>81</v>
      </c>
      <c r="J711" s="206" t="s">
        <v>77</v>
      </c>
      <c r="K711" s="243" t="s">
        <v>834</v>
      </c>
      <c r="L711" s="205" t="s">
        <v>63</v>
      </c>
      <c r="M711" s="205" t="s">
        <v>63</v>
      </c>
      <c r="N711" s="244">
        <v>44990.539343750002</v>
      </c>
      <c r="O711" s="245">
        <f t="shared" si="404"/>
        <v>44990.539343750002</v>
      </c>
      <c r="P711" s="285" t="s">
        <v>659</v>
      </c>
      <c r="Q711" s="205" t="s">
        <v>65</v>
      </c>
      <c r="R711" s="205"/>
      <c r="S711" s="205"/>
      <c r="T711" s="205"/>
      <c r="U711" s="205"/>
      <c r="V711" s="205"/>
      <c r="W711" s="205"/>
      <c r="X711" s="205"/>
      <c r="Y711" s="205"/>
      <c r="Z711" s="205"/>
      <c r="AA711" s="205"/>
      <c r="AB711" s="205"/>
      <c r="AC711" s="205"/>
      <c r="AD711" s="205"/>
      <c r="AE711" s="205"/>
      <c r="AF711" s="205"/>
      <c r="AG711" s="205"/>
      <c r="AH711" s="205"/>
      <c r="AI711" s="205"/>
      <c r="AJ711" s="205"/>
      <c r="AK711" s="205"/>
      <c r="AL711" s="205"/>
      <c r="AM711" s="205"/>
      <c r="AN711" s="205"/>
      <c r="AO711" s="205"/>
      <c r="AP711" s="205"/>
      <c r="AQ711" s="205"/>
      <c r="AR711" s="205"/>
      <c r="AS711" s="205"/>
      <c r="AT711" s="205"/>
      <c r="AU711" s="205"/>
      <c r="AV711" s="205"/>
      <c r="AW711" s="204">
        <f t="shared" si="405"/>
        <v>0</v>
      </c>
      <c r="AX711" s="205"/>
      <c r="AY711" s="203" t="str">
        <f t="shared" si="406"/>
        <v/>
      </c>
      <c r="AZ711" s="203" t="str">
        <f t="shared" si="407"/>
        <v/>
      </c>
      <c r="BA711" s="203" t="str">
        <f t="shared" si="408"/>
        <v/>
      </c>
      <c r="BB711" s="203" t="str">
        <f t="shared" si="409"/>
        <v/>
      </c>
      <c r="BC711" s="203" t="str">
        <f t="shared" si="410"/>
        <v/>
      </c>
      <c r="BD711" s="203" t="str">
        <f t="shared" si="411"/>
        <v/>
      </c>
      <c r="BE711" s="203" t="str">
        <f t="shared" si="412"/>
        <v/>
      </c>
      <c r="BF711" s="203" t="str">
        <f t="shared" si="413"/>
        <v/>
      </c>
      <c r="BG711" s="203" t="str">
        <f t="shared" si="414"/>
        <v/>
      </c>
      <c r="BH711" s="203" t="str">
        <f t="shared" si="415"/>
        <v/>
      </c>
      <c r="BI711" s="203" t="str">
        <f t="shared" si="416"/>
        <v/>
      </c>
      <c r="BJ711" s="203" t="str">
        <f t="shared" si="417"/>
        <v/>
      </c>
      <c r="BK711" s="203" t="str">
        <f t="shared" si="418"/>
        <v/>
      </c>
      <c r="BL711" s="203" t="str">
        <f t="shared" si="419"/>
        <v/>
      </c>
      <c r="BM711" s="203" t="str">
        <f t="shared" si="420"/>
        <v/>
      </c>
      <c r="BN711" s="203" t="str">
        <f t="shared" si="421"/>
        <v/>
      </c>
      <c r="BO711" s="203" t="str">
        <f t="shared" si="422"/>
        <v/>
      </c>
      <c r="BP711" s="203" t="str">
        <f t="shared" si="423"/>
        <v/>
      </c>
      <c r="BQ711" s="203" t="str">
        <f t="shared" si="424"/>
        <v/>
      </c>
      <c r="BR711" s="203" t="str">
        <f t="shared" si="425"/>
        <v/>
      </c>
      <c r="BS711" s="203" t="str">
        <f t="shared" si="426"/>
        <v/>
      </c>
      <c r="BT711" s="203" t="str">
        <f t="shared" si="427"/>
        <v/>
      </c>
      <c r="BU711" s="203" t="str">
        <f t="shared" si="428"/>
        <v/>
      </c>
      <c r="BV711" s="203" t="str">
        <f t="shared" si="429"/>
        <v/>
      </c>
      <c r="BW711" s="203" t="str">
        <f t="shared" si="430"/>
        <v/>
      </c>
      <c r="BX711" s="203" t="str">
        <f t="shared" si="431"/>
        <v/>
      </c>
      <c r="BY711" s="203" t="str">
        <f t="shared" si="432"/>
        <v/>
      </c>
      <c r="BZ711" s="203" t="str">
        <f t="shared" si="433"/>
        <v/>
      </c>
      <c r="CA711" s="203" t="str">
        <f t="shared" si="434"/>
        <v/>
      </c>
      <c r="CB711" s="203" t="str">
        <f t="shared" si="435"/>
        <v/>
      </c>
      <c r="CC711" s="203" t="str">
        <f t="shared" si="436"/>
        <v/>
      </c>
      <c r="CD711" s="205"/>
      <c r="CE711" s="205"/>
      <c r="CF711" s="247"/>
    </row>
    <row r="712" spans="1:84" s="248" customFormat="1" ht="56.1" hidden="1" customHeight="1" x14ac:dyDescent="0.2">
      <c r="A712" s="198">
        <v>712</v>
      </c>
      <c r="B712" s="199" t="s">
        <v>869</v>
      </c>
      <c r="C712" s="208" t="s">
        <v>655</v>
      </c>
      <c r="D712" s="243" t="s">
        <v>900</v>
      </c>
      <c r="E712" s="243" t="s">
        <v>914</v>
      </c>
      <c r="F712" s="243" t="s">
        <v>911</v>
      </c>
      <c r="G712" s="206" t="s">
        <v>58</v>
      </c>
      <c r="H712" s="243" t="s">
        <v>833</v>
      </c>
      <c r="I712" s="243" t="s">
        <v>81</v>
      </c>
      <c r="J712" s="206" t="s">
        <v>77</v>
      </c>
      <c r="K712" s="243" t="s">
        <v>834</v>
      </c>
      <c r="L712" s="205" t="s">
        <v>63</v>
      </c>
      <c r="M712" s="205" t="s">
        <v>63</v>
      </c>
      <c r="N712" s="244">
        <v>43612.20166875</v>
      </c>
      <c r="O712" s="245">
        <f t="shared" si="404"/>
        <v>43612.20166875</v>
      </c>
      <c r="P712" s="285" t="s">
        <v>659</v>
      </c>
      <c r="Q712" s="205" t="s">
        <v>65</v>
      </c>
      <c r="R712" s="205"/>
      <c r="S712" s="205"/>
      <c r="T712" s="205"/>
      <c r="U712" s="205"/>
      <c r="V712" s="205"/>
      <c r="W712" s="205"/>
      <c r="X712" s="205"/>
      <c r="Y712" s="205"/>
      <c r="Z712" s="205"/>
      <c r="AA712" s="205"/>
      <c r="AB712" s="205"/>
      <c r="AC712" s="205"/>
      <c r="AD712" s="205"/>
      <c r="AE712" s="205"/>
      <c r="AF712" s="205"/>
      <c r="AG712" s="205"/>
      <c r="AH712" s="205"/>
      <c r="AI712" s="205"/>
      <c r="AJ712" s="205"/>
      <c r="AK712" s="205"/>
      <c r="AL712" s="205"/>
      <c r="AM712" s="205"/>
      <c r="AN712" s="205"/>
      <c r="AO712" s="205"/>
      <c r="AP712" s="205"/>
      <c r="AQ712" s="205"/>
      <c r="AR712" s="205"/>
      <c r="AS712" s="205"/>
      <c r="AT712" s="205"/>
      <c r="AU712" s="205"/>
      <c r="AV712" s="205"/>
      <c r="AW712" s="204">
        <f t="shared" si="405"/>
        <v>0</v>
      </c>
      <c r="AX712" s="205"/>
      <c r="AY712" s="203" t="str">
        <f t="shared" si="406"/>
        <v/>
      </c>
      <c r="AZ712" s="203" t="str">
        <f t="shared" si="407"/>
        <v/>
      </c>
      <c r="BA712" s="203" t="str">
        <f t="shared" si="408"/>
        <v/>
      </c>
      <c r="BB712" s="203" t="str">
        <f t="shared" si="409"/>
        <v/>
      </c>
      <c r="BC712" s="203" t="str">
        <f t="shared" si="410"/>
        <v/>
      </c>
      <c r="BD712" s="203" t="str">
        <f t="shared" si="411"/>
        <v/>
      </c>
      <c r="BE712" s="203" t="str">
        <f t="shared" si="412"/>
        <v/>
      </c>
      <c r="BF712" s="203" t="str">
        <f t="shared" si="413"/>
        <v/>
      </c>
      <c r="BG712" s="203" t="str">
        <f t="shared" si="414"/>
        <v/>
      </c>
      <c r="BH712" s="203" t="str">
        <f t="shared" si="415"/>
        <v/>
      </c>
      <c r="BI712" s="203" t="str">
        <f t="shared" si="416"/>
        <v/>
      </c>
      <c r="BJ712" s="203" t="str">
        <f t="shared" si="417"/>
        <v/>
      </c>
      <c r="BK712" s="203" t="str">
        <f t="shared" si="418"/>
        <v/>
      </c>
      <c r="BL712" s="203" t="str">
        <f t="shared" si="419"/>
        <v/>
      </c>
      <c r="BM712" s="203" t="str">
        <f t="shared" si="420"/>
        <v/>
      </c>
      <c r="BN712" s="203" t="str">
        <f t="shared" si="421"/>
        <v/>
      </c>
      <c r="BO712" s="203" t="str">
        <f t="shared" si="422"/>
        <v/>
      </c>
      <c r="BP712" s="203" t="str">
        <f t="shared" si="423"/>
        <v/>
      </c>
      <c r="BQ712" s="203" t="str">
        <f t="shared" si="424"/>
        <v/>
      </c>
      <c r="BR712" s="203" t="str">
        <f t="shared" si="425"/>
        <v/>
      </c>
      <c r="BS712" s="203" t="str">
        <f t="shared" si="426"/>
        <v/>
      </c>
      <c r="BT712" s="203" t="str">
        <f t="shared" si="427"/>
        <v/>
      </c>
      <c r="BU712" s="203" t="str">
        <f t="shared" si="428"/>
        <v/>
      </c>
      <c r="BV712" s="203" t="str">
        <f t="shared" si="429"/>
        <v/>
      </c>
      <c r="BW712" s="203" t="str">
        <f t="shared" si="430"/>
        <v/>
      </c>
      <c r="BX712" s="203" t="str">
        <f t="shared" si="431"/>
        <v/>
      </c>
      <c r="BY712" s="203" t="str">
        <f t="shared" si="432"/>
        <v/>
      </c>
      <c r="BZ712" s="203" t="str">
        <f t="shared" si="433"/>
        <v/>
      </c>
      <c r="CA712" s="203" t="str">
        <f t="shared" si="434"/>
        <v/>
      </c>
      <c r="CB712" s="203" t="str">
        <f t="shared" si="435"/>
        <v/>
      </c>
      <c r="CC712" s="203" t="str">
        <f t="shared" si="436"/>
        <v/>
      </c>
      <c r="CD712" s="205"/>
      <c r="CE712" s="205"/>
      <c r="CF712" s="247"/>
    </row>
    <row r="713" spans="1:84" s="248" customFormat="1" ht="56.1" hidden="1" customHeight="1" x14ac:dyDescent="0.2">
      <c r="A713" s="198">
        <v>713</v>
      </c>
      <c r="B713" s="199" t="s">
        <v>53</v>
      </c>
      <c r="C713" s="208" t="s">
        <v>655</v>
      </c>
      <c r="D713" s="243" t="s">
        <v>900</v>
      </c>
      <c r="E713" s="243" t="s">
        <v>915</v>
      </c>
      <c r="F713" s="243" t="s">
        <v>911</v>
      </c>
      <c r="G713" s="206" t="s">
        <v>58</v>
      </c>
      <c r="H713" s="243" t="s">
        <v>833</v>
      </c>
      <c r="I713" s="243" t="s">
        <v>81</v>
      </c>
      <c r="J713" s="206" t="s">
        <v>77</v>
      </c>
      <c r="K713" s="243" t="s">
        <v>834</v>
      </c>
      <c r="L713" s="205" t="s">
        <v>63</v>
      </c>
      <c r="M713" s="205" t="s">
        <v>63</v>
      </c>
      <c r="N713" s="244">
        <v>44990.539343750002</v>
      </c>
      <c r="O713" s="245">
        <f t="shared" si="404"/>
        <v>44990.539343750002</v>
      </c>
      <c r="P713" s="285" t="s">
        <v>659</v>
      </c>
      <c r="Q713" s="205" t="s">
        <v>65</v>
      </c>
      <c r="R713" s="203"/>
      <c r="S713" s="203"/>
      <c r="T713" s="203"/>
      <c r="U713" s="203"/>
      <c r="V713" s="203"/>
      <c r="W713" s="203"/>
      <c r="X713" s="203"/>
      <c r="Y713" s="203"/>
      <c r="Z713" s="203"/>
      <c r="AA713" s="203"/>
      <c r="AB713" s="203"/>
      <c r="AC713" s="203"/>
      <c r="AD713" s="203"/>
      <c r="AE713" s="203"/>
      <c r="AF713" s="203"/>
      <c r="AG713" s="203"/>
      <c r="AH713" s="205"/>
      <c r="AI713" s="203"/>
      <c r="AJ713" s="203"/>
      <c r="AK713" s="203"/>
      <c r="AL713" s="205"/>
      <c r="AM713" s="203"/>
      <c r="AN713" s="203"/>
      <c r="AO713" s="203"/>
      <c r="AP713" s="205"/>
      <c r="AQ713" s="203"/>
      <c r="AR713" s="205"/>
      <c r="AS713" s="205"/>
      <c r="AT713" s="203"/>
      <c r="AU713" s="205"/>
      <c r="AV713" s="205"/>
      <c r="AW713" s="204">
        <f t="shared" si="405"/>
        <v>0</v>
      </c>
      <c r="AX713" s="205"/>
      <c r="AY713" s="203" t="str">
        <f t="shared" si="406"/>
        <v/>
      </c>
      <c r="AZ713" s="203" t="str">
        <f t="shared" si="407"/>
        <v/>
      </c>
      <c r="BA713" s="203" t="str">
        <f t="shared" si="408"/>
        <v/>
      </c>
      <c r="BB713" s="203" t="str">
        <f t="shared" si="409"/>
        <v/>
      </c>
      <c r="BC713" s="203" t="str">
        <f t="shared" si="410"/>
        <v/>
      </c>
      <c r="BD713" s="203" t="str">
        <f t="shared" si="411"/>
        <v/>
      </c>
      <c r="BE713" s="203" t="str">
        <f t="shared" si="412"/>
        <v/>
      </c>
      <c r="BF713" s="203" t="str">
        <f t="shared" si="413"/>
        <v/>
      </c>
      <c r="BG713" s="203" t="str">
        <f t="shared" si="414"/>
        <v/>
      </c>
      <c r="BH713" s="203" t="str">
        <f t="shared" si="415"/>
        <v/>
      </c>
      <c r="BI713" s="203" t="str">
        <f t="shared" si="416"/>
        <v/>
      </c>
      <c r="BJ713" s="203" t="str">
        <f t="shared" si="417"/>
        <v/>
      </c>
      <c r="BK713" s="203" t="str">
        <f t="shared" si="418"/>
        <v/>
      </c>
      <c r="BL713" s="203" t="str">
        <f t="shared" si="419"/>
        <v/>
      </c>
      <c r="BM713" s="203" t="str">
        <f t="shared" si="420"/>
        <v/>
      </c>
      <c r="BN713" s="203" t="str">
        <f t="shared" si="421"/>
        <v/>
      </c>
      <c r="BO713" s="203" t="str">
        <f t="shared" si="422"/>
        <v/>
      </c>
      <c r="BP713" s="203" t="str">
        <f t="shared" si="423"/>
        <v/>
      </c>
      <c r="BQ713" s="203" t="str">
        <f t="shared" si="424"/>
        <v/>
      </c>
      <c r="BR713" s="203" t="str">
        <f t="shared" si="425"/>
        <v/>
      </c>
      <c r="BS713" s="203" t="str">
        <f t="shared" si="426"/>
        <v/>
      </c>
      <c r="BT713" s="203" t="str">
        <f t="shared" si="427"/>
        <v/>
      </c>
      <c r="BU713" s="203" t="str">
        <f t="shared" si="428"/>
        <v/>
      </c>
      <c r="BV713" s="203" t="str">
        <f t="shared" si="429"/>
        <v/>
      </c>
      <c r="BW713" s="203" t="str">
        <f t="shared" si="430"/>
        <v/>
      </c>
      <c r="BX713" s="203" t="str">
        <f t="shared" si="431"/>
        <v/>
      </c>
      <c r="BY713" s="203" t="str">
        <f t="shared" si="432"/>
        <v/>
      </c>
      <c r="BZ713" s="203" t="str">
        <f t="shared" si="433"/>
        <v/>
      </c>
      <c r="CA713" s="203" t="str">
        <f t="shared" si="434"/>
        <v/>
      </c>
      <c r="CB713" s="203" t="str">
        <f t="shared" si="435"/>
        <v/>
      </c>
      <c r="CC713" s="203" t="str">
        <f t="shared" si="436"/>
        <v/>
      </c>
      <c r="CD713" s="205"/>
      <c r="CE713" s="205"/>
      <c r="CF713" s="247"/>
    </row>
    <row r="714" spans="1:84" s="178" customFormat="1" ht="56.1" hidden="1" customHeight="1" x14ac:dyDescent="0.2">
      <c r="A714" s="154">
        <v>714</v>
      </c>
      <c r="B714" s="155" t="s">
        <v>53</v>
      </c>
      <c r="C714" s="165" t="s">
        <v>655</v>
      </c>
      <c r="D714" s="172" t="s">
        <v>900</v>
      </c>
      <c r="E714" s="172" t="s">
        <v>916</v>
      </c>
      <c r="F714" s="173" t="s">
        <v>917</v>
      </c>
      <c r="G714" s="163" t="s">
        <v>58</v>
      </c>
      <c r="H714" s="172" t="s">
        <v>846</v>
      </c>
      <c r="I714" s="172" t="s">
        <v>81</v>
      </c>
      <c r="J714" s="163" t="s">
        <v>77</v>
      </c>
      <c r="K714" s="172" t="s">
        <v>834</v>
      </c>
      <c r="L714" s="158" t="s">
        <v>63</v>
      </c>
      <c r="M714" s="158" t="s">
        <v>63</v>
      </c>
      <c r="N714" s="174">
        <v>339178.125</v>
      </c>
      <c r="O714" s="175">
        <f t="shared" si="404"/>
        <v>339178.125</v>
      </c>
      <c r="P714" s="176" t="s">
        <v>839</v>
      </c>
      <c r="Q714" s="176" t="s">
        <v>853</v>
      </c>
      <c r="R714" s="161"/>
      <c r="S714" s="161"/>
      <c r="T714" s="161"/>
      <c r="U714" s="161"/>
      <c r="V714" s="161"/>
      <c r="W714" s="161"/>
      <c r="X714" s="161"/>
      <c r="Y714" s="161"/>
      <c r="Z714" s="161"/>
      <c r="AA714" s="161"/>
      <c r="AB714" s="161"/>
      <c r="AC714" s="161"/>
      <c r="AD714" s="161"/>
      <c r="AE714" s="161"/>
      <c r="AF714" s="161"/>
      <c r="AG714" s="161"/>
      <c r="AH714" s="158"/>
      <c r="AI714" s="161"/>
      <c r="AJ714" s="161"/>
      <c r="AK714" s="161"/>
      <c r="AL714" s="158"/>
      <c r="AM714" s="161"/>
      <c r="AN714" s="161"/>
      <c r="AO714" s="161"/>
      <c r="AP714" s="158"/>
      <c r="AQ714" s="161"/>
      <c r="AR714" s="158"/>
      <c r="AS714" s="158"/>
      <c r="AT714" s="161"/>
      <c r="AU714" s="158"/>
      <c r="AV714" s="158"/>
      <c r="AW714" s="160">
        <f t="shared" si="405"/>
        <v>0</v>
      </c>
      <c r="AX714" s="158"/>
      <c r="AY714" s="161" t="str">
        <f t="shared" si="406"/>
        <v/>
      </c>
      <c r="AZ714" s="161" t="str">
        <f t="shared" si="407"/>
        <v/>
      </c>
      <c r="BA714" s="161" t="str">
        <f t="shared" si="408"/>
        <v/>
      </c>
      <c r="BB714" s="161" t="str">
        <f t="shared" si="409"/>
        <v/>
      </c>
      <c r="BC714" s="161" t="str">
        <f t="shared" si="410"/>
        <v/>
      </c>
      <c r="BD714" s="161" t="str">
        <f t="shared" si="411"/>
        <v/>
      </c>
      <c r="BE714" s="161" t="str">
        <f t="shared" si="412"/>
        <v/>
      </c>
      <c r="BF714" s="161" t="str">
        <f t="shared" si="413"/>
        <v/>
      </c>
      <c r="BG714" s="161" t="str">
        <f t="shared" si="414"/>
        <v/>
      </c>
      <c r="BH714" s="161" t="str">
        <f t="shared" si="415"/>
        <v/>
      </c>
      <c r="BI714" s="161" t="str">
        <f t="shared" si="416"/>
        <v/>
      </c>
      <c r="BJ714" s="161" t="str">
        <f t="shared" si="417"/>
        <v/>
      </c>
      <c r="BK714" s="161" t="str">
        <f t="shared" si="418"/>
        <v/>
      </c>
      <c r="BL714" s="161" t="str">
        <f t="shared" si="419"/>
        <v/>
      </c>
      <c r="BM714" s="161" t="str">
        <f t="shared" si="420"/>
        <v/>
      </c>
      <c r="BN714" s="161" t="str">
        <f t="shared" si="421"/>
        <v/>
      </c>
      <c r="BO714" s="161" t="str">
        <f t="shared" si="422"/>
        <v/>
      </c>
      <c r="BP714" s="161" t="str">
        <f t="shared" si="423"/>
        <v/>
      </c>
      <c r="BQ714" s="161" t="str">
        <f t="shared" si="424"/>
        <v/>
      </c>
      <c r="BR714" s="161" t="str">
        <f t="shared" si="425"/>
        <v/>
      </c>
      <c r="BS714" s="161" t="str">
        <f t="shared" si="426"/>
        <v/>
      </c>
      <c r="BT714" s="161" t="str">
        <f t="shared" si="427"/>
        <v/>
      </c>
      <c r="BU714" s="161" t="str">
        <f t="shared" si="428"/>
        <v/>
      </c>
      <c r="BV714" s="161" t="str">
        <f t="shared" si="429"/>
        <v/>
      </c>
      <c r="BW714" s="161" t="str">
        <f t="shared" si="430"/>
        <v/>
      </c>
      <c r="BX714" s="161" t="str">
        <f t="shared" si="431"/>
        <v/>
      </c>
      <c r="BY714" s="161" t="str">
        <f t="shared" si="432"/>
        <v/>
      </c>
      <c r="BZ714" s="161" t="str">
        <f t="shared" si="433"/>
        <v/>
      </c>
      <c r="CA714" s="161" t="str">
        <f t="shared" si="434"/>
        <v/>
      </c>
      <c r="CB714" s="161" t="str">
        <f t="shared" si="435"/>
        <v/>
      </c>
      <c r="CC714" s="161" t="str">
        <f t="shared" si="436"/>
        <v/>
      </c>
      <c r="CD714" s="158"/>
      <c r="CE714" s="158"/>
      <c r="CF714" s="177"/>
    </row>
    <row r="715" spans="1:84" s="178" customFormat="1" ht="56.1" hidden="1" customHeight="1" x14ac:dyDescent="0.2">
      <c r="A715" s="154">
        <v>715</v>
      </c>
      <c r="B715" s="155" t="s">
        <v>53</v>
      </c>
      <c r="C715" s="165" t="s">
        <v>655</v>
      </c>
      <c r="D715" s="172" t="s">
        <v>900</v>
      </c>
      <c r="E715" s="172" t="s">
        <v>918</v>
      </c>
      <c r="F715" s="173" t="s">
        <v>919</v>
      </c>
      <c r="G715" s="163" t="s">
        <v>58</v>
      </c>
      <c r="H715" s="172" t="s">
        <v>846</v>
      </c>
      <c r="I715" s="172" t="s">
        <v>81</v>
      </c>
      <c r="J715" s="163" t="s">
        <v>77</v>
      </c>
      <c r="K715" s="172" t="s">
        <v>834</v>
      </c>
      <c r="L715" s="158" t="s">
        <v>63</v>
      </c>
      <c r="M715" s="158" t="s">
        <v>63</v>
      </c>
      <c r="N715" s="174">
        <v>328900</v>
      </c>
      <c r="O715" s="175">
        <f t="shared" si="404"/>
        <v>328900</v>
      </c>
      <c r="P715" s="176" t="s">
        <v>839</v>
      </c>
      <c r="Q715" s="176" t="s">
        <v>853</v>
      </c>
      <c r="R715" s="161"/>
      <c r="S715" s="161"/>
      <c r="T715" s="161"/>
      <c r="U715" s="161"/>
      <c r="V715" s="161"/>
      <c r="W715" s="161"/>
      <c r="X715" s="161"/>
      <c r="Y715" s="161"/>
      <c r="Z715" s="161"/>
      <c r="AA715" s="161"/>
      <c r="AB715" s="161"/>
      <c r="AC715" s="161"/>
      <c r="AD715" s="161"/>
      <c r="AE715" s="161"/>
      <c r="AF715" s="161"/>
      <c r="AG715" s="161"/>
      <c r="AH715" s="158"/>
      <c r="AI715" s="161"/>
      <c r="AJ715" s="161"/>
      <c r="AK715" s="161"/>
      <c r="AL715" s="158"/>
      <c r="AM715" s="161"/>
      <c r="AN715" s="161"/>
      <c r="AO715" s="161"/>
      <c r="AP715" s="158"/>
      <c r="AQ715" s="161"/>
      <c r="AR715" s="158"/>
      <c r="AS715" s="158"/>
      <c r="AT715" s="161"/>
      <c r="AU715" s="158"/>
      <c r="AV715" s="158"/>
      <c r="AW715" s="160">
        <f t="shared" si="405"/>
        <v>0</v>
      </c>
      <c r="AX715" s="158"/>
      <c r="AY715" s="161" t="str">
        <f t="shared" si="406"/>
        <v/>
      </c>
      <c r="AZ715" s="161" t="str">
        <f t="shared" si="407"/>
        <v/>
      </c>
      <c r="BA715" s="161" t="str">
        <f t="shared" si="408"/>
        <v/>
      </c>
      <c r="BB715" s="161" t="str">
        <f t="shared" si="409"/>
        <v/>
      </c>
      <c r="BC715" s="161" t="str">
        <f t="shared" si="410"/>
        <v/>
      </c>
      <c r="BD715" s="161" t="str">
        <f t="shared" si="411"/>
        <v/>
      </c>
      <c r="BE715" s="161" t="str">
        <f t="shared" si="412"/>
        <v/>
      </c>
      <c r="BF715" s="161" t="str">
        <f t="shared" si="413"/>
        <v/>
      </c>
      <c r="BG715" s="161" t="str">
        <f t="shared" si="414"/>
        <v/>
      </c>
      <c r="BH715" s="161" t="str">
        <f t="shared" si="415"/>
        <v/>
      </c>
      <c r="BI715" s="161" t="str">
        <f t="shared" si="416"/>
        <v/>
      </c>
      <c r="BJ715" s="161" t="str">
        <f t="shared" si="417"/>
        <v/>
      </c>
      <c r="BK715" s="161" t="str">
        <f t="shared" si="418"/>
        <v/>
      </c>
      <c r="BL715" s="161" t="str">
        <f t="shared" si="419"/>
        <v/>
      </c>
      <c r="BM715" s="161" t="str">
        <f t="shared" si="420"/>
        <v/>
      </c>
      <c r="BN715" s="161" t="str">
        <f t="shared" si="421"/>
        <v/>
      </c>
      <c r="BO715" s="161" t="str">
        <f t="shared" si="422"/>
        <v/>
      </c>
      <c r="BP715" s="161" t="str">
        <f t="shared" si="423"/>
        <v/>
      </c>
      <c r="BQ715" s="161" t="str">
        <f t="shared" si="424"/>
        <v/>
      </c>
      <c r="BR715" s="161" t="str">
        <f t="shared" si="425"/>
        <v/>
      </c>
      <c r="BS715" s="161" t="str">
        <f t="shared" si="426"/>
        <v/>
      </c>
      <c r="BT715" s="161" t="str">
        <f t="shared" si="427"/>
        <v/>
      </c>
      <c r="BU715" s="161" t="str">
        <f t="shared" si="428"/>
        <v/>
      </c>
      <c r="BV715" s="161" t="str">
        <f t="shared" si="429"/>
        <v/>
      </c>
      <c r="BW715" s="161" t="str">
        <f t="shared" si="430"/>
        <v/>
      </c>
      <c r="BX715" s="161" t="str">
        <f t="shared" si="431"/>
        <v/>
      </c>
      <c r="BY715" s="161" t="str">
        <f t="shared" si="432"/>
        <v/>
      </c>
      <c r="BZ715" s="161" t="str">
        <f t="shared" si="433"/>
        <v/>
      </c>
      <c r="CA715" s="161" t="str">
        <f t="shared" si="434"/>
        <v/>
      </c>
      <c r="CB715" s="161" t="str">
        <f t="shared" si="435"/>
        <v/>
      </c>
      <c r="CC715" s="161" t="str">
        <f t="shared" si="436"/>
        <v/>
      </c>
      <c r="CD715" s="158"/>
      <c r="CE715" s="158"/>
      <c r="CF715" s="177"/>
    </row>
    <row r="716" spans="1:84" s="178" customFormat="1" ht="56.1" hidden="1" customHeight="1" x14ac:dyDescent="0.2">
      <c r="A716" s="154">
        <v>716</v>
      </c>
      <c r="B716" s="155" t="s">
        <v>53</v>
      </c>
      <c r="C716" s="165" t="s">
        <v>655</v>
      </c>
      <c r="D716" s="172" t="s">
        <v>900</v>
      </c>
      <c r="E716" s="172" t="s">
        <v>920</v>
      </c>
      <c r="F716" s="173" t="s">
        <v>921</v>
      </c>
      <c r="G716" s="163" t="s">
        <v>58</v>
      </c>
      <c r="H716" s="172" t="s">
        <v>846</v>
      </c>
      <c r="I716" s="172" t="s">
        <v>81</v>
      </c>
      <c r="J716" s="163" t="s">
        <v>77</v>
      </c>
      <c r="K716" s="172" t="s">
        <v>834</v>
      </c>
      <c r="L716" s="158" t="s">
        <v>63</v>
      </c>
      <c r="M716" s="158" t="s">
        <v>63</v>
      </c>
      <c r="N716" s="174">
        <v>328900</v>
      </c>
      <c r="O716" s="175">
        <f t="shared" si="404"/>
        <v>328900</v>
      </c>
      <c r="P716" s="176" t="s">
        <v>839</v>
      </c>
      <c r="Q716" s="176" t="s">
        <v>853</v>
      </c>
      <c r="R716" s="161"/>
      <c r="S716" s="161"/>
      <c r="T716" s="161"/>
      <c r="U716" s="161"/>
      <c r="V716" s="161"/>
      <c r="W716" s="161"/>
      <c r="X716" s="161"/>
      <c r="Y716" s="161"/>
      <c r="Z716" s="161"/>
      <c r="AA716" s="161"/>
      <c r="AB716" s="161"/>
      <c r="AC716" s="161"/>
      <c r="AD716" s="161"/>
      <c r="AE716" s="161"/>
      <c r="AF716" s="161"/>
      <c r="AG716" s="161"/>
      <c r="AH716" s="158"/>
      <c r="AI716" s="161"/>
      <c r="AJ716" s="161"/>
      <c r="AK716" s="161"/>
      <c r="AL716" s="158"/>
      <c r="AM716" s="161"/>
      <c r="AN716" s="161"/>
      <c r="AO716" s="161"/>
      <c r="AP716" s="158"/>
      <c r="AQ716" s="161"/>
      <c r="AR716" s="158"/>
      <c r="AS716" s="158"/>
      <c r="AT716" s="161"/>
      <c r="AU716" s="158"/>
      <c r="AV716" s="158"/>
      <c r="AW716" s="160">
        <f t="shared" si="405"/>
        <v>0</v>
      </c>
      <c r="AX716" s="158"/>
      <c r="AY716" s="161" t="str">
        <f t="shared" si="406"/>
        <v/>
      </c>
      <c r="AZ716" s="161" t="str">
        <f t="shared" si="407"/>
        <v/>
      </c>
      <c r="BA716" s="161" t="str">
        <f t="shared" si="408"/>
        <v/>
      </c>
      <c r="BB716" s="161" t="str">
        <f t="shared" si="409"/>
        <v/>
      </c>
      <c r="BC716" s="161" t="str">
        <f t="shared" si="410"/>
        <v/>
      </c>
      <c r="BD716" s="161" t="str">
        <f t="shared" si="411"/>
        <v/>
      </c>
      <c r="BE716" s="161" t="str">
        <f t="shared" si="412"/>
        <v/>
      </c>
      <c r="BF716" s="161" t="str">
        <f t="shared" si="413"/>
        <v/>
      </c>
      <c r="BG716" s="161" t="str">
        <f t="shared" si="414"/>
        <v/>
      </c>
      <c r="BH716" s="161" t="str">
        <f t="shared" si="415"/>
        <v/>
      </c>
      <c r="BI716" s="161" t="str">
        <f t="shared" si="416"/>
        <v/>
      </c>
      <c r="BJ716" s="161" t="str">
        <f t="shared" si="417"/>
        <v/>
      </c>
      <c r="BK716" s="161" t="str">
        <f t="shared" si="418"/>
        <v/>
      </c>
      <c r="BL716" s="161" t="str">
        <f t="shared" si="419"/>
        <v/>
      </c>
      <c r="BM716" s="161" t="str">
        <f t="shared" si="420"/>
        <v/>
      </c>
      <c r="BN716" s="161" t="str">
        <f t="shared" si="421"/>
        <v/>
      </c>
      <c r="BO716" s="161" t="str">
        <f t="shared" si="422"/>
        <v/>
      </c>
      <c r="BP716" s="161" t="str">
        <f t="shared" si="423"/>
        <v/>
      </c>
      <c r="BQ716" s="161" t="str">
        <f t="shared" si="424"/>
        <v/>
      </c>
      <c r="BR716" s="161" t="str">
        <f t="shared" si="425"/>
        <v/>
      </c>
      <c r="BS716" s="161" t="str">
        <f t="shared" si="426"/>
        <v/>
      </c>
      <c r="BT716" s="161" t="str">
        <f t="shared" si="427"/>
        <v/>
      </c>
      <c r="BU716" s="161" t="str">
        <f t="shared" si="428"/>
        <v/>
      </c>
      <c r="BV716" s="161" t="str">
        <f t="shared" si="429"/>
        <v/>
      </c>
      <c r="BW716" s="161" t="str">
        <f t="shared" si="430"/>
        <v/>
      </c>
      <c r="BX716" s="161" t="str">
        <f t="shared" si="431"/>
        <v/>
      </c>
      <c r="BY716" s="161" t="str">
        <f t="shared" si="432"/>
        <v/>
      </c>
      <c r="BZ716" s="161" t="str">
        <f t="shared" si="433"/>
        <v/>
      </c>
      <c r="CA716" s="161" t="str">
        <f t="shared" si="434"/>
        <v/>
      </c>
      <c r="CB716" s="161" t="str">
        <f t="shared" si="435"/>
        <v/>
      </c>
      <c r="CC716" s="161" t="str">
        <f t="shared" si="436"/>
        <v/>
      </c>
      <c r="CD716" s="158"/>
      <c r="CE716" s="158"/>
      <c r="CF716" s="177"/>
    </row>
    <row r="717" spans="1:84" s="178" customFormat="1" ht="56.1" hidden="1" customHeight="1" x14ac:dyDescent="0.2">
      <c r="A717" s="154">
        <v>717</v>
      </c>
      <c r="B717" s="155" t="s">
        <v>53</v>
      </c>
      <c r="C717" s="165" t="s">
        <v>655</v>
      </c>
      <c r="D717" s="172" t="s">
        <v>900</v>
      </c>
      <c r="E717" s="172" t="s">
        <v>922</v>
      </c>
      <c r="F717" s="173" t="s">
        <v>923</v>
      </c>
      <c r="G717" s="163" t="s">
        <v>58</v>
      </c>
      <c r="H717" s="172" t="s">
        <v>846</v>
      </c>
      <c r="I717" s="172" t="s">
        <v>81</v>
      </c>
      <c r="J717" s="163" t="s">
        <v>77</v>
      </c>
      <c r="K717" s="172" t="s">
        <v>834</v>
      </c>
      <c r="L717" s="158" t="s">
        <v>63</v>
      </c>
      <c r="M717" s="158" t="s">
        <v>63</v>
      </c>
      <c r="N717" s="174">
        <v>4933.5</v>
      </c>
      <c r="O717" s="175">
        <f t="shared" si="404"/>
        <v>4933.5</v>
      </c>
      <c r="P717" s="176" t="s">
        <v>839</v>
      </c>
      <c r="Q717" s="176" t="s">
        <v>853</v>
      </c>
      <c r="R717" s="161"/>
      <c r="S717" s="161"/>
      <c r="T717" s="161"/>
      <c r="U717" s="161"/>
      <c r="V717" s="161"/>
      <c r="W717" s="161"/>
      <c r="X717" s="161"/>
      <c r="Y717" s="161"/>
      <c r="Z717" s="161"/>
      <c r="AA717" s="161"/>
      <c r="AB717" s="161"/>
      <c r="AC717" s="161"/>
      <c r="AD717" s="161"/>
      <c r="AE717" s="161"/>
      <c r="AF717" s="161"/>
      <c r="AG717" s="161"/>
      <c r="AH717" s="158"/>
      <c r="AI717" s="161"/>
      <c r="AJ717" s="161"/>
      <c r="AK717" s="161"/>
      <c r="AL717" s="158"/>
      <c r="AM717" s="161"/>
      <c r="AN717" s="161"/>
      <c r="AO717" s="161"/>
      <c r="AP717" s="158"/>
      <c r="AQ717" s="161"/>
      <c r="AR717" s="158"/>
      <c r="AS717" s="158"/>
      <c r="AT717" s="161"/>
      <c r="AU717" s="158"/>
      <c r="AV717" s="158"/>
      <c r="AW717" s="160">
        <f t="shared" si="405"/>
        <v>0</v>
      </c>
      <c r="AX717" s="158"/>
      <c r="AY717" s="161" t="str">
        <f t="shared" si="406"/>
        <v/>
      </c>
      <c r="AZ717" s="161" t="str">
        <f t="shared" si="407"/>
        <v/>
      </c>
      <c r="BA717" s="161" t="str">
        <f t="shared" si="408"/>
        <v/>
      </c>
      <c r="BB717" s="161" t="str">
        <f t="shared" si="409"/>
        <v/>
      </c>
      <c r="BC717" s="161" t="str">
        <f t="shared" si="410"/>
        <v/>
      </c>
      <c r="BD717" s="161" t="str">
        <f t="shared" si="411"/>
        <v/>
      </c>
      <c r="BE717" s="161" t="str">
        <f t="shared" si="412"/>
        <v/>
      </c>
      <c r="BF717" s="161" t="str">
        <f t="shared" si="413"/>
        <v/>
      </c>
      <c r="BG717" s="161" t="str">
        <f t="shared" si="414"/>
        <v/>
      </c>
      <c r="BH717" s="161" t="str">
        <f t="shared" si="415"/>
        <v/>
      </c>
      <c r="BI717" s="161" t="str">
        <f t="shared" si="416"/>
        <v/>
      </c>
      <c r="BJ717" s="161" t="str">
        <f t="shared" si="417"/>
        <v/>
      </c>
      <c r="BK717" s="161" t="str">
        <f t="shared" si="418"/>
        <v/>
      </c>
      <c r="BL717" s="161" t="str">
        <f t="shared" si="419"/>
        <v/>
      </c>
      <c r="BM717" s="161" t="str">
        <f t="shared" si="420"/>
        <v/>
      </c>
      <c r="BN717" s="161" t="str">
        <f t="shared" si="421"/>
        <v/>
      </c>
      <c r="BO717" s="161" t="str">
        <f t="shared" si="422"/>
        <v/>
      </c>
      <c r="BP717" s="161" t="str">
        <f t="shared" si="423"/>
        <v/>
      </c>
      <c r="BQ717" s="161" t="str">
        <f t="shared" si="424"/>
        <v/>
      </c>
      <c r="BR717" s="161" t="str">
        <f t="shared" si="425"/>
        <v/>
      </c>
      <c r="BS717" s="161" t="str">
        <f t="shared" si="426"/>
        <v/>
      </c>
      <c r="BT717" s="161" t="str">
        <f t="shared" si="427"/>
        <v/>
      </c>
      <c r="BU717" s="161" t="str">
        <f t="shared" si="428"/>
        <v/>
      </c>
      <c r="BV717" s="161" t="str">
        <f t="shared" si="429"/>
        <v/>
      </c>
      <c r="BW717" s="161" t="str">
        <f t="shared" si="430"/>
        <v/>
      </c>
      <c r="BX717" s="161" t="str">
        <f t="shared" si="431"/>
        <v/>
      </c>
      <c r="BY717" s="161" t="str">
        <f t="shared" si="432"/>
        <v/>
      </c>
      <c r="BZ717" s="161" t="str">
        <f t="shared" si="433"/>
        <v/>
      </c>
      <c r="CA717" s="161" t="str">
        <f t="shared" si="434"/>
        <v/>
      </c>
      <c r="CB717" s="161" t="str">
        <f t="shared" si="435"/>
        <v/>
      </c>
      <c r="CC717" s="161" t="str">
        <f t="shared" si="436"/>
        <v/>
      </c>
      <c r="CD717" s="158"/>
      <c r="CE717" s="158"/>
      <c r="CF717" s="177"/>
    </row>
    <row r="718" spans="1:84" s="248" customFormat="1" ht="56.1" hidden="1" customHeight="1" x14ac:dyDescent="0.2">
      <c r="A718" s="198">
        <v>718</v>
      </c>
      <c r="B718" s="199" t="s">
        <v>53</v>
      </c>
      <c r="C718" s="208" t="s">
        <v>655</v>
      </c>
      <c r="D718" s="243" t="s">
        <v>900</v>
      </c>
      <c r="E718" s="243" t="s">
        <v>924</v>
      </c>
      <c r="F718" s="288" t="s">
        <v>925</v>
      </c>
      <c r="G718" s="206" t="s">
        <v>58</v>
      </c>
      <c r="H718" s="243" t="s">
        <v>833</v>
      </c>
      <c r="I718" s="243" t="s">
        <v>81</v>
      </c>
      <c r="J718" s="206" t="s">
        <v>77</v>
      </c>
      <c r="K718" s="243" t="s">
        <v>834</v>
      </c>
      <c r="L718" s="205" t="s">
        <v>63</v>
      </c>
      <c r="M718" s="205" t="s">
        <v>63</v>
      </c>
      <c r="N718" s="244">
        <v>217485.125</v>
      </c>
      <c r="O718" s="245">
        <f t="shared" si="404"/>
        <v>217485.125</v>
      </c>
      <c r="P718" s="285" t="s">
        <v>659</v>
      </c>
      <c r="Q718" s="205" t="s">
        <v>65</v>
      </c>
      <c r="R718" s="203"/>
      <c r="S718" s="203"/>
      <c r="T718" s="203"/>
      <c r="U718" s="203"/>
      <c r="V718" s="203"/>
      <c r="W718" s="203"/>
      <c r="X718" s="203"/>
      <c r="Y718" s="203"/>
      <c r="Z718" s="203"/>
      <c r="AA718" s="203"/>
      <c r="AB718" s="203"/>
      <c r="AC718" s="203"/>
      <c r="AD718" s="203"/>
      <c r="AE718" s="203"/>
      <c r="AF718" s="203"/>
      <c r="AG718" s="203"/>
      <c r="AH718" s="205"/>
      <c r="AI718" s="203"/>
      <c r="AJ718" s="203"/>
      <c r="AK718" s="203"/>
      <c r="AL718" s="205"/>
      <c r="AM718" s="203"/>
      <c r="AN718" s="203"/>
      <c r="AO718" s="203"/>
      <c r="AP718" s="205"/>
      <c r="AQ718" s="203"/>
      <c r="AR718" s="205"/>
      <c r="AS718" s="205"/>
      <c r="AT718" s="203"/>
      <c r="AU718" s="205"/>
      <c r="AV718" s="205"/>
      <c r="AW718" s="204">
        <f t="shared" si="405"/>
        <v>0</v>
      </c>
      <c r="AX718" s="205"/>
      <c r="AY718" s="203" t="str">
        <f t="shared" si="406"/>
        <v/>
      </c>
      <c r="AZ718" s="203" t="str">
        <f t="shared" si="407"/>
        <v/>
      </c>
      <c r="BA718" s="203" t="str">
        <f t="shared" si="408"/>
        <v/>
      </c>
      <c r="BB718" s="203" t="str">
        <f t="shared" si="409"/>
        <v/>
      </c>
      <c r="BC718" s="203" t="str">
        <f t="shared" si="410"/>
        <v/>
      </c>
      <c r="BD718" s="203" t="str">
        <f t="shared" si="411"/>
        <v/>
      </c>
      <c r="BE718" s="203" t="str">
        <f t="shared" si="412"/>
        <v/>
      </c>
      <c r="BF718" s="203" t="str">
        <f t="shared" si="413"/>
        <v/>
      </c>
      <c r="BG718" s="203" t="str">
        <f t="shared" si="414"/>
        <v/>
      </c>
      <c r="BH718" s="203" t="str">
        <f t="shared" si="415"/>
        <v/>
      </c>
      <c r="BI718" s="203" t="str">
        <f t="shared" si="416"/>
        <v/>
      </c>
      <c r="BJ718" s="203" t="str">
        <f t="shared" si="417"/>
        <v/>
      </c>
      <c r="BK718" s="203" t="str">
        <f t="shared" si="418"/>
        <v/>
      </c>
      <c r="BL718" s="203" t="str">
        <f t="shared" si="419"/>
        <v/>
      </c>
      <c r="BM718" s="203" t="str">
        <f t="shared" si="420"/>
        <v/>
      </c>
      <c r="BN718" s="203" t="str">
        <f t="shared" si="421"/>
        <v/>
      </c>
      <c r="BO718" s="203" t="str">
        <f t="shared" si="422"/>
        <v/>
      </c>
      <c r="BP718" s="203" t="str">
        <f t="shared" si="423"/>
        <v/>
      </c>
      <c r="BQ718" s="203" t="str">
        <f t="shared" si="424"/>
        <v/>
      </c>
      <c r="BR718" s="203" t="str">
        <f t="shared" si="425"/>
        <v/>
      </c>
      <c r="BS718" s="203" t="str">
        <f t="shared" si="426"/>
        <v/>
      </c>
      <c r="BT718" s="203" t="str">
        <f t="shared" si="427"/>
        <v/>
      </c>
      <c r="BU718" s="203" t="str">
        <f t="shared" si="428"/>
        <v/>
      </c>
      <c r="BV718" s="203" t="str">
        <f t="shared" si="429"/>
        <v/>
      </c>
      <c r="BW718" s="203" t="str">
        <f t="shared" si="430"/>
        <v/>
      </c>
      <c r="BX718" s="203" t="str">
        <f t="shared" si="431"/>
        <v/>
      </c>
      <c r="BY718" s="203" t="str">
        <f t="shared" si="432"/>
        <v/>
      </c>
      <c r="BZ718" s="203" t="str">
        <f t="shared" si="433"/>
        <v/>
      </c>
      <c r="CA718" s="203" t="str">
        <f t="shared" si="434"/>
        <v/>
      </c>
      <c r="CB718" s="203" t="str">
        <f t="shared" si="435"/>
        <v/>
      </c>
      <c r="CC718" s="203" t="str">
        <f t="shared" si="436"/>
        <v/>
      </c>
      <c r="CD718" s="205"/>
      <c r="CE718" s="205"/>
      <c r="CF718" s="247"/>
    </row>
    <row r="719" spans="1:84" s="178" customFormat="1" ht="56.1" hidden="1" customHeight="1" x14ac:dyDescent="0.2">
      <c r="A719" s="154">
        <v>719</v>
      </c>
      <c r="B719" s="155" t="s">
        <v>53</v>
      </c>
      <c r="C719" s="165" t="s">
        <v>655</v>
      </c>
      <c r="D719" s="172" t="s">
        <v>900</v>
      </c>
      <c r="E719" s="172" t="s">
        <v>926</v>
      </c>
      <c r="F719" s="173" t="s">
        <v>927</v>
      </c>
      <c r="G719" s="163" t="s">
        <v>58</v>
      </c>
      <c r="H719" s="172" t="s">
        <v>846</v>
      </c>
      <c r="I719" s="172" t="s">
        <v>81</v>
      </c>
      <c r="J719" s="163" t="s">
        <v>77</v>
      </c>
      <c r="K719" s="172" t="s">
        <v>834</v>
      </c>
      <c r="L719" s="158" t="s">
        <v>63</v>
      </c>
      <c r="M719" s="158" t="s">
        <v>63</v>
      </c>
      <c r="N719" s="174">
        <v>328900</v>
      </c>
      <c r="O719" s="175">
        <f t="shared" si="404"/>
        <v>328900</v>
      </c>
      <c r="P719" s="176" t="s">
        <v>839</v>
      </c>
      <c r="Q719" s="158" t="s">
        <v>65</v>
      </c>
      <c r="R719" s="158"/>
      <c r="S719" s="158"/>
      <c r="T719" s="158"/>
      <c r="U719" s="158"/>
      <c r="V719" s="158"/>
      <c r="W719" s="158"/>
      <c r="X719" s="158"/>
      <c r="Y719" s="158"/>
      <c r="Z719" s="158"/>
      <c r="AA719" s="158"/>
      <c r="AB719" s="158"/>
      <c r="AC719" s="158"/>
      <c r="AD719" s="158"/>
      <c r="AE719" s="158"/>
      <c r="AF719" s="158"/>
      <c r="AG719" s="158"/>
      <c r="AH719" s="158"/>
      <c r="AI719" s="158"/>
      <c r="AJ719" s="158"/>
      <c r="AK719" s="158"/>
      <c r="AL719" s="158"/>
      <c r="AM719" s="158"/>
      <c r="AN719" s="158"/>
      <c r="AO719" s="158"/>
      <c r="AP719" s="158"/>
      <c r="AQ719" s="158"/>
      <c r="AR719" s="158"/>
      <c r="AS719" s="158"/>
      <c r="AT719" s="158"/>
      <c r="AU719" s="158"/>
      <c r="AV719" s="158"/>
      <c r="AW719" s="160">
        <f t="shared" si="405"/>
        <v>0</v>
      </c>
      <c r="AX719" s="158"/>
      <c r="AY719" s="161" t="str">
        <f t="shared" si="406"/>
        <v/>
      </c>
      <c r="AZ719" s="161" t="str">
        <f t="shared" si="407"/>
        <v/>
      </c>
      <c r="BA719" s="161" t="str">
        <f t="shared" si="408"/>
        <v/>
      </c>
      <c r="BB719" s="161" t="str">
        <f t="shared" si="409"/>
        <v/>
      </c>
      <c r="BC719" s="161" t="str">
        <f t="shared" si="410"/>
        <v/>
      </c>
      <c r="BD719" s="161" t="str">
        <f t="shared" si="411"/>
        <v/>
      </c>
      <c r="BE719" s="161" t="str">
        <f t="shared" si="412"/>
        <v/>
      </c>
      <c r="BF719" s="161" t="str">
        <f t="shared" si="413"/>
        <v/>
      </c>
      <c r="BG719" s="161" t="str">
        <f t="shared" si="414"/>
        <v/>
      </c>
      <c r="BH719" s="161" t="str">
        <f t="shared" si="415"/>
        <v/>
      </c>
      <c r="BI719" s="161" t="str">
        <f t="shared" si="416"/>
        <v/>
      </c>
      <c r="BJ719" s="161" t="str">
        <f t="shared" si="417"/>
        <v/>
      </c>
      <c r="BK719" s="161" t="str">
        <f t="shared" si="418"/>
        <v/>
      </c>
      <c r="BL719" s="161" t="str">
        <f t="shared" si="419"/>
        <v/>
      </c>
      <c r="BM719" s="161" t="str">
        <f t="shared" si="420"/>
        <v/>
      </c>
      <c r="BN719" s="161" t="str">
        <f t="shared" si="421"/>
        <v/>
      </c>
      <c r="BO719" s="161" t="str">
        <f t="shared" si="422"/>
        <v/>
      </c>
      <c r="BP719" s="161" t="str">
        <f t="shared" si="423"/>
        <v/>
      </c>
      <c r="BQ719" s="161" t="str">
        <f t="shared" si="424"/>
        <v/>
      </c>
      <c r="BR719" s="161" t="str">
        <f t="shared" si="425"/>
        <v/>
      </c>
      <c r="BS719" s="161" t="str">
        <f t="shared" si="426"/>
        <v/>
      </c>
      <c r="BT719" s="161" t="str">
        <f t="shared" si="427"/>
        <v/>
      </c>
      <c r="BU719" s="161" t="str">
        <f t="shared" si="428"/>
        <v/>
      </c>
      <c r="BV719" s="161" t="str">
        <f t="shared" si="429"/>
        <v/>
      </c>
      <c r="BW719" s="161" t="str">
        <f t="shared" si="430"/>
        <v/>
      </c>
      <c r="BX719" s="161" t="str">
        <f t="shared" si="431"/>
        <v/>
      </c>
      <c r="BY719" s="161" t="str">
        <f t="shared" si="432"/>
        <v/>
      </c>
      <c r="BZ719" s="161" t="str">
        <f t="shared" si="433"/>
        <v/>
      </c>
      <c r="CA719" s="161" t="str">
        <f t="shared" si="434"/>
        <v/>
      </c>
      <c r="CB719" s="161" t="str">
        <f t="shared" si="435"/>
        <v/>
      </c>
      <c r="CC719" s="161" t="str">
        <f t="shared" si="436"/>
        <v/>
      </c>
      <c r="CD719" s="158"/>
      <c r="CE719" s="158"/>
      <c r="CF719" s="177"/>
    </row>
    <row r="720" spans="1:84" s="178" customFormat="1" ht="56.1" hidden="1" customHeight="1" x14ac:dyDescent="0.2">
      <c r="A720" s="154">
        <v>720</v>
      </c>
      <c r="B720" s="155" t="s">
        <v>869</v>
      </c>
      <c r="C720" s="165" t="s">
        <v>655</v>
      </c>
      <c r="D720" s="179" t="s">
        <v>900</v>
      </c>
      <c r="E720" s="172" t="s">
        <v>928</v>
      </c>
      <c r="F720" s="172" t="s">
        <v>929</v>
      </c>
      <c r="G720" s="163" t="s">
        <v>58</v>
      </c>
      <c r="H720" s="172" t="s">
        <v>27</v>
      </c>
      <c r="I720" s="172" t="s">
        <v>81</v>
      </c>
      <c r="J720" s="163" t="s">
        <v>77</v>
      </c>
      <c r="K720" s="172" t="s">
        <v>834</v>
      </c>
      <c r="L720" s="158" t="s">
        <v>63</v>
      </c>
      <c r="M720" s="158" t="s">
        <v>63</v>
      </c>
      <c r="N720" s="174">
        <v>12333.75</v>
      </c>
      <c r="O720" s="175">
        <f t="shared" si="404"/>
        <v>12333.75</v>
      </c>
      <c r="P720" s="176" t="s">
        <v>839</v>
      </c>
      <c r="Q720" s="176" t="s">
        <v>853</v>
      </c>
      <c r="R720" s="158"/>
      <c r="S720" s="158"/>
      <c r="T720" s="158"/>
      <c r="U720" s="158"/>
      <c r="V720" s="158"/>
      <c r="W720" s="158"/>
      <c r="X720" s="158"/>
      <c r="Y720" s="158"/>
      <c r="Z720" s="158"/>
      <c r="AA720" s="158"/>
      <c r="AB720" s="158"/>
      <c r="AC720" s="158"/>
      <c r="AD720" s="158"/>
      <c r="AE720" s="158"/>
      <c r="AF720" s="158"/>
      <c r="AG720" s="158"/>
      <c r="AH720" s="158"/>
      <c r="AI720" s="158"/>
      <c r="AJ720" s="158"/>
      <c r="AK720" s="158"/>
      <c r="AL720" s="158"/>
      <c r="AM720" s="158"/>
      <c r="AN720" s="158"/>
      <c r="AO720" s="158"/>
      <c r="AP720" s="158"/>
      <c r="AQ720" s="158"/>
      <c r="AR720" s="158"/>
      <c r="AS720" s="158"/>
      <c r="AT720" s="158"/>
      <c r="AU720" s="158"/>
      <c r="AV720" s="158"/>
      <c r="AW720" s="160">
        <f t="shared" si="405"/>
        <v>0</v>
      </c>
      <c r="AX720" s="158"/>
      <c r="AY720" s="161" t="str">
        <f t="shared" si="406"/>
        <v/>
      </c>
      <c r="AZ720" s="161" t="str">
        <f t="shared" si="407"/>
        <v/>
      </c>
      <c r="BA720" s="161" t="str">
        <f t="shared" si="408"/>
        <v/>
      </c>
      <c r="BB720" s="161" t="str">
        <f t="shared" si="409"/>
        <v/>
      </c>
      <c r="BC720" s="161" t="str">
        <f t="shared" si="410"/>
        <v/>
      </c>
      <c r="BD720" s="161" t="str">
        <f t="shared" si="411"/>
        <v/>
      </c>
      <c r="BE720" s="161" t="str">
        <f t="shared" si="412"/>
        <v/>
      </c>
      <c r="BF720" s="161" t="str">
        <f t="shared" si="413"/>
        <v/>
      </c>
      <c r="BG720" s="161" t="str">
        <f t="shared" si="414"/>
        <v/>
      </c>
      <c r="BH720" s="161" t="str">
        <f t="shared" si="415"/>
        <v/>
      </c>
      <c r="BI720" s="161" t="str">
        <f t="shared" si="416"/>
        <v/>
      </c>
      <c r="BJ720" s="161" t="str">
        <f t="shared" si="417"/>
        <v/>
      </c>
      <c r="BK720" s="161" t="str">
        <f t="shared" si="418"/>
        <v/>
      </c>
      <c r="BL720" s="161" t="str">
        <f t="shared" si="419"/>
        <v/>
      </c>
      <c r="BM720" s="161" t="str">
        <f t="shared" si="420"/>
        <v/>
      </c>
      <c r="BN720" s="161" t="str">
        <f t="shared" si="421"/>
        <v/>
      </c>
      <c r="BO720" s="161" t="str">
        <f t="shared" si="422"/>
        <v/>
      </c>
      <c r="BP720" s="161" t="str">
        <f t="shared" si="423"/>
        <v/>
      </c>
      <c r="BQ720" s="161" t="str">
        <f t="shared" si="424"/>
        <v/>
      </c>
      <c r="BR720" s="161" t="str">
        <f t="shared" si="425"/>
        <v/>
      </c>
      <c r="BS720" s="161" t="str">
        <f t="shared" si="426"/>
        <v/>
      </c>
      <c r="BT720" s="161" t="str">
        <f t="shared" si="427"/>
        <v/>
      </c>
      <c r="BU720" s="161" t="str">
        <f t="shared" si="428"/>
        <v/>
      </c>
      <c r="BV720" s="161" t="str">
        <f t="shared" si="429"/>
        <v/>
      </c>
      <c r="BW720" s="161" t="str">
        <f t="shared" si="430"/>
        <v/>
      </c>
      <c r="BX720" s="161" t="str">
        <f t="shared" si="431"/>
        <v/>
      </c>
      <c r="BY720" s="161" t="str">
        <f t="shared" si="432"/>
        <v/>
      </c>
      <c r="BZ720" s="161" t="str">
        <f t="shared" si="433"/>
        <v/>
      </c>
      <c r="CA720" s="161" t="str">
        <f t="shared" si="434"/>
        <v/>
      </c>
      <c r="CB720" s="161" t="str">
        <f t="shared" si="435"/>
        <v/>
      </c>
      <c r="CC720" s="161" t="str">
        <f t="shared" si="436"/>
        <v/>
      </c>
      <c r="CD720" s="158"/>
      <c r="CE720" s="158"/>
      <c r="CF720" s="177"/>
    </row>
    <row r="721" spans="1:84" s="178" customFormat="1" ht="56.1" hidden="1" customHeight="1" x14ac:dyDescent="0.2">
      <c r="A721" s="154">
        <v>721</v>
      </c>
      <c r="B721" s="155" t="s">
        <v>869</v>
      </c>
      <c r="C721" s="165" t="s">
        <v>655</v>
      </c>
      <c r="D721" s="172" t="s">
        <v>900</v>
      </c>
      <c r="E721" s="172" t="s">
        <v>930</v>
      </c>
      <c r="F721" s="173" t="s">
        <v>931</v>
      </c>
      <c r="G721" s="163" t="s">
        <v>58</v>
      </c>
      <c r="H721" s="172" t="s">
        <v>27</v>
      </c>
      <c r="I721" s="172" t="s">
        <v>81</v>
      </c>
      <c r="J721" s="163" t="s">
        <v>77</v>
      </c>
      <c r="K721" s="172" t="s">
        <v>834</v>
      </c>
      <c r="L721" s="158" t="s">
        <v>63</v>
      </c>
      <c r="M721" s="158" t="s">
        <v>63</v>
      </c>
      <c r="N721" s="174">
        <v>227763.25</v>
      </c>
      <c r="O721" s="175">
        <f t="shared" si="404"/>
        <v>227763.25</v>
      </c>
      <c r="P721" s="176" t="s">
        <v>839</v>
      </c>
      <c r="Q721" s="158" t="s">
        <v>65</v>
      </c>
      <c r="R721" s="158"/>
      <c r="S721" s="158"/>
      <c r="T721" s="158"/>
      <c r="U721" s="158"/>
      <c r="V721" s="158"/>
      <c r="W721" s="158"/>
      <c r="X721" s="158"/>
      <c r="Y721" s="158"/>
      <c r="Z721" s="158"/>
      <c r="AA721" s="158"/>
      <c r="AB721" s="158"/>
      <c r="AC721" s="158"/>
      <c r="AD721" s="158"/>
      <c r="AE721" s="158"/>
      <c r="AF721" s="158"/>
      <c r="AG721" s="158"/>
      <c r="AH721" s="158"/>
      <c r="AI721" s="158"/>
      <c r="AJ721" s="158"/>
      <c r="AK721" s="158"/>
      <c r="AL721" s="158"/>
      <c r="AM721" s="158"/>
      <c r="AN721" s="158"/>
      <c r="AO721" s="158"/>
      <c r="AP721" s="158"/>
      <c r="AQ721" s="158"/>
      <c r="AR721" s="158"/>
      <c r="AS721" s="158"/>
      <c r="AT721" s="158"/>
      <c r="AU721" s="158"/>
      <c r="AV721" s="158"/>
      <c r="AW721" s="160">
        <f t="shared" si="405"/>
        <v>0</v>
      </c>
      <c r="AX721" s="158"/>
      <c r="AY721" s="161" t="str">
        <f t="shared" si="406"/>
        <v/>
      </c>
      <c r="AZ721" s="161" t="str">
        <f t="shared" si="407"/>
        <v/>
      </c>
      <c r="BA721" s="161" t="str">
        <f t="shared" si="408"/>
        <v/>
      </c>
      <c r="BB721" s="161" t="str">
        <f t="shared" si="409"/>
        <v/>
      </c>
      <c r="BC721" s="161" t="str">
        <f t="shared" si="410"/>
        <v/>
      </c>
      <c r="BD721" s="161" t="str">
        <f t="shared" si="411"/>
        <v/>
      </c>
      <c r="BE721" s="161" t="str">
        <f t="shared" si="412"/>
        <v/>
      </c>
      <c r="BF721" s="161" t="str">
        <f t="shared" si="413"/>
        <v/>
      </c>
      <c r="BG721" s="161" t="str">
        <f t="shared" si="414"/>
        <v/>
      </c>
      <c r="BH721" s="161" t="str">
        <f t="shared" si="415"/>
        <v/>
      </c>
      <c r="BI721" s="161" t="str">
        <f t="shared" si="416"/>
        <v/>
      </c>
      <c r="BJ721" s="161" t="str">
        <f t="shared" si="417"/>
        <v/>
      </c>
      <c r="BK721" s="161" t="str">
        <f t="shared" si="418"/>
        <v/>
      </c>
      <c r="BL721" s="161" t="str">
        <f t="shared" si="419"/>
        <v/>
      </c>
      <c r="BM721" s="161" t="str">
        <f t="shared" si="420"/>
        <v/>
      </c>
      <c r="BN721" s="161" t="str">
        <f t="shared" si="421"/>
        <v/>
      </c>
      <c r="BO721" s="161" t="str">
        <f t="shared" si="422"/>
        <v/>
      </c>
      <c r="BP721" s="161" t="str">
        <f t="shared" si="423"/>
        <v/>
      </c>
      <c r="BQ721" s="161" t="str">
        <f t="shared" si="424"/>
        <v/>
      </c>
      <c r="BR721" s="161" t="str">
        <f t="shared" si="425"/>
        <v/>
      </c>
      <c r="BS721" s="161" t="str">
        <f t="shared" si="426"/>
        <v/>
      </c>
      <c r="BT721" s="161" t="str">
        <f t="shared" si="427"/>
        <v/>
      </c>
      <c r="BU721" s="161" t="str">
        <f t="shared" si="428"/>
        <v/>
      </c>
      <c r="BV721" s="161" t="str">
        <f t="shared" si="429"/>
        <v/>
      </c>
      <c r="BW721" s="161" t="str">
        <f t="shared" si="430"/>
        <v/>
      </c>
      <c r="BX721" s="161" t="str">
        <f t="shared" si="431"/>
        <v/>
      </c>
      <c r="BY721" s="161" t="str">
        <f t="shared" si="432"/>
        <v/>
      </c>
      <c r="BZ721" s="161" t="str">
        <f t="shared" si="433"/>
        <v/>
      </c>
      <c r="CA721" s="161" t="str">
        <f t="shared" si="434"/>
        <v/>
      </c>
      <c r="CB721" s="161" t="str">
        <f t="shared" si="435"/>
        <v/>
      </c>
      <c r="CC721" s="161" t="str">
        <f t="shared" si="436"/>
        <v/>
      </c>
      <c r="CD721" s="158"/>
      <c r="CE721" s="158"/>
      <c r="CF721" s="177"/>
    </row>
    <row r="722" spans="1:84" s="178" customFormat="1" ht="56.1" hidden="1" customHeight="1" x14ac:dyDescent="0.2">
      <c r="A722" s="154">
        <v>722</v>
      </c>
      <c r="B722" s="155" t="s">
        <v>869</v>
      </c>
      <c r="C722" s="165" t="s">
        <v>655</v>
      </c>
      <c r="D722" s="172" t="s">
        <v>932</v>
      </c>
      <c r="E722" s="172" t="s">
        <v>933</v>
      </c>
      <c r="F722" s="173" t="s">
        <v>934</v>
      </c>
      <c r="G722" s="163" t="s">
        <v>58</v>
      </c>
      <c r="H722" s="172" t="s">
        <v>27</v>
      </c>
      <c r="I722" s="172" t="s">
        <v>81</v>
      </c>
      <c r="J722" s="163" t="s">
        <v>77</v>
      </c>
      <c r="K722" s="172" t="s">
        <v>834</v>
      </c>
      <c r="L722" s="158" t="s">
        <v>63</v>
      </c>
      <c r="M722" s="158" t="s">
        <v>63</v>
      </c>
      <c r="N722" s="174">
        <v>22248.029374999998</v>
      </c>
      <c r="O722" s="175">
        <f t="shared" si="404"/>
        <v>22248.029374999998</v>
      </c>
      <c r="P722" s="176" t="s">
        <v>839</v>
      </c>
      <c r="Q722" s="176" t="s">
        <v>853</v>
      </c>
      <c r="R722" s="158"/>
      <c r="S722" s="158"/>
      <c r="T722" s="158"/>
      <c r="U722" s="158"/>
      <c r="V722" s="158"/>
      <c r="W722" s="158"/>
      <c r="X722" s="158"/>
      <c r="Y722" s="158"/>
      <c r="Z722" s="158"/>
      <c r="AA722" s="158"/>
      <c r="AB722" s="158"/>
      <c r="AC722" s="158"/>
      <c r="AD722" s="158"/>
      <c r="AE722" s="158"/>
      <c r="AF722" s="158"/>
      <c r="AG722" s="158"/>
      <c r="AH722" s="158"/>
      <c r="AI722" s="158"/>
      <c r="AJ722" s="158"/>
      <c r="AK722" s="158"/>
      <c r="AL722" s="158"/>
      <c r="AM722" s="158"/>
      <c r="AN722" s="158"/>
      <c r="AO722" s="158"/>
      <c r="AP722" s="158"/>
      <c r="AQ722" s="158"/>
      <c r="AR722" s="158"/>
      <c r="AS722" s="158"/>
      <c r="AT722" s="158"/>
      <c r="AU722" s="158"/>
      <c r="AV722" s="158"/>
      <c r="AW722" s="160">
        <f t="shared" si="405"/>
        <v>0</v>
      </c>
      <c r="AX722" s="158"/>
      <c r="AY722" s="161" t="str">
        <f t="shared" si="406"/>
        <v/>
      </c>
      <c r="AZ722" s="161" t="str">
        <f t="shared" si="407"/>
        <v/>
      </c>
      <c r="BA722" s="161" t="str">
        <f t="shared" si="408"/>
        <v/>
      </c>
      <c r="BB722" s="161" t="str">
        <f t="shared" si="409"/>
        <v/>
      </c>
      <c r="BC722" s="161" t="str">
        <f t="shared" si="410"/>
        <v/>
      </c>
      <c r="BD722" s="161" t="str">
        <f t="shared" si="411"/>
        <v/>
      </c>
      <c r="BE722" s="161" t="str">
        <f t="shared" si="412"/>
        <v/>
      </c>
      <c r="BF722" s="161" t="str">
        <f t="shared" si="413"/>
        <v/>
      </c>
      <c r="BG722" s="161" t="str">
        <f t="shared" si="414"/>
        <v/>
      </c>
      <c r="BH722" s="161" t="str">
        <f t="shared" si="415"/>
        <v/>
      </c>
      <c r="BI722" s="161" t="str">
        <f t="shared" si="416"/>
        <v/>
      </c>
      <c r="BJ722" s="161" t="str">
        <f t="shared" si="417"/>
        <v/>
      </c>
      <c r="BK722" s="161" t="str">
        <f t="shared" si="418"/>
        <v/>
      </c>
      <c r="BL722" s="161" t="str">
        <f t="shared" si="419"/>
        <v/>
      </c>
      <c r="BM722" s="161" t="str">
        <f t="shared" si="420"/>
        <v/>
      </c>
      <c r="BN722" s="161" t="str">
        <f t="shared" si="421"/>
        <v/>
      </c>
      <c r="BO722" s="161" t="str">
        <f t="shared" si="422"/>
        <v/>
      </c>
      <c r="BP722" s="161" t="str">
        <f t="shared" si="423"/>
        <v/>
      </c>
      <c r="BQ722" s="161" t="str">
        <f t="shared" si="424"/>
        <v/>
      </c>
      <c r="BR722" s="161" t="str">
        <f t="shared" si="425"/>
        <v/>
      </c>
      <c r="BS722" s="161" t="str">
        <f t="shared" si="426"/>
        <v/>
      </c>
      <c r="BT722" s="161" t="str">
        <f t="shared" si="427"/>
        <v/>
      </c>
      <c r="BU722" s="161" t="str">
        <f t="shared" si="428"/>
        <v/>
      </c>
      <c r="BV722" s="161" t="str">
        <f t="shared" si="429"/>
        <v/>
      </c>
      <c r="BW722" s="161" t="str">
        <f t="shared" si="430"/>
        <v/>
      </c>
      <c r="BX722" s="161" t="str">
        <f t="shared" si="431"/>
        <v/>
      </c>
      <c r="BY722" s="161" t="str">
        <f t="shared" si="432"/>
        <v/>
      </c>
      <c r="BZ722" s="161" t="str">
        <f t="shared" si="433"/>
        <v/>
      </c>
      <c r="CA722" s="161" t="str">
        <f t="shared" si="434"/>
        <v/>
      </c>
      <c r="CB722" s="161" t="str">
        <f t="shared" si="435"/>
        <v/>
      </c>
      <c r="CC722" s="161" t="str">
        <f t="shared" si="436"/>
        <v/>
      </c>
      <c r="CD722" s="158"/>
      <c r="CE722" s="158"/>
      <c r="CF722" s="177"/>
    </row>
    <row r="723" spans="1:84" s="178" customFormat="1" ht="56.1" hidden="1" customHeight="1" x14ac:dyDescent="0.2">
      <c r="A723" s="154">
        <v>723</v>
      </c>
      <c r="B723" s="155" t="s">
        <v>869</v>
      </c>
      <c r="C723" s="165" t="s">
        <v>655</v>
      </c>
      <c r="D723" s="172" t="s">
        <v>932</v>
      </c>
      <c r="E723" s="172" t="s">
        <v>935</v>
      </c>
      <c r="F723" s="173" t="s">
        <v>936</v>
      </c>
      <c r="G723" s="163" t="s">
        <v>58</v>
      </c>
      <c r="H723" s="172" t="s">
        <v>27</v>
      </c>
      <c r="I723" s="172" t="s">
        <v>81</v>
      </c>
      <c r="J723" s="163" t="s">
        <v>77</v>
      </c>
      <c r="K723" s="172" t="s">
        <v>834</v>
      </c>
      <c r="L723" s="158" t="s">
        <v>63</v>
      </c>
      <c r="M723" s="158" t="s">
        <v>63</v>
      </c>
      <c r="N723" s="174">
        <v>962209.94720296876</v>
      </c>
      <c r="O723" s="175">
        <f t="shared" si="404"/>
        <v>962209.94720296876</v>
      </c>
      <c r="P723" s="176" t="s">
        <v>839</v>
      </c>
      <c r="Q723" s="176" t="s">
        <v>853</v>
      </c>
      <c r="R723" s="158"/>
      <c r="S723" s="158"/>
      <c r="T723" s="158"/>
      <c r="U723" s="158"/>
      <c r="V723" s="158"/>
      <c r="W723" s="158"/>
      <c r="X723" s="158"/>
      <c r="Y723" s="158"/>
      <c r="Z723" s="158"/>
      <c r="AA723" s="158"/>
      <c r="AB723" s="158"/>
      <c r="AC723" s="158"/>
      <c r="AD723" s="158"/>
      <c r="AE723" s="158"/>
      <c r="AF723" s="158"/>
      <c r="AG723" s="158"/>
      <c r="AH723" s="158"/>
      <c r="AI723" s="158"/>
      <c r="AJ723" s="158"/>
      <c r="AK723" s="158"/>
      <c r="AL723" s="158"/>
      <c r="AM723" s="158"/>
      <c r="AN723" s="158"/>
      <c r="AO723" s="158"/>
      <c r="AP723" s="158"/>
      <c r="AQ723" s="158"/>
      <c r="AR723" s="158"/>
      <c r="AS723" s="158"/>
      <c r="AT723" s="158"/>
      <c r="AU723" s="158"/>
      <c r="AV723" s="158"/>
      <c r="AW723" s="160">
        <f t="shared" si="405"/>
        <v>0</v>
      </c>
      <c r="AX723" s="158"/>
      <c r="AY723" s="161" t="str">
        <f t="shared" si="406"/>
        <v/>
      </c>
      <c r="AZ723" s="161" t="str">
        <f t="shared" si="407"/>
        <v/>
      </c>
      <c r="BA723" s="161" t="str">
        <f t="shared" si="408"/>
        <v/>
      </c>
      <c r="BB723" s="161" t="str">
        <f t="shared" si="409"/>
        <v/>
      </c>
      <c r="BC723" s="161" t="str">
        <f t="shared" si="410"/>
        <v/>
      </c>
      <c r="BD723" s="161" t="str">
        <f t="shared" si="411"/>
        <v/>
      </c>
      <c r="BE723" s="161" t="str">
        <f t="shared" si="412"/>
        <v/>
      </c>
      <c r="BF723" s="161" t="str">
        <f t="shared" si="413"/>
        <v/>
      </c>
      <c r="BG723" s="161" t="str">
        <f t="shared" si="414"/>
        <v/>
      </c>
      <c r="BH723" s="161" t="str">
        <f t="shared" si="415"/>
        <v/>
      </c>
      <c r="BI723" s="161" t="str">
        <f t="shared" si="416"/>
        <v/>
      </c>
      <c r="BJ723" s="161" t="str">
        <f t="shared" si="417"/>
        <v/>
      </c>
      <c r="BK723" s="161" t="str">
        <f t="shared" si="418"/>
        <v/>
      </c>
      <c r="BL723" s="161" t="str">
        <f t="shared" si="419"/>
        <v/>
      </c>
      <c r="BM723" s="161" t="str">
        <f t="shared" si="420"/>
        <v/>
      </c>
      <c r="BN723" s="161" t="str">
        <f t="shared" si="421"/>
        <v/>
      </c>
      <c r="BO723" s="161" t="str">
        <f t="shared" si="422"/>
        <v/>
      </c>
      <c r="BP723" s="161" t="str">
        <f t="shared" si="423"/>
        <v/>
      </c>
      <c r="BQ723" s="161" t="str">
        <f t="shared" si="424"/>
        <v/>
      </c>
      <c r="BR723" s="161" t="str">
        <f t="shared" si="425"/>
        <v/>
      </c>
      <c r="BS723" s="161" t="str">
        <f t="shared" si="426"/>
        <v/>
      </c>
      <c r="BT723" s="161" t="str">
        <f t="shared" si="427"/>
        <v/>
      </c>
      <c r="BU723" s="161" t="str">
        <f t="shared" si="428"/>
        <v/>
      </c>
      <c r="BV723" s="161" t="str">
        <f t="shared" si="429"/>
        <v/>
      </c>
      <c r="BW723" s="161" t="str">
        <f t="shared" si="430"/>
        <v/>
      </c>
      <c r="BX723" s="161" t="str">
        <f t="shared" si="431"/>
        <v/>
      </c>
      <c r="BY723" s="161" t="str">
        <f t="shared" si="432"/>
        <v/>
      </c>
      <c r="BZ723" s="161" t="str">
        <f t="shared" si="433"/>
        <v/>
      </c>
      <c r="CA723" s="161" t="str">
        <f t="shared" si="434"/>
        <v/>
      </c>
      <c r="CB723" s="161" t="str">
        <f t="shared" si="435"/>
        <v/>
      </c>
      <c r="CC723" s="161" t="str">
        <f t="shared" si="436"/>
        <v/>
      </c>
      <c r="CD723" s="158"/>
      <c r="CE723" s="158"/>
      <c r="CF723" s="177"/>
    </row>
    <row r="724" spans="1:84" s="178" customFormat="1" ht="56.1" hidden="1" customHeight="1" x14ac:dyDescent="0.2">
      <c r="A724" s="154">
        <v>724</v>
      </c>
      <c r="B724" s="155" t="s">
        <v>937</v>
      </c>
      <c r="C724" s="165" t="s">
        <v>655</v>
      </c>
      <c r="D724" s="172" t="s">
        <v>900</v>
      </c>
      <c r="E724" s="172" t="s">
        <v>938</v>
      </c>
      <c r="F724" s="173" t="s">
        <v>939</v>
      </c>
      <c r="G724" s="163" t="s">
        <v>58</v>
      </c>
      <c r="H724" s="172" t="s">
        <v>846</v>
      </c>
      <c r="I724" s="172" t="s">
        <v>81</v>
      </c>
      <c r="J724" s="163" t="s">
        <v>77</v>
      </c>
      <c r="K724" s="172" t="s">
        <v>834</v>
      </c>
      <c r="L724" s="158" t="s">
        <v>63</v>
      </c>
      <c r="M724" s="158" t="s">
        <v>63</v>
      </c>
      <c r="N724" s="174">
        <v>320677.5</v>
      </c>
      <c r="O724" s="175">
        <f t="shared" si="404"/>
        <v>320677.5</v>
      </c>
      <c r="P724" s="176" t="s">
        <v>839</v>
      </c>
      <c r="Q724" s="176" t="s">
        <v>853</v>
      </c>
      <c r="R724" s="161"/>
      <c r="S724" s="161"/>
      <c r="T724" s="161"/>
      <c r="U724" s="161"/>
      <c r="V724" s="161"/>
      <c r="W724" s="161"/>
      <c r="X724" s="161"/>
      <c r="Y724" s="161"/>
      <c r="Z724" s="161"/>
      <c r="AA724" s="161"/>
      <c r="AB724" s="161"/>
      <c r="AC724" s="161"/>
      <c r="AD724" s="161"/>
      <c r="AE724" s="161"/>
      <c r="AF724" s="161"/>
      <c r="AG724" s="161"/>
      <c r="AH724" s="158"/>
      <c r="AI724" s="161"/>
      <c r="AJ724" s="161"/>
      <c r="AK724" s="161"/>
      <c r="AL724" s="158"/>
      <c r="AM724" s="161"/>
      <c r="AN724" s="161"/>
      <c r="AO724" s="161"/>
      <c r="AP724" s="158"/>
      <c r="AQ724" s="161"/>
      <c r="AR724" s="158"/>
      <c r="AS724" s="158"/>
      <c r="AT724" s="161"/>
      <c r="AU724" s="158"/>
      <c r="AV724" s="158"/>
      <c r="AW724" s="160">
        <f t="shared" si="405"/>
        <v>0</v>
      </c>
      <c r="AX724" s="158"/>
      <c r="AY724" s="161" t="str">
        <f t="shared" si="406"/>
        <v/>
      </c>
      <c r="AZ724" s="161" t="str">
        <f t="shared" si="407"/>
        <v/>
      </c>
      <c r="BA724" s="161" t="str">
        <f t="shared" si="408"/>
        <v/>
      </c>
      <c r="BB724" s="161" t="str">
        <f t="shared" si="409"/>
        <v/>
      </c>
      <c r="BC724" s="161" t="str">
        <f t="shared" si="410"/>
        <v/>
      </c>
      <c r="BD724" s="161" t="str">
        <f t="shared" si="411"/>
        <v/>
      </c>
      <c r="BE724" s="161" t="str">
        <f t="shared" si="412"/>
        <v/>
      </c>
      <c r="BF724" s="161" t="str">
        <f t="shared" si="413"/>
        <v/>
      </c>
      <c r="BG724" s="161" t="str">
        <f t="shared" si="414"/>
        <v/>
      </c>
      <c r="BH724" s="161" t="str">
        <f t="shared" si="415"/>
        <v/>
      </c>
      <c r="BI724" s="161" t="str">
        <f t="shared" si="416"/>
        <v/>
      </c>
      <c r="BJ724" s="161" t="str">
        <f t="shared" si="417"/>
        <v/>
      </c>
      <c r="BK724" s="161" t="str">
        <f t="shared" si="418"/>
        <v/>
      </c>
      <c r="BL724" s="161" t="str">
        <f t="shared" si="419"/>
        <v/>
      </c>
      <c r="BM724" s="161" t="str">
        <f t="shared" si="420"/>
        <v/>
      </c>
      <c r="BN724" s="161" t="str">
        <f t="shared" si="421"/>
        <v/>
      </c>
      <c r="BO724" s="161" t="str">
        <f t="shared" si="422"/>
        <v/>
      </c>
      <c r="BP724" s="161" t="str">
        <f t="shared" si="423"/>
        <v/>
      </c>
      <c r="BQ724" s="161" t="str">
        <f t="shared" si="424"/>
        <v/>
      </c>
      <c r="BR724" s="161" t="str">
        <f t="shared" si="425"/>
        <v/>
      </c>
      <c r="BS724" s="161" t="str">
        <f t="shared" si="426"/>
        <v/>
      </c>
      <c r="BT724" s="161" t="str">
        <f t="shared" si="427"/>
        <v/>
      </c>
      <c r="BU724" s="161" t="str">
        <f t="shared" si="428"/>
        <v/>
      </c>
      <c r="BV724" s="161" t="str">
        <f t="shared" si="429"/>
        <v/>
      </c>
      <c r="BW724" s="161" t="str">
        <f t="shared" si="430"/>
        <v/>
      </c>
      <c r="BX724" s="161" t="str">
        <f t="shared" si="431"/>
        <v/>
      </c>
      <c r="BY724" s="161" t="str">
        <f t="shared" si="432"/>
        <v/>
      </c>
      <c r="BZ724" s="161" t="str">
        <f t="shared" si="433"/>
        <v/>
      </c>
      <c r="CA724" s="161" t="str">
        <f t="shared" si="434"/>
        <v/>
      </c>
      <c r="CB724" s="161" t="str">
        <f t="shared" si="435"/>
        <v/>
      </c>
      <c r="CC724" s="161" t="str">
        <f t="shared" si="436"/>
        <v/>
      </c>
      <c r="CD724" s="158"/>
      <c r="CE724" s="158"/>
      <c r="CF724" s="177"/>
    </row>
    <row r="725" spans="1:84" s="178" customFormat="1" ht="56.1" hidden="1" customHeight="1" x14ac:dyDescent="0.2">
      <c r="A725" s="154">
        <v>725</v>
      </c>
      <c r="B725" s="155" t="s">
        <v>869</v>
      </c>
      <c r="C725" s="165" t="s">
        <v>655</v>
      </c>
      <c r="D725" s="172" t="s">
        <v>932</v>
      </c>
      <c r="E725" s="172" t="s">
        <v>940</v>
      </c>
      <c r="F725" s="173" t="s">
        <v>941</v>
      </c>
      <c r="G725" s="163" t="s">
        <v>58</v>
      </c>
      <c r="H725" s="172" t="s">
        <v>846</v>
      </c>
      <c r="I725" s="172" t="s">
        <v>81</v>
      </c>
      <c r="J725" s="163" t="s">
        <v>77</v>
      </c>
      <c r="K725" s="172" t="s">
        <v>834</v>
      </c>
      <c r="L725" s="158" t="s">
        <v>63</v>
      </c>
      <c r="M725" s="158" t="s">
        <v>63</v>
      </c>
      <c r="N725" s="174">
        <v>22248.029374999998</v>
      </c>
      <c r="O725" s="175">
        <f t="shared" si="404"/>
        <v>22248.029374999998</v>
      </c>
      <c r="P725" s="176" t="s">
        <v>839</v>
      </c>
      <c r="Q725" s="176" t="s">
        <v>853</v>
      </c>
      <c r="R725" s="158"/>
      <c r="S725" s="158"/>
      <c r="T725" s="158"/>
      <c r="U725" s="158"/>
      <c r="V725" s="158"/>
      <c r="W725" s="158"/>
      <c r="X725" s="158"/>
      <c r="Y725" s="158"/>
      <c r="Z725" s="158"/>
      <c r="AA725" s="158"/>
      <c r="AB725" s="158"/>
      <c r="AC725" s="158"/>
      <c r="AD725" s="158"/>
      <c r="AE725" s="158"/>
      <c r="AF725" s="158"/>
      <c r="AG725" s="158"/>
      <c r="AH725" s="158"/>
      <c r="AI725" s="158"/>
      <c r="AJ725" s="158"/>
      <c r="AK725" s="158"/>
      <c r="AL725" s="158"/>
      <c r="AM725" s="158"/>
      <c r="AN725" s="158"/>
      <c r="AO725" s="158"/>
      <c r="AP725" s="158"/>
      <c r="AQ725" s="158"/>
      <c r="AR725" s="158"/>
      <c r="AS725" s="158"/>
      <c r="AT725" s="158"/>
      <c r="AU725" s="158"/>
      <c r="AV725" s="158"/>
      <c r="AW725" s="160">
        <f t="shared" si="405"/>
        <v>0</v>
      </c>
      <c r="AX725" s="158"/>
      <c r="AY725" s="161" t="str">
        <f t="shared" si="406"/>
        <v/>
      </c>
      <c r="AZ725" s="161" t="str">
        <f t="shared" si="407"/>
        <v/>
      </c>
      <c r="BA725" s="161" t="str">
        <f t="shared" si="408"/>
        <v/>
      </c>
      <c r="BB725" s="161" t="str">
        <f t="shared" si="409"/>
        <v/>
      </c>
      <c r="BC725" s="161" t="str">
        <f t="shared" si="410"/>
        <v/>
      </c>
      <c r="BD725" s="161" t="str">
        <f t="shared" si="411"/>
        <v/>
      </c>
      <c r="BE725" s="161" t="str">
        <f t="shared" si="412"/>
        <v/>
      </c>
      <c r="BF725" s="161" t="str">
        <f t="shared" si="413"/>
        <v/>
      </c>
      <c r="BG725" s="161" t="str">
        <f t="shared" si="414"/>
        <v/>
      </c>
      <c r="BH725" s="161" t="str">
        <f t="shared" si="415"/>
        <v/>
      </c>
      <c r="BI725" s="161" t="str">
        <f t="shared" si="416"/>
        <v/>
      </c>
      <c r="BJ725" s="161" t="str">
        <f t="shared" si="417"/>
        <v/>
      </c>
      <c r="BK725" s="161" t="str">
        <f t="shared" si="418"/>
        <v/>
      </c>
      <c r="BL725" s="161" t="str">
        <f t="shared" si="419"/>
        <v/>
      </c>
      <c r="BM725" s="161" t="str">
        <f t="shared" si="420"/>
        <v/>
      </c>
      <c r="BN725" s="161" t="str">
        <f t="shared" si="421"/>
        <v/>
      </c>
      <c r="BO725" s="161" t="str">
        <f t="shared" si="422"/>
        <v/>
      </c>
      <c r="BP725" s="161" t="str">
        <f t="shared" si="423"/>
        <v/>
      </c>
      <c r="BQ725" s="161" t="str">
        <f t="shared" si="424"/>
        <v/>
      </c>
      <c r="BR725" s="161" t="str">
        <f t="shared" si="425"/>
        <v/>
      </c>
      <c r="BS725" s="161" t="str">
        <f t="shared" si="426"/>
        <v/>
      </c>
      <c r="BT725" s="161" t="str">
        <f t="shared" si="427"/>
        <v/>
      </c>
      <c r="BU725" s="161" t="str">
        <f t="shared" si="428"/>
        <v/>
      </c>
      <c r="BV725" s="161" t="str">
        <f t="shared" si="429"/>
        <v/>
      </c>
      <c r="BW725" s="161" t="str">
        <f t="shared" si="430"/>
        <v/>
      </c>
      <c r="BX725" s="161" t="str">
        <f t="shared" si="431"/>
        <v/>
      </c>
      <c r="BY725" s="161" t="str">
        <f t="shared" si="432"/>
        <v/>
      </c>
      <c r="BZ725" s="161" t="str">
        <f t="shared" si="433"/>
        <v/>
      </c>
      <c r="CA725" s="161" t="str">
        <f t="shared" si="434"/>
        <v/>
      </c>
      <c r="CB725" s="161" t="str">
        <f t="shared" si="435"/>
        <v/>
      </c>
      <c r="CC725" s="161" t="str">
        <f t="shared" si="436"/>
        <v/>
      </c>
      <c r="CD725" s="158"/>
      <c r="CE725" s="158"/>
      <c r="CF725" s="177"/>
    </row>
    <row r="726" spans="1:84" s="178" customFormat="1" ht="56.1" hidden="1" customHeight="1" x14ac:dyDescent="0.2">
      <c r="A726" s="154">
        <v>726</v>
      </c>
      <c r="B726" s="155" t="s">
        <v>53</v>
      </c>
      <c r="C726" s="165" t="s">
        <v>655</v>
      </c>
      <c r="D726" s="172" t="s">
        <v>932</v>
      </c>
      <c r="E726" s="172" t="s">
        <v>942</v>
      </c>
      <c r="F726" s="173" t="s">
        <v>943</v>
      </c>
      <c r="G726" s="163" t="s">
        <v>58</v>
      </c>
      <c r="H726" s="172" t="s">
        <v>846</v>
      </c>
      <c r="I726" s="172" t="s">
        <v>81</v>
      </c>
      <c r="J726" s="163" t="s">
        <v>77</v>
      </c>
      <c r="K726" s="172" t="s">
        <v>834</v>
      </c>
      <c r="L726" s="158" t="s">
        <v>63</v>
      </c>
      <c r="M726" s="158" t="s">
        <v>63</v>
      </c>
      <c r="N726" s="174">
        <v>1539663.125</v>
      </c>
      <c r="O726" s="175">
        <f t="shared" si="404"/>
        <v>1539663.125</v>
      </c>
      <c r="P726" s="176" t="s">
        <v>839</v>
      </c>
      <c r="Q726" s="176" t="s">
        <v>853</v>
      </c>
      <c r="R726" s="158"/>
      <c r="S726" s="158"/>
      <c r="T726" s="158"/>
      <c r="U726" s="158"/>
      <c r="V726" s="158"/>
      <c r="W726" s="158"/>
      <c r="X726" s="158"/>
      <c r="Y726" s="158"/>
      <c r="Z726" s="158"/>
      <c r="AA726" s="158"/>
      <c r="AB726" s="161"/>
      <c r="AC726" s="158"/>
      <c r="AD726" s="158"/>
      <c r="AE726" s="158"/>
      <c r="AF726" s="158"/>
      <c r="AG726" s="158"/>
      <c r="AH726" s="158"/>
      <c r="AI726" s="158"/>
      <c r="AJ726" s="158"/>
      <c r="AK726" s="158"/>
      <c r="AL726" s="158"/>
      <c r="AM726" s="158"/>
      <c r="AN726" s="158"/>
      <c r="AO726" s="158"/>
      <c r="AP726" s="158"/>
      <c r="AQ726" s="158"/>
      <c r="AR726" s="158"/>
      <c r="AS726" s="158"/>
      <c r="AT726" s="158"/>
      <c r="AU726" s="158"/>
      <c r="AV726" s="158"/>
      <c r="AW726" s="160">
        <f t="shared" si="405"/>
        <v>0</v>
      </c>
      <c r="AX726" s="158"/>
      <c r="AY726" s="161" t="str">
        <f t="shared" si="406"/>
        <v/>
      </c>
      <c r="AZ726" s="161" t="str">
        <f t="shared" si="407"/>
        <v/>
      </c>
      <c r="BA726" s="161" t="str">
        <f t="shared" si="408"/>
        <v/>
      </c>
      <c r="BB726" s="161" t="str">
        <f t="shared" si="409"/>
        <v/>
      </c>
      <c r="BC726" s="161" t="str">
        <f t="shared" si="410"/>
        <v/>
      </c>
      <c r="BD726" s="161" t="str">
        <f t="shared" si="411"/>
        <v/>
      </c>
      <c r="BE726" s="161" t="str">
        <f t="shared" si="412"/>
        <v/>
      </c>
      <c r="BF726" s="161" t="str">
        <f t="shared" si="413"/>
        <v/>
      </c>
      <c r="BG726" s="161" t="str">
        <f t="shared" si="414"/>
        <v/>
      </c>
      <c r="BH726" s="161" t="str">
        <f t="shared" si="415"/>
        <v/>
      </c>
      <c r="BI726" s="161" t="str">
        <f t="shared" si="416"/>
        <v/>
      </c>
      <c r="BJ726" s="161" t="str">
        <f t="shared" si="417"/>
        <v/>
      </c>
      <c r="BK726" s="161" t="str">
        <f t="shared" si="418"/>
        <v/>
      </c>
      <c r="BL726" s="161" t="str">
        <f t="shared" si="419"/>
        <v/>
      </c>
      <c r="BM726" s="161" t="str">
        <f t="shared" si="420"/>
        <v/>
      </c>
      <c r="BN726" s="161" t="str">
        <f t="shared" si="421"/>
        <v/>
      </c>
      <c r="BO726" s="161" t="str">
        <f t="shared" si="422"/>
        <v/>
      </c>
      <c r="BP726" s="161" t="str">
        <f t="shared" si="423"/>
        <v/>
      </c>
      <c r="BQ726" s="161" t="str">
        <f t="shared" si="424"/>
        <v/>
      </c>
      <c r="BR726" s="161" t="str">
        <f t="shared" si="425"/>
        <v/>
      </c>
      <c r="BS726" s="161" t="str">
        <f t="shared" si="426"/>
        <v/>
      </c>
      <c r="BT726" s="161" t="str">
        <f t="shared" si="427"/>
        <v/>
      </c>
      <c r="BU726" s="161" t="str">
        <f t="shared" si="428"/>
        <v/>
      </c>
      <c r="BV726" s="161" t="str">
        <f t="shared" si="429"/>
        <v/>
      </c>
      <c r="BW726" s="161" t="str">
        <f t="shared" si="430"/>
        <v/>
      </c>
      <c r="BX726" s="161" t="str">
        <f t="shared" si="431"/>
        <v/>
      </c>
      <c r="BY726" s="161" t="str">
        <f t="shared" si="432"/>
        <v/>
      </c>
      <c r="BZ726" s="161" t="str">
        <f t="shared" si="433"/>
        <v/>
      </c>
      <c r="CA726" s="161" t="str">
        <f t="shared" si="434"/>
        <v/>
      </c>
      <c r="CB726" s="161" t="str">
        <f t="shared" si="435"/>
        <v/>
      </c>
      <c r="CC726" s="161" t="str">
        <f t="shared" si="436"/>
        <v/>
      </c>
      <c r="CD726" s="158"/>
      <c r="CE726" s="158"/>
      <c r="CF726" s="177"/>
    </row>
    <row r="727" spans="1:84" s="178" customFormat="1" ht="56.1" hidden="1" customHeight="1" x14ac:dyDescent="0.2">
      <c r="A727" s="154">
        <v>727</v>
      </c>
      <c r="B727" s="155" t="s">
        <v>53</v>
      </c>
      <c r="C727" s="165" t="s">
        <v>655</v>
      </c>
      <c r="D727" s="172" t="s">
        <v>932</v>
      </c>
      <c r="E727" s="172" t="s">
        <v>944</v>
      </c>
      <c r="F727" s="173" t="s">
        <v>945</v>
      </c>
      <c r="G727" s="163" t="s">
        <v>58</v>
      </c>
      <c r="H727" s="172" t="s">
        <v>846</v>
      </c>
      <c r="I727" s="172" t="s">
        <v>81</v>
      </c>
      <c r="J727" s="163" t="s">
        <v>77</v>
      </c>
      <c r="K727" s="172" t="s">
        <v>834</v>
      </c>
      <c r="L727" s="158" t="s">
        <v>63</v>
      </c>
      <c r="M727" s="158" t="s">
        <v>63</v>
      </c>
      <c r="N727" s="174">
        <v>203095.75</v>
      </c>
      <c r="O727" s="175">
        <f t="shared" si="404"/>
        <v>203095.75</v>
      </c>
      <c r="P727" s="176" t="s">
        <v>839</v>
      </c>
      <c r="Q727" s="158" t="s">
        <v>65</v>
      </c>
      <c r="R727" s="158"/>
      <c r="S727" s="158"/>
      <c r="T727" s="158"/>
      <c r="U727" s="158"/>
      <c r="V727" s="158"/>
      <c r="W727" s="158"/>
      <c r="X727" s="158"/>
      <c r="Y727" s="158"/>
      <c r="Z727" s="158"/>
      <c r="AA727" s="158"/>
      <c r="AB727" s="161"/>
      <c r="AC727" s="158"/>
      <c r="AD727" s="158"/>
      <c r="AE727" s="158"/>
      <c r="AF727" s="158"/>
      <c r="AG727" s="158"/>
      <c r="AH727" s="158"/>
      <c r="AI727" s="158"/>
      <c r="AJ727" s="158"/>
      <c r="AK727" s="158"/>
      <c r="AL727" s="158"/>
      <c r="AM727" s="158"/>
      <c r="AN727" s="158"/>
      <c r="AO727" s="158"/>
      <c r="AP727" s="158"/>
      <c r="AQ727" s="158"/>
      <c r="AR727" s="158"/>
      <c r="AS727" s="158"/>
      <c r="AT727" s="158"/>
      <c r="AU727" s="158"/>
      <c r="AV727" s="158"/>
      <c r="AW727" s="160">
        <f t="shared" si="405"/>
        <v>0</v>
      </c>
      <c r="AX727" s="158"/>
      <c r="AY727" s="161" t="str">
        <f t="shared" si="406"/>
        <v/>
      </c>
      <c r="AZ727" s="161" t="str">
        <f t="shared" si="407"/>
        <v/>
      </c>
      <c r="BA727" s="161" t="str">
        <f t="shared" si="408"/>
        <v/>
      </c>
      <c r="BB727" s="161" t="str">
        <f t="shared" si="409"/>
        <v/>
      </c>
      <c r="BC727" s="161" t="str">
        <f t="shared" si="410"/>
        <v/>
      </c>
      <c r="BD727" s="161" t="str">
        <f t="shared" si="411"/>
        <v/>
      </c>
      <c r="BE727" s="161" t="str">
        <f t="shared" si="412"/>
        <v/>
      </c>
      <c r="BF727" s="161" t="str">
        <f t="shared" si="413"/>
        <v/>
      </c>
      <c r="BG727" s="161" t="str">
        <f t="shared" si="414"/>
        <v/>
      </c>
      <c r="BH727" s="161" t="str">
        <f t="shared" si="415"/>
        <v/>
      </c>
      <c r="BI727" s="161" t="str">
        <f t="shared" si="416"/>
        <v/>
      </c>
      <c r="BJ727" s="161" t="str">
        <f t="shared" si="417"/>
        <v/>
      </c>
      <c r="BK727" s="161" t="str">
        <f t="shared" si="418"/>
        <v/>
      </c>
      <c r="BL727" s="161" t="str">
        <f t="shared" si="419"/>
        <v/>
      </c>
      <c r="BM727" s="161" t="str">
        <f t="shared" si="420"/>
        <v/>
      </c>
      <c r="BN727" s="161" t="str">
        <f t="shared" si="421"/>
        <v/>
      </c>
      <c r="BO727" s="161" t="str">
        <f t="shared" si="422"/>
        <v/>
      </c>
      <c r="BP727" s="161" t="str">
        <f t="shared" si="423"/>
        <v/>
      </c>
      <c r="BQ727" s="161" t="str">
        <f t="shared" si="424"/>
        <v/>
      </c>
      <c r="BR727" s="161" t="str">
        <f t="shared" si="425"/>
        <v/>
      </c>
      <c r="BS727" s="161" t="str">
        <f t="shared" si="426"/>
        <v/>
      </c>
      <c r="BT727" s="161" t="str">
        <f t="shared" si="427"/>
        <v/>
      </c>
      <c r="BU727" s="161" t="str">
        <f t="shared" si="428"/>
        <v/>
      </c>
      <c r="BV727" s="161" t="str">
        <f t="shared" si="429"/>
        <v/>
      </c>
      <c r="BW727" s="161" t="str">
        <f t="shared" si="430"/>
        <v/>
      </c>
      <c r="BX727" s="161" t="str">
        <f t="shared" si="431"/>
        <v/>
      </c>
      <c r="BY727" s="161" t="str">
        <f t="shared" si="432"/>
        <v/>
      </c>
      <c r="BZ727" s="161" t="str">
        <f t="shared" si="433"/>
        <v/>
      </c>
      <c r="CA727" s="161" t="str">
        <f t="shared" si="434"/>
        <v/>
      </c>
      <c r="CB727" s="161" t="str">
        <f t="shared" si="435"/>
        <v/>
      </c>
      <c r="CC727" s="161" t="str">
        <f t="shared" si="436"/>
        <v/>
      </c>
      <c r="CD727" s="158"/>
      <c r="CE727" s="158"/>
      <c r="CF727" s="177"/>
    </row>
    <row r="728" spans="1:84" s="248" customFormat="1" ht="56.1" hidden="1" customHeight="1" x14ac:dyDescent="0.2">
      <c r="A728" s="198">
        <v>728</v>
      </c>
      <c r="B728" s="199" t="s">
        <v>53</v>
      </c>
      <c r="C728" s="208" t="s">
        <v>655</v>
      </c>
      <c r="D728" s="242" t="s">
        <v>830</v>
      </c>
      <c r="E728" s="243" t="s">
        <v>946</v>
      </c>
      <c r="F728" s="243" t="s">
        <v>947</v>
      </c>
      <c r="G728" s="206" t="s">
        <v>58</v>
      </c>
      <c r="H728" s="243" t="s">
        <v>948</v>
      </c>
      <c r="I728" s="243" t="s">
        <v>81</v>
      </c>
      <c r="J728" s="206" t="s">
        <v>77</v>
      </c>
      <c r="K728" s="242" t="s">
        <v>834</v>
      </c>
      <c r="L728" s="205" t="s">
        <v>63</v>
      </c>
      <c r="M728" s="205" t="s">
        <v>63</v>
      </c>
      <c r="N728" s="244">
        <v>370629.1875</v>
      </c>
      <c r="O728" s="245">
        <f t="shared" si="404"/>
        <v>370629.1875</v>
      </c>
      <c r="P728" s="285" t="s">
        <v>659</v>
      </c>
      <c r="Q728" s="205" t="s">
        <v>65</v>
      </c>
      <c r="R728" s="205"/>
      <c r="S728" s="205"/>
      <c r="T728" s="205"/>
      <c r="U728" s="205"/>
      <c r="V728" s="205"/>
      <c r="W728" s="205"/>
      <c r="X728" s="205"/>
      <c r="Y728" s="205"/>
      <c r="Z728" s="205"/>
      <c r="AA728" s="205"/>
      <c r="AB728" s="203"/>
      <c r="AC728" s="205"/>
      <c r="AD728" s="205"/>
      <c r="AE728" s="205"/>
      <c r="AF728" s="205"/>
      <c r="AG728" s="205"/>
      <c r="AH728" s="205"/>
      <c r="AI728" s="205"/>
      <c r="AJ728" s="205"/>
      <c r="AK728" s="205"/>
      <c r="AL728" s="205"/>
      <c r="AM728" s="205"/>
      <c r="AN728" s="205"/>
      <c r="AO728" s="205"/>
      <c r="AP728" s="205"/>
      <c r="AQ728" s="205"/>
      <c r="AR728" s="205"/>
      <c r="AS728" s="205"/>
      <c r="AT728" s="205"/>
      <c r="AU728" s="205"/>
      <c r="AV728" s="205"/>
      <c r="AW728" s="204">
        <f t="shared" si="405"/>
        <v>0</v>
      </c>
      <c r="AX728" s="205"/>
      <c r="AY728" s="203" t="str">
        <f t="shared" si="406"/>
        <v/>
      </c>
      <c r="AZ728" s="203" t="str">
        <f t="shared" si="407"/>
        <v/>
      </c>
      <c r="BA728" s="203" t="str">
        <f t="shared" si="408"/>
        <v/>
      </c>
      <c r="BB728" s="203" t="str">
        <f t="shared" si="409"/>
        <v/>
      </c>
      <c r="BC728" s="203" t="str">
        <f t="shared" si="410"/>
        <v/>
      </c>
      <c r="BD728" s="203" t="str">
        <f t="shared" si="411"/>
        <v/>
      </c>
      <c r="BE728" s="203" t="str">
        <f t="shared" si="412"/>
        <v/>
      </c>
      <c r="BF728" s="203" t="str">
        <f t="shared" si="413"/>
        <v/>
      </c>
      <c r="BG728" s="203" t="str">
        <f t="shared" si="414"/>
        <v/>
      </c>
      <c r="BH728" s="203" t="str">
        <f t="shared" si="415"/>
        <v/>
      </c>
      <c r="BI728" s="203" t="str">
        <f t="shared" si="416"/>
        <v/>
      </c>
      <c r="BJ728" s="203" t="str">
        <f t="shared" si="417"/>
        <v/>
      </c>
      <c r="BK728" s="203" t="str">
        <f t="shared" si="418"/>
        <v/>
      </c>
      <c r="BL728" s="203" t="str">
        <f t="shared" si="419"/>
        <v/>
      </c>
      <c r="BM728" s="203" t="str">
        <f t="shared" si="420"/>
        <v/>
      </c>
      <c r="BN728" s="203" t="str">
        <f t="shared" si="421"/>
        <v/>
      </c>
      <c r="BO728" s="203" t="str">
        <f t="shared" si="422"/>
        <v/>
      </c>
      <c r="BP728" s="203" t="str">
        <f t="shared" si="423"/>
        <v/>
      </c>
      <c r="BQ728" s="203" t="str">
        <f t="shared" si="424"/>
        <v/>
      </c>
      <c r="BR728" s="203" t="str">
        <f t="shared" si="425"/>
        <v/>
      </c>
      <c r="BS728" s="203" t="str">
        <f t="shared" si="426"/>
        <v/>
      </c>
      <c r="BT728" s="203" t="str">
        <f t="shared" si="427"/>
        <v/>
      </c>
      <c r="BU728" s="203" t="str">
        <f t="shared" si="428"/>
        <v/>
      </c>
      <c r="BV728" s="203" t="str">
        <f t="shared" si="429"/>
        <v/>
      </c>
      <c r="BW728" s="203" t="str">
        <f t="shared" si="430"/>
        <v/>
      </c>
      <c r="BX728" s="203" t="str">
        <f t="shared" si="431"/>
        <v/>
      </c>
      <c r="BY728" s="203" t="str">
        <f t="shared" si="432"/>
        <v/>
      </c>
      <c r="BZ728" s="203" t="str">
        <f t="shared" si="433"/>
        <v/>
      </c>
      <c r="CA728" s="203" t="str">
        <f t="shared" si="434"/>
        <v/>
      </c>
      <c r="CB728" s="203" t="str">
        <f t="shared" si="435"/>
        <v/>
      </c>
      <c r="CC728" s="203" t="str">
        <f t="shared" si="436"/>
        <v/>
      </c>
      <c r="CD728" s="205"/>
      <c r="CE728" s="205"/>
      <c r="CF728" s="247"/>
    </row>
    <row r="729" spans="1:84" s="194" customFormat="1" ht="56.1" hidden="1" customHeight="1" x14ac:dyDescent="0.2">
      <c r="A729" s="181">
        <v>729</v>
      </c>
      <c r="B729" s="182" t="s">
        <v>53</v>
      </c>
      <c r="C729" s="183" t="s">
        <v>655</v>
      </c>
      <c r="D729" s="195" t="s">
        <v>830</v>
      </c>
      <c r="E729" s="184" t="s">
        <v>949</v>
      </c>
      <c r="F729" s="184" t="s">
        <v>950</v>
      </c>
      <c r="G729" s="186" t="s">
        <v>58</v>
      </c>
      <c r="H729" s="184" t="s">
        <v>951</v>
      </c>
      <c r="I729" s="184" t="s">
        <v>81</v>
      </c>
      <c r="J729" s="186" t="s">
        <v>77</v>
      </c>
      <c r="K729" s="195" t="s">
        <v>834</v>
      </c>
      <c r="L729" s="187" t="s">
        <v>63</v>
      </c>
      <c r="M729" s="187" t="s">
        <v>63</v>
      </c>
      <c r="N729" s="188">
        <v>370629.1875</v>
      </c>
      <c r="O729" s="189">
        <f t="shared" si="404"/>
        <v>370629.1875</v>
      </c>
      <c r="P729" s="190" t="s">
        <v>839</v>
      </c>
      <c r="Q729" s="187" t="s">
        <v>65</v>
      </c>
      <c r="R729" s="187"/>
      <c r="S729" s="187"/>
      <c r="T729" s="187"/>
      <c r="U729" s="187"/>
      <c r="V729" s="187"/>
      <c r="W729" s="187"/>
      <c r="X729" s="187"/>
      <c r="Y729" s="187"/>
      <c r="Z729" s="187"/>
      <c r="AA729" s="187"/>
      <c r="AB729" s="192"/>
      <c r="AC729" s="187"/>
      <c r="AD729" s="187"/>
      <c r="AE729" s="187"/>
      <c r="AF729" s="187"/>
      <c r="AG729" s="187"/>
      <c r="AH729" s="187"/>
      <c r="AI729" s="187"/>
      <c r="AJ729" s="187"/>
      <c r="AK729" s="187"/>
      <c r="AL729" s="187"/>
      <c r="AM729" s="187"/>
      <c r="AN729" s="187"/>
      <c r="AO729" s="187"/>
      <c r="AP729" s="187"/>
      <c r="AQ729" s="187"/>
      <c r="AR729" s="187"/>
      <c r="AS729" s="187"/>
      <c r="AT729" s="187"/>
      <c r="AU729" s="187"/>
      <c r="AV729" s="187"/>
      <c r="AW729" s="191">
        <f t="shared" si="405"/>
        <v>0</v>
      </c>
      <c r="AX729" s="187"/>
      <c r="AY729" s="192" t="str">
        <f t="shared" si="406"/>
        <v/>
      </c>
      <c r="AZ729" s="192" t="str">
        <f t="shared" si="407"/>
        <v/>
      </c>
      <c r="BA729" s="192" t="str">
        <f t="shared" si="408"/>
        <v/>
      </c>
      <c r="BB729" s="192" t="str">
        <f t="shared" si="409"/>
        <v/>
      </c>
      <c r="BC729" s="192" t="str">
        <f t="shared" si="410"/>
        <v/>
      </c>
      <c r="BD729" s="192" t="str">
        <f t="shared" si="411"/>
        <v/>
      </c>
      <c r="BE729" s="192" t="str">
        <f t="shared" si="412"/>
        <v/>
      </c>
      <c r="BF729" s="192" t="str">
        <f t="shared" si="413"/>
        <v/>
      </c>
      <c r="BG729" s="192" t="str">
        <f t="shared" si="414"/>
        <v/>
      </c>
      <c r="BH729" s="192" t="str">
        <f t="shared" si="415"/>
        <v/>
      </c>
      <c r="BI729" s="192" t="str">
        <f t="shared" si="416"/>
        <v/>
      </c>
      <c r="BJ729" s="192" t="str">
        <f t="shared" si="417"/>
        <v/>
      </c>
      <c r="BK729" s="192" t="str">
        <f t="shared" si="418"/>
        <v/>
      </c>
      <c r="BL729" s="192" t="str">
        <f t="shared" si="419"/>
        <v/>
      </c>
      <c r="BM729" s="192" t="str">
        <f t="shared" si="420"/>
        <v/>
      </c>
      <c r="BN729" s="192" t="str">
        <f t="shared" si="421"/>
        <v/>
      </c>
      <c r="BO729" s="192" t="str">
        <f t="shared" si="422"/>
        <v/>
      </c>
      <c r="BP729" s="192" t="str">
        <f t="shared" si="423"/>
        <v/>
      </c>
      <c r="BQ729" s="192" t="str">
        <f t="shared" si="424"/>
        <v/>
      </c>
      <c r="BR729" s="192" t="str">
        <f t="shared" si="425"/>
        <v/>
      </c>
      <c r="BS729" s="192" t="str">
        <f t="shared" si="426"/>
        <v/>
      </c>
      <c r="BT729" s="192" t="str">
        <f t="shared" si="427"/>
        <v/>
      </c>
      <c r="BU729" s="192" t="str">
        <f t="shared" si="428"/>
        <v/>
      </c>
      <c r="BV729" s="192" t="str">
        <f t="shared" si="429"/>
        <v/>
      </c>
      <c r="BW729" s="192" t="str">
        <f t="shared" si="430"/>
        <v/>
      </c>
      <c r="BX729" s="192" t="str">
        <f t="shared" si="431"/>
        <v/>
      </c>
      <c r="BY729" s="192" t="str">
        <f t="shared" si="432"/>
        <v/>
      </c>
      <c r="BZ729" s="192" t="str">
        <f t="shared" si="433"/>
        <v/>
      </c>
      <c r="CA729" s="192" t="str">
        <f t="shared" si="434"/>
        <v/>
      </c>
      <c r="CB729" s="192" t="str">
        <f t="shared" si="435"/>
        <v/>
      </c>
      <c r="CC729" s="192" t="str">
        <f t="shared" si="436"/>
        <v/>
      </c>
      <c r="CD729" s="187"/>
      <c r="CE729" s="187"/>
      <c r="CF729" s="193"/>
    </row>
    <row r="730" spans="1:84" s="248" customFormat="1" ht="56.1" hidden="1" customHeight="1" x14ac:dyDescent="0.2">
      <c r="A730" s="198">
        <v>730</v>
      </c>
      <c r="B730" s="199" t="s">
        <v>912</v>
      </c>
      <c r="C730" s="208" t="s">
        <v>655</v>
      </c>
      <c r="D730" s="243" t="s">
        <v>932</v>
      </c>
      <c r="E730" s="288" t="s">
        <v>952</v>
      </c>
      <c r="F730" s="288" t="s">
        <v>953</v>
      </c>
      <c r="G730" s="206" t="s">
        <v>58</v>
      </c>
      <c r="H730" s="243" t="s">
        <v>948</v>
      </c>
      <c r="I730" s="243" t="s">
        <v>81</v>
      </c>
      <c r="J730" s="206" t="s">
        <v>77</v>
      </c>
      <c r="K730" s="242" t="s">
        <v>722</v>
      </c>
      <c r="L730" s="205" t="s">
        <v>63</v>
      </c>
      <c r="M730" s="205" t="s">
        <v>63</v>
      </c>
      <c r="N730" s="201">
        <v>2000000</v>
      </c>
      <c r="O730" s="201">
        <f t="shared" si="404"/>
        <v>2000000</v>
      </c>
      <c r="P730" s="285" t="s">
        <v>659</v>
      </c>
      <c r="Q730" s="205" t="s">
        <v>65</v>
      </c>
      <c r="R730" s="205"/>
      <c r="S730" s="205"/>
      <c r="T730" s="205"/>
      <c r="U730" s="205"/>
      <c r="V730" s="205"/>
      <c r="W730" s="205"/>
      <c r="X730" s="205"/>
      <c r="Y730" s="205"/>
      <c r="Z730" s="205"/>
      <c r="AA730" s="205"/>
      <c r="AB730" s="205"/>
      <c r="AC730" s="205"/>
      <c r="AD730" s="205"/>
      <c r="AE730" s="205"/>
      <c r="AF730" s="205"/>
      <c r="AG730" s="205"/>
      <c r="AH730" s="205"/>
      <c r="AI730" s="205"/>
      <c r="AJ730" s="205"/>
      <c r="AK730" s="205"/>
      <c r="AL730" s="205"/>
      <c r="AM730" s="205"/>
      <c r="AN730" s="205"/>
      <c r="AO730" s="205"/>
      <c r="AP730" s="205"/>
      <c r="AQ730" s="205"/>
      <c r="AR730" s="205"/>
      <c r="AS730" s="205"/>
      <c r="AT730" s="205"/>
      <c r="AU730" s="205"/>
      <c r="AV730" s="205"/>
      <c r="AW730" s="204">
        <f t="shared" si="405"/>
        <v>0</v>
      </c>
      <c r="AX730" s="205"/>
      <c r="AY730" s="203" t="str">
        <f t="shared" si="406"/>
        <v/>
      </c>
      <c r="AZ730" s="203" t="str">
        <f t="shared" si="407"/>
        <v/>
      </c>
      <c r="BA730" s="203" t="str">
        <f t="shared" si="408"/>
        <v/>
      </c>
      <c r="BB730" s="203" t="str">
        <f t="shared" si="409"/>
        <v/>
      </c>
      <c r="BC730" s="203" t="str">
        <f t="shared" si="410"/>
        <v/>
      </c>
      <c r="BD730" s="203" t="str">
        <f t="shared" si="411"/>
        <v/>
      </c>
      <c r="BE730" s="203" t="str">
        <f t="shared" si="412"/>
        <v/>
      </c>
      <c r="BF730" s="203" t="str">
        <f t="shared" si="413"/>
        <v/>
      </c>
      <c r="BG730" s="203" t="str">
        <f t="shared" si="414"/>
        <v/>
      </c>
      <c r="BH730" s="203" t="str">
        <f t="shared" si="415"/>
        <v/>
      </c>
      <c r="BI730" s="203" t="str">
        <f t="shared" si="416"/>
        <v/>
      </c>
      <c r="BJ730" s="203" t="str">
        <f t="shared" si="417"/>
        <v/>
      </c>
      <c r="BK730" s="203" t="str">
        <f t="shared" si="418"/>
        <v/>
      </c>
      <c r="BL730" s="203" t="str">
        <f t="shared" si="419"/>
        <v/>
      </c>
      <c r="BM730" s="203" t="str">
        <f t="shared" si="420"/>
        <v/>
      </c>
      <c r="BN730" s="203" t="str">
        <f t="shared" si="421"/>
        <v/>
      </c>
      <c r="BO730" s="203" t="str">
        <f t="shared" si="422"/>
        <v/>
      </c>
      <c r="BP730" s="203" t="str">
        <f t="shared" si="423"/>
        <v/>
      </c>
      <c r="BQ730" s="203" t="str">
        <f t="shared" si="424"/>
        <v/>
      </c>
      <c r="BR730" s="203" t="str">
        <f t="shared" si="425"/>
        <v/>
      </c>
      <c r="BS730" s="203" t="str">
        <f t="shared" si="426"/>
        <v/>
      </c>
      <c r="BT730" s="203" t="str">
        <f t="shared" si="427"/>
        <v/>
      </c>
      <c r="BU730" s="203" t="str">
        <f t="shared" si="428"/>
        <v/>
      </c>
      <c r="BV730" s="203" t="str">
        <f t="shared" si="429"/>
        <v/>
      </c>
      <c r="BW730" s="203" t="str">
        <f t="shared" si="430"/>
        <v/>
      </c>
      <c r="BX730" s="203" t="str">
        <f t="shared" si="431"/>
        <v/>
      </c>
      <c r="BY730" s="203" t="str">
        <f t="shared" si="432"/>
        <v/>
      </c>
      <c r="BZ730" s="203" t="str">
        <f t="shared" si="433"/>
        <v/>
      </c>
      <c r="CA730" s="203" t="str">
        <f t="shared" si="434"/>
        <v/>
      </c>
      <c r="CB730" s="203" t="str">
        <f t="shared" si="435"/>
        <v/>
      </c>
      <c r="CC730" s="203" t="str">
        <f t="shared" si="436"/>
        <v/>
      </c>
      <c r="CD730" s="205"/>
      <c r="CE730" s="205"/>
      <c r="CF730" s="247"/>
    </row>
    <row r="731" spans="1:84" s="194" customFormat="1" ht="56.1" hidden="1" customHeight="1" x14ac:dyDescent="0.2">
      <c r="A731" s="181">
        <v>731</v>
      </c>
      <c r="B731" s="182" t="s">
        <v>869</v>
      </c>
      <c r="C731" s="183" t="s">
        <v>655</v>
      </c>
      <c r="D731" s="184" t="s">
        <v>932</v>
      </c>
      <c r="E731" s="185" t="s">
        <v>954</v>
      </c>
      <c r="F731" s="185" t="s">
        <v>955</v>
      </c>
      <c r="G731" s="186" t="s">
        <v>58</v>
      </c>
      <c r="H731" s="184" t="s">
        <v>956</v>
      </c>
      <c r="I731" s="184" t="s">
        <v>81</v>
      </c>
      <c r="J731" s="186" t="s">
        <v>77</v>
      </c>
      <c r="K731" s="184" t="s">
        <v>834</v>
      </c>
      <c r="L731" s="187" t="s">
        <v>63</v>
      </c>
      <c r="M731" s="187" t="s">
        <v>63</v>
      </c>
      <c r="N731" s="188">
        <v>17526.258750000001</v>
      </c>
      <c r="O731" s="189">
        <f t="shared" si="404"/>
        <v>17526.258750000001</v>
      </c>
      <c r="P731" s="190" t="s">
        <v>839</v>
      </c>
      <c r="Q731" s="187" t="s">
        <v>65</v>
      </c>
      <c r="R731" s="187"/>
      <c r="S731" s="187"/>
      <c r="T731" s="187"/>
      <c r="U731" s="187"/>
      <c r="V731" s="187"/>
      <c r="W731" s="187"/>
      <c r="X731" s="187"/>
      <c r="Y731" s="187"/>
      <c r="Z731" s="187"/>
      <c r="AA731" s="187"/>
      <c r="AB731" s="187"/>
      <c r="AC731" s="187"/>
      <c r="AD731" s="187"/>
      <c r="AE731" s="187"/>
      <c r="AF731" s="187"/>
      <c r="AG731" s="187"/>
      <c r="AH731" s="187"/>
      <c r="AI731" s="187"/>
      <c r="AJ731" s="187"/>
      <c r="AK731" s="187"/>
      <c r="AL731" s="187"/>
      <c r="AM731" s="187"/>
      <c r="AN731" s="187"/>
      <c r="AO731" s="187"/>
      <c r="AP731" s="187"/>
      <c r="AQ731" s="187"/>
      <c r="AR731" s="187"/>
      <c r="AS731" s="187"/>
      <c r="AT731" s="187"/>
      <c r="AU731" s="187"/>
      <c r="AV731" s="187"/>
      <c r="AW731" s="191">
        <f t="shared" si="405"/>
        <v>0</v>
      </c>
      <c r="AX731" s="187"/>
      <c r="AY731" s="192" t="str">
        <f t="shared" si="406"/>
        <v/>
      </c>
      <c r="AZ731" s="192" t="str">
        <f t="shared" si="407"/>
        <v/>
      </c>
      <c r="BA731" s="192" t="str">
        <f t="shared" si="408"/>
        <v/>
      </c>
      <c r="BB731" s="192" t="str">
        <f t="shared" si="409"/>
        <v/>
      </c>
      <c r="BC731" s="192" t="str">
        <f t="shared" si="410"/>
        <v/>
      </c>
      <c r="BD731" s="192" t="str">
        <f t="shared" si="411"/>
        <v/>
      </c>
      <c r="BE731" s="192" t="str">
        <f t="shared" si="412"/>
        <v/>
      </c>
      <c r="BF731" s="192" t="str">
        <f t="shared" si="413"/>
        <v/>
      </c>
      <c r="BG731" s="192" t="str">
        <f t="shared" si="414"/>
        <v/>
      </c>
      <c r="BH731" s="192" t="str">
        <f t="shared" si="415"/>
        <v/>
      </c>
      <c r="BI731" s="192" t="str">
        <f t="shared" si="416"/>
        <v/>
      </c>
      <c r="BJ731" s="192" t="str">
        <f t="shared" si="417"/>
        <v/>
      </c>
      <c r="BK731" s="192" t="str">
        <f t="shared" si="418"/>
        <v/>
      </c>
      <c r="BL731" s="192" t="str">
        <f t="shared" si="419"/>
        <v/>
      </c>
      <c r="BM731" s="192" t="str">
        <f t="shared" si="420"/>
        <v/>
      </c>
      <c r="BN731" s="192" t="str">
        <f t="shared" si="421"/>
        <v/>
      </c>
      <c r="BO731" s="192" t="str">
        <f t="shared" si="422"/>
        <v/>
      </c>
      <c r="BP731" s="192" t="str">
        <f t="shared" si="423"/>
        <v/>
      </c>
      <c r="BQ731" s="192" t="str">
        <f t="shared" si="424"/>
        <v/>
      </c>
      <c r="BR731" s="192" t="str">
        <f t="shared" si="425"/>
        <v/>
      </c>
      <c r="BS731" s="192" t="str">
        <f t="shared" si="426"/>
        <v/>
      </c>
      <c r="BT731" s="192" t="str">
        <f t="shared" si="427"/>
        <v/>
      </c>
      <c r="BU731" s="192" t="str">
        <f t="shared" si="428"/>
        <v/>
      </c>
      <c r="BV731" s="192" t="str">
        <f t="shared" si="429"/>
        <v/>
      </c>
      <c r="BW731" s="192" t="str">
        <f t="shared" si="430"/>
        <v/>
      </c>
      <c r="BX731" s="192" t="str">
        <f t="shared" si="431"/>
        <v/>
      </c>
      <c r="BY731" s="192" t="str">
        <f t="shared" si="432"/>
        <v/>
      </c>
      <c r="BZ731" s="192" t="str">
        <f t="shared" si="433"/>
        <v/>
      </c>
      <c r="CA731" s="192" t="str">
        <f t="shared" si="434"/>
        <v/>
      </c>
      <c r="CB731" s="192" t="str">
        <f t="shared" si="435"/>
        <v/>
      </c>
      <c r="CC731" s="192" t="str">
        <f t="shared" si="436"/>
        <v/>
      </c>
      <c r="CD731" s="187"/>
      <c r="CE731" s="187"/>
      <c r="CF731" s="193"/>
    </row>
    <row r="732" spans="1:84" s="178" customFormat="1" ht="56.1" hidden="1" customHeight="1" x14ac:dyDescent="0.2">
      <c r="A732" s="154">
        <v>732</v>
      </c>
      <c r="B732" s="155" t="s">
        <v>869</v>
      </c>
      <c r="C732" s="165" t="s">
        <v>655</v>
      </c>
      <c r="D732" s="179" t="s">
        <v>932</v>
      </c>
      <c r="E732" s="173" t="s">
        <v>957</v>
      </c>
      <c r="F732" s="173" t="s">
        <v>958</v>
      </c>
      <c r="G732" s="163" t="s">
        <v>58</v>
      </c>
      <c r="H732" s="172" t="s">
        <v>846</v>
      </c>
      <c r="I732" s="172" t="s">
        <v>81</v>
      </c>
      <c r="J732" s="163" t="s">
        <v>77</v>
      </c>
      <c r="K732" s="172" t="s">
        <v>834</v>
      </c>
      <c r="L732" s="158" t="s">
        <v>63</v>
      </c>
      <c r="M732" s="158" t="s">
        <v>63</v>
      </c>
      <c r="N732" s="174">
        <v>1486231.77828125</v>
      </c>
      <c r="O732" s="175">
        <f t="shared" si="404"/>
        <v>1486231.77828125</v>
      </c>
      <c r="P732" s="176" t="s">
        <v>839</v>
      </c>
      <c r="Q732" s="176" t="s">
        <v>853</v>
      </c>
      <c r="R732" s="158"/>
      <c r="S732" s="158"/>
      <c r="T732" s="158"/>
      <c r="U732" s="158"/>
      <c r="V732" s="158"/>
      <c r="W732" s="158"/>
      <c r="X732" s="158"/>
      <c r="Y732" s="158"/>
      <c r="Z732" s="158"/>
      <c r="AA732" s="158"/>
      <c r="AB732" s="158"/>
      <c r="AC732" s="158"/>
      <c r="AD732" s="158"/>
      <c r="AE732" s="158"/>
      <c r="AF732" s="158"/>
      <c r="AG732" s="158"/>
      <c r="AH732" s="158"/>
      <c r="AI732" s="158"/>
      <c r="AJ732" s="158"/>
      <c r="AK732" s="158"/>
      <c r="AL732" s="158"/>
      <c r="AM732" s="158"/>
      <c r="AN732" s="158"/>
      <c r="AO732" s="158"/>
      <c r="AP732" s="158"/>
      <c r="AQ732" s="158"/>
      <c r="AR732" s="158"/>
      <c r="AS732" s="158"/>
      <c r="AT732" s="158"/>
      <c r="AU732" s="158"/>
      <c r="AV732" s="158"/>
      <c r="AW732" s="160">
        <f t="shared" si="405"/>
        <v>0</v>
      </c>
      <c r="AX732" s="158"/>
      <c r="AY732" s="161" t="str">
        <f t="shared" si="406"/>
        <v/>
      </c>
      <c r="AZ732" s="161" t="str">
        <f t="shared" si="407"/>
        <v/>
      </c>
      <c r="BA732" s="161" t="str">
        <f t="shared" si="408"/>
        <v/>
      </c>
      <c r="BB732" s="161" t="str">
        <f t="shared" si="409"/>
        <v/>
      </c>
      <c r="BC732" s="161" t="str">
        <f t="shared" si="410"/>
        <v/>
      </c>
      <c r="BD732" s="161" t="str">
        <f t="shared" si="411"/>
        <v/>
      </c>
      <c r="BE732" s="161" t="str">
        <f t="shared" si="412"/>
        <v/>
      </c>
      <c r="BF732" s="161" t="str">
        <f t="shared" si="413"/>
        <v/>
      </c>
      <c r="BG732" s="161" t="str">
        <f t="shared" si="414"/>
        <v/>
      </c>
      <c r="BH732" s="161" t="str">
        <f t="shared" si="415"/>
        <v/>
      </c>
      <c r="BI732" s="161" t="str">
        <f t="shared" si="416"/>
        <v/>
      </c>
      <c r="BJ732" s="161" t="str">
        <f t="shared" si="417"/>
        <v/>
      </c>
      <c r="BK732" s="161" t="str">
        <f t="shared" si="418"/>
        <v/>
      </c>
      <c r="BL732" s="161" t="str">
        <f t="shared" si="419"/>
        <v/>
      </c>
      <c r="BM732" s="161" t="str">
        <f t="shared" si="420"/>
        <v/>
      </c>
      <c r="BN732" s="161" t="str">
        <f t="shared" si="421"/>
        <v/>
      </c>
      <c r="BO732" s="161" t="str">
        <f t="shared" si="422"/>
        <v/>
      </c>
      <c r="BP732" s="161" t="str">
        <f t="shared" si="423"/>
        <v/>
      </c>
      <c r="BQ732" s="161" t="str">
        <f t="shared" si="424"/>
        <v/>
      </c>
      <c r="BR732" s="161" t="str">
        <f t="shared" si="425"/>
        <v/>
      </c>
      <c r="BS732" s="161" t="str">
        <f t="shared" si="426"/>
        <v/>
      </c>
      <c r="BT732" s="161" t="str">
        <f t="shared" si="427"/>
        <v/>
      </c>
      <c r="BU732" s="161" t="str">
        <f t="shared" si="428"/>
        <v/>
      </c>
      <c r="BV732" s="161" t="str">
        <f t="shared" si="429"/>
        <v/>
      </c>
      <c r="BW732" s="161" t="str">
        <f t="shared" si="430"/>
        <v/>
      </c>
      <c r="BX732" s="161" t="str">
        <f t="shared" si="431"/>
        <v/>
      </c>
      <c r="BY732" s="161" t="str">
        <f t="shared" si="432"/>
        <v/>
      </c>
      <c r="BZ732" s="161" t="str">
        <f t="shared" si="433"/>
        <v/>
      </c>
      <c r="CA732" s="161" t="str">
        <f t="shared" si="434"/>
        <v/>
      </c>
      <c r="CB732" s="161" t="str">
        <f t="shared" si="435"/>
        <v/>
      </c>
      <c r="CC732" s="161" t="str">
        <f t="shared" si="436"/>
        <v/>
      </c>
      <c r="CD732" s="158"/>
      <c r="CE732" s="158"/>
      <c r="CF732" s="177"/>
    </row>
    <row r="733" spans="1:84" s="248" customFormat="1" ht="56.1" hidden="1" customHeight="1" x14ac:dyDescent="0.2">
      <c r="A733" s="198">
        <v>733</v>
      </c>
      <c r="B733" s="199" t="s">
        <v>869</v>
      </c>
      <c r="C733" s="208" t="s">
        <v>655</v>
      </c>
      <c r="D733" s="242" t="s">
        <v>870</v>
      </c>
      <c r="E733" s="288" t="s">
        <v>959</v>
      </c>
      <c r="F733" s="243" t="s">
        <v>960</v>
      </c>
      <c r="G733" s="206" t="s">
        <v>58</v>
      </c>
      <c r="H733" s="243" t="s">
        <v>833</v>
      </c>
      <c r="I733" s="243" t="s">
        <v>81</v>
      </c>
      <c r="J733" s="206" t="s">
        <v>77</v>
      </c>
      <c r="K733" s="242" t="s">
        <v>722</v>
      </c>
      <c r="L733" s="205" t="s">
        <v>63</v>
      </c>
      <c r="M733" s="205" t="s">
        <v>63</v>
      </c>
      <c r="N733" s="201"/>
      <c r="O733" s="201"/>
      <c r="P733" s="285" t="s">
        <v>659</v>
      </c>
      <c r="Q733" s="205" t="s">
        <v>65</v>
      </c>
      <c r="R733" s="205"/>
      <c r="S733" s="205"/>
      <c r="T733" s="205"/>
      <c r="U733" s="205"/>
      <c r="V733" s="205"/>
      <c r="W733" s="205"/>
      <c r="X733" s="205"/>
      <c r="Y733" s="205"/>
      <c r="Z733" s="205"/>
      <c r="AA733" s="205"/>
      <c r="AB733" s="205"/>
      <c r="AC733" s="205"/>
      <c r="AD733" s="205"/>
      <c r="AE733" s="205"/>
      <c r="AF733" s="205"/>
      <c r="AG733" s="205"/>
      <c r="AH733" s="205"/>
      <c r="AI733" s="205"/>
      <c r="AJ733" s="205"/>
      <c r="AK733" s="205"/>
      <c r="AL733" s="205"/>
      <c r="AM733" s="205"/>
      <c r="AN733" s="205"/>
      <c r="AO733" s="205"/>
      <c r="AP733" s="205"/>
      <c r="AQ733" s="205"/>
      <c r="AR733" s="205"/>
      <c r="AS733" s="205"/>
      <c r="AT733" s="205"/>
      <c r="AU733" s="205"/>
      <c r="AV733" s="205"/>
      <c r="AW733" s="204">
        <f t="shared" si="405"/>
        <v>0</v>
      </c>
      <c r="AX733" s="205"/>
      <c r="AY733" s="203" t="str">
        <f t="shared" si="406"/>
        <v/>
      </c>
      <c r="AZ733" s="203" t="str">
        <f t="shared" si="407"/>
        <v/>
      </c>
      <c r="BA733" s="203" t="str">
        <f t="shared" si="408"/>
        <v/>
      </c>
      <c r="BB733" s="203" t="str">
        <f t="shared" si="409"/>
        <v/>
      </c>
      <c r="BC733" s="203" t="str">
        <f t="shared" si="410"/>
        <v/>
      </c>
      <c r="BD733" s="203" t="str">
        <f t="shared" si="411"/>
        <v/>
      </c>
      <c r="BE733" s="203" t="str">
        <f t="shared" si="412"/>
        <v/>
      </c>
      <c r="BF733" s="203" t="str">
        <f t="shared" si="413"/>
        <v/>
      </c>
      <c r="BG733" s="203" t="str">
        <f t="shared" si="414"/>
        <v/>
      </c>
      <c r="BH733" s="203" t="str">
        <f t="shared" si="415"/>
        <v/>
      </c>
      <c r="BI733" s="203" t="str">
        <f t="shared" si="416"/>
        <v/>
      </c>
      <c r="BJ733" s="203" t="str">
        <f t="shared" si="417"/>
        <v/>
      </c>
      <c r="BK733" s="203" t="str">
        <f t="shared" si="418"/>
        <v/>
      </c>
      <c r="BL733" s="203" t="str">
        <f t="shared" si="419"/>
        <v/>
      </c>
      <c r="BM733" s="203" t="str">
        <f t="shared" si="420"/>
        <v/>
      </c>
      <c r="BN733" s="203" t="str">
        <f t="shared" si="421"/>
        <v/>
      </c>
      <c r="BO733" s="203" t="str">
        <f t="shared" si="422"/>
        <v/>
      </c>
      <c r="BP733" s="203" t="str">
        <f t="shared" si="423"/>
        <v/>
      </c>
      <c r="BQ733" s="203" t="str">
        <f t="shared" si="424"/>
        <v/>
      </c>
      <c r="BR733" s="203" t="str">
        <f t="shared" si="425"/>
        <v/>
      </c>
      <c r="BS733" s="203" t="str">
        <f t="shared" si="426"/>
        <v/>
      </c>
      <c r="BT733" s="203" t="str">
        <f t="shared" si="427"/>
        <v/>
      </c>
      <c r="BU733" s="203" t="str">
        <f t="shared" si="428"/>
        <v/>
      </c>
      <c r="BV733" s="203" t="str">
        <f t="shared" si="429"/>
        <v/>
      </c>
      <c r="BW733" s="203" t="str">
        <f t="shared" si="430"/>
        <v/>
      </c>
      <c r="BX733" s="203" t="str">
        <f t="shared" si="431"/>
        <v/>
      </c>
      <c r="BY733" s="203" t="str">
        <f t="shared" si="432"/>
        <v/>
      </c>
      <c r="BZ733" s="203" t="str">
        <f t="shared" si="433"/>
        <v/>
      </c>
      <c r="CA733" s="203" t="str">
        <f t="shared" si="434"/>
        <v/>
      </c>
      <c r="CB733" s="203" t="str">
        <f t="shared" si="435"/>
        <v/>
      </c>
      <c r="CC733" s="203" t="str">
        <f t="shared" si="436"/>
        <v/>
      </c>
      <c r="CD733" s="205"/>
      <c r="CE733" s="205"/>
      <c r="CF733" s="247"/>
    </row>
    <row r="734" spans="1:84" s="248" customFormat="1" ht="56.1" hidden="1" customHeight="1" x14ac:dyDescent="0.2">
      <c r="A734" s="198">
        <v>734</v>
      </c>
      <c r="B734" s="199" t="s">
        <v>53</v>
      </c>
      <c r="C734" s="208" t="s">
        <v>655</v>
      </c>
      <c r="D734" s="242" t="s">
        <v>870</v>
      </c>
      <c r="E734" s="288" t="s">
        <v>961</v>
      </c>
      <c r="F734" s="288" t="s">
        <v>962</v>
      </c>
      <c r="G734" s="206" t="s">
        <v>58</v>
      </c>
      <c r="H734" s="243" t="s">
        <v>833</v>
      </c>
      <c r="I734" s="243" t="s">
        <v>81</v>
      </c>
      <c r="J734" s="206" t="s">
        <v>77</v>
      </c>
      <c r="K734" s="242" t="s">
        <v>722</v>
      </c>
      <c r="L734" s="205" t="s">
        <v>63</v>
      </c>
      <c r="M734" s="205" t="s">
        <v>63</v>
      </c>
      <c r="N734" s="201"/>
      <c r="O734" s="201"/>
      <c r="P734" s="285" t="s">
        <v>659</v>
      </c>
      <c r="Q734" s="205" t="s">
        <v>65</v>
      </c>
      <c r="R734" s="203"/>
      <c r="S734" s="203"/>
      <c r="T734" s="203"/>
      <c r="U734" s="203"/>
      <c r="V734" s="203"/>
      <c r="W734" s="203"/>
      <c r="X734" s="203"/>
      <c r="Y734" s="203"/>
      <c r="Z734" s="203"/>
      <c r="AA734" s="203"/>
      <c r="AB734" s="203"/>
      <c r="AC734" s="203"/>
      <c r="AD734" s="203"/>
      <c r="AE734" s="203"/>
      <c r="AF734" s="203"/>
      <c r="AG734" s="203"/>
      <c r="AH734" s="205"/>
      <c r="AI734" s="203"/>
      <c r="AJ734" s="203"/>
      <c r="AK734" s="203"/>
      <c r="AL734" s="205"/>
      <c r="AM734" s="203"/>
      <c r="AN734" s="203"/>
      <c r="AO734" s="203"/>
      <c r="AP734" s="205"/>
      <c r="AQ734" s="203"/>
      <c r="AR734" s="205"/>
      <c r="AS734" s="205"/>
      <c r="AT734" s="203"/>
      <c r="AU734" s="205"/>
      <c r="AV734" s="205"/>
      <c r="AW734" s="204">
        <f t="shared" si="405"/>
        <v>0</v>
      </c>
      <c r="AX734" s="205"/>
      <c r="AY734" s="203" t="str">
        <f t="shared" si="406"/>
        <v/>
      </c>
      <c r="AZ734" s="203" t="str">
        <f t="shared" si="407"/>
        <v/>
      </c>
      <c r="BA734" s="203" t="str">
        <f t="shared" si="408"/>
        <v/>
      </c>
      <c r="BB734" s="203" t="str">
        <f t="shared" si="409"/>
        <v/>
      </c>
      <c r="BC734" s="203" t="str">
        <f t="shared" si="410"/>
        <v/>
      </c>
      <c r="BD734" s="203" t="str">
        <f t="shared" si="411"/>
        <v/>
      </c>
      <c r="BE734" s="203" t="str">
        <f t="shared" si="412"/>
        <v/>
      </c>
      <c r="BF734" s="203" t="str">
        <f t="shared" si="413"/>
        <v/>
      </c>
      <c r="BG734" s="203" t="str">
        <f t="shared" si="414"/>
        <v/>
      </c>
      <c r="BH734" s="203" t="str">
        <f t="shared" si="415"/>
        <v/>
      </c>
      <c r="BI734" s="203" t="str">
        <f t="shared" si="416"/>
        <v/>
      </c>
      <c r="BJ734" s="203" t="str">
        <f t="shared" si="417"/>
        <v/>
      </c>
      <c r="BK734" s="203" t="str">
        <f t="shared" si="418"/>
        <v/>
      </c>
      <c r="BL734" s="203" t="str">
        <f t="shared" si="419"/>
        <v/>
      </c>
      <c r="BM734" s="203" t="str">
        <f t="shared" si="420"/>
        <v/>
      </c>
      <c r="BN734" s="203" t="str">
        <f t="shared" si="421"/>
        <v/>
      </c>
      <c r="BO734" s="203" t="str">
        <f t="shared" si="422"/>
        <v/>
      </c>
      <c r="BP734" s="203" t="str">
        <f t="shared" si="423"/>
        <v/>
      </c>
      <c r="BQ734" s="203" t="str">
        <f t="shared" si="424"/>
        <v/>
      </c>
      <c r="BR734" s="203" t="str">
        <f t="shared" si="425"/>
        <v/>
      </c>
      <c r="BS734" s="203" t="str">
        <f t="shared" si="426"/>
        <v/>
      </c>
      <c r="BT734" s="203" t="str">
        <f t="shared" si="427"/>
        <v/>
      </c>
      <c r="BU734" s="203" t="str">
        <f t="shared" si="428"/>
        <v/>
      </c>
      <c r="BV734" s="203" t="str">
        <f t="shared" si="429"/>
        <v/>
      </c>
      <c r="BW734" s="203" t="str">
        <f t="shared" si="430"/>
        <v/>
      </c>
      <c r="BX734" s="203" t="str">
        <f t="shared" si="431"/>
        <v/>
      </c>
      <c r="BY734" s="203" t="str">
        <f t="shared" si="432"/>
        <v/>
      </c>
      <c r="BZ734" s="203" t="str">
        <f t="shared" si="433"/>
        <v/>
      </c>
      <c r="CA734" s="203" t="str">
        <f t="shared" si="434"/>
        <v/>
      </c>
      <c r="CB734" s="203" t="str">
        <f t="shared" si="435"/>
        <v/>
      </c>
      <c r="CC734" s="203" t="str">
        <f t="shared" si="436"/>
        <v/>
      </c>
      <c r="CD734" s="205"/>
      <c r="CE734" s="205"/>
      <c r="CF734" s="247"/>
    </row>
    <row r="735" spans="1:84" s="178" customFormat="1" ht="56.1" hidden="1" customHeight="1" x14ac:dyDescent="0.2">
      <c r="A735" s="154">
        <v>735</v>
      </c>
      <c r="B735" s="155" t="s">
        <v>53</v>
      </c>
      <c r="C735" s="165" t="s">
        <v>655</v>
      </c>
      <c r="D735" s="179" t="s">
        <v>932</v>
      </c>
      <c r="E735" s="173" t="s">
        <v>963</v>
      </c>
      <c r="F735" s="173" t="s">
        <v>964</v>
      </c>
      <c r="G735" s="163" t="s">
        <v>58</v>
      </c>
      <c r="H735" s="172" t="s">
        <v>59</v>
      </c>
      <c r="I735" s="172" t="s">
        <v>81</v>
      </c>
      <c r="J735" s="163" t="s">
        <v>77</v>
      </c>
      <c r="K735" s="172" t="s">
        <v>834</v>
      </c>
      <c r="L735" s="158" t="s">
        <v>63</v>
      </c>
      <c r="M735" s="158" t="s">
        <v>63</v>
      </c>
      <c r="N735" s="174">
        <v>1062347</v>
      </c>
      <c r="O735" s="175">
        <f t="shared" si="404"/>
        <v>1062347</v>
      </c>
      <c r="P735" s="176" t="s">
        <v>839</v>
      </c>
      <c r="Q735" s="176" t="s">
        <v>853</v>
      </c>
      <c r="R735" s="158"/>
      <c r="S735" s="158"/>
      <c r="T735" s="158"/>
      <c r="U735" s="158"/>
      <c r="V735" s="158"/>
      <c r="W735" s="161"/>
      <c r="X735" s="161"/>
      <c r="Y735" s="158"/>
      <c r="Z735" s="158"/>
      <c r="AA735" s="158"/>
      <c r="AB735" s="158"/>
      <c r="AC735" s="158"/>
      <c r="AD735" s="158"/>
      <c r="AE735" s="158"/>
      <c r="AF735" s="158"/>
      <c r="AG735" s="158"/>
      <c r="AH735" s="158"/>
      <c r="AI735" s="158"/>
      <c r="AJ735" s="158"/>
      <c r="AK735" s="158"/>
      <c r="AL735" s="158"/>
      <c r="AM735" s="158"/>
      <c r="AN735" s="158"/>
      <c r="AO735" s="158"/>
      <c r="AP735" s="158"/>
      <c r="AQ735" s="158"/>
      <c r="AR735" s="158"/>
      <c r="AS735" s="158"/>
      <c r="AT735" s="158"/>
      <c r="AU735" s="158"/>
      <c r="AV735" s="158"/>
      <c r="AW735" s="160">
        <f t="shared" si="405"/>
        <v>0</v>
      </c>
      <c r="AX735" s="158"/>
      <c r="AY735" s="161" t="str">
        <f t="shared" si="406"/>
        <v/>
      </c>
      <c r="AZ735" s="161" t="str">
        <f t="shared" si="407"/>
        <v/>
      </c>
      <c r="BA735" s="161" t="str">
        <f t="shared" si="408"/>
        <v/>
      </c>
      <c r="BB735" s="161" t="str">
        <f t="shared" si="409"/>
        <v/>
      </c>
      <c r="BC735" s="161" t="str">
        <f t="shared" si="410"/>
        <v/>
      </c>
      <c r="BD735" s="161" t="str">
        <f t="shared" si="411"/>
        <v/>
      </c>
      <c r="BE735" s="161" t="str">
        <f t="shared" si="412"/>
        <v/>
      </c>
      <c r="BF735" s="161" t="str">
        <f t="shared" si="413"/>
        <v/>
      </c>
      <c r="BG735" s="161" t="str">
        <f t="shared" si="414"/>
        <v/>
      </c>
      <c r="BH735" s="161" t="str">
        <f t="shared" si="415"/>
        <v/>
      </c>
      <c r="BI735" s="161" t="str">
        <f t="shared" si="416"/>
        <v/>
      </c>
      <c r="BJ735" s="161" t="str">
        <f t="shared" si="417"/>
        <v/>
      </c>
      <c r="BK735" s="161" t="str">
        <f t="shared" si="418"/>
        <v/>
      </c>
      <c r="BL735" s="161" t="str">
        <f t="shared" si="419"/>
        <v/>
      </c>
      <c r="BM735" s="161" t="str">
        <f t="shared" si="420"/>
        <v/>
      </c>
      <c r="BN735" s="161" t="str">
        <f t="shared" si="421"/>
        <v/>
      </c>
      <c r="BO735" s="161" t="str">
        <f t="shared" si="422"/>
        <v/>
      </c>
      <c r="BP735" s="161" t="str">
        <f t="shared" si="423"/>
        <v/>
      </c>
      <c r="BQ735" s="161" t="str">
        <f t="shared" si="424"/>
        <v/>
      </c>
      <c r="BR735" s="161" t="str">
        <f t="shared" si="425"/>
        <v/>
      </c>
      <c r="BS735" s="161" t="str">
        <f t="shared" si="426"/>
        <v/>
      </c>
      <c r="BT735" s="161" t="str">
        <f t="shared" si="427"/>
        <v/>
      </c>
      <c r="BU735" s="161" t="str">
        <f t="shared" si="428"/>
        <v/>
      </c>
      <c r="BV735" s="161" t="str">
        <f t="shared" si="429"/>
        <v/>
      </c>
      <c r="BW735" s="161" t="str">
        <f t="shared" si="430"/>
        <v/>
      </c>
      <c r="BX735" s="161" t="str">
        <f t="shared" si="431"/>
        <v/>
      </c>
      <c r="BY735" s="161" t="str">
        <f t="shared" si="432"/>
        <v/>
      </c>
      <c r="BZ735" s="161" t="str">
        <f t="shared" si="433"/>
        <v/>
      </c>
      <c r="CA735" s="161" t="str">
        <f t="shared" si="434"/>
        <v/>
      </c>
      <c r="CB735" s="161" t="str">
        <f t="shared" si="435"/>
        <v/>
      </c>
      <c r="CC735" s="161" t="str">
        <f t="shared" si="436"/>
        <v/>
      </c>
      <c r="CD735" s="158"/>
      <c r="CE735" s="158"/>
      <c r="CF735" s="177"/>
    </row>
    <row r="736" spans="1:84" s="248" customFormat="1" ht="56.1" hidden="1" customHeight="1" x14ac:dyDescent="0.2">
      <c r="A736" s="198">
        <v>736</v>
      </c>
      <c r="B736" s="199" t="s">
        <v>53</v>
      </c>
      <c r="C736" s="208" t="s">
        <v>655</v>
      </c>
      <c r="D736" s="242" t="s">
        <v>870</v>
      </c>
      <c r="E736" s="288" t="s">
        <v>965</v>
      </c>
      <c r="F736" s="288" t="s">
        <v>966</v>
      </c>
      <c r="G736" s="206" t="s">
        <v>58</v>
      </c>
      <c r="H736" s="243" t="s">
        <v>833</v>
      </c>
      <c r="I736" s="243" t="s">
        <v>81</v>
      </c>
      <c r="J736" s="206" t="s">
        <v>77</v>
      </c>
      <c r="K736" s="242" t="s">
        <v>722</v>
      </c>
      <c r="L736" s="205" t="s">
        <v>63</v>
      </c>
      <c r="M736" s="205" t="s">
        <v>63</v>
      </c>
      <c r="N736" s="201"/>
      <c r="O736" s="201"/>
      <c r="P736" s="285" t="s">
        <v>659</v>
      </c>
      <c r="Q736" s="205" t="s">
        <v>65</v>
      </c>
      <c r="R736" s="203"/>
      <c r="S736" s="203"/>
      <c r="T736" s="203"/>
      <c r="U736" s="203"/>
      <c r="V736" s="203"/>
      <c r="W736" s="203"/>
      <c r="X736" s="203"/>
      <c r="Y736" s="203"/>
      <c r="Z736" s="203"/>
      <c r="AA736" s="203"/>
      <c r="AB736" s="203"/>
      <c r="AC736" s="203"/>
      <c r="AD736" s="203"/>
      <c r="AE736" s="203"/>
      <c r="AF736" s="203"/>
      <c r="AG736" s="203"/>
      <c r="AH736" s="205"/>
      <c r="AI736" s="203"/>
      <c r="AJ736" s="203"/>
      <c r="AK736" s="203"/>
      <c r="AL736" s="205"/>
      <c r="AM736" s="203"/>
      <c r="AN736" s="203"/>
      <c r="AO736" s="203"/>
      <c r="AP736" s="205"/>
      <c r="AQ736" s="203"/>
      <c r="AR736" s="205"/>
      <c r="AS736" s="205"/>
      <c r="AT736" s="203"/>
      <c r="AU736" s="205"/>
      <c r="AV736" s="205"/>
      <c r="AW736" s="204">
        <f t="shared" si="405"/>
        <v>0</v>
      </c>
      <c r="AX736" s="205"/>
      <c r="AY736" s="203" t="str">
        <f t="shared" si="406"/>
        <v/>
      </c>
      <c r="AZ736" s="203" t="str">
        <f t="shared" si="407"/>
        <v/>
      </c>
      <c r="BA736" s="203" t="str">
        <f t="shared" si="408"/>
        <v/>
      </c>
      <c r="BB736" s="203" t="str">
        <f t="shared" si="409"/>
        <v/>
      </c>
      <c r="BC736" s="203" t="str">
        <f t="shared" si="410"/>
        <v/>
      </c>
      <c r="BD736" s="203" t="str">
        <f t="shared" si="411"/>
        <v/>
      </c>
      <c r="BE736" s="203" t="str">
        <f t="shared" si="412"/>
        <v/>
      </c>
      <c r="BF736" s="203" t="str">
        <f t="shared" si="413"/>
        <v/>
      </c>
      <c r="BG736" s="203" t="str">
        <f t="shared" si="414"/>
        <v/>
      </c>
      <c r="BH736" s="203" t="str">
        <f t="shared" si="415"/>
        <v/>
      </c>
      <c r="BI736" s="203" t="str">
        <f t="shared" si="416"/>
        <v/>
      </c>
      <c r="BJ736" s="203" t="str">
        <f t="shared" si="417"/>
        <v/>
      </c>
      <c r="BK736" s="203" t="str">
        <f t="shared" si="418"/>
        <v/>
      </c>
      <c r="BL736" s="203" t="str">
        <f t="shared" si="419"/>
        <v/>
      </c>
      <c r="BM736" s="203" t="str">
        <f t="shared" si="420"/>
        <v/>
      </c>
      <c r="BN736" s="203" t="str">
        <f t="shared" si="421"/>
        <v/>
      </c>
      <c r="BO736" s="203" t="str">
        <f t="shared" si="422"/>
        <v/>
      </c>
      <c r="BP736" s="203" t="str">
        <f t="shared" si="423"/>
        <v/>
      </c>
      <c r="BQ736" s="203" t="str">
        <f t="shared" si="424"/>
        <v/>
      </c>
      <c r="BR736" s="203" t="str">
        <f t="shared" si="425"/>
        <v/>
      </c>
      <c r="BS736" s="203" t="str">
        <f t="shared" si="426"/>
        <v/>
      </c>
      <c r="BT736" s="203" t="str">
        <f t="shared" si="427"/>
        <v/>
      </c>
      <c r="BU736" s="203" t="str">
        <f t="shared" si="428"/>
        <v/>
      </c>
      <c r="BV736" s="203" t="str">
        <f t="shared" si="429"/>
        <v/>
      </c>
      <c r="BW736" s="203" t="str">
        <f t="shared" si="430"/>
        <v/>
      </c>
      <c r="BX736" s="203" t="str">
        <f t="shared" si="431"/>
        <v/>
      </c>
      <c r="BY736" s="203" t="str">
        <f t="shared" si="432"/>
        <v/>
      </c>
      <c r="BZ736" s="203" t="str">
        <f t="shared" si="433"/>
        <v/>
      </c>
      <c r="CA736" s="203" t="str">
        <f t="shared" si="434"/>
        <v/>
      </c>
      <c r="CB736" s="203" t="str">
        <f t="shared" si="435"/>
        <v/>
      </c>
      <c r="CC736" s="203" t="str">
        <f t="shared" si="436"/>
        <v/>
      </c>
      <c r="CD736" s="205"/>
      <c r="CE736" s="205"/>
      <c r="CF736" s="247"/>
    </row>
    <row r="737" spans="1:84" s="248" customFormat="1" ht="56.1" hidden="1" customHeight="1" x14ac:dyDescent="0.2">
      <c r="A737" s="198">
        <v>737</v>
      </c>
      <c r="B737" s="199" t="s">
        <v>53</v>
      </c>
      <c r="C737" s="208" t="s">
        <v>655</v>
      </c>
      <c r="D737" s="242" t="s">
        <v>900</v>
      </c>
      <c r="E737" s="288" t="s">
        <v>967</v>
      </c>
      <c r="F737" s="288" t="s">
        <v>968</v>
      </c>
      <c r="G737" s="206" t="s">
        <v>58</v>
      </c>
      <c r="H737" s="243" t="s">
        <v>833</v>
      </c>
      <c r="I737" s="243" t="s">
        <v>81</v>
      </c>
      <c r="J737" s="206" t="s">
        <v>77</v>
      </c>
      <c r="K737" s="242" t="s">
        <v>722</v>
      </c>
      <c r="L737" s="205" t="s">
        <v>63</v>
      </c>
      <c r="M737" s="205" t="s">
        <v>63</v>
      </c>
      <c r="N737" s="201"/>
      <c r="O737" s="201"/>
      <c r="P737" s="285" t="s">
        <v>659</v>
      </c>
      <c r="Q737" s="205" t="s">
        <v>65</v>
      </c>
      <c r="R737" s="205"/>
      <c r="S737" s="205"/>
      <c r="T737" s="205"/>
      <c r="U737" s="205"/>
      <c r="V737" s="205"/>
      <c r="W737" s="205"/>
      <c r="X737" s="205"/>
      <c r="Y737" s="205"/>
      <c r="Z737" s="203"/>
      <c r="AA737" s="205"/>
      <c r="AB737" s="203"/>
      <c r="AC737" s="205"/>
      <c r="AD737" s="205"/>
      <c r="AE737" s="205"/>
      <c r="AF737" s="205"/>
      <c r="AG737" s="205"/>
      <c r="AH737" s="205"/>
      <c r="AI737" s="205"/>
      <c r="AJ737" s="205"/>
      <c r="AK737" s="205"/>
      <c r="AL737" s="205"/>
      <c r="AM737" s="205"/>
      <c r="AN737" s="205"/>
      <c r="AO737" s="205"/>
      <c r="AP737" s="205"/>
      <c r="AQ737" s="205"/>
      <c r="AR737" s="205"/>
      <c r="AS737" s="205"/>
      <c r="AT737" s="205"/>
      <c r="AU737" s="205"/>
      <c r="AV737" s="205"/>
      <c r="AW737" s="204">
        <f t="shared" si="405"/>
        <v>0</v>
      </c>
      <c r="AX737" s="205"/>
      <c r="AY737" s="203" t="str">
        <f t="shared" si="406"/>
        <v/>
      </c>
      <c r="AZ737" s="203" t="str">
        <f t="shared" si="407"/>
        <v/>
      </c>
      <c r="BA737" s="203" t="str">
        <f t="shared" si="408"/>
        <v/>
      </c>
      <c r="BB737" s="203" t="str">
        <f t="shared" si="409"/>
        <v/>
      </c>
      <c r="BC737" s="203" t="str">
        <f t="shared" si="410"/>
        <v/>
      </c>
      <c r="BD737" s="203" t="str">
        <f t="shared" si="411"/>
        <v/>
      </c>
      <c r="BE737" s="203" t="str">
        <f t="shared" si="412"/>
        <v/>
      </c>
      <c r="BF737" s="203" t="str">
        <f t="shared" si="413"/>
        <v/>
      </c>
      <c r="BG737" s="203" t="str">
        <f t="shared" si="414"/>
        <v/>
      </c>
      <c r="BH737" s="203" t="str">
        <f t="shared" si="415"/>
        <v/>
      </c>
      <c r="BI737" s="203" t="str">
        <f t="shared" si="416"/>
        <v/>
      </c>
      <c r="BJ737" s="203" t="str">
        <f t="shared" si="417"/>
        <v/>
      </c>
      <c r="BK737" s="203" t="str">
        <f t="shared" si="418"/>
        <v/>
      </c>
      <c r="BL737" s="203" t="str">
        <f t="shared" si="419"/>
        <v/>
      </c>
      <c r="BM737" s="203" t="str">
        <f t="shared" si="420"/>
        <v/>
      </c>
      <c r="BN737" s="203" t="str">
        <f t="shared" si="421"/>
        <v/>
      </c>
      <c r="BO737" s="203" t="str">
        <f t="shared" si="422"/>
        <v/>
      </c>
      <c r="BP737" s="203" t="str">
        <f t="shared" si="423"/>
        <v/>
      </c>
      <c r="BQ737" s="203" t="str">
        <f t="shared" si="424"/>
        <v/>
      </c>
      <c r="BR737" s="203" t="str">
        <f t="shared" si="425"/>
        <v/>
      </c>
      <c r="BS737" s="203" t="str">
        <f t="shared" si="426"/>
        <v/>
      </c>
      <c r="BT737" s="203" t="str">
        <f t="shared" si="427"/>
        <v/>
      </c>
      <c r="BU737" s="203" t="str">
        <f t="shared" si="428"/>
        <v/>
      </c>
      <c r="BV737" s="203" t="str">
        <f t="shared" si="429"/>
        <v/>
      </c>
      <c r="BW737" s="203" t="str">
        <f t="shared" si="430"/>
        <v/>
      </c>
      <c r="BX737" s="203" t="str">
        <f t="shared" si="431"/>
        <v/>
      </c>
      <c r="BY737" s="203" t="str">
        <f t="shared" si="432"/>
        <v/>
      </c>
      <c r="BZ737" s="203" t="str">
        <f t="shared" si="433"/>
        <v/>
      </c>
      <c r="CA737" s="203" t="str">
        <f t="shared" si="434"/>
        <v/>
      </c>
      <c r="CB737" s="203" t="str">
        <f t="shared" si="435"/>
        <v/>
      </c>
      <c r="CC737" s="203" t="str">
        <f t="shared" si="436"/>
        <v/>
      </c>
      <c r="CD737" s="205"/>
      <c r="CE737" s="205"/>
      <c r="CF737" s="247"/>
    </row>
    <row r="738" spans="1:84" s="248" customFormat="1" ht="56.1" hidden="1" customHeight="1" x14ac:dyDescent="0.2">
      <c r="A738" s="198">
        <v>738</v>
      </c>
      <c r="B738" s="199" t="s">
        <v>53</v>
      </c>
      <c r="C738" s="208" t="s">
        <v>655</v>
      </c>
      <c r="D738" s="289" t="s">
        <v>900</v>
      </c>
      <c r="E738" s="288" t="s">
        <v>969</v>
      </c>
      <c r="F738" s="288" t="s">
        <v>970</v>
      </c>
      <c r="G738" s="206" t="s">
        <v>58</v>
      </c>
      <c r="H738" s="243" t="s">
        <v>833</v>
      </c>
      <c r="I738" s="243" t="s">
        <v>81</v>
      </c>
      <c r="J738" s="206" t="s">
        <v>77</v>
      </c>
      <c r="K738" s="242" t="s">
        <v>722</v>
      </c>
      <c r="L738" s="205" t="s">
        <v>63</v>
      </c>
      <c r="M738" s="205" t="s">
        <v>63</v>
      </c>
      <c r="N738" s="201"/>
      <c r="O738" s="201"/>
      <c r="P738" s="285" t="s">
        <v>659</v>
      </c>
      <c r="Q738" s="205" t="s">
        <v>65</v>
      </c>
      <c r="R738" s="205"/>
      <c r="S738" s="205"/>
      <c r="T738" s="205"/>
      <c r="U738" s="205"/>
      <c r="V738" s="205"/>
      <c r="W738" s="205"/>
      <c r="X738" s="205"/>
      <c r="Y738" s="205"/>
      <c r="Z738" s="205"/>
      <c r="AA738" s="205"/>
      <c r="AB738" s="205"/>
      <c r="AC738" s="205"/>
      <c r="AD738" s="205"/>
      <c r="AE738" s="205"/>
      <c r="AF738" s="205"/>
      <c r="AG738" s="205"/>
      <c r="AH738" s="205"/>
      <c r="AI738" s="205"/>
      <c r="AJ738" s="205"/>
      <c r="AK738" s="205"/>
      <c r="AL738" s="205"/>
      <c r="AM738" s="205"/>
      <c r="AN738" s="205"/>
      <c r="AO738" s="205"/>
      <c r="AP738" s="205"/>
      <c r="AQ738" s="205"/>
      <c r="AR738" s="205"/>
      <c r="AS738" s="205"/>
      <c r="AT738" s="205"/>
      <c r="AU738" s="205"/>
      <c r="AV738" s="205"/>
      <c r="AW738" s="204">
        <f t="shared" si="405"/>
        <v>0</v>
      </c>
      <c r="AX738" s="205"/>
      <c r="AY738" s="203" t="str">
        <f t="shared" si="406"/>
        <v/>
      </c>
      <c r="AZ738" s="203" t="str">
        <f t="shared" si="407"/>
        <v/>
      </c>
      <c r="BA738" s="203" t="str">
        <f t="shared" si="408"/>
        <v/>
      </c>
      <c r="BB738" s="203" t="str">
        <f t="shared" si="409"/>
        <v/>
      </c>
      <c r="BC738" s="203" t="str">
        <f t="shared" si="410"/>
        <v/>
      </c>
      <c r="BD738" s="203" t="str">
        <f t="shared" si="411"/>
        <v/>
      </c>
      <c r="BE738" s="203" t="str">
        <f t="shared" si="412"/>
        <v/>
      </c>
      <c r="BF738" s="203" t="str">
        <f t="shared" si="413"/>
        <v/>
      </c>
      <c r="BG738" s="203" t="str">
        <f t="shared" si="414"/>
        <v/>
      </c>
      <c r="BH738" s="203" t="str">
        <f t="shared" si="415"/>
        <v/>
      </c>
      <c r="BI738" s="203" t="str">
        <f t="shared" si="416"/>
        <v/>
      </c>
      <c r="BJ738" s="203" t="str">
        <f t="shared" si="417"/>
        <v/>
      </c>
      <c r="BK738" s="203" t="str">
        <f t="shared" si="418"/>
        <v/>
      </c>
      <c r="BL738" s="203" t="str">
        <f t="shared" si="419"/>
        <v/>
      </c>
      <c r="BM738" s="203" t="str">
        <f t="shared" si="420"/>
        <v/>
      </c>
      <c r="BN738" s="203" t="str">
        <f t="shared" si="421"/>
        <v/>
      </c>
      <c r="BO738" s="203" t="str">
        <f t="shared" si="422"/>
        <v/>
      </c>
      <c r="BP738" s="203" t="str">
        <f t="shared" si="423"/>
        <v/>
      </c>
      <c r="BQ738" s="203" t="str">
        <f t="shared" si="424"/>
        <v/>
      </c>
      <c r="BR738" s="203" t="str">
        <f t="shared" si="425"/>
        <v/>
      </c>
      <c r="BS738" s="203" t="str">
        <f t="shared" si="426"/>
        <v/>
      </c>
      <c r="BT738" s="203" t="str">
        <f t="shared" si="427"/>
        <v/>
      </c>
      <c r="BU738" s="203" t="str">
        <f t="shared" si="428"/>
        <v/>
      </c>
      <c r="BV738" s="203" t="str">
        <f t="shared" si="429"/>
        <v/>
      </c>
      <c r="BW738" s="203" t="str">
        <f t="shared" si="430"/>
        <v/>
      </c>
      <c r="BX738" s="203" t="str">
        <f t="shared" si="431"/>
        <v/>
      </c>
      <c r="BY738" s="203" t="str">
        <f t="shared" si="432"/>
        <v/>
      </c>
      <c r="BZ738" s="203" t="str">
        <f t="shared" si="433"/>
        <v/>
      </c>
      <c r="CA738" s="203" t="str">
        <f t="shared" si="434"/>
        <v/>
      </c>
      <c r="CB738" s="203" t="str">
        <f t="shared" si="435"/>
        <v/>
      </c>
      <c r="CC738" s="203" t="str">
        <f t="shared" si="436"/>
        <v/>
      </c>
      <c r="CD738" s="205"/>
      <c r="CE738" s="205"/>
      <c r="CF738" s="247"/>
    </row>
    <row r="739" spans="1:84" s="178" customFormat="1" ht="56.1" hidden="1" customHeight="1" x14ac:dyDescent="0.2">
      <c r="A739" s="154">
        <v>739</v>
      </c>
      <c r="B739" s="155" t="s">
        <v>869</v>
      </c>
      <c r="C739" s="165" t="s">
        <v>655</v>
      </c>
      <c r="D739" s="213" t="s">
        <v>830</v>
      </c>
      <c r="E739" s="173" t="s">
        <v>971</v>
      </c>
      <c r="F739" s="173" t="s">
        <v>972</v>
      </c>
      <c r="G739" s="163" t="s">
        <v>58</v>
      </c>
      <c r="H739" s="172" t="s">
        <v>18</v>
      </c>
      <c r="I739" s="172" t="s">
        <v>81</v>
      </c>
      <c r="J739" s="163" t="s">
        <v>77</v>
      </c>
      <c r="K739" s="179" t="s">
        <v>834</v>
      </c>
      <c r="L739" s="158" t="s">
        <v>63</v>
      </c>
      <c r="M739" s="158" t="s">
        <v>63</v>
      </c>
      <c r="N739" s="174">
        <v>370629.1875</v>
      </c>
      <c r="O739" s="175">
        <f t="shared" si="404"/>
        <v>370629.1875</v>
      </c>
      <c r="P739" s="176" t="s">
        <v>839</v>
      </c>
      <c r="Q739" s="176" t="s">
        <v>853</v>
      </c>
      <c r="R739" s="158"/>
      <c r="S739" s="158"/>
      <c r="T739" s="158"/>
      <c r="U739" s="158"/>
      <c r="V739" s="158"/>
      <c r="W739" s="158"/>
      <c r="X739" s="158"/>
      <c r="Y739" s="158"/>
      <c r="Z739" s="158"/>
      <c r="AA739" s="158"/>
      <c r="AB739" s="158"/>
      <c r="AC739" s="158"/>
      <c r="AD739" s="158"/>
      <c r="AE739" s="158"/>
      <c r="AF739" s="158"/>
      <c r="AG739" s="158"/>
      <c r="AH739" s="158"/>
      <c r="AI739" s="158"/>
      <c r="AJ739" s="158"/>
      <c r="AK739" s="158"/>
      <c r="AL739" s="158"/>
      <c r="AM739" s="158"/>
      <c r="AN739" s="158"/>
      <c r="AO739" s="158"/>
      <c r="AP739" s="158"/>
      <c r="AQ739" s="158"/>
      <c r="AR739" s="158"/>
      <c r="AS739" s="158"/>
      <c r="AT739" s="158"/>
      <c r="AU739" s="158"/>
      <c r="AV739" s="158"/>
      <c r="AW739" s="160">
        <f t="shared" si="405"/>
        <v>0</v>
      </c>
      <c r="AX739" s="158"/>
      <c r="AY739" s="161" t="str">
        <f t="shared" si="406"/>
        <v/>
      </c>
      <c r="AZ739" s="161" t="str">
        <f t="shared" si="407"/>
        <v/>
      </c>
      <c r="BA739" s="161" t="str">
        <f t="shared" si="408"/>
        <v/>
      </c>
      <c r="BB739" s="161" t="str">
        <f t="shared" si="409"/>
        <v/>
      </c>
      <c r="BC739" s="161" t="str">
        <f t="shared" si="410"/>
        <v/>
      </c>
      <c r="BD739" s="161" t="str">
        <f t="shared" si="411"/>
        <v/>
      </c>
      <c r="BE739" s="161" t="str">
        <f t="shared" si="412"/>
        <v/>
      </c>
      <c r="BF739" s="161" t="str">
        <f t="shared" si="413"/>
        <v/>
      </c>
      <c r="BG739" s="161" t="str">
        <f t="shared" si="414"/>
        <v/>
      </c>
      <c r="BH739" s="161" t="str">
        <f t="shared" si="415"/>
        <v/>
      </c>
      <c r="BI739" s="161" t="str">
        <f t="shared" si="416"/>
        <v/>
      </c>
      <c r="BJ739" s="161" t="str">
        <f t="shared" si="417"/>
        <v/>
      </c>
      <c r="BK739" s="161" t="str">
        <f t="shared" si="418"/>
        <v/>
      </c>
      <c r="BL739" s="161" t="str">
        <f t="shared" si="419"/>
        <v/>
      </c>
      <c r="BM739" s="161" t="str">
        <f t="shared" si="420"/>
        <v/>
      </c>
      <c r="BN739" s="161" t="str">
        <f t="shared" si="421"/>
        <v/>
      </c>
      <c r="BO739" s="161" t="str">
        <f t="shared" si="422"/>
        <v/>
      </c>
      <c r="BP739" s="161" t="str">
        <f t="shared" si="423"/>
        <v/>
      </c>
      <c r="BQ739" s="161" t="str">
        <f t="shared" si="424"/>
        <v/>
      </c>
      <c r="BR739" s="161" t="str">
        <f t="shared" si="425"/>
        <v/>
      </c>
      <c r="BS739" s="161" t="str">
        <f t="shared" si="426"/>
        <v/>
      </c>
      <c r="BT739" s="161" t="str">
        <f t="shared" si="427"/>
        <v/>
      </c>
      <c r="BU739" s="161" t="str">
        <f t="shared" si="428"/>
        <v/>
      </c>
      <c r="BV739" s="161" t="str">
        <f t="shared" si="429"/>
        <v/>
      </c>
      <c r="BW739" s="161" t="str">
        <f t="shared" si="430"/>
        <v/>
      </c>
      <c r="BX739" s="161" t="str">
        <f t="shared" si="431"/>
        <v/>
      </c>
      <c r="BY739" s="161" t="str">
        <f t="shared" si="432"/>
        <v/>
      </c>
      <c r="BZ739" s="161" t="str">
        <f t="shared" si="433"/>
        <v/>
      </c>
      <c r="CA739" s="161" t="str">
        <f t="shared" si="434"/>
        <v/>
      </c>
      <c r="CB739" s="161" t="str">
        <f t="shared" si="435"/>
        <v/>
      </c>
      <c r="CC739" s="161" t="str">
        <f t="shared" si="436"/>
        <v/>
      </c>
      <c r="CD739" s="158"/>
      <c r="CE739" s="158"/>
      <c r="CF739" s="177"/>
    </row>
    <row r="740" spans="1:84" s="178" customFormat="1" ht="56.1" hidden="1" customHeight="1" x14ac:dyDescent="0.2">
      <c r="A740" s="154">
        <v>740</v>
      </c>
      <c r="B740" s="155" t="s">
        <v>912</v>
      </c>
      <c r="C740" s="165" t="s">
        <v>655</v>
      </c>
      <c r="D740" s="213" t="s">
        <v>830</v>
      </c>
      <c r="E740" s="173" t="s">
        <v>973</v>
      </c>
      <c r="F740" s="173" t="s">
        <v>974</v>
      </c>
      <c r="G740" s="163" t="s">
        <v>58</v>
      </c>
      <c r="H740" s="172" t="s">
        <v>861</v>
      </c>
      <c r="I740" s="172" t="s">
        <v>81</v>
      </c>
      <c r="J740" s="163" t="s">
        <v>77</v>
      </c>
      <c r="K740" s="179" t="s">
        <v>834</v>
      </c>
      <c r="L740" s="158" t="s">
        <v>63</v>
      </c>
      <c r="M740" s="158" t="s">
        <v>63</v>
      </c>
      <c r="N740" s="174">
        <v>370629.1875</v>
      </c>
      <c r="O740" s="175">
        <f t="shared" si="404"/>
        <v>370629.1875</v>
      </c>
      <c r="P740" s="176" t="s">
        <v>839</v>
      </c>
      <c r="Q740" s="176" t="s">
        <v>853</v>
      </c>
      <c r="R740" s="158"/>
      <c r="S740" s="158"/>
      <c r="T740" s="158"/>
      <c r="U740" s="158"/>
      <c r="V740" s="158"/>
      <c r="W740" s="158"/>
      <c r="X740" s="158"/>
      <c r="Y740" s="158"/>
      <c r="Z740" s="158"/>
      <c r="AA740" s="158"/>
      <c r="AB740" s="158"/>
      <c r="AC740" s="158"/>
      <c r="AD740" s="158"/>
      <c r="AE740" s="158"/>
      <c r="AF740" s="158"/>
      <c r="AG740" s="158"/>
      <c r="AH740" s="158"/>
      <c r="AI740" s="158"/>
      <c r="AJ740" s="158"/>
      <c r="AK740" s="158"/>
      <c r="AL740" s="158"/>
      <c r="AM740" s="158"/>
      <c r="AN740" s="158"/>
      <c r="AO740" s="158"/>
      <c r="AP740" s="158"/>
      <c r="AQ740" s="158"/>
      <c r="AR740" s="158"/>
      <c r="AS740" s="158"/>
      <c r="AT740" s="158"/>
      <c r="AU740" s="158"/>
      <c r="AV740" s="158"/>
      <c r="AW740" s="160">
        <f t="shared" si="405"/>
        <v>0</v>
      </c>
      <c r="AX740" s="158"/>
      <c r="AY740" s="161" t="str">
        <f t="shared" si="406"/>
        <v/>
      </c>
      <c r="AZ740" s="161" t="str">
        <f t="shared" si="407"/>
        <v/>
      </c>
      <c r="BA740" s="161" t="str">
        <f t="shared" si="408"/>
        <v/>
      </c>
      <c r="BB740" s="161" t="str">
        <f t="shared" si="409"/>
        <v/>
      </c>
      <c r="BC740" s="161" t="str">
        <f t="shared" si="410"/>
        <v/>
      </c>
      <c r="BD740" s="161" t="str">
        <f t="shared" si="411"/>
        <v/>
      </c>
      <c r="BE740" s="161" t="str">
        <f t="shared" si="412"/>
        <v/>
      </c>
      <c r="BF740" s="161" t="str">
        <f t="shared" si="413"/>
        <v/>
      </c>
      <c r="BG740" s="161" t="str">
        <f t="shared" si="414"/>
        <v/>
      </c>
      <c r="BH740" s="161" t="str">
        <f t="shared" si="415"/>
        <v/>
      </c>
      <c r="BI740" s="161" t="str">
        <f t="shared" si="416"/>
        <v/>
      </c>
      <c r="BJ740" s="161" t="str">
        <f t="shared" si="417"/>
        <v/>
      </c>
      <c r="BK740" s="161" t="str">
        <f t="shared" si="418"/>
        <v/>
      </c>
      <c r="BL740" s="161" t="str">
        <f t="shared" si="419"/>
        <v/>
      </c>
      <c r="BM740" s="161" t="str">
        <f t="shared" si="420"/>
        <v/>
      </c>
      <c r="BN740" s="161" t="str">
        <f t="shared" si="421"/>
        <v/>
      </c>
      <c r="BO740" s="161" t="str">
        <f t="shared" si="422"/>
        <v/>
      </c>
      <c r="BP740" s="161" t="str">
        <f t="shared" si="423"/>
        <v/>
      </c>
      <c r="BQ740" s="161" t="str">
        <f t="shared" si="424"/>
        <v/>
      </c>
      <c r="BR740" s="161" t="str">
        <f t="shared" si="425"/>
        <v/>
      </c>
      <c r="BS740" s="161" t="str">
        <f t="shared" si="426"/>
        <v/>
      </c>
      <c r="BT740" s="161" t="str">
        <f t="shared" si="427"/>
        <v/>
      </c>
      <c r="BU740" s="161" t="str">
        <f t="shared" si="428"/>
        <v/>
      </c>
      <c r="BV740" s="161" t="str">
        <f t="shared" si="429"/>
        <v/>
      </c>
      <c r="BW740" s="161" t="str">
        <f t="shared" si="430"/>
        <v/>
      </c>
      <c r="BX740" s="161" t="str">
        <f t="shared" si="431"/>
        <v/>
      </c>
      <c r="BY740" s="161" t="str">
        <f t="shared" si="432"/>
        <v/>
      </c>
      <c r="BZ740" s="161" t="str">
        <f t="shared" si="433"/>
        <v/>
      </c>
      <c r="CA740" s="161" t="str">
        <f t="shared" si="434"/>
        <v/>
      </c>
      <c r="CB740" s="161" t="str">
        <f t="shared" si="435"/>
        <v/>
      </c>
      <c r="CC740" s="161" t="str">
        <f t="shared" si="436"/>
        <v/>
      </c>
      <c r="CD740" s="158"/>
      <c r="CE740" s="158"/>
      <c r="CF740" s="177"/>
    </row>
    <row r="741" spans="1:84" s="178" customFormat="1" ht="56.1" hidden="1" customHeight="1" x14ac:dyDescent="0.2">
      <c r="A741" s="154">
        <v>741</v>
      </c>
      <c r="B741" s="155" t="s">
        <v>912</v>
      </c>
      <c r="C741" s="165" t="s">
        <v>655</v>
      </c>
      <c r="D741" s="213" t="s">
        <v>870</v>
      </c>
      <c r="E741" s="173" t="s">
        <v>975</v>
      </c>
      <c r="F741" s="173" t="s">
        <v>976</v>
      </c>
      <c r="G741" s="163" t="s">
        <v>58</v>
      </c>
      <c r="H741" s="172" t="s">
        <v>846</v>
      </c>
      <c r="I741" s="172" t="s">
        <v>81</v>
      </c>
      <c r="J741" s="163" t="s">
        <v>77</v>
      </c>
      <c r="K741" s="172" t="s">
        <v>904</v>
      </c>
      <c r="L741" s="158" t="s">
        <v>63</v>
      </c>
      <c r="M741" s="158" t="s">
        <v>63</v>
      </c>
      <c r="N741" s="174">
        <v>1235967.1431250002</v>
      </c>
      <c r="O741" s="175">
        <f t="shared" si="404"/>
        <v>1235967.1431250002</v>
      </c>
      <c r="P741" s="176" t="s">
        <v>839</v>
      </c>
      <c r="Q741" s="158" t="s">
        <v>65</v>
      </c>
      <c r="R741" s="158"/>
      <c r="S741" s="158"/>
      <c r="T741" s="158"/>
      <c r="U741" s="158"/>
      <c r="V741" s="158"/>
      <c r="W741" s="158"/>
      <c r="X741" s="158"/>
      <c r="Y741" s="158"/>
      <c r="Z741" s="158"/>
      <c r="AA741" s="158"/>
      <c r="AB741" s="158"/>
      <c r="AC741" s="158"/>
      <c r="AD741" s="158"/>
      <c r="AE741" s="158"/>
      <c r="AF741" s="158"/>
      <c r="AG741" s="158"/>
      <c r="AH741" s="158"/>
      <c r="AI741" s="158"/>
      <c r="AJ741" s="158"/>
      <c r="AK741" s="158"/>
      <c r="AL741" s="158"/>
      <c r="AM741" s="158"/>
      <c r="AN741" s="158"/>
      <c r="AO741" s="158"/>
      <c r="AP741" s="158"/>
      <c r="AQ741" s="158"/>
      <c r="AR741" s="158"/>
      <c r="AS741" s="158"/>
      <c r="AT741" s="158"/>
      <c r="AU741" s="158"/>
      <c r="AV741" s="158"/>
      <c r="AW741" s="160">
        <f t="shared" si="405"/>
        <v>0</v>
      </c>
      <c r="AX741" s="158"/>
      <c r="AY741" s="161" t="str">
        <f t="shared" si="406"/>
        <v/>
      </c>
      <c r="AZ741" s="161" t="str">
        <f t="shared" si="407"/>
        <v/>
      </c>
      <c r="BA741" s="161" t="str">
        <f t="shared" si="408"/>
        <v/>
      </c>
      <c r="BB741" s="161" t="str">
        <f t="shared" si="409"/>
        <v/>
      </c>
      <c r="BC741" s="161" t="str">
        <f t="shared" si="410"/>
        <v/>
      </c>
      <c r="BD741" s="161" t="str">
        <f t="shared" si="411"/>
        <v/>
      </c>
      <c r="BE741" s="161" t="str">
        <f t="shared" si="412"/>
        <v/>
      </c>
      <c r="BF741" s="161" t="str">
        <f t="shared" si="413"/>
        <v/>
      </c>
      <c r="BG741" s="161" t="str">
        <f t="shared" si="414"/>
        <v/>
      </c>
      <c r="BH741" s="161" t="str">
        <f t="shared" si="415"/>
        <v/>
      </c>
      <c r="BI741" s="161" t="str">
        <f t="shared" si="416"/>
        <v/>
      </c>
      <c r="BJ741" s="161" t="str">
        <f t="shared" si="417"/>
        <v/>
      </c>
      <c r="BK741" s="161" t="str">
        <f t="shared" si="418"/>
        <v/>
      </c>
      <c r="BL741" s="161" t="str">
        <f t="shared" si="419"/>
        <v/>
      </c>
      <c r="BM741" s="161" t="str">
        <f t="shared" si="420"/>
        <v/>
      </c>
      <c r="BN741" s="161" t="str">
        <f t="shared" si="421"/>
        <v/>
      </c>
      <c r="BO741" s="161" t="str">
        <f t="shared" si="422"/>
        <v/>
      </c>
      <c r="BP741" s="161" t="str">
        <f t="shared" si="423"/>
        <v/>
      </c>
      <c r="BQ741" s="161" t="str">
        <f t="shared" si="424"/>
        <v/>
      </c>
      <c r="BR741" s="161" t="str">
        <f t="shared" si="425"/>
        <v/>
      </c>
      <c r="BS741" s="161" t="str">
        <f t="shared" si="426"/>
        <v/>
      </c>
      <c r="BT741" s="161" t="str">
        <f t="shared" si="427"/>
        <v/>
      </c>
      <c r="BU741" s="161" t="str">
        <f t="shared" si="428"/>
        <v/>
      </c>
      <c r="BV741" s="161" t="str">
        <f t="shared" si="429"/>
        <v/>
      </c>
      <c r="BW741" s="161" t="str">
        <f t="shared" si="430"/>
        <v/>
      </c>
      <c r="BX741" s="161" t="str">
        <f t="shared" si="431"/>
        <v/>
      </c>
      <c r="BY741" s="161" t="str">
        <f t="shared" si="432"/>
        <v/>
      </c>
      <c r="BZ741" s="161" t="str">
        <f t="shared" si="433"/>
        <v/>
      </c>
      <c r="CA741" s="161" t="str">
        <f t="shared" si="434"/>
        <v/>
      </c>
      <c r="CB741" s="161" t="str">
        <f t="shared" si="435"/>
        <v/>
      </c>
      <c r="CC741" s="161" t="str">
        <f t="shared" si="436"/>
        <v/>
      </c>
      <c r="CD741" s="158"/>
      <c r="CE741" s="158"/>
      <c r="CF741" s="177"/>
    </row>
    <row r="742" spans="1:84" s="248" customFormat="1" ht="56.1" hidden="1" customHeight="1" x14ac:dyDescent="0.2">
      <c r="A742" s="198">
        <v>742</v>
      </c>
      <c r="B742" s="199" t="s">
        <v>53</v>
      </c>
      <c r="C742" s="208" t="s">
        <v>655</v>
      </c>
      <c r="D742" s="289" t="s">
        <v>870</v>
      </c>
      <c r="E742" s="288" t="s">
        <v>977</v>
      </c>
      <c r="F742" s="288" t="s">
        <v>978</v>
      </c>
      <c r="G742" s="206" t="s">
        <v>58</v>
      </c>
      <c r="H742" s="243" t="s">
        <v>833</v>
      </c>
      <c r="I742" s="243" t="s">
        <v>81</v>
      </c>
      <c r="J742" s="206" t="s">
        <v>77</v>
      </c>
      <c r="K742" s="243" t="s">
        <v>834</v>
      </c>
      <c r="L742" s="205" t="s">
        <v>63</v>
      </c>
      <c r="M742" s="205" t="s">
        <v>63</v>
      </c>
      <c r="N742" s="244">
        <v>814028</v>
      </c>
      <c r="O742" s="245">
        <f t="shared" si="404"/>
        <v>814028</v>
      </c>
      <c r="P742" s="285" t="s">
        <v>659</v>
      </c>
      <c r="Q742" s="205" t="s">
        <v>65</v>
      </c>
      <c r="R742" s="203"/>
      <c r="S742" s="205"/>
      <c r="T742" s="205"/>
      <c r="U742" s="205"/>
      <c r="V742" s="205"/>
      <c r="W742" s="205"/>
      <c r="X742" s="205"/>
      <c r="Y742" s="205"/>
      <c r="Z742" s="205"/>
      <c r="AA742" s="205"/>
      <c r="AB742" s="205"/>
      <c r="AC742" s="205"/>
      <c r="AD742" s="205"/>
      <c r="AE742" s="205"/>
      <c r="AF742" s="205"/>
      <c r="AG742" s="205"/>
      <c r="AH742" s="205"/>
      <c r="AI742" s="205"/>
      <c r="AJ742" s="205"/>
      <c r="AK742" s="205"/>
      <c r="AL742" s="205"/>
      <c r="AM742" s="205"/>
      <c r="AN742" s="205"/>
      <c r="AO742" s="205"/>
      <c r="AP742" s="205"/>
      <c r="AQ742" s="205"/>
      <c r="AR742" s="205"/>
      <c r="AS742" s="205"/>
      <c r="AT742" s="205"/>
      <c r="AU742" s="205"/>
      <c r="AV742" s="205"/>
      <c r="AW742" s="204">
        <f t="shared" si="405"/>
        <v>0</v>
      </c>
      <c r="AX742" s="205"/>
      <c r="AY742" s="203" t="str">
        <f t="shared" si="406"/>
        <v/>
      </c>
      <c r="AZ742" s="203" t="str">
        <f t="shared" si="407"/>
        <v/>
      </c>
      <c r="BA742" s="203" t="str">
        <f t="shared" si="408"/>
        <v/>
      </c>
      <c r="BB742" s="203" t="str">
        <f t="shared" si="409"/>
        <v/>
      </c>
      <c r="BC742" s="203" t="str">
        <f t="shared" si="410"/>
        <v/>
      </c>
      <c r="BD742" s="203" t="str">
        <f t="shared" si="411"/>
        <v/>
      </c>
      <c r="BE742" s="203" t="str">
        <f t="shared" si="412"/>
        <v/>
      </c>
      <c r="BF742" s="203" t="str">
        <f t="shared" si="413"/>
        <v/>
      </c>
      <c r="BG742" s="203" t="str">
        <f t="shared" si="414"/>
        <v/>
      </c>
      <c r="BH742" s="203" t="str">
        <f t="shared" si="415"/>
        <v/>
      </c>
      <c r="BI742" s="203" t="str">
        <f t="shared" si="416"/>
        <v/>
      </c>
      <c r="BJ742" s="203" t="str">
        <f t="shared" si="417"/>
        <v/>
      </c>
      <c r="BK742" s="203" t="str">
        <f t="shared" si="418"/>
        <v/>
      </c>
      <c r="BL742" s="203" t="str">
        <f t="shared" si="419"/>
        <v/>
      </c>
      <c r="BM742" s="203" t="str">
        <f t="shared" si="420"/>
        <v/>
      </c>
      <c r="BN742" s="203" t="str">
        <f t="shared" si="421"/>
        <v/>
      </c>
      <c r="BO742" s="203" t="str">
        <f t="shared" si="422"/>
        <v/>
      </c>
      <c r="BP742" s="203" t="str">
        <f t="shared" si="423"/>
        <v/>
      </c>
      <c r="BQ742" s="203" t="str">
        <f t="shared" si="424"/>
        <v/>
      </c>
      <c r="BR742" s="203" t="str">
        <f t="shared" si="425"/>
        <v/>
      </c>
      <c r="BS742" s="203" t="str">
        <f t="shared" si="426"/>
        <v/>
      </c>
      <c r="BT742" s="203" t="str">
        <f t="shared" si="427"/>
        <v/>
      </c>
      <c r="BU742" s="203" t="str">
        <f t="shared" si="428"/>
        <v/>
      </c>
      <c r="BV742" s="203" t="str">
        <f t="shared" si="429"/>
        <v/>
      </c>
      <c r="BW742" s="203" t="str">
        <f t="shared" si="430"/>
        <v/>
      </c>
      <c r="BX742" s="203" t="str">
        <f t="shared" si="431"/>
        <v/>
      </c>
      <c r="BY742" s="203" t="str">
        <f t="shared" si="432"/>
        <v/>
      </c>
      <c r="BZ742" s="203" t="str">
        <f t="shared" si="433"/>
        <v/>
      </c>
      <c r="CA742" s="203" t="str">
        <f t="shared" si="434"/>
        <v/>
      </c>
      <c r="CB742" s="203" t="str">
        <f t="shared" si="435"/>
        <v/>
      </c>
      <c r="CC742" s="203" t="str">
        <f t="shared" si="436"/>
        <v/>
      </c>
      <c r="CD742" s="205"/>
      <c r="CE742" s="205"/>
      <c r="CF742" s="247"/>
    </row>
    <row r="743" spans="1:84" s="248" customFormat="1" ht="56.1" hidden="1" customHeight="1" x14ac:dyDescent="0.2">
      <c r="A743" s="198">
        <v>743</v>
      </c>
      <c r="B743" s="199" t="s">
        <v>912</v>
      </c>
      <c r="C743" s="208" t="s">
        <v>655</v>
      </c>
      <c r="D743" s="289" t="s">
        <v>870</v>
      </c>
      <c r="E743" s="288" t="s">
        <v>979</v>
      </c>
      <c r="F743" s="288" t="s">
        <v>980</v>
      </c>
      <c r="G743" s="206" t="s">
        <v>58</v>
      </c>
      <c r="H743" s="243" t="s">
        <v>833</v>
      </c>
      <c r="I743" s="243" t="s">
        <v>81</v>
      </c>
      <c r="J743" s="206" t="s">
        <v>77</v>
      </c>
      <c r="K743" s="243" t="s">
        <v>834</v>
      </c>
      <c r="L743" s="205" t="s">
        <v>63</v>
      </c>
      <c r="M743" s="205" t="s">
        <v>63</v>
      </c>
      <c r="N743" s="244">
        <v>1041842.140625</v>
      </c>
      <c r="O743" s="245">
        <f t="shared" si="404"/>
        <v>1041842.140625</v>
      </c>
      <c r="P743" s="285" t="s">
        <v>659</v>
      </c>
      <c r="Q743" s="205" t="s">
        <v>65</v>
      </c>
      <c r="R743" s="205"/>
      <c r="S743" s="205"/>
      <c r="T743" s="205"/>
      <c r="U743" s="205"/>
      <c r="V743" s="205"/>
      <c r="W743" s="205"/>
      <c r="X743" s="205"/>
      <c r="Y743" s="205"/>
      <c r="Z743" s="205"/>
      <c r="AA743" s="205"/>
      <c r="AB743" s="205"/>
      <c r="AC743" s="205"/>
      <c r="AD743" s="205"/>
      <c r="AE743" s="205"/>
      <c r="AF743" s="205"/>
      <c r="AG743" s="205"/>
      <c r="AH743" s="205"/>
      <c r="AI743" s="205"/>
      <c r="AJ743" s="205"/>
      <c r="AK743" s="205"/>
      <c r="AL743" s="205"/>
      <c r="AM743" s="205"/>
      <c r="AN743" s="205"/>
      <c r="AO743" s="205"/>
      <c r="AP743" s="205"/>
      <c r="AQ743" s="205"/>
      <c r="AR743" s="205"/>
      <c r="AS743" s="205"/>
      <c r="AT743" s="205"/>
      <c r="AU743" s="205"/>
      <c r="AV743" s="205"/>
      <c r="AW743" s="204">
        <f t="shared" si="405"/>
        <v>0</v>
      </c>
      <c r="AX743" s="205"/>
      <c r="AY743" s="203" t="str">
        <f t="shared" si="406"/>
        <v/>
      </c>
      <c r="AZ743" s="203" t="str">
        <f t="shared" si="407"/>
        <v/>
      </c>
      <c r="BA743" s="203" t="str">
        <f t="shared" si="408"/>
        <v/>
      </c>
      <c r="BB743" s="203" t="str">
        <f t="shared" si="409"/>
        <v/>
      </c>
      <c r="BC743" s="203" t="str">
        <f t="shared" si="410"/>
        <v/>
      </c>
      <c r="BD743" s="203" t="str">
        <f t="shared" si="411"/>
        <v/>
      </c>
      <c r="BE743" s="203" t="str">
        <f t="shared" si="412"/>
        <v/>
      </c>
      <c r="BF743" s="203" t="str">
        <f t="shared" si="413"/>
        <v/>
      </c>
      <c r="BG743" s="203" t="str">
        <f t="shared" si="414"/>
        <v/>
      </c>
      <c r="BH743" s="203" t="str">
        <f t="shared" si="415"/>
        <v/>
      </c>
      <c r="BI743" s="203" t="str">
        <f t="shared" si="416"/>
        <v/>
      </c>
      <c r="BJ743" s="203" t="str">
        <f t="shared" si="417"/>
        <v/>
      </c>
      <c r="BK743" s="203" t="str">
        <f t="shared" si="418"/>
        <v/>
      </c>
      <c r="BL743" s="203" t="str">
        <f t="shared" si="419"/>
        <v/>
      </c>
      <c r="BM743" s="203" t="str">
        <f t="shared" si="420"/>
        <v/>
      </c>
      <c r="BN743" s="203" t="str">
        <f t="shared" si="421"/>
        <v/>
      </c>
      <c r="BO743" s="203" t="str">
        <f t="shared" si="422"/>
        <v/>
      </c>
      <c r="BP743" s="203" t="str">
        <f t="shared" si="423"/>
        <v/>
      </c>
      <c r="BQ743" s="203" t="str">
        <f t="shared" si="424"/>
        <v/>
      </c>
      <c r="BR743" s="203" t="str">
        <f t="shared" si="425"/>
        <v/>
      </c>
      <c r="BS743" s="203" t="str">
        <f t="shared" si="426"/>
        <v/>
      </c>
      <c r="BT743" s="203" t="str">
        <f t="shared" si="427"/>
        <v/>
      </c>
      <c r="BU743" s="203" t="str">
        <f t="shared" si="428"/>
        <v/>
      </c>
      <c r="BV743" s="203" t="str">
        <f t="shared" si="429"/>
        <v/>
      </c>
      <c r="BW743" s="203" t="str">
        <f t="shared" si="430"/>
        <v/>
      </c>
      <c r="BX743" s="203" t="str">
        <f t="shared" si="431"/>
        <v/>
      </c>
      <c r="BY743" s="203" t="str">
        <f t="shared" si="432"/>
        <v/>
      </c>
      <c r="BZ743" s="203" t="str">
        <f t="shared" si="433"/>
        <v/>
      </c>
      <c r="CA743" s="203" t="str">
        <f t="shared" si="434"/>
        <v/>
      </c>
      <c r="CB743" s="203" t="str">
        <f t="shared" si="435"/>
        <v/>
      </c>
      <c r="CC743" s="203" t="str">
        <f t="shared" si="436"/>
        <v/>
      </c>
      <c r="CD743" s="205"/>
      <c r="CE743" s="205"/>
      <c r="CF743" s="247"/>
    </row>
    <row r="744" spans="1:84" s="248" customFormat="1" ht="56.1" hidden="1" customHeight="1" x14ac:dyDescent="0.2">
      <c r="A744" s="198">
        <v>744</v>
      </c>
      <c r="B744" s="199" t="s">
        <v>53</v>
      </c>
      <c r="C744" s="208" t="s">
        <v>655</v>
      </c>
      <c r="D744" s="289" t="s">
        <v>870</v>
      </c>
      <c r="E744" s="288" t="s">
        <v>981</v>
      </c>
      <c r="F744" s="288" t="s">
        <v>982</v>
      </c>
      <c r="G744" s="206" t="s">
        <v>58</v>
      </c>
      <c r="H744" s="243" t="s">
        <v>833</v>
      </c>
      <c r="I744" s="243" t="s">
        <v>81</v>
      </c>
      <c r="J744" s="206" t="s">
        <v>77</v>
      </c>
      <c r="K744" s="243" t="s">
        <v>868</v>
      </c>
      <c r="L744" s="205" t="s">
        <v>63</v>
      </c>
      <c r="M744" s="205" t="s">
        <v>63</v>
      </c>
      <c r="N744" s="244">
        <v>877752</v>
      </c>
      <c r="O744" s="245">
        <f t="shared" ref="O744:O795" si="437">N744</f>
        <v>877752</v>
      </c>
      <c r="P744" s="285" t="s">
        <v>659</v>
      </c>
      <c r="Q744" s="205" t="s">
        <v>65</v>
      </c>
      <c r="R744" s="205"/>
      <c r="S744" s="205"/>
      <c r="T744" s="205"/>
      <c r="U744" s="205"/>
      <c r="V744" s="205"/>
      <c r="W744" s="205"/>
      <c r="X744" s="205"/>
      <c r="Y744" s="205"/>
      <c r="Z744" s="205"/>
      <c r="AA744" s="205"/>
      <c r="AB744" s="205"/>
      <c r="AC744" s="205"/>
      <c r="AD744" s="205"/>
      <c r="AE744" s="205"/>
      <c r="AF744" s="205"/>
      <c r="AG744" s="205"/>
      <c r="AH744" s="205"/>
      <c r="AI744" s="205"/>
      <c r="AJ744" s="205"/>
      <c r="AK744" s="205"/>
      <c r="AL744" s="205"/>
      <c r="AM744" s="205"/>
      <c r="AN744" s="205"/>
      <c r="AO744" s="205"/>
      <c r="AP744" s="205"/>
      <c r="AQ744" s="205"/>
      <c r="AR744" s="205"/>
      <c r="AS744" s="205"/>
      <c r="AT744" s="205"/>
      <c r="AU744" s="205"/>
      <c r="AV744" s="205"/>
      <c r="AW744" s="204">
        <f t="shared" si="405"/>
        <v>0</v>
      </c>
      <c r="AX744" s="205"/>
      <c r="AY744" s="203" t="str">
        <f t="shared" si="406"/>
        <v/>
      </c>
      <c r="AZ744" s="203" t="str">
        <f t="shared" si="407"/>
        <v/>
      </c>
      <c r="BA744" s="203" t="str">
        <f t="shared" si="408"/>
        <v/>
      </c>
      <c r="BB744" s="203" t="str">
        <f t="shared" si="409"/>
        <v/>
      </c>
      <c r="BC744" s="203" t="str">
        <f t="shared" si="410"/>
        <v/>
      </c>
      <c r="BD744" s="203" t="str">
        <f t="shared" si="411"/>
        <v/>
      </c>
      <c r="BE744" s="203" t="str">
        <f t="shared" si="412"/>
        <v/>
      </c>
      <c r="BF744" s="203" t="str">
        <f t="shared" si="413"/>
        <v/>
      </c>
      <c r="BG744" s="203" t="str">
        <f t="shared" si="414"/>
        <v/>
      </c>
      <c r="BH744" s="203" t="str">
        <f t="shared" si="415"/>
        <v/>
      </c>
      <c r="BI744" s="203" t="str">
        <f t="shared" si="416"/>
        <v/>
      </c>
      <c r="BJ744" s="203" t="str">
        <f t="shared" si="417"/>
        <v/>
      </c>
      <c r="BK744" s="203" t="str">
        <f t="shared" si="418"/>
        <v/>
      </c>
      <c r="BL744" s="203" t="str">
        <f t="shared" si="419"/>
        <v/>
      </c>
      <c r="BM744" s="203" t="str">
        <f t="shared" si="420"/>
        <v/>
      </c>
      <c r="BN744" s="203" t="str">
        <f t="shared" si="421"/>
        <v/>
      </c>
      <c r="BO744" s="203" t="str">
        <f t="shared" si="422"/>
        <v/>
      </c>
      <c r="BP744" s="203" t="str">
        <f t="shared" si="423"/>
        <v/>
      </c>
      <c r="BQ744" s="203" t="str">
        <f t="shared" si="424"/>
        <v/>
      </c>
      <c r="BR744" s="203" t="str">
        <f t="shared" si="425"/>
        <v/>
      </c>
      <c r="BS744" s="203" t="str">
        <f t="shared" si="426"/>
        <v/>
      </c>
      <c r="BT744" s="203" t="str">
        <f t="shared" si="427"/>
        <v/>
      </c>
      <c r="BU744" s="203" t="str">
        <f t="shared" si="428"/>
        <v/>
      </c>
      <c r="BV744" s="203" t="str">
        <f t="shared" si="429"/>
        <v/>
      </c>
      <c r="BW744" s="203" t="str">
        <f t="shared" si="430"/>
        <v/>
      </c>
      <c r="BX744" s="203" t="str">
        <f t="shared" si="431"/>
        <v/>
      </c>
      <c r="BY744" s="203" t="str">
        <f t="shared" si="432"/>
        <v/>
      </c>
      <c r="BZ744" s="203" t="str">
        <f t="shared" si="433"/>
        <v/>
      </c>
      <c r="CA744" s="203" t="str">
        <f t="shared" si="434"/>
        <v/>
      </c>
      <c r="CB744" s="203" t="str">
        <f t="shared" si="435"/>
        <v/>
      </c>
      <c r="CC744" s="203" t="str">
        <f t="shared" si="436"/>
        <v/>
      </c>
      <c r="CD744" s="205"/>
      <c r="CE744" s="205"/>
      <c r="CF744" s="247"/>
    </row>
    <row r="745" spans="1:84" s="248" customFormat="1" ht="56.1" hidden="1" customHeight="1" x14ac:dyDescent="0.2">
      <c r="A745" s="198">
        <v>745</v>
      </c>
      <c r="B745" s="199" t="s">
        <v>53</v>
      </c>
      <c r="C745" s="208" t="s">
        <v>655</v>
      </c>
      <c r="D745" s="289" t="s">
        <v>897</v>
      </c>
      <c r="E745" s="288" t="s">
        <v>983</v>
      </c>
      <c r="F745" s="288" t="s">
        <v>984</v>
      </c>
      <c r="G745" s="206" t="s">
        <v>58</v>
      </c>
      <c r="H745" s="243" t="s">
        <v>833</v>
      </c>
      <c r="I745" s="243" t="s">
        <v>81</v>
      </c>
      <c r="J745" s="206" t="s">
        <v>77</v>
      </c>
      <c r="K745" s="243" t="s">
        <v>868</v>
      </c>
      <c r="L745" s="205" t="s">
        <v>63</v>
      </c>
      <c r="M745" s="205" t="s">
        <v>63</v>
      </c>
      <c r="N745" s="244">
        <v>10308959.375</v>
      </c>
      <c r="O745" s="245">
        <f t="shared" si="437"/>
        <v>10308959.375</v>
      </c>
      <c r="P745" s="285" t="s">
        <v>659</v>
      </c>
      <c r="Q745" s="205" t="s">
        <v>65</v>
      </c>
      <c r="R745" s="203"/>
      <c r="S745" s="203"/>
      <c r="T745" s="203"/>
      <c r="U745" s="203"/>
      <c r="V745" s="203"/>
      <c r="W745" s="203"/>
      <c r="X745" s="203"/>
      <c r="Y745" s="203"/>
      <c r="Z745" s="203"/>
      <c r="AA745" s="203"/>
      <c r="AB745" s="203"/>
      <c r="AC745" s="203"/>
      <c r="AD745" s="203"/>
      <c r="AE745" s="203"/>
      <c r="AF745" s="203"/>
      <c r="AG745" s="203"/>
      <c r="AH745" s="205"/>
      <c r="AI745" s="203"/>
      <c r="AJ745" s="203"/>
      <c r="AK745" s="203"/>
      <c r="AL745" s="205"/>
      <c r="AM745" s="203"/>
      <c r="AN745" s="203"/>
      <c r="AO745" s="203"/>
      <c r="AP745" s="205"/>
      <c r="AQ745" s="203"/>
      <c r="AR745" s="205"/>
      <c r="AS745" s="205"/>
      <c r="AT745" s="203"/>
      <c r="AU745" s="205"/>
      <c r="AV745" s="205"/>
      <c r="AW745" s="204">
        <f t="shared" si="405"/>
        <v>0</v>
      </c>
      <c r="AX745" s="205"/>
      <c r="AY745" s="203" t="str">
        <f t="shared" si="406"/>
        <v/>
      </c>
      <c r="AZ745" s="203" t="str">
        <f t="shared" si="407"/>
        <v/>
      </c>
      <c r="BA745" s="203" t="str">
        <f t="shared" si="408"/>
        <v/>
      </c>
      <c r="BB745" s="203" t="str">
        <f t="shared" si="409"/>
        <v/>
      </c>
      <c r="BC745" s="203" t="str">
        <f t="shared" si="410"/>
        <v/>
      </c>
      <c r="BD745" s="203" t="str">
        <f t="shared" si="411"/>
        <v/>
      </c>
      <c r="BE745" s="203" t="str">
        <f t="shared" si="412"/>
        <v/>
      </c>
      <c r="BF745" s="203" t="str">
        <f t="shared" si="413"/>
        <v/>
      </c>
      <c r="BG745" s="203" t="str">
        <f t="shared" si="414"/>
        <v/>
      </c>
      <c r="BH745" s="203" t="str">
        <f t="shared" si="415"/>
        <v/>
      </c>
      <c r="BI745" s="203" t="str">
        <f t="shared" si="416"/>
        <v/>
      </c>
      <c r="BJ745" s="203" t="str">
        <f t="shared" si="417"/>
        <v/>
      </c>
      <c r="BK745" s="203" t="str">
        <f t="shared" si="418"/>
        <v/>
      </c>
      <c r="BL745" s="203" t="str">
        <f t="shared" si="419"/>
        <v/>
      </c>
      <c r="BM745" s="203" t="str">
        <f t="shared" si="420"/>
        <v/>
      </c>
      <c r="BN745" s="203" t="str">
        <f t="shared" si="421"/>
        <v/>
      </c>
      <c r="BO745" s="203" t="str">
        <f t="shared" si="422"/>
        <v/>
      </c>
      <c r="BP745" s="203" t="str">
        <f t="shared" si="423"/>
        <v/>
      </c>
      <c r="BQ745" s="203" t="str">
        <f t="shared" si="424"/>
        <v/>
      </c>
      <c r="BR745" s="203" t="str">
        <f t="shared" si="425"/>
        <v/>
      </c>
      <c r="BS745" s="203" t="str">
        <f t="shared" si="426"/>
        <v/>
      </c>
      <c r="BT745" s="203" t="str">
        <f t="shared" si="427"/>
        <v/>
      </c>
      <c r="BU745" s="203" t="str">
        <f t="shared" si="428"/>
        <v/>
      </c>
      <c r="BV745" s="203" t="str">
        <f t="shared" si="429"/>
        <v/>
      </c>
      <c r="BW745" s="203" t="str">
        <f t="shared" si="430"/>
        <v/>
      </c>
      <c r="BX745" s="203" t="str">
        <f t="shared" si="431"/>
        <v/>
      </c>
      <c r="BY745" s="203" t="str">
        <f t="shared" si="432"/>
        <v/>
      </c>
      <c r="BZ745" s="203" t="str">
        <f t="shared" si="433"/>
        <v/>
      </c>
      <c r="CA745" s="203" t="str">
        <f t="shared" si="434"/>
        <v/>
      </c>
      <c r="CB745" s="203" t="str">
        <f t="shared" si="435"/>
        <v/>
      </c>
      <c r="CC745" s="203" t="str">
        <f t="shared" si="436"/>
        <v/>
      </c>
      <c r="CD745" s="205"/>
      <c r="CE745" s="205"/>
      <c r="CF745" s="247"/>
    </row>
    <row r="746" spans="1:84" s="248" customFormat="1" ht="56.1" hidden="1" customHeight="1" x14ac:dyDescent="0.2">
      <c r="A746" s="198">
        <v>746</v>
      </c>
      <c r="B746" s="199" t="s">
        <v>53</v>
      </c>
      <c r="C746" s="208" t="s">
        <v>655</v>
      </c>
      <c r="D746" s="289" t="s">
        <v>932</v>
      </c>
      <c r="E746" s="288" t="s">
        <v>985</v>
      </c>
      <c r="F746" s="288" t="s">
        <v>986</v>
      </c>
      <c r="G746" s="206" t="s">
        <v>58</v>
      </c>
      <c r="H746" s="243" t="s">
        <v>833</v>
      </c>
      <c r="I746" s="243" t="s">
        <v>81</v>
      </c>
      <c r="J746" s="206" t="s">
        <v>77</v>
      </c>
      <c r="K746" s="243" t="s">
        <v>868</v>
      </c>
      <c r="L746" s="205" t="s">
        <v>63</v>
      </c>
      <c r="M746" s="205" t="s">
        <v>63</v>
      </c>
      <c r="N746" s="244">
        <v>5344625</v>
      </c>
      <c r="O746" s="245">
        <f t="shared" si="437"/>
        <v>5344625</v>
      </c>
      <c r="P746" s="285" t="s">
        <v>659</v>
      </c>
      <c r="Q746" s="205" t="s">
        <v>65</v>
      </c>
      <c r="R746" s="263"/>
      <c r="S746" s="203"/>
      <c r="T746" s="263"/>
      <c r="U746" s="263"/>
      <c r="V746" s="263"/>
      <c r="W746" s="263"/>
      <c r="X746" s="263"/>
      <c r="Y746" s="263"/>
      <c r="Z746" s="263"/>
      <c r="AA746" s="263"/>
      <c r="AB746" s="263"/>
      <c r="AC746" s="263"/>
      <c r="AD746" s="263"/>
      <c r="AE746" s="263"/>
      <c r="AF746" s="263"/>
      <c r="AG746" s="263"/>
      <c r="AH746" s="263"/>
      <c r="AI746" s="263"/>
      <c r="AJ746" s="263"/>
      <c r="AK746" s="263"/>
      <c r="AL746" s="263"/>
      <c r="AM746" s="263"/>
      <c r="AN746" s="263"/>
      <c r="AO746" s="263"/>
      <c r="AP746" s="263"/>
      <c r="AQ746" s="263"/>
      <c r="AR746" s="263"/>
      <c r="AS746" s="263"/>
      <c r="AT746" s="263"/>
      <c r="AU746" s="263"/>
      <c r="AV746" s="263"/>
      <c r="AW746" s="204">
        <f t="shared" si="405"/>
        <v>0</v>
      </c>
      <c r="AX746" s="205"/>
      <c r="AY746" s="203" t="str">
        <f t="shared" si="406"/>
        <v/>
      </c>
      <c r="AZ746" s="203" t="str">
        <f t="shared" si="407"/>
        <v/>
      </c>
      <c r="BA746" s="203" t="str">
        <f t="shared" si="408"/>
        <v/>
      </c>
      <c r="BB746" s="203" t="str">
        <f t="shared" si="409"/>
        <v/>
      </c>
      <c r="BC746" s="203" t="str">
        <f t="shared" si="410"/>
        <v/>
      </c>
      <c r="BD746" s="203" t="str">
        <f t="shared" si="411"/>
        <v/>
      </c>
      <c r="BE746" s="203" t="str">
        <f t="shared" si="412"/>
        <v/>
      </c>
      <c r="BF746" s="203" t="str">
        <f t="shared" si="413"/>
        <v/>
      </c>
      <c r="BG746" s="203" t="str">
        <f t="shared" si="414"/>
        <v/>
      </c>
      <c r="BH746" s="203" t="str">
        <f t="shared" si="415"/>
        <v/>
      </c>
      <c r="BI746" s="203" t="str">
        <f t="shared" si="416"/>
        <v/>
      </c>
      <c r="BJ746" s="203" t="str">
        <f t="shared" si="417"/>
        <v/>
      </c>
      <c r="BK746" s="203" t="str">
        <f t="shared" si="418"/>
        <v/>
      </c>
      <c r="BL746" s="203" t="str">
        <f t="shared" si="419"/>
        <v/>
      </c>
      <c r="BM746" s="203" t="str">
        <f t="shared" si="420"/>
        <v/>
      </c>
      <c r="BN746" s="203" t="str">
        <f t="shared" si="421"/>
        <v/>
      </c>
      <c r="BO746" s="203" t="str">
        <f t="shared" si="422"/>
        <v/>
      </c>
      <c r="BP746" s="203" t="str">
        <f t="shared" si="423"/>
        <v/>
      </c>
      <c r="BQ746" s="203" t="str">
        <f t="shared" si="424"/>
        <v/>
      </c>
      <c r="BR746" s="203" t="str">
        <f t="shared" si="425"/>
        <v/>
      </c>
      <c r="BS746" s="203" t="str">
        <f t="shared" si="426"/>
        <v/>
      </c>
      <c r="BT746" s="203" t="str">
        <f t="shared" si="427"/>
        <v/>
      </c>
      <c r="BU746" s="203" t="str">
        <f t="shared" si="428"/>
        <v/>
      </c>
      <c r="BV746" s="203" t="str">
        <f t="shared" si="429"/>
        <v/>
      </c>
      <c r="BW746" s="203" t="str">
        <f t="shared" si="430"/>
        <v/>
      </c>
      <c r="BX746" s="203" t="str">
        <f t="shared" si="431"/>
        <v/>
      </c>
      <c r="BY746" s="203" t="str">
        <f t="shared" si="432"/>
        <v/>
      </c>
      <c r="BZ746" s="203" t="str">
        <f t="shared" si="433"/>
        <v/>
      </c>
      <c r="CA746" s="203" t="str">
        <f t="shared" si="434"/>
        <v/>
      </c>
      <c r="CB746" s="203" t="str">
        <f t="shared" si="435"/>
        <v/>
      </c>
      <c r="CC746" s="203" t="str">
        <f t="shared" si="436"/>
        <v/>
      </c>
      <c r="CD746" s="263"/>
      <c r="CE746" s="263"/>
      <c r="CF746" s="263"/>
    </row>
    <row r="747" spans="1:84" s="248" customFormat="1" ht="56.1" hidden="1" customHeight="1" x14ac:dyDescent="0.2">
      <c r="A747" s="198">
        <v>747</v>
      </c>
      <c r="B747" s="199" t="s">
        <v>53</v>
      </c>
      <c r="C747" s="208" t="s">
        <v>655</v>
      </c>
      <c r="D747" s="289" t="s">
        <v>932</v>
      </c>
      <c r="E747" s="288" t="s">
        <v>987</v>
      </c>
      <c r="F747" s="288" t="s">
        <v>988</v>
      </c>
      <c r="G747" s="206" t="s">
        <v>58</v>
      </c>
      <c r="H747" s="243" t="s">
        <v>833</v>
      </c>
      <c r="I747" s="243" t="s">
        <v>81</v>
      </c>
      <c r="J747" s="206" t="s">
        <v>77</v>
      </c>
      <c r="K747" s="243" t="s">
        <v>868</v>
      </c>
      <c r="L747" s="205" t="s">
        <v>63</v>
      </c>
      <c r="M747" s="205" t="s">
        <v>63</v>
      </c>
      <c r="N747" s="244">
        <v>2600365.625</v>
      </c>
      <c r="O747" s="245">
        <f t="shared" si="437"/>
        <v>2600365.625</v>
      </c>
      <c r="P747" s="285" t="s">
        <v>659</v>
      </c>
      <c r="Q747" s="205" t="s">
        <v>65</v>
      </c>
      <c r="R747" s="263"/>
      <c r="S747" s="263"/>
      <c r="T747" s="263"/>
      <c r="U747" s="263"/>
      <c r="V747" s="263"/>
      <c r="W747" s="263"/>
      <c r="X747" s="263"/>
      <c r="Y747" s="263"/>
      <c r="Z747" s="263"/>
      <c r="AA747" s="263"/>
      <c r="AB747" s="263"/>
      <c r="AC747" s="263"/>
      <c r="AD747" s="263"/>
      <c r="AE747" s="263"/>
      <c r="AF747" s="263"/>
      <c r="AG747" s="263"/>
      <c r="AH747" s="263"/>
      <c r="AI747" s="263"/>
      <c r="AJ747" s="263"/>
      <c r="AK747" s="263"/>
      <c r="AL747" s="263"/>
      <c r="AM747" s="263"/>
      <c r="AN747" s="263"/>
      <c r="AO747" s="263"/>
      <c r="AP747" s="263"/>
      <c r="AQ747" s="263"/>
      <c r="AR747" s="263"/>
      <c r="AS747" s="263"/>
      <c r="AT747" s="263"/>
      <c r="AU747" s="263"/>
      <c r="AV747" s="263"/>
      <c r="AW747" s="204">
        <f t="shared" si="405"/>
        <v>0</v>
      </c>
      <c r="AX747" s="205"/>
      <c r="AY747" s="203" t="str">
        <f t="shared" si="406"/>
        <v/>
      </c>
      <c r="AZ747" s="203" t="str">
        <f t="shared" si="407"/>
        <v/>
      </c>
      <c r="BA747" s="203" t="str">
        <f t="shared" si="408"/>
        <v/>
      </c>
      <c r="BB747" s="203" t="str">
        <f t="shared" si="409"/>
        <v/>
      </c>
      <c r="BC747" s="203" t="str">
        <f t="shared" si="410"/>
        <v/>
      </c>
      <c r="BD747" s="203" t="str">
        <f t="shared" si="411"/>
        <v/>
      </c>
      <c r="BE747" s="203" t="str">
        <f t="shared" si="412"/>
        <v/>
      </c>
      <c r="BF747" s="203" t="str">
        <f t="shared" si="413"/>
        <v/>
      </c>
      <c r="BG747" s="203" t="str">
        <f t="shared" si="414"/>
        <v/>
      </c>
      <c r="BH747" s="203" t="str">
        <f t="shared" si="415"/>
        <v/>
      </c>
      <c r="BI747" s="203" t="str">
        <f t="shared" si="416"/>
        <v/>
      </c>
      <c r="BJ747" s="203" t="str">
        <f t="shared" si="417"/>
        <v/>
      </c>
      <c r="BK747" s="203" t="str">
        <f t="shared" si="418"/>
        <v/>
      </c>
      <c r="BL747" s="203" t="str">
        <f t="shared" si="419"/>
        <v/>
      </c>
      <c r="BM747" s="203" t="str">
        <f t="shared" si="420"/>
        <v/>
      </c>
      <c r="BN747" s="203" t="str">
        <f t="shared" si="421"/>
        <v/>
      </c>
      <c r="BO747" s="203" t="str">
        <f t="shared" si="422"/>
        <v/>
      </c>
      <c r="BP747" s="203" t="str">
        <f t="shared" si="423"/>
        <v/>
      </c>
      <c r="BQ747" s="203" t="str">
        <f t="shared" si="424"/>
        <v/>
      </c>
      <c r="BR747" s="203" t="str">
        <f t="shared" si="425"/>
        <v/>
      </c>
      <c r="BS747" s="203" t="str">
        <f t="shared" si="426"/>
        <v/>
      </c>
      <c r="BT747" s="203" t="str">
        <f t="shared" si="427"/>
        <v/>
      </c>
      <c r="BU747" s="203" t="str">
        <f t="shared" si="428"/>
        <v/>
      </c>
      <c r="BV747" s="203" t="str">
        <f t="shared" si="429"/>
        <v/>
      </c>
      <c r="BW747" s="203" t="str">
        <f t="shared" si="430"/>
        <v/>
      </c>
      <c r="BX747" s="203" t="str">
        <f t="shared" si="431"/>
        <v/>
      </c>
      <c r="BY747" s="203" t="str">
        <f t="shared" si="432"/>
        <v/>
      </c>
      <c r="BZ747" s="203" t="str">
        <f t="shared" si="433"/>
        <v/>
      </c>
      <c r="CA747" s="203" t="str">
        <f t="shared" si="434"/>
        <v/>
      </c>
      <c r="CB747" s="203" t="str">
        <f t="shared" si="435"/>
        <v/>
      </c>
      <c r="CC747" s="203" t="str">
        <f t="shared" si="436"/>
        <v/>
      </c>
      <c r="CD747" s="263"/>
      <c r="CE747" s="263"/>
      <c r="CF747" s="263"/>
    </row>
    <row r="748" spans="1:84" s="248" customFormat="1" ht="56.1" hidden="1" customHeight="1" x14ac:dyDescent="0.2">
      <c r="A748" s="198">
        <v>748</v>
      </c>
      <c r="B748" s="199" t="s">
        <v>53</v>
      </c>
      <c r="C748" s="208" t="s">
        <v>655</v>
      </c>
      <c r="D748" s="243" t="s">
        <v>932</v>
      </c>
      <c r="E748" s="288" t="s">
        <v>989</v>
      </c>
      <c r="F748" s="243" t="s">
        <v>990</v>
      </c>
      <c r="G748" s="206" t="s">
        <v>58</v>
      </c>
      <c r="H748" s="243" t="s">
        <v>833</v>
      </c>
      <c r="I748" s="243" t="s">
        <v>81</v>
      </c>
      <c r="J748" s="206" t="s">
        <v>77</v>
      </c>
      <c r="K748" s="242" t="s">
        <v>722</v>
      </c>
      <c r="L748" s="205" t="s">
        <v>63</v>
      </c>
      <c r="M748" s="205" t="s">
        <v>63</v>
      </c>
      <c r="N748" s="244">
        <v>45223.75</v>
      </c>
      <c r="O748" s="245">
        <f t="shared" si="437"/>
        <v>45223.75</v>
      </c>
      <c r="P748" s="285" t="s">
        <v>659</v>
      </c>
      <c r="Q748" s="205" t="s">
        <v>65</v>
      </c>
      <c r="R748" s="263"/>
      <c r="S748" s="263"/>
      <c r="T748" s="263"/>
      <c r="U748" s="263"/>
      <c r="V748" s="263"/>
      <c r="W748" s="263"/>
      <c r="X748" s="263"/>
      <c r="Y748" s="263"/>
      <c r="Z748" s="263"/>
      <c r="AA748" s="263"/>
      <c r="AB748" s="263"/>
      <c r="AC748" s="263"/>
      <c r="AD748" s="263"/>
      <c r="AE748" s="263"/>
      <c r="AF748" s="263"/>
      <c r="AG748" s="263"/>
      <c r="AH748" s="263"/>
      <c r="AI748" s="263"/>
      <c r="AJ748" s="263"/>
      <c r="AK748" s="263"/>
      <c r="AL748" s="263"/>
      <c r="AM748" s="263"/>
      <c r="AN748" s="263"/>
      <c r="AO748" s="263"/>
      <c r="AP748" s="263"/>
      <c r="AQ748" s="263"/>
      <c r="AR748" s="263"/>
      <c r="AS748" s="263"/>
      <c r="AT748" s="263"/>
      <c r="AU748" s="263"/>
      <c r="AV748" s="263"/>
      <c r="AW748" s="204">
        <f t="shared" si="405"/>
        <v>0</v>
      </c>
      <c r="AX748" s="205"/>
      <c r="AY748" s="203" t="str">
        <f t="shared" si="406"/>
        <v/>
      </c>
      <c r="AZ748" s="203" t="str">
        <f t="shared" si="407"/>
        <v/>
      </c>
      <c r="BA748" s="203" t="str">
        <f t="shared" si="408"/>
        <v/>
      </c>
      <c r="BB748" s="203" t="str">
        <f t="shared" si="409"/>
        <v/>
      </c>
      <c r="BC748" s="203" t="str">
        <f t="shared" si="410"/>
        <v/>
      </c>
      <c r="BD748" s="203" t="str">
        <f t="shared" si="411"/>
        <v/>
      </c>
      <c r="BE748" s="203" t="str">
        <f t="shared" si="412"/>
        <v/>
      </c>
      <c r="BF748" s="203" t="str">
        <f t="shared" si="413"/>
        <v/>
      </c>
      <c r="BG748" s="203" t="str">
        <f t="shared" si="414"/>
        <v/>
      </c>
      <c r="BH748" s="203" t="str">
        <f t="shared" si="415"/>
        <v/>
      </c>
      <c r="BI748" s="203" t="str">
        <f t="shared" si="416"/>
        <v/>
      </c>
      <c r="BJ748" s="203" t="str">
        <f t="shared" si="417"/>
        <v/>
      </c>
      <c r="BK748" s="203" t="str">
        <f t="shared" si="418"/>
        <v/>
      </c>
      <c r="BL748" s="203" t="str">
        <f t="shared" si="419"/>
        <v/>
      </c>
      <c r="BM748" s="203" t="str">
        <f t="shared" si="420"/>
        <v/>
      </c>
      <c r="BN748" s="203" t="str">
        <f t="shared" si="421"/>
        <v/>
      </c>
      <c r="BO748" s="203" t="str">
        <f t="shared" si="422"/>
        <v/>
      </c>
      <c r="BP748" s="203" t="str">
        <f t="shared" si="423"/>
        <v/>
      </c>
      <c r="BQ748" s="203" t="str">
        <f t="shared" si="424"/>
        <v/>
      </c>
      <c r="BR748" s="203" t="str">
        <f t="shared" si="425"/>
        <v/>
      </c>
      <c r="BS748" s="203" t="str">
        <f t="shared" si="426"/>
        <v/>
      </c>
      <c r="BT748" s="203" t="str">
        <f t="shared" si="427"/>
        <v/>
      </c>
      <c r="BU748" s="203" t="str">
        <f t="shared" si="428"/>
        <v/>
      </c>
      <c r="BV748" s="203" t="str">
        <f t="shared" si="429"/>
        <v/>
      </c>
      <c r="BW748" s="203" t="str">
        <f t="shared" si="430"/>
        <v/>
      </c>
      <c r="BX748" s="203" t="str">
        <f t="shared" si="431"/>
        <v/>
      </c>
      <c r="BY748" s="203" t="str">
        <f t="shared" si="432"/>
        <v/>
      </c>
      <c r="BZ748" s="203" t="str">
        <f t="shared" si="433"/>
        <v/>
      </c>
      <c r="CA748" s="203" t="str">
        <f t="shared" si="434"/>
        <v/>
      </c>
      <c r="CB748" s="203" t="str">
        <f t="shared" si="435"/>
        <v/>
      </c>
      <c r="CC748" s="203" t="str">
        <f t="shared" si="436"/>
        <v/>
      </c>
      <c r="CD748" s="263"/>
      <c r="CE748" s="263"/>
      <c r="CF748" s="263"/>
    </row>
    <row r="749" spans="1:84" s="178" customFormat="1" ht="56.1" hidden="1" customHeight="1" x14ac:dyDescent="0.2">
      <c r="A749" s="154">
        <v>749</v>
      </c>
      <c r="B749" s="155" t="s">
        <v>53</v>
      </c>
      <c r="C749" s="165" t="s">
        <v>655</v>
      </c>
      <c r="D749" s="172" t="s">
        <v>900</v>
      </c>
      <c r="E749" s="173" t="s">
        <v>991</v>
      </c>
      <c r="F749" s="172" t="s">
        <v>992</v>
      </c>
      <c r="G749" s="163" t="s">
        <v>58</v>
      </c>
      <c r="H749" s="173" t="s">
        <v>861</v>
      </c>
      <c r="I749" s="172" t="s">
        <v>81</v>
      </c>
      <c r="J749" s="163" t="s">
        <v>77</v>
      </c>
      <c r="K749" s="179" t="s">
        <v>722</v>
      </c>
      <c r="L749" s="158" t="s">
        <v>63</v>
      </c>
      <c r="M749" s="158" t="s">
        <v>63</v>
      </c>
      <c r="N749" s="174">
        <v>37001.25</v>
      </c>
      <c r="O749" s="175">
        <f t="shared" si="437"/>
        <v>37001.25</v>
      </c>
      <c r="P749" s="176" t="s">
        <v>839</v>
      </c>
      <c r="Q749" s="158" t="s">
        <v>65</v>
      </c>
      <c r="R749" s="161"/>
      <c r="S749" s="161"/>
      <c r="T749" s="161"/>
      <c r="U749" s="161"/>
      <c r="V749" s="161"/>
      <c r="W749" s="161"/>
      <c r="X749" s="161"/>
      <c r="Y749" s="161"/>
      <c r="Z749" s="161"/>
      <c r="AA749" s="161"/>
      <c r="AB749" s="161"/>
      <c r="AC749" s="161"/>
      <c r="AD749" s="161"/>
      <c r="AE749" s="161"/>
      <c r="AF749" s="161"/>
      <c r="AG749" s="161"/>
      <c r="AH749" s="158"/>
      <c r="AI749" s="161"/>
      <c r="AJ749" s="161"/>
      <c r="AK749" s="161"/>
      <c r="AL749" s="158"/>
      <c r="AM749" s="161"/>
      <c r="AN749" s="161"/>
      <c r="AO749" s="161"/>
      <c r="AP749" s="158"/>
      <c r="AQ749" s="161"/>
      <c r="AR749" s="158"/>
      <c r="AS749" s="158"/>
      <c r="AT749" s="161"/>
      <c r="AU749" s="158"/>
      <c r="AV749" s="158"/>
      <c r="AW749" s="160">
        <f t="shared" si="405"/>
        <v>0</v>
      </c>
      <c r="AX749" s="158"/>
      <c r="AY749" s="161" t="str">
        <f t="shared" si="406"/>
        <v/>
      </c>
      <c r="AZ749" s="161" t="str">
        <f t="shared" si="407"/>
        <v/>
      </c>
      <c r="BA749" s="161" t="str">
        <f t="shared" si="408"/>
        <v/>
      </c>
      <c r="BB749" s="161" t="str">
        <f t="shared" si="409"/>
        <v/>
      </c>
      <c r="BC749" s="161" t="str">
        <f t="shared" si="410"/>
        <v/>
      </c>
      <c r="BD749" s="161" t="str">
        <f t="shared" si="411"/>
        <v/>
      </c>
      <c r="BE749" s="161" t="str">
        <f t="shared" si="412"/>
        <v/>
      </c>
      <c r="BF749" s="161" t="str">
        <f t="shared" si="413"/>
        <v/>
      </c>
      <c r="BG749" s="161" t="str">
        <f t="shared" si="414"/>
        <v/>
      </c>
      <c r="BH749" s="161" t="str">
        <f t="shared" si="415"/>
        <v/>
      </c>
      <c r="BI749" s="161" t="str">
        <f t="shared" si="416"/>
        <v/>
      </c>
      <c r="BJ749" s="161" t="str">
        <f t="shared" si="417"/>
        <v/>
      </c>
      <c r="BK749" s="161" t="str">
        <f t="shared" si="418"/>
        <v/>
      </c>
      <c r="BL749" s="161" t="str">
        <f t="shared" si="419"/>
        <v/>
      </c>
      <c r="BM749" s="161" t="str">
        <f t="shared" si="420"/>
        <v/>
      </c>
      <c r="BN749" s="161" t="str">
        <f t="shared" si="421"/>
        <v/>
      </c>
      <c r="BO749" s="161" t="str">
        <f t="shared" si="422"/>
        <v/>
      </c>
      <c r="BP749" s="161" t="str">
        <f t="shared" si="423"/>
        <v/>
      </c>
      <c r="BQ749" s="161" t="str">
        <f t="shared" si="424"/>
        <v/>
      </c>
      <c r="BR749" s="161" t="str">
        <f t="shared" si="425"/>
        <v/>
      </c>
      <c r="BS749" s="161" t="str">
        <f t="shared" si="426"/>
        <v/>
      </c>
      <c r="BT749" s="161" t="str">
        <f t="shared" si="427"/>
        <v/>
      </c>
      <c r="BU749" s="161" t="str">
        <f t="shared" si="428"/>
        <v/>
      </c>
      <c r="BV749" s="161" t="str">
        <f t="shared" si="429"/>
        <v/>
      </c>
      <c r="BW749" s="161" t="str">
        <f t="shared" si="430"/>
        <v/>
      </c>
      <c r="BX749" s="161" t="str">
        <f t="shared" si="431"/>
        <v/>
      </c>
      <c r="BY749" s="161" t="str">
        <f t="shared" si="432"/>
        <v/>
      </c>
      <c r="BZ749" s="161" t="str">
        <f t="shared" si="433"/>
        <v/>
      </c>
      <c r="CA749" s="161" t="str">
        <f t="shared" si="434"/>
        <v/>
      </c>
      <c r="CB749" s="161" t="str">
        <f t="shared" si="435"/>
        <v/>
      </c>
      <c r="CC749" s="161" t="str">
        <f t="shared" si="436"/>
        <v/>
      </c>
      <c r="CD749" s="162"/>
      <c r="CE749" s="162"/>
      <c r="CF749" s="162"/>
    </row>
    <row r="750" spans="1:84" s="248" customFormat="1" ht="56.1" hidden="1" customHeight="1" x14ac:dyDescent="0.2">
      <c r="A750" s="198">
        <v>750</v>
      </c>
      <c r="B750" s="199" t="s">
        <v>53</v>
      </c>
      <c r="C750" s="208" t="s">
        <v>655</v>
      </c>
      <c r="D750" s="243" t="s">
        <v>900</v>
      </c>
      <c r="E750" s="288" t="s">
        <v>993</v>
      </c>
      <c r="F750" s="288" t="s">
        <v>994</v>
      </c>
      <c r="G750" s="206" t="s">
        <v>58</v>
      </c>
      <c r="H750" s="243" t="s">
        <v>833</v>
      </c>
      <c r="I750" s="243" t="s">
        <v>81</v>
      </c>
      <c r="J750" s="206" t="s">
        <v>77</v>
      </c>
      <c r="K750" s="242" t="s">
        <v>722</v>
      </c>
      <c r="L750" s="205" t="s">
        <v>63</v>
      </c>
      <c r="M750" s="205" t="s">
        <v>63</v>
      </c>
      <c r="N750" s="244">
        <v>129504.375</v>
      </c>
      <c r="O750" s="245">
        <f t="shared" si="437"/>
        <v>129504.375</v>
      </c>
      <c r="P750" s="285" t="s">
        <v>659</v>
      </c>
      <c r="Q750" s="205" t="s">
        <v>65</v>
      </c>
      <c r="R750" s="203"/>
      <c r="S750" s="203"/>
      <c r="T750" s="203"/>
      <c r="U750" s="203"/>
      <c r="V750" s="203"/>
      <c r="W750" s="203"/>
      <c r="X750" s="203"/>
      <c r="Y750" s="203"/>
      <c r="Z750" s="203"/>
      <c r="AA750" s="203"/>
      <c r="AB750" s="203"/>
      <c r="AC750" s="203"/>
      <c r="AD750" s="203"/>
      <c r="AE750" s="203"/>
      <c r="AF750" s="203"/>
      <c r="AG750" s="203"/>
      <c r="AH750" s="205"/>
      <c r="AI750" s="203"/>
      <c r="AJ750" s="203"/>
      <c r="AK750" s="203"/>
      <c r="AL750" s="205"/>
      <c r="AM750" s="203"/>
      <c r="AN750" s="203"/>
      <c r="AO750" s="203"/>
      <c r="AP750" s="205"/>
      <c r="AQ750" s="203"/>
      <c r="AR750" s="205"/>
      <c r="AS750" s="205"/>
      <c r="AT750" s="203"/>
      <c r="AU750" s="205"/>
      <c r="AV750" s="205"/>
      <c r="AW750" s="204">
        <f t="shared" si="405"/>
        <v>0</v>
      </c>
      <c r="AX750" s="205"/>
      <c r="AY750" s="203" t="str">
        <f t="shared" si="406"/>
        <v/>
      </c>
      <c r="AZ750" s="203" t="str">
        <f t="shared" si="407"/>
        <v/>
      </c>
      <c r="BA750" s="203" t="str">
        <f t="shared" si="408"/>
        <v/>
      </c>
      <c r="BB750" s="203" t="str">
        <f t="shared" si="409"/>
        <v/>
      </c>
      <c r="BC750" s="203" t="str">
        <f t="shared" si="410"/>
        <v/>
      </c>
      <c r="BD750" s="203" t="str">
        <f t="shared" si="411"/>
        <v/>
      </c>
      <c r="BE750" s="203" t="str">
        <f t="shared" si="412"/>
        <v/>
      </c>
      <c r="BF750" s="203" t="str">
        <f t="shared" si="413"/>
        <v/>
      </c>
      <c r="BG750" s="203" t="str">
        <f t="shared" si="414"/>
        <v/>
      </c>
      <c r="BH750" s="203" t="str">
        <f t="shared" si="415"/>
        <v/>
      </c>
      <c r="BI750" s="203" t="str">
        <f t="shared" si="416"/>
        <v/>
      </c>
      <c r="BJ750" s="203" t="str">
        <f t="shared" si="417"/>
        <v/>
      </c>
      <c r="BK750" s="203" t="str">
        <f t="shared" si="418"/>
        <v/>
      </c>
      <c r="BL750" s="203" t="str">
        <f t="shared" si="419"/>
        <v/>
      </c>
      <c r="BM750" s="203" t="str">
        <f t="shared" si="420"/>
        <v/>
      </c>
      <c r="BN750" s="203" t="str">
        <f t="shared" si="421"/>
        <v/>
      </c>
      <c r="BO750" s="203" t="str">
        <f t="shared" si="422"/>
        <v/>
      </c>
      <c r="BP750" s="203" t="str">
        <f t="shared" si="423"/>
        <v/>
      </c>
      <c r="BQ750" s="203" t="str">
        <f t="shared" si="424"/>
        <v/>
      </c>
      <c r="BR750" s="203" t="str">
        <f t="shared" si="425"/>
        <v/>
      </c>
      <c r="BS750" s="203" t="str">
        <f t="shared" si="426"/>
        <v/>
      </c>
      <c r="BT750" s="203" t="str">
        <f t="shared" si="427"/>
        <v/>
      </c>
      <c r="BU750" s="203" t="str">
        <f t="shared" si="428"/>
        <v/>
      </c>
      <c r="BV750" s="203" t="str">
        <f t="shared" si="429"/>
        <v/>
      </c>
      <c r="BW750" s="203" t="str">
        <f t="shared" si="430"/>
        <v/>
      </c>
      <c r="BX750" s="203" t="str">
        <f t="shared" si="431"/>
        <v/>
      </c>
      <c r="BY750" s="203" t="str">
        <f t="shared" si="432"/>
        <v/>
      </c>
      <c r="BZ750" s="203" t="str">
        <f t="shared" si="433"/>
        <v/>
      </c>
      <c r="CA750" s="203" t="str">
        <f t="shared" si="434"/>
        <v/>
      </c>
      <c r="CB750" s="203" t="str">
        <f t="shared" si="435"/>
        <v/>
      </c>
      <c r="CC750" s="203" t="str">
        <f t="shared" si="436"/>
        <v/>
      </c>
      <c r="CD750" s="263"/>
      <c r="CE750" s="263"/>
      <c r="CF750" s="263"/>
    </row>
    <row r="751" spans="1:84" s="248" customFormat="1" ht="56.1" hidden="1" customHeight="1" x14ac:dyDescent="0.2">
      <c r="A751" s="198">
        <v>751</v>
      </c>
      <c r="B751" s="199" t="s">
        <v>53</v>
      </c>
      <c r="C751" s="208" t="s">
        <v>655</v>
      </c>
      <c r="D751" s="243" t="s">
        <v>932</v>
      </c>
      <c r="E751" s="288" t="s">
        <v>995</v>
      </c>
      <c r="F751" s="288" t="s">
        <v>996</v>
      </c>
      <c r="G751" s="206" t="s">
        <v>58</v>
      </c>
      <c r="H751" s="243" t="s">
        <v>833</v>
      </c>
      <c r="I751" s="243" t="s">
        <v>81</v>
      </c>
      <c r="J751" s="206" t="s">
        <v>77</v>
      </c>
      <c r="K751" s="242" t="s">
        <v>722</v>
      </c>
      <c r="L751" s="205" t="s">
        <v>63</v>
      </c>
      <c r="M751" s="205" t="s">
        <v>63</v>
      </c>
      <c r="N751" s="244">
        <v>16924.569090000005</v>
      </c>
      <c r="O751" s="245">
        <f t="shared" si="437"/>
        <v>16924.569090000005</v>
      </c>
      <c r="P751" s="285" t="s">
        <v>659</v>
      </c>
      <c r="Q751" s="205" t="s">
        <v>65</v>
      </c>
      <c r="R751" s="203"/>
      <c r="S751" s="203"/>
      <c r="T751" s="203"/>
      <c r="U751" s="203"/>
      <c r="V751" s="203"/>
      <c r="W751" s="203"/>
      <c r="X751" s="203"/>
      <c r="Y751" s="203"/>
      <c r="Z751" s="203"/>
      <c r="AA751" s="203"/>
      <c r="AB751" s="203"/>
      <c r="AC751" s="203"/>
      <c r="AD751" s="203"/>
      <c r="AE751" s="203"/>
      <c r="AF751" s="203"/>
      <c r="AG751" s="203"/>
      <c r="AH751" s="205"/>
      <c r="AI751" s="203"/>
      <c r="AJ751" s="203"/>
      <c r="AK751" s="203"/>
      <c r="AL751" s="205"/>
      <c r="AM751" s="203"/>
      <c r="AN751" s="203"/>
      <c r="AO751" s="203"/>
      <c r="AP751" s="205"/>
      <c r="AQ751" s="203"/>
      <c r="AR751" s="205"/>
      <c r="AS751" s="205"/>
      <c r="AT751" s="203"/>
      <c r="AU751" s="205"/>
      <c r="AV751" s="205"/>
      <c r="AW751" s="204">
        <f t="shared" si="405"/>
        <v>0</v>
      </c>
      <c r="AX751" s="205"/>
      <c r="AY751" s="203" t="str">
        <f t="shared" si="406"/>
        <v/>
      </c>
      <c r="AZ751" s="203" t="str">
        <f t="shared" si="407"/>
        <v/>
      </c>
      <c r="BA751" s="203" t="str">
        <f t="shared" si="408"/>
        <v/>
      </c>
      <c r="BB751" s="203" t="str">
        <f t="shared" si="409"/>
        <v/>
      </c>
      <c r="BC751" s="203" t="str">
        <f t="shared" si="410"/>
        <v/>
      </c>
      <c r="BD751" s="203" t="str">
        <f t="shared" si="411"/>
        <v/>
      </c>
      <c r="BE751" s="203" t="str">
        <f t="shared" si="412"/>
        <v/>
      </c>
      <c r="BF751" s="203" t="str">
        <f t="shared" si="413"/>
        <v/>
      </c>
      <c r="BG751" s="203" t="str">
        <f t="shared" si="414"/>
        <v/>
      </c>
      <c r="BH751" s="203" t="str">
        <f t="shared" si="415"/>
        <v/>
      </c>
      <c r="BI751" s="203" t="str">
        <f t="shared" si="416"/>
        <v/>
      </c>
      <c r="BJ751" s="203" t="str">
        <f t="shared" si="417"/>
        <v/>
      </c>
      <c r="BK751" s="203" t="str">
        <f t="shared" si="418"/>
        <v/>
      </c>
      <c r="BL751" s="203" t="str">
        <f t="shared" si="419"/>
        <v/>
      </c>
      <c r="BM751" s="203" t="str">
        <f t="shared" si="420"/>
        <v/>
      </c>
      <c r="BN751" s="203" t="str">
        <f t="shared" si="421"/>
        <v/>
      </c>
      <c r="BO751" s="203" t="str">
        <f t="shared" si="422"/>
        <v/>
      </c>
      <c r="BP751" s="203" t="str">
        <f t="shared" si="423"/>
        <v/>
      </c>
      <c r="BQ751" s="203" t="str">
        <f t="shared" si="424"/>
        <v/>
      </c>
      <c r="BR751" s="203" t="str">
        <f t="shared" si="425"/>
        <v/>
      </c>
      <c r="BS751" s="203" t="str">
        <f t="shared" si="426"/>
        <v/>
      </c>
      <c r="BT751" s="203" t="str">
        <f t="shared" si="427"/>
        <v/>
      </c>
      <c r="BU751" s="203" t="str">
        <f t="shared" si="428"/>
        <v/>
      </c>
      <c r="BV751" s="203" t="str">
        <f t="shared" si="429"/>
        <v/>
      </c>
      <c r="BW751" s="203" t="str">
        <f t="shared" si="430"/>
        <v/>
      </c>
      <c r="BX751" s="203" t="str">
        <f t="shared" si="431"/>
        <v/>
      </c>
      <c r="BY751" s="203" t="str">
        <f t="shared" si="432"/>
        <v/>
      </c>
      <c r="BZ751" s="203" t="str">
        <f t="shared" si="433"/>
        <v/>
      </c>
      <c r="CA751" s="203" t="str">
        <f t="shared" si="434"/>
        <v/>
      </c>
      <c r="CB751" s="203" t="str">
        <f t="shared" si="435"/>
        <v/>
      </c>
      <c r="CC751" s="203" t="str">
        <f t="shared" si="436"/>
        <v/>
      </c>
      <c r="CD751" s="263"/>
      <c r="CE751" s="263"/>
      <c r="CF751" s="263"/>
    </row>
    <row r="752" spans="1:84" s="248" customFormat="1" ht="56.1" hidden="1" customHeight="1" x14ac:dyDescent="0.2">
      <c r="A752" s="198">
        <v>752</v>
      </c>
      <c r="B752" s="199" t="s">
        <v>53</v>
      </c>
      <c r="C752" s="208" t="s">
        <v>655</v>
      </c>
      <c r="D752" s="243" t="s">
        <v>932</v>
      </c>
      <c r="E752" s="288" t="s">
        <v>997</v>
      </c>
      <c r="F752" s="288" t="s">
        <v>998</v>
      </c>
      <c r="G752" s="206" t="s">
        <v>58</v>
      </c>
      <c r="H752" s="243" t="s">
        <v>833</v>
      </c>
      <c r="I752" s="243" t="s">
        <v>81</v>
      </c>
      <c r="J752" s="206" t="s">
        <v>77</v>
      </c>
      <c r="K752" s="242" t="s">
        <v>722</v>
      </c>
      <c r="L752" s="205" t="s">
        <v>63</v>
      </c>
      <c r="M752" s="205" t="s">
        <v>63</v>
      </c>
      <c r="N752" s="244">
        <v>11305.9375</v>
      </c>
      <c r="O752" s="245">
        <f t="shared" si="437"/>
        <v>11305.9375</v>
      </c>
      <c r="P752" s="285" t="s">
        <v>659</v>
      </c>
      <c r="Q752" s="205" t="s">
        <v>65</v>
      </c>
      <c r="R752" s="263"/>
      <c r="S752" s="263"/>
      <c r="T752" s="263"/>
      <c r="U752" s="263"/>
      <c r="V752" s="263"/>
      <c r="W752" s="263"/>
      <c r="X752" s="263"/>
      <c r="Y752" s="263"/>
      <c r="Z752" s="263"/>
      <c r="AA752" s="263"/>
      <c r="AB752" s="263"/>
      <c r="AC752" s="263"/>
      <c r="AD752" s="263"/>
      <c r="AE752" s="263"/>
      <c r="AF752" s="263"/>
      <c r="AG752" s="263"/>
      <c r="AH752" s="263"/>
      <c r="AI752" s="263"/>
      <c r="AJ752" s="263"/>
      <c r="AK752" s="263"/>
      <c r="AL752" s="263"/>
      <c r="AM752" s="263"/>
      <c r="AN752" s="263"/>
      <c r="AO752" s="263"/>
      <c r="AP752" s="263"/>
      <c r="AQ752" s="263"/>
      <c r="AR752" s="263"/>
      <c r="AS752" s="263"/>
      <c r="AT752" s="263"/>
      <c r="AU752" s="263"/>
      <c r="AV752" s="263"/>
      <c r="AW752" s="204">
        <f t="shared" si="405"/>
        <v>0</v>
      </c>
      <c r="AX752" s="205"/>
      <c r="AY752" s="203" t="str">
        <f t="shared" si="406"/>
        <v/>
      </c>
      <c r="AZ752" s="203" t="str">
        <f t="shared" si="407"/>
        <v/>
      </c>
      <c r="BA752" s="203" t="str">
        <f t="shared" si="408"/>
        <v/>
      </c>
      <c r="BB752" s="203" t="str">
        <f t="shared" si="409"/>
        <v/>
      </c>
      <c r="BC752" s="203" t="str">
        <f t="shared" si="410"/>
        <v/>
      </c>
      <c r="BD752" s="203" t="str">
        <f t="shared" si="411"/>
        <v/>
      </c>
      <c r="BE752" s="203" t="str">
        <f t="shared" si="412"/>
        <v/>
      </c>
      <c r="BF752" s="203" t="str">
        <f t="shared" si="413"/>
        <v/>
      </c>
      <c r="BG752" s="203" t="str">
        <f t="shared" si="414"/>
        <v/>
      </c>
      <c r="BH752" s="203" t="str">
        <f t="shared" si="415"/>
        <v/>
      </c>
      <c r="BI752" s="203" t="str">
        <f t="shared" si="416"/>
        <v/>
      </c>
      <c r="BJ752" s="203" t="str">
        <f t="shared" si="417"/>
        <v/>
      </c>
      <c r="BK752" s="203" t="str">
        <f t="shared" si="418"/>
        <v/>
      </c>
      <c r="BL752" s="203" t="str">
        <f t="shared" si="419"/>
        <v/>
      </c>
      <c r="BM752" s="203" t="str">
        <f t="shared" si="420"/>
        <v/>
      </c>
      <c r="BN752" s="203" t="str">
        <f t="shared" si="421"/>
        <v/>
      </c>
      <c r="BO752" s="203" t="str">
        <f t="shared" si="422"/>
        <v/>
      </c>
      <c r="BP752" s="203" t="str">
        <f t="shared" si="423"/>
        <v/>
      </c>
      <c r="BQ752" s="203" t="str">
        <f t="shared" si="424"/>
        <v/>
      </c>
      <c r="BR752" s="203" t="str">
        <f t="shared" si="425"/>
        <v/>
      </c>
      <c r="BS752" s="203" t="str">
        <f t="shared" si="426"/>
        <v/>
      </c>
      <c r="BT752" s="203" t="str">
        <f t="shared" si="427"/>
        <v/>
      </c>
      <c r="BU752" s="203" t="str">
        <f t="shared" si="428"/>
        <v/>
      </c>
      <c r="BV752" s="203" t="str">
        <f t="shared" si="429"/>
        <v/>
      </c>
      <c r="BW752" s="203" t="str">
        <f t="shared" si="430"/>
        <v/>
      </c>
      <c r="BX752" s="203" t="str">
        <f t="shared" si="431"/>
        <v/>
      </c>
      <c r="BY752" s="203" t="str">
        <f t="shared" si="432"/>
        <v/>
      </c>
      <c r="BZ752" s="203" t="str">
        <f t="shared" si="433"/>
        <v/>
      </c>
      <c r="CA752" s="203" t="str">
        <f t="shared" si="434"/>
        <v/>
      </c>
      <c r="CB752" s="203" t="str">
        <f t="shared" si="435"/>
        <v/>
      </c>
      <c r="CC752" s="203" t="str">
        <f t="shared" si="436"/>
        <v/>
      </c>
      <c r="CD752" s="263"/>
      <c r="CE752" s="263"/>
      <c r="CF752" s="263"/>
    </row>
    <row r="753" spans="1:84" s="248" customFormat="1" ht="56.1" hidden="1" customHeight="1" x14ac:dyDescent="0.2">
      <c r="A753" s="198">
        <v>753</v>
      </c>
      <c r="B753" s="199" t="s">
        <v>53</v>
      </c>
      <c r="C753" s="208" t="s">
        <v>655</v>
      </c>
      <c r="D753" s="243" t="s">
        <v>932</v>
      </c>
      <c r="E753" s="288" t="s">
        <v>999</v>
      </c>
      <c r="F753" s="288" t="s">
        <v>1000</v>
      </c>
      <c r="G753" s="206" t="s">
        <v>58</v>
      </c>
      <c r="H753" s="243" t="s">
        <v>833</v>
      </c>
      <c r="I753" s="243" t="s">
        <v>81</v>
      </c>
      <c r="J753" s="206" t="s">
        <v>77</v>
      </c>
      <c r="K753" s="242" t="s">
        <v>722</v>
      </c>
      <c r="L753" s="205" t="s">
        <v>63</v>
      </c>
      <c r="M753" s="205" t="s">
        <v>63</v>
      </c>
      <c r="N753" s="244">
        <v>388.513125</v>
      </c>
      <c r="O753" s="245">
        <f t="shared" si="437"/>
        <v>388.513125</v>
      </c>
      <c r="P753" s="285" t="s">
        <v>659</v>
      </c>
      <c r="Q753" s="205" t="s">
        <v>65</v>
      </c>
      <c r="R753" s="203"/>
      <c r="S753" s="203"/>
      <c r="T753" s="203"/>
      <c r="U753" s="203"/>
      <c r="V753" s="203"/>
      <c r="W753" s="203"/>
      <c r="X753" s="203"/>
      <c r="Y753" s="203"/>
      <c r="Z753" s="203"/>
      <c r="AA753" s="203"/>
      <c r="AB753" s="203"/>
      <c r="AC753" s="203"/>
      <c r="AD753" s="203"/>
      <c r="AE753" s="203"/>
      <c r="AF753" s="203"/>
      <c r="AG753" s="203"/>
      <c r="AH753" s="205"/>
      <c r="AI753" s="203"/>
      <c r="AJ753" s="203"/>
      <c r="AK753" s="203"/>
      <c r="AL753" s="205"/>
      <c r="AM753" s="203"/>
      <c r="AN753" s="203"/>
      <c r="AO753" s="203"/>
      <c r="AP753" s="205"/>
      <c r="AQ753" s="203"/>
      <c r="AR753" s="205"/>
      <c r="AS753" s="205"/>
      <c r="AT753" s="203"/>
      <c r="AU753" s="205"/>
      <c r="AV753" s="205"/>
      <c r="AW753" s="204">
        <f t="shared" si="405"/>
        <v>0</v>
      </c>
      <c r="AX753" s="205"/>
      <c r="AY753" s="203" t="str">
        <f t="shared" si="406"/>
        <v/>
      </c>
      <c r="AZ753" s="203" t="str">
        <f t="shared" si="407"/>
        <v/>
      </c>
      <c r="BA753" s="203" t="str">
        <f t="shared" si="408"/>
        <v/>
      </c>
      <c r="BB753" s="203" t="str">
        <f t="shared" si="409"/>
        <v/>
      </c>
      <c r="BC753" s="203" t="str">
        <f t="shared" si="410"/>
        <v/>
      </c>
      <c r="BD753" s="203" t="str">
        <f t="shared" si="411"/>
        <v/>
      </c>
      <c r="BE753" s="203" t="str">
        <f t="shared" si="412"/>
        <v/>
      </c>
      <c r="BF753" s="203" t="str">
        <f t="shared" si="413"/>
        <v/>
      </c>
      <c r="BG753" s="203" t="str">
        <f t="shared" si="414"/>
        <v/>
      </c>
      <c r="BH753" s="203" t="str">
        <f t="shared" si="415"/>
        <v/>
      </c>
      <c r="BI753" s="203" t="str">
        <f t="shared" si="416"/>
        <v/>
      </c>
      <c r="BJ753" s="203" t="str">
        <f t="shared" si="417"/>
        <v/>
      </c>
      <c r="BK753" s="203" t="str">
        <f t="shared" si="418"/>
        <v/>
      </c>
      <c r="BL753" s="203" t="str">
        <f t="shared" si="419"/>
        <v/>
      </c>
      <c r="BM753" s="203" t="str">
        <f t="shared" si="420"/>
        <v/>
      </c>
      <c r="BN753" s="203" t="str">
        <f t="shared" si="421"/>
        <v/>
      </c>
      <c r="BO753" s="203" t="str">
        <f t="shared" si="422"/>
        <v/>
      </c>
      <c r="BP753" s="203" t="str">
        <f t="shared" si="423"/>
        <v/>
      </c>
      <c r="BQ753" s="203" t="str">
        <f t="shared" si="424"/>
        <v/>
      </c>
      <c r="BR753" s="203" t="str">
        <f t="shared" si="425"/>
        <v/>
      </c>
      <c r="BS753" s="203" t="str">
        <f t="shared" si="426"/>
        <v/>
      </c>
      <c r="BT753" s="203" t="str">
        <f t="shared" si="427"/>
        <v/>
      </c>
      <c r="BU753" s="203" t="str">
        <f t="shared" si="428"/>
        <v/>
      </c>
      <c r="BV753" s="203" t="str">
        <f t="shared" si="429"/>
        <v/>
      </c>
      <c r="BW753" s="203" t="str">
        <f t="shared" si="430"/>
        <v/>
      </c>
      <c r="BX753" s="203" t="str">
        <f t="shared" si="431"/>
        <v/>
      </c>
      <c r="BY753" s="203" t="str">
        <f t="shared" si="432"/>
        <v/>
      </c>
      <c r="BZ753" s="203" t="str">
        <f t="shared" si="433"/>
        <v/>
      </c>
      <c r="CA753" s="203" t="str">
        <f t="shared" si="434"/>
        <v/>
      </c>
      <c r="CB753" s="203" t="str">
        <f t="shared" si="435"/>
        <v/>
      </c>
      <c r="CC753" s="203" t="str">
        <f t="shared" si="436"/>
        <v/>
      </c>
      <c r="CD753" s="263"/>
      <c r="CE753" s="263"/>
      <c r="CF753" s="263"/>
    </row>
    <row r="754" spans="1:84" s="248" customFormat="1" ht="56.1" hidden="1" customHeight="1" x14ac:dyDescent="0.2">
      <c r="A754" s="198">
        <v>754</v>
      </c>
      <c r="B754" s="199" t="s">
        <v>53</v>
      </c>
      <c r="C754" s="208" t="s">
        <v>655</v>
      </c>
      <c r="D754" s="243" t="s">
        <v>932</v>
      </c>
      <c r="E754" s="288" t="s">
        <v>1001</v>
      </c>
      <c r="F754" s="288" t="s">
        <v>1002</v>
      </c>
      <c r="G754" s="206" t="s">
        <v>58</v>
      </c>
      <c r="H754" s="243" t="s">
        <v>833</v>
      </c>
      <c r="I754" s="243" t="s">
        <v>81</v>
      </c>
      <c r="J754" s="206" t="s">
        <v>77</v>
      </c>
      <c r="K754" s="242" t="s">
        <v>722</v>
      </c>
      <c r="L754" s="205" t="s">
        <v>63</v>
      </c>
      <c r="M754" s="205" t="s">
        <v>63</v>
      </c>
      <c r="N754" s="244">
        <v>5726.41212</v>
      </c>
      <c r="O754" s="245">
        <f t="shared" si="437"/>
        <v>5726.41212</v>
      </c>
      <c r="P754" s="285" t="s">
        <v>659</v>
      </c>
      <c r="Q754" s="205" t="s">
        <v>65</v>
      </c>
      <c r="R754" s="203"/>
      <c r="S754" s="203"/>
      <c r="T754" s="203"/>
      <c r="U754" s="203"/>
      <c r="V754" s="203"/>
      <c r="W754" s="203"/>
      <c r="X754" s="203"/>
      <c r="Y754" s="203"/>
      <c r="Z754" s="203"/>
      <c r="AA754" s="203"/>
      <c r="AB754" s="203"/>
      <c r="AC754" s="203"/>
      <c r="AD754" s="203"/>
      <c r="AE754" s="203"/>
      <c r="AF754" s="203"/>
      <c r="AG754" s="203"/>
      <c r="AH754" s="205"/>
      <c r="AI754" s="203"/>
      <c r="AJ754" s="203"/>
      <c r="AK754" s="203"/>
      <c r="AL754" s="205"/>
      <c r="AM754" s="203"/>
      <c r="AN754" s="203"/>
      <c r="AO754" s="203"/>
      <c r="AP754" s="205"/>
      <c r="AQ754" s="203"/>
      <c r="AR754" s="205"/>
      <c r="AS754" s="205"/>
      <c r="AT754" s="203"/>
      <c r="AU754" s="205"/>
      <c r="AV754" s="205"/>
      <c r="AW754" s="204">
        <f t="shared" si="405"/>
        <v>0</v>
      </c>
      <c r="AX754" s="205"/>
      <c r="AY754" s="203" t="str">
        <f t="shared" si="406"/>
        <v/>
      </c>
      <c r="AZ754" s="203" t="str">
        <f t="shared" si="407"/>
        <v/>
      </c>
      <c r="BA754" s="203" t="str">
        <f t="shared" si="408"/>
        <v/>
      </c>
      <c r="BB754" s="203" t="str">
        <f t="shared" si="409"/>
        <v/>
      </c>
      <c r="BC754" s="203" t="str">
        <f t="shared" si="410"/>
        <v/>
      </c>
      <c r="BD754" s="203" t="str">
        <f t="shared" si="411"/>
        <v/>
      </c>
      <c r="BE754" s="203" t="str">
        <f t="shared" si="412"/>
        <v/>
      </c>
      <c r="BF754" s="203" t="str">
        <f t="shared" si="413"/>
        <v/>
      </c>
      <c r="BG754" s="203" t="str">
        <f t="shared" si="414"/>
        <v/>
      </c>
      <c r="BH754" s="203" t="str">
        <f t="shared" si="415"/>
        <v/>
      </c>
      <c r="BI754" s="203" t="str">
        <f t="shared" si="416"/>
        <v/>
      </c>
      <c r="BJ754" s="203" t="str">
        <f t="shared" si="417"/>
        <v/>
      </c>
      <c r="BK754" s="203" t="str">
        <f t="shared" si="418"/>
        <v/>
      </c>
      <c r="BL754" s="203" t="str">
        <f t="shared" si="419"/>
        <v/>
      </c>
      <c r="BM754" s="203" t="str">
        <f t="shared" si="420"/>
        <v/>
      </c>
      <c r="BN754" s="203" t="str">
        <f t="shared" si="421"/>
        <v/>
      </c>
      <c r="BO754" s="203" t="str">
        <f t="shared" si="422"/>
        <v/>
      </c>
      <c r="BP754" s="203" t="str">
        <f t="shared" si="423"/>
        <v/>
      </c>
      <c r="BQ754" s="203" t="str">
        <f t="shared" si="424"/>
        <v/>
      </c>
      <c r="BR754" s="203" t="str">
        <f t="shared" si="425"/>
        <v/>
      </c>
      <c r="BS754" s="203" t="str">
        <f t="shared" si="426"/>
        <v/>
      </c>
      <c r="BT754" s="203" t="str">
        <f t="shared" si="427"/>
        <v/>
      </c>
      <c r="BU754" s="203" t="str">
        <f t="shared" si="428"/>
        <v/>
      </c>
      <c r="BV754" s="203" t="str">
        <f t="shared" si="429"/>
        <v/>
      </c>
      <c r="BW754" s="203" t="str">
        <f t="shared" si="430"/>
        <v/>
      </c>
      <c r="BX754" s="203" t="str">
        <f t="shared" si="431"/>
        <v/>
      </c>
      <c r="BY754" s="203" t="str">
        <f t="shared" si="432"/>
        <v/>
      </c>
      <c r="BZ754" s="203" t="str">
        <f t="shared" si="433"/>
        <v/>
      </c>
      <c r="CA754" s="203" t="str">
        <f t="shared" si="434"/>
        <v/>
      </c>
      <c r="CB754" s="203" t="str">
        <f t="shared" si="435"/>
        <v/>
      </c>
      <c r="CC754" s="203" t="str">
        <f t="shared" si="436"/>
        <v/>
      </c>
      <c r="CD754" s="263"/>
      <c r="CE754" s="263"/>
      <c r="CF754" s="263"/>
    </row>
    <row r="755" spans="1:84" s="248" customFormat="1" ht="56.1" hidden="1" customHeight="1" x14ac:dyDescent="0.2">
      <c r="A755" s="198">
        <v>755</v>
      </c>
      <c r="B755" s="199" t="s">
        <v>53</v>
      </c>
      <c r="C755" s="208" t="s">
        <v>655</v>
      </c>
      <c r="D755" s="243" t="s">
        <v>932</v>
      </c>
      <c r="E755" s="288" t="s">
        <v>1003</v>
      </c>
      <c r="F755" s="288" t="s">
        <v>1004</v>
      </c>
      <c r="G755" s="206" t="s">
        <v>58</v>
      </c>
      <c r="H755" s="243" t="s">
        <v>833</v>
      </c>
      <c r="I755" s="243" t="s">
        <v>81</v>
      </c>
      <c r="J755" s="206" t="s">
        <v>77</v>
      </c>
      <c r="K755" s="242" t="s">
        <v>722</v>
      </c>
      <c r="L755" s="205" t="s">
        <v>63</v>
      </c>
      <c r="M755" s="205" t="s">
        <v>63</v>
      </c>
      <c r="N755" s="244">
        <v>10758.582119999999</v>
      </c>
      <c r="O755" s="245">
        <f t="shared" si="437"/>
        <v>10758.582119999999</v>
      </c>
      <c r="P755" s="285" t="s">
        <v>659</v>
      </c>
      <c r="Q755" s="205" t="s">
        <v>65</v>
      </c>
      <c r="R755" s="203"/>
      <c r="S755" s="203"/>
      <c r="T755" s="203"/>
      <c r="U755" s="203"/>
      <c r="V755" s="203"/>
      <c r="W755" s="203"/>
      <c r="X755" s="203"/>
      <c r="Y755" s="203"/>
      <c r="Z755" s="203"/>
      <c r="AA755" s="203"/>
      <c r="AB755" s="203"/>
      <c r="AC755" s="203"/>
      <c r="AD755" s="203"/>
      <c r="AE755" s="203"/>
      <c r="AF755" s="203"/>
      <c r="AG755" s="203"/>
      <c r="AH755" s="205"/>
      <c r="AI755" s="203"/>
      <c r="AJ755" s="203"/>
      <c r="AK755" s="203"/>
      <c r="AL755" s="205"/>
      <c r="AM755" s="203"/>
      <c r="AN755" s="203"/>
      <c r="AO755" s="203"/>
      <c r="AP755" s="205"/>
      <c r="AQ755" s="203"/>
      <c r="AR755" s="205"/>
      <c r="AS755" s="205"/>
      <c r="AT755" s="203"/>
      <c r="AU755" s="205"/>
      <c r="AV755" s="205"/>
      <c r="AW755" s="204">
        <f t="shared" si="405"/>
        <v>0</v>
      </c>
      <c r="AX755" s="205"/>
      <c r="AY755" s="203" t="str">
        <f t="shared" si="406"/>
        <v/>
      </c>
      <c r="AZ755" s="203" t="str">
        <f t="shared" si="407"/>
        <v/>
      </c>
      <c r="BA755" s="203" t="str">
        <f t="shared" si="408"/>
        <v/>
      </c>
      <c r="BB755" s="203" t="str">
        <f t="shared" si="409"/>
        <v/>
      </c>
      <c r="BC755" s="203" t="str">
        <f t="shared" si="410"/>
        <v/>
      </c>
      <c r="BD755" s="203" t="str">
        <f t="shared" si="411"/>
        <v/>
      </c>
      <c r="BE755" s="203" t="str">
        <f t="shared" si="412"/>
        <v/>
      </c>
      <c r="BF755" s="203" t="str">
        <f t="shared" si="413"/>
        <v/>
      </c>
      <c r="BG755" s="203" t="str">
        <f t="shared" si="414"/>
        <v/>
      </c>
      <c r="BH755" s="203" t="str">
        <f t="shared" si="415"/>
        <v/>
      </c>
      <c r="BI755" s="203" t="str">
        <f t="shared" si="416"/>
        <v/>
      </c>
      <c r="BJ755" s="203" t="str">
        <f t="shared" si="417"/>
        <v/>
      </c>
      <c r="BK755" s="203" t="str">
        <f t="shared" si="418"/>
        <v/>
      </c>
      <c r="BL755" s="203" t="str">
        <f t="shared" si="419"/>
        <v/>
      </c>
      <c r="BM755" s="203" t="str">
        <f t="shared" si="420"/>
        <v/>
      </c>
      <c r="BN755" s="203" t="str">
        <f t="shared" si="421"/>
        <v/>
      </c>
      <c r="BO755" s="203" t="str">
        <f t="shared" si="422"/>
        <v/>
      </c>
      <c r="BP755" s="203" t="str">
        <f t="shared" si="423"/>
        <v/>
      </c>
      <c r="BQ755" s="203" t="str">
        <f t="shared" si="424"/>
        <v/>
      </c>
      <c r="BR755" s="203" t="str">
        <f t="shared" si="425"/>
        <v/>
      </c>
      <c r="BS755" s="203" t="str">
        <f t="shared" si="426"/>
        <v/>
      </c>
      <c r="BT755" s="203" t="str">
        <f t="shared" si="427"/>
        <v/>
      </c>
      <c r="BU755" s="203" t="str">
        <f t="shared" si="428"/>
        <v/>
      </c>
      <c r="BV755" s="203" t="str">
        <f t="shared" si="429"/>
        <v/>
      </c>
      <c r="BW755" s="203" t="str">
        <f t="shared" si="430"/>
        <v/>
      </c>
      <c r="BX755" s="203" t="str">
        <f t="shared" si="431"/>
        <v/>
      </c>
      <c r="BY755" s="203" t="str">
        <f t="shared" si="432"/>
        <v/>
      </c>
      <c r="BZ755" s="203" t="str">
        <f t="shared" si="433"/>
        <v/>
      </c>
      <c r="CA755" s="203" t="str">
        <f t="shared" si="434"/>
        <v/>
      </c>
      <c r="CB755" s="203" t="str">
        <f t="shared" si="435"/>
        <v/>
      </c>
      <c r="CC755" s="203" t="str">
        <f t="shared" si="436"/>
        <v/>
      </c>
      <c r="CD755" s="263"/>
      <c r="CE755" s="263"/>
      <c r="CF755" s="263"/>
    </row>
    <row r="756" spans="1:84" s="248" customFormat="1" ht="56.1" hidden="1" customHeight="1" x14ac:dyDescent="0.2">
      <c r="A756" s="198">
        <v>756</v>
      </c>
      <c r="B756" s="199" t="s">
        <v>53</v>
      </c>
      <c r="C756" s="208" t="s">
        <v>655</v>
      </c>
      <c r="D756" s="243" t="s">
        <v>900</v>
      </c>
      <c r="E756" s="288" t="s">
        <v>1005</v>
      </c>
      <c r="F756" s="288" t="s">
        <v>1006</v>
      </c>
      <c r="G756" s="206" t="s">
        <v>58</v>
      </c>
      <c r="H756" s="243" t="s">
        <v>833</v>
      </c>
      <c r="I756" s="243" t="s">
        <v>81</v>
      </c>
      <c r="J756" s="206" t="s">
        <v>77</v>
      </c>
      <c r="K756" s="242" t="s">
        <v>722</v>
      </c>
      <c r="L756" s="205" t="s">
        <v>63</v>
      </c>
      <c r="M756" s="205" t="s">
        <v>63</v>
      </c>
      <c r="N756" s="244">
        <v>24667.5</v>
      </c>
      <c r="O756" s="245">
        <f t="shared" si="437"/>
        <v>24667.5</v>
      </c>
      <c r="P756" s="285" t="s">
        <v>659</v>
      </c>
      <c r="Q756" s="205" t="s">
        <v>65</v>
      </c>
      <c r="R756" s="203"/>
      <c r="S756" s="203"/>
      <c r="T756" s="203"/>
      <c r="U756" s="203"/>
      <c r="V756" s="203"/>
      <c r="W756" s="203"/>
      <c r="X756" s="203"/>
      <c r="Y756" s="203"/>
      <c r="Z756" s="203"/>
      <c r="AA756" s="203"/>
      <c r="AB756" s="203"/>
      <c r="AC756" s="203"/>
      <c r="AD756" s="203"/>
      <c r="AE756" s="203"/>
      <c r="AF756" s="203"/>
      <c r="AG756" s="203"/>
      <c r="AH756" s="205"/>
      <c r="AI756" s="203"/>
      <c r="AJ756" s="203"/>
      <c r="AK756" s="203"/>
      <c r="AL756" s="205"/>
      <c r="AM756" s="203"/>
      <c r="AN756" s="203"/>
      <c r="AO756" s="203"/>
      <c r="AP756" s="205"/>
      <c r="AQ756" s="203"/>
      <c r="AR756" s="205"/>
      <c r="AS756" s="205"/>
      <c r="AT756" s="203"/>
      <c r="AU756" s="205"/>
      <c r="AV756" s="205"/>
      <c r="AW756" s="204">
        <f t="shared" si="405"/>
        <v>0</v>
      </c>
      <c r="AX756" s="205"/>
      <c r="AY756" s="203" t="str">
        <f t="shared" si="406"/>
        <v/>
      </c>
      <c r="AZ756" s="203" t="str">
        <f t="shared" si="407"/>
        <v/>
      </c>
      <c r="BA756" s="203" t="str">
        <f t="shared" si="408"/>
        <v/>
      </c>
      <c r="BB756" s="203" t="str">
        <f t="shared" si="409"/>
        <v/>
      </c>
      <c r="BC756" s="203" t="str">
        <f t="shared" si="410"/>
        <v/>
      </c>
      <c r="BD756" s="203" t="str">
        <f t="shared" si="411"/>
        <v/>
      </c>
      <c r="BE756" s="203" t="str">
        <f t="shared" si="412"/>
        <v/>
      </c>
      <c r="BF756" s="203" t="str">
        <f t="shared" si="413"/>
        <v/>
      </c>
      <c r="BG756" s="203" t="str">
        <f t="shared" si="414"/>
        <v/>
      </c>
      <c r="BH756" s="203" t="str">
        <f t="shared" si="415"/>
        <v/>
      </c>
      <c r="BI756" s="203" t="str">
        <f t="shared" si="416"/>
        <v/>
      </c>
      <c r="BJ756" s="203" t="str">
        <f t="shared" si="417"/>
        <v/>
      </c>
      <c r="BK756" s="203" t="str">
        <f t="shared" si="418"/>
        <v/>
      </c>
      <c r="BL756" s="203" t="str">
        <f t="shared" si="419"/>
        <v/>
      </c>
      <c r="BM756" s="203" t="str">
        <f t="shared" si="420"/>
        <v/>
      </c>
      <c r="BN756" s="203" t="str">
        <f t="shared" si="421"/>
        <v/>
      </c>
      <c r="BO756" s="203" t="str">
        <f t="shared" si="422"/>
        <v/>
      </c>
      <c r="BP756" s="203" t="str">
        <f t="shared" si="423"/>
        <v/>
      </c>
      <c r="BQ756" s="203" t="str">
        <f t="shared" si="424"/>
        <v/>
      </c>
      <c r="BR756" s="203" t="str">
        <f t="shared" si="425"/>
        <v/>
      </c>
      <c r="BS756" s="203" t="str">
        <f t="shared" si="426"/>
        <v/>
      </c>
      <c r="BT756" s="203" t="str">
        <f t="shared" si="427"/>
        <v/>
      </c>
      <c r="BU756" s="203" t="str">
        <f t="shared" si="428"/>
        <v/>
      </c>
      <c r="BV756" s="203" t="str">
        <f t="shared" si="429"/>
        <v/>
      </c>
      <c r="BW756" s="203" t="str">
        <f t="shared" si="430"/>
        <v/>
      </c>
      <c r="BX756" s="203" t="str">
        <f t="shared" si="431"/>
        <v/>
      </c>
      <c r="BY756" s="203" t="str">
        <f t="shared" si="432"/>
        <v/>
      </c>
      <c r="BZ756" s="203" t="str">
        <f t="shared" si="433"/>
        <v/>
      </c>
      <c r="CA756" s="203" t="str">
        <f t="shared" si="434"/>
        <v/>
      </c>
      <c r="CB756" s="203" t="str">
        <f t="shared" si="435"/>
        <v/>
      </c>
      <c r="CC756" s="203" t="str">
        <f t="shared" si="436"/>
        <v/>
      </c>
      <c r="CD756" s="263"/>
      <c r="CE756" s="263"/>
      <c r="CF756" s="263"/>
    </row>
    <row r="757" spans="1:84" s="248" customFormat="1" ht="56.1" hidden="1" customHeight="1" x14ac:dyDescent="0.2">
      <c r="A757" s="198">
        <v>757</v>
      </c>
      <c r="B757" s="199" t="s">
        <v>53</v>
      </c>
      <c r="C757" s="208" t="s">
        <v>655</v>
      </c>
      <c r="D757" s="243" t="s">
        <v>900</v>
      </c>
      <c r="E757" s="288" t="s">
        <v>1007</v>
      </c>
      <c r="F757" s="288" t="s">
        <v>1008</v>
      </c>
      <c r="G757" s="206" t="s">
        <v>58</v>
      </c>
      <c r="H757" s="243" t="s">
        <v>833</v>
      </c>
      <c r="I757" s="243" t="s">
        <v>81</v>
      </c>
      <c r="J757" s="206" t="s">
        <v>77</v>
      </c>
      <c r="K757" s="242" t="s">
        <v>722</v>
      </c>
      <c r="L757" s="205" t="s">
        <v>63</v>
      </c>
      <c r="M757" s="205" t="s">
        <v>63</v>
      </c>
      <c r="N757" s="244">
        <v>102781.25</v>
      </c>
      <c r="O757" s="245">
        <f t="shared" si="437"/>
        <v>102781.25</v>
      </c>
      <c r="P757" s="285" t="s">
        <v>659</v>
      </c>
      <c r="Q757" s="205" t="s">
        <v>65</v>
      </c>
      <c r="R757" s="203"/>
      <c r="S757" s="203"/>
      <c r="T757" s="203"/>
      <c r="U757" s="203"/>
      <c r="V757" s="203"/>
      <c r="W757" s="203"/>
      <c r="X757" s="203"/>
      <c r="Y757" s="203"/>
      <c r="Z757" s="203"/>
      <c r="AA757" s="203"/>
      <c r="AB757" s="203"/>
      <c r="AC757" s="203"/>
      <c r="AD757" s="203"/>
      <c r="AE757" s="203"/>
      <c r="AF757" s="203"/>
      <c r="AG757" s="203"/>
      <c r="AH757" s="205"/>
      <c r="AI757" s="203"/>
      <c r="AJ757" s="203"/>
      <c r="AK757" s="203"/>
      <c r="AL757" s="205"/>
      <c r="AM757" s="203"/>
      <c r="AN757" s="203"/>
      <c r="AO757" s="203"/>
      <c r="AP757" s="205"/>
      <c r="AQ757" s="203"/>
      <c r="AR757" s="205"/>
      <c r="AS757" s="205"/>
      <c r="AT757" s="203"/>
      <c r="AU757" s="205"/>
      <c r="AV757" s="205"/>
      <c r="AW757" s="204">
        <f t="shared" si="405"/>
        <v>0</v>
      </c>
      <c r="AX757" s="205"/>
      <c r="AY757" s="203" t="str">
        <f t="shared" si="406"/>
        <v/>
      </c>
      <c r="AZ757" s="203" t="str">
        <f t="shared" si="407"/>
        <v/>
      </c>
      <c r="BA757" s="203" t="str">
        <f t="shared" si="408"/>
        <v/>
      </c>
      <c r="BB757" s="203" t="str">
        <f t="shared" si="409"/>
        <v/>
      </c>
      <c r="BC757" s="203" t="str">
        <f t="shared" si="410"/>
        <v/>
      </c>
      <c r="BD757" s="203" t="str">
        <f t="shared" si="411"/>
        <v/>
      </c>
      <c r="BE757" s="203" t="str">
        <f t="shared" si="412"/>
        <v/>
      </c>
      <c r="BF757" s="203" t="str">
        <f t="shared" si="413"/>
        <v/>
      </c>
      <c r="BG757" s="203" t="str">
        <f t="shared" si="414"/>
        <v/>
      </c>
      <c r="BH757" s="203" t="str">
        <f t="shared" si="415"/>
        <v/>
      </c>
      <c r="BI757" s="203" t="str">
        <f t="shared" si="416"/>
        <v/>
      </c>
      <c r="BJ757" s="203" t="str">
        <f t="shared" si="417"/>
        <v/>
      </c>
      <c r="BK757" s="203" t="str">
        <f t="shared" si="418"/>
        <v/>
      </c>
      <c r="BL757" s="203" t="str">
        <f t="shared" si="419"/>
        <v/>
      </c>
      <c r="BM757" s="203" t="str">
        <f t="shared" si="420"/>
        <v/>
      </c>
      <c r="BN757" s="203" t="str">
        <f t="shared" si="421"/>
        <v/>
      </c>
      <c r="BO757" s="203" t="str">
        <f t="shared" si="422"/>
        <v/>
      </c>
      <c r="BP757" s="203" t="str">
        <f t="shared" si="423"/>
        <v/>
      </c>
      <c r="BQ757" s="203" t="str">
        <f t="shared" si="424"/>
        <v/>
      </c>
      <c r="BR757" s="203" t="str">
        <f t="shared" si="425"/>
        <v/>
      </c>
      <c r="BS757" s="203" t="str">
        <f t="shared" si="426"/>
        <v/>
      </c>
      <c r="BT757" s="203" t="str">
        <f t="shared" si="427"/>
        <v/>
      </c>
      <c r="BU757" s="203" t="str">
        <f t="shared" si="428"/>
        <v/>
      </c>
      <c r="BV757" s="203" t="str">
        <f t="shared" si="429"/>
        <v/>
      </c>
      <c r="BW757" s="203" t="str">
        <f t="shared" si="430"/>
        <v/>
      </c>
      <c r="BX757" s="203" t="str">
        <f t="shared" si="431"/>
        <v/>
      </c>
      <c r="BY757" s="203" t="str">
        <f t="shared" si="432"/>
        <v/>
      </c>
      <c r="BZ757" s="203" t="str">
        <f t="shared" si="433"/>
        <v/>
      </c>
      <c r="CA757" s="203" t="str">
        <f t="shared" si="434"/>
        <v/>
      </c>
      <c r="CB757" s="203" t="str">
        <f t="shared" si="435"/>
        <v/>
      </c>
      <c r="CC757" s="203" t="str">
        <f t="shared" si="436"/>
        <v/>
      </c>
      <c r="CD757" s="263"/>
      <c r="CE757" s="263"/>
      <c r="CF757" s="263"/>
    </row>
    <row r="758" spans="1:84" s="248" customFormat="1" ht="56.1" hidden="1" customHeight="1" x14ac:dyDescent="0.2">
      <c r="A758" s="198">
        <v>758</v>
      </c>
      <c r="B758" s="199" t="s">
        <v>53</v>
      </c>
      <c r="C758" s="208" t="s">
        <v>655</v>
      </c>
      <c r="D758" s="243" t="s">
        <v>932</v>
      </c>
      <c r="E758" s="288" t="s">
        <v>1009</v>
      </c>
      <c r="F758" s="288" t="s">
        <v>1010</v>
      </c>
      <c r="G758" s="206" t="s">
        <v>58</v>
      </c>
      <c r="H758" s="243" t="s">
        <v>833</v>
      </c>
      <c r="I758" s="243" t="s">
        <v>81</v>
      </c>
      <c r="J758" s="206" t="s">
        <v>77</v>
      </c>
      <c r="K758" s="242" t="s">
        <v>722</v>
      </c>
      <c r="L758" s="205" t="s">
        <v>63</v>
      </c>
      <c r="M758" s="205" t="s">
        <v>63</v>
      </c>
      <c r="N758" s="244">
        <v>21645.731250000001</v>
      </c>
      <c r="O758" s="245">
        <f t="shared" si="437"/>
        <v>21645.731250000001</v>
      </c>
      <c r="P758" s="285" t="s">
        <v>659</v>
      </c>
      <c r="Q758" s="205" t="s">
        <v>65</v>
      </c>
      <c r="R758" s="203"/>
      <c r="S758" s="203"/>
      <c r="T758" s="203"/>
      <c r="U758" s="203"/>
      <c r="V758" s="203"/>
      <c r="W758" s="203"/>
      <c r="X758" s="203"/>
      <c r="Y758" s="203"/>
      <c r="Z758" s="203"/>
      <c r="AA758" s="203"/>
      <c r="AB758" s="203"/>
      <c r="AC758" s="203"/>
      <c r="AD758" s="203"/>
      <c r="AE758" s="203"/>
      <c r="AF758" s="203"/>
      <c r="AG758" s="203"/>
      <c r="AH758" s="205"/>
      <c r="AI758" s="203"/>
      <c r="AJ758" s="203"/>
      <c r="AK758" s="203"/>
      <c r="AL758" s="205"/>
      <c r="AM758" s="203"/>
      <c r="AN758" s="203"/>
      <c r="AO758" s="203"/>
      <c r="AP758" s="205"/>
      <c r="AQ758" s="203"/>
      <c r="AR758" s="205"/>
      <c r="AS758" s="205"/>
      <c r="AT758" s="203"/>
      <c r="AU758" s="205"/>
      <c r="AV758" s="205"/>
      <c r="AW758" s="204">
        <f t="shared" si="405"/>
        <v>0</v>
      </c>
      <c r="AX758" s="205"/>
      <c r="AY758" s="203" t="str">
        <f t="shared" si="406"/>
        <v/>
      </c>
      <c r="AZ758" s="203" t="str">
        <f t="shared" si="407"/>
        <v/>
      </c>
      <c r="BA758" s="203" t="str">
        <f t="shared" si="408"/>
        <v/>
      </c>
      <c r="BB758" s="203" t="str">
        <f t="shared" si="409"/>
        <v/>
      </c>
      <c r="BC758" s="203" t="str">
        <f t="shared" si="410"/>
        <v/>
      </c>
      <c r="BD758" s="203" t="str">
        <f t="shared" si="411"/>
        <v/>
      </c>
      <c r="BE758" s="203" t="str">
        <f t="shared" si="412"/>
        <v/>
      </c>
      <c r="BF758" s="203" t="str">
        <f t="shared" si="413"/>
        <v/>
      </c>
      <c r="BG758" s="203" t="str">
        <f t="shared" si="414"/>
        <v/>
      </c>
      <c r="BH758" s="203" t="str">
        <f t="shared" si="415"/>
        <v/>
      </c>
      <c r="BI758" s="203" t="str">
        <f t="shared" si="416"/>
        <v/>
      </c>
      <c r="BJ758" s="203" t="str">
        <f t="shared" si="417"/>
        <v/>
      </c>
      <c r="BK758" s="203" t="str">
        <f t="shared" si="418"/>
        <v/>
      </c>
      <c r="BL758" s="203" t="str">
        <f t="shared" si="419"/>
        <v/>
      </c>
      <c r="BM758" s="203" t="str">
        <f t="shared" si="420"/>
        <v/>
      </c>
      <c r="BN758" s="203" t="str">
        <f t="shared" si="421"/>
        <v/>
      </c>
      <c r="BO758" s="203" t="str">
        <f t="shared" si="422"/>
        <v/>
      </c>
      <c r="BP758" s="203" t="str">
        <f t="shared" si="423"/>
        <v/>
      </c>
      <c r="BQ758" s="203" t="str">
        <f t="shared" si="424"/>
        <v/>
      </c>
      <c r="BR758" s="203" t="str">
        <f t="shared" si="425"/>
        <v/>
      </c>
      <c r="BS758" s="203" t="str">
        <f t="shared" si="426"/>
        <v/>
      </c>
      <c r="BT758" s="203" t="str">
        <f t="shared" si="427"/>
        <v/>
      </c>
      <c r="BU758" s="203" t="str">
        <f t="shared" si="428"/>
        <v/>
      </c>
      <c r="BV758" s="203" t="str">
        <f t="shared" si="429"/>
        <v/>
      </c>
      <c r="BW758" s="203" t="str">
        <f t="shared" si="430"/>
        <v/>
      </c>
      <c r="BX758" s="203" t="str">
        <f t="shared" si="431"/>
        <v/>
      </c>
      <c r="BY758" s="203" t="str">
        <f t="shared" si="432"/>
        <v/>
      </c>
      <c r="BZ758" s="203" t="str">
        <f t="shared" si="433"/>
        <v/>
      </c>
      <c r="CA758" s="203" t="str">
        <f t="shared" si="434"/>
        <v/>
      </c>
      <c r="CB758" s="203" t="str">
        <f t="shared" si="435"/>
        <v/>
      </c>
      <c r="CC758" s="203" t="str">
        <f t="shared" si="436"/>
        <v/>
      </c>
      <c r="CD758" s="263"/>
      <c r="CE758" s="263"/>
      <c r="CF758" s="263"/>
    </row>
    <row r="759" spans="1:84" s="248" customFormat="1" ht="56.1" hidden="1" customHeight="1" x14ac:dyDescent="0.2">
      <c r="A759" s="198">
        <v>759</v>
      </c>
      <c r="B759" s="199" t="s">
        <v>53</v>
      </c>
      <c r="C759" s="208" t="s">
        <v>655</v>
      </c>
      <c r="D759" s="243" t="s">
        <v>932</v>
      </c>
      <c r="E759" s="288" t="s">
        <v>1011</v>
      </c>
      <c r="F759" s="288" t="s">
        <v>1012</v>
      </c>
      <c r="G759" s="206" t="s">
        <v>58</v>
      </c>
      <c r="H759" s="243" t="s">
        <v>833</v>
      </c>
      <c r="I759" s="243" t="s">
        <v>81</v>
      </c>
      <c r="J759" s="206" t="s">
        <v>77</v>
      </c>
      <c r="K759" s="242" t="s">
        <v>722</v>
      </c>
      <c r="L759" s="205" t="s">
        <v>63</v>
      </c>
      <c r="M759" s="205" t="s">
        <v>63</v>
      </c>
      <c r="N759" s="290">
        <v>1679.16606</v>
      </c>
      <c r="O759" s="245">
        <f t="shared" si="437"/>
        <v>1679.16606</v>
      </c>
      <c r="P759" s="285" t="s">
        <v>659</v>
      </c>
      <c r="Q759" s="205" t="s">
        <v>65</v>
      </c>
      <c r="R759" s="203"/>
      <c r="S759" s="203"/>
      <c r="T759" s="203"/>
      <c r="U759" s="203"/>
      <c r="V759" s="203"/>
      <c r="W759" s="203"/>
      <c r="X759" s="203"/>
      <c r="Y759" s="203"/>
      <c r="Z759" s="203"/>
      <c r="AA759" s="203"/>
      <c r="AB759" s="203"/>
      <c r="AC759" s="203"/>
      <c r="AD759" s="203"/>
      <c r="AE759" s="203"/>
      <c r="AF759" s="203"/>
      <c r="AG759" s="203"/>
      <c r="AH759" s="205"/>
      <c r="AI759" s="203"/>
      <c r="AJ759" s="203"/>
      <c r="AK759" s="203"/>
      <c r="AL759" s="205"/>
      <c r="AM759" s="203"/>
      <c r="AN759" s="203"/>
      <c r="AO759" s="203"/>
      <c r="AP759" s="205"/>
      <c r="AQ759" s="203"/>
      <c r="AR759" s="205"/>
      <c r="AS759" s="205"/>
      <c r="AT759" s="203"/>
      <c r="AU759" s="205"/>
      <c r="AV759" s="205"/>
      <c r="AW759" s="204">
        <f t="shared" si="405"/>
        <v>0</v>
      </c>
      <c r="AX759" s="205"/>
      <c r="AY759" s="203" t="str">
        <f t="shared" si="406"/>
        <v/>
      </c>
      <c r="AZ759" s="203" t="str">
        <f t="shared" si="407"/>
        <v/>
      </c>
      <c r="BA759" s="203" t="str">
        <f t="shared" si="408"/>
        <v/>
      </c>
      <c r="BB759" s="203" t="str">
        <f t="shared" si="409"/>
        <v/>
      </c>
      <c r="BC759" s="203" t="str">
        <f t="shared" si="410"/>
        <v/>
      </c>
      <c r="BD759" s="203" t="str">
        <f t="shared" si="411"/>
        <v/>
      </c>
      <c r="BE759" s="203" t="str">
        <f t="shared" si="412"/>
        <v/>
      </c>
      <c r="BF759" s="203" t="str">
        <f t="shared" si="413"/>
        <v/>
      </c>
      <c r="BG759" s="203" t="str">
        <f t="shared" si="414"/>
        <v/>
      </c>
      <c r="BH759" s="203" t="str">
        <f t="shared" si="415"/>
        <v/>
      </c>
      <c r="BI759" s="203" t="str">
        <f t="shared" si="416"/>
        <v/>
      </c>
      <c r="BJ759" s="203" t="str">
        <f t="shared" si="417"/>
        <v/>
      </c>
      <c r="BK759" s="203" t="str">
        <f t="shared" si="418"/>
        <v/>
      </c>
      <c r="BL759" s="203" t="str">
        <f t="shared" si="419"/>
        <v/>
      </c>
      <c r="BM759" s="203" t="str">
        <f t="shared" si="420"/>
        <v/>
      </c>
      <c r="BN759" s="203" t="str">
        <f t="shared" si="421"/>
        <v/>
      </c>
      <c r="BO759" s="203" t="str">
        <f t="shared" si="422"/>
        <v/>
      </c>
      <c r="BP759" s="203" t="str">
        <f t="shared" si="423"/>
        <v/>
      </c>
      <c r="BQ759" s="203" t="str">
        <f t="shared" si="424"/>
        <v/>
      </c>
      <c r="BR759" s="203" t="str">
        <f t="shared" si="425"/>
        <v/>
      </c>
      <c r="BS759" s="203" t="str">
        <f t="shared" si="426"/>
        <v/>
      </c>
      <c r="BT759" s="203" t="str">
        <f t="shared" si="427"/>
        <v/>
      </c>
      <c r="BU759" s="203" t="str">
        <f t="shared" si="428"/>
        <v/>
      </c>
      <c r="BV759" s="203" t="str">
        <f t="shared" si="429"/>
        <v/>
      </c>
      <c r="BW759" s="203" t="str">
        <f t="shared" si="430"/>
        <v/>
      </c>
      <c r="BX759" s="203" t="str">
        <f t="shared" si="431"/>
        <v/>
      </c>
      <c r="BY759" s="203" t="str">
        <f t="shared" si="432"/>
        <v/>
      </c>
      <c r="BZ759" s="203" t="str">
        <f t="shared" si="433"/>
        <v/>
      </c>
      <c r="CA759" s="203" t="str">
        <f t="shared" si="434"/>
        <v/>
      </c>
      <c r="CB759" s="203" t="str">
        <f t="shared" si="435"/>
        <v/>
      </c>
      <c r="CC759" s="203" t="str">
        <f t="shared" si="436"/>
        <v/>
      </c>
      <c r="CD759" s="263"/>
      <c r="CE759" s="263"/>
      <c r="CF759" s="263"/>
    </row>
    <row r="760" spans="1:84" s="248" customFormat="1" ht="56.1" hidden="1" customHeight="1" x14ac:dyDescent="0.2">
      <c r="A760" s="198">
        <v>760</v>
      </c>
      <c r="B760" s="199" t="s">
        <v>53</v>
      </c>
      <c r="C760" s="208" t="s">
        <v>655</v>
      </c>
      <c r="D760" s="243" t="s">
        <v>932</v>
      </c>
      <c r="E760" s="288" t="s">
        <v>1013</v>
      </c>
      <c r="F760" s="288" t="s">
        <v>1014</v>
      </c>
      <c r="G760" s="206" t="s">
        <v>58</v>
      </c>
      <c r="H760" s="243" t="s">
        <v>833</v>
      </c>
      <c r="I760" s="243" t="s">
        <v>81</v>
      </c>
      <c r="J760" s="206" t="s">
        <v>77</v>
      </c>
      <c r="K760" s="242" t="s">
        <v>722</v>
      </c>
      <c r="L760" s="205" t="s">
        <v>63</v>
      </c>
      <c r="M760" s="205" t="s">
        <v>63</v>
      </c>
      <c r="N760" s="290">
        <v>22248.029374999998</v>
      </c>
      <c r="O760" s="245">
        <f t="shared" si="437"/>
        <v>22248.029374999998</v>
      </c>
      <c r="P760" s="285" t="s">
        <v>659</v>
      </c>
      <c r="Q760" s="205" t="s">
        <v>65</v>
      </c>
      <c r="R760" s="203"/>
      <c r="S760" s="203"/>
      <c r="T760" s="203"/>
      <c r="U760" s="203"/>
      <c r="V760" s="203"/>
      <c r="W760" s="203"/>
      <c r="X760" s="203"/>
      <c r="Y760" s="203"/>
      <c r="Z760" s="203"/>
      <c r="AA760" s="203"/>
      <c r="AB760" s="203"/>
      <c r="AC760" s="203"/>
      <c r="AD760" s="203"/>
      <c r="AE760" s="203"/>
      <c r="AF760" s="203"/>
      <c r="AG760" s="203"/>
      <c r="AH760" s="205"/>
      <c r="AI760" s="203"/>
      <c r="AJ760" s="203"/>
      <c r="AK760" s="203"/>
      <c r="AL760" s="205"/>
      <c r="AM760" s="203"/>
      <c r="AN760" s="203"/>
      <c r="AO760" s="203"/>
      <c r="AP760" s="205"/>
      <c r="AQ760" s="203"/>
      <c r="AR760" s="205"/>
      <c r="AS760" s="205"/>
      <c r="AT760" s="203"/>
      <c r="AU760" s="205"/>
      <c r="AV760" s="205"/>
      <c r="AW760" s="204">
        <f t="shared" si="405"/>
        <v>0</v>
      </c>
      <c r="AX760" s="205"/>
      <c r="AY760" s="203" t="str">
        <f t="shared" si="406"/>
        <v/>
      </c>
      <c r="AZ760" s="203" t="str">
        <f t="shared" si="407"/>
        <v/>
      </c>
      <c r="BA760" s="203" t="str">
        <f t="shared" si="408"/>
        <v/>
      </c>
      <c r="BB760" s="203" t="str">
        <f t="shared" si="409"/>
        <v/>
      </c>
      <c r="BC760" s="203" t="str">
        <f t="shared" si="410"/>
        <v/>
      </c>
      <c r="BD760" s="203" t="str">
        <f t="shared" si="411"/>
        <v/>
      </c>
      <c r="BE760" s="203" t="str">
        <f t="shared" si="412"/>
        <v/>
      </c>
      <c r="BF760" s="203" t="str">
        <f t="shared" si="413"/>
        <v/>
      </c>
      <c r="BG760" s="203" t="str">
        <f t="shared" si="414"/>
        <v/>
      </c>
      <c r="BH760" s="203" t="str">
        <f t="shared" si="415"/>
        <v/>
      </c>
      <c r="BI760" s="203" t="str">
        <f t="shared" si="416"/>
        <v/>
      </c>
      <c r="BJ760" s="203" t="str">
        <f t="shared" si="417"/>
        <v/>
      </c>
      <c r="BK760" s="203" t="str">
        <f t="shared" si="418"/>
        <v/>
      </c>
      <c r="BL760" s="203" t="str">
        <f t="shared" si="419"/>
        <v/>
      </c>
      <c r="BM760" s="203" t="str">
        <f t="shared" si="420"/>
        <v/>
      </c>
      <c r="BN760" s="203" t="str">
        <f t="shared" si="421"/>
        <v/>
      </c>
      <c r="BO760" s="203" t="str">
        <f t="shared" si="422"/>
        <v/>
      </c>
      <c r="BP760" s="203" t="str">
        <f t="shared" si="423"/>
        <v/>
      </c>
      <c r="BQ760" s="203" t="str">
        <f t="shared" si="424"/>
        <v/>
      </c>
      <c r="BR760" s="203" t="str">
        <f t="shared" si="425"/>
        <v/>
      </c>
      <c r="BS760" s="203" t="str">
        <f t="shared" si="426"/>
        <v/>
      </c>
      <c r="BT760" s="203" t="str">
        <f t="shared" si="427"/>
        <v/>
      </c>
      <c r="BU760" s="203" t="str">
        <f t="shared" si="428"/>
        <v/>
      </c>
      <c r="BV760" s="203" t="str">
        <f t="shared" si="429"/>
        <v/>
      </c>
      <c r="BW760" s="203" t="str">
        <f t="shared" si="430"/>
        <v/>
      </c>
      <c r="BX760" s="203" t="str">
        <f t="shared" si="431"/>
        <v/>
      </c>
      <c r="BY760" s="203" t="str">
        <f t="shared" si="432"/>
        <v/>
      </c>
      <c r="BZ760" s="203" t="str">
        <f t="shared" si="433"/>
        <v/>
      </c>
      <c r="CA760" s="203" t="str">
        <f t="shared" si="434"/>
        <v/>
      </c>
      <c r="CB760" s="203" t="str">
        <f t="shared" si="435"/>
        <v/>
      </c>
      <c r="CC760" s="203" t="str">
        <f t="shared" si="436"/>
        <v/>
      </c>
      <c r="CD760" s="263"/>
      <c r="CE760" s="263"/>
      <c r="CF760" s="263"/>
    </row>
    <row r="761" spans="1:84" s="248" customFormat="1" ht="56.1" hidden="1" customHeight="1" x14ac:dyDescent="0.2">
      <c r="A761" s="198">
        <v>761</v>
      </c>
      <c r="B761" s="199" t="s">
        <v>53</v>
      </c>
      <c r="C761" s="208" t="s">
        <v>655</v>
      </c>
      <c r="D761" s="243" t="s">
        <v>932</v>
      </c>
      <c r="E761" s="288" t="s">
        <v>1015</v>
      </c>
      <c r="F761" s="288" t="s">
        <v>1016</v>
      </c>
      <c r="G761" s="206" t="s">
        <v>58</v>
      </c>
      <c r="H761" s="243" t="s">
        <v>833</v>
      </c>
      <c r="I761" s="243" t="s">
        <v>81</v>
      </c>
      <c r="J761" s="206" t="s">
        <v>77</v>
      </c>
      <c r="K761" s="242" t="s">
        <v>722</v>
      </c>
      <c r="L761" s="205" t="s">
        <v>63</v>
      </c>
      <c r="M761" s="205" t="s">
        <v>63</v>
      </c>
      <c r="N761" s="290">
        <v>105317.33212000001</v>
      </c>
      <c r="O761" s="245">
        <f t="shared" si="437"/>
        <v>105317.33212000001</v>
      </c>
      <c r="P761" s="285" t="s">
        <v>659</v>
      </c>
      <c r="Q761" s="205" t="s">
        <v>65</v>
      </c>
      <c r="R761" s="203"/>
      <c r="S761" s="203"/>
      <c r="T761" s="203"/>
      <c r="U761" s="203"/>
      <c r="V761" s="203"/>
      <c r="W761" s="203"/>
      <c r="X761" s="203"/>
      <c r="Y761" s="203"/>
      <c r="Z761" s="203"/>
      <c r="AA761" s="203"/>
      <c r="AB761" s="203"/>
      <c r="AC761" s="203"/>
      <c r="AD761" s="203"/>
      <c r="AE761" s="203"/>
      <c r="AF761" s="203"/>
      <c r="AG761" s="203"/>
      <c r="AH761" s="205"/>
      <c r="AI761" s="203"/>
      <c r="AJ761" s="203"/>
      <c r="AK761" s="203"/>
      <c r="AL761" s="205"/>
      <c r="AM761" s="203"/>
      <c r="AN761" s="203"/>
      <c r="AO761" s="203"/>
      <c r="AP761" s="205"/>
      <c r="AQ761" s="203"/>
      <c r="AR761" s="205"/>
      <c r="AS761" s="205"/>
      <c r="AT761" s="203"/>
      <c r="AU761" s="205"/>
      <c r="AV761" s="205"/>
      <c r="AW761" s="204">
        <f t="shared" si="405"/>
        <v>0</v>
      </c>
      <c r="AX761" s="205"/>
      <c r="AY761" s="203" t="str">
        <f t="shared" si="406"/>
        <v/>
      </c>
      <c r="AZ761" s="203" t="str">
        <f t="shared" si="407"/>
        <v/>
      </c>
      <c r="BA761" s="203" t="str">
        <f t="shared" si="408"/>
        <v/>
      </c>
      <c r="BB761" s="203" t="str">
        <f t="shared" si="409"/>
        <v/>
      </c>
      <c r="BC761" s="203" t="str">
        <f t="shared" si="410"/>
        <v/>
      </c>
      <c r="BD761" s="203" t="str">
        <f t="shared" si="411"/>
        <v/>
      </c>
      <c r="BE761" s="203" t="str">
        <f t="shared" si="412"/>
        <v/>
      </c>
      <c r="BF761" s="203" t="str">
        <f t="shared" si="413"/>
        <v/>
      </c>
      <c r="BG761" s="203" t="str">
        <f t="shared" si="414"/>
        <v/>
      </c>
      <c r="BH761" s="203" t="str">
        <f t="shared" si="415"/>
        <v/>
      </c>
      <c r="BI761" s="203" t="str">
        <f t="shared" si="416"/>
        <v/>
      </c>
      <c r="BJ761" s="203" t="str">
        <f t="shared" si="417"/>
        <v/>
      </c>
      <c r="BK761" s="203" t="str">
        <f t="shared" si="418"/>
        <v/>
      </c>
      <c r="BL761" s="203" t="str">
        <f t="shared" si="419"/>
        <v/>
      </c>
      <c r="BM761" s="203" t="str">
        <f t="shared" si="420"/>
        <v/>
      </c>
      <c r="BN761" s="203" t="str">
        <f t="shared" si="421"/>
        <v/>
      </c>
      <c r="BO761" s="203" t="str">
        <f t="shared" si="422"/>
        <v/>
      </c>
      <c r="BP761" s="203" t="str">
        <f t="shared" si="423"/>
        <v/>
      </c>
      <c r="BQ761" s="203" t="str">
        <f t="shared" si="424"/>
        <v/>
      </c>
      <c r="BR761" s="203" t="str">
        <f t="shared" si="425"/>
        <v/>
      </c>
      <c r="BS761" s="203" t="str">
        <f t="shared" si="426"/>
        <v/>
      </c>
      <c r="BT761" s="203" t="str">
        <f t="shared" si="427"/>
        <v/>
      </c>
      <c r="BU761" s="203" t="str">
        <f t="shared" si="428"/>
        <v/>
      </c>
      <c r="BV761" s="203" t="str">
        <f t="shared" si="429"/>
        <v/>
      </c>
      <c r="BW761" s="203" t="str">
        <f t="shared" si="430"/>
        <v/>
      </c>
      <c r="BX761" s="203" t="str">
        <f t="shared" si="431"/>
        <v/>
      </c>
      <c r="BY761" s="203" t="str">
        <f t="shared" si="432"/>
        <v/>
      </c>
      <c r="BZ761" s="203" t="str">
        <f t="shared" si="433"/>
        <v/>
      </c>
      <c r="CA761" s="203" t="str">
        <f t="shared" si="434"/>
        <v/>
      </c>
      <c r="CB761" s="203" t="str">
        <f t="shared" si="435"/>
        <v/>
      </c>
      <c r="CC761" s="203" t="str">
        <f t="shared" si="436"/>
        <v/>
      </c>
      <c r="CD761" s="263"/>
      <c r="CE761" s="263"/>
      <c r="CF761" s="263"/>
    </row>
    <row r="762" spans="1:84" s="248" customFormat="1" ht="56.1" hidden="1" customHeight="1" x14ac:dyDescent="0.2">
      <c r="A762" s="198">
        <v>762</v>
      </c>
      <c r="B762" s="199" t="s">
        <v>53</v>
      </c>
      <c r="C762" s="208" t="s">
        <v>655</v>
      </c>
      <c r="D762" s="243" t="s">
        <v>932</v>
      </c>
      <c r="E762" s="288" t="s">
        <v>1017</v>
      </c>
      <c r="F762" s="288" t="s">
        <v>1018</v>
      </c>
      <c r="G762" s="206" t="s">
        <v>58</v>
      </c>
      <c r="H762" s="243" t="s">
        <v>833</v>
      </c>
      <c r="I762" s="243" t="s">
        <v>81</v>
      </c>
      <c r="J762" s="206" t="s">
        <v>77</v>
      </c>
      <c r="K762" s="242" t="s">
        <v>722</v>
      </c>
      <c r="L762" s="205" t="s">
        <v>63</v>
      </c>
      <c r="M762" s="205" t="s">
        <v>63</v>
      </c>
      <c r="N762" s="290">
        <v>19357.54106</v>
      </c>
      <c r="O762" s="245">
        <f t="shared" si="437"/>
        <v>19357.54106</v>
      </c>
      <c r="P762" s="285" t="s">
        <v>659</v>
      </c>
      <c r="Q762" s="205" t="s">
        <v>65</v>
      </c>
      <c r="R762" s="203"/>
      <c r="S762" s="203"/>
      <c r="T762" s="203"/>
      <c r="U762" s="203"/>
      <c r="V762" s="203"/>
      <c r="W762" s="203"/>
      <c r="X762" s="203"/>
      <c r="Y762" s="203"/>
      <c r="Z762" s="203"/>
      <c r="AA762" s="203"/>
      <c r="AB762" s="203"/>
      <c r="AC762" s="203"/>
      <c r="AD762" s="203"/>
      <c r="AE762" s="203"/>
      <c r="AF762" s="203"/>
      <c r="AG762" s="203"/>
      <c r="AH762" s="205"/>
      <c r="AI762" s="203"/>
      <c r="AJ762" s="203"/>
      <c r="AK762" s="203"/>
      <c r="AL762" s="205"/>
      <c r="AM762" s="203"/>
      <c r="AN762" s="203"/>
      <c r="AO762" s="203"/>
      <c r="AP762" s="205"/>
      <c r="AQ762" s="203"/>
      <c r="AR762" s="205"/>
      <c r="AS762" s="205"/>
      <c r="AT762" s="203"/>
      <c r="AU762" s="205"/>
      <c r="AV762" s="205"/>
      <c r="AW762" s="204">
        <f t="shared" si="405"/>
        <v>0</v>
      </c>
      <c r="AX762" s="205"/>
      <c r="AY762" s="203" t="str">
        <f t="shared" si="406"/>
        <v/>
      </c>
      <c r="AZ762" s="203" t="str">
        <f t="shared" si="407"/>
        <v/>
      </c>
      <c r="BA762" s="203" t="str">
        <f t="shared" si="408"/>
        <v/>
      </c>
      <c r="BB762" s="203" t="str">
        <f t="shared" si="409"/>
        <v/>
      </c>
      <c r="BC762" s="203" t="str">
        <f t="shared" si="410"/>
        <v/>
      </c>
      <c r="BD762" s="203" t="str">
        <f t="shared" si="411"/>
        <v/>
      </c>
      <c r="BE762" s="203" t="str">
        <f t="shared" si="412"/>
        <v/>
      </c>
      <c r="BF762" s="203" t="str">
        <f t="shared" si="413"/>
        <v/>
      </c>
      <c r="BG762" s="203" t="str">
        <f t="shared" si="414"/>
        <v/>
      </c>
      <c r="BH762" s="203" t="str">
        <f t="shared" si="415"/>
        <v/>
      </c>
      <c r="BI762" s="203" t="str">
        <f t="shared" si="416"/>
        <v/>
      </c>
      <c r="BJ762" s="203" t="str">
        <f t="shared" si="417"/>
        <v/>
      </c>
      <c r="BK762" s="203" t="str">
        <f t="shared" si="418"/>
        <v/>
      </c>
      <c r="BL762" s="203" t="str">
        <f t="shared" si="419"/>
        <v/>
      </c>
      <c r="BM762" s="203" t="str">
        <f t="shared" si="420"/>
        <v/>
      </c>
      <c r="BN762" s="203" t="str">
        <f t="shared" si="421"/>
        <v/>
      </c>
      <c r="BO762" s="203" t="str">
        <f t="shared" si="422"/>
        <v/>
      </c>
      <c r="BP762" s="203" t="str">
        <f t="shared" si="423"/>
        <v/>
      </c>
      <c r="BQ762" s="203" t="str">
        <f t="shared" si="424"/>
        <v/>
      </c>
      <c r="BR762" s="203" t="str">
        <f t="shared" si="425"/>
        <v/>
      </c>
      <c r="BS762" s="203" t="str">
        <f t="shared" si="426"/>
        <v/>
      </c>
      <c r="BT762" s="203" t="str">
        <f t="shared" si="427"/>
        <v/>
      </c>
      <c r="BU762" s="203" t="str">
        <f t="shared" si="428"/>
        <v/>
      </c>
      <c r="BV762" s="203" t="str">
        <f t="shared" si="429"/>
        <v/>
      </c>
      <c r="BW762" s="203" t="str">
        <f t="shared" si="430"/>
        <v/>
      </c>
      <c r="BX762" s="203" t="str">
        <f t="shared" si="431"/>
        <v/>
      </c>
      <c r="BY762" s="203" t="str">
        <f t="shared" si="432"/>
        <v/>
      </c>
      <c r="BZ762" s="203" t="str">
        <f t="shared" si="433"/>
        <v/>
      </c>
      <c r="CA762" s="203" t="str">
        <f t="shared" si="434"/>
        <v/>
      </c>
      <c r="CB762" s="203" t="str">
        <f t="shared" si="435"/>
        <v/>
      </c>
      <c r="CC762" s="203" t="str">
        <f t="shared" si="436"/>
        <v/>
      </c>
      <c r="CD762" s="263"/>
      <c r="CE762" s="263"/>
      <c r="CF762" s="263"/>
    </row>
    <row r="763" spans="1:84" s="248" customFormat="1" ht="56.1" hidden="1" customHeight="1" x14ac:dyDescent="0.2">
      <c r="A763" s="198">
        <v>763</v>
      </c>
      <c r="B763" s="199" t="s">
        <v>53</v>
      </c>
      <c r="C763" s="208" t="s">
        <v>655</v>
      </c>
      <c r="D763" s="243" t="s">
        <v>932</v>
      </c>
      <c r="E763" s="288" t="s">
        <v>1019</v>
      </c>
      <c r="F763" s="288" t="s">
        <v>1020</v>
      </c>
      <c r="G763" s="206" t="s">
        <v>58</v>
      </c>
      <c r="H763" s="243" t="s">
        <v>833</v>
      </c>
      <c r="I763" s="243" t="s">
        <v>81</v>
      </c>
      <c r="J763" s="206" t="s">
        <v>77</v>
      </c>
      <c r="K763" s="242" t="s">
        <v>722</v>
      </c>
      <c r="L763" s="205" t="s">
        <v>63</v>
      </c>
      <c r="M763" s="205" t="s">
        <v>63</v>
      </c>
      <c r="N763" s="290">
        <v>3734.6595000000002</v>
      </c>
      <c r="O763" s="245">
        <f t="shared" si="437"/>
        <v>3734.6595000000002</v>
      </c>
      <c r="P763" s="285" t="s">
        <v>659</v>
      </c>
      <c r="Q763" s="205" t="s">
        <v>65</v>
      </c>
      <c r="R763" s="203"/>
      <c r="S763" s="203"/>
      <c r="T763" s="203"/>
      <c r="U763" s="203"/>
      <c r="V763" s="203"/>
      <c r="W763" s="203"/>
      <c r="X763" s="203"/>
      <c r="Y763" s="203"/>
      <c r="Z763" s="203"/>
      <c r="AA763" s="203"/>
      <c r="AB763" s="203"/>
      <c r="AC763" s="203"/>
      <c r="AD763" s="203"/>
      <c r="AE763" s="203"/>
      <c r="AF763" s="203"/>
      <c r="AG763" s="203"/>
      <c r="AH763" s="205"/>
      <c r="AI763" s="203"/>
      <c r="AJ763" s="203"/>
      <c r="AK763" s="203"/>
      <c r="AL763" s="205"/>
      <c r="AM763" s="203"/>
      <c r="AN763" s="203"/>
      <c r="AO763" s="203"/>
      <c r="AP763" s="205"/>
      <c r="AQ763" s="203"/>
      <c r="AR763" s="205"/>
      <c r="AS763" s="205"/>
      <c r="AT763" s="203"/>
      <c r="AU763" s="205"/>
      <c r="AV763" s="205"/>
      <c r="AW763" s="204">
        <f t="shared" si="405"/>
        <v>0</v>
      </c>
      <c r="AX763" s="205"/>
      <c r="AY763" s="203" t="str">
        <f t="shared" si="406"/>
        <v/>
      </c>
      <c r="AZ763" s="203" t="str">
        <f t="shared" si="407"/>
        <v/>
      </c>
      <c r="BA763" s="203" t="str">
        <f t="shared" si="408"/>
        <v/>
      </c>
      <c r="BB763" s="203" t="str">
        <f t="shared" si="409"/>
        <v/>
      </c>
      <c r="BC763" s="203" t="str">
        <f t="shared" si="410"/>
        <v/>
      </c>
      <c r="BD763" s="203" t="str">
        <f t="shared" si="411"/>
        <v/>
      </c>
      <c r="BE763" s="203" t="str">
        <f t="shared" si="412"/>
        <v/>
      </c>
      <c r="BF763" s="203" t="str">
        <f t="shared" si="413"/>
        <v/>
      </c>
      <c r="BG763" s="203" t="str">
        <f t="shared" si="414"/>
        <v/>
      </c>
      <c r="BH763" s="203" t="str">
        <f t="shared" si="415"/>
        <v/>
      </c>
      <c r="BI763" s="203" t="str">
        <f t="shared" si="416"/>
        <v/>
      </c>
      <c r="BJ763" s="203" t="str">
        <f t="shared" si="417"/>
        <v/>
      </c>
      <c r="BK763" s="203" t="str">
        <f t="shared" si="418"/>
        <v/>
      </c>
      <c r="BL763" s="203" t="str">
        <f t="shared" si="419"/>
        <v/>
      </c>
      <c r="BM763" s="203" t="str">
        <f t="shared" si="420"/>
        <v/>
      </c>
      <c r="BN763" s="203" t="str">
        <f t="shared" si="421"/>
        <v/>
      </c>
      <c r="BO763" s="203" t="str">
        <f t="shared" si="422"/>
        <v/>
      </c>
      <c r="BP763" s="203" t="str">
        <f t="shared" si="423"/>
        <v/>
      </c>
      <c r="BQ763" s="203" t="str">
        <f t="shared" si="424"/>
        <v/>
      </c>
      <c r="BR763" s="203" t="str">
        <f t="shared" si="425"/>
        <v/>
      </c>
      <c r="BS763" s="203" t="str">
        <f t="shared" si="426"/>
        <v/>
      </c>
      <c r="BT763" s="203" t="str">
        <f t="shared" si="427"/>
        <v/>
      </c>
      <c r="BU763" s="203" t="str">
        <f t="shared" si="428"/>
        <v/>
      </c>
      <c r="BV763" s="203" t="str">
        <f t="shared" si="429"/>
        <v/>
      </c>
      <c r="BW763" s="203" t="str">
        <f t="shared" si="430"/>
        <v/>
      </c>
      <c r="BX763" s="203" t="str">
        <f t="shared" si="431"/>
        <v/>
      </c>
      <c r="BY763" s="203" t="str">
        <f t="shared" si="432"/>
        <v/>
      </c>
      <c r="BZ763" s="203" t="str">
        <f t="shared" si="433"/>
        <v/>
      </c>
      <c r="CA763" s="203" t="str">
        <f t="shared" si="434"/>
        <v/>
      </c>
      <c r="CB763" s="203" t="str">
        <f t="shared" si="435"/>
        <v/>
      </c>
      <c r="CC763" s="203" t="str">
        <f t="shared" si="436"/>
        <v/>
      </c>
      <c r="CD763" s="263"/>
      <c r="CE763" s="263"/>
      <c r="CF763" s="263"/>
    </row>
    <row r="764" spans="1:84" s="248" customFormat="1" ht="56.1" hidden="1" customHeight="1" x14ac:dyDescent="0.2">
      <c r="A764" s="198">
        <v>764</v>
      </c>
      <c r="B764" s="199" t="s">
        <v>53</v>
      </c>
      <c r="C764" s="208" t="s">
        <v>655</v>
      </c>
      <c r="D764" s="243" t="s">
        <v>932</v>
      </c>
      <c r="E764" s="288" t="s">
        <v>1021</v>
      </c>
      <c r="F764" s="288" t="s">
        <v>1022</v>
      </c>
      <c r="G764" s="206" t="s">
        <v>58</v>
      </c>
      <c r="H764" s="243" t="s">
        <v>833</v>
      </c>
      <c r="I764" s="243" t="s">
        <v>81</v>
      </c>
      <c r="J764" s="206" t="s">
        <v>77</v>
      </c>
      <c r="K764" s="242" t="s">
        <v>722</v>
      </c>
      <c r="L764" s="205" t="s">
        <v>63</v>
      </c>
      <c r="M764" s="205" t="s">
        <v>63</v>
      </c>
      <c r="N764" s="290">
        <v>2406.8079749999997</v>
      </c>
      <c r="O764" s="245">
        <f t="shared" si="437"/>
        <v>2406.8079749999997</v>
      </c>
      <c r="P764" s="285" t="s">
        <v>659</v>
      </c>
      <c r="Q764" s="205" t="s">
        <v>65</v>
      </c>
      <c r="R764" s="203"/>
      <c r="S764" s="203"/>
      <c r="T764" s="203"/>
      <c r="U764" s="203"/>
      <c r="V764" s="203"/>
      <c r="W764" s="203"/>
      <c r="X764" s="203"/>
      <c r="Y764" s="203"/>
      <c r="Z764" s="203"/>
      <c r="AA764" s="203"/>
      <c r="AB764" s="203"/>
      <c r="AC764" s="203"/>
      <c r="AD764" s="203"/>
      <c r="AE764" s="203"/>
      <c r="AF764" s="203"/>
      <c r="AG764" s="203"/>
      <c r="AH764" s="205"/>
      <c r="AI764" s="203"/>
      <c r="AJ764" s="203"/>
      <c r="AK764" s="203"/>
      <c r="AL764" s="205"/>
      <c r="AM764" s="203"/>
      <c r="AN764" s="203"/>
      <c r="AO764" s="203"/>
      <c r="AP764" s="205"/>
      <c r="AQ764" s="203"/>
      <c r="AR764" s="205"/>
      <c r="AS764" s="205"/>
      <c r="AT764" s="203"/>
      <c r="AU764" s="205"/>
      <c r="AV764" s="205"/>
      <c r="AW764" s="204">
        <f t="shared" si="405"/>
        <v>0</v>
      </c>
      <c r="AX764" s="205"/>
      <c r="AY764" s="203" t="str">
        <f t="shared" si="406"/>
        <v/>
      </c>
      <c r="AZ764" s="203" t="str">
        <f t="shared" si="407"/>
        <v/>
      </c>
      <c r="BA764" s="203" t="str">
        <f t="shared" si="408"/>
        <v/>
      </c>
      <c r="BB764" s="203" t="str">
        <f t="shared" si="409"/>
        <v/>
      </c>
      <c r="BC764" s="203" t="str">
        <f t="shared" si="410"/>
        <v/>
      </c>
      <c r="BD764" s="203" t="str">
        <f t="shared" si="411"/>
        <v/>
      </c>
      <c r="BE764" s="203" t="str">
        <f t="shared" si="412"/>
        <v/>
      </c>
      <c r="BF764" s="203" t="str">
        <f t="shared" si="413"/>
        <v/>
      </c>
      <c r="BG764" s="203" t="str">
        <f t="shared" si="414"/>
        <v/>
      </c>
      <c r="BH764" s="203" t="str">
        <f t="shared" si="415"/>
        <v/>
      </c>
      <c r="BI764" s="203" t="str">
        <f t="shared" si="416"/>
        <v/>
      </c>
      <c r="BJ764" s="203" t="str">
        <f t="shared" si="417"/>
        <v/>
      </c>
      <c r="BK764" s="203" t="str">
        <f t="shared" si="418"/>
        <v/>
      </c>
      <c r="BL764" s="203" t="str">
        <f t="shared" si="419"/>
        <v/>
      </c>
      <c r="BM764" s="203" t="str">
        <f t="shared" si="420"/>
        <v/>
      </c>
      <c r="BN764" s="203" t="str">
        <f t="shared" si="421"/>
        <v/>
      </c>
      <c r="BO764" s="203" t="str">
        <f t="shared" si="422"/>
        <v/>
      </c>
      <c r="BP764" s="203" t="str">
        <f t="shared" si="423"/>
        <v/>
      </c>
      <c r="BQ764" s="203" t="str">
        <f t="shared" si="424"/>
        <v/>
      </c>
      <c r="BR764" s="203" t="str">
        <f t="shared" si="425"/>
        <v/>
      </c>
      <c r="BS764" s="203" t="str">
        <f t="shared" si="426"/>
        <v/>
      </c>
      <c r="BT764" s="203" t="str">
        <f t="shared" si="427"/>
        <v/>
      </c>
      <c r="BU764" s="203" t="str">
        <f t="shared" si="428"/>
        <v/>
      </c>
      <c r="BV764" s="203" t="str">
        <f t="shared" si="429"/>
        <v/>
      </c>
      <c r="BW764" s="203" t="str">
        <f t="shared" si="430"/>
        <v/>
      </c>
      <c r="BX764" s="203" t="str">
        <f t="shared" si="431"/>
        <v/>
      </c>
      <c r="BY764" s="203" t="str">
        <f t="shared" si="432"/>
        <v/>
      </c>
      <c r="BZ764" s="203" t="str">
        <f t="shared" si="433"/>
        <v/>
      </c>
      <c r="CA764" s="203" t="str">
        <f t="shared" si="434"/>
        <v/>
      </c>
      <c r="CB764" s="203" t="str">
        <f t="shared" si="435"/>
        <v/>
      </c>
      <c r="CC764" s="203" t="str">
        <f t="shared" si="436"/>
        <v/>
      </c>
      <c r="CD764" s="263"/>
      <c r="CE764" s="263"/>
      <c r="CF764" s="263"/>
    </row>
    <row r="765" spans="1:84" s="248" customFormat="1" ht="56.1" hidden="1" customHeight="1" x14ac:dyDescent="0.2">
      <c r="A765" s="198">
        <v>765</v>
      </c>
      <c r="B765" s="199" t="s">
        <v>53</v>
      </c>
      <c r="C765" s="208" t="s">
        <v>655</v>
      </c>
      <c r="D765" s="243" t="s">
        <v>932</v>
      </c>
      <c r="E765" s="288" t="s">
        <v>1023</v>
      </c>
      <c r="F765" s="288" t="s">
        <v>1024</v>
      </c>
      <c r="G765" s="206" t="s">
        <v>58</v>
      </c>
      <c r="H765" s="243" t="s">
        <v>833</v>
      </c>
      <c r="I765" s="243" t="s">
        <v>81</v>
      </c>
      <c r="J765" s="206" t="s">
        <v>77</v>
      </c>
      <c r="K765" s="242" t="s">
        <v>722</v>
      </c>
      <c r="L765" s="205" t="s">
        <v>63</v>
      </c>
      <c r="M765" s="205" t="s">
        <v>63</v>
      </c>
      <c r="N765" s="290">
        <v>10822.865625</v>
      </c>
      <c r="O765" s="245">
        <f t="shared" si="437"/>
        <v>10822.865625</v>
      </c>
      <c r="P765" s="285" t="s">
        <v>659</v>
      </c>
      <c r="Q765" s="205" t="s">
        <v>65</v>
      </c>
      <c r="R765" s="203"/>
      <c r="S765" s="203"/>
      <c r="T765" s="203"/>
      <c r="U765" s="203"/>
      <c r="V765" s="203"/>
      <c r="W765" s="203"/>
      <c r="X765" s="203"/>
      <c r="Y765" s="203"/>
      <c r="Z765" s="203"/>
      <c r="AA765" s="203"/>
      <c r="AB765" s="203"/>
      <c r="AC765" s="203"/>
      <c r="AD765" s="203"/>
      <c r="AE765" s="203"/>
      <c r="AF765" s="203"/>
      <c r="AG765" s="203"/>
      <c r="AH765" s="205"/>
      <c r="AI765" s="203"/>
      <c r="AJ765" s="203"/>
      <c r="AK765" s="203"/>
      <c r="AL765" s="205"/>
      <c r="AM765" s="203"/>
      <c r="AN765" s="203"/>
      <c r="AO765" s="203"/>
      <c r="AP765" s="205"/>
      <c r="AQ765" s="203"/>
      <c r="AR765" s="205"/>
      <c r="AS765" s="205"/>
      <c r="AT765" s="203"/>
      <c r="AU765" s="205"/>
      <c r="AV765" s="205"/>
      <c r="AW765" s="204">
        <f t="shared" ref="AW765:AW795" si="438">SUMIF(R765:AV765,"YES",$R$2:$AV$2)</f>
        <v>0</v>
      </c>
      <c r="AX765" s="205"/>
      <c r="AY765" s="203" t="str">
        <f t="shared" si="406"/>
        <v/>
      </c>
      <c r="AZ765" s="203" t="str">
        <f t="shared" si="407"/>
        <v/>
      </c>
      <c r="BA765" s="203" t="str">
        <f t="shared" si="408"/>
        <v/>
      </c>
      <c r="BB765" s="203" t="str">
        <f t="shared" si="409"/>
        <v/>
      </c>
      <c r="BC765" s="203" t="str">
        <f t="shared" si="410"/>
        <v/>
      </c>
      <c r="BD765" s="203" t="str">
        <f t="shared" si="411"/>
        <v/>
      </c>
      <c r="BE765" s="203" t="str">
        <f t="shared" si="412"/>
        <v/>
      </c>
      <c r="BF765" s="203" t="str">
        <f t="shared" si="413"/>
        <v/>
      </c>
      <c r="BG765" s="203" t="str">
        <f t="shared" si="414"/>
        <v/>
      </c>
      <c r="BH765" s="203" t="str">
        <f t="shared" si="415"/>
        <v/>
      </c>
      <c r="BI765" s="203" t="str">
        <f t="shared" si="416"/>
        <v/>
      </c>
      <c r="BJ765" s="203" t="str">
        <f t="shared" si="417"/>
        <v/>
      </c>
      <c r="BK765" s="203" t="str">
        <f t="shared" si="418"/>
        <v/>
      </c>
      <c r="BL765" s="203" t="str">
        <f t="shared" si="419"/>
        <v/>
      </c>
      <c r="BM765" s="203" t="str">
        <f t="shared" si="420"/>
        <v/>
      </c>
      <c r="BN765" s="203" t="str">
        <f t="shared" si="421"/>
        <v/>
      </c>
      <c r="BO765" s="203" t="str">
        <f t="shared" si="422"/>
        <v/>
      </c>
      <c r="BP765" s="203" t="str">
        <f t="shared" si="423"/>
        <v/>
      </c>
      <c r="BQ765" s="203" t="str">
        <f t="shared" si="424"/>
        <v/>
      </c>
      <c r="BR765" s="203" t="str">
        <f t="shared" si="425"/>
        <v/>
      </c>
      <c r="BS765" s="203" t="str">
        <f t="shared" si="426"/>
        <v/>
      </c>
      <c r="BT765" s="203" t="str">
        <f t="shared" si="427"/>
        <v/>
      </c>
      <c r="BU765" s="203" t="str">
        <f t="shared" si="428"/>
        <v/>
      </c>
      <c r="BV765" s="203" t="str">
        <f t="shared" si="429"/>
        <v/>
      </c>
      <c r="BW765" s="203" t="str">
        <f t="shared" si="430"/>
        <v/>
      </c>
      <c r="BX765" s="203" t="str">
        <f t="shared" si="431"/>
        <v/>
      </c>
      <c r="BY765" s="203" t="str">
        <f t="shared" si="432"/>
        <v/>
      </c>
      <c r="BZ765" s="203" t="str">
        <f t="shared" si="433"/>
        <v/>
      </c>
      <c r="CA765" s="203" t="str">
        <f t="shared" si="434"/>
        <v/>
      </c>
      <c r="CB765" s="203" t="str">
        <f t="shared" si="435"/>
        <v/>
      </c>
      <c r="CC765" s="203" t="str">
        <f t="shared" si="436"/>
        <v/>
      </c>
      <c r="CD765" s="263"/>
      <c r="CE765" s="263"/>
      <c r="CF765" s="263"/>
    </row>
    <row r="766" spans="1:84" s="194" customFormat="1" ht="56.1" hidden="1" customHeight="1" x14ac:dyDescent="0.2">
      <c r="A766" s="181">
        <v>766</v>
      </c>
      <c r="B766" s="182" t="s">
        <v>53</v>
      </c>
      <c r="C766" s="183" t="s">
        <v>655</v>
      </c>
      <c r="D766" s="184" t="s">
        <v>932</v>
      </c>
      <c r="E766" s="185" t="s">
        <v>1025</v>
      </c>
      <c r="F766" s="185" t="s">
        <v>1026</v>
      </c>
      <c r="G766" s="186" t="s">
        <v>58</v>
      </c>
      <c r="H766" s="185" t="s">
        <v>1027</v>
      </c>
      <c r="I766" s="184" t="s">
        <v>81</v>
      </c>
      <c r="J766" s="186" t="s">
        <v>77</v>
      </c>
      <c r="K766" s="195" t="s">
        <v>722</v>
      </c>
      <c r="L766" s="187" t="s">
        <v>63</v>
      </c>
      <c r="M766" s="187" t="s">
        <v>63</v>
      </c>
      <c r="N766" s="196">
        <v>34370.050000000003</v>
      </c>
      <c r="O766" s="189">
        <f t="shared" si="437"/>
        <v>34370.050000000003</v>
      </c>
      <c r="P766" s="190" t="s">
        <v>839</v>
      </c>
      <c r="Q766" s="187" t="s">
        <v>65</v>
      </c>
      <c r="R766" s="192"/>
      <c r="S766" s="192"/>
      <c r="T766" s="192"/>
      <c r="U766" s="192"/>
      <c r="V766" s="192"/>
      <c r="W766" s="192"/>
      <c r="X766" s="192"/>
      <c r="Y766" s="192"/>
      <c r="Z766" s="192"/>
      <c r="AA766" s="192"/>
      <c r="AB766" s="192"/>
      <c r="AC766" s="192"/>
      <c r="AD766" s="192"/>
      <c r="AE766" s="192"/>
      <c r="AF766" s="192"/>
      <c r="AG766" s="192"/>
      <c r="AH766" s="187"/>
      <c r="AI766" s="192"/>
      <c r="AJ766" s="192"/>
      <c r="AK766" s="192"/>
      <c r="AL766" s="187"/>
      <c r="AM766" s="192"/>
      <c r="AN766" s="192"/>
      <c r="AO766" s="192"/>
      <c r="AP766" s="187"/>
      <c r="AQ766" s="192"/>
      <c r="AR766" s="187"/>
      <c r="AS766" s="187"/>
      <c r="AT766" s="192"/>
      <c r="AU766" s="187"/>
      <c r="AV766" s="187"/>
      <c r="AW766" s="191">
        <f t="shared" si="438"/>
        <v>0</v>
      </c>
      <c r="AX766" s="187"/>
      <c r="AY766" s="192" t="str">
        <f t="shared" si="406"/>
        <v/>
      </c>
      <c r="AZ766" s="192" t="str">
        <f t="shared" si="407"/>
        <v/>
      </c>
      <c r="BA766" s="192" t="str">
        <f t="shared" si="408"/>
        <v/>
      </c>
      <c r="BB766" s="192" t="str">
        <f t="shared" si="409"/>
        <v/>
      </c>
      <c r="BC766" s="192" t="str">
        <f t="shared" si="410"/>
        <v/>
      </c>
      <c r="BD766" s="192" t="str">
        <f t="shared" si="411"/>
        <v/>
      </c>
      <c r="BE766" s="192" t="str">
        <f t="shared" si="412"/>
        <v/>
      </c>
      <c r="BF766" s="192" t="str">
        <f t="shared" si="413"/>
        <v/>
      </c>
      <c r="BG766" s="192" t="str">
        <f t="shared" si="414"/>
        <v/>
      </c>
      <c r="BH766" s="192" t="str">
        <f t="shared" si="415"/>
        <v/>
      </c>
      <c r="BI766" s="192" t="str">
        <f t="shared" si="416"/>
        <v/>
      </c>
      <c r="BJ766" s="192" t="str">
        <f t="shared" si="417"/>
        <v/>
      </c>
      <c r="BK766" s="192" t="str">
        <f t="shared" si="418"/>
        <v/>
      </c>
      <c r="BL766" s="192" t="str">
        <f t="shared" si="419"/>
        <v/>
      </c>
      <c r="BM766" s="192" t="str">
        <f t="shared" si="420"/>
        <v/>
      </c>
      <c r="BN766" s="192" t="str">
        <f t="shared" si="421"/>
        <v/>
      </c>
      <c r="BO766" s="192" t="str">
        <f t="shared" si="422"/>
        <v/>
      </c>
      <c r="BP766" s="192" t="str">
        <f t="shared" si="423"/>
        <v/>
      </c>
      <c r="BQ766" s="192" t="str">
        <f t="shared" si="424"/>
        <v/>
      </c>
      <c r="BR766" s="192" t="str">
        <f t="shared" si="425"/>
        <v/>
      </c>
      <c r="BS766" s="192" t="str">
        <f t="shared" si="426"/>
        <v/>
      </c>
      <c r="BT766" s="192" t="str">
        <f t="shared" si="427"/>
        <v/>
      </c>
      <c r="BU766" s="192" t="str">
        <f t="shared" si="428"/>
        <v/>
      </c>
      <c r="BV766" s="192" t="str">
        <f t="shared" si="429"/>
        <v/>
      </c>
      <c r="BW766" s="192" t="str">
        <f t="shared" si="430"/>
        <v/>
      </c>
      <c r="BX766" s="192" t="str">
        <f t="shared" si="431"/>
        <v/>
      </c>
      <c r="BY766" s="192" t="str">
        <f t="shared" si="432"/>
        <v/>
      </c>
      <c r="BZ766" s="192" t="str">
        <f t="shared" si="433"/>
        <v/>
      </c>
      <c r="CA766" s="192" t="str">
        <f t="shared" si="434"/>
        <v/>
      </c>
      <c r="CB766" s="192" t="str">
        <f t="shared" si="435"/>
        <v/>
      </c>
      <c r="CC766" s="192" t="str">
        <f t="shared" si="436"/>
        <v/>
      </c>
      <c r="CD766" s="197"/>
      <c r="CE766" s="197"/>
      <c r="CF766" s="197"/>
    </row>
    <row r="767" spans="1:84" s="194" customFormat="1" ht="56.1" hidden="1" customHeight="1" x14ac:dyDescent="0.2">
      <c r="A767" s="181">
        <v>767</v>
      </c>
      <c r="B767" s="182" t="s">
        <v>53</v>
      </c>
      <c r="C767" s="183" t="s">
        <v>655</v>
      </c>
      <c r="D767" s="184" t="s">
        <v>932</v>
      </c>
      <c r="E767" s="185" t="s">
        <v>1028</v>
      </c>
      <c r="F767" s="185" t="s">
        <v>1029</v>
      </c>
      <c r="G767" s="186" t="s">
        <v>58</v>
      </c>
      <c r="H767" s="185" t="s">
        <v>1027</v>
      </c>
      <c r="I767" s="184" t="s">
        <v>81</v>
      </c>
      <c r="J767" s="186" t="s">
        <v>77</v>
      </c>
      <c r="K767" s="195" t="s">
        <v>722</v>
      </c>
      <c r="L767" s="187" t="s">
        <v>63</v>
      </c>
      <c r="M767" s="187" t="s">
        <v>63</v>
      </c>
      <c r="N767" s="196">
        <v>740025</v>
      </c>
      <c r="O767" s="189">
        <f t="shared" si="437"/>
        <v>740025</v>
      </c>
      <c r="P767" s="190" t="s">
        <v>839</v>
      </c>
      <c r="Q767" s="187" t="s">
        <v>65</v>
      </c>
      <c r="R767" s="192"/>
      <c r="S767" s="192"/>
      <c r="T767" s="192"/>
      <c r="U767" s="192"/>
      <c r="V767" s="192"/>
      <c r="W767" s="192"/>
      <c r="X767" s="192"/>
      <c r="Y767" s="192"/>
      <c r="Z767" s="192"/>
      <c r="AA767" s="192"/>
      <c r="AB767" s="192"/>
      <c r="AC767" s="192"/>
      <c r="AD767" s="192"/>
      <c r="AE767" s="192"/>
      <c r="AF767" s="192"/>
      <c r="AG767" s="192"/>
      <c r="AH767" s="187"/>
      <c r="AI767" s="192"/>
      <c r="AJ767" s="192"/>
      <c r="AK767" s="192"/>
      <c r="AL767" s="187"/>
      <c r="AM767" s="192"/>
      <c r="AN767" s="192"/>
      <c r="AO767" s="192"/>
      <c r="AP767" s="187"/>
      <c r="AQ767" s="192"/>
      <c r="AR767" s="187"/>
      <c r="AS767" s="187"/>
      <c r="AT767" s="192"/>
      <c r="AU767" s="187"/>
      <c r="AV767" s="187"/>
      <c r="AW767" s="191">
        <f t="shared" si="438"/>
        <v>0</v>
      </c>
      <c r="AX767" s="187"/>
      <c r="AY767" s="192" t="str">
        <f t="shared" si="406"/>
        <v/>
      </c>
      <c r="AZ767" s="192" t="str">
        <f t="shared" si="407"/>
        <v/>
      </c>
      <c r="BA767" s="192" t="str">
        <f t="shared" si="408"/>
        <v/>
      </c>
      <c r="BB767" s="192" t="str">
        <f t="shared" si="409"/>
        <v/>
      </c>
      <c r="BC767" s="192" t="str">
        <f t="shared" si="410"/>
        <v/>
      </c>
      <c r="BD767" s="192" t="str">
        <f t="shared" si="411"/>
        <v/>
      </c>
      <c r="BE767" s="192" t="str">
        <f t="shared" si="412"/>
        <v/>
      </c>
      <c r="BF767" s="192" t="str">
        <f t="shared" si="413"/>
        <v/>
      </c>
      <c r="BG767" s="192" t="str">
        <f t="shared" si="414"/>
        <v/>
      </c>
      <c r="BH767" s="192" t="str">
        <f t="shared" si="415"/>
        <v/>
      </c>
      <c r="BI767" s="192" t="str">
        <f t="shared" si="416"/>
        <v/>
      </c>
      <c r="BJ767" s="192" t="str">
        <f t="shared" si="417"/>
        <v/>
      </c>
      <c r="BK767" s="192" t="str">
        <f t="shared" si="418"/>
        <v/>
      </c>
      <c r="BL767" s="192" t="str">
        <f t="shared" si="419"/>
        <v/>
      </c>
      <c r="BM767" s="192" t="str">
        <f t="shared" si="420"/>
        <v/>
      </c>
      <c r="BN767" s="192" t="str">
        <f t="shared" si="421"/>
        <v/>
      </c>
      <c r="BO767" s="192" t="str">
        <f t="shared" si="422"/>
        <v/>
      </c>
      <c r="BP767" s="192" t="str">
        <f t="shared" si="423"/>
        <v/>
      </c>
      <c r="BQ767" s="192" t="str">
        <f t="shared" si="424"/>
        <v/>
      </c>
      <c r="BR767" s="192" t="str">
        <f t="shared" si="425"/>
        <v/>
      </c>
      <c r="BS767" s="192" t="str">
        <f t="shared" si="426"/>
        <v/>
      </c>
      <c r="BT767" s="192" t="str">
        <f t="shared" si="427"/>
        <v/>
      </c>
      <c r="BU767" s="192" t="str">
        <f t="shared" si="428"/>
        <v/>
      </c>
      <c r="BV767" s="192" t="str">
        <f t="shared" si="429"/>
        <v/>
      </c>
      <c r="BW767" s="192" t="str">
        <f t="shared" si="430"/>
        <v/>
      </c>
      <c r="BX767" s="192" t="str">
        <f t="shared" si="431"/>
        <v/>
      </c>
      <c r="BY767" s="192" t="str">
        <f t="shared" si="432"/>
        <v/>
      </c>
      <c r="BZ767" s="192" t="str">
        <f t="shared" si="433"/>
        <v/>
      </c>
      <c r="CA767" s="192" t="str">
        <f t="shared" si="434"/>
        <v/>
      </c>
      <c r="CB767" s="192" t="str">
        <f t="shared" si="435"/>
        <v/>
      </c>
      <c r="CC767" s="192" t="str">
        <f t="shared" si="436"/>
        <v/>
      </c>
      <c r="CD767" s="197"/>
      <c r="CE767" s="197"/>
      <c r="CF767" s="197"/>
    </row>
    <row r="768" spans="1:84" s="194" customFormat="1" ht="56.1" hidden="1" customHeight="1" x14ac:dyDescent="0.2">
      <c r="A768" s="181">
        <v>768</v>
      </c>
      <c r="B768" s="182" t="s">
        <v>53</v>
      </c>
      <c r="C768" s="183" t="s">
        <v>655</v>
      </c>
      <c r="D768" s="184" t="s">
        <v>900</v>
      </c>
      <c r="E768" s="185" t="s">
        <v>1030</v>
      </c>
      <c r="F768" s="185" t="s">
        <v>1031</v>
      </c>
      <c r="G768" s="186" t="s">
        <v>58</v>
      </c>
      <c r="H768" s="185" t="s">
        <v>1027</v>
      </c>
      <c r="I768" s="184" t="s">
        <v>81</v>
      </c>
      <c r="J768" s="186" t="s">
        <v>77</v>
      </c>
      <c r="K768" s="195" t="s">
        <v>722</v>
      </c>
      <c r="L768" s="187" t="s">
        <v>63</v>
      </c>
      <c r="M768" s="187" t="s">
        <v>63</v>
      </c>
      <c r="N768" s="196">
        <v>24667.5</v>
      </c>
      <c r="O768" s="189">
        <f t="shared" si="437"/>
        <v>24667.5</v>
      </c>
      <c r="P768" s="190" t="s">
        <v>839</v>
      </c>
      <c r="Q768" s="187" t="s">
        <v>65</v>
      </c>
      <c r="R768" s="192"/>
      <c r="S768" s="192"/>
      <c r="T768" s="192"/>
      <c r="U768" s="192"/>
      <c r="V768" s="192"/>
      <c r="W768" s="192"/>
      <c r="X768" s="192"/>
      <c r="Y768" s="192"/>
      <c r="Z768" s="192"/>
      <c r="AA768" s="192"/>
      <c r="AB768" s="192"/>
      <c r="AC768" s="192"/>
      <c r="AD768" s="192"/>
      <c r="AE768" s="192"/>
      <c r="AF768" s="192"/>
      <c r="AG768" s="192"/>
      <c r="AH768" s="187"/>
      <c r="AI768" s="192"/>
      <c r="AJ768" s="192"/>
      <c r="AK768" s="192"/>
      <c r="AL768" s="187"/>
      <c r="AM768" s="192"/>
      <c r="AN768" s="192"/>
      <c r="AO768" s="192"/>
      <c r="AP768" s="187"/>
      <c r="AQ768" s="192"/>
      <c r="AR768" s="187"/>
      <c r="AS768" s="187"/>
      <c r="AT768" s="192"/>
      <c r="AU768" s="187"/>
      <c r="AV768" s="187"/>
      <c r="AW768" s="191">
        <f t="shared" si="438"/>
        <v>0</v>
      </c>
      <c r="AX768" s="187"/>
      <c r="AY768" s="192" t="str">
        <f t="shared" si="406"/>
        <v/>
      </c>
      <c r="AZ768" s="192" t="str">
        <f t="shared" si="407"/>
        <v/>
      </c>
      <c r="BA768" s="192" t="str">
        <f t="shared" si="408"/>
        <v/>
      </c>
      <c r="BB768" s="192" t="str">
        <f t="shared" si="409"/>
        <v/>
      </c>
      <c r="BC768" s="192" t="str">
        <f t="shared" si="410"/>
        <v/>
      </c>
      <c r="BD768" s="192" t="str">
        <f t="shared" si="411"/>
        <v/>
      </c>
      <c r="BE768" s="192" t="str">
        <f t="shared" si="412"/>
        <v/>
      </c>
      <c r="BF768" s="192" t="str">
        <f t="shared" si="413"/>
        <v/>
      </c>
      <c r="BG768" s="192" t="str">
        <f t="shared" si="414"/>
        <v/>
      </c>
      <c r="BH768" s="192" t="str">
        <f t="shared" si="415"/>
        <v/>
      </c>
      <c r="BI768" s="192" t="str">
        <f t="shared" si="416"/>
        <v/>
      </c>
      <c r="BJ768" s="192" t="str">
        <f t="shared" si="417"/>
        <v/>
      </c>
      <c r="BK768" s="192" t="str">
        <f t="shared" si="418"/>
        <v/>
      </c>
      <c r="BL768" s="192" t="str">
        <f t="shared" si="419"/>
        <v/>
      </c>
      <c r="BM768" s="192" t="str">
        <f t="shared" si="420"/>
        <v/>
      </c>
      <c r="BN768" s="192" t="str">
        <f t="shared" si="421"/>
        <v/>
      </c>
      <c r="BO768" s="192" t="str">
        <f t="shared" si="422"/>
        <v/>
      </c>
      <c r="BP768" s="192" t="str">
        <f t="shared" si="423"/>
        <v/>
      </c>
      <c r="BQ768" s="192" t="str">
        <f t="shared" si="424"/>
        <v/>
      </c>
      <c r="BR768" s="192" t="str">
        <f t="shared" si="425"/>
        <v/>
      </c>
      <c r="BS768" s="192" t="str">
        <f t="shared" si="426"/>
        <v/>
      </c>
      <c r="BT768" s="192" t="str">
        <f t="shared" si="427"/>
        <v/>
      </c>
      <c r="BU768" s="192" t="str">
        <f t="shared" si="428"/>
        <v/>
      </c>
      <c r="BV768" s="192" t="str">
        <f t="shared" si="429"/>
        <v/>
      </c>
      <c r="BW768" s="192" t="str">
        <f t="shared" si="430"/>
        <v/>
      </c>
      <c r="BX768" s="192" t="str">
        <f t="shared" si="431"/>
        <v/>
      </c>
      <c r="BY768" s="192" t="str">
        <f t="shared" si="432"/>
        <v/>
      </c>
      <c r="BZ768" s="192" t="str">
        <f t="shared" si="433"/>
        <v/>
      </c>
      <c r="CA768" s="192" t="str">
        <f t="shared" si="434"/>
        <v/>
      </c>
      <c r="CB768" s="192" t="str">
        <f t="shared" si="435"/>
        <v/>
      </c>
      <c r="CC768" s="192" t="str">
        <f t="shared" si="436"/>
        <v/>
      </c>
      <c r="CD768" s="197"/>
      <c r="CE768" s="197"/>
      <c r="CF768" s="197"/>
    </row>
    <row r="769" spans="1:84" s="248" customFormat="1" ht="56.1" hidden="1" customHeight="1" x14ac:dyDescent="0.2">
      <c r="A769" s="198">
        <v>769</v>
      </c>
      <c r="B769" s="199" t="s">
        <v>53</v>
      </c>
      <c r="C769" s="208" t="s">
        <v>655</v>
      </c>
      <c r="D769" s="243" t="s">
        <v>900</v>
      </c>
      <c r="E769" s="288" t="s">
        <v>1032</v>
      </c>
      <c r="F769" s="288" t="s">
        <v>1033</v>
      </c>
      <c r="G769" s="206" t="s">
        <v>58</v>
      </c>
      <c r="H769" s="288" t="s">
        <v>833</v>
      </c>
      <c r="I769" s="243" t="s">
        <v>81</v>
      </c>
      <c r="J769" s="206" t="s">
        <v>77</v>
      </c>
      <c r="K769" s="243" t="s">
        <v>834</v>
      </c>
      <c r="L769" s="205" t="s">
        <v>63</v>
      </c>
      <c r="M769" s="205" t="s">
        <v>63</v>
      </c>
      <c r="N769" s="290">
        <v>493350</v>
      </c>
      <c r="O769" s="245">
        <f t="shared" si="437"/>
        <v>493350</v>
      </c>
      <c r="P769" s="285" t="s">
        <v>659</v>
      </c>
      <c r="Q769" s="205" t="s">
        <v>65</v>
      </c>
      <c r="R769" s="263"/>
      <c r="S769" s="263"/>
      <c r="T769" s="263"/>
      <c r="U769" s="263"/>
      <c r="V769" s="263"/>
      <c r="W769" s="203"/>
      <c r="X769" s="203"/>
      <c r="Y769" s="203"/>
      <c r="Z769" s="263"/>
      <c r="AA769" s="263"/>
      <c r="AB769" s="263"/>
      <c r="AC769" s="263"/>
      <c r="AD769" s="263"/>
      <c r="AE769" s="263"/>
      <c r="AF769" s="263"/>
      <c r="AG769" s="263"/>
      <c r="AH769" s="263"/>
      <c r="AI769" s="263"/>
      <c r="AJ769" s="263"/>
      <c r="AK769" s="263"/>
      <c r="AL769" s="263"/>
      <c r="AM769" s="263"/>
      <c r="AN769" s="263"/>
      <c r="AO769" s="263"/>
      <c r="AP769" s="263"/>
      <c r="AQ769" s="263"/>
      <c r="AR769" s="263"/>
      <c r="AS769" s="263"/>
      <c r="AT769" s="263"/>
      <c r="AU769" s="263"/>
      <c r="AV769" s="263"/>
      <c r="AW769" s="204">
        <f t="shared" si="438"/>
        <v>0</v>
      </c>
      <c r="AX769" s="205"/>
      <c r="AY769" s="203" t="str">
        <f t="shared" ref="AY769:AY795" si="439">IF(R769="yes",(R$2*$AX769),"")</f>
        <v/>
      </c>
      <c r="AZ769" s="203" t="str">
        <f t="shared" ref="AZ769:AZ795" si="440">IF(S769="yes",(S$2*$AX769),"")</f>
        <v/>
      </c>
      <c r="BA769" s="203" t="str">
        <f t="shared" ref="BA769:BA795" si="441">IF(T769="yes",(T$2*$AX769),"")</f>
        <v/>
      </c>
      <c r="BB769" s="203" t="str">
        <f t="shared" ref="BB769:BB795" si="442">IF(U769="yes",(U$2*$AX769),"")</f>
        <v/>
      </c>
      <c r="BC769" s="203" t="str">
        <f t="shared" ref="BC769:BC795" si="443">IF(V769="yes",(V$2*$AX769),"")</f>
        <v/>
      </c>
      <c r="BD769" s="203" t="str">
        <f t="shared" ref="BD769:BD795" si="444">IF(W769="yes",(W$2*$AX769),"")</f>
        <v/>
      </c>
      <c r="BE769" s="203" t="str">
        <f t="shared" ref="BE769:BE795" si="445">IF(X769="yes",(X$2*$AX769),"")</f>
        <v/>
      </c>
      <c r="BF769" s="203" t="str">
        <f t="shared" ref="BF769:BF795" si="446">IF(Y769="yes",(Y$2*$AX769),"")</f>
        <v/>
      </c>
      <c r="BG769" s="203" t="str">
        <f t="shared" ref="BG769:BG795" si="447">IF(Z769="yes",(Z$2*$AX769),"")</f>
        <v/>
      </c>
      <c r="BH769" s="203" t="str">
        <f t="shared" ref="BH769:BH795" si="448">IF(AA769="yes",(AA$2*$AX769),"")</f>
        <v/>
      </c>
      <c r="BI769" s="203" t="str">
        <f t="shared" ref="BI769:BI795" si="449">IF(AB769="yes",(AB$2*$AX769),"")</f>
        <v/>
      </c>
      <c r="BJ769" s="203" t="str">
        <f t="shared" ref="BJ769:BJ795" si="450">IF(AC769="yes",(AC$2*$AX769),"")</f>
        <v/>
      </c>
      <c r="BK769" s="203" t="str">
        <f t="shared" ref="BK769:BK795" si="451">IF(AD769="yes",(AD$2*$AX769),"")</f>
        <v/>
      </c>
      <c r="BL769" s="203" t="str">
        <f t="shared" ref="BL769:BL795" si="452">IF(AE769="yes",(AE$2*$AX769),"")</f>
        <v/>
      </c>
      <c r="BM769" s="203" t="str">
        <f t="shared" ref="BM769:BM795" si="453">IF(AF769="yes",(AF$2*$AX769),"")</f>
        <v/>
      </c>
      <c r="BN769" s="203" t="str">
        <f t="shared" ref="BN769:BN795" si="454">IF(AG769="yes",(AG$2*$AX769),"")</f>
        <v/>
      </c>
      <c r="BO769" s="203" t="str">
        <f t="shared" ref="BO769:BO795" si="455">IF(AH769="yes",(AH$2*$AX769),"")</f>
        <v/>
      </c>
      <c r="BP769" s="203" t="str">
        <f t="shared" ref="BP769:BP795" si="456">IF(AI769="yes",(AI$2*$AX769),"")</f>
        <v/>
      </c>
      <c r="BQ769" s="203" t="str">
        <f t="shared" ref="BQ769:BQ795" si="457">IF(AJ769="yes",(AJ$2*$AX769),"")</f>
        <v/>
      </c>
      <c r="BR769" s="203" t="str">
        <f t="shared" ref="BR769:BR795" si="458">IF(AK769="yes",(AK$2*$AX769),"")</f>
        <v/>
      </c>
      <c r="BS769" s="203" t="str">
        <f t="shared" ref="BS769:BS795" si="459">IF(AL769="yes",(AL$2*$AX769),"")</f>
        <v/>
      </c>
      <c r="BT769" s="203" t="str">
        <f t="shared" ref="BT769:BT795" si="460">IF(AM769="yes",(AM$2*$AX769),"")</f>
        <v/>
      </c>
      <c r="BU769" s="203" t="str">
        <f t="shared" ref="BU769:BU795" si="461">IF(AN769="yes",(AN$2*$AX769),"")</f>
        <v/>
      </c>
      <c r="BV769" s="203" t="str">
        <f t="shared" ref="BV769:BV795" si="462">IF(AO769="yes",(AO$2*$AX769),"")</f>
        <v/>
      </c>
      <c r="BW769" s="203" t="str">
        <f t="shared" ref="BW769:BW795" si="463">IF(AP769="yes",(AP$2*$AX769),"")</f>
        <v/>
      </c>
      <c r="BX769" s="203" t="str">
        <f t="shared" ref="BX769:BX795" si="464">IF(AQ769="yes",(AQ$2*$AX769),"")</f>
        <v/>
      </c>
      <c r="BY769" s="203" t="str">
        <f t="shared" ref="BY769:BY795" si="465">IF(AR769="yes",(AR$2*$AX769),"")</f>
        <v/>
      </c>
      <c r="BZ769" s="203" t="str">
        <f t="shared" ref="BZ769:BZ795" si="466">IF(AS769="yes",(AS$2*$AX769),"")</f>
        <v/>
      </c>
      <c r="CA769" s="203" t="str">
        <f t="shared" ref="CA769:CA795" si="467">IF(AT769="yes",(AT$2*$AX769),"")</f>
        <v/>
      </c>
      <c r="CB769" s="203" t="str">
        <f t="shared" ref="CB769:CB795" si="468">IF(AU769="yes",(AU$2*$AX769),"")</f>
        <v/>
      </c>
      <c r="CC769" s="203" t="str">
        <f t="shared" ref="CC769:CC795" si="469">IF(AV769="yes",(AV$2*$AX769),"")</f>
        <v/>
      </c>
      <c r="CD769" s="263"/>
      <c r="CE769" s="263"/>
      <c r="CF769" s="263"/>
    </row>
    <row r="770" spans="1:84" s="194" customFormat="1" ht="56.1" hidden="1" customHeight="1" x14ac:dyDescent="0.2">
      <c r="A770" s="181">
        <v>770</v>
      </c>
      <c r="B770" s="182" t="s">
        <v>53</v>
      </c>
      <c r="C770" s="183" t="s">
        <v>655</v>
      </c>
      <c r="D770" s="184" t="s">
        <v>932</v>
      </c>
      <c r="E770" s="185" t="s">
        <v>1034</v>
      </c>
      <c r="F770" s="185" t="s">
        <v>1035</v>
      </c>
      <c r="G770" s="186" t="s">
        <v>58</v>
      </c>
      <c r="H770" s="185" t="s">
        <v>1036</v>
      </c>
      <c r="I770" s="184" t="s">
        <v>81</v>
      </c>
      <c r="J770" s="186" t="s">
        <v>77</v>
      </c>
      <c r="K770" s="195" t="s">
        <v>722</v>
      </c>
      <c r="L770" s="187" t="s">
        <v>63</v>
      </c>
      <c r="M770" s="187" t="s">
        <v>63</v>
      </c>
      <c r="N770" s="196">
        <v>25661.254905000002</v>
      </c>
      <c r="O770" s="189">
        <f t="shared" si="437"/>
        <v>25661.254905000002</v>
      </c>
      <c r="P770" s="190" t="s">
        <v>839</v>
      </c>
      <c r="Q770" s="187" t="s">
        <v>65</v>
      </c>
      <c r="R770" s="197"/>
      <c r="S770" s="197"/>
      <c r="T770" s="197"/>
      <c r="U770" s="197"/>
      <c r="V770" s="197"/>
      <c r="W770" s="192"/>
      <c r="X770" s="192"/>
      <c r="Y770" s="192"/>
      <c r="Z770" s="197"/>
      <c r="AA770" s="197"/>
      <c r="AB770" s="197"/>
      <c r="AC770" s="197"/>
      <c r="AD770" s="197"/>
      <c r="AE770" s="197"/>
      <c r="AF770" s="197"/>
      <c r="AG770" s="197"/>
      <c r="AH770" s="197"/>
      <c r="AI770" s="197"/>
      <c r="AJ770" s="197"/>
      <c r="AK770" s="197"/>
      <c r="AL770" s="197"/>
      <c r="AM770" s="197"/>
      <c r="AN770" s="197"/>
      <c r="AO770" s="197"/>
      <c r="AP770" s="197"/>
      <c r="AQ770" s="197"/>
      <c r="AR770" s="197"/>
      <c r="AS770" s="197"/>
      <c r="AT770" s="197"/>
      <c r="AU770" s="197"/>
      <c r="AV770" s="197"/>
      <c r="AW770" s="191">
        <f t="shared" si="438"/>
        <v>0</v>
      </c>
      <c r="AX770" s="187"/>
      <c r="AY770" s="192" t="str">
        <f t="shared" si="439"/>
        <v/>
      </c>
      <c r="AZ770" s="192" t="str">
        <f t="shared" si="440"/>
        <v/>
      </c>
      <c r="BA770" s="192" t="str">
        <f t="shared" si="441"/>
        <v/>
      </c>
      <c r="BB770" s="192" t="str">
        <f t="shared" si="442"/>
        <v/>
      </c>
      <c r="BC770" s="192" t="str">
        <f t="shared" si="443"/>
        <v/>
      </c>
      <c r="BD770" s="192" t="str">
        <f t="shared" si="444"/>
        <v/>
      </c>
      <c r="BE770" s="192" t="str">
        <f t="shared" si="445"/>
        <v/>
      </c>
      <c r="BF770" s="192" t="str">
        <f t="shared" si="446"/>
        <v/>
      </c>
      <c r="BG770" s="192" t="str">
        <f t="shared" si="447"/>
        <v/>
      </c>
      <c r="BH770" s="192" t="str">
        <f t="shared" si="448"/>
        <v/>
      </c>
      <c r="BI770" s="192" t="str">
        <f t="shared" si="449"/>
        <v/>
      </c>
      <c r="BJ770" s="192" t="str">
        <f t="shared" si="450"/>
        <v/>
      </c>
      <c r="BK770" s="192" t="str">
        <f t="shared" si="451"/>
        <v/>
      </c>
      <c r="BL770" s="192" t="str">
        <f t="shared" si="452"/>
        <v/>
      </c>
      <c r="BM770" s="192" t="str">
        <f t="shared" si="453"/>
        <v/>
      </c>
      <c r="BN770" s="192" t="str">
        <f t="shared" si="454"/>
        <v/>
      </c>
      <c r="BO770" s="192" t="str">
        <f t="shared" si="455"/>
        <v/>
      </c>
      <c r="BP770" s="192" t="str">
        <f t="shared" si="456"/>
        <v/>
      </c>
      <c r="BQ770" s="192" t="str">
        <f t="shared" si="457"/>
        <v/>
      </c>
      <c r="BR770" s="192" t="str">
        <f t="shared" si="458"/>
        <v/>
      </c>
      <c r="BS770" s="192" t="str">
        <f t="shared" si="459"/>
        <v/>
      </c>
      <c r="BT770" s="192" t="str">
        <f t="shared" si="460"/>
        <v/>
      </c>
      <c r="BU770" s="192" t="str">
        <f t="shared" si="461"/>
        <v/>
      </c>
      <c r="BV770" s="192" t="str">
        <f t="shared" si="462"/>
        <v/>
      </c>
      <c r="BW770" s="192" t="str">
        <f t="shared" si="463"/>
        <v/>
      </c>
      <c r="BX770" s="192" t="str">
        <f t="shared" si="464"/>
        <v/>
      </c>
      <c r="BY770" s="192" t="str">
        <f t="shared" si="465"/>
        <v/>
      </c>
      <c r="BZ770" s="192" t="str">
        <f t="shared" si="466"/>
        <v/>
      </c>
      <c r="CA770" s="192" t="str">
        <f t="shared" si="467"/>
        <v/>
      </c>
      <c r="CB770" s="192" t="str">
        <f t="shared" si="468"/>
        <v/>
      </c>
      <c r="CC770" s="192" t="str">
        <f t="shared" si="469"/>
        <v/>
      </c>
      <c r="CD770" s="197"/>
      <c r="CE770" s="197"/>
      <c r="CF770" s="197"/>
    </row>
    <row r="771" spans="1:84" s="194" customFormat="1" ht="56.1" hidden="1" customHeight="1" x14ac:dyDescent="0.2">
      <c r="A771" s="181">
        <v>771</v>
      </c>
      <c r="B771" s="182" t="s">
        <v>53</v>
      </c>
      <c r="C771" s="183" t="s">
        <v>655</v>
      </c>
      <c r="D771" s="184" t="s">
        <v>932</v>
      </c>
      <c r="E771" s="185" t="s">
        <v>1037</v>
      </c>
      <c r="F771" s="185" t="s">
        <v>1038</v>
      </c>
      <c r="G771" s="186" t="s">
        <v>58</v>
      </c>
      <c r="H771" s="185" t="s">
        <v>1036</v>
      </c>
      <c r="I771" s="184" t="s">
        <v>81</v>
      </c>
      <c r="J771" s="186" t="s">
        <v>77</v>
      </c>
      <c r="K771" s="195" t="s">
        <v>722</v>
      </c>
      <c r="L771" s="187" t="s">
        <v>63</v>
      </c>
      <c r="M771" s="187" t="s">
        <v>63</v>
      </c>
      <c r="N771" s="196">
        <v>58379.75</v>
      </c>
      <c r="O771" s="189">
        <f t="shared" si="437"/>
        <v>58379.75</v>
      </c>
      <c r="P771" s="190" t="s">
        <v>839</v>
      </c>
      <c r="Q771" s="187" t="s">
        <v>65</v>
      </c>
      <c r="R771" s="197"/>
      <c r="S771" s="197"/>
      <c r="T771" s="197"/>
      <c r="U771" s="197"/>
      <c r="V771" s="197"/>
      <c r="W771" s="192"/>
      <c r="X771" s="192"/>
      <c r="Y771" s="192"/>
      <c r="Z771" s="197"/>
      <c r="AA771" s="197"/>
      <c r="AB771" s="197"/>
      <c r="AC771" s="197"/>
      <c r="AD771" s="197"/>
      <c r="AE771" s="197"/>
      <c r="AF771" s="197"/>
      <c r="AG771" s="197"/>
      <c r="AH771" s="197"/>
      <c r="AI771" s="197"/>
      <c r="AJ771" s="197"/>
      <c r="AK771" s="197"/>
      <c r="AL771" s="197"/>
      <c r="AM771" s="197"/>
      <c r="AN771" s="197"/>
      <c r="AO771" s="197"/>
      <c r="AP771" s="197"/>
      <c r="AQ771" s="197"/>
      <c r="AR771" s="197"/>
      <c r="AS771" s="197"/>
      <c r="AT771" s="197"/>
      <c r="AU771" s="197"/>
      <c r="AV771" s="197"/>
      <c r="AW771" s="191">
        <f t="shared" si="438"/>
        <v>0</v>
      </c>
      <c r="AX771" s="187"/>
      <c r="AY771" s="192" t="str">
        <f t="shared" si="439"/>
        <v/>
      </c>
      <c r="AZ771" s="192" t="str">
        <f t="shared" si="440"/>
        <v/>
      </c>
      <c r="BA771" s="192" t="str">
        <f t="shared" si="441"/>
        <v/>
      </c>
      <c r="BB771" s="192" t="str">
        <f t="shared" si="442"/>
        <v/>
      </c>
      <c r="BC771" s="192" t="str">
        <f t="shared" si="443"/>
        <v/>
      </c>
      <c r="BD771" s="192" t="str">
        <f t="shared" si="444"/>
        <v/>
      </c>
      <c r="BE771" s="192" t="str">
        <f t="shared" si="445"/>
        <v/>
      </c>
      <c r="BF771" s="192" t="str">
        <f t="shared" si="446"/>
        <v/>
      </c>
      <c r="BG771" s="192" t="str">
        <f t="shared" si="447"/>
        <v/>
      </c>
      <c r="BH771" s="192" t="str">
        <f t="shared" si="448"/>
        <v/>
      </c>
      <c r="BI771" s="192" t="str">
        <f t="shared" si="449"/>
        <v/>
      </c>
      <c r="BJ771" s="192" t="str">
        <f t="shared" si="450"/>
        <v/>
      </c>
      <c r="BK771" s="192" t="str">
        <f t="shared" si="451"/>
        <v/>
      </c>
      <c r="BL771" s="192" t="str">
        <f t="shared" si="452"/>
        <v/>
      </c>
      <c r="BM771" s="192" t="str">
        <f t="shared" si="453"/>
        <v/>
      </c>
      <c r="BN771" s="192" t="str">
        <f t="shared" si="454"/>
        <v/>
      </c>
      <c r="BO771" s="192" t="str">
        <f t="shared" si="455"/>
        <v/>
      </c>
      <c r="BP771" s="192" t="str">
        <f t="shared" si="456"/>
        <v/>
      </c>
      <c r="BQ771" s="192" t="str">
        <f t="shared" si="457"/>
        <v/>
      </c>
      <c r="BR771" s="192" t="str">
        <f t="shared" si="458"/>
        <v/>
      </c>
      <c r="BS771" s="192" t="str">
        <f t="shared" si="459"/>
        <v/>
      </c>
      <c r="BT771" s="192" t="str">
        <f t="shared" si="460"/>
        <v/>
      </c>
      <c r="BU771" s="192" t="str">
        <f t="shared" si="461"/>
        <v/>
      </c>
      <c r="BV771" s="192" t="str">
        <f t="shared" si="462"/>
        <v/>
      </c>
      <c r="BW771" s="192" t="str">
        <f t="shared" si="463"/>
        <v/>
      </c>
      <c r="BX771" s="192" t="str">
        <f t="shared" si="464"/>
        <v/>
      </c>
      <c r="BY771" s="192" t="str">
        <f t="shared" si="465"/>
        <v/>
      </c>
      <c r="BZ771" s="192" t="str">
        <f t="shared" si="466"/>
        <v/>
      </c>
      <c r="CA771" s="192" t="str">
        <f t="shared" si="467"/>
        <v/>
      </c>
      <c r="CB771" s="192" t="str">
        <f t="shared" si="468"/>
        <v/>
      </c>
      <c r="CC771" s="192" t="str">
        <f t="shared" si="469"/>
        <v/>
      </c>
      <c r="CD771" s="197"/>
      <c r="CE771" s="197"/>
      <c r="CF771" s="197"/>
    </row>
    <row r="772" spans="1:84" s="194" customFormat="1" ht="56.1" hidden="1" customHeight="1" x14ac:dyDescent="0.2">
      <c r="A772" s="181">
        <v>772</v>
      </c>
      <c r="B772" s="182" t="s">
        <v>53</v>
      </c>
      <c r="C772" s="183" t="s">
        <v>655</v>
      </c>
      <c r="D772" s="184" t="s">
        <v>932</v>
      </c>
      <c r="E772" s="185" t="s">
        <v>1039</v>
      </c>
      <c r="F772" s="185" t="s">
        <v>1040</v>
      </c>
      <c r="G772" s="186" t="s">
        <v>58</v>
      </c>
      <c r="H772" s="185" t="s">
        <v>1036</v>
      </c>
      <c r="I772" s="184" t="s">
        <v>81</v>
      </c>
      <c r="J772" s="186" t="s">
        <v>77</v>
      </c>
      <c r="K772" s="195" t="s">
        <v>722</v>
      </c>
      <c r="L772" s="187" t="s">
        <v>63</v>
      </c>
      <c r="M772" s="187" t="s">
        <v>63</v>
      </c>
      <c r="N772" s="196">
        <v>55913</v>
      </c>
      <c r="O772" s="189">
        <f t="shared" si="437"/>
        <v>55913</v>
      </c>
      <c r="P772" s="190" t="s">
        <v>839</v>
      </c>
      <c r="Q772" s="187" t="s">
        <v>65</v>
      </c>
      <c r="R772" s="192"/>
      <c r="S772" s="192"/>
      <c r="T772" s="192"/>
      <c r="U772" s="192"/>
      <c r="V772" s="192"/>
      <c r="W772" s="192"/>
      <c r="X772" s="192"/>
      <c r="Y772" s="192"/>
      <c r="Z772" s="192"/>
      <c r="AA772" s="192"/>
      <c r="AB772" s="192"/>
      <c r="AC772" s="192"/>
      <c r="AD772" s="192"/>
      <c r="AE772" s="192"/>
      <c r="AF772" s="192"/>
      <c r="AG772" s="192"/>
      <c r="AH772" s="187"/>
      <c r="AI772" s="192"/>
      <c r="AJ772" s="192"/>
      <c r="AK772" s="192"/>
      <c r="AL772" s="187"/>
      <c r="AM772" s="192"/>
      <c r="AN772" s="192"/>
      <c r="AO772" s="192"/>
      <c r="AP772" s="187"/>
      <c r="AQ772" s="192"/>
      <c r="AR772" s="187"/>
      <c r="AS772" s="187"/>
      <c r="AT772" s="192"/>
      <c r="AU772" s="187"/>
      <c r="AV772" s="187"/>
      <c r="AW772" s="191">
        <f t="shared" si="438"/>
        <v>0</v>
      </c>
      <c r="AX772" s="187"/>
      <c r="AY772" s="192" t="str">
        <f t="shared" si="439"/>
        <v/>
      </c>
      <c r="AZ772" s="192" t="str">
        <f t="shared" si="440"/>
        <v/>
      </c>
      <c r="BA772" s="192" t="str">
        <f t="shared" si="441"/>
        <v/>
      </c>
      <c r="BB772" s="192" t="str">
        <f t="shared" si="442"/>
        <v/>
      </c>
      <c r="BC772" s="192" t="str">
        <f t="shared" si="443"/>
        <v/>
      </c>
      <c r="BD772" s="192" t="str">
        <f t="shared" si="444"/>
        <v/>
      </c>
      <c r="BE772" s="192" t="str">
        <f t="shared" si="445"/>
        <v/>
      </c>
      <c r="BF772" s="192" t="str">
        <f t="shared" si="446"/>
        <v/>
      </c>
      <c r="BG772" s="192" t="str">
        <f t="shared" si="447"/>
        <v/>
      </c>
      <c r="BH772" s="192" t="str">
        <f t="shared" si="448"/>
        <v/>
      </c>
      <c r="BI772" s="192" t="str">
        <f t="shared" si="449"/>
        <v/>
      </c>
      <c r="BJ772" s="192" t="str">
        <f t="shared" si="450"/>
        <v/>
      </c>
      <c r="BK772" s="192" t="str">
        <f t="shared" si="451"/>
        <v/>
      </c>
      <c r="BL772" s="192" t="str">
        <f t="shared" si="452"/>
        <v/>
      </c>
      <c r="BM772" s="192" t="str">
        <f t="shared" si="453"/>
        <v/>
      </c>
      <c r="BN772" s="192" t="str">
        <f t="shared" si="454"/>
        <v/>
      </c>
      <c r="BO772" s="192" t="str">
        <f t="shared" si="455"/>
        <v/>
      </c>
      <c r="BP772" s="192" t="str">
        <f t="shared" si="456"/>
        <v/>
      </c>
      <c r="BQ772" s="192" t="str">
        <f t="shared" si="457"/>
        <v/>
      </c>
      <c r="BR772" s="192" t="str">
        <f t="shared" si="458"/>
        <v/>
      </c>
      <c r="BS772" s="192" t="str">
        <f t="shared" si="459"/>
        <v/>
      </c>
      <c r="BT772" s="192" t="str">
        <f t="shared" si="460"/>
        <v/>
      </c>
      <c r="BU772" s="192" t="str">
        <f t="shared" si="461"/>
        <v/>
      </c>
      <c r="BV772" s="192" t="str">
        <f t="shared" si="462"/>
        <v/>
      </c>
      <c r="BW772" s="192" t="str">
        <f t="shared" si="463"/>
        <v/>
      </c>
      <c r="BX772" s="192" t="str">
        <f t="shared" si="464"/>
        <v/>
      </c>
      <c r="BY772" s="192" t="str">
        <f t="shared" si="465"/>
        <v/>
      </c>
      <c r="BZ772" s="192" t="str">
        <f t="shared" si="466"/>
        <v/>
      </c>
      <c r="CA772" s="192" t="str">
        <f t="shared" si="467"/>
        <v/>
      </c>
      <c r="CB772" s="192" t="str">
        <f t="shared" si="468"/>
        <v/>
      </c>
      <c r="CC772" s="192" t="str">
        <f t="shared" si="469"/>
        <v/>
      </c>
      <c r="CD772" s="197"/>
      <c r="CE772" s="197"/>
      <c r="CF772" s="197"/>
    </row>
    <row r="773" spans="1:84" s="194" customFormat="1" ht="56.1" hidden="1" customHeight="1" x14ac:dyDescent="0.2">
      <c r="A773" s="181">
        <v>773</v>
      </c>
      <c r="B773" s="182" t="s">
        <v>53</v>
      </c>
      <c r="C773" s="183" t="s">
        <v>655</v>
      </c>
      <c r="D773" s="184" t="s">
        <v>932</v>
      </c>
      <c r="E773" s="185" t="s">
        <v>1041</v>
      </c>
      <c r="F773" s="185" t="s">
        <v>1042</v>
      </c>
      <c r="G773" s="186" t="s">
        <v>58</v>
      </c>
      <c r="H773" s="185" t="s">
        <v>1036</v>
      </c>
      <c r="I773" s="184" t="s">
        <v>81</v>
      </c>
      <c r="J773" s="186" t="s">
        <v>77</v>
      </c>
      <c r="K773" s="195" t="s">
        <v>722</v>
      </c>
      <c r="L773" s="187" t="s">
        <v>63</v>
      </c>
      <c r="M773" s="187" t="s">
        <v>63</v>
      </c>
      <c r="N773" s="196">
        <v>55913</v>
      </c>
      <c r="O773" s="189">
        <f t="shared" si="437"/>
        <v>55913</v>
      </c>
      <c r="P773" s="190" t="s">
        <v>839</v>
      </c>
      <c r="Q773" s="187" t="s">
        <v>65</v>
      </c>
      <c r="R773" s="197"/>
      <c r="S773" s="197"/>
      <c r="T773" s="197"/>
      <c r="U773" s="197"/>
      <c r="V773" s="197"/>
      <c r="W773" s="192"/>
      <c r="X773" s="192"/>
      <c r="Y773" s="197"/>
      <c r="Z773" s="192"/>
      <c r="AA773" s="197"/>
      <c r="AB773" s="197"/>
      <c r="AC773" s="197"/>
      <c r="AD773" s="197"/>
      <c r="AE773" s="197"/>
      <c r="AF773" s="197"/>
      <c r="AG773" s="197"/>
      <c r="AH773" s="197"/>
      <c r="AI773" s="197"/>
      <c r="AJ773" s="197"/>
      <c r="AK773" s="197"/>
      <c r="AL773" s="197"/>
      <c r="AM773" s="197"/>
      <c r="AN773" s="197"/>
      <c r="AO773" s="197"/>
      <c r="AP773" s="197"/>
      <c r="AQ773" s="197"/>
      <c r="AR773" s="197"/>
      <c r="AS773" s="197"/>
      <c r="AT773" s="197"/>
      <c r="AU773" s="197"/>
      <c r="AV773" s="197"/>
      <c r="AW773" s="191">
        <f t="shared" si="438"/>
        <v>0</v>
      </c>
      <c r="AX773" s="187"/>
      <c r="AY773" s="192" t="str">
        <f t="shared" si="439"/>
        <v/>
      </c>
      <c r="AZ773" s="192" t="str">
        <f t="shared" si="440"/>
        <v/>
      </c>
      <c r="BA773" s="192" t="str">
        <f t="shared" si="441"/>
        <v/>
      </c>
      <c r="BB773" s="192" t="str">
        <f t="shared" si="442"/>
        <v/>
      </c>
      <c r="BC773" s="192" t="str">
        <f t="shared" si="443"/>
        <v/>
      </c>
      <c r="BD773" s="192" t="str">
        <f t="shared" si="444"/>
        <v/>
      </c>
      <c r="BE773" s="192" t="str">
        <f t="shared" si="445"/>
        <v/>
      </c>
      <c r="BF773" s="192" t="str">
        <f t="shared" si="446"/>
        <v/>
      </c>
      <c r="BG773" s="192" t="str">
        <f t="shared" si="447"/>
        <v/>
      </c>
      <c r="BH773" s="192" t="str">
        <f t="shared" si="448"/>
        <v/>
      </c>
      <c r="BI773" s="192" t="str">
        <f t="shared" si="449"/>
        <v/>
      </c>
      <c r="BJ773" s="192" t="str">
        <f t="shared" si="450"/>
        <v/>
      </c>
      <c r="BK773" s="192" t="str">
        <f t="shared" si="451"/>
        <v/>
      </c>
      <c r="BL773" s="192" t="str">
        <f t="shared" si="452"/>
        <v/>
      </c>
      <c r="BM773" s="192" t="str">
        <f t="shared" si="453"/>
        <v/>
      </c>
      <c r="BN773" s="192" t="str">
        <f t="shared" si="454"/>
        <v/>
      </c>
      <c r="BO773" s="192" t="str">
        <f t="shared" si="455"/>
        <v/>
      </c>
      <c r="BP773" s="192" t="str">
        <f t="shared" si="456"/>
        <v/>
      </c>
      <c r="BQ773" s="192" t="str">
        <f t="shared" si="457"/>
        <v/>
      </c>
      <c r="BR773" s="192" t="str">
        <f t="shared" si="458"/>
        <v/>
      </c>
      <c r="BS773" s="192" t="str">
        <f t="shared" si="459"/>
        <v/>
      </c>
      <c r="BT773" s="192" t="str">
        <f t="shared" si="460"/>
        <v/>
      </c>
      <c r="BU773" s="192" t="str">
        <f t="shared" si="461"/>
        <v/>
      </c>
      <c r="BV773" s="192" t="str">
        <f t="shared" si="462"/>
        <v/>
      </c>
      <c r="BW773" s="192" t="str">
        <f t="shared" si="463"/>
        <v/>
      </c>
      <c r="BX773" s="192" t="str">
        <f t="shared" si="464"/>
        <v/>
      </c>
      <c r="BY773" s="192" t="str">
        <f t="shared" si="465"/>
        <v/>
      </c>
      <c r="BZ773" s="192" t="str">
        <f t="shared" si="466"/>
        <v/>
      </c>
      <c r="CA773" s="192" t="str">
        <f t="shared" si="467"/>
        <v/>
      </c>
      <c r="CB773" s="192" t="str">
        <f t="shared" si="468"/>
        <v/>
      </c>
      <c r="CC773" s="192" t="str">
        <f t="shared" si="469"/>
        <v/>
      </c>
      <c r="CD773" s="197"/>
      <c r="CE773" s="197"/>
      <c r="CF773" s="197"/>
    </row>
    <row r="774" spans="1:84" s="194" customFormat="1" ht="56.1" hidden="1" customHeight="1" x14ac:dyDescent="0.2">
      <c r="A774" s="181">
        <v>774</v>
      </c>
      <c r="B774" s="182" t="s">
        <v>53</v>
      </c>
      <c r="C774" s="183" t="s">
        <v>655</v>
      </c>
      <c r="D774" s="184" t="s">
        <v>932</v>
      </c>
      <c r="E774" s="185" t="s">
        <v>1043</v>
      </c>
      <c r="F774" s="185" t="s">
        <v>1044</v>
      </c>
      <c r="G774" s="186" t="s">
        <v>58</v>
      </c>
      <c r="H774" s="185" t="s">
        <v>1036</v>
      </c>
      <c r="I774" s="184" t="s">
        <v>81</v>
      </c>
      <c r="J774" s="186" t="s">
        <v>77</v>
      </c>
      <c r="K774" s="195" t="s">
        <v>722</v>
      </c>
      <c r="L774" s="187" t="s">
        <v>63</v>
      </c>
      <c r="M774" s="187" t="s">
        <v>63</v>
      </c>
      <c r="N774" s="196">
        <v>106892.5</v>
      </c>
      <c r="O774" s="189">
        <f t="shared" si="437"/>
        <v>106892.5</v>
      </c>
      <c r="P774" s="190" t="s">
        <v>839</v>
      </c>
      <c r="Q774" s="187" t="s">
        <v>65</v>
      </c>
      <c r="R774" s="197"/>
      <c r="S774" s="197"/>
      <c r="T774" s="197"/>
      <c r="U774" s="197"/>
      <c r="V774" s="197"/>
      <c r="W774" s="192"/>
      <c r="X774" s="192"/>
      <c r="Y774" s="197"/>
      <c r="Z774" s="192"/>
      <c r="AA774" s="197"/>
      <c r="AB774" s="197"/>
      <c r="AC774" s="197"/>
      <c r="AD774" s="197"/>
      <c r="AE774" s="197"/>
      <c r="AF774" s="197"/>
      <c r="AG774" s="197"/>
      <c r="AH774" s="197"/>
      <c r="AI774" s="197"/>
      <c r="AJ774" s="197"/>
      <c r="AK774" s="197"/>
      <c r="AL774" s="197"/>
      <c r="AM774" s="197"/>
      <c r="AN774" s="197"/>
      <c r="AO774" s="197"/>
      <c r="AP774" s="197"/>
      <c r="AQ774" s="197"/>
      <c r="AR774" s="197"/>
      <c r="AS774" s="197"/>
      <c r="AT774" s="197"/>
      <c r="AU774" s="197"/>
      <c r="AV774" s="197"/>
      <c r="AW774" s="191">
        <f t="shared" si="438"/>
        <v>0</v>
      </c>
      <c r="AX774" s="187"/>
      <c r="AY774" s="192" t="str">
        <f t="shared" si="439"/>
        <v/>
      </c>
      <c r="AZ774" s="192" t="str">
        <f t="shared" si="440"/>
        <v/>
      </c>
      <c r="BA774" s="192" t="str">
        <f t="shared" si="441"/>
        <v/>
      </c>
      <c r="BB774" s="192" t="str">
        <f t="shared" si="442"/>
        <v/>
      </c>
      <c r="BC774" s="192" t="str">
        <f t="shared" si="443"/>
        <v/>
      </c>
      <c r="BD774" s="192" t="str">
        <f t="shared" si="444"/>
        <v/>
      </c>
      <c r="BE774" s="192" t="str">
        <f t="shared" si="445"/>
        <v/>
      </c>
      <c r="BF774" s="192" t="str">
        <f t="shared" si="446"/>
        <v/>
      </c>
      <c r="BG774" s="192" t="str">
        <f t="shared" si="447"/>
        <v/>
      </c>
      <c r="BH774" s="192" t="str">
        <f t="shared" si="448"/>
        <v/>
      </c>
      <c r="BI774" s="192" t="str">
        <f t="shared" si="449"/>
        <v/>
      </c>
      <c r="BJ774" s="192" t="str">
        <f t="shared" si="450"/>
        <v/>
      </c>
      <c r="BK774" s="192" t="str">
        <f t="shared" si="451"/>
        <v/>
      </c>
      <c r="BL774" s="192" t="str">
        <f t="shared" si="452"/>
        <v/>
      </c>
      <c r="BM774" s="192" t="str">
        <f t="shared" si="453"/>
        <v/>
      </c>
      <c r="BN774" s="192" t="str">
        <f t="shared" si="454"/>
        <v/>
      </c>
      <c r="BO774" s="192" t="str">
        <f t="shared" si="455"/>
        <v/>
      </c>
      <c r="BP774" s="192" t="str">
        <f t="shared" si="456"/>
        <v/>
      </c>
      <c r="BQ774" s="192" t="str">
        <f t="shared" si="457"/>
        <v/>
      </c>
      <c r="BR774" s="192" t="str">
        <f t="shared" si="458"/>
        <v/>
      </c>
      <c r="BS774" s="192" t="str">
        <f t="shared" si="459"/>
        <v/>
      </c>
      <c r="BT774" s="192" t="str">
        <f t="shared" si="460"/>
        <v/>
      </c>
      <c r="BU774" s="192" t="str">
        <f t="shared" si="461"/>
        <v/>
      </c>
      <c r="BV774" s="192" t="str">
        <f t="shared" si="462"/>
        <v/>
      </c>
      <c r="BW774" s="192" t="str">
        <f t="shared" si="463"/>
        <v/>
      </c>
      <c r="BX774" s="192" t="str">
        <f t="shared" si="464"/>
        <v/>
      </c>
      <c r="BY774" s="192" t="str">
        <f t="shared" si="465"/>
        <v/>
      </c>
      <c r="BZ774" s="192" t="str">
        <f t="shared" si="466"/>
        <v/>
      </c>
      <c r="CA774" s="192" t="str">
        <f t="shared" si="467"/>
        <v/>
      </c>
      <c r="CB774" s="192" t="str">
        <f t="shared" si="468"/>
        <v/>
      </c>
      <c r="CC774" s="192" t="str">
        <f t="shared" si="469"/>
        <v/>
      </c>
      <c r="CD774" s="197"/>
      <c r="CE774" s="197"/>
      <c r="CF774" s="197"/>
    </row>
    <row r="775" spans="1:84" s="194" customFormat="1" ht="56.1" hidden="1" customHeight="1" x14ac:dyDescent="0.2">
      <c r="A775" s="181">
        <v>775</v>
      </c>
      <c r="B775" s="182" t="s">
        <v>53</v>
      </c>
      <c r="C775" s="183" t="s">
        <v>655</v>
      </c>
      <c r="D775" s="184" t="s">
        <v>900</v>
      </c>
      <c r="E775" s="185" t="s">
        <v>1045</v>
      </c>
      <c r="F775" s="185" t="s">
        <v>1046</v>
      </c>
      <c r="G775" s="186" t="s">
        <v>58</v>
      </c>
      <c r="H775" s="185" t="s">
        <v>1036</v>
      </c>
      <c r="I775" s="184" t="s">
        <v>81</v>
      </c>
      <c r="J775" s="186" t="s">
        <v>77</v>
      </c>
      <c r="K775" s="195" t="s">
        <v>722</v>
      </c>
      <c r="L775" s="187" t="s">
        <v>63</v>
      </c>
      <c r="M775" s="187" t="s">
        <v>63</v>
      </c>
      <c r="N775" s="196">
        <v>24667.5</v>
      </c>
      <c r="O775" s="189">
        <f t="shared" si="437"/>
        <v>24667.5</v>
      </c>
      <c r="P775" s="190" t="s">
        <v>839</v>
      </c>
      <c r="Q775" s="187" t="s">
        <v>65</v>
      </c>
      <c r="R775" s="197"/>
      <c r="S775" s="197"/>
      <c r="T775" s="197"/>
      <c r="U775" s="197"/>
      <c r="V775" s="197"/>
      <c r="W775" s="192"/>
      <c r="X775" s="192"/>
      <c r="Y775" s="197"/>
      <c r="Z775" s="192"/>
      <c r="AA775" s="197"/>
      <c r="AB775" s="197"/>
      <c r="AC775" s="197"/>
      <c r="AD775" s="197"/>
      <c r="AE775" s="197"/>
      <c r="AF775" s="197"/>
      <c r="AG775" s="197"/>
      <c r="AH775" s="197"/>
      <c r="AI775" s="197"/>
      <c r="AJ775" s="197"/>
      <c r="AK775" s="197"/>
      <c r="AL775" s="197"/>
      <c r="AM775" s="197"/>
      <c r="AN775" s="197"/>
      <c r="AO775" s="197"/>
      <c r="AP775" s="197"/>
      <c r="AQ775" s="197"/>
      <c r="AR775" s="197"/>
      <c r="AS775" s="197"/>
      <c r="AT775" s="197"/>
      <c r="AU775" s="197"/>
      <c r="AV775" s="197"/>
      <c r="AW775" s="191">
        <f t="shared" si="438"/>
        <v>0</v>
      </c>
      <c r="AX775" s="187"/>
      <c r="AY775" s="192" t="str">
        <f t="shared" si="439"/>
        <v/>
      </c>
      <c r="AZ775" s="192" t="str">
        <f t="shared" si="440"/>
        <v/>
      </c>
      <c r="BA775" s="192" t="str">
        <f t="shared" si="441"/>
        <v/>
      </c>
      <c r="BB775" s="192" t="str">
        <f t="shared" si="442"/>
        <v/>
      </c>
      <c r="BC775" s="192" t="str">
        <f t="shared" si="443"/>
        <v/>
      </c>
      <c r="BD775" s="192" t="str">
        <f t="shared" si="444"/>
        <v/>
      </c>
      <c r="BE775" s="192" t="str">
        <f t="shared" si="445"/>
        <v/>
      </c>
      <c r="BF775" s="192" t="str">
        <f t="shared" si="446"/>
        <v/>
      </c>
      <c r="BG775" s="192" t="str">
        <f t="shared" si="447"/>
        <v/>
      </c>
      <c r="BH775" s="192" t="str">
        <f t="shared" si="448"/>
        <v/>
      </c>
      <c r="BI775" s="192" t="str">
        <f t="shared" si="449"/>
        <v/>
      </c>
      <c r="BJ775" s="192" t="str">
        <f t="shared" si="450"/>
        <v/>
      </c>
      <c r="BK775" s="192" t="str">
        <f t="shared" si="451"/>
        <v/>
      </c>
      <c r="BL775" s="192" t="str">
        <f t="shared" si="452"/>
        <v/>
      </c>
      <c r="BM775" s="192" t="str">
        <f t="shared" si="453"/>
        <v/>
      </c>
      <c r="BN775" s="192" t="str">
        <f t="shared" si="454"/>
        <v/>
      </c>
      <c r="BO775" s="192" t="str">
        <f t="shared" si="455"/>
        <v/>
      </c>
      <c r="BP775" s="192" t="str">
        <f t="shared" si="456"/>
        <v/>
      </c>
      <c r="BQ775" s="192" t="str">
        <f t="shared" si="457"/>
        <v/>
      </c>
      <c r="BR775" s="192" t="str">
        <f t="shared" si="458"/>
        <v/>
      </c>
      <c r="BS775" s="192" t="str">
        <f t="shared" si="459"/>
        <v/>
      </c>
      <c r="BT775" s="192" t="str">
        <f t="shared" si="460"/>
        <v/>
      </c>
      <c r="BU775" s="192" t="str">
        <f t="shared" si="461"/>
        <v/>
      </c>
      <c r="BV775" s="192" t="str">
        <f t="shared" si="462"/>
        <v/>
      </c>
      <c r="BW775" s="192" t="str">
        <f t="shared" si="463"/>
        <v/>
      </c>
      <c r="BX775" s="192" t="str">
        <f t="shared" si="464"/>
        <v/>
      </c>
      <c r="BY775" s="192" t="str">
        <f t="shared" si="465"/>
        <v/>
      </c>
      <c r="BZ775" s="192" t="str">
        <f t="shared" si="466"/>
        <v/>
      </c>
      <c r="CA775" s="192" t="str">
        <f t="shared" si="467"/>
        <v/>
      </c>
      <c r="CB775" s="192" t="str">
        <f t="shared" si="468"/>
        <v/>
      </c>
      <c r="CC775" s="192" t="str">
        <f t="shared" si="469"/>
        <v/>
      </c>
      <c r="CD775" s="197"/>
      <c r="CE775" s="197"/>
      <c r="CF775" s="197"/>
    </row>
    <row r="776" spans="1:84" s="178" customFormat="1" ht="56.1" hidden="1" customHeight="1" x14ac:dyDescent="0.2">
      <c r="A776" s="154">
        <v>776</v>
      </c>
      <c r="B776" s="155" t="s">
        <v>53</v>
      </c>
      <c r="C776" s="165" t="s">
        <v>655</v>
      </c>
      <c r="D776" s="172" t="s">
        <v>900</v>
      </c>
      <c r="E776" s="173" t="s">
        <v>1047</v>
      </c>
      <c r="F776" s="173" t="s">
        <v>1048</v>
      </c>
      <c r="G776" s="163" t="s">
        <v>58</v>
      </c>
      <c r="H776" s="173" t="s">
        <v>25</v>
      </c>
      <c r="I776" s="173" t="s">
        <v>81</v>
      </c>
      <c r="J776" s="163" t="s">
        <v>77</v>
      </c>
      <c r="K776" s="172" t="s">
        <v>834</v>
      </c>
      <c r="L776" s="158" t="s">
        <v>63</v>
      </c>
      <c r="M776" s="158" t="s">
        <v>63</v>
      </c>
      <c r="N776" s="180">
        <v>423047.625</v>
      </c>
      <c r="O776" s="175">
        <f t="shared" si="437"/>
        <v>423047.625</v>
      </c>
      <c r="P776" s="176" t="s">
        <v>839</v>
      </c>
      <c r="Q776" s="158" t="s">
        <v>65</v>
      </c>
      <c r="R776" s="162"/>
      <c r="S776" s="162"/>
      <c r="T776" s="162"/>
      <c r="U776" s="162"/>
      <c r="V776" s="162"/>
      <c r="W776" s="161"/>
      <c r="X776" s="161"/>
      <c r="Y776" s="162"/>
      <c r="Z776" s="161"/>
      <c r="AA776" s="162"/>
      <c r="AB776" s="162"/>
      <c r="AC776" s="162"/>
      <c r="AD776" s="162"/>
      <c r="AE776" s="162"/>
      <c r="AF776" s="162"/>
      <c r="AG776" s="162"/>
      <c r="AH776" s="162"/>
      <c r="AI776" s="162"/>
      <c r="AJ776" s="162"/>
      <c r="AK776" s="162"/>
      <c r="AL776" s="162"/>
      <c r="AM776" s="162"/>
      <c r="AN776" s="162"/>
      <c r="AO776" s="162"/>
      <c r="AP776" s="162"/>
      <c r="AQ776" s="162"/>
      <c r="AR776" s="162"/>
      <c r="AS776" s="162"/>
      <c r="AT776" s="162"/>
      <c r="AU776" s="162"/>
      <c r="AV776" s="162"/>
      <c r="AW776" s="160">
        <f t="shared" si="438"/>
        <v>0</v>
      </c>
      <c r="AX776" s="158"/>
      <c r="AY776" s="161" t="str">
        <f t="shared" si="439"/>
        <v/>
      </c>
      <c r="AZ776" s="161" t="str">
        <f t="shared" si="440"/>
        <v/>
      </c>
      <c r="BA776" s="161" t="str">
        <f t="shared" si="441"/>
        <v/>
      </c>
      <c r="BB776" s="161" t="str">
        <f t="shared" si="442"/>
        <v/>
      </c>
      <c r="BC776" s="161" t="str">
        <f t="shared" si="443"/>
        <v/>
      </c>
      <c r="BD776" s="161" t="str">
        <f t="shared" si="444"/>
        <v/>
      </c>
      <c r="BE776" s="161" t="str">
        <f t="shared" si="445"/>
        <v/>
      </c>
      <c r="BF776" s="161" t="str">
        <f t="shared" si="446"/>
        <v/>
      </c>
      <c r="BG776" s="161" t="str">
        <f t="shared" si="447"/>
        <v/>
      </c>
      <c r="BH776" s="161" t="str">
        <f t="shared" si="448"/>
        <v/>
      </c>
      <c r="BI776" s="161" t="str">
        <f t="shared" si="449"/>
        <v/>
      </c>
      <c r="BJ776" s="161" t="str">
        <f t="shared" si="450"/>
        <v/>
      </c>
      <c r="BK776" s="161" t="str">
        <f t="shared" si="451"/>
        <v/>
      </c>
      <c r="BL776" s="161" t="str">
        <f t="shared" si="452"/>
        <v/>
      </c>
      <c r="BM776" s="161" t="str">
        <f t="shared" si="453"/>
        <v/>
      </c>
      <c r="BN776" s="161" t="str">
        <f t="shared" si="454"/>
        <v/>
      </c>
      <c r="BO776" s="161" t="str">
        <f t="shared" si="455"/>
        <v/>
      </c>
      <c r="BP776" s="161" t="str">
        <f t="shared" si="456"/>
        <v/>
      </c>
      <c r="BQ776" s="161" t="str">
        <f t="shared" si="457"/>
        <v/>
      </c>
      <c r="BR776" s="161" t="str">
        <f t="shared" si="458"/>
        <v/>
      </c>
      <c r="BS776" s="161" t="str">
        <f t="shared" si="459"/>
        <v/>
      </c>
      <c r="BT776" s="161" t="str">
        <f t="shared" si="460"/>
        <v/>
      </c>
      <c r="BU776" s="161" t="str">
        <f t="shared" si="461"/>
        <v/>
      </c>
      <c r="BV776" s="161" t="str">
        <f t="shared" si="462"/>
        <v/>
      </c>
      <c r="BW776" s="161" t="str">
        <f t="shared" si="463"/>
        <v/>
      </c>
      <c r="BX776" s="161" t="str">
        <f t="shared" si="464"/>
        <v/>
      </c>
      <c r="BY776" s="161" t="str">
        <f t="shared" si="465"/>
        <v/>
      </c>
      <c r="BZ776" s="161" t="str">
        <f t="shared" si="466"/>
        <v/>
      </c>
      <c r="CA776" s="161" t="str">
        <f t="shared" si="467"/>
        <v/>
      </c>
      <c r="CB776" s="161" t="str">
        <f t="shared" si="468"/>
        <v/>
      </c>
      <c r="CC776" s="161" t="str">
        <f t="shared" si="469"/>
        <v/>
      </c>
      <c r="CD776" s="162"/>
      <c r="CE776" s="162"/>
      <c r="CF776" s="162"/>
    </row>
    <row r="777" spans="1:84" s="178" customFormat="1" ht="56.1" hidden="1" customHeight="1" x14ac:dyDescent="0.2">
      <c r="A777" s="154">
        <v>777</v>
      </c>
      <c r="B777" s="155" t="s">
        <v>53</v>
      </c>
      <c r="C777" s="165" t="s">
        <v>655</v>
      </c>
      <c r="D777" s="172" t="s">
        <v>932</v>
      </c>
      <c r="E777" s="173" t="s">
        <v>1049</v>
      </c>
      <c r="F777" s="173" t="s">
        <v>1050</v>
      </c>
      <c r="G777" s="163" t="s">
        <v>58</v>
      </c>
      <c r="H777" s="173" t="s">
        <v>25</v>
      </c>
      <c r="I777" s="172" t="s">
        <v>81</v>
      </c>
      <c r="J777" s="163" t="s">
        <v>77</v>
      </c>
      <c r="K777" s="172" t="s">
        <v>834</v>
      </c>
      <c r="L777" s="158" t="s">
        <v>63</v>
      </c>
      <c r="M777" s="158" t="s">
        <v>63</v>
      </c>
      <c r="N777" s="180">
        <v>296928.864375</v>
      </c>
      <c r="O777" s="175">
        <f t="shared" si="437"/>
        <v>296928.864375</v>
      </c>
      <c r="P777" s="176" t="s">
        <v>839</v>
      </c>
      <c r="Q777" s="158" t="s">
        <v>65</v>
      </c>
      <c r="R777" s="162"/>
      <c r="S777" s="162"/>
      <c r="T777" s="162"/>
      <c r="U777" s="162"/>
      <c r="V777" s="162"/>
      <c r="W777" s="161"/>
      <c r="X777" s="161"/>
      <c r="Y777" s="162"/>
      <c r="Z777" s="161"/>
      <c r="AA777" s="162"/>
      <c r="AB777" s="162"/>
      <c r="AC777" s="162"/>
      <c r="AD777" s="162"/>
      <c r="AE777" s="162"/>
      <c r="AF777" s="162"/>
      <c r="AG777" s="162"/>
      <c r="AH777" s="162"/>
      <c r="AI777" s="162"/>
      <c r="AJ777" s="162"/>
      <c r="AK777" s="162"/>
      <c r="AL777" s="162"/>
      <c r="AM777" s="162"/>
      <c r="AN777" s="162"/>
      <c r="AO777" s="162"/>
      <c r="AP777" s="162"/>
      <c r="AQ777" s="162"/>
      <c r="AR777" s="162"/>
      <c r="AS777" s="162"/>
      <c r="AT777" s="162"/>
      <c r="AU777" s="162"/>
      <c r="AV777" s="162"/>
      <c r="AW777" s="160">
        <f t="shared" si="438"/>
        <v>0</v>
      </c>
      <c r="AX777" s="158"/>
      <c r="AY777" s="161" t="str">
        <f t="shared" si="439"/>
        <v/>
      </c>
      <c r="AZ777" s="161" t="str">
        <f t="shared" si="440"/>
        <v/>
      </c>
      <c r="BA777" s="161" t="str">
        <f t="shared" si="441"/>
        <v/>
      </c>
      <c r="BB777" s="161" t="str">
        <f t="shared" si="442"/>
        <v/>
      </c>
      <c r="BC777" s="161" t="str">
        <f t="shared" si="443"/>
        <v/>
      </c>
      <c r="BD777" s="161" t="str">
        <f t="shared" si="444"/>
        <v/>
      </c>
      <c r="BE777" s="161" t="str">
        <f t="shared" si="445"/>
        <v/>
      </c>
      <c r="BF777" s="161" t="str">
        <f t="shared" si="446"/>
        <v/>
      </c>
      <c r="BG777" s="161" t="str">
        <f t="shared" si="447"/>
        <v/>
      </c>
      <c r="BH777" s="161" t="str">
        <f t="shared" si="448"/>
        <v/>
      </c>
      <c r="BI777" s="161" t="str">
        <f t="shared" si="449"/>
        <v/>
      </c>
      <c r="BJ777" s="161" t="str">
        <f t="shared" si="450"/>
        <v/>
      </c>
      <c r="BK777" s="161" t="str">
        <f t="shared" si="451"/>
        <v/>
      </c>
      <c r="BL777" s="161" t="str">
        <f t="shared" si="452"/>
        <v/>
      </c>
      <c r="BM777" s="161" t="str">
        <f t="shared" si="453"/>
        <v/>
      </c>
      <c r="BN777" s="161" t="str">
        <f t="shared" si="454"/>
        <v/>
      </c>
      <c r="BO777" s="161" t="str">
        <f t="shared" si="455"/>
        <v/>
      </c>
      <c r="BP777" s="161" t="str">
        <f t="shared" si="456"/>
        <v/>
      </c>
      <c r="BQ777" s="161" t="str">
        <f t="shared" si="457"/>
        <v/>
      </c>
      <c r="BR777" s="161" t="str">
        <f t="shared" si="458"/>
        <v/>
      </c>
      <c r="BS777" s="161" t="str">
        <f t="shared" si="459"/>
        <v/>
      </c>
      <c r="BT777" s="161" t="str">
        <f t="shared" si="460"/>
        <v/>
      </c>
      <c r="BU777" s="161" t="str">
        <f t="shared" si="461"/>
        <v/>
      </c>
      <c r="BV777" s="161" t="str">
        <f t="shared" si="462"/>
        <v/>
      </c>
      <c r="BW777" s="161" t="str">
        <f t="shared" si="463"/>
        <v/>
      </c>
      <c r="BX777" s="161" t="str">
        <f t="shared" si="464"/>
        <v/>
      </c>
      <c r="BY777" s="161" t="str">
        <f t="shared" si="465"/>
        <v/>
      </c>
      <c r="BZ777" s="161" t="str">
        <f t="shared" si="466"/>
        <v/>
      </c>
      <c r="CA777" s="161" t="str">
        <f t="shared" si="467"/>
        <v/>
      </c>
      <c r="CB777" s="161" t="str">
        <f t="shared" si="468"/>
        <v/>
      </c>
      <c r="CC777" s="161" t="str">
        <f t="shared" si="469"/>
        <v/>
      </c>
      <c r="CD777" s="162"/>
      <c r="CE777" s="162"/>
      <c r="CF777" s="162"/>
    </row>
    <row r="778" spans="1:84" s="178" customFormat="1" ht="56.1" hidden="1" customHeight="1" x14ac:dyDescent="0.2">
      <c r="A778" s="154">
        <v>778</v>
      </c>
      <c r="B778" s="155" t="s">
        <v>53</v>
      </c>
      <c r="C778" s="165" t="s">
        <v>655</v>
      </c>
      <c r="D778" s="172" t="s">
        <v>932</v>
      </c>
      <c r="E778" s="173" t="s">
        <v>1051</v>
      </c>
      <c r="F778" s="173" t="s">
        <v>1052</v>
      </c>
      <c r="G778" s="163" t="s">
        <v>58</v>
      </c>
      <c r="H778" s="173" t="s">
        <v>25</v>
      </c>
      <c r="I778" s="173" t="s">
        <v>81</v>
      </c>
      <c r="J778" s="163" t="s">
        <v>77</v>
      </c>
      <c r="K778" s="172" t="s">
        <v>834</v>
      </c>
      <c r="L778" s="158" t="s">
        <v>63</v>
      </c>
      <c r="M778" s="158" t="s">
        <v>63</v>
      </c>
      <c r="N778" s="180">
        <v>359734.375</v>
      </c>
      <c r="O778" s="175">
        <f t="shared" si="437"/>
        <v>359734.375</v>
      </c>
      <c r="P778" s="176" t="s">
        <v>839</v>
      </c>
      <c r="Q778" s="158" t="s">
        <v>65</v>
      </c>
      <c r="R778" s="162"/>
      <c r="S778" s="162"/>
      <c r="T778" s="162"/>
      <c r="U778" s="162"/>
      <c r="V778" s="162"/>
      <c r="W778" s="161"/>
      <c r="X778" s="161"/>
      <c r="Y778" s="162"/>
      <c r="Z778" s="161"/>
      <c r="AA778" s="162"/>
      <c r="AB778" s="162"/>
      <c r="AC778" s="162"/>
      <c r="AD778" s="162"/>
      <c r="AE778" s="162"/>
      <c r="AF778" s="162"/>
      <c r="AG778" s="162"/>
      <c r="AH778" s="162"/>
      <c r="AI778" s="162"/>
      <c r="AJ778" s="162"/>
      <c r="AK778" s="162"/>
      <c r="AL778" s="162"/>
      <c r="AM778" s="162"/>
      <c r="AN778" s="162"/>
      <c r="AO778" s="162"/>
      <c r="AP778" s="162"/>
      <c r="AQ778" s="162"/>
      <c r="AR778" s="162"/>
      <c r="AS778" s="162"/>
      <c r="AT778" s="162"/>
      <c r="AU778" s="162"/>
      <c r="AV778" s="162"/>
      <c r="AW778" s="160">
        <f t="shared" si="438"/>
        <v>0</v>
      </c>
      <c r="AX778" s="158"/>
      <c r="AY778" s="161" t="str">
        <f t="shared" si="439"/>
        <v/>
      </c>
      <c r="AZ778" s="161" t="str">
        <f t="shared" si="440"/>
        <v/>
      </c>
      <c r="BA778" s="161" t="str">
        <f t="shared" si="441"/>
        <v/>
      </c>
      <c r="BB778" s="161" t="str">
        <f t="shared" si="442"/>
        <v/>
      </c>
      <c r="BC778" s="161" t="str">
        <f t="shared" si="443"/>
        <v/>
      </c>
      <c r="BD778" s="161" t="str">
        <f t="shared" si="444"/>
        <v/>
      </c>
      <c r="BE778" s="161" t="str">
        <f t="shared" si="445"/>
        <v/>
      </c>
      <c r="BF778" s="161" t="str">
        <f t="shared" si="446"/>
        <v/>
      </c>
      <c r="BG778" s="161" t="str">
        <f t="shared" si="447"/>
        <v/>
      </c>
      <c r="BH778" s="161" t="str">
        <f t="shared" si="448"/>
        <v/>
      </c>
      <c r="BI778" s="161" t="str">
        <f t="shared" si="449"/>
        <v/>
      </c>
      <c r="BJ778" s="161" t="str">
        <f t="shared" si="450"/>
        <v/>
      </c>
      <c r="BK778" s="161" t="str">
        <f t="shared" si="451"/>
        <v/>
      </c>
      <c r="BL778" s="161" t="str">
        <f t="shared" si="452"/>
        <v/>
      </c>
      <c r="BM778" s="161" t="str">
        <f t="shared" si="453"/>
        <v/>
      </c>
      <c r="BN778" s="161" t="str">
        <f t="shared" si="454"/>
        <v/>
      </c>
      <c r="BO778" s="161" t="str">
        <f t="shared" si="455"/>
        <v/>
      </c>
      <c r="BP778" s="161" t="str">
        <f t="shared" si="456"/>
        <v/>
      </c>
      <c r="BQ778" s="161" t="str">
        <f t="shared" si="457"/>
        <v/>
      </c>
      <c r="BR778" s="161" t="str">
        <f t="shared" si="458"/>
        <v/>
      </c>
      <c r="BS778" s="161" t="str">
        <f t="shared" si="459"/>
        <v/>
      </c>
      <c r="BT778" s="161" t="str">
        <f t="shared" si="460"/>
        <v/>
      </c>
      <c r="BU778" s="161" t="str">
        <f t="shared" si="461"/>
        <v/>
      </c>
      <c r="BV778" s="161" t="str">
        <f t="shared" si="462"/>
        <v/>
      </c>
      <c r="BW778" s="161" t="str">
        <f t="shared" si="463"/>
        <v/>
      </c>
      <c r="BX778" s="161" t="str">
        <f t="shared" si="464"/>
        <v/>
      </c>
      <c r="BY778" s="161" t="str">
        <f t="shared" si="465"/>
        <v/>
      </c>
      <c r="BZ778" s="161" t="str">
        <f t="shared" si="466"/>
        <v/>
      </c>
      <c r="CA778" s="161" t="str">
        <f t="shared" si="467"/>
        <v/>
      </c>
      <c r="CB778" s="161" t="str">
        <f t="shared" si="468"/>
        <v/>
      </c>
      <c r="CC778" s="161" t="str">
        <f t="shared" si="469"/>
        <v/>
      </c>
      <c r="CD778" s="162"/>
      <c r="CE778" s="162"/>
      <c r="CF778" s="162"/>
    </row>
    <row r="779" spans="1:84" s="178" customFormat="1" ht="56.1" hidden="1" customHeight="1" x14ac:dyDescent="0.2">
      <c r="A779" s="154">
        <v>779</v>
      </c>
      <c r="B779" s="155" t="s">
        <v>53</v>
      </c>
      <c r="C779" s="165" t="s">
        <v>655</v>
      </c>
      <c r="D779" s="172" t="s">
        <v>932</v>
      </c>
      <c r="E779" s="173" t="s">
        <v>1053</v>
      </c>
      <c r="F779" s="173" t="s">
        <v>1054</v>
      </c>
      <c r="G779" s="163" t="s">
        <v>58</v>
      </c>
      <c r="H779" s="173" t="s">
        <v>25</v>
      </c>
      <c r="I779" s="172" t="s">
        <v>81</v>
      </c>
      <c r="J779" s="163" t="s">
        <v>77</v>
      </c>
      <c r="K779" s="172" t="s">
        <v>834</v>
      </c>
      <c r="L779" s="158" t="s">
        <v>63</v>
      </c>
      <c r="M779" s="158" t="s">
        <v>63</v>
      </c>
      <c r="N779" s="180">
        <v>47279.375</v>
      </c>
      <c r="O779" s="175">
        <f t="shared" si="437"/>
        <v>47279.375</v>
      </c>
      <c r="P779" s="176" t="s">
        <v>839</v>
      </c>
      <c r="Q779" s="158" t="s">
        <v>65</v>
      </c>
      <c r="R779" s="162"/>
      <c r="S779" s="162"/>
      <c r="T779" s="162"/>
      <c r="U779" s="162"/>
      <c r="V779" s="161"/>
      <c r="W779" s="162"/>
      <c r="X779" s="162"/>
      <c r="Y779" s="162"/>
      <c r="Z779" s="162"/>
      <c r="AA779" s="162"/>
      <c r="AB779" s="161"/>
      <c r="AC779" s="162"/>
      <c r="AD779" s="162"/>
      <c r="AE779" s="162"/>
      <c r="AF779" s="162"/>
      <c r="AG779" s="162"/>
      <c r="AH779" s="162"/>
      <c r="AI779" s="162"/>
      <c r="AJ779" s="162"/>
      <c r="AK779" s="162"/>
      <c r="AL779" s="162"/>
      <c r="AM779" s="162"/>
      <c r="AN779" s="162"/>
      <c r="AO779" s="162"/>
      <c r="AP779" s="162"/>
      <c r="AQ779" s="162"/>
      <c r="AR779" s="162"/>
      <c r="AS779" s="162"/>
      <c r="AT779" s="162"/>
      <c r="AU779" s="162"/>
      <c r="AV779" s="162"/>
      <c r="AW779" s="160">
        <f t="shared" si="438"/>
        <v>0</v>
      </c>
      <c r="AX779" s="158"/>
      <c r="AY779" s="161" t="str">
        <f t="shared" si="439"/>
        <v/>
      </c>
      <c r="AZ779" s="161" t="str">
        <f t="shared" si="440"/>
        <v/>
      </c>
      <c r="BA779" s="161" t="str">
        <f t="shared" si="441"/>
        <v/>
      </c>
      <c r="BB779" s="161" t="str">
        <f t="shared" si="442"/>
        <v/>
      </c>
      <c r="BC779" s="161" t="str">
        <f t="shared" si="443"/>
        <v/>
      </c>
      <c r="BD779" s="161" t="str">
        <f t="shared" si="444"/>
        <v/>
      </c>
      <c r="BE779" s="161" t="str">
        <f t="shared" si="445"/>
        <v/>
      </c>
      <c r="BF779" s="161" t="str">
        <f t="shared" si="446"/>
        <v/>
      </c>
      <c r="BG779" s="161" t="str">
        <f t="shared" si="447"/>
        <v/>
      </c>
      <c r="BH779" s="161" t="str">
        <f t="shared" si="448"/>
        <v/>
      </c>
      <c r="BI779" s="161" t="str">
        <f t="shared" si="449"/>
        <v/>
      </c>
      <c r="BJ779" s="161" t="str">
        <f t="shared" si="450"/>
        <v/>
      </c>
      <c r="BK779" s="161" t="str">
        <f t="shared" si="451"/>
        <v/>
      </c>
      <c r="BL779" s="161" t="str">
        <f t="shared" si="452"/>
        <v/>
      </c>
      <c r="BM779" s="161" t="str">
        <f t="shared" si="453"/>
        <v/>
      </c>
      <c r="BN779" s="161" t="str">
        <f t="shared" si="454"/>
        <v/>
      </c>
      <c r="BO779" s="161" t="str">
        <f t="shared" si="455"/>
        <v/>
      </c>
      <c r="BP779" s="161" t="str">
        <f t="shared" si="456"/>
        <v/>
      </c>
      <c r="BQ779" s="161" t="str">
        <f t="shared" si="457"/>
        <v/>
      </c>
      <c r="BR779" s="161" t="str">
        <f t="shared" si="458"/>
        <v/>
      </c>
      <c r="BS779" s="161" t="str">
        <f t="shared" si="459"/>
        <v/>
      </c>
      <c r="BT779" s="161" t="str">
        <f t="shared" si="460"/>
        <v/>
      </c>
      <c r="BU779" s="161" t="str">
        <f t="shared" si="461"/>
        <v/>
      </c>
      <c r="BV779" s="161" t="str">
        <f t="shared" si="462"/>
        <v/>
      </c>
      <c r="BW779" s="161" t="str">
        <f t="shared" si="463"/>
        <v/>
      </c>
      <c r="BX779" s="161" t="str">
        <f t="shared" si="464"/>
        <v/>
      </c>
      <c r="BY779" s="161" t="str">
        <f t="shared" si="465"/>
        <v/>
      </c>
      <c r="BZ779" s="161" t="str">
        <f t="shared" si="466"/>
        <v/>
      </c>
      <c r="CA779" s="161" t="str">
        <f t="shared" si="467"/>
        <v/>
      </c>
      <c r="CB779" s="161" t="str">
        <f t="shared" si="468"/>
        <v/>
      </c>
      <c r="CC779" s="161" t="str">
        <f t="shared" si="469"/>
        <v/>
      </c>
      <c r="CD779" s="162"/>
      <c r="CE779" s="162"/>
      <c r="CF779" s="162"/>
    </row>
    <row r="780" spans="1:84" s="178" customFormat="1" ht="56.1" hidden="1" customHeight="1" x14ac:dyDescent="0.2">
      <c r="A780" s="154">
        <v>780</v>
      </c>
      <c r="B780" s="155" t="s">
        <v>53</v>
      </c>
      <c r="C780" s="165" t="s">
        <v>655</v>
      </c>
      <c r="D780" s="172" t="s">
        <v>932</v>
      </c>
      <c r="E780" s="173" t="s">
        <v>1055</v>
      </c>
      <c r="F780" s="173" t="s">
        <v>1056</v>
      </c>
      <c r="G780" s="163" t="s">
        <v>58</v>
      </c>
      <c r="H780" s="173" t="s">
        <v>25</v>
      </c>
      <c r="I780" s="173" t="s">
        <v>81</v>
      </c>
      <c r="J780" s="163" t="s">
        <v>77</v>
      </c>
      <c r="K780" s="172" t="s">
        <v>834</v>
      </c>
      <c r="L780" s="158" t="s">
        <v>63</v>
      </c>
      <c r="M780" s="158" t="s">
        <v>63</v>
      </c>
      <c r="N780" s="180">
        <v>986700</v>
      </c>
      <c r="O780" s="175">
        <f t="shared" si="437"/>
        <v>986700</v>
      </c>
      <c r="P780" s="176" t="s">
        <v>839</v>
      </c>
      <c r="Q780" s="158" t="s">
        <v>65</v>
      </c>
      <c r="R780" s="162"/>
      <c r="S780" s="162"/>
      <c r="T780" s="162"/>
      <c r="U780" s="162"/>
      <c r="V780" s="161"/>
      <c r="W780" s="162"/>
      <c r="X780" s="162"/>
      <c r="Y780" s="162"/>
      <c r="Z780" s="162"/>
      <c r="AA780" s="162"/>
      <c r="AB780" s="161"/>
      <c r="AC780" s="162"/>
      <c r="AD780" s="162"/>
      <c r="AE780" s="162"/>
      <c r="AF780" s="162"/>
      <c r="AG780" s="162"/>
      <c r="AH780" s="162"/>
      <c r="AI780" s="162"/>
      <c r="AJ780" s="162"/>
      <c r="AK780" s="162"/>
      <c r="AL780" s="162"/>
      <c r="AM780" s="162"/>
      <c r="AN780" s="162"/>
      <c r="AO780" s="162"/>
      <c r="AP780" s="162"/>
      <c r="AQ780" s="162"/>
      <c r="AR780" s="162"/>
      <c r="AS780" s="162"/>
      <c r="AT780" s="162"/>
      <c r="AU780" s="162"/>
      <c r="AV780" s="162"/>
      <c r="AW780" s="160">
        <f t="shared" si="438"/>
        <v>0</v>
      </c>
      <c r="AX780" s="158"/>
      <c r="AY780" s="161" t="str">
        <f t="shared" si="439"/>
        <v/>
      </c>
      <c r="AZ780" s="161" t="str">
        <f t="shared" si="440"/>
        <v/>
      </c>
      <c r="BA780" s="161" t="str">
        <f t="shared" si="441"/>
        <v/>
      </c>
      <c r="BB780" s="161" t="str">
        <f t="shared" si="442"/>
        <v/>
      </c>
      <c r="BC780" s="161" t="str">
        <f t="shared" si="443"/>
        <v/>
      </c>
      <c r="BD780" s="161" t="str">
        <f t="shared" si="444"/>
        <v/>
      </c>
      <c r="BE780" s="161" t="str">
        <f t="shared" si="445"/>
        <v/>
      </c>
      <c r="BF780" s="161" t="str">
        <f t="shared" si="446"/>
        <v/>
      </c>
      <c r="BG780" s="161" t="str">
        <f t="shared" si="447"/>
        <v/>
      </c>
      <c r="BH780" s="161" t="str">
        <f t="shared" si="448"/>
        <v/>
      </c>
      <c r="BI780" s="161" t="str">
        <f t="shared" si="449"/>
        <v/>
      </c>
      <c r="BJ780" s="161" t="str">
        <f t="shared" si="450"/>
        <v/>
      </c>
      <c r="BK780" s="161" t="str">
        <f t="shared" si="451"/>
        <v/>
      </c>
      <c r="BL780" s="161" t="str">
        <f t="shared" si="452"/>
        <v/>
      </c>
      <c r="BM780" s="161" t="str">
        <f t="shared" si="453"/>
        <v/>
      </c>
      <c r="BN780" s="161" t="str">
        <f t="shared" si="454"/>
        <v/>
      </c>
      <c r="BO780" s="161" t="str">
        <f t="shared" si="455"/>
        <v/>
      </c>
      <c r="BP780" s="161" t="str">
        <f t="shared" si="456"/>
        <v/>
      </c>
      <c r="BQ780" s="161" t="str">
        <f t="shared" si="457"/>
        <v/>
      </c>
      <c r="BR780" s="161" t="str">
        <f t="shared" si="458"/>
        <v/>
      </c>
      <c r="BS780" s="161" t="str">
        <f t="shared" si="459"/>
        <v/>
      </c>
      <c r="BT780" s="161" t="str">
        <f t="shared" si="460"/>
        <v/>
      </c>
      <c r="BU780" s="161" t="str">
        <f t="shared" si="461"/>
        <v/>
      </c>
      <c r="BV780" s="161" t="str">
        <f t="shared" si="462"/>
        <v/>
      </c>
      <c r="BW780" s="161" t="str">
        <f t="shared" si="463"/>
        <v/>
      </c>
      <c r="BX780" s="161" t="str">
        <f t="shared" si="464"/>
        <v/>
      </c>
      <c r="BY780" s="161" t="str">
        <f t="shared" si="465"/>
        <v/>
      </c>
      <c r="BZ780" s="161" t="str">
        <f t="shared" si="466"/>
        <v/>
      </c>
      <c r="CA780" s="161" t="str">
        <f t="shared" si="467"/>
        <v/>
      </c>
      <c r="CB780" s="161" t="str">
        <f t="shared" si="468"/>
        <v/>
      </c>
      <c r="CC780" s="161" t="str">
        <f t="shared" si="469"/>
        <v/>
      </c>
      <c r="CD780" s="162"/>
      <c r="CE780" s="162"/>
      <c r="CF780" s="162"/>
    </row>
    <row r="781" spans="1:84" s="178" customFormat="1" ht="56.1" hidden="1" customHeight="1" x14ac:dyDescent="0.2">
      <c r="A781" s="154">
        <v>781</v>
      </c>
      <c r="B781" s="155" t="s">
        <v>53</v>
      </c>
      <c r="C781" s="165" t="s">
        <v>655</v>
      </c>
      <c r="D781" s="172" t="s">
        <v>932</v>
      </c>
      <c r="E781" s="173" t="s">
        <v>1057</v>
      </c>
      <c r="F781" s="173" t="s">
        <v>1058</v>
      </c>
      <c r="G781" s="163" t="s">
        <v>58</v>
      </c>
      <c r="H781" s="173" t="s">
        <v>25</v>
      </c>
      <c r="I781" s="172" t="s">
        <v>81</v>
      </c>
      <c r="J781" s="163" t="s">
        <v>77</v>
      </c>
      <c r="K781" s="172" t="s">
        <v>834</v>
      </c>
      <c r="L781" s="158" t="s">
        <v>63</v>
      </c>
      <c r="M781" s="158" t="s">
        <v>63</v>
      </c>
      <c r="N781" s="180">
        <v>13567.125</v>
      </c>
      <c r="O781" s="175">
        <f t="shared" si="437"/>
        <v>13567.125</v>
      </c>
      <c r="P781" s="176" t="s">
        <v>839</v>
      </c>
      <c r="Q781" s="158" t="s">
        <v>65</v>
      </c>
      <c r="R781" s="162"/>
      <c r="S781" s="162"/>
      <c r="T781" s="162"/>
      <c r="U781" s="162"/>
      <c r="V781" s="161"/>
      <c r="W781" s="162"/>
      <c r="X781" s="162"/>
      <c r="Y781" s="162"/>
      <c r="Z781" s="162"/>
      <c r="AA781" s="162"/>
      <c r="AB781" s="161"/>
      <c r="AC781" s="162"/>
      <c r="AD781" s="162"/>
      <c r="AE781" s="162"/>
      <c r="AF781" s="162"/>
      <c r="AG781" s="162"/>
      <c r="AH781" s="162"/>
      <c r="AI781" s="162"/>
      <c r="AJ781" s="162"/>
      <c r="AK781" s="162"/>
      <c r="AL781" s="162"/>
      <c r="AM781" s="162"/>
      <c r="AN781" s="162"/>
      <c r="AO781" s="162"/>
      <c r="AP781" s="162"/>
      <c r="AQ781" s="162"/>
      <c r="AR781" s="162"/>
      <c r="AS781" s="162"/>
      <c r="AT781" s="162"/>
      <c r="AU781" s="162"/>
      <c r="AV781" s="162"/>
      <c r="AW781" s="160">
        <f t="shared" si="438"/>
        <v>0</v>
      </c>
      <c r="AX781" s="158"/>
      <c r="AY781" s="161" t="str">
        <f t="shared" si="439"/>
        <v/>
      </c>
      <c r="AZ781" s="161" t="str">
        <f t="shared" si="440"/>
        <v/>
      </c>
      <c r="BA781" s="161" t="str">
        <f t="shared" si="441"/>
        <v/>
      </c>
      <c r="BB781" s="161" t="str">
        <f t="shared" si="442"/>
        <v/>
      </c>
      <c r="BC781" s="161" t="str">
        <f t="shared" si="443"/>
        <v/>
      </c>
      <c r="BD781" s="161" t="str">
        <f t="shared" si="444"/>
        <v/>
      </c>
      <c r="BE781" s="161" t="str">
        <f t="shared" si="445"/>
        <v/>
      </c>
      <c r="BF781" s="161" t="str">
        <f t="shared" si="446"/>
        <v/>
      </c>
      <c r="BG781" s="161" t="str">
        <f t="shared" si="447"/>
        <v/>
      </c>
      <c r="BH781" s="161" t="str">
        <f t="shared" si="448"/>
        <v/>
      </c>
      <c r="BI781" s="161" t="str">
        <f t="shared" si="449"/>
        <v/>
      </c>
      <c r="BJ781" s="161" t="str">
        <f t="shared" si="450"/>
        <v/>
      </c>
      <c r="BK781" s="161" t="str">
        <f t="shared" si="451"/>
        <v/>
      </c>
      <c r="BL781" s="161" t="str">
        <f t="shared" si="452"/>
        <v/>
      </c>
      <c r="BM781" s="161" t="str">
        <f t="shared" si="453"/>
        <v/>
      </c>
      <c r="BN781" s="161" t="str">
        <f t="shared" si="454"/>
        <v/>
      </c>
      <c r="BO781" s="161" t="str">
        <f t="shared" si="455"/>
        <v/>
      </c>
      <c r="BP781" s="161" t="str">
        <f t="shared" si="456"/>
        <v/>
      </c>
      <c r="BQ781" s="161" t="str">
        <f t="shared" si="457"/>
        <v/>
      </c>
      <c r="BR781" s="161" t="str">
        <f t="shared" si="458"/>
        <v/>
      </c>
      <c r="BS781" s="161" t="str">
        <f t="shared" si="459"/>
        <v/>
      </c>
      <c r="BT781" s="161" t="str">
        <f t="shared" si="460"/>
        <v/>
      </c>
      <c r="BU781" s="161" t="str">
        <f t="shared" si="461"/>
        <v/>
      </c>
      <c r="BV781" s="161" t="str">
        <f t="shared" si="462"/>
        <v/>
      </c>
      <c r="BW781" s="161" t="str">
        <f t="shared" si="463"/>
        <v/>
      </c>
      <c r="BX781" s="161" t="str">
        <f t="shared" si="464"/>
        <v/>
      </c>
      <c r="BY781" s="161" t="str">
        <f t="shared" si="465"/>
        <v/>
      </c>
      <c r="BZ781" s="161" t="str">
        <f t="shared" si="466"/>
        <v/>
      </c>
      <c r="CA781" s="161" t="str">
        <f t="shared" si="467"/>
        <v/>
      </c>
      <c r="CB781" s="161" t="str">
        <f t="shared" si="468"/>
        <v/>
      </c>
      <c r="CC781" s="161" t="str">
        <f t="shared" si="469"/>
        <v/>
      </c>
      <c r="CD781" s="162"/>
      <c r="CE781" s="162"/>
      <c r="CF781" s="162"/>
    </row>
    <row r="782" spans="1:84" s="248" customFormat="1" ht="56.1" hidden="1" customHeight="1" x14ac:dyDescent="0.2">
      <c r="A782" s="198">
        <v>782</v>
      </c>
      <c r="B782" s="199" t="s">
        <v>53</v>
      </c>
      <c r="C782" s="208" t="s">
        <v>655</v>
      </c>
      <c r="D782" s="243" t="s">
        <v>932</v>
      </c>
      <c r="E782" s="288" t="s">
        <v>1059</v>
      </c>
      <c r="F782" s="288" t="s">
        <v>1060</v>
      </c>
      <c r="G782" s="206" t="s">
        <v>58</v>
      </c>
      <c r="H782" s="288" t="s">
        <v>833</v>
      </c>
      <c r="I782" s="288" t="s">
        <v>81</v>
      </c>
      <c r="J782" s="206" t="s">
        <v>77</v>
      </c>
      <c r="K782" s="242" t="s">
        <v>722</v>
      </c>
      <c r="L782" s="205" t="s">
        <v>63</v>
      </c>
      <c r="M782" s="205" t="s">
        <v>63</v>
      </c>
      <c r="N782" s="290">
        <v>26695.563180000005</v>
      </c>
      <c r="O782" s="245">
        <f t="shared" si="437"/>
        <v>26695.563180000005</v>
      </c>
      <c r="P782" s="285" t="s">
        <v>659</v>
      </c>
      <c r="Q782" s="205" t="s">
        <v>65</v>
      </c>
      <c r="R782" s="263"/>
      <c r="S782" s="263"/>
      <c r="T782" s="263"/>
      <c r="U782" s="263"/>
      <c r="V782" s="203"/>
      <c r="W782" s="263"/>
      <c r="X782" s="263"/>
      <c r="Y782" s="263"/>
      <c r="Z782" s="263"/>
      <c r="AA782" s="263"/>
      <c r="AB782" s="203"/>
      <c r="AC782" s="263"/>
      <c r="AD782" s="263"/>
      <c r="AE782" s="263"/>
      <c r="AF782" s="263"/>
      <c r="AG782" s="263"/>
      <c r="AH782" s="263"/>
      <c r="AI782" s="263"/>
      <c r="AJ782" s="263"/>
      <c r="AK782" s="263"/>
      <c r="AL782" s="263"/>
      <c r="AM782" s="263"/>
      <c r="AN782" s="263"/>
      <c r="AO782" s="263"/>
      <c r="AP782" s="263"/>
      <c r="AQ782" s="263"/>
      <c r="AR782" s="263"/>
      <c r="AS782" s="263"/>
      <c r="AT782" s="263"/>
      <c r="AU782" s="263"/>
      <c r="AV782" s="263"/>
      <c r="AW782" s="204">
        <f t="shared" si="438"/>
        <v>0</v>
      </c>
      <c r="AX782" s="205"/>
      <c r="AY782" s="203" t="str">
        <f t="shared" si="439"/>
        <v/>
      </c>
      <c r="AZ782" s="203" t="str">
        <f t="shared" si="440"/>
        <v/>
      </c>
      <c r="BA782" s="203" t="str">
        <f t="shared" si="441"/>
        <v/>
      </c>
      <c r="BB782" s="203" t="str">
        <f t="shared" si="442"/>
        <v/>
      </c>
      <c r="BC782" s="203" t="str">
        <f t="shared" si="443"/>
        <v/>
      </c>
      <c r="BD782" s="203" t="str">
        <f t="shared" si="444"/>
        <v/>
      </c>
      <c r="BE782" s="203" t="str">
        <f t="shared" si="445"/>
        <v/>
      </c>
      <c r="BF782" s="203" t="str">
        <f t="shared" si="446"/>
        <v/>
      </c>
      <c r="BG782" s="203" t="str">
        <f t="shared" si="447"/>
        <v/>
      </c>
      <c r="BH782" s="203" t="str">
        <f t="shared" si="448"/>
        <v/>
      </c>
      <c r="BI782" s="203" t="str">
        <f t="shared" si="449"/>
        <v/>
      </c>
      <c r="BJ782" s="203" t="str">
        <f t="shared" si="450"/>
        <v/>
      </c>
      <c r="BK782" s="203" t="str">
        <f t="shared" si="451"/>
        <v/>
      </c>
      <c r="BL782" s="203" t="str">
        <f t="shared" si="452"/>
        <v/>
      </c>
      <c r="BM782" s="203" t="str">
        <f t="shared" si="453"/>
        <v/>
      </c>
      <c r="BN782" s="203" t="str">
        <f t="shared" si="454"/>
        <v/>
      </c>
      <c r="BO782" s="203" t="str">
        <f t="shared" si="455"/>
        <v/>
      </c>
      <c r="BP782" s="203" t="str">
        <f t="shared" si="456"/>
        <v/>
      </c>
      <c r="BQ782" s="203" t="str">
        <f t="shared" si="457"/>
        <v/>
      </c>
      <c r="BR782" s="203" t="str">
        <f t="shared" si="458"/>
        <v/>
      </c>
      <c r="BS782" s="203" t="str">
        <f t="shared" si="459"/>
        <v/>
      </c>
      <c r="BT782" s="203" t="str">
        <f t="shared" si="460"/>
        <v/>
      </c>
      <c r="BU782" s="203" t="str">
        <f t="shared" si="461"/>
        <v/>
      </c>
      <c r="BV782" s="203" t="str">
        <f t="shared" si="462"/>
        <v/>
      </c>
      <c r="BW782" s="203" t="str">
        <f t="shared" si="463"/>
        <v/>
      </c>
      <c r="BX782" s="203" t="str">
        <f t="shared" si="464"/>
        <v/>
      </c>
      <c r="BY782" s="203" t="str">
        <f t="shared" si="465"/>
        <v/>
      </c>
      <c r="BZ782" s="203" t="str">
        <f t="shared" si="466"/>
        <v/>
      </c>
      <c r="CA782" s="203" t="str">
        <f t="shared" si="467"/>
        <v/>
      </c>
      <c r="CB782" s="203" t="str">
        <f t="shared" si="468"/>
        <v/>
      </c>
      <c r="CC782" s="203" t="str">
        <f t="shared" si="469"/>
        <v/>
      </c>
      <c r="CD782" s="263"/>
      <c r="CE782" s="263"/>
      <c r="CF782" s="263"/>
    </row>
    <row r="783" spans="1:84" s="248" customFormat="1" ht="56.1" hidden="1" customHeight="1" x14ac:dyDescent="0.2">
      <c r="A783" s="198">
        <v>783</v>
      </c>
      <c r="B783" s="199" t="s">
        <v>53</v>
      </c>
      <c r="C783" s="208" t="s">
        <v>655</v>
      </c>
      <c r="D783" s="243" t="s">
        <v>932</v>
      </c>
      <c r="E783" s="288" t="s">
        <v>1061</v>
      </c>
      <c r="F783" s="288" t="s">
        <v>1062</v>
      </c>
      <c r="G783" s="206" t="s">
        <v>58</v>
      </c>
      <c r="H783" s="288" t="s">
        <v>833</v>
      </c>
      <c r="I783" s="243" t="s">
        <v>81</v>
      </c>
      <c r="J783" s="206" t="s">
        <v>77</v>
      </c>
      <c r="K783" s="242" t="s">
        <v>722</v>
      </c>
      <c r="L783" s="205" t="s">
        <v>63</v>
      </c>
      <c r="M783" s="205" t="s">
        <v>63</v>
      </c>
      <c r="N783" s="290">
        <v>248155.05</v>
      </c>
      <c r="O783" s="245">
        <f t="shared" si="437"/>
        <v>248155.05</v>
      </c>
      <c r="P783" s="285" t="s">
        <v>659</v>
      </c>
      <c r="Q783" s="205" t="s">
        <v>65</v>
      </c>
      <c r="R783" s="263"/>
      <c r="S783" s="263"/>
      <c r="T783" s="263"/>
      <c r="U783" s="263"/>
      <c r="V783" s="203"/>
      <c r="W783" s="263"/>
      <c r="X783" s="263"/>
      <c r="Y783" s="263"/>
      <c r="Z783" s="263"/>
      <c r="AA783" s="263"/>
      <c r="AB783" s="203"/>
      <c r="AC783" s="263"/>
      <c r="AD783" s="263"/>
      <c r="AE783" s="263"/>
      <c r="AF783" s="263"/>
      <c r="AG783" s="263"/>
      <c r="AH783" s="263"/>
      <c r="AI783" s="263"/>
      <c r="AJ783" s="263"/>
      <c r="AK783" s="263"/>
      <c r="AL783" s="263"/>
      <c r="AM783" s="263"/>
      <c r="AN783" s="263"/>
      <c r="AO783" s="263"/>
      <c r="AP783" s="263"/>
      <c r="AQ783" s="263"/>
      <c r="AR783" s="263"/>
      <c r="AS783" s="263"/>
      <c r="AT783" s="263"/>
      <c r="AU783" s="263"/>
      <c r="AV783" s="263"/>
      <c r="AW783" s="204">
        <f t="shared" si="438"/>
        <v>0</v>
      </c>
      <c r="AX783" s="205"/>
      <c r="AY783" s="203" t="str">
        <f t="shared" si="439"/>
        <v/>
      </c>
      <c r="AZ783" s="203" t="str">
        <f t="shared" si="440"/>
        <v/>
      </c>
      <c r="BA783" s="203" t="str">
        <f t="shared" si="441"/>
        <v/>
      </c>
      <c r="BB783" s="203" t="str">
        <f t="shared" si="442"/>
        <v/>
      </c>
      <c r="BC783" s="203" t="str">
        <f t="shared" si="443"/>
        <v/>
      </c>
      <c r="BD783" s="203" t="str">
        <f t="shared" si="444"/>
        <v/>
      </c>
      <c r="BE783" s="203" t="str">
        <f t="shared" si="445"/>
        <v/>
      </c>
      <c r="BF783" s="203" t="str">
        <f t="shared" si="446"/>
        <v/>
      </c>
      <c r="BG783" s="203" t="str">
        <f t="shared" si="447"/>
        <v/>
      </c>
      <c r="BH783" s="203" t="str">
        <f t="shared" si="448"/>
        <v/>
      </c>
      <c r="BI783" s="203" t="str">
        <f t="shared" si="449"/>
        <v/>
      </c>
      <c r="BJ783" s="203" t="str">
        <f t="shared" si="450"/>
        <v/>
      </c>
      <c r="BK783" s="203" t="str">
        <f t="shared" si="451"/>
        <v/>
      </c>
      <c r="BL783" s="203" t="str">
        <f t="shared" si="452"/>
        <v/>
      </c>
      <c r="BM783" s="203" t="str">
        <f t="shared" si="453"/>
        <v/>
      </c>
      <c r="BN783" s="203" t="str">
        <f t="shared" si="454"/>
        <v/>
      </c>
      <c r="BO783" s="203" t="str">
        <f t="shared" si="455"/>
        <v/>
      </c>
      <c r="BP783" s="203" t="str">
        <f t="shared" si="456"/>
        <v/>
      </c>
      <c r="BQ783" s="203" t="str">
        <f t="shared" si="457"/>
        <v/>
      </c>
      <c r="BR783" s="203" t="str">
        <f t="shared" si="458"/>
        <v/>
      </c>
      <c r="BS783" s="203" t="str">
        <f t="shared" si="459"/>
        <v/>
      </c>
      <c r="BT783" s="203" t="str">
        <f t="shared" si="460"/>
        <v/>
      </c>
      <c r="BU783" s="203" t="str">
        <f t="shared" si="461"/>
        <v/>
      </c>
      <c r="BV783" s="203" t="str">
        <f t="shared" si="462"/>
        <v/>
      </c>
      <c r="BW783" s="203" t="str">
        <f t="shared" si="463"/>
        <v/>
      </c>
      <c r="BX783" s="203" t="str">
        <f t="shared" si="464"/>
        <v/>
      </c>
      <c r="BY783" s="203" t="str">
        <f t="shared" si="465"/>
        <v/>
      </c>
      <c r="BZ783" s="203" t="str">
        <f t="shared" si="466"/>
        <v/>
      </c>
      <c r="CA783" s="203" t="str">
        <f t="shared" si="467"/>
        <v/>
      </c>
      <c r="CB783" s="203" t="str">
        <f t="shared" si="468"/>
        <v/>
      </c>
      <c r="CC783" s="203" t="str">
        <f t="shared" si="469"/>
        <v/>
      </c>
      <c r="CD783" s="263"/>
      <c r="CE783" s="263"/>
      <c r="CF783" s="263"/>
    </row>
    <row r="784" spans="1:84" s="248" customFormat="1" ht="56.1" hidden="1" customHeight="1" x14ac:dyDescent="0.2">
      <c r="A784" s="198">
        <v>784</v>
      </c>
      <c r="B784" s="199" t="s">
        <v>53</v>
      </c>
      <c r="C784" s="208" t="s">
        <v>655</v>
      </c>
      <c r="D784" s="243" t="s">
        <v>932</v>
      </c>
      <c r="E784" s="288" t="s">
        <v>1063</v>
      </c>
      <c r="F784" s="288" t="s">
        <v>1064</v>
      </c>
      <c r="G784" s="206" t="s">
        <v>58</v>
      </c>
      <c r="H784" s="288" t="s">
        <v>833</v>
      </c>
      <c r="I784" s="288" t="s">
        <v>81</v>
      </c>
      <c r="J784" s="206" t="s">
        <v>77</v>
      </c>
      <c r="K784" s="242" t="s">
        <v>722</v>
      </c>
      <c r="L784" s="205" t="s">
        <v>63</v>
      </c>
      <c r="M784" s="205" t="s">
        <v>63</v>
      </c>
      <c r="N784" s="290">
        <v>70956.162420000008</v>
      </c>
      <c r="O784" s="245">
        <f t="shared" si="437"/>
        <v>70956.162420000008</v>
      </c>
      <c r="P784" s="285" t="s">
        <v>659</v>
      </c>
      <c r="Q784" s="205" t="s">
        <v>65</v>
      </c>
      <c r="R784" s="263"/>
      <c r="S784" s="263"/>
      <c r="T784" s="263"/>
      <c r="U784" s="263"/>
      <c r="V784" s="203"/>
      <c r="W784" s="263"/>
      <c r="X784" s="263"/>
      <c r="Y784" s="263"/>
      <c r="Z784" s="263"/>
      <c r="AA784" s="263"/>
      <c r="AB784" s="203"/>
      <c r="AC784" s="263"/>
      <c r="AD784" s="263"/>
      <c r="AE784" s="263"/>
      <c r="AF784" s="263"/>
      <c r="AG784" s="263"/>
      <c r="AH784" s="263"/>
      <c r="AI784" s="263"/>
      <c r="AJ784" s="263"/>
      <c r="AK784" s="263"/>
      <c r="AL784" s="263"/>
      <c r="AM784" s="263"/>
      <c r="AN784" s="263"/>
      <c r="AO784" s="263"/>
      <c r="AP784" s="263"/>
      <c r="AQ784" s="263"/>
      <c r="AR784" s="263"/>
      <c r="AS784" s="263"/>
      <c r="AT784" s="263"/>
      <c r="AU784" s="263"/>
      <c r="AV784" s="263"/>
      <c r="AW784" s="204">
        <f t="shared" si="438"/>
        <v>0</v>
      </c>
      <c r="AX784" s="205"/>
      <c r="AY784" s="203" t="str">
        <f t="shared" si="439"/>
        <v/>
      </c>
      <c r="AZ784" s="203" t="str">
        <f t="shared" si="440"/>
        <v/>
      </c>
      <c r="BA784" s="203" t="str">
        <f t="shared" si="441"/>
        <v/>
      </c>
      <c r="BB784" s="203" t="str">
        <f t="shared" si="442"/>
        <v/>
      </c>
      <c r="BC784" s="203" t="str">
        <f t="shared" si="443"/>
        <v/>
      </c>
      <c r="BD784" s="203" t="str">
        <f t="shared" si="444"/>
        <v/>
      </c>
      <c r="BE784" s="203" t="str">
        <f t="shared" si="445"/>
        <v/>
      </c>
      <c r="BF784" s="203" t="str">
        <f t="shared" si="446"/>
        <v/>
      </c>
      <c r="BG784" s="203" t="str">
        <f t="shared" si="447"/>
        <v/>
      </c>
      <c r="BH784" s="203" t="str">
        <f t="shared" si="448"/>
        <v/>
      </c>
      <c r="BI784" s="203" t="str">
        <f t="shared" si="449"/>
        <v/>
      </c>
      <c r="BJ784" s="203" t="str">
        <f t="shared" si="450"/>
        <v/>
      </c>
      <c r="BK784" s="203" t="str">
        <f t="shared" si="451"/>
        <v/>
      </c>
      <c r="BL784" s="203" t="str">
        <f t="shared" si="452"/>
        <v/>
      </c>
      <c r="BM784" s="203" t="str">
        <f t="shared" si="453"/>
        <v/>
      </c>
      <c r="BN784" s="203" t="str">
        <f t="shared" si="454"/>
        <v/>
      </c>
      <c r="BO784" s="203" t="str">
        <f t="shared" si="455"/>
        <v/>
      </c>
      <c r="BP784" s="203" t="str">
        <f t="shared" si="456"/>
        <v/>
      </c>
      <c r="BQ784" s="203" t="str">
        <f t="shared" si="457"/>
        <v/>
      </c>
      <c r="BR784" s="203" t="str">
        <f t="shared" si="458"/>
        <v/>
      </c>
      <c r="BS784" s="203" t="str">
        <f t="shared" si="459"/>
        <v/>
      </c>
      <c r="BT784" s="203" t="str">
        <f t="shared" si="460"/>
        <v/>
      </c>
      <c r="BU784" s="203" t="str">
        <f t="shared" si="461"/>
        <v/>
      </c>
      <c r="BV784" s="203" t="str">
        <f t="shared" si="462"/>
        <v/>
      </c>
      <c r="BW784" s="203" t="str">
        <f t="shared" si="463"/>
        <v/>
      </c>
      <c r="BX784" s="203" t="str">
        <f t="shared" si="464"/>
        <v/>
      </c>
      <c r="BY784" s="203" t="str">
        <f t="shared" si="465"/>
        <v/>
      </c>
      <c r="BZ784" s="203" t="str">
        <f t="shared" si="466"/>
        <v/>
      </c>
      <c r="CA784" s="203" t="str">
        <f t="shared" si="467"/>
        <v/>
      </c>
      <c r="CB784" s="203" t="str">
        <f t="shared" si="468"/>
        <v/>
      </c>
      <c r="CC784" s="203" t="str">
        <f t="shared" si="469"/>
        <v/>
      </c>
      <c r="CD784" s="263"/>
      <c r="CE784" s="263"/>
      <c r="CF784" s="263"/>
    </row>
    <row r="785" spans="1:84" s="248" customFormat="1" ht="56.1" hidden="1" customHeight="1" x14ac:dyDescent="0.2">
      <c r="A785" s="198">
        <v>785</v>
      </c>
      <c r="B785" s="199" t="s">
        <v>53</v>
      </c>
      <c r="C785" s="208" t="s">
        <v>655</v>
      </c>
      <c r="D785" s="243" t="s">
        <v>932</v>
      </c>
      <c r="E785" s="288" t="s">
        <v>1065</v>
      </c>
      <c r="F785" s="288" t="s">
        <v>1066</v>
      </c>
      <c r="G785" s="206" t="s">
        <v>58</v>
      </c>
      <c r="H785" s="288" t="s">
        <v>833</v>
      </c>
      <c r="I785" s="243" t="s">
        <v>81</v>
      </c>
      <c r="J785" s="206" t="s">
        <v>77</v>
      </c>
      <c r="K785" s="242" t="s">
        <v>722</v>
      </c>
      <c r="L785" s="205" t="s">
        <v>63</v>
      </c>
      <c r="M785" s="205" t="s">
        <v>63</v>
      </c>
      <c r="N785" s="290">
        <v>47279.375</v>
      </c>
      <c r="O785" s="245">
        <f t="shared" si="437"/>
        <v>47279.375</v>
      </c>
      <c r="P785" s="285" t="s">
        <v>659</v>
      </c>
      <c r="Q785" s="205" t="s">
        <v>65</v>
      </c>
      <c r="R785" s="263"/>
      <c r="S785" s="263"/>
      <c r="T785" s="263"/>
      <c r="U785" s="263"/>
      <c r="V785" s="203"/>
      <c r="W785" s="263"/>
      <c r="X785" s="263"/>
      <c r="Y785" s="263"/>
      <c r="Z785" s="263"/>
      <c r="AA785" s="263"/>
      <c r="AB785" s="203"/>
      <c r="AC785" s="263"/>
      <c r="AD785" s="263"/>
      <c r="AE785" s="263"/>
      <c r="AF785" s="263"/>
      <c r="AG785" s="263"/>
      <c r="AH785" s="263"/>
      <c r="AI785" s="263"/>
      <c r="AJ785" s="263"/>
      <c r="AK785" s="263"/>
      <c r="AL785" s="263"/>
      <c r="AM785" s="263"/>
      <c r="AN785" s="263"/>
      <c r="AO785" s="263"/>
      <c r="AP785" s="263"/>
      <c r="AQ785" s="263"/>
      <c r="AR785" s="263"/>
      <c r="AS785" s="263"/>
      <c r="AT785" s="263"/>
      <c r="AU785" s="263"/>
      <c r="AV785" s="263"/>
      <c r="AW785" s="204">
        <f t="shared" si="438"/>
        <v>0</v>
      </c>
      <c r="AX785" s="205"/>
      <c r="AY785" s="203" t="str">
        <f t="shared" si="439"/>
        <v/>
      </c>
      <c r="AZ785" s="203" t="str">
        <f t="shared" si="440"/>
        <v/>
      </c>
      <c r="BA785" s="203" t="str">
        <f t="shared" si="441"/>
        <v/>
      </c>
      <c r="BB785" s="203" t="str">
        <f t="shared" si="442"/>
        <v/>
      </c>
      <c r="BC785" s="203" t="str">
        <f t="shared" si="443"/>
        <v/>
      </c>
      <c r="BD785" s="203" t="str">
        <f t="shared" si="444"/>
        <v/>
      </c>
      <c r="BE785" s="203" t="str">
        <f t="shared" si="445"/>
        <v/>
      </c>
      <c r="BF785" s="203" t="str">
        <f t="shared" si="446"/>
        <v/>
      </c>
      <c r="BG785" s="203" t="str">
        <f t="shared" si="447"/>
        <v/>
      </c>
      <c r="BH785" s="203" t="str">
        <f t="shared" si="448"/>
        <v/>
      </c>
      <c r="BI785" s="203" t="str">
        <f t="shared" si="449"/>
        <v/>
      </c>
      <c r="BJ785" s="203" t="str">
        <f t="shared" si="450"/>
        <v/>
      </c>
      <c r="BK785" s="203" t="str">
        <f t="shared" si="451"/>
        <v/>
      </c>
      <c r="BL785" s="203" t="str">
        <f t="shared" si="452"/>
        <v/>
      </c>
      <c r="BM785" s="203" t="str">
        <f t="shared" si="453"/>
        <v/>
      </c>
      <c r="BN785" s="203" t="str">
        <f t="shared" si="454"/>
        <v/>
      </c>
      <c r="BO785" s="203" t="str">
        <f t="shared" si="455"/>
        <v/>
      </c>
      <c r="BP785" s="203" t="str">
        <f t="shared" si="456"/>
        <v/>
      </c>
      <c r="BQ785" s="203" t="str">
        <f t="shared" si="457"/>
        <v/>
      </c>
      <c r="BR785" s="203" t="str">
        <f t="shared" si="458"/>
        <v/>
      </c>
      <c r="BS785" s="203" t="str">
        <f t="shared" si="459"/>
        <v/>
      </c>
      <c r="BT785" s="203" t="str">
        <f t="shared" si="460"/>
        <v/>
      </c>
      <c r="BU785" s="203" t="str">
        <f t="shared" si="461"/>
        <v/>
      </c>
      <c r="BV785" s="203" t="str">
        <f t="shared" si="462"/>
        <v/>
      </c>
      <c r="BW785" s="203" t="str">
        <f t="shared" si="463"/>
        <v/>
      </c>
      <c r="BX785" s="203" t="str">
        <f t="shared" si="464"/>
        <v/>
      </c>
      <c r="BY785" s="203" t="str">
        <f t="shared" si="465"/>
        <v/>
      </c>
      <c r="BZ785" s="203" t="str">
        <f t="shared" si="466"/>
        <v/>
      </c>
      <c r="CA785" s="203" t="str">
        <f t="shared" si="467"/>
        <v/>
      </c>
      <c r="CB785" s="203" t="str">
        <f t="shared" si="468"/>
        <v/>
      </c>
      <c r="CC785" s="203" t="str">
        <f t="shared" si="469"/>
        <v/>
      </c>
      <c r="CD785" s="263"/>
      <c r="CE785" s="263"/>
      <c r="CF785" s="263"/>
    </row>
    <row r="786" spans="1:84" s="248" customFormat="1" ht="56.1" hidden="1" customHeight="1" x14ac:dyDescent="0.2">
      <c r="A786" s="198">
        <v>786</v>
      </c>
      <c r="B786" s="199" t="s">
        <v>53</v>
      </c>
      <c r="C786" s="208" t="s">
        <v>655</v>
      </c>
      <c r="D786" s="243" t="s">
        <v>932</v>
      </c>
      <c r="E786" s="288" t="s">
        <v>1067</v>
      </c>
      <c r="F786" s="288" t="s">
        <v>1068</v>
      </c>
      <c r="G786" s="206" t="s">
        <v>58</v>
      </c>
      <c r="H786" s="288" t="s">
        <v>833</v>
      </c>
      <c r="I786" s="288" t="s">
        <v>81</v>
      </c>
      <c r="J786" s="206" t="s">
        <v>77</v>
      </c>
      <c r="K786" s="242" t="s">
        <v>722</v>
      </c>
      <c r="L786" s="205" t="s">
        <v>63</v>
      </c>
      <c r="M786" s="205" t="s">
        <v>63</v>
      </c>
      <c r="N786" s="290">
        <v>1644.5</v>
      </c>
      <c r="O786" s="245">
        <f t="shared" si="437"/>
        <v>1644.5</v>
      </c>
      <c r="P786" s="285" t="s">
        <v>659</v>
      </c>
      <c r="Q786" s="205" t="s">
        <v>65</v>
      </c>
      <c r="R786" s="203"/>
      <c r="S786" s="203"/>
      <c r="T786" s="203"/>
      <c r="U786" s="203"/>
      <c r="V786" s="203"/>
      <c r="W786" s="203"/>
      <c r="X786" s="203"/>
      <c r="Y786" s="203"/>
      <c r="Z786" s="203"/>
      <c r="AA786" s="203"/>
      <c r="AB786" s="203"/>
      <c r="AC786" s="203"/>
      <c r="AD786" s="203"/>
      <c r="AE786" s="203"/>
      <c r="AF786" s="203"/>
      <c r="AG786" s="203"/>
      <c r="AH786" s="205"/>
      <c r="AI786" s="203"/>
      <c r="AJ786" s="203"/>
      <c r="AK786" s="203"/>
      <c r="AL786" s="205"/>
      <c r="AM786" s="203"/>
      <c r="AN786" s="203"/>
      <c r="AO786" s="203"/>
      <c r="AP786" s="205"/>
      <c r="AQ786" s="203"/>
      <c r="AR786" s="205"/>
      <c r="AS786" s="205"/>
      <c r="AT786" s="203"/>
      <c r="AU786" s="205"/>
      <c r="AV786" s="205"/>
      <c r="AW786" s="204">
        <f t="shared" si="438"/>
        <v>0</v>
      </c>
      <c r="AX786" s="205"/>
      <c r="AY786" s="203" t="str">
        <f t="shared" si="439"/>
        <v/>
      </c>
      <c r="AZ786" s="203" t="str">
        <f t="shared" si="440"/>
        <v/>
      </c>
      <c r="BA786" s="203" t="str">
        <f t="shared" si="441"/>
        <v/>
      </c>
      <c r="BB786" s="203" t="str">
        <f t="shared" si="442"/>
        <v/>
      </c>
      <c r="BC786" s="203" t="str">
        <f t="shared" si="443"/>
        <v/>
      </c>
      <c r="BD786" s="203" t="str">
        <f t="shared" si="444"/>
        <v/>
      </c>
      <c r="BE786" s="203" t="str">
        <f t="shared" si="445"/>
        <v/>
      </c>
      <c r="BF786" s="203" t="str">
        <f t="shared" si="446"/>
        <v/>
      </c>
      <c r="BG786" s="203" t="str">
        <f t="shared" si="447"/>
        <v/>
      </c>
      <c r="BH786" s="203" t="str">
        <f t="shared" si="448"/>
        <v/>
      </c>
      <c r="BI786" s="203" t="str">
        <f t="shared" si="449"/>
        <v/>
      </c>
      <c r="BJ786" s="203" t="str">
        <f t="shared" si="450"/>
        <v/>
      </c>
      <c r="BK786" s="203" t="str">
        <f t="shared" si="451"/>
        <v/>
      </c>
      <c r="BL786" s="203" t="str">
        <f t="shared" si="452"/>
        <v/>
      </c>
      <c r="BM786" s="203" t="str">
        <f t="shared" si="453"/>
        <v/>
      </c>
      <c r="BN786" s="203" t="str">
        <f t="shared" si="454"/>
        <v/>
      </c>
      <c r="BO786" s="203" t="str">
        <f t="shared" si="455"/>
        <v/>
      </c>
      <c r="BP786" s="203" t="str">
        <f t="shared" si="456"/>
        <v/>
      </c>
      <c r="BQ786" s="203" t="str">
        <f t="shared" si="457"/>
        <v/>
      </c>
      <c r="BR786" s="203" t="str">
        <f t="shared" si="458"/>
        <v/>
      </c>
      <c r="BS786" s="203" t="str">
        <f t="shared" si="459"/>
        <v/>
      </c>
      <c r="BT786" s="203" t="str">
        <f t="shared" si="460"/>
        <v/>
      </c>
      <c r="BU786" s="203" t="str">
        <f t="shared" si="461"/>
        <v/>
      </c>
      <c r="BV786" s="203" t="str">
        <f t="shared" si="462"/>
        <v/>
      </c>
      <c r="BW786" s="203" t="str">
        <f t="shared" si="463"/>
        <v/>
      </c>
      <c r="BX786" s="203" t="str">
        <f t="shared" si="464"/>
        <v/>
      </c>
      <c r="BY786" s="203" t="str">
        <f t="shared" si="465"/>
        <v/>
      </c>
      <c r="BZ786" s="203" t="str">
        <f t="shared" si="466"/>
        <v/>
      </c>
      <c r="CA786" s="203" t="str">
        <f t="shared" si="467"/>
        <v/>
      </c>
      <c r="CB786" s="203" t="str">
        <f t="shared" si="468"/>
        <v/>
      </c>
      <c r="CC786" s="203" t="str">
        <f t="shared" si="469"/>
        <v/>
      </c>
      <c r="CD786" s="263"/>
      <c r="CE786" s="263"/>
      <c r="CF786" s="263"/>
    </row>
    <row r="787" spans="1:84" s="248" customFormat="1" ht="56.1" hidden="1" customHeight="1" x14ac:dyDescent="0.2">
      <c r="A787" s="198">
        <v>787</v>
      </c>
      <c r="B787" s="199" t="s">
        <v>53</v>
      </c>
      <c r="C787" s="208" t="s">
        <v>655</v>
      </c>
      <c r="D787" s="243" t="s">
        <v>932</v>
      </c>
      <c r="E787" s="288" t="s">
        <v>1069</v>
      </c>
      <c r="F787" s="288" t="s">
        <v>1070</v>
      </c>
      <c r="G787" s="206" t="s">
        <v>58</v>
      </c>
      <c r="H787" s="288" t="s">
        <v>833</v>
      </c>
      <c r="I787" s="243" t="s">
        <v>81</v>
      </c>
      <c r="J787" s="206" t="s">
        <v>77</v>
      </c>
      <c r="K787" s="242" t="s">
        <v>722</v>
      </c>
      <c r="L787" s="205" t="s">
        <v>63</v>
      </c>
      <c r="M787" s="205" t="s">
        <v>63</v>
      </c>
      <c r="N787" s="290">
        <v>113848.735</v>
      </c>
      <c r="O787" s="245">
        <f t="shared" si="437"/>
        <v>113848.735</v>
      </c>
      <c r="P787" s="285" t="s">
        <v>659</v>
      </c>
      <c r="Q787" s="205" t="s">
        <v>65</v>
      </c>
      <c r="R787" s="203"/>
      <c r="S787" s="203"/>
      <c r="T787" s="203"/>
      <c r="U787" s="203"/>
      <c r="V787" s="203"/>
      <c r="W787" s="203"/>
      <c r="X787" s="203"/>
      <c r="Y787" s="203"/>
      <c r="Z787" s="203"/>
      <c r="AA787" s="203"/>
      <c r="AB787" s="203"/>
      <c r="AC787" s="203"/>
      <c r="AD787" s="203"/>
      <c r="AE787" s="203"/>
      <c r="AF787" s="203"/>
      <c r="AG787" s="203"/>
      <c r="AH787" s="205"/>
      <c r="AI787" s="203"/>
      <c r="AJ787" s="203"/>
      <c r="AK787" s="203"/>
      <c r="AL787" s="205"/>
      <c r="AM787" s="203"/>
      <c r="AN787" s="203"/>
      <c r="AO787" s="203"/>
      <c r="AP787" s="205"/>
      <c r="AQ787" s="203"/>
      <c r="AR787" s="205"/>
      <c r="AS787" s="205"/>
      <c r="AT787" s="203"/>
      <c r="AU787" s="205"/>
      <c r="AV787" s="205"/>
      <c r="AW787" s="204">
        <f t="shared" si="438"/>
        <v>0</v>
      </c>
      <c r="AX787" s="205"/>
      <c r="AY787" s="203" t="str">
        <f t="shared" si="439"/>
        <v/>
      </c>
      <c r="AZ787" s="203" t="str">
        <f t="shared" si="440"/>
        <v/>
      </c>
      <c r="BA787" s="203" t="str">
        <f t="shared" si="441"/>
        <v/>
      </c>
      <c r="BB787" s="203" t="str">
        <f t="shared" si="442"/>
        <v/>
      </c>
      <c r="BC787" s="203" t="str">
        <f t="shared" si="443"/>
        <v/>
      </c>
      <c r="BD787" s="203" t="str">
        <f t="shared" si="444"/>
        <v/>
      </c>
      <c r="BE787" s="203" t="str">
        <f t="shared" si="445"/>
        <v/>
      </c>
      <c r="BF787" s="203" t="str">
        <f t="shared" si="446"/>
        <v/>
      </c>
      <c r="BG787" s="203" t="str">
        <f t="shared" si="447"/>
        <v/>
      </c>
      <c r="BH787" s="203" t="str">
        <f t="shared" si="448"/>
        <v/>
      </c>
      <c r="BI787" s="203" t="str">
        <f t="shared" si="449"/>
        <v/>
      </c>
      <c r="BJ787" s="203" t="str">
        <f t="shared" si="450"/>
        <v/>
      </c>
      <c r="BK787" s="203" t="str">
        <f t="shared" si="451"/>
        <v/>
      </c>
      <c r="BL787" s="203" t="str">
        <f t="shared" si="452"/>
        <v/>
      </c>
      <c r="BM787" s="203" t="str">
        <f t="shared" si="453"/>
        <v/>
      </c>
      <c r="BN787" s="203" t="str">
        <f t="shared" si="454"/>
        <v/>
      </c>
      <c r="BO787" s="203" t="str">
        <f t="shared" si="455"/>
        <v/>
      </c>
      <c r="BP787" s="203" t="str">
        <f t="shared" si="456"/>
        <v/>
      </c>
      <c r="BQ787" s="203" t="str">
        <f t="shared" si="457"/>
        <v/>
      </c>
      <c r="BR787" s="203" t="str">
        <f t="shared" si="458"/>
        <v/>
      </c>
      <c r="BS787" s="203" t="str">
        <f t="shared" si="459"/>
        <v/>
      </c>
      <c r="BT787" s="203" t="str">
        <f t="shared" si="460"/>
        <v/>
      </c>
      <c r="BU787" s="203" t="str">
        <f t="shared" si="461"/>
        <v/>
      </c>
      <c r="BV787" s="203" t="str">
        <f t="shared" si="462"/>
        <v/>
      </c>
      <c r="BW787" s="203" t="str">
        <f t="shared" si="463"/>
        <v/>
      </c>
      <c r="BX787" s="203" t="str">
        <f t="shared" si="464"/>
        <v/>
      </c>
      <c r="BY787" s="203" t="str">
        <f t="shared" si="465"/>
        <v/>
      </c>
      <c r="BZ787" s="203" t="str">
        <f t="shared" si="466"/>
        <v/>
      </c>
      <c r="CA787" s="203" t="str">
        <f t="shared" si="467"/>
        <v/>
      </c>
      <c r="CB787" s="203" t="str">
        <f t="shared" si="468"/>
        <v/>
      </c>
      <c r="CC787" s="203" t="str">
        <f t="shared" si="469"/>
        <v/>
      </c>
      <c r="CD787" s="263"/>
      <c r="CE787" s="263"/>
      <c r="CF787" s="263"/>
    </row>
    <row r="788" spans="1:84" s="248" customFormat="1" ht="56.1" hidden="1" customHeight="1" x14ac:dyDescent="0.2">
      <c r="A788" s="198">
        <v>788</v>
      </c>
      <c r="B788" s="199" t="s">
        <v>53</v>
      </c>
      <c r="C788" s="208" t="s">
        <v>655</v>
      </c>
      <c r="D788" s="243" t="s">
        <v>932</v>
      </c>
      <c r="E788" s="288" t="s">
        <v>1071</v>
      </c>
      <c r="F788" s="288" t="s">
        <v>1072</v>
      </c>
      <c r="G788" s="206" t="s">
        <v>58</v>
      </c>
      <c r="H788" s="288" t="s">
        <v>833</v>
      </c>
      <c r="I788" s="288" t="s">
        <v>81</v>
      </c>
      <c r="J788" s="206" t="s">
        <v>77</v>
      </c>
      <c r="K788" s="242" t="s">
        <v>722</v>
      </c>
      <c r="L788" s="205" t="s">
        <v>63</v>
      </c>
      <c r="M788" s="205" t="s">
        <v>63</v>
      </c>
      <c r="N788" s="290">
        <v>32468.596874999999</v>
      </c>
      <c r="O788" s="245">
        <f t="shared" si="437"/>
        <v>32468.596874999999</v>
      </c>
      <c r="P788" s="285" t="s">
        <v>659</v>
      </c>
      <c r="Q788" s="205" t="s">
        <v>65</v>
      </c>
      <c r="R788" s="203"/>
      <c r="S788" s="203"/>
      <c r="T788" s="203"/>
      <c r="U788" s="203"/>
      <c r="V788" s="203"/>
      <c r="W788" s="203"/>
      <c r="X788" s="203"/>
      <c r="Y788" s="203"/>
      <c r="Z788" s="203"/>
      <c r="AA788" s="203"/>
      <c r="AB788" s="203"/>
      <c r="AC788" s="203"/>
      <c r="AD788" s="203"/>
      <c r="AE788" s="203"/>
      <c r="AF788" s="203"/>
      <c r="AG788" s="203"/>
      <c r="AH788" s="205"/>
      <c r="AI788" s="203"/>
      <c r="AJ788" s="203"/>
      <c r="AK788" s="203"/>
      <c r="AL788" s="205"/>
      <c r="AM788" s="203"/>
      <c r="AN788" s="203"/>
      <c r="AO788" s="203"/>
      <c r="AP788" s="205"/>
      <c r="AQ788" s="203"/>
      <c r="AR788" s="205"/>
      <c r="AS788" s="205"/>
      <c r="AT788" s="203"/>
      <c r="AU788" s="205"/>
      <c r="AV788" s="205"/>
      <c r="AW788" s="204">
        <f t="shared" si="438"/>
        <v>0</v>
      </c>
      <c r="AX788" s="205"/>
      <c r="AY788" s="203" t="str">
        <f t="shared" si="439"/>
        <v/>
      </c>
      <c r="AZ788" s="203" t="str">
        <f t="shared" si="440"/>
        <v/>
      </c>
      <c r="BA788" s="203" t="str">
        <f t="shared" si="441"/>
        <v/>
      </c>
      <c r="BB788" s="203" t="str">
        <f t="shared" si="442"/>
        <v/>
      </c>
      <c r="BC788" s="203" t="str">
        <f t="shared" si="443"/>
        <v/>
      </c>
      <c r="BD788" s="203" t="str">
        <f t="shared" si="444"/>
        <v/>
      </c>
      <c r="BE788" s="203" t="str">
        <f t="shared" si="445"/>
        <v/>
      </c>
      <c r="BF788" s="203" t="str">
        <f t="shared" si="446"/>
        <v/>
      </c>
      <c r="BG788" s="203" t="str">
        <f t="shared" si="447"/>
        <v/>
      </c>
      <c r="BH788" s="203" t="str">
        <f t="shared" si="448"/>
        <v/>
      </c>
      <c r="BI788" s="203" t="str">
        <f t="shared" si="449"/>
        <v/>
      </c>
      <c r="BJ788" s="203" t="str">
        <f t="shared" si="450"/>
        <v/>
      </c>
      <c r="BK788" s="203" t="str">
        <f t="shared" si="451"/>
        <v/>
      </c>
      <c r="BL788" s="203" t="str">
        <f t="shared" si="452"/>
        <v/>
      </c>
      <c r="BM788" s="203" t="str">
        <f t="shared" si="453"/>
        <v/>
      </c>
      <c r="BN788" s="203" t="str">
        <f t="shared" si="454"/>
        <v/>
      </c>
      <c r="BO788" s="203" t="str">
        <f t="shared" si="455"/>
        <v/>
      </c>
      <c r="BP788" s="203" t="str">
        <f t="shared" si="456"/>
        <v/>
      </c>
      <c r="BQ788" s="203" t="str">
        <f t="shared" si="457"/>
        <v/>
      </c>
      <c r="BR788" s="203" t="str">
        <f t="shared" si="458"/>
        <v/>
      </c>
      <c r="BS788" s="203" t="str">
        <f t="shared" si="459"/>
        <v/>
      </c>
      <c r="BT788" s="203" t="str">
        <f t="shared" si="460"/>
        <v/>
      </c>
      <c r="BU788" s="203" t="str">
        <f t="shared" si="461"/>
        <v/>
      </c>
      <c r="BV788" s="203" t="str">
        <f t="shared" si="462"/>
        <v/>
      </c>
      <c r="BW788" s="203" t="str">
        <f t="shared" si="463"/>
        <v/>
      </c>
      <c r="BX788" s="203" t="str">
        <f t="shared" si="464"/>
        <v/>
      </c>
      <c r="BY788" s="203" t="str">
        <f t="shared" si="465"/>
        <v/>
      </c>
      <c r="BZ788" s="203" t="str">
        <f t="shared" si="466"/>
        <v/>
      </c>
      <c r="CA788" s="203" t="str">
        <f t="shared" si="467"/>
        <v/>
      </c>
      <c r="CB788" s="203" t="str">
        <f t="shared" si="468"/>
        <v/>
      </c>
      <c r="CC788" s="203" t="str">
        <f t="shared" si="469"/>
        <v/>
      </c>
      <c r="CD788" s="263"/>
      <c r="CE788" s="263"/>
      <c r="CF788" s="263"/>
    </row>
    <row r="789" spans="1:84" s="248" customFormat="1" ht="56.1" hidden="1" customHeight="1" x14ac:dyDescent="0.2">
      <c r="A789" s="198">
        <v>789</v>
      </c>
      <c r="B789" s="199" t="s">
        <v>53</v>
      </c>
      <c r="C789" s="208" t="s">
        <v>655</v>
      </c>
      <c r="D789" s="243" t="s">
        <v>932</v>
      </c>
      <c r="E789" s="288" t="s">
        <v>1073</v>
      </c>
      <c r="F789" s="288" t="s">
        <v>1074</v>
      </c>
      <c r="G789" s="206" t="s">
        <v>58</v>
      </c>
      <c r="H789" s="288" t="s">
        <v>833</v>
      </c>
      <c r="I789" s="243" t="s">
        <v>81</v>
      </c>
      <c r="J789" s="206" t="s">
        <v>77</v>
      </c>
      <c r="K789" s="242" t="s">
        <v>722</v>
      </c>
      <c r="L789" s="205" t="s">
        <v>63</v>
      </c>
      <c r="M789" s="205" t="s">
        <v>63</v>
      </c>
      <c r="N789" s="290">
        <v>894196.875</v>
      </c>
      <c r="O789" s="245">
        <f t="shared" si="437"/>
        <v>894196.875</v>
      </c>
      <c r="P789" s="285" t="s">
        <v>659</v>
      </c>
      <c r="Q789" s="205" t="s">
        <v>65</v>
      </c>
      <c r="R789" s="203"/>
      <c r="S789" s="203"/>
      <c r="T789" s="203"/>
      <c r="U789" s="203"/>
      <c r="V789" s="203"/>
      <c r="W789" s="203"/>
      <c r="X789" s="203"/>
      <c r="Y789" s="203"/>
      <c r="Z789" s="203"/>
      <c r="AA789" s="203"/>
      <c r="AB789" s="203"/>
      <c r="AC789" s="203"/>
      <c r="AD789" s="203"/>
      <c r="AE789" s="203"/>
      <c r="AF789" s="203"/>
      <c r="AG789" s="203"/>
      <c r="AH789" s="205"/>
      <c r="AI789" s="203"/>
      <c r="AJ789" s="203"/>
      <c r="AK789" s="203"/>
      <c r="AL789" s="205"/>
      <c r="AM789" s="203"/>
      <c r="AN789" s="203"/>
      <c r="AO789" s="203"/>
      <c r="AP789" s="205"/>
      <c r="AQ789" s="203"/>
      <c r="AR789" s="205"/>
      <c r="AS789" s="205"/>
      <c r="AT789" s="203"/>
      <c r="AU789" s="205"/>
      <c r="AV789" s="205"/>
      <c r="AW789" s="204">
        <f t="shared" si="438"/>
        <v>0</v>
      </c>
      <c r="AX789" s="205"/>
      <c r="AY789" s="203" t="str">
        <f t="shared" si="439"/>
        <v/>
      </c>
      <c r="AZ789" s="203" t="str">
        <f t="shared" si="440"/>
        <v/>
      </c>
      <c r="BA789" s="203" t="str">
        <f t="shared" si="441"/>
        <v/>
      </c>
      <c r="BB789" s="203" t="str">
        <f t="shared" si="442"/>
        <v/>
      </c>
      <c r="BC789" s="203" t="str">
        <f t="shared" si="443"/>
        <v/>
      </c>
      <c r="BD789" s="203" t="str">
        <f t="shared" si="444"/>
        <v/>
      </c>
      <c r="BE789" s="203" t="str">
        <f t="shared" si="445"/>
        <v/>
      </c>
      <c r="BF789" s="203" t="str">
        <f t="shared" si="446"/>
        <v/>
      </c>
      <c r="BG789" s="203" t="str">
        <f t="shared" si="447"/>
        <v/>
      </c>
      <c r="BH789" s="203" t="str">
        <f t="shared" si="448"/>
        <v/>
      </c>
      <c r="BI789" s="203" t="str">
        <f t="shared" si="449"/>
        <v/>
      </c>
      <c r="BJ789" s="203" t="str">
        <f t="shared" si="450"/>
        <v/>
      </c>
      <c r="BK789" s="203" t="str">
        <f t="shared" si="451"/>
        <v/>
      </c>
      <c r="BL789" s="203" t="str">
        <f t="shared" si="452"/>
        <v/>
      </c>
      <c r="BM789" s="203" t="str">
        <f t="shared" si="453"/>
        <v/>
      </c>
      <c r="BN789" s="203" t="str">
        <f t="shared" si="454"/>
        <v/>
      </c>
      <c r="BO789" s="203" t="str">
        <f t="shared" si="455"/>
        <v/>
      </c>
      <c r="BP789" s="203" t="str">
        <f t="shared" si="456"/>
        <v/>
      </c>
      <c r="BQ789" s="203" t="str">
        <f t="shared" si="457"/>
        <v/>
      </c>
      <c r="BR789" s="203" t="str">
        <f t="shared" si="458"/>
        <v/>
      </c>
      <c r="BS789" s="203" t="str">
        <f t="shared" si="459"/>
        <v/>
      </c>
      <c r="BT789" s="203" t="str">
        <f t="shared" si="460"/>
        <v/>
      </c>
      <c r="BU789" s="203" t="str">
        <f t="shared" si="461"/>
        <v/>
      </c>
      <c r="BV789" s="203" t="str">
        <f t="shared" si="462"/>
        <v/>
      </c>
      <c r="BW789" s="203" t="str">
        <f t="shared" si="463"/>
        <v/>
      </c>
      <c r="BX789" s="203" t="str">
        <f t="shared" si="464"/>
        <v/>
      </c>
      <c r="BY789" s="203" t="str">
        <f t="shared" si="465"/>
        <v/>
      </c>
      <c r="BZ789" s="203" t="str">
        <f t="shared" si="466"/>
        <v/>
      </c>
      <c r="CA789" s="203" t="str">
        <f t="shared" si="467"/>
        <v/>
      </c>
      <c r="CB789" s="203" t="str">
        <f t="shared" si="468"/>
        <v/>
      </c>
      <c r="CC789" s="203" t="str">
        <f t="shared" si="469"/>
        <v/>
      </c>
      <c r="CD789" s="263"/>
      <c r="CE789" s="263"/>
      <c r="CF789" s="263"/>
    </row>
    <row r="790" spans="1:84" s="248" customFormat="1" ht="56.1" hidden="1" customHeight="1" x14ac:dyDescent="0.2">
      <c r="A790" s="198">
        <v>790</v>
      </c>
      <c r="B790" s="199" t="s">
        <v>53</v>
      </c>
      <c r="C790" s="208" t="s">
        <v>655</v>
      </c>
      <c r="D790" s="243" t="s">
        <v>932</v>
      </c>
      <c r="E790" s="288" t="s">
        <v>1075</v>
      </c>
      <c r="F790" s="288" t="s">
        <v>1076</v>
      </c>
      <c r="G790" s="206" t="s">
        <v>58</v>
      </c>
      <c r="H790" s="288" t="s">
        <v>833</v>
      </c>
      <c r="I790" s="288" t="s">
        <v>81</v>
      </c>
      <c r="J790" s="206" t="s">
        <v>77</v>
      </c>
      <c r="K790" s="242" t="s">
        <v>722</v>
      </c>
      <c r="L790" s="205" t="s">
        <v>63</v>
      </c>
      <c r="M790" s="205" t="s">
        <v>63</v>
      </c>
      <c r="N790" s="290">
        <v>85.822343750000002</v>
      </c>
      <c r="O790" s="245">
        <f t="shared" si="437"/>
        <v>85.822343750000002</v>
      </c>
      <c r="P790" s="285" t="s">
        <v>659</v>
      </c>
      <c r="Q790" s="205" t="s">
        <v>65</v>
      </c>
      <c r="R790" s="203"/>
      <c r="S790" s="203"/>
      <c r="T790" s="203"/>
      <c r="U790" s="203"/>
      <c r="V790" s="203"/>
      <c r="W790" s="203"/>
      <c r="X790" s="203"/>
      <c r="Y790" s="203"/>
      <c r="Z790" s="203"/>
      <c r="AA790" s="203"/>
      <c r="AB790" s="203"/>
      <c r="AC790" s="203"/>
      <c r="AD790" s="203"/>
      <c r="AE790" s="203"/>
      <c r="AF790" s="203"/>
      <c r="AG790" s="203"/>
      <c r="AH790" s="205"/>
      <c r="AI790" s="203"/>
      <c r="AJ790" s="203"/>
      <c r="AK790" s="203"/>
      <c r="AL790" s="205"/>
      <c r="AM790" s="203"/>
      <c r="AN790" s="203"/>
      <c r="AO790" s="203"/>
      <c r="AP790" s="205"/>
      <c r="AQ790" s="203"/>
      <c r="AR790" s="205"/>
      <c r="AS790" s="205"/>
      <c r="AT790" s="203"/>
      <c r="AU790" s="205"/>
      <c r="AV790" s="205"/>
      <c r="AW790" s="204">
        <f t="shared" si="438"/>
        <v>0</v>
      </c>
      <c r="AX790" s="205"/>
      <c r="AY790" s="203" t="str">
        <f t="shared" si="439"/>
        <v/>
      </c>
      <c r="AZ790" s="203" t="str">
        <f t="shared" si="440"/>
        <v/>
      </c>
      <c r="BA790" s="203" t="str">
        <f t="shared" si="441"/>
        <v/>
      </c>
      <c r="BB790" s="203" t="str">
        <f t="shared" si="442"/>
        <v/>
      </c>
      <c r="BC790" s="203" t="str">
        <f t="shared" si="443"/>
        <v/>
      </c>
      <c r="BD790" s="203" t="str">
        <f t="shared" si="444"/>
        <v/>
      </c>
      <c r="BE790" s="203" t="str">
        <f t="shared" si="445"/>
        <v/>
      </c>
      <c r="BF790" s="203" t="str">
        <f t="shared" si="446"/>
        <v/>
      </c>
      <c r="BG790" s="203" t="str">
        <f t="shared" si="447"/>
        <v/>
      </c>
      <c r="BH790" s="203" t="str">
        <f t="shared" si="448"/>
        <v/>
      </c>
      <c r="BI790" s="203" t="str">
        <f t="shared" si="449"/>
        <v/>
      </c>
      <c r="BJ790" s="203" t="str">
        <f t="shared" si="450"/>
        <v/>
      </c>
      <c r="BK790" s="203" t="str">
        <f t="shared" si="451"/>
        <v/>
      </c>
      <c r="BL790" s="203" t="str">
        <f t="shared" si="452"/>
        <v/>
      </c>
      <c r="BM790" s="203" t="str">
        <f t="shared" si="453"/>
        <v/>
      </c>
      <c r="BN790" s="203" t="str">
        <f t="shared" si="454"/>
        <v/>
      </c>
      <c r="BO790" s="203" t="str">
        <f t="shared" si="455"/>
        <v/>
      </c>
      <c r="BP790" s="203" t="str">
        <f t="shared" si="456"/>
        <v/>
      </c>
      <c r="BQ790" s="203" t="str">
        <f t="shared" si="457"/>
        <v/>
      </c>
      <c r="BR790" s="203" t="str">
        <f t="shared" si="458"/>
        <v/>
      </c>
      <c r="BS790" s="203" t="str">
        <f t="shared" si="459"/>
        <v/>
      </c>
      <c r="BT790" s="203" t="str">
        <f t="shared" si="460"/>
        <v/>
      </c>
      <c r="BU790" s="203" t="str">
        <f t="shared" si="461"/>
        <v/>
      </c>
      <c r="BV790" s="203" t="str">
        <f t="shared" si="462"/>
        <v/>
      </c>
      <c r="BW790" s="203" t="str">
        <f t="shared" si="463"/>
        <v/>
      </c>
      <c r="BX790" s="203" t="str">
        <f t="shared" si="464"/>
        <v/>
      </c>
      <c r="BY790" s="203" t="str">
        <f t="shared" si="465"/>
        <v/>
      </c>
      <c r="BZ790" s="203" t="str">
        <f t="shared" si="466"/>
        <v/>
      </c>
      <c r="CA790" s="203" t="str">
        <f t="shared" si="467"/>
        <v/>
      </c>
      <c r="CB790" s="203" t="str">
        <f t="shared" si="468"/>
        <v/>
      </c>
      <c r="CC790" s="203" t="str">
        <f t="shared" si="469"/>
        <v/>
      </c>
      <c r="CD790" s="263"/>
      <c r="CE790" s="263"/>
      <c r="CF790" s="263"/>
    </row>
    <row r="791" spans="1:84" s="248" customFormat="1" ht="56.1" hidden="1" customHeight="1" x14ac:dyDescent="0.2">
      <c r="A791" s="198">
        <v>791</v>
      </c>
      <c r="B791" s="199" t="s">
        <v>53</v>
      </c>
      <c r="C791" s="208" t="s">
        <v>655</v>
      </c>
      <c r="D791" s="243" t="s">
        <v>932</v>
      </c>
      <c r="E791" s="288" t="s">
        <v>1077</v>
      </c>
      <c r="F791" s="288" t="s">
        <v>1078</v>
      </c>
      <c r="G791" s="206" t="s">
        <v>58</v>
      </c>
      <c r="H791" s="288" t="s">
        <v>833</v>
      </c>
      <c r="I791" s="243" t="s">
        <v>81</v>
      </c>
      <c r="J791" s="206" t="s">
        <v>77</v>
      </c>
      <c r="K791" s="242" t="s">
        <v>722</v>
      </c>
      <c r="L791" s="205" t="s">
        <v>63</v>
      </c>
      <c r="M791" s="205" t="s">
        <v>63</v>
      </c>
      <c r="N791" s="290">
        <v>47279.375</v>
      </c>
      <c r="O791" s="245">
        <f t="shared" si="437"/>
        <v>47279.375</v>
      </c>
      <c r="P791" s="285" t="s">
        <v>659</v>
      </c>
      <c r="Q791" s="205" t="s">
        <v>65</v>
      </c>
      <c r="R791" s="203"/>
      <c r="S791" s="203"/>
      <c r="T791" s="203"/>
      <c r="U791" s="203"/>
      <c r="V791" s="203"/>
      <c r="W791" s="203"/>
      <c r="X791" s="203"/>
      <c r="Y791" s="203"/>
      <c r="Z791" s="203"/>
      <c r="AA791" s="203"/>
      <c r="AB791" s="203"/>
      <c r="AC791" s="203"/>
      <c r="AD791" s="203"/>
      <c r="AE791" s="203"/>
      <c r="AF791" s="203"/>
      <c r="AG791" s="203"/>
      <c r="AH791" s="205"/>
      <c r="AI791" s="203"/>
      <c r="AJ791" s="203"/>
      <c r="AK791" s="203"/>
      <c r="AL791" s="205"/>
      <c r="AM791" s="203"/>
      <c r="AN791" s="203"/>
      <c r="AO791" s="203"/>
      <c r="AP791" s="205"/>
      <c r="AQ791" s="203"/>
      <c r="AR791" s="205"/>
      <c r="AS791" s="205"/>
      <c r="AT791" s="203"/>
      <c r="AU791" s="205"/>
      <c r="AV791" s="205"/>
      <c r="AW791" s="204">
        <f t="shared" si="438"/>
        <v>0</v>
      </c>
      <c r="AX791" s="205"/>
      <c r="AY791" s="203" t="str">
        <f t="shared" si="439"/>
        <v/>
      </c>
      <c r="AZ791" s="203" t="str">
        <f t="shared" si="440"/>
        <v/>
      </c>
      <c r="BA791" s="203" t="str">
        <f t="shared" si="441"/>
        <v/>
      </c>
      <c r="BB791" s="203" t="str">
        <f t="shared" si="442"/>
        <v/>
      </c>
      <c r="BC791" s="203" t="str">
        <f t="shared" si="443"/>
        <v/>
      </c>
      <c r="BD791" s="203" t="str">
        <f t="shared" si="444"/>
        <v/>
      </c>
      <c r="BE791" s="203" t="str">
        <f t="shared" si="445"/>
        <v/>
      </c>
      <c r="BF791" s="203" t="str">
        <f t="shared" si="446"/>
        <v/>
      </c>
      <c r="BG791" s="203" t="str">
        <f t="shared" si="447"/>
        <v/>
      </c>
      <c r="BH791" s="203" t="str">
        <f t="shared" si="448"/>
        <v/>
      </c>
      <c r="BI791" s="203" t="str">
        <f t="shared" si="449"/>
        <v/>
      </c>
      <c r="BJ791" s="203" t="str">
        <f t="shared" si="450"/>
        <v/>
      </c>
      <c r="BK791" s="203" t="str">
        <f t="shared" si="451"/>
        <v/>
      </c>
      <c r="BL791" s="203" t="str">
        <f t="shared" si="452"/>
        <v/>
      </c>
      <c r="BM791" s="203" t="str">
        <f t="shared" si="453"/>
        <v/>
      </c>
      <c r="BN791" s="203" t="str">
        <f t="shared" si="454"/>
        <v/>
      </c>
      <c r="BO791" s="203" t="str">
        <f t="shared" si="455"/>
        <v/>
      </c>
      <c r="BP791" s="203" t="str">
        <f t="shared" si="456"/>
        <v/>
      </c>
      <c r="BQ791" s="203" t="str">
        <f t="shared" si="457"/>
        <v/>
      </c>
      <c r="BR791" s="203" t="str">
        <f t="shared" si="458"/>
        <v/>
      </c>
      <c r="BS791" s="203" t="str">
        <f t="shared" si="459"/>
        <v/>
      </c>
      <c r="BT791" s="203" t="str">
        <f t="shared" si="460"/>
        <v/>
      </c>
      <c r="BU791" s="203" t="str">
        <f t="shared" si="461"/>
        <v/>
      </c>
      <c r="BV791" s="203" t="str">
        <f t="shared" si="462"/>
        <v/>
      </c>
      <c r="BW791" s="203" t="str">
        <f t="shared" si="463"/>
        <v/>
      </c>
      <c r="BX791" s="203" t="str">
        <f t="shared" si="464"/>
        <v/>
      </c>
      <c r="BY791" s="203" t="str">
        <f t="shared" si="465"/>
        <v/>
      </c>
      <c r="BZ791" s="203" t="str">
        <f t="shared" si="466"/>
        <v/>
      </c>
      <c r="CA791" s="203" t="str">
        <f t="shared" si="467"/>
        <v/>
      </c>
      <c r="CB791" s="203" t="str">
        <f t="shared" si="468"/>
        <v/>
      </c>
      <c r="CC791" s="203" t="str">
        <f t="shared" si="469"/>
        <v/>
      </c>
      <c r="CD791" s="263"/>
      <c r="CE791" s="263"/>
      <c r="CF791" s="263"/>
    </row>
    <row r="792" spans="1:84" s="248" customFormat="1" ht="56.1" hidden="1" customHeight="1" x14ac:dyDescent="0.2">
      <c r="A792" s="198">
        <v>792</v>
      </c>
      <c r="B792" s="199" t="s">
        <v>53</v>
      </c>
      <c r="C792" s="208" t="s">
        <v>655</v>
      </c>
      <c r="D792" s="243" t="s">
        <v>932</v>
      </c>
      <c r="E792" s="288" t="s">
        <v>1079</v>
      </c>
      <c r="F792" s="288" t="s">
        <v>1080</v>
      </c>
      <c r="G792" s="206" t="s">
        <v>58</v>
      </c>
      <c r="H792" s="288" t="s">
        <v>833</v>
      </c>
      <c r="I792" s="288" t="s">
        <v>81</v>
      </c>
      <c r="J792" s="206" t="s">
        <v>77</v>
      </c>
      <c r="K792" s="242" t="s">
        <v>722</v>
      </c>
      <c r="L792" s="205" t="s">
        <v>63</v>
      </c>
      <c r="M792" s="205" t="s">
        <v>63</v>
      </c>
      <c r="N792" s="290">
        <v>37001.25</v>
      </c>
      <c r="O792" s="245">
        <f t="shared" si="437"/>
        <v>37001.25</v>
      </c>
      <c r="P792" s="285" t="s">
        <v>659</v>
      </c>
      <c r="Q792" s="205" t="s">
        <v>65</v>
      </c>
      <c r="R792" s="203"/>
      <c r="S792" s="203"/>
      <c r="T792" s="203"/>
      <c r="U792" s="203"/>
      <c r="V792" s="203"/>
      <c r="W792" s="203"/>
      <c r="X792" s="203"/>
      <c r="Y792" s="203"/>
      <c r="Z792" s="203"/>
      <c r="AA792" s="203"/>
      <c r="AB792" s="203"/>
      <c r="AC792" s="203"/>
      <c r="AD792" s="203"/>
      <c r="AE792" s="203"/>
      <c r="AF792" s="203"/>
      <c r="AG792" s="203"/>
      <c r="AH792" s="205"/>
      <c r="AI792" s="203"/>
      <c r="AJ792" s="203"/>
      <c r="AK792" s="203"/>
      <c r="AL792" s="205"/>
      <c r="AM792" s="203"/>
      <c r="AN792" s="203"/>
      <c r="AO792" s="203"/>
      <c r="AP792" s="205"/>
      <c r="AQ792" s="203"/>
      <c r="AR792" s="205"/>
      <c r="AS792" s="205"/>
      <c r="AT792" s="203"/>
      <c r="AU792" s="205"/>
      <c r="AV792" s="205"/>
      <c r="AW792" s="204">
        <f t="shared" si="438"/>
        <v>0</v>
      </c>
      <c r="AX792" s="205"/>
      <c r="AY792" s="203" t="str">
        <f t="shared" si="439"/>
        <v/>
      </c>
      <c r="AZ792" s="203" t="str">
        <f t="shared" si="440"/>
        <v/>
      </c>
      <c r="BA792" s="203" t="str">
        <f t="shared" si="441"/>
        <v/>
      </c>
      <c r="BB792" s="203" t="str">
        <f t="shared" si="442"/>
        <v/>
      </c>
      <c r="BC792" s="203" t="str">
        <f t="shared" si="443"/>
        <v/>
      </c>
      <c r="BD792" s="203" t="str">
        <f t="shared" si="444"/>
        <v/>
      </c>
      <c r="BE792" s="203" t="str">
        <f t="shared" si="445"/>
        <v/>
      </c>
      <c r="BF792" s="203" t="str">
        <f t="shared" si="446"/>
        <v/>
      </c>
      <c r="BG792" s="203" t="str">
        <f t="shared" si="447"/>
        <v/>
      </c>
      <c r="BH792" s="203" t="str">
        <f t="shared" si="448"/>
        <v/>
      </c>
      <c r="BI792" s="203" t="str">
        <f t="shared" si="449"/>
        <v/>
      </c>
      <c r="BJ792" s="203" t="str">
        <f t="shared" si="450"/>
        <v/>
      </c>
      <c r="BK792" s="203" t="str">
        <f t="shared" si="451"/>
        <v/>
      </c>
      <c r="BL792" s="203" t="str">
        <f t="shared" si="452"/>
        <v/>
      </c>
      <c r="BM792" s="203" t="str">
        <f t="shared" si="453"/>
        <v/>
      </c>
      <c r="BN792" s="203" t="str">
        <f t="shared" si="454"/>
        <v/>
      </c>
      <c r="BO792" s="203" t="str">
        <f t="shared" si="455"/>
        <v/>
      </c>
      <c r="BP792" s="203" t="str">
        <f t="shared" si="456"/>
        <v/>
      </c>
      <c r="BQ792" s="203" t="str">
        <f t="shared" si="457"/>
        <v/>
      </c>
      <c r="BR792" s="203" t="str">
        <f t="shared" si="458"/>
        <v/>
      </c>
      <c r="BS792" s="203" t="str">
        <f t="shared" si="459"/>
        <v/>
      </c>
      <c r="BT792" s="203" t="str">
        <f t="shared" si="460"/>
        <v/>
      </c>
      <c r="BU792" s="203" t="str">
        <f t="shared" si="461"/>
        <v/>
      </c>
      <c r="BV792" s="203" t="str">
        <f t="shared" si="462"/>
        <v/>
      </c>
      <c r="BW792" s="203" t="str">
        <f t="shared" si="463"/>
        <v/>
      </c>
      <c r="BX792" s="203" t="str">
        <f t="shared" si="464"/>
        <v/>
      </c>
      <c r="BY792" s="203" t="str">
        <f t="shared" si="465"/>
        <v/>
      </c>
      <c r="BZ792" s="203" t="str">
        <f t="shared" si="466"/>
        <v/>
      </c>
      <c r="CA792" s="203" t="str">
        <f t="shared" si="467"/>
        <v/>
      </c>
      <c r="CB792" s="203" t="str">
        <f t="shared" si="468"/>
        <v/>
      </c>
      <c r="CC792" s="203" t="str">
        <f t="shared" si="469"/>
        <v/>
      </c>
      <c r="CD792" s="263"/>
      <c r="CE792" s="263"/>
      <c r="CF792" s="263"/>
    </row>
    <row r="793" spans="1:84" s="248" customFormat="1" ht="56.1" hidden="1" customHeight="1" x14ac:dyDescent="0.2">
      <c r="A793" s="198">
        <v>793</v>
      </c>
      <c r="B793" s="199" t="s">
        <v>53</v>
      </c>
      <c r="C793" s="208" t="s">
        <v>655</v>
      </c>
      <c r="D793" s="243" t="s">
        <v>932</v>
      </c>
      <c r="E793" s="288" t="s">
        <v>1081</v>
      </c>
      <c r="F793" s="288" t="s">
        <v>1082</v>
      </c>
      <c r="G793" s="206" t="s">
        <v>58</v>
      </c>
      <c r="H793" s="288" t="s">
        <v>833</v>
      </c>
      <c r="I793" s="243" t="s">
        <v>81</v>
      </c>
      <c r="J793" s="206" t="s">
        <v>77</v>
      </c>
      <c r="K793" s="242" t="s">
        <v>722</v>
      </c>
      <c r="L793" s="205" t="s">
        <v>63</v>
      </c>
      <c r="M793" s="205" t="s">
        <v>63</v>
      </c>
      <c r="N793" s="290">
        <v>4933.5</v>
      </c>
      <c r="O793" s="245">
        <f t="shared" si="437"/>
        <v>4933.5</v>
      </c>
      <c r="P793" s="285" t="s">
        <v>659</v>
      </c>
      <c r="Q793" s="205" t="s">
        <v>65</v>
      </c>
      <c r="R793" s="203"/>
      <c r="S793" s="203"/>
      <c r="T793" s="203"/>
      <c r="U793" s="203"/>
      <c r="V793" s="203"/>
      <c r="W793" s="203"/>
      <c r="X793" s="203"/>
      <c r="Y793" s="203"/>
      <c r="Z793" s="203"/>
      <c r="AA793" s="203"/>
      <c r="AB793" s="203"/>
      <c r="AC793" s="203"/>
      <c r="AD793" s="203"/>
      <c r="AE793" s="203"/>
      <c r="AF793" s="203"/>
      <c r="AG793" s="203"/>
      <c r="AH793" s="205"/>
      <c r="AI793" s="203"/>
      <c r="AJ793" s="203"/>
      <c r="AK793" s="203"/>
      <c r="AL793" s="205"/>
      <c r="AM793" s="203"/>
      <c r="AN793" s="203"/>
      <c r="AO793" s="203"/>
      <c r="AP793" s="205"/>
      <c r="AQ793" s="203"/>
      <c r="AR793" s="205"/>
      <c r="AS793" s="205"/>
      <c r="AT793" s="203"/>
      <c r="AU793" s="205"/>
      <c r="AV793" s="205"/>
      <c r="AW793" s="204">
        <f t="shared" si="438"/>
        <v>0</v>
      </c>
      <c r="AX793" s="205"/>
      <c r="AY793" s="203" t="str">
        <f t="shared" si="439"/>
        <v/>
      </c>
      <c r="AZ793" s="203" t="str">
        <f t="shared" si="440"/>
        <v/>
      </c>
      <c r="BA793" s="203" t="str">
        <f t="shared" si="441"/>
        <v/>
      </c>
      <c r="BB793" s="203" t="str">
        <f t="shared" si="442"/>
        <v/>
      </c>
      <c r="BC793" s="203" t="str">
        <f t="shared" si="443"/>
        <v/>
      </c>
      <c r="BD793" s="203" t="str">
        <f t="shared" si="444"/>
        <v/>
      </c>
      <c r="BE793" s="203" t="str">
        <f t="shared" si="445"/>
        <v/>
      </c>
      <c r="BF793" s="203" t="str">
        <f t="shared" si="446"/>
        <v/>
      </c>
      <c r="BG793" s="203" t="str">
        <f t="shared" si="447"/>
        <v/>
      </c>
      <c r="BH793" s="203" t="str">
        <f t="shared" si="448"/>
        <v/>
      </c>
      <c r="BI793" s="203" t="str">
        <f t="shared" si="449"/>
        <v/>
      </c>
      <c r="BJ793" s="203" t="str">
        <f t="shared" si="450"/>
        <v/>
      </c>
      <c r="BK793" s="203" t="str">
        <f t="shared" si="451"/>
        <v/>
      </c>
      <c r="BL793" s="203" t="str">
        <f t="shared" si="452"/>
        <v/>
      </c>
      <c r="BM793" s="203" t="str">
        <f t="shared" si="453"/>
        <v/>
      </c>
      <c r="BN793" s="203" t="str">
        <f t="shared" si="454"/>
        <v/>
      </c>
      <c r="BO793" s="203" t="str">
        <f t="shared" si="455"/>
        <v/>
      </c>
      <c r="BP793" s="203" t="str">
        <f t="shared" si="456"/>
        <v/>
      </c>
      <c r="BQ793" s="203" t="str">
        <f t="shared" si="457"/>
        <v/>
      </c>
      <c r="BR793" s="203" t="str">
        <f t="shared" si="458"/>
        <v/>
      </c>
      <c r="BS793" s="203" t="str">
        <f t="shared" si="459"/>
        <v/>
      </c>
      <c r="BT793" s="203" t="str">
        <f t="shared" si="460"/>
        <v/>
      </c>
      <c r="BU793" s="203" t="str">
        <f t="shared" si="461"/>
        <v/>
      </c>
      <c r="BV793" s="203" t="str">
        <f t="shared" si="462"/>
        <v/>
      </c>
      <c r="BW793" s="203" t="str">
        <f t="shared" si="463"/>
        <v/>
      </c>
      <c r="BX793" s="203" t="str">
        <f t="shared" si="464"/>
        <v/>
      </c>
      <c r="BY793" s="203" t="str">
        <f t="shared" si="465"/>
        <v/>
      </c>
      <c r="BZ793" s="203" t="str">
        <f t="shared" si="466"/>
        <v/>
      </c>
      <c r="CA793" s="203" t="str">
        <f t="shared" si="467"/>
        <v/>
      </c>
      <c r="CB793" s="203" t="str">
        <f t="shared" si="468"/>
        <v/>
      </c>
      <c r="CC793" s="203" t="str">
        <f t="shared" si="469"/>
        <v/>
      </c>
      <c r="CD793" s="263"/>
      <c r="CE793" s="263"/>
      <c r="CF793" s="263"/>
    </row>
    <row r="794" spans="1:84" s="248" customFormat="1" ht="56.1" hidden="1" customHeight="1" x14ac:dyDescent="0.2">
      <c r="A794" s="198">
        <v>794</v>
      </c>
      <c r="B794" s="199" t="s">
        <v>53</v>
      </c>
      <c r="C794" s="208" t="s">
        <v>655</v>
      </c>
      <c r="D794" s="243" t="s">
        <v>932</v>
      </c>
      <c r="E794" s="288" t="s">
        <v>1083</v>
      </c>
      <c r="F794" s="288" t="s">
        <v>1084</v>
      </c>
      <c r="G794" s="206" t="s">
        <v>58</v>
      </c>
      <c r="H794" s="288" t="s">
        <v>833</v>
      </c>
      <c r="I794" s="288" t="s">
        <v>81</v>
      </c>
      <c r="J794" s="206" t="s">
        <v>77</v>
      </c>
      <c r="K794" s="242" t="s">
        <v>722</v>
      </c>
      <c r="L794" s="205" t="s">
        <v>63</v>
      </c>
      <c r="M794" s="205" t="s">
        <v>63</v>
      </c>
      <c r="N794" s="290">
        <v>518.01749999999993</v>
      </c>
      <c r="O794" s="245">
        <f t="shared" si="437"/>
        <v>518.01749999999993</v>
      </c>
      <c r="P794" s="285" t="s">
        <v>659</v>
      </c>
      <c r="Q794" s="205" t="s">
        <v>65</v>
      </c>
      <c r="R794" s="203"/>
      <c r="S794" s="203"/>
      <c r="T794" s="203"/>
      <c r="U794" s="203"/>
      <c r="V794" s="203"/>
      <c r="W794" s="203"/>
      <c r="X794" s="203"/>
      <c r="Y794" s="203"/>
      <c r="Z794" s="203"/>
      <c r="AA794" s="203"/>
      <c r="AB794" s="203"/>
      <c r="AC794" s="203"/>
      <c r="AD794" s="203"/>
      <c r="AE794" s="203"/>
      <c r="AF794" s="203"/>
      <c r="AG794" s="203"/>
      <c r="AH794" s="205"/>
      <c r="AI794" s="203"/>
      <c r="AJ794" s="203"/>
      <c r="AK794" s="203"/>
      <c r="AL794" s="205"/>
      <c r="AM794" s="203"/>
      <c r="AN794" s="203"/>
      <c r="AO794" s="203"/>
      <c r="AP794" s="205"/>
      <c r="AQ794" s="203"/>
      <c r="AR794" s="205"/>
      <c r="AS794" s="205"/>
      <c r="AT794" s="203"/>
      <c r="AU794" s="205"/>
      <c r="AV794" s="205"/>
      <c r="AW794" s="204">
        <f t="shared" si="438"/>
        <v>0</v>
      </c>
      <c r="AX794" s="205"/>
      <c r="AY794" s="203" t="str">
        <f t="shared" si="439"/>
        <v/>
      </c>
      <c r="AZ794" s="203" t="str">
        <f t="shared" si="440"/>
        <v/>
      </c>
      <c r="BA794" s="203" t="str">
        <f t="shared" si="441"/>
        <v/>
      </c>
      <c r="BB794" s="203" t="str">
        <f t="shared" si="442"/>
        <v/>
      </c>
      <c r="BC794" s="203" t="str">
        <f t="shared" si="443"/>
        <v/>
      </c>
      <c r="BD794" s="203" t="str">
        <f t="shared" si="444"/>
        <v/>
      </c>
      <c r="BE794" s="203" t="str">
        <f t="shared" si="445"/>
        <v/>
      </c>
      <c r="BF794" s="203" t="str">
        <f t="shared" si="446"/>
        <v/>
      </c>
      <c r="BG794" s="203" t="str">
        <f t="shared" si="447"/>
        <v/>
      </c>
      <c r="BH794" s="203" t="str">
        <f t="shared" si="448"/>
        <v/>
      </c>
      <c r="BI794" s="203" t="str">
        <f t="shared" si="449"/>
        <v/>
      </c>
      <c r="BJ794" s="203" t="str">
        <f t="shared" si="450"/>
        <v/>
      </c>
      <c r="BK794" s="203" t="str">
        <f t="shared" si="451"/>
        <v/>
      </c>
      <c r="BL794" s="203" t="str">
        <f t="shared" si="452"/>
        <v/>
      </c>
      <c r="BM794" s="203" t="str">
        <f t="shared" si="453"/>
        <v/>
      </c>
      <c r="BN794" s="203" t="str">
        <f t="shared" si="454"/>
        <v/>
      </c>
      <c r="BO794" s="203" t="str">
        <f t="shared" si="455"/>
        <v/>
      </c>
      <c r="BP794" s="203" t="str">
        <f t="shared" si="456"/>
        <v/>
      </c>
      <c r="BQ794" s="203" t="str">
        <f t="shared" si="457"/>
        <v/>
      </c>
      <c r="BR794" s="203" t="str">
        <f t="shared" si="458"/>
        <v/>
      </c>
      <c r="BS794" s="203" t="str">
        <f t="shared" si="459"/>
        <v/>
      </c>
      <c r="BT794" s="203" t="str">
        <f t="shared" si="460"/>
        <v/>
      </c>
      <c r="BU794" s="203" t="str">
        <f t="shared" si="461"/>
        <v/>
      </c>
      <c r="BV794" s="203" t="str">
        <f t="shared" si="462"/>
        <v/>
      </c>
      <c r="BW794" s="203" t="str">
        <f t="shared" si="463"/>
        <v/>
      </c>
      <c r="BX794" s="203" t="str">
        <f t="shared" si="464"/>
        <v/>
      </c>
      <c r="BY794" s="203" t="str">
        <f t="shared" si="465"/>
        <v/>
      </c>
      <c r="BZ794" s="203" t="str">
        <f t="shared" si="466"/>
        <v/>
      </c>
      <c r="CA794" s="203" t="str">
        <f t="shared" si="467"/>
        <v/>
      </c>
      <c r="CB794" s="203" t="str">
        <f t="shared" si="468"/>
        <v/>
      </c>
      <c r="CC794" s="203" t="str">
        <f t="shared" si="469"/>
        <v/>
      </c>
      <c r="CD794" s="263"/>
      <c r="CE794" s="263"/>
      <c r="CF794" s="263"/>
    </row>
    <row r="795" spans="1:84" s="248" customFormat="1" ht="56.1" hidden="1" customHeight="1" x14ac:dyDescent="0.2">
      <c r="A795" s="198">
        <v>795</v>
      </c>
      <c r="B795" s="199" t="s">
        <v>53</v>
      </c>
      <c r="C795" s="208" t="s">
        <v>655</v>
      </c>
      <c r="D795" s="243" t="s">
        <v>932</v>
      </c>
      <c r="E795" s="288" t="s">
        <v>1085</v>
      </c>
      <c r="F795" s="288" t="s">
        <v>1086</v>
      </c>
      <c r="G795" s="206" t="s">
        <v>58</v>
      </c>
      <c r="H795" s="288" t="s">
        <v>833</v>
      </c>
      <c r="I795" s="243" t="s">
        <v>81</v>
      </c>
      <c r="J795" s="206" t="s">
        <v>77</v>
      </c>
      <c r="K795" s="242" t="s">
        <v>722</v>
      </c>
      <c r="L795" s="205" t="s">
        <v>63</v>
      </c>
      <c r="M795" s="205" t="s">
        <v>63</v>
      </c>
      <c r="N795" s="290">
        <v>74002.5</v>
      </c>
      <c r="O795" s="245">
        <f t="shared" si="437"/>
        <v>74002.5</v>
      </c>
      <c r="P795" s="285" t="s">
        <v>659</v>
      </c>
      <c r="Q795" s="205" t="s">
        <v>65</v>
      </c>
      <c r="R795" s="203"/>
      <c r="S795" s="203"/>
      <c r="T795" s="203"/>
      <c r="U795" s="203"/>
      <c r="V795" s="203"/>
      <c r="W795" s="203"/>
      <c r="X795" s="203"/>
      <c r="Y795" s="203"/>
      <c r="Z795" s="203"/>
      <c r="AA795" s="203"/>
      <c r="AB795" s="203"/>
      <c r="AC795" s="203"/>
      <c r="AD795" s="203"/>
      <c r="AE795" s="203"/>
      <c r="AF795" s="203"/>
      <c r="AG795" s="203"/>
      <c r="AH795" s="205"/>
      <c r="AI795" s="203"/>
      <c r="AJ795" s="203"/>
      <c r="AK795" s="203"/>
      <c r="AL795" s="205"/>
      <c r="AM795" s="203"/>
      <c r="AN795" s="203"/>
      <c r="AO795" s="203"/>
      <c r="AP795" s="205"/>
      <c r="AQ795" s="203"/>
      <c r="AR795" s="205"/>
      <c r="AS795" s="205"/>
      <c r="AT795" s="203"/>
      <c r="AU795" s="205"/>
      <c r="AV795" s="205"/>
      <c r="AW795" s="204">
        <f t="shared" si="438"/>
        <v>0</v>
      </c>
      <c r="AX795" s="205"/>
      <c r="AY795" s="203" t="str">
        <f t="shared" si="439"/>
        <v/>
      </c>
      <c r="AZ795" s="203" t="str">
        <f t="shared" si="440"/>
        <v/>
      </c>
      <c r="BA795" s="203" t="str">
        <f t="shared" si="441"/>
        <v/>
      </c>
      <c r="BB795" s="203" t="str">
        <f t="shared" si="442"/>
        <v/>
      </c>
      <c r="BC795" s="203" t="str">
        <f t="shared" si="443"/>
        <v/>
      </c>
      <c r="BD795" s="203" t="str">
        <f t="shared" si="444"/>
        <v/>
      </c>
      <c r="BE795" s="203" t="str">
        <f t="shared" si="445"/>
        <v/>
      </c>
      <c r="BF795" s="203" t="str">
        <f t="shared" si="446"/>
        <v/>
      </c>
      <c r="BG795" s="203" t="str">
        <f t="shared" si="447"/>
        <v/>
      </c>
      <c r="BH795" s="203" t="str">
        <f t="shared" si="448"/>
        <v/>
      </c>
      <c r="BI795" s="203" t="str">
        <f t="shared" si="449"/>
        <v/>
      </c>
      <c r="BJ795" s="203" t="str">
        <f t="shared" si="450"/>
        <v/>
      </c>
      <c r="BK795" s="203" t="str">
        <f t="shared" si="451"/>
        <v/>
      </c>
      <c r="BL795" s="203" t="str">
        <f t="shared" si="452"/>
        <v/>
      </c>
      <c r="BM795" s="203" t="str">
        <f t="shared" si="453"/>
        <v/>
      </c>
      <c r="BN795" s="203" t="str">
        <f t="shared" si="454"/>
        <v/>
      </c>
      <c r="BO795" s="203" t="str">
        <f t="shared" si="455"/>
        <v/>
      </c>
      <c r="BP795" s="203" t="str">
        <f t="shared" si="456"/>
        <v/>
      </c>
      <c r="BQ795" s="203" t="str">
        <f t="shared" si="457"/>
        <v/>
      </c>
      <c r="BR795" s="203" t="str">
        <f t="shared" si="458"/>
        <v/>
      </c>
      <c r="BS795" s="203" t="str">
        <f t="shared" si="459"/>
        <v/>
      </c>
      <c r="BT795" s="203" t="str">
        <f t="shared" si="460"/>
        <v/>
      </c>
      <c r="BU795" s="203" t="str">
        <f t="shared" si="461"/>
        <v/>
      </c>
      <c r="BV795" s="203" t="str">
        <f t="shared" si="462"/>
        <v/>
      </c>
      <c r="BW795" s="203" t="str">
        <f t="shared" si="463"/>
        <v/>
      </c>
      <c r="BX795" s="203" t="str">
        <f t="shared" si="464"/>
        <v/>
      </c>
      <c r="BY795" s="203" t="str">
        <f t="shared" si="465"/>
        <v/>
      </c>
      <c r="BZ795" s="203" t="str">
        <f t="shared" si="466"/>
        <v/>
      </c>
      <c r="CA795" s="203" t="str">
        <f t="shared" si="467"/>
        <v/>
      </c>
      <c r="CB795" s="203" t="str">
        <f t="shared" si="468"/>
        <v/>
      </c>
      <c r="CC795" s="203" t="str">
        <f t="shared" si="469"/>
        <v/>
      </c>
      <c r="CD795" s="263"/>
      <c r="CE795" s="263"/>
      <c r="CF795" s="263"/>
    </row>
    <row r="796" spans="1:84" s="194" customFormat="1" ht="56.1" hidden="1" customHeight="1" x14ac:dyDescent="0.2">
      <c r="A796" s="181">
        <v>799</v>
      </c>
      <c r="B796" s="182" t="s">
        <v>53</v>
      </c>
      <c r="C796" s="183" t="s">
        <v>655</v>
      </c>
      <c r="D796" s="184" t="s">
        <v>932</v>
      </c>
      <c r="E796" s="185" t="s">
        <v>1087</v>
      </c>
      <c r="F796" s="185" t="s">
        <v>1088</v>
      </c>
      <c r="G796" s="186" t="s">
        <v>58</v>
      </c>
      <c r="H796" s="185" t="s">
        <v>1089</v>
      </c>
      <c r="I796" s="184" t="s">
        <v>81</v>
      </c>
      <c r="J796" s="186" t="s">
        <v>77</v>
      </c>
      <c r="K796" s="195" t="s">
        <v>722</v>
      </c>
      <c r="L796" s="187" t="s">
        <v>63</v>
      </c>
      <c r="M796" s="187" t="s">
        <v>63</v>
      </c>
      <c r="N796" s="196">
        <v>777.02625</v>
      </c>
      <c r="O796" s="189">
        <f t="shared" ref="O796:O827" si="470">N796</f>
        <v>777.02625</v>
      </c>
      <c r="P796" s="190" t="s">
        <v>839</v>
      </c>
      <c r="Q796" s="187" t="s">
        <v>65</v>
      </c>
      <c r="R796" s="192"/>
      <c r="S796" s="192"/>
      <c r="T796" s="192"/>
      <c r="U796" s="192"/>
      <c r="V796" s="192"/>
      <c r="W796" s="192"/>
      <c r="X796" s="192"/>
      <c r="Y796" s="192"/>
      <c r="Z796" s="192"/>
      <c r="AA796" s="192"/>
      <c r="AB796" s="192"/>
      <c r="AC796" s="192"/>
      <c r="AD796" s="192"/>
      <c r="AE796" s="192"/>
      <c r="AF796" s="192"/>
      <c r="AG796" s="192"/>
      <c r="AH796" s="187"/>
      <c r="AI796" s="192"/>
      <c r="AJ796" s="192"/>
      <c r="AK796" s="192"/>
      <c r="AL796" s="187"/>
      <c r="AM796" s="192"/>
      <c r="AN796" s="192"/>
      <c r="AO796" s="192"/>
      <c r="AP796" s="187"/>
      <c r="AQ796" s="192"/>
      <c r="AR796" s="187"/>
      <c r="AS796" s="187"/>
      <c r="AT796" s="192"/>
      <c r="AU796" s="187"/>
      <c r="AV796" s="187"/>
      <c r="AW796" s="191">
        <f t="shared" ref="AW796:AW827" si="471">SUMIF(R796:AV796,"YES",$R$2:$AV$2)</f>
        <v>0</v>
      </c>
      <c r="AX796" s="187"/>
      <c r="AY796" s="192" t="str">
        <f t="shared" ref="AY796:AY827" si="472">IF(R796="yes",(R$2*$AX796),"")</f>
        <v/>
      </c>
      <c r="AZ796" s="192" t="str">
        <f t="shared" ref="AZ796:AZ827" si="473">IF(S796="yes",(S$2*$AX796),"")</f>
        <v/>
      </c>
      <c r="BA796" s="192" t="str">
        <f t="shared" ref="BA796:BA827" si="474">IF(T796="yes",(T$2*$AX796),"")</f>
        <v/>
      </c>
      <c r="BB796" s="192" t="str">
        <f t="shared" ref="BB796:BB827" si="475">IF(U796="yes",(U$2*$AX796),"")</f>
        <v/>
      </c>
      <c r="BC796" s="192" t="str">
        <f t="shared" ref="BC796:BC827" si="476">IF(V796="yes",(V$2*$AX796),"")</f>
        <v/>
      </c>
      <c r="BD796" s="192" t="str">
        <f t="shared" ref="BD796:BD827" si="477">IF(W796="yes",(W$2*$AX796),"")</f>
        <v/>
      </c>
      <c r="BE796" s="192" t="str">
        <f t="shared" ref="BE796:BE827" si="478">IF(X796="yes",(X$2*$AX796),"")</f>
        <v/>
      </c>
      <c r="BF796" s="192" t="str">
        <f t="shared" ref="BF796:BF827" si="479">IF(Y796="yes",(Y$2*$AX796),"")</f>
        <v/>
      </c>
      <c r="BG796" s="192" t="str">
        <f t="shared" ref="BG796:BG827" si="480">IF(Z796="yes",(Z$2*$AX796),"")</f>
        <v/>
      </c>
      <c r="BH796" s="192" t="str">
        <f t="shared" ref="BH796:BH827" si="481">IF(AA796="yes",(AA$2*$AX796),"")</f>
        <v/>
      </c>
      <c r="BI796" s="192" t="str">
        <f t="shared" ref="BI796:BI827" si="482">IF(AB796="yes",(AB$2*$AX796),"")</f>
        <v/>
      </c>
      <c r="BJ796" s="192" t="str">
        <f t="shared" ref="BJ796:BJ827" si="483">IF(AC796="yes",(AC$2*$AX796),"")</f>
        <v/>
      </c>
      <c r="BK796" s="192" t="str">
        <f t="shared" ref="BK796:BK827" si="484">IF(AD796="yes",(AD$2*$AX796),"")</f>
        <v/>
      </c>
      <c r="BL796" s="192" t="str">
        <f t="shared" ref="BL796:BL827" si="485">IF(AE796="yes",(AE$2*$AX796),"")</f>
        <v/>
      </c>
      <c r="BM796" s="192" t="str">
        <f t="shared" ref="BM796:BM827" si="486">IF(AF796="yes",(AF$2*$AX796),"")</f>
        <v/>
      </c>
      <c r="BN796" s="192" t="str">
        <f t="shared" ref="BN796:BN827" si="487">IF(AG796="yes",(AG$2*$AX796),"")</f>
        <v/>
      </c>
      <c r="BO796" s="192" t="str">
        <f t="shared" ref="BO796:BO827" si="488">IF(AH796="yes",(AH$2*$AX796),"")</f>
        <v/>
      </c>
      <c r="BP796" s="192" t="str">
        <f t="shared" ref="BP796:BP827" si="489">IF(AI796="yes",(AI$2*$AX796),"")</f>
        <v/>
      </c>
      <c r="BQ796" s="192" t="str">
        <f t="shared" ref="BQ796:BQ827" si="490">IF(AJ796="yes",(AJ$2*$AX796),"")</f>
        <v/>
      </c>
      <c r="BR796" s="192" t="str">
        <f t="shared" ref="BR796:BR827" si="491">IF(AK796="yes",(AK$2*$AX796),"")</f>
        <v/>
      </c>
      <c r="BS796" s="192" t="str">
        <f t="shared" ref="BS796:BS827" si="492">IF(AL796="yes",(AL$2*$AX796),"")</f>
        <v/>
      </c>
      <c r="BT796" s="192" t="str">
        <f t="shared" ref="BT796:BT827" si="493">IF(AM796="yes",(AM$2*$AX796),"")</f>
        <v/>
      </c>
      <c r="BU796" s="192" t="str">
        <f t="shared" ref="BU796:BU827" si="494">IF(AN796="yes",(AN$2*$AX796),"")</f>
        <v/>
      </c>
      <c r="BV796" s="192" t="str">
        <f t="shared" ref="BV796:BV827" si="495">IF(AO796="yes",(AO$2*$AX796),"")</f>
        <v/>
      </c>
      <c r="BW796" s="192" t="str">
        <f t="shared" ref="BW796:BW827" si="496">IF(AP796="yes",(AP$2*$AX796),"")</f>
        <v/>
      </c>
      <c r="BX796" s="192" t="str">
        <f t="shared" ref="BX796:BX827" si="497">IF(AQ796="yes",(AQ$2*$AX796),"")</f>
        <v/>
      </c>
      <c r="BY796" s="192" t="str">
        <f t="shared" ref="BY796:BY827" si="498">IF(AR796="yes",(AR$2*$AX796),"")</f>
        <v/>
      </c>
      <c r="BZ796" s="192" t="str">
        <f t="shared" ref="BZ796:BZ827" si="499">IF(AS796="yes",(AS$2*$AX796),"")</f>
        <v/>
      </c>
      <c r="CA796" s="192" t="str">
        <f t="shared" ref="CA796:CA827" si="500">IF(AT796="yes",(AT$2*$AX796),"")</f>
        <v/>
      </c>
      <c r="CB796" s="192" t="str">
        <f t="shared" ref="CB796:CB827" si="501">IF(AU796="yes",(AU$2*$AX796),"")</f>
        <v/>
      </c>
      <c r="CC796" s="192" t="str">
        <f t="shared" ref="CC796:CC827" si="502">IF(AV796="yes",(AV$2*$AX796),"")</f>
        <v/>
      </c>
      <c r="CD796" s="197"/>
      <c r="CE796" s="197"/>
      <c r="CF796" s="197"/>
    </row>
    <row r="797" spans="1:84" s="178" customFormat="1" ht="56.1" hidden="1" customHeight="1" x14ac:dyDescent="0.2">
      <c r="A797" s="154">
        <v>797</v>
      </c>
      <c r="B797" s="155" t="s">
        <v>53</v>
      </c>
      <c r="C797" s="165" t="s">
        <v>655</v>
      </c>
      <c r="D797" s="172" t="s">
        <v>932</v>
      </c>
      <c r="E797" s="173" t="s">
        <v>1090</v>
      </c>
      <c r="F797" s="173" t="s">
        <v>1091</v>
      </c>
      <c r="G797" s="163" t="s">
        <v>58</v>
      </c>
      <c r="H797" s="173" t="s">
        <v>846</v>
      </c>
      <c r="I797" s="172" t="s">
        <v>81</v>
      </c>
      <c r="J797" s="163" t="s">
        <v>77</v>
      </c>
      <c r="K797" s="172" t="s">
        <v>834</v>
      </c>
      <c r="L797" s="158" t="s">
        <v>63</v>
      </c>
      <c r="M797" s="158" t="s">
        <v>63</v>
      </c>
      <c r="N797" s="180">
        <v>118782.235</v>
      </c>
      <c r="O797" s="175">
        <f t="shared" si="470"/>
        <v>118782.235</v>
      </c>
      <c r="P797" s="176" t="s">
        <v>839</v>
      </c>
      <c r="Q797" s="158" t="s">
        <v>65</v>
      </c>
      <c r="R797" s="161"/>
      <c r="S797" s="161"/>
      <c r="T797" s="161"/>
      <c r="U797" s="161"/>
      <c r="V797" s="161"/>
      <c r="W797" s="161"/>
      <c r="X797" s="161"/>
      <c r="Y797" s="161"/>
      <c r="Z797" s="161"/>
      <c r="AA797" s="161"/>
      <c r="AB797" s="161"/>
      <c r="AC797" s="161"/>
      <c r="AD797" s="161"/>
      <c r="AE797" s="161"/>
      <c r="AF797" s="161"/>
      <c r="AG797" s="161"/>
      <c r="AH797" s="158"/>
      <c r="AI797" s="161"/>
      <c r="AJ797" s="161"/>
      <c r="AK797" s="161"/>
      <c r="AL797" s="158"/>
      <c r="AM797" s="161"/>
      <c r="AN797" s="161"/>
      <c r="AO797" s="161"/>
      <c r="AP797" s="158"/>
      <c r="AQ797" s="161"/>
      <c r="AR797" s="158"/>
      <c r="AS797" s="158"/>
      <c r="AT797" s="161"/>
      <c r="AU797" s="158"/>
      <c r="AV797" s="158"/>
      <c r="AW797" s="160">
        <f t="shared" si="471"/>
        <v>0</v>
      </c>
      <c r="AX797" s="158"/>
      <c r="AY797" s="161" t="str">
        <f t="shared" si="472"/>
        <v/>
      </c>
      <c r="AZ797" s="161" t="str">
        <f t="shared" si="473"/>
        <v/>
      </c>
      <c r="BA797" s="161" t="str">
        <f t="shared" si="474"/>
        <v/>
      </c>
      <c r="BB797" s="161" t="str">
        <f t="shared" si="475"/>
        <v/>
      </c>
      <c r="BC797" s="161" t="str">
        <f t="shared" si="476"/>
        <v/>
      </c>
      <c r="BD797" s="161" t="str">
        <f t="shared" si="477"/>
        <v/>
      </c>
      <c r="BE797" s="161" t="str">
        <f t="shared" si="478"/>
        <v/>
      </c>
      <c r="BF797" s="161" t="str">
        <f t="shared" si="479"/>
        <v/>
      </c>
      <c r="BG797" s="161" t="str">
        <f t="shared" si="480"/>
        <v/>
      </c>
      <c r="BH797" s="161" t="str">
        <f t="shared" si="481"/>
        <v/>
      </c>
      <c r="BI797" s="161" t="str">
        <f t="shared" si="482"/>
        <v/>
      </c>
      <c r="BJ797" s="161" t="str">
        <f t="shared" si="483"/>
        <v/>
      </c>
      <c r="BK797" s="161" t="str">
        <f t="shared" si="484"/>
        <v/>
      </c>
      <c r="BL797" s="161" t="str">
        <f t="shared" si="485"/>
        <v/>
      </c>
      <c r="BM797" s="161" t="str">
        <f t="shared" si="486"/>
        <v/>
      </c>
      <c r="BN797" s="161" t="str">
        <f t="shared" si="487"/>
        <v/>
      </c>
      <c r="BO797" s="161" t="str">
        <f t="shared" si="488"/>
        <v/>
      </c>
      <c r="BP797" s="161" t="str">
        <f t="shared" si="489"/>
        <v/>
      </c>
      <c r="BQ797" s="161" t="str">
        <f t="shared" si="490"/>
        <v/>
      </c>
      <c r="BR797" s="161" t="str">
        <f t="shared" si="491"/>
        <v/>
      </c>
      <c r="BS797" s="161" t="str">
        <f t="shared" si="492"/>
        <v/>
      </c>
      <c r="BT797" s="161" t="str">
        <f t="shared" si="493"/>
        <v/>
      </c>
      <c r="BU797" s="161" t="str">
        <f t="shared" si="494"/>
        <v/>
      </c>
      <c r="BV797" s="161" t="str">
        <f t="shared" si="495"/>
        <v/>
      </c>
      <c r="BW797" s="161" t="str">
        <f t="shared" si="496"/>
        <v/>
      </c>
      <c r="BX797" s="161" t="str">
        <f t="shared" si="497"/>
        <v/>
      </c>
      <c r="BY797" s="161" t="str">
        <f t="shared" si="498"/>
        <v/>
      </c>
      <c r="BZ797" s="161" t="str">
        <f t="shared" si="499"/>
        <v/>
      </c>
      <c r="CA797" s="161" t="str">
        <f t="shared" si="500"/>
        <v/>
      </c>
      <c r="CB797" s="161" t="str">
        <f t="shared" si="501"/>
        <v/>
      </c>
      <c r="CC797" s="161" t="str">
        <f t="shared" si="502"/>
        <v/>
      </c>
      <c r="CD797" s="162"/>
      <c r="CE797" s="162"/>
      <c r="CF797" s="162"/>
    </row>
    <row r="798" spans="1:84" s="178" customFormat="1" ht="56.1" hidden="1" customHeight="1" x14ac:dyDescent="0.2">
      <c r="A798" s="154">
        <v>798</v>
      </c>
      <c r="B798" s="155" t="s">
        <v>53</v>
      </c>
      <c r="C798" s="165" t="s">
        <v>655</v>
      </c>
      <c r="D798" s="172" t="s">
        <v>932</v>
      </c>
      <c r="E798" s="173" t="s">
        <v>1092</v>
      </c>
      <c r="F798" s="173" t="s">
        <v>1093</v>
      </c>
      <c r="G798" s="163" t="s">
        <v>58</v>
      </c>
      <c r="H798" s="173" t="s">
        <v>846</v>
      </c>
      <c r="I798" s="173" t="s">
        <v>81</v>
      </c>
      <c r="J798" s="163" t="s">
        <v>77</v>
      </c>
      <c r="K798" s="172" t="s">
        <v>834</v>
      </c>
      <c r="L798" s="158" t="s">
        <v>63</v>
      </c>
      <c r="M798" s="158" t="s">
        <v>63</v>
      </c>
      <c r="N798" s="180">
        <v>13024.44</v>
      </c>
      <c r="O798" s="175">
        <f t="shared" si="470"/>
        <v>13024.44</v>
      </c>
      <c r="P798" s="176" t="s">
        <v>839</v>
      </c>
      <c r="Q798" s="158" t="s">
        <v>65</v>
      </c>
      <c r="R798" s="161"/>
      <c r="S798" s="161"/>
      <c r="T798" s="161"/>
      <c r="U798" s="161"/>
      <c r="V798" s="161"/>
      <c r="W798" s="161"/>
      <c r="X798" s="161"/>
      <c r="Y798" s="161"/>
      <c r="Z798" s="161"/>
      <c r="AA798" s="161"/>
      <c r="AB798" s="161"/>
      <c r="AC798" s="161"/>
      <c r="AD798" s="161"/>
      <c r="AE798" s="161"/>
      <c r="AF798" s="161"/>
      <c r="AG798" s="161"/>
      <c r="AH798" s="158"/>
      <c r="AI798" s="161"/>
      <c r="AJ798" s="161"/>
      <c r="AK798" s="161"/>
      <c r="AL798" s="158"/>
      <c r="AM798" s="161"/>
      <c r="AN798" s="161"/>
      <c r="AO798" s="161"/>
      <c r="AP798" s="158"/>
      <c r="AQ798" s="161"/>
      <c r="AR798" s="158"/>
      <c r="AS798" s="158"/>
      <c r="AT798" s="161"/>
      <c r="AU798" s="158"/>
      <c r="AV798" s="158"/>
      <c r="AW798" s="160">
        <f t="shared" si="471"/>
        <v>0</v>
      </c>
      <c r="AX798" s="158"/>
      <c r="AY798" s="161" t="str">
        <f t="shared" si="472"/>
        <v/>
      </c>
      <c r="AZ798" s="161" t="str">
        <f t="shared" si="473"/>
        <v/>
      </c>
      <c r="BA798" s="161" t="str">
        <f t="shared" si="474"/>
        <v/>
      </c>
      <c r="BB798" s="161" t="str">
        <f t="shared" si="475"/>
        <v/>
      </c>
      <c r="BC798" s="161" t="str">
        <f t="shared" si="476"/>
        <v/>
      </c>
      <c r="BD798" s="161" t="str">
        <f t="shared" si="477"/>
        <v/>
      </c>
      <c r="BE798" s="161" t="str">
        <f t="shared" si="478"/>
        <v/>
      </c>
      <c r="BF798" s="161" t="str">
        <f t="shared" si="479"/>
        <v/>
      </c>
      <c r="BG798" s="161" t="str">
        <f t="shared" si="480"/>
        <v/>
      </c>
      <c r="BH798" s="161" t="str">
        <f t="shared" si="481"/>
        <v/>
      </c>
      <c r="BI798" s="161" t="str">
        <f t="shared" si="482"/>
        <v/>
      </c>
      <c r="BJ798" s="161" t="str">
        <f t="shared" si="483"/>
        <v/>
      </c>
      <c r="BK798" s="161" t="str">
        <f t="shared" si="484"/>
        <v/>
      </c>
      <c r="BL798" s="161" t="str">
        <f t="shared" si="485"/>
        <v/>
      </c>
      <c r="BM798" s="161" t="str">
        <f t="shared" si="486"/>
        <v/>
      </c>
      <c r="BN798" s="161" t="str">
        <f t="shared" si="487"/>
        <v/>
      </c>
      <c r="BO798" s="161" t="str">
        <f t="shared" si="488"/>
        <v/>
      </c>
      <c r="BP798" s="161" t="str">
        <f t="shared" si="489"/>
        <v/>
      </c>
      <c r="BQ798" s="161" t="str">
        <f t="shared" si="490"/>
        <v/>
      </c>
      <c r="BR798" s="161" t="str">
        <f t="shared" si="491"/>
        <v/>
      </c>
      <c r="BS798" s="161" t="str">
        <f t="shared" si="492"/>
        <v/>
      </c>
      <c r="BT798" s="161" t="str">
        <f t="shared" si="493"/>
        <v/>
      </c>
      <c r="BU798" s="161" t="str">
        <f t="shared" si="494"/>
        <v/>
      </c>
      <c r="BV798" s="161" t="str">
        <f t="shared" si="495"/>
        <v/>
      </c>
      <c r="BW798" s="161" t="str">
        <f t="shared" si="496"/>
        <v/>
      </c>
      <c r="BX798" s="161" t="str">
        <f t="shared" si="497"/>
        <v/>
      </c>
      <c r="BY798" s="161" t="str">
        <f t="shared" si="498"/>
        <v/>
      </c>
      <c r="BZ798" s="161" t="str">
        <f t="shared" si="499"/>
        <v/>
      </c>
      <c r="CA798" s="161" t="str">
        <f t="shared" si="500"/>
        <v/>
      </c>
      <c r="CB798" s="161" t="str">
        <f t="shared" si="501"/>
        <v/>
      </c>
      <c r="CC798" s="161" t="str">
        <f t="shared" si="502"/>
        <v/>
      </c>
      <c r="CD798" s="162"/>
      <c r="CE798" s="162"/>
      <c r="CF798" s="162"/>
    </row>
    <row r="799" spans="1:84" s="194" customFormat="1" ht="56.1" hidden="1" customHeight="1" x14ac:dyDescent="0.2">
      <c r="A799" s="181">
        <v>796</v>
      </c>
      <c r="B799" s="182" t="s">
        <v>53</v>
      </c>
      <c r="C799" s="183" t="s">
        <v>655</v>
      </c>
      <c r="D799" s="184" t="s">
        <v>932</v>
      </c>
      <c r="E799" s="185" t="s">
        <v>1094</v>
      </c>
      <c r="F799" s="185" t="s">
        <v>1095</v>
      </c>
      <c r="G799" s="186" t="s">
        <v>58</v>
      </c>
      <c r="H799" s="185" t="s">
        <v>1096</v>
      </c>
      <c r="I799" s="185" t="s">
        <v>81</v>
      </c>
      <c r="J799" s="186" t="s">
        <v>77</v>
      </c>
      <c r="K799" s="195" t="s">
        <v>722</v>
      </c>
      <c r="L799" s="187" t="s">
        <v>63</v>
      </c>
      <c r="M799" s="187" t="s">
        <v>63</v>
      </c>
      <c r="N799" s="196">
        <v>621588.11</v>
      </c>
      <c r="O799" s="189">
        <f t="shared" si="470"/>
        <v>621588.11</v>
      </c>
      <c r="P799" s="190" t="s">
        <v>839</v>
      </c>
      <c r="Q799" s="187" t="s">
        <v>65</v>
      </c>
      <c r="R799" s="192"/>
      <c r="S799" s="192"/>
      <c r="T799" s="192"/>
      <c r="U799" s="192"/>
      <c r="V799" s="192"/>
      <c r="W799" s="192"/>
      <c r="X799" s="192"/>
      <c r="Y799" s="192"/>
      <c r="Z799" s="192"/>
      <c r="AA799" s="192"/>
      <c r="AB799" s="192"/>
      <c r="AC799" s="192"/>
      <c r="AD799" s="192"/>
      <c r="AE799" s="192"/>
      <c r="AF799" s="192"/>
      <c r="AG799" s="192"/>
      <c r="AH799" s="187"/>
      <c r="AI799" s="192"/>
      <c r="AJ799" s="192"/>
      <c r="AK799" s="192"/>
      <c r="AL799" s="187"/>
      <c r="AM799" s="192"/>
      <c r="AN799" s="192"/>
      <c r="AO799" s="192"/>
      <c r="AP799" s="187"/>
      <c r="AQ799" s="192"/>
      <c r="AR799" s="187"/>
      <c r="AS799" s="187"/>
      <c r="AT799" s="192"/>
      <c r="AU799" s="187"/>
      <c r="AV799" s="187"/>
      <c r="AW799" s="191">
        <f t="shared" si="471"/>
        <v>0</v>
      </c>
      <c r="AX799" s="187"/>
      <c r="AY799" s="192" t="str">
        <f t="shared" si="472"/>
        <v/>
      </c>
      <c r="AZ799" s="192" t="str">
        <f t="shared" si="473"/>
        <v/>
      </c>
      <c r="BA799" s="192" t="str">
        <f t="shared" si="474"/>
        <v/>
      </c>
      <c r="BB799" s="192" t="str">
        <f t="shared" si="475"/>
        <v/>
      </c>
      <c r="BC799" s="192" t="str">
        <f t="shared" si="476"/>
        <v/>
      </c>
      <c r="BD799" s="192" t="str">
        <f t="shared" si="477"/>
        <v/>
      </c>
      <c r="BE799" s="192" t="str">
        <f t="shared" si="478"/>
        <v/>
      </c>
      <c r="BF799" s="192" t="str">
        <f t="shared" si="479"/>
        <v/>
      </c>
      <c r="BG799" s="192" t="str">
        <f t="shared" si="480"/>
        <v/>
      </c>
      <c r="BH799" s="192" t="str">
        <f t="shared" si="481"/>
        <v/>
      </c>
      <c r="BI799" s="192" t="str">
        <f t="shared" si="482"/>
        <v/>
      </c>
      <c r="BJ799" s="192" t="str">
        <f t="shared" si="483"/>
        <v/>
      </c>
      <c r="BK799" s="192" t="str">
        <f t="shared" si="484"/>
        <v/>
      </c>
      <c r="BL799" s="192" t="str">
        <f t="shared" si="485"/>
        <v/>
      </c>
      <c r="BM799" s="192" t="str">
        <f t="shared" si="486"/>
        <v/>
      </c>
      <c r="BN799" s="192" t="str">
        <f t="shared" si="487"/>
        <v/>
      </c>
      <c r="BO799" s="192" t="str">
        <f t="shared" si="488"/>
        <v/>
      </c>
      <c r="BP799" s="192" t="str">
        <f t="shared" si="489"/>
        <v/>
      </c>
      <c r="BQ799" s="192" t="str">
        <f t="shared" si="490"/>
        <v/>
      </c>
      <c r="BR799" s="192" t="str">
        <f t="shared" si="491"/>
        <v/>
      </c>
      <c r="BS799" s="192" t="str">
        <f t="shared" si="492"/>
        <v/>
      </c>
      <c r="BT799" s="192" t="str">
        <f t="shared" si="493"/>
        <v/>
      </c>
      <c r="BU799" s="192" t="str">
        <f t="shared" si="494"/>
        <v/>
      </c>
      <c r="BV799" s="192" t="str">
        <f t="shared" si="495"/>
        <v/>
      </c>
      <c r="BW799" s="192" t="str">
        <f t="shared" si="496"/>
        <v/>
      </c>
      <c r="BX799" s="192" t="str">
        <f t="shared" si="497"/>
        <v/>
      </c>
      <c r="BY799" s="192" t="str">
        <f t="shared" si="498"/>
        <v/>
      </c>
      <c r="BZ799" s="192" t="str">
        <f t="shared" si="499"/>
        <v/>
      </c>
      <c r="CA799" s="192" t="str">
        <f t="shared" si="500"/>
        <v/>
      </c>
      <c r="CB799" s="192" t="str">
        <f t="shared" si="501"/>
        <v/>
      </c>
      <c r="CC799" s="192" t="str">
        <f t="shared" si="502"/>
        <v/>
      </c>
      <c r="CD799" s="197"/>
      <c r="CE799" s="197"/>
      <c r="CF799" s="197"/>
    </row>
    <row r="800" spans="1:84" s="194" customFormat="1" ht="56.1" hidden="1" customHeight="1" x14ac:dyDescent="0.2">
      <c r="A800" s="181">
        <v>800</v>
      </c>
      <c r="B800" s="182" t="s">
        <v>53</v>
      </c>
      <c r="C800" s="183" t="s">
        <v>655</v>
      </c>
      <c r="D800" s="184" t="s">
        <v>932</v>
      </c>
      <c r="E800" s="185" t="s">
        <v>1097</v>
      </c>
      <c r="F800" s="185" t="s">
        <v>1098</v>
      </c>
      <c r="G800" s="186" t="s">
        <v>58</v>
      </c>
      <c r="H800" s="185" t="s">
        <v>1099</v>
      </c>
      <c r="I800" s="185" t="s">
        <v>81</v>
      </c>
      <c r="J800" s="186" t="s">
        <v>77</v>
      </c>
      <c r="K800" s="195" t="s">
        <v>722</v>
      </c>
      <c r="L800" s="187" t="s">
        <v>63</v>
      </c>
      <c r="M800" s="187" t="s">
        <v>63</v>
      </c>
      <c r="N800" s="196">
        <v>1578.72</v>
      </c>
      <c r="O800" s="189">
        <f t="shared" si="470"/>
        <v>1578.72</v>
      </c>
      <c r="P800" s="190" t="s">
        <v>839</v>
      </c>
      <c r="Q800" s="187" t="s">
        <v>65</v>
      </c>
      <c r="R800" s="197"/>
      <c r="S800" s="197"/>
      <c r="T800" s="197"/>
      <c r="U800" s="197"/>
      <c r="V800" s="197"/>
      <c r="W800" s="197"/>
      <c r="X800" s="197"/>
      <c r="Y800" s="197"/>
      <c r="Z800" s="197"/>
      <c r="AA800" s="197"/>
      <c r="AB800" s="197"/>
      <c r="AC800" s="197"/>
      <c r="AD800" s="192"/>
      <c r="AE800" s="197"/>
      <c r="AF800" s="197"/>
      <c r="AG800" s="197"/>
      <c r="AH800" s="197"/>
      <c r="AI800" s="197"/>
      <c r="AJ800" s="197"/>
      <c r="AK800" s="197"/>
      <c r="AL800" s="197"/>
      <c r="AM800" s="197"/>
      <c r="AN800" s="197"/>
      <c r="AO800" s="197"/>
      <c r="AP800" s="197"/>
      <c r="AQ800" s="197"/>
      <c r="AR800" s="197"/>
      <c r="AS800" s="197"/>
      <c r="AT800" s="197"/>
      <c r="AU800" s="197"/>
      <c r="AV800" s="197"/>
      <c r="AW800" s="191">
        <f t="shared" si="471"/>
        <v>0</v>
      </c>
      <c r="AX800" s="187"/>
      <c r="AY800" s="192" t="str">
        <f t="shared" si="472"/>
        <v/>
      </c>
      <c r="AZ800" s="192" t="str">
        <f t="shared" si="473"/>
        <v/>
      </c>
      <c r="BA800" s="192" t="str">
        <f t="shared" si="474"/>
        <v/>
      </c>
      <c r="BB800" s="192" t="str">
        <f t="shared" si="475"/>
        <v/>
      </c>
      <c r="BC800" s="192" t="str">
        <f t="shared" si="476"/>
        <v/>
      </c>
      <c r="BD800" s="192" t="str">
        <f t="shared" si="477"/>
        <v/>
      </c>
      <c r="BE800" s="192" t="str">
        <f t="shared" si="478"/>
        <v/>
      </c>
      <c r="BF800" s="192" t="str">
        <f t="shared" si="479"/>
        <v/>
      </c>
      <c r="BG800" s="192" t="str">
        <f t="shared" si="480"/>
        <v/>
      </c>
      <c r="BH800" s="192" t="str">
        <f t="shared" si="481"/>
        <v/>
      </c>
      <c r="BI800" s="192" t="str">
        <f t="shared" si="482"/>
        <v/>
      </c>
      <c r="BJ800" s="192" t="str">
        <f t="shared" si="483"/>
        <v/>
      </c>
      <c r="BK800" s="192" t="str">
        <f t="shared" si="484"/>
        <v/>
      </c>
      <c r="BL800" s="192" t="str">
        <f t="shared" si="485"/>
        <v/>
      </c>
      <c r="BM800" s="192" t="str">
        <f t="shared" si="486"/>
        <v/>
      </c>
      <c r="BN800" s="192" t="str">
        <f t="shared" si="487"/>
        <v/>
      </c>
      <c r="BO800" s="192" t="str">
        <f t="shared" si="488"/>
        <v/>
      </c>
      <c r="BP800" s="192" t="str">
        <f t="shared" si="489"/>
        <v/>
      </c>
      <c r="BQ800" s="192" t="str">
        <f t="shared" si="490"/>
        <v/>
      </c>
      <c r="BR800" s="192" t="str">
        <f t="shared" si="491"/>
        <v/>
      </c>
      <c r="BS800" s="192" t="str">
        <f t="shared" si="492"/>
        <v/>
      </c>
      <c r="BT800" s="192" t="str">
        <f t="shared" si="493"/>
        <v/>
      </c>
      <c r="BU800" s="192" t="str">
        <f t="shared" si="494"/>
        <v/>
      </c>
      <c r="BV800" s="192" t="str">
        <f t="shared" si="495"/>
        <v/>
      </c>
      <c r="BW800" s="192" t="str">
        <f t="shared" si="496"/>
        <v/>
      </c>
      <c r="BX800" s="192" t="str">
        <f t="shared" si="497"/>
        <v/>
      </c>
      <c r="BY800" s="192" t="str">
        <f t="shared" si="498"/>
        <v/>
      </c>
      <c r="BZ800" s="192" t="str">
        <f t="shared" si="499"/>
        <v/>
      </c>
      <c r="CA800" s="192" t="str">
        <f t="shared" si="500"/>
        <v/>
      </c>
      <c r="CB800" s="192" t="str">
        <f t="shared" si="501"/>
        <v/>
      </c>
      <c r="CC800" s="192" t="str">
        <f t="shared" si="502"/>
        <v/>
      </c>
      <c r="CD800" s="197"/>
      <c r="CE800" s="197"/>
      <c r="CF800" s="197"/>
    </row>
    <row r="801" spans="1:84" s="194" customFormat="1" ht="56.1" hidden="1" customHeight="1" x14ac:dyDescent="0.2">
      <c r="A801" s="181">
        <v>801</v>
      </c>
      <c r="B801" s="182" t="s">
        <v>53</v>
      </c>
      <c r="C801" s="183" t="s">
        <v>655</v>
      </c>
      <c r="D801" s="184" t="s">
        <v>932</v>
      </c>
      <c r="E801" s="185" t="s">
        <v>1100</v>
      </c>
      <c r="F801" s="185" t="s">
        <v>1101</v>
      </c>
      <c r="G801" s="186" t="s">
        <v>58</v>
      </c>
      <c r="H801" s="185" t="s">
        <v>1099</v>
      </c>
      <c r="I801" s="184" t="s">
        <v>81</v>
      </c>
      <c r="J801" s="186" t="s">
        <v>77</v>
      </c>
      <c r="K801" s="195" t="s">
        <v>722</v>
      </c>
      <c r="L801" s="187" t="s">
        <v>63</v>
      </c>
      <c r="M801" s="187" t="s">
        <v>63</v>
      </c>
      <c r="N801" s="196">
        <v>340138.10187499999</v>
      </c>
      <c r="O801" s="189">
        <f t="shared" si="470"/>
        <v>340138.10187499999</v>
      </c>
      <c r="P801" s="190" t="s">
        <v>839</v>
      </c>
      <c r="Q801" s="187" t="s">
        <v>65</v>
      </c>
      <c r="R801" s="197"/>
      <c r="S801" s="197"/>
      <c r="T801" s="197"/>
      <c r="U801" s="197"/>
      <c r="V801" s="197"/>
      <c r="W801" s="197"/>
      <c r="X801" s="197"/>
      <c r="Y801" s="197"/>
      <c r="Z801" s="197"/>
      <c r="AA801" s="197"/>
      <c r="AB801" s="197"/>
      <c r="AC801" s="197"/>
      <c r="AD801" s="197"/>
      <c r="AE801" s="197"/>
      <c r="AF801" s="197"/>
      <c r="AG801" s="197"/>
      <c r="AH801" s="197"/>
      <c r="AI801" s="197"/>
      <c r="AJ801" s="197"/>
      <c r="AK801" s="197"/>
      <c r="AL801" s="197"/>
      <c r="AM801" s="197"/>
      <c r="AN801" s="197"/>
      <c r="AO801" s="197"/>
      <c r="AP801" s="197"/>
      <c r="AQ801" s="197"/>
      <c r="AR801" s="197"/>
      <c r="AS801" s="197"/>
      <c r="AT801" s="197"/>
      <c r="AU801" s="197"/>
      <c r="AV801" s="197"/>
      <c r="AW801" s="191">
        <f t="shared" si="471"/>
        <v>0</v>
      </c>
      <c r="AX801" s="187"/>
      <c r="AY801" s="192" t="str">
        <f t="shared" si="472"/>
        <v/>
      </c>
      <c r="AZ801" s="192" t="str">
        <f t="shared" si="473"/>
        <v/>
      </c>
      <c r="BA801" s="192" t="str">
        <f t="shared" si="474"/>
        <v/>
      </c>
      <c r="BB801" s="192" t="str">
        <f t="shared" si="475"/>
        <v/>
      </c>
      <c r="BC801" s="192" t="str">
        <f t="shared" si="476"/>
        <v/>
      </c>
      <c r="BD801" s="192" t="str">
        <f t="shared" si="477"/>
        <v/>
      </c>
      <c r="BE801" s="192" t="str">
        <f t="shared" si="478"/>
        <v/>
      </c>
      <c r="BF801" s="192" t="str">
        <f t="shared" si="479"/>
        <v/>
      </c>
      <c r="BG801" s="192" t="str">
        <f t="shared" si="480"/>
        <v/>
      </c>
      <c r="BH801" s="192" t="str">
        <f t="shared" si="481"/>
        <v/>
      </c>
      <c r="BI801" s="192" t="str">
        <f t="shared" si="482"/>
        <v/>
      </c>
      <c r="BJ801" s="192" t="str">
        <f t="shared" si="483"/>
        <v/>
      </c>
      <c r="BK801" s="192" t="str">
        <f t="shared" si="484"/>
        <v/>
      </c>
      <c r="BL801" s="192" t="str">
        <f t="shared" si="485"/>
        <v/>
      </c>
      <c r="BM801" s="192" t="str">
        <f t="shared" si="486"/>
        <v/>
      </c>
      <c r="BN801" s="192" t="str">
        <f t="shared" si="487"/>
        <v/>
      </c>
      <c r="BO801" s="192" t="str">
        <f t="shared" si="488"/>
        <v/>
      </c>
      <c r="BP801" s="192" t="str">
        <f t="shared" si="489"/>
        <v/>
      </c>
      <c r="BQ801" s="192" t="str">
        <f t="shared" si="490"/>
        <v/>
      </c>
      <c r="BR801" s="192" t="str">
        <f t="shared" si="491"/>
        <v/>
      </c>
      <c r="BS801" s="192" t="str">
        <f t="shared" si="492"/>
        <v/>
      </c>
      <c r="BT801" s="192" t="str">
        <f t="shared" si="493"/>
        <v/>
      </c>
      <c r="BU801" s="192" t="str">
        <f t="shared" si="494"/>
        <v/>
      </c>
      <c r="BV801" s="192" t="str">
        <f t="shared" si="495"/>
        <v/>
      </c>
      <c r="BW801" s="192" t="str">
        <f t="shared" si="496"/>
        <v/>
      </c>
      <c r="BX801" s="192" t="str">
        <f t="shared" si="497"/>
        <v/>
      </c>
      <c r="BY801" s="192" t="str">
        <f t="shared" si="498"/>
        <v/>
      </c>
      <c r="BZ801" s="192" t="str">
        <f t="shared" si="499"/>
        <v/>
      </c>
      <c r="CA801" s="192" t="str">
        <f t="shared" si="500"/>
        <v/>
      </c>
      <c r="CB801" s="192" t="str">
        <f t="shared" si="501"/>
        <v/>
      </c>
      <c r="CC801" s="192" t="str">
        <f t="shared" si="502"/>
        <v/>
      </c>
      <c r="CD801" s="197"/>
      <c r="CE801" s="197"/>
      <c r="CF801" s="197"/>
    </row>
    <row r="802" spans="1:84" s="194" customFormat="1" ht="56.1" hidden="1" customHeight="1" x14ac:dyDescent="0.2">
      <c r="A802" s="181">
        <v>802</v>
      </c>
      <c r="B802" s="182" t="s">
        <v>53</v>
      </c>
      <c r="C802" s="183" t="s">
        <v>655</v>
      </c>
      <c r="D802" s="184" t="s">
        <v>932</v>
      </c>
      <c r="E802" s="185" t="s">
        <v>1102</v>
      </c>
      <c r="F802" s="185" t="s">
        <v>1103</v>
      </c>
      <c r="G802" s="186" t="s">
        <v>58</v>
      </c>
      <c r="H802" s="185" t="s">
        <v>1099</v>
      </c>
      <c r="I802" s="185" t="s">
        <v>81</v>
      </c>
      <c r="J802" s="186" t="s">
        <v>77</v>
      </c>
      <c r="K802" s="195" t="s">
        <v>722</v>
      </c>
      <c r="L802" s="187" t="s">
        <v>63</v>
      </c>
      <c r="M802" s="187" t="s">
        <v>63</v>
      </c>
      <c r="N802" s="196">
        <v>1013423.125</v>
      </c>
      <c r="O802" s="189">
        <f t="shared" si="470"/>
        <v>1013423.125</v>
      </c>
      <c r="P802" s="190" t="s">
        <v>839</v>
      </c>
      <c r="Q802" s="187" t="s">
        <v>65</v>
      </c>
      <c r="R802" s="197"/>
      <c r="S802" s="197"/>
      <c r="T802" s="197"/>
      <c r="U802" s="197"/>
      <c r="V802" s="197"/>
      <c r="W802" s="197"/>
      <c r="X802" s="197"/>
      <c r="Y802" s="197"/>
      <c r="Z802" s="197"/>
      <c r="AA802" s="197"/>
      <c r="AB802" s="197"/>
      <c r="AC802" s="197"/>
      <c r="AD802" s="197"/>
      <c r="AE802" s="197"/>
      <c r="AF802" s="197"/>
      <c r="AG802" s="197"/>
      <c r="AH802" s="197"/>
      <c r="AI802" s="197"/>
      <c r="AJ802" s="197"/>
      <c r="AK802" s="197"/>
      <c r="AL802" s="197"/>
      <c r="AM802" s="197"/>
      <c r="AN802" s="197"/>
      <c r="AO802" s="197"/>
      <c r="AP802" s="197"/>
      <c r="AQ802" s="197"/>
      <c r="AR802" s="197"/>
      <c r="AS802" s="197"/>
      <c r="AT802" s="197"/>
      <c r="AU802" s="197"/>
      <c r="AV802" s="197"/>
      <c r="AW802" s="191">
        <f t="shared" si="471"/>
        <v>0</v>
      </c>
      <c r="AX802" s="187"/>
      <c r="AY802" s="192" t="str">
        <f t="shared" si="472"/>
        <v/>
      </c>
      <c r="AZ802" s="192" t="str">
        <f t="shared" si="473"/>
        <v/>
      </c>
      <c r="BA802" s="192" t="str">
        <f t="shared" si="474"/>
        <v/>
      </c>
      <c r="BB802" s="192" t="str">
        <f t="shared" si="475"/>
        <v/>
      </c>
      <c r="BC802" s="192" t="str">
        <f t="shared" si="476"/>
        <v/>
      </c>
      <c r="BD802" s="192" t="str">
        <f t="shared" si="477"/>
        <v/>
      </c>
      <c r="BE802" s="192" t="str">
        <f t="shared" si="478"/>
        <v/>
      </c>
      <c r="BF802" s="192" t="str">
        <f t="shared" si="479"/>
        <v/>
      </c>
      <c r="BG802" s="192" t="str">
        <f t="shared" si="480"/>
        <v/>
      </c>
      <c r="BH802" s="192" t="str">
        <f t="shared" si="481"/>
        <v/>
      </c>
      <c r="BI802" s="192" t="str">
        <f t="shared" si="482"/>
        <v/>
      </c>
      <c r="BJ802" s="192" t="str">
        <f t="shared" si="483"/>
        <v/>
      </c>
      <c r="BK802" s="192" t="str">
        <f t="shared" si="484"/>
        <v/>
      </c>
      <c r="BL802" s="192" t="str">
        <f t="shared" si="485"/>
        <v/>
      </c>
      <c r="BM802" s="192" t="str">
        <f t="shared" si="486"/>
        <v/>
      </c>
      <c r="BN802" s="192" t="str">
        <f t="shared" si="487"/>
        <v/>
      </c>
      <c r="BO802" s="192" t="str">
        <f t="shared" si="488"/>
        <v/>
      </c>
      <c r="BP802" s="192" t="str">
        <f t="shared" si="489"/>
        <v/>
      </c>
      <c r="BQ802" s="192" t="str">
        <f t="shared" si="490"/>
        <v/>
      </c>
      <c r="BR802" s="192" t="str">
        <f t="shared" si="491"/>
        <v/>
      </c>
      <c r="BS802" s="192" t="str">
        <f t="shared" si="492"/>
        <v/>
      </c>
      <c r="BT802" s="192" t="str">
        <f t="shared" si="493"/>
        <v/>
      </c>
      <c r="BU802" s="192" t="str">
        <f t="shared" si="494"/>
        <v/>
      </c>
      <c r="BV802" s="192" t="str">
        <f t="shared" si="495"/>
        <v/>
      </c>
      <c r="BW802" s="192" t="str">
        <f t="shared" si="496"/>
        <v/>
      </c>
      <c r="BX802" s="192" t="str">
        <f t="shared" si="497"/>
        <v/>
      </c>
      <c r="BY802" s="192" t="str">
        <f t="shared" si="498"/>
        <v/>
      </c>
      <c r="BZ802" s="192" t="str">
        <f t="shared" si="499"/>
        <v/>
      </c>
      <c r="CA802" s="192" t="str">
        <f t="shared" si="500"/>
        <v/>
      </c>
      <c r="CB802" s="192" t="str">
        <f t="shared" si="501"/>
        <v/>
      </c>
      <c r="CC802" s="192" t="str">
        <f t="shared" si="502"/>
        <v/>
      </c>
      <c r="CD802" s="197"/>
      <c r="CE802" s="197"/>
      <c r="CF802" s="197"/>
    </row>
    <row r="803" spans="1:84" s="194" customFormat="1" ht="56.1" hidden="1" customHeight="1" x14ac:dyDescent="0.2">
      <c r="A803" s="181">
        <v>803</v>
      </c>
      <c r="B803" s="182" t="s">
        <v>53</v>
      </c>
      <c r="C803" s="183" t="s">
        <v>655</v>
      </c>
      <c r="D803" s="184" t="s">
        <v>932</v>
      </c>
      <c r="E803" s="185" t="s">
        <v>1104</v>
      </c>
      <c r="F803" s="185" t="s">
        <v>1105</v>
      </c>
      <c r="G803" s="186" t="s">
        <v>58</v>
      </c>
      <c r="H803" s="185" t="s">
        <v>1099</v>
      </c>
      <c r="I803" s="184" t="s">
        <v>81</v>
      </c>
      <c r="J803" s="186" t="s">
        <v>77</v>
      </c>
      <c r="K803" s="195" t="s">
        <v>722</v>
      </c>
      <c r="L803" s="187" t="s">
        <v>63</v>
      </c>
      <c r="M803" s="187" t="s">
        <v>63</v>
      </c>
      <c r="N803" s="196">
        <v>21645.731250000001</v>
      </c>
      <c r="O803" s="189">
        <f t="shared" si="470"/>
        <v>21645.731250000001</v>
      </c>
      <c r="P803" s="190" t="s">
        <v>839</v>
      </c>
      <c r="Q803" s="187" t="s">
        <v>65</v>
      </c>
      <c r="R803" s="197"/>
      <c r="S803" s="197"/>
      <c r="T803" s="197"/>
      <c r="U803" s="197"/>
      <c r="V803" s="197"/>
      <c r="W803" s="197"/>
      <c r="X803" s="197"/>
      <c r="Y803" s="197"/>
      <c r="Z803" s="197"/>
      <c r="AA803" s="197"/>
      <c r="AB803" s="197"/>
      <c r="AC803" s="197"/>
      <c r="AD803" s="192"/>
      <c r="AE803" s="197"/>
      <c r="AF803" s="197"/>
      <c r="AG803" s="192"/>
      <c r="AH803" s="197"/>
      <c r="AI803" s="197"/>
      <c r="AJ803" s="197"/>
      <c r="AK803" s="197"/>
      <c r="AL803" s="197"/>
      <c r="AM803" s="197"/>
      <c r="AN803" s="197"/>
      <c r="AO803" s="197"/>
      <c r="AP803" s="197"/>
      <c r="AQ803" s="197"/>
      <c r="AR803" s="197"/>
      <c r="AS803" s="197"/>
      <c r="AT803" s="197"/>
      <c r="AU803" s="197"/>
      <c r="AV803" s="197"/>
      <c r="AW803" s="191">
        <f t="shared" si="471"/>
        <v>0</v>
      </c>
      <c r="AX803" s="187"/>
      <c r="AY803" s="192" t="str">
        <f t="shared" si="472"/>
        <v/>
      </c>
      <c r="AZ803" s="192" t="str">
        <f t="shared" si="473"/>
        <v/>
      </c>
      <c r="BA803" s="192" t="str">
        <f t="shared" si="474"/>
        <v/>
      </c>
      <c r="BB803" s="192" t="str">
        <f t="shared" si="475"/>
        <v/>
      </c>
      <c r="BC803" s="192" t="str">
        <f t="shared" si="476"/>
        <v/>
      </c>
      <c r="BD803" s="192" t="str">
        <f t="shared" si="477"/>
        <v/>
      </c>
      <c r="BE803" s="192" t="str">
        <f t="shared" si="478"/>
        <v/>
      </c>
      <c r="BF803" s="192" t="str">
        <f t="shared" si="479"/>
        <v/>
      </c>
      <c r="BG803" s="192" t="str">
        <f t="shared" si="480"/>
        <v/>
      </c>
      <c r="BH803" s="192" t="str">
        <f t="shared" si="481"/>
        <v/>
      </c>
      <c r="BI803" s="192" t="str">
        <f t="shared" si="482"/>
        <v/>
      </c>
      <c r="BJ803" s="192" t="str">
        <f t="shared" si="483"/>
        <v/>
      </c>
      <c r="BK803" s="192" t="str">
        <f t="shared" si="484"/>
        <v/>
      </c>
      <c r="BL803" s="192" t="str">
        <f t="shared" si="485"/>
        <v/>
      </c>
      <c r="BM803" s="192" t="str">
        <f t="shared" si="486"/>
        <v/>
      </c>
      <c r="BN803" s="192" t="str">
        <f t="shared" si="487"/>
        <v/>
      </c>
      <c r="BO803" s="192" t="str">
        <f t="shared" si="488"/>
        <v/>
      </c>
      <c r="BP803" s="192" t="str">
        <f t="shared" si="489"/>
        <v/>
      </c>
      <c r="BQ803" s="192" t="str">
        <f t="shared" si="490"/>
        <v/>
      </c>
      <c r="BR803" s="192" t="str">
        <f t="shared" si="491"/>
        <v/>
      </c>
      <c r="BS803" s="192" t="str">
        <f t="shared" si="492"/>
        <v/>
      </c>
      <c r="BT803" s="192" t="str">
        <f t="shared" si="493"/>
        <v/>
      </c>
      <c r="BU803" s="192" t="str">
        <f t="shared" si="494"/>
        <v/>
      </c>
      <c r="BV803" s="192" t="str">
        <f t="shared" si="495"/>
        <v/>
      </c>
      <c r="BW803" s="192" t="str">
        <f t="shared" si="496"/>
        <v/>
      </c>
      <c r="BX803" s="192" t="str">
        <f t="shared" si="497"/>
        <v/>
      </c>
      <c r="BY803" s="192" t="str">
        <f t="shared" si="498"/>
        <v/>
      </c>
      <c r="BZ803" s="192" t="str">
        <f t="shared" si="499"/>
        <v/>
      </c>
      <c r="CA803" s="192" t="str">
        <f t="shared" si="500"/>
        <v/>
      </c>
      <c r="CB803" s="192" t="str">
        <f t="shared" si="501"/>
        <v/>
      </c>
      <c r="CC803" s="192" t="str">
        <f t="shared" si="502"/>
        <v/>
      </c>
      <c r="CD803" s="197"/>
      <c r="CE803" s="197"/>
      <c r="CF803" s="197"/>
    </row>
    <row r="804" spans="1:84" s="194" customFormat="1" ht="56.1" hidden="1" customHeight="1" x14ac:dyDescent="0.2">
      <c r="A804" s="181">
        <v>804</v>
      </c>
      <c r="B804" s="182" t="s">
        <v>53</v>
      </c>
      <c r="C804" s="183" t="s">
        <v>655</v>
      </c>
      <c r="D804" s="184" t="s">
        <v>932</v>
      </c>
      <c r="E804" s="185" t="s">
        <v>1106</v>
      </c>
      <c r="F804" s="185" t="s">
        <v>1107</v>
      </c>
      <c r="G804" s="186" t="s">
        <v>58</v>
      </c>
      <c r="H804" s="185" t="s">
        <v>1108</v>
      </c>
      <c r="I804" s="185" t="s">
        <v>81</v>
      </c>
      <c r="J804" s="186" t="s">
        <v>77</v>
      </c>
      <c r="K804" s="195" t="s">
        <v>722</v>
      </c>
      <c r="L804" s="187" t="s">
        <v>63</v>
      </c>
      <c r="M804" s="187" t="s">
        <v>63</v>
      </c>
      <c r="N804" s="196">
        <v>41046.720000000001</v>
      </c>
      <c r="O804" s="189">
        <f t="shared" si="470"/>
        <v>41046.720000000001</v>
      </c>
      <c r="P804" s="190" t="s">
        <v>839</v>
      </c>
      <c r="Q804" s="187" t="s">
        <v>65</v>
      </c>
      <c r="R804" s="197"/>
      <c r="S804" s="197"/>
      <c r="T804" s="197"/>
      <c r="U804" s="197"/>
      <c r="V804" s="197"/>
      <c r="W804" s="197"/>
      <c r="X804" s="197"/>
      <c r="Y804" s="197"/>
      <c r="Z804" s="197"/>
      <c r="AA804" s="197"/>
      <c r="AB804" s="197"/>
      <c r="AC804" s="197"/>
      <c r="AD804" s="197"/>
      <c r="AE804" s="197"/>
      <c r="AF804" s="197"/>
      <c r="AG804" s="192"/>
      <c r="AH804" s="197"/>
      <c r="AI804" s="197"/>
      <c r="AJ804" s="197"/>
      <c r="AK804" s="197"/>
      <c r="AL804" s="197"/>
      <c r="AM804" s="197"/>
      <c r="AN804" s="197"/>
      <c r="AO804" s="197"/>
      <c r="AP804" s="197"/>
      <c r="AQ804" s="197"/>
      <c r="AR804" s="197"/>
      <c r="AS804" s="197"/>
      <c r="AT804" s="197"/>
      <c r="AU804" s="197"/>
      <c r="AV804" s="197"/>
      <c r="AW804" s="191">
        <f t="shared" si="471"/>
        <v>0</v>
      </c>
      <c r="AX804" s="187"/>
      <c r="AY804" s="192" t="str">
        <f t="shared" si="472"/>
        <v/>
      </c>
      <c r="AZ804" s="192" t="str">
        <f t="shared" si="473"/>
        <v/>
      </c>
      <c r="BA804" s="192" t="str">
        <f t="shared" si="474"/>
        <v/>
      </c>
      <c r="BB804" s="192" t="str">
        <f t="shared" si="475"/>
        <v/>
      </c>
      <c r="BC804" s="192" t="str">
        <f t="shared" si="476"/>
        <v/>
      </c>
      <c r="BD804" s="192" t="str">
        <f t="shared" si="477"/>
        <v/>
      </c>
      <c r="BE804" s="192" t="str">
        <f t="shared" si="478"/>
        <v/>
      </c>
      <c r="BF804" s="192" t="str">
        <f t="shared" si="479"/>
        <v/>
      </c>
      <c r="BG804" s="192" t="str">
        <f t="shared" si="480"/>
        <v/>
      </c>
      <c r="BH804" s="192" t="str">
        <f t="shared" si="481"/>
        <v/>
      </c>
      <c r="BI804" s="192" t="str">
        <f t="shared" si="482"/>
        <v/>
      </c>
      <c r="BJ804" s="192" t="str">
        <f t="shared" si="483"/>
        <v/>
      </c>
      <c r="BK804" s="192" t="str">
        <f t="shared" si="484"/>
        <v/>
      </c>
      <c r="BL804" s="192" t="str">
        <f t="shared" si="485"/>
        <v/>
      </c>
      <c r="BM804" s="192" t="str">
        <f t="shared" si="486"/>
        <v/>
      </c>
      <c r="BN804" s="192" t="str">
        <f t="shared" si="487"/>
        <v/>
      </c>
      <c r="BO804" s="192" t="str">
        <f t="shared" si="488"/>
        <v/>
      </c>
      <c r="BP804" s="192" t="str">
        <f t="shared" si="489"/>
        <v/>
      </c>
      <c r="BQ804" s="192" t="str">
        <f t="shared" si="490"/>
        <v/>
      </c>
      <c r="BR804" s="192" t="str">
        <f t="shared" si="491"/>
        <v/>
      </c>
      <c r="BS804" s="192" t="str">
        <f t="shared" si="492"/>
        <v/>
      </c>
      <c r="BT804" s="192" t="str">
        <f t="shared" si="493"/>
        <v/>
      </c>
      <c r="BU804" s="192" t="str">
        <f t="shared" si="494"/>
        <v/>
      </c>
      <c r="BV804" s="192" t="str">
        <f t="shared" si="495"/>
        <v/>
      </c>
      <c r="BW804" s="192" t="str">
        <f t="shared" si="496"/>
        <v/>
      </c>
      <c r="BX804" s="192" t="str">
        <f t="shared" si="497"/>
        <v/>
      </c>
      <c r="BY804" s="192" t="str">
        <f t="shared" si="498"/>
        <v/>
      </c>
      <c r="BZ804" s="192" t="str">
        <f t="shared" si="499"/>
        <v/>
      </c>
      <c r="CA804" s="192" t="str">
        <f t="shared" si="500"/>
        <v/>
      </c>
      <c r="CB804" s="192" t="str">
        <f t="shared" si="501"/>
        <v/>
      </c>
      <c r="CC804" s="192" t="str">
        <f t="shared" si="502"/>
        <v/>
      </c>
      <c r="CD804" s="197"/>
      <c r="CE804" s="197"/>
      <c r="CF804" s="197"/>
    </row>
    <row r="805" spans="1:84" s="194" customFormat="1" ht="56.1" hidden="1" customHeight="1" x14ac:dyDescent="0.2">
      <c r="A805" s="181">
        <v>805</v>
      </c>
      <c r="B805" s="182" t="s">
        <v>53</v>
      </c>
      <c r="C805" s="183" t="s">
        <v>655</v>
      </c>
      <c r="D805" s="184" t="s">
        <v>900</v>
      </c>
      <c r="E805" s="185" t="s">
        <v>1109</v>
      </c>
      <c r="F805" s="185" t="s">
        <v>1110</v>
      </c>
      <c r="G805" s="186" t="s">
        <v>58</v>
      </c>
      <c r="H805" s="185" t="s">
        <v>1108</v>
      </c>
      <c r="I805" s="184" t="s">
        <v>81</v>
      </c>
      <c r="J805" s="186" t="s">
        <v>77</v>
      </c>
      <c r="K805" s="195" t="s">
        <v>834</v>
      </c>
      <c r="L805" s="187" t="s">
        <v>63</v>
      </c>
      <c r="M805" s="187" t="s">
        <v>63</v>
      </c>
      <c r="N805" s="196">
        <v>493350</v>
      </c>
      <c r="O805" s="189">
        <f t="shared" si="470"/>
        <v>493350</v>
      </c>
      <c r="P805" s="190" t="s">
        <v>839</v>
      </c>
      <c r="Q805" s="187" t="s">
        <v>65</v>
      </c>
      <c r="R805" s="197"/>
      <c r="S805" s="197"/>
      <c r="T805" s="197"/>
      <c r="U805" s="197"/>
      <c r="V805" s="197"/>
      <c r="W805" s="197"/>
      <c r="X805" s="197"/>
      <c r="Y805" s="197"/>
      <c r="Z805" s="197"/>
      <c r="AA805" s="197"/>
      <c r="AB805" s="197"/>
      <c r="AC805" s="197"/>
      <c r="AD805" s="197"/>
      <c r="AE805" s="197"/>
      <c r="AF805" s="197"/>
      <c r="AG805" s="192"/>
      <c r="AH805" s="197"/>
      <c r="AI805" s="197"/>
      <c r="AJ805" s="197"/>
      <c r="AK805" s="197"/>
      <c r="AL805" s="197"/>
      <c r="AM805" s="197"/>
      <c r="AN805" s="197"/>
      <c r="AO805" s="197"/>
      <c r="AP805" s="197"/>
      <c r="AQ805" s="197"/>
      <c r="AR805" s="197"/>
      <c r="AS805" s="197"/>
      <c r="AT805" s="197"/>
      <c r="AU805" s="197"/>
      <c r="AV805" s="197"/>
      <c r="AW805" s="191">
        <f t="shared" si="471"/>
        <v>0</v>
      </c>
      <c r="AX805" s="187"/>
      <c r="AY805" s="192" t="str">
        <f t="shared" si="472"/>
        <v/>
      </c>
      <c r="AZ805" s="192" t="str">
        <f t="shared" si="473"/>
        <v/>
      </c>
      <c r="BA805" s="192" t="str">
        <f t="shared" si="474"/>
        <v/>
      </c>
      <c r="BB805" s="192" t="str">
        <f t="shared" si="475"/>
        <v/>
      </c>
      <c r="BC805" s="192" t="str">
        <f t="shared" si="476"/>
        <v/>
      </c>
      <c r="BD805" s="192" t="str">
        <f t="shared" si="477"/>
        <v/>
      </c>
      <c r="BE805" s="192" t="str">
        <f t="shared" si="478"/>
        <v/>
      </c>
      <c r="BF805" s="192" t="str">
        <f t="shared" si="479"/>
        <v/>
      </c>
      <c r="BG805" s="192" t="str">
        <f t="shared" si="480"/>
        <v/>
      </c>
      <c r="BH805" s="192" t="str">
        <f t="shared" si="481"/>
        <v/>
      </c>
      <c r="BI805" s="192" t="str">
        <f t="shared" si="482"/>
        <v/>
      </c>
      <c r="BJ805" s="192" t="str">
        <f t="shared" si="483"/>
        <v/>
      </c>
      <c r="BK805" s="192" t="str">
        <f t="shared" si="484"/>
        <v/>
      </c>
      <c r="BL805" s="192" t="str">
        <f t="shared" si="485"/>
        <v/>
      </c>
      <c r="BM805" s="192" t="str">
        <f t="shared" si="486"/>
        <v/>
      </c>
      <c r="BN805" s="192" t="str">
        <f t="shared" si="487"/>
        <v/>
      </c>
      <c r="BO805" s="192" t="str">
        <f t="shared" si="488"/>
        <v/>
      </c>
      <c r="BP805" s="192" t="str">
        <f t="shared" si="489"/>
        <v/>
      </c>
      <c r="BQ805" s="192" t="str">
        <f t="shared" si="490"/>
        <v/>
      </c>
      <c r="BR805" s="192" t="str">
        <f t="shared" si="491"/>
        <v/>
      </c>
      <c r="BS805" s="192" t="str">
        <f t="shared" si="492"/>
        <v/>
      </c>
      <c r="BT805" s="192" t="str">
        <f t="shared" si="493"/>
        <v/>
      </c>
      <c r="BU805" s="192" t="str">
        <f t="shared" si="494"/>
        <v/>
      </c>
      <c r="BV805" s="192" t="str">
        <f t="shared" si="495"/>
        <v/>
      </c>
      <c r="BW805" s="192" t="str">
        <f t="shared" si="496"/>
        <v/>
      </c>
      <c r="BX805" s="192" t="str">
        <f t="shared" si="497"/>
        <v/>
      </c>
      <c r="BY805" s="192" t="str">
        <f t="shared" si="498"/>
        <v/>
      </c>
      <c r="BZ805" s="192" t="str">
        <f t="shared" si="499"/>
        <v/>
      </c>
      <c r="CA805" s="192" t="str">
        <f t="shared" si="500"/>
        <v/>
      </c>
      <c r="CB805" s="192" t="str">
        <f t="shared" si="501"/>
        <v/>
      </c>
      <c r="CC805" s="192" t="str">
        <f t="shared" si="502"/>
        <v/>
      </c>
      <c r="CD805" s="197"/>
      <c r="CE805" s="197"/>
      <c r="CF805" s="197"/>
    </row>
    <row r="806" spans="1:84" s="248" customFormat="1" ht="56.1" hidden="1" customHeight="1" x14ac:dyDescent="0.2">
      <c r="A806" s="198">
        <v>806</v>
      </c>
      <c r="B806" s="199" t="s">
        <v>53</v>
      </c>
      <c r="C806" s="208" t="s">
        <v>655</v>
      </c>
      <c r="D806" s="243" t="s">
        <v>932</v>
      </c>
      <c r="E806" s="288" t="s">
        <v>1111</v>
      </c>
      <c r="F806" s="288" t="s">
        <v>1112</v>
      </c>
      <c r="G806" s="206" t="s">
        <v>58</v>
      </c>
      <c r="H806" s="242" t="s">
        <v>833</v>
      </c>
      <c r="I806" s="288" t="s">
        <v>81</v>
      </c>
      <c r="J806" s="206" t="s">
        <v>77</v>
      </c>
      <c r="K806" s="243" t="s">
        <v>834</v>
      </c>
      <c r="L806" s="205" t="s">
        <v>63</v>
      </c>
      <c r="M806" s="205" t="s">
        <v>63</v>
      </c>
      <c r="N806" s="290">
        <v>1346845.5</v>
      </c>
      <c r="O806" s="245">
        <f t="shared" si="470"/>
        <v>1346845.5</v>
      </c>
      <c r="P806" s="285" t="s">
        <v>659</v>
      </c>
      <c r="Q806" s="205" t="s">
        <v>65</v>
      </c>
      <c r="R806" s="263"/>
      <c r="S806" s="263"/>
      <c r="T806" s="263"/>
      <c r="U806" s="263"/>
      <c r="V806" s="263"/>
      <c r="W806" s="263"/>
      <c r="X806" s="263"/>
      <c r="Y806" s="263"/>
      <c r="Z806" s="263"/>
      <c r="AA806" s="263"/>
      <c r="AB806" s="263"/>
      <c r="AC806" s="263"/>
      <c r="AD806" s="263"/>
      <c r="AE806" s="263"/>
      <c r="AF806" s="263"/>
      <c r="AG806" s="203"/>
      <c r="AH806" s="263"/>
      <c r="AI806" s="263"/>
      <c r="AJ806" s="263"/>
      <c r="AK806" s="263"/>
      <c r="AL806" s="263"/>
      <c r="AM806" s="263"/>
      <c r="AN806" s="263"/>
      <c r="AO806" s="263"/>
      <c r="AP806" s="263"/>
      <c r="AQ806" s="263"/>
      <c r="AR806" s="263"/>
      <c r="AS806" s="263"/>
      <c r="AT806" s="263"/>
      <c r="AU806" s="263"/>
      <c r="AV806" s="263"/>
      <c r="AW806" s="204">
        <f t="shared" si="471"/>
        <v>0</v>
      </c>
      <c r="AX806" s="205"/>
      <c r="AY806" s="203" t="str">
        <f t="shared" si="472"/>
        <v/>
      </c>
      <c r="AZ806" s="203" t="str">
        <f t="shared" si="473"/>
        <v/>
      </c>
      <c r="BA806" s="203" t="str">
        <f t="shared" si="474"/>
        <v/>
      </c>
      <c r="BB806" s="203" t="str">
        <f t="shared" si="475"/>
        <v/>
      </c>
      <c r="BC806" s="203" t="str">
        <f t="shared" si="476"/>
        <v/>
      </c>
      <c r="BD806" s="203" t="str">
        <f t="shared" si="477"/>
        <v/>
      </c>
      <c r="BE806" s="203" t="str">
        <f t="shared" si="478"/>
        <v/>
      </c>
      <c r="BF806" s="203" t="str">
        <f t="shared" si="479"/>
        <v/>
      </c>
      <c r="BG806" s="203" t="str">
        <f t="shared" si="480"/>
        <v/>
      </c>
      <c r="BH806" s="203" t="str">
        <f t="shared" si="481"/>
        <v/>
      </c>
      <c r="BI806" s="203" t="str">
        <f t="shared" si="482"/>
        <v/>
      </c>
      <c r="BJ806" s="203" t="str">
        <f t="shared" si="483"/>
        <v/>
      </c>
      <c r="BK806" s="203" t="str">
        <f t="shared" si="484"/>
        <v/>
      </c>
      <c r="BL806" s="203" t="str">
        <f t="shared" si="485"/>
        <v/>
      </c>
      <c r="BM806" s="203" t="str">
        <f t="shared" si="486"/>
        <v/>
      </c>
      <c r="BN806" s="203" t="str">
        <f t="shared" si="487"/>
        <v/>
      </c>
      <c r="BO806" s="203" t="str">
        <f t="shared" si="488"/>
        <v/>
      </c>
      <c r="BP806" s="203" t="str">
        <f t="shared" si="489"/>
        <v/>
      </c>
      <c r="BQ806" s="203" t="str">
        <f t="shared" si="490"/>
        <v/>
      </c>
      <c r="BR806" s="203" t="str">
        <f t="shared" si="491"/>
        <v/>
      </c>
      <c r="BS806" s="203" t="str">
        <f t="shared" si="492"/>
        <v/>
      </c>
      <c r="BT806" s="203" t="str">
        <f t="shared" si="493"/>
        <v/>
      </c>
      <c r="BU806" s="203" t="str">
        <f t="shared" si="494"/>
        <v/>
      </c>
      <c r="BV806" s="203" t="str">
        <f t="shared" si="495"/>
        <v/>
      </c>
      <c r="BW806" s="203" t="str">
        <f t="shared" si="496"/>
        <v/>
      </c>
      <c r="BX806" s="203" t="str">
        <f t="shared" si="497"/>
        <v/>
      </c>
      <c r="BY806" s="203" t="str">
        <f t="shared" si="498"/>
        <v/>
      </c>
      <c r="BZ806" s="203" t="str">
        <f t="shared" si="499"/>
        <v/>
      </c>
      <c r="CA806" s="203" t="str">
        <f t="shared" si="500"/>
        <v/>
      </c>
      <c r="CB806" s="203" t="str">
        <f t="shared" si="501"/>
        <v/>
      </c>
      <c r="CC806" s="203" t="str">
        <f t="shared" si="502"/>
        <v/>
      </c>
      <c r="CD806" s="263"/>
      <c r="CE806" s="263"/>
      <c r="CF806" s="263"/>
    </row>
    <row r="807" spans="1:84" s="248" customFormat="1" ht="56.1" hidden="1" customHeight="1" x14ac:dyDescent="0.2">
      <c r="A807" s="198">
        <v>807</v>
      </c>
      <c r="B807" s="199" t="s">
        <v>53</v>
      </c>
      <c r="C807" s="208" t="s">
        <v>655</v>
      </c>
      <c r="D807" s="243" t="s">
        <v>932</v>
      </c>
      <c r="E807" s="288" t="s">
        <v>1113</v>
      </c>
      <c r="F807" s="288" t="s">
        <v>1114</v>
      </c>
      <c r="G807" s="206" t="s">
        <v>58</v>
      </c>
      <c r="H807" s="242" t="s">
        <v>833</v>
      </c>
      <c r="I807" s="243" t="s">
        <v>81</v>
      </c>
      <c r="J807" s="206" t="s">
        <v>77</v>
      </c>
      <c r="K807" s="243" t="s">
        <v>834</v>
      </c>
      <c r="L807" s="205" t="s">
        <v>63</v>
      </c>
      <c r="M807" s="205" t="s">
        <v>63</v>
      </c>
      <c r="N807" s="290">
        <v>13567.125</v>
      </c>
      <c r="O807" s="245">
        <f t="shared" si="470"/>
        <v>13567.125</v>
      </c>
      <c r="P807" s="285" t="s">
        <v>659</v>
      </c>
      <c r="Q807" s="205" t="s">
        <v>65</v>
      </c>
      <c r="R807" s="263"/>
      <c r="S807" s="263"/>
      <c r="T807" s="263"/>
      <c r="U807" s="263"/>
      <c r="V807" s="263"/>
      <c r="W807" s="263"/>
      <c r="X807" s="263"/>
      <c r="Y807" s="263"/>
      <c r="Z807" s="263"/>
      <c r="AA807" s="263"/>
      <c r="AB807" s="263"/>
      <c r="AC807" s="263"/>
      <c r="AD807" s="263"/>
      <c r="AE807" s="263"/>
      <c r="AF807" s="263"/>
      <c r="AG807" s="203"/>
      <c r="AH807" s="263"/>
      <c r="AI807" s="263"/>
      <c r="AJ807" s="263"/>
      <c r="AK807" s="263"/>
      <c r="AL807" s="263"/>
      <c r="AM807" s="263"/>
      <c r="AN807" s="263"/>
      <c r="AO807" s="263"/>
      <c r="AP807" s="263"/>
      <c r="AQ807" s="263"/>
      <c r="AR807" s="263"/>
      <c r="AS807" s="263"/>
      <c r="AT807" s="263"/>
      <c r="AU807" s="263"/>
      <c r="AV807" s="263"/>
      <c r="AW807" s="204">
        <f t="shared" si="471"/>
        <v>0</v>
      </c>
      <c r="AX807" s="205"/>
      <c r="AY807" s="203" t="str">
        <f t="shared" si="472"/>
        <v/>
      </c>
      <c r="AZ807" s="203" t="str">
        <f t="shared" si="473"/>
        <v/>
      </c>
      <c r="BA807" s="203" t="str">
        <f t="shared" si="474"/>
        <v/>
      </c>
      <c r="BB807" s="203" t="str">
        <f t="shared" si="475"/>
        <v/>
      </c>
      <c r="BC807" s="203" t="str">
        <f t="shared" si="476"/>
        <v/>
      </c>
      <c r="BD807" s="203" t="str">
        <f t="shared" si="477"/>
        <v/>
      </c>
      <c r="BE807" s="203" t="str">
        <f t="shared" si="478"/>
        <v/>
      </c>
      <c r="BF807" s="203" t="str">
        <f t="shared" si="479"/>
        <v/>
      </c>
      <c r="BG807" s="203" t="str">
        <f t="shared" si="480"/>
        <v/>
      </c>
      <c r="BH807" s="203" t="str">
        <f t="shared" si="481"/>
        <v/>
      </c>
      <c r="BI807" s="203" t="str">
        <f t="shared" si="482"/>
        <v/>
      </c>
      <c r="BJ807" s="203" t="str">
        <f t="shared" si="483"/>
        <v/>
      </c>
      <c r="BK807" s="203" t="str">
        <f t="shared" si="484"/>
        <v/>
      </c>
      <c r="BL807" s="203" t="str">
        <f t="shared" si="485"/>
        <v/>
      </c>
      <c r="BM807" s="203" t="str">
        <f t="shared" si="486"/>
        <v/>
      </c>
      <c r="BN807" s="203" t="str">
        <f t="shared" si="487"/>
        <v/>
      </c>
      <c r="BO807" s="203" t="str">
        <f t="shared" si="488"/>
        <v/>
      </c>
      <c r="BP807" s="203" t="str">
        <f t="shared" si="489"/>
        <v/>
      </c>
      <c r="BQ807" s="203" t="str">
        <f t="shared" si="490"/>
        <v/>
      </c>
      <c r="BR807" s="203" t="str">
        <f t="shared" si="491"/>
        <v/>
      </c>
      <c r="BS807" s="203" t="str">
        <f t="shared" si="492"/>
        <v/>
      </c>
      <c r="BT807" s="203" t="str">
        <f t="shared" si="493"/>
        <v/>
      </c>
      <c r="BU807" s="203" t="str">
        <f t="shared" si="494"/>
        <v/>
      </c>
      <c r="BV807" s="203" t="str">
        <f t="shared" si="495"/>
        <v/>
      </c>
      <c r="BW807" s="203" t="str">
        <f t="shared" si="496"/>
        <v/>
      </c>
      <c r="BX807" s="203" t="str">
        <f t="shared" si="497"/>
        <v/>
      </c>
      <c r="BY807" s="203" t="str">
        <f t="shared" si="498"/>
        <v/>
      </c>
      <c r="BZ807" s="203" t="str">
        <f t="shared" si="499"/>
        <v/>
      </c>
      <c r="CA807" s="203" t="str">
        <f t="shared" si="500"/>
        <v/>
      </c>
      <c r="CB807" s="203" t="str">
        <f t="shared" si="501"/>
        <v/>
      </c>
      <c r="CC807" s="203" t="str">
        <f t="shared" si="502"/>
        <v/>
      </c>
      <c r="CD807" s="263"/>
      <c r="CE807" s="263"/>
      <c r="CF807" s="263"/>
    </row>
    <row r="808" spans="1:84" s="248" customFormat="1" ht="56.1" hidden="1" customHeight="1" x14ac:dyDescent="0.2">
      <c r="A808" s="198">
        <v>808</v>
      </c>
      <c r="B808" s="199" t="s">
        <v>53</v>
      </c>
      <c r="C808" s="208" t="s">
        <v>655</v>
      </c>
      <c r="D808" s="243" t="s">
        <v>932</v>
      </c>
      <c r="E808" s="288" t="s">
        <v>1115</v>
      </c>
      <c r="F808" s="288" t="s">
        <v>1116</v>
      </c>
      <c r="G808" s="206" t="s">
        <v>58</v>
      </c>
      <c r="H808" s="242" t="s">
        <v>833</v>
      </c>
      <c r="I808" s="288" t="s">
        <v>81</v>
      </c>
      <c r="J808" s="206" t="s">
        <v>77</v>
      </c>
      <c r="K808" s="242" t="s">
        <v>722</v>
      </c>
      <c r="L808" s="205" t="s">
        <v>63</v>
      </c>
      <c r="M808" s="205" t="s">
        <v>63</v>
      </c>
      <c r="N808" s="290">
        <v>8395.8302999999996</v>
      </c>
      <c r="O808" s="245">
        <f t="shared" si="470"/>
        <v>8395.8302999999996</v>
      </c>
      <c r="P808" s="285" t="s">
        <v>659</v>
      </c>
      <c r="Q808" s="205" t="s">
        <v>65</v>
      </c>
      <c r="R808" s="203"/>
      <c r="S808" s="263"/>
      <c r="T808" s="263"/>
      <c r="U808" s="263"/>
      <c r="V808" s="263"/>
      <c r="W808" s="263"/>
      <c r="X808" s="263"/>
      <c r="Y808" s="263"/>
      <c r="Z808" s="263"/>
      <c r="AA808" s="263"/>
      <c r="AB808" s="263"/>
      <c r="AC808" s="263"/>
      <c r="AD808" s="263"/>
      <c r="AE808" s="263"/>
      <c r="AF808" s="263"/>
      <c r="AG808" s="263"/>
      <c r="AH808" s="263"/>
      <c r="AI808" s="263"/>
      <c r="AJ808" s="263"/>
      <c r="AK808" s="263"/>
      <c r="AL808" s="263"/>
      <c r="AM808" s="263"/>
      <c r="AN808" s="263"/>
      <c r="AO808" s="263"/>
      <c r="AP808" s="263"/>
      <c r="AQ808" s="263"/>
      <c r="AR808" s="263"/>
      <c r="AS808" s="263"/>
      <c r="AT808" s="263"/>
      <c r="AU808" s="263"/>
      <c r="AV808" s="263"/>
      <c r="AW808" s="204">
        <f t="shared" si="471"/>
        <v>0</v>
      </c>
      <c r="AX808" s="205"/>
      <c r="AY808" s="203" t="str">
        <f t="shared" si="472"/>
        <v/>
      </c>
      <c r="AZ808" s="203" t="str">
        <f t="shared" si="473"/>
        <v/>
      </c>
      <c r="BA808" s="203" t="str">
        <f t="shared" si="474"/>
        <v/>
      </c>
      <c r="BB808" s="203" t="str">
        <f t="shared" si="475"/>
        <v/>
      </c>
      <c r="BC808" s="203" t="str">
        <f t="shared" si="476"/>
        <v/>
      </c>
      <c r="BD808" s="203" t="str">
        <f t="shared" si="477"/>
        <v/>
      </c>
      <c r="BE808" s="203" t="str">
        <f t="shared" si="478"/>
        <v/>
      </c>
      <c r="BF808" s="203" t="str">
        <f t="shared" si="479"/>
        <v/>
      </c>
      <c r="BG808" s="203" t="str">
        <f t="shared" si="480"/>
        <v/>
      </c>
      <c r="BH808" s="203" t="str">
        <f t="shared" si="481"/>
        <v/>
      </c>
      <c r="BI808" s="203" t="str">
        <f t="shared" si="482"/>
        <v/>
      </c>
      <c r="BJ808" s="203" t="str">
        <f t="shared" si="483"/>
        <v/>
      </c>
      <c r="BK808" s="203" t="str">
        <f t="shared" si="484"/>
        <v/>
      </c>
      <c r="BL808" s="203" t="str">
        <f t="shared" si="485"/>
        <v/>
      </c>
      <c r="BM808" s="203" t="str">
        <f t="shared" si="486"/>
        <v/>
      </c>
      <c r="BN808" s="203" t="str">
        <f t="shared" si="487"/>
        <v/>
      </c>
      <c r="BO808" s="203" t="str">
        <f t="shared" si="488"/>
        <v/>
      </c>
      <c r="BP808" s="203" t="str">
        <f t="shared" si="489"/>
        <v/>
      </c>
      <c r="BQ808" s="203" t="str">
        <f t="shared" si="490"/>
        <v/>
      </c>
      <c r="BR808" s="203" t="str">
        <f t="shared" si="491"/>
        <v/>
      </c>
      <c r="BS808" s="203" t="str">
        <f t="shared" si="492"/>
        <v/>
      </c>
      <c r="BT808" s="203" t="str">
        <f t="shared" si="493"/>
        <v/>
      </c>
      <c r="BU808" s="203" t="str">
        <f t="shared" si="494"/>
        <v/>
      </c>
      <c r="BV808" s="203" t="str">
        <f t="shared" si="495"/>
        <v/>
      </c>
      <c r="BW808" s="203" t="str">
        <f t="shared" si="496"/>
        <v/>
      </c>
      <c r="BX808" s="203" t="str">
        <f t="shared" si="497"/>
        <v/>
      </c>
      <c r="BY808" s="203" t="str">
        <f t="shared" si="498"/>
        <v/>
      </c>
      <c r="BZ808" s="203" t="str">
        <f t="shared" si="499"/>
        <v/>
      </c>
      <c r="CA808" s="203" t="str">
        <f t="shared" si="500"/>
        <v/>
      </c>
      <c r="CB808" s="203" t="str">
        <f t="shared" si="501"/>
        <v/>
      </c>
      <c r="CC808" s="203" t="str">
        <f t="shared" si="502"/>
        <v/>
      </c>
      <c r="CD808" s="263"/>
      <c r="CE808" s="263"/>
      <c r="CF808" s="263"/>
    </row>
    <row r="809" spans="1:84" s="248" customFormat="1" ht="56.1" hidden="1" customHeight="1" x14ac:dyDescent="0.2">
      <c r="A809" s="198">
        <v>809</v>
      </c>
      <c r="B809" s="199" t="s">
        <v>53</v>
      </c>
      <c r="C809" s="208" t="s">
        <v>655</v>
      </c>
      <c r="D809" s="243" t="s">
        <v>932</v>
      </c>
      <c r="E809" s="288" t="s">
        <v>1117</v>
      </c>
      <c r="F809" s="288" t="s">
        <v>1118</v>
      </c>
      <c r="G809" s="206" t="s">
        <v>58</v>
      </c>
      <c r="H809" s="242" t="s">
        <v>833</v>
      </c>
      <c r="I809" s="243" t="s">
        <v>81</v>
      </c>
      <c r="J809" s="206" t="s">
        <v>77</v>
      </c>
      <c r="K809" s="242" t="s">
        <v>722</v>
      </c>
      <c r="L809" s="205" t="s">
        <v>63</v>
      </c>
      <c r="M809" s="205" t="s">
        <v>63</v>
      </c>
      <c r="N809" s="290">
        <v>176783.75</v>
      </c>
      <c r="O809" s="245">
        <f t="shared" si="470"/>
        <v>176783.75</v>
      </c>
      <c r="P809" s="285" t="s">
        <v>659</v>
      </c>
      <c r="Q809" s="205" t="s">
        <v>65</v>
      </c>
      <c r="R809" s="203"/>
      <c r="S809" s="263"/>
      <c r="T809" s="263"/>
      <c r="U809" s="263"/>
      <c r="V809" s="263"/>
      <c r="W809" s="263"/>
      <c r="X809" s="263"/>
      <c r="Y809" s="263"/>
      <c r="Z809" s="263"/>
      <c r="AA809" s="263"/>
      <c r="AB809" s="263"/>
      <c r="AC809" s="263"/>
      <c r="AD809" s="263"/>
      <c r="AE809" s="263"/>
      <c r="AF809" s="263"/>
      <c r="AG809" s="263"/>
      <c r="AH809" s="263"/>
      <c r="AI809" s="263"/>
      <c r="AJ809" s="263"/>
      <c r="AK809" s="263"/>
      <c r="AL809" s="263"/>
      <c r="AM809" s="263"/>
      <c r="AN809" s="263"/>
      <c r="AO809" s="263"/>
      <c r="AP809" s="263"/>
      <c r="AQ809" s="263"/>
      <c r="AR809" s="263"/>
      <c r="AS809" s="263"/>
      <c r="AT809" s="263"/>
      <c r="AU809" s="263"/>
      <c r="AV809" s="263"/>
      <c r="AW809" s="204">
        <f t="shared" si="471"/>
        <v>0</v>
      </c>
      <c r="AX809" s="205"/>
      <c r="AY809" s="203" t="str">
        <f t="shared" si="472"/>
        <v/>
      </c>
      <c r="AZ809" s="203" t="str">
        <f t="shared" si="473"/>
        <v/>
      </c>
      <c r="BA809" s="203" t="str">
        <f t="shared" si="474"/>
        <v/>
      </c>
      <c r="BB809" s="203" t="str">
        <f t="shared" si="475"/>
        <v/>
      </c>
      <c r="BC809" s="203" t="str">
        <f t="shared" si="476"/>
        <v/>
      </c>
      <c r="BD809" s="203" t="str">
        <f t="shared" si="477"/>
        <v/>
      </c>
      <c r="BE809" s="203" t="str">
        <f t="shared" si="478"/>
        <v/>
      </c>
      <c r="BF809" s="203" t="str">
        <f t="shared" si="479"/>
        <v/>
      </c>
      <c r="BG809" s="203" t="str">
        <f t="shared" si="480"/>
        <v/>
      </c>
      <c r="BH809" s="203" t="str">
        <f t="shared" si="481"/>
        <v/>
      </c>
      <c r="BI809" s="203" t="str">
        <f t="shared" si="482"/>
        <v/>
      </c>
      <c r="BJ809" s="203" t="str">
        <f t="shared" si="483"/>
        <v/>
      </c>
      <c r="BK809" s="203" t="str">
        <f t="shared" si="484"/>
        <v/>
      </c>
      <c r="BL809" s="203" t="str">
        <f t="shared" si="485"/>
        <v/>
      </c>
      <c r="BM809" s="203" t="str">
        <f t="shared" si="486"/>
        <v/>
      </c>
      <c r="BN809" s="203" t="str">
        <f t="shared" si="487"/>
        <v/>
      </c>
      <c r="BO809" s="203" t="str">
        <f t="shared" si="488"/>
        <v/>
      </c>
      <c r="BP809" s="203" t="str">
        <f t="shared" si="489"/>
        <v/>
      </c>
      <c r="BQ809" s="203" t="str">
        <f t="shared" si="490"/>
        <v/>
      </c>
      <c r="BR809" s="203" t="str">
        <f t="shared" si="491"/>
        <v/>
      </c>
      <c r="BS809" s="203" t="str">
        <f t="shared" si="492"/>
        <v/>
      </c>
      <c r="BT809" s="203" t="str">
        <f t="shared" si="493"/>
        <v/>
      </c>
      <c r="BU809" s="203" t="str">
        <f t="shared" si="494"/>
        <v/>
      </c>
      <c r="BV809" s="203" t="str">
        <f t="shared" si="495"/>
        <v/>
      </c>
      <c r="BW809" s="203" t="str">
        <f t="shared" si="496"/>
        <v/>
      </c>
      <c r="BX809" s="203" t="str">
        <f t="shared" si="497"/>
        <v/>
      </c>
      <c r="BY809" s="203" t="str">
        <f t="shared" si="498"/>
        <v/>
      </c>
      <c r="BZ809" s="203" t="str">
        <f t="shared" si="499"/>
        <v/>
      </c>
      <c r="CA809" s="203" t="str">
        <f t="shared" si="500"/>
        <v/>
      </c>
      <c r="CB809" s="203" t="str">
        <f t="shared" si="501"/>
        <v/>
      </c>
      <c r="CC809" s="203" t="str">
        <f t="shared" si="502"/>
        <v/>
      </c>
      <c r="CD809" s="263"/>
      <c r="CE809" s="263"/>
      <c r="CF809" s="263"/>
    </row>
    <row r="810" spans="1:84" s="248" customFormat="1" ht="56.1" hidden="1" customHeight="1" x14ac:dyDescent="0.2">
      <c r="A810" s="198">
        <v>810</v>
      </c>
      <c r="B810" s="199" t="s">
        <v>53</v>
      </c>
      <c r="C810" s="208" t="s">
        <v>655</v>
      </c>
      <c r="D810" s="243" t="s">
        <v>900</v>
      </c>
      <c r="E810" s="288" t="s">
        <v>1119</v>
      </c>
      <c r="F810" s="288" t="s">
        <v>1120</v>
      </c>
      <c r="G810" s="206" t="s">
        <v>58</v>
      </c>
      <c r="H810" s="242" t="s">
        <v>833</v>
      </c>
      <c r="I810" s="288" t="s">
        <v>81</v>
      </c>
      <c r="J810" s="206" t="s">
        <v>77</v>
      </c>
      <c r="K810" s="242" t="s">
        <v>722</v>
      </c>
      <c r="L810" s="205" t="s">
        <v>63</v>
      </c>
      <c r="M810" s="205" t="s">
        <v>63</v>
      </c>
      <c r="N810" s="290">
        <v>34850.860687500004</v>
      </c>
      <c r="O810" s="245">
        <f t="shared" si="470"/>
        <v>34850.860687500004</v>
      </c>
      <c r="P810" s="285" t="s">
        <v>659</v>
      </c>
      <c r="Q810" s="205" t="s">
        <v>65</v>
      </c>
      <c r="R810" s="203"/>
      <c r="S810" s="203"/>
      <c r="T810" s="203"/>
      <c r="U810" s="203"/>
      <c r="V810" s="203"/>
      <c r="W810" s="203"/>
      <c r="X810" s="203"/>
      <c r="Y810" s="203"/>
      <c r="Z810" s="203"/>
      <c r="AA810" s="203"/>
      <c r="AB810" s="203"/>
      <c r="AC810" s="203"/>
      <c r="AD810" s="203"/>
      <c r="AE810" s="203"/>
      <c r="AF810" s="203"/>
      <c r="AG810" s="203"/>
      <c r="AH810" s="205"/>
      <c r="AI810" s="203"/>
      <c r="AJ810" s="203"/>
      <c r="AK810" s="203"/>
      <c r="AL810" s="205"/>
      <c r="AM810" s="203"/>
      <c r="AN810" s="203"/>
      <c r="AO810" s="203"/>
      <c r="AP810" s="205"/>
      <c r="AQ810" s="203"/>
      <c r="AR810" s="205"/>
      <c r="AS810" s="205"/>
      <c r="AT810" s="203"/>
      <c r="AU810" s="205"/>
      <c r="AV810" s="205"/>
      <c r="AW810" s="204">
        <f t="shared" si="471"/>
        <v>0</v>
      </c>
      <c r="AX810" s="205"/>
      <c r="AY810" s="203" t="str">
        <f t="shared" si="472"/>
        <v/>
      </c>
      <c r="AZ810" s="203" t="str">
        <f t="shared" si="473"/>
        <v/>
      </c>
      <c r="BA810" s="203" t="str">
        <f t="shared" si="474"/>
        <v/>
      </c>
      <c r="BB810" s="203" t="str">
        <f t="shared" si="475"/>
        <v/>
      </c>
      <c r="BC810" s="203" t="str">
        <f t="shared" si="476"/>
        <v/>
      </c>
      <c r="BD810" s="203" t="str">
        <f t="shared" si="477"/>
        <v/>
      </c>
      <c r="BE810" s="203" t="str">
        <f t="shared" si="478"/>
        <v/>
      </c>
      <c r="BF810" s="203" t="str">
        <f t="shared" si="479"/>
        <v/>
      </c>
      <c r="BG810" s="203" t="str">
        <f t="shared" si="480"/>
        <v/>
      </c>
      <c r="BH810" s="203" t="str">
        <f t="shared" si="481"/>
        <v/>
      </c>
      <c r="BI810" s="203" t="str">
        <f t="shared" si="482"/>
        <v/>
      </c>
      <c r="BJ810" s="203" t="str">
        <f t="shared" si="483"/>
        <v/>
      </c>
      <c r="BK810" s="203" t="str">
        <f t="shared" si="484"/>
        <v/>
      </c>
      <c r="BL810" s="203" t="str">
        <f t="shared" si="485"/>
        <v/>
      </c>
      <c r="BM810" s="203" t="str">
        <f t="shared" si="486"/>
        <v/>
      </c>
      <c r="BN810" s="203" t="str">
        <f t="shared" si="487"/>
        <v/>
      </c>
      <c r="BO810" s="203" t="str">
        <f t="shared" si="488"/>
        <v/>
      </c>
      <c r="BP810" s="203" t="str">
        <f t="shared" si="489"/>
        <v/>
      </c>
      <c r="BQ810" s="203" t="str">
        <f t="shared" si="490"/>
        <v/>
      </c>
      <c r="BR810" s="203" t="str">
        <f t="shared" si="491"/>
        <v/>
      </c>
      <c r="BS810" s="203" t="str">
        <f t="shared" si="492"/>
        <v/>
      </c>
      <c r="BT810" s="203" t="str">
        <f t="shared" si="493"/>
        <v/>
      </c>
      <c r="BU810" s="203" t="str">
        <f t="shared" si="494"/>
        <v/>
      </c>
      <c r="BV810" s="203" t="str">
        <f t="shared" si="495"/>
        <v/>
      </c>
      <c r="BW810" s="203" t="str">
        <f t="shared" si="496"/>
        <v/>
      </c>
      <c r="BX810" s="203" t="str">
        <f t="shared" si="497"/>
        <v/>
      </c>
      <c r="BY810" s="203" t="str">
        <f t="shared" si="498"/>
        <v/>
      </c>
      <c r="BZ810" s="203" t="str">
        <f t="shared" si="499"/>
        <v/>
      </c>
      <c r="CA810" s="203" t="str">
        <f t="shared" si="500"/>
        <v/>
      </c>
      <c r="CB810" s="203" t="str">
        <f t="shared" si="501"/>
        <v/>
      </c>
      <c r="CC810" s="203" t="str">
        <f t="shared" si="502"/>
        <v/>
      </c>
      <c r="CD810" s="263"/>
      <c r="CE810" s="263"/>
      <c r="CF810" s="263"/>
    </row>
    <row r="811" spans="1:84" s="248" customFormat="1" ht="56.1" hidden="1" customHeight="1" x14ac:dyDescent="0.2">
      <c r="A811" s="198">
        <v>811</v>
      </c>
      <c r="B811" s="199" t="s">
        <v>53</v>
      </c>
      <c r="C811" s="208" t="s">
        <v>655</v>
      </c>
      <c r="D811" s="243" t="s">
        <v>932</v>
      </c>
      <c r="E811" s="243" t="s">
        <v>1121</v>
      </c>
      <c r="F811" s="288" t="s">
        <v>1122</v>
      </c>
      <c r="G811" s="206" t="s">
        <v>58</v>
      </c>
      <c r="H811" s="242" t="s">
        <v>833</v>
      </c>
      <c r="I811" s="243" t="s">
        <v>81</v>
      </c>
      <c r="J811" s="206" t="s">
        <v>77</v>
      </c>
      <c r="K811" s="242" t="s">
        <v>722</v>
      </c>
      <c r="L811" s="205" t="s">
        <v>63</v>
      </c>
      <c r="M811" s="205" t="s">
        <v>63</v>
      </c>
      <c r="N811" s="290">
        <v>742080.625</v>
      </c>
      <c r="O811" s="245">
        <f t="shared" si="470"/>
        <v>742080.625</v>
      </c>
      <c r="P811" s="285" t="s">
        <v>659</v>
      </c>
      <c r="Q811" s="205" t="s">
        <v>65</v>
      </c>
      <c r="R811" s="203"/>
      <c r="S811" s="203"/>
      <c r="T811" s="203"/>
      <c r="U811" s="203"/>
      <c r="V811" s="203"/>
      <c r="W811" s="203"/>
      <c r="X811" s="203"/>
      <c r="Y811" s="203"/>
      <c r="Z811" s="203"/>
      <c r="AA811" s="203"/>
      <c r="AB811" s="203"/>
      <c r="AC811" s="203"/>
      <c r="AD811" s="203"/>
      <c r="AE811" s="203"/>
      <c r="AF811" s="203"/>
      <c r="AG811" s="203"/>
      <c r="AH811" s="205"/>
      <c r="AI811" s="203"/>
      <c r="AJ811" s="203"/>
      <c r="AK811" s="203"/>
      <c r="AL811" s="205"/>
      <c r="AM811" s="203"/>
      <c r="AN811" s="203"/>
      <c r="AO811" s="203"/>
      <c r="AP811" s="205"/>
      <c r="AQ811" s="203"/>
      <c r="AR811" s="205"/>
      <c r="AS811" s="205"/>
      <c r="AT811" s="203"/>
      <c r="AU811" s="205"/>
      <c r="AV811" s="205"/>
      <c r="AW811" s="204">
        <f t="shared" si="471"/>
        <v>0</v>
      </c>
      <c r="AX811" s="205"/>
      <c r="AY811" s="203" t="str">
        <f t="shared" si="472"/>
        <v/>
      </c>
      <c r="AZ811" s="203" t="str">
        <f t="shared" si="473"/>
        <v/>
      </c>
      <c r="BA811" s="203" t="str">
        <f t="shared" si="474"/>
        <v/>
      </c>
      <c r="BB811" s="203" t="str">
        <f t="shared" si="475"/>
        <v/>
      </c>
      <c r="BC811" s="203" t="str">
        <f t="shared" si="476"/>
        <v/>
      </c>
      <c r="BD811" s="203" t="str">
        <f t="shared" si="477"/>
        <v/>
      </c>
      <c r="BE811" s="203" t="str">
        <f t="shared" si="478"/>
        <v/>
      </c>
      <c r="BF811" s="203" t="str">
        <f t="shared" si="479"/>
        <v/>
      </c>
      <c r="BG811" s="203" t="str">
        <f t="shared" si="480"/>
        <v/>
      </c>
      <c r="BH811" s="203" t="str">
        <f t="shared" si="481"/>
        <v/>
      </c>
      <c r="BI811" s="203" t="str">
        <f t="shared" si="482"/>
        <v/>
      </c>
      <c r="BJ811" s="203" t="str">
        <f t="shared" si="483"/>
        <v/>
      </c>
      <c r="BK811" s="203" t="str">
        <f t="shared" si="484"/>
        <v/>
      </c>
      <c r="BL811" s="203" t="str">
        <f t="shared" si="485"/>
        <v/>
      </c>
      <c r="BM811" s="203" t="str">
        <f t="shared" si="486"/>
        <v/>
      </c>
      <c r="BN811" s="203" t="str">
        <f t="shared" si="487"/>
        <v/>
      </c>
      <c r="BO811" s="203" t="str">
        <f t="shared" si="488"/>
        <v/>
      </c>
      <c r="BP811" s="203" t="str">
        <f t="shared" si="489"/>
        <v/>
      </c>
      <c r="BQ811" s="203" t="str">
        <f t="shared" si="490"/>
        <v/>
      </c>
      <c r="BR811" s="203" t="str">
        <f t="shared" si="491"/>
        <v/>
      </c>
      <c r="BS811" s="203" t="str">
        <f t="shared" si="492"/>
        <v/>
      </c>
      <c r="BT811" s="203" t="str">
        <f t="shared" si="493"/>
        <v/>
      </c>
      <c r="BU811" s="203" t="str">
        <f t="shared" si="494"/>
        <v/>
      </c>
      <c r="BV811" s="203" t="str">
        <f t="shared" si="495"/>
        <v/>
      </c>
      <c r="BW811" s="203" t="str">
        <f t="shared" si="496"/>
        <v/>
      </c>
      <c r="BX811" s="203" t="str">
        <f t="shared" si="497"/>
        <v/>
      </c>
      <c r="BY811" s="203" t="str">
        <f t="shared" si="498"/>
        <v/>
      </c>
      <c r="BZ811" s="203" t="str">
        <f t="shared" si="499"/>
        <v/>
      </c>
      <c r="CA811" s="203" t="str">
        <f t="shared" si="500"/>
        <v/>
      </c>
      <c r="CB811" s="203" t="str">
        <f t="shared" si="501"/>
        <v/>
      </c>
      <c r="CC811" s="203" t="str">
        <f t="shared" si="502"/>
        <v/>
      </c>
      <c r="CD811" s="263"/>
      <c r="CE811" s="263"/>
      <c r="CF811" s="263"/>
    </row>
    <row r="812" spans="1:84" s="248" customFormat="1" ht="56.1" hidden="1" customHeight="1" x14ac:dyDescent="0.2">
      <c r="A812" s="198">
        <v>812</v>
      </c>
      <c r="B812" s="199" t="s">
        <v>53</v>
      </c>
      <c r="C812" s="208" t="s">
        <v>655</v>
      </c>
      <c r="D812" s="243" t="s">
        <v>932</v>
      </c>
      <c r="E812" s="243" t="s">
        <v>1123</v>
      </c>
      <c r="F812" s="288" t="s">
        <v>1124</v>
      </c>
      <c r="G812" s="206" t="s">
        <v>58</v>
      </c>
      <c r="H812" s="242" t="s">
        <v>833</v>
      </c>
      <c r="I812" s="288" t="s">
        <v>81</v>
      </c>
      <c r="J812" s="206" t="s">
        <v>77</v>
      </c>
      <c r="K812" s="242" t="s">
        <v>722</v>
      </c>
      <c r="L812" s="205" t="s">
        <v>63</v>
      </c>
      <c r="M812" s="205" t="s">
        <v>63</v>
      </c>
      <c r="N812" s="290">
        <v>226118.75</v>
      </c>
      <c r="O812" s="245">
        <f t="shared" si="470"/>
        <v>226118.75</v>
      </c>
      <c r="P812" s="285" t="s">
        <v>659</v>
      </c>
      <c r="Q812" s="205" t="s">
        <v>65</v>
      </c>
      <c r="R812" s="203"/>
      <c r="S812" s="203"/>
      <c r="T812" s="203"/>
      <c r="U812" s="203"/>
      <c r="V812" s="203"/>
      <c r="W812" s="203"/>
      <c r="X812" s="203"/>
      <c r="Y812" s="203"/>
      <c r="Z812" s="203"/>
      <c r="AA812" s="203"/>
      <c r="AB812" s="203"/>
      <c r="AC812" s="203"/>
      <c r="AD812" s="203"/>
      <c r="AE812" s="203"/>
      <c r="AF812" s="203"/>
      <c r="AG812" s="203"/>
      <c r="AH812" s="205"/>
      <c r="AI812" s="203"/>
      <c r="AJ812" s="203"/>
      <c r="AK812" s="203"/>
      <c r="AL812" s="205"/>
      <c r="AM812" s="203"/>
      <c r="AN812" s="203"/>
      <c r="AO812" s="203"/>
      <c r="AP812" s="205"/>
      <c r="AQ812" s="203"/>
      <c r="AR812" s="205"/>
      <c r="AS812" s="205"/>
      <c r="AT812" s="203"/>
      <c r="AU812" s="205"/>
      <c r="AV812" s="205"/>
      <c r="AW812" s="204">
        <f t="shared" si="471"/>
        <v>0</v>
      </c>
      <c r="AX812" s="205"/>
      <c r="AY812" s="203" t="str">
        <f t="shared" si="472"/>
        <v/>
      </c>
      <c r="AZ812" s="203" t="str">
        <f t="shared" si="473"/>
        <v/>
      </c>
      <c r="BA812" s="203" t="str">
        <f t="shared" si="474"/>
        <v/>
      </c>
      <c r="BB812" s="203" t="str">
        <f t="shared" si="475"/>
        <v/>
      </c>
      <c r="BC812" s="203" t="str">
        <f t="shared" si="476"/>
        <v/>
      </c>
      <c r="BD812" s="203" t="str">
        <f t="shared" si="477"/>
        <v/>
      </c>
      <c r="BE812" s="203" t="str">
        <f t="shared" si="478"/>
        <v/>
      </c>
      <c r="BF812" s="203" t="str">
        <f t="shared" si="479"/>
        <v/>
      </c>
      <c r="BG812" s="203" t="str">
        <f t="shared" si="480"/>
        <v/>
      </c>
      <c r="BH812" s="203" t="str">
        <f t="shared" si="481"/>
        <v/>
      </c>
      <c r="BI812" s="203" t="str">
        <f t="shared" si="482"/>
        <v/>
      </c>
      <c r="BJ812" s="203" t="str">
        <f t="shared" si="483"/>
        <v/>
      </c>
      <c r="BK812" s="203" t="str">
        <f t="shared" si="484"/>
        <v/>
      </c>
      <c r="BL812" s="203" t="str">
        <f t="shared" si="485"/>
        <v/>
      </c>
      <c r="BM812" s="203" t="str">
        <f t="shared" si="486"/>
        <v/>
      </c>
      <c r="BN812" s="203" t="str">
        <f t="shared" si="487"/>
        <v/>
      </c>
      <c r="BO812" s="203" t="str">
        <f t="shared" si="488"/>
        <v/>
      </c>
      <c r="BP812" s="203" t="str">
        <f t="shared" si="489"/>
        <v/>
      </c>
      <c r="BQ812" s="203" t="str">
        <f t="shared" si="490"/>
        <v/>
      </c>
      <c r="BR812" s="203" t="str">
        <f t="shared" si="491"/>
        <v/>
      </c>
      <c r="BS812" s="203" t="str">
        <f t="shared" si="492"/>
        <v/>
      </c>
      <c r="BT812" s="203" t="str">
        <f t="shared" si="493"/>
        <v/>
      </c>
      <c r="BU812" s="203" t="str">
        <f t="shared" si="494"/>
        <v/>
      </c>
      <c r="BV812" s="203" t="str">
        <f t="shared" si="495"/>
        <v/>
      </c>
      <c r="BW812" s="203" t="str">
        <f t="shared" si="496"/>
        <v/>
      </c>
      <c r="BX812" s="203" t="str">
        <f t="shared" si="497"/>
        <v/>
      </c>
      <c r="BY812" s="203" t="str">
        <f t="shared" si="498"/>
        <v/>
      </c>
      <c r="BZ812" s="203" t="str">
        <f t="shared" si="499"/>
        <v/>
      </c>
      <c r="CA812" s="203" t="str">
        <f t="shared" si="500"/>
        <v/>
      </c>
      <c r="CB812" s="203" t="str">
        <f t="shared" si="501"/>
        <v/>
      </c>
      <c r="CC812" s="203" t="str">
        <f t="shared" si="502"/>
        <v/>
      </c>
      <c r="CD812" s="263"/>
      <c r="CE812" s="263"/>
      <c r="CF812" s="263"/>
    </row>
    <row r="813" spans="1:84" s="248" customFormat="1" ht="56.1" hidden="1" customHeight="1" x14ac:dyDescent="0.2">
      <c r="A813" s="198">
        <v>813</v>
      </c>
      <c r="B813" s="199" t="s">
        <v>53</v>
      </c>
      <c r="C813" s="208" t="s">
        <v>655</v>
      </c>
      <c r="D813" s="243" t="s">
        <v>932</v>
      </c>
      <c r="E813" s="243" t="s">
        <v>1125</v>
      </c>
      <c r="F813" s="288" t="s">
        <v>1126</v>
      </c>
      <c r="G813" s="206" t="s">
        <v>58</v>
      </c>
      <c r="H813" s="242" t="s">
        <v>833</v>
      </c>
      <c r="I813" s="243" t="s">
        <v>81</v>
      </c>
      <c r="J813" s="206" t="s">
        <v>77</v>
      </c>
      <c r="K813" s="242" t="s">
        <v>722</v>
      </c>
      <c r="L813" s="205" t="s">
        <v>63</v>
      </c>
      <c r="M813" s="205" t="s">
        <v>63</v>
      </c>
      <c r="N813" s="290">
        <v>11305.9375</v>
      </c>
      <c r="O813" s="245">
        <f t="shared" si="470"/>
        <v>11305.9375</v>
      </c>
      <c r="P813" s="285" t="s">
        <v>659</v>
      </c>
      <c r="Q813" s="205" t="s">
        <v>65</v>
      </c>
      <c r="R813" s="203"/>
      <c r="S813" s="203"/>
      <c r="T813" s="203"/>
      <c r="U813" s="203"/>
      <c r="V813" s="203"/>
      <c r="W813" s="203"/>
      <c r="X813" s="203"/>
      <c r="Y813" s="203"/>
      <c r="Z813" s="203"/>
      <c r="AA813" s="203"/>
      <c r="AB813" s="203"/>
      <c r="AC813" s="203"/>
      <c r="AD813" s="203"/>
      <c r="AE813" s="203"/>
      <c r="AF813" s="203"/>
      <c r="AG813" s="203"/>
      <c r="AH813" s="205"/>
      <c r="AI813" s="203"/>
      <c r="AJ813" s="203"/>
      <c r="AK813" s="203"/>
      <c r="AL813" s="205"/>
      <c r="AM813" s="203"/>
      <c r="AN813" s="203"/>
      <c r="AO813" s="203"/>
      <c r="AP813" s="205"/>
      <c r="AQ813" s="203"/>
      <c r="AR813" s="205"/>
      <c r="AS813" s="205"/>
      <c r="AT813" s="203"/>
      <c r="AU813" s="205"/>
      <c r="AV813" s="205"/>
      <c r="AW813" s="204">
        <f t="shared" si="471"/>
        <v>0</v>
      </c>
      <c r="AX813" s="205"/>
      <c r="AY813" s="203" t="str">
        <f t="shared" si="472"/>
        <v/>
      </c>
      <c r="AZ813" s="203" t="str">
        <f t="shared" si="473"/>
        <v/>
      </c>
      <c r="BA813" s="203" t="str">
        <f t="shared" si="474"/>
        <v/>
      </c>
      <c r="BB813" s="203" t="str">
        <f t="shared" si="475"/>
        <v/>
      </c>
      <c r="BC813" s="203" t="str">
        <f t="shared" si="476"/>
        <v/>
      </c>
      <c r="BD813" s="203" t="str">
        <f t="shared" si="477"/>
        <v/>
      </c>
      <c r="BE813" s="203" t="str">
        <f t="shared" si="478"/>
        <v/>
      </c>
      <c r="BF813" s="203" t="str">
        <f t="shared" si="479"/>
        <v/>
      </c>
      <c r="BG813" s="203" t="str">
        <f t="shared" si="480"/>
        <v/>
      </c>
      <c r="BH813" s="203" t="str">
        <f t="shared" si="481"/>
        <v/>
      </c>
      <c r="BI813" s="203" t="str">
        <f t="shared" si="482"/>
        <v/>
      </c>
      <c r="BJ813" s="203" t="str">
        <f t="shared" si="483"/>
        <v/>
      </c>
      <c r="BK813" s="203" t="str">
        <f t="shared" si="484"/>
        <v/>
      </c>
      <c r="BL813" s="203" t="str">
        <f t="shared" si="485"/>
        <v/>
      </c>
      <c r="BM813" s="203" t="str">
        <f t="shared" si="486"/>
        <v/>
      </c>
      <c r="BN813" s="203" t="str">
        <f t="shared" si="487"/>
        <v/>
      </c>
      <c r="BO813" s="203" t="str">
        <f t="shared" si="488"/>
        <v/>
      </c>
      <c r="BP813" s="203" t="str">
        <f t="shared" si="489"/>
        <v/>
      </c>
      <c r="BQ813" s="203" t="str">
        <f t="shared" si="490"/>
        <v/>
      </c>
      <c r="BR813" s="203" t="str">
        <f t="shared" si="491"/>
        <v/>
      </c>
      <c r="BS813" s="203" t="str">
        <f t="shared" si="492"/>
        <v/>
      </c>
      <c r="BT813" s="203" t="str">
        <f t="shared" si="493"/>
        <v/>
      </c>
      <c r="BU813" s="203" t="str">
        <f t="shared" si="494"/>
        <v/>
      </c>
      <c r="BV813" s="203" t="str">
        <f t="shared" si="495"/>
        <v/>
      </c>
      <c r="BW813" s="203" t="str">
        <f t="shared" si="496"/>
        <v/>
      </c>
      <c r="BX813" s="203" t="str">
        <f t="shared" si="497"/>
        <v/>
      </c>
      <c r="BY813" s="203" t="str">
        <f t="shared" si="498"/>
        <v/>
      </c>
      <c r="BZ813" s="203" t="str">
        <f t="shared" si="499"/>
        <v/>
      </c>
      <c r="CA813" s="203" t="str">
        <f t="shared" si="500"/>
        <v/>
      </c>
      <c r="CB813" s="203" t="str">
        <f t="shared" si="501"/>
        <v/>
      </c>
      <c r="CC813" s="203" t="str">
        <f t="shared" si="502"/>
        <v/>
      </c>
      <c r="CD813" s="263"/>
      <c r="CE813" s="263"/>
      <c r="CF813" s="263"/>
    </row>
    <row r="814" spans="1:84" s="248" customFormat="1" ht="56.1" hidden="1" customHeight="1" x14ac:dyDescent="0.2">
      <c r="A814" s="198">
        <v>814</v>
      </c>
      <c r="B814" s="199" t="s">
        <v>53</v>
      </c>
      <c r="C814" s="208" t="s">
        <v>655</v>
      </c>
      <c r="D814" s="243" t="s">
        <v>932</v>
      </c>
      <c r="E814" s="243" t="s">
        <v>1127</v>
      </c>
      <c r="F814" s="288" t="s">
        <v>1128</v>
      </c>
      <c r="G814" s="206" t="s">
        <v>58</v>
      </c>
      <c r="H814" s="242" t="s">
        <v>833</v>
      </c>
      <c r="I814" s="288" t="s">
        <v>81</v>
      </c>
      <c r="J814" s="206" t="s">
        <v>77</v>
      </c>
      <c r="K814" s="242" t="s">
        <v>722</v>
      </c>
      <c r="L814" s="205" t="s">
        <v>63</v>
      </c>
      <c r="M814" s="205" t="s">
        <v>63</v>
      </c>
      <c r="N814" s="290">
        <v>167327.875</v>
      </c>
      <c r="O814" s="245">
        <f t="shared" si="470"/>
        <v>167327.875</v>
      </c>
      <c r="P814" s="285" t="s">
        <v>659</v>
      </c>
      <c r="Q814" s="205" t="s">
        <v>65</v>
      </c>
      <c r="R814" s="203"/>
      <c r="S814" s="203"/>
      <c r="T814" s="203"/>
      <c r="U814" s="203"/>
      <c r="V814" s="203"/>
      <c r="W814" s="203"/>
      <c r="X814" s="203"/>
      <c r="Y814" s="203"/>
      <c r="Z814" s="203"/>
      <c r="AA814" s="203"/>
      <c r="AB814" s="203"/>
      <c r="AC814" s="203"/>
      <c r="AD814" s="203"/>
      <c r="AE814" s="203"/>
      <c r="AF814" s="203"/>
      <c r="AG814" s="203"/>
      <c r="AH814" s="205"/>
      <c r="AI814" s="203"/>
      <c r="AJ814" s="203"/>
      <c r="AK814" s="203"/>
      <c r="AL814" s="205"/>
      <c r="AM814" s="203"/>
      <c r="AN814" s="203"/>
      <c r="AO814" s="203"/>
      <c r="AP814" s="205"/>
      <c r="AQ814" s="203"/>
      <c r="AR814" s="205"/>
      <c r="AS814" s="205"/>
      <c r="AT814" s="203"/>
      <c r="AU814" s="205"/>
      <c r="AV814" s="205"/>
      <c r="AW814" s="204">
        <f t="shared" si="471"/>
        <v>0</v>
      </c>
      <c r="AX814" s="205"/>
      <c r="AY814" s="203" t="str">
        <f t="shared" si="472"/>
        <v/>
      </c>
      <c r="AZ814" s="203" t="str">
        <f t="shared" si="473"/>
        <v/>
      </c>
      <c r="BA814" s="203" t="str">
        <f t="shared" si="474"/>
        <v/>
      </c>
      <c r="BB814" s="203" t="str">
        <f t="shared" si="475"/>
        <v/>
      </c>
      <c r="BC814" s="203" t="str">
        <f t="shared" si="476"/>
        <v/>
      </c>
      <c r="BD814" s="203" t="str">
        <f t="shared" si="477"/>
        <v/>
      </c>
      <c r="BE814" s="203" t="str">
        <f t="shared" si="478"/>
        <v/>
      </c>
      <c r="BF814" s="203" t="str">
        <f t="shared" si="479"/>
        <v/>
      </c>
      <c r="BG814" s="203" t="str">
        <f t="shared" si="480"/>
        <v/>
      </c>
      <c r="BH814" s="203" t="str">
        <f t="shared" si="481"/>
        <v/>
      </c>
      <c r="BI814" s="203" t="str">
        <f t="shared" si="482"/>
        <v/>
      </c>
      <c r="BJ814" s="203" t="str">
        <f t="shared" si="483"/>
        <v/>
      </c>
      <c r="BK814" s="203" t="str">
        <f t="shared" si="484"/>
        <v/>
      </c>
      <c r="BL814" s="203" t="str">
        <f t="shared" si="485"/>
        <v/>
      </c>
      <c r="BM814" s="203" t="str">
        <f t="shared" si="486"/>
        <v/>
      </c>
      <c r="BN814" s="203" t="str">
        <f t="shared" si="487"/>
        <v/>
      </c>
      <c r="BO814" s="203" t="str">
        <f t="shared" si="488"/>
        <v/>
      </c>
      <c r="BP814" s="203" t="str">
        <f t="shared" si="489"/>
        <v/>
      </c>
      <c r="BQ814" s="203" t="str">
        <f t="shared" si="490"/>
        <v/>
      </c>
      <c r="BR814" s="203" t="str">
        <f t="shared" si="491"/>
        <v/>
      </c>
      <c r="BS814" s="203" t="str">
        <f t="shared" si="492"/>
        <v/>
      </c>
      <c r="BT814" s="203" t="str">
        <f t="shared" si="493"/>
        <v/>
      </c>
      <c r="BU814" s="203" t="str">
        <f t="shared" si="494"/>
        <v/>
      </c>
      <c r="BV814" s="203" t="str">
        <f t="shared" si="495"/>
        <v/>
      </c>
      <c r="BW814" s="203" t="str">
        <f t="shared" si="496"/>
        <v/>
      </c>
      <c r="BX814" s="203" t="str">
        <f t="shared" si="497"/>
        <v/>
      </c>
      <c r="BY814" s="203" t="str">
        <f t="shared" si="498"/>
        <v/>
      </c>
      <c r="BZ814" s="203" t="str">
        <f t="shared" si="499"/>
        <v/>
      </c>
      <c r="CA814" s="203" t="str">
        <f t="shared" si="500"/>
        <v/>
      </c>
      <c r="CB814" s="203" t="str">
        <f t="shared" si="501"/>
        <v/>
      </c>
      <c r="CC814" s="203" t="str">
        <f t="shared" si="502"/>
        <v/>
      </c>
      <c r="CD814" s="263"/>
      <c r="CE814" s="263"/>
      <c r="CF814" s="263"/>
    </row>
    <row r="815" spans="1:84" s="248" customFormat="1" ht="56.1" hidden="1" customHeight="1" x14ac:dyDescent="0.2">
      <c r="A815" s="198">
        <v>815</v>
      </c>
      <c r="B815" s="199" t="s">
        <v>53</v>
      </c>
      <c r="C815" s="208" t="s">
        <v>655</v>
      </c>
      <c r="D815" s="243" t="s">
        <v>932</v>
      </c>
      <c r="E815" s="243" t="s">
        <v>1129</v>
      </c>
      <c r="F815" s="288" t="s">
        <v>1130</v>
      </c>
      <c r="G815" s="206" t="s">
        <v>58</v>
      </c>
      <c r="H815" s="242" t="s">
        <v>833</v>
      </c>
      <c r="I815" s="243" t="s">
        <v>81</v>
      </c>
      <c r="J815" s="206" t="s">
        <v>77</v>
      </c>
      <c r="K815" s="242" t="s">
        <v>722</v>
      </c>
      <c r="L815" s="205" t="s">
        <v>63</v>
      </c>
      <c r="M815" s="205" t="s">
        <v>63</v>
      </c>
      <c r="N815" s="290">
        <v>129504.375</v>
      </c>
      <c r="O815" s="245">
        <f t="shared" si="470"/>
        <v>129504.375</v>
      </c>
      <c r="P815" s="285" t="s">
        <v>659</v>
      </c>
      <c r="Q815" s="205" t="s">
        <v>65</v>
      </c>
      <c r="R815" s="203"/>
      <c r="S815" s="203"/>
      <c r="T815" s="203"/>
      <c r="U815" s="203"/>
      <c r="V815" s="203"/>
      <c r="W815" s="203"/>
      <c r="X815" s="203"/>
      <c r="Y815" s="203"/>
      <c r="Z815" s="203"/>
      <c r="AA815" s="203"/>
      <c r="AB815" s="203"/>
      <c r="AC815" s="203"/>
      <c r="AD815" s="203"/>
      <c r="AE815" s="203"/>
      <c r="AF815" s="203"/>
      <c r="AG815" s="203"/>
      <c r="AH815" s="205"/>
      <c r="AI815" s="203"/>
      <c r="AJ815" s="203"/>
      <c r="AK815" s="203"/>
      <c r="AL815" s="205"/>
      <c r="AM815" s="203"/>
      <c r="AN815" s="203"/>
      <c r="AO815" s="203"/>
      <c r="AP815" s="205"/>
      <c r="AQ815" s="203"/>
      <c r="AR815" s="205"/>
      <c r="AS815" s="205"/>
      <c r="AT815" s="203"/>
      <c r="AU815" s="205"/>
      <c r="AV815" s="205"/>
      <c r="AW815" s="204">
        <f t="shared" si="471"/>
        <v>0</v>
      </c>
      <c r="AX815" s="205"/>
      <c r="AY815" s="203" t="str">
        <f t="shared" si="472"/>
        <v/>
      </c>
      <c r="AZ815" s="203" t="str">
        <f t="shared" si="473"/>
        <v/>
      </c>
      <c r="BA815" s="203" t="str">
        <f t="shared" si="474"/>
        <v/>
      </c>
      <c r="BB815" s="203" t="str">
        <f t="shared" si="475"/>
        <v/>
      </c>
      <c r="BC815" s="203" t="str">
        <f t="shared" si="476"/>
        <v/>
      </c>
      <c r="BD815" s="203" t="str">
        <f t="shared" si="477"/>
        <v/>
      </c>
      <c r="BE815" s="203" t="str">
        <f t="shared" si="478"/>
        <v/>
      </c>
      <c r="BF815" s="203" t="str">
        <f t="shared" si="479"/>
        <v/>
      </c>
      <c r="BG815" s="203" t="str">
        <f t="shared" si="480"/>
        <v/>
      </c>
      <c r="BH815" s="203" t="str">
        <f t="shared" si="481"/>
        <v/>
      </c>
      <c r="BI815" s="203" t="str">
        <f t="shared" si="482"/>
        <v/>
      </c>
      <c r="BJ815" s="203" t="str">
        <f t="shared" si="483"/>
        <v/>
      </c>
      <c r="BK815" s="203" t="str">
        <f t="shared" si="484"/>
        <v/>
      </c>
      <c r="BL815" s="203" t="str">
        <f t="shared" si="485"/>
        <v/>
      </c>
      <c r="BM815" s="203" t="str">
        <f t="shared" si="486"/>
        <v/>
      </c>
      <c r="BN815" s="203" t="str">
        <f t="shared" si="487"/>
        <v/>
      </c>
      <c r="BO815" s="203" t="str">
        <f t="shared" si="488"/>
        <v/>
      </c>
      <c r="BP815" s="203" t="str">
        <f t="shared" si="489"/>
        <v/>
      </c>
      <c r="BQ815" s="203" t="str">
        <f t="shared" si="490"/>
        <v/>
      </c>
      <c r="BR815" s="203" t="str">
        <f t="shared" si="491"/>
        <v/>
      </c>
      <c r="BS815" s="203" t="str">
        <f t="shared" si="492"/>
        <v/>
      </c>
      <c r="BT815" s="203" t="str">
        <f t="shared" si="493"/>
        <v/>
      </c>
      <c r="BU815" s="203" t="str">
        <f t="shared" si="494"/>
        <v/>
      </c>
      <c r="BV815" s="203" t="str">
        <f t="shared" si="495"/>
        <v/>
      </c>
      <c r="BW815" s="203" t="str">
        <f t="shared" si="496"/>
        <v/>
      </c>
      <c r="BX815" s="203" t="str">
        <f t="shared" si="497"/>
        <v/>
      </c>
      <c r="BY815" s="203" t="str">
        <f t="shared" si="498"/>
        <v/>
      </c>
      <c r="BZ815" s="203" t="str">
        <f t="shared" si="499"/>
        <v/>
      </c>
      <c r="CA815" s="203" t="str">
        <f t="shared" si="500"/>
        <v/>
      </c>
      <c r="CB815" s="203" t="str">
        <f t="shared" si="501"/>
        <v/>
      </c>
      <c r="CC815" s="203" t="str">
        <f t="shared" si="502"/>
        <v/>
      </c>
      <c r="CD815" s="263"/>
      <c r="CE815" s="263"/>
      <c r="CF815" s="263"/>
    </row>
    <row r="816" spans="1:84" s="248" customFormat="1" ht="56.1" hidden="1" customHeight="1" x14ac:dyDescent="0.2">
      <c r="A816" s="198">
        <v>816</v>
      </c>
      <c r="B816" s="199" t="s">
        <v>53</v>
      </c>
      <c r="C816" s="208" t="s">
        <v>655</v>
      </c>
      <c r="D816" s="243" t="s">
        <v>900</v>
      </c>
      <c r="E816" s="243" t="s">
        <v>1131</v>
      </c>
      <c r="F816" s="288" t="s">
        <v>1132</v>
      </c>
      <c r="G816" s="206" t="s">
        <v>58</v>
      </c>
      <c r="H816" s="242" t="s">
        <v>833</v>
      </c>
      <c r="I816" s="288" t="s">
        <v>81</v>
      </c>
      <c r="J816" s="206" t="s">
        <v>77</v>
      </c>
      <c r="K816" s="242" t="s">
        <v>722</v>
      </c>
      <c r="L816" s="205" t="s">
        <v>63</v>
      </c>
      <c r="M816" s="205" t="s">
        <v>63</v>
      </c>
      <c r="N816" s="290">
        <v>207618.125</v>
      </c>
      <c r="O816" s="245">
        <f t="shared" si="470"/>
        <v>207618.125</v>
      </c>
      <c r="P816" s="285" t="s">
        <v>659</v>
      </c>
      <c r="Q816" s="205" t="s">
        <v>65</v>
      </c>
      <c r="R816" s="203"/>
      <c r="S816" s="203"/>
      <c r="T816" s="203"/>
      <c r="U816" s="203"/>
      <c r="V816" s="203"/>
      <c r="W816" s="203"/>
      <c r="X816" s="203"/>
      <c r="Y816" s="203"/>
      <c r="Z816" s="203"/>
      <c r="AA816" s="203"/>
      <c r="AB816" s="203"/>
      <c r="AC816" s="203"/>
      <c r="AD816" s="203"/>
      <c r="AE816" s="203"/>
      <c r="AF816" s="203"/>
      <c r="AG816" s="203"/>
      <c r="AH816" s="205"/>
      <c r="AI816" s="203"/>
      <c r="AJ816" s="203"/>
      <c r="AK816" s="203"/>
      <c r="AL816" s="205"/>
      <c r="AM816" s="203"/>
      <c r="AN816" s="203"/>
      <c r="AO816" s="203"/>
      <c r="AP816" s="205"/>
      <c r="AQ816" s="203"/>
      <c r="AR816" s="205"/>
      <c r="AS816" s="205"/>
      <c r="AT816" s="203"/>
      <c r="AU816" s="205"/>
      <c r="AV816" s="205"/>
      <c r="AW816" s="204">
        <f t="shared" si="471"/>
        <v>0</v>
      </c>
      <c r="AX816" s="205"/>
      <c r="AY816" s="203" t="str">
        <f t="shared" si="472"/>
        <v/>
      </c>
      <c r="AZ816" s="203" t="str">
        <f t="shared" si="473"/>
        <v/>
      </c>
      <c r="BA816" s="203" t="str">
        <f t="shared" si="474"/>
        <v/>
      </c>
      <c r="BB816" s="203" t="str">
        <f t="shared" si="475"/>
        <v/>
      </c>
      <c r="BC816" s="203" t="str">
        <f t="shared" si="476"/>
        <v/>
      </c>
      <c r="BD816" s="203" t="str">
        <f t="shared" si="477"/>
        <v/>
      </c>
      <c r="BE816" s="203" t="str">
        <f t="shared" si="478"/>
        <v/>
      </c>
      <c r="BF816" s="203" t="str">
        <f t="shared" si="479"/>
        <v/>
      </c>
      <c r="BG816" s="203" t="str">
        <f t="shared" si="480"/>
        <v/>
      </c>
      <c r="BH816" s="203" t="str">
        <f t="shared" si="481"/>
        <v/>
      </c>
      <c r="BI816" s="203" t="str">
        <f t="shared" si="482"/>
        <v/>
      </c>
      <c r="BJ816" s="203" t="str">
        <f t="shared" si="483"/>
        <v/>
      </c>
      <c r="BK816" s="203" t="str">
        <f t="shared" si="484"/>
        <v/>
      </c>
      <c r="BL816" s="203" t="str">
        <f t="shared" si="485"/>
        <v/>
      </c>
      <c r="BM816" s="203" t="str">
        <f t="shared" si="486"/>
        <v/>
      </c>
      <c r="BN816" s="203" t="str">
        <f t="shared" si="487"/>
        <v/>
      </c>
      <c r="BO816" s="203" t="str">
        <f t="shared" si="488"/>
        <v/>
      </c>
      <c r="BP816" s="203" t="str">
        <f t="shared" si="489"/>
        <v/>
      </c>
      <c r="BQ816" s="203" t="str">
        <f t="shared" si="490"/>
        <v/>
      </c>
      <c r="BR816" s="203" t="str">
        <f t="shared" si="491"/>
        <v/>
      </c>
      <c r="BS816" s="203" t="str">
        <f t="shared" si="492"/>
        <v/>
      </c>
      <c r="BT816" s="203" t="str">
        <f t="shared" si="493"/>
        <v/>
      </c>
      <c r="BU816" s="203" t="str">
        <f t="shared" si="494"/>
        <v/>
      </c>
      <c r="BV816" s="203" t="str">
        <f t="shared" si="495"/>
        <v/>
      </c>
      <c r="BW816" s="203" t="str">
        <f t="shared" si="496"/>
        <v/>
      </c>
      <c r="BX816" s="203" t="str">
        <f t="shared" si="497"/>
        <v/>
      </c>
      <c r="BY816" s="203" t="str">
        <f t="shared" si="498"/>
        <v/>
      </c>
      <c r="BZ816" s="203" t="str">
        <f t="shared" si="499"/>
        <v/>
      </c>
      <c r="CA816" s="203" t="str">
        <f t="shared" si="500"/>
        <v/>
      </c>
      <c r="CB816" s="203" t="str">
        <f t="shared" si="501"/>
        <v/>
      </c>
      <c r="CC816" s="203" t="str">
        <f t="shared" si="502"/>
        <v/>
      </c>
      <c r="CD816" s="263"/>
      <c r="CE816" s="263"/>
      <c r="CF816" s="263"/>
    </row>
    <row r="817" spans="1:84" s="248" customFormat="1" ht="56.1" hidden="1" customHeight="1" x14ac:dyDescent="0.2">
      <c r="A817" s="198">
        <v>817</v>
      </c>
      <c r="B817" s="199" t="s">
        <v>53</v>
      </c>
      <c r="C817" s="208" t="s">
        <v>655</v>
      </c>
      <c r="D817" s="243" t="s">
        <v>932</v>
      </c>
      <c r="E817" s="243" t="s">
        <v>1133</v>
      </c>
      <c r="F817" s="288" t="s">
        <v>1134</v>
      </c>
      <c r="G817" s="206" t="s">
        <v>58</v>
      </c>
      <c r="H817" s="242" t="s">
        <v>833</v>
      </c>
      <c r="I817" s="243" t="s">
        <v>81</v>
      </c>
      <c r="J817" s="206" t="s">
        <v>77</v>
      </c>
      <c r="K817" s="242" t="s">
        <v>722</v>
      </c>
      <c r="L817" s="205" t="s">
        <v>63</v>
      </c>
      <c r="M817" s="205" t="s">
        <v>63</v>
      </c>
      <c r="N817" s="290">
        <v>6783.5625</v>
      </c>
      <c r="O817" s="245">
        <f t="shared" si="470"/>
        <v>6783.5625</v>
      </c>
      <c r="P817" s="285" t="s">
        <v>659</v>
      </c>
      <c r="Q817" s="205" t="s">
        <v>65</v>
      </c>
      <c r="R817" s="203"/>
      <c r="S817" s="203"/>
      <c r="T817" s="203"/>
      <c r="U817" s="203"/>
      <c r="V817" s="203"/>
      <c r="W817" s="203"/>
      <c r="X817" s="203"/>
      <c r="Y817" s="203"/>
      <c r="Z817" s="203"/>
      <c r="AA817" s="203"/>
      <c r="AB817" s="203"/>
      <c r="AC817" s="203"/>
      <c r="AD817" s="203"/>
      <c r="AE817" s="203"/>
      <c r="AF817" s="203"/>
      <c r="AG817" s="203"/>
      <c r="AH817" s="205"/>
      <c r="AI817" s="203"/>
      <c r="AJ817" s="203"/>
      <c r="AK817" s="203"/>
      <c r="AL817" s="205"/>
      <c r="AM817" s="203"/>
      <c r="AN817" s="203"/>
      <c r="AO817" s="203"/>
      <c r="AP817" s="205"/>
      <c r="AQ817" s="203"/>
      <c r="AR817" s="205"/>
      <c r="AS817" s="205"/>
      <c r="AT817" s="203"/>
      <c r="AU817" s="205"/>
      <c r="AV817" s="205"/>
      <c r="AW817" s="204">
        <f t="shared" si="471"/>
        <v>0</v>
      </c>
      <c r="AX817" s="205"/>
      <c r="AY817" s="203" t="str">
        <f t="shared" si="472"/>
        <v/>
      </c>
      <c r="AZ817" s="203" t="str">
        <f t="shared" si="473"/>
        <v/>
      </c>
      <c r="BA817" s="203" t="str">
        <f t="shared" si="474"/>
        <v/>
      </c>
      <c r="BB817" s="203" t="str">
        <f t="shared" si="475"/>
        <v/>
      </c>
      <c r="BC817" s="203" t="str">
        <f t="shared" si="476"/>
        <v/>
      </c>
      <c r="BD817" s="203" t="str">
        <f t="shared" si="477"/>
        <v/>
      </c>
      <c r="BE817" s="203" t="str">
        <f t="shared" si="478"/>
        <v/>
      </c>
      <c r="BF817" s="203" t="str">
        <f t="shared" si="479"/>
        <v/>
      </c>
      <c r="BG817" s="203" t="str">
        <f t="shared" si="480"/>
        <v/>
      </c>
      <c r="BH817" s="203" t="str">
        <f t="shared" si="481"/>
        <v/>
      </c>
      <c r="BI817" s="203" t="str">
        <f t="shared" si="482"/>
        <v/>
      </c>
      <c r="BJ817" s="203" t="str">
        <f t="shared" si="483"/>
        <v/>
      </c>
      <c r="BK817" s="203" t="str">
        <f t="shared" si="484"/>
        <v/>
      </c>
      <c r="BL817" s="203" t="str">
        <f t="shared" si="485"/>
        <v/>
      </c>
      <c r="BM817" s="203" t="str">
        <f t="shared" si="486"/>
        <v/>
      </c>
      <c r="BN817" s="203" t="str">
        <f t="shared" si="487"/>
        <v/>
      </c>
      <c r="BO817" s="203" t="str">
        <f t="shared" si="488"/>
        <v/>
      </c>
      <c r="BP817" s="203" t="str">
        <f t="shared" si="489"/>
        <v/>
      </c>
      <c r="BQ817" s="203" t="str">
        <f t="shared" si="490"/>
        <v/>
      </c>
      <c r="BR817" s="203" t="str">
        <f t="shared" si="491"/>
        <v/>
      </c>
      <c r="BS817" s="203" t="str">
        <f t="shared" si="492"/>
        <v/>
      </c>
      <c r="BT817" s="203" t="str">
        <f t="shared" si="493"/>
        <v/>
      </c>
      <c r="BU817" s="203" t="str">
        <f t="shared" si="494"/>
        <v/>
      </c>
      <c r="BV817" s="203" t="str">
        <f t="shared" si="495"/>
        <v/>
      </c>
      <c r="BW817" s="203" t="str">
        <f t="shared" si="496"/>
        <v/>
      </c>
      <c r="BX817" s="203" t="str">
        <f t="shared" si="497"/>
        <v/>
      </c>
      <c r="BY817" s="203" t="str">
        <f t="shared" si="498"/>
        <v/>
      </c>
      <c r="BZ817" s="203" t="str">
        <f t="shared" si="499"/>
        <v/>
      </c>
      <c r="CA817" s="203" t="str">
        <f t="shared" si="500"/>
        <v/>
      </c>
      <c r="CB817" s="203" t="str">
        <f t="shared" si="501"/>
        <v/>
      </c>
      <c r="CC817" s="203" t="str">
        <f t="shared" si="502"/>
        <v/>
      </c>
      <c r="CD817" s="263"/>
      <c r="CE817" s="263"/>
      <c r="CF817" s="263"/>
    </row>
    <row r="818" spans="1:84" s="178" customFormat="1" ht="56.1" hidden="1" customHeight="1" x14ac:dyDescent="0.2">
      <c r="A818" s="154">
        <v>818</v>
      </c>
      <c r="B818" s="155" t="s">
        <v>53</v>
      </c>
      <c r="C818" s="165" t="s">
        <v>655</v>
      </c>
      <c r="D818" s="172" t="s">
        <v>932</v>
      </c>
      <c r="E818" s="172" t="s">
        <v>1135</v>
      </c>
      <c r="F818" s="173" t="s">
        <v>1136</v>
      </c>
      <c r="G818" s="163" t="s">
        <v>58</v>
      </c>
      <c r="H818" s="179" t="s">
        <v>59</v>
      </c>
      <c r="I818" s="173" t="s">
        <v>81</v>
      </c>
      <c r="J818" s="163" t="s">
        <v>77</v>
      </c>
      <c r="K818" s="179" t="s">
        <v>722</v>
      </c>
      <c r="L818" s="158" t="s">
        <v>63</v>
      </c>
      <c r="M818" s="158" t="s">
        <v>63</v>
      </c>
      <c r="N818" s="180">
        <v>8682.9599999999991</v>
      </c>
      <c r="O818" s="175">
        <f t="shared" si="470"/>
        <v>8682.9599999999991</v>
      </c>
      <c r="P818" s="176" t="s">
        <v>839</v>
      </c>
      <c r="Q818" s="158" t="s">
        <v>65</v>
      </c>
      <c r="R818" s="161"/>
      <c r="S818" s="161"/>
      <c r="T818" s="161"/>
      <c r="U818" s="161"/>
      <c r="V818" s="161"/>
      <c r="W818" s="161"/>
      <c r="X818" s="161"/>
      <c r="Y818" s="161"/>
      <c r="Z818" s="161"/>
      <c r="AA818" s="161"/>
      <c r="AB818" s="161"/>
      <c r="AC818" s="161"/>
      <c r="AD818" s="161"/>
      <c r="AE818" s="161"/>
      <c r="AF818" s="161"/>
      <c r="AG818" s="161"/>
      <c r="AH818" s="158"/>
      <c r="AI818" s="161"/>
      <c r="AJ818" s="161"/>
      <c r="AK818" s="161"/>
      <c r="AL818" s="158"/>
      <c r="AM818" s="161"/>
      <c r="AN818" s="161"/>
      <c r="AO818" s="161"/>
      <c r="AP818" s="158"/>
      <c r="AQ818" s="161"/>
      <c r="AR818" s="158"/>
      <c r="AS818" s="158"/>
      <c r="AT818" s="161"/>
      <c r="AU818" s="158"/>
      <c r="AV818" s="158"/>
      <c r="AW818" s="160">
        <f t="shared" si="471"/>
        <v>0</v>
      </c>
      <c r="AX818" s="158"/>
      <c r="AY818" s="161" t="str">
        <f t="shared" si="472"/>
        <v/>
      </c>
      <c r="AZ818" s="161" t="str">
        <f t="shared" si="473"/>
        <v/>
      </c>
      <c r="BA818" s="161" t="str">
        <f t="shared" si="474"/>
        <v/>
      </c>
      <c r="BB818" s="161" t="str">
        <f t="shared" si="475"/>
        <v/>
      </c>
      <c r="BC818" s="161" t="str">
        <f t="shared" si="476"/>
        <v/>
      </c>
      <c r="BD818" s="161" t="str">
        <f t="shared" si="477"/>
        <v/>
      </c>
      <c r="BE818" s="161" t="str">
        <f t="shared" si="478"/>
        <v/>
      </c>
      <c r="BF818" s="161" t="str">
        <f t="shared" si="479"/>
        <v/>
      </c>
      <c r="BG818" s="161" t="str">
        <f t="shared" si="480"/>
        <v/>
      </c>
      <c r="BH818" s="161" t="str">
        <f t="shared" si="481"/>
        <v/>
      </c>
      <c r="BI818" s="161" t="str">
        <f t="shared" si="482"/>
        <v/>
      </c>
      <c r="BJ818" s="161" t="str">
        <f t="shared" si="483"/>
        <v/>
      </c>
      <c r="BK818" s="161" t="str">
        <f t="shared" si="484"/>
        <v/>
      </c>
      <c r="BL818" s="161" t="str">
        <f t="shared" si="485"/>
        <v/>
      </c>
      <c r="BM818" s="161" t="str">
        <f t="shared" si="486"/>
        <v/>
      </c>
      <c r="BN818" s="161" t="str">
        <f t="shared" si="487"/>
        <v/>
      </c>
      <c r="BO818" s="161" t="str">
        <f t="shared" si="488"/>
        <v/>
      </c>
      <c r="BP818" s="161" t="str">
        <f t="shared" si="489"/>
        <v/>
      </c>
      <c r="BQ818" s="161" t="str">
        <f t="shared" si="490"/>
        <v/>
      </c>
      <c r="BR818" s="161" t="str">
        <f t="shared" si="491"/>
        <v/>
      </c>
      <c r="BS818" s="161" t="str">
        <f t="shared" si="492"/>
        <v/>
      </c>
      <c r="BT818" s="161" t="str">
        <f t="shared" si="493"/>
        <v/>
      </c>
      <c r="BU818" s="161" t="str">
        <f t="shared" si="494"/>
        <v/>
      </c>
      <c r="BV818" s="161" t="str">
        <f t="shared" si="495"/>
        <v/>
      </c>
      <c r="BW818" s="161" t="str">
        <f t="shared" si="496"/>
        <v/>
      </c>
      <c r="BX818" s="161" t="str">
        <f t="shared" si="497"/>
        <v/>
      </c>
      <c r="BY818" s="161" t="str">
        <f t="shared" si="498"/>
        <v/>
      </c>
      <c r="BZ818" s="161" t="str">
        <f t="shared" si="499"/>
        <v/>
      </c>
      <c r="CA818" s="161" t="str">
        <f t="shared" si="500"/>
        <v/>
      </c>
      <c r="CB818" s="161" t="str">
        <f t="shared" si="501"/>
        <v/>
      </c>
      <c r="CC818" s="161" t="str">
        <f t="shared" si="502"/>
        <v/>
      </c>
      <c r="CD818" s="162"/>
      <c r="CE818" s="162"/>
      <c r="CF818" s="162"/>
    </row>
    <row r="819" spans="1:84" s="178" customFormat="1" ht="56.1" hidden="1" customHeight="1" x14ac:dyDescent="0.2">
      <c r="A819" s="154">
        <v>819</v>
      </c>
      <c r="B819" s="155" t="s">
        <v>53</v>
      </c>
      <c r="C819" s="165" t="s">
        <v>655</v>
      </c>
      <c r="D819" s="172" t="s">
        <v>932</v>
      </c>
      <c r="E819" s="172" t="s">
        <v>1137</v>
      </c>
      <c r="F819" s="173" t="s">
        <v>1138</v>
      </c>
      <c r="G819" s="163" t="s">
        <v>58</v>
      </c>
      <c r="H819" s="179" t="s">
        <v>59</v>
      </c>
      <c r="I819" s="172" t="s">
        <v>81</v>
      </c>
      <c r="J819" s="163" t="s">
        <v>77</v>
      </c>
      <c r="K819" s="179" t="s">
        <v>722</v>
      </c>
      <c r="L819" s="158" t="s">
        <v>63</v>
      </c>
      <c r="M819" s="158" t="s">
        <v>63</v>
      </c>
      <c r="N819" s="180">
        <v>378235</v>
      </c>
      <c r="O819" s="175">
        <f t="shared" si="470"/>
        <v>378235</v>
      </c>
      <c r="P819" s="176" t="s">
        <v>839</v>
      </c>
      <c r="Q819" s="158" t="s">
        <v>65</v>
      </c>
      <c r="R819" s="161"/>
      <c r="S819" s="161"/>
      <c r="T819" s="161"/>
      <c r="U819" s="161"/>
      <c r="V819" s="161"/>
      <c r="W819" s="161"/>
      <c r="X819" s="161"/>
      <c r="Y819" s="161"/>
      <c r="Z819" s="161"/>
      <c r="AA819" s="161"/>
      <c r="AB819" s="161"/>
      <c r="AC819" s="161"/>
      <c r="AD819" s="161"/>
      <c r="AE819" s="161"/>
      <c r="AF819" s="161"/>
      <c r="AG819" s="161"/>
      <c r="AH819" s="158"/>
      <c r="AI819" s="161"/>
      <c r="AJ819" s="161"/>
      <c r="AK819" s="161"/>
      <c r="AL819" s="158"/>
      <c r="AM819" s="161"/>
      <c r="AN819" s="161"/>
      <c r="AO819" s="161"/>
      <c r="AP819" s="158"/>
      <c r="AQ819" s="161"/>
      <c r="AR819" s="158"/>
      <c r="AS819" s="158"/>
      <c r="AT819" s="161"/>
      <c r="AU819" s="158"/>
      <c r="AV819" s="158"/>
      <c r="AW819" s="160">
        <f t="shared" si="471"/>
        <v>0</v>
      </c>
      <c r="AX819" s="158"/>
      <c r="AY819" s="161" t="str">
        <f t="shared" si="472"/>
        <v/>
      </c>
      <c r="AZ819" s="161" t="str">
        <f t="shared" si="473"/>
        <v/>
      </c>
      <c r="BA819" s="161" t="str">
        <f t="shared" si="474"/>
        <v/>
      </c>
      <c r="BB819" s="161" t="str">
        <f t="shared" si="475"/>
        <v/>
      </c>
      <c r="BC819" s="161" t="str">
        <f t="shared" si="476"/>
        <v/>
      </c>
      <c r="BD819" s="161" t="str">
        <f t="shared" si="477"/>
        <v/>
      </c>
      <c r="BE819" s="161" t="str">
        <f t="shared" si="478"/>
        <v/>
      </c>
      <c r="BF819" s="161" t="str">
        <f t="shared" si="479"/>
        <v/>
      </c>
      <c r="BG819" s="161" t="str">
        <f t="shared" si="480"/>
        <v/>
      </c>
      <c r="BH819" s="161" t="str">
        <f t="shared" si="481"/>
        <v/>
      </c>
      <c r="BI819" s="161" t="str">
        <f t="shared" si="482"/>
        <v/>
      </c>
      <c r="BJ819" s="161" t="str">
        <f t="shared" si="483"/>
        <v/>
      </c>
      <c r="BK819" s="161" t="str">
        <f t="shared" si="484"/>
        <v/>
      </c>
      <c r="BL819" s="161" t="str">
        <f t="shared" si="485"/>
        <v/>
      </c>
      <c r="BM819" s="161" t="str">
        <f t="shared" si="486"/>
        <v/>
      </c>
      <c r="BN819" s="161" t="str">
        <f t="shared" si="487"/>
        <v/>
      </c>
      <c r="BO819" s="161" t="str">
        <f t="shared" si="488"/>
        <v/>
      </c>
      <c r="BP819" s="161" t="str">
        <f t="shared" si="489"/>
        <v/>
      </c>
      <c r="BQ819" s="161" t="str">
        <f t="shared" si="490"/>
        <v/>
      </c>
      <c r="BR819" s="161" t="str">
        <f t="shared" si="491"/>
        <v/>
      </c>
      <c r="BS819" s="161" t="str">
        <f t="shared" si="492"/>
        <v/>
      </c>
      <c r="BT819" s="161" t="str">
        <f t="shared" si="493"/>
        <v/>
      </c>
      <c r="BU819" s="161" t="str">
        <f t="shared" si="494"/>
        <v/>
      </c>
      <c r="BV819" s="161" t="str">
        <f t="shared" si="495"/>
        <v/>
      </c>
      <c r="BW819" s="161" t="str">
        <f t="shared" si="496"/>
        <v/>
      </c>
      <c r="BX819" s="161" t="str">
        <f t="shared" si="497"/>
        <v/>
      </c>
      <c r="BY819" s="161" t="str">
        <f t="shared" si="498"/>
        <v/>
      </c>
      <c r="BZ819" s="161" t="str">
        <f t="shared" si="499"/>
        <v/>
      </c>
      <c r="CA819" s="161" t="str">
        <f t="shared" si="500"/>
        <v/>
      </c>
      <c r="CB819" s="161" t="str">
        <f t="shared" si="501"/>
        <v/>
      </c>
      <c r="CC819" s="161" t="str">
        <f t="shared" si="502"/>
        <v/>
      </c>
      <c r="CD819" s="162"/>
      <c r="CE819" s="162"/>
      <c r="CF819" s="162"/>
    </row>
    <row r="820" spans="1:84" s="178" customFormat="1" ht="56.1" hidden="1" customHeight="1" x14ac:dyDescent="0.2">
      <c r="A820" s="154">
        <v>820</v>
      </c>
      <c r="B820" s="155" t="s">
        <v>53</v>
      </c>
      <c r="C820" s="165" t="s">
        <v>655</v>
      </c>
      <c r="D820" s="172" t="s">
        <v>932</v>
      </c>
      <c r="E820" s="172" t="s">
        <v>1139</v>
      </c>
      <c r="F820" s="173" t="s">
        <v>1140</v>
      </c>
      <c r="G820" s="163" t="s">
        <v>58</v>
      </c>
      <c r="H820" s="179" t="s">
        <v>59</v>
      </c>
      <c r="I820" s="173" t="s">
        <v>81</v>
      </c>
      <c r="J820" s="163" t="s">
        <v>77</v>
      </c>
      <c r="K820" s="179" t="s">
        <v>722</v>
      </c>
      <c r="L820" s="158" t="s">
        <v>63</v>
      </c>
      <c r="M820" s="158" t="s">
        <v>63</v>
      </c>
      <c r="N820" s="180">
        <v>107338.29106</v>
      </c>
      <c r="O820" s="175">
        <f t="shared" si="470"/>
        <v>107338.29106</v>
      </c>
      <c r="P820" s="176" t="s">
        <v>839</v>
      </c>
      <c r="Q820" s="158" t="s">
        <v>65</v>
      </c>
      <c r="R820" s="161"/>
      <c r="S820" s="161"/>
      <c r="T820" s="161"/>
      <c r="U820" s="161"/>
      <c r="V820" s="161"/>
      <c r="W820" s="161"/>
      <c r="X820" s="161"/>
      <c r="Y820" s="161"/>
      <c r="Z820" s="161"/>
      <c r="AA820" s="161"/>
      <c r="AB820" s="161"/>
      <c r="AC820" s="161"/>
      <c r="AD820" s="161"/>
      <c r="AE820" s="161"/>
      <c r="AF820" s="161"/>
      <c r="AG820" s="161"/>
      <c r="AH820" s="158"/>
      <c r="AI820" s="161"/>
      <c r="AJ820" s="161"/>
      <c r="AK820" s="161"/>
      <c r="AL820" s="158"/>
      <c r="AM820" s="161"/>
      <c r="AN820" s="161"/>
      <c r="AO820" s="161"/>
      <c r="AP820" s="158"/>
      <c r="AQ820" s="161"/>
      <c r="AR820" s="158"/>
      <c r="AS820" s="158"/>
      <c r="AT820" s="161"/>
      <c r="AU820" s="158"/>
      <c r="AV820" s="158"/>
      <c r="AW820" s="160">
        <f t="shared" si="471"/>
        <v>0</v>
      </c>
      <c r="AX820" s="158"/>
      <c r="AY820" s="161" t="str">
        <f t="shared" si="472"/>
        <v/>
      </c>
      <c r="AZ820" s="161" t="str">
        <f t="shared" si="473"/>
        <v/>
      </c>
      <c r="BA820" s="161" t="str">
        <f t="shared" si="474"/>
        <v/>
      </c>
      <c r="BB820" s="161" t="str">
        <f t="shared" si="475"/>
        <v/>
      </c>
      <c r="BC820" s="161" t="str">
        <f t="shared" si="476"/>
        <v/>
      </c>
      <c r="BD820" s="161" t="str">
        <f t="shared" si="477"/>
        <v/>
      </c>
      <c r="BE820" s="161" t="str">
        <f t="shared" si="478"/>
        <v/>
      </c>
      <c r="BF820" s="161" t="str">
        <f t="shared" si="479"/>
        <v/>
      </c>
      <c r="BG820" s="161" t="str">
        <f t="shared" si="480"/>
        <v/>
      </c>
      <c r="BH820" s="161" t="str">
        <f t="shared" si="481"/>
        <v/>
      </c>
      <c r="BI820" s="161" t="str">
        <f t="shared" si="482"/>
        <v/>
      </c>
      <c r="BJ820" s="161" t="str">
        <f t="shared" si="483"/>
        <v/>
      </c>
      <c r="BK820" s="161" t="str">
        <f t="shared" si="484"/>
        <v/>
      </c>
      <c r="BL820" s="161" t="str">
        <f t="shared" si="485"/>
        <v/>
      </c>
      <c r="BM820" s="161" t="str">
        <f t="shared" si="486"/>
        <v/>
      </c>
      <c r="BN820" s="161" t="str">
        <f t="shared" si="487"/>
        <v/>
      </c>
      <c r="BO820" s="161" t="str">
        <f t="shared" si="488"/>
        <v/>
      </c>
      <c r="BP820" s="161" t="str">
        <f t="shared" si="489"/>
        <v/>
      </c>
      <c r="BQ820" s="161" t="str">
        <f t="shared" si="490"/>
        <v/>
      </c>
      <c r="BR820" s="161" t="str">
        <f t="shared" si="491"/>
        <v/>
      </c>
      <c r="BS820" s="161" t="str">
        <f t="shared" si="492"/>
        <v/>
      </c>
      <c r="BT820" s="161" t="str">
        <f t="shared" si="493"/>
        <v/>
      </c>
      <c r="BU820" s="161" t="str">
        <f t="shared" si="494"/>
        <v/>
      </c>
      <c r="BV820" s="161" t="str">
        <f t="shared" si="495"/>
        <v/>
      </c>
      <c r="BW820" s="161" t="str">
        <f t="shared" si="496"/>
        <v/>
      </c>
      <c r="BX820" s="161" t="str">
        <f t="shared" si="497"/>
        <v/>
      </c>
      <c r="BY820" s="161" t="str">
        <f t="shared" si="498"/>
        <v/>
      </c>
      <c r="BZ820" s="161" t="str">
        <f t="shared" si="499"/>
        <v/>
      </c>
      <c r="CA820" s="161" t="str">
        <f t="shared" si="500"/>
        <v/>
      </c>
      <c r="CB820" s="161" t="str">
        <f t="shared" si="501"/>
        <v/>
      </c>
      <c r="CC820" s="161" t="str">
        <f t="shared" si="502"/>
        <v/>
      </c>
      <c r="CD820" s="162"/>
      <c r="CE820" s="162"/>
      <c r="CF820" s="162"/>
    </row>
    <row r="821" spans="1:84" s="178" customFormat="1" ht="56.1" hidden="1" customHeight="1" x14ac:dyDescent="0.2">
      <c r="A821" s="154">
        <v>821</v>
      </c>
      <c r="B821" s="155" t="s">
        <v>53</v>
      </c>
      <c r="C821" s="165" t="s">
        <v>655</v>
      </c>
      <c r="D821" s="172" t="s">
        <v>932</v>
      </c>
      <c r="E821" s="172" t="s">
        <v>1141</v>
      </c>
      <c r="F821" s="173" t="s">
        <v>1142</v>
      </c>
      <c r="G821" s="163" t="s">
        <v>58</v>
      </c>
      <c r="H821" s="179" t="s">
        <v>59</v>
      </c>
      <c r="I821" s="172" t="s">
        <v>81</v>
      </c>
      <c r="J821" s="163" t="s">
        <v>77</v>
      </c>
      <c r="K821" s="179" t="s">
        <v>722</v>
      </c>
      <c r="L821" s="158" t="s">
        <v>63</v>
      </c>
      <c r="M821" s="158" t="s">
        <v>63</v>
      </c>
      <c r="N821" s="180">
        <v>606409.375</v>
      </c>
      <c r="O821" s="175">
        <f t="shared" si="470"/>
        <v>606409.375</v>
      </c>
      <c r="P821" s="176" t="s">
        <v>839</v>
      </c>
      <c r="Q821" s="158" t="s">
        <v>65</v>
      </c>
      <c r="R821" s="161"/>
      <c r="S821" s="161"/>
      <c r="T821" s="161"/>
      <c r="U821" s="161"/>
      <c r="V821" s="161"/>
      <c r="W821" s="161"/>
      <c r="X821" s="161"/>
      <c r="Y821" s="161"/>
      <c r="Z821" s="161"/>
      <c r="AA821" s="161"/>
      <c r="AB821" s="161"/>
      <c r="AC821" s="161"/>
      <c r="AD821" s="161"/>
      <c r="AE821" s="161"/>
      <c r="AF821" s="161"/>
      <c r="AG821" s="161"/>
      <c r="AH821" s="158"/>
      <c r="AI821" s="161"/>
      <c r="AJ821" s="161"/>
      <c r="AK821" s="161"/>
      <c r="AL821" s="158"/>
      <c r="AM821" s="161"/>
      <c r="AN821" s="161"/>
      <c r="AO821" s="161"/>
      <c r="AP821" s="158"/>
      <c r="AQ821" s="161"/>
      <c r="AR821" s="158"/>
      <c r="AS821" s="158"/>
      <c r="AT821" s="161"/>
      <c r="AU821" s="158"/>
      <c r="AV821" s="158"/>
      <c r="AW821" s="160">
        <f t="shared" si="471"/>
        <v>0</v>
      </c>
      <c r="AX821" s="158"/>
      <c r="AY821" s="161" t="str">
        <f t="shared" si="472"/>
        <v/>
      </c>
      <c r="AZ821" s="161" t="str">
        <f t="shared" si="473"/>
        <v/>
      </c>
      <c r="BA821" s="161" t="str">
        <f t="shared" si="474"/>
        <v/>
      </c>
      <c r="BB821" s="161" t="str">
        <f t="shared" si="475"/>
        <v/>
      </c>
      <c r="BC821" s="161" t="str">
        <f t="shared" si="476"/>
        <v/>
      </c>
      <c r="BD821" s="161" t="str">
        <f t="shared" si="477"/>
        <v/>
      </c>
      <c r="BE821" s="161" t="str">
        <f t="shared" si="478"/>
        <v/>
      </c>
      <c r="BF821" s="161" t="str">
        <f t="shared" si="479"/>
        <v/>
      </c>
      <c r="BG821" s="161" t="str">
        <f t="shared" si="480"/>
        <v/>
      </c>
      <c r="BH821" s="161" t="str">
        <f t="shared" si="481"/>
        <v/>
      </c>
      <c r="BI821" s="161" t="str">
        <f t="shared" si="482"/>
        <v/>
      </c>
      <c r="BJ821" s="161" t="str">
        <f t="shared" si="483"/>
        <v/>
      </c>
      <c r="BK821" s="161" t="str">
        <f t="shared" si="484"/>
        <v/>
      </c>
      <c r="BL821" s="161" t="str">
        <f t="shared" si="485"/>
        <v/>
      </c>
      <c r="BM821" s="161" t="str">
        <f t="shared" si="486"/>
        <v/>
      </c>
      <c r="BN821" s="161" t="str">
        <f t="shared" si="487"/>
        <v/>
      </c>
      <c r="BO821" s="161" t="str">
        <f t="shared" si="488"/>
        <v/>
      </c>
      <c r="BP821" s="161" t="str">
        <f t="shared" si="489"/>
        <v/>
      </c>
      <c r="BQ821" s="161" t="str">
        <f t="shared" si="490"/>
        <v/>
      </c>
      <c r="BR821" s="161" t="str">
        <f t="shared" si="491"/>
        <v/>
      </c>
      <c r="BS821" s="161" t="str">
        <f t="shared" si="492"/>
        <v/>
      </c>
      <c r="BT821" s="161" t="str">
        <f t="shared" si="493"/>
        <v/>
      </c>
      <c r="BU821" s="161" t="str">
        <f t="shared" si="494"/>
        <v/>
      </c>
      <c r="BV821" s="161" t="str">
        <f t="shared" si="495"/>
        <v/>
      </c>
      <c r="BW821" s="161" t="str">
        <f t="shared" si="496"/>
        <v/>
      </c>
      <c r="BX821" s="161" t="str">
        <f t="shared" si="497"/>
        <v/>
      </c>
      <c r="BY821" s="161" t="str">
        <f t="shared" si="498"/>
        <v/>
      </c>
      <c r="BZ821" s="161" t="str">
        <f t="shared" si="499"/>
        <v/>
      </c>
      <c r="CA821" s="161" t="str">
        <f t="shared" si="500"/>
        <v/>
      </c>
      <c r="CB821" s="161" t="str">
        <f t="shared" si="501"/>
        <v/>
      </c>
      <c r="CC821" s="161" t="str">
        <f t="shared" si="502"/>
        <v/>
      </c>
      <c r="CD821" s="162"/>
      <c r="CE821" s="162"/>
      <c r="CF821" s="162"/>
    </row>
    <row r="822" spans="1:84" s="178" customFormat="1" ht="56.1" hidden="1" customHeight="1" x14ac:dyDescent="0.2">
      <c r="A822" s="154">
        <v>822</v>
      </c>
      <c r="B822" s="155" t="s">
        <v>53</v>
      </c>
      <c r="C822" s="165" t="s">
        <v>655</v>
      </c>
      <c r="D822" s="172" t="s">
        <v>932</v>
      </c>
      <c r="E822" s="172" t="s">
        <v>1143</v>
      </c>
      <c r="F822" s="173" t="s">
        <v>1144</v>
      </c>
      <c r="G822" s="163" t="s">
        <v>58</v>
      </c>
      <c r="H822" s="179" t="s">
        <v>59</v>
      </c>
      <c r="I822" s="173" t="s">
        <v>81</v>
      </c>
      <c r="J822" s="163" t="s">
        <v>77</v>
      </c>
      <c r="K822" s="179" t="s">
        <v>722</v>
      </c>
      <c r="L822" s="158" t="s">
        <v>63</v>
      </c>
      <c r="M822" s="158" t="s">
        <v>63</v>
      </c>
      <c r="N822" s="180">
        <v>34476.120250000007</v>
      </c>
      <c r="O822" s="175">
        <f t="shared" si="470"/>
        <v>34476.120250000007</v>
      </c>
      <c r="P822" s="176" t="s">
        <v>839</v>
      </c>
      <c r="Q822" s="158" t="s">
        <v>65</v>
      </c>
      <c r="R822" s="161"/>
      <c r="S822" s="161"/>
      <c r="T822" s="161"/>
      <c r="U822" s="161"/>
      <c r="V822" s="161"/>
      <c r="W822" s="161"/>
      <c r="X822" s="161"/>
      <c r="Y822" s="161"/>
      <c r="Z822" s="161"/>
      <c r="AA822" s="161"/>
      <c r="AB822" s="161"/>
      <c r="AC822" s="161"/>
      <c r="AD822" s="161"/>
      <c r="AE822" s="161"/>
      <c r="AF822" s="161"/>
      <c r="AG822" s="161"/>
      <c r="AH822" s="158"/>
      <c r="AI822" s="161"/>
      <c r="AJ822" s="161"/>
      <c r="AK822" s="161"/>
      <c r="AL822" s="158"/>
      <c r="AM822" s="161"/>
      <c r="AN822" s="161"/>
      <c r="AO822" s="161"/>
      <c r="AP822" s="158"/>
      <c r="AQ822" s="161"/>
      <c r="AR822" s="158"/>
      <c r="AS822" s="158"/>
      <c r="AT822" s="161"/>
      <c r="AU822" s="158"/>
      <c r="AV822" s="158"/>
      <c r="AW822" s="160">
        <f t="shared" si="471"/>
        <v>0</v>
      </c>
      <c r="AX822" s="158"/>
      <c r="AY822" s="161" t="str">
        <f t="shared" si="472"/>
        <v/>
      </c>
      <c r="AZ822" s="161" t="str">
        <f t="shared" si="473"/>
        <v/>
      </c>
      <c r="BA822" s="161" t="str">
        <f t="shared" si="474"/>
        <v/>
      </c>
      <c r="BB822" s="161" t="str">
        <f t="shared" si="475"/>
        <v/>
      </c>
      <c r="BC822" s="161" t="str">
        <f t="shared" si="476"/>
        <v/>
      </c>
      <c r="BD822" s="161" t="str">
        <f t="shared" si="477"/>
        <v/>
      </c>
      <c r="BE822" s="161" t="str">
        <f t="shared" si="478"/>
        <v/>
      </c>
      <c r="BF822" s="161" t="str">
        <f t="shared" si="479"/>
        <v/>
      </c>
      <c r="BG822" s="161" t="str">
        <f t="shared" si="480"/>
        <v/>
      </c>
      <c r="BH822" s="161" t="str">
        <f t="shared" si="481"/>
        <v/>
      </c>
      <c r="BI822" s="161" t="str">
        <f t="shared" si="482"/>
        <v/>
      </c>
      <c r="BJ822" s="161" t="str">
        <f t="shared" si="483"/>
        <v/>
      </c>
      <c r="BK822" s="161" t="str">
        <f t="shared" si="484"/>
        <v/>
      </c>
      <c r="BL822" s="161" t="str">
        <f t="shared" si="485"/>
        <v/>
      </c>
      <c r="BM822" s="161" t="str">
        <f t="shared" si="486"/>
        <v/>
      </c>
      <c r="BN822" s="161" t="str">
        <f t="shared" si="487"/>
        <v/>
      </c>
      <c r="BO822" s="161" t="str">
        <f t="shared" si="488"/>
        <v/>
      </c>
      <c r="BP822" s="161" t="str">
        <f t="shared" si="489"/>
        <v/>
      </c>
      <c r="BQ822" s="161" t="str">
        <f t="shared" si="490"/>
        <v/>
      </c>
      <c r="BR822" s="161" t="str">
        <f t="shared" si="491"/>
        <v/>
      </c>
      <c r="BS822" s="161" t="str">
        <f t="shared" si="492"/>
        <v/>
      </c>
      <c r="BT822" s="161" t="str">
        <f t="shared" si="493"/>
        <v/>
      </c>
      <c r="BU822" s="161" t="str">
        <f t="shared" si="494"/>
        <v/>
      </c>
      <c r="BV822" s="161" t="str">
        <f t="shared" si="495"/>
        <v/>
      </c>
      <c r="BW822" s="161" t="str">
        <f t="shared" si="496"/>
        <v/>
      </c>
      <c r="BX822" s="161" t="str">
        <f t="shared" si="497"/>
        <v/>
      </c>
      <c r="BY822" s="161" t="str">
        <f t="shared" si="498"/>
        <v/>
      </c>
      <c r="BZ822" s="161" t="str">
        <f t="shared" si="499"/>
        <v/>
      </c>
      <c r="CA822" s="161" t="str">
        <f t="shared" si="500"/>
        <v/>
      </c>
      <c r="CB822" s="161" t="str">
        <f t="shared" si="501"/>
        <v/>
      </c>
      <c r="CC822" s="161" t="str">
        <f t="shared" si="502"/>
        <v/>
      </c>
      <c r="CD822" s="162"/>
      <c r="CE822" s="162"/>
      <c r="CF822" s="162"/>
    </row>
    <row r="823" spans="1:84" s="248" customFormat="1" ht="56.1" hidden="1" customHeight="1" x14ac:dyDescent="0.2">
      <c r="A823" s="198">
        <v>823</v>
      </c>
      <c r="B823" s="199" t="s">
        <v>53</v>
      </c>
      <c r="C823" s="208" t="s">
        <v>655</v>
      </c>
      <c r="D823" s="243" t="s">
        <v>932</v>
      </c>
      <c r="E823" s="243" t="s">
        <v>1145</v>
      </c>
      <c r="F823" s="288" t="s">
        <v>1146</v>
      </c>
      <c r="G823" s="206" t="s">
        <v>58</v>
      </c>
      <c r="H823" s="242" t="s">
        <v>833</v>
      </c>
      <c r="I823" s="243" t="s">
        <v>81</v>
      </c>
      <c r="J823" s="206" t="s">
        <v>77</v>
      </c>
      <c r="K823" s="242" t="s">
        <v>722</v>
      </c>
      <c r="L823" s="205" t="s">
        <v>63</v>
      </c>
      <c r="M823" s="205" t="s">
        <v>63</v>
      </c>
      <c r="N823" s="290">
        <v>1167595</v>
      </c>
      <c r="O823" s="245">
        <f t="shared" si="470"/>
        <v>1167595</v>
      </c>
      <c r="P823" s="285" t="s">
        <v>659</v>
      </c>
      <c r="Q823" s="205" t="s">
        <v>65</v>
      </c>
      <c r="R823" s="203"/>
      <c r="S823" s="203"/>
      <c r="T823" s="203"/>
      <c r="U823" s="203"/>
      <c r="V823" s="203"/>
      <c r="W823" s="203"/>
      <c r="X823" s="203"/>
      <c r="Y823" s="203"/>
      <c r="Z823" s="203"/>
      <c r="AA823" s="203"/>
      <c r="AB823" s="203"/>
      <c r="AC823" s="203"/>
      <c r="AD823" s="203"/>
      <c r="AE823" s="203"/>
      <c r="AF823" s="203"/>
      <c r="AG823" s="203"/>
      <c r="AH823" s="205"/>
      <c r="AI823" s="203"/>
      <c r="AJ823" s="203"/>
      <c r="AK823" s="203"/>
      <c r="AL823" s="205"/>
      <c r="AM823" s="203"/>
      <c r="AN823" s="203"/>
      <c r="AO823" s="203"/>
      <c r="AP823" s="205"/>
      <c r="AQ823" s="203"/>
      <c r="AR823" s="205"/>
      <c r="AS823" s="205"/>
      <c r="AT823" s="203"/>
      <c r="AU823" s="205"/>
      <c r="AV823" s="205"/>
      <c r="AW823" s="204">
        <f t="shared" si="471"/>
        <v>0</v>
      </c>
      <c r="AX823" s="205"/>
      <c r="AY823" s="203" t="str">
        <f t="shared" si="472"/>
        <v/>
      </c>
      <c r="AZ823" s="203" t="str">
        <f t="shared" si="473"/>
        <v/>
      </c>
      <c r="BA823" s="203" t="str">
        <f t="shared" si="474"/>
        <v/>
      </c>
      <c r="BB823" s="203" t="str">
        <f t="shared" si="475"/>
        <v/>
      </c>
      <c r="BC823" s="203" t="str">
        <f t="shared" si="476"/>
        <v/>
      </c>
      <c r="BD823" s="203" t="str">
        <f t="shared" si="477"/>
        <v/>
      </c>
      <c r="BE823" s="203" t="str">
        <f t="shared" si="478"/>
        <v/>
      </c>
      <c r="BF823" s="203" t="str">
        <f t="shared" si="479"/>
        <v/>
      </c>
      <c r="BG823" s="203" t="str">
        <f t="shared" si="480"/>
        <v/>
      </c>
      <c r="BH823" s="203" t="str">
        <f t="shared" si="481"/>
        <v/>
      </c>
      <c r="BI823" s="203" t="str">
        <f t="shared" si="482"/>
        <v/>
      </c>
      <c r="BJ823" s="203" t="str">
        <f t="shared" si="483"/>
        <v/>
      </c>
      <c r="BK823" s="203" t="str">
        <f t="shared" si="484"/>
        <v/>
      </c>
      <c r="BL823" s="203" t="str">
        <f t="shared" si="485"/>
        <v/>
      </c>
      <c r="BM823" s="203" t="str">
        <f t="shared" si="486"/>
        <v/>
      </c>
      <c r="BN823" s="203" t="str">
        <f t="shared" si="487"/>
        <v/>
      </c>
      <c r="BO823" s="203" t="str">
        <f t="shared" si="488"/>
        <v/>
      </c>
      <c r="BP823" s="203" t="str">
        <f t="shared" si="489"/>
        <v/>
      </c>
      <c r="BQ823" s="203" t="str">
        <f t="shared" si="490"/>
        <v/>
      </c>
      <c r="BR823" s="203" t="str">
        <f t="shared" si="491"/>
        <v/>
      </c>
      <c r="BS823" s="203" t="str">
        <f t="shared" si="492"/>
        <v/>
      </c>
      <c r="BT823" s="203" t="str">
        <f t="shared" si="493"/>
        <v/>
      </c>
      <c r="BU823" s="203" t="str">
        <f t="shared" si="494"/>
        <v/>
      </c>
      <c r="BV823" s="203" t="str">
        <f t="shared" si="495"/>
        <v/>
      </c>
      <c r="BW823" s="203" t="str">
        <f t="shared" si="496"/>
        <v/>
      </c>
      <c r="BX823" s="203" t="str">
        <f t="shared" si="497"/>
        <v/>
      </c>
      <c r="BY823" s="203" t="str">
        <f t="shared" si="498"/>
        <v/>
      </c>
      <c r="BZ823" s="203" t="str">
        <f t="shared" si="499"/>
        <v/>
      </c>
      <c r="CA823" s="203" t="str">
        <f t="shared" si="500"/>
        <v/>
      </c>
      <c r="CB823" s="203" t="str">
        <f t="shared" si="501"/>
        <v/>
      </c>
      <c r="CC823" s="203" t="str">
        <f t="shared" si="502"/>
        <v/>
      </c>
      <c r="CD823" s="263"/>
      <c r="CE823" s="263"/>
      <c r="CF823" s="263"/>
    </row>
    <row r="824" spans="1:84" s="248" customFormat="1" ht="56.1" hidden="1" customHeight="1" x14ac:dyDescent="0.2">
      <c r="A824" s="198">
        <v>824</v>
      </c>
      <c r="B824" s="199" t="s">
        <v>53</v>
      </c>
      <c r="C824" s="208" t="s">
        <v>655</v>
      </c>
      <c r="D824" s="243" t="s">
        <v>932</v>
      </c>
      <c r="E824" s="243" t="s">
        <v>1147</v>
      </c>
      <c r="F824" s="288" t="s">
        <v>1148</v>
      </c>
      <c r="G824" s="206" t="s">
        <v>58</v>
      </c>
      <c r="H824" s="242" t="s">
        <v>833</v>
      </c>
      <c r="I824" s="288" t="s">
        <v>81</v>
      </c>
      <c r="J824" s="206" t="s">
        <v>77</v>
      </c>
      <c r="K824" s="242" t="s">
        <v>722</v>
      </c>
      <c r="L824" s="205" t="s">
        <v>63</v>
      </c>
      <c r="M824" s="205" t="s">
        <v>63</v>
      </c>
      <c r="N824" s="290">
        <v>402902.5</v>
      </c>
      <c r="O824" s="245">
        <f t="shared" si="470"/>
        <v>402902.5</v>
      </c>
      <c r="P824" s="285" t="s">
        <v>659</v>
      </c>
      <c r="Q824" s="205" t="s">
        <v>65</v>
      </c>
      <c r="R824" s="203"/>
      <c r="S824" s="203"/>
      <c r="T824" s="203"/>
      <c r="U824" s="203"/>
      <c r="V824" s="203"/>
      <c r="W824" s="203"/>
      <c r="X824" s="203"/>
      <c r="Y824" s="203"/>
      <c r="Z824" s="203"/>
      <c r="AA824" s="203"/>
      <c r="AB824" s="203"/>
      <c r="AC824" s="203"/>
      <c r="AD824" s="203"/>
      <c r="AE824" s="203"/>
      <c r="AF824" s="203"/>
      <c r="AG824" s="203"/>
      <c r="AH824" s="205"/>
      <c r="AI824" s="203"/>
      <c r="AJ824" s="203"/>
      <c r="AK824" s="203"/>
      <c r="AL824" s="205"/>
      <c r="AM824" s="203"/>
      <c r="AN824" s="203"/>
      <c r="AO824" s="203"/>
      <c r="AP824" s="205"/>
      <c r="AQ824" s="203"/>
      <c r="AR824" s="205"/>
      <c r="AS824" s="205"/>
      <c r="AT824" s="203"/>
      <c r="AU824" s="205"/>
      <c r="AV824" s="205"/>
      <c r="AW824" s="204">
        <f t="shared" si="471"/>
        <v>0</v>
      </c>
      <c r="AX824" s="205"/>
      <c r="AY824" s="203" t="str">
        <f t="shared" si="472"/>
        <v/>
      </c>
      <c r="AZ824" s="203" t="str">
        <f t="shared" si="473"/>
        <v/>
      </c>
      <c r="BA824" s="203" t="str">
        <f t="shared" si="474"/>
        <v/>
      </c>
      <c r="BB824" s="203" t="str">
        <f t="shared" si="475"/>
        <v/>
      </c>
      <c r="BC824" s="203" t="str">
        <f t="shared" si="476"/>
        <v/>
      </c>
      <c r="BD824" s="203" t="str">
        <f t="shared" si="477"/>
        <v/>
      </c>
      <c r="BE824" s="203" t="str">
        <f t="shared" si="478"/>
        <v/>
      </c>
      <c r="BF824" s="203" t="str">
        <f t="shared" si="479"/>
        <v/>
      </c>
      <c r="BG824" s="203" t="str">
        <f t="shared" si="480"/>
        <v/>
      </c>
      <c r="BH824" s="203" t="str">
        <f t="shared" si="481"/>
        <v/>
      </c>
      <c r="BI824" s="203" t="str">
        <f t="shared" si="482"/>
        <v/>
      </c>
      <c r="BJ824" s="203" t="str">
        <f t="shared" si="483"/>
        <v/>
      </c>
      <c r="BK824" s="203" t="str">
        <f t="shared" si="484"/>
        <v/>
      </c>
      <c r="BL824" s="203" t="str">
        <f t="shared" si="485"/>
        <v/>
      </c>
      <c r="BM824" s="203" t="str">
        <f t="shared" si="486"/>
        <v/>
      </c>
      <c r="BN824" s="203" t="str">
        <f t="shared" si="487"/>
        <v/>
      </c>
      <c r="BO824" s="203" t="str">
        <f t="shared" si="488"/>
        <v/>
      </c>
      <c r="BP824" s="203" t="str">
        <f t="shared" si="489"/>
        <v/>
      </c>
      <c r="BQ824" s="203" t="str">
        <f t="shared" si="490"/>
        <v/>
      </c>
      <c r="BR824" s="203" t="str">
        <f t="shared" si="491"/>
        <v/>
      </c>
      <c r="BS824" s="203" t="str">
        <f t="shared" si="492"/>
        <v/>
      </c>
      <c r="BT824" s="203" t="str">
        <f t="shared" si="493"/>
        <v/>
      </c>
      <c r="BU824" s="203" t="str">
        <f t="shared" si="494"/>
        <v/>
      </c>
      <c r="BV824" s="203" t="str">
        <f t="shared" si="495"/>
        <v/>
      </c>
      <c r="BW824" s="203" t="str">
        <f t="shared" si="496"/>
        <v/>
      </c>
      <c r="BX824" s="203" t="str">
        <f t="shared" si="497"/>
        <v/>
      </c>
      <c r="BY824" s="203" t="str">
        <f t="shared" si="498"/>
        <v/>
      </c>
      <c r="BZ824" s="203" t="str">
        <f t="shared" si="499"/>
        <v/>
      </c>
      <c r="CA824" s="203" t="str">
        <f t="shared" si="500"/>
        <v/>
      </c>
      <c r="CB824" s="203" t="str">
        <f t="shared" si="501"/>
        <v/>
      </c>
      <c r="CC824" s="203" t="str">
        <f t="shared" si="502"/>
        <v/>
      </c>
      <c r="CD824" s="263"/>
      <c r="CE824" s="263"/>
      <c r="CF824" s="263"/>
    </row>
    <row r="825" spans="1:84" s="248" customFormat="1" ht="56.1" hidden="1" customHeight="1" x14ac:dyDescent="0.2">
      <c r="A825" s="198">
        <v>825</v>
      </c>
      <c r="B825" s="199" t="s">
        <v>53</v>
      </c>
      <c r="C825" s="208" t="s">
        <v>655</v>
      </c>
      <c r="D825" s="243" t="s">
        <v>932</v>
      </c>
      <c r="E825" s="243" t="s">
        <v>1149</v>
      </c>
      <c r="F825" s="288" t="s">
        <v>1150</v>
      </c>
      <c r="G825" s="206" t="s">
        <v>58</v>
      </c>
      <c r="H825" s="242" t="s">
        <v>833</v>
      </c>
      <c r="I825" s="243" t="s">
        <v>81</v>
      </c>
      <c r="J825" s="206" t="s">
        <v>77</v>
      </c>
      <c r="K825" s="242" t="s">
        <v>722</v>
      </c>
      <c r="L825" s="205" t="s">
        <v>63</v>
      </c>
      <c r="M825" s="205" t="s">
        <v>63</v>
      </c>
      <c r="N825" s="290">
        <v>25057.575400000002</v>
      </c>
      <c r="O825" s="245">
        <f t="shared" si="470"/>
        <v>25057.575400000002</v>
      </c>
      <c r="P825" s="285" t="s">
        <v>659</v>
      </c>
      <c r="Q825" s="205" t="s">
        <v>65</v>
      </c>
      <c r="R825" s="203"/>
      <c r="S825" s="203"/>
      <c r="T825" s="203"/>
      <c r="U825" s="203"/>
      <c r="V825" s="203"/>
      <c r="W825" s="203"/>
      <c r="X825" s="203"/>
      <c r="Y825" s="203"/>
      <c r="Z825" s="203"/>
      <c r="AA825" s="203"/>
      <c r="AB825" s="203"/>
      <c r="AC825" s="203"/>
      <c r="AD825" s="203"/>
      <c r="AE825" s="203"/>
      <c r="AF825" s="203"/>
      <c r="AG825" s="203"/>
      <c r="AH825" s="205"/>
      <c r="AI825" s="203"/>
      <c r="AJ825" s="203"/>
      <c r="AK825" s="203"/>
      <c r="AL825" s="205"/>
      <c r="AM825" s="203"/>
      <c r="AN825" s="203"/>
      <c r="AO825" s="203"/>
      <c r="AP825" s="205"/>
      <c r="AQ825" s="203"/>
      <c r="AR825" s="205"/>
      <c r="AS825" s="205"/>
      <c r="AT825" s="203"/>
      <c r="AU825" s="205"/>
      <c r="AV825" s="205"/>
      <c r="AW825" s="204">
        <f t="shared" si="471"/>
        <v>0</v>
      </c>
      <c r="AX825" s="205"/>
      <c r="AY825" s="203" t="str">
        <f t="shared" si="472"/>
        <v/>
      </c>
      <c r="AZ825" s="203" t="str">
        <f t="shared" si="473"/>
        <v/>
      </c>
      <c r="BA825" s="203" t="str">
        <f t="shared" si="474"/>
        <v/>
      </c>
      <c r="BB825" s="203" t="str">
        <f t="shared" si="475"/>
        <v/>
      </c>
      <c r="BC825" s="203" t="str">
        <f t="shared" si="476"/>
        <v/>
      </c>
      <c r="BD825" s="203" t="str">
        <f t="shared" si="477"/>
        <v/>
      </c>
      <c r="BE825" s="203" t="str">
        <f t="shared" si="478"/>
        <v/>
      </c>
      <c r="BF825" s="203" t="str">
        <f t="shared" si="479"/>
        <v/>
      </c>
      <c r="BG825" s="203" t="str">
        <f t="shared" si="480"/>
        <v/>
      </c>
      <c r="BH825" s="203" t="str">
        <f t="shared" si="481"/>
        <v/>
      </c>
      <c r="BI825" s="203" t="str">
        <f t="shared" si="482"/>
        <v/>
      </c>
      <c r="BJ825" s="203" t="str">
        <f t="shared" si="483"/>
        <v/>
      </c>
      <c r="BK825" s="203" t="str">
        <f t="shared" si="484"/>
        <v/>
      </c>
      <c r="BL825" s="203" t="str">
        <f t="shared" si="485"/>
        <v/>
      </c>
      <c r="BM825" s="203" t="str">
        <f t="shared" si="486"/>
        <v/>
      </c>
      <c r="BN825" s="203" t="str">
        <f t="shared" si="487"/>
        <v/>
      </c>
      <c r="BO825" s="203" t="str">
        <f t="shared" si="488"/>
        <v/>
      </c>
      <c r="BP825" s="203" t="str">
        <f t="shared" si="489"/>
        <v/>
      </c>
      <c r="BQ825" s="203" t="str">
        <f t="shared" si="490"/>
        <v/>
      </c>
      <c r="BR825" s="203" t="str">
        <f t="shared" si="491"/>
        <v/>
      </c>
      <c r="BS825" s="203" t="str">
        <f t="shared" si="492"/>
        <v/>
      </c>
      <c r="BT825" s="203" t="str">
        <f t="shared" si="493"/>
        <v/>
      </c>
      <c r="BU825" s="203" t="str">
        <f t="shared" si="494"/>
        <v/>
      </c>
      <c r="BV825" s="203" t="str">
        <f t="shared" si="495"/>
        <v/>
      </c>
      <c r="BW825" s="203" t="str">
        <f t="shared" si="496"/>
        <v/>
      </c>
      <c r="BX825" s="203" t="str">
        <f t="shared" si="497"/>
        <v/>
      </c>
      <c r="BY825" s="203" t="str">
        <f t="shared" si="498"/>
        <v/>
      </c>
      <c r="BZ825" s="203" t="str">
        <f t="shared" si="499"/>
        <v/>
      </c>
      <c r="CA825" s="203" t="str">
        <f t="shared" si="500"/>
        <v/>
      </c>
      <c r="CB825" s="203" t="str">
        <f t="shared" si="501"/>
        <v/>
      </c>
      <c r="CC825" s="203" t="str">
        <f t="shared" si="502"/>
        <v/>
      </c>
      <c r="CD825" s="263"/>
      <c r="CE825" s="263"/>
      <c r="CF825" s="263"/>
    </row>
    <row r="826" spans="1:84" s="248" customFormat="1" ht="56.1" hidden="1" customHeight="1" x14ac:dyDescent="0.2">
      <c r="A826" s="198">
        <v>826</v>
      </c>
      <c r="B826" s="199" t="s">
        <v>53</v>
      </c>
      <c r="C826" s="208" t="s">
        <v>655</v>
      </c>
      <c r="D826" s="243" t="s">
        <v>932</v>
      </c>
      <c r="E826" s="243" t="s">
        <v>1151</v>
      </c>
      <c r="F826" s="288" t="s">
        <v>1152</v>
      </c>
      <c r="G826" s="206" t="s">
        <v>58</v>
      </c>
      <c r="H826" s="242" t="s">
        <v>833</v>
      </c>
      <c r="I826" s="288" t="s">
        <v>81</v>
      </c>
      <c r="J826" s="206" t="s">
        <v>77</v>
      </c>
      <c r="K826" s="242" t="s">
        <v>722</v>
      </c>
      <c r="L826" s="205" t="s">
        <v>63</v>
      </c>
      <c r="M826" s="205" t="s">
        <v>63</v>
      </c>
      <c r="N826" s="290">
        <v>9044.75</v>
      </c>
      <c r="O826" s="245">
        <f t="shared" si="470"/>
        <v>9044.75</v>
      </c>
      <c r="P826" s="285" t="s">
        <v>659</v>
      </c>
      <c r="Q826" s="205" t="s">
        <v>65</v>
      </c>
      <c r="R826" s="203"/>
      <c r="S826" s="203"/>
      <c r="T826" s="203"/>
      <c r="U826" s="203"/>
      <c r="V826" s="203"/>
      <c r="W826" s="203"/>
      <c r="X826" s="203"/>
      <c r="Y826" s="203"/>
      <c r="Z826" s="203"/>
      <c r="AA826" s="203"/>
      <c r="AB826" s="203"/>
      <c r="AC826" s="203"/>
      <c r="AD826" s="203"/>
      <c r="AE826" s="203"/>
      <c r="AF826" s="203"/>
      <c r="AG826" s="203"/>
      <c r="AH826" s="205"/>
      <c r="AI826" s="203"/>
      <c r="AJ826" s="203"/>
      <c r="AK826" s="203"/>
      <c r="AL826" s="205"/>
      <c r="AM826" s="203"/>
      <c r="AN826" s="203"/>
      <c r="AO826" s="203"/>
      <c r="AP826" s="205"/>
      <c r="AQ826" s="203"/>
      <c r="AR826" s="205"/>
      <c r="AS826" s="205"/>
      <c r="AT826" s="203"/>
      <c r="AU826" s="205"/>
      <c r="AV826" s="205"/>
      <c r="AW826" s="204">
        <f t="shared" si="471"/>
        <v>0</v>
      </c>
      <c r="AX826" s="205"/>
      <c r="AY826" s="203" t="str">
        <f t="shared" si="472"/>
        <v/>
      </c>
      <c r="AZ826" s="203" t="str">
        <f t="shared" si="473"/>
        <v/>
      </c>
      <c r="BA826" s="203" t="str">
        <f t="shared" si="474"/>
        <v/>
      </c>
      <c r="BB826" s="203" t="str">
        <f t="shared" si="475"/>
        <v/>
      </c>
      <c r="BC826" s="203" t="str">
        <f t="shared" si="476"/>
        <v/>
      </c>
      <c r="BD826" s="203" t="str">
        <f t="shared" si="477"/>
        <v/>
      </c>
      <c r="BE826" s="203" t="str">
        <f t="shared" si="478"/>
        <v/>
      </c>
      <c r="BF826" s="203" t="str">
        <f t="shared" si="479"/>
        <v/>
      </c>
      <c r="BG826" s="203" t="str">
        <f t="shared" si="480"/>
        <v/>
      </c>
      <c r="BH826" s="203" t="str">
        <f t="shared" si="481"/>
        <v/>
      </c>
      <c r="BI826" s="203" t="str">
        <f t="shared" si="482"/>
        <v/>
      </c>
      <c r="BJ826" s="203" t="str">
        <f t="shared" si="483"/>
        <v/>
      </c>
      <c r="BK826" s="203" t="str">
        <f t="shared" si="484"/>
        <v/>
      </c>
      <c r="BL826" s="203" t="str">
        <f t="shared" si="485"/>
        <v/>
      </c>
      <c r="BM826" s="203" t="str">
        <f t="shared" si="486"/>
        <v/>
      </c>
      <c r="BN826" s="203" t="str">
        <f t="shared" si="487"/>
        <v/>
      </c>
      <c r="BO826" s="203" t="str">
        <f t="shared" si="488"/>
        <v/>
      </c>
      <c r="BP826" s="203" t="str">
        <f t="shared" si="489"/>
        <v/>
      </c>
      <c r="BQ826" s="203" t="str">
        <f t="shared" si="490"/>
        <v/>
      </c>
      <c r="BR826" s="203" t="str">
        <f t="shared" si="491"/>
        <v/>
      </c>
      <c r="BS826" s="203" t="str">
        <f t="shared" si="492"/>
        <v/>
      </c>
      <c r="BT826" s="203" t="str">
        <f t="shared" si="493"/>
        <v/>
      </c>
      <c r="BU826" s="203" t="str">
        <f t="shared" si="494"/>
        <v/>
      </c>
      <c r="BV826" s="203" t="str">
        <f t="shared" si="495"/>
        <v/>
      </c>
      <c r="BW826" s="203" t="str">
        <f t="shared" si="496"/>
        <v/>
      </c>
      <c r="BX826" s="203" t="str">
        <f t="shared" si="497"/>
        <v/>
      </c>
      <c r="BY826" s="203" t="str">
        <f t="shared" si="498"/>
        <v/>
      </c>
      <c r="BZ826" s="203" t="str">
        <f t="shared" si="499"/>
        <v/>
      </c>
      <c r="CA826" s="203" t="str">
        <f t="shared" si="500"/>
        <v/>
      </c>
      <c r="CB826" s="203" t="str">
        <f t="shared" si="501"/>
        <v/>
      </c>
      <c r="CC826" s="203" t="str">
        <f t="shared" si="502"/>
        <v/>
      </c>
      <c r="CD826" s="263"/>
      <c r="CE826" s="263"/>
      <c r="CF826" s="263"/>
    </row>
    <row r="827" spans="1:84" s="248" customFormat="1" ht="56.1" hidden="1" customHeight="1" x14ac:dyDescent="0.2">
      <c r="A827" s="198">
        <v>827</v>
      </c>
      <c r="B827" s="199" t="s">
        <v>53</v>
      </c>
      <c r="C827" s="208" t="s">
        <v>655</v>
      </c>
      <c r="D827" s="243" t="s">
        <v>932</v>
      </c>
      <c r="E827" s="243" t="s">
        <v>1153</v>
      </c>
      <c r="F827" s="288" t="s">
        <v>1154</v>
      </c>
      <c r="G827" s="206" t="s">
        <v>58</v>
      </c>
      <c r="H827" s="242" t="s">
        <v>948</v>
      </c>
      <c r="I827" s="243" t="s">
        <v>81</v>
      </c>
      <c r="J827" s="206" t="s">
        <v>77</v>
      </c>
      <c r="K827" s="242" t="s">
        <v>722</v>
      </c>
      <c r="L827" s="205" t="s">
        <v>63</v>
      </c>
      <c r="M827" s="205" t="s">
        <v>63</v>
      </c>
      <c r="N827" s="290">
        <v>15889.459121250002</v>
      </c>
      <c r="O827" s="245">
        <f t="shared" si="470"/>
        <v>15889.459121250002</v>
      </c>
      <c r="P827" s="285" t="s">
        <v>659</v>
      </c>
      <c r="Q827" s="205" t="s">
        <v>65</v>
      </c>
      <c r="R827" s="203"/>
      <c r="S827" s="203"/>
      <c r="T827" s="203"/>
      <c r="U827" s="203"/>
      <c r="V827" s="203"/>
      <c r="W827" s="203"/>
      <c r="X827" s="203"/>
      <c r="Y827" s="203"/>
      <c r="Z827" s="203"/>
      <c r="AA827" s="203"/>
      <c r="AB827" s="203"/>
      <c r="AC827" s="203"/>
      <c r="AD827" s="203"/>
      <c r="AE827" s="203"/>
      <c r="AF827" s="203"/>
      <c r="AG827" s="203"/>
      <c r="AH827" s="205"/>
      <c r="AI827" s="203"/>
      <c r="AJ827" s="203"/>
      <c r="AK827" s="203"/>
      <c r="AL827" s="205"/>
      <c r="AM827" s="203"/>
      <c r="AN827" s="203"/>
      <c r="AO827" s="203"/>
      <c r="AP827" s="205"/>
      <c r="AQ827" s="203"/>
      <c r="AR827" s="205"/>
      <c r="AS827" s="205"/>
      <c r="AT827" s="203"/>
      <c r="AU827" s="205"/>
      <c r="AV827" s="205"/>
      <c r="AW827" s="204">
        <f t="shared" si="471"/>
        <v>0</v>
      </c>
      <c r="AX827" s="205"/>
      <c r="AY827" s="203" t="str">
        <f t="shared" si="472"/>
        <v/>
      </c>
      <c r="AZ827" s="203" t="str">
        <f t="shared" si="473"/>
        <v/>
      </c>
      <c r="BA827" s="203" t="str">
        <f t="shared" si="474"/>
        <v/>
      </c>
      <c r="BB827" s="203" t="str">
        <f t="shared" si="475"/>
        <v/>
      </c>
      <c r="BC827" s="203" t="str">
        <f t="shared" si="476"/>
        <v/>
      </c>
      <c r="BD827" s="203" t="str">
        <f t="shared" si="477"/>
        <v/>
      </c>
      <c r="BE827" s="203" t="str">
        <f t="shared" si="478"/>
        <v/>
      </c>
      <c r="BF827" s="203" t="str">
        <f t="shared" si="479"/>
        <v/>
      </c>
      <c r="BG827" s="203" t="str">
        <f t="shared" si="480"/>
        <v/>
      </c>
      <c r="BH827" s="203" t="str">
        <f t="shared" si="481"/>
        <v/>
      </c>
      <c r="BI827" s="203" t="str">
        <f t="shared" si="482"/>
        <v/>
      </c>
      <c r="BJ827" s="203" t="str">
        <f t="shared" si="483"/>
        <v/>
      </c>
      <c r="BK827" s="203" t="str">
        <f t="shared" si="484"/>
        <v/>
      </c>
      <c r="BL827" s="203" t="str">
        <f t="shared" si="485"/>
        <v/>
      </c>
      <c r="BM827" s="203" t="str">
        <f t="shared" si="486"/>
        <v/>
      </c>
      <c r="BN827" s="203" t="str">
        <f t="shared" si="487"/>
        <v/>
      </c>
      <c r="BO827" s="203" t="str">
        <f t="shared" si="488"/>
        <v/>
      </c>
      <c r="BP827" s="203" t="str">
        <f t="shared" si="489"/>
        <v/>
      </c>
      <c r="BQ827" s="203" t="str">
        <f t="shared" si="490"/>
        <v/>
      </c>
      <c r="BR827" s="203" t="str">
        <f t="shared" si="491"/>
        <v/>
      </c>
      <c r="BS827" s="203" t="str">
        <f t="shared" si="492"/>
        <v/>
      </c>
      <c r="BT827" s="203" t="str">
        <f t="shared" si="493"/>
        <v/>
      </c>
      <c r="BU827" s="203" t="str">
        <f t="shared" si="494"/>
        <v/>
      </c>
      <c r="BV827" s="203" t="str">
        <f t="shared" si="495"/>
        <v/>
      </c>
      <c r="BW827" s="203" t="str">
        <f t="shared" si="496"/>
        <v/>
      </c>
      <c r="BX827" s="203" t="str">
        <f t="shared" si="497"/>
        <v/>
      </c>
      <c r="BY827" s="203" t="str">
        <f t="shared" si="498"/>
        <v/>
      </c>
      <c r="BZ827" s="203" t="str">
        <f t="shared" si="499"/>
        <v/>
      </c>
      <c r="CA827" s="203" t="str">
        <f t="shared" si="500"/>
        <v/>
      </c>
      <c r="CB827" s="203" t="str">
        <f t="shared" si="501"/>
        <v/>
      </c>
      <c r="CC827" s="203" t="str">
        <f t="shared" si="502"/>
        <v/>
      </c>
      <c r="CD827" s="263"/>
      <c r="CE827" s="263"/>
      <c r="CF827" s="263"/>
    </row>
    <row r="828" spans="1:84" s="248" customFormat="1" ht="56.1" hidden="1" customHeight="1" x14ac:dyDescent="0.2">
      <c r="A828" s="198">
        <v>828</v>
      </c>
      <c r="B828" s="199" t="s">
        <v>53</v>
      </c>
      <c r="C828" s="208" t="s">
        <v>655</v>
      </c>
      <c r="D828" s="243" t="s">
        <v>932</v>
      </c>
      <c r="E828" s="243" t="s">
        <v>1155</v>
      </c>
      <c r="F828" s="288" t="s">
        <v>1156</v>
      </c>
      <c r="G828" s="206" t="s">
        <v>58</v>
      </c>
      <c r="H828" s="242" t="s">
        <v>948</v>
      </c>
      <c r="I828" s="243" t="s">
        <v>81</v>
      </c>
      <c r="J828" s="206" t="s">
        <v>77</v>
      </c>
      <c r="K828" s="242" t="s">
        <v>722</v>
      </c>
      <c r="L828" s="205" t="s">
        <v>63</v>
      </c>
      <c r="M828" s="205" t="s">
        <v>63</v>
      </c>
      <c r="N828" s="290">
        <v>5132.6160600000003</v>
      </c>
      <c r="O828" s="245">
        <f t="shared" ref="O828:O859" si="503">N828</f>
        <v>5132.6160600000003</v>
      </c>
      <c r="P828" s="285" t="s">
        <v>659</v>
      </c>
      <c r="Q828" s="205" t="s">
        <v>65</v>
      </c>
      <c r="R828" s="203"/>
      <c r="S828" s="203"/>
      <c r="T828" s="203"/>
      <c r="U828" s="203"/>
      <c r="V828" s="203"/>
      <c r="W828" s="203"/>
      <c r="X828" s="203"/>
      <c r="Y828" s="203"/>
      <c r="Z828" s="203"/>
      <c r="AA828" s="203"/>
      <c r="AB828" s="203"/>
      <c r="AC828" s="203"/>
      <c r="AD828" s="203"/>
      <c r="AE828" s="203"/>
      <c r="AF828" s="203"/>
      <c r="AG828" s="203"/>
      <c r="AH828" s="205"/>
      <c r="AI828" s="203"/>
      <c r="AJ828" s="203"/>
      <c r="AK828" s="203"/>
      <c r="AL828" s="205"/>
      <c r="AM828" s="203"/>
      <c r="AN828" s="203"/>
      <c r="AO828" s="203"/>
      <c r="AP828" s="205"/>
      <c r="AQ828" s="203"/>
      <c r="AR828" s="205"/>
      <c r="AS828" s="205"/>
      <c r="AT828" s="203"/>
      <c r="AU828" s="205"/>
      <c r="AV828" s="205"/>
      <c r="AW828" s="204">
        <f t="shared" ref="AW828:AW859" si="504">SUMIF(R828:AV828,"YES",$R$2:$AV$2)</f>
        <v>0</v>
      </c>
      <c r="AX828" s="205"/>
      <c r="AY828" s="203" t="str">
        <f t="shared" ref="AY828:AY859" si="505">IF(R828="yes",(R$2*$AX828),"")</f>
        <v/>
      </c>
      <c r="AZ828" s="203" t="str">
        <f t="shared" ref="AZ828:AZ859" si="506">IF(S828="yes",(S$2*$AX828),"")</f>
        <v/>
      </c>
      <c r="BA828" s="203" t="str">
        <f t="shared" ref="BA828:BA859" si="507">IF(T828="yes",(T$2*$AX828),"")</f>
        <v/>
      </c>
      <c r="BB828" s="203" t="str">
        <f t="shared" ref="BB828:BB859" si="508">IF(U828="yes",(U$2*$AX828),"")</f>
        <v/>
      </c>
      <c r="BC828" s="203" t="str">
        <f t="shared" ref="BC828:BC859" si="509">IF(V828="yes",(V$2*$AX828),"")</f>
        <v/>
      </c>
      <c r="BD828" s="203" t="str">
        <f t="shared" ref="BD828:BD859" si="510">IF(W828="yes",(W$2*$AX828),"")</f>
        <v/>
      </c>
      <c r="BE828" s="203" t="str">
        <f t="shared" ref="BE828:BE859" si="511">IF(X828="yes",(X$2*$AX828),"")</f>
        <v/>
      </c>
      <c r="BF828" s="203" t="str">
        <f t="shared" ref="BF828:BF859" si="512">IF(Y828="yes",(Y$2*$AX828),"")</f>
        <v/>
      </c>
      <c r="BG828" s="203" t="str">
        <f t="shared" ref="BG828:BG859" si="513">IF(Z828="yes",(Z$2*$AX828),"")</f>
        <v/>
      </c>
      <c r="BH828" s="203" t="str">
        <f t="shared" ref="BH828:BH859" si="514">IF(AA828="yes",(AA$2*$AX828),"")</f>
        <v/>
      </c>
      <c r="BI828" s="203" t="str">
        <f t="shared" ref="BI828:BI859" si="515">IF(AB828="yes",(AB$2*$AX828),"")</f>
        <v/>
      </c>
      <c r="BJ828" s="203" t="str">
        <f t="shared" ref="BJ828:BJ859" si="516">IF(AC828="yes",(AC$2*$AX828),"")</f>
        <v/>
      </c>
      <c r="BK828" s="203" t="str">
        <f t="shared" ref="BK828:BK859" si="517">IF(AD828="yes",(AD$2*$AX828),"")</f>
        <v/>
      </c>
      <c r="BL828" s="203" t="str">
        <f t="shared" ref="BL828:BL859" si="518">IF(AE828="yes",(AE$2*$AX828),"")</f>
        <v/>
      </c>
      <c r="BM828" s="203" t="str">
        <f t="shared" ref="BM828:BM859" si="519">IF(AF828="yes",(AF$2*$AX828),"")</f>
        <v/>
      </c>
      <c r="BN828" s="203" t="str">
        <f t="shared" ref="BN828:BN859" si="520">IF(AG828="yes",(AG$2*$AX828),"")</f>
        <v/>
      </c>
      <c r="BO828" s="203" t="str">
        <f t="shared" ref="BO828:BO859" si="521">IF(AH828="yes",(AH$2*$AX828),"")</f>
        <v/>
      </c>
      <c r="BP828" s="203" t="str">
        <f t="shared" ref="BP828:BP859" si="522">IF(AI828="yes",(AI$2*$AX828),"")</f>
        <v/>
      </c>
      <c r="BQ828" s="203" t="str">
        <f t="shared" ref="BQ828:BQ859" si="523">IF(AJ828="yes",(AJ$2*$AX828),"")</f>
        <v/>
      </c>
      <c r="BR828" s="203" t="str">
        <f t="shared" ref="BR828:BR859" si="524">IF(AK828="yes",(AK$2*$AX828),"")</f>
        <v/>
      </c>
      <c r="BS828" s="203" t="str">
        <f t="shared" ref="BS828:BS859" si="525">IF(AL828="yes",(AL$2*$AX828),"")</f>
        <v/>
      </c>
      <c r="BT828" s="203" t="str">
        <f t="shared" ref="BT828:BT859" si="526">IF(AM828="yes",(AM$2*$AX828),"")</f>
        <v/>
      </c>
      <c r="BU828" s="203" t="str">
        <f t="shared" ref="BU828:BU859" si="527">IF(AN828="yes",(AN$2*$AX828),"")</f>
        <v/>
      </c>
      <c r="BV828" s="203" t="str">
        <f t="shared" ref="BV828:BV859" si="528">IF(AO828="yes",(AO$2*$AX828),"")</f>
        <v/>
      </c>
      <c r="BW828" s="203" t="str">
        <f t="shared" ref="BW828:BW859" si="529">IF(AP828="yes",(AP$2*$AX828),"")</f>
        <v/>
      </c>
      <c r="BX828" s="203" t="str">
        <f t="shared" ref="BX828:BX859" si="530">IF(AQ828="yes",(AQ$2*$AX828),"")</f>
        <v/>
      </c>
      <c r="BY828" s="203" t="str">
        <f t="shared" ref="BY828:BY859" si="531">IF(AR828="yes",(AR$2*$AX828),"")</f>
        <v/>
      </c>
      <c r="BZ828" s="203" t="str">
        <f t="shared" ref="BZ828:BZ859" si="532">IF(AS828="yes",(AS$2*$AX828),"")</f>
        <v/>
      </c>
      <c r="CA828" s="203" t="str">
        <f t="shared" ref="CA828:CA859" si="533">IF(AT828="yes",(AT$2*$AX828),"")</f>
        <v/>
      </c>
      <c r="CB828" s="203" t="str">
        <f t="shared" ref="CB828:CB859" si="534">IF(AU828="yes",(AU$2*$AX828),"")</f>
        <v/>
      </c>
      <c r="CC828" s="203" t="str">
        <f t="shared" ref="CC828:CC859" si="535">IF(AV828="yes",(AV$2*$AX828),"")</f>
        <v/>
      </c>
      <c r="CD828" s="263"/>
      <c r="CE828" s="263"/>
      <c r="CF828" s="263"/>
    </row>
    <row r="829" spans="1:84" s="248" customFormat="1" ht="56.1" hidden="1" customHeight="1" x14ac:dyDescent="0.2">
      <c r="A829" s="198">
        <v>829</v>
      </c>
      <c r="B829" s="199" t="s">
        <v>53</v>
      </c>
      <c r="C829" s="208" t="s">
        <v>655</v>
      </c>
      <c r="D829" s="243" t="s">
        <v>932</v>
      </c>
      <c r="E829" s="243" t="s">
        <v>1157</v>
      </c>
      <c r="F829" s="288" t="s">
        <v>1158</v>
      </c>
      <c r="G829" s="206" t="s">
        <v>58</v>
      </c>
      <c r="H829" s="242" t="s">
        <v>948</v>
      </c>
      <c r="I829" s="243" t="s">
        <v>81</v>
      </c>
      <c r="J829" s="206" t="s">
        <v>77</v>
      </c>
      <c r="K829" s="242" t="s">
        <v>722</v>
      </c>
      <c r="L829" s="205" t="s">
        <v>63</v>
      </c>
      <c r="M829" s="205" t="s">
        <v>63</v>
      </c>
      <c r="N829" s="290">
        <v>7400.25</v>
      </c>
      <c r="O829" s="245">
        <f t="shared" si="503"/>
        <v>7400.25</v>
      </c>
      <c r="P829" s="285" t="s">
        <v>659</v>
      </c>
      <c r="Q829" s="205" t="s">
        <v>65</v>
      </c>
      <c r="R829" s="203"/>
      <c r="S829" s="203"/>
      <c r="T829" s="203"/>
      <c r="U829" s="203"/>
      <c r="V829" s="203"/>
      <c r="W829" s="203"/>
      <c r="X829" s="203"/>
      <c r="Y829" s="203"/>
      <c r="Z829" s="203"/>
      <c r="AA829" s="203"/>
      <c r="AB829" s="203"/>
      <c r="AC829" s="203"/>
      <c r="AD829" s="203"/>
      <c r="AE829" s="203"/>
      <c r="AF829" s="203"/>
      <c r="AG829" s="203"/>
      <c r="AH829" s="205"/>
      <c r="AI829" s="203"/>
      <c r="AJ829" s="203"/>
      <c r="AK829" s="203"/>
      <c r="AL829" s="205"/>
      <c r="AM829" s="203"/>
      <c r="AN829" s="203"/>
      <c r="AO829" s="203"/>
      <c r="AP829" s="205"/>
      <c r="AQ829" s="203"/>
      <c r="AR829" s="205"/>
      <c r="AS829" s="205"/>
      <c r="AT829" s="203"/>
      <c r="AU829" s="205"/>
      <c r="AV829" s="205"/>
      <c r="AW829" s="204">
        <f t="shared" si="504"/>
        <v>0</v>
      </c>
      <c r="AX829" s="205"/>
      <c r="AY829" s="203" t="str">
        <f t="shared" si="505"/>
        <v/>
      </c>
      <c r="AZ829" s="203" t="str">
        <f t="shared" si="506"/>
        <v/>
      </c>
      <c r="BA829" s="203" t="str">
        <f t="shared" si="507"/>
        <v/>
      </c>
      <c r="BB829" s="203" t="str">
        <f t="shared" si="508"/>
        <v/>
      </c>
      <c r="BC829" s="203" t="str">
        <f t="shared" si="509"/>
        <v/>
      </c>
      <c r="BD829" s="203" t="str">
        <f t="shared" si="510"/>
        <v/>
      </c>
      <c r="BE829" s="203" t="str">
        <f t="shared" si="511"/>
        <v/>
      </c>
      <c r="BF829" s="203" t="str">
        <f t="shared" si="512"/>
        <v/>
      </c>
      <c r="BG829" s="203" t="str">
        <f t="shared" si="513"/>
        <v/>
      </c>
      <c r="BH829" s="203" t="str">
        <f t="shared" si="514"/>
        <v/>
      </c>
      <c r="BI829" s="203" t="str">
        <f t="shared" si="515"/>
        <v/>
      </c>
      <c r="BJ829" s="203" t="str">
        <f t="shared" si="516"/>
        <v/>
      </c>
      <c r="BK829" s="203" t="str">
        <f t="shared" si="517"/>
        <v/>
      </c>
      <c r="BL829" s="203" t="str">
        <f t="shared" si="518"/>
        <v/>
      </c>
      <c r="BM829" s="203" t="str">
        <f t="shared" si="519"/>
        <v/>
      </c>
      <c r="BN829" s="203" t="str">
        <f t="shared" si="520"/>
        <v/>
      </c>
      <c r="BO829" s="203" t="str">
        <f t="shared" si="521"/>
        <v/>
      </c>
      <c r="BP829" s="203" t="str">
        <f t="shared" si="522"/>
        <v/>
      </c>
      <c r="BQ829" s="203" t="str">
        <f t="shared" si="523"/>
        <v/>
      </c>
      <c r="BR829" s="203" t="str">
        <f t="shared" si="524"/>
        <v/>
      </c>
      <c r="BS829" s="203" t="str">
        <f t="shared" si="525"/>
        <v/>
      </c>
      <c r="BT829" s="203" t="str">
        <f t="shared" si="526"/>
        <v/>
      </c>
      <c r="BU829" s="203" t="str">
        <f t="shared" si="527"/>
        <v/>
      </c>
      <c r="BV829" s="203" t="str">
        <f t="shared" si="528"/>
        <v/>
      </c>
      <c r="BW829" s="203" t="str">
        <f t="shared" si="529"/>
        <v/>
      </c>
      <c r="BX829" s="203" t="str">
        <f t="shared" si="530"/>
        <v/>
      </c>
      <c r="BY829" s="203" t="str">
        <f t="shared" si="531"/>
        <v/>
      </c>
      <c r="BZ829" s="203" t="str">
        <f t="shared" si="532"/>
        <v/>
      </c>
      <c r="CA829" s="203" t="str">
        <f t="shared" si="533"/>
        <v/>
      </c>
      <c r="CB829" s="203" t="str">
        <f t="shared" si="534"/>
        <v/>
      </c>
      <c r="CC829" s="203" t="str">
        <f t="shared" si="535"/>
        <v/>
      </c>
      <c r="CD829" s="263"/>
      <c r="CE829" s="263"/>
      <c r="CF829" s="263"/>
    </row>
    <row r="830" spans="1:84" s="248" customFormat="1" ht="56.1" hidden="1" customHeight="1" x14ac:dyDescent="0.2">
      <c r="A830" s="198">
        <v>830</v>
      </c>
      <c r="B830" s="199" t="s">
        <v>53</v>
      </c>
      <c r="C830" s="208" t="s">
        <v>655</v>
      </c>
      <c r="D830" s="243" t="s">
        <v>870</v>
      </c>
      <c r="E830" s="243" t="s">
        <v>1159</v>
      </c>
      <c r="F830" s="288" t="s">
        <v>1160</v>
      </c>
      <c r="G830" s="206" t="s">
        <v>58</v>
      </c>
      <c r="H830" s="242" t="s">
        <v>948</v>
      </c>
      <c r="I830" s="243" t="s">
        <v>81</v>
      </c>
      <c r="J830" s="206" t="s">
        <v>77</v>
      </c>
      <c r="K830" s="242" t="s">
        <v>722</v>
      </c>
      <c r="L830" s="205" t="s">
        <v>63</v>
      </c>
      <c r="M830" s="205" t="s">
        <v>63</v>
      </c>
      <c r="N830" s="290">
        <v>3668.6739374999997</v>
      </c>
      <c r="O830" s="245">
        <f t="shared" si="503"/>
        <v>3668.6739374999997</v>
      </c>
      <c r="P830" s="285" t="s">
        <v>659</v>
      </c>
      <c r="Q830" s="205" t="s">
        <v>65</v>
      </c>
      <c r="R830" s="203"/>
      <c r="S830" s="203"/>
      <c r="T830" s="203"/>
      <c r="U830" s="203"/>
      <c r="V830" s="203"/>
      <c r="W830" s="203"/>
      <c r="X830" s="203"/>
      <c r="Y830" s="203"/>
      <c r="Z830" s="203"/>
      <c r="AA830" s="203"/>
      <c r="AB830" s="203"/>
      <c r="AC830" s="203"/>
      <c r="AD830" s="203"/>
      <c r="AE830" s="203"/>
      <c r="AF830" s="203"/>
      <c r="AG830" s="203"/>
      <c r="AH830" s="205"/>
      <c r="AI830" s="203"/>
      <c r="AJ830" s="203"/>
      <c r="AK830" s="203"/>
      <c r="AL830" s="205"/>
      <c r="AM830" s="203"/>
      <c r="AN830" s="203"/>
      <c r="AO830" s="203"/>
      <c r="AP830" s="205"/>
      <c r="AQ830" s="203"/>
      <c r="AR830" s="205"/>
      <c r="AS830" s="205"/>
      <c r="AT830" s="203"/>
      <c r="AU830" s="205"/>
      <c r="AV830" s="205"/>
      <c r="AW830" s="204">
        <f t="shared" si="504"/>
        <v>0</v>
      </c>
      <c r="AX830" s="205"/>
      <c r="AY830" s="203" t="str">
        <f t="shared" si="505"/>
        <v/>
      </c>
      <c r="AZ830" s="203" t="str">
        <f t="shared" si="506"/>
        <v/>
      </c>
      <c r="BA830" s="203" t="str">
        <f t="shared" si="507"/>
        <v/>
      </c>
      <c r="BB830" s="203" t="str">
        <f t="shared" si="508"/>
        <v/>
      </c>
      <c r="BC830" s="203" t="str">
        <f t="shared" si="509"/>
        <v/>
      </c>
      <c r="BD830" s="203" t="str">
        <f t="shared" si="510"/>
        <v/>
      </c>
      <c r="BE830" s="203" t="str">
        <f t="shared" si="511"/>
        <v/>
      </c>
      <c r="BF830" s="203" t="str">
        <f t="shared" si="512"/>
        <v/>
      </c>
      <c r="BG830" s="203" t="str">
        <f t="shared" si="513"/>
        <v/>
      </c>
      <c r="BH830" s="203" t="str">
        <f t="shared" si="514"/>
        <v/>
      </c>
      <c r="BI830" s="203" t="str">
        <f t="shared" si="515"/>
        <v/>
      </c>
      <c r="BJ830" s="203" t="str">
        <f t="shared" si="516"/>
        <v/>
      </c>
      <c r="BK830" s="203" t="str">
        <f t="shared" si="517"/>
        <v/>
      </c>
      <c r="BL830" s="203" t="str">
        <f t="shared" si="518"/>
        <v/>
      </c>
      <c r="BM830" s="203" t="str">
        <f t="shared" si="519"/>
        <v/>
      </c>
      <c r="BN830" s="203" t="str">
        <f t="shared" si="520"/>
        <v/>
      </c>
      <c r="BO830" s="203" t="str">
        <f t="shared" si="521"/>
        <v/>
      </c>
      <c r="BP830" s="203" t="str">
        <f t="shared" si="522"/>
        <v/>
      </c>
      <c r="BQ830" s="203" t="str">
        <f t="shared" si="523"/>
        <v/>
      </c>
      <c r="BR830" s="203" t="str">
        <f t="shared" si="524"/>
        <v/>
      </c>
      <c r="BS830" s="203" t="str">
        <f t="shared" si="525"/>
        <v/>
      </c>
      <c r="BT830" s="203" t="str">
        <f t="shared" si="526"/>
        <v/>
      </c>
      <c r="BU830" s="203" t="str">
        <f t="shared" si="527"/>
        <v/>
      </c>
      <c r="BV830" s="203" t="str">
        <f t="shared" si="528"/>
        <v/>
      </c>
      <c r="BW830" s="203" t="str">
        <f t="shared" si="529"/>
        <v/>
      </c>
      <c r="BX830" s="203" t="str">
        <f t="shared" si="530"/>
        <v/>
      </c>
      <c r="BY830" s="203" t="str">
        <f t="shared" si="531"/>
        <v/>
      </c>
      <c r="BZ830" s="203" t="str">
        <f t="shared" si="532"/>
        <v/>
      </c>
      <c r="CA830" s="203" t="str">
        <f t="shared" si="533"/>
        <v/>
      </c>
      <c r="CB830" s="203" t="str">
        <f t="shared" si="534"/>
        <v/>
      </c>
      <c r="CC830" s="203" t="str">
        <f t="shared" si="535"/>
        <v/>
      </c>
      <c r="CD830" s="263"/>
      <c r="CE830" s="263"/>
      <c r="CF830" s="263"/>
    </row>
    <row r="831" spans="1:84" s="248" customFormat="1" ht="56.1" hidden="1" customHeight="1" x14ac:dyDescent="0.2">
      <c r="A831" s="198">
        <v>831</v>
      </c>
      <c r="B831" s="199" t="s">
        <v>53</v>
      </c>
      <c r="C831" s="208" t="s">
        <v>655</v>
      </c>
      <c r="D831" s="243" t="s">
        <v>932</v>
      </c>
      <c r="E831" s="243" t="s">
        <v>1161</v>
      </c>
      <c r="F831" s="288" t="s">
        <v>1162</v>
      </c>
      <c r="G831" s="206" t="s">
        <v>58</v>
      </c>
      <c r="H831" s="242" t="s">
        <v>948</v>
      </c>
      <c r="I831" s="243" t="s">
        <v>81</v>
      </c>
      <c r="J831" s="206" t="s">
        <v>77</v>
      </c>
      <c r="K831" s="242" t="s">
        <v>722</v>
      </c>
      <c r="L831" s="205" t="s">
        <v>63</v>
      </c>
      <c r="M831" s="205" t="s">
        <v>63</v>
      </c>
      <c r="N831" s="290">
        <v>283676.25</v>
      </c>
      <c r="O831" s="245">
        <f t="shared" si="503"/>
        <v>283676.25</v>
      </c>
      <c r="P831" s="285" t="s">
        <v>659</v>
      </c>
      <c r="Q831" s="205" t="s">
        <v>65</v>
      </c>
      <c r="R831" s="203"/>
      <c r="S831" s="203"/>
      <c r="T831" s="203"/>
      <c r="U831" s="203"/>
      <c r="V831" s="203"/>
      <c r="W831" s="203"/>
      <c r="X831" s="203"/>
      <c r="Y831" s="203"/>
      <c r="Z831" s="203"/>
      <c r="AA831" s="203"/>
      <c r="AB831" s="203"/>
      <c r="AC831" s="203"/>
      <c r="AD831" s="203"/>
      <c r="AE831" s="203"/>
      <c r="AF831" s="203"/>
      <c r="AG831" s="203"/>
      <c r="AH831" s="205"/>
      <c r="AI831" s="203"/>
      <c r="AJ831" s="203"/>
      <c r="AK831" s="203"/>
      <c r="AL831" s="205"/>
      <c r="AM831" s="203"/>
      <c r="AN831" s="203"/>
      <c r="AO831" s="203"/>
      <c r="AP831" s="205"/>
      <c r="AQ831" s="203"/>
      <c r="AR831" s="205"/>
      <c r="AS831" s="205"/>
      <c r="AT831" s="203"/>
      <c r="AU831" s="205"/>
      <c r="AV831" s="205"/>
      <c r="AW831" s="204">
        <f t="shared" si="504"/>
        <v>0</v>
      </c>
      <c r="AX831" s="205"/>
      <c r="AY831" s="203" t="str">
        <f t="shared" si="505"/>
        <v/>
      </c>
      <c r="AZ831" s="203" t="str">
        <f t="shared" si="506"/>
        <v/>
      </c>
      <c r="BA831" s="203" t="str">
        <f t="shared" si="507"/>
        <v/>
      </c>
      <c r="BB831" s="203" t="str">
        <f t="shared" si="508"/>
        <v/>
      </c>
      <c r="BC831" s="203" t="str">
        <f t="shared" si="509"/>
        <v/>
      </c>
      <c r="BD831" s="203" t="str">
        <f t="shared" si="510"/>
        <v/>
      </c>
      <c r="BE831" s="203" t="str">
        <f t="shared" si="511"/>
        <v/>
      </c>
      <c r="BF831" s="203" t="str">
        <f t="shared" si="512"/>
        <v/>
      </c>
      <c r="BG831" s="203" t="str">
        <f t="shared" si="513"/>
        <v/>
      </c>
      <c r="BH831" s="203" t="str">
        <f t="shared" si="514"/>
        <v/>
      </c>
      <c r="BI831" s="203" t="str">
        <f t="shared" si="515"/>
        <v/>
      </c>
      <c r="BJ831" s="203" t="str">
        <f t="shared" si="516"/>
        <v/>
      </c>
      <c r="BK831" s="203" t="str">
        <f t="shared" si="517"/>
        <v/>
      </c>
      <c r="BL831" s="203" t="str">
        <f t="shared" si="518"/>
        <v/>
      </c>
      <c r="BM831" s="203" t="str">
        <f t="shared" si="519"/>
        <v/>
      </c>
      <c r="BN831" s="203" t="str">
        <f t="shared" si="520"/>
        <v/>
      </c>
      <c r="BO831" s="203" t="str">
        <f t="shared" si="521"/>
        <v/>
      </c>
      <c r="BP831" s="203" t="str">
        <f t="shared" si="522"/>
        <v/>
      </c>
      <c r="BQ831" s="203" t="str">
        <f t="shared" si="523"/>
        <v/>
      </c>
      <c r="BR831" s="203" t="str">
        <f t="shared" si="524"/>
        <v/>
      </c>
      <c r="BS831" s="203" t="str">
        <f t="shared" si="525"/>
        <v/>
      </c>
      <c r="BT831" s="203" t="str">
        <f t="shared" si="526"/>
        <v/>
      </c>
      <c r="BU831" s="203" t="str">
        <f t="shared" si="527"/>
        <v/>
      </c>
      <c r="BV831" s="203" t="str">
        <f t="shared" si="528"/>
        <v/>
      </c>
      <c r="BW831" s="203" t="str">
        <f t="shared" si="529"/>
        <v/>
      </c>
      <c r="BX831" s="203" t="str">
        <f t="shared" si="530"/>
        <v/>
      </c>
      <c r="BY831" s="203" t="str">
        <f t="shared" si="531"/>
        <v/>
      </c>
      <c r="BZ831" s="203" t="str">
        <f t="shared" si="532"/>
        <v/>
      </c>
      <c r="CA831" s="203" t="str">
        <f t="shared" si="533"/>
        <v/>
      </c>
      <c r="CB831" s="203" t="str">
        <f t="shared" si="534"/>
        <v/>
      </c>
      <c r="CC831" s="203" t="str">
        <f t="shared" si="535"/>
        <v/>
      </c>
      <c r="CD831" s="263"/>
      <c r="CE831" s="263"/>
      <c r="CF831" s="263"/>
    </row>
    <row r="832" spans="1:84" s="248" customFormat="1" ht="56.1" hidden="1" customHeight="1" x14ac:dyDescent="0.2">
      <c r="A832" s="198">
        <v>832</v>
      </c>
      <c r="B832" s="199" t="s">
        <v>53</v>
      </c>
      <c r="C832" s="208" t="s">
        <v>655</v>
      </c>
      <c r="D832" s="243" t="s">
        <v>932</v>
      </c>
      <c r="E832" s="243" t="s">
        <v>1163</v>
      </c>
      <c r="F832" s="288" t="s">
        <v>1164</v>
      </c>
      <c r="G832" s="206" t="s">
        <v>58</v>
      </c>
      <c r="H832" s="242" t="s">
        <v>948</v>
      </c>
      <c r="I832" s="243" t="s">
        <v>81</v>
      </c>
      <c r="J832" s="206" t="s">
        <v>77</v>
      </c>
      <c r="K832" s="242" t="s">
        <v>722</v>
      </c>
      <c r="L832" s="205" t="s">
        <v>63</v>
      </c>
      <c r="M832" s="205" t="s">
        <v>63</v>
      </c>
      <c r="N832" s="290">
        <v>13567.125</v>
      </c>
      <c r="O832" s="245">
        <f t="shared" si="503"/>
        <v>13567.125</v>
      </c>
      <c r="P832" s="285" t="s">
        <v>659</v>
      </c>
      <c r="Q832" s="205" t="s">
        <v>65</v>
      </c>
      <c r="R832" s="203"/>
      <c r="S832" s="203"/>
      <c r="T832" s="203"/>
      <c r="U832" s="203"/>
      <c r="V832" s="203"/>
      <c r="W832" s="203"/>
      <c r="X832" s="203"/>
      <c r="Y832" s="203"/>
      <c r="Z832" s="203"/>
      <c r="AA832" s="203"/>
      <c r="AB832" s="203"/>
      <c r="AC832" s="203"/>
      <c r="AD832" s="203"/>
      <c r="AE832" s="203"/>
      <c r="AF832" s="203"/>
      <c r="AG832" s="203"/>
      <c r="AH832" s="205"/>
      <c r="AI832" s="203"/>
      <c r="AJ832" s="203"/>
      <c r="AK832" s="203"/>
      <c r="AL832" s="205"/>
      <c r="AM832" s="203"/>
      <c r="AN832" s="203"/>
      <c r="AO832" s="203"/>
      <c r="AP832" s="205"/>
      <c r="AQ832" s="203"/>
      <c r="AR832" s="205"/>
      <c r="AS832" s="205"/>
      <c r="AT832" s="203"/>
      <c r="AU832" s="205"/>
      <c r="AV832" s="205"/>
      <c r="AW832" s="204">
        <f t="shared" si="504"/>
        <v>0</v>
      </c>
      <c r="AX832" s="205"/>
      <c r="AY832" s="203" t="str">
        <f t="shared" si="505"/>
        <v/>
      </c>
      <c r="AZ832" s="203" t="str">
        <f t="shared" si="506"/>
        <v/>
      </c>
      <c r="BA832" s="203" t="str">
        <f t="shared" si="507"/>
        <v/>
      </c>
      <c r="BB832" s="203" t="str">
        <f t="shared" si="508"/>
        <v/>
      </c>
      <c r="BC832" s="203" t="str">
        <f t="shared" si="509"/>
        <v/>
      </c>
      <c r="BD832" s="203" t="str">
        <f t="shared" si="510"/>
        <v/>
      </c>
      <c r="BE832" s="203" t="str">
        <f t="shared" si="511"/>
        <v/>
      </c>
      <c r="BF832" s="203" t="str">
        <f t="shared" si="512"/>
        <v/>
      </c>
      <c r="BG832" s="203" t="str">
        <f t="shared" si="513"/>
        <v/>
      </c>
      <c r="BH832" s="203" t="str">
        <f t="shared" si="514"/>
        <v/>
      </c>
      <c r="BI832" s="203" t="str">
        <f t="shared" si="515"/>
        <v/>
      </c>
      <c r="BJ832" s="203" t="str">
        <f t="shared" si="516"/>
        <v/>
      </c>
      <c r="BK832" s="203" t="str">
        <f t="shared" si="517"/>
        <v/>
      </c>
      <c r="BL832" s="203" t="str">
        <f t="shared" si="518"/>
        <v/>
      </c>
      <c r="BM832" s="203" t="str">
        <f t="shared" si="519"/>
        <v/>
      </c>
      <c r="BN832" s="203" t="str">
        <f t="shared" si="520"/>
        <v/>
      </c>
      <c r="BO832" s="203" t="str">
        <f t="shared" si="521"/>
        <v/>
      </c>
      <c r="BP832" s="203" t="str">
        <f t="shared" si="522"/>
        <v/>
      </c>
      <c r="BQ832" s="203" t="str">
        <f t="shared" si="523"/>
        <v/>
      </c>
      <c r="BR832" s="203" t="str">
        <f t="shared" si="524"/>
        <v/>
      </c>
      <c r="BS832" s="203" t="str">
        <f t="shared" si="525"/>
        <v/>
      </c>
      <c r="BT832" s="203" t="str">
        <f t="shared" si="526"/>
        <v/>
      </c>
      <c r="BU832" s="203" t="str">
        <f t="shared" si="527"/>
        <v/>
      </c>
      <c r="BV832" s="203" t="str">
        <f t="shared" si="528"/>
        <v/>
      </c>
      <c r="BW832" s="203" t="str">
        <f t="shared" si="529"/>
        <v/>
      </c>
      <c r="BX832" s="203" t="str">
        <f t="shared" si="530"/>
        <v/>
      </c>
      <c r="BY832" s="203" t="str">
        <f t="shared" si="531"/>
        <v/>
      </c>
      <c r="BZ832" s="203" t="str">
        <f t="shared" si="532"/>
        <v/>
      </c>
      <c r="CA832" s="203" t="str">
        <f t="shared" si="533"/>
        <v/>
      </c>
      <c r="CB832" s="203" t="str">
        <f t="shared" si="534"/>
        <v/>
      </c>
      <c r="CC832" s="203" t="str">
        <f t="shared" si="535"/>
        <v/>
      </c>
      <c r="CD832" s="263"/>
      <c r="CE832" s="263"/>
      <c r="CF832" s="263"/>
    </row>
    <row r="833" spans="1:84" s="194" customFormat="1" ht="56.1" hidden="1" customHeight="1" x14ac:dyDescent="0.2">
      <c r="A833" s="181">
        <v>833</v>
      </c>
      <c r="B833" s="182" t="s">
        <v>53</v>
      </c>
      <c r="C833" s="183" t="s">
        <v>655</v>
      </c>
      <c r="D833" s="184" t="s">
        <v>932</v>
      </c>
      <c r="E833" s="184" t="s">
        <v>1165</v>
      </c>
      <c r="F833" s="185" t="s">
        <v>1166</v>
      </c>
      <c r="G833" s="186" t="s">
        <v>58</v>
      </c>
      <c r="H833" s="184" t="s">
        <v>1167</v>
      </c>
      <c r="I833" s="184" t="s">
        <v>81</v>
      </c>
      <c r="J833" s="186" t="s">
        <v>77</v>
      </c>
      <c r="K833" s="195" t="s">
        <v>722</v>
      </c>
      <c r="L833" s="187" t="s">
        <v>63</v>
      </c>
      <c r="M833" s="187" t="s">
        <v>63</v>
      </c>
      <c r="N833" s="196">
        <v>45633.542954999997</v>
      </c>
      <c r="O833" s="189">
        <f t="shared" si="503"/>
        <v>45633.542954999997</v>
      </c>
      <c r="P833" s="190" t="s">
        <v>839</v>
      </c>
      <c r="Q833" s="187" t="s">
        <v>65</v>
      </c>
      <c r="R833" s="192"/>
      <c r="S833" s="192"/>
      <c r="T833" s="192"/>
      <c r="U833" s="192"/>
      <c r="V833" s="192"/>
      <c r="W833" s="192"/>
      <c r="X833" s="192"/>
      <c r="Y833" s="192"/>
      <c r="Z833" s="192"/>
      <c r="AA833" s="192"/>
      <c r="AB833" s="192"/>
      <c r="AC833" s="192"/>
      <c r="AD833" s="192"/>
      <c r="AE833" s="192"/>
      <c r="AF833" s="192"/>
      <c r="AG833" s="192"/>
      <c r="AH833" s="187"/>
      <c r="AI833" s="192"/>
      <c r="AJ833" s="192"/>
      <c r="AK833" s="192"/>
      <c r="AL833" s="187"/>
      <c r="AM833" s="192"/>
      <c r="AN833" s="192"/>
      <c r="AO833" s="192"/>
      <c r="AP833" s="187"/>
      <c r="AQ833" s="192"/>
      <c r="AR833" s="187"/>
      <c r="AS833" s="187"/>
      <c r="AT833" s="192"/>
      <c r="AU833" s="187"/>
      <c r="AV833" s="187"/>
      <c r="AW833" s="191">
        <f t="shared" si="504"/>
        <v>0</v>
      </c>
      <c r="AX833" s="187"/>
      <c r="AY833" s="192" t="str">
        <f t="shared" si="505"/>
        <v/>
      </c>
      <c r="AZ833" s="192" t="str">
        <f t="shared" si="506"/>
        <v/>
      </c>
      <c r="BA833" s="192" t="str">
        <f t="shared" si="507"/>
        <v/>
      </c>
      <c r="BB833" s="192" t="str">
        <f t="shared" si="508"/>
        <v/>
      </c>
      <c r="BC833" s="192" t="str">
        <f t="shared" si="509"/>
        <v/>
      </c>
      <c r="BD833" s="192" t="str">
        <f t="shared" si="510"/>
        <v/>
      </c>
      <c r="BE833" s="192" t="str">
        <f t="shared" si="511"/>
        <v/>
      </c>
      <c r="BF833" s="192" t="str">
        <f t="shared" si="512"/>
        <v/>
      </c>
      <c r="BG833" s="192" t="str">
        <f t="shared" si="513"/>
        <v/>
      </c>
      <c r="BH833" s="192" t="str">
        <f t="shared" si="514"/>
        <v/>
      </c>
      <c r="BI833" s="192" t="str">
        <f t="shared" si="515"/>
        <v/>
      </c>
      <c r="BJ833" s="192" t="str">
        <f t="shared" si="516"/>
        <v/>
      </c>
      <c r="BK833" s="192" t="str">
        <f t="shared" si="517"/>
        <v/>
      </c>
      <c r="BL833" s="192" t="str">
        <f t="shared" si="518"/>
        <v/>
      </c>
      <c r="BM833" s="192" t="str">
        <f t="shared" si="519"/>
        <v/>
      </c>
      <c r="BN833" s="192" t="str">
        <f t="shared" si="520"/>
        <v/>
      </c>
      <c r="BO833" s="192" t="str">
        <f t="shared" si="521"/>
        <v/>
      </c>
      <c r="BP833" s="192" t="str">
        <f t="shared" si="522"/>
        <v/>
      </c>
      <c r="BQ833" s="192" t="str">
        <f t="shared" si="523"/>
        <v/>
      </c>
      <c r="BR833" s="192" t="str">
        <f t="shared" si="524"/>
        <v/>
      </c>
      <c r="BS833" s="192" t="str">
        <f t="shared" si="525"/>
        <v/>
      </c>
      <c r="BT833" s="192" t="str">
        <f t="shared" si="526"/>
        <v/>
      </c>
      <c r="BU833" s="192" t="str">
        <f t="shared" si="527"/>
        <v/>
      </c>
      <c r="BV833" s="192" t="str">
        <f t="shared" si="528"/>
        <v/>
      </c>
      <c r="BW833" s="192" t="str">
        <f t="shared" si="529"/>
        <v/>
      </c>
      <c r="BX833" s="192" t="str">
        <f t="shared" si="530"/>
        <v/>
      </c>
      <c r="BY833" s="192" t="str">
        <f t="shared" si="531"/>
        <v/>
      </c>
      <c r="BZ833" s="192" t="str">
        <f t="shared" si="532"/>
        <v/>
      </c>
      <c r="CA833" s="192" t="str">
        <f t="shared" si="533"/>
        <v/>
      </c>
      <c r="CB833" s="192" t="str">
        <f t="shared" si="534"/>
        <v/>
      </c>
      <c r="CC833" s="192" t="str">
        <f t="shared" si="535"/>
        <v/>
      </c>
      <c r="CD833" s="197"/>
      <c r="CE833" s="197"/>
      <c r="CF833" s="197"/>
    </row>
    <row r="834" spans="1:84" s="248" customFormat="1" ht="56.1" hidden="1" customHeight="1" x14ac:dyDescent="0.2">
      <c r="A834" s="198">
        <v>834</v>
      </c>
      <c r="B834" s="199" t="s">
        <v>53</v>
      </c>
      <c r="C834" s="208" t="s">
        <v>655</v>
      </c>
      <c r="D834" s="243" t="s">
        <v>932</v>
      </c>
      <c r="E834" s="243" t="s">
        <v>1168</v>
      </c>
      <c r="F834" s="288" t="s">
        <v>1169</v>
      </c>
      <c r="G834" s="206" t="s">
        <v>58</v>
      </c>
      <c r="H834" s="242" t="s">
        <v>948</v>
      </c>
      <c r="I834" s="243" t="s">
        <v>81</v>
      </c>
      <c r="J834" s="206" t="s">
        <v>77</v>
      </c>
      <c r="K834" s="242" t="s">
        <v>722</v>
      </c>
      <c r="L834" s="205" t="s">
        <v>63</v>
      </c>
      <c r="M834" s="205" t="s">
        <v>63</v>
      </c>
      <c r="N834" s="290">
        <v>1036.0349999999999</v>
      </c>
      <c r="O834" s="245">
        <f t="shared" si="503"/>
        <v>1036.0349999999999</v>
      </c>
      <c r="P834" s="285" t="s">
        <v>659</v>
      </c>
      <c r="Q834" s="205" t="s">
        <v>65</v>
      </c>
      <c r="R834" s="203"/>
      <c r="S834" s="203"/>
      <c r="T834" s="203"/>
      <c r="U834" s="203"/>
      <c r="V834" s="203"/>
      <c r="W834" s="203"/>
      <c r="X834" s="203"/>
      <c r="Y834" s="203"/>
      <c r="Z834" s="203"/>
      <c r="AA834" s="203"/>
      <c r="AB834" s="203"/>
      <c r="AC834" s="203"/>
      <c r="AD834" s="203"/>
      <c r="AE834" s="203"/>
      <c r="AF834" s="203"/>
      <c r="AG834" s="203"/>
      <c r="AH834" s="205"/>
      <c r="AI834" s="203"/>
      <c r="AJ834" s="203"/>
      <c r="AK834" s="203"/>
      <c r="AL834" s="205"/>
      <c r="AM834" s="203"/>
      <c r="AN834" s="203"/>
      <c r="AO834" s="203"/>
      <c r="AP834" s="205"/>
      <c r="AQ834" s="203"/>
      <c r="AR834" s="205"/>
      <c r="AS834" s="205"/>
      <c r="AT834" s="203"/>
      <c r="AU834" s="205"/>
      <c r="AV834" s="205"/>
      <c r="AW834" s="204">
        <f t="shared" si="504"/>
        <v>0</v>
      </c>
      <c r="AX834" s="205"/>
      <c r="AY834" s="203" t="str">
        <f t="shared" si="505"/>
        <v/>
      </c>
      <c r="AZ834" s="203" t="str">
        <f t="shared" si="506"/>
        <v/>
      </c>
      <c r="BA834" s="203" t="str">
        <f t="shared" si="507"/>
        <v/>
      </c>
      <c r="BB834" s="203" t="str">
        <f t="shared" si="508"/>
        <v/>
      </c>
      <c r="BC834" s="203" t="str">
        <f t="shared" si="509"/>
        <v/>
      </c>
      <c r="BD834" s="203" t="str">
        <f t="shared" si="510"/>
        <v/>
      </c>
      <c r="BE834" s="203" t="str">
        <f t="shared" si="511"/>
        <v/>
      </c>
      <c r="BF834" s="203" t="str">
        <f t="shared" si="512"/>
        <v/>
      </c>
      <c r="BG834" s="203" t="str">
        <f t="shared" si="513"/>
        <v/>
      </c>
      <c r="BH834" s="203" t="str">
        <f t="shared" si="514"/>
        <v/>
      </c>
      <c r="BI834" s="203" t="str">
        <f t="shared" si="515"/>
        <v/>
      </c>
      <c r="BJ834" s="203" t="str">
        <f t="shared" si="516"/>
        <v/>
      </c>
      <c r="BK834" s="203" t="str">
        <f t="shared" si="517"/>
        <v/>
      </c>
      <c r="BL834" s="203" t="str">
        <f t="shared" si="518"/>
        <v/>
      </c>
      <c r="BM834" s="203" t="str">
        <f t="shared" si="519"/>
        <v/>
      </c>
      <c r="BN834" s="203" t="str">
        <f t="shared" si="520"/>
        <v/>
      </c>
      <c r="BO834" s="203" t="str">
        <f t="shared" si="521"/>
        <v/>
      </c>
      <c r="BP834" s="203" t="str">
        <f t="shared" si="522"/>
        <v/>
      </c>
      <c r="BQ834" s="203" t="str">
        <f t="shared" si="523"/>
        <v/>
      </c>
      <c r="BR834" s="203" t="str">
        <f t="shared" si="524"/>
        <v/>
      </c>
      <c r="BS834" s="203" t="str">
        <f t="shared" si="525"/>
        <v/>
      </c>
      <c r="BT834" s="203" t="str">
        <f t="shared" si="526"/>
        <v/>
      </c>
      <c r="BU834" s="203" t="str">
        <f t="shared" si="527"/>
        <v/>
      </c>
      <c r="BV834" s="203" t="str">
        <f t="shared" si="528"/>
        <v/>
      </c>
      <c r="BW834" s="203" t="str">
        <f t="shared" si="529"/>
        <v/>
      </c>
      <c r="BX834" s="203" t="str">
        <f t="shared" si="530"/>
        <v/>
      </c>
      <c r="BY834" s="203" t="str">
        <f t="shared" si="531"/>
        <v/>
      </c>
      <c r="BZ834" s="203" t="str">
        <f t="shared" si="532"/>
        <v/>
      </c>
      <c r="CA834" s="203" t="str">
        <f t="shared" si="533"/>
        <v/>
      </c>
      <c r="CB834" s="203" t="str">
        <f t="shared" si="534"/>
        <v/>
      </c>
      <c r="CC834" s="203" t="str">
        <f t="shared" si="535"/>
        <v/>
      </c>
      <c r="CD834" s="263"/>
      <c r="CE834" s="263"/>
      <c r="CF834" s="263"/>
    </row>
    <row r="835" spans="1:84" s="194" customFormat="1" ht="56.1" hidden="1" customHeight="1" x14ac:dyDescent="0.2">
      <c r="A835" s="181">
        <v>835</v>
      </c>
      <c r="B835" s="182" t="s">
        <v>53</v>
      </c>
      <c r="C835" s="183" t="s">
        <v>655</v>
      </c>
      <c r="D835" s="184" t="s">
        <v>932</v>
      </c>
      <c r="E835" s="184" t="s">
        <v>1170</v>
      </c>
      <c r="F835" s="185" t="s">
        <v>1171</v>
      </c>
      <c r="G835" s="186" t="s">
        <v>58</v>
      </c>
      <c r="H835" s="184" t="s">
        <v>1172</v>
      </c>
      <c r="I835" s="184" t="s">
        <v>81</v>
      </c>
      <c r="J835" s="186" t="s">
        <v>77</v>
      </c>
      <c r="K835" s="195" t="s">
        <v>722</v>
      </c>
      <c r="L835" s="187" t="s">
        <v>63</v>
      </c>
      <c r="M835" s="187" t="s">
        <v>63</v>
      </c>
      <c r="N835" s="196">
        <v>42791.666060000003</v>
      </c>
      <c r="O835" s="189">
        <f t="shared" si="503"/>
        <v>42791.666060000003</v>
      </c>
      <c r="P835" s="190" t="s">
        <v>839</v>
      </c>
      <c r="Q835" s="187" t="s">
        <v>65</v>
      </c>
      <c r="R835" s="192"/>
      <c r="S835" s="192"/>
      <c r="T835" s="192"/>
      <c r="U835" s="192"/>
      <c r="V835" s="192"/>
      <c r="W835" s="192"/>
      <c r="X835" s="192"/>
      <c r="Y835" s="192"/>
      <c r="Z835" s="192"/>
      <c r="AA835" s="192"/>
      <c r="AB835" s="192"/>
      <c r="AC835" s="192"/>
      <c r="AD835" s="192"/>
      <c r="AE835" s="192"/>
      <c r="AF835" s="192"/>
      <c r="AG835" s="192"/>
      <c r="AH835" s="187"/>
      <c r="AI835" s="192"/>
      <c r="AJ835" s="192"/>
      <c r="AK835" s="192"/>
      <c r="AL835" s="187"/>
      <c r="AM835" s="192"/>
      <c r="AN835" s="192"/>
      <c r="AO835" s="192"/>
      <c r="AP835" s="187"/>
      <c r="AQ835" s="192"/>
      <c r="AR835" s="187"/>
      <c r="AS835" s="187"/>
      <c r="AT835" s="192"/>
      <c r="AU835" s="187"/>
      <c r="AV835" s="187"/>
      <c r="AW835" s="191">
        <f t="shared" si="504"/>
        <v>0</v>
      </c>
      <c r="AX835" s="187"/>
      <c r="AY835" s="192" t="str">
        <f t="shared" si="505"/>
        <v/>
      </c>
      <c r="AZ835" s="192" t="str">
        <f t="shared" si="506"/>
        <v/>
      </c>
      <c r="BA835" s="192" t="str">
        <f t="shared" si="507"/>
        <v/>
      </c>
      <c r="BB835" s="192" t="str">
        <f t="shared" si="508"/>
        <v/>
      </c>
      <c r="BC835" s="192" t="str">
        <f t="shared" si="509"/>
        <v/>
      </c>
      <c r="BD835" s="192" t="str">
        <f t="shared" si="510"/>
        <v/>
      </c>
      <c r="BE835" s="192" t="str">
        <f t="shared" si="511"/>
        <v/>
      </c>
      <c r="BF835" s="192" t="str">
        <f t="shared" si="512"/>
        <v/>
      </c>
      <c r="BG835" s="192" t="str">
        <f t="shared" si="513"/>
        <v/>
      </c>
      <c r="BH835" s="192" t="str">
        <f t="shared" si="514"/>
        <v/>
      </c>
      <c r="BI835" s="192" t="str">
        <f t="shared" si="515"/>
        <v/>
      </c>
      <c r="BJ835" s="192" t="str">
        <f t="shared" si="516"/>
        <v/>
      </c>
      <c r="BK835" s="192" t="str">
        <f t="shared" si="517"/>
        <v/>
      </c>
      <c r="BL835" s="192" t="str">
        <f t="shared" si="518"/>
        <v/>
      </c>
      <c r="BM835" s="192" t="str">
        <f t="shared" si="519"/>
        <v/>
      </c>
      <c r="BN835" s="192" t="str">
        <f t="shared" si="520"/>
        <v/>
      </c>
      <c r="BO835" s="192" t="str">
        <f t="shared" si="521"/>
        <v/>
      </c>
      <c r="BP835" s="192" t="str">
        <f t="shared" si="522"/>
        <v/>
      </c>
      <c r="BQ835" s="192" t="str">
        <f t="shared" si="523"/>
        <v/>
      </c>
      <c r="BR835" s="192" t="str">
        <f t="shared" si="524"/>
        <v/>
      </c>
      <c r="BS835" s="192" t="str">
        <f t="shared" si="525"/>
        <v/>
      </c>
      <c r="BT835" s="192" t="str">
        <f t="shared" si="526"/>
        <v/>
      </c>
      <c r="BU835" s="192" t="str">
        <f t="shared" si="527"/>
        <v/>
      </c>
      <c r="BV835" s="192" t="str">
        <f t="shared" si="528"/>
        <v/>
      </c>
      <c r="BW835" s="192" t="str">
        <f t="shared" si="529"/>
        <v/>
      </c>
      <c r="BX835" s="192" t="str">
        <f t="shared" si="530"/>
        <v/>
      </c>
      <c r="BY835" s="192" t="str">
        <f t="shared" si="531"/>
        <v/>
      </c>
      <c r="BZ835" s="192" t="str">
        <f t="shared" si="532"/>
        <v/>
      </c>
      <c r="CA835" s="192" t="str">
        <f t="shared" si="533"/>
        <v/>
      </c>
      <c r="CB835" s="192" t="str">
        <f t="shared" si="534"/>
        <v/>
      </c>
      <c r="CC835" s="192" t="str">
        <f t="shared" si="535"/>
        <v/>
      </c>
      <c r="CD835" s="197"/>
      <c r="CE835" s="197"/>
      <c r="CF835" s="197"/>
    </row>
    <row r="836" spans="1:84" s="194" customFormat="1" ht="56.1" hidden="1" customHeight="1" x14ac:dyDescent="0.2">
      <c r="A836" s="181">
        <v>836</v>
      </c>
      <c r="B836" s="182" t="s">
        <v>53</v>
      </c>
      <c r="C836" s="183" t="s">
        <v>655</v>
      </c>
      <c r="D836" s="184" t="s">
        <v>932</v>
      </c>
      <c r="E836" s="184" t="s">
        <v>1173</v>
      </c>
      <c r="F836" s="185" t="s">
        <v>1174</v>
      </c>
      <c r="G836" s="186" t="s">
        <v>58</v>
      </c>
      <c r="H836" s="184" t="s">
        <v>1172</v>
      </c>
      <c r="I836" s="184" t="s">
        <v>81</v>
      </c>
      <c r="J836" s="186" t="s">
        <v>77</v>
      </c>
      <c r="K836" s="195" t="s">
        <v>722</v>
      </c>
      <c r="L836" s="187" t="s">
        <v>63</v>
      </c>
      <c r="M836" s="187" t="s">
        <v>63</v>
      </c>
      <c r="N836" s="196">
        <v>1850.0625</v>
      </c>
      <c r="O836" s="189">
        <f t="shared" si="503"/>
        <v>1850.0625</v>
      </c>
      <c r="P836" s="190" t="s">
        <v>839</v>
      </c>
      <c r="Q836" s="187" t="s">
        <v>65</v>
      </c>
      <c r="R836" s="192"/>
      <c r="S836" s="192"/>
      <c r="T836" s="192"/>
      <c r="U836" s="192"/>
      <c r="V836" s="192"/>
      <c r="W836" s="192"/>
      <c r="X836" s="192"/>
      <c r="Y836" s="192"/>
      <c r="Z836" s="192"/>
      <c r="AA836" s="192"/>
      <c r="AB836" s="192"/>
      <c r="AC836" s="192"/>
      <c r="AD836" s="192"/>
      <c r="AE836" s="192"/>
      <c r="AF836" s="192"/>
      <c r="AG836" s="192"/>
      <c r="AH836" s="187"/>
      <c r="AI836" s="192"/>
      <c r="AJ836" s="192"/>
      <c r="AK836" s="192"/>
      <c r="AL836" s="187"/>
      <c r="AM836" s="192"/>
      <c r="AN836" s="192"/>
      <c r="AO836" s="192"/>
      <c r="AP836" s="187"/>
      <c r="AQ836" s="192"/>
      <c r="AR836" s="187"/>
      <c r="AS836" s="187"/>
      <c r="AT836" s="192"/>
      <c r="AU836" s="187"/>
      <c r="AV836" s="187"/>
      <c r="AW836" s="191">
        <f t="shared" si="504"/>
        <v>0</v>
      </c>
      <c r="AX836" s="187"/>
      <c r="AY836" s="192" t="str">
        <f t="shared" si="505"/>
        <v/>
      </c>
      <c r="AZ836" s="192" t="str">
        <f t="shared" si="506"/>
        <v/>
      </c>
      <c r="BA836" s="192" t="str">
        <f t="shared" si="507"/>
        <v/>
      </c>
      <c r="BB836" s="192" t="str">
        <f t="shared" si="508"/>
        <v/>
      </c>
      <c r="BC836" s="192" t="str">
        <f t="shared" si="509"/>
        <v/>
      </c>
      <c r="BD836" s="192" t="str">
        <f t="shared" si="510"/>
        <v/>
      </c>
      <c r="BE836" s="192" t="str">
        <f t="shared" si="511"/>
        <v/>
      </c>
      <c r="BF836" s="192" t="str">
        <f t="shared" si="512"/>
        <v/>
      </c>
      <c r="BG836" s="192" t="str">
        <f t="shared" si="513"/>
        <v/>
      </c>
      <c r="BH836" s="192" t="str">
        <f t="shared" si="514"/>
        <v/>
      </c>
      <c r="BI836" s="192" t="str">
        <f t="shared" si="515"/>
        <v/>
      </c>
      <c r="BJ836" s="192" t="str">
        <f t="shared" si="516"/>
        <v/>
      </c>
      <c r="BK836" s="192" t="str">
        <f t="shared" si="517"/>
        <v/>
      </c>
      <c r="BL836" s="192" t="str">
        <f t="shared" si="518"/>
        <v/>
      </c>
      <c r="BM836" s="192" t="str">
        <f t="shared" si="519"/>
        <v/>
      </c>
      <c r="BN836" s="192" t="str">
        <f t="shared" si="520"/>
        <v/>
      </c>
      <c r="BO836" s="192" t="str">
        <f t="shared" si="521"/>
        <v/>
      </c>
      <c r="BP836" s="192" t="str">
        <f t="shared" si="522"/>
        <v/>
      </c>
      <c r="BQ836" s="192" t="str">
        <f t="shared" si="523"/>
        <v/>
      </c>
      <c r="BR836" s="192" t="str">
        <f t="shared" si="524"/>
        <v/>
      </c>
      <c r="BS836" s="192" t="str">
        <f t="shared" si="525"/>
        <v/>
      </c>
      <c r="BT836" s="192" t="str">
        <f t="shared" si="526"/>
        <v/>
      </c>
      <c r="BU836" s="192" t="str">
        <f t="shared" si="527"/>
        <v/>
      </c>
      <c r="BV836" s="192" t="str">
        <f t="shared" si="528"/>
        <v/>
      </c>
      <c r="BW836" s="192" t="str">
        <f t="shared" si="529"/>
        <v/>
      </c>
      <c r="BX836" s="192" t="str">
        <f t="shared" si="530"/>
        <v/>
      </c>
      <c r="BY836" s="192" t="str">
        <f t="shared" si="531"/>
        <v/>
      </c>
      <c r="BZ836" s="192" t="str">
        <f t="shared" si="532"/>
        <v/>
      </c>
      <c r="CA836" s="192" t="str">
        <f t="shared" si="533"/>
        <v/>
      </c>
      <c r="CB836" s="192" t="str">
        <f t="shared" si="534"/>
        <v/>
      </c>
      <c r="CC836" s="192" t="str">
        <f t="shared" si="535"/>
        <v/>
      </c>
      <c r="CD836" s="197"/>
      <c r="CE836" s="197"/>
      <c r="CF836" s="197"/>
    </row>
    <row r="837" spans="1:84" s="194" customFormat="1" ht="56.1" hidden="1" customHeight="1" x14ac:dyDescent="0.2">
      <c r="A837" s="181">
        <v>837</v>
      </c>
      <c r="B837" s="182" t="s">
        <v>53</v>
      </c>
      <c r="C837" s="183" t="s">
        <v>655</v>
      </c>
      <c r="D837" s="184" t="s">
        <v>932</v>
      </c>
      <c r="E837" s="184" t="s">
        <v>1175</v>
      </c>
      <c r="F837" s="185" t="s">
        <v>1176</v>
      </c>
      <c r="G837" s="186" t="s">
        <v>58</v>
      </c>
      <c r="H837" s="184" t="s">
        <v>1172</v>
      </c>
      <c r="I837" s="184" t="s">
        <v>81</v>
      </c>
      <c r="J837" s="186" t="s">
        <v>77</v>
      </c>
      <c r="K837" s="195" t="s">
        <v>722</v>
      </c>
      <c r="L837" s="187" t="s">
        <v>63</v>
      </c>
      <c r="M837" s="187" t="s">
        <v>63</v>
      </c>
      <c r="N837" s="196">
        <v>2261.1875</v>
      </c>
      <c r="O837" s="189">
        <f t="shared" si="503"/>
        <v>2261.1875</v>
      </c>
      <c r="P837" s="190" t="s">
        <v>839</v>
      </c>
      <c r="Q837" s="187" t="s">
        <v>65</v>
      </c>
      <c r="R837" s="197"/>
      <c r="S837" s="192"/>
      <c r="T837" s="197"/>
      <c r="U837" s="197"/>
      <c r="V837" s="197"/>
      <c r="W837" s="197"/>
      <c r="X837" s="197"/>
      <c r="Y837" s="197"/>
      <c r="Z837" s="197"/>
      <c r="AA837" s="197"/>
      <c r="AB837" s="197"/>
      <c r="AC837" s="197"/>
      <c r="AD837" s="197"/>
      <c r="AE837" s="197"/>
      <c r="AF837" s="192"/>
      <c r="AG837" s="197"/>
      <c r="AH837" s="197"/>
      <c r="AI837" s="197"/>
      <c r="AJ837" s="197"/>
      <c r="AK837" s="197"/>
      <c r="AL837" s="197"/>
      <c r="AM837" s="197"/>
      <c r="AN837" s="197"/>
      <c r="AO837" s="197"/>
      <c r="AP837" s="197"/>
      <c r="AQ837" s="197"/>
      <c r="AR837" s="197"/>
      <c r="AS837" s="197"/>
      <c r="AT837" s="197"/>
      <c r="AU837" s="197"/>
      <c r="AV837" s="197"/>
      <c r="AW837" s="191">
        <f t="shared" si="504"/>
        <v>0</v>
      </c>
      <c r="AX837" s="187"/>
      <c r="AY837" s="192" t="str">
        <f t="shared" si="505"/>
        <v/>
      </c>
      <c r="AZ837" s="192" t="str">
        <f t="shared" si="506"/>
        <v/>
      </c>
      <c r="BA837" s="192" t="str">
        <f t="shared" si="507"/>
        <v/>
      </c>
      <c r="BB837" s="192" t="str">
        <f t="shared" si="508"/>
        <v/>
      </c>
      <c r="BC837" s="192" t="str">
        <f t="shared" si="509"/>
        <v/>
      </c>
      <c r="BD837" s="192" t="str">
        <f t="shared" si="510"/>
        <v/>
      </c>
      <c r="BE837" s="192" t="str">
        <f t="shared" si="511"/>
        <v/>
      </c>
      <c r="BF837" s="192" t="str">
        <f t="shared" si="512"/>
        <v/>
      </c>
      <c r="BG837" s="192" t="str">
        <f t="shared" si="513"/>
        <v/>
      </c>
      <c r="BH837" s="192" t="str">
        <f t="shared" si="514"/>
        <v/>
      </c>
      <c r="BI837" s="192" t="str">
        <f t="shared" si="515"/>
        <v/>
      </c>
      <c r="BJ837" s="192" t="str">
        <f t="shared" si="516"/>
        <v/>
      </c>
      <c r="BK837" s="192" t="str">
        <f t="shared" si="517"/>
        <v/>
      </c>
      <c r="BL837" s="192" t="str">
        <f t="shared" si="518"/>
        <v/>
      </c>
      <c r="BM837" s="192" t="str">
        <f t="shared" si="519"/>
        <v/>
      </c>
      <c r="BN837" s="192" t="str">
        <f t="shared" si="520"/>
        <v/>
      </c>
      <c r="BO837" s="192" t="str">
        <f t="shared" si="521"/>
        <v/>
      </c>
      <c r="BP837" s="192" t="str">
        <f t="shared" si="522"/>
        <v/>
      </c>
      <c r="BQ837" s="192" t="str">
        <f t="shared" si="523"/>
        <v/>
      </c>
      <c r="BR837" s="192" t="str">
        <f t="shared" si="524"/>
        <v/>
      </c>
      <c r="BS837" s="192" t="str">
        <f t="shared" si="525"/>
        <v/>
      </c>
      <c r="BT837" s="192" t="str">
        <f t="shared" si="526"/>
        <v/>
      </c>
      <c r="BU837" s="192" t="str">
        <f t="shared" si="527"/>
        <v/>
      </c>
      <c r="BV837" s="192" t="str">
        <f t="shared" si="528"/>
        <v/>
      </c>
      <c r="BW837" s="192" t="str">
        <f t="shared" si="529"/>
        <v/>
      </c>
      <c r="BX837" s="192" t="str">
        <f t="shared" si="530"/>
        <v/>
      </c>
      <c r="BY837" s="192" t="str">
        <f t="shared" si="531"/>
        <v/>
      </c>
      <c r="BZ837" s="192" t="str">
        <f t="shared" si="532"/>
        <v/>
      </c>
      <c r="CA837" s="192" t="str">
        <f t="shared" si="533"/>
        <v/>
      </c>
      <c r="CB837" s="192" t="str">
        <f t="shared" si="534"/>
        <v/>
      </c>
      <c r="CC837" s="192" t="str">
        <f t="shared" si="535"/>
        <v/>
      </c>
      <c r="CD837" s="197"/>
      <c r="CE837" s="197"/>
      <c r="CF837" s="197"/>
    </row>
    <row r="838" spans="1:84" s="194" customFormat="1" ht="56.1" hidden="1" customHeight="1" x14ac:dyDescent="0.2">
      <c r="A838" s="181">
        <v>838</v>
      </c>
      <c r="B838" s="182" t="s">
        <v>53</v>
      </c>
      <c r="C838" s="183" t="s">
        <v>655</v>
      </c>
      <c r="D838" s="184" t="s">
        <v>900</v>
      </c>
      <c r="E838" s="184" t="s">
        <v>1177</v>
      </c>
      <c r="F838" s="185" t="s">
        <v>1178</v>
      </c>
      <c r="G838" s="186" t="s">
        <v>58</v>
      </c>
      <c r="H838" s="184" t="s">
        <v>1172</v>
      </c>
      <c r="I838" s="184" t="s">
        <v>81</v>
      </c>
      <c r="J838" s="186" t="s">
        <v>77</v>
      </c>
      <c r="K838" s="195" t="s">
        <v>722</v>
      </c>
      <c r="L838" s="187" t="s">
        <v>63</v>
      </c>
      <c r="M838" s="187" t="s">
        <v>63</v>
      </c>
      <c r="N838" s="196">
        <v>84691.75</v>
      </c>
      <c r="O838" s="189">
        <f t="shared" si="503"/>
        <v>84691.75</v>
      </c>
      <c r="P838" s="190" t="s">
        <v>839</v>
      </c>
      <c r="Q838" s="187" t="s">
        <v>65</v>
      </c>
      <c r="R838" s="192"/>
      <c r="S838" s="192"/>
      <c r="T838" s="192"/>
      <c r="U838" s="192"/>
      <c r="V838" s="192"/>
      <c r="W838" s="192"/>
      <c r="X838" s="192"/>
      <c r="Y838" s="192"/>
      <c r="Z838" s="192"/>
      <c r="AA838" s="192"/>
      <c r="AB838" s="192"/>
      <c r="AC838" s="192"/>
      <c r="AD838" s="192"/>
      <c r="AE838" s="192"/>
      <c r="AF838" s="192"/>
      <c r="AG838" s="192"/>
      <c r="AH838" s="187"/>
      <c r="AI838" s="192"/>
      <c r="AJ838" s="192"/>
      <c r="AK838" s="192"/>
      <c r="AL838" s="187"/>
      <c r="AM838" s="192"/>
      <c r="AN838" s="192"/>
      <c r="AO838" s="192"/>
      <c r="AP838" s="187"/>
      <c r="AQ838" s="192"/>
      <c r="AR838" s="187"/>
      <c r="AS838" s="187"/>
      <c r="AT838" s="192"/>
      <c r="AU838" s="187"/>
      <c r="AV838" s="187"/>
      <c r="AW838" s="191">
        <f t="shared" si="504"/>
        <v>0</v>
      </c>
      <c r="AX838" s="187"/>
      <c r="AY838" s="192" t="str">
        <f t="shared" si="505"/>
        <v/>
      </c>
      <c r="AZ838" s="192" t="str">
        <f t="shared" si="506"/>
        <v/>
      </c>
      <c r="BA838" s="192" t="str">
        <f t="shared" si="507"/>
        <v/>
      </c>
      <c r="BB838" s="192" t="str">
        <f t="shared" si="508"/>
        <v/>
      </c>
      <c r="BC838" s="192" t="str">
        <f t="shared" si="509"/>
        <v/>
      </c>
      <c r="BD838" s="192" t="str">
        <f t="shared" si="510"/>
        <v/>
      </c>
      <c r="BE838" s="192" t="str">
        <f t="shared" si="511"/>
        <v/>
      </c>
      <c r="BF838" s="192" t="str">
        <f t="shared" si="512"/>
        <v/>
      </c>
      <c r="BG838" s="192" t="str">
        <f t="shared" si="513"/>
        <v/>
      </c>
      <c r="BH838" s="192" t="str">
        <f t="shared" si="514"/>
        <v/>
      </c>
      <c r="BI838" s="192" t="str">
        <f t="shared" si="515"/>
        <v/>
      </c>
      <c r="BJ838" s="192" t="str">
        <f t="shared" si="516"/>
        <v/>
      </c>
      <c r="BK838" s="192" t="str">
        <f t="shared" si="517"/>
        <v/>
      </c>
      <c r="BL838" s="192" t="str">
        <f t="shared" si="518"/>
        <v/>
      </c>
      <c r="BM838" s="192" t="str">
        <f t="shared" si="519"/>
        <v/>
      </c>
      <c r="BN838" s="192" t="str">
        <f t="shared" si="520"/>
        <v/>
      </c>
      <c r="BO838" s="192" t="str">
        <f t="shared" si="521"/>
        <v/>
      </c>
      <c r="BP838" s="192" t="str">
        <f t="shared" si="522"/>
        <v/>
      </c>
      <c r="BQ838" s="192" t="str">
        <f t="shared" si="523"/>
        <v/>
      </c>
      <c r="BR838" s="192" t="str">
        <f t="shared" si="524"/>
        <v/>
      </c>
      <c r="BS838" s="192" t="str">
        <f t="shared" si="525"/>
        <v/>
      </c>
      <c r="BT838" s="192" t="str">
        <f t="shared" si="526"/>
        <v/>
      </c>
      <c r="BU838" s="192" t="str">
        <f t="shared" si="527"/>
        <v/>
      </c>
      <c r="BV838" s="192" t="str">
        <f t="shared" si="528"/>
        <v/>
      </c>
      <c r="BW838" s="192" t="str">
        <f t="shared" si="529"/>
        <v/>
      </c>
      <c r="BX838" s="192" t="str">
        <f t="shared" si="530"/>
        <v/>
      </c>
      <c r="BY838" s="192" t="str">
        <f t="shared" si="531"/>
        <v/>
      </c>
      <c r="BZ838" s="192" t="str">
        <f t="shared" si="532"/>
        <v/>
      </c>
      <c r="CA838" s="192" t="str">
        <f t="shared" si="533"/>
        <v/>
      </c>
      <c r="CB838" s="192" t="str">
        <f t="shared" si="534"/>
        <v/>
      </c>
      <c r="CC838" s="192" t="str">
        <f t="shared" si="535"/>
        <v/>
      </c>
      <c r="CD838" s="197"/>
      <c r="CE838" s="197"/>
      <c r="CF838" s="197"/>
    </row>
    <row r="839" spans="1:84" s="178" customFormat="1" ht="56.1" hidden="1" customHeight="1" x14ac:dyDescent="0.2">
      <c r="A839" s="154">
        <v>839</v>
      </c>
      <c r="B839" s="155" t="s">
        <v>53</v>
      </c>
      <c r="C839" s="165" t="s">
        <v>655</v>
      </c>
      <c r="D839" s="172" t="s">
        <v>900</v>
      </c>
      <c r="E839" s="172" t="s">
        <v>1179</v>
      </c>
      <c r="F839" s="173" t="s">
        <v>1180</v>
      </c>
      <c r="G839" s="163" t="s">
        <v>58</v>
      </c>
      <c r="H839" s="172" t="s">
        <v>1181</v>
      </c>
      <c r="I839" s="172" t="s">
        <v>81</v>
      </c>
      <c r="J839" s="163" t="s">
        <v>77</v>
      </c>
      <c r="K839" s="179" t="s">
        <v>722</v>
      </c>
      <c r="L839" s="158" t="s">
        <v>63</v>
      </c>
      <c r="M839" s="158" t="s">
        <v>63</v>
      </c>
      <c r="N839" s="180">
        <v>86336.25</v>
      </c>
      <c r="O839" s="175">
        <f t="shared" si="503"/>
        <v>86336.25</v>
      </c>
      <c r="P839" s="176" t="s">
        <v>839</v>
      </c>
      <c r="Q839" s="158" t="s">
        <v>65</v>
      </c>
      <c r="R839" s="161"/>
      <c r="S839" s="162"/>
      <c r="T839" s="162"/>
      <c r="U839" s="162"/>
      <c r="V839" s="162"/>
      <c r="W839" s="162"/>
      <c r="X839" s="162"/>
      <c r="Y839" s="162"/>
      <c r="Z839" s="162"/>
      <c r="AA839" s="162"/>
      <c r="AB839" s="162"/>
      <c r="AC839" s="162"/>
      <c r="AD839" s="162"/>
      <c r="AE839" s="161"/>
      <c r="AF839" s="162"/>
      <c r="AG839" s="162"/>
      <c r="AH839" s="162"/>
      <c r="AI839" s="162"/>
      <c r="AJ839" s="162"/>
      <c r="AK839" s="162"/>
      <c r="AL839" s="162"/>
      <c r="AM839" s="162"/>
      <c r="AN839" s="162"/>
      <c r="AO839" s="162"/>
      <c r="AP839" s="162"/>
      <c r="AQ839" s="162"/>
      <c r="AR839" s="162"/>
      <c r="AS839" s="162"/>
      <c r="AT839" s="162"/>
      <c r="AU839" s="162"/>
      <c r="AV839" s="162"/>
      <c r="AW839" s="160">
        <f t="shared" si="504"/>
        <v>0</v>
      </c>
      <c r="AX839" s="158"/>
      <c r="AY839" s="161" t="str">
        <f t="shared" si="505"/>
        <v/>
      </c>
      <c r="AZ839" s="161" t="str">
        <f t="shared" si="506"/>
        <v/>
      </c>
      <c r="BA839" s="161" t="str">
        <f t="shared" si="507"/>
        <v/>
      </c>
      <c r="BB839" s="161" t="str">
        <f t="shared" si="508"/>
        <v/>
      </c>
      <c r="BC839" s="161" t="str">
        <f t="shared" si="509"/>
        <v/>
      </c>
      <c r="BD839" s="161" t="str">
        <f t="shared" si="510"/>
        <v/>
      </c>
      <c r="BE839" s="161" t="str">
        <f t="shared" si="511"/>
        <v/>
      </c>
      <c r="BF839" s="161" t="str">
        <f t="shared" si="512"/>
        <v/>
      </c>
      <c r="BG839" s="161" t="str">
        <f t="shared" si="513"/>
        <v/>
      </c>
      <c r="BH839" s="161" t="str">
        <f t="shared" si="514"/>
        <v/>
      </c>
      <c r="BI839" s="161" t="str">
        <f t="shared" si="515"/>
        <v/>
      </c>
      <c r="BJ839" s="161" t="str">
        <f t="shared" si="516"/>
        <v/>
      </c>
      <c r="BK839" s="161" t="str">
        <f t="shared" si="517"/>
        <v/>
      </c>
      <c r="BL839" s="161" t="str">
        <f t="shared" si="518"/>
        <v/>
      </c>
      <c r="BM839" s="161" t="str">
        <f t="shared" si="519"/>
        <v/>
      </c>
      <c r="BN839" s="161" t="str">
        <f t="shared" si="520"/>
        <v/>
      </c>
      <c r="BO839" s="161" t="str">
        <f t="shared" si="521"/>
        <v/>
      </c>
      <c r="BP839" s="161" t="str">
        <f t="shared" si="522"/>
        <v/>
      </c>
      <c r="BQ839" s="161" t="str">
        <f t="shared" si="523"/>
        <v/>
      </c>
      <c r="BR839" s="161" t="str">
        <f t="shared" si="524"/>
        <v/>
      </c>
      <c r="BS839" s="161" t="str">
        <f t="shared" si="525"/>
        <v/>
      </c>
      <c r="BT839" s="161" t="str">
        <f t="shared" si="526"/>
        <v/>
      </c>
      <c r="BU839" s="161" t="str">
        <f t="shared" si="527"/>
        <v/>
      </c>
      <c r="BV839" s="161" t="str">
        <f t="shared" si="528"/>
        <v/>
      </c>
      <c r="BW839" s="161" t="str">
        <f t="shared" si="529"/>
        <v/>
      </c>
      <c r="BX839" s="161" t="str">
        <f t="shared" si="530"/>
        <v/>
      </c>
      <c r="BY839" s="161" t="str">
        <f t="shared" si="531"/>
        <v/>
      </c>
      <c r="BZ839" s="161" t="str">
        <f t="shared" si="532"/>
        <v/>
      </c>
      <c r="CA839" s="161" t="str">
        <f t="shared" si="533"/>
        <v/>
      </c>
      <c r="CB839" s="161" t="str">
        <f t="shared" si="534"/>
        <v/>
      </c>
      <c r="CC839" s="161" t="str">
        <f t="shared" si="535"/>
        <v/>
      </c>
      <c r="CD839" s="162"/>
      <c r="CE839" s="162"/>
      <c r="CF839" s="162"/>
    </row>
    <row r="840" spans="1:84" s="248" customFormat="1" ht="56.1" hidden="1" customHeight="1" x14ac:dyDescent="0.2">
      <c r="A840" s="198">
        <v>840</v>
      </c>
      <c r="B840" s="199" t="s">
        <v>53</v>
      </c>
      <c r="C840" s="208" t="s">
        <v>655</v>
      </c>
      <c r="D840" s="243" t="s">
        <v>900</v>
      </c>
      <c r="E840" s="243" t="s">
        <v>1182</v>
      </c>
      <c r="F840" s="288" t="s">
        <v>1183</v>
      </c>
      <c r="G840" s="206" t="s">
        <v>58</v>
      </c>
      <c r="H840" s="243" t="s">
        <v>833</v>
      </c>
      <c r="I840" s="243" t="s">
        <v>81</v>
      </c>
      <c r="J840" s="206" t="s">
        <v>77</v>
      </c>
      <c r="K840" s="243" t="s">
        <v>834</v>
      </c>
      <c r="L840" s="205" t="s">
        <v>63</v>
      </c>
      <c r="M840" s="205" t="s">
        <v>63</v>
      </c>
      <c r="N840" s="290">
        <v>61103.864249999999</v>
      </c>
      <c r="O840" s="245">
        <f t="shared" si="503"/>
        <v>61103.864249999999</v>
      </c>
      <c r="P840" s="285" t="s">
        <v>659</v>
      </c>
      <c r="Q840" s="205" t="s">
        <v>65</v>
      </c>
      <c r="R840" s="203"/>
      <c r="S840" s="263"/>
      <c r="T840" s="263"/>
      <c r="U840" s="263"/>
      <c r="V840" s="263"/>
      <c r="W840" s="263"/>
      <c r="X840" s="263"/>
      <c r="Y840" s="263"/>
      <c r="Z840" s="263"/>
      <c r="AA840" s="263"/>
      <c r="AB840" s="263"/>
      <c r="AC840" s="263"/>
      <c r="AD840" s="263"/>
      <c r="AE840" s="203"/>
      <c r="AF840" s="263"/>
      <c r="AG840" s="263"/>
      <c r="AH840" s="263"/>
      <c r="AI840" s="263"/>
      <c r="AJ840" s="263"/>
      <c r="AK840" s="263"/>
      <c r="AL840" s="263"/>
      <c r="AM840" s="263"/>
      <c r="AN840" s="263"/>
      <c r="AO840" s="263"/>
      <c r="AP840" s="263"/>
      <c r="AQ840" s="263"/>
      <c r="AR840" s="263"/>
      <c r="AS840" s="263"/>
      <c r="AT840" s="263"/>
      <c r="AU840" s="263"/>
      <c r="AV840" s="263"/>
      <c r="AW840" s="204">
        <f t="shared" si="504"/>
        <v>0</v>
      </c>
      <c r="AX840" s="205"/>
      <c r="AY840" s="203" t="str">
        <f t="shared" si="505"/>
        <v/>
      </c>
      <c r="AZ840" s="203" t="str">
        <f t="shared" si="506"/>
        <v/>
      </c>
      <c r="BA840" s="203" t="str">
        <f t="shared" si="507"/>
        <v/>
      </c>
      <c r="BB840" s="203" t="str">
        <f t="shared" si="508"/>
        <v/>
      </c>
      <c r="BC840" s="203" t="str">
        <f t="shared" si="509"/>
        <v/>
      </c>
      <c r="BD840" s="203" t="str">
        <f t="shared" si="510"/>
        <v/>
      </c>
      <c r="BE840" s="203" t="str">
        <f t="shared" si="511"/>
        <v/>
      </c>
      <c r="BF840" s="203" t="str">
        <f t="shared" si="512"/>
        <v/>
      </c>
      <c r="BG840" s="203" t="str">
        <f t="shared" si="513"/>
        <v/>
      </c>
      <c r="BH840" s="203" t="str">
        <f t="shared" si="514"/>
        <v/>
      </c>
      <c r="BI840" s="203" t="str">
        <f t="shared" si="515"/>
        <v/>
      </c>
      <c r="BJ840" s="203" t="str">
        <f t="shared" si="516"/>
        <v/>
      </c>
      <c r="BK840" s="203" t="str">
        <f t="shared" si="517"/>
        <v/>
      </c>
      <c r="BL840" s="203" t="str">
        <f t="shared" si="518"/>
        <v/>
      </c>
      <c r="BM840" s="203" t="str">
        <f t="shared" si="519"/>
        <v/>
      </c>
      <c r="BN840" s="203" t="str">
        <f t="shared" si="520"/>
        <v/>
      </c>
      <c r="BO840" s="203" t="str">
        <f t="shared" si="521"/>
        <v/>
      </c>
      <c r="BP840" s="203" t="str">
        <f t="shared" si="522"/>
        <v/>
      </c>
      <c r="BQ840" s="203" t="str">
        <f t="shared" si="523"/>
        <v/>
      </c>
      <c r="BR840" s="203" t="str">
        <f t="shared" si="524"/>
        <v/>
      </c>
      <c r="BS840" s="203" t="str">
        <f t="shared" si="525"/>
        <v/>
      </c>
      <c r="BT840" s="203" t="str">
        <f t="shared" si="526"/>
        <v/>
      </c>
      <c r="BU840" s="203" t="str">
        <f t="shared" si="527"/>
        <v/>
      </c>
      <c r="BV840" s="203" t="str">
        <f t="shared" si="528"/>
        <v/>
      </c>
      <c r="BW840" s="203" t="str">
        <f t="shared" si="529"/>
        <v/>
      </c>
      <c r="BX840" s="203" t="str">
        <f t="shared" si="530"/>
        <v/>
      </c>
      <c r="BY840" s="203" t="str">
        <f t="shared" si="531"/>
        <v/>
      </c>
      <c r="BZ840" s="203" t="str">
        <f t="shared" si="532"/>
        <v/>
      </c>
      <c r="CA840" s="203" t="str">
        <f t="shared" si="533"/>
        <v/>
      </c>
      <c r="CB840" s="203" t="str">
        <f t="shared" si="534"/>
        <v/>
      </c>
      <c r="CC840" s="203" t="str">
        <f t="shared" si="535"/>
        <v/>
      </c>
      <c r="CD840" s="263"/>
      <c r="CE840" s="263"/>
      <c r="CF840" s="263"/>
    </row>
    <row r="841" spans="1:84" s="248" customFormat="1" ht="56.1" hidden="1" customHeight="1" x14ac:dyDescent="0.2">
      <c r="A841" s="198">
        <v>841</v>
      </c>
      <c r="B841" s="199" t="s">
        <v>53</v>
      </c>
      <c r="C841" s="208" t="s">
        <v>655</v>
      </c>
      <c r="D841" s="243" t="s">
        <v>932</v>
      </c>
      <c r="E841" s="243" t="s">
        <v>1184</v>
      </c>
      <c r="F841" s="288" t="s">
        <v>1185</v>
      </c>
      <c r="G841" s="206" t="s">
        <v>58</v>
      </c>
      <c r="H841" s="243" t="s">
        <v>833</v>
      </c>
      <c r="I841" s="243" t="s">
        <v>81</v>
      </c>
      <c r="J841" s="206" t="s">
        <v>77</v>
      </c>
      <c r="K841" s="243" t="s">
        <v>834</v>
      </c>
      <c r="L841" s="205" t="s">
        <v>63</v>
      </c>
      <c r="M841" s="205" t="s">
        <v>63</v>
      </c>
      <c r="N841" s="290">
        <v>203360.35004999998</v>
      </c>
      <c r="O841" s="245">
        <f t="shared" si="503"/>
        <v>203360.35004999998</v>
      </c>
      <c r="P841" s="285" t="s">
        <v>659</v>
      </c>
      <c r="Q841" s="205" t="s">
        <v>65</v>
      </c>
      <c r="R841" s="203"/>
      <c r="S841" s="263"/>
      <c r="T841" s="263"/>
      <c r="U841" s="263"/>
      <c r="V841" s="263"/>
      <c r="W841" s="263"/>
      <c r="X841" s="263"/>
      <c r="Y841" s="263"/>
      <c r="Z841" s="263"/>
      <c r="AA841" s="263"/>
      <c r="AB841" s="263"/>
      <c r="AC841" s="263"/>
      <c r="AD841" s="263"/>
      <c r="AE841" s="203"/>
      <c r="AF841" s="263"/>
      <c r="AG841" s="263"/>
      <c r="AH841" s="263"/>
      <c r="AI841" s="263"/>
      <c r="AJ841" s="263"/>
      <c r="AK841" s="263"/>
      <c r="AL841" s="263"/>
      <c r="AM841" s="263"/>
      <c r="AN841" s="263"/>
      <c r="AO841" s="263"/>
      <c r="AP841" s="263"/>
      <c r="AQ841" s="263"/>
      <c r="AR841" s="263"/>
      <c r="AS841" s="263"/>
      <c r="AT841" s="263"/>
      <c r="AU841" s="263"/>
      <c r="AV841" s="263"/>
      <c r="AW841" s="204">
        <f t="shared" si="504"/>
        <v>0</v>
      </c>
      <c r="AX841" s="205"/>
      <c r="AY841" s="203" t="str">
        <f t="shared" si="505"/>
        <v/>
      </c>
      <c r="AZ841" s="203" t="str">
        <f t="shared" si="506"/>
        <v/>
      </c>
      <c r="BA841" s="203" t="str">
        <f t="shared" si="507"/>
        <v/>
      </c>
      <c r="BB841" s="203" t="str">
        <f t="shared" si="508"/>
        <v/>
      </c>
      <c r="BC841" s="203" t="str">
        <f t="shared" si="509"/>
        <v/>
      </c>
      <c r="BD841" s="203" t="str">
        <f t="shared" si="510"/>
        <v/>
      </c>
      <c r="BE841" s="203" t="str">
        <f t="shared" si="511"/>
        <v/>
      </c>
      <c r="BF841" s="203" t="str">
        <f t="shared" si="512"/>
        <v/>
      </c>
      <c r="BG841" s="203" t="str">
        <f t="shared" si="513"/>
        <v/>
      </c>
      <c r="BH841" s="203" t="str">
        <f t="shared" si="514"/>
        <v/>
      </c>
      <c r="BI841" s="203" t="str">
        <f t="shared" si="515"/>
        <v/>
      </c>
      <c r="BJ841" s="203" t="str">
        <f t="shared" si="516"/>
        <v/>
      </c>
      <c r="BK841" s="203" t="str">
        <f t="shared" si="517"/>
        <v/>
      </c>
      <c r="BL841" s="203" t="str">
        <f t="shared" si="518"/>
        <v/>
      </c>
      <c r="BM841" s="203" t="str">
        <f t="shared" si="519"/>
        <v/>
      </c>
      <c r="BN841" s="203" t="str">
        <f t="shared" si="520"/>
        <v/>
      </c>
      <c r="BO841" s="203" t="str">
        <f t="shared" si="521"/>
        <v/>
      </c>
      <c r="BP841" s="203" t="str">
        <f t="shared" si="522"/>
        <v/>
      </c>
      <c r="BQ841" s="203" t="str">
        <f t="shared" si="523"/>
        <v/>
      </c>
      <c r="BR841" s="203" t="str">
        <f t="shared" si="524"/>
        <v/>
      </c>
      <c r="BS841" s="203" t="str">
        <f t="shared" si="525"/>
        <v/>
      </c>
      <c r="BT841" s="203" t="str">
        <f t="shared" si="526"/>
        <v/>
      </c>
      <c r="BU841" s="203" t="str">
        <f t="shared" si="527"/>
        <v/>
      </c>
      <c r="BV841" s="203" t="str">
        <f t="shared" si="528"/>
        <v/>
      </c>
      <c r="BW841" s="203" t="str">
        <f t="shared" si="529"/>
        <v/>
      </c>
      <c r="BX841" s="203" t="str">
        <f t="shared" si="530"/>
        <v/>
      </c>
      <c r="BY841" s="203" t="str">
        <f t="shared" si="531"/>
        <v/>
      </c>
      <c r="BZ841" s="203" t="str">
        <f t="shared" si="532"/>
        <v/>
      </c>
      <c r="CA841" s="203" t="str">
        <f t="shared" si="533"/>
        <v/>
      </c>
      <c r="CB841" s="203" t="str">
        <f t="shared" si="534"/>
        <v/>
      </c>
      <c r="CC841" s="203" t="str">
        <f t="shared" si="535"/>
        <v/>
      </c>
      <c r="CD841" s="263"/>
      <c r="CE841" s="263"/>
      <c r="CF841" s="263"/>
    </row>
    <row r="842" spans="1:84" s="248" customFormat="1" ht="56.1" hidden="1" customHeight="1" x14ac:dyDescent="0.2">
      <c r="A842" s="198">
        <v>842</v>
      </c>
      <c r="B842" s="199" t="s">
        <v>53</v>
      </c>
      <c r="C842" s="208" t="s">
        <v>655</v>
      </c>
      <c r="D842" s="243" t="s">
        <v>932</v>
      </c>
      <c r="E842" s="243" t="s">
        <v>1186</v>
      </c>
      <c r="F842" s="288" t="s">
        <v>1187</v>
      </c>
      <c r="G842" s="206" t="s">
        <v>58</v>
      </c>
      <c r="H842" s="243" t="s">
        <v>833</v>
      </c>
      <c r="I842" s="243" t="s">
        <v>81</v>
      </c>
      <c r="J842" s="206" t="s">
        <v>77</v>
      </c>
      <c r="K842" s="243" t="s">
        <v>834</v>
      </c>
      <c r="L842" s="205" t="s">
        <v>63</v>
      </c>
      <c r="M842" s="205" t="s">
        <v>63</v>
      </c>
      <c r="N842" s="290">
        <v>188708.84175000002</v>
      </c>
      <c r="O842" s="245">
        <f t="shared" si="503"/>
        <v>188708.84175000002</v>
      </c>
      <c r="P842" s="285" t="s">
        <v>659</v>
      </c>
      <c r="Q842" s="205" t="s">
        <v>65</v>
      </c>
      <c r="R842" s="203"/>
      <c r="S842" s="263"/>
      <c r="T842" s="263"/>
      <c r="U842" s="263"/>
      <c r="V842" s="263"/>
      <c r="W842" s="263"/>
      <c r="X842" s="263"/>
      <c r="Y842" s="263"/>
      <c r="Z842" s="263"/>
      <c r="AA842" s="263"/>
      <c r="AB842" s="263"/>
      <c r="AC842" s="263"/>
      <c r="AD842" s="263"/>
      <c r="AE842" s="203"/>
      <c r="AF842" s="263"/>
      <c r="AG842" s="263"/>
      <c r="AH842" s="263"/>
      <c r="AI842" s="263"/>
      <c r="AJ842" s="263"/>
      <c r="AK842" s="263"/>
      <c r="AL842" s="263"/>
      <c r="AM842" s="263"/>
      <c r="AN842" s="263"/>
      <c r="AO842" s="263"/>
      <c r="AP842" s="263"/>
      <c r="AQ842" s="263"/>
      <c r="AR842" s="263"/>
      <c r="AS842" s="263"/>
      <c r="AT842" s="263"/>
      <c r="AU842" s="263"/>
      <c r="AV842" s="263"/>
      <c r="AW842" s="204">
        <f t="shared" si="504"/>
        <v>0</v>
      </c>
      <c r="AX842" s="205"/>
      <c r="AY842" s="203" t="str">
        <f t="shared" si="505"/>
        <v/>
      </c>
      <c r="AZ842" s="203" t="str">
        <f t="shared" si="506"/>
        <v/>
      </c>
      <c r="BA842" s="203" t="str">
        <f t="shared" si="507"/>
        <v/>
      </c>
      <c r="BB842" s="203" t="str">
        <f t="shared" si="508"/>
        <v/>
      </c>
      <c r="BC842" s="203" t="str">
        <f t="shared" si="509"/>
        <v/>
      </c>
      <c r="BD842" s="203" t="str">
        <f t="shared" si="510"/>
        <v/>
      </c>
      <c r="BE842" s="203" t="str">
        <f t="shared" si="511"/>
        <v/>
      </c>
      <c r="BF842" s="203" t="str">
        <f t="shared" si="512"/>
        <v/>
      </c>
      <c r="BG842" s="203" t="str">
        <f t="shared" si="513"/>
        <v/>
      </c>
      <c r="BH842" s="203" t="str">
        <f t="shared" si="514"/>
        <v/>
      </c>
      <c r="BI842" s="203" t="str">
        <f t="shared" si="515"/>
        <v/>
      </c>
      <c r="BJ842" s="203" t="str">
        <f t="shared" si="516"/>
        <v/>
      </c>
      <c r="BK842" s="203" t="str">
        <f t="shared" si="517"/>
        <v/>
      </c>
      <c r="BL842" s="203" t="str">
        <f t="shared" si="518"/>
        <v/>
      </c>
      <c r="BM842" s="203" t="str">
        <f t="shared" si="519"/>
        <v/>
      </c>
      <c r="BN842" s="203" t="str">
        <f t="shared" si="520"/>
        <v/>
      </c>
      <c r="BO842" s="203" t="str">
        <f t="shared" si="521"/>
        <v/>
      </c>
      <c r="BP842" s="203" t="str">
        <f t="shared" si="522"/>
        <v/>
      </c>
      <c r="BQ842" s="203" t="str">
        <f t="shared" si="523"/>
        <v/>
      </c>
      <c r="BR842" s="203" t="str">
        <f t="shared" si="524"/>
        <v/>
      </c>
      <c r="BS842" s="203" t="str">
        <f t="shared" si="525"/>
        <v/>
      </c>
      <c r="BT842" s="203" t="str">
        <f t="shared" si="526"/>
        <v/>
      </c>
      <c r="BU842" s="203" t="str">
        <f t="shared" si="527"/>
        <v/>
      </c>
      <c r="BV842" s="203" t="str">
        <f t="shared" si="528"/>
        <v/>
      </c>
      <c r="BW842" s="203" t="str">
        <f t="shared" si="529"/>
        <v/>
      </c>
      <c r="BX842" s="203" t="str">
        <f t="shared" si="530"/>
        <v/>
      </c>
      <c r="BY842" s="203" t="str">
        <f t="shared" si="531"/>
        <v/>
      </c>
      <c r="BZ842" s="203" t="str">
        <f t="shared" si="532"/>
        <v/>
      </c>
      <c r="CA842" s="203" t="str">
        <f t="shared" si="533"/>
        <v/>
      </c>
      <c r="CB842" s="203" t="str">
        <f t="shared" si="534"/>
        <v/>
      </c>
      <c r="CC842" s="203" t="str">
        <f t="shared" si="535"/>
        <v/>
      </c>
      <c r="CD842" s="263"/>
      <c r="CE842" s="263"/>
      <c r="CF842" s="263"/>
    </row>
    <row r="843" spans="1:84" s="248" customFormat="1" ht="56.1" hidden="1" customHeight="1" x14ac:dyDescent="0.2">
      <c r="A843" s="198">
        <v>843</v>
      </c>
      <c r="B843" s="199" t="s">
        <v>53</v>
      </c>
      <c r="C843" s="208" t="s">
        <v>655</v>
      </c>
      <c r="D843" s="243" t="s">
        <v>932</v>
      </c>
      <c r="E843" s="243" t="s">
        <v>1188</v>
      </c>
      <c r="F843" s="288" t="s">
        <v>1189</v>
      </c>
      <c r="G843" s="206" t="s">
        <v>58</v>
      </c>
      <c r="H843" s="243" t="s">
        <v>833</v>
      </c>
      <c r="I843" s="243" t="s">
        <v>81</v>
      </c>
      <c r="J843" s="206" t="s">
        <v>77</v>
      </c>
      <c r="K843" s="243" t="s">
        <v>834</v>
      </c>
      <c r="L843" s="205" t="s">
        <v>63</v>
      </c>
      <c r="M843" s="205" t="s">
        <v>63</v>
      </c>
      <c r="N843" s="290">
        <v>1554.0525</v>
      </c>
      <c r="O843" s="245">
        <f t="shared" si="503"/>
        <v>1554.0525</v>
      </c>
      <c r="P843" s="285" t="s">
        <v>659</v>
      </c>
      <c r="Q843" s="205" t="s">
        <v>65</v>
      </c>
      <c r="R843" s="263"/>
      <c r="S843" s="203"/>
      <c r="T843" s="263"/>
      <c r="U843" s="263"/>
      <c r="V843" s="263"/>
      <c r="W843" s="263"/>
      <c r="X843" s="263"/>
      <c r="Y843" s="263"/>
      <c r="Z843" s="263"/>
      <c r="AA843" s="263"/>
      <c r="AB843" s="263"/>
      <c r="AC843" s="263"/>
      <c r="AD843" s="263"/>
      <c r="AE843" s="263"/>
      <c r="AF843" s="263"/>
      <c r="AG843" s="263"/>
      <c r="AH843" s="263"/>
      <c r="AI843" s="263"/>
      <c r="AJ843" s="263"/>
      <c r="AK843" s="263"/>
      <c r="AL843" s="263"/>
      <c r="AM843" s="263"/>
      <c r="AN843" s="263"/>
      <c r="AO843" s="263"/>
      <c r="AP843" s="263"/>
      <c r="AQ843" s="263"/>
      <c r="AR843" s="263"/>
      <c r="AS843" s="263"/>
      <c r="AT843" s="263"/>
      <c r="AU843" s="263"/>
      <c r="AV843" s="263"/>
      <c r="AW843" s="204">
        <f t="shared" si="504"/>
        <v>0</v>
      </c>
      <c r="AX843" s="205"/>
      <c r="AY843" s="203" t="str">
        <f t="shared" si="505"/>
        <v/>
      </c>
      <c r="AZ843" s="203" t="str">
        <f t="shared" si="506"/>
        <v/>
      </c>
      <c r="BA843" s="203" t="str">
        <f t="shared" si="507"/>
        <v/>
      </c>
      <c r="BB843" s="203" t="str">
        <f t="shared" si="508"/>
        <v/>
      </c>
      <c r="BC843" s="203" t="str">
        <f t="shared" si="509"/>
        <v/>
      </c>
      <c r="BD843" s="203" t="str">
        <f t="shared" si="510"/>
        <v/>
      </c>
      <c r="BE843" s="203" t="str">
        <f t="shared" si="511"/>
        <v/>
      </c>
      <c r="BF843" s="203" t="str">
        <f t="shared" si="512"/>
        <v/>
      </c>
      <c r="BG843" s="203" t="str">
        <f t="shared" si="513"/>
        <v/>
      </c>
      <c r="BH843" s="203" t="str">
        <f t="shared" si="514"/>
        <v/>
      </c>
      <c r="BI843" s="203" t="str">
        <f t="shared" si="515"/>
        <v/>
      </c>
      <c r="BJ843" s="203" t="str">
        <f t="shared" si="516"/>
        <v/>
      </c>
      <c r="BK843" s="203" t="str">
        <f t="shared" si="517"/>
        <v/>
      </c>
      <c r="BL843" s="203" t="str">
        <f t="shared" si="518"/>
        <v/>
      </c>
      <c r="BM843" s="203" t="str">
        <f t="shared" si="519"/>
        <v/>
      </c>
      <c r="BN843" s="203" t="str">
        <f t="shared" si="520"/>
        <v/>
      </c>
      <c r="BO843" s="203" t="str">
        <f t="shared" si="521"/>
        <v/>
      </c>
      <c r="BP843" s="203" t="str">
        <f t="shared" si="522"/>
        <v/>
      </c>
      <c r="BQ843" s="203" t="str">
        <f t="shared" si="523"/>
        <v/>
      </c>
      <c r="BR843" s="203" t="str">
        <f t="shared" si="524"/>
        <v/>
      </c>
      <c r="BS843" s="203" t="str">
        <f t="shared" si="525"/>
        <v/>
      </c>
      <c r="BT843" s="203" t="str">
        <f t="shared" si="526"/>
        <v/>
      </c>
      <c r="BU843" s="203" t="str">
        <f t="shared" si="527"/>
        <v/>
      </c>
      <c r="BV843" s="203" t="str">
        <f t="shared" si="528"/>
        <v/>
      </c>
      <c r="BW843" s="203" t="str">
        <f t="shared" si="529"/>
        <v/>
      </c>
      <c r="BX843" s="203" t="str">
        <f t="shared" si="530"/>
        <v/>
      </c>
      <c r="BY843" s="203" t="str">
        <f t="shared" si="531"/>
        <v/>
      </c>
      <c r="BZ843" s="203" t="str">
        <f t="shared" si="532"/>
        <v/>
      </c>
      <c r="CA843" s="203" t="str">
        <f t="shared" si="533"/>
        <v/>
      </c>
      <c r="CB843" s="203" t="str">
        <f t="shared" si="534"/>
        <v/>
      </c>
      <c r="CC843" s="203" t="str">
        <f t="shared" si="535"/>
        <v/>
      </c>
      <c r="CD843" s="263"/>
      <c r="CE843" s="263"/>
      <c r="CF843" s="263"/>
    </row>
    <row r="844" spans="1:84" s="248" customFormat="1" ht="56.1" hidden="1" customHeight="1" x14ac:dyDescent="0.2">
      <c r="A844" s="198">
        <v>844</v>
      </c>
      <c r="B844" s="199" t="s">
        <v>53</v>
      </c>
      <c r="C844" s="208" t="s">
        <v>655</v>
      </c>
      <c r="D844" s="243" t="s">
        <v>932</v>
      </c>
      <c r="E844" s="243" t="s">
        <v>1190</v>
      </c>
      <c r="F844" s="288" t="s">
        <v>1191</v>
      </c>
      <c r="G844" s="206" t="s">
        <v>58</v>
      </c>
      <c r="H844" s="243" t="s">
        <v>833</v>
      </c>
      <c r="I844" s="243" t="s">
        <v>81</v>
      </c>
      <c r="J844" s="206" t="s">
        <v>77</v>
      </c>
      <c r="K844" s="243" t="s">
        <v>834</v>
      </c>
      <c r="L844" s="205" t="s">
        <v>63</v>
      </c>
      <c r="M844" s="205" t="s">
        <v>63</v>
      </c>
      <c r="N844" s="290">
        <v>130293.73499999999</v>
      </c>
      <c r="O844" s="245">
        <f t="shared" si="503"/>
        <v>130293.73499999999</v>
      </c>
      <c r="P844" s="285" t="s">
        <v>659</v>
      </c>
      <c r="Q844" s="205" t="s">
        <v>65</v>
      </c>
      <c r="R844" s="203"/>
      <c r="S844" s="203"/>
      <c r="T844" s="203"/>
      <c r="U844" s="203"/>
      <c r="V844" s="203"/>
      <c r="W844" s="203"/>
      <c r="X844" s="203"/>
      <c r="Y844" s="203"/>
      <c r="Z844" s="203"/>
      <c r="AA844" s="203"/>
      <c r="AB844" s="203"/>
      <c r="AC844" s="203"/>
      <c r="AD844" s="203"/>
      <c r="AE844" s="203"/>
      <c r="AF844" s="203"/>
      <c r="AG844" s="203"/>
      <c r="AH844" s="205"/>
      <c r="AI844" s="203"/>
      <c r="AJ844" s="203"/>
      <c r="AK844" s="203"/>
      <c r="AL844" s="205"/>
      <c r="AM844" s="203"/>
      <c r="AN844" s="203"/>
      <c r="AO844" s="203"/>
      <c r="AP844" s="205"/>
      <c r="AQ844" s="203"/>
      <c r="AR844" s="205"/>
      <c r="AS844" s="205"/>
      <c r="AT844" s="203"/>
      <c r="AU844" s="205"/>
      <c r="AV844" s="205"/>
      <c r="AW844" s="204">
        <f t="shared" si="504"/>
        <v>0</v>
      </c>
      <c r="AX844" s="205"/>
      <c r="AY844" s="203" t="str">
        <f t="shared" si="505"/>
        <v/>
      </c>
      <c r="AZ844" s="203" t="str">
        <f t="shared" si="506"/>
        <v/>
      </c>
      <c r="BA844" s="203" t="str">
        <f t="shared" si="507"/>
        <v/>
      </c>
      <c r="BB844" s="203" t="str">
        <f t="shared" si="508"/>
        <v/>
      </c>
      <c r="BC844" s="203" t="str">
        <f t="shared" si="509"/>
        <v/>
      </c>
      <c r="BD844" s="203" t="str">
        <f t="shared" si="510"/>
        <v/>
      </c>
      <c r="BE844" s="203" t="str">
        <f t="shared" si="511"/>
        <v/>
      </c>
      <c r="BF844" s="203" t="str">
        <f t="shared" si="512"/>
        <v/>
      </c>
      <c r="BG844" s="203" t="str">
        <f t="shared" si="513"/>
        <v/>
      </c>
      <c r="BH844" s="203" t="str">
        <f t="shared" si="514"/>
        <v/>
      </c>
      <c r="BI844" s="203" t="str">
        <f t="shared" si="515"/>
        <v/>
      </c>
      <c r="BJ844" s="203" t="str">
        <f t="shared" si="516"/>
        <v/>
      </c>
      <c r="BK844" s="203" t="str">
        <f t="shared" si="517"/>
        <v/>
      </c>
      <c r="BL844" s="203" t="str">
        <f t="shared" si="518"/>
        <v/>
      </c>
      <c r="BM844" s="203" t="str">
        <f t="shared" si="519"/>
        <v/>
      </c>
      <c r="BN844" s="203" t="str">
        <f t="shared" si="520"/>
        <v/>
      </c>
      <c r="BO844" s="203" t="str">
        <f t="shared" si="521"/>
        <v/>
      </c>
      <c r="BP844" s="203" t="str">
        <f t="shared" si="522"/>
        <v/>
      </c>
      <c r="BQ844" s="203" t="str">
        <f t="shared" si="523"/>
        <v/>
      </c>
      <c r="BR844" s="203" t="str">
        <f t="shared" si="524"/>
        <v/>
      </c>
      <c r="BS844" s="203" t="str">
        <f t="shared" si="525"/>
        <v/>
      </c>
      <c r="BT844" s="203" t="str">
        <f t="shared" si="526"/>
        <v/>
      </c>
      <c r="BU844" s="203" t="str">
        <f t="shared" si="527"/>
        <v/>
      </c>
      <c r="BV844" s="203" t="str">
        <f t="shared" si="528"/>
        <v/>
      </c>
      <c r="BW844" s="203" t="str">
        <f t="shared" si="529"/>
        <v/>
      </c>
      <c r="BX844" s="203" t="str">
        <f t="shared" si="530"/>
        <v/>
      </c>
      <c r="BY844" s="203" t="str">
        <f t="shared" si="531"/>
        <v/>
      </c>
      <c r="BZ844" s="203" t="str">
        <f t="shared" si="532"/>
        <v/>
      </c>
      <c r="CA844" s="203" t="str">
        <f t="shared" si="533"/>
        <v/>
      </c>
      <c r="CB844" s="203" t="str">
        <f t="shared" si="534"/>
        <v/>
      </c>
      <c r="CC844" s="203" t="str">
        <f t="shared" si="535"/>
        <v/>
      </c>
      <c r="CD844" s="263"/>
      <c r="CE844" s="263"/>
      <c r="CF844" s="263"/>
    </row>
    <row r="845" spans="1:84" s="194" customFormat="1" ht="56.1" hidden="1" customHeight="1" x14ac:dyDescent="0.2">
      <c r="A845" s="181">
        <v>845</v>
      </c>
      <c r="B845" s="182" t="s">
        <v>53</v>
      </c>
      <c r="C845" s="183" t="s">
        <v>655</v>
      </c>
      <c r="D845" s="184" t="s">
        <v>932</v>
      </c>
      <c r="E845" s="184" t="s">
        <v>1192</v>
      </c>
      <c r="F845" s="185" t="s">
        <v>1193</v>
      </c>
      <c r="G845" s="186" t="s">
        <v>58</v>
      </c>
      <c r="H845" s="184" t="s">
        <v>1194</v>
      </c>
      <c r="I845" s="184" t="s">
        <v>81</v>
      </c>
      <c r="J845" s="186" t="s">
        <v>77</v>
      </c>
      <c r="K845" s="195" t="s">
        <v>722</v>
      </c>
      <c r="L845" s="187" t="s">
        <v>63</v>
      </c>
      <c r="M845" s="187" t="s">
        <v>63</v>
      </c>
      <c r="N845" s="196">
        <v>890493.87212499988</v>
      </c>
      <c r="O845" s="189">
        <f t="shared" si="503"/>
        <v>890493.87212499988</v>
      </c>
      <c r="P845" s="190" t="s">
        <v>839</v>
      </c>
      <c r="Q845" s="187" t="s">
        <v>65</v>
      </c>
      <c r="R845" s="192"/>
      <c r="S845" s="192"/>
      <c r="T845" s="192"/>
      <c r="U845" s="192"/>
      <c r="V845" s="192"/>
      <c r="W845" s="192"/>
      <c r="X845" s="192"/>
      <c r="Y845" s="192"/>
      <c r="Z845" s="192"/>
      <c r="AA845" s="192"/>
      <c r="AB845" s="192"/>
      <c r="AC845" s="192"/>
      <c r="AD845" s="192"/>
      <c r="AE845" s="192"/>
      <c r="AF845" s="192"/>
      <c r="AG845" s="192"/>
      <c r="AH845" s="187"/>
      <c r="AI845" s="192"/>
      <c r="AJ845" s="192"/>
      <c r="AK845" s="192"/>
      <c r="AL845" s="187"/>
      <c r="AM845" s="192"/>
      <c r="AN845" s="192"/>
      <c r="AO845" s="192"/>
      <c r="AP845" s="187"/>
      <c r="AQ845" s="192"/>
      <c r="AR845" s="187"/>
      <c r="AS845" s="187"/>
      <c r="AT845" s="192"/>
      <c r="AU845" s="187"/>
      <c r="AV845" s="187"/>
      <c r="AW845" s="191">
        <f t="shared" si="504"/>
        <v>0</v>
      </c>
      <c r="AX845" s="187"/>
      <c r="AY845" s="192" t="str">
        <f t="shared" si="505"/>
        <v/>
      </c>
      <c r="AZ845" s="192" t="str">
        <f t="shared" si="506"/>
        <v/>
      </c>
      <c r="BA845" s="192" t="str">
        <f t="shared" si="507"/>
        <v/>
      </c>
      <c r="BB845" s="192" t="str">
        <f t="shared" si="508"/>
        <v/>
      </c>
      <c r="BC845" s="192" t="str">
        <f t="shared" si="509"/>
        <v/>
      </c>
      <c r="BD845" s="192" t="str">
        <f t="shared" si="510"/>
        <v/>
      </c>
      <c r="BE845" s="192" t="str">
        <f t="shared" si="511"/>
        <v/>
      </c>
      <c r="BF845" s="192" t="str">
        <f t="shared" si="512"/>
        <v/>
      </c>
      <c r="BG845" s="192" t="str">
        <f t="shared" si="513"/>
        <v/>
      </c>
      <c r="BH845" s="192" t="str">
        <f t="shared" si="514"/>
        <v/>
      </c>
      <c r="BI845" s="192" t="str">
        <f t="shared" si="515"/>
        <v/>
      </c>
      <c r="BJ845" s="192" t="str">
        <f t="shared" si="516"/>
        <v/>
      </c>
      <c r="BK845" s="192" t="str">
        <f t="shared" si="517"/>
        <v/>
      </c>
      <c r="BL845" s="192" t="str">
        <f t="shared" si="518"/>
        <v/>
      </c>
      <c r="BM845" s="192" t="str">
        <f t="shared" si="519"/>
        <v/>
      </c>
      <c r="BN845" s="192" t="str">
        <f t="shared" si="520"/>
        <v/>
      </c>
      <c r="BO845" s="192" t="str">
        <f t="shared" si="521"/>
        <v/>
      </c>
      <c r="BP845" s="192" t="str">
        <f t="shared" si="522"/>
        <v/>
      </c>
      <c r="BQ845" s="192" t="str">
        <f t="shared" si="523"/>
        <v/>
      </c>
      <c r="BR845" s="192" t="str">
        <f t="shared" si="524"/>
        <v/>
      </c>
      <c r="BS845" s="192" t="str">
        <f t="shared" si="525"/>
        <v/>
      </c>
      <c r="BT845" s="192" t="str">
        <f t="shared" si="526"/>
        <v/>
      </c>
      <c r="BU845" s="192" t="str">
        <f t="shared" si="527"/>
        <v/>
      </c>
      <c r="BV845" s="192" t="str">
        <f t="shared" si="528"/>
        <v/>
      </c>
      <c r="BW845" s="192" t="str">
        <f t="shared" si="529"/>
        <v/>
      </c>
      <c r="BX845" s="192" t="str">
        <f t="shared" si="530"/>
        <v/>
      </c>
      <c r="BY845" s="192" t="str">
        <f t="shared" si="531"/>
        <v/>
      </c>
      <c r="BZ845" s="192" t="str">
        <f t="shared" si="532"/>
        <v/>
      </c>
      <c r="CA845" s="192" t="str">
        <f t="shared" si="533"/>
        <v/>
      </c>
      <c r="CB845" s="192" t="str">
        <f t="shared" si="534"/>
        <v/>
      </c>
      <c r="CC845" s="192" t="str">
        <f t="shared" si="535"/>
        <v/>
      </c>
      <c r="CD845" s="197"/>
      <c r="CE845" s="197"/>
      <c r="CF845" s="197"/>
    </row>
    <row r="846" spans="1:84" s="194" customFormat="1" ht="56.1" hidden="1" customHeight="1" x14ac:dyDescent="0.2">
      <c r="A846" s="181">
        <v>846</v>
      </c>
      <c r="B846" s="182" t="s">
        <v>53</v>
      </c>
      <c r="C846" s="183" t="s">
        <v>655</v>
      </c>
      <c r="D846" s="184" t="s">
        <v>932</v>
      </c>
      <c r="E846" s="184" t="s">
        <v>1195</v>
      </c>
      <c r="F846" s="185" t="s">
        <v>1196</v>
      </c>
      <c r="G846" s="186" t="s">
        <v>58</v>
      </c>
      <c r="H846" s="184" t="s">
        <v>1194</v>
      </c>
      <c r="I846" s="184" t="s">
        <v>81</v>
      </c>
      <c r="J846" s="186" t="s">
        <v>77</v>
      </c>
      <c r="K846" s="195" t="s">
        <v>722</v>
      </c>
      <c r="L846" s="187" t="s">
        <v>63</v>
      </c>
      <c r="M846" s="187" t="s">
        <v>63</v>
      </c>
      <c r="N846" s="196">
        <v>12333.75</v>
      </c>
      <c r="O846" s="189">
        <f t="shared" si="503"/>
        <v>12333.75</v>
      </c>
      <c r="P846" s="190" t="s">
        <v>839</v>
      </c>
      <c r="Q846" s="187" t="s">
        <v>65</v>
      </c>
      <c r="R846" s="192"/>
      <c r="S846" s="192"/>
      <c r="T846" s="192"/>
      <c r="U846" s="192"/>
      <c r="V846" s="192"/>
      <c r="W846" s="192"/>
      <c r="X846" s="192"/>
      <c r="Y846" s="192"/>
      <c r="Z846" s="192"/>
      <c r="AA846" s="192"/>
      <c r="AB846" s="192"/>
      <c r="AC846" s="192"/>
      <c r="AD846" s="192"/>
      <c r="AE846" s="192"/>
      <c r="AF846" s="192"/>
      <c r="AG846" s="192"/>
      <c r="AH846" s="187"/>
      <c r="AI846" s="192"/>
      <c r="AJ846" s="192"/>
      <c r="AK846" s="192"/>
      <c r="AL846" s="187"/>
      <c r="AM846" s="192"/>
      <c r="AN846" s="192"/>
      <c r="AO846" s="192"/>
      <c r="AP846" s="187"/>
      <c r="AQ846" s="192"/>
      <c r="AR846" s="187"/>
      <c r="AS846" s="187"/>
      <c r="AT846" s="192"/>
      <c r="AU846" s="187"/>
      <c r="AV846" s="187"/>
      <c r="AW846" s="191">
        <f t="shared" si="504"/>
        <v>0</v>
      </c>
      <c r="AX846" s="187"/>
      <c r="AY846" s="192" t="str">
        <f t="shared" si="505"/>
        <v/>
      </c>
      <c r="AZ846" s="192" t="str">
        <f t="shared" si="506"/>
        <v/>
      </c>
      <c r="BA846" s="192" t="str">
        <f t="shared" si="507"/>
        <v/>
      </c>
      <c r="BB846" s="192" t="str">
        <f t="shared" si="508"/>
        <v/>
      </c>
      <c r="BC846" s="192" t="str">
        <f t="shared" si="509"/>
        <v/>
      </c>
      <c r="BD846" s="192" t="str">
        <f t="shared" si="510"/>
        <v/>
      </c>
      <c r="BE846" s="192" t="str">
        <f t="shared" si="511"/>
        <v/>
      </c>
      <c r="BF846" s="192" t="str">
        <f t="shared" si="512"/>
        <v/>
      </c>
      <c r="BG846" s="192" t="str">
        <f t="shared" si="513"/>
        <v/>
      </c>
      <c r="BH846" s="192" t="str">
        <f t="shared" si="514"/>
        <v/>
      </c>
      <c r="BI846" s="192" t="str">
        <f t="shared" si="515"/>
        <v/>
      </c>
      <c r="BJ846" s="192" t="str">
        <f t="shared" si="516"/>
        <v/>
      </c>
      <c r="BK846" s="192" t="str">
        <f t="shared" si="517"/>
        <v/>
      </c>
      <c r="BL846" s="192" t="str">
        <f t="shared" si="518"/>
        <v/>
      </c>
      <c r="BM846" s="192" t="str">
        <f t="shared" si="519"/>
        <v/>
      </c>
      <c r="BN846" s="192" t="str">
        <f t="shared" si="520"/>
        <v/>
      </c>
      <c r="BO846" s="192" t="str">
        <f t="shared" si="521"/>
        <v/>
      </c>
      <c r="BP846" s="192" t="str">
        <f t="shared" si="522"/>
        <v/>
      </c>
      <c r="BQ846" s="192" t="str">
        <f t="shared" si="523"/>
        <v/>
      </c>
      <c r="BR846" s="192" t="str">
        <f t="shared" si="524"/>
        <v/>
      </c>
      <c r="BS846" s="192" t="str">
        <f t="shared" si="525"/>
        <v/>
      </c>
      <c r="BT846" s="192" t="str">
        <f t="shared" si="526"/>
        <v/>
      </c>
      <c r="BU846" s="192" t="str">
        <f t="shared" si="527"/>
        <v/>
      </c>
      <c r="BV846" s="192" t="str">
        <f t="shared" si="528"/>
        <v/>
      </c>
      <c r="BW846" s="192" t="str">
        <f t="shared" si="529"/>
        <v/>
      </c>
      <c r="BX846" s="192" t="str">
        <f t="shared" si="530"/>
        <v/>
      </c>
      <c r="BY846" s="192" t="str">
        <f t="shared" si="531"/>
        <v/>
      </c>
      <c r="BZ846" s="192" t="str">
        <f t="shared" si="532"/>
        <v/>
      </c>
      <c r="CA846" s="192" t="str">
        <f t="shared" si="533"/>
        <v/>
      </c>
      <c r="CB846" s="192" t="str">
        <f t="shared" si="534"/>
        <v/>
      </c>
      <c r="CC846" s="192" t="str">
        <f t="shared" si="535"/>
        <v/>
      </c>
      <c r="CD846" s="197"/>
      <c r="CE846" s="197"/>
      <c r="CF846" s="197"/>
    </row>
    <row r="847" spans="1:84" s="194" customFormat="1" ht="56.1" hidden="1" customHeight="1" x14ac:dyDescent="0.2">
      <c r="A847" s="181">
        <v>847</v>
      </c>
      <c r="B847" s="182" t="s">
        <v>53</v>
      </c>
      <c r="C847" s="183" t="s">
        <v>655</v>
      </c>
      <c r="D847" s="184" t="s">
        <v>932</v>
      </c>
      <c r="E847" s="184" t="s">
        <v>1197</v>
      </c>
      <c r="F847" s="185" t="s">
        <v>1198</v>
      </c>
      <c r="G847" s="186" t="s">
        <v>58</v>
      </c>
      <c r="H847" s="184" t="s">
        <v>1194</v>
      </c>
      <c r="I847" s="184" t="s">
        <v>81</v>
      </c>
      <c r="J847" s="186" t="s">
        <v>77</v>
      </c>
      <c r="K847" s="195" t="s">
        <v>722</v>
      </c>
      <c r="L847" s="187" t="s">
        <v>63</v>
      </c>
      <c r="M847" s="187" t="s">
        <v>63</v>
      </c>
      <c r="N847" s="196">
        <v>518.01749999999993</v>
      </c>
      <c r="O847" s="189">
        <f t="shared" si="503"/>
        <v>518.01749999999993</v>
      </c>
      <c r="P847" s="190" t="s">
        <v>839</v>
      </c>
      <c r="Q847" s="187" t="s">
        <v>65</v>
      </c>
      <c r="R847" s="192"/>
      <c r="S847" s="192"/>
      <c r="T847" s="192"/>
      <c r="U847" s="192"/>
      <c r="V847" s="192"/>
      <c r="W847" s="192"/>
      <c r="X847" s="192"/>
      <c r="Y847" s="192"/>
      <c r="Z847" s="192"/>
      <c r="AA847" s="192"/>
      <c r="AB847" s="192"/>
      <c r="AC847" s="192"/>
      <c r="AD847" s="192"/>
      <c r="AE847" s="192"/>
      <c r="AF847" s="192"/>
      <c r="AG847" s="192"/>
      <c r="AH847" s="187"/>
      <c r="AI847" s="192"/>
      <c r="AJ847" s="192"/>
      <c r="AK847" s="192"/>
      <c r="AL847" s="187"/>
      <c r="AM847" s="192"/>
      <c r="AN847" s="192"/>
      <c r="AO847" s="192"/>
      <c r="AP847" s="187"/>
      <c r="AQ847" s="192"/>
      <c r="AR847" s="187"/>
      <c r="AS847" s="187"/>
      <c r="AT847" s="192"/>
      <c r="AU847" s="187"/>
      <c r="AV847" s="187"/>
      <c r="AW847" s="191">
        <f t="shared" si="504"/>
        <v>0</v>
      </c>
      <c r="AX847" s="187"/>
      <c r="AY847" s="192" t="str">
        <f t="shared" si="505"/>
        <v/>
      </c>
      <c r="AZ847" s="192" t="str">
        <f t="shared" si="506"/>
        <v/>
      </c>
      <c r="BA847" s="192" t="str">
        <f t="shared" si="507"/>
        <v/>
      </c>
      <c r="BB847" s="192" t="str">
        <f t="shared" si="508"/>
        <v/>
      </c>
      <c r="BC847" s="192" t="str">
        <f t="shared" si="509"/>
        <v/>
      </c>
      <c r="BD847" s="192" t="str">
        <f t="shared" si="510"/>
        <v/>
      </c>
      <c r="BE847" s="192" t="str">
        <f t="shared" si="511"/>
        <v/>
      </c>
      <c r="BF847" s="192" t="str">
        <f t="shared" si="512"/>
        <v/>
      </c>
      <c r="BG847" s="192" t="str">
        <f t="shared" si="513"/>
        <v/>
      </c>
      <c r="BH847" s="192" t="str">
        <f t="shared" si="514"/>
        <v/>
      </c>
      <c r="BI847" s="192" t="str">
        <f t="shared" si="515"/>
        <v/>
      </c>
      <c r="BJ847" s="192" t="str">
        <f t="shared" si="516"/>
        <v/>
      </c>
      <c r="BK847" s="192" t="str">
        <f t="shared" si="517"/>
        <v/>
      </c>
      <c r="BL847" s="192" t="str">
        <f t="shared" si="518"/>
        <v/>
      </c>
      <c r="BM847" s="192" t="str">
        <f t="shared" si="519"/>
        <v/>
      </c>
      <c r="BN847" s="192" t="str">
        <f t="shared" si="520"/>
        <v/>
      </c>
      <c r="BO847" s="192" t="str">
        <f t="shared" si="521"/>
        <v/>
      </c>
      <c r="BP847" s="192" t="str">
        <f t="shared" si="522"/>
        <v/>
      </c>
      <c r="BQ847" s="192" t="str">
        <f t="shared" si="523"/>
        <v/>
      </c>
      <c r="BR847" s="192" t="str">
        <f t="shared" si="524"/>
        <v/>
      </c>
      <c r="BS847" s="192" t="str">
        <f t="shared" si="525"/>
        <v/>
      </c>
      <c r="BT847" s="192" t="str">
        <f t="shared" si="526"/>
        <v/>
      </c>
      <c r="BU847" s="192" t="str">
        <f t="shared" si="527"/>
        <v/>
      </c>
      <c r="BV847" s="192" t="str">
        <f t="shared" si="528"/>
        <v/>
      </c>
      <c r="BW847" s="192" t="str">
        <f t="shared" si="529"/>
        <v/>
      </c>
      <c r="BX847" s="192" t="str">
        <f t="shared" si="530"/>
        <v/>
      </c>
      <c r="BY847" s="192" t="str">
        <f t="shared" si="531"/>
        <v/>
      </c>
      <c r="BZ847" s="192" t="str">
        <f t="shared" si="532"/>
        <v/>
      </c>
      <c r="CA847" s="192" t="str">
        <f t="shared" si="533"/>
        <v/>
      </c>
      <c r="CB847" s="192" t="str">
        <f t="shared" si="534"/>
        <v/>
      </c>
      <c r="CC847" s="192" t="str">
        <f t="shared" si="535"/>
        <v/>
      </c>
      <c r="CD847" s="197"/>
      <c r="CE847" s="197"/>
      <c r="CF847" s="197"/>
    </row>
    <row r="848" spans="1:84" s="194" customFormat="1" ht="56.1" hidden="1" customHeight="1" x14ac:dyDescent="0.2">
      <c r="A848" s="181">
        <v>848</v>
      </c>
      <c r="B848" s="182" t="s">
        <v>53</v>
      </c>
      <c r="C848" s="183" t="s">
        <v>655</v>
      </c>
      <c r="D848" s="184" t="s">
        <v>932</v>
      </c>
      <c r="E848" s="184" t="s">
        <v>1199</v>
      </c>
      <c r="F848" s="185" t="s">
        <v>1200</v>
      </c>
      <c r="G848" s="186" t="s">
        <v>58</v>
      </c>
      <c r="H848" s="184" t="s">
        <v>1194</v>
      </c>
      <c r="I848" s="184" t="s">
        <v>81</v>
      </c>
      <c r="J848" s="186" t="s">
        <v>77</v>
      </c>
      <c r="K848" s="195" t="s">
        <v>722</v>
      </c>
      <c r="L848" s="187" t="s">
        <v>63</v>
      </c>
      <c r="M848" s="187" t="s">
        <v>63</v>
      </c>
      <c r="N848" s="196">
        <v>1578.72</v>
      </c>
      <c r="O848" s="189">
        <f t="shared" si="503"/>
        <v>1578.72</v>
      </c>
      <c r="P848" s="190" t="s">
        <v>839</v>
      </c>
      <c r="Q848" s="187" t="s">
        <v>65</v>
      </c>
      <c r="R848" s="192"/>
      <c r="S848" s="192"/>
      <c r="T848" s="192"/>
      <c r="U848" s="192"/>
      <c r="V848" s="192"/>
      <c r="W848" s="192"/>
      <c r="X848" s="192"/>
      <c r="Y848" s="192"/>
      <c r="Z848" s="192"/>
      <c r="AA848" s="192"/>
      <c r="AB848" s="192"/>
      <c r="AC848" s="192"/>
      <c r="AD848" s="192"/>
      <c r="AE848" s="192"/>
      <c r="AF848" s="192"/>
      <c r="AG848" s="192"/>
      <c r="AH848" s="187"/>
      <c r="AI848" s="192"/>
      <c r="AJ848" s="192"/>
      <c r="AK848" s="192"/>
      <c r="AL848" s="187"/>
      <c r="AM848" s="192"/>
      <c r="AN848" s="192"/>
      <c r="AO848" s="192"/>
      <c r="AP848" s="187"/>
      <c r="AQ848" s="192"/>
      <c r="AR848" s="187"/>
      <c r="AS848" s="187"/>
      <c r="AT848" s="192"/>
      <c r="AU848" s="187"/>
      <c r="AV848" s="187"/>
      <c r="AW848" s="191">
        <f t="shared" si="504"/>
        <v>0</v>
      </c>
      <c r="AX848" s="187"/>
      <c r="AY848" s="192" t="str">
        <f t="shared" si="505"/>
        <v/>
      </c>
      <c r="AZ848" s="192" t="str">
        <f t="shared" si="506"/>
        <v/>
      </c>
      <c r="BA848" s="192" t="str">
        <f t="shared" si="507"/>
        <v/>
      </c>
      <c r="BB848" s="192" t="str">
        <f t="shared" si="508"/>
        <v/>
      </c>
      <c r="BC848" s="192" t="str">
        <f t="shared" si="509"/>
        <v/>
      </c>
      <c r="BD848" s="192" t="str">
        <f t="shared" si="510"/>
        <v/>
      </c>
      <c r="BE848" s="192" t="str">
        <f t="shared" si="511"/>
        <v/>
      </c>
      <c r="BF848" s="192" t="str">
        <f t="shared" si="512"/>
        <v/>
      </c>
      <c r="BG848" s="192" t="str">
        <f t="shared" si="513"/>
        <v/>
      </c>
      <c r="BH848" s="192" t="str">
        <f t="shared" si="514"/>
        <v/>
      </c>
      <c r="BI848" s="192" t="str">
        <f t="shared" si="515"/>
        <v/>
      </c>
      <c r="BJ848" s="192" t="str">
        <f t="shared" si="516"/>
        <v/>
      </c>
      <c r="BK848" s="192" t="str">
        <f t="shared" si="517"/>
        <v/>
      </c>
      <c r="BL848" s="192" t="str">
        <f t="shared" si="518"/>
        <v/>
      </c>
      <c r="BM848" s="192" t="str">
        <f t="shared" si="519"/>
        <v/>
      </c>
      <c r="BN848" s="192" t="str">
        <f t="shared" si="520"/>
        <v/>
      </c>
      <c r="BO848" s="192" t="str">
        <f t="shared" si="521"/>
        <v/>
      </c>
      <c r="BP848" s="192" t="str">
        <f t="shared" si="522"/>
        <v/>
      </c>
      <c r="BQ848" s="192" t="str">
        <f t="shared" si="523"/>
        <v/>
      </c>
      <c r="BR848" s="192" t="str">
        <f t="shared" si="524"/>
        <v/>
      </c>
      <c r="BS848" s="192" t="str">
        <f t="shared" si="525"/>
        <v/>
      </c>
      <c r="BT848" s="192" t="str">
        <f t="shared" si="526"/>
        <v/>
      </c>
      <c r="BU848" s="192" t="str">
        <f t="shared" si="527"/>
        <v/>
      </c>
      <c r="BV848" s="192" t="str">
        <f t="shared" si="528"/>
        <v/>
      </c>
      <c r="BW848" s="192" t="str">
        <f t="shared" si="529"/>
        <v/>
      </c>
      <c r="BX848" s="192" t="str">
        <f t="shared" si="530"/>
        <v/>
      </c>
      <c r="BY848" s="192" t="str">
        <f t="shared" si="531"/>
        <v/>
      </c>
      <c r="BZ848" s="192" t="str">
        <f t="shared" si="532"/>
        <v/>
      </c>
      <c r="CA848" s="192" t="str">
        <f t="shared" si="533"/>
        <v/>
      </c>
      <c r="CB848" s="192" t="str">
        <f t="shared" si="534"/>
        <v/>
      </c>
      <c r="CC848" s="192" t="str">
        <f t="shared" si="535"/>
        <v/>
      </c>
      <c r="CD848" s="197"/>
      <c r="CE848" s="197"/>
      <c r="CF848" s="197"/>
    </row>
    <row r="849" spans="1:84" s="194" customFormat="1" ht="56.1" hidden="1" customHeight="1" x14ac:dyDescent="0.2">
      <c r="A849" s="181">
        <v>849</v>
      </c>
      <c r="B849" s="182" t="s">
        <v>53</v>
      </c>
      <c r="C849" s="183" t="s">
        <v>655</v>
      </c>
      <c r="D849" s="184" t="s">
        <v>932</v>
      </c>
      <c r="E849" s="184" t="s">
        <v>1201</v>
      </c>
      <c r="F849" s="185" t="s">
        <v>1202</v>
      </c>
      <c r="G849" s="186" t="s">
        <v>58</v>
      </c>
      <c r="H849" s="184" t="s">
        <v>1194</v>
      </c>
      <c r="I849" s="184" t="s">
        <v>81</v>
      </c>
      <c r="J849" s="186" t="s">
        <v>77</v>
      </c>
      <c r="K849" s="195" t="s">
        <v>722</v>
      </c>
      <c r="L849" s="187" t="s">
        <v>63</v>
      </c>
      <c r="M849" s="187" t="s">
        <v>63</v>
      </c>
      <c r="N849" s="196">
        <v>4522.375</v>
      </c>
      <c r="O849" s="189">
        <f t="shared" si="503"/>
        <v>4522.375</v>
      </c>
      <c r="P849" s="190" t="s">
        <v>839</v>
      </c>
      <c r="Q849" s="187" t="s">
        <v>65</v>
      </c>
      <c r="R849" s="197"/>
      <c r="S849" s="197"/>
      <c r="T849" s="197"/>
      <c r="U849" s="197"/>
      <c r="V849" s="192"/>
      <c r="W849" s="197"/>
      <c r="X849" s="192"/>
      <c r="Y849" s="197"/>
      <c r="Z849" s="197"/>
      <c r="AA849" s="197"/>
      <c r="AB849" s="197"/>
      <c r="AC849" s="197"/>
      <c r="AD849" s="197"/>
      <c r="AE849" s="197"/>
      <c r="AF849" s="197"/>
      <c r="AG849" s="197"/>
      <c r="AH849" s="197"/>
      <c r="AI849" s="197"/>
      <c r="AJ849" s="197"/>
      <c r="AK849" s="197"/>
      <c r="AL849" s="197"/>
      <c r="AM849" s="197"/>
      <c r="AN849" s="197"/>
      <c r="AO849" s="197"/>
      <c r="AP849" s="197"/>
      <c r="AQ849" s="197"/>
      <c r="AR849" s="197"/>
      <c r="AS849" s="197"/>
      <c r="AT849" s="197"/>
      <c r="AU849" s="197"/>
      <c r="AV849" s="197"/>
      <c r="AW849" s="191">
        <f t="shared" si="504"/>
        <v>0</v>
      </c>
      <c r="AX849" s="187"/>
      <c r="AY849" s="192" t="str">
        <f t="shared" si="505"/>
        <v/>
      </c>
      <c r="AZ849" s="192" t="str">
        <f t="shared" si="506"/>
        <v/>
      </c>
      <c r="BA849" s="192" t="str">
        <f t="shared" si="507"/>
        <v/>
      </c>
      <c r="BB849" s="192" t="str">
        <f t="shared" si="508"/>
        <v/>
      </c>
      <c r="BC849" s="192" t="str">
        <f t="shared" si="509"/>
        <v/>
      </c>
      <c r="BD849" s="192" t="str">
        <f t="shared" si="510"/>
        <v/>
      </c>
      <c r="BE849" s="192" t="str">
        <f t="shared" si="511"/>
        <v/>
      </c>
      <c r="BF849" s="192" t="str">
        <f t="shared" si="512"/>
        <v/>
      </c>
      <c r="BG849" s="192" t="str">
        <f t="shared" si="513"/>
        <v/>
      </c>
      <c r="BH849" s="192" t="str">
        <f t="shared" si="514"/>
        <v/>
      </c>
      <c r="BI849" s="192" t="str">
        <f t="shared" si="515"/>
        <v/>
      </c>
      <c r="BJ849" s="192" t="str">
        <f t="shared" si="516"/>
        <v/>
      </c>
      <c r="BK849" s="192" t="str">
        <f t="shared" si="517"/>
        <v/>
      </c>
      <c r="BL849" s="192" t="str">
        <f t="shared" si="518"/>
        <v/>
      </c>
      <c r="BM849" s="192" t="str">
        <f t="shared" si="519"/>
        <v/>
      </c>
      <c r="BN849" s="192" t="str">
        <f t="shared" si="520"/>
        <v/>
      </c>
      <c r="BO849" s="192" t="str">
        <f t="shared" si="521"/>
        <v/>
      </c>
      <c r="BP849" s="192" t="str">
        <f t="shared" si="522"/>
        <v/>
      </c>
      <c r="BQ849" s="192" t="str">
        <f t="shared" si="523"/>
        <v/>
      </c>
      <c r="BR849" s="192" t="str">
        <f t="shared" si="524"/>
        <v/>
      </c>
      <c r="BS849" s="192" t="str">
        <f t="shared" si="525"/>
        <v/>
      </c>
      <c r="BT849" s="192" t="str">
        <f t="shared" si="526"/>
        <v/>
      </c>
      <c r="BU849" s="192" t="str">
        <f t="shared" si="527"/>
        <v/>
      </c>
      <c r="BV849" s="192" t="str">
        <f t="shared" si="528"/>
        <v/>
      </c>
      <c r="BW849" s="192" t="str">
        <f t="shared" si="529"/>
        <v/>
      </c>
      <c r="BX849" s="192" t="str">
        <f t="shared" si="530"/>
        <v/>
      </c>
      <c r="BY849" s="192" t="str">
        <f t="shared" si="531"/>
        <v/>
      </c>
      <c r="BZ849" s="192" t="str">
        <f t="shared" si="532"/>
        <v/>
      </c>
      <c r="CA849" s="192" t="str">
        <f t="shared" si="533"/>
        <v/>
      </c>
      <c r="CB849" s="192" t="str">
        <f t="shared" si="534"/>
        <v/>
      </c>
      <c r="CC849" s="192" t="str">
        <f t="shared" si="535"/>
        <v/>
      </c>
      <c r="CD849" s="197"/>
      <c r="CE849" s="197"/>
      <c r="CF849" s="197"/>
    </row>
    <row r="850" spans="1:84" s="248" customFormat="1" ht="56.1" hidden="1" customHeight="1" x14ac:dyDescent="0.2">
      <c r="A850" s="198">
        <v>850</v>
      </c>
      <c r="B850" s="199" t="s">
        <v>53</v>
      </c>
      <c r="C850" s="208" t="s">
        <v>655</v>
      </c>
      <c r="D850" s="243" t="s">
        <v>932</v>
      </c>
      <c r="E850" s="243" t="s">
        <v>1203</v>
      </c>
      <c r="F850" s="288" t="s">
        <v>1204</v>
      </c>
      <c r="G850" s="206" t="s">
        <v>58</v>
      </c>
      <c r="H850" s="243" t="s">
        <v>833</v>
      </c>
      <c r="I850" s="243" t="s">
        <v>81</v>
      </c>
      <c r="J850" s="206" t="s">
        <v>77</v>
      </c>
      <c r="K850" s="242" t="s">
        <v>722</v>
      </c>
      <c r="L850" s="205" t="s">
        <v>63</v>
      </c>
      <c r="M850" s="205" t="s">
        <v>63</v>
      </c>
      <c r="N850" s="290">
        <v>21480.014985000002</v>
      </c>
      <c r="O850" s="245">
        <f t="shared" si="503"/>
        <v>21480.014985000002</v>
      </c>
      <c r="P850" s="285" t="s">
        <v>659</v>
      </c>
      <c r="Q850" s="205" t="s">
        <v>65</v>
      </c>
      <c r="R850" s="263"/>
      <c r="S850" s="263"/>
      <c r="T850" s="263"/>
      <c r="U850" s="263"/>
      <c r="V850" s="203"/>
      <c r="W850" s="263"/>
      <c r="X850" s="203"/>
      <c r="Y850" s="263"/>
      <c r="Z850" s="263"/>
      <c r="AA850" s="263"/>
      <c r="AB850" s="263"/>
      <c r="AC850" s="263"/>
      <c r="AD850" s="263"/>
      <c r="AE850" s="263"/>
      <c r="AF850" s="263"/>
      <c r="AG850" s="263"/>
      <c r="AH850" s="263"/>
      <c r="AI850" s="263"/>
      <c r="AJ850" s="263"/>
      <c r="AK850" s="263"/>
      <c r="AL850" s="263"/>
      <c r="AM850" s="263"/>
      <c r="AN850" s="263"/>
      <c r="AO850" s="263"/>
      <c r="AP850" s="263"/>
      <c r="AQ850" s="263"/>
      <c r="AR850" s="263"/>
      <c r="AS850" s="263"/>
      <c r="AT850" s="263"/>
      <c r="AU850" s="263"/>
      <c r="AV850" s="263"/>
      <c r="AW850" s="204">
        <f t="shared" si="504"/>
        <v>0</v>
      </c>
      <c r="AX850" s="205"/>
      <c r="AY850" s="203" t="str">
        <f t="shared" si="505"/>
        <v/>
      </c>
      <c r="AZ850" s="203" t="str">
        <f t="shared" si="506"/>
        <v/>
      </c>
      <c r="BA850" s="203" t="str">
        <f t="shared" si="507"/>
        <v/>
      </c>
      <c r="BB850" s="203" t="str">
        <f t="shared" si="508"/>
        <v/>
      </c>
      <c r="BC850" s="203" t="str">
        <f t="shared" si="509"/>
        <v/>
      </c>
      <c r="BD850" s="203" t="str">
        <f t="shared" si="510"/>
        <v/>
      </c>
      <c r="BE850" s="203" t="str">
        <f t="shared" si="511"/>
        <v/>
      </c>
      <c r="BF850" s="203" t="str">
        <f t="shared" si="512"/>
        <v/>
      </c>
      <c r="BG850" s="203" t="str">
        <f t="shared" si="513"/>
        <v/>
      </c>
      <c r="BH850" s="203" t="str">
        <f t="shared" si="514"/>
        <v/>
      </c>
      <c r="BI850" s="203" t="str">
        <f t="shared" si="515"/>
        <v/>
      </c>
      <c r="BJ850" s="203" t="str">
        <f t="shared" si="516"/>
        <v/>
      </c>
      <c r="BK850" s="203" t="str">
        <f t="shared" si="517"/>
        <v/>
      </c>
      <c r="BL850" s="203" t="str">
        <f t="shared" si="518"/>
        <v/>
      </c>
      <c r="BM850" s="203" t="str">
        <f t="shared" si="519"/>
        <v/>
      </c>
      <c r="BN850" s="203" t="str">
        <f t="shared" si="520"/>
        <v/>
      </c>
      <c r="BO850" s="203" t="str">
        <f t="shared" si="521"/>
        <v/>
      </c>
      <c r="BP850" s="203" t="str">
        <f t="shared" si="522"/>
        <v/>
      </c>
      <c r="BQ850" s="203" t="str">
        <f t="shared" si="523"/>
        <v/>
      </c>
      <c r="BR850" s="203" t="str">
        <f t="shared" si="524"/>
        <v/>
      </c>
      <c r="BS850" s="203" t="str">
        <f t="shared" si="525"/>
        <v/>
      </c>
      <c r="BT850" s="203" t="str">
        <f t="shared" si="526"/>
        <v/>
      </c>
      <c r="BU850" s="203" t="str">
        <f t="shared" si="527"/>
        <v/>
      </c>
      <c r="BV850" s="203" t="str">
        <f t="shared" si="528"/>
        <v/>
      </c>
      <c r="BW850" s="203" t="str">
        <f t="shared" si="529"/>
        <v/>
      </c>
      <c r="BX850" s="203" t="str">
        <f t="shared" si="530"/>
        <v/>
      </c>
      <c r="BY850" s="203" t="str">
        <f t="shared" si="531"/>
        <v/>
      </c>
      <c r="BZ850" s="203" t="str">
        <f t="shared" si="532"/>
        <v/>
      </c>
      <c r="CA850" s="203" t="str">
        <f t="shared" si="533"/>
        <v/>
      </c>
      <c r="CB850" s="203" t="str">
        <f t="shared" si="534"/>
        <v/>
      </c>
      <c r="CC850" s="203" t="str">
        <f t="shared" si="535"/>
        <v/>
      </c>
      <c r="CD850" s="263"/>
      <c r="CE850" s="263"/>
      <c r="CF850" s="263"/>
    </row>
    <row r="851" spans="1:84" s="248" customFormat="1" ht="56.1" hidden="1" customHeight="1" x14ac:dyDescent="0.2">
      <c r="A851" s="198">
        <v>851</v>
      </c>
      <c r="B851" s="199" t="s">
        <v>53</v>
      </c>
      <c r="C851" s="208" t="s">
        <v>655</v>
      </c>
      <c r="D851" s="243" t="s">
        <v>932</v>
      </c>
      <c r="E851" s="243" t="s">
        <v>1205</v>
      </c>
      <c r="F851" s="288" t="s">
        <v>1206</v>
      </c>
      <c r="G851" s="206" t="s">
        <v>58</v>
      </c>
      <c r="H851" s="243" t="s">
        <v>833</v>
      </c>
      <c r="I851" s="243" t="s">
        <v>81</v>
      </c>
      <c r="J851" s="206" t="s">
        <v>77</v>
      </c>
      <c r="K851" s="242" t="s">
        <v>722</v>
      </c>
      <c r="L851" s="205" t="s">
        <v>63</v>
      </c>
      <c r="M851" s="205" t="s">
        <v>63</v>
      </c>
      <c r="N851" s="290">
        <v>292721</v>
      </c>
      <c r="O851" s="245">
        <f t="shared" si="503"/>
        <v>292721</v>
      </c>
      <c r="P851" s="285" t="s">
        <v>659</v>
      </c>
      <c r="Q851" s="205" t="s">
        <v>65</v>
      </c>
      <c r="R851" s="263"/>
      <c r="S851" s="263"/>
      <c r="T851" s="263"/>
      <c r="U851" s="263"/>
      <c r="V851" s="203"/>
      <c r="W851" s="263"/>
      <c r="X851" s="203"/>
      <c r="Y851" s="263"/>
      <c r="Z851" s="263"/>
      <c r="AA851" s="263"/>
      <c r="AB851" s="263"/>
      <c r="AC851" s="263"/>
      <c r="AD851" s="263"/>
      <c r="AE851" s="263"/>
      <c r="AF851" s="263"/>
      <c r="AG851" s="263"/>
      <c r="AH851" s="263"/>
      <c r="AI851" s="263"/>
      <c r="AJ851" s="263"/>
      <c r="AK851" s="263"/>
      <c r="AL851" s="263"/>
      <c r="AM851" s="263"/>
      <c r="AN851" s="263"/>
      <c r="AO851" s="263"/>
      <c r="AP851" s="263"/>
      <c r="AQ851" s="263"/>
      <c r="AR851" s="263"/>
      <c r="AS851" s="263"/>
      <c r="AT851" s="263"/>
      <c r="AU851" s="263"/>
      <c r="AV851" s="263"/>
      <c r="AW851" s="204">
        <f t="shared" si="504"/>
        <v>0</v>
      </c>
      <c r="AX851" s="205"/>
      <c r="AY851" s="203" t="str">
        <f t="shared" si="505"/>
        <v/>
      </c>
      <c r="AZ851" s="203" t="str">
        <f t="shared" si="506"/>
        <v/>
      </c>
      <c r="BA851" s="203" t="str">
        <f t="shared" si="507"/>
        <v/>
      </c>
      <c r="BB851" s="203" t="str">
        <f t="shared" si="508"/>
        <v/>
      </c>
      <c r="BC851" s="203" t="str">
        <f t="shared" si="509"/>
        <v/>
      </c>
      <c r="BD851" s="203" t="str">
        <f t="shared" si="510"/>
        <v/>
      </c>
      <c r="BE851" s="203" t="str">
        <f t="shared" si="511"/>
        <v/>
      </c>
      <c r="BF851" s="203" t="str">
        <f t="shared" si="512"/>
        <v/>
      </c>
      <c r="BG851" s="203" t="str">
        <f t="shared" si="513"/>
        <v/>
      </c>
      <c r="BH851" s="203" t="str">
        <f t="shared" si="514"/>
        <v/>
      </c>
      <c r="BI851" s="203" t="str">
        <f t="shared" si="515"/>
        <v/>
      </c>
      <c r="BJ851" s="203" t="str">
        <f t="shared" si="516"/>
        <v/>
      </c>
      <c r="BK851" s="203" t="str">
        <f t="shared" si="517"/>
        <v/>
      </c>
      <c r="BL851" s="203" t="str">
        <f t="shared" si="518"/>
        <v/>
      </c>
      <c r="BM851" s="203" t="str">
        <f t="shared" si="519"/>
        <v/>
      </c>
      <c r="BN851" s="203" t="str">
        <f t="shared" si="520"/>
        <v/>
      </c>
      <c r="BO851" s="203" t="str">
        <f t="shared" si="521"/>
        <v/>
      </c>
      <c r="BP851" s="203" t="str">
        <f t="shared" si="522"/>
        <v/>
      </c>
      <c r="BQ851" s="203" t="str">
        <f t="shared" si="523"/>
        <v/>
      </c>
      <c r="BR851" s="203" t="str">
        <f t="shared" si="524"/>
        <v/>
      </c>
      <c r="BS851" s="203" t="str">
        <f t="shared" si="525"/>
        <v/>
      </c>
      <c r="BT851" s="203" t="str">
        <f t="shared" si="526"/>
        <v/>
      </c>
      <c r="BU851" s="203" t="str">
        <f t="shared" si="527"/>
        <v/>
      </c>
      <c r="BV851" s="203" t="str">
        <f t="shared" si="528"/>
        <v/>
      </c>
      <c r="BW851" s="203" t="str">
        <f t="shared" si="529"/>
        <v/>
      </c>
      <c r="BX851" s="203" t="str">
        <f t="shared" si="530"/>
        <v/>
      </c>
      <c r="BY851" s="203" t="str">
        <f t="shared" si="531"/>
        <v/>
      </c>
      <c r="BZ851" s="203" t="str">
        <f t="shared" si="532"/>
        <v/>
      </c>
      <c r="CA851" s="203" t="str">
        <f t="shared" si="533"/>
        <v/>
      </c>
      <c r="CB851" s="203" t="str">
        <f t="shared" si="534"/>
        <v/>
      </c>
      <c r="CC851" s="203" t="str">
        <f t="shared" si="535"/>
        <v/>
      </c>
      <c r="CD851" s="263"/>
      <c r="CE851" s="263"/>
      <c r="CF851" s="263"/>
    </row>
    <row r="852" spans="1:84" s="248" customFormat="1" ht="56.1" hidden="1" customHeight="1" x14ac:dyDescent="0.2">
      <c r="A852" s="198">
        <v>852</v>
      </c>
      <c r="B852" s="199" t="s">
        <v>53</v>
      </c>
      <c r="C852" s="208" t="s">
        <v>655</v>
      </c>
      <c r="D852" s="243" t="s">
        <v>932</v>
      </c>
      <c r="E852" s="243" t="s">
        <v>1207</v>
      </c>
      <c r="F852" s="288" t="s">
        <v>1208</v>
      </c>
      <c r="G852" s="206" t="s">
        <v>58</v>
      </c>
      <c r="H852" s="243" t="s">
        <v>833</v>
      </c>
      <c r="I852" s="243" t="s">
        <v>81</v>
      </c>
      <c r="J852" s="206" t="s">
        <v>77</v>
      </c>
      <c r="K852" s="242" t="s">
        <v>722</v>
      </c>
      <c r="L852" s="205" t="s">
        <v>63</v>
      </c>
      <c r="M852" s="205" t="s">
        <v>63</v>
      </c>
      <c r="N852" s="290">
        <v>294400.16606000002</v>
      </c>
      <c r="O852" s="245">
        <f t="shared" si="503"/>
        <v>294400.16606000002</v>
      </c>
      <c r="P852" s="285" t="s">
        <v>659</v>
      </c>
      <c r="Q852" s="205" t="s">
        <v>65</v>
      </c>
      <c r="R852" s="263"/>
      <c r="S852" s="263"/>
      <c r="T852" s="263"/>
      <c r="U852" s="263"/>
      <c r="V852" s="203"/>
      <c r="W852" s="263"/>
      <c r="X852" s="203"/>
      <c r="Y852" s="263"/>
      <c r="Z852" s="263"/>
      <c r="AA852" s="263"/>
      <c r="AB852" s="263"/>
      <c r="AC852" s="263"/>
      <c r="AD852" s="263"/>
      <c r="AE852" s="263"/>
      <c r="AF852" s="263"/>
      <c r="AG852" s="263"/>
      <c r="AH852" s="263"/>
      <c r="AI852" s="263"/>
      <c r="AJ852" s="263"/>
      <c r="AK852" s="263"/>
      <c r="AL852" s="263"/>
      <c r="AM852" s="263"/>
      <c r="AN852" s="263"/>
      <c r="AO852" s="263"/>
      <c r="AP852" s="263"/>
      <c r="AQ852" s="263"/>
      <c r="AR852" s="263"/>
      <c r="AS852" s="263"/>
      <c r="AT852" s="263"/>
      <c r="AU852" s="263"/>
      <c r="AV852" s="263"/>
      <c r="AW852" s="204">
        <f t="shared" si="504"/>
        <v>0</v>
      </c>
      <c r="AX852" s="205"/>
      <c r="AY852" s="203" t="str">
        <f t="shared" si="505"/>
        <v/>
      </c>
      <c r="AZ852" s="203" t="str">
        <f t="shared" si="506"/>
        <v/>
      </c>
      <c r="BA852" s="203" t="str">
        <f t="shared" si="507"/>
        <v/>
      </c>
      <c r="BB852" s="203" t="str">
        <f t="shared" si="508"/>
        <v/>
      </c>
      <c r="BC852" s="203" t="str">
        <f t="shared" si="509"/>
        <v/>
      </c>
      <c r="BD852" s="203" t="str">
        <f t="shared" si="510"/>
        <v/>
      </c>
      <c r="BE852" s="203" t="str">
        <f t="shared" si="511"/>
        <v/>
      </c>
      <c r="BF852" s="203" t="str">
        <f t="shared" si="512"/>
        <v/>
      </c>
      <c r="BG852" s="203" t="str">
        <f t="shared" si="513"/>
        <v/>
      </c>
      <c r="BH852" s="203" t="str">
        <f t="shared" si="514"/>
        <v/>
      </c>
      <c r="BI852" s="203" t="str">
        <f t="shared" si="515"/>
        <v/>
      </c>
      <c r="BJ852" s="203" t="str">
        <f t="shared" si="516"/>
        <v/>
      </c>
      <c r="BK852" s="203" t="str">
        <f t="shared" si="517"/>
        <v/>
      </c>
      <c r="BL852" s="203" t="str">
        <f t="shared" si="518"/>
        <v/>
      </c>
      <c r="BM852" s="203" t="str">
        <f t="shared" si="519"/>
        <v/>
      </c>
      <c r="BN852" s="203" t="str">
        <f t="shared" si="520"/>
        <v/>
      </c>
      <c r="BO852" s="203" t="str">
        <f t="shared" si="521"/>
        <v/>
      </c>
      <c r="BP852" s="203" t="str">
        <f t="shared" si="522"/>
        <v/>
      </c>
      <c r="BQ852" s="203" t="str">
        <f t="shared" si="523"/>
        <v/>
      </c>
      <c r="BR852" s="203" t="str">
        <f t="shared" si="524"/>
        <v/>
      </c>
      <c r="BS852" s="203" t="str">
        <f t="shared" si="525"/>
        <v/>
      </c>
      <c r="BT852" s="203" t="str">
        <f t="shared" si="526"/>
        <v/>
      </c>
      <c r="BU852" s="203" t="str">
        <f t="shared" si="527"/>
        <v/>
      </c>
      <c r="BV852" s="203" t="str">
        <f t="shared" si="528"/>
        <v/>
      </c>
      <c r="BW852" s="203" t="str">
        <f t="shared" si="529"/>
        <v/>
      </c>
      <c r="BX852" s="203" t="str">
        <f t="shared" si="530"/>
        <v/>
      </c>
      <c r="BY852" s="203" t="str">
        <f t="shared" si="531"/>
        <v/>
      </c>
      <c r="BZ852" s="203" t="str">
        <f t="shared" si="532"/>
        <v/>
      </c>
      <c r="CA852" s="203" t="str">
        <f t="shared" si="533"/>
        <v/>
      </c>
      <c r="CB852" s="203" t="str">
        <f t="shared" si="534"/>
        <v/>
      </c>
      <c r="CC852" s="203" t="str">
        <f t="shared" si="535"/>
        <v/>
      </c>
      <c r="CD852" s="263"/>
      <c r="CE852" s="263"/>
      <c r="CF852" s="263"/>
    </row>
    <row r="853" spans="1:84" s="248" customFormat="1" ht="56.1" hidden="1" customHeight="1" x14ac:dyDescent="0.2">
      <c r="A853" s="198">
        <v>853</v>
      </c>
      <c r="B853" s="199" t="s">
        <v>53</v>
      </c>
      <c r="C853" s="208" t="s">
        <v>655</v>
      </c>
      <c r="D853" s="243" t="s">
        <v>932</v>
      </c>
      <c r="E853" s="243" t="s">
        <v>1209</v>
      </c>
      <c r="F853" s="288" t="s">
        <v>1210</v>
      </c>
      <c r="G853" s="206" t="s">
        <v>58</v>
      </c>
      <c r="H853" s="243" t="s">
        <v>833</v>
      </c>
      <c r="I853" s="243" t="s">
        <v>81</v>
      </c>
      <c r="J853" s="206" t="s">
        <v>77</v>
      </c>
      <c r="K853" s="242" t="s">
        <v>722</v>
      </c>
      <c r="L853" s="205" t="s">
        <v>63</v>
      </c>
      <c r="M853" s="205" t="s">
        <v>63</v>
      </c>
      <c r="N853" s="290">
        <v>77291.5</v>
      </c>
      <c r="O853" s="245">
        <f t="shared" si="503"/>
        <v>77291.5</v>
      </c>
      <c r="P853" s="285" t="s">
        <v>659</v>
      </c>
      <c r="Q853" s="205" t="s">
        <v>65</v>
      </c>
      <c r="R853" s="263"/>
      <c r="S853" s="263"/>
      <c r="T853" s="263"/>
      <c r="U853" s="263"/>
      <c r="V853" s="203"/>
      <c r="W853" s="263"/>
      <c r="X853" s="203"/>
      <c r="Y853" s="263"/>
      <c r="Z853" s="263"/>
      <c r="AA853" s="263"/>
      <c r="AB853" s="263"/>
      <c r="AC853" s="263"/>
      <c r="AD853" s="263"/>
      <c r="AE853" s="263"/>
      <c r="AF853" s="263"/>
      <c r="AG853" s="263"/>
      <c r="AH853" s="263"/>
      <c r="AI853" s="263"/>
      <c r="AJ853" s="263"/>
      <c r="AK853" s="263"/>
      <c r="AL853" s="263"/>
      <c r="AM853" s="263"/>
      <c r="AN853" s="263"/>
      <c r="AO853" s="263"/>
      <c r="AP853" s="263"/>
      <c r="AQ853" s="263"/>
      <c r="AR853" s="263"/>
      <c r="AS853" s="263"/>
      <c r="AT853" s="263"/>
      <c r="AU853" s="263"/>
      <c r="AV853" s="263"/>
      <c r="AW853" s="204">
        <f t="shared" si="504"/>
        <v>0</v>
      </c>
      <c r="AX853" s="205"/>
      <c r="AY853" s="203" t="str">
        <f t="shared" si="505"/>
        <v/>
      </c>
      <c r="AZ853" s="203" t="str">
        <f t="shared" si="506"/>
        <v/>
      </c>
      <c r="BA853" s="203" t="str">
        <f t="shared" si="507"/>
        <v/>
      </c>
      <c r="BB853" s="203" t="str">
        <f t="shared" si="508"/>
        <v/>
      </c>
      <c r="BC853" s="203" t="str">
        <f t="shared" si="509"/>
        <v/>
      </c>
      <c r="BD853" s="203" t="str">
        <f t="shared" si="510"/>
        <v/>
      </c>
      <c r="BE853" s="203" t="str">
        <f t="shared" si="511"/>
        <v/>
      </c>
      <c r="BF853" s="203" t="str">
        <f t="shared" si="512"/>
        <v/>
      </c>
      <c r="BG853" s="203" t="str">
        <f t="shared" si="513"/>
        <v/>
      </c>
      <c r="BH853" s="203" t="str">
        <f t="shared" si="514"/>
        <v/>
      </c>
      <c r="BI853" s="203" t="str">
        <f t="shared" si="515"/>
        <v/>
      </c>
      <c r="BJ853" s="203" t="str">
        <f t="shared" si="516"/>
        <v/>
      </c>
      <c r="BK853" s="203" t="str">
        <f t="shared" si="517"/>
        <v/>
      </c>
      <c r="BL853" s="203" t="str">
        <f t="shared" si="518"/>
        <v/>
      </c>
      <c r="BM853" s="203" t="str">
        <f t="shared" si="519"/>
        <v/>
      </c>
      <c r="BN853" s="203" t="str">
        <f t="shared" si="520"/>
        <v/>
      </c>
      <c r="BO853" s="203" t="str">
        <f t="shared" si="521"/>
        <v/>
      </c>
      <c r="BP853" s="203" t="str">
        <f t="shared" si="522"/>
        <v/>
      </c>
      <c r="BQ853" s="203" t="str">
        <f t="shared" si="523"/>
        <v/>
      </c>
      <c r="BR853" s="203" t="str">
        <f t="shared" si="524"/>
        <v/>
      </c>
      <c r="BS853" s="203" t="str">
        <f t="shared" si="525"/>
        <v/>
      </c>
      <c r="BT853" s="203" t="str">
        <f t="shared" si="526"/>
        <v/>
      </c>
      <c r="BU853" s="203" t="str">
        <f t="shared" si="527"/>
        <v/>
      </c>
      <c r="BV853" s="203" t="str">
        <f t="shared" si="528"/>
        <v/>
      </c>
      <c r="BW853" s="203" t="str">
        <f t="shared" si="529"/>
        <v/>
      </c>
      <c r="BX853" s="203" t="str">
        <f t="shared" si="530"/>
        <v/>
      </c>
      <c r="BY853" s="203" t="str">
        <f t="shared" si="531"/>
        <v/>
      </c>
      <c r="BZ853" s="203" t="str">
        <f t="shared" si="532"/>
        <v/>
      </c>
      <c r="CA853" s="203" t="str">
        <f t="shared" si="533"/>
        <v/>
      </c>
      <c r="CB853" s="203" t="str">
        <f t="shared" si="534"/>
        <v/>
      </c>
      <c r="CC853" s="203" t="str">
        <f t="shared" si="535"/>
        <v/>
      </c>
      <c r="CD853" s="263"/>
      <c r="CE853" s="263"/>
      <c r="CF853" s="263"/>
    </row>
    <row r="854" spans="1:84" s="248" customFormat="1" ht="56.1" hidden="1" customHeight="1" x14ac:dyDescent="0.2">
      <c r="A854" s="198">
        <v>854</v>
      </c>
      <c r="B854" s="199" t="s">
        <v>53</v>
      </c>
      <c r="C854" s="208" t="s">
        <v>655</v>
      </c>
      <c r="D854" s="243" t="s">
        <v>932</v>
      </c>
      <c r="E854" s="243" t="s">
        <v>1211</v>
      </c>
      <c r="F854" s="288" t="s">
        <v>1212</v>
      </c>
      <c r="G854" s="206" t="s">
        <v>58</v>
      </c>
      <c r="H854" s="243" t="s">
        <v>833</v>
      </c>
      <c r="I854" s="243" t="s">
        <v>81</v>
      </c>
      <c r="J854" s="206" t="s">
        <v>77</v>
      </c>
      <c r="K854" s="242" t="s">
        <v>722</v>
      </c>
      <c r="L854" s="205" t="s">
        <v>63</v>
      </c>
      <c r="M854" s="205" t="s">
        <v>63</v>
      </c>
      <c r="N854" s="290">
        <v>4145.9160600000005</v>
      </c>
      <c r="O854" s="245">
        <f t="shared" si="503"/>
        <v>4145.9160600000005</v>
      </c>
      <c r="P854" s="285" t="s">
        <v>659</v>
      </c>
      <c r="Q854" s="205" t="s">
        <v>65</v>
      </c>
      <c r="R854" s="203"/>
      <c r="S854" s="203"/>
      <c r="T854" s="203"/>
      <c r="U854" s="203"/>
      <c r="V854" s="203"/>
      <c r="W854" s="203"/>
      <c r="X854" s="203"/>
      <c r="Y854" s="203"/>
      <c r="Z854" s="203"/>
      <c r="AA854" s="203"/>
      <c r="AB854" s="203"/>
      <c r="AC854" s="203"/>
      <c r="AD854" s="203"/>
      <c r="AE854" s="203"/>
      <c r="AF854" s="203"/>
      <c r="AG854" s="203"/>
      <c r="AH854" s="205"/>
      <c r="AI854" s="203"/>
      <c r="AJ854" s="203"/>
      <c r="AK854" s="203"/>
      <c r="AL854" s="205"/>
      <c r="AM854" s="203"/>
      <c r="AN854" s="203"/>
      <c r="AO854" s="203"/>
      <c r="AP854" s="205"/>
      <c r="AQ854" s="203"/>
      <c r="AR854" s="205"/>
      <c r="AS854" s="205"/>
      <c r="AT854" s="203"/>
      <c r="AU854" s="205"/>
      <c r="AV854" s="205"/>
      <c r="AW854" s="204">
        <f t="shared" si="504"/>
        <v>0</v>
      </c>
      <c r="AX854" s="205"/>
      <c r="AY854" s="203" t="str">
        <f t="shared" si="505"/>
        <v/>
      </c>
      <c r="AZ854" s="203" t="str">
        <f t="shared" si="506"/>
        <v/>
      </c>
      <c r="BA854" s="203" t="str">
        <f t="shared" si="507"/>
        <v/>
      </c>
      <c r="BB854" s="203" t="str">
        <f t="shared" si="508"/>
        <v/>
      </c>
      <c r="BC854" s="203" t="str">
        <f t="shared" si="509"/>
        <v/>
      </c>
      <c r="BD854" s="203" t="str">
        <f t="shared" si="510"/>
        <v/>
      </c>
      <c r="BE854" s="203" t="str">
        <f t="shared" si="511"/>
        <v/>
      </c>
      <c r="BF854" s="203" t="str">
        <f t="shared" si="512"/>
        <v/>
      </c>
      <c r="BG854" s="203" t="str">
        <f t="shared" si="513"/>
        <v/>
      </c>
      <c r="BH854" s="203" t="str">
        <f t="shared" si="514"/>
        <v/>
      </c>
      <c r="BI854" s="203" t="str">
        <f t="shared" si="515"/>
        <v/>
      </c>
      <c r="BJ854" s="203" t="str">
        <f t="shared" si="516"/>
        <v/>
      </c>
      <c r="BK854" s="203" t="str">
        <f t="shared" si="517"/>
        <v/>
      </c>
      <c r="BL854" s="203" t="str">
        <f t="shared" si="518"/>
        <v/>
      </c>
      <c r="BM854" s="203" t="str">
        <f t="shared" si="519"/>
        <v/>
      </c>
      <c r="BN854" s="203" t="str">
        <f t="shared" si="520"/>
        <v/>
      </c>
      <c r="BO854" s="203" t="str">
        <f t="shared" si="521"/>
        <v/>
      </c>
      <c r="BP854" s="203" t="str">
        <f t="shared" si="522"/>
        <v/>
      </c>
      <c r="BQ854" s="203" t="str">
        <f t="shared" si="523"/>
        <v/>
      </c>
      <c r="BR854" s="203" t="str">
        <f t="shared" si="524"/>
        <v/>
      </c>
      <c r="BS854" s="203" t="str">
        <f t="shared" si="525"/>
        <v/>
      </c>
      <c r="BT854" s="203" t="str">
        <f t="shared" si="526"/>
        <v/>
      </c>
      <c r="BU854" s="203" t="str">
        <f t="shared" si="527"/>
        <v/>
      </c>
      <c r="BV854" s="203" t="str">
        <f t="shared" si="528"/>
        <v/>
      </c>
      <c r="BW854" s="203" t="str">
        <f t="shared" si="529"/>
        <v/>
      </c>
      <c r="BX854" s="203" t="str">
        <f t="shared" si="530"/>
        <v/>
      </c>
      <c r="BY854" s="203" t="str">
        <f t="shared" si="531"/>
        <v/>
      </c>
      <c r="BZ854" s="203" t="str">
        <f t="shared" si="532"/>
        <v/>
      </c>
      <c r="CA854" s="203" t="str">
        <f t="shared" si="533"/>
        <v/>
      </c>
      <c r="CB854" s="203" t="str">
        <f t="shared" si="534"/>
        <v/>
      </c>
      <c r="CC854" s="203" t="str">
        <f t="shared" si="535"/>
        <v/>
      </c>
      <c r="CD854" s="263"/>
      <c r="CE854" s="263"/>
      <c r="CF854" s="263"/>
    </row>
    <row r="855" spans="1:84" s="248" customFormat="1" ht="56.1" hidden="1" customHeight="1" x14ac:dyDescent="0.2">
      <c r="A855" s="198">
        <v>855</v>
      </c>
      <c r="B855" s="199" t="s">
        <v>53</v>
      </c>
      <c r="C855" s="208" t="s">
        <v>655</v>
      </c>
      <c r="D855" s="243" t="s">
        <v>932</v>
      </c>
      <c r="E855" s="243" t="s">
        <v>1213</v>
      </c>
      <c r="F855" s="288" t="s">
        <v>1214</v>
      </c>
      <c r="G855" s="206" t="s">
        <v>58</v>
      </c>
      <c r="H855" s="243" t="s">
        <v>833</v>
      </c>
      <c r="I855" s="243" t="s">
        <v>81</v>
      </c>
      <c r="J855" s="206" t="s">
        <v>77</v>
      </c>
      <c r="K855" s="242" t="s">
        <v>722</v>
      </c>
      <c r="L855" s="205" t="s">
        <v>63</v>
      </c>
      <c r="M855" s="205" t="s">
        <v>63</v>
      </c>
      <c r="N855" s="290">
        <v>44518.391060000002</v>
      </c>
      <c r="O855" s="245">
        <f t="shared" si="503"/>
        <v>44518.391060000002</v>
      </c>
      <c r="P855" s="285" t="s">
        <v>659</v>
      </c>
      <c r="Q855" s="205" t="s">
        <v>65</v>
      </c>
      <c r="R855" s="203"/>
      <c r="S855" s="203"/>
      <c r="T855" s="203"/>
      <c r="U855" s="203"/>
      <c r="V855" s="203"/>
      <c r="W855" s="203"/>
      <c r="X855" s="203"/>
      <c r="Y855" s="203"/>
      <c r="Z855" s="203"/>
      <c r="AA855" s="203"/>
      <c r="AB855" s="203"/>
      <c r="AC855" s="203"/>
      <c r="AD855" s="203"/>
      <c r="AE855" s="203"/>
      <c r="AF855" s="203"/>
      <c r="AG855" s="203"/>
      <c r="AH855" s="205"/>
      <c r="AI855" s="203"/>
      <c r="AJ855" s="203"/>
      <c r="AK855" s="203"/>
      <c r="AL855" s="205"/>
      <c r="AM855" s="203"/>
      <c r="AN855" s="203"/>
      <c r="AO855" s="203"/>
      <c r="AP855" s="205"/>
      <c r="AQ855" s="203"/>
      <c r="AR855" s="205"/>
      <c r="AS855" s="205"/>
      <c r="AT855" s="203"/>
      <c r="AU855" s="205"/>
      <c r="AV855" s="205"/>
      <c r="AW855" s="204">
        <f t="shared" si="504"/>
        <v>0</v>
      </c>
      <c r="AX855" s="205"/>
      <c r="AY855" s="203" t="str">
        <f t="shared" si="505"/>
        <v/>
      </c>
      <c r="AZ855" s="203" t="str">
        <f t="shared" si="506"/>
        <v/>
      </c>
      <c r="BA855" s="203" t="str">
        <f t="shared" si="507"/>
        <v/>
      </c>
      <c r="BB855" s="203" t="str">
        <f t="shared" si="508"/>
        <v/>
      </c>
      <c r="BC855" s="203" t="str">
        <f t="shared" si="509"/>
        <v/>
      </c>
      <c r="BD855" s="203" t="str">
        <f t="shared" si="510"/>
        <v/>
      </c>
      <c r="BE855" s="203" t="str">
        <f t="shared" si="511"/>
        <v/>
      </c>
      <c r="BF855" s="203" t="str">
        <f t="shared" si="512"/>
        <v/>
      </c>
      <c r="BG855" s="203" t="str">
        <f t="shared" si="513"/>
        <v/>
      </c>
      <c r="BH855" s="203" t="str">
        <f t="shared" si="514"/>
        <v/>
      </c>
      <c r="BI855" s="203" t="str">
        <f t="shared" si="515"/>
        <v/>
      </c>
      <c r="BJ855" s="203" t="str">
        <f t="shared" si="516"/>
        <v/>
      </c>
      <c r="BK855" s="203" t="str">
        <f t="shared" si="517"/>
        <v/>
      </c>
      <c r="BL855" s="203" t="str">
        <f t="shared" si="518"/>
        <v/>
      </c>
      <c r="BM855" s="203" t="str">
        <f t="shared" si="519"/>
        <v/>
      </c>
      <c r="BN855" s="203" t="str">
        <f t="shared" si="520"/>
        <v/>
      </c>
      <c r="BO855" s="203" t="str">
        <f t="shared" si="521"/>
        <v/>
      </c>
      <c r="BP855" s="203" t="str">
        <f t="shared" si="522"/>
        <v/>
      </c>
      <c r="BQ855" s="203" t="str">
        <f t="shared" si="523"/>
        <v/>
      </c>
      <c r="BR855" s="203" t="str">
        <f t="shared" si="524"/>
        <v/>
      </c>
      <c r="BS855" s="203" t="str">
        <f t="shared" si="525"/>
        <v/>
      </c>
      <c r="BT855" s="203" t="str">
        <f t="shared" si="526"/>
        <v/>
      </c>
      <c r="BU855" s="203" t="str">
        <f t="shared" si="527"/>
        <v/>
      </c>
      <c r="BV855" s="203" t="str">
        <f t="shared" si="528"/>
        <v/>
      </c>
      <c r="BW855" s="203" t="str">
        <f t="shared" si="529"/>
        <v/>
      </c>
      <c r="BX855" s="203" t="str">
        <f t="shared" si="530"/>
        <v/>
      </c>
      <c r="BY855" s="203" t="str">
        <f t="shared" si="531"/>
        <v/>
      </c>
      <c r="BZ855" s="203" t="str">
        <f t="shared" si="532"/>
        <v/>
      </c>
      <c r="CA855" s="203" t="str">
        <f t="shared" si="533"/>
        <v/>
      </c>
      <c r="CB855" s="203" t="str">
        <f t="shared" si="534"/>
        <v/>
      </c>
      <c r="CC855" s="203" t="str">
        <f t="shared" si="535"/>
        <v/>
      </c>
      <c r="CD855" s="263"/>
      <c r="CE855" s="263"/>
      <c r="CF855" s="263"/>
    </row>
    <row r="856" spans="1:84" s="248" customFormat="1" ht="56.1" hidden="1" customHeight="1" x14ac:dyDescent="0.2">
      <c r="A856" s="198">
        <v>856</v>
      </c>
      <c r="B856" s="199" t="s">
        <v>53</v>
      </c>
      <c r="C856" s="208" t="s">
        <v>655</v>
      </c>
      <c r="D856" s="243" t="s">
        <v>932</v>
      </c>
      <c r="E856" s="243" t="s">
        <v>1215</v>
      </c>
      <c r="F856" s="288" t="s">
        <v>1216</v>
      </c>
      <c r="G856" s="206" t="s">
        <v>58</v>
      </c>
      <c r="H856" s="243" t="s">
        <v>833</v>
      </c>
      <c r="I856" s="243" t="s">
        <v>81</v>
      </c>
      <c r="J856" s="206" t="s">
        <v>77</v>
      </c>
      <c r="K856" s="242" t="s">
        <v>722</v>
      </c>
      <c r="L856" s="205" t="s">
        <v>63</v>
      </c>
      <c r="M856" s="205" t="s">
        <v>63</v>
      </c>
      <c r="N856" s="290">
        <v>6783.5625</v>
      </c>
      <c r="O856" s="245">
        <f t="shared" si="503"/>
        <v>6783.5625</v>
      </c>
      <c r="P856" s="285" t="s">
        <v>659</v>
      </c>
      <c r="Q856" s="205" t="s">
        <v>65</v>
      </c>
      <c r="R856" s="203"/>
      <c r="S856" s="203"/>
      <c r="T856" s="203"/>
      <c r="U856" s="203"/>
      <c r="V856" s="203"/>
      <c r="W856" s="203"/>
      <c r="X856" s="203"/>
      <c r="Y856" s="203"/>
      <c r="Z856" s="203"/>
      <c r="AA856" s="203"/>
      <c r="AB856" s="203"/>
      <c r="AC856" s="203"/>
      <c r="AD856" s="203"/>
      <c r="AE856" s="203"/>
      <c r="AF856" s="203"/>
      <c r="AG856" s="203"/>
      <c r="AH856" s="205"/>
      <c r="AI856" s="203"/>
      <c r="AJ856" s="203"/>
      <c r="AK856" s="203"/>
      <c r="AL856" s="205"/>
      <c r="AM856" s="203"/>
      <c r="AN856" s="203"/>
      <c r="AO856" s="203"/>
      <c r="AP856" s="205"/>
      <c r="AQ856" s="203"/>
      <c r="AR856" s="205"/>
      <c r="AS856" s="205"/>
      <c r="AT856" s="203"/>
      <c r="AU856" s="205"/>
      <c r="AV856" s="205"/>
      <c r="AW856" s="204">
        <f t="shared" si="504"/>
        <v>0</v>
      </c>
      <c r="AX856" s="205"/>
      <c r="AY856" s="203" t="str">
        <f t="shared" si="505"/>
        <v/>
      </c>
      <c r="AZ856" s="203" t="str">
        <f t="shared" si="506"/>
        <v/>
      </c>
      <c r="BA856" s="203" t="str">
        <f t="shared" si="507"/>
        <v/>
      </c>
      <c r="BB856" s="203" t="str">
        <f t="shared" si="508"/>
        <v/>
      </c>
      <c r="BC856" s="203" t="str">
        <f t="shared" si="509"/>
        <v/>
      </c>
      <c r="BD856" s="203" t="str">
        <f t="shared" si="510"/>
        <v/>
      </c>
      <c r="BE856" s="203" t="str">
        <f t="shared" si="511"/>
        <v/>
      </c>
      <c r="BF856" s="203" t="str">
        <f t="shared" si="512"/>
        <v/>
      </c>
      <c r="BG856" s="203" t="str">
        <f t="shared" si="513"/>
        <v/>
      </c>
      <c r="BH856" s="203" t="str">
        <f t="shared" si="514"/>
        <v/>
      </c>
      <c r="BI856" s="203" t="str">
        <f t="shared" si="515"/>
        <v/>
      </c>
      <c r="BJ856" s="203" t="str">
        <f t="shared" si="516"/>
        <v/>
      </c>
      <c r="BK856" s="203" t="str">
        <f t="shared" si="517"/>
        <v/>
      </c>
      <c r="BL856" s="203" t="str">
        <f t="shared" si="518"/>
        <v/>
      </c>
      <c r="BM856" s="203" t="str">
        <f t="shared" si="519"/>
        <v/>
      </c>
      <c r="BN856" s="203" t="str">
        <f t="shared" si="520"/>
        <v/>
      </c>
      <c r="BO856" s="203" t="str">
        <f t="shared" si="521"/>
        <v/>
      </c>
      <c r="BP856" s="203" t="str">
        <f t="shared" si="522"/>
        <v/>
      </c>
      <c r="BQ856" s="203" t="str">
        <f t="shared" si="523"/>
        <v/>
      </c>
      <c r="BR856" s="203" t="str">
        <f t="shared" si="524"/>
        <v/>
      </c>
      <c r="BS856" s="203" t="str">
        <f t="shared" si="525"/>
        <v/>
      </c>
      <c r="BT856" s="203" t="str">
        <f t="shared" si="526"/>
        <v/>
      </c>
      <c r="BU856" s="203" t="str">
        <f t="shared" si="527"/>
        <v/>
      </c>
      <c r="BV856" s="203" t="str">
        <f t="shared" si="528"/>
        <v/>
      </c>
      <c r="BW856" s="203" t="str">
        <f t="shared" si="529"/>
        <v/>
      </c>
      <c r="BX856" s="203" t="str">
        <f t="shared" si="530"/>
        <v/>
      </c>
      <c r="BY856" s="203" t="str">
        <f t="shared" si="531"/>
        <v/>
      </c>
      <c r="BZ856" s="203" t="str">
        <f t="shared" si="532"/>
        <v/>
      </c>
      <c r="CA856" s="203" t="str">
        <f t="shared" si="533"/>
        <v/>
      </c>
      <c r="CB856" s="203" t="str">
        <f t="shared" si="534"/>
        <v/>
      </c>
      <c r="CC856" s="203" t="str">
        <f t="shared" si="535"/>
        <v/>
      </c>
      <c r="CD856" s="263"/>
      <c r="CE856" s="263"/>
      <c r="CF856" s="263"/>
    </row>
    <row r="857" spans="1:84" s="248" customFormat="1" ht="56.1" hidden="1" customHeight="1" x14ac:dyDescent="0.2">
      <c r="A857" s="198">
        <v>857</v>
      </c>
      <c r="B857" s="199" t="s">
        <v>53</v>
      </c>
      <c r="C857" s="208" t="s">
        <v>655</v>
      </c>
      <c r="D857" s="243" t="s">
        <v>932</v>
      </c>
      <c r="E857" s="243" t="s">
        <v>1217</v>
      </c>
      <c r="F857" s="288" t="s">
        <v>1218</v>
      </c>
      <c r="G857" s="206" t="s">
        <v>58</v>
      </c>
      <c r="H857" s="243" t="s">
        <v>833</v>
      </c>
      <c r="I857" s="243" t="s">
        <v>81</v>
      </c>
      <c r="J857" s="206" t="s">
        <v>77</v>
      </c>
      <c r="K857" s="242" t="s">
        <v>722</v>
      </c>
      <c r="L857" s="205" t="s">
        <v>63</v>
      </c>
      <c r="M857" s="205" t="s">
        <v>63</v>
      </c>
      <c r="N857" s="290">
        <v>518.01749999999993</v>
      </c>
      <c r="O857" s="245">
        <f t="shared" si="503"/>
        <v>518.01749999999993</v>
      </c>
      <c r="P857" s="285" t="s">
        <v>659</v>
      </c>
      <c r="Q857" s="205" t="s">
        <v>65</v>
      </c>
      <c r="R857" s="203"/>
      <c r="S857" s="203"/>
      <c r="T857" s="203"/>
      <c r="U857" s="203"/>
      <c r="V857" s="203"/>
      <c r="W857" s="203"/>
      <c r="X857" s="203"/>
      <c r="Y857" s="203"/>
      <c r="Z857" s="203"/>
      <c r="AA857" s="203"/>
      <c r="AB857" s="203"/>
      <c r="AC857" s="203"/>
      <c r="AD857" s="203"/>
      <c r="AE857" s="203"/>
      <c r="AF857" s="203"/>
      <c r="AG857" s="203"/>
      <c r="AH857" s="205"/>
      <c r="AI857" s="203"/>
      <c r="AJ857" s="203"/>
      <c r="AK857" s="203"/>
      <c r="AL857" s="205"/>
      <c r="AM857" s="203"/>
      <c r="AN857" s="203"/>
      <c r="AO857" s="203"/>
      <c r="AP857" s="205"/>
      <c r="AQ857" s="203"/>
      <c r="AR857" s="205"/>
      <c r="AS857" s="205"/>
      <c r="AT857" s="203"/>
      <c r="AU857" s="205"/>
      <c r="AV857" s="205"/>
      <c r="AW857" s="204">
        <f t="shared" si="504"/>
        <v>0</v>
      </c>
      <c r="AX857" s="205"/>
      <c r="AY857" s="203" t="str">
        <f t="shared" si="505"/>
        <v/>
      </c>
      <c r="AZ857" s="203" t="str">
        <f t="shared" si="506"/>
        <v/>
      </c>
      <c r="BA857" s="203" t="str">
        <f t="shared" si="507"/>
        <v/>
      </c>
      <c r="BB857" s="203" t="str">
        <f t="shared" si="508"/>
        <v/>
      </c>
      <c r="BC857" s="203" t="str">
        <f t="shared" si="509"/>
        <v/>
      </c>
      <c r="BD857" s="203" t="str">
        <f t="shared" si="510"/>
        <v/>
      </c>
      <c r="BE857" s="203" t="str">
        <f t="shared" si="511"/>
        <v/>
      </c>
      <c r="BF857" s="203" t="str">
        <f t="shared" si="512"/>
        <v/>
      </c>
      <c r="BG857" s="203" t="str">
        <f t="shared" si="513"/>
        <v/>
      </c>
      <c r="BH857" s="203" t="str">
        <f t="shared" si="514"/>
        <v/>
      </c>
      <c r="BI857" s="203" t="str">
        <f t="shared" si="515"/>
        <v/>
      </c>
      <c r="BJ857" s="203" t="str">
        <f t="shared" si="516"/>
        <v/>
      </c>
      <c r="BK857" s="203" t="str">
        <f t="shared" si="517"/>
        <v/>
      </c>
      <c r="BL857" s="203" t="str">
        <f t="shared" si="518"/>
        <v/>
      </c>
      <c r="BM857" s="203" t="str">
        <f t="shared" si="519"/>
        <v/>
      </c>
      <c r="BN857" s="203" t="str">
        <f t="shared" si="520"/>
        <v/>
      </c>
      <c r="BO857" s="203" t="str">
        <f t="shared" si="521"/>
        <v/>
      </c>
      <c r="BP857" s="203" t="str">
        <f t="shared" si="522"/>
        <v/>
      </c>
      <c r="BQ857" s="203" t="str">
        <f t="shared" si="523"/>
        <v/>
      </c>
      <c r="BR857" s="203" t="str">
        <f t="shared" si="524"/>
        <v/>
      </c>
      <c r="BS857" s="203" t="str">
        <f t="shared" si="525"/>
        <v/>
      </c>
      <c r="BT857" s="203" t="str">
        <f t="shared" si="526"/>
        <v/>
      </c>
      <c r="BU857" s="203" t="str">
        <f t="shared" si="527"/>
        <v/>
      </c>
      <c r="BV857" s="203" t="str">
        <f t="shared" si="528"/>
        <v/>
      </c>
      <c r="BW857" s="203" t="str">
        <f t="shared" si="529"/>
        <v/>
      </c>
      <c r="BX857" s="203" t="str">
        <f t="shared" si="530"/>
        <v/>
      </c>
      <c r="BY857" s="203" t="str">
        <f t="shared" si="531"/>
        <v/>
      </c>
      <c r="BZ857" s="203" t="str">
        <f t="shared" si="532"/>
        <v/>
      </c>
      <c r="CA857" s="203" t="str">
        <f t="shared" si="533"/>
        <v/>
      </c>
      <c r="CB857" s="203" t="str">
        <f t="shared" si="534"/>
        <v/>
      </c>
      <c r="CC857" s="203" t="str">
        <f t="shared" si="535"/>
        <v/>
      </c>
      <c r="CD857" s="263"/>
      <c r="CE857" s="263"/>
      <c r="CF857" s="263"/>
    </row>
    <row r="858" spans="1:84" s="248" customFormat="1" ht="56.1" hidden="1" customHeight="1" x14ac:dyDescent="0.2">
      <c r="A858" s="198">
        <v>858</v>
      </c>
      <c r="B858" s="199" t="s">
        <v>53</v>
      </c>
      <c r="C858" s="208" t="s">
        <v>655</v>
      </c>
      <c r="D858" s="243" t="s">
        <v>932</v>
      </c>
      <c r="E858" s="243" t="s">
        <v>1219</v>
      </c>
      <c r="F858" s="243" t="s">
        <v>1220</v>
      </c>
      <c r="G858" s="206" t="s">
        <v>58</v>
      </c>
      <c r="H858" s="243" t="s">
        <v>833</v>
      </c>
      <c r="I858" s="243" t="s">
        <v>81</v>
      </c>
      <c r="J858" s="206" t="s">
        <v>77</v>
      </c>
      <c r="K858" s="242" t="s">
        <v>722</v>
      </c>
      <c r="L858" s="205" t="s">
        <v>63</v>
      </c>
      <c r="M858" s="205" t="s">
        <v>63</v>
      </c>
      <c r="N858" s="290">
        <v>599009.125</v>
      </c>
      <c r="O858" s="245">
        <f t="shared" si="503"/>
        <v>599009.125</v>
      </c>
      <c r="P858" s="285" t="s">
        <v>659</v>
      </c>
      <c r="Q858" s="205" t="s">
        <v>65</v>
      </c>
      <c r="R858" s="203"/>
      <c r="S858" s="203"/>
      <c r="T858" s="203"/>
      <c r="U858" s="203"/>
      <c r="V858" s="203"/>
      <c r="W858" s="203"/>
      <c r="X858" s="203"/>
      <c r="Y858" s="203"/>
      <c r="Z858" s="203"/>
      <c r="AA858" s="203"/>
      <c r="AB858" s="203"/>
      <c r="AC858" s="203"/>
      <c r="AD858" s="203"/>
      <c r="AE858" s="203"/>
      <c r="AF858" s="203"/>
      <c r="AG858" s="203"/>
      <c r="AH858" s="205"/>
      <c r="AI858" s="203"/>
      <c r="AJ858" s="203"/>
      <c r="AK858" s="203"/>
      <c r="AL858" s="205"/>
      <c r="AM858" s="203"/>
      <c r="AN858" s="203"/>
      <c r="AO858" s="203"/>
      <c r="AP858" s="205"/>
      <c r="AQ858" s="203"/>
      <c r="AR858" s="205"/>
      <c r="AS858" s="205"/>
      <c r="AT858" s="203"/>
      <c r="AU858" s="205"/>
      <c r="AV858" s="205"/>
      <c r="AW858" s="204">
        <f t="shared" si="504"/>
        <v>0</v>
      </c>
      <c r="AX858" s="205"/>
      <c r="AY858" s="203" t="str">
        <f t="shared" si="505"/>
        <v/>
      </c>
      <c r="AZ858" s="203" t="str">
        <f t="shared" si="506"/>
        <v/>
      </c>
      <c r="BA858" s="203" t="str">
        <f t="shared" si="507"/>
        <v/>
      </c>
      <c r="BB858" s="203" t="str">
        <f t="shared" si="508"/>
        <v/>
      </c>
      <c r="BC858" s="203" t="str">
        <f t="shared" si="509"/>
        <v/>
      </c>
      <c r="BD858" s="203" t="str">
        <f t="shared" si="510"/>
        <v/>
      </c>
      <c r="BE858" s="203" t="str">
        <f t="shared" si="511"/>
        <v/>
      </c>
      <c r="BF858" s="203" t="str">
        <f t="shared" si="512"/>
        <v/>
      </c>
      <c r="BG858" s="203" t="str">
        <f t="shared" si="513"/>
        <v/>
      </c>
      <c r="BH858" s="203" t="str">
        <f t="shared" si="514"/>
        <v/>
      </c>
      <c r="BI858" s="203" t="str">
        <f t="shared" si="515"/>
        <v/>
      </c>
      <c r="BJ858" s="203" t="str">
        <f t="shared" si="516"/>
        <v/>
      </c>
      <c r="BK858" s="203" t="str">
        <f t="shared" si="517"/>
        <v/>
      </c>
      <c r="BL858" s="203" t="str">
        <f t="shared" si="518"/>
        <v/>
      </c>
      <c r="BM858" s="203" t="str">
        <f t="shared" si="519"/>
        <v/>
      </c>
      <c r="BN858" s="203" t="str">
        <f t="shared" si="520"/>
        <v/>
      </c>
      <c r="BO858" s="203" t="str">
        <f t="shared" si="521"/>
        <v/>
      </c>
      <c r="BP858" s="203" t="str">
        <f t="shared" si="522"/>
        <v/>
      </c>
      <c r="BQ858" s="203" t="str">
        <f t="shared" si="523"/>
        <v/>
      </c>
      <c r="BR858" s="203" t="str">
        <f t="shared" si="524"/>
        <v/>
      </c>
      <c r="BS858" s="203" t="str">
        <f t="shared" si="525"/>
        <v/>
      </c>
      <c r="BT858" s="203" t="str">
        <f t="shared" si="526"/>
        <v/>
      </c>
      <c r="BU858" s="203" t="str">
        <f t="shared" si="527"/>
        <v/>
      </c>
      <c r="BV858" s="203" t="str">
        <f t="shared" si="528"/>
        <v/>
      </c>
      <c r="BW858" s="203" t="str">
        <f t="shared" si="529"/>
        <v/>
      </c>
      <c r="BX858" s="203" t="str">
        <f t="shared" si="530"/>
        <v/>
      </c>
      <c r="BY858" s="203" t="str">
        <f t="shared" si="531"/>
        <v/>
      </c>
      <c r="BZ858" s="203" t="str">
        <f t="shared" si="532"/>
        <v/>
      </c>
      <c r="CA858" s="203" t="str">
        <f t="shared" si="533"/>
        <v/>
      </c>
      <c r="CB858" s="203" t="str">
        <f t="shared" si="534"/>
        <v/>
      </c>
      <c r="CC858" s="203" t="str">
        <f t="shared" si="535"/>
        <v/>
      </c>
      <c r="CD858" s="263"/>
      <c r="CE858" s="263"/>
      <c r="CF858" s="263"/>
    </row>
    <row r="859" spans="1:84" s="248" customFormat="1" ht="56.1" hidden="1" customHeight="1" x14ac:dyDescent="0.2">
      <c r="A859" s="198">
        <v>859</v>
      </c>
      <c r="B859" s="199" t="s">
        <v>53</v>
      </c>
      <c r="C859" s="208" t="s">
        <v>655</v>
      </c>
      <c r="D859" s="243" t="s">
        <v>932</v>
      </c>
      <c r="E859" s="243" t="s">
        <v>1221</v>
      </c>
      <c r="F859" s="243" t="s">
        <v>1222</v>
      </c>
      <c r="G859" s="206" t="s">
        <v>58</v>
      </c>
      <c r="H859" s="243" t="s">
        <v>833</v>
      </c>
      <c r="I859" s="243" t="s">
        <v>81</v>
      </c>
      <c r="J859" s="206" t="s">
        <v>77</v>
      </c>
      <c r="K859" s="242" t="s">
        <v>722</v>
      </c>
      <c r="L859" s="205" t="s">
        <v>63</v>
      </c>
      <c r="M859" s="205" t="s">
        <v>63</v>
      </c>
      <c r="N859" s="290">
        <v>4522.375</v>
      </c>
      <c r="O859" s="245">
        <f t="shared" si="503"/>
        <v>4522.375</v>
      </c>
      <c r="P859" s="285" t="s">
        <v>659</v>
      </c>
      <c r="Q859" s="205" t="s">
        <v>65</v>
      </c>
      <c r="R859" s="203"/>
      <c r="S859" s="203"/>
      <c r="T859" s="203"/>
      <c r="U859" s="203"/>
      <c r="V859" s="203"/>
      <c r="W859" s="203"/>
      <c r="X859" s="203"/>
      <c r="Y859" s="203"/>
      <c r="Z859" s="203"/>
      <c r="AA859" s="203"/>
      <c r="AB859" s="203"/>
      <c r="AC859" s="203"/>
      <c r="AD859" s="203"/>
      <c r="AE859" s="203"/>
      <c r="AF859" s="203"/>
      <c r="AG859" s="203"/>
      <c r="AH859" s="205"/>
      <c r="AI859" s="203"/>
      <c r="AJ859" s="203"/>
      <c r="AK859" s="203"/>
      <c r="AL859" s="205"/>
      <c r="AM859" s="203"/>
      <c r="AN859" s="203"/>
      <c r="AO859" s="203"/>
      <c r="AP859" s="205"/>
      <c r="AQ859" s="203"/>
      <c r="AR859" s="205"/>
      <c r="AS859" s="205"/>
      <c r="AT859" s="203"/>
      <c r="AU859" s="205"/>
      <c r="AV859" s="205"/>
      <c r="AW859" s="204">
        <f t="shared" si="504"/>
        <v>0</v>
      </c>
      <c r="AX859" s="205"/>
      <c r="AY859" s="203" t="str">
        <f t="shared" si="505"/>
        <v/>
      </c>
      <c r="AZ859" s="203" t="str">
        <f t="shared" si="506"/>
        <v/>
      </c>
      <c r="BA859" s="203" t="str">
        <f t="shared" si="507"/>
        <v/>
      </c>
      <c r="BB859" s="203" t="str">
        <f t="shared" si="508"/>
        <v/>
      </c>
      <c r="BC859" s="203" t="str">
        <f t="shared" si="509"/>
        <v/>
      </c>
      <c r="BD859" s="203" t="str">
        <f t="shared" si="510"/>
        <v/>
      </c>
      <c r="BE859" s="203" t="str">
        <f t="shared" si="511"/>
        <v/>
      </c>
      <c r="BF859" s="203" t="str">
        <f t="shared" si="512"/>
        <v/>
      </c>
      <c r="BG859" s="203" t="str">
        <f t="shared" si="513"/>
        <v/>
      </c>
      <c r="BH859" s="203" t="str">
        <f t="shared" si="514"/>
        <v/>
      </c>
      <c r="BI859" s="203" t="str">
        <f t="shared" si="515"/>
        <v/>
      </c>
      <c r="BJ859" s="203" t="str">
        <f t="shared" si="516"/>
        <v/>
      </c>
      <c r="BK859" s="203" t="str">
        <f t="shared" si="517"/>
        <v/>
      </c>
      <c r="BL859" s="203" t="str">
        <f t="shared" si="518"/>
        <v/>
      </c>
      <c r="BM859" s="203" t="str">
        <f t="shared" si="519"/>
        <v/>
      </c>
      <c r="BN859" s="203" t="str">
        <f t="shared" si="520"/>
        <v/>
      </c>
      <c r="BO859" s="203" t="str">
        <f t="shared" si="521"/>
        <v/>
      </c>
      <c r="BP859" s="203" t="str">
        <f t="shared" si="522"/>
        <v/>
      </c>
      <c r="BQ859" s="203" t="str">
        <f t="shared" si="523"/>
        <v/>
      </c>
      <c r="BR859" s="203" t="str">
        <f t="shared" si="524"/>
        <v/>
      </c>
      <c r="BS859" s="203" t="str">
        <f t="shared" si="525"/>
        <v/>
      </c>
      <c r="BT859" s="203" t="str">
        <f t="shared" si="526"/>
        <v/>
      </c>
      <c r="BU859" s="203" t="str">
        <f t="shared" si="527"/>
        <v/>
      </c>
      <c r="BV859" s="203" t="str">
        <f t="shared" si="528"/>
        <v/>
      </c>
      <c r="BW859" s="203" t="str">
        <f t="shared" si="529"/>
        <v/>
      </c>
      <c r="BX859" s="203" t="str">
        <f t="shared" si="530"/>
        <v/>
      </c>
      <c r="BY859" s="203" t="str">
        <f t="shared" si="531"/>
        <v/>
      </c>
      <c r="BZ859" s="203" t="str">
        <f t="shared" si="532"/>
        <v/>
      </c>
      <c r="CA859" s="203" t="str">
        <f t="shared" si="533"/>
        <v/>
      </c>
      <c r="CB859" s="203" t="str">
        <f t="shared" si="534"/>
        <v/>
      </c>
      <c r="CC859" s="203" t="str">
        <f t="shared" si="535"/>
        <v/>
      </c>
      <c r="CD859" s="263"/>
      <c r="CE859" s="263"/>
      <c r="CF859" s="263"/>
    </row>
    <row r="860" spans="1:84" s="248" customFormat="1" ht="56.1" hidden="1" customHeight="1" x14ac:dyDescent="0.2">
      <c r="A860" s="198">
        <v>860</v>
      </c>
      <c r="B860" s="199" t="s">
        <v>53</v>
      </c>
      <c r="C860" s="208" t="s">
        <v>655</v>
      </c>
      <c r="D860" s="243" t="s">
        <v>932</v>
      </c>
      <c r="E860" s="243" t="s">
        <v>1223</v>
      </c>
      <c r="F860" s="243" t="s">
        <v>1224</v>
      </c>
      <c r="G860" s="206" t="s">
        <v>58</v>
      </c>
      <c r="H860" s="243" t="s">
        <v>833</v>
      </c>
      <c r="I860" s="243" t="s">
        <v>81</v>
      </c>
      <c r="J860" s="206" t="s">
        <v>77</v>
      </c>
      <c r="K860" s="242" t="s">
        <v>722</v>
      </c>
      <c r="L860" s="205" t="s">
        <v>63</v>
      </c>
      <c r="M860" s="205" t="s">
        <v>63</v>
      </c>
      <c r="N860" s="290">
        <v>1288592.9931874999</v>
      </c>
      <c r="O860" s="245">
        <f t="shared" ref="O860:O891" si="536">N860</f>
        <v>1288592.9931874999</v>
      </c>
      <c r="P860" s="285" t="s">
        <v>659</v>
      </c>
      <c r="Q860" s="205" t="s">
        <v>65</v>
      </c>
      <c r="R860" s="203"/>
      <c r="S860" s="203"/>
      <c r="T860" s="203"/>
      <c r="U860" s="203"/>
      <c r="V860" s="203"/>
      <c r="W860" s="203"/>
      <c r="X860" s="203"/>
      <c r="Y860" s="203"/>
      <c r="Z860" s="203"/>
      <c r="AA860" s="203"/>
      <c r="AB860" s="203"/>
      <c r="AC860" s="203"/>
      <c r="AD860" s="203"/>
      <c r="AE860" s="203"/>
      <c r="AF860" s="203"/>
      <c r="AG860" s="203"/>
      <c r="AH860" s="205"/>
      <c r="AI860" s="203"/>
      <c r="AJ860" s="203"/>
      <c r="AK860" s="203"/>
      <c r="AL860" s="205"/>
      <c r="AM860" s="203"/>
      <c r="AN860" s="203"/>
      <c r="AO860" s="203"/>
      <c r="AP860" s="205"/>
      <c r="AQ860" s="203"/>
      <c r="AR860" s="205"/>
      <c r="AS860" s="205"/>
      <c r="AT860" s="203"/>
      <c r="AU860" s="205"/>
      <c r="AV860" s="205"/>
      <c r="AW860" s="204">
        <f t="shared" ref="AW860:AW891" si="537">SUMIF(R860:AV860,"YES",$R$2:$AV$2)</f>
        <v>0</v>
      </c>
      <c r="AX860" s="205"/>
      <c r="AY860" s="203" t="str">
        <f t="shared" ref="AY860:AY894" si="538">IF(R860="yes",(R$2*$AX860),"")</f>
        <v/>
      </c>
      <c r="AZ860" s="203" t="str">
        <f t="shared" ref="AZ860:AZ894" si="539">IF(S860="yes",(S$2*$AX860),"")</f>
        <v/>
      </c>
      <c r="BA860" s="203" t="str">
        <f t="shared" ref="BA860:BA894" si="540">IF(T860="yes",(T$2*$AX860),"")</f>
        <v/>
      </c>
      <c r="BB860" s="203" t="str">
        <f t="shared" ref="BB860:BB894" si="541">IF(U860="yes",(U$2*$AX860),"")</f>
        <v/>
      </c>
      <c r="BC860" s="203" t="str">
        <f t="shared" ref="BC860:BC894" si="542">IF(V860="yes",(V$2*$AX860),"")</f>
        <v/>
      </c>
      <c r="BD860" s="203" t="str">
        <f t="shared" ref="BD860:BD894" si="543">IF(W860="yes",(W$2*$AX860),"")</f>
        <v/>
      </c>
      <c r="BE860" s="203" t="str">
        <f t="shared" ref="BE860:BE894" si="544">IF(X860="yes",(X$2*$AX860),"")</f>
        <v/>
      </c>
      <c r="BF860" s="203" t="str">
        <f t="shared" ref="BF860:BF894" si="545">IF(Y860="yes",(Y$2*$AX860),"")</f>
        <v/>
      </c>
      <c r="BG860" s="203" t="str">
        <f t="shared" ref="BG860:BG894" si="546">IF(Z860="yes",(Z$2*$AX860),"")</f>
        <v/>
      </c>
      <c r="BH860" s="203" t="str">
        <f t="shared" ref="BH860:BH894" si="547">IF(AA860="yes",(AA$2*$AX860),"")</f>
        <v/>
      </c>
      <c r="BI860" s="203" t="str">
        <f t="shared" ref="BI860:BI894" si="548">IF(AB860="yes",(AB$2*$AX860),"")</f>
        <v/>
      </c>
      <c r="BJ860" s="203" t="str">
        <f t="shared" ref="BJ860:BJ894" si="549">IF(AC860="yes",(AC$2*$AX860),"")</f>
        <v/>
      </c>
      <c r="BK860" s="203" t="str">
        <f t="shared" ref="BK860:BK894" si="550">IF(AD860="yes",(AD$2*$AX860),"")</f>
        <v/>
      </c>
      <c r="BL860" s="203" t="str">
        <f t="shared" ref="BL860:BL894" si="551">IF(AE860="yes",(AE$2*$AX860),"")</f>
        <v/>
      </c>
      <c r="BM860" s="203" t="str">
        <f t="shared" ref="BM860:BM894" si="552">IF(AF860="yes",(AF$2*$AX860),"")</f>
        <v/>
      </c>
      <c r="BN860" s="203" t="str">
        <f t="shared" ref="BN860:BN894" si="553">IF(AG860="yes",(AG$2*$AX860),"")</f>
        <v/>
      </c>
      <c r="BO860" s="203" t="str">
        <f t="shared" ref="BO860:BO894" si="554">IF(AH860="yes",(AH$2*$AX860),"")</f>
        <v/>
      </c>
      <c r="BP860" s="203" t="str">
        <f t="shared" ref="BP860:BP894" si="555">IF(AI860="yes",(AI$2*$AX860),"")</f>
        <v/>
      </c>
      <c r="BQ860" s="203" t="str">
        <f t="shared" ref="BQ860:BQ894" si="556">IF(AJ860="yes",(AJ$2*$AX860),"")</f>
        <v/>
      </c>
      <c r="BR860" s="203" t="str">
        <f t="shared" ref="BR860:BR894" si="557">IF(AK860="yes",(AK$2*$AX860),"")</f>
        <v/>
      </c>
      <c r="BS860" s="203" t="str">
        <f t="shared" ref="BS860:BS894" si="558">IF(AL860="yes",(AL$2*$AX860),"")</f>
        <v/>
      </c>
      <c r="BT860" s="203" t="str">
        <f t="shared" ref="BT860:BT894" si="559">IF(AM860="yes",(AM$2*$AX860),"")</f>
        <v/>
      </c>
      <c r="BU860" s="203" t="str">
        <f t="shared" ref="BU860:BU894" si="560">IF(AN860="yes",(AN$2*$AX860),"")</f>
        <v/>
      </c>
      <c r="BV860" s="203" t="str">
        <f t="shared" ref="BV860:BV894" si="561">IF(AO860="yes",(AO$2*$AX860),"")</f>
        <v/>
      </c>
      <c r="BW860" s="203" t="str">
        <f t="shared" ref="BW860:BW894" si="562">IF(AP860="yes",(AP$2*$AX860),"")</f>
        <v/>
      </c>
      <c r="BX860" s="203" t="str">
        <f t="shared" ref="BX860:BX894" si="563">IF(AQ860="yes",(AQ$2*$AX860),"")</f>
        <v/>
      </c>
      <c r="BY860" s="203" t="str">
        <f t="shared" ref="BY860:BY894" si="564">IF(AR860="yes",(AR$2*$AX860),"")</f>
        <v/>
      </c>
      <c r="BZ860" s="203" t="str">
        <f t="shared" ref="BZ860:BZ894" si="565">IF(AS860="yes",(AS$2*$AX860),"")</f>
        <v/>
      </c>
      <c r="CA860" s="203" t="str">
        <f t="shared" ref="CA860:CA894" si="566">IF(AT860="yes",(AT$2*$AX860),"")</f>
        <v/>
      </c>
      <c r="CB860" s="203" t="str">
        <f t="shared" ref="CB860:CB894" si="567">IF(AU860="yes",(AU$2*$AX860),"")</f>
        <v/>
      </c>
      <c r="CC860" s="203" t="str">
        <f t="shared" ref="CC860:CC894" si="568">IF(AV860="yes",(AV$2*$AX860),"")</f>
        <v/>
      </c>
      <c r="CD860" s="263"/>
      <c r="CE860" s="263"/>
      <c r="CF860" s="263"/>
    </row>
    <row r="861" spans="1:84" s="248" customFormat="1" ht="56.1" hidden="1" customHeight="1" x14ac:dyDescent="0.2">
      <c r="A861" s="198">
        <v>861</v>
      </c>
      <c r="B861" s="199" t="s">
        <v>53</v>
      </c>
      <c r="C861" s="208" t="s">
        <v>655</v>
      </c>
      <c r="D861" s="243" t="s">
        <v>932</v>
      </c>
      <c r="E861" s="243" t="s">
        <v>1225</v>
      </c>
      <c r="F861" s="243" t="s">
        <v>1226</v>
      </c>
      <c r="G861" s="206" t="s">
        <v>58</v>
      </c>
      <c r="H861" s="243" t="s">
        <v>833</v>
      </c>
      <c r="I861" s="243" t="s">
        <v>81</v>
      </c>
      <c r="J861" s="206" t="s">
        <v>77</v>
      </c>
      <c r="K861" s="242" t="s">
        <v>722</v>
      </c>
      <c r="L861" s="205" t="s">
        <v>63</v>
      </c>
      <c r="M861" s="205" t="s">
        <v>63</v>
      </c>
      <c r="N861" s="290">
        <v>152116.25</v>
      </c>
      <c r="O861" s="245">
        <f t="shared" si="536"/>
        <v>152116.25</v>
      </c>
      <c r="P861" s="285" t="s">
        <v>659</v>
      </c>
      <c r="Q861" s="205" t="s">
        <v>65</v>
      </c>
      <c r="R861" s="203"/>
      <c r="S861" s="203"/>
      <c r="T861" s="203"/>
      <c r="U861" s="203"/>
      <c r="V861" s="203"/>
      <c r="W861" s="203"/>
      <c r="X861" s="203"/>
      <c r="Y861" s="203"/>
      <c r="Z861" s="203"/>
      <c r="AA861" s="203"/>
      <c r="AB861" s="203"/>
      <c r="AC861" s="203"/>
      <c r="AD861" s="203"/>
      <c r="AE861" s="203"/>
      <c r="AF861" s="203"/>
      <c r="AG861" s="203"/>
      <c r="AH861" s="205"/>
      <c r="AI861" s="203"/>
      <c r="AJ861" s="203"/>
      <c r="AK861" s="203"/>
      <c r="AL861" s="205"/>
      <c r="AM861" s="203"/>
      <c r="AN861" s="203"/>
      <c r="AO861" s="203"/>
      <c r="AP861" s="205"/>
      <c r="AQ861" s="203"/>
      <c r="AR861" s="205"/>
      <c r="AS861" s="205"/>
      <c r="AT861" s="203"/>
      <c r="AU861" s="205"/>
      <c r="AV861" s="205"/>
      <c r="AW861" s="204">
        <f t="shared" si="537"/>
        <v>0</v>
      </c>
      <c r="AX861" s="205"/>
      <c r="AY861" s="203" t="str">
        <f t="shared" si="538"/>
        <v/>
      </c>
      <c r="AZ861" s="203" t="str">
        <f t="shared" si="539"/>
        <v/>
      </c>
      <c r="BA861" s="203" t="str">
        <f t="shared" si="540"/>
        <v/>
      </c>
      <c r="BB861" s="203" t="str">
        <f t="shared" si="541"/>
        <v/>
      </c>
      <c r="BC861" s="203" t="str">
        <f t="shared" si="542"/>
        <v/>
      </c>
      <c r="BD861" s="203" t="str">
        <f t="shared" si="543"/>
        <v/>
      </c>
      <c r="BE861" s="203" t="str">
        <f t="shared" si="544"/>
        <v/>
      </c>
      <c r="BF861" s="203" t="str">
        <f t="shared" si="545"/>
        <v/>
      </c>
      <c r="BG861" s="203" t="str">
        <f t="shared" si="546"/>
        <v/>
      </c>
      <c r="BH861" s="203" t="str">
        <f t="shared" si="547"/>
        <v/>
      </c>
      <c r="BI861" s="203" t="str">
        <f t="shared" si="548"/>
        <v/>
      </c>
      <c r="BJ861" s="203" t="str">
        <f t="shared" si="549"/>
        <v/>
      </c>
      <c r="BK861" s="203" t="str">
        <f t="shared" si="550"/>
        <v/>
      </c>
      <c r="BL861" s="203" t="str">
        <f t="shared" si="551"/>
        <v/>
      </c>
      <c r="BM861" s="203" t="str">
        <f t="shared" si="552"/>
        <v/>
      </c>
      <c r="BN861" s="203" t="str">
        <f t="shared" si="553"/>
        <v/>
      </c>
      <c r="BO861" s="203" t="str">
        <f t="shared" si="554"/>
        <v/>
      </c>
      <c r="BP861" s="203" t="str">
        <f t="shared" si="555"/>
        <v/>
      </c>
      <c r="BQ861" s="203" t="str">
        <f t="shared" si="556"/>
        <v/>
      </c>
      <c r="BR861" s="203" t="str">
        <f t="shared" si="557"/>
        <v/>
      </c>
      <c r="BS861" s="203" t="str">
        <f t="shared" si="558"/>
        <v/>
      </c>
      <c r="BT861" s="203" t="str">
        <f t="shared" si="559"/>
        <v/>
      </c>
      <c r="BU861" s="203" t="str">
        <f t="shared" si="560"/>
        <v/>
      </c>
      <c r="BV861" s="203" t="str">
        <f t="shared" si="561"/>
        <v/>
      </c>
      <c r="BW861" s="203" t="str">
        <f t="shared" si="562"/>
        <v/>
      </c>
      <c r="BX861" s="203" t="str">
        <f t="shared" si="563"/>
        <v/>
      </c>
      <c r="BY861" s="203" t="str">
        <f t="shared" si="564"/>
        <v/>
      </c>
      <c r="BZ861" s="203" t="str">
        <f t="shared" si="565"/>
        <v/>
      </c>
      <c r="CA861" s="203" t="str">
        <f t="shared" si="566"/>
        <v/>
      </c>
      <c r="CB861" s="203" t="str">
        <f t="shared" si="567"/>
        <v/>
      </c>
      <c r="CC861" s="203" t="str">
        <f t="shared" si="568"/>
        <v/>
      </c>
      <c r="CD861" s="263"/>
      <c r="CE861" s="263"/>
      <c r="CF861" s="263"/>
    </row>
    <row r="862" spans="1:84" s="248" customFormat="1" ht="56.1" hidden="1" customHeight="1" x14ac:dyDescent="0.2">
      <c r="A862" s="198">
        <v>862</v>
      </c>
      <c r="B862" s="199" t="s">
        <v>53</v>
      </c>
      <c r="C862" s="208" t="s">
        <v>655</v>
      </c>
      <c r="D862" s="243" t="s">
        <v>932</v>
      </c>
      <c r="E862" s="243" t="s">
        <v>1227</v>
      </c>
      <c r="F862" s="243" t="s">
        <v>1228</v>
      </c>
      <c r="G862" s="206" t="s">
        <v>58</v>
      </c>
      <c r="H862" s="243" t="s">
        <v>833</v>
      </c>
      <c r="I862" s="243" t="s">
        <v>81</v>
      </c>
      <c r="J862" s="206" t="s">
        <v>77</v>
      </c>
      <c r="K862" s="242" t="s">
        <v>722</v>
      </c>
      <c r="L862" s="205" t="s">
        <v>63</v>
      </c>
      <c r="M862" s="205" t="s">
        <v>63</v>
      </c>
      <c r="N862" s="290">
        <v>222042.16606000002</v>
      </c>
      <c r="O862" s="245">
        <f t="shared" si="536"/>
        <v>222042.16606000002</v>
      </c>
      <c r="P862" s="285" t="s">
        <v>659</v>
      </c>
      <c r="Q862" s="205" t="s">
        <v>65</v>
      </c>
      <c r="R862" s="203"/>
      <c r="S862" s="203"/>
      <c r="T862" s="203"/>
      <c r="U862" s="203"/>
      <c r="V862" s="203"/>
      <c r="W862" s="203"/>
      <c r="X862" s="203"/>
      <c r="Y862" s="203"/>
      <c r="Z862" s="203"/>
      <c r="AA862" s="203"/>
      <c r="AB862" s="203"/>
      <c r="AC862" s="203"/>
      <c r="AD862" s="203"/>
      <c r="AE862" s="203"/>
      <c r="AF862" s="203"/>
      <c r="AG862" s="203"/>
      <c r="AH862" s="205"/>
      <c r="AI862" s="203"/>
      <c r="AJ862" s="203"/>
      <c r="AK862" s="203"/>
      <c r="AL862" s="205"/>
      <c r="AM862" s="203"/>
      <c r="AN862" s="203"/>
      <c r="AO862" s="203"/>
      <c r="AP862" s="205"/>
      <c r="AQ862" s="203"/>
      <c r="AR862" s="205"/>
      <c r="AS862" s="205"/>
      <c r="AT862" s="203"/>
      <c r="AU862" s="205"/>
      <c r="AV862" s="205"/>
      <c r="AW862" s="204">
        <f t="shared" si="537"/>
        <v>0</v>
      </c>
      <c r="AX862" s="205"/>
      <c r="AY862" s="203" t="str">
        <f t="shared" si="538"/>
        <v/>
      </c>
      <c r="AZ862" s="203" t="str">
        <f t="shared" si="539"/>
        <v/>
      </c>
      <c r="BA862" s="203" t="str">
        <f t="shared" si="540"/>
        <v/>
      </c>
      <c r="BB862" s="203" t="str">
        <f t="shared" si="541"/>
        <v/>
      </c>
      <c r="BC862" s="203" t="str">
        <f t="shared" si="542"/>
        <v/>
      </c>
      <c r="BD862" s="203" t="str">
        <f t="shared" si="543"/>
        <v/>
      </c>
      <c r="BE862" s="203" t="str">
        <f t="shared" si="544"/>
        <v/>
      </c>
      <c r="BF862" s="203" t="str">
        <f t="shared" si="545"/>
        <v/>
      </c>
      <c r="BG862" s="203" t="str">
        <f t="shared" si="546"/>
        <v/>
      </c>
      <c r="BH862" s="203" t="str">
        <f t="shared" si="547"/>
        <v/>
      </c>
      <c r="BI862" s="203" t="str">
        <f t="shared" si="548"/>
        <v/>
      </c>
      <c r="BJ862" s="203" t="str">
        <f t="shared" si="549"/>
        <v/>
      </c>
      <c r="BK862" s="203" t="str">
        <f t="shared" si="550"/>
        <v/>
      </c>
      <c r="BL862" s="203" t="str">
        <f t="shared" si="551"/>
        <v/>
      </c>
      <c r="BM862" s="203" t="str">
        <f t="shared" si="552"/>
        <v/>
      </c>
      <c r="BN862" s="203" t="str">
        <f t="shared" si="553"/>
        <v/>
      </c>
      <c r="BO862" s="203" t="str">
        <f t="shared" si="554"/>
        <v/>
      </c>
      <c r="BP862" s="203" t="str">
        <f t="shared" si="555"/>
        <v/>
      </c>
      <c r="BQ862" s="203" t="str">
        <f t="shared" si="556"/>
        <v/>
      </c>
      <c r="BR862" s="203" t="str">
        <f t="shared" si="557"/>
        <v/>
      </c>
      <c r="BS862" s="203" t="str">
        <f t="shared" si="558"/>
        <v/>
      </c>
      <c r="BT862" s="203" t="str">
        <f t="shared" si="559"/>
        <v/>
      </c>
      <c r="BU862" s="203" t="str">
        <f t="shared" si="560"/>
        <v/>
      </c>
      <c r="BV862" s="203" t="str">
        <f t="shared" si="561"/>
        <v/>
      </c>
      <c r="BW862" s="203" t="str">
        <f t="shared" si="562"/>
        <v/>
      </c>
      <c r="BX862" s="203" t="str">
        <f t="shared" si="563"/>
        <v/>
      </c>
      <c r="BY862" s="203" t="str">
        <f t="shared" si="564"/>
        <v/>
      </c>
      <c r="BZ862" s="203" t="str">
        <f t="shared" si="565"/>
        <v/>
      </c>
      <c r="CA862" s="203" t="str">
        <f t="shared" si="566"/>
        <v/>
      </c>
      <c r="CB862" s="203" t="str">
        <f t="shared" si="567"/>
        <v/>
      </c>
      <c r="CC862" s="203" t="str">
        <f t="shared" si="568"/>
        <v/>
      </c>
      <c r="CD862" s="263"/>
      <c r="CE862" s="263"/>
      <c r="CF862" s="263"/>
    </row>
    <row r="863" spans="1:84" s="248" customFormat="1" ht="56.1" hidden="1" customHeight="1" x14ac:dyDescent="0.2">
      <c r="A863" s="198">
        <v>863</v>
      </c>
      <c r="B863" s="199" t="s">
        <v>53</v>
      </c>
      <c r="C863" s="208" t="s">
        <v>655</v>
      </c>
      <c r="D863" s="243" t="s">
        <v>932</v>
      </c>
      <c r="E863" s="243" t="s">
        <v>1229</v>
      </c>
      <c r="F863" s="243" t="s">
        <v>1230</v>
      </c>
      <c r="G863" s="206" t="s">
        <v>58</v>
      </c>
      <c r="H863" s="243" t="s">
        <v>833</v>
      </c>
      <c r="I863" s="243" t="s">
        <v>81</v>
      </c>
      <c r="J863" s="206" t="s">
        <v>77</v>
      </c>
      <c r="K863" s="242" t="s">
        <v>722</v>
      </c>
      <c r="L863" s="205" t="s">
        <v>63</v>
      </c>
      <c r="M863" s="205" t="s">
        <v>63</v>
      </c>
      <c r="N863" s="290">
        <v>4522.375</v>
      </c>
      <c r="O863" s="245">
        <f t="shared" si="536"/>
        <v>4522.375</v>
      </c>
      <c r="P863" s="285" t="s">
        <v>659</v>
      </c>
      <c r="Q863" s="205" t="s">
        <v>65</v>
      </c>
      <c r="R863" s="203"/>
      <c r="S863" s="203"/>
      <c r="T863" s="203"/>
      <c r="U863" s="203"/>
      <c r="V863" s="203"/>
      <c r="W863" s="203"/>
      <c r="X863" s="203"/>
      <c r="Y863" s="203"/>
      <c r="Z863" s="203"/>
      <c r="AA863" s="203"/>
      <c r="AB863" s="203"/>
      <c r="AC863" s="203"/>
      <c r="AD863" s="203"/>
      <c r="AE863" s="203"/>
      <c r="AF863" s="203"/>
      <c r="AG863" s="203"/>
      <c r="AH863" s="205"/>
      <c r="AI863" s="203"/>
      <c r="AJ863" s="203"/>
      <c r="AK863" s="203"/>
      <c r="AL863" s="205"/>
      <c r="AM863" s="203"/>
      <c r="AN863" s="203"/>
      <c r="AO863" s="203"/>
      <c r="AP863" s="205"/>
      <c r="AQ863" s="203"/>
      <c r="AR863" s="205"/>
      <c r="AS863" s="205"/>
      <c r="AT863" s="203"/>
      <c r="AU863" s="205"/>
      <c r="AV863" s="205"/>
      <c r="AW863" s="204">
        <f t="shared" si="537"/>
        <v>0</v>
      </c>
      <c r="AX863" s="205"/>
      <c r="AY863" s="203" t="str">
        <f t="shared" si="538"/>
        <v/>
      </c>
      <c r="AZ863" s="203" t="str">
        <f t="shared" si="539"/>
        <v/>
      </c>
      <c r="BA863" s="203" t="str">
        <f t="shared" si="540"/>
        <v/>
      </c>
      <c r="BB863" s="203" t="str">
        <f t="shared" si="541"/>
        <v/>
      </c>
      <c r="BC863" s="203" t="str">
        <f t="shared" si="542"/>
        <v/>
      </c>
      <c r="BD863" s="203" t="str">
        <f t="shared" si="543"/>
        <v/>
      </c>
      <c r="BE863" s="203" t="str">
        <f t="shared" si="544"/>
        <v/>
      </c>
      <c r="BF863" s="203" t="str">
        <f t="shared" si="545"/>
        <v/>
      </c>
      <c r="BG863" s="203" t="str">
        <f t="shared" si="546"/>
        <v/>
      </c>
      <c r="BH863" s="203" t="str">
        <f t="shared" si="547"/>
        <v/>
      </c>
      <c r="BI863" s="203" t="str">
        <f t="shared" si="548"/>
        <v/>
      </c>
      <c r="BJ863" s="203" t="str">
        <f t="shared" si="549"/>
        <v/>
      </c>
      <c r="BK863" s="203" t="str">
        <f t="shared" si="550"/>
        <v/>
      </c>
      <c r="BL863" s="203" t="str">
        <f t="shared" si="551"/>
        <v/>
      </c>
      <c r="BM863" s="203" t="str">
        <f t="shared" si="552"/>
        <v/>
      </c>
      <c r="BN863" s="203" t="str">
        <f t="shared" si="553"/>
        <v/>
      </c>
      <c r="BO863" s="203" t="str">
        <f t="shared" si="554"/>
        <v/>
      </c>
      <c r="BP863" s="203" t="str">
        <f t="shared" si="555"/>
        <v/>
      </c>
      <c r="BQ863" s="203" t="str">
        <f t="shared" si="556"/>
        <v/>
      </c>
      <c r="BR863" s="203" t="str">
        <f t="shared" si="557"/>
        <v/>
      </c>
      <c r="BS863" s="203" t="str">
        <f t="shared" si="558"/>
        <v/>
      </c>
      <c r="BT863" s="203" t="str">
        <f t="shared" si="559"/>
        <v/>
      </c>
      <c r="BU863" s="203" t="str">
        <f t="shared" si="560"/>
        <v/>
      </c>
      <c r="BV863" s="203" t="str">
        <f t="shared" si="561"/>
        <v/>
      </c>
      <c r="BW863" s="203" t="str">
        <f t="shared" si="562"/>
        <v/>
      </c>
      <c r="BX863" s="203" t="str">
        <f t="shared" si="563"/>
        <v/>
      </c>
      <c r="BY863" s="203" t="str">
        <f t="shared" si="564"/>
        <v/>
      </c>
      <c r="BZ863" s="203" t="str">
        <f t="shared" si="565"/>
        <v/>
      </c>
      <c r="CA863" s="203" t="str">
        <f t="shared" si="566"/>
        <v/>
      </c>
      <c r="CB863" s="203" t="str">
        <f t="shared" si="567"/>
        <v/>
      </c>
      <c r="CC863" s="203" t="str">
        <f t="shared" si="568"/>
        <v/>
      </c>
      <c r="CD863" s="263"/>
      <c r="CE863" s="263"/>
      <c r="CF863" s="263"/>
    </row>
    <row r="864" spans="1:84" s="248" customFormat="1" ht="56.1" hidden="1" customHeight="1" x14ac:dyDescent="0.2">
      <c r="A864" s="198">
        <v>864</v>
      </c>
      <c r="B864" s="199" t="s">
        <v>53</v>
      </c>
      <c r="C864" s="208" t="s">
        <v>655</v>
      </c>
      <c r="D864" s="243" t="s">
        <v>932</v>
      </c>
      <c r="E864" s="243" t="s">
        <v>1231</v>
      </c>
      <c r="F864" s="243" t="s">
        <v>1232</v>
      </c>
      <c r="G864" s="206" t="s">
        <v>58</v>
      </c>
      <c r="H864" s="243" t="s">
        <v>833</v>
      </c>
      <c r="I864" s="243" t="s">
        <v>81</v>
      </c>
      <c r="J864" s="206" t="s">
        <v>77</v>
      </c>
      <c r="K864" s="242" t="s">
        <v>722</v>
      </c>
      <c r="L864" s="205" t="s">
        <v>63</v>
      </c>
      <c r="M864" s="205" t="s">
        <v>63</v>
      </c>
      <c r="N864" s="290">
        <v>388.513125</v>
      </c>
      <c r="O864" s="245">
        <f t="shared" si="536"/>
        <v>388.513125</v>
      </c>
      <c r="P864" s="285" t="s">
        <v>659</v>
      </c>
      <c r="Q864" s="205" t="s">
        <v>65</v>
      </c>
      <c r="R864" s="203"/>
      <c r="S864" s="203"/>
      <c r="T864" s="203"/>
      <c r="U864" s="203"/>
      <c r="V864" s="203"/>
      <c r="W864" s="203"/>
      <c r="X864" s="203"/>
      <c r="Y864" s="203"/>
      <c r="Z864" s="203"/>
      <c r="AA864" s="203"/>
      <c r="AB864" s="203"/>
      <c r="AC864" s="203"/>
      <c r="AD864" s="203"/>
      <c r="AE864" s="203"/>
      <c r="AF864" s="203"/>
      <c r="AG864" s="203"/>
      <c r="AH864" s="205"/>
      <c r="AI864" s="203"/>
      <c r="AJ864" s="203"/>
      <c r="AK864" s="203"/>
      <c r="AL864" s="205"/>
      <c r="AM864" s="203"/>
      <c r="AN864" s="203"/>
      <c r="AO864" s="203"/>
      <c r="AP864" s="205"/>
      <c r="AQ864" s="203"/>
      <c r="AR864" s="205"/>
      <c r="AS864" s="205"/>
      <c r="AT864" s="203"/>
      <c r="AU864" s="205"/>
      <c r="AV864" s="205"/>
      <c r="AW864" s="204">
        <f t="shared" si="537"/>
        <v>0</v>
      </c>
      <c r="AX864" s="205"/>
      <c r="AY864" s="203" t="str">
        <f t="shared" si="538"/>
        <v/>
      </c>
      <c r="AZ864" s="203" t="str">
        <f t="shared" si="539"/>
        <v/>
      </c>
      <c r="BA864" s="203" t="str">
        <f t="shared" si="540"/>
        <v/>
      </c>
      <c r="BB864" s="203" t="str">
        <f t="shared" si="541"/>
        <v/>
      </c>
      <c r="BC864" s="203" t="str">
        <f t="shared" si="542"/>
        <v/>
      </c>
      <c r="BD864" s="203" t="str">
        <f t="shared" si="543"/>
        <v/>
      </c>
      <c r="BE864" s="203" t="str">
        <f t="shared" si="544"/>
        <v/>
      </c>
      <c r="BF864" s="203" t="str">
        <f t="shared" si="545"/>
        <v/>
      </c>
      <c r="BG864" s="203" t="str">
        <f t="shared" si="546"/>
        <v/>
      </c>
      <c r="BH864" s="203" t="str">
        <f t="shared" si="547"/>
        <v/>
      </c>
      <c r="BI864" s="203" t="str">
        <f t="shared" si="548"/>
        <v/>
      </c>
      <c r="BJ864" s="203" t="str">
        <f t="shared" si="549"/>
        <v/>
      </c>
      <c r="BK864" s="203" t="str">
        <f t="shared" si="550"/>
        <v/>
      </c>
      <c r="BL864" s="203" t="str">
        <f t="shared" si="551"/>
        <v/>
      </c>
      <c r="BM864" s="203" t="str">
        <f t="shared" si="552"/>
        <v/>
      </c>
      <c r="BN864" s="203" t="str">
        <f t="shared" si="553"/>
        <v/>
      </c>
      <c r="BO864" s="203" t="str">
        <f t="shared" si="554"/>
        <v/>
      </c>
      <c r="BP864" s="203" t="str">
        <f t="shared" si="555"/>
        <v/>
      </c>
      <c r="BQ864" s="203" t="str">
        <f t="shared" si="556"/>
        <v/>
      </c>
      <c r="BR864" s="203" t="str">
        <f t="shared" si="557"/>
        <v/>
      </c>
      <c r="BS864" s="203" t="str">
        <f t="shared" si="558"/>
        <v/>
      </c>
      <c r="BT864" s="203" t="str">
        <f t="shared" si="559"/>
        <v/>
      </c>
      <c r="BU864" s="203" t="str">
        <f t="shared" si="560"/>
        <v/>
      </c>
      <c r="BV864" s="203" t="str">
        <f t="shared" si="561"/>
        <v/>
      </c>
      <c r="BW864" s="203" t="str">
        <f t="shared" si="562"/>
        <v/>
      </c>
      <c r="BX864" s="203" t="str">
        <f t="shared" si="563"/>
        <v/>
      </c>
      <c r="BY864" s="203" t="str">
        <f t="shared" si="564"/>
        <v/>
      </c>
      <c r="BZ864" s="203" t="str">
        <f t="shared" si="565"/>
        <v/>
      </c>
      <c r="CA864" s="203" t="str">
        <f t="shared" si="566"/>
        <v/>
      </c>
      <c r="CB864" s="203" t="str">
        <f t="shared" si="567"/>
        <v/>
      </c>
      <c r="CC864" s="203" t="str">
        <f t="shared" si="568"/>
        <v/>
      </c>
      <c r="CD864" s="263"/>
      <c r="CE864" s="263"/>
      <c r="CF864" s="263"/>
    </row>
    <row r="865" spans="1:84" s="248" customFormat="1" ht="56.1" hidden="1" customHeight="1" x14ac:dyDescent="0.2">
      <c r="A865" s="198">
        <v>865</v>
      </c>
      <c r="B865" s="199" t="s">
        <v>53</v>
      </c>
      <c r="C865" s="208" t="s">
        <v>655</v>
      </c>
      <c r="D865" s="243" t="s">
        <v>932</v>
      </c>
      <c r="E865" s="243" t="s">
        <v>1233</v>
      </c>
      <c r="F865" s="243" t="s">
        <v>1234</v>
      </c>
      <c r="G865" s="206" t="s">
        <v>58</v>
      </c>
      <c r="H865" s="243" t="s">
        <v>833</v>
      </c>
      <c r="I865" s="243" t="s">
        <v>81</v>
      </c>
      <c r="J865" s="206" t="s">
        <v>77</v>
      </c>
      <c r="K865" s="242" t="s">
        <v>722</v>
      </c>
      <c r="L865" s="205" t="s">
        <v>63</v>
      </c>
      <c r="M865" s="205" t="s">
        <v>63</v>
      </c>
      <c r="N865" s="290">
        <v>129504.375</v>
      </c>
      <c r="O865" s="245">
        <f t="shared" si="536"/>
        <v>129504.375</v>
      </c>
      <c r="P865" s="285" t="s">
        <v>659</v>
      </c>
      <c r="Q865" s="205" t="s">
        <v>65</v>
      </c>
      <c r="R865" s="203"/>
      <c r="S865" s="203"/>
      <c r="T865" s="203"/>
      <c r="U865" s="203"/>
      <c r="V865" s="203"/>
      <c r="W865" s="203"/>
      <c r="X865" s="203"/>
      <c r="Y865" s="203"/>
      <c r="Z865" s="203"/>
      <c r="AA865" s="203"/>
      <c r="AB865" s="203"/>
      <c r="AC865" s="203"/>
      <c r="AD865" s="203"/>
      <c r="AE865" s="203"/>
      <c r="AF865" s="203"/>
      <c r="AG865" s="203"/>
      <c r="AH865" s="205"/>
      <c r="AI865" s="203"/>
      <c r="AJ865" s="203"/>
      <c r="AK865" s="203"/>
      <c r="AL865" s="205"/>
      <c r="AM865" s="203"/>
      <c r="AN865" s="203"/>
      <c r="AO865" s="203"/>
      <c r="AP865" s="205"/>
      <c r="AQ865" s="203"/>
      <c r="AR865" s="205"/>
      <c r="AS865" s="205"/>
      <c r="AT865" s="203"/>
      <c r="AU865" s="205"/>
      <c r="AV865" s="205"/>
      <c r="AW865" s="204">
        <f t="shared" si="537"/>
        <v>0</v>
      </c>
      <c r="AX865" s="205"/>
      <c r="AY865" s="203" t="str">
        <f t="shared" si="538"/>
        <v/>
      </c>
      <c r="AZ865" s="203" t="str">
        <f t="shared" si="539"/>
        <v/>
      </c>
      <c r="BA865" s="203" t="str">
        <f t="shared" si="540"/>
        <v/>
      </c>
      <c r="BB865" s="203" t="str">
        <f t="shared" si="541"/>
        <v/>
      </c>
      <c r="BC865" s="203" t="str">
        <f t="shared" si="542"/>
        <v/>
      </c>
      <c r="BD865" s="203" t="str">
        <f t="shared" si="543"/>
        <v/>
      </c>
      <c r="BE865" s="203" t="str">
        <f t="shared" si="544"/>
        <v/>
      </c>
      <c r="BF865" s="203" t="str">
        <f t="shared" si="545"/>
        <v/>
      </c>
      <c r="BG865" s="203" t="str">
        <f t="shared" si="546"/>
        <v/>
      </c>
      <c r="BH865" s="203" t="str">
        <f t="shared" si="547"/>
        <v/>
      </c>
      <c r="BI865" s="203" t="str">
        <f t="shared" si="548"/>
        <v/>
      </c>
      <c r="BJ865" s="203" t="str">
        <f t="shared" si="549"/>
        <v/>
      </c>
      <c r="BK865" s="203" t="str">
        <f t="shared" si="550"/>
        <v/>
      </c>
      <c r="BL865" s="203" t="str">
        <f t="shared" si="551"/>
        <v/>
      </c>
      <c r="BM865" s="203" t="str">
        <f t="shared" si="552"/>
        <v/>
      </c>
      <c r="BN865" s="203" t="str">
        <f t="shared" si="553"/>
        <v/>
      </c>
      <c r="BO865" s="203" t="str">
        <f t="shared" si="554"/>
        <v/>
      </c>
      <c r="BP865" s="203" t="str">
        <f t="shared" si="555"/>
        <v/>
      </c>
      <c r="BQ865" s="203" t="str">
        <f t="shared" si="556"/>
        <v/>
      </c>
      <c r="BR865" s="203" t="str">
        <f t="shared" si="557"/>
        <v/>
      </c>
      <c r="BS865" s="203" t="str">
        <f t="shared" si="558"/>
        <v/>
      </c>
      <c r="BT865" s="203" t="str">
        <f t="shared" si="559"/>
        <v/>
      </c>
      <c r="BU865" s="203" t="str">
        <f t="shared" si="560"/>
        <v/>
      </c>
      <c r="BV865" s="203" t="str">
        <f t="shared" si="561"/>
        <v/>
      </c>
      <c r="BW865" s="203" t="str">
        <f t="shared" si="562"/>
        <v/>
      </c>
      <c r="BX865" s="203" t="str">
        <f t="shared" si="563"/>
        <v/>
      </c>
      <c r="BY865" s="203" t="str">
        <f t="shared" si="564"/>
        <v/>
      </c>
      <c r="BZ865" s="203" t="str">
        <f t="shared" si="565"/>
        <v/>
      </c>
      <c r="CA865" s="203" t="str">
        <f t="shared" si="566"/>
        <v/>
      </c>
      <c r="CB865" s="203" t="str">
        <f t="shared" si="567"/>
        <v/>
      </c>
      <c r="CC865" s="203" t="str">
        <f t="shared" si="568"/>
        <v/>
      </c>
      <c r="CD865" s="263"/>
      <c r="CE865" s="263"/>
      <c r="CF865" s="263"/>
    </row>
    <row r="866" spans="1:84" s="248" customFormat="1" ht="56.1" hidden="1" customHeight="1" x14ac:dyDescent="0.2">
      <c r="A866" s="198">
        <v>866</v>
      </c>
      <c r="B866" s="199" t="s">
        <v>53</v>
      </c>
      <c r="C866" s="208" t="s">
        <v>655</v>
      </c>
      <c r="D866" s="243" t="s">
        <v>932</v>
      </c>
      <c r="E866" s="243" t="s">
        <v>1235</v>
      </c>
      <c r="F866" s="243" t="s">
        <v>1236</v>
      </c>
      <c r="G866" s="206" t="s">
        <v>58</v>
      </c>
      <c r="H866" s="243" t="s">
        <v>833</v>
      </c>
      <c r="I866" s="243" t="s">
        <v>81</v>
      </c>
      <c r="J866" s="206" t="s">
        <v>77</v>
      </c>
      <c r="K866" s="242" t="s">
        <v>722</v>
      </c>
      <c r="L866" s="205" t="s">
        <v>63</v>
      </c>
      <c r="M866" s="205" t="s">
        <v>63</v>
      </c>
      <c r="N866" s="290">
        <v>71570.416060000003</v>
      </c>
      <c r="O866" s="245">
        <f t="shared" si="536"/>
        <v>71570.416060000003</v>
      </c>
      <c r="P866" s="285" t="s">
        <v>659</v>
      </c>
      <c r="Q866" s="205" t="s">
        <v>65</v>
      </c>
      <c r="R866" s="203"/>
      <c r="S866" s="203"/>
      <c r="T866" s="203"/>
      <c r="U866" s="203"/>
      <c r="V866" s="203"/>
      <c r="W866" s="203"/>
      <c r="X866" s="203"/>
      <c r="Y866" s="203"/>
      <c r="Z866" s="203"/>
      <c r="AA866" s="203"/>
      <c r="AB866" s="203"/>
      <c r="AC866" s="203"/>
      <c r="AD866" s="203"/>
      <c r="AE866" s="203"/>
      <c r="AF866" s="203"/>
      <c r="AG866" s="203"/>
      <c r="AH866" s="205"/>
      <c r="AI866" s="203"/>
      <c r="AJ866" s="203"/>
      <c r="AK866" s="203"/>
      <c r="AL866" s="205"/>
      <c r="AM866" s="203"/>
      <c r="AN866" s="203"/>
      <c r="AO866" s="203"/>
      <c r="AP866" s="205"/>
      <c r="AQ866" s="203"/>
      <c r="AR866" s="205"/>
      <c r="AS866" s="205"/>
      <c r="AT866" s="203"/>
      <c r="AU866" s="205"/>
      <c r="AV866" s="205"/>
      <c r="AW866" s="204">
        <f t="shared" si="537"/>
        <v>0</v>
      </c>
      <c r="AX866" s="205"/>
      <c r="AY866" s="203" t="str">
        <f t="shared" si="538"/>
        <v/>
      </c>
      <c r="AZ866" s="203" t="str">
        <f t="shared" si="539"/>
        <v/>
      </c>
      <c r="BA866" s="203" t="str">
        <f t="shared" si="540"/>
        <v/>
      </c>
      <c r="BB866" s="203" t="str">
        <f t="shared" si="541"/>
        <v/>
      </c>
      <c r="BC866" s="203" t="str">
        <f t="shared" si="542"/>
        <v/>
      </c>
      <c r="BD866" s="203" t="str">
        <f t="shared" si="543"/>
        <v/>
      </c>
      <c r="BE866" s="203" t="str">
        <f t="shared" si="544"/>
        <v/>
      </c>
      <c r="BF866" s="203" t="str">
        <f t="shared" si="545"/>
        <v/>
      </c>
      <c r="BG866" s="203" t="str">
        <f t="shared" si="546"/>
        <v/>
      </c>
      <c r="BH866" s="203" t="str">
        <f t="shared" si="547"/>
        <v/>
      </c>
      <c r="BI866" s="203" t="str">
        <f t="shared" si="548"/>
        <v/>
      </c>
      <c r="BJ866" s="203" t="str">
        <f t="shared" si="549"/>
        <v/>
      </c>
      <c r="BK866" s="203" t="str">
        <f t="shared" si="550"/>
        <v/>
      </c>
      <c r="BL866" s="203" t="str">
        <f t="shared" si="551"/>
        <v/>
      </c>
      <c r="BM866" s="203" t="str">
        <f t="shared" si="552"/>
        <v/>
      </c>
      <c r="BN866" s="203" t="str">
        <f t="shared" si="553"/>
        <v/>
      </c>
      <c r="BO866" s="203" t="str">
        <f t="shared" si="554"/>
        <v/>
      </c>
      <c r="BP866" s="203" t="str">
        <f t="shared" si="555"/>
        <v/>
      </c>
      <c r="BQ866" s="203" t="str">
        <f t="shared" si="556"/>
        <v/>
      </c>
      <c r="BR866" s="203" t="str">
        <f t="shared" si="557"/>
        <v/>
      </c>
      <c r="BS866" s="203" t="str">
        <f t="shared" si="558"/>
        <v/>
      </c>
      <c r="BT866" s="203" t="str">
        <f t="shared" si="559"/>
        <v/>
      </c>
      <c r="BU866" s="203" t="str">
        <f t="shared" si="560"/>
        <v/>
      </c>
      <c r="BV866" s="203" t="str">
        <f t="shared" si="561"/>
        <v/>
      </c>
      <c r="BW866" s="203" t="str">
        <f t="shared" si="562"/>
        <v/>
      </c>
      <c r="BX866" s="203" t="str">
        <f t="shared" si="563"/>
        <v/>
      </c>
      <c r="BY866" s="203" t="str">
        <f t="shared" si="564"/>
        <v/>
      </c>
      <c r="BZ866" s="203" t="str">
        <f t="shared" si="565"/>
        <v/>
      </c>
      <c r="CA866" s="203" t="str">
        <f t="shared" si="566"/>
        <v/>
      </c>
      <c r="CB866" s="203" t="str">
        <f t="shared" si="567"/>
        <v/>
      </c>
      <c r="CC866" s="203" t="str">
        <f t="shared" si="568"/>
        <v/>
      </c>
      <c r="CD866" s="263"/>
      <c r="CE866" s="263"/>
      <c r="CF866" s="263"/>
    </row>
    <row r="867" spans="1:84" s="248" customFormat="1" ht="56.1" hidden="1" customHeight="1" x14ac:dyDescent="0.2">
      <c r="A867" s="198">
        <v>867</v>
      </c>
      <c r="B867" s="199" t="s">
        <v>53</v>
      </c>
      <c r="C867" s="208" t="s">
        <v>655</v>
      </c>
      <c r="D867" s="243" t="s">
        <v>932</v>
      </c>
      <c r="E867" s="243" t="s">
        <v>1237</v>
      </c>
      <c r="F867" s="243" t="s">
        <v>1238</v>
      </c>
      <c r="G867" s="206" t="s">
        <v>58</v>
      </c>
      <c r="H867" s="243" t="s">
        <v>833</v>
      </c>
      <c r="I867" s="243" t="s">
        <v>81</v>
      </c>
      <c r="J867" s="206" t="s">
        <v>77</v>
      </c>
      <c r="K867" s="242" t="s">
        <v>722</v>
      </c>
      <c r="L867" s="205" t="s">
        <v>63</v>
      </c>
      <c r="M867" s="205" t="s">
        <v>63</v>
      </c>
      <c r="N867" s="290">
        <v>417830.03762499994</v>
      </c>
      <c r="O867" s="245">
        <f t="shared" si="536"/>
        <v>417830.03762499994</v>
      </c>
      <c r="P867" s="285" t="s">
        <v>659</v>
      </c>
      <c r="Q867" s="205" t="s">
        <v>65</v>
      </c>
      <c r="R867" s="203"/>
      <c r="S867" s="203"/>
      <c r="T867" s="203"/>
      <c r="U867" s="203"/>
      <c r="V867" s="203"/>
      <c r="W867" s="203"/>
      <c r="X867" s="203"/>
      <c r="Y867" s="203"/>
      <c r="Z867" s="203"/>
      <c r="AA867" s="203"/>
      <c r="AB867" s="203"/>
      <c r="AC867" s="203"/>
      <c r="AD867" s="203"/>
      <c r="AE867" s="203"/>
      <c r="AF867" s="203"/>
      <c r="AG867" s="203"/>
      <c r="AH867" s="205"/>
      <c r="AI867" s="203"/>
      <c r="AJ867" s="203"/>
      <c r="AK867" s="203"/>
      <c r="AL867" s="205"/>
      <c r="AM867" s="203"/>
      <c r="AN867" s="203"/>
      <c r="AO867" s="203"/>
      <c r="AP867" s="205"/>
      <c r="AQ867" s="203"/>
      <c r="AR867" s="205"/>
      <c r="AS867" s="205"/>
      <c r="AT867" s="203"/>
      <c r="AU867" s="205"/>
      <c r="AV867" s="205"/>
      <c r="AW867" s="204">
        <f t="shared" si="537"/>
        <v>0</v>
      </c>
      <c r="AX867" s="205"/>
      <c r="AY867" s="203" t="str">
        <f t="shared" si="538"/>
        <v/>
      </c>
      <c r="AZ867" s="203" t="str">
        <f t="shared" si="539"/>
        <v/>
      </c>
      <c r="BA867" s="203" t="str">
        <f t="shared" si="540"/>
        <v/>
      </c>
      <c r="BB867" s="203" t="str">
        <f t="shared" si="541"/>
        <v/>
      </c>
      <c r="BC867" s="203" t="str">
        <f t="shared" si="542"/>
        <v/>
      </c>
      <c r="BD867" s="203" t="str">
        <f t="shared" si="543"/>
        <v/>
      </c>
      <c r="BE867" s="203" t="str">
        <f t="shared" si="544"/>
        <v/>
      </c>
      <c r="BF867" s="203" t="str">
        <f t="shared" si="545"/>
        <v/>
      </c>
      <c r="BG867" s="203" t="str">
        <f t="shared" si="546"/>
        <v/>
      </c>
      <c r="BH867" s="203" t="str">
        <f t="shared" si="547"/>
        <v/>
      </c>
      <c r="BI867" s="203" t="str">
        <f t="shared" si="548"/>
        <v/>
      </c>
      <c r="BJ867" s="203" t="str">
        <f t="shared" si="549"/>
        <v/>
      </c>
      <c r="BK867" s="203" t="str">
        <f t="shared" si="550"/>
        <v/>
      </c>
      <c r="BL867" s="203" t="str">
        <f t="shared" si="551"/>
        <v/>
      </c>
      <c r="BM867" s="203" t="str">
        <f t="shared" si="552"/>
        <v/>
      </c>
      <c r="BN867" s="203" t="str">
        <f t="shared" si="553"/>
        <v/>
      </c>
      <c r="BO867" s="203" t="str">
        <f t="shared" si="554"/>
        <v/>
      </c>
      <c r="BP867" s="203" t="str">
        <f t="shared" si="555"/>
        <v/>
      </c>
      <c r="BQ867" s="203" t="str">
        <f t="shared" si="556"/>
        <v/>
      </c>
      <c r="BR867" s="203" t="str">
        <f t="shared" si="557"/>
        <v/>
      </c>
      <c r="BS867" s="203" t="str">
        <f t="shared" si="558"/>
        <v/>
      </c>
      <c r="BT867" s="203" t="str">
        <f t="shared" si="559"/>
        <v/>
      </c>
      <c r="BU867" s="203" t="str">
        <f t="shared" si="560"/>
        <v/>
      </c>
      <c r="BV867" s="203" t="str">
        <f t="shared" si="561"/>
        <v/>
      </c>
      <c r="BW867" s="203" t="str">
        <f t="shared" si="562"/>
        <v/>
      </c>
      <c r="BX867" s="203" t="str">
        <f t="shared" si="563"/>
        <v/>
      </c>
      <c r="BY867" s="203" t="str">
        <f t="shared" si="564"/>
        <v/>
      </c>
      <c r="BZ867" s="203" t="str">
        <f t="shared" si="565"/>
        <v/>
      </c>
      <c r="CA867" s="203" t="str">
        <f t="shared" si="566"/>
        <v/>
      </c>
      <c r="CB867" s="203" t="str">
        <f t="shared" si="567"/>
        <v/>
      </c>
      <c r="CC867" s="203" t="str">
        <f t="shared" si="568"/>
        <v/>
      </c>
      <c r="CD867" s="263"/>
      <c r="CE867" s="263"/>
      <c r="CF867" s="263"/>
    </row>
    <row r="868" spans="1:84" s="248" customFormat="1" ht="56.1" hidden="1" customHeight="1" x14ac:dyDescent="0.2">
      <c r="A868" s="198">
        <v>868</v>
      </c>
      <c r="B868" s="199" t="s">
        <v>53</v>
      </c>
      <c r="C868" s="208" t="s">
        <v>655</v>
      </c>
      <c r="D868" s="243" t="s">
        <v>932</v>
      </c>
      <c r="E868" s="243" t="s">
        <v>1239</v>
      </c>
      <c r="F868" s="243" t="s">
        <v>1240</v>
      </c>
      <c r="G868" s="206" t="s">
        <v>58</v>
      </c>
      <c r="H868" s="243" t="s">
        <v>833</v>
      </c>
      <c r="I868" s="243" t="s">
        <v>81</v>
      </c>
      <c r="J868" s="206" t="s">
        <v>77</v>
      </c>
      <c r="K868" s="242" t="s">
        <v>722</v>
      </c>
      <c r="L868" s="205" t="s">
        <v>63</v>
      </c>
      <c r="M868" s="205" t="s">
        <v>63</v>
      </c>
      <c r="N868" s="290">
        <v>2261.1875</v>
      </c>
      <c r="O868" s="245">
        <f t="shared" si="536"/>
        <v>2261.1875</v>
      </c>
      <c r="P868" s="285" t="s">
        <v>659</v>
      </c>
      <c r="Q868" s="205" t="s">
        <v>65</v>
      </c>
      <c r="R868" s="203"/>
      <c r="S868" s="203"/>
      <c r="T868" s="203"/>
      <c r="U868" s="203"/>
      <c r="V868" s="203"/>
      <c r="W868" s="203"/>
      <c r="X868" s="203"/>
      <c r="Y868" s="203"/>
      <c r="Z868" s="203"/>
      <c r="AA868" s="203"/>
      <c r="AB868" s="203"/>
      <c r="AC868" s="203"/>
      <c r="AD868" s="203"/>
      <c r="AE868" s="203"/>
      <c r="AF868" s="203"/>
      <c r="AG868" s="203"/>
      <c r="AH868" s="205"/>
      <c r="AI868" s="203"/>
      <c r="AJ868" s="203"/>
      <c r="AK868" s="203"/>
      <c r="AL868" s="205"/>
      <c r="AM868" s="203"/>
      <c r="AN868" s="203"/>
      <c r="AO868" s="203"/>
      <c r="AP868" s="205"/>
      <c r="AQ868" s="203"/>
      <c r="AR868" s="205"/>
      <c r="AS868" s="205"/>
      <c r="AT868" s="203"/>
      <c r="AU868" s="205"/>
      <c r="AV868" s="205"/>
      <c r="AW868" s="204">
        <f t="shared" si="537"/>
        <v>0</v>
      </c>
      <c r="AX868" s="205"/>
      <c r="AY868" s="203" t="str">
        <f t="shared" si="538"/>
        <v/>
      </c>
      <c r="AZ868" s="203" t="str">
        <f t="shared" si="539"/>
        <v/>
      </c>
      <c r="BA868" s="203" t="str">
        <f t="shared" si="540"/>
        <v/>
      </c>
      <c r="BB868" s="203" t="str">
        <f t="shared" si="541"/>
        <v/>
      </c>
      <c r="BC868" s="203" t="str">
        <f t="shared" si="542"/>
        <v/>
      </c>
      <c r="BD868" s="203" t="str">
        <f t="shared" si="543"/>
        <v/>
      </c>
      <c r="BE868" s="203" t="str">
        <f t="shared" si="544"/>
        <v/>
      </c>
      <c r="BF868" s="203" t="str">
        <f t="shared" si="545"/>
        <v/>
      </c>
      <c r="BG868" s="203" t="str">
        <f t="shared" si="546"/>
        <v/>
      </c>
      <c r="BH868" s="203" t="str">
        <f t="shared" si="547"/>
        <v/>
      </c>
      <c r="BI868" s="203" t="str">
        <f t="shared" si="548"/>
        <v/>
      </c>
      <c r="BJ868" s="203" t="str">
        <f t="shared" si="549"/>
        <v/>
      </c>
      <c r="BK868" s="203" t="str">
        <f t="shared" si="550"/>
        <v/>
      </c>
      <c r="BL868" s="203" t="str">
        <f t="shared" si="551"/>
        <v/>
      </c>
      <c r="BM868" s="203" t="str">
        <f t="shared" si="552"/>
        <v/>
      </c>
      <c r="BN868" s="203" t="str">
        <f t="shared" si="553"/>
        <v/>
      </c>
      <c r="BO868" s="203" t="str">
        <f t="shared" si="554"/>
        <v/>
      </c>
      <c r="BP868" s="203" t="str">
        <f t="shared" si="555"/>
        <v/>
      </c>
      <c r="BQ868" s="203" t="str">
        <f t="shared" si="556"/>
        <v/>
      </c>
      <c r="BR868" s="203" t="str">
        <f t="shared" si="557"/>
        <v/>
      </c>
      <c r="BS868" s="203" t="str">
        <f t="shared" si="558"/>
        <v/>
      </c>
      <c r="BT868" s="203" t="str">
        <f t="shared" si="559"/>
        <v/>
      </c>
      <c r="BU868" s="203" t="str">
        <f t="shared" si="560"/>
        <v/>
      </c>
      <c r="BV868" s="203" t="str">
        <f t="shared" si="561"/>
        <v/>
      </c>
      <c r="BW868" s="203" t="str">
        <f t="shared" si="562"/>
        <v/>
      </c>
      <c r="BX868" s="203" t="str">
        <f t="shared" si="563"/>
        <v/>
      </c>
      <c r="BY868" s="203" t="str">
        <f t="shared" si="564"/>
        <v/>
      </c>
      <c r="BZ868" s="203" t="str">
        <f t="shared" si="565"/>
        <v/>
      </c>
      <c r="CA868" s="203" t="str">
        <f t="shared" si="566"/>
        <v/>
      </c>
      <c r="CB868" s="203" t="str">
        <f t="shared" si="567"/>
        <v/>
      </c>
      <c r="CC868" s="203" t="str">
        <f t="shared" si="568"/>
        <v/>
      </c>
      <c r="CD868" s="263"/>
      <c r="CE868" s="263"/>
      <c r="CF868" s="263"/>
    </row>
    <row r="869" spans="1:84" s="248" customFormat="1" ht="56.1" hidden="1" customHeight="1" x14ac:dyDescent="0.2">
      <c r="A869" s="198">
        <v>869</v>
      </c>
      <c r="B869" s="199" t="s">
        <v>53</v>
      </c>
      <c r="C869" s="208" t="s">
        <v>655</v>
      </c>
      <c r="D869" s="243" t="s">
        <v>932</v>
      </c>
      <c r="E869" s="243" t="s">
        <v>1241</v>
      </c>
      <c r="F869" s="243" t="s">
        <v>1242</v>
      </c>
      <c r="G869" s="206" t="s">
        <v>58</v>
      </c>
      <c r="H869" s="243" t="s">
        <v>833</v>
      </c>
      <c r="I869" s="243" t="s">
        <v>81</v>
      </c>
      <c r="J869" s="206" t="s">
        <v>77</v>
      </c>
      <c r="K869" s="242" t="s">
        <v>722</v>
      </c>
      <c r="L869" s="205" t="s">
        <v>63</v>
      </c>
      <c r="M869" s="205" t="s">
        <v>63</v>
      </c>
      <c r="N869" s="290">
        <v>518.01749999999993</v>
      </c>
      <c r="O869" s="245">
        <f t="shared" si="536"/>
        <v>518.01749999999993</v>
      </c>
      <c r="P869" s="285" t="s">
        <v>659</v>
      </c>
      <c r="Q869" s="205" t="s">
        <v>65</v>
      </c>
      <c r="R869" s="203"/>
      <c r="S869" s="203"/>
      <c r="T869" s="203"/>
      <c r="U869" s="203"/>
      <c r="V869" s="203"/>
      <c r="W869" s="203"/>
      <c r="X869" s="203"/>
      <c r="Y869" s="203"/>
      <c r="Z869" s="203"/>
      <c r="AA869" s="203"/>
      <c r="AB869" s="203"/>
      <c r="AC869" s="203"/>
      <c r="AD869" s="203"/>
      <c r="AE869" s="203"/>
      <c r="AF869" s="203"/>
      <c r="AG869" s="203"/>
      <c r="AH869" s="205"/>
      <c r="AI869" s="203"/>
      <c r="AJ869" s="203"/>
      <c r="AK869" s="203"/>
      <c r="AL869" s="205"/>
      <c r="AM869" s="203"/>
      <c r="AN869" s="203"/>
      <c r="AO869" s="203"/>
      <c r="AP869" s="205"/>
      <c r="AQ869" s="203"/>
      <c r="AR869" s="205"/>
      <c r="AS869" s="205"/>
      <c r="AT869" s="203"/>
      <c r="AU869" s="205"/>
      <c r="AV869" s="205"/>
      <c r="AW869" s="204">
        <f t="shared" si="537"/>
        <v>0</v>
      </c>
      <c r="AX869" s="205"/>
      <c r="AY869" s="203" t="str">
        <f t="shared" si="538"/>
        <v/>
      </c>
      <c r="AZ869" s="203" t="str">
        <f t="shared" si="539"/>
        <v/>
      </c>
      <c r="BA869" s="203" t="str">
        <f t="shared" si="540"/>
        <v/>
      </c>
      <c r="BB869" s="203" t="str">
        <f t="shared" si="541"/>
        <v/>
      </c>
      <c r="BC869" s="203" t="str">
        <f t="shared" si="542"/>
        <v/>
      </c>
      <c r="BD869" s="203" t="str">
        <f t="shared" si="543"/>
        <v/>
      </c>
      <c r="BE869" s="203" t="str">
        <f t="shared" si="544"/>
        <v/>
      </c>
      <c r="BF869" s="203" t="str">
        <f t="shared" si="545"/>
        <v/>
      </c>
      <c r="BG869" s="203" t="str">
        <f t="shared" si="546"/>
        <v/>
      </c>
      <c r="BH869" s="203" t="str">
        <f t="shared" si="547"/>
        <v/>
      </c>
      <c r="BI869" s="203" t="str">
        <f t="shared" si="548"/>
        <v/>
      </c>
      <c r="BJ869" s="203" t="str">
        <f t="shared" si="549"/>
        <v/>
      </c>
      <c r="BK869" s="203" t="str">
        <f t="shared" si="550"/>
        <v/>
      </c>
      <c r="BL869" s="203" t="str">
        <f t="shared" si="551"/>
        <v/>
      </c>
      <c r="BM869" s="203" t="str">
        <f t="shared" si="552"/>
        <v/>
      </c>
      <c r="BN869" s="203" t="str">
        <f t="shared" si="553"/>
        <v/>
      </c>
      <c r="BO869" s="203" t="str">
        <f t="shared" si="554"/>
        <v/>
      </c>
      <c r="BP869" s="203" t="str">
        <f t="shared" si="555"/>
        <v/>
      </c>
      <c r="BQ869" s="203" t="str">
        <f t="shared" si="556"/>
        <v/>
      </c>
      <c r="BR869" s="203" t="str">
        <f t="shared" si="557"/>
        <v/>
      </c>
      <c r="BS869" s="203" t="str">
        <f t="shared" si="558"/>
        <v/>
      </c>
      <c r="BT869" s="203" t="str">
        <f t="shared" si="559"/>
        <v/>
      </c>
      <c r="BU869" s="203" t="str">
        <f t="shared" si="560"/>
        <v/>
      </c>
      <c r="BV869" s="203" t="str">
        <f t="shared" si="561"/>
        <v/>
      </c>
      <c r="BW869" s="203" t="str">
        <f t="shared" si="562"/>
        <v/>
      </c>
      <c r="BX869" s="203" t="str">
        <f t="shared" si="563"/>
        <v/>
      </c>
      <c r="BY869" s="203" t="str">
        <f t="shared" si="564"/>
        <v/>
      </c>
      <c r="BZ869" s="203" t="str">
        <f t="shared" si="565"/>
        <v/>
      </c>
      <c r="CA869" s="203" t="str">
        <f t="shared" si="566"/>
        <v/>
      </c>
      <c r="CB869" s="203" t="str">
        <f t="shared" si="567"/>
        <v/>
      </c>
      <c r="CC869" s="203" t="str">
        <f t="shared" si="568"/>
        <v/>
      </c>
      <c r="CD869" s="263"/>
      <c r="CE869" s="263"/>
      <c r="CF869" s="263"/>
    </row>
    <row r="870" spans="1:84" s="248" customFormat="1" ht="56.1" hidden="1" customHeight="1" x14ac:dyDescent="0.2">
      <c r="A870" s="198">
        <v>870</v>
      </c>
      <c r="B870" s="199" t="s">
        <v>53</v>
      </c>
      <c r="C870" s="208" t="s">
        <v>655</v>
      </c>
      <c r="D870" s="243" t="s">
        <v>932</v>
      </c>
      <c r="E870" s="243" t="s">
        <v>1243</v>
      </c>
      <c r="F870" s="243" t="s">
        <v>1244</v>
      </c>
      <c r="G870" s="206" t="s">
        <v>58</v>
      </c>
      <c r="H870" s="243" t="s">
        <v>833</v>
      </c>
      <c r="I870" s="243" t="s">
        <v>81</v>
      </c>
      <c r="J870" s="206" t="s">
        <v>77</v>
      </c>
      <c r="K870" s="242" t="s">
        <v>722</v>
      </c>
      <c r="L870" s="205" t="s">
        <v>63</v>
      </c>
      <c r="M870" s="205" t="s">
        <v>63</v>
      </c>
      <c r="N870" s="290">
        <v>4836.6060599999992</v>
      </c>
      <c r="O870" s="245">
        <f t="shared" si="536"/>
        <v>4836.6060599999992</v>
      </c>
      <c r="P870" s="285" t="s">
        <v>659</v>
      </c>
      <c r="Q870" s="205" t="s">
        <v>65</v>
      </c>
      <c r="R870" s="203"/>
      <c r="S870" s="203"/>
      <c r="T870" s="203"/>
      <c r="U870" s="203"/>
      <c r="V870" s="203"/>
      <c r="W870" s="203"/>
      <c r="X870" s="203"/>
      <c r="Y870" s="203"/>
      <c r="Z870" s="203"/>
      <c r="AA870" s="203"/>
      <c r="AB870" s="203"/>
      <c r="AC870" s="203"/>
      <c r="AD870" s="203"/>
      <c r="AE870" s="203"/>
      <c r="AF870" s="203"/>
      <c r="AG870" s="203"/>
      <c r="AH870" s="205"/>
      <c r="AI870" s="203"/>
      <c r="AJ870" s="203"/>
      <c r="AK870" s="203"/>
      <c r="AL870" s="205"/>
      <c r="AM870" s="203"/>
      <c r="AN870" s="203"/>
      <c r="AO870" s="203"/>
      <c r="AP870" s="205"/>
      <c r="AQ870" s="203"/>
      <c r="AR870" s="205"/>
      <c r="AS870" s="205"/>
      <c r="AT870" s="203"/>
      <c r="AU870" s="205"/>
      <c r="AV870" s="205"/>
      <c r="AW870" s="204">
        <f t="shared" si="537"/>
        <v>0</v>
      </c>
      <c r="AX870" s="205"/>
      <c r="AY870" s="203" t="str">
        <f t="shared" si="538"/>
        <v/>
      </c>
      <c r="AZ870" s="203" t="str">
        <f t="shared" si="539"/>
        <v/>
      </c>
      <c r="BA870" s="203" t="str">
        <f t="shared" si="540"/>
        <v/>
      </c>
      <c r="BB870" s="203" t="str">
        <f t="shared" si="541"/>
        <v/>
      </c>
      <c r="BC870" s="203" t="str">
        <f t="shared" si="542"/>
        <v/>
      </c>
      <c r="BD870" s="203" t="str">
        <f t="shared" si="543"/>
        <v/>
      </c>
      <c r="BE870" s="203" t="str">
        <f t="shared" si="544"/>
        <v/>
      </c>
      <c r="BF870" s="203" t="str">
        <f t="shared" si="545"/>
        <v/>
      </c>
      <c r="BG870" s="203" t="str">
        <f t="shared" si="546"/>
        <v/>
      </c>
      <c r="BH870" s="203" t="str">
        <f t="shared" si="547"/>
        <v/>
      </c>
      <c r="BI870" s="203" t="str">
        <f t="shared" si="548"/>
        <v/>
      </c>
      <c r="BJ870" s="203" t="str">
        <f t="shared" si="549"/>
        <v/>
      </c>
      <c r="BK870" s="203" t="str">
        <f t="shared" si="550"/>
        <v/>
      </c>
      <c r="BL870" s="203" t="str">
        <f t="shared" si="551"/>
        <v/>
      </c>
      <c r="BM870" s="203" t="str">
        <f t="shared" si="552"/>
        <v/>
      </c>
      <c r="BN870" s="203" t="str">
        <f t="shared" si="553"/>
        <v/>
      </c>
      <c r="BO870" s="203" t="str">
        <f t="shared" si="554"/>
        <v/>
      </c>
      <c r="BP870" s="203" t="str">
        <f t="shared" si="555"/>
        <v/>
      </c>
      <c r="BQ870" s="203" t="str">
        <f t="shared" si="556"/>
        <v/>
      </c>
      <c r="BR870" s="203" t="str">
        <f t="shared" si="557"/>
        <v/>
      </c>
      <c r="BS870" s="203" t="str">
        <f t="shared" si="558"/>
        <v/>
      </c>
      <c r="BT870" s="203" t="str">
        <f t="shared" si="559"/>
        <v/>
      </c>
      <c r="BU870" s="203" t="str">
        <f t="shared" si="560"/>
        <v/>
      </c>
      <c r="BV870" s="203" t="str">
        <f t="shared" si="561"/>
        <v/>
      </c>
      <c r="BW870" s="203" t="str">
        <f t="shared" si="562"/>
        <v/>
      </c>
      <c r="BX870" s="203" t="str">
        <f t="shared" si="563"/>
        <v/>
      </c>
      <c r="BY870" s="203" t="str">
        <f t="shared" si="564"/>
        <v/>
      </c>
      <c r="BZ870" s="203" t="str">
        <f t="shared" si="565"/>
        <v/>
      </c>
      <c r="CA870" s="203" t="str">
        <f t="shared" si="566"/>
        <v/>
      </c>
      <c r="CB870" s="203" t="str">
        <f t="shared" si="567"/>
        <v/>
      </c>
      <c r="CC870" s="203" t="str">
        <f t="shared" si="568"/>
        <v/>
      </c>
      <c r="CD870" s="263"/>
      <c r="CE870" s="263"/>
      <c r="CF870" s="263"/>
    </row>
    <row r="871" spans="1:84" s="248" customFormat="1" ht="56.1" hidden="1" customHeight="1" x14ac:dyDescent="0.2">
      <c r="A871" s="198">
        <v>871</v>
      </c>
      <c r="B871" s="199" t="s">
        <v>53</v>
      </c>
      <c r="C871" s="208" t="s">
        <v>655</v>
      </c>
      <c r="D871" s="243" t="s">
        <v>932</v>
      </c>
      <c r="E871" s="243" t="s">
        <v>1245</v>
      </c>
      <c r="F871" s="243" t="s">
        <v>1246</v>
      </c>
      <c r="G871" s="206" t="s">
        <v>58</v>
      </c>
      <c r="H871" s="243" t="s">
        <v>833</v>
      </c>
      <c r="I871" s="243" t="s">
        <v>81</v>
      </c>
      <c r="J871" s="206" t="s">
        <v>77</v>
      </c>
      <c r="K871" s="242" t="s">
        <v>722</v>
      </c>
      <c r="L871" s="205" t="s">
        <v>63</v>
      </c>
      <c r="M871" s="205" t="s">
        <v>63</v>
      </c>
      <c r="N871" s="290">
        <v>251608.5</v>
      </c>
      <c r="O871" s="245">
        <f t="shared" si="536"/>
        <v>251608.5</v>
      </c>
      <c r="P871" s="285" t="s">
        <v>659</v>
      </c>
      <c r="Q871" s="205" t="s">
        <v>65</v>
      </c>
      <c r="R871" s="203"/>
      <c r="S871" s="203"/>
      <c r="T871" s="203"/>
      <c r="U871" s="203"/>
      <c r="V871" s="203"/>
      <c r="W871" s="203"/>
      <c r="X871" s="203"/>
      <c r="Y871" s="203"/>
      <c r="Z871" s="203"/>
      <c r="AA871" s="203"/>
      <c r="AB871" s="203"/>
      <c r="AC871" s="203"/>
      <c r="AD871" s="203"/>
      <c r="AE871" s="203"/>
      <c r="AF871" s="203"/>
      <c r="AG871" s="203"/>
      <c r="AH871" s="205"/>
      <c r="AI871" s="203"/>
      <c r="AJ871" s="203"/>
      <c r="AK871" s="203"/>
      <c r="AL871" s="205"/>
      <c r="AM871" s="203"/>
      <c r="AN871" s="203"/>
      <c r="AO871" s="203"/>
      <c r="AP871" s="205"/>
      <c r="AQ871" s="203"/>
      <c r="AR871" s="205"/>
      <c r="AS871" s="205"/>
      <c r="AT871" s="203"/>
      <c r="AU871" s="205"/>
      <c r="AV871" s="205"/>
      <c r="AW871" s="204">
        <f t="shared" si="537"/>
        <v>0</v>
      </c>
      <c r="AX871" s="205"/>
      <c r="AY871" s="203" t="str">
        <f t="shared" si="538"/>
        <v/>
      </c>
      <c r="AZ871" s="203" t="str">
        <f t="shared" si="539"/>
        <v/>
      </c>
      <c r="BA871" s="203" t="str">
        <f t="shared" si="540"/>
        <v/>
      </c>
      <c r="BB871" s="203" t="str">
        <f t="shared" si="541"/>
        <v/>
      </c>
      <c r="BC871" s="203" t="str">
        <f t="shared" si="542"/>
        <v/>
      </c>
      <c r="BD871" s="203" t="str">
        <f t="shared" si="543"/>
        <v/>
      </c>
      <c r="BE871" s="203" t="str">
        <f t="shared" si="544"/>
        <v/>
      </c>
      <c r="BF871" s="203" t="str">
        <f t="shared" si="545"/>
        <v/>
      </c>
      <c r="BG871" s="203" t="str">
        <f t="shared" si="546"/>
        <v/>
      </c>
      <c r="BH871" s="203" t="str">
        <f t="shared" si="547"/>
        <v/>
      </c>
      <c r="BI871" s="203" t="str">
        <f t="shared" si="548"/>
        <v/>
      </c>
      <c r="BJ871" s="203" t="str">
        <f t="shared" si="549"/>
        <v/>
      </c>
      <c r="BK871" s="203" t="str">
        <f t="shared" si="550"/>
        <v/>
      </c>
      <c r="BL871" s="203" t="str">
        <f t="shared" si="551"/>
        <v/>
      </c>
      <c r="BM871" s="203" t="str">
        <f t="shared" si="552"/>
        <v/>
      </c>
      <c r="BN871" s="203" t="str">
        <f t="shared" si="553"/>
        <v/>
      </c>
      <c r="BO871" s="203" t="str">
        <f t="shared" si="554"/>
        <v/>
      </c>
      <c r="BP871" s="203" t="str">
        <f t="shared" si="555"/>
        <v/>
      </c>
      <c r="BQ871" s="203" t="str">
        <f t="shared" si="556"/>
        <v/>
      </c>
      <c r="BR871" s="203" t="str">
        <f t="shared" si="557"/>
        <v/>
      </c>
      <c r="BS871" s="203" t="str">
        <f t="shared" si="558"/>
        <v/>
      </c>
      <c r="BT871" s="203" t="str">
        <f t="shared" si="559"/>
        <v/>
      </c>
      <c r="BU871" s="203" t="str">
        <f t="shared" si="560"/>
        <v/>
      </c>
      <c r="BV871" s="203" t="str">
        <f t="shared" si="561"/>
        <v/>
      </c>
      <c r="BW871" s="203" t="str">
        <f t="shared" si="562"/>
        <v/>
      </c>
      <c r="BX871" s="203" t="str">
        <f t="shared" si="563"/>
        <v/>
      </c>
      <c r="BY871" s="203" t="str">
        <f t="shared" si="564"/>
        <v/>
      </c>
      <c r="BZ871" s="203" t="str">
        <f t="shared" si="565"/>
        <v/>
      </c>
      <c r="CA871" s="203" t="str">
        <f t="shared" si="566"/>
        <v/>
      </c>
      <c r="CB871" s="203" t="str">
        <f t="shared" si="567"/>
        <v/>
      </c>
      <c r="CC871" s="203" t="str">
        <f t="shared" si="568"/>
        <v/>
      </c>
      <c r="CD871" s="263"/>
      <c r="CE871" s="263"/>
      <c r="CF871" s="263"/>
    </row>
    <row r="872" spans="1:84" s="248" customFormat="1" ht="56.1" hidden="1" customHeight="1" x14ac:dyDescent="0.2">
      <c r="A872" s="198">
        <v>872</v>
      </c>
      <c r="B872" s="199" t="s">
        <v>53</v>
      </c>
      <c r="C872" s="208" t="s">
        <v>655</v>
      </c>
      <c r="D872" s="243" t="s">
        <v>932</v>
      </c>
      <c r="E872" s="243" t="s">
        <v>1247</v>
      </c>
      <c r="F872" s="243" t="s">
        <v>1248</v>
      </c>
      <c r="G872" s="206" t="s">
        <v>58</v>
      </c>
      <c r="H872" s="243" t="s">
        <v>833</v>
      </c>
      <c r="I872" s="243" t="s">
        <v>81</v>
      </c>
      <c r="J872" s="206" t="s">
        <v>77</v>
      </c>
      <c r="K872" s="242" t="s">
        <v>722</v>
      </c>
      <c r="L872" s="205" t="s">
        <v>63</v>
      </c>
      <c r="M872" s="205" t="s">
        <v>63</v>
      </c>
      <c r="N872" s="290">
        <v>6783.5625</v>
      </c>
      <c r="O872" s="245">
        <f t="shared" si="536"/>
        <v>6783.5625</v>
      </c>
      <c r="P872" s="285" t="s">
        <v>659</v>
      </c>
      <c r="Q872" s="205" t="s">
        <v>65</v>
      </c>
      <c r="R872" s="203"/>
      <c r="S872" s="203"/>
      <c r="T872" s="203"/>
      <c r="U872" s="203"/>
      <c r="V872" s="203"/>
      <c r="W872" s="203"/>
      <c r="X872" s="203"/>
      <c r="Y872" s="203"/>
      <c r="Z872" s="203"/>
      <c r="AA872" s="203"/>
      <c r="AB872" s="203"/>
      <c r="AC872" s="203"/>
      <c r="AD872" s="203"/>
      <c r="AE872" s="203"/>
      <c r="AF872" s="203"/>
      <c r="AG872" s="203"/>
      <c r="AH872" s="205"/>
      <c r="AI872" s="203"/>
      <c r="AJ872" s="203"/>
      <c r="AK872" s="203"/>
      <c r="AL872" s="205"/>
      <c r="AM872" s="203"/>
      <c r="AN872" s="203"/>
      <c r="AO872" s="203"/>
      <c r="AP872" s="205"/>
      <c r="AQ872" s="203"/>
      <c r="AR872" s="205"/>
      <c r="AS872" s="205"/>
      <c r="AT872" s="203"/>
      <c r="AU872" s="205"/>
      <c r="AV872" s="205"/>
      <c r="AW872" s="204">
        <f t="shared" si="537"/>
        <v>0</v>
      </c>
      <c r="AX872" s="205"/>
      <c r="AY872" s="203" t="str">
        <f t="shared" si="538"/>
        <v/>
      </c>
      <c r="AZ872" s="203" t="str">
        <f t="shared" si="539"/>
        <v/>
      </c>
      <c r="BA872" s="203" t="str">
        <f t="shared" si="540"/>
        <v/>
      </c>
      <c r="BB872" s="203" t="str">
        <f t="shared" si="541"/>
        <v/>
      </c>
      <c r="BC872" s="203" t="str">
        <f t="shared" si="542"/>
        <v/>
      </c>
      <c r="BD872" s="203" t="str">
        <f t="shared" si="543"/>
        <v/>
      </c>
      <c r="BE872" s="203" t="str">
        <f t="shared" si="544"/>
        <v/>
      </c>
      <c r="BF872" s="203" t="str">
        <f t="shared" si="545"/>
        <v/>
      </c>
      <c r="BG872" s="203" t="str">
        <f t="shared" si="546"/>
        <v/>
      </c>
      <c r="BH872" s="203" t="str">
        <f t="shared" si="547"/>
        <v/>
      </c>
      <c r="BI872" s="203" t="str">
        <f t="shared" si="548"/>
        <v/>
      </c>
      <c r="BJ872" s="203" t="str">
        <f t="shared" si="549"/>
        <v/>
      </c>
      <c r="BK872" s="203" t="str">
        <f t="shared" si="550"/>
        <v/>
      </c>
      <c r="BL872" s="203" t="str">
        <f t="shared" si="551"/>
        <v/>
      </c>
      <c r="BM872" s="203" t="str">
        <f t="shared" si="552"/>
        <v/>
      </c>
      <c r="BN872" s="203" t="str">
        <f t="shared" si="553"/>
        <v/>
      </c>
      <c r="BO872" s="203" t="str">
        <f t="shared" si="554"/>
        <v/>
      </c>
      <c r="BP872" s="203" t="str">
        <f t="shared" si="555"/>
        <v/>
      </c>
      <c r="BQ872" s="203" t="str">
        <f t="shared" si="556"/>
        <v/>
      </c>
      <c r="BR872" s="203" t="str">
        <f t="shared" si="557"/>
        <v/>
      </c>
      <c r="BS872" s="203" t="str">
        <f t="shared" si="558"/>
        <v/>
      </c>
      <c r="BT872" s="203" t="str">
        <f t="shared" si="559"/>
        <v/>
      </c>
      <c r="BU872" s="203" t="str">
        <f t="shared" si="560"/>
        <v/>
      </c>
      <c r="BV872" s="203" t="str">
        <f t="shared" si="561"/>
        <v/>
      </c>
      <c r="BW872" s="203" t="str">
        <f t="shared" si="562"/>
        <v/>
      </c>
      <c r="BX872" s="203" t="str">
        <f t="shared" si="563"/>
        <v/>
      </c>
      <c r="BY872" s="203" t="str">
        <f t="shared" si="564"/>
        <v/>
      </c>
      <c r="BZ872" s="203" t="str">
        <f t="shared" si="565"/>
        <v/>
      </c>
      <c r="CA872" s="203" t="str">
        <f t="shared" si="566"/>
        <v/>
      </c>
      <c r="CB872" s="203" t="str">
        <f t="shared" si="567"/>
        <v/>
      </c>
      <c r="CC872" s="203" t="str">
        <f t="shared" si="568"/>
        <v/>
      </c>
      <c r="CD872" s="263"/>
      <c r="CE872" s="263"/>
      <c r="CF872" s="263"/>
    </row>
    <row r="873" spans="1:84" s="248" customFormat="1" ht="56.1" hidden="1" customHeight="1" x14ac:dyDescent="0.2">
      <c r="A873" s="198">
        <v>873</v>
      </c>
      <c r="B873" s="199" t="s">
        <v>53</v>
      </c>
      <c r="C873" s="208" t="s">
        <v>655</v>
      </c>
      <c r="D873" s="243" t="s">
        <v>932</v>
      </c>
      <c r="E873" s="243" t="s">
        <v>1249</v>
      </c>
      <c r="F873" s="243" t="s">
        <v>1250</v>
      </c>
      <c r="G873" s="206" t="s">
        <v>58</v>
      </c>
      <c r="H873" s="243" t="s">
        <v>833</v>
      </c>
      <c r="I873" s="243" t="s">
        <v>81</v>
      </c>
      <c r="J873" s="206" t="s">
        <v>77</v>
      </c>
      <c r="K873" s="242" t="s">
        <v>834</v>
      </c>
      <c r="L873" s="205" t="s">
        <v>63</v>
      </c>
      <c r="M873" s="205" t="s">
        <v>63</v>
      </c>
      <c r="N873" s="290">
        <v>1099672.0109375</v>
      </c>
      <c r="O873" s="245">
        <f t="shared" si="536"/>
        <v>1099672.0109375</v>
      </c>
      <c r="P873" s="285" t="s">
        <v>659</v>
      </c>
      <c r="Q873" s="205" t="s">
        <v>65</v>
      </c>
      <c r="R873" s="203"/>
      <c r="S873" s="203"/>
      <c r="T873" s="203"/>
      <c r="U873" s="203"/>
      <c r="V873" s="203"/>
      <c r="W873" s="203"/>
      <c r="X873" s="203"/>
      <c r="Y873" s="203"/>
      <c r="Z873" s="203"/>
      <c r="AA873" s="203"/>
      <c r="AB873" s="203"/>
      <c r="AC873" s="203"/>
      <c r="AD873" s="203"/>
      <c r="AE873" s="203"/>
      <c r="AF873" s="203"/>
      <c r="AG873" s="203"/>
      <c r="AH873" s="205"/>
      <c r="AI873" s="203"/>
      <c r="AJ873" s="203"/>
      <c r="AK873" s="203"/>
      <c r="AL873" s="205"/>
      <c r="AM873" s="203"/>
      <c r="AN873" s="203"/>
      <c r="AO873" s="203"/>
      <c r="AP873" s="205"/>
      <c r="AQ873" s="203"/>
      <c r="AR873" s="205"/>
      <c r="AS873" s="205"/>
      <c r="AT873" s="203"/>
      <c r="AU873" s="205"/>
      <c r="AV873" s="205"/>
      <c r="AW873" s="204">
        <f t="shared" si="537"/>
        <v>0</v>
      </c>
      <c r="AX873" s="205"/>
      <c r="AY873" s="203" t="str">
        <f t="shared" si="538"/>
        <v/>
      </c>
      <c r="AZ873" s="203" t="str">
        <f t="shared" si="539"/>
        <v/>
      </c>
      <c r="BA873" s="203" t="str">
        <f t="shared" si="540"/>
        <v/>
      </c>
      <c r="BB873" s="203" t="str">
        <f t="shared" si="541"/>
        <v/>
      </c>
      <c r="BC873" s="203" t="str">
        <f t="shared" si="542"/>
        <v/>
      </c>
      <c r="BD873" s="203" t="str">
        <f t="shared" si="543"/>
        <v/>
      </c>
      <c r="BE873" s="203" t="str">
        <f t="shared" si="544"/>
        <v/>
      </c>
      <c r="BF873" s="203" t="str">
        <f t="shared" si="545"/>
        <v/>
      </c>
      <c r="BG873" s="203" t="str">
        <f t="shared" si="546"/>
        <v/>
      </c>
      <c r="BH873" s="203" t="str">
        <f t="shared" si="547"/>
        <v/>
      </c>
      <c r="BI873" s="203" t="str">
        <f t="shared" si="548"/>
        <v/>
      </c>
      <c r="BJ873" s="203" t="str">
        <f t="shared" si="549"/>
        <v/>
      </c>
      <c r="BK873" s="203" t="str">
        <f t="shared" si="550"/>
        <v/>
      </c>
      <c r="BL873" s="203" t="str">
        <f t="shared" si="551"/>
        <v/>
      </c>
      <c r="BM873" s="203" t="str">
        <f t="shared" si="552"/>
        <v/>
      </c>
      <c r="BN873" s="203" t="str">
        <f t="shared" si="553"/>
        <v/>
      </c>
      <c r="BO873" s="203" t="str">
        <f t="shared" si="554"/>
        <v/>
      </c>
      <c r="BP873" s="203" t="str">
        <f t="shared" si="555"/>
        <v/>
      </c>
      <c r="BQ873" s="203" t="str">
        <f t="shared" si="556"/>
        <v/>
      </c>
      <c r="BR873" s="203" t="str">
        <f t="shared" si="557"/>
        <v/>
      </c>
      <c r="BS873" s="203" t="str">
        <f t="shared" si="558"/>
        <v/>
      </c>
      <c r="BT873" s="203" t="str">
        <f t="shared" si="559"/>
        <v/>
      </c>
      <c r="BU873" s="203" t="str">
        <f t="shared" si="560"/>
        <v/>
      </c>
      <c r="BV873" s="203" t="str">
        <f t="shared" si="561"/>
        <v/>
      </c>
      <c r="BW873" s="203" t="str">
        <f t="shared" si="562"/>
        <v/>
      </c>
      <c r="BX873" s="203" t="str">
        <f t="shared" si="563"/>
        <v/>
      </c>
      <c r="BY873" s="203" t="str">
        <f t="shared" si="564"/>
        <v/>
      </c>
      <c r="BZ873" s="203" t="str">
        <f t="shared" si="565"/>
        <v/>
      </c>
      <c r="CA873" s="203" t="str">
        <f t="shared" si="566"/>
        <v/>
      </c>
      <c r="CB873" s="203" t="str">
        <f t="shared" si="567"/>
        <v/>
      </c>
      <c r="CC873" s="203" t="str">
        <f t="shared" si="568"/>
        <v/>
      </c>
      <c r="CD873" s="263"/>
      <c r="CE873" s="263"/>
      <c r="CF873" s="263"/>
    </row>
    <row r="874" spans="1:84" s="248" customFormat="1" ht="56.1" hidden="1" customHeight="1" x14ac:dyDescent="0.2">
      <c r="A874" s="198">
        <v>874</v>
      </c>
      <c r="B874" s="199" t="s">
        <v>53</v>
      </c>
      <c r="C874" s="208" t="s">
        <v>655</v>
      </c>
      <c r="D874" s="243" t="s">
        <v>932</v>
      </c>
      <c r="E874" s="243" t="s">
        <v>1251</v>
      </c>
      <c r="F874" s="242" t="s">
        <v>1252</v>
      </c>
      <c r="G874" s="206" t="s">
        <v>58</v>
      </c>
      <c r="H874" s="243" t="s">
        <v>833</v>
      </c>
      <c r="I874" s="243" t="s">
        <v>81</v>
      </c>
      <c r="J874" s="206" t="s">
        <v>77</v>
      </c>
      <c r="K874" s="242" t="s">
        <v>722</v>
      </c>
      <c r="L874" s="205" t="s">
        <v>63</v>
      </c>
      <c r="M874" s="205" t="s">
        <v>63</v>
      </c>
      <c r="N874" s="290">
        <v>4522.375</v>
      </c>
      <c r="O874" s="245">
        <f t="shared" si="536"/>
        <v>4522.375</v>
      </c>
      <c r="P874" s="285" t="s">
        <v>659</v>
      </c>
      <c r="Q874" s="205" t="s">
        <v>65</v>
      </c>
      <c r="R874" s="203"/>
      <c r="S874" s="203"/>
      <c r="T874" s="203"/>
      <c r="U874" s="203"/>
      <c r="V874" s="203"/>
      <c r="W874" s="203"/>
      <c r="X874" s="203"/>
      <c r="Y874" s="203"/>
      <c r="Z874" s="203"/>
      <c r="AA874" s="203"/>
      <c r="AB874" s="203"/>
      <c r="AC874" s="203"/>
      <c r="AD874" s="203"/>
      <c r="AE874" s="203"/>
      <c r="AF874" s="203"/>
      <c r="AG874" s="203"/>
      <c r="AH874" s="205"/>
      <c r="AI874" s="203"/>
      <c r="AJ874" s="203"/>
      <c r="AK874" s="203"/>
      <c r="AL874" s="205"/>
      <c r="AM874" s="203"/>
      <c r="AN874" s="203"/>
      <c r="AO874" s="203"/>
      <c r="AP874" s="205"/>
      <c r="AQ874" s="203"/>
      <c r="AR874" s="205"/>
      <c r="AS874" s="205"/>
      <c r="AT874" s="203"/>
      <c r="AU874" s="205"/>
      <c r="AV874" s="205"/>
      <c r="AW874" s="204">
        <f t="shared" si="537"/>
        <v>0</v>
      </c>
      <c r="AX874" s="205"/>
      <c r="AY874" s="203" t="str">
        <f t="shared" si="538"/>
        <v/>
      </c>
      <c r="AZ874" s="203" t="str">
        <f t="shared" si="539"/>
        <v/>
      </c>
      <c r="BA874" s="203" t="str">
        <f t="shared" si="540"/>
        <v/>
      </c>
      <c r="BB874" s="203" t="str">
        <f t="shared" si="541"/>
        <v/>
      </c>
      <c r="BC874" s="203" t="str">
        <f t="shared" si="542"/>
        <v/>
      </c>
      <c r="BD874" s="203" t="str">
        <f t="shared" si="543"/>
        <v/>
      </c>
      <c r="BE874" s="203" t="str">
        <f t="shared" si="544"/>
        <v/>
      </c>
      <c r="BF874" s="203" t="str">
        <f t="shared" si="545"/>
        <v/>
      </c>
      <c r="BG874" s="203" t="str">
        <f t="shared" si="546"/>
        <v/>
      </c>
      <c r="BH874" s="203" t="str">
        <f t="shared" si="547"/>
        <v/>
      </c>
      <c r="BI874" s="203" t="str">
        <f t="shared" si="548"/>
        <v/>
      </c>
      <c r="BJ874" s="203" t="str">
        <f t="shared" si="549"/>
        <v/>
      </c>
      <c r="BK874" s="203" t="str">
        <f t="shared" si="550"/>
        <v/>
      </c>
      <c r="BL874" s="203" t="str">
        <f t="shared" si="551"/>
        <v/>
      </c>
      <c r="BM874" s="203" t="str">
        <f t="shared" si="552"/>
        <v/>
      </c>
      <c r="BN874" s="203" t="str">
        <f t="shared" si="553"/>
        <v/>
      </c>
      <c r="BO874" s="203" t="str">
        <f t="shared" si="554"/>
        <v/>
      </c>
      <c r="BP874" s="203" t="str">
        <f t="shared" si="555"/>
        <v/>
      </c>
      <c r="BQ874" s="203" t="str">
        <f t="shared" si="556"/>
        <v/>
      </c>
      <c r="BR874" s="203" t="str">
        <f t="shared" si="557"/>
        <v/>
      </c>
      <c r="BS874" s="203" t="str">
        <f t="shared" si="558"/>
        <v/>
      </c>
      <c r="BT874" s="203" t="str">
        <f t="shared" si="559"/>
        <v/>
      </c>
      <c r="BU874" s="203" t="str">
        <f t="shared" si="560"/>
        <v/>
      </c>
      <c r="BV874" s="203" t="str">
        <f t="shared" si="561"/>
        <v/>
      </c>
      <c r="BW874" s="203" t="str">
        <f t="shared" si="562"/>
        <v/>
      </c>
      <c r="BX874" s="203" t="str">
        <f t="shared" si="563"/>
        <v/>
      </c>
      <c r="BY874" s="203" t="str">
        <f t="shared" si="564"/>
        <v/>
      </c>
      <c r="BZ874" s="203" t="str">
        <f t="shared" si="565"/>
        <v/>
      </c>
      <c r="CA874" s="203" t="str">
        <f t="shared" si="566"/>
        <v/>
      </c>
      <c r="CB874" s="203" t="str">
        <f t="shared" si="567"/>
        <v/>
      </c>
      <c r="CC874" s="203" t="str">
        <f t="shared" si="568"/>
        <v/>
      </c>
      <c r="CD874" s="263"/>
      <c r="CE874" s="263"/>
      <c r="CF874" s="263"/>
    </row>
    <row r="875" spans="1:84" s="178" customFormat="1" ht="56.1" hidden="1" customHeight="1" x14ac:dyDescent="0.2">
      <c r="A875" s="154">
        <v>875</v>
      </c>
      <c r="B875" s="155" t="s">
        <v>53</v>
      </c>
      <c r="C875" s="165" t="s">
        <v>655</v>
      </c>
      <c r="D875" s="172" t="s">
        <v>932</v>
      </c>
      <c r="E875" s="172" t="s">
        <v>1253</v>
      </c>
      <c r="F875" s="172" t="s">
        <v>1254</v>
      </c>
      <c r="G875" s="163" t="s">
        <v>58</v>
      </c>
      <c r="H875" s="179" t="s">
        <v>846</v>
      </c>
      <c r="I875" s="172" t="s">
        <v>81</v>
      </c>
      <c r="J875" s="163" t="s">
        <v>77</v>
      </c>
      <c r="K875" s="179" t="s">
        <v>722</v>
      </c>
      <c r="L875" s="158" t="s">
        <v>63</v>
      </c>
      <c r="M875" s="158" t="s">
        <v>63</v>
      </c>
      <c r="N875" s="180">
        <v>575575</v>
      </c>
      <c r="O875" s="175">
        <f t="shared" si="536"/>
        <v>575575</v>
      </c>
      <c r="P875" s="176" t="s">
        <v>839</v>
      </c>
      <c r="Q875" s="158" t="s">
        <v>65</v>
      </c>
      <c r="R875" s="161"/>
      <c r="S875" s="161"/>
      <c r="T875" s="161"/>
      <c r="U875" s="161"/>
      <c r="V875" s="161"/>
      <c r="W875" s="161"/>
      <c r="X875" s="161"/>
      <c r="Y875" s="161"/>
      <c r="Z875" s="161"/>
      <c r="AA875" s="161"/>
      <c r="AB875" s="161"/>
      <c r="AC875" s="161"/>
      <c r="AD875" s="161"/>
      <c r="AE875" s="161"/>
      <c r="AF875" s="161"/>
      <c r="AG875" s="161"/>
      <c r="AH875" s="158"/>
      <c r="AI875" s="161"/>
      <c r="AJ875" s="161"/>
      <c r="AK875" s="161"/>
      <c r="AL875" s="158"/>
      <c r="AM875" s="161"/>
      <c r="AN875" s="161"/>
      <c r="AO875" s="161"/>
      <c r="AP875" s="158"/>
      <c r="AQ875" s="161"/>
      <c r="AR875" s="158"/>
      <c r="AS875" s="158"/>
      <c r="AT875" s="161"/>
      <c r="AU875" s="158"/>
      <c r="AV875" s="158"/>
      <c r="AW875" s="160">
        <f t="shared" si="537"/>
        <v>0</v>
      </c>
      <c r="AX875" s="158"/>
      <c r="AY875" s="161" t="str">
        <f t="shared" si="538"/>
        <v/>
      </c>
      <c r="AZ875" s="161" t="str">
        <f t="shared" si="539"/>
        <v/>
      </c>
      <c r="BA875" s="161" t="str">
        <f t="shared" si="540"/>
        <v/>
      </c>
      <c r="BB875" s="161" t="str">
        <f t="shared" si="541"/>
        <v/>
      </c>
      <c r="BC875" s="161" t="str">
        <f t="shared" si="542"/>
        <v/>
      </c>
      <c r="BD875" s="161" t="str">
        <f t="shared" si="543"/>
        <v/>
      </c>
      <c r="BE875" s="161" t="str">
        <f t="shared" si="544"/>
        <v/>
      </c>
      <c r="BF875" s="161" t="str">
        <f t="shared" si="545"/>
        <v/>
      </c>
      <c r="BG875" s="161" t="str">
        <f t="shared" si="546"/>
        <v/>
      </c>
      <c r="BH875" s="161" t="str">
        <f t="shared" si="547"/>
        <v/>
      </c>
      <c r="BI875" s="161" t="str">
        <f t="shared" si="548"/>
        <v/>
      </c>
      <c r="BJ875" s="161" t="str">
        <f t="shared" si="549"/>
        <v/>
      </c>
      <c r="BK875" s="161" t="str">
        <f t="shared" si="550"/>
        <v/>
      </c>
      <c r="BL875" s="161" t="str">
        <f t="shared" si="551"/>
        <v/>
      </c>
      <c r="BM875" s="161" t="str">
        <f t="shared" si="552"/>
        <v/>
      </c>
      <c r="BN875" s="161" t="str">
        <f t="shared" si="553"/>
        <v/>
      </c>
      <c r="BO875" s="161" t="str">
        <f t="shared" si="554"/>
        <v/>
      </c>
      <c r="BP875" s="161" t="str">
        <f t="shared" si="555"/>
        <v/>
      </c>
      <c r="BQ875" s="161" t="str">
        <f t="shared" si="556"/>
        <v/>
      </c>
      <c r="BR875" s="161" t="str">
        <f t="shared" si="557"/>
        <v/>
      </c>
      <c r="BS875" s="161" t="str">
        <f t="shared" si="558"/>
        <v/>
      </c>
      <c r="BT875" s="161" t="str">
        <f t="shared" si="559"/>
        <v/>
      </c>
      <c r="BU875" s="161" t="str">
        <f t="shared" si="560"/>
        <v/>
      </c>
      <c r="BV875" s="161" t="str">
        <f t="shared" si="561"/>
        <v/>
      </c>
      <c r="BW875" s="161" t="str">
        <f t="shared" si="562"/>
        <v/>
      </c>
      <c r="BX875" s="161" t="str">
        <f t="shared" si="563"/>
        <v/>
      </c>
      <c r="BY875" s="161" t="str">
        <f t="shared" si="564"/>
        <v/>
      </c>
      <c r="BZ875" s="161" t="str">
        <f t="shared" si="565"/>
        <v/>
      </c>
      <c r="CA875" s="161" t="str">
        <f t="shared" si="566"/>
        <v/>
      </c>
      <c r="CB875" s="161" t="str">
        <f t="shared" si="567"/>
        <v/>
      </c>
      <c r="CC875" s="161" t="str">
        <f t="shared" si="568"/>
        <v/>
      </c>
      <c r="CD875" s="162"/>
      <c r="CE875" s="162"/>
      <c r="CF875" s="162"/>
    </row>
    <row r="876" spans="1:84" s="178" customFormat="1" ht="56.1" hidden="1" customHeight="1" x14ac:dyDescent="0.2">
      <c r="A876" s="154">
        <v>876</v>
      </c>
      <c r="B876" s="155" t="s">
        <v>53</v>
      </c>
      <c r="C876" s="165" t="s">
        <v>655</v>
      </c>
      <c r="D876" s="172" t="s">
        <v>932</v>
      </c>
      <c r="E876" s="172" t="s">
        <v>1255</v>
      </c>
      <c r="F876" s="172" t="s">
        <v>1256</v>
      </c>
      <c r="G876" s="163" t="s">
        <v>58</v>
      </c>
      <c r="H876" s="179" t="s">
        <v>846</v>
      </c>
      <c r="I876" s="172" t="s">
        <v>81</v>
      </c>
      <c r="J876" s="163" t="s">
        <v>77</v>
      </c>
      <c r="K876" s="179" t="s">
        <v>722</v>
      </c>
      <c r="L876" s="158" t="s">
        <v>63</v>
      </c>
      <c r="M876" s="158" t="s">
        <v>63</v>
      </c>
      <c r="N876" s="180">
        <v>291076.5</v>
      </c>
      <c r="O876" s="175">
        <f t="shared" si="536"/>
        <v>291076.5</v>
      </c>
      <c r="P876" s="176" t="s">
        <v>839</v>
      </c>
      <c r="Q876" s="158" t="s">
        <v>65</v>
      </c>
      <c r="R876" s="161"/>
      <c r="S876" s="161"/>
      <c r="T876" s="161"/>
      <c r="U876" s="161"/>
      <c r="V876" s="161"/>
      <c r="W876" s="161"/>
      <c r="X876" s="161"/>
      <c r="Y876" s="161"/>
      <c r="Z876" s="161"/>
      <c r="AA876" s="161"/>
      <c r="AB876" s="161"/>
      <c r="AC876" s="161"/>
      <c r="AD876" s="161"/>
      <c r="AE876" s="161"/>
      <c r="AF876" s="161"/>
      <c r="AG876" s="161"/>
      <c r="AH876" s="158"/>
      <c r="AI876" s="161"/>
      <c r="AJ876" s="161"/>
      <c r="AK876" s="161"/>
      <c r="AL876" s="158"/>
      <c r="AM876" s="161"/>
      <c r="AN876" s="161"/>
      <c r="AO876" s="161"/>
      <c r="AP876" s="158"/>
      <c r="AQ876" s="161"/>
      <c r="AR876" s="158"/>
      <c r="AS876" s="158"/>
      <c r="AT876" s="161"/>
      <c r="AU876" s="158"/>
      <c r="AV876" s="158"/>
      <c r="AW876" s="160">
        <f t="shared" si="537"/>
        <v>0</v>
      </c>
      <c r="AX876" s="158"/>
      <c r="AY876" s="161" t="str">
        <f t="shared" si="538"/>
        <v/>
      </c>
      <c r="AZ876" s="161" t="str">
        <f t="shared" si="539"/>
        <v/>
      </c>
      <c r="BA876" s="161" t="str">
        <f t="shared" si="540"/>
        <v/>
      </c>
      <c r="BB876" s="161" t="str">
        <f t="shared" si="541"/>
        <v/>
      </c>
      <c r="BC876" s="161" t="str">
        <f t="shared" si="542"/>
        <v/>
      </c>
      <c r="BD876" s="161" t="str">
        <f t="shared" si="543"/>
        <v/>
      </c>
      <c r="BE876" s="161" t="str">
        <f t="shared" si="544"/>
        <v/>
      </c>
      <c r="BF876" s="161" t="str">
        <f t="shared" si="545"/>
        <v/>
      </c>
      <c r="BG876" s="161" t="str">
        <f t="shared" si="546"/>
        <v/>
      </c>
      <c r="BH876" s="161" t="str">
        <f t="shared" si="547"/>
        <v/>
      </c>
      <c r="BI876" s="161" t="str">
        <f t="shared" si="548"/>
        <v/>
      </c>
      <c r="BJ876" s="161" t="str">
        <f t="shared" si="549"/>
        <v/>
      </c>
      <c r="BK876" s="161" t="str">
        <f t="shared" si="550"/>
        <v/>
      </c>
      <c r="BL876" s="161" t="str">
        <f t="shared" si="551"/>
        <v/>
      </c>
      <c r="BM876" s="161" t="str">
        <f t="shared" si="552"/>
        <v/>
      </c>
      <c r="BN876" s="161" t="str">
        <f t="shared" si="553"/>
        <v/>
      </c>
      <c r="BO876" s="161" t="str">
        <f t="shared" si="554"/>
        <v/>
      </c>
      <c r="BP876" s="161" t="str">
        <f t="shared" si="555"/>
        <v/>
      </c>
      <c r="BQ876" s="161" t="str">
        <f t="shared" si="556"/>
        <v/>
      </c>
      <c r="BR876" s="161" t="str">
        <f t="shared" si="557"/>
        <v/>
      </c>
      <c r="BS876" s="161" t="str">
        <f t="shared" si="558"/>
        <v/>
      </c>
      <c r="BT876" s="161" t="str">
        <f t="shared" si="559"/>
        <v/>
      </c>
      <c r="BU876" s="161" t="str">
        <f t="shared" si="560"/>
        <v/>
      </c>
      <c r="BV876" s="161" t="str">
        <f t="shared" si="561"/>
        <v/>
      </c>
      <c r="BW876" s="161" t="str">
        <f t="shared" si="562"/>
        <v/>
      </c>
      <c r="BX876" s="161" t="str">
        <f t="shared" si="563"/>
        <v/>
      </c>
      <c r="BY876" s="161" t="str">
        <f t="shared" si="564"/>
        <v/>
      </c>
      <c r="BZ876" s="161" t="str">
        <f t="shared" si="565"/>
        <v/>
      </c>
      <c r="CA876" s="161" t="str">
        <f t="shared" si="566"/>
        <v/>
      </c>
      <c r="CB876" s="161" t="str">
        <f t="shared" si="567"/>
        <v/>
      </c>
      <c r="CC876" s="161" t="str">
        <f t="shared" si="568"/>
        <v/>
      </c>
      <c r="CD876" s="162"/>
      <c r="CE876" s="162"/>
      <c r="CF876" s="162"/>
    </row>
    <row r="877" spans="1:84" s="178" customFormat="1" ht="56.1" hidden="1" customHeight="1" x14ac:dyDescent="0.2">
      <c r="A877" s="154">
        <v>877</v>
      </c>
      <c r="B877" s="155" t="s">
        <v>53</v>
      </c>
      <c r="C877" s="165" t="s">
        <v>655</v>
      </c>
      <c r="D877" s="172" t="s">
        <v>932</v>
      </c>
      <c r="E877" s="172" t="s">
        <v>1257</v>
      </c>
      <c r="F877" s="172" t="s">
        <v>1258</v>
      </c>
      <c r="G877" s="163" t="s">
        <v>58</v>
      </c>
      <c r="H877" s="179" t="s">
        <v>846</v>
      </c>
      <c r="I877" s="172" t="s">
        <v>81</v>
      </c>
      <c r="J877" s="163" t="s">
        <v>77</v>
      </c>
      <c r="K877" s="179" t="s">
        <v>722</v>
      </c>
      <c r="L877" s="158" t="s">
        <v>63</v>
      </c>
      <c r="M877" s="158" t="s">
        <v>63</v>
      </c>
      <c r="N877" s="180">
        <v>196106.625</v>
      </c>
      <c r="O877" s="175">
        <f t="shared" si="536"/>
        <v>196106.625</v>
      </c>
      <c r="P877" s="176" t="s">
        <v>839</v>
      </c>
      <c r="Q877" s="158" t="s">
        <v>65</v>
      </c>
      <c r="R877" s="161"/>
      <c r="S877" s="161"/>
      <c r="T877" s="161"/>
      <c r="U877" s="161"/>
      <c r="V877" s="161"/>
      <c r="W877" s="161"/>
      <c r="X877" s="161"/>
      <c r="Y877" s="161"/>
      <c r="Z877" s="161"/>
      <c r="AA877" s="161"/>
      <c r="AB877" s="161"/>
      <c r="AC877" s="161"/>
      <c r="AD877" s="161"/>
      <c r="AE877" s="161"/>
      <c r="AF877" s="161"/>
      <c r="AG877" s="161"/>
      <c r="AH877" s="158"/>
      <c r="AI877" s="161"/>
      <c r="AJ877" s="161"/>
      <c r="AK877" s="161"/>
      <c r="AL877" s="158"/>
      <c r="AM877" s="161"/>
      <c r="AN877" s="161"/>
      <c r="AO877" s="161"/>
      <c r="AP877" s="158"/>
      <c r="AQ877" s="161"/>
      <c r="AR877" s="158"/>
      <c r="AS877" s="158"/>
      <c r="AT877" s="161"/>
      <c r="AU877" s="158"/>
      <c r="AV877" s="158"/>
      <c r="AW877" s="160">
        <f t="shared" si="537"/>
        <v>0</v>
      </c>
      <c r="AX877" s="158"/>
      <c r="AY877" s="161" t="str">
        <f t="shared" si="538"/>
        <v/>
      </c>
      <c r="AZ877" s="161" t="str">
        <f t="shared" si="539"/>
        <v/>
      </c>
      <c r="BA877" s="161" t="str">
        <f t="shared" si="540"/>
        <v/>
      </c>
      <c r="BB877" s="161" t="str">
        <f t="shared" si="541"/>
        <v/>
      </c>
      <c r="BC877" s="161" t="str">
        <f t="shared" si="542"/>
        <v/>
      </c>
      <c r="BD877" s="161" t="str">
        <f t="shared" si="543"/>
        <v/>
      </c>
      <c r="BE877" s="161" t="str">
        <f t="shared" si="544"/>
        <v/>
      </c>
      <c r="BF877" s="161" t="str">
        <f t="shared" si="545"/>
        <v/>
      </c>
      <c r="BG877" s="161" t="str">
        <f t="shared" si="546"/>
        <v/>
      </c>
      <c r="BH877" s="161" t="str">
        <f t="shared" si="547"/>
        <v/>
      </c>
      <c r="BI877" s="161" t="str">
        <f t="shared" si="548"/>
        <v/>
      </c>
      <c r="BJ877" s="161" t="str">
        <f t="shared" si="549"/>
        <v/>
      </c>
      <c r="BK877" s="161" t="str">
        <f t="shared" si="550"/>
        <v/>
      </c>
      <c r="BL877" s="161" t="str">
        <f t="shared" si="551"/>
        <v/>
      </c>
      <c r="BM877" s="161" t="str">
        <f t="shared" si="552"/>
        <v/>
      </c>
      <c r="BN877" s="161" t="str">
        <f t="shared" si="553"/>
        <v/>
      </c>
      <c r="BO877" s="161" t="str">
        <f t="shared" si="554"/>
        <v/>
      </c>
      <c r="BP877" s="161" t="str">
        <f t="shared" si="555"/>
        <v/>
      </c>
      <c r="BQ877" s="161" t="str">
        <f t="shared" si="556"/>
        <v/>
      </c>
      <c r="BR877" s="161" t="str">
        <f t="shared" si="557"/>
        <v/>
      </c>
      <c r="BS877" s="161" t="str">
        <f t="shared" si="558"/>
        <v/>
      </c>
      <c r="BT877" s="161" t="str">
        <f t="shared" si="559"/>
        <v/>
      </c>
      <c r="BU877" s="161" t="str">
        <f t="shared" si="560"/>
        <v/>
      </c>
      <c r="BV877" s="161" t="str">
        <f t="shared" si="561"/>
        <v/>
      </c>
      <c r="BW877" s="161" t="str">
        <f t="shared" si="562"/>
        <v/>
      </c>
      <c r="BX877" s="161" t="str">
        <f t="shared" si="563"/>
        <v/>
      </c>
      <c r="BY877" s="161" t="str">
        <f t="shared" si="564"/>
        <v/>
      </c>
      <c r="BZ877" s="161" t="str">
        <f t="shared" si="565"/>
        <v/>
      </c>
      <c r="CA877" s="161" t="str">
        <f t="shared" si="566"/>
        <v/>
      </c>
      <c r="CB877" s="161" t="str">
        <f t="shared" si="567"/>
        <v/>
      </c>
      <c r="CC877" s="161" t="str">
        <f t="shared" si="568"/>
        <v/>
      </c>
      <c r="CD877" s="162"/>
      <c r="CE877" s="162"/>
      <c r="CF877" s="162"/>
    </row>
    <row r="878" spans="1:84" s="178" customFormat="1" ht="56.1" hidden="1" customHeight="1" x14ac:dyDescent="0.2">
      <c r="A878" s="154">
        <v>878</v>
      </c>
      <c r="B878" s="155" t="s">
        <v>53</v>
      </c>
      <c r="C878" s="165" t="s">
        <v>655</v>
      </c>
      <c r="D878" s="172" t="s">
        <v>932</v>
      </c>
      <c r="E878" s="172" t="s">
        <v>1259</v>
      </c>
      <c r="F878" s="172" t="s">
        <v>1260</v>
      </c>
      <c r="G878" s="163" t="s">
        <v>58</v>
      </c>
      <c r="H878" s="179" t="s">
        <v>846</v>
      </c>
      <c r="I878" s="172" t="s">
        <v>81</v>
      </c>
      <c r="J878" s="163" t="s">
        <v>77</v>
      </c>
      <c r="K878" s="179" t="s">
        <v>722</v>
      </c>
      <c r="L878" s="158" t="s">
        <v>63</v>
      </c>
      <c r="M878" s="158" t="s">
        <v>63</v>
      </c>
      <c r="N878" s="180">
        <v>71535.75</v>
      </c>
      <c r="O878" s="175">
        <f t="shared" si="536"/>
        <v>71535.75</v>
      </c>
      <c r="P878" s="176" t="s">
        <v>839</v>
      </c>
      <c r="Q878" s="158" t="s">
        <v>65</v>
      </c>
      <c r="R878" s="161"/>
      <c r="S878" s="161"/>
      <c r="T878" s="161"/>
      <c r="U878" s="161"/>
      <c r="V878" s="161"/>
      <c r="W878" s="161"/>
      <c r="X878" s="161"/>
      <c r="Y878" s="161"/>
      <c r="Z878" s="161"/>
      <c r="AA878" s="161"/>
      <c r="AB878" s="161"/>
      <c r="AC878" s="161"/>
      <c r="AD878" s="161"/>
      <c r="AE878" s="161"/>
      <c r="AF878" s="161"/>
      <c r="AG878" s="161"/>
      <c r="AH878" s="158"/>
      <c r="AI878" s="161"/>
      <c r="AJ878" s="161"/>
      <c r="AK878" s="161"/>
      <c r="AL878" s="158"/>
      <c r="AM878" s="161"/>
      <c r="AN878" s="161"/>
      <c r="AO878" s="161"/>
      <c r="AP878" s="158"/>
      <c r="AQ878" s="161"/>
      <c r="AR878" s="158"/>
      <c r="AS878" s="158"/>
      <c r="AT878" s="161"/>
      <c r="AU878" s="158"/>
      <c r="AV878" s="158"/>
      <c r="AW878" s="160">
        <f t="shared" si="537"/>
        <v>0</v>
      </c>
      <c r="AX878" s="158"/>
      <c r="AY878" s="161" t="str">
        <f t="shared" si="538"/>
        <v/>
      </c>
      <c r="AZ878" s="161" t="str">
        <f t="shared" si="539"/>
        <v/>
      </c>
      <c r="BA878" s="161" t="str">
        <f t="shared" si="540"/>
        <v/>
      </c>
      <c r="BB878" s="161" t="str">
        <f t="shared" si="541"/>
        <v/>
      </c>
      <c r="BC878" s="161" t="str">
        <f t="shared" si="542"/>
        <v/>
      </c>
      <c r="BD878" s="161" t="str">
        <f t="shared" si="543"/>
        <v/>
      </c>
      <c r="BE878" s="161" t="str">
        <f t="shared" si="544"/>
        <v/>
      </c>
      <c r="BF878" s="161" t="str">
        <f t="shared" si="545"/>
        <v/>
      </c>
      <c r="BG878" s="161" t="str">
        <f t="shared" si="546"/>
        <v/>
      </c>
      <c r="BH878" s="161" t="str">
        <f t="shared" si="547"/>
        <v/>
      </c>
      <c r="BI878" s="161" t="str">
        <f t="shared" si="548"/>
        <v/>
      </c>
      <c r="BJ878" s="161" t="str">
        <f t="shared" si="549"/>
        <v/>
      </c>
      <c r="BK878" s="161" t="str">
        <f t="shared" si="550"/>
        <v/>
      </c>
      <c r="BL878" s="161" t="str">
        <f t="shared" si="551"/>
        <v/>
      </c>
      <c r="BM878" s="161" t="str">
        <f t="shared" si="552"/>
        <v/>
      </c>
      <c r="BN878" s="161" t="str">
        <f t="shared" si="553"/>
        <v/>
      </c>
      <c r="BO878" s="161" t="str">
        <f t="shared" si="554"/>
        <v/>
      </c>
      <c r="BP878" s="161" t="str">
        <f t="shared" si="555"/>
        <v/>
      </c>
      <c r="BQ878" s="161" t="str">
        <f t="shared" si="556"/>
        <v/>
      </c>
      <c r="BR878" s="161" t="str">
        <f t="shared" si="557"/>
        <v/>
      </c>
      <c r="BS878" s="161" t="str">
        <f t="shared" si="558"/>
        <v/>
      </c>
      <c r="BT878" s="161" t="str">
        <f t="shared" si="559"/>
        <v/>
      </c>
      <c r="BU878" s="161" t="str">
        <f t="shared" si="560"/>
        <v/>
      </c>
      <c r="BV878" s="161" t="str">
        <f t="shared" si="561"/>
        <v/>
      </c>
      <c r="BW878" s="161" t="str">
        <f t="shared" si="562"/>
        <v/>
      </c>
      <c r="BX878" s="161" t="str">
        <f t="shared" si="563"/>
        <v/>
      </c>
      <c r="BY878" s="161" t="str">
        <f t="shared" si="564"/>
        <v/>
      </c>
      <c r="BZ878" s="161" t="str">
        <f t="shared" si="565"/>
        <v/>
      </c>
      <c r="CA878" s="161" t="str">
        <f t="shared" si="566"/>
        <v/>
      </c>
      <c r="CB878" s="161" t="str">
        <f t="shared" si="567"/>
        <v/>
      </c>
      <c r="CC878" s="161" t="str">
        <f t="shared" si="568"/>
        <v/>
      </c>
      <c r="CD878" s="162"/>
      <c r="CE878" s="162"/>
      <c r="CF878" s="162"/>
    </row>
    <row r="879" spans="1:84" s="178" customFormat="1" ht="56.1" hidden="1" customHeight="1" x14ac:dyDescent="0.2">
      <c r="A879" s="154">
        <v>879</v>
      </c>
      <c r="B879" s="155" t="s">
        <v>53</v>
      </c>
      <c r="C879" s="165" t="s">
        <v>655</v>
      </c>
      <c r="D879" s="172" t="s">
        <v>932</v>
      </c>
      <c r="E879" s="172" t="s">
        <v>1261</v>
      </c>
      <c r="F879" s="172" t="s">
        <v>1262</v>
      </c>
      <c r="G879" s="163" t="s">
        <v>58</v>
      </c>
      <c r="H879" s="179" t="s">
        <v>846</v>
      </c>
      <c r="I879" s="172" t="s">
        <v>81</v>
      </c>
      <c r="J879" s="163" t="s">
        <v>77</v>
      </c>
      <c r="K879" s="179" t="s">
        <v>722</v>
      </c>
      <c r="L879" s="158" t="s">
        <v>63</v>
      </c>
      <c r="M879" s="158" t="s">
        <v>63</v>
      </c>
      <c r="N879" s="180">
        <v>789.36</v>
      </c>
      <c r="O879" s="175">
        <f t="shared" si="536"/>
        <v>789.36</v>
      </c>
      <c r="P879" s="176" t="s">
        <v>839</v>
      </c>
      <c r="Q879" s="158" t="s">
        <v>65</v>
      </c>
      <c r="R879" s="162"/>
      <c r="S879" s="162"/>
      <c r="T879" s="162"/>
      <c r="U879" s="162"/>
      <c r="V879" s="162"/>
      <c r="W879" s="162"/>
      <c r="X879" s="162"/>
      <c r="Y879" s="162"/>
      <c r="Z879" s="162"/>
      <c r="AA879" s="162"/>
      <c r="AB879" s="162"/>
      <c r="AC879" s="162"/>
      <c r="AD879" s="162"/>
      <c r="AE879" s="162"/>
      <c r="AF879" s="162"/>
      <c r="AG879" s="162"/>
      <c r="AH879" s="162"/>
      <c r="AI879" s="162"/>
      <c r="AJ879" s="162"/>
      <c r="AK879" s="162"/>
      <c r="AL879" s="162"/>
      <c r="AM879" s="162"/>
      <c r="AN879" s="162"/>
      <c r="AO879" s="162"/>
      <c r="AP879" s="162"/>
      <c r="AQ879" s="162"/>
      <c r="AR879" s="162"/>
      <c r="AS879" s="162"/>
      <c r="AT879" s="162"/>
      <c r="AU879" s="162"/>
      <c r="AV879" s="162"/>
      <c r="AW879" s="160">
        <f t="shared" si="537"/>
        <v>0</v>
      </c>
      <c r="AX879" s="158"/>
      <c r="AY879" s="161" t="str">
        <f t="shared" si="538"/>
        <v/>
      </c>
      <c r="AZ879" s="161" t="str">
        <f t="shared" si="539"/>
        <v/>
      </c>
      <c r="BA879" s="161" t="str">
        <f t="shared" si="540"/>
        <v/>
      </c>
      <c r="BB879" s="161" t="str">
        <f t="shared" si="541"/>
        <v/>
      </c>
      <c r="BC879" s="161" t="str">
        <f t="shared" si="542"/>
        <v/>
      </c>
      <c r="BD879" s="161" t="str">
        <f t="shared" si="543"/>
        <v/>
      </c>
      <c r="BE879" s="161" t="str">
        <f t="shared" si="544"/>
        <v/>
      </c>
      <c r="BF879" s="161" t="str">
        <f t="shared" si="545"/>
        <v/>
      </c>
      <c r="BG879" s="161" t="str">
        <f t="shared" si="546"/>
        <v/>
      </c>
      <c r="BH879" s="161" t="str">
        <f t="shared" si="547"/>
        <v/>
      </c>
      <c r="BI879" s="161" t="str">
        <f t="shared" si="548"/>
        <v/>
      </c>
      <c r="BJ879" s="161" t="str">
        <f t="shared" si="549"/>
        <v/>
      </c>
      <c r="BK879" s="161" t="str">
        <f t="shared" si="550"/>
        <v/>
      </c>
      <c r="BL879" s="161" t="str">
        <f t="shared" si="551"/>
        <v/>
      </c>
      <c r="BM879" s="161" t="str">
        <f t="shared" si="552"/>
        <v/>
      </c>
      <c r="BN879" s="161" t="str">
        <f t="shared" si="553"/>
        <v/>
      </c>
      <c r="BO879" s="161" t="str">
        <f t="shared" si="554"/>
        <v/>
      </c>
      <c r="BP879" s="161" t="str">
        <f t="shared" si="555"/>
        <v/>
      </c>
      <c r="BQ879" s="161" t="str">
        <f t="shared" si="556"/>
        <v/>
      </c>
      <c r="BR879" s="161" t="str">
        <f t="shared" si="557"/>
        <v/>
      </c>
      <c r="BS879" s="161" t="str">
        <f t="shared" si="558"/>
        <v/>
      </c>
      <c r="BT879" s="161" t="str">
        <f t="shared" si="559"/>
        <v/>
      </c>
      <c r="BU879" s="161" t="str">
        <f t="shared" si="560"/>
        <v/>
      </c>
      <c r="BV879" s="161" t="str">
        <f t="shared" si="561"/>
        <v/>
      </c>
      <c r="BW879" s="161" t="str">
        <f t="shared" si="562"/>
        <v/>
      </c>
      <c r="BX879" s="161" t="str">
        <f t="shared" si="563"/>
        <v/>
      </c>
      <c r="BY879" s="161" t="str">
        <f t="shared" si="564"/>
        <v/>
      </c>
      <c r="BZ879" s="161" t="str">
        <f t="shared" si="565"/>
        <v/>
      </c>
      <c r="CA879" s="161" t="str">
        <f t="shared" si="566"/>
        <v/>
      </c>
      <c r="CB879" s="161" t="str">
        <f t="shared" si="567"/>
        <v/>
      </c>
      <c r="CC879" s="161" t="str">
        <f t="shared" si="568"/>
        <v/>
      </c>
      <c r="CD879" s="162"/>
      <c r="CE879" s="162"/>
      <c r="CF879" s="162"/>
    </row>
    <row r="880" spans="1:84" s="178" customFormat="1" ht="56.1" hidden="1" customHeight="1" x14ac:dyDescent="0.2">
      <c r="A880" s="154">
        <v>880</v>
      </c>
      <c r="B880" s="155" t="s">
        <v>53</v>
      </c>
      <c r="C880" s="165" t="s">
        <v>655</v>
      </c>
      <c r="D880" s="172" t="s">
        <v>932</v>
      </c>
      <c r="E880" s="172" t="s">
        <v>1263</v>
      </c>
      <c r="F880" s="172" t="s">
        <v>1264</v>
      </c>
      <c r="G880" s="163" t="s">
        <v>58</v>
      </c>
      <c r="H880" s="179" t="s">
        <v>846</v>
      </c>
      <c r="I880" s="172" t="s">
        <v>81</v>
      </c>
      <c r="J880" s="163" t="s">
        <v>77</v>
      </c>
      <c r="K880" s="179" t="s">
        <v>722</v>
      </c>
      <c r="L880" s="158" t="s">
        <v>63</v>
      </c>
      <c r="M880" s="158" t="s">
        <v>63</v>
      </c>
      <c r="N880" s="180">
        <v>6783.5625</v>
      </c>
      <c r="O880" s="175">
        <f t="shared" si="536"/>
        <v>6783.5625</v>
      </c>
      <c r="P880" s="176" t="s">
        <v>839</v>
      </c>
      <c r="Q880" s="158" t="s">
        <v>65</v>
      </c>
      <c r="R880" s="162"/>
      <c r="S880" s="162"/>
      <c r="T880" s="162"/>
      <c r="U880" s="162"/>
      <c r="V880" s="162"/>
      <c r="W880" s="162"/>
      <c r="X880" s="162"/>
      <c r="Y880" s="162"/>
      <c r="Z880" s="162"/>
      <c r="AA880" s="162"/>
      <c r="AB880" s="162"/>
      <c r="AC880" s="162"/>
      <c r="AD880" s="162"/>
      <c r="AE880" s="162"/>
      <c r="AF880" s="162"/>
      <c r="AG880" s="162"/>
      <c r="AH880" s="162"/>
      <c r="AI880" s="162"/>
      <c r="AJ880" s="162"/>
      <c r="AK880" s="162"/>
      <c r="AL880" s="162"/>
      <c r="AM880" s="162"/>
      <c r="AN880" s="162"/>
      <c r="AO880" s="162"/>
      <c r="AP880" s="162"/>
      <c r="AQ880" s="162"/>
      <c r="AR880" s="162"/>
      <c r="AS880" s="162"/>
      <c r="AT880" s="162"/>
      <c r="AU880" s="162"/>
      <c r="AV880" s="162"/>
      <c r="AW880" s="160">
        <f t="shared" si="537"/>
        <v>0</v>
      </c>
      <c r="AX880" s="158"/>
      <c r="AY880" s="161" t="str">
        <f t="shared" si="538"/>
        <v/>
      </c>
      <c r="AZ880" s="161" t="str">
        <f t="shared" si="539"/>
        <v/>
      </c>
      <c r="BA880" s="161" t="str">
        <f t="shared" si="540"/>
        <v/>
      </c>
      <c r="BB880" s="161" t="str">
        <f t="shared" si="541"/>
        <v/>
      </c>
      <c r="BC880" s="161" t="str">
        <f t="shared" si="542"/>
        <v/>
      </c>
      <c r="BD880" s="161" t="str">
        <f t="shared" si="543"/>
        <v/>
      </c>
      <c r="BE880" s="161" t="str">
        <f t="shared" si="544"/>
        <v/>
      </c>
      <c r="BF880" s="161" t="str">
        <f t="shared" si="545"/>
        <v/>
      </c>
      <c r="BG880" s="161" t="str">
        <f t="shared" si="546"/>
        <v/>
      </c>
      <c r="BH880" s="161" t="str">
        <f t="shared" si="547"/>
        <v/>
      </c>
      <c r="BI880" s="161" t="str">
        <f t="shared" si="548"/>
        <v/>
      </c>
      <c r="BJ880" s="161" t="str">
        <f t="shared" si="549"/>
        <v/>
      </c>
      <c r="BK880" s="161" t="str">
        <f t="shared" si="550"/>
        <v/>
      </c>
      <c r="BL880" s="161" t="str">
        <f t="shared" si="551"/>
        <v/>
      </c>
      <c r="BM880" s="161" t="str">
        <f t="shared" si="552"/>
        <v/>
      </c>
      <c r="BN880" s="161" t="str">
        <f t="shared" si="553"/>
        <v/>
      </c>
      <c r="BO880" s="161" t="str">
        <f t="shared" si="554"/>
        <v/>
      </c>
      <c r="BP880" s="161" t="str">
        <f t="shared" si="555"/>
        <v/>
      </c>
      <c r="BQ880" s="161" t="str">
        <f t="shared" si="556"/>
        <v/>
      </c>
      <c r="BR880" s="161" t="str">
        <f t="shared" si="557"/>
        <v/>
      </c>
      <c r="BS880" s="161" t="str">
        <f t="shared" si="558"/>
        <v/>
      </c>
      <c r="BT880" s="161" t="str">
        <f t="shared" si="559"/>
        <v/>
      </c>
      <c r="BU880" s="161" t="str">
        <f t="shared" si="560"/>
        <v/>
      </c>
      <c r="BV880" s="161" t="str">
        <f t="shared" si="561"/>
        <v/>
      </c>
      <c r="BW880" s="161" t="str">
        <f t="shared" si="562"/>
        <v/>
      </c>
      <c r="BX880" s="161" t="str">
        <f t="shared" si="563"/>
        <v/>
      </c>
      <c r="BY880" s="161" t="str">
        <f t="shared" si="564"/>
        <v/>
      </c>
      <c r="BZ880" s="161" t="str">
        <f t="shared" si="565"/>
        <v/>
      </c>
      <c r="CA880" s="161" t="str">
        <f t="shared" si="566"/>
        <v/>
      </c>
      <c r="CB880" s="161" t="str">
        <f t="shared" si="567"/>
        <v/>
      </c>
      <c r="CC880" s="161" t="str">
        <f t="shared" si="568"/>
        <v/>
      </c>
      <c r="CD880" s="162"/>
      <c r="CE880" s="162"/>
      <c r="CF880" s="162"/>
    </row>
    <row r="881" spans="1:84" s="178" customFormat="1" ht="56.1" hidden="1" customHeight="1" x14ac:dyDescent="0.2">
      <c r="A881" s="154">
        <v>881</v>
      </c>
      <c r="B881" s="155" t="s">
        <v>53</v>
      </c>
      <c r="C881" s="165" t="s">
        <v>655</v>
      </c>
      <c r="D881" s="172" t="s">
        <v>932</v>
      </c>
      <c r="E881" s="172" t="s">
        <v>1265</v>
      </c>
      <c r="F881" s="172" t="s">
        <v>1266</v>
      </c>
      <c r="G881" s="163" t="s">
        <v>58</v>
      </c>
      <c r="H881" s="172" t="s">
        <v>59</v>
      </c>
      <c r="I881" s="172" t="s">
        <v>81</v>
      </c>
      <c r="J881" s="163" t="s">
        <v>77</v>
      </c>
      <c r="K881" s="179" t="s">
        <v>722</v>
      </c>
      <c r="L881" s="158" t="s">
        <v>63</v>
      </c>
      <c r="M881" s="158" t="s">
        <v>63</v>
      </c>
      <c r="N881" s="180">
        <v>1987279.3744375</v>
      </c>
      <c r="O881" s="175">
        <f t="shared" si="536"/>
        <v>1987279.3744375</v>
      </c>
      <c r="P881" s="176" t="s">
        <v>839</v>
      </c>
      <c r="Q881" s="158" t="s">
        <v>65</v>
      </c>
      <c r="R881" s="162"/>
      <c r="S881" s="162"/>
      <c r="T881" s="162"/>
      <c r="U881" s="162"/>
      <c r="V881" s="162"/>
      <c r="W881" s="162"/>
      <c r="X881" s="162"/>
      <c r="Y881" s="162"/>
      <c r="Z881" s="162"/>
      <c r="AA881" s="162"/>
      <c r="AB881" s="162"/>
      <c r="AC881" s="162"/>
      <c r="AD881" s="162"/>
      <c r="AE881" s="162"/>
      <c r="AF881" s="162"/>
      <c r="AG881" s="162"/>
      <c r="AH881" s="162"/>
      <c r="AI881" s="162"/>
      <c r="AJ881" s="162"/>
      <c r="AK881" s="162"/>
      <c r="AL881" s="162"/>
      <c r="AM881" s="162"/>
      <c r="AN881" s="162"/>
      <c r="AO881" s="162"/>
      <c r="AP881" s="162"/>
      <c r="AQ881" s="162"/>
      <c r="AR881" s="162"/>
      <c r="AS881" s="162"/>
      <c r="AT881" s="162"/>
      <c r="AU881" s="162"/>
      <c r="AV881" s="162"/>
      <c r="AW881" s="160">
        <f t="shared" si="537"/>
        <v>0</v>
      </c>
      <c r="AX881" s="158"/>
      <c r="AY881" s="161" t="str">
        <f t="shared" si="538"/>
        <v/>
      </c>
      <c r="AZ881" s="161" t="str">
        <f t="shared" si="539"/>
        <v/>
      </c>
      <c r="BA881" s="161" t="str">
        <f t="shared" si="540"/>
        <v/>
      </c>
      <c r="BB881" s="161" t="str">
        <f t="shared" si="541"/>
        <v/>
      </c>
      <c r="BC881" s="161" t="str">
        <f t="shared" si="542"/>
        <v/>
      </c>
      <c r="BD881" s="161" t="str">
        <f t="shared" si="543"/>
        <v/>
      </c>
      <c r="BE881" s="161" t="str">
        <f t="shared" si="544"/>
        <v/>
      </c>
      <c r="BF881" s="161" t="str">
        <f t="shared" si="545"/>
        <v/>
      </c>
      <c r="BG881" s="161" t="str">
        <f t="shared" si="546"/>
        <v/>
      </c>
      <c r="BH881" s="161" t="str">
        <f t="shared" si="547"/>
        <v/>
      </c>
      <c r="BI881" s="161" t="str">
        <f t="shared" si="548"/>
        <v/>
      </c>
      <c r="BJ881" s="161" t="str">
        <f t="shared" si="549"/>
        <v/>
      </c>
      <c r="BK881" s="161" t="str">
        <f t="shared" si="550"/>
        <v/>
      </c>
      <c r="BL881" s="161" t="str">
        <f t="shared" si="551"/>
        <v/>
      </c>
      <c r="BM881" s="161" t="str">
        <f t="shared" si="552"/>
        <v/>
      </c>
      <c r="BN881" s="161" t="str">
        <f t="shared" si="553"/>
        <v/>
      </c>
      <c r="BO881" s="161" t="str">
        <f t="shared" si="554"/>
        <v/>
      </c>
      <c r="BP881" s="161" t="str">
        <f t="shared" si="555"/>
        <v/>
      </c>
      <c r="BQ881" s="161" t="str">
        <f t="shared" si="556"/>
        <v/>
      </c>
      <c r="BR881" s="161" t="str">
        <f t="shared" si="557"/>
        <v/>
      </c>
      <c r="BS881" s="161" t="str">
        <f t="shared" si="558"/>
        <v/>
      </c>
      <c r="BT881" s="161" t="str">
        <f t="shared" si="559"/>
        <v/>
      </c>
      <c r="BU881" s="161" t="str">
        <f t="shared" si="560"/>
        <v/>
      </c>
      <c r="BV881" s="161" t="str">
        <f t="shared" si="561"/>
        <v/>
      </c>
      <c r="BW881" s="161" t="str">
        <f t="shared" si="562"/>
        <v/>
      </c>
      <c r="BX881" s="161" t="str">
        <f t="shared" si="563"/>
        <v/>
      </c>
      <c r="BY881" s="161" t="str">
        <f t="shared" si="564"/>
        <v/>
      </c>
      <c r="BZ881" s="161" t="str">
        <f t="shared" si="565"/>
        <v/>
      </c>
      <c r="CA881" s="161" t="str">
        <f t="shared" si="566"/>
        <v/>
      </c>
      <c r="CB881" s="161" t="str">
        <f t="shared" si="567"/>
        <v/>
      </c>
      <c r="CC881" s="161" t="str">
        <f t="shared" si="568"/>
        <v/>
      </c>
      <c r="CD881" s="162"/>
      <c r="CE881" s="162"/>
      <c r="CF881" s="162"/>
    </row>
    <row r="882" spans="1:84" s="178" customFormat="1" ht="56.1" hidden="1" customHeight="1" x14ac:dyDescent="0.2">
      <c r="A882" s="154">
        <v>882</v>
      </c>
      <c r="B882" s="155" t="s">
        <v>53</v>
      </c>
      <c r="C882" s="165" t="s">
        <v>655</v>
      </c>
      <c r="D882" s="172" t="s">
        <v>932</v>
      </c>
      <c r="E882" s="172" t="s">
        <v>1267</v>
      </c>
      <c r="F882" s="172" t="s">
        <v>1268</v>
      </c>
      <c r="G882" s="163" t="s">
        <v>58</v>
      </c>
      <c r="H882" s="172" t="s">
        <v>59</v>
      </c>
      <c r="I882" s="172" t="s">
        <v>81</v>
      </c>
      <c r="J882" s="163" t="s">
        <v>77</v>
      </c>
      <c r="K882" s="179" t="s">
        <v>722</v>
      </c>
      <c r="L882" s="158" t="s">
        <v>63</v>
      </c>
      <c r="M882" s="158" t="s">
        <v>63</v>
      </c>
      <c r="N882" s="180">
        <v>129504.375</v>
      </c>
      <c r="O882" s="175">
        <f t="shared" si="536"/>
        <v>129504.375</v>
      </c>
      <c r="P882" s="176" t="s">
        <v>839</v>
      </c>
      <c r="Q882" s="158" t="s">
        <v>65</v>
      </c>
      <c r="R882" s="162"/>
      <c r="S882" s="162"/>
      <c r="T882" s="162"/>
      <c r="U882" s="162"/>
      <c r="V882" s="162"/>
      <c r="W882" s="162"/>
      <c r="X882" s="162"/>
      <c r="Y882" s="162"/>
      <c r="Z882" s="162"/>
      <c r="AA882" s="162"/>
      <c r="AB882" s="162"/>
      <c r="AC882" s="162"/>
      <c r="AD882" s="162"/>
      <c r="AE882" s="162"/>
      <c r="AF882" s="162"/>
      <c r="AG882" s="162"/>
      <c r="AH882" s="162"/>
      <c r="AI882" s="162"/>
      <c r="AJ882" s="162"/>
      <c r="AK882" s="162"/>
      <c r="AL882" s="162"/>
      <c r="AM882" s="162"/>
      <c r="AN882" s="162"/>
      <c r="AO882" s="162"/>
      <c r="AP882" s="162"/>
      <c r="AQ882" s="162"/>
      <c r="AR882" s="162"/>
      <c r="AS882" s="162"/>
      <c r="AT882" s="162"/>
      <c r="AU882" s="162"/>
      <c r="AV882" s="162"/>
      <c r="AW882" s="160">
        <f t="shared" si="537"/>
        <v>0</v>
      </c>
      <c r="AX882" s="158"/>
      <c r="AY882" s="161" t="str">
        <f t="shared" si="538"/>
        <v/>
      </c>
      <c r="AZ882" s="161" t="str">
        <f t="shared" si="539"/>
        <v/>
      </c>
      <c r="BA882" s="161" t="str">
        <f t="shared" si="540"/>
        <v/>
      </c>
      <c r="BB882" s="161" t="str">
        <f t="shared" si="541"/>
        <v/>
      </c>
      <c r="BC882" s="161" t="str">
        <f t="shared" si="542"/>
        <v/>
      </c>
      <c r="BD882" s="161" t="str">
        <f t="shared" si="543"/>
        <v/>
      </c>
      <c r="BE882" s="161" t="str">
        <f t="shared" si="544"/>
        <v/>
      </c>
      <c r="BF882" s="161" t="str">
        <f t="shared" si="545"/>
        <v/>
      </c>
      <c r="BG882" s="161" t="str">
        <f t="shared" si="546"/>
        <v/>
      </c>
      <c r="BH882" s="161" t="str">
        <f t="shared" si="547"/>
        <v/>
      </c>
      <c r="BI882" s="161" t="str">
        <f t="shared" si="548"/>
        <v/>
      </c>
      <c r="BJ882" s="161" t="str">
        <f t="shared" si="549"/>
        <v/>
      </c>
      <c r="BK882" s="161" t="str">
        <f t="shared" si="550"/>
        <v/>
      </c>
      <c r="BL882" s="161" t="str">
        <f t="shared" si="551"/>
        <v/>
      </c>
      <c r="BM882" s="161" t="str">
        <f t="shared" si="552"/>
        <v/>
      </c>
      <c r="BN882" s="161" t="str">
        <f t="shared" si="553"/>
        <v/>
      </c>
      <c r="BO882" s="161" t="str">
        <f t="shared" si="554"/>
        <v/>
      </c>
      <c r="BP882" s="161" t="str">
        <f t="shared" si="555"/>
        <v/>
      </c>
      <c r="BQ882" s="161" t="str">
        <f t="shared" si="556"/>
        <v/>
      </c>
      <c r="BR882" s="161" t="str">
        <f t="shared" si="557"/>
        <v/>
      </c>
      <c r="BS882" s="161" t="str">
        <f t="shared" si="558"/>
        <v/>
      </c>
      <c r="BT882" s="161" t="str">
        <f t="shared" si="559"/>
        <v/>
      </c>
      <c r="BU882" s="161" t="str">
        <f t="shared" si="560"/>
        <v/>
      </c>
      <c r="BV882" s="161" t="str">
        <f t="shared" si="561"/>
        <v/>
      </c>
      <c r="BW882" s="161" t="str">
        <f t="shared" si="562"/>
        <v/>
      </c>
      <c r="BX882" s="161" t="str">
        <f t="shared" si="563"/>
        <v/>
      </c>
      <c r="BY882" s="161" t="str">
        <f t="shared" si="564"/>
        <v/>
      </c>
      <c r="BZ882" s="161" t="str">
        <f t="shared" si="565"/>
        <v/>
      </c>
      <c r="CA882" s="161" t="str">
        <f t="shared" si="566"/>
        <v/>
      </c>
      <c r="CB882" s="161" t="str">
        <f t="shared" si="567"/>
        <v/>
      </c>
      <c r="CC882" s="161" t="str">
        <f t="shared" si="568"/>
        <v/>
      </c>
      <c r="CD882" s="162"/>
      <c r="CE882" s="162"/>
      <c r="CF882" s="162"/>
    </row>
    <row r="883" spans="1:84" s="178" customFormat="1" ht="56.1" hidden="1" customHeight="1" x14ac:dyDescent="0.2">
      <c r="A883" s="154">
        <v>883</v>
      </c>
      <c r="B883" s="155" t="s">
        <v>53</v>
      </c>
      <c r="C883" s="165" t="s">
        <v>655</v>
      </c>
      <c r="D883" s="172" t="s">
        <v>932</v>
      </c>
      <c r="E883" s="172" t="s">
        <v>1269</v>
      </c>
      <c r="F883" s="172" t="s">
        <v>1270</v>
      </c>
      <c r="G883" s="163" t="s">
        <v>58</v>
      </c>
      <c r="H883" s="172" t="s">
        <v>59</v>
      </c>
      <c r="I883" s="172" t="s">
        <v>81</v>
      </c>
      <c r="J883" s="163" t="s">
        <v>77</v>
      </c>
      <c r="K883" s="179" t="s">
        <v>722</v>
      </c>
      <c r="L883" s="158" t="s">
        <v>63</v>
      </c>
      <c r="M883" s="158" t="s">
        <v>63</v>
      </c>
      <c r="N883" s="180">
        <v>781137.5</v>
      </c>
      <c r="O883" s="175">
        <f t="shared" si="536"/>
        <v>781137.5</v>
      </c>
      <c r="P883" s="176" t="s">
        <v>839</v>
      </c>
      <c r="Q883" s="158" t="s">
        <v>65</v>
      </c>
      <c r="R883" s="162"/>
      <c r="S883" s="162"/>
      <c r="T883" s="162"/>
      <c r="U883" s="162"/>
      <c r="V883" s="162"/>
      <c r="W883" s="162"/>
      <c r="X883" s="162"/>
      <c r="Y883" s="162"/>
      <c r="Z883" s="162"/>
      <c r="AA883" s="162"/>
      <c r="AB883" s="162"/>
      <c r="AC883" s="162"/>
      <c r="AD883" s="162"/>
      <c r="AE883" s="162"/>
      <c r="AF883" s="162"/>
      <c r="AG883" s="162"/>
      <c r="AH883" s="162"/>
      <c r="AI883" s="162"/>
      <c r="AJ883" s="162"/>
      <c r="AK883" s="162"/>
      <c r="AL883" s="162"/>
      <c r="AM883" s="162"/>
      <c r="AN883" s="162"/>
      <c r="AO883" s="162"/>
      <c r="AP883" s="162"/>
      <c r="AQ883" s="162"/>
      <c r="AR883" s="162"/>
      <c r="AS883" s="162"/>
      <c r="AT883" s="162"/>
      <c r="AU883" s="162"/>
      <c r="AV883" s="162"/>
      <c r="AW883" s="160">
        <f t="shared" si="537"/>
        <v>0</v>
      </c>
      <c r="AX883" s="158"/>
      <c r="AY883" s="161" t="str">
        <f t="shared" si="538"/>
        <v/>
      </c>
      <c r="AZ883" s="161" t="str">
        <f t="shared" si="539"/>
        <v/>
      </c>
      <c r="BA883" s="161" t="str">
        <f t="shared" si="540"/>
        <v/>
      </c>
      <c r="BB883" s="161" t="str">
        <f t="shared" si="541"/>
        <v/>
      </c>
      <c r="BC883" s="161" t="str">
        <f t="shared" si="542"/>
        <v/>
      </c>
      <c r="BD883" s="161" t="str">
        <f t="shared" si="543"/>
        <v/>
      </c>
      <c r="BE883" s="161" t="str">
        <f t="shared" si="544"/>
        <v/>
      </c>
      <c r="BF883" s="161" t="str">
        <f t="shared" si="545"/>
        <v/>
      </c>
      <c r="BG883" s="161" t="str">
        <f t="shared" si="546"/>
        <v/>
      </c>
      <c r="BH883" s="161" t="str">
        <f t="shared" si="547"/>
        <v/>
      </c>
      <c r="BI883" s="161" t="str">
        <f t="shared" si="548"/>
        <v/>
      </c>
      <c r="BJ883" s="161" t="str">
        <f t="shared" si="549"/>
        <v/>
      </c>
      <c r="BK883" s="161" t="str">
        <f t="shared" si="550"/>
        <v/>
      </c>
      <c r="BL883" s="161" t="str">
        <f t="shared" si="551"/>
        <v/>
      </c>
      <c r="BM883" s="161" t="str">
        <f t="shared" si="552"/>
        <v/>
      </c>
      <c r="BN883" s="161" t="str">
        <f t="shared" si="553"/>
        <v/>
      </c>
      <c r="BO883" s="161" t="str">
        <f t="shared" si="554"/>
        <v/>
      </c>
      <c r="BP883" s="161" t="str">
        <f t="shared" si="555"/>
        <v/>
      </c>
      <c r="BQ883" s="161" t="str">
        <f t="shared" si="556"/>
        <v/>
      </c>
      <c r="BR883" s="161" t="str">
        <f t="shared" si="557"/>
        <v/>
      </c>
      <c r="BS883" s="161" t="str">
        <f t="shared" si="558"/>
        <v/>
      </c>
      <c r="BT883" s="161" t="str">
        <f t="shared" si="559"/>
        <v/>
      </c>
      <c r="BU883" s="161" t="str">
        <f t="shared" si="560"/>
        <v/>
      </c>
      <c r="BV883" s="161" t="str">
        <f t="shared" si="561"/>
        <v/>
      </c>
      <c r="BW883" s="161" t="str">
        <f t="shared" si="562"/>
        <v/>
      </c>
      <c r="BX883" s="161" t="str">
        <f t="shared" si="563"/>
        <v/>
      </c>
      <c r="BY883" s="161" t="str">
        <f t="shared" si="564"/>
        <v/>
      </c>
      <c r="BZ883" s="161" t="str">
        <f t="shared" si="565"/>
        <v/>
      </c>
      <c r="CA883" s="161" t="str">
        <f t="shared" si="566"/>
        <v/>
      </c>
      <c r="CB883" s="161" t="str">
        <f t="shared" si="567"/>
        <v/>
      </c>
      <c r="CC883" s="161" t="str">
        <f t="shared" si="568"/>
        <v/>
      </c>
      <c r="CD883" s="162"/>
      <c r="CE883" s="162"/>
      <c r="CF883" s="162"/>
    </row>
    <row r="884" spans="1:84" s="178" customFormat="1" ht="56.1" hidden="1" customHeight="1" x14ac:dyDescent="0.2">
      <c r="A884" s="154">
        <v>884</v>
      </c>
      <c r="B884" s="155" t="s">
        <v>53</v>
      </c>
      <c r="C884" s="165" t="s">
        <v>655</v>
      </c>
      <c r="D884" s="172" t="s">
        <v>932</v>
      </c>
      <c r="E884" s="172" t="s">
        <v>1271</v>
      </c>
      <c r="F884" s="172" t="s">
        <v>1272</v>
      </c>
      <c r="G884" s="163" t="s">
        <v>58</v>
      </c>
      <c r="H884" s="172" t="s">
        <v>59</v>
      </c>
      <c r="I884" s="172" t="s">
        <v>81</v>
      </c>
      <c r="J884" s="163" t="s">
        <v>77</v>
      </c>
      <c r="K884" s="179" t="s">
        <v>722</v>
      </c>
      <c r="L884" s="158" t="s">
        <v>63</v>
      </c>
      <c r="M884" s="158" t="s">
        <v>63</v>
      </c>
      <c r="N884" s="180">
        <v>279873.34375</v>
      </c>
      <c r="O884" s="175">
        <f t="shared" si="536"/>
        <v>279873.34375</v>
      </c>
      <c r="P884" s="176" t="s">
        <v>839</v>
      </c>
      <c r="Q884" s="158" t="s">
        <v>65</v>
      </c>
      <c r="R884" s="162"/>
      <c r="S884" s="162"/>
      <c r="T884" s="162"/>
      <c r="U884" s="162"/>
      <c r="V884" s="162"/>
      <c r="W884" s="162"/>
      <c r="X884" s="162"/>
      <c r="Y884" s="162"/>
      <c r="Z884" s="162"/>
      <c r="AA884" s="162"/>
      <c r="AB884" s="162"/>
      <c r="AC884" s="162"/>
      <c r="AD884" s="162"/>
      <c r="AE884" s="162"/>
      <c r="AF884" s="162"/>
      <c r="AG884" s="162"/>
      <c r="AH884" s="162"/>
      <c r="AI884" s="162"/>
      <c r="AJ884" s="162"/>
      <c r="AK884" s="162"/>
      <c r="AL884" s="162"/>
      <c r="AM884" s="162"/>
      <c r="AN884" s="162"/>
      <c r="AO884" s="162"/>
      <c r="AP884" s="162"/>
      <c r="AQ884" s="162"/>
      <c r="AR884" s="162"/>
      <c r="AS884" s="162"/>
      <c r="AT884" s="162"/>
      <c r="AU884" s="162"/>
      <c r="AV884" s="162"/>
      <c r="AW884" s="160">
        <f t="shared" si="537"/>
        <v>0</v>
      </c>
      <c r="AX884" s="158"/>
      <c r="AY884" s="161" t="str">
        <f t="shared" si="538"/>
        <v/>
      </c>
      <c r="AZ884" s="161" t="str">
        <f t="shared" si="539"/>
        <v/>
      </c>
      <c r="BA884" s="161" t="str">
        <f t="shared" si="540"/>
        <v/>
      </c>
      <c r="BB884" s="161" t="str">
        <f t="shared" si="541"/>
        <v/>
      </c>
      <c r="BC884" s="161" t="str">
        <f t="shared" si="542"/>
        <v/>
      </c>
      <c r="BD884" s="161" t="str">
        <f t="shared" si="543"/>
        <v/>
      </c>
      <c r="BE884" s="161" t="str">
        <f t="shared" si="544"/>
        <v/>
      </c>
      <c r="BF884" s="161" t="str">
        <f t="shared" si="545"/>
        <v/>
      </c>
      <c r="BG884" s="161" t="str">
        <f t="shared" si="546"/>
        <v/>
      </c>
      <c r="BH884" s="161" t="str">
        <f t="shared" si="547"/>
        <v/>
      </c>
      <c r="BI884" s="161" t="str">
        <f t="shared" si="548"/>
        <v/>
      </c>
      <c r="BJ884" s="161" t="str">
        <f t="shared" si="549"/>
        <v/>
      </c>
      <c r="BK884" s="161" t="str">
        <f t="shared" si="550"/>
        <v/>
      </c>
      <c r="BL884" s="161" t="str">
        <f t="shared" si="551"/>
        <v/>
      </c>
      <c r="BM884" s="161" t="str">
        <f t="shared" si="552"/>
        <v/>
      </c>
      <c r="BN884" s="161" t="str">
        <f t="shared" si="553"/>
        <v/>
      </c>
      <c r="BO884" s="161" t="str">
        <f t="shared" si="554"/>
        <v/>
      </c>
      <c r="BP884" s="161" t="str">
        <f t="shared" si="555"/>
        <v/>
      </c>
      <c r="BQ884" s="161" t="str">
        <f t="shared" si="556"/>
        <v/>
      </c>
      <c r="BR884" s="161" t="str">
        <f t="shared" si="557"/>
        <v/>
      </c>
      <c r="BS884" s="161" t="str">
        <f t="shared" si="558"/>
        <v/>
      </c>
      <c r="BT884" s="161" t="str">
        <f t="shared" si="559"/>
        <v/>
      </c>
      <c r="BU884" s="161" t="str">
        <f t="shared" si="560"/>
        <v/>
      </c>
      <c r="BV884" s="161" t="str">
        <f t="shared" si="561"/>
        <v/>
      </c>
      <c r="BW884" s="161" t="str">
        <f t="shared" si="562"/>
        <v/>
      </c>
      <c r="BX884" s="161" t="str">
        <f t="shared" si="563"/>
        <v/>
      </c>
      <c r="BY884" s="161" t="str">
        <f t="shared" si="564"/>
        <v/>
      </c>
      <c r="BZ884" s="161" t="str">
        <f t="shared" si="565"/>
        <v/>
      </c>
      <c r="CA884" s="161" t="str">
        <f t="shared" si="566"/>
        <v/>
      </c>
      <c r="CB884" s="161" t="str">
        <f t="shared" si="567"/>
        <v/>
      </c>
      <c r="CC884" s="161" t="str">
        <f t="shared" si="568"/>
        <v/>
      </c>
      <c r="CD884" s="162"/>
      <c r="CE884" s="162"/>
      <c r="CF884" s="162"/>
    </row>
    <row r="885" spans="1:84" s="178" customFormat="1" ht="56.1" hidden="1" customHeight="1" x14ac:dyDescent="0.2">
      <c r="A885" s="154">
        <v>885</v>
      </c>
      <c r="B885" s="155" t="s">
        <v>53</v>
      </c>
      <c r="C885" s="165" t="s">
        <v>655</v>
      </c>
      <c r="D885" s="172" t="s">
        <v>932</v>
      </c>
      <c r="E885" s="172" t="s">
        <v>1273</v>
      </c>
      <c r="F885" s="172" t="s">
        <v>1274</v>
      </c>
      <c r="G885" s="163" t="s">
        <v>58</v>
      </c>
      <c r="H885" s="172" t="s">
        <v>59</v>
      </c>
      <c r="I885" s="172" t="s">
        <v>81</v>
      </c>
      <c r="J885" s="163" t="s">
        <v>77</v>
      </c>
      <c r="K885" s="179" t="s">
        <v>722</v>
      </c>
      <c r="L885" s="158" t="s">
        <v>63</v>
      </c>
      <c r="M885" s="158" t="s">
        <v>63</v>
      </c>
      <c r="N885" s="180">
        <v>79151.840624999997</v>
      </c>
      <c r="O885" s="175">
        <f t="shared" si="536"/>
        <v>79151.840624999997</v>
      </c>
      <c r="P885" s="176" t="s">
        <v>839</v>
      </c>
      <c r="Q885" s="158" t="s">
        <v>65</v>
      </c>
      <c r="R885" s="161"/>
      <c r="S885" s="162"/>
      <c r="T885" s="162"/>
      <c r="U885" s="162"/>
      <c r="V885" s="162"/>
      <c r="W885" s="162"/>
      <c r="X885" s="162"/>
      <c r="Y885" s="162"/>
      <c r="Z885" s="162"/>
      <c r="AA885" s="162"/>
      <c r="AB885" s="162"/>
      <c r="AC885" s="162"/>
      <c r="AD885" s="162"/>
      <c r="AE885" s="162"/>
      <c r="AF885" s="162"/>
      <c r="AG885" s="162"/>
      <c r="AH885" s="162"/>
      <c r="AI885" s="162"/>
      <c r="AJ885" s="162"/>
      <c r="AK885" s="162"/>
      <c r="AL885" s="162"/>
      <c r="AM885" s="162"/>
      <c r="AN885" s="162"/>
      <c r="AO885" s="162"/>
      <c r="AP885" s="162"/>
      <c r="AQ885" s="162"/>
      <c r="AR885" s="162"/>
      <c r="AS885" s="162"/>
      <c r="AT885" s="162"/>
      <c r="AU885" s="162"/>
      <c r="AV885" s="162"/>
      <c r="AW885" s="160">
        <f t="shared" si="537"/>
        <v>0</v>
      </c>
      <c r="AX885" s="158"/>
      <c r="AY885" s="161" t="str">
        <f t="shared" si="538"/>
        <v/>
      </c>
      <c r="AZ885" s="161" t="str">
        <f t="shared" si="539"/>
        <v/>
      </c>
      <c r="BA885" s="161" t="str">
        <f t="shared" si="540"/>
        <v/>
      </c>
      <c r="BB885" s="161" t="str">
        <f t="shared" si="541"/>
        <v/>
      </c>
      <c r="BC885" s="161" t="str">
        <f t="shared" si="542"/>
        <v/>
      </c>
      <c r="BD885" s="161" t="str">
        <f t="shared" si="543"/>
        <v/>
      </c>
      <c r="BE885" s="161" t="str">
        <f t="shared" si="544"/>
        <v/>
      </c>
      <c r="BF885" s="161" t="str">
        <f t="shared" si="545"/>
        <v/>
      </c>
      <c r="BG885" s="161" t="str">
        <f t="shared" si="546"/>
        <v/>
      </c>
      <c r="BH885" s="161" t="str">
        <f t="shared" si="547"/>
        <v/>
      </c>
      <c r="BI885" s="161" t="str">
        <f t="shared" si="548"/>
        <v/>
      </c>
      <c r="BJ885" s="161" t="str">
        <f t="shared" si="549"/>
        <v/>
      </c>
      <c r="BK885" s="161" t="str">
        <f t="shared" si="550"/>
        <v/>
      </c>
      <c r="BL885" s="161" t="str">
        <f t="shared" si="551"/>
        <v/>
      </c>
      <c r="BM885" s="161" t="str">
        <f t="shared" si="552"/>
        <v/>
      </c>
      <c r="BN885" s="161" t="str">
        <f t="shared" si="553"/>
        <v/>
      </c>
      <c r="BO885" s="161" t="str">
        <f t="shared" si="554"/>
        <v/>
      </c>
      <c r="BP885" s="161" t="str">
        <f t="shared" si="555"/>
        <v/>
      </c>
      <c r="BQ885" s="161" t="str">
        <f t="shared" si="556"/>
        <v/>
      </c>
      <c r="BR885" s="161" t="str">
        <f t="shared" si="557"/>
        <v/>
      </c>
      <c r="BS885" s="161" t="str">
        <f t="shared" si="558"/>
        <v/>
      </c>
      <c r="BT885" s="161" t="str">
        <f t="shared" si="559"/>
        <v/>
      </c>
      <c r="BU885" s="161" t="str">
        <f t="shared" si="560"/>
        <v/>
      </c>
      <c r="BV885" s="161" t="str">
        <f t="shared" si="561"/>
        <v/>
      </c>
      <c r="BW885" s="161" t="str">
        <f t="shared" si="562"/>
        <v/>
      </c>
      <c r="BX885" s="161" t="str">
        <f t="shared" si="563"/>
        <v/>
      </c>
      <c r="BY885" s="161" t="str">
        <f t="shared" si="564"/>
        <v/>
      </c>
      <c r="BZ885" s="161" t="str">
        <f t="shared" si="565"/>
        <v/>
      </c>
      <c r="CA885" s="161" t="str">
        <f t="shared" si="566"/>
        <v/>
      </c>
      <c r="CB885" s="161" t="str">
        <f t="shared" si="567"/>
        <v/>
      </c>
      <c r="CC885" s="161" t="str">
        <f t="shared" si="568"/>
        <v/>
      </c>
      <c r="CD885" s="162"/>
      <c r="CE885" s="162"/>
      <c r="CF885" s="162"/>
    </row>
    <row r="886" spans="1:84" s="178" customFormat="1" ht="56.1" hidden="1" customHeight="1" x14ac:dyDescent="0.2">
      <c r="A886" s="154">
        <v>886</v>
      </c>
      <c r="B886" s="155" t="s">
        <v>53</v>
      </c>
      <c r="C886" s="165" t="s">
        <v>655</v>
      </c>
      <c r="D886" s="172" t="s">
        <v>932</v>
      </c>
      <c r="E886" s="172" t="s">
        <v>1275</v>
      </c>
      <c r="F886" s="172" t="s">
        <v>1276</v>
      </c>
      <c r="G886" s="163" t="s">
        <v>58</v>
      </c>
      <c r="H886" s="172" t="s">
        <v>59</v>
      </c>
      <c r="I886" s="172" t="s">
        <v>81</v>
      </c>
      <c r="J886" s="163" t="s">
        <v>77</v>
      </c>
      <c r="K886" s="179" t="s">
        <v>722</v>
      </c>
      <c r="L886" s="158" t="s">
        <v>63</v>
      </c>
      <c r="M886" s="158" t="s">
        <v>63</v>
      </c>
      <c r="N886" s="180">
        <v>124150.49968750001</v>
      </c>
      <c r="O886" s="175">
        <f t="shared" si="536"/>
        <v>124150.49968750001</v>
      </c>
      <c r="P886" s="176" t="s">
        <v>839</v>
      </c>
      <c r="Q886" s="158" t="s">
        <v>65</v>
      </c>
      <c r="R886" s="161"/>
      <c r="S886" s="162"/>
      <c r="T886" s="162"/>
      <c r="U886" s="162"/>
      <c r="V886" s="162"/>
      <c r="W886" s="162"/>
      <c r="X886" s="162"/>
      <c r="Y886" s="162"/>
      <c r="Z886" s="162"/>
      <c r="AA886" s="162"/>
      <c r="AB886" s="162"/>
      <c r="AC886" s="162"/>
      <c r="AD886" s="162"/>
      <c r="AE886" s="162"/>
      <c r="AF886" s="162"/>
      <c r="AG886" s="162"/>
      <c r="AH886" s="162"/>
      <c r="AI886" s="162"/>
      <c r="AJ886" s="162"/>
      <c r="AK886" s="162"/>
      <c r="AL886" s="162"/>
      <c r="AM886" s="162"/>
      <c r="AN886" s="162"/>
      <c r="AO886" s="162"/>
      <c r="AP886" s="162"/>
      <c r="AQ886" s="162"/>
      <c r="AR886" s="162"/>
      <c r="AS886" s="162"/>
      <c r="AT886" s="162"/>
      <c r="AU886" s="162"/>
      <c r="AV886" s="162"/>
      <c r="AW886" s="160">
        <f t="shared" si="537"/>
        <v>0</v>
      </c>
      <c r="AX886" s="158"/>
      <c r="AY886" s="161" t="str">
        <f t="shared" si="538"/>
        <v/>
      </c>
      <c r="AZ886" s="161" t="str">
        <f t="shared" si="539"/>
        <v/>
      </c>
      <c r="BA886" s="161" t="str">
        <f t="shared" si="540"/>
        <v/>
      </c>
      <c r="BB886" s="161" t="str">
        <f t="shared" si="541"/>
        <v/>
      </c>
      <c r="BC886" s="161" t="str">
        <f t="shared" si="542"/>
        <v/>
      </c>
      <c r="BD886" s="161" t="str">
        <f t="shared" si="543"/>
        <v/>
      </c>
      <c r="BE886" s="161" t="str">
        <f t="shared" si="544"/>
        <v/>
      </c>
      <c r="BF886" s="161" t="str">
        <f t="shared" si="545"/>
        <v/>
      </c>
      <c r="BG886" s="161" t="str">
        <f t="shared" si="546"/>
        <v/>
      </c>
      <c r="BH886" s="161" t="str">
        <f t="shared" si="547"/>
        <v/>
      </c>
      <c r="BI886" s="161" t="str">
        <f t="shared" si="548"/>
        <v/>
      </c>
      <c r="BJ886" s="161" t="str">
        <f t="shared" si="549"/>
        <v/>
      </c>
      <c r="BK886" s="161" t="str">
        <f t="shared" si="550"/>
        <v/>
      </c>
      <c r="BL886" s="161" t="str">
        <f t="shared" si="551"/>
        <v/>
      </c>
      <c r="BM886" s="161" t="str">
        <f t="shared" si="552"/>
        <v/>
      </c>
      <c r="BN886" s="161" t="str">
        <f t="shared" si="553"/>
        <v/>
      </c>
      <c r="BO886" s="161" t="str">
        <f t="shared" si="554"/>
        <v/>
      </c>
      <c r="BP886" s="161" t="str">
        <f t="shared" si="555"/>
        <v/>
      </c>
      <c r="BQ886" s="161" t="str">
        <f t="shared" si="556"/>
        <v/>
      </c>
      <c r="BR886" s="161" t="str">
        <f t="shared" si="557"/>
        <v/>
      </c>
      <c r="BS886" s="161" t="str">
        <f t="shared" si="558"/>
        <v/>
      </c>
      <c r="BT886" s="161" t="str">
        <f t="shared" si="559"/>
        <v/>
      </c>
      <c r="BU886" s="161" t="str">
        <f t="shared" si="560"/>
        <v/>
      </c>
      <c r="BV886" s="161" t="str">
        <f t="shared" si="561"/>
        <v/>
      </c>
      <c r="BW886" s="161" t="str">
        <f t="shared" si="562"/>
        <v/>
      </c>
      <c r="BX886" s="161" t="str">
        <f t="shared" si="563"/>
        <v/>
      </c>
      <c r="BY886" s="161" t="str">
        <f t="shared" si="564"/>
        <v/>
      </c>
      <c r="BZ886" s="161" t="str">
        <f t="shared" si="565"/>
        <v/>
      </c>
      <c r="CA886" s="161" t="str">
        <f t="shared" si="566"/>
        <v/>
      </c>
      <c r="CB886" s="161" t="str">
        <f t="shared" si="567"/>
        <v/>
      </c>
      <c r="CC886" s="161" t="str">
        <f t="shared" si="568"/>
        <v/>
      </c>
      <c r="CD886" s="162"/>
      <c r="CE886" s="162"/>
      <c r="CF886" s="162"/>
    </row>
    <row r="887" spans="1:84" s="248" customFormat="1" ht="56.1" hidden="1" customHeight="1" x14ac:dyDescent="0.2">
      <c r="A887" s="198">
        <v>887</v>
      </c>
      <c r="B887" s="199" t="s">
        <v>53</v>
      </c>
      <c r="C887" s="208" t="s">
        <v>655</v>
      </c>
      <c r="D887" s="243" t="s">
        <v>932</v>
      </c>
      <c r="E887" s="243" t="s">
        <v>1277</v>
      </c>
      <c r="F887" s="243" t="s">
        <v>1278</v>
      </c>
      <c r="G887" s="206" t="s">
        <v>58</v>
      </c>
      <c r="H887" s="243" t="s">
        <v>833</v>
      </c>
      <c r="I887" s="243" t="s">
        <v>81</v>
      </c>
      <c r="J887" s="206" t="s">
        <v>77</v>
      </c>
      <c r="K887" s="242" t="s">
        <v>722</v>
      </c>
      <c r="L887" s="205" t="s">
        <v>63</v>
      </c>
      <c r="M887" s="205" t="s">
        <v>63</v>
      </c>
      <c r="N887" s="290">
        <v>1258042.5</v>
      </c>
      <c r="O887" s="245">
        <f t="shared" si="536"/>
        <v>1258042.5</v>
      </c>
      <c r="P887" s="285" t="s">
        <v>659</v>
      </c>
      <c r="Q887" s="205" t="s">
        <v>65</v>
      </c>
      <c r="R887" s="203"/>
      <c r="S887" s="263"/>
      <c r="T887" s="263"/>
      <c r="U887" s="263"/>
      <c r="V887" s="263"/>
      <c r="W887" s="263"/>
      <c r="X887" s="263"/>
      <c r="Y887" s="263"/>
      <c r="Z887" s="263"/>
      <c r="AA887" s="263"/>
      <c r="AB887" s="263"/>
      <c r="AC887" s="263"/>
      <c r="AD887" s="263"/>
      <c r="AE887" s="263"/>
      <c r="AF887" s="263"/>
      <c r="AG887" s="263"/>
      <c r="AH887" s="263"/>
      <c r="AI887" s="263"/>
      <c r="AJ887" s="263"/>
      <c r="AK887" s="263"/>
      <c r="AL887" s="263"/>
      <c r="AM887" s="263"/>
      <c r="AN887" s="263"/>
      <c r="AO887" s="263"/>
      <c r="AP887" s="263"/>
      <c r="AQ887" s="263"/>
      <c r="AR887" s="263"/>
      <c r="AS887" s="263"/>
      <c r="AT887" s="263"/>
      <c r="AU887" s="263"/>
      <c r="AV887" s="263"/>
      <c r="AW887" s="204">
        <f t="shared" si="537"/>
        <v>0</v>
      </c>
      <c r="AX887" s="205"/>
      <c r="AY887" s="203" t="str">
        <f t="shared" si="538"/>
        <v/>
      </c>
      <c r="AZ887" s="203" t="str">
        <f t="shared" si="539"/>
        <v/>
      </c>
      <c r="BA887" s="203" t="str">
        <f t="shared" si="540"/>
        <v/>
      </c>
      <c r="BB887" s="203" t="str">
        <f t="shared" si="541"/>
        <v/>
      </c>
      <c r="BC887" s="203" t="str">
        <f t="shared" si="542"/>
        <v/>
      </c>
      <c r="BD887" s="203" t="str">
        <f t="shared" si="543"/>
        <v/>
      </c>
      <c r="BE887" s="203" t="str">
        <f t="shared" si="544"/>
        <v/>
      </c>
      <c r="BF887" s="203" t="str">
        <f t="shared" si="545"/>
        <v/>
      </c>
      <c r="BG887" s="203" t="str">
        <f t="shared" si="546"/>
        <v/>
      </c>
      <c r="BH887" s="203" t="str">
        <f t="shared" si="547"/>
        <v/>
      </c>
      <c r="BI887" s="203" t="str">
        <f t="shared" si="548"/>
        <v/>
      </c>
      <c r="BJ887" s="203" t="str">
        <f t="shared" si="549"/>
        <v/>
      </c>
      <c r="BK887" s="203" t="str">
        <f t="shared" si="550"/>
        <v/>
      </c>
      <c r="BL887" s="203" t="str">
        <f t="shared" si="551"/>
        <v/>
      </c>
      <c r="BM887" s="203" t="str">
        <f t="shared" si="552"/>
        <v/>
      </c>
      <c r="BN887" s="203" t="str">
        <f t="shared" si="553"/>
        <v/>
      </c>
      <c r="BO887" s="203" t="str">
        <f t="shared" si="554"/>
        <v/>
      </c>
      <c r="BP887" s="203" t="str">
        <f t="shared" si="555"/>
        <v/>
      </c>
      <c r="BQ887" s="203" t="str">
        <f t="shared" si="556"/>
        <v/>
      </c>
      <c r="BR887" s="203" t="str">
        <f t="shared" si="557"/>
        <v/>
      </c>
      <c r="BS887" s="203" t="str">
        <f t="shared" si="558"/>
        <v/>
      </c>
      <c r="BT887" s="203" t="str">
        <f t="shared" si="559"/>
        <v/>
      </c>
      <c r="BU887" s="203" t="str">
        <f t="shared" si="560"/>
        <v/>
      </c>
      <c r="BV887" s="203" t="str">
        <f t="shared" si="561"/>
        <v/>
      </c>
      <c r="BW887" s="203" t="str">
        <f t="shared" si="562"/>
        <v/>
      </c>
      <c r="BX887" s="203" t="str">
        <f t="shared" si="563"/>
        <v/>
      </c>
      <c r="BY887" s="203" t="str">
        <f t="shared" si="564"/>
        <v/>
      </c>
      <c r="BZ887" s="203" t="str">
        <f t="shared" si="565"/>
        <v/>
      </c>
      <c r="CA887" s="203" t="str">
        <f t="shared" si="566"/>
        <v/>
      </c>
      <c r="CB887" s="203" t="str">
        <f t="shared" si="567"/>
        <v/>
      </c>
      <c r="CC887" s="203" t="str">
        <f t="shared" si="568"/>
        <v/>
      </c>
      <c r="CD887" s="263"/>
      <c r="CE887" s="263"/>
      <c r="CF887" s="263"/>
    </row>
    <row r="888" spans="1:84" s="248" customFormat="1" ht="56.1" hidden="1" customHeight="1" x14ac:dyDescent="0.2">
      <c r="A888" s="198">
        <v>888</v>
      </c>
      <c r="B888" s="199" t="s">
        <v>53</v>
      </c>
      <c r="C888" s="208" t="s">
        <v>655</v>
      </c>
      <c r="D888" s="243" t="s">
        <v>932</v>
      </c>
      <c r="E888" s="243" t="s">
        <v>1279</v>
      </c>
      <c r="F888" s="243" t="s">
        <v>1280</v>
      </c>
      <c r="G888" s="206" t="s">
        <v>58</v>
      </c>
      <c r="H888" s="243" t="s">
        <v>833</v>
      </c>
      <c r="I888" s="243" t="s">
        <v>81</v>
      </c>
      <c r="J888" s="206" t="s">
        <v>77</v>
      </c>
      <c r="K888" s="242" t="s">
        <v>722</v>
      </c>
      <c r="L888" s="205" t="s">
        <v>63</v>
      </c>
      <c r="M888" s="205" t="s">
        <v>63</v>
      </c>
      <c r="N888" s="290">
        <v>152150.02803000002</v>
      </c>
      <c r="O888" s="245">
        <f t="shared" si="536"/>
        <v>152150.02803000002</v>
      </c>
      <c r="P888" s="285" t="s">
        <v>659</v>
      </c>
      <c r="Q888" s="205" t="s">
        <v>65</v>
      </c>
      <c r="R888" s="203"/>
      <c r="S888" s="203"/>
      <c r="T888" s="203"/>
      <c r="U888" s="203"/>
      <c r="V888" s="203"/>
      <c r="W888" s="203"/>
      <c r="X888" s="203"/>
      <c r="Y888" s="203"/>
      <c r="Z888" s="203"/>
      <c r="AA888" s="203"/>
      <c r="AB888" s="203"/>
      <c r="AC888" s="203"/>
      <c r="AD888" s="203"/>
      <c r="AE888" s="203"/>
      <c r="AF888" s="203"/>
      <c r="AG888" s="203"/>
      <c r="AH888" s="205"/>
      <c r="AI888" s="203"/>
      <c r="AJ888" s="203"/>
      <c r="AK888" s="203"/>
      <c r="AL888" s="205"/>
      <c r="AM888" s="203"/>
      <c r="AN888" s="203"/>
      <c r="AO888" s="203"/>
      <c r="AP888" s="205"/>
      <c r="AQ888" s="203"/>
      <c r="AR888" s="205"/>
      <c r="AS888" s="205"/>
      <c r="AT888" s="203"/>
      <c r="AU888" s="205"/>
      <c r="AV888" s="205"/>
      <c r="AW888" s="204">
        <f t="shared" si="537"/>
        <v>0</v>
      </c>
      <c r="AX888" s="205"/>
      <c r="AY888" s="203" t="str">
        <f t="shared" si="538"/>
        <v/>
      </c>
      <c r="AZ888" s="203" t="str">
        <f t="shared" si="539"/>
        <v/>
      </c>
      <c r="BA888" s="203" t="str">
        <f t="shared" si="540"/>
        <v/>
      </c>
      <c r="BB888" s="203" t="str">
        <f t="shared" si="541"/>
        <v/>
      </c>
      <c r="BC888" s="203" t="str">
        <f t="shared" si="542"/>
        <v/>
      </c>
      <c r="BD888" s="203" t="str">
        <f t="shared" si="543"/>
        <v/>
      </c>
      <c r="BE888" s="203" t="str">
        <f t="shared" si="544"/>
        <v/>
      </c>
      <c r="BF888" s="203" t="str">
        <f t="shared" si="545"/>
        <v/>
      </c>
      <c r="BG888" s="203" t="str">
        <f t="shared" si="546"/>
        <v/>
      </c>
      <c r="BH888" s="203" t="str">
        <f t="shared" si="547"/>
        <v/>
      </c>
      <c r="BI888" s="203" t="str">
        <f t="shared" si="548"/>
        <v/>
      </c>
      <c r="BJ888" s="203" t="str">
        <f t="shared" si="549"/>
        <v/>
      </c>
      <c r="BK888" s="203" t="str">
        <f t="shared" si="550"/>
        <v/>
      </c>
      <c r="BL888" s="203" t="str">
        <f t="shared" si="551"/>
        <v/>
      </c>
      <c r="BM888" s="203" t="str">
        <f t="shared" si="552"/>
        <v/>
      </c>
      <c r="BN888" s="203" t="str">
        <f t="shared" si="553"/>
        <v/>
      </c>
      <c r="BO888" s="203" t="str">
        <f t="shared" si="554"/>
        <v/>
      </c>
      <c r="BP888" s="203" t="str">
        <f t="shared" si="555"/>
        <v/>
      </c>
      <c r="BQ888" s="203" t="str">
        <f t="shared" si="556"/>
        <v/>
      </c>
      <c r="BR888" s="203" t="str">
        <f t="shared" si="557"/>
        <v/>
      </c>
      <c r="BS888" s="203" t="str">
        <f t="shared" si="558"/>
        <v/>
      </c>
      <c r="BT888" s="203" t="str">
        <f t="shared" si="559"/>
        <v/>
      </c>
      <c r="BU888" s="203" t="str">
        <f t="shared" si="560"/>
        <v/>
      </c>
      <c r="BV888" s="203" t="str">
        <f t="shared" si="561"/>
        <v/>
      </c>
      <c r="BW888" s="203" t="str">
        <f t="shared" si="562"/>
        <v/>
      </c>
      <c r="BX888" s="203" t="str">
        <f t="shared" si="563"/>
        <v/>
      </c>
      <c r="BY888" s="203" t="str">
        <f t="shared" si="564"/>
        <v/>
      </c>
      <c r="BZ888" s="203" t="str">
        <f t="shared" si="565"/>
        <v/>
      </c>
      <c r="CA888" s="203" t="str">
        <f t="shared" si="566"/>
        <v/>
      </c>
      <c r="CB888" s="203" t="str">
        <f t="shared" si="567"/>
        <v/>
      </c>
      <c r="CC888" s="203" t="str">
        <f t="shared" si="568"/>
        <v/>
      </c>
      <c r="CD888" s="263"/>
      <c r="CE888" s="263"/>
      <c r="CF888" s="263"/>
    </row>
    <row r="889" spans="1:84" s="248" customFormat="1" ht="56.1" hidden="1" customHeight="1" x14ac:dyDescent="0.2">
      <c r="A889" s="198">
        <v>889</v>
      </c>
      <c r="B889" s="199" t="s">
        <v>53</v>
      </c>
      <c r="C889" s="208" t="s">
        <v>655</v>
      </c>
      <c r="D889" s="243" t="s">
        <v>932</v>
      </c>
      <c r="E889" s="243" t="s">
        <v>1281</v>
      </c>
      <c r="F889" s="243" t="s">
        <v>1282</v>
      </c>
      <c r="G889" s="206" t="s">
        <v>58</v>
      </c>
      <c r="H889" s="243" t="s">
        <v>833</v>
      </c>
      <c r="I889" s="243" t="s">
        <v>81</v>
      </c>
      <c r="J889" s="206" t="s">
        <v>77</v>
      </c>
      <c r="K889" s="242" t="s">
        <v>722</v>
      </c>
      <c r="L889" s="205" t="s">
        <v>63</v>
      </c>
      <c r="M889" s="205" t="s">
        <v>63</v>
      </c>
      <c r="N889" s="290">
        <v>6783.5625</v>
      </c>
      <c r="O889" s="245">
        <f t="shared" si="536"/>
        <v>6783.5625</v>
      </c>
      <c r="P889" s="285" t="s">
        <v>659</v>
      </c>
      <c r="Q889" s="205" t="s">
        <v>65</v>
      </c>
      <c r="R889" s="203"/>
      <c r="S889" s="203"/>
      <c r="T889" s="203"/>
      <c r="U889" s="203"/>
      <c r="V889" s="203"/>
      <c r="W889" s="203"/>
      <c r="X889" s="203"/>
      <c r="Y889" s="203"/>
      <c r="Z889" s="203"/>
      <c r="AA889" s="203"/>
      <c r="AB889" s="203"/>
      <c r="AC889" s="203"/>
      <c r="AD889" s="203"/>
      <c r="AE889" s="203"/>
      <c r="AF889" s="203"/>
      <c r="AG889" s="203"/>
      <c r="AH889" s="205"/>
      <c r="AI889" s="203"/>
      <c r="AJ889" s="203"/>
      <c r="AK889" s="203"/>
      <c r="AL889" s="205"/>
      <c r="AM889" s="203"/>
      <c r="AN889" s="203"/>
      <c r="AO889" s="203"/>
      <c r="AP889" s="205"/>
      <c r="AQ889" s="203"/>
      <c r="AR889" s="205"/>
      <c r="AS889" s="205"/>
      <c r="AT889" s="203"/>
      <c r="AU889" s="205"/>
      <c r="AV889" s="205"/>
      <c r="AW889" s="204">
        <f t="shared" si="537"/>
        <v>0</v>
      </c>
      <c r="AX889" s="205"/>
      <c r="AY889" s="203" t="str">
        <f t="shared" si="538"/>
        <v/>
      </c>
      <c r="AZ889" s="203" t="str">
        <f t="shared" si="539"/>
        <v/>
      </c>
      <c r="BA889" s="203" t="str">
        <f t="shared" si="540"/>
        <v/>
      </c>
      <c r="BB889" s="203" t="str">
        <f t="shared" si="541"/>
        <v/>
      </c>
      <c r="BC889" s="203" t="str">
        <f t="shared" si="542"/>
        <v/>
      </c>
      <c r="BD889" s="203" t="str">
        <f t="shared" si="543"/>
        <v/>
      </c>
      <c r="BE889" s="203" t="str">
        <f t="shared" si="544"/>
        <v/>
      </c>
      <c r="BF889" s="203" t="str">
        <f t="shared" si="545"/>
        <v/>
      </c>
      <c r="BG889" s="203" t="str">
        <f t="shared" si="546"/>
        <v/>
      </c>
      <c r="BH889" s="203" t="str">
        <f t="shared" si="547"/>
        <v/>
      </c>
      <c r="BI889" s="203" t="str">
        <f t="shared" si="548"/>
        <v/>
      </c>
      <c r="BJ889" s="203" t="str">
        <f t="shared" si="549"/>
        <v/>
      </c>
      <c r="BK889" s="203" t="str">
        <f t="shared" si="550"/>
        <v/>
      </c>
      <c r="BL889" s="203" t="str">
        <f t="shared" si="551"/>
        <v/>
      </c>
      <c r="BM889" s="203" t="str">
        <f t="shared" si="552"/>
        <v/>
      </c>
      <c r="BN889" s="203" t="str">
        <f t="shared" si="553"/>
        <v/>
      </c>
      <c r="BO889" s="203" t="str">
        <f t="shared" si="554"/>
        <v/>
      </c>
      <c r="BP889" s="203" t="str">
        <f t="shared" si="555"/>
        <v/>
      </c>
      <c r="BQ889" s="203" t="str">
        <f t="shared" si="556"/>
        <v/>
      </c>
      <c r="BR889" s="203" t="str">
        <f t="shared" si="557"/>
        <v/>
      </c>
      <c r="BS889" s="203" t="str">
        <f t="shared" si="558"/>
        <v/>
      </c>
      <c r="BT889" s="203" t="str">
        <f t="shared" si="559"/>
        <v/>
      </c>
      <c r="BU889" s="203" t="str">
        <f t="shared" si="560"/>
        <v/>
      </c>
      <c r="BV889" s="203" t="str">
        <f t="shared" si="561"/>
        <v/>
      </c>
      <c r="BW889" s="203" t="str">
        <f t="shared" si="562"/>
        <v/>
      </c>
      <c r="BX889" s="203" t="str">
        <f t="shared" si="563"/>
        <v/>
      </c>
      <c r="BY889" s="203" t="str">
        <f t="shared" si="564"/>
        <v/>
      </c>
      <c r="BZ889" s="203" t="str">
        <f t="shared" si="565"/>
        <v/>
      </c>
      <c r="CA889" s="203" t="str">
        <f t="shared" si="566"/>
        <v/>
      </c>
      <c r="CB889" s="203" t="str">
        <f t="shared" si="567"/>
        <v/>
      </c>
      <c r="CC889" s="203" t="str">
        <f t="shared" si="568"/>
        <v/>
      </c>
      <c r="CD889" s="263"/>
      <c r="CE889" s="263"/>
      <c r="CF889" s="263"/>
    </row>
    <row r="890" spans="1:84" s="248" customFormat="1" ht="56.1" hidden="1" customHeight="1" x14ac:dyDescent="0.2">
      <c r="A890" s="198">
        <v>890</v>
      </c>
      <c r="B890" s="199" t="s">
        <v>53</v>
      </c>
      <c r="C890" s="208" t="s">
        <v>655</v>
      </c>
      <c r="D890" s="243" t="s">
        <v>932</v>
      </c>
      <c r="E890" s="243" t="s">
        <v>1283</v>
      </c>
      <c r="F890" s="243" t="s">
        <v>1284</v>
      </c>
      <c r="G890" s="206" t="s">
        <v>58</v>
      </c>
      <c r="H890" s="243" t="s">
        <v>833</v>
      </c>
      <c r="I890" s="243" t="s">
        <v>81</v>
      </c>
      <c r="J890" s="206" t="s">
        <v>77</v>
      </c>
      <c r="K890" s="242" t="s">
        <v>722</v>
      </c>
      <c r="L890" s="205" t="s">
        <v>63</v>
      </c>
      <c r="M890" s="205" t="s">
        <v>63</v>
      </c>
      <c r="N890" s="290">
        <v>518.01749999999993</v>
      </c>
      <c r="O890" s="245">
        <f t="shared" si="536"/>
        <v>518.01749999999993</v>
      </c>
      <c r="P890" s="285" t="s">
        <v>659</v>
      </c>
      <c r="Q890" s="205" t="s">
        <v>65</v>
      </c>
      <c r="R890" s="203"/>
      <c r="S890" s="203"/>
      <c r="T890" s="203"/>
      <c r="U890" s="203"/>
      <c r="V890" s="203"/>
      <c r="W890" s="203"/>
      <c r="X890" s="203"/>
      <c r="Y890" s="203"/>
      <c r="Z890" s="203"/>
      <c r="AA890" s="203"/>
      <c r="AB890" s="203"/>
      <c r="AC890" s="203"/>
      <c r="AD890" s="203"/>
      <c r="AE890" s="203"/>
      <c r="AF890" s="203"/>
      <c r="AG890" s="203"/>
      <c r="AH890" s="205"/>
      <c r="AI890" s="203"/>
      <c r="AJ890" s="203"/>
      <c r="AK890" s="203"/>
      <c r="AL890" s="205"/>
      <c r="AM890" s="203"/>
      <c r="AN890" s="203"/>
      <c r="AO890" s="203"/>
      <c r="AP890" s="205"/>
      <c r="AQ890" s="203"/>
      <c r="AR890" s="205"/>
      <c r="AS890" s="205"/>
      <c r="AT890" s="203"/>
      <c r="AU890" s="205"/>
      <c r="AV890" s="205"/>
      <c r="AW890" s="204">
        <f t="shared" si="537"/>
        <v>0</v>
      </c>
      <c r="AX890" s="205"/>
      <c r="AY890" s="203" t="str">
        <f t="shared" si="538"/>
        <v/>
      </c>
      <c r="AZ890" s="203" t="str">
        <f t="shared" si="539"/>
        <v/>
      </c>
      <c r="BA890" s="203" t="str">
        <f t="shared" si="540"/>
        <v/>
      </c>
      <c r="BB890" s="203" t="str">
        <f t="shared" si="541"/>
        <v/>
      </c>
      <c r="BC890" s="203" t="str">
        <f t="shared" si="542"/>
        <v/>
      </c>
      <c r="BD890" s="203" t="str">
        <f t="shared" si="543"/>
        <v/>
      </c>
      <c r="BE890" s="203" t="str">
        <f t="shared" si="544"/>
        <v/>
      </c>
      <c r="BF890" s="203" t="str">
        <f t="shared" si="545"/>
        <v/>
      </c>
      <c r="BG890" s="203" t="str">
        <f t="shared" si="546"/>
        <v/>
      </c>
      <c r="BH890" s="203" t="str">
        <f t="shared" si="547"/>
        <v/>
      </c>
      <c r="BI890" s="203" t="str">
        <f t="shared" si="548"/>
        <v/>
      </c>
      <c r="BJ890" s="203" t="str">
        <f t="shared" si="549"/>
        <v/>
      </c>
      <c r="BK890" s="203" t="str">
        <f t="shared" si="550"/>
        <v/>
      </c>
      <c r="BL890" s="203" t="str">
        <f t="shared" si="551"/>
        <v/>
      </c>
      <c r="BM890" s="203" t="str">
        <f t="shared" si="552"/>
        <v/>
      </c>
      <c r="BN890" s="203" t="str">
        <f t="shared" si="553"/>
        <v/>
      </c>
      <c r="BO890" s="203" t="str">
        <f t="shared" si="554"/>
        <v/>
      </c>
      <c r="BP890" s="203" t="str">
        <f t="shared" si="555"/>
        <v/>
      </c>
      <c r="BQ890" s="203" t="str">
        <f t="shared" si="556"/>
        <v/>
      </c>
      <c r="BR890" s="203" t="str">
        <f t="shared" si="557"/>
        <v/>
      </c>
      <c r="BS890" s="203" t="str">
        <f t="shared" si="558"/>
        <v/>
      </c>
      <c r="BT890" s="203" t="str">
        <f t="shared" si="559"/>
        <v/>
      </c>
      <c r="BU890" s="203" t="str">
        <f t="shared" si="560"/>
        <v/>
      </c>
      <c r="BV890" s="203" t="str">
        <f t="shared" si="561"/>
        <v/>
      </c>
      <c r="BW890" s="203" t="str">
        <f t="shared" si="562"/>
        <v/>
      </c>
      <c r="BX890" s="203" t="str">
        <f t="shared" si="563"/>
        <v/>
      </c>
      <c r="BY890" s="203" t="str">
        <f t="shared" si="564"/>
        <v/>
      </c>
      <c r="BZ890" s="203" t="str">
        <f t="shared" si="565"/>
        <v/>
      </c>
      <c r="CA890" s="203" t="str">
        <f t="shared" si="566"/>
        <v/>
      </c>
      <c r="CB890" s="203" t="str">
        <f t="shared" si="567"/>
        <v/>
      </c>
      <c r="CC890" s="203" t="str">
        <f t="shared" si="568"/>
        <v/>
      </c>
      <c r="CD890" s="263"/>
      <c r="CE890" s="263"/>
      <c r="CF890" s="263"/>
    </row>
    <row r="891" spans="1:84" s="248" customFormat="1" ht="56.1" hidden="1" customHeight="1" x14ac:dyDescent="0.2">
      <c r="A891" s="198">
        <v>891</v>
      </c>
      <c r="B891" s="199" t="s">
        <v>53</v>
      </c>
      <c r="C891" s="208" t="s">
        <v>655</v>
      </c>
      <c r="D891" s="243" t="s">
        <v>932</v>
      </c>
      <c r="E891" s="243" t="s">
        <v>1285</v>
      </c>
      <c r="F891" s="243" t="s">
        <v>1286</v>
      </c>
      <c r="G891" s="206" t="s">
        <v>58</v>
      </c>
      <c r="H891" s="243" t="s">
        <v>833</v>
      </c>
      <c r="I891" s="243" t="s">
        <v>81</v>
      </c>
      <c r="J891" s="206" t="s">
        <v>77</v>
      </c>
      <c r="K891" s="242" t="s">
        <v>722</v>
      </c>
      <c r="L891" s="205" t="s">
        <v>63</v>
      </c>
      <c r="M891" s="205" t="s">
        <v>63</v>
      </c>
      <c r="N891" s="290">
        <v>7106.016059999999</v>
      </c>
      <c r="O891" s="245">
        <f t="shared" si="536"/>
        <v>7106.016059999999</v>
      </c>
      <c r="P891" s="285" t="s">
        <v>659</v>
      </c>
      <c r="Q891" s="205" t="s">
        <v>65</v>
      </c>
      <c r="R891" s="203"/>
      <c r="S891" s="203"/>
      <c r="T891" s="203"/>
      <c r="U891" s="203"/>
      <c r="V891" s="203"/>
      <c r="W891" s="203"/>
      <c r="X891" s="203"/>
      <c r="Y891" s="203"/>
      <c r="Z891" s="203"/>
      <c r="AA891" s="203"/>
      <c r="AB891" s="203"/>
      <c r="AC891" s="203"/>
      <c r="AD891" s="203"/>
      <c r="AE891" s="203"/>
      <c r="AF891" s="203"/>
      <c r="AG891" s="203"/>
      <c r="AH891" s="205"/>
      <c r="AI891" s="203"/>
      <c r="AJ891" s="203"/>
      <c r="AK891" s="203"/>
      <c r="AL891" s="205"/>
      <c r="AM891" s="203"/>
      <c r="AN891" s="203"/>
      <c r="AO891" s="203"/>
      <c r="AP891" s="205"/>
      <c r="AQ891" s="203"/>
      <c r="AR891" s="205"/>
      <c r="AS891" s="205"/>
      <c r="AT891" s="203"/>
      <c r="AU891" s="205"/>
      <c r="AV891" s="205"/>
      <c r="AW891" s="204">
        <f t="shared" si="537"/>
        <v>0</v>
      </c>
      <c r="AX891" s="205"/>
      <c r="AY891" s="203" t="str">
        <f t="shared" si="538"/>
        <v/>
      </c>
      <c r="AZ891" s="203" t="str">
        <f t="shared" si="539"/>
        <v/>
      </c>
      <c r="BA891" s="203" t="str">
        <f t="shared" si="540"/>
        <v/>
      </c>
      <c r="BB891" s="203" t="str">
        <f t="shared" si="541"/>
        <v/>
      </c>
      <c r="BC891" s="203" t="str">
        <f t="shared" si="542"/>
        <v/>
      </c>
      <c r="BD891" s="203" t="str">
        <f t="shared" si="543"/>
        <v/>
      </c>
      <c r="BE891" s="203" t="str">
        <f t="shared" si="544"/>
        <v/>
      </c>
      <c r="BF891" s="203" t="str">
        <f t="shared" si="545"/>
        <v/>
      </c>
      <c r="BG891" s="203" t="str">
        <f t="shared" si="546"/>
        <v/>
      </c>
      <c r="BH891" s="203" t="str">
        <f t="shared" si="547"/>
        <v/>
      </c>
      <c r="BI891" s="203" t="str">
        <f t="shared" si="548"/>
        <v/>
      </c>
      <c r="BJ891" s="203" t="str">
        <f t="shared" si="549"/>
        <v/>
      </c>
      <c r="BK891" s="203" t="str">
        <f t="shared" si="550"/>
        <v/>
      </c>
      <c r="BL891" s="203" t="str">
        <f t="shared" si="551"/>
        <v/>
      </c>
      <c r="BM891" s="203" t="str">
        <f t="shared" si="552"/>
        <v/>
      </c>
      <c r="BN891" s="203" t="str">
        <f t="shared" si="553"/>
        <v/>
      </c>
      <c r="BO891" s="203" t="str">
        <f t="shared" si="554"/>
        <v/>
      </c>
      <c r="BP891" s="203" t="str">
        <f t="shared" si="555"/>
        <v/>
      </c>
      <c r="BQ891" s="203" t="str">
        <f t="shared" si="556"/>
        <v/>
      </c>
      <c r="BR891" s="203" t="str">
        <f t="shared" si="557"/>
        <v/>
      </c>
      <c r="BS891" s="203" t="str">
        <f t="shared" si="558"/>
        <v/>
      </c>
      <c r="BT891" s="203" t="str">
        <f t="shared" si="559"/>
        <v/>
      </c>
      <c r="BU891" s="203" t="str">
        <f t="shared" si="560"/>
        <v/>
      </c>
      <c r="BV891" s="203" t="str">
        <f t="shared" si="561"/>
        <v/>
      </c>
      <c r="BW891" s="203" t="str">
        <f t="shared" si="562"/>
        <v/>
      </c>
      <c r="BX891" s="203" t="str">
        <f t="shared" si="563"/>
        <v/>
      </c>
      <c r="BY891" s="203" t="str">
        <f t="shared" si="564"/>
        <v/>
      </c>
      <c r="BZ891" s="203" t="str">
        <f t="shared" si="565"/>
        <v/>
      </c>
      <c r="CA891" s="203" t="str">
        <f t="shared" si="566"/>
        <v/>
      </c>
      <c r="CB891" s="203" t="str">
        <f t="shared" si="567"/>
        <v/>
      </c>
      <c r="CC891" s="203" t="str">
        <f t="shared" si="568"/>
        <v/>
      </c>
      <c r="CD891" s="263"/>
      <c r="CE891" s="263"/>
      <c r="CF891" s="263"/>
    </row>
    <row r="892" spans="1:84" s="248" customFormat="1" ht="56.1" hidden="1" customHeight="1" x14ac:dyDescent="0.2">
      <c r="A892" s="198">
        <v>892</v>
      </c>
      <c r="B892" s="199" t="s">
        <v>53</v>
      </c>
      <c r="C892" s="208" t="s">
        <v>655</v>
      </c>
      <c r="D892" s="291" t="s">
        <v>932</v>
      </c>
      <c r="E892" s="291" t="s">
        <v>1287</v>
      </c>
      <c r="F892" s="292" t="s">
        <v>1288</v>
      </c>
      <c r="G892" s="293" t="s">
        <v>58</v>
      </c>
      <c r="H892" s="291" t="s">
        <v>833</v>
      </c>
      <c r="I892" s="291" t="s">
        <v>81</v>
      </c>
      <c r="J892" s="293" t="s">
        <v>77</v>
      </c>
      <c r="K892" s="292" t="s">
        <v>722</v>
      </c>
      <c r="L892" s="205" t="s">
        <v>63</v>
      </c>
      <c r="M892" s="205" t="s">
        <v>63</v>
      </c>
      <c r="N892" s="294">
        <v>129504.375</v>
      </c>
      <c r="O892" s="295">
        <f t="shared" ref="O892:O893" si="569">N892</f>
        <v>129504.375</v>
      </c>
      <c r="P892" s="296" t="s">
        <v>659</v>
      </c>
      <c r="Q892" s="297" t="s">
        <v>65</v>
      </c>
      <c r="R892" s="298"/>
      <c r="S892" s="298"/>
      <c r="T892" s="298"/>
      <c r="U892" s="298"/>
      <c r="V892" s="298"/>
      <c r="W892" s="298"/>
      <c r="X892" s="298"/>
      <c r="Y892" s="298"/>
      <c r="Z892" s="298"/>
      <c r="AA892" s="298"/>
      <c r="AB892" s="298"/>
      <c r="AC892" s="298"/>
      <c r="AD892" s="298"/>
      <c r="AE892" s="298"/>
      <c r="AF892" s="298"/>
      <c r="AG892" s="298"/>
      <c r="AH892" s="297"/>
      <c r="AI892" s="298"/>
      <c r="AJ892" s="298"/>
      <c r="AK892" s="298"/>
      <c r="AL892" s="297"/>
      <c r="AM892" s="298"/>
      <c r="AN892" s="298"/>
      <c r="AO892" s="298"/>
      <c r="AP892" s="297"/>
      <c r="AQ892" s="298"/>
      <c r="AR892" s="297"/>
      <c r="AS892" s="297"/>
      <c r="AT892" s="298"/>
      <c r="AU892" s="297"/>
      <c r="AV892" s="297"/>
      <c r="AW892" s="204">
        <f t="shared" ref="AW892:AW894" si="570">SUMIF(R892:AV892,"YES",$R$2:$AV$2)</f>
        <v>0</v>
      </c>
      <c r="AX892" s="205"/>
      <c r="AY892" s="203" t="str">
        <f t="shared" si="538"/>
        <v/>
      </c>
      <c r="AZ892" s="203" t="str">
        <f t="shared" si="539"/>
        <v/>
      </c>
      <c r="BA892" s="203" t="str">
        <f t="shared" si="540"/>
        <v/>
      </c>
      <c r="BB892" s="203" t="str">
        <f t="shared" si="541"/>
        <v/>
      </c>
      <c r="BC892" s="203" t="str">
        <f t="shared" si="542"/>
        <v/>
      </c>
      <c r="BD892" s="203" t="str">
        <f t="shared" si="543"/>
        <v/>
      </c>
      <c r="BE892" s="203" t="str">
        <f t="shared" si="544"/>
        <v/>
      </c>
      <c r="BF892" s="203" t="str">
        <f t="shared" si="545"/>
        <v/>
      </c>
      <c r="BG892" s="203" t="str">
        <f t="shared" si="546"/>
        <v/>
      </c>
      <c r="BH892" s="203" t="str">
        <f t="shared" si="547"/>
        <v/>
      </c>
      <c r="BI892" s="203" t="str">
        <f t="shared" si="548"/>
        <v/>
      </c>
      <c r="BJ892" s="203" t="str">
        <f t="shared" si="549"/>
        <v/>
      </c>
      <c r="BK892" s="203" t="str">
        <f t="shared" si="550"/>
        <v/>
      </c>
      <c r="BL892" s="203" t="str">
        <f t="shared" si="551"/>
        <v/>
      </c>
      <c r="BM892" s="203" t="str">
        <f t="shared" si="552"/>
        <v/>
      </c>
      <c r="BN892" s="203" t="str">
        <f t="shared" si="553"/>
        <v/>
      </c>
      <c r="BO892" s="203" t="str">
        <f t="shared" si="554"/>
        <v/>
      </c>
      <c r="BP892" s="203" t="str">
        <f t="shared" si="555"/>
        <v/>
      </c>
      <c r="BQ892" s="203" t="str">
        <f t="shared" si="556"/>
        <v/>
      </c>
      <c r="BR892" s="203" t="str">
        <f t="shared" si="557"/>
        <v/>
      </c>
      <c r="BS892" s="203" t="str">
        <f t="shared" si="558"/>
        <v/>
      </c>
      <c r="BT892" s="203" t="str">
        <f t="shared" si="559"/>
        <v/>
      </c>
      <c r="BU892" s="203" t="str">
        <f t="shared" si="560"/>
        <v/>
      </c>
      <c r="BV892" s="203" t="str">
        <f t="shared" si="561"/>
        <v/>
      </c>
      <c r="BW892" s="203" t="str">
        <f t="shared" si="562"/>
        <v/>
      </c>
      <c r="BX892" s="203" t="str">
        <f t="shared" si="563"/>
        <v/>
      </c>
      <c r="BY892" s="203" t="str">
        <f t="shared" si="564"/>
        <v/>
      </c>
      <c r="BZ892" s="203" t="str">
        <f t="shared" si="565"/>
        <v/>
      </c>
      <c r="CA892" s="203" t="str">
        <f t="shared" si="566"/>
        <v/>
      </c>
      <c r="CB892" s="203" t="str">
        <f t="shared" si="567"/>
        <v/>
      </c>
      <c r="CC892" s="203" t="str">
        <f t="shared" si="568"/>
        <v/>
      </c>
      <c r="CD892" s="299"/>
      <c r="CE892" s="299"/>
      <c r="CF892" s="299"/>
    </row>
    <row r="893" spans="1:84" s="283" customFormat="1" ht="67.5" hidden="1" customHeight="1" x14ac:dyDescent="0.2">
      <c r="A893" s="264">
        <v>893</v>
      </c>
      <c r="B893" s="265" t="s">
        <v>53</v>
      </c>
      <c r="C893" s="279" t="s">
        <v>655</v>
      </c>
      <c r="D893" s="300" t="s">
        <v>932</v>
      </c>
      <c r="E893" s="273" t="s">
        <v>1289</v>
      </c>
      <c r="F893" s="273" t="s">
        <v>1290</v>
      </c>
      <c r="G893" s="273" t="s">
        <v>215</v>
      </c>
      <c r="H893" s="273" t="s">
        <v>833</v>
      </c>
      <c r="I893" s="268" t="s">
        <v>81</v>
      </c>
      <c r="J893" s="273" t="s">
        <v>77</v>
      </c>
      <c r="K893" s="273" t="s">
        <v>1291</v>
      </c>
      <c r="L893" s="272" t="s">
        <v>63</v>
      </c>
      <c r="M893" s="272" t="s">
        <v>63</v>
      </c>
      <c r="N893" s="272">
        <v>1000000</v>
      </c>
      <c r="O893" s="301">
        <f t="shared" si="569"/>
        <v>1000000</v>
      </c>
      <c r="P893" s="281" t="s">
        <v>659</v>
      </c>
      <c r="Q893" s="272" t="s">
        <v>65</v>
      </c>
      <c r="R893" s="269"/>
      <c r="S893" s="269"/>
      <c r="T893" s="269"/>
      <c r="U893" s="269"/>
      <c r="V893" s="269"/>
      <c r="W893" s="269"/>
      <c r="X893" s="269"/>
      <c r="Y893" s="269"/>
      <c r="Z893" s="269"/>
      <c r="AA893" s="269"/>
      <c r="AB893" s="269"/>
      <c r="AC893" s="269"/>
      <c r="AD893" s="269"/>
      <c r="AE893" s="269"/>
      <c r="AF893" s="269"/>
      <c r="AG893" s="269"/>
      <c r="AH893" s="272"/>
      <c r="AI893" s="269"/>
      <c r="AJ893" s="269"/>
      <c r="AK893" s="269"/>
      <c r="AL893" s="272"/>
      <c r="AM893" s="269"/>
      <c r="AN893" s="269"/>
      <c r="AO893" s="269"/>
      <c r="AP893" s="272"/>
      <c r="AQ893" s="269"/>
      <c r="AR893" s="272"/>
      <c r="AS893" s="272"/>
      <c r="AT893" s="269"/>
      <c r="AU893" s="272"/>
      <c r="AV893" s="272"/>
      <c r="AW893" s="271">
        <f t="shared" si="570"/>
        <v>0</v>
      </c>
      <c r="AX893" s="272"/>
      <c r="AY893" s="269" t="str">
        <f t="shared" si="538"/>
        <v/>
      </c>
      <c r="AZ893" s="269" t="str">
        <f t="shared" si="539"/>
        <v/>
      </c>
      <c r="BA893" s="269" t="str">
        <f t="shared" si="540"/>
        <v/>
      </c>
      <c r="BB893" s="269" t="str">
        <f t="shared" si="541"/>
        <v/>
      </c>
      <c r="BC893" s="269" t="str">
        <f t="shared" si="542"/>
        <v/>
      </c>
      <c r="BD893" s="269" t="str">
        <f t="shared" si="543"/>
        <v/>
      </c>
      <c r="BE893" s="269" t="str">
        <f t="shared" si="544"/>
        <v/>
      </c>
      <c r="BF893" s="269" t="str">
        <f t="shared" si="545"/>
        <v/>
      </c>
      <c r="BG893" s="269" t="str">
        <f t="shared" si="546"/>
        <v/>
      </c>
      <c r="BH893" s="269" t="str">
        <f t="shared" si="547"/>
        <v/>
      </c>
      <c r="BI893" s="269" t="str">
        <f t="shared" si="548"/>
        <v/>
      </c>
      <c r="BJ893" s="269" t="str">
        <f t="shared" si="549"/>
        <v/>
      </c>
      <c r="BK893" s="269" t="str">
        <f t="shared" si="550"/>
        <v/>
      </c>
      <c r="BL893" s="269" t="str">
        <f t="shared" si="551"/>
        <v/>
      </c>
      <c r="BM893" s="269" t="str">
        <f t="shared" si="552"/>
        <v/>
      </c>
      <c r="BN893" s="269" t="str">
        <f t="shared" si="553"/>
        <v/>
      </c>
      <c r="BO893" s="269" t="str">
        <f t="shared" si="554"/>
        <v/>
      </c>
      <c r="BP893" s="269" t="str">
        <f t="shared" si="555"/>
        <v/>
      </c>
      <c r="BQ893" s="269" t="str">
        <f t="shared" si="556"/>
        <v/>
      </c>
      <c r="BR893" s="269" t="str">
        <f t="shared" si="557"/>
        <v/>
      </c>
      <c r="BS893" s="269" t="str">
        <f t="shared" si="558"/>
        <v/>
      </c>
      <c r="BT893" s="269" t="str">
        <f t="shared" si="559"/>
        <v/>
      </c>
      <c r="BU893" s="269" t="str">
        <f t="shared" si="560"/>
        <v/>
      </c>
      <c r="BV893" s="269" t="str">
        <f t="shared" si="561"/>
        <v/>
      </c>
      <c r="BW893" s="269" t="str">
        <f t="shared" si="562"/>
        <v/>
      </c>
      <c r="BX893" s="269" t="str">
        <f t="shared" si="563"/>
        <v/>
      </c>
      <c r="BY893" s="269" t="str">
        <f t="shared" si="564"/>
        <v/>
      </c>
      <c r="BZ893" s="269" t="str">
        <f t="shared" si="565"/>
        <v/>
      </c>
      <c r="CA893" s="269" t="str">
        <f t="shared" si="566"/>
        <v/>
      </c>
      <c r="CB893" s="269" t="str">
        <f t="shared" si="567"/>
        <v/>
      </c>
      <c r="CC893" s="269" t="str">
        <f t="shared" si="568"/>
        <v/>
      </c>
      <c r="CD893" s="268"/>
      <c r="CE893" s="268"/>
      <c r="CF893" s="268"/>
    </row>
    <row r="894" spans="1:84" s="240" customFormat="1" ht="90" customHeight="1" x14ac:dyDescent="0.2">
      <c r="A894" s="228">
        <v>894</v>
      </c>
      <c r="B894" s="229" t="s">
        <v>53</v>
      </c>
      <c r="C894" s="230" t="s">
        <v>655</v>
      </c>
      <c r="D894" s="231" t="s">
        <v>1292</v>
      </c>
      <c r="E894" s="231" t="s">
        <v>1293</v>
      </c>
      <c r="F894" s="231" t="s">
        <v>1294</v>
      </c>
      <c r="G894" s="232" t="s">
        <v>58</v>
      </c>
      <c r="H894" s="231" t="s">
        <v>1295</v>
      </c>
      <c r="I894" s="231" t="s">
        <v>81</v>
      </c>
      <c r="J894" s="232" t="s">
        <v>1296</v>
      </c>
      <c r="K894" s="233" t="s">
        <v>225</v>
      </c>
      <c r="L894" s="84" t="s">
        <v>63</v>
      </c>
      <c r="M894" s="84" t="s">
        <v>63</v>
      </c>
      <c r="N894" s="234">
        <v>3685000</v>
      </c>
      <c r="O894" s="234">
        <v>3685000</v>
      </c>
      <c r="P894" s="235" t="s">
        <v>1297</v>
      </c>
      <c r="Q894" s="236" t="s">
        <v>65</v>
      </c>
      <c r="R894" s="237"/>
      <c r="S894" s="237"/>
      <c r="T894" s="237"/>
      <c r="U894" s="237"/>
      <c r="V894" s="237"/>
      <c r="W894" s="237"/>
      <c r="X894" s="237"/>
      <c r="Y894" s="237"/>
      <c r="Z894" s="237"/>
      <c r="AA894" s="237"/>
      <c r="AB894" s="237"/>
      <c r="AC894" s="237"/>
      <c r="AD894" s="237"/>
      <c r="AE894" s="237"/>
      <c r="AF894" s="237"/>
      <c r="AG894" s="237"/>
      <c r="AH894" s="237"/>
      <c r="AI894" s="237"/>
      <c r="AJ894" s="237"/>
      <c r="AK894" s="237"/>
      <c r="AL894" s="237"/>
      <c r="AM894" s="237"/>
      <c r="AN894" s="237"/>
      <c r="AO894" s="237"/>
      <c r="AP894" s="237"/>
      <c r="AQ894" s="237"/>
      <c r="AR894" s="237"/>
      <c r="AS894" s="237"/>
      <c r="AT894" s="237"/>
      <c r="AU894" s="237"/>
      <c r="AV894" s="237"/>
      <c r="AW894" s="238">
        <f t="shared" si="570"/>
        <v>0</v>
      </c>
      <c r="AX894" s="84"/>
      <c r="AY894" s="239" t="str">
        <f t="shared" si="538"/>
        <v/>
      </c>
      <c r="AZ894" s="239" t="str">
        <f t="shared" si="539"/>
        <v/>
      </c>
      <c r="BA894" s="239" t="str">
        <f t="shared" si="540"/>
        <v/>
      </c>
      <c r="BB894" s="239" t="str">
        <f t="shared" si="541"/>
        <v/>
      </c>
      <c r="BC894" s="239" t="str">
        <f t="shared" si="542"/>
        <v/>
      </c>
      <c r="BD894" s="239" t="str">
        <f t="shared" si="543"/>
        <v/>
      </c>
      <c r="BE894" s="239" t="str">
        <f t="shared" si="544"/>
        <v/>
      </c>
      <c r="BF894" s="239" t="str">
        <f t="shared" si="545"/>
        <v/>
      </c>
      <c r="BG894" s="239" t="str">
        <f t="shared" si="546"/>
        <v/>
      </c>
      <c r="BH894" s="239" t="str">
        <f t="shared" si="547"/>
        <v/>
      </c>
      <c r="BI894" s="239" t="str">
        <f t="shared" si="548"/>
        <v/>
      </c>
      <c r="BJ894" s="239" t="str">
        <f t="shared" si="549"/>
        <v/>
      </c>
      <c r="BK894" s="239" t="str">
        <f t="shared" si="550"/>
        <v/>
      </c>
      <c r="BL894" s="239" t="str">
        <f t="shared" si="551"/>
        <v/>
      </c>
      <c r="BM894" s="239" t="str">
        <f t="shared" si="552"/>
        <v/>
      </c>
      <c r="BN894" s="239" t="str">
        <f t="shared" si="553"/>
        <v/>
      </c>
      <c r="BO894" s="239" t="str">
        <f t="shared" si="554"/>
        <v/>
      </c>
      <c r="BP894" s="239" t="str">
        <f t="shared" si="555"/>
        <v/>
      </c>
      <c r="BQ894" s="239" t="str">
        <f t="shared" si="556"/>
        <v/>
      </c>
      <c r="BR894" s="239" t="str">
        <f t="shared" si="557"/>
        <v/>
      </c>
      <c r="BS894" s="239" t="str">
        <f t="shared" si="558"/>
        <v/>
      </c>
      <c r="BT894" s="239" t="str">
        <f t="shared" si="559"/>
        <v/>
      </c>
      <c r="BU894" s="239" t="str">
        <f t="shared" si="560"/>
        <v/>
      </c>
      <c r="BV894" s="239" t="str">
        <f t="shared" si="561"/>
        <v/>
      </c>
      <c r="BW894" s="239" t="str">
        <f t="shared" si="562"/>
        <v/>
      </c>
      <c r="BX894" s="239" t="str">
        <f t="shared" si="563"/>
        <v/>
      </c>
      <c r="BY894" s="239" t="str">
        <f t="shared" si="564"/>
        <v/>
      </c>
      <c r="BZ894" s="239" t="str">
        <f t="shared" si="565"/>
        <v/>
      </c>
      <c r="CA894" s="239" t="str">
        <f t="shared" si="566"/>
        <v/>
      </c>
      <c r="CB894" s="239" t="str">
        <f t="shared" si="567"/>
        <v/>
      </c>
      <c r="CC894" s="239" t="str">
        <f t="shared" si="568"/>
        <v/>
      </c>
      <c r="CD894" s="237"/>
      <c r="CE894" s="237"/>
      <c r="CF894" s="237"/>
    </row>
    <row r="895" spans="1:84" s="257" customFormat="1" ht="90" hidden="1" customHeight="1" x14ac:dyDescent="0.2">
      <c r="A895" s="154">
        <v>895</v>
      </c>
      <c r="B895" s="155" t="s">
        <v>864</v>
      </c>
      <c r="C895" s="165" t="s">
        <v>655</v>
      </c>
      <c r="D895" s="252" t="s">
        <v>900</v>
      </c>
      <c r="E895" s="253" t="s">
        <v>1298</v>
      </c>
      <c r="F895" s="252" t="s">
        <v>1299</v>
      </c>
      <c r="G895" s="163" t="s">
        <v>58</v>
      </c>
      <c r="H895" s="252" t="s">
        <v>59</v>
      </c>
      <c r="I895" s="252" t="s">
        <v>60</v>
      </c>
      <c r="J895" s="163" t="s">
        <v>77</v>
      </c>
      <c r="K895" s="254" t="s">
        <v>1300</v>
      </c>
      <c r="L895" s="158" t="s">
        <v>63</v>
      </c>
      <c r="M895" s="158" t="s">
        <v>63</v>
      </c>
      <c r="N895" s="255"/>
      <c r="O895" s="255"/>
      <c r="P895" s="249" t="s">
        <v>1301</v>
      </c>
      <c r="Q895" s="256" t="s">
        <v>853</v>
      </c>
      <c r="R895" s="256"/>
      <c r="S895" s="256"/>
      <c r="T895" s="256"/>
      <c r="U895" s="256"/>
      <c r="V895" s="256"/>
      <c r="W895" s="256"/>
      <c r="X895" s="256"/>
      <c r="Y895" s="256"/>
      <c r="Z895" s="256"/>
      <c r="AA895" s="256"/>
      <c r="AB895" s="256"/>
      <c r="AC895" s="256"/>
      <c r="AD895" s="256"/>
      <c r="AE895" s="256"/>
      <c r="AF895" s="256"/>
      <c r="AG895" s="256"/>
      <c r="AH895" s="256"/>
      <c r="AI895" s="256"/>
      <c r="AJ895" s="256"/>
      <c r="AK895" s="256"/>
      <c r="AL895" s="256"/>
      <c r="AM895" s="256"/>
      <c r="AN895" s="256"/>
      <c r="AO895" s="256"/>
      <c r="AP895" s="256"/>
      <c r="AQ895" s="256"/>
      <c r="AR895" s="256"/>
      <c r="AS895" s="256"/>
      <c r="AT895" s="256"/>
      <c r="AU895" s="256"/>
      <c r="AV895" s="256"/>
      <c r="AW895" s="160"/>
      <c r="AX895" s="158"/>
      <c r="AY895" s="161"/>
      <c r="AZ895" s="161"/>
      <c r="BA895" s="161"/>
      <c r="BB895" s="161"/>
      <c r="BC895" s="161"/>
      <c r="BD895" s="161"/>
      <c r="BE895" s="161"/>
      <c r="BF895" s="161"/>
      <c r="BG895" s="161"/>
      <c r="BH895" s="161"/>
      <c r="BI895" s="161"/>
      <c r="BJ895" s="161"/>
      <c r="BK895" s="161"/>
      <c r="BL895" s="161"/>
      <c r="BM895" s="161"/>
      <c r="BN895" s="161"/>
      <c r="BO895" s="161"/>
      <c r="BP895" s="161"/>
      <c r="BQ895" s="161"/>
      <c r="BR895" s="161"/>
      <c r="BS895" s="161"/>
      <c r="BT895" s="161"/>
      <c r="BU895" s="161"/>
      <c r="BV895" s="161"/>
      <c r="BW895" s="161"/>
      <c r="BX895" s="161"/>
      <c r="BY895" s="161"/>
      <c r="BZ895" s="161"/>
      <c r="CA895" s="161"/>
      <c r="CB895" s="161"/>
      <c r="CC895" s="161"/>
      <c r="CD895" s="256"/>
      <c r="CE895" s="256"/>
      <c r="CF895" s="256"/>
    </row>
    <row r="896" spans="1:84" ht="51" hidden="1" customHeight="1" x14ac:dyDescent="0.2">
      <c r="A896"/>
      <c r="C896" s="135"/>
      <c r="D896" s="137"/>
      <c r="E896" s="137"/>
      <c r="F896" s="34"/>
      <c r="G896" s="137"/>
      <c r="H896" s="137"/>
      <c r="J896" s="136"/>
      <c r="K896" s="136"/>
      <c r="R896" s="139"/>
      <c r="S896" s="139"/>
      <c r="T896" s="139"/>
      <c r="U896" s="139"/>
      <c r="V896" s="139"/>
      <c r="W896" s="139"/>
      <c r="X896" s="139"/>
      <c r="Y896" s="139"/>
      <c r="Z896" s="139"/>
      <c r="AA896" s="139"/>
      <c r="AB896" s="139"/>
      <c r="AC896" s="139"/>
      <c r="AD896" s="139"/>
      <c r="AE896" s="139"/>
      <c r="AF896" s="139"/>
      <c r="AG896" s="139"/>
      <c r="AI896" s="139"/>
      <c r="AJ896" s="139"/>
      <c r="AK896" s="139"/>
      <c r="AM896" s="139"/>
      <c r="AN896" s="139"/>
      <c r="AO896" s="139"/>
      <c r="AQ896" s="139"/>
      <c r="AT896" s="139"/>
      <c r="AW896" s="140"/>
      <c r="AX896" s="138"/>
      <c r="AY896" s="139">
        <f t="shared" ref="AY896:CC896" si="571">SUM(AY3:AY894)</f>
        <v>129861567.62794077</v>
      </c>
      <c r="AZ896" s="139">
        <f t="shared" si="571"/>
        <v>11394731.618699791</v>
      </c>
      <c r="BA896" s="139">
        <f t="shared" si="571"/>
        <v>26142912.892074537</v>
      </c>
      <c r="BB896" s="139">
        <f t="shared" si="571"/>
        <v>12741583.58272464</v>
      </c>
      <c r="BC896" s="139">
        <f t="shared" si="571"/>
        <v>12292630.928049691</v>
      </c>
      <c r="BD896" s="139">
        <f t="shared" si="571"/>
        <v>13485494.954375528</v>
      </c>
      <c r="BE896" s="139">
        <f t="shared" si="571"/>
        <v>10892376.463196054</v>
      </c>
      <c r="BF896" s="139">
        <f t="shared" si="571"/>
        <v>14093253.775430117</v>
      </c>
      <c r="BG896" s="139">
        <f t="shared" si="571"/>
        <v>14218488.267906995</v>
      </c>
      <c r="BH896" s="139">
        <f t="shared" si="571"/>
        <v>26194838.114129785</v>
      </c>
      <c r="BI896" s="139">
        <f t="shared" si="571"/>
        <v>15404482.313242331</v>
      </c>
      <c r="BJ896" s="139">
        <f t="shared" si="571"/>
        <v>11368088.219752997</v>
      </c>
      <c r="BK896" s="139">
        <f t="shared" si="571"/>
        <v>11851720.435451059</v>
      </c>
      <c r="BL896" s="139">
        <f t="shared" si="571"/>
        <v>13899849.965622637</v>
      </c>
      <c r="BM896" s="139">
        <f t="shared" si="571"/>
        <v>10394404.601666618</v>
      </c>
      <c r="BN896" s="139">
        <f t="shared" si="571"/>
        <v>10488734.646587593</v>
      </c>
      <c r="BO896" s="139">
        <f t="shared" si="571"/>
        <v>31108960.710129045</v>
      </c>
      <c r="BP896" s="139">
        <f t="shared" si="571"/>
        <v>29929041.891647339</v>
      </c>
      <c r="BQ896" s="139">
        <f t="shared" si="571"/>
        <v>2213633.5989222373</v>
      </c>
      <c r="BR896" s="139">
        <f t="shared" si="571"/>
        <v>2213633.5989222373</v>
      </c>
      <c r="BS896" s="139">
        <f t="shared" si="571"/>
        <v>6035493.1236091536</v>
      </c>
      <c r="BT896" s="139">
        <f t="shared" si="571"/>
        <v>16656608.89316657</v>
      </c>
      <c r="BU896" s="139">
        <f t="shared" si="571"/>
        <v>7176165.2290665135</v>
      </c>
      <c r="BV896" s="139">
        <f t="shared" si="571"/>
        <v>20766355.801732812</v>
      </c>
      <c r="BW896" s="139">
        <f t="shared" si="571"/>
        <v>4175666.4114955594</v>
      </c>
      <c r="BX896" s="139">
        <f t="shared" si="571"/>
        <v>5733789.5176571608</v>
      </c>
      <c r="BY896" s="139">
        <f t="shared" si="571"/>
        <v>805004.65864104975</v>
      </c>
      <c r="BZ896" s="139">
        <f t="shared" si="571"/>
        <v>398363.6252674181</v>
      </c>
      <c r="CA896" s="139">
        <f t="shared" si="571"/>
        <v>5052841.0747101847</v>
      </c>
      <c r="CB896" s="139">
        <f t="shared" si="571"/>
        <v>1020674.4763206078</v>
      </c>
      <c r="CC896" s="150">
        <f t="shared" si="571"/>
        <v>120888.34139976594</v>
      </c>
    </row>
    <row r="897" spans="1:11" ht="56.25" hidden="1" customHeight="1" x14ac:dyDescent="0.2">
      <c r="A897" s="142" t="s">
        <v>1302</v>
      </c>
      <c r="B897" s="134"/>
      <c r="C897" s="135"/>
      <c r="D897" s="136"/>
      <c r="E897" s="136"/>
      <c r="F897" s="34"/>
      <c r="K897" s="136"/>
    </row>
    <row r="898" spans="1:11" ht="28.5" hidden="1" customHeight="1" x14ac:dyDescent="0.2">
      <c r="A898" s="142" t="s">
        <v>1303</v>
      </c>
      <c r="B898" s="134"/>
      <c r="C898" s="135"/>
      <c r="D898" s="136"/>
      <c r="F898" s="34"/>
    </row>
    <row r="899" spans="1:11" ht="56.1" hidden="1" customHeight="1" x14ac:dyDescent="0.2">
      <c r="A899"/>
      <c r="F899"/>
    </row>
    <row r="900" spans="1:11" ht="56.1" customHeight="1" x14ac:dyDescent="0.2">
      <c r="A900"/>
    </row>
    <row r="901" spans="1:11" ht="56.1" customHeight="1" x14ac:dyDescent="0.2">
      <c r="A901"/>
    </row>
    <row r="902" spans="1:11" ht="56.1" customHeight="1" x14ac:dyDescent="0.2">
      <c r="A902"/>
    </row>
    <row r="903" spans="1:11" ht="56.1" customHeight="1" x14ac:dyDescent="0.2">
      <c r="A903"/>
    </row>
    <row r="904" spans="1:11" ht="56.1" customHeight="1" x14ac:dyDescent="0.2">
      <c r="A904"/>
    </row>
    <row r="905" spans="1:11" ht="56.1" customHeight="1" x14ac:dyDescent="0.2">
      <c r="A905"/>
    </row>
    <row r="906" spans="1:11" ht="56.1" customHeight="1" x14ac:dyDescent="0.2">
      <c r="A906"/>
    </row>
    <row r="907" spans="1:11" ht="56.1" customHeight="1" x14ac:dyDescent="0.2">
      <c r="A907"/>
    </row>
    <row r="908" spans="1:11" ht="56.1" customHeight="1" x14ac:dyDescent="0.2">
      <c r="A908"/>
    </row>
    <row r="909" spans="1:11" ht="56.1" customHeight="1" x14ac:dyDescent="0.2">
      <c r="A909"/>
    </row>
    <row r="910" spans="1:11" ht="56.1" customHeight="1" x14ac:dyDescent="0.2">
      <c r="A910"/>
    </row>
    <row r="911" spans="1:11" ht="56.1" customHeight="1" x14ac:dyDescent="0.2">
      <c r="A911"/>
    </row>
    <row r="912" spans="1:11" ht="56.1" customHeight="1" x14ac:dyDescent="0.2">
      <c r="A912"/>
    </row>
    <row r="913" spans="1:1" ht="56.1" customHeight="1" x14ac:dyDescent="0.2">
      <c r="A913"/>
    </row>
    <row r="914" spans="1:1" ht="56.1" customHeight="1" x14ac:dyDescent="0.2">
      <c r="A914"/>
    </row>
    <row r="915" spans="1:1" ht="56.1" customHeight="1" x14ac:dyDescent="0.2">
      <c r="A915"/>
    </row>
    <row r="916" spans="1:1" ht="56.1" customHeight="1" x14ac:dyDescent="0.2">
      <c r="A916"/>
    </row>
    <row r="917" spans="1:1" ht="56.1" customHeight="1" x14ac:dyDescent="0.2">
      <c r="A917"/>
    </row>
    <row r="918" spans="1:1" ht="56.1" customHeight="1" x14ac:dyDescent="0.2">
      <c r="A918"/>
    </row>
    <row r="919" spans="1:1" ht="56.1" customHeight="1" x14ac:dyDescent="0.2">
      <c r="A919"/>
    </row>
    <row r="920" spans="1:1" ht="56.1" customHeight="1" x14ac:dyDescent="0.2">
      <c r="A920"/>
    </row>
    <row r="921" spans="1:1" ht="56.1" customHeight="1" x14ac:dyDescent="0.2">
      <c r="A921"/>
    </row>
    <row r="922" spans="1:1" ht="56.1" customHeight="1" x14ac:dyDescent="0.2">
      <c r="A922"/>
    </row>
    <row r="923" spans="1:1" ht="56.1" customHeight="1" x14ac:dyDescent="0.2">
      <c r="A923"/>
    </row>
    <row r="924" spans="1:1" ht="56.1" customHeight="1" x14ac:dyDescent="0.2">
      <c r="A924"/>
    </row>
    <row r="925" spans="1:1" ht="56.1" customHeight="1" x14ac:dyDescent="0.2">
      <c r="A925"/>
    </row>
    <row r="926" spans="1:1" ht="56.1" customHeight="1" x14ac:dyDescent="0.2">
      <c r="A926"/>
    </row>
    <row r="927" spans="1:1" ht="56.1" customHeight="1" x14ac:dyDescent="0.2">
      <c r="A927"/>
    </row>
    <row r="928" spans="1:1" ht="56.1" customHeight="1" x14ac:dyDescent="0.2">
      <c r="A928"/>
    </row>
    <row r="929" spans="1:1" ht="56.1" customHeight="1" x14ac:dyDescent="0.2">
      <c r="A929"/>
    </row>
    <row r="930" spans="1:1" ht="56.1" customHeight="1" x14ac:dyDescent="0.2">
      <c r="A930"/>
    </row>
    <row r="931" spans="1:1" ht="56.1" customHeight="1" x14ac:dyDescent="0.2">
      <c r="A931"/>
    </row>
    <row r="932" spans="1:1" ht="56.1" customHeight="1" x14ac:dyDescent="0.2">
      <c r="A932"/>
    </row>
    <row r="933" spans="1:1" ht="56.1" customHeight="1" x14ac:dyDescent="0.2">
      <c r="A933"/>
    </row>
    <row r="934" spans="1:1" ht="56.1" customHeight="1" x14ac:dyDescent="0.2">
      <c r="A934"/>
    </row>
    <row r="935" spans="1:1" ht="56.1" customHeight="1" x14ac:dyDescent="0.2">
      <c r="A935"/>
    </row>
    <row r="936" spans="1:1" ht="56.1" customHeight="1" x14ac:dyDescent="0.2">
      <c r="A936"/>
    </row>
    <row r="937" spans="1:1" ht="56.1" customHeight="1" x14ac:dyDescent="0.2">
      <c r="A937"/>
    </row>
    <row r="938" spans="1:1" ht="56.1" customHeight="1" x14ac:dyDescent="0.2">
      <c r="A938"/>
    </row>
    <row r="939" spans="1:1" ht="56.1" customHeight="1" x14ac:dyDescent="0.2">
      <c r="A939"/>
    </row>
    <row r="940" spans="1:1" ht="56.1" customHeight="1" x14ac:dyDescent="0.2">
      <c r="A940"/>
    </row>
    <row r="941" spans="1:1" ht="56.1" customHeight="1" x14ac:dyDescent="0.2">
      <c r="A941"/>
    </row>
    <row r="942" spans="1:1" ht="56.1" customHeight="1" x14ac:dyDescent="0.2">
      <c r="A942"/>
    </row>
    <row r="943" spans="1:1" ht="56.1" customHeight="1" x14ac:dyDescent="0.2">
      <c r="A943"/>
    </row>
    <row r="944" spans="1:1" ht="56.1" customHeight="1" x14ac:dyDescent="0.2">
      <c r="A944"/>
    </row>
    <row r="945" spans="1:1" ht="56.1" customHeight="1" x14ac:dyDescent="0.2">
      <c r="A945"/>
    </row>
    <row r="946" spans="1:1" ht="56.1" customHeight="1" x14ac:dyDescent="0.2">
      <c r="A946"/>
    </row>
    <row r="947" spans="1:1" ht="56.1" customHeight="1" x14ac:dyDescent="0.2">
      <c r="A947"/>
    </row>
    <row r="948" spans="1:1" ht="56.1" customHeight="1" x14ac:dyDescent="0.2">
      <c r="A948"/>
    </row>
    <row r="949" spans="1:1" ht="56.1" customHeight="1" x14ac:dyDescent="0.2">
      <c r="A949"/>
    </row>
    <row r="950" spans="1:1" ht="56.1" customHeight="1" x14ac:dyDescent="0.2">
      <c r="A950"/>
    </row>
    <row r="951" spans="1:1" ht="56.1" customHeight="1" x14ac:dyDescent="0.2">
      <c r="A951"/>
    </row>
    <row r="952" spans="1:1" ht="56.1" customHeight="1" x14ac:dyDescent="0.2">
      <c r="A952"/>
    </row>
    <row r="953" spans="1:1" ht="56.1" customHeight="1" x14ac:dyDescent="0.2">
      <c r="A953"/>
    </row>
    <row r="954" spans="1:1" ht="56.1" customHeight="1" x14ac:dyDescent="0.2">
      <c r="A954"/>
    </row>
    <row r="955" spans="1:1" ht="56.1" customHeight="1" x14ac:dyDescent="0.2">
      <c r="A955"/>
    </row>
    <row r="956" spans="1:1" ht="56.1" customHeight="1" x14ac:dyDescent="0.2">
      <c r="A956"/>
    </row>
    <row r="957" spans="1:1" ht="56.1" customHeight="1" x14ac:dyDescent="0.2">
      <c r="A957"/>
    </row>
    <row r="958" spans="1:1" ht="56.1" customHeight="1" x14ac:dyDescent="0.2">
      <c r="A958"/>
    </row>
    <row r="959" spans="1:1" ht="56.1" customHeight="1" x14ac:dyDescent="0.2">
      <c r="A959"/>
    </row>
    <row r="960" spans="1:1" ht="56.1" customHeight="1" x14ac:dyDescent="0.2">
      <c r="A960"/>
    </row>
    <row r="961" spans="1:1" ht="56.1" customHeight="1" x14ac:dyDescent="0.2">
      <c r="A961"/>
    </row>
    <row r="962" spans="1:1" ht="56.1" customHeight="1" x14ac:dyDescent="0.2">
      <c r="A962"/>
    </row>
    <row r="963" spans="1:1" ht="56.1" customHeight="1" x14ac:dyDescent="0.2">
      <c r="A963"/>
    </row>
    <row r="964" spans="1:1" ht="56.1" customHeight="1" x14ac:dyDescent="0.2">
      <c r="A964"/>
    </row>
    <row r="965" spans="1:1" ht="56.1" customHeight="1" x14ac:dyDescent="0.2">
      <c r="A965"/>
    </row>
    <row r="966" spans="1:1" ht="56.1" customHeight="1" x14ac:dyDescent="0.2">
      <c r="A966"/>
    </row>
    <row r="967" spans="1:1" ht="56.1" customHeight="1" x14ac:dyDescent="0.2">
      <c r="A967"/>
    </row>
    <row r="968" spans="1:1" ht="56.1" customHeight="1" x14ac:dyDescent="0.2">
      <c r="A968"/>
    </row>
    <row r="969" spans="1:1" ht="56.1" customHeight="1" x14ac:dyDescent="0.2">
      <c r="A969"/>
    </row>
    <row r="970" spans="1:1" ht="56.1" customHeight="1" x14ac:dyDescent="0.2">
      <c r="A970"/>
    </row>
    <row r="971" spans="1:1" ht="56.1" customHeight="1" x14ac:dyDescent="0.2">
      <c r="A971"/>
    </row>
    <row r="972" spans="1:1" ht="56.1" customHeight="1" x14ac:dyDescent="0.2">
      <c r="A972"/>
    </row>
    <row r="973" spans="1:1" ht="56.1" customHeight="1" x14ac:dyDescent="0.2">
      <c r="A973"/>
    </row>
    <row r="974" spans="1:1" ht="56.1" customHeight="1" x14ac:dyDescent="0.2">
      <c r="A974"/>
    </row>
    <row r="975" spans="1:1" ht="56.1" customHeight="1" x14ac:dyDescent="0.2">
      <c r="A975"/>
    </row>
    <row r="976" spans="1:1" ht="56.1" customHeight="1" x14ac:dyDescent="0.2">
      <c r="A976"/>
    </row>
    <row r="977" spans="1:1" ht="56.1" customHeight="1" x14ac:dyDescent="0.2">
      <c r="A977"/>
    </row>
    <row r="978" spans="1:1" ht="56.1" customHeight="1" x14ac:dyDescent="0.2">
      <c r="A978"/>
    </row>
    <row r="979" spans="1:1" ht="56.1" customHeight="1" x14ac:dyDescent="0.2">
      <c r="A979"/>
    </row>
    <row r="980" spans="1:1" ht="56.1" customHeight="1" x14ac:dyDescent="0.2">
      <c r="A980"/>
    </row>
    <row r="981" spans="1:1" ht="56.1" customHeight="1" x14ac:dyDescent="0.2">
      <c r="A981"/>
    </row>
    <row r="982" spans="1:1" ht="56.1" customHeight="1" x14ac:dyDescent="0.2">
      <c r="A982"/>
    </row>
    <row r="983" spans="1:1" ht="56.1" customHeight="1" x14ac:dyDescent="0.2">
      <c r="A983"/>
    </row>
    <row r="984" spans="1:1" ht="56.1" customHeight="1" x14ac:dyDescent="0.2">
      <c r="A984"/>
    </row>
    <row r="985" spans="1:1" ht="56.1" customHeight="1" x14ac:dyDescent="0.2">
      <c r="A985"/>
    </row>
    <row r="986" spans="1:1" ht="56.1" customHeight="1" x14ac:dyDescent="0.2">
      <c r="A986"/>
    </row>
    <row r="987" spans="1:1" ht="56.1" customHeight="1" x14ac:dyDescent="0.2">
      <c r="A987"/>
    </row>
    <row r="988" spans="1:1" ht="56.1" customHeight="1" x14ac:dyDescent="0.2">
      <c r="A988"/>
    </row>
    <row r="989" spans="1:1" ht="56.1" customHeight="1" x14ac:dyDescent="0.2">
      <c r="A989"/>
    </row>
    <row r="990" spans="1:1" ht="56.1" customHeight="1" x14ac:dyDescent="0.2">
      <c r="A990"/>
    </row>
    <row r="991" spans="1:1" ht="56.1" customHeight="1" x14ac:dyDescent="0.2">
      <c r="A991"/>
    </row>
    <row r="992" spans="1:1" ht="56.1" customHeight="1" x14ac:dyDescent="0.2">
      <c r="A992"/>
    </row>
    <row r="993" spans="1:1" ht="56.1" customHeight="1" x14ac:dyDescent="0.2">
      <c r="A993"/>
    </row>
    <row r="994" spans="1:1" ht="56.1" customHeight="1" x14ac:dyDescent="0.2">
      <c r="A994"/>
    </row>
    <row r="995" spans="1:1" ht="56.1" customHeight="1" x14ac:dyDescent="0.2">
      <c r="A995"/>
    </row>
    <row r="996" spans="1:1" ht="56.1" customHeight="1" x14ac:dyDescent="0.2">
      <c r="A996"/>
    </row>
    <row r="997" spans="1:1" ht="56.1" customHeight="1" x14ac:dyDescent="0.2">
      <c r="A997"/>
    </row>
    <row r="998" spans="1:1" ht="56.1" customHeight="1" x14ac:dyDescent="0.2">
      <c r="A998"/>
    </row>
    <row r="999" spans="1:1" ht="56.1" customHeight="1" x14ac:dyDescent="0.2">
      <c r="A999"/>
    </row>
    <row r="1000" spans="1:1" ht="56.1" customHeight="1" x14ac:dyDescent="0.2">
      <c r="A1000"/>
    </row>
    <row r="1001" spans="1:1" ht="56.1" customHeight="1" x14ac:dyDescent="0.2">
      <c r="A1001"/>
    </row>
    <row r="1002" spans="1:1" ht="56.1" customHeight="1" x14ac:dyDescent="0.2">
      <c r="A1002"/>
    </row>
    <row r="1003" spans="1:1" ht="56.1" customHeight="1" x14ac:dyDescent="0.2">
      <c r="A1003"/>
    </row>
    <row r="1004" spans="1:1" ht="56.1" customHeight="1" x14ac:dyDescent="0.2">
      <c r="A1004"/>
    </row>
    <row r="1005" spans="1:1" ht="56.1" customHeight="1" x14ac:dyDescent="0.2">
      <c r="A1005"/>
    </row>
    <row r="1006" spans="1:1" ht="56.1" customHeight="1" x14ac:dyDescent="0.2">
      <c r="A1006"/>
    </row>
    <row r="1007" spans="1:1" ht="56.1" customHeight="1" x14ac:dyDescent="0.2">
      <c r="A1007"/>
    </row>
    <row r="1008" spans="1:1" ht="56.1" customHeight="1" x14ac:dyDescent="0.2">
      <c r="A1008"/>
    </row>
    <row r="1009" spans="1:1" ht="56.1" customHeight="1" x14ac:dyDescent="0.2">
      <c r="A1009"/>
    </row>
    <row r="1010" spans="1:1" ht="56.1" customHeight="1" x14ac:dyDescent="0.2">
      <c r="A1010"/>
    </row>
    <row r="1011" spans="1:1" ht="56.1" customHeight="1" x14ac:dyDescent="0.2">
      <c r="A1011"/>
    </row>
    <row r="1012" spans="1:1" ht="56.1" customHeight="1" x14ac:dyDescent="0.2">
      <c r="A1012"/>
    </row>
    <row r="1013" spans="1:1" ht="56.1" customHeight="1" x14ac:dyDescent="0.2">
      <c r="A1013"/>
    </row>
    <row r="1014" spans="1:1" ht="56.1" customHeight="1" x14ac:dyDescent="0.2">
      <c r="A1014"/>
    </row>
    <row r="1015" spans="1:1" ht="56.1" customHeight="1" x14ac:dyDescent="0.2">
      <c r="A1015"/>
    </row>
    <row r="1016" spans="1:1" ht="56.1" customHeight="1" x14ac:dyDescent="0.2">
      <c r="A1016"/>
    </row>
    <row r="1017" spans="1:1" ht="56.1" customHeight="1" x14ac:dyDescent="0.2">
      <c r="A1017"/>
    </row>
    <row r="1018" spans="1:1" ht="56.1" customHeight="1" x14ac:dyDescent="0.2">
      <c r="A1018"/>
    </row>
    <row r="1019" spans="1:1" ht="56.1" customHeight="1" x14ac:dyDescent="0.2">
      <c r="A1019"/>
    </row>
    <row r="1020" spans="1:1" ht="56.1" customHeight="1" x14ac:dyDescent="0.2">
      <c r="A1020"/>
    </row>
    <row r="1021" spans="1:1" ht="56.1" customHeight="1" x14ac:dyDescent="0.2">
      <c r="A1021"/>
    </row>
    <row r="1022" spans="1:1" ht="56.1" customHeight="1" x14ac:dyDescent="0.2">
      <c r="A1022"/>
    </row>
    <row r="1023" spans="1:1" ht="56.1" customHeight="1" x14ac:dyDescent="0.2">
      <c r="A1023"/>
    </row>
    <row r="1024" spans="1:1" ht="56.1" customHeight="1" x14ac:dyDescent="0.2">
      <c r="A1024"/>
    </row>
    <row r="1025" spans="1:1" ht="56.1" customHeight="1" x14ac:dyDescent="0.2">
      <c r="A1025"/>
    </row>
    <row r="1026" spans="1:1" ht="56.1" customHeight="1" x14ac:dyDescent="0.2">
      <c r="A1026"/>
    </row>
    <row r="1027" spans="1:1" ht="56.1" customHeight="1" x14ac:dyDescent="0.2">
      <c r="A1027"/>
    </row>
    <row r="1028" spans="1:1" ht="56.1" customHeight="1" x14ac:dyDescent="0.2">
      <c r="A1028"/>
    </row>
    <row r="1029" spans="1:1" ht="56.1" customHeight="1" x14ac:dyDescent="0.2">
      <c r="A1029"/>
    </row>
    <row r="1030" spans="1:1" ht="56.1" customHeight="1" x14ac:dyDescent="0.2">
      <c r="A1030"/>
    </row>
    <row r="1031" spans="1:1" ht="56.1" customHeight="1" x14ac:dyDescent="0.2">
      <c r="A1031"/>
    </row>
    <row r="1032" spans="1:1" ht="56.1" customHeight="1" x14ac:dyDescent="0.2">
      <c r="A1032"/>
    </row>
    <row r="1033" spans="1:1" ht="56.1" customHeight="1" x14ac:dyDescent="0.2">
      <c r="A1033"/>
    </row>
    <row r="1034" spans="1:1" ht="56.1" customHeight="1" x14ac:dyDescent="0.2">
      <c r="A1034"/>
    </row>
    <row r="1035" spans="1:1" ht="56.1" customHeight="1" x14ac:dyDescent="0.2">
      <c r="A1035"/>
    </row>
    <row r="1036" spans="1:1" ht="56.1" customHeight="1" x14ac:dyDescent="0.2">
      <c r="A1036"/>
    </row>
    <row r="1037" spans="1:1" ht="56.1" customHeight="1" x14ac:dyDescent="0.2">
      <c r="A1037"/>
    </row>
    <row r="1038" spans="1:1" ht="56.1" customHeight="1" x14ac:dyDescent="0.2">
      <c r="A1038"/>
    </row>
    <row r="1039" spans="1:1" ht="56.1" customHeight="1" x14ac:dyDescent="0.2">
      <c r="A1039"/>
    </row>
    <row r="1040" spans="1:1" ht="56.1" customHeight="1" x14ac:dyDescent="0.2">
      <c r="A1040"/>
    </row>
    <row r="1041" spans="1:1" ht="56.1" customHeight="1" x14ac:dyDescent="0.2">
      <c r="A1041"/>
    </row>
    <row r="1042" spans="1:1" ht="56.1" customHeight="1" x14ac:dyDescent="0.2">
      <c r="A1042"/>
    </row>
    <row r="1043" spans="1:1" ht="56.1" customHeight="1" x14ac:dyDescent="0.2">
      <c r="A1043"/>
    </row>
    <row r="1044" spans="1:1" ht="56.1" customHeight="1" x14ac:dyDescent="0.2">
      <c r="A1044"/>
    </row>
    <row r="1045" spans="1:1" ht="56.1" customHeight="1" x14ac:dyDescent="0.2">
      <c r="A1045"/>
    </row>
    <row r="1046" spans="1:1" ht="56.1" customHeight="1" x14ac:dyDescent="0.2">
      <c r="A1046"/>
    </row>
    <row r="1047" spans="1:1" ht="56.1" customHeight="1" x14ac:dyDescent="0.2">
      <c r="A1047"/>
    </row>
    <row r="1048" spans="1:1" ht="56.1" customHeight="1" x14ac:dyDescent="0.2">
      <c r="A1048"/>
    </row>
    <row r="1049" spans="1:1" ht="56.1" customHeight="1" x14ac:dyDescent="0.2">
      <c r="A1049"/>
    </row>
    <row r="1050" spans="1:1" ht="56.1" customHeight="1" x14ac:dyDescent="0.2">
      <c r="A1050"/>
    </row>
    <row r="1051" spans="1:1" ht="56.1" customHeight="1" x14ac:dyDescent="0.2">
      <c r="A1051"/>
    </row>
    <row r="1052" spans="1:1" ht="56.1" customHeight="1" x14ac:dyDescent="0.2">
      <c r="A1052"/>
    </row>
    <row r="1053" spans="1:1" ht="56.1" customHeight="1" x14ac:dyDescent="0.2">
      <c r="A1053"/>
    </row>
    <row r="1054" spans="1:1" ht="56.1" customHeight="1" x14ac:dyDescent="0.2">
      <c r="A1054"/>
    </row>
    <row r="1055" spans="1:1" ht="56.1" customHeight="1" x14ac:dyDescent="0.2">
      <c r="A1055"/>
    </row>
    <row r="1056" spans="1:1" ht="56.1" customHeight="1" x14ac:dyDescent="0.2">
      <c r="A1056"/>
    </row>
    <row r="1057" spans="1:1" ht="56.1" customHeight="1" x14ac:dyDescent="0.2">
      <c r="A1057"/>
    </row>
    <row r="1058" spans="1:1" ht="56.1" customHeight="1" x14ac:dyDescent="0.2">
      <c r="A1058"/>
    </row>
    <row r="1059" spans="1:1" ht="56.1" customHeight="1" x14ac:dyDescent="0.2">
      <c r="A1059"/>
    </row>
    <row r="1060" spans="1:1" ht="56.1" customHeight="1" x14ac:dyDescent="0.2">
      <c r="A1060"/>
    </row>
    <row r="1061" spans="1:1" ht="56.1" customHeight="1" x14ac:dyDescent="0.2">
      <c r="A1061"/>
    </row>
    <row r="1062" spans="1:1" ht="56.1" customHeight="1" x14ac:dyDescent="0.2">
      <c r="A1062"/>
    </row>
    <row r="1063" spans="1:1" ht="56.1" customHeight="1" x14ac:dyDescent="0.2">
      <c r="A1063"/>
    </row>
    <row r="1064" spans="1:1" ht="56.1" customHeight="1" x14ac:dyDescent="0.2">
      <c r="A1064"/>
    </row>
    <row r="1065" spans="1:1" ht="56.1" customHeight="1" x14ac:dyDescent="0.2">
      <c r="A1065"/>
    </row>
    <row r="1066" spans="1:1" ht="56.1" customHeight="1" x14ac:dyDescent="0.2">
      <c r="A1066"/>
    </row>
    <row r="1067" spans="1:1" ht="56.1" customHeight="1" x14ac:dyDescent="0.2">
      <c r="A1067"/>
    </row>
    <row r="1068" spans="1:1" ht="56.1" customHeight="1" x14ac:dyDescent="0.2">
      <c r="A1068"/>
    </row>
    <row r="1069" spans="1:1" ht="56.1" customHeight="1" x14ac:dyDescent="0.2">
      <c r="A1069"/>
    </row>
    <row r="1070" spans="1:1" ht="56.1" customHeight="1" x14ac:dyDescent="0.2">
      <c r="A1070"/>
    </row>
    <row r="1071" spans="1:1" ht="56.1" customHeight="1" x14ac:dyDescent="0.2">
      <c r="A1071"/>
    </row>
    <row r="1072" spans="1:1" ht="56.1" customHeight="1" x14ac:dyDescent="0.2">
      <c r="A1072"/>
    </row>
    <row r="1073" spans="1:1" ht="56.1" customHeight="1" x14ac:dyDescent="0.2">
      <c r="A1073"/>
    </row>
    <row r="1074" spans="1:1" ht="56.1" customHeight="1" x14ac:dyDescent="0.2">
      <c r="A1074"/>
    </row>
    <row r="1075" spans="1:1" ht="56.1" customHeight="1" x14ac:dyDescent="0.2">
      <c r="A1075"/>
    </row>
    <row r="1076" spans="1:1" ht="56.1" customHeight="1" x14ac:dyDescent="0.2">
      <c r="A1076"/>
    </row>
    <row r="1077" spans="1:1" ht="56.1" customHeight="1" x14ac:dyDescent="0.2">
      <c r="A1077"/>
    </row>
    <row r="1078" spans="1:1" ht="56.1" customHeight="1" x14ac:dyDescent="0.2">
      <c r="A1078"/>
    </row>
    <row r="1079" spans="1:1" ht="56.1" customHeight="1" x14ac:dyDescent="0.2">
      <c r="A1079"/>
    </row>
    <row r="1080" spans="1:1" ht="56.1" customHeight="1" x14ac:dyDescent="0.2">
      <c r="A1080"/>
    </row>
    <row r="1081" spans="1:1" ht="56.1" customHeight="1" x14ac:dyDescent="0.2">
      <c r="A1081"/>
    </row>
    <row r="1082" spans="1:1" ht="56.1" customHeight="1" x14ac:dyDescent="0.2">
      <c r="A1082"/>
    </row>
    <row r="1083" spans="1:1" ht="56.1" customHeight="1" x14ac:dyDescent="0.2">
      <c r="A1083"/>
    </row>
    <row r="1084" spans="1:1" ht="56.1" customHeight="1" x14ac:dyDescent="0.2">
      <c r="A1084"/>
    </row>
    <row r="1085" spans="1:1" ht="56.1" customHeight="1" x14ac:dyDescent="0.2">
      <c r="A1085"/>
    </row>
    <row r="1086" spans="1:1" ht="56.1" customHeight="1" x14ac:dyDescent="0.2">
      <c r="A1086"/>
    </row>
    <row r="1087" spans="1:1" ht="56.1" customHeight="1" x14ac:dyDescent="0.2">
      <c r="A1087"/>
    </row>
    <row r="1088" spans="1:1" ht="56.1" customHeight="1" x14ac:dyDescent="0.2">
      <c r="A1088"/>
    </row>
    <row r="1089" spans="1:1" ht="56.1" customHeight="1" x14ac:dyDescent="0.2">
      <c r="A1089"/>
    </row>
    <row r="1090" spans="1:1" ht="56.1" customHeight="1" x14ac:dyDescent="0.2">
      <c r="A1090"/>
    </row>
    <row r="1091" spans="1:1" ht="56.1" customHeight="1" x14ac:dyDescent="0.2">
      <c r="A1091"/>
    </row>
    <row r="1092" spans="1:1" ht="56.1" customHeight="1" x14ac:dyDescent="0.2">
      <c r="A1092"/>
    </row>
    <row r="1093" spans="1:1" ht="56.1" customHeight="1" x14ac:dyDescent="0.2">
      <c r="A1093"/>
    </row>
    <row r="1094" spans="1:1" ht="56.1" customHeight="1" x14ac:dyDescent="0.2">
      <c r="A1094"/>
    </row>
    <row r="1095" spans="1:1" ht="56.1" customHeight="1" x14ac:dyDescent="0.2">
      <c r="A1095"/>
    </row>
    <row r="1096" spans="1:1" ht="56.1" customHeight="1" x14ac:dyDescent="0.2">
      <c r="A1096"/>
    </row>
    <row r="1097" spans="1:1" ht="56.1" customHeight="1" x14ac:dyDescent="0.2">
      <c r="A1097"/>
    </row>
    <row r="1098" spans="1:1" ht="56.1" customHeight="1" x14ac:dyDescent="0.2">
      <c r="A1098"/>
    </row>
    <row r="1099" spans="1:1" ht="56.1" customHeight="1" x14ac:dyDescent="0.2">
      <c r="A1099"/>
    </row>
    <row r="1100" spans="1:1" ht="56.1" customHeight="1" x14ac:dyDescent="0.2">
      <c r="A1100"/>
    </row>
    <row r="1101" spans="1:1" ht="56.1" customHeight="1" x14ac:dyDescent="0.2">
      <c r="A1101"/>
    </row>
    <row r="1102" spans="1:1" ht="56.1" customHeight="1" x14ac:dyDescent="0.2">
      <c r="A1102"/>
    </row>
    <row r="1103" spans="1:1" ht="56.1" customHeight="1" x14ac:dyDescent="0.2">
      <c r="A1103"/>
    </row>
    <row r="1104" spans="1:1" ht="56.1" customHeight="1" x14ac:dyDescent="0.2">
      <c r="A1104"/>
    </row>
    <row r="1105" spans="1:1" ht="56.1" customHeight="1" x14ac:dyDescent="0.2">
      <c r="A1105"/>
    </row>
    <row r="1106" spans="1:1" ht="56.1" customHeight="1" x14ac:dyDescent="0.2">
      <c r="A1106"/>
    </row>
    <row r="1107" spans="1:1" ht="56.1" customHeight="1" x14ac:dyDescent="0.2">
      <c r="A1107"/>
    </row>
    <row r="1108" spans="1:1" ht="56.1" customHeight="1" x14ac:dyDescent="0.2">
      <c r="A1108"/>
    </row>
    <row r="1109" spans="1:1" ht="56.1" customHeight="1" x14ac:dyDescent="0.2">
      <c r="A1109"/>
    </row>
    <row r="1110" spans="1:1" ht="56.1" customHeight="1" x14ac:dyDescent="0.2">
      <c r="A1110"/>
    </row>
    <row r="1111" spans="1:1" ht="56.1" customHeight="1" x14ac:dyDescent="0.2">
      <c r="A1111"/>
    </row>
    <row r="1112" spans="1:1" ht="56.1" customHeight="1" x14ac:dyDescent="0.2">
      <c r="A1112"/>
    </row>
    <row r="1113" spans="1:1" ht="56.1" customHeight="1" x14ac:dyDescent="0.2">
      <c r="A1113"/>
    </row>
    <row r="1114" spans="1:1" ht="56.1" customHeight="1" x14ac:dyDescent="0.2">
      <c r="A1114"/>
    </row>
    <row r="1115" spans="1:1" ht="56.1" customHeight="1" x14ac:dyDescent="0.2">
      <c r="A1115"/>
    </row>
    <row r="1116" spans="1:1" ht="56.1" customHeight="1" x14ac:dyDescent="0.2">
      <c r="A1116"/>
    </row>
    <row r="1117" spans="1:1" ht="56.1" customHeight="1" x14ac:dyDescent="0.2">
      <c r="A1117"/>
    </row>
    <row r="1118" spans="1:1" ht="56.1" customHeight="1" x14ac:dyDescent="0.2">
      <c r="A1118"/>
    </row>
    <row r="1119" spans="1:1" ht="56.1" customHeight="1" x14ac:dyDescent="0.2">
      <c r="A1119"/>
    </row>
    <row r="1120" spans="1:1" ht="56.1" customHeight="1" x14ac:dyDescent="0.2">
      <c r="A1120"/>
    </row>
    <row r="1121" spans="1:1" ht="56.1" customHeight="1" x14ac:dyDescent="0.2">
      <c r="A1121"/>
    </row>
    <row r="1122" spans="1:1" ht="56.1" customHeight="1" x14ac:dyDescent="0.2">
      <c r="A1122"/>
    </row>
    <row r="1123" spans="1:1" ht="56.1" customHeight="1" x14ac:dyDescent="0.2">
      <c r="A1123"/>
    </row>
    <row r="1124" spans="1:1" ht="56.1" customHeight="1" x14ac:dyDescent="0.2">
      <c r="A1124"/>
    </row>
    <row r="1125" spans="1:1" ht="56.1" customHeight="1" x14ac:dyDescent="0.2">
      <c r="A1125"/>
    </row>
    <row r="1126" spans="1:1" ht="56.1" customHeight="1" x14ac:dyDescent="0.2">
      <c r="A1126"/>
    </row>
    <row r="1127" spans="1:1" ht="56.1" customHeight="1" x14ac:dyDescent="0.2">
      <c r="A1127"/>
    </row>
    <row r="1128" spans="1:1" ht="56.1" customHeight="1" x14ac:dyDescent="0.2">
      <c r="A1128"/>
    </row>
    <row r="1129" spans="1:1" ht="56.1" customHeight="1" x14ac:dyDescent="0.2">
      <c r="A1129"/>
    </row>
    <row r="1130" spans="1:1" ht="56.1" customHeight="1" x14ac:dyDescent="0.2">
      <c r="A1130"/>
    </row>
    <row r="1131" spans="1:1" ht="56.1" customHeight="1" x14ac:dyDescent="0.2">
      <c r="A1131"/>
    </row>
    <row r="1132" spans="1:1" ht="56.1" customHeight="1" x14ac:dyDescent="0.2">
      <c r="A1132"/>
    </row>
    <row r="1133" spans="1:1" ht="56.1" customHeight="1" x14ac:dyDescent="0.2">
      <c r="A1133"/>
    </row>
    <row r="1134" spans="1:1" ht="56.1" customHeight="1" x14ac:dyDescent="0.2">
      <c r="A1134"/>
    </row>
    <row r="1135" spans="1:1" ht="56.1" customHeight="1" x14ac:dyDescent="0.2">
      <c r="A1135"/>
    </row>
    <row r="1136" spans="1:1" ht="56.1" customHeight="1" x14ac:dyDescent="0.2">
      <c r="A1136"/>
    </row>
    <row r="1137" spans="1:1" ht="56.1" customHeight="1" x14ac:dyDescent="0.2">
      <c r="A1137"/>
    </row>
    <row r="1138" spans="1:1" ht="56.1" customHeight="1" x14ac:dyDescent="0.2">
      <c r="A1138"/>
    </row>
    <row r="1139" spans="1:1" ht="56.1" customHeight="1" x14ac:dyDescent="0.2">
      <c r="A1139"/>
    </row>
    <row r="1140" spans="1:1" ht="56.1" customHeight="1" x14ac:dyDescent="0.2">
      <c r="A1140"/>
    </row>
    <row r="1141" spans="1:1" ht="56.1" customHeight="1" x14ac:dyDescent="0.2">
      <c r="A1141"/>
    </row>
    <row r="1142" spans="1:1" ht="56.1" customHeight="1" x14ac:dyDescent="0.2">
      <c r="A1142"/>
    </row>
    <row r="1143" spans="1:1" ht="56.1" customHeight="1" x14ac:dyDescent="0.2">
      <c r="A1143"/>
    </row>
    <row r="1144" spans="1:1" ht="56.1" customHeight="1" x14ac:dyDescent="0.2">
      <c r="A1144"/>
    </row>
    <row r="1145" spans="1:1" ht="56.1" customHeight="1" x14ac:dyDescent="0.2">
      <c r="A1145"/>
    </row>
    <row r="1146" spans="1:1" ht="56.1" customHeight="1" x14ac:dyDescent="0.2">
      <c r="A1146"/>
    </row>
    <row r="1147" spans="1:1" ht="56.1" customHeight="1" x14ac:dyDescent="0.2">
      <c r="A1147"/>
    </row>
    <row r="1148" spans="1:1" ht="56.1" customHeight="1" x14ac:dyDescent="0.2">
      <c r="A1148"/>
    </row>
    <row r="1149" spans="1:1" ht="56.1" customHeight="1" x14ac:dyDescent="0.2">
      <c r="A1149"/>
    </row>
    <row r="1150" spans="1:1" ht="56.1" customHeight="1" x14ac:dyDescent="0.2">
      <c r="A1150"/>
    </row>
    <row r="1151" spans="1:1" ht="56.1" customHeight="1" x14ac:dyDescent="0.2">
      <c r="A1151"/>
    </row>
    <row r="1152" spans="1:1" ht="56.1" customHeight="1" x14ac:dyDescent="0.2">
      <c r="A1152"/>
    </row>
    <row r="1153" spans="1:1" ht="56.1" customHeight="1" x14ac:dyDescent="0.2">
      <c r="A1153"/>
    </row>
    <row r="1154" spans="1:1" ht="56.1" customHeight="1" x14ac:dyDescent="0.2">
      <c r="A1154"/>
    </row>
    <row r="1155" spans="1:1" ht="56.1" customHeight="1" x14ac:dyDescent="0.2">
      <c r="A1155"/>
    </row>
    <row r="1156" spans="1:1" ht="56.1" customHeight="1" x14ac:dyDescent="0.2">
      <c r="A1156"/>
    </row>
    <row r="1157" spans="1:1" ht="56.1" customHeight="1" x14ac:dyDescent="0.2">
      <c r="A1157"/>
    </row>
    <row r="1158" spans="1:1" ht="56.1" customHeight="1" x14ac:dyDescent="0.2">
      <c r="A1158"/>
    </row>
    <row r="1159" spans="1:1" ht="56.1" customHeight="1" x14ac:dyDescent="0.2">
      <c r="A1159"/>
    </row>
    <row r="1160" spans="1:1" ht="56.1" customHeight="1" x14ac:dyDescent="0.2">
      <c r="A1160"/>
    </row>
    <row r="1161" spans="1:1" ht="56.1" customHeight="1" x14ac:dyDescent="0.2">
      <c r="A1161"/>
    </row>
    <row r="1162" spans="1:1" ht="56.1" customHeight="1" x14ac:dyDescent="0.2">
      <c r="A1162"/>
    </row>
    <row r="1163" spans="1:1" ht="56.1" customHeight="1" x14ac:dyDescent="0.2">
      <c r="A1163"/>
    </row>
    <row r="1164" spans="1:1" ht="56.1" customHeight="1" x14ac:dyDescent="0.2">
      <c r="A1164"/>
    </row>
    <row r="1165" spans="1:1" ht="56.1" customHeight="1" x14ac:dyDescent="0.2">
      <c r="A1165"/>
    </row>
    <row r="1166" spans="1:1" ht="56.1" customHeight="1" x14ac:dyDescent="0.2">
      <c r="A1166"/>
    </row>
    <row r="1167" spans="1:1" ht="56.1" customHeight="1" x14ac:dyDescent="0.2">
      <c r="A1167"/>
    </row>
    <row r="1168" spans="1:1" ht="56.1" customHeight="1" x14ac:dyDescent="0.2">
      <c r="A1168"/>
    </row>
    <row r="1169" spans="1:1" ht="56.1" customHeight="1" x14ac:dyDescent="0.2">
      <c r="A1169"/>
    </row>
    <row r="1170" spans="1:1" ht="56.1" customHeight="1" x14ac:dyDescent="0.2">
      <c r="A1170"/>
    </row>
    <row r="1171" spans="1:1" ht="56.1" customHeight="1" x14ac:dyDescent="0.2">
      <c r="A1171"/>
    </row>
    <row r="1172" spans="1:1" ht="56.1" customHeight="1" x14ac:dyDescent="0.2">
      <c r="A1172"/>
    </row>
    <row r="1173" spans="1:1" ht="56.1" customHeight="1" x14ac:dyDescent="0.2">
      <c r="A1173"/>
    </row>
    <row r="1174" spans="1:1" ht="56.1" customHeight="1" x14ac:dyDescent="0.2">
      <c r="A1174"/>
    </row>
    <row r="1175" spans="1:1" ht="56.1" customHeight="1" x14ac:dyDescent="0.2">
      <c r="A1175"/>
    </row>
    <row r="1176" spans="1:1" ht="56.1" customHeight="1" x14ac:dyDescent="0.2">
      <c r="A1176"/>
    </row>
    <row r="1177" spans="1:1" ht="56.1" customHeight="1" x14ac:dyDescent="0.2">
      <c r="A1177"/>
    </row>
    <row r="1178" spans="1:1" ht="56.1" customHeight="1" x14ac:dyDescent="0.2">
      <c r="A1178"/>
    </row>
    <row r="1179" spans="1:1" ht="56.1" customHeight="1" x14ac:dyDescent="0.2">
      <c r="A1179"/>
    </row>
    <row r="1180" spans="1:1" ht="56.1" customHeight="1" x14ac:dyDescent="0.2">
      <c r="A1180"/>
    </row>
    <row r="1181" spans="1:1" ht="56.1" customHeight="1" x14ac:dyDescent="0.2">
      <c r="A1181"/>
    </row>
    <row r="1182" spans="1:1" ht="56.1" customHeight="1" x14ac:dyDescent="0.2">
      <c r="A1182"/>
    </row>
    <row r="1183" spans="1:1" ht="56.1" customHeight="1" x14ac:dyDescent="0.2">
      <c r="A1183"/>
    </row>
    <row r="1184" spans="1:1" ht="56.1" customHeight="1" x14ac:dyDescent="0.2">
      <c r="A1184"/>
    </row>
    <row r="1185" spans="1:1" ht="56.1" customHeight="1" x14ac:dyDescent="0.2">
      <c r="A1185"/>
    </row>
    <row r="1186" spans="1:1" ht="56.1" customHeight="1" x14ac:dyDescent="0.2">
      <c r="A1186"/>
    </row>
    <row r="1187" spans="1:1" ht="56.1" customHeight="1" x14ac:dyDescent="0.2">
      <c r="A1187"/>
    </row>
    <row r="1188" spans="1:1" ht="56.1" customHeight="1" x14ac:dyDescent="0.2">
      <c r="A1188"/>
    </row>
    <row r="1189" spans="1:1" ht="56.1" customHeight="1" x14ac:dyDescent="0.2">
      <c r="A1189"/>
    </row>
    <row r="1190" spans="1:1" ht="56.1" customHeight="1" x14ac:dyDescent="0.2">
      <c r="A1190"/>
    </row>
    <row r="1191" spans="1:1" ht="56.1" customHeight="1" x14ac:dyDescent="0.2">
      <c r="A1191"/>
    </row>
    <row r="1192" spans="1:1" ht="56.1" customHeight="1" x14ac:dyDescent="0.2">
      <c r="A1192"/>
    </row>
    <row r="1193" spans="1:1" ht="56.1" customHeight="1" x14ac:dyDescent="0.2">
      <c r="A1193"/>
    </row>
    <row r="1194" spans="1:1" ht="56.1" customHeight="1" x14ac:dyDescent="0.2">
      <c r="A1194"/>
    </row>
    <row r="1195" spans="1:1" ht="56.1" customHeight="1" x14ac:dyDescent="0.2">
      <c r="A1195"/>
    </row>
    <row r="1196" spans="1:1" ht="56.1" customHeight="1" x14ac:dyDescent="0.2">
      <c r="A1196"/>
    </row>
    <row r="1197" spans="1:1" ht="56.1" customHeight="1" x14ac:dyDescent="0.2">
      <c r="A1197"/>
    </row>
    <row r="1198" spans="1:1" ht="56.1" customHeight="1" x14ac:dyDescent="0.2">
      <c r="A1198"/>
    </row>
    <row r="1199" spans="1:1" ht="56.1" customHeight="1" x14ac:dyDescent="0.2">
      <c r="A1199"/>
    </row>
    <row r="1200" spans="1:1" ht="56.1" customHeight="1" x14ac:dyDescent="0.2">
      <c r="A1200"/>
    </row>
    <row r="1201" spans="1:1" ht="56.1" customHeight="1" x14ac:dyDescent="0.2">
      <c r="A1201"/>
    </row>
    <row r="1202" spans="1:1" ht="56.1" customHeight="1" x14ac:dyDescent="0.2">
      <c r="A1202"/>
    </row>
    <row r="1203" spans="1:1" ht="56.1" customHeight="1" x14ac:dyDescent="0.2">
      <c r="A1203"/>
    </row>
    <row r="1204" spans="1:1" ht="56.1" customHeight="1" x14ac:dyDescent="0.2">
      <c r="A1204"/>
    </row>
    <row r="1205" spans="1:1" ht="56.1" customHeight="1" x14ac:dyDescent="0.2">
      <c r="A1205"/>
    </row>
    <row r="1206" spans="1:1" ht="56.1" customHeight="1" x14ac:dyDescent="0.2">
      <c r="A1206"/>
    </row>
    <row r="1207" spans="1:1" ht="56.1" customHeight="1" x14ac:dyDescent="0.2">
      <c r="A1207"/>
    </row>
    <row r="1208" spans="1:1" ht="56.1" customHeight="1" x14ac:dyDescent="0.2">
      <c r="A1208"/>
    </row>
    <row r="1209" spans="1:1" ht="56.1" customHeight="1" x14ac:dyDescent="0.2">
      <c r="A1209"/>
    </row>
    <row r="1210" spans="1:1" ht="56.1" customHeight="1" x14ac:dyDescent="0.2">
      <c r="A1210"/>
    </row>
    <row r="1211" spans="1:1" ht="56.1" customHeight="1" x14ac:dyDescent="0.2">
      <c r="A1211"/>
    </row>
    <row r="1212" spans="1:1" ht="56.1" customHeight="1" x14ac:dyDescent="0.2">
      <c r="A1212"/>
    </row>
    <row r="1213" spans="1:1" ht="56.1" customHeight="1" x14ac:dyDescent="0.2">
      <c r="A1213"/>
    </row>
    <row r="1214" spans="1:1" ht="56.1" customHeight="1" x14ac:dyDescent="0.2">
      <c r="A1214"/>
    </row>
    <row r="1215" spans="1:1" ht="56.1" customHeight="1" x14ac:dyDescent="0.2">
      <c r="A1215"/>
    </row>
    <row r="1216" spans="1:1" ht="56.1" customHeight="1" x14ac:dyDescent="0.2">
      <c r="A1216"/>
    </row>
    <row r="1217" spans="1:1" ht="56.1" customHeight="1" x14ac:dyDescent="0.2">
      <c r="A1217"/>
    </row>
    <row r="1218" spans="1:1" ht="56.1" customHeight="1" x14ac:dyDescent="0.2">
      <c r="A1218"/>
    </row>
    <row r="1219" spans="1:1" ht="56.1" customHeight="1" x14ac:dyDescent="0.2">
      <c r="A1219"/>
    </row>
    <row r="1220" spans="1:1" ht="56.1" customHeight="1" x14ac:dyDescent="0.2">
      <c r="A1220"/>
    </row>
    <row r="1221" spans="1:1" ht="56.1" customHeight="1" x14ac:dyDescent="0.2">
      <c r="A1221"/>
    </row>
    <row r="1222" spans="1:1" ht="56.1" customHeight="1" x14ac:dyDescent="0.2">
      <c r="A1222"/>
    </row>
    <row r="1223" spans="1:1" ht="56.1" customHeight="1" x14ac:dyDescent="0.2">
      <c r="A1223"/>
    </row>
    <row r="1224" spans="1:1" ht="56.1" customHeight="1" x14ac:dyDescent="0.2">
      <c r="A1224"/>
    </row>
    <row r="1225" spans="1:1" ht="56.1" customHeight="1" x14ac:dyDescent="0.2">
      <c r="A1225"/>
    </row>
    <row r="1226" spans="1:1" ht="56.1" customHeight="1" x14ac:dyDescent="0.2">
      <c r="A1226"/>
    </row>
    <row r="1227" spans="1:1" ht="56.1" customHeight="1" x14ac:dyDescent="0.2">
      <c r="A1227"/>
    </row>
    <row r="1228" spans="1:1" ht="56.1" customHeight="1" x14ac:dyDescent="0.2">
      <c r="A1228"/>
    </row>
    <row r="1229" spans="1:1" ht="56.1" customHeight="1" x14ac:dyDescent="0.2">
      <c r="A1229"/>
    </row>
    <row r="1230" spans="1:1" ht="56.1" customHeight="1" x14ac:dyDescent="0.2">
      <c r="A1230"/>
    </row>
    <row r="1231" spans="1:1" ht="56.1" customHeight="1" x14ac:dyDescent="0.2">
      <c r="A1231"/>
    </row>
    <row r="1232" spans="1:1" ht="56.1" customHeight="1" x14ac:dyDescent="0.2">
      <c r="A1232"/>
    </row>
    <row r="1233" spans="1:1" ht="56.1" customHeight="1" x14ac:dyDescent="0.2">
      <c r="A1233"/>
    </row>
    <row r="1234" spans="1:1" ht="56.1" customHeight="1" x14ac:dyDescent="0.2">
      <c r="A1234"/>
    </row>
    <row r="1235" spans="1:1" ht="56.1" customHeight="1" x14ac:dyDescent="0.2">
      <c r="A1235"/>
    </row>
    <row r="1236" spans="1:1" ht="56.1" customHeight="1" x14ac:dyDescent="0.2">
      <c r="A1236"/>
    </row>
    <row r="1237" spans="1:1" ht="56.1" customHeight="1" x14ac:dyDescent="0.2">
      <c r="A1237"/>
    </row>
    <row r="1238" spans="1:1" ht="56.1" customHeight="1" x14ac:dyDescent="0.2">
      <c r="A1238"/>
    </row>
    <row r="1239" spans="1:1" ht="56.1" customHeight="1" x14ac:dyDescent="0.2">
      <c r="A1239"/>
    </row>
    <row r="1240" spans="1:1" ht="56.1" customHeight="1" x14ac:dyDescent="0.2">
      <c r="A1240"/>
    </row>
    <row r="1241" spans="1:1" ht="56.1" customHeight="1" x14ac:dyDescent="0.2">
      <c r="A1241"/>
    </row>
    <row r="1242" spans="1:1" ht="56.1" customHeight="1" x14ac:dyDescent="0.2">
      <c r="A1242"/>
    </row>
    <row r="1243" spans="1:1" ht="56.1" customHeight="1" x14ac:dyDescent="0.2">
      <c r="A1243"/>
    </row>
    <row r="1244" spans="1:1" ht="56.1" customHeight="1" x14ac:dyDescent="0.2">
      <c r="A1244"/>
    </row>
    <row r="1245" spans="1:1" ht="56.1" customHeight="1" x14ac:dyDescent="0.2">
      <c r="A1245"/>
    </row>
    <row r="1246" spans="1:1" ht="56.1" customHeight="1" x14ac:dyDescent="0.2">
      <c r="A1246"/>
    </row>
    <row r="1247" spans="1:1" ht="56.1" customHeight="1" x14ac:dyDescent="0.2">
      <c r="A1247"/>
    </row>
    <row r="1248" spans="1:1" ht="56.1" customHeight="1" x14ac:dyDescent="0.2">
      <c r="A1248"/>
    </row>
    <row r="1249" spans="1:1" ht="56.1" customHeight="1" x14ac:dyDescent="0.2">
      <c r="A1249"/>
    </row>
    <row r="1250" spans="1:1" ht="56.1" customHeight="1" x14ac:dyDescent="0.2">
      <c r="A1250"/>
    </row>
    <row r="1251" spans="1:1" ht="56.1" customHeight="1" x14ac:dyDescent="0.2">
      <c r="A1251"/>
    </row>
    <row r="1252" spans="1:1" ht="56.1" customHeight="1" x14ac:dyDescent="0.2">
      <c r="A1252"/>
    </row>
    <row r="1253" spans="1:1" ht="56.1" customHeight="1" x14ac:dyDescent="0.2">
      <c r="A1253"/>
    </row>
    <row r="1254" spans="1:1" ht="56.1" customHeight="1" x14ac:dyDescent="0.2">
      <c r="A1254"/>
    </row>
    <row r="1255" spans="1:1" ht="56.1" customHeight="1" x14ac:dyDescent="0.2">
      <c r="A1255"/>
    </row>
    <row r="1256" spans="1:1" ht="56.1" customHeight="1" x14ac:dyDescent="0.2">
      <c r="A1256"/>
    </row>
    <row r="1257" spans="1:1" ht="56.1" customHeight="1" x14ac:dyDescent="0.2">
      <c r="A1257"/>
    </row>
    <row r="1258" spans="1:1" ht="56.1" customHeight="1" x14ac:dyDescent="0.2">
      <c r="A1258"/>
    </row>
    <row r="1259" spans="1:1" ht="56.1" customHeight="1" x14ac:dyDescent="0.2">
      <c r="A1259"/>
    </row>
    <row r="1260" spans="1:1" ht="56.1" customHeight="1" x14ac:dyDescent="0.2">
      <c r="A1260"/>
    </row>
    <row r="1261" spans="1:1" ht="56.1" customHeight="1" x14ac:dyDescent="0.2">
      <c r="A1261"/>
    </row>
    <row r="1262" spans="1:1" ht="56.1" customHeight="1" x14ac:dyDescent="0.2">
      <c r="A1262"/>
    </row>
    <row r="1263" spans="1:1" ht="56.1" customHeight="1" x14ac:dyDescent="0.2">
      <c r="A1263"/>
    </row>
    <row r="1264" spans="1:1" ht="56.1" customHeight="1" x14ac:dyDescent="0.2">
      <c r="A1264"/>
    </row>
    <row r="1265" spans="1:1" ht="56.1" customHeight="1" x14ac:dyDescent="0.2">
      <c r="A1265"/>
    </row>
    <row r="1266" spans="1:1" ht="56.1" customHeight="1" x14ac:dyDescent="0.2">
      <c r="A1266"/>
    </row>
    <row r="1267" spans="1:1" ht="56.1" customHeight="1" x14ac:dyDescent="0.2">
      <c r="A1267"/>
    </row>
    <row r="1268" spans="1:1" ht="56.1" customHeight="1" x14ac:dyDescent="0.2">
      <c r="A1268"/>
    </row>
    <row r="1269" spans="1:1" ht="56.1" customHeight="1" x14ac:dyDescent="0.2">
      <c r="A1269"/>
    </row>
    <row r="1270" spans="1:1" ht="56.1" customHeight="1" x14ac:dyDescent="0.2">
      <c r="A1270"/>
    </row>
    <row r="1271" spans="1:1" ht="56.1" customHeight="1" x14ac:dyDescent="0.2">
      <c r="A1271"/>
    </row>
    <row r="1272" spans="1:1" ht="56.1" customHeight="1" x14ac:dyDescent="0.2">
      <c r="A1272"/>
    </row>
    <row r="1273" spans="1:1" ht="56.1" customHeight="1" x14ac:dyDescent="0.2">
      <c r="A1273"/>
    </row>
    <row r="1274" spans="1:1" ht="56.1" customHeight="1" x14ac:dyDescent="0.2">
      <c r="A1274"/>
    </row>
    <row r="1275" spans="1:1" ht="56.1" customHeight="1" x14ac:dyDescent="0.2">
      <c r="A1275"/>
    </row>
    <row r="1276" spans="1:1" ht="56.1" customHeight="1" x14ac:dyDescent="0.2">
      <c r="A1276"/>
    </row>
    <row r="1277" spans="1:1" ht="56.1" customHeight="1" x14ac:dyDescent="0.2">
      <c r="A1277"/>
    </row>
    <row r="1278" spans="1:1" ht="56.1" customHeight="1" x14ac:dyDescent="0.2">
      <c r="A1278"/>
    </row>
    <row r="1279" spans="1:1" ht="56.1" customHeight="1" x14ac:dyDescent="0.2">
      <c r="A1279"/>
    </row>
    <row r="1280" spans="1:1" ht="56.1" customHeight="1" x14ac:dyDescent="0.2">
      <c r="A1280"/>
    </row>
    <row r="1281" spans="1:1" ht="56.1" customHeight="1" x14ac:dyDescent="0.2">
      <c r="A1281"/>
    </row>
    <row r="1282" spans="1:1" ht="56.1" customHeight="1" x14ac:dyDescent="0.2">
      <c r="A1282"/>
    </row>
    <row r="1283" spans="1:1" ht="56.1" customHeight="1" x14ac:dyDescent="0.2">
      <c r="A1283"/>
    </row>
    <row r="1284" spans="1:1" ht="56.1" customHeight="1" x14ac:dyDescent="0.2">
      <c r="A1284"/>
    </row>
    <row r="1285" spans="1:1" ht="56.1" customHeight="1" x14ac:dyDescent="0.2">
      <c r="A1285"/>
    </row>
    <row r="1286" spans="1:1" ht="56.1" customHeight="1" x14ac:dyDescent="0.2">
      <c r="A1286"/>
    </row>
    <row r="1287" spans="1:1" ht="56.1" customHeight="1" x14ac:dyDescent="0.2">
      <c r="A1287"/>
    </row>
    <row r="1288" spans="1:1" ht="56.1" customHeight="1" x14ac:dyDescent="0.2">
      <c r="A1288"/>
    </row>
    <row r="1289" spans="1:1" ht="56.1" customHeight="1" x14ac:dyDescent="0.2">
      <c r="A1289"/>
    </row>
    <row r="1290" spans="1:1" ht="56.1" customHeight="1" x14ac:dyDescent="0.2">
      <c r="A1290"/>
    </row>
    <row r="1291" spans="1:1" ht="56.1" customHeight="1" x14ac:dyDescent="0.2">
      <c r="A1291"/>
    </row>
    <row r="1292" spans="1:1" ht="56.1" customHeight="1" x14ac:dyDescent="0.2">
      <c r="A1292"/>
    </row>
    <row r="1293" spans="1:1" ht="56.1" customHeight="1" x14ac:dyDescent="0.2">
      <c r="A1293"/>
    </row>
    <row r="1294" spans="1:1" ht="56.1" customHeight="1" x14ac:dyDescent="0.2">
      <c r="A1294"/>
    </row>
    <row r="1295" spans="1:1" ht="56.1" customHeight="1" x14ac:dyDescent="0.2">
      <c r="A1295"/>
    </row>
    <row r="1296" spans="1:1" ht="56.1" customHeight="1" x14ac:dyDescent="0.2">
      <c r="A1296"/>
    </row>
    <row r="1297" spans="1:1" ht="56.1" customHeight="1" x14ac:dyDescent="0.2">
      <c r="A1297"/>
    </row>
    <row r="1298" spans="1:1" ht="56.1" customHeight="1" x14ac:dyDescent="0.2">
      <c r="A1298"/>
    </row>
    <row r="1299" spans="1:1" ht="56.1" customHeight="1" x14ac:dyDescent="0.2">
      <c r="A1299"/>
    </row>
    <row r="1300" spans="1:1" ht="56.1" customHeight="1" x14ac:dyDescent="0.2">
      <c r="A1300"/>
    </row>
    <row r="1301" spans="1:1" ht="56.1" customHeight="1" x14ac:dyDescent="0.2">
      <c r="A1301"/>
    </row>
    <row r="1302" spans="1:1" ht="56.1" customHeight="1" x14ac:dyDescent="0.2">
      <c r="A1302"/>
    </row>
    <row r="1303" spans="1:1" ht="56.1" customHeight="1" x14ac:dyDescent="0.2">
      <c r="A1303"/>
    </row>
    <row r="1304" spans="1:1" ht="56.1" customHeight="1" x14ac:dyDescent="0.2">
      <c r="A1304"/>
    </row>
    <row r="1305" spans="1:1" ht="56.1" customHeight="1" x14ac:dyDescent="0.2">
      <c r="A1305"/>
    </row>
    <row r="1306" spans="1:1" ht="56.1" customHeight="1" x14ac:dyDescent="0.2">
      <c r="A1306"/>
    </row>
    <row r="1307" spans="1:1" ht="56.1" customHeight="1" x14ac:dyDescent="0.2">
      <c r="A1307"/>
    </row>
    <row r="1308" spans="1:1" ht="56.1" customHeight="1" x14ac:dyDescent="0.2">
      <c r="A1308"/>
    </row>
    <row r="1309" spans="1:1" ht="56.1" customHeight="1" x14ac:dyDescent="0.2">
      <c r="A1309"/>
    </row>
    <row r="1310" spans="1:1" ht="56.1" customHeight="1" x14ac:dyDescent="0.2">
      <c r="A1310"/>
    </row>
    <row r="1311" spans="1:1" ht="56.1" customHeight="1" x14ac:dyDescent="0.2">
      <c r="A1311"/>
    </row>
    <row r="1312" spans="1:1" ht="56.1" customHeight="1" x14ac:dyDescent="0.2">
      <c r="A1312"/>
    </row>
    <row r="1313" spans="1:1" ht="56.1" customHeight="1" x14ac:dyDescent="0.2">
      <c r="A1313"/>
    </row>
    <row r="1314" spans="1:1" ht="56.1" customHeight="1" x14ac:dyDescent="0.2">
      <c r="A1314"/>
    </row>
    <row r="1315" spans="1:1" ht="56.1" customHeight="1" x14ac:dyDescent="0.2">
      <c r="A1315"/>
    </row>
    <row r="1316" spans="1:1" ht="56.1" customHeight="1" x14ac:dyDescent="0.2">
      <c r="A1316"/>
    </row>
    <row r="1317" spans="1:1" ht="56.1" customHeight="1" x14ac:dyDescent="0.2">
      <c r="A1317"/>
    </row>
    <row r="1318" spans="1:1" ht="56.1" customHeight="1" x14ac:dyDescent="0.2">
      <c r="A1318"/>
    </row>
    <row r="1319" spans="1:1" ht="56.1" customHeight="1" x14ac:dyDescent="0.2">
      <c r="A1319"/>
    </row>
    <row r="1320" spans="1:1" ht="56.1" customHeight="1" x14ac:dyDescent="0.2">
      <c r="A1320"/>
    </row>
    <row r="1321" spans="1:1" ht="56.1" customHeight="1" x14ac:dyDescent="0.2">
      <c r="A1321"/>
    </row>
    <row r="1322" spans="1:1" ht="56.1" customHeight="1" x14ac:dyDescent="0.2">
      <c r="A1322"/>
    </row>
    <row r="1323" spans="1:1" ht="56.1" customHeight="1" x14ac:dyDescent="0.2">
      <c r="A1323"/>
    </row>
    <row r="1324" spans="1:1" ht="56.1" customHeight="1" x14ac:dyDescent="0.2">
      <c r="A1324"/>
    </row>
    <row r="1325" spans="1:1" ht="56.1" customHeight="1" x14ac:dyDescent="0.2">
      <c r="A1325"/>
    </row>
    <row r="1326" spans="1:1" ht="56.1" customHeight="1" x14ac:dyDescent="0.2">
      <c r="A1326"/>
    </row>
    <row r="1327" spans="1:1" ht="56.1" customHeight="1" x14ac:dyDescent="0.2">
      <c r="A1327"/>
    </row>
    <row r="1328" spans="1:1" ht="56.1" customHeight="1" x14ac:dyDescent="0.2">
      <c r="A1328"/>
    </row>
    <row r="1329" spans="1:1" ht="56.1" customHeight="1" x14ac:dyDescent="0.2">
      <c r="A1329"/>
    </row>
    <row r="1330" spans="1:1" ht="56.1" customHeight="1" x14ac:dyDescent="0.2">
      <c r="A1330"/>
    </row>
    <row r="1331" spans="1:1" ht="56.1" customHeight="1" x14ac:dyDescent="0.2">
      <c r="A1331"/>
    </row>
    <row r="1332" spans="1:1" ht="56.1" customHeight="1" x14ac:dyDescent="0.2">
      <c r="A1332"/>
    </row>
    <row r="1333" spans="1:1" ht="56.1" customHeight="1" x14ac:dyDescent="0.2">
      <c r="A1333"/>
    </row>
    <row r="1334" spans="1:1" ht="56.1" customHeight="1" x14ac:dyDescent="0.2">
      <c r="A1334"/>
    </row>
    <row r="1335" spans="1:1" ht="56.1" customHeight="1" x14ac:dyDescent="0.2">
      <c r="A1335"/>
    </row>
    <row r="1336" spans="1:1" ht="56.1" customHeight="1" x14ac:dyDescent="0.2">
      <c r="A1336"/>
    </row>
    <row r="1337" spans="1:1" ht="56.1" customHeight="1" x14ac:dyDescent="0.2">
      <c r="A1337"/>
    </row>
    <row r="1338" spans="1:1" ht="56.1" customHeight="1" x14ac:dyDescent="0.2">
      <c r="A1338"/>
    </row>
    <row r="1339" spans="1:1" ht="56.1" customHeight="1" x14ac:dyDescent="0.2">
      <c r="A1339"/>
    </row>
    <row r="1340" spans="1:1" ht="56.1" customHeight="1" x14ac:dyDescent="0.2">
      <c r="A1340"/>
    </row>
    <row r="1341" spans="1:1" ht="56.1" customHeight="1" x14ac:dyDescent="0.2">
      <c r="A1341"/>
    </row>
    <row r="1342" spans="1:1" ht="56.1" customHeight="1" x14ac:dyDescent="0.2">
      <c r="A1342"/>
    </row>
    <row r="1343" spans="1:1" ht="56.1" customHeight="1" x14ac:dyDescent="0.2">
      <c r="A1343"/>
    </row>
    <row r="1344" spans="1:1" ht="56.1" customHeight="1" x14ac:dyDescent="0.2">
      <c r="A1344"/>
    </row>
    <row r="1345" spans="1:1" ht="56.1" customHeight="1" x14ac:dyDescent="0.2">
      <c r="A1345"/>
    </row>
    <row r="1346" spans="1:1" ht="56.1" customHeight="1" x14ac:dyDescent="0.2">
      <c r="A1346"/>
    </row>
    <row r="1347" spans="1:1" ht="56.1" customHeight="1" x14ac:dyDescent="0.2">
      <c r="A1347"/>
    </row>
    <row r="1348" spans="1:1" ht="56.1" customHeight="1" x14ac:dyDescent="0.2">
      <c r="A1348"/>
    </row>
    <row r="1349" spans="1:1" ht="56.1" customHeight="1" x14ac:dyDescent="0.2">
      <c r="A1349"/>
    </row>
    <row r="1350" spans="1:1" ht="56.1" customHeight="1" x14ac:dyDescent="0.2">
      <c r="A1350"/>
    </row>
    <row r="1351" spans="1:1" ht="56.1" customHeight="1" x14ac:dyDescent="0.2">
      <c r="A1351"/>
    </row>
    <row r="1352" spans="1:1" ht="56.1" customHeight="1" x14ac:dyDescent="0.2">
      <c r="A1352"/>
    </row>
    <row r="1353" spans="1:1" ht="56.1" customHeight="1" x14ac:dyDescent="0.2">
      <c r="A1353"/>
    </row>
    <row r="1354" spans="1:1" ht="56.1" customHeight="1" x14ac:dyDescent="0.2">
      <c r="A1354"/>
    </row>
    <row r="1355" spans="1:1" ht="56.1" customHeight="1" x14ac:dyDescent="0.2">
      <c r="A1355"/>
    </row>
    <row r="1356" spans="1:1" ht="56.1" customHeight="1" x14ac:dyDescent="0.2">
      <c r="A1356"/>
    </row>
    <row r="1357" spans="1:1" ht="56.1" customHeight="1" x14ac:dyDescent="0.2">
      <c r="A1357"/>
    </row>
    <row r="1358" spans="1:1" ht="56.1" customHeight="1" x14ac:dyDescent="0.2">
      <c r="A1358"/>
    </row>
    <row r="1359" spans="1:1" ht="56.1" customHeight="1" x14ac:dyDescent="0.2">
      <c r="A1359"/>
    </row>
    <row r="1360" spans="1:1" ht="56.1" customHeight="1" x14ac:dyDescent="0.2">
      <c r="A1360"/>
    </row>
    <row r="1361" spans="1:1" ht="56.1" customHeight="1" x14ac:dyDescent="0.2">
      <c r="A1361"/>
    </row>
    <row r="1362" spans="1:1" ht="56.1" customHeight="1" x14ac:dyDescent="0.2">
      <c r="A1362"/>
    </row>
    <row r="1363" spans="1:1" ht="56.1" customHeight="1" x14ac:dyDescent="0.2">
      <c r="A1363"/>
    </row>
    <row r="1364" spans="1:1" ht="56.1" customHeight="1" x14ac:dyDescent="0.2">
      <c r="A1364"/>
    </row>
    <row r="1365" spans="1:1" ht="56.1" customHeight="1" x14ac:dyDescent="0.2">
      <c r="A1365"/>
    </row>
    <row r="1366" spans="1:1" ht="56.1" customHeight="1" x14ac:dyDescent="0.2">
      <c r="A1366"/>
    </row>
    <row r="1367" spans="1:1" ht="56.1" customHeight="1" x14ac:dyDescent="0.2">
      <c r="A1367"/>
    </row>
    <row r="1368" spans="1:1" ht="56.1" customHeight="1" x14ac:dyDescent="0.2">
      <c r="A1368"/>
    </row>
    <row r="1369" spans="1:1" ht="56.1" customHeight="1" x14ac:dyDescent="0.2">
      <c r="A1369"/>
    </row>
    <row r="1370" spans="1:1" ht="56.1" customHeight="1" x14ac:dyDescent="0.2">
      <c r="A1370"/>
    </row>
    <row r="1371" spans="1:1" ht="56.1" customHeight="1" x14ac:dyDescent="0.2">
      <c r="A1371"/>
    </row>
    <row r="1372" spans="1:1" ht="56.1" customHeight="1" x14ac:dyDescent="0.2">
      <c r="A1372"/>
    </row>
    <row r="1373" spans="1:1" ht="56.1" customHeight="1" x14ac:dyDescent="0.2">
      <c r="A1373"/>
    </row>
    <row r="1374" spans="1:1" ht="56.1" customHeight="1" x14ac:dyDescent="0.2">
      <c r="A1374"/>
    </row>
    <row r="1375" spans="1:1" ht="56.1" customHeight="1" x14ac:dyDescent="0.2">
      <c r="A1375"/>
    </row>
    <row r="1376" spans="1:1" ht="56.1" customHeight="1" x14ac:dyDescent="0.2">
      <c r="A1376"/>
    </row>
    <row r="1377" spans="1:1" ht="56.1" customHeight="1" x14ac:dyDescent="0.2">
      <c r="A1377"/>
    </row>
    <row r="1378" spans="1:1" ht="56.1" customHeight="1" x14ac:dyDescent="0.2">
      <c r="A1378"/>
    </row>
    <row r="1379" spans="1:1" ht="56.1" customHeight="1" x14ac:dyDescent="0.2">
      <c r="A1379"/>
    </row>
    <row r="1380" spans="1:1" ht="56.1" customHeight="1" x14ac:dyDescent="0.2">
      <c r="A1380"/>
    </row>
    <row r="1381" spans="1:1" ht="56.1" customHeight="1" x14ac:dyDescent="0.2">
      <c r="A1381"/>
    </row>
    <row r="1382" spans="1:1" ht="56.1" customHeight="1" x14ac:dyDescent="0.2">
      <c r="A1382"/>
    </row>
    <row r="1383" spans="1:1" ht="56.1" customHeight="1" x14ac:dyDescent="0.2">
      <c r="A1383"/>
    </row>
    <row r="1384" spans="1:1" ht="56.1" customHeight="1" x14ac:dyDescent="0.2">
      <c r="A1384"/>
    </row>
    <row r="1385" spans="1:1" ht="56.1" customHeight="1" x14ac:dyDescent="0.2">
      <c r="A1385"/>
    </row>
    <row r="1386" spans="1:1" ht="56.1" customHeight="1" x14ac:dyDescent="0.2">
      <c r="A1386"/>
    </row>
    <row r="1387" spans="1:1" ht="56.1" customHeight="1" x14ac:dyDescent="0.2">
      <c r="A1387"/>
    </row>
    <row r="1388" spans="1:1" ht="56.1" customHeight="1" x14ac:dyDescent="0.2">
      <c r="A1388"/>
    </row>
    <row r="1389" spans="1:1" ht="56.1" customHeight="1" x14ac:dyDescent="0.2">
      <c r="A1389"/>
    </row>
    <row r="1390" spans="1:1" ht="56.1" customHeight="1" x14ac:dyDescent="0.2">
      <c r="A1390"/>
    </row>
    <row r="1391" spans="1:1" ht="56.1" customHeight="1" x14ac:dyDescent="0.2">
      <c r="A1391"/>
    </row>
    <row r="1392" spans="1:1" ht="56.1" customHeight="1" x14ac:dyDescent="0.2">
      <c r="A1392"/>
    </row>
    <row r="1393" spans="1:1" ht="56.1" customHeight="1" x14ac:dyDescent="0.2">
      <c r="A1393"/>
    </row>
    <row r="1394" spans="1:1" ht="56.1" customHeight="1" x14ac:dyDescent="0.2">
      <c r="A1394"/>
    </row>
    <row r="1395" spans="1:1" ht="56.1" customHeight="1" x14ac:dyDescent="0.2">
      <c r="A1395"/>
    </row>
    <row r="1396" spans="1:1" ht="56.1" customHeight="1" x14ac:dyDescent="0.2">
      <c r="A1396"/>
    </row>
    <row r="1397" spans="1:1" ht="56.1" customHeight="1" x14ac:dyDescent="0.2">
      <c r="A1397"/>
    </row>
    <row r="1398" spans="1:1" ht="56.1" customHeight="1" x14ac:dyDescent="0.2">
      <c r="A1398"/>
    </row>
    <row r="1399" spans="1:1" ht="56.1" customHeight="1" x14ac:dyDescent="0.2">
      <c r="A1399"/>
    </row>
    <row r="1400" spans="1:1" ht="56.1" customHeight="1" x14ac:dyDescent="0.2">
      <c r="A1400"/>
    </row>
    <row r="1401" spans="1:1" ht="56.1" customHeight="1" x14ac:dyDescent="0.2">
      <c r="A1401"/>
    </row>
    <row r="1402" spans="1:1" ht="56.1" customHeight="1" x14ac:dyDescent="0.2">
      <c r="A1402"/>
    </row>
    <row r="1403" spans="1:1" ht="56.1" customHeight="1" x14ac:dyDescent="0.2">
      <c r="A1403"/>
    </row>
    <row r="1404" spans="1:1" ht="56.1" customHeight="1" x14ac:dyDescent="0.2">
      <c r="A1404"/>
    </row>
    <row r="1405" spans="1:1" ht="56.1" customHeight="1" x14ac:dyDescent="0.2">
      <c r="A1405"/>
    </row>
    <row r="1406" spans="1:1" ht="56.1" customHeight="1" x14ac:dyDescent="0.2">
      <c r="A1406"/>
    </row>
    <row r="1407" spans="1:1" ht="56.1" customHeight="1" x14ac:dyDescent="0.2">
      <c r="A1407"/>
    </row>
    <row r="1408" spans="1:1" ht="56.1" customHeight="1" x14ac:dyDescent="0.2">
      <c r="A1408"/>
    </row>
    <row r="1409" spans="1:1" ht="56.1" customHeight="1" x14ac:dyDescent="0.2">
      <c r="A1409"/>
    </row>
    <row r="1410" spans="1:1" ht="56.1" customHeight="1" x14ac:dyDescent="0.2">
      <c r="A1410"/>
    </row>
    <row r="1411" spans="1:1" ht="56.1" customHeight="1" x14ac:dyDescent="0.2">
      <c r="A1411"/>
    </row>
    <row r="1412" spans="1:1" ht="56.1" customHeight="1" x14ac:dyDescent="0.2">
      <c r="A1412"/>
    </row>
    <row r="1413" spans="1:1" ht="56.1" customHeight="1" x14ac:dyDescent="0.2">
      <c r="A1413"/>
    </row>
    <row r="1414" spans="1:1" ht="56.1" customHeight="1" x14ac:dyDescent="0.2">
      <c r="A1414"/>
    </row>
    <row r="1415" spans="1:1" ht="56.1" customHeight="1" x14ac:dyDescent="0.2">
      <c r="A1415"/>
    </row>
    <row r="1416" spans="1:1" ht="56.1" customHeight="1" x14ac:dyDescent="0.2">
      <c r="A1416"/>
    </row>
    <row r="1417" spans="1:1" ht="56.1" customHeight="1" x14ac:dyDescent="0.2">
      <c r="A1417"/>
    </row>
    <row r="1418" spans="1:1" ht="56.1" customHeight="1" x14ac:dyDescent="0.2">
      <c r="A1418"/>
    </row>
    <row r="1419" spans="1:1" ht="56.1" customHeight="1" x14ac:dyDescent="0.2">
      <c r="A1419"/>
    </row>
    <row r="1420" spans="1:1" ht="56.1" customHeight="1" x14ac:dyDescent="0.2">
      <c r="A1420"/>
    </row>
    <row r="1421" spans="1:1" ht="56.1" customHeight="1" x14ac:dyDescent="0.2">
      <c r="A1421"/>
    </row>
  </sheetData>
  <autoFilter ref="A1:CF899" xr:uid="{94D504E6-FF23-42EF-A4AB-971259469FAD}">
    <filterColumn colId="0">
      <colorFilter dxfId="929"/>
    </filterColumn>
    <sortState xmlns:xlrd2="http://schemas.microsoft.com/office/spreadsheetml/2017/richdata2" ref="A796:CF894">
      <sortCondition descending="1" ref="H1:H899"/>
    </sortState>
  </autoFilter>
  <phoneticPr fontId="26" type="noConversion"/>
  <conditionalFormatting sqref="Q1:Q2">
    <cfRule type="colorScale" priority="455">
      <colorScale>
        <cfvo type="min"/>
        <cfvo type="percentile" val="50"/>
        <cfvo type="max"/>
        <color rgb="FFF8696B"/>
        <color rgb="FFFFEB84"/>
        <color rgb="FF63BE7B"/>
      </colorScale>
    </cfRule>
  </conditionalFormatting>
  <conditionalFormatting sqref="Q1:Q39 Q45:Q52 Q57:Q59">
    <cfRule type="containsText" dxfId="927" priority="307" operator="containsText" text="Essential">
      <formula>NOT(ISERROR(SEARCH("Essential",Q1)))</formula>
    </cfRule>
    <cfRule type="containsText" dxfId="926" priority="306" operator="containsText" text="Critical">
      <formula>NOT(ISERROR(SEARCH("Critical",Q1)))</formula>
    </cfRule>
    <cfRule type="containsText" dxfId="925" priority="305" operator="containsText" text="Desirable">
      <formula>NOT(ISERROR(SEARCH("Desirable",Q1)))</formula>
    </cfRule>
  </conditionalFormatting>
  <conditionalFormatting sqref="Q1:Q39 Q45:Q52 Q57:Q686">
    <cfRule type="containsText" priority="304" operator="containsText" text="Important">
      <formula>NOT(ISERROR(SEARCH("Important",Q1)))</formula>
    </cfRule>
  </conditionalFormatting>
  <conditionalFormatting sqref="Q1:Q599 Q900:Q1048576">
    <cfRule type="containsText" dxfId="924" priority="227" operator="containsText" text="Important">
      <formula>NOT(ISERROR(SEARCH("Important",Q1)))</formula>
    </cfRule>
    <cfRule type="containsText" dxfId="923" priority="230" operator="containsText" text="Essential">
      <formula>NOT(ISERROR(SEARCH("Essential",Q1)))</formula>
    </cfRule>
  </conditionalFormatting>
  <conditionalFormatting sqref="Q1:Q678 Q900:Q1048576">
    <cfRule type="containsText" dxfId="922" priority="214" operator="containsText" text="Critical - Local Plan">
      <formula>NOT(ISERROR(SEARCH("Critical - Local Plan",Q1)))</formula>
    </cfRule>
  </conditionalFormatting>
  <conditionalFormatting sqref="Q1:Q686">
    <cfRule type="containsText" priority="1" operator="containsText" text="Critical - Delivery">
      <formula>NOT(ISERROR(SEARCH("Critical - Delivery",Q1)))</formula>
    </cfRule>
  </conditionalFormatting>
  <conditionalFormatting sqref="Q3:Q22">
    <cfRule type="colorScale" priority="332">
      <colorScale>
        <cfvo type="min"/>
        <cfvo type="percentile" val="50"/>
        <cfvo type="max"/>
        <color rgb="FFF8696B"/>
        <color rgb="FFFFEB84"/>
        <color rgb="FF63BE7B"/>
      </colorScale>
    </cfRule>
  </conditionalFormatting>
  <conditionalFormatting sqref="Q23:Q29">
    <cfRule type="colorScale" priority="314">
      <colorScale>
        <cfvo type="min"/>
        <cfvo type="percentile" val="50"/>
        <cfvo type="max"/>
        <color rgb="FFF8696B"/>
        <color rgb="FFFFEB84"/>
        <color rgb="FF63BE7B"/>
      </colorScale>
    </cfRule>
  </conditionalFormatting>
  <conditionalFormatting sqref="Q30:Q38">
    <cfRule type="colorScale" priority="308">
      <colorScale>
        <cfvo type="min"/>
        <cfvo type="percentile" val="50"/>
        <cfvo type="max"/>
        <color rgb="FFF8696B"/>
        <color rgb="FFFFEB84"/>
        <color rgb="FF63BE7B"/>
      </colorScale>
    </cfRule>
  </conditionalFormatting>
  <conditionalFormatting sqref="Q39">
    <cfRule type="colorScale" priority="338">
      <colorScale>
        <cfvo type="min"/>
        <cfvo type="percentile" val="50"/>
        <cfvo type="max"/>
        <color rgb="FFF8696B"/>
        <color rgb="FFFFEB84"/>
        <color rgb="FF63BE7B"/>
      </colorScale>
    </cfRule>
  </conditionalFormatting>
  <conditionalFormatting sqref="Q45:Q52">
    <cfRule type="colorScale" priority="619">
      <colorScale>
        <cfvo type="min"/>
        <cfvo type="percentile" val="50"/>
        <cfvo type="max"/>
        <color rgb="FFF8696B"/>
        <color rgb="FFFFEB84"/>
        <color rgb="FF63BE7B"/>
      </colorScale>
    </cfRule>
  </conditionalFormatting>
  <conditionalFormatting sqref="Q53:Q59">
    <cfRule type="containsText" dxfId="921" priority="238" operator="containsText" text="Critical - Local Plan">
      <formula>NOT(ISERROR(SEARCH("Critical - Local Plan",Q53)))</formula>
    </cfRule>
    <cfRule type="containsText" dxfId="920" priority="239" operator="containsText" text="Desirable">
      <formula>NOT(ISERROR(SEARCH("Desirable",Q53)))</formula>
    </cfRule>
    <cfRule type="containsText" dxfId="919" priority="240" operator="containsText" text="Critical - Delivery">
      <formula>NOT(ISERROR(SEARCH("Critical - Delivery",Q53)))</formula>
    </cfRule>
    <cfRule type="containsText" dxfId="918" priority="241" operator="containsText" text="Essential">
      <formula>NOT(ISERROR(SEARCH("Essential",Q53)))</formula>
    </cfRule>
    <cfRule type="colorScale" priority="242">
      <colorScale>
        <cfvo type="min"/>
        <cfvo type="percentile" val="50"/>
        <cfvo type="max"/>
        <color rgb="FFF8696B"/>
        <color rgb="FFFFEB84"/>
        <color rgb="FF63BE7B"/>
      </colorScale>
    </cfRule>
  </conditionalFormatting>
  <conditionalFormatting sqref="Q57:Q59 Q1:Q39 Q45:Q52">
    <cfRule type="containsText" dxfId="917" priority="303" operator="containsText" text="Important">
      <formula>NOT(ISERROR(SEARCH("Important",Q1)))</formula>
    </cfRule>
  </conditionalFormatting>
  <conditionalFormatting sqref="Q57:Q105">
    <cfRule type="colorScale" priority="500">
      <colorScale>
        <cfvo type="min"/>
        <cfvo type="percentile" val="50"/>
        <cfvo type="max"/>
        <color rgb="FFF8696B"/>
        <color rgb="FFFFEB84"/>
        <color rgb="FF63BE7B"/>
      </colorScale>
    </cfRule>
  </conditionalFormatting>
  <conditionalFormatting sqref="Q57:Q537 Q545:Q599">
    <cfRule type="containsText" dxfId="916" priority="247" operator="containsText" text="Essential">
      <formula>NOT(ISERROR(SEARCH("Essential",Q57)))</formula>
    </cfRule>
    <cfRule type="containsText" dxfId="915" priority="243" operator="containsText" text="Important">
      <formula>NOT(ISERROR(SEARCH("Important",Q57)))</formula>
    </cfRule>
    <cfRule type="containsText" dxfId="914" priority="245" operator="containsText" text="Desirable">
      <formula>NOT(ISERROR(SEARCH("Desirable",Q57)))</formula>
    </cfRule>
    <cfRule type="containsText" dxfId="913" priority="246" operator="containsText" text="Critical">
      <formula>NOT(ISERROR(SEARCH("Critical",Q57)))</formula>
    </cfRule>
  </conditionalFormatting>
  <conditionalFormatting sqref="Q64:Q537">
    <cfRule type="colorScale" priority="638">
      <colorScale>
        <cfvo type="min"/>
        <cfvo type="percentile" val="50"/>
        <cfvo type="max"/>
        <color rgb="FFF8696B"/>
        <color rgb="FFFFEB84"/>
        <color rgb="FF63BE7B"/>
      </colorScale>
    </cfRule>
  </conditionalFormatting>
  <conditionalFormatting sqref="Q538:Q544">
    <cfRule type="containsText" dxfId="912" priority="228" operator="containsText" text="Desirable">
      <formula>NOT(ISERROR(SEARCH("Desirable",Q538)))</formula>
    </cfRule>
    <cfRule type="containsText" dxfId="911" priority="226" operator="containsText" text="Essential">
      <formula>NOT(ISERROR(SEARCH("Essential",Q538)))</formula>
    </cfRule>
    <cfRule type="containsText" dxfId="910" priority="225" operator="containsText" text="Important">
      <formula>NOT(ISERROR(SEARCH("Important",Q538)))</formula>
    </cfRule>
    <cfRule type="colorScale" priority="232">
      <colorScale>
        <cfvo type="min"/>
        <cfvo type="percentile" val="50"/>
        <cfvo type="max"/>
        <color rgb="FFF8696B"/>
        <color rgb="FFFFEB84"/>
        <color rgb="FF63BE7B"/>
      </colorScale>
    </cfRule>
    <cfRule type="containsText" dxfId="909" priority="229" operator="containsText" text="Critical">
      <formula>NOT(ISERROR(SEARCH("Critical",Q538)))</formula>
    </cfRule>
  </conditionalFormatting>
  <conditionalFormatting sqref="Q545:Q560">
    <cfRule type="colorScale" priority="415">
      <colorScale>
        <cfvo type="min"/>
        <cfvo type="percentile" val="50"/>
        <cfvo type="max"/>
        <color rgb="FFF8696B"/>
        <color rgb="FFFFEB84"/>
        <color rgb="FF63BE7B"/>
      </colorScale>
    </cfRule>
  </conditionalFormatting>
  <conditionalFormatting sqref="Q561:Q568">
    <cfRule type="colorScale" priority="212">
      <colorScale>
        <cfvo type="min"/>
        <cfvo type="percentile" val="50"/>
        <cfvo type="max"/>
        <color rgb="FFF8696B"/>
        <color rgb="FFFFEB84"/>
        <color rgb="FF63BE7B"/>
      </colorScale>
    </cfRule>
  </conditionalFormatting>
  <conditionalFormatting sqref="Q569:Q591">
    <cfRule type="colorScale" priority="426">
      <colorScale>
        <cfvo type="min"/>
        <cfvo type="percentile" val="50"/>
        <cfvo type="max"/>
        <color rgb="FFF8696B"/>
        <color rgb="FFFFEB84"/>
        <color rgb="FF63BE7B"/>
      </colorScale>
    </cfRule>
  </conditionalFormatting>
  <conditionalFormatting sqref="Q592:Q599">
    <cfRule type="colorScale" priority="211">
      <colorScale>
        <cfvo type="min"/>
        <cfvo type="percentile" val="50"/>
        <cfvo type="max"/>
        <color rgb="FFF8696B"/>
        <color rgb="FFFFEB84"/>
        <color rgb="FF63BE7B"/>
      </colorScale>
    </cfRule>
  </conditionalFormatting>
  <conditionalFormatting sqref="Q600:Q678 Q684">
    <cfRule type="containsText" dxfId="908" priority="222" operator="containsText" text="Essential">
      <formula>NOT(ISERROR(SEARCH("Essential",Q600)))</formula>
    </cfRule>
    <cfRule type="containsText" dxfId="907" priority="221" operator="containsText" text="Critical">
      <formula>NOT(ISERROR(SEARCH("Critical",Q600)))</formula>
    </cfRule>
    <cfRule type="containsText" dxfId="906" priority="220" operator="containsText" text="Desirable">
      <formula>NOT(ISERROR(SEARCH("Desirable",Q600)))</formula>
    </cfRule>
    <cfRule type="containsText" dxfId="905" priority="219" operator="containsText" text="Important">
      <formula>NOT(ISERROR(SEARCH("Important",Q600)))</formula>
    </cfRule>
    <cfRule type="colorScale" priority="218">
      <colorScale>
        <cfvo type="min"/>
        <cfvo type="percentile" val="50"/>
        <cfvo type="max"/>
        <color rgb="FFF8696B"/>
        <color rgb="FFFFEB84"/>
        <color rgb="FF63BE7B"/>
      </colorScale>
    </cfRule>
  </conditionalFormatting>
  <conditionalFormatting sqref="Q600:Q678">
    <cfRule type="containsText" dxfId="904" priority="217" operator="containsText" text="Essential">
      <formula>NOT(ISERROR(SEARCH("Essential",Q600)))</formula>
    </cfRule>
    <cfRule type="containsText" dxfId="903" priority="215" operator="containsText" text="Important">
      <formula>NOT(ISERROR(SEARCH("Important",Q600)))</formula>
    </cfRule>
  </conditionalFormatting>
  <conditionalFormatting sqref="Q679:Q683">
    <cfRule type="containsText" dxfId="902" priority="3" operator="containsText" text="Important">
      <formula>NOT(ISERROR(SEARCH("Important",Q679)))</formula>
    </cfRule>
    <cfRule type="containsText" dxfId="901" priority="9" operator="containsText" text="Essential">
      <formula>NOT(ISERROR(SEARCH("Essential",Q679)))</formula>
    </cfRule>
    <cfRule type="containsText" dxfId="900" priority="8" operator="containsText" text="Critical">
      <formula>NOT(ISERROR(SEARCH("Critical",Q679)))</formula>
    </cfRule>
    <cfRule type="containsText" dxfId="899" priority="7" operator="containsText" text="Desirable">
      <formula>NOT(ISERROR(SEARCH("Desirable",Q679)))</formula>
    </cfRule>
    <cfRule type="containsText" dxfId="898" priority="6" operator="containsText" text="Important">
      <formula>NOT(ISERROR(SEARCH("Important",Q679)))</formula>
    </cfRule>
    <cfRule type="colorScale" priority="5">
      <colorScale>
        <cfvo type="min"/>
        <cfvo type="percentile" val="50"/>
        <cfvo type="max"/>
        <color rgb="FFF8696B"/>
        <color rgb="FFFFEB84"/>
        <color rgb="FF63BE7B"/>
      </colorScale>
    </cfRule>
    <cfRule type="containsText" dxfId="897" priority="4" operator="containsText" text="Essential">
      <formula>NOT(ISERROR(SEARCH("Essential",Q679)))</formula>
    </cfRule>
  </conditionalFormatting>
  <conditionalFormatting sqref="Q679:Q686">
    <cfRule type="containsText" dxfId="896" priority="2" operator="containsText" text="Critical - Local Plan">
      <formula>NOT(ISERROR(SEARCH("Critical - Local Plan",Q679)))</formula>
    </cfRule>
  </conditionalFormatting>
  <conditionalFormatting sqref="Q684:Q686">
    <cfRule type="containsText" dxfId="895" priority="16" operator="containsText" text="Important">
      <formula>NOT(ISERROR(SEARCH("Important",Q684)))</formula>
    </cfRule>
    <cfRule type="containsText" dxfId="894" priority="19" operator="containsText" text="Essential">
      <formula>NOT(ISERROR(SEARCH("Essential",Q684)))</formula>
    </cfRule>
  </conditionalFormatting>
  <conditionalFormatting sqref="Q685:Q686">
    <cfRule type="containsText" dxfId="893" priority="17" operator="containsText" text="Desirable">
      <formula>NOT(ISERROR(SEARCH("Desirable",Q685)))</formula>
    </cfRule>
    <cfRule type="colorScale" priority="15">
      <colorScale>
        <cfvo type="min"/>
        <cfvo type="percentile" val="50"/>
        <cfvo type="max"/>
        <color rgb="FFF8696B"/>
        <color rgb="FFFFEB84"/>
        <color rgb="FF63BE7B"/>
      </colorScale>
    </cfRule>
    <cfRule type="containsText" dxfId="892" priority="14" operator="containsText" text="Essential">
      <formula>NOT(ISERROR(SEARCH("Essential",Q685)))</formula>
    </cfRule>
    <cfRule type="containsText" dxfId="891" priority="13" operator="containsText" text="Important">
      <formula>NOT(ISERROR(SEARCH("Important",Q685)))</formula>
    </cfRule>
    <cfRule type="containsText" dxfId="890" priority="18" operator="containsText" text="Critical">
      <formula>NOT(ISERROR(SEARCH("Critical",Q685)))</formula>
    </cfRule>
  </conditionalFormatting>
  <conditionalFormatting sqref="Q691">
    <cfRule type="containsText" dxfId="889" priority="29" operator="containsText" text="Essential">
      <formula>NOT(ISERROR(SEARCH("Essential",Q691)))</formula>
    </cfRule>
    <cfRule type="containsText" dxfId="888" priority="28" operator="containsText" text="Critical">
      <formula>NOT(ISERROR(SEARCH("Critical",Q691)))</formula>
    </cfRule>
    <cfRule type="containsText" dxfId="887" priority="23" operator="containsText" text="Important">
      <formula>NOT(ISERROR(SEARCH("Important",Q691)))</formula>
    </cfRule>
    <cfRule type="containsText" dxfId="886" priority="24" operator="containsText" text="Essential">
      <formula>NOT(ISERROR(SEARCH("Essential",Q691)))</formula>
    </cfRule>
    <cfRule type="colorScale" priority="25">
      <colorScale>
        <cfvo type="min"/>
        <cfvo type="percentile" val="50"/>
        <cfvo type="max"/>
        <color rgb="FFF8696B"/>
        <color rgb="FFFFEB84"/>
        <color rgb="FF63BE7B"/>
      </colorScale>
    </cfRule>
    <cfRule type="containsText" dxfId="885" priority="26" operator="containsText" text="Important">
      <formula>NOT(ISERROR(SEARCH("Important",Q691)))</formula>
    </cfRule>
    <cfRule type="containsText" dxfId="884" priority="27" operator="containsText" text="Desirable">
      <formula>NOT(ISERROR(SEARCH("Desirable",Q691)))</formula>
    </cfRule>
  </conditionalFormatting>
  <conditionalFormatting sqref="Q691:Q707">
    <cfRule type="containsText" priority="21" operator="containsText" text="Critical - Delivery">
      <formula>NOT(ISERROR(SEARCH("Critical - Delivery",Q691)))</formula>
    </cfRule>
    <cfRule type="containsText" dxfId="883" priority="22" operator="containsText" text="Critical - Local Plan">
      <formula>NOT(ISERROR(SEARCH("Critical - Local Plan",Q691)))</formula>
    </cfRule>
    <cfRule type="containsText" priority="30" operator="containsText" text="Important">
      <formula>NOT(ISERROR(SEARCH("Important",Q691)))</formula>
    </cfRule>
  </conditionalFormatting>
  <conditionalFormatting sqref="Q692 Q697:Q704 Q707">
    <cfRule type="containsText" dxfId="882" priority="209" operator="containsText" text="Essential">
      <formula>NOT(ISERROR(SEARCH("Essential",Q692)))</formula>
    </cfRule>
    <cfRule type="containsText" dxfId="881" priority="208" operator="containsText" text="Critical">
      <formula>NOT(ISERROR(SEARCH("Critical",Q692)))</formula>
    </cfRule>
    <cfRule type="containsText" dxfId="880" priority="207" operator="containsText" text="Desirable">
      <formula>NOT(ISERROR(SEARCH("Desirable",Q692)))</formula>
    </cfRule>
    <cfRule type="containsText" dxfId="879" priority="206" operator="containsText" text="Important">
      <formula>NOT(ISERROR(SEARCH("Important",Q692)))</formula>
    </cfRule>
  </conditionalFormatting>
  <conditionalFormatting sqref="Q692:Q696">
    <cfRule type="containsText" dxfId="878" priority="36" operator="containsText" text="Important">
      <formula>NOT(ISERROR(SEARCH("Important",Q692)))</formula>
    </cfRule>
    <cfRule type="containsText" dxfId="877" priority="39" operator="containsText" text="Essential">
      <formula>NOT(ISERROR(SEARCH("Essential",Q692)))</formula>
    </cfRule>
  </conditionalFormatting>
  <conditionalFormatting sqref="Q693:Q696">
    <cfRule type="containsText" dxfId="876" priority="33" operator="containsText" text="Important">
      <formula>NOT(ISERROR(SEARCH("Important",Q693)))</formula>
    </cfRule>
    <cfRule type="containsText" dxfId="875" priority="34" operator="containsText" text="Essential">
      <formula>NOT(ISERROR(SEARCH("Essential",Q693)))</formula>
    </cfRule>
    <cfRule type="colorScale" priority="35">
      <colorScale>
        <cfvo type="min"/>
        <cfvo type="percentile" val="50"/>
        <cfvo type="max"/>
        <color rgb="FFF8696B"/>
        <color rgb="FFFFEB84"/>
        <color rgb="FF63BE7B"/>
      </colorScale>
    </cfRule>
    <cfRule type="containsText" dxfId="874" priority="37" operator="containsText" text="Desirable">
      <formula>NOT(ISERROR(SEARCH("Desirable",Q693)))</formula>
    </cfRule>
    <cfRule type="containsText" dxfId="873" priority="38" operator="containsText" text="Critical">
      <formula>NOT(ISERROR(SEARCH("Critical",Q693)))</formula>
    </cfRule>
  </conditionalFormatting>
  <conditionalFormatting sqref="Q697:Q704 Q692 Q707">
    <cfRule type="colorScale" priority="205">
      <colorScale>
        <cfvo type="min"/>
        <cfvo type="percentile" val="50"/>
        <cfvo type="max"/>
        <color rgb="FFF8696B"/>
        <color rgb="FFFFEB84"/>
        <color rgb="FF63BE7B"/>
      </colorScale>
    </cfRule>
  </conditionalFormatting>
  <conditionalFormatting sqref="Q697:Q707">
    <cfRule type="containsText" dxfId="872" priority="46" operator="containsText" text="Important">
      <formula>NOT(ISERROR(SEARCH("Important",Q697)))</formula>
    </cfRule>
    <cfRule type="containsText" dxfId="871" priority="49" operator="containsText" text="Essential">
      <formula>NOT(ISERROR(SEARCH("Essential",Q697)))</formula>
    </cfRule>
  </conditionalFormatting>
  <conditionalFormatting sqref="Q705:Q706">
    <cfRule type="containsText" dxfId="870" priority="43" operator="containsText" text="Important">
      <formula>NOT(ISERROR(SEARCH("Important",Q705)))</formula>
    </cfRule>
    <cfRule type="containsText" dxfId="869" priority="44" operator="containsText" text="Essential">
      <formula>NOT(ISERROR(SEARCH("Essential",Q705)))</formula>
    </cfRule>
    <cfRule type="colorScale" priority="45">
      <colorScale>
        <cfvo type="min"/>
        <cfvo type="percentile" val="50"/>
        <cfvo type="max"/>
        <color rgb="FFF8696B"/>
        <color rgb="FFFFEB84"/>
        <color rgb="FF63BE7B"/>
      </colorScale>
    </cfRule>
    <cfRule type="containsText" dxfId="868" priority="47" operator="containsText" text="Desirable">
      <formula>NOT(ISERROR(SEARCH("Desirable",Q705)))</formula>
    </cfRule>
    <cfRule type="containsText" dxfId="867" priority="48" operator="containsText" text="Critical">
      <formula>NOT(ISERROR(SEARCH("Critical",Q705)))</formula>
    </cfRule>
  </conditionalFormatting>
  <conditionalFormatting sqref="Q710:Q713">
    <cfRule type="containsText" priority="51" operator="containsText" text="Critical - Delivery">
      <formula>NOT(ISERROR(SEARCH("Critical - Delivery",Q710)))</formula>
    </cfRule>
    <cfRule type="containsText" dxfId="866" priority="52" operator="containsText" text="Critical - Local Plan">
      <formula>NOT(ISERROR(SEARCH("Critical - Local Plan",Q710)))</formula>
    </cfRule>
    <cfRule type="containsText" dxfId="865" priority="53" operator="containsText" text="Important">
      <formula>NOT(ISERROR(SEARCH("Important",Q710)))</formula>
    </cfRule>
    <cfRule type="containsText" dxfId="864" priority="54" operator="containsText" text="Essential">
      <formula>NOT(ISERROR(SEARCH("Essential",Q710)))</formula>
    </cfRule>
    <cfRule type="colorScale" priority="55">
      <colorScale>
        <cfvo type="min"/>
        <cfvo type="percentile" val="50"/>
        <cfvo type="max"/>
        <color rgb="FFF8696B"/>
        <color rgb="FFFFEB84"/>
        <color rgb="FF63BE7B"/>
      </colorScale>
    </cfRule>
    <cfRule type="containsText" dxfId="863" priority="56" operator="containsText" text="Important">
      <formula>NOT(ISERROR(SEARCH("Important",Q710)))</formula>
    </cfRule>
    <cfRule type="containsText" dxfId="862" priority="57" operator="containsText" text="Desirable">
      <formula>NOT(ISERROR(SEARCH("Desirable",Q710)))</formula>
    </cfRule>
    <cfRule type="containsText" dxfId="861" priority="58" operator="containsText" text="Critical">
      <formula>NOT(ISERROR(SEARCH("Critical",Q710)))</formula>
    </cfRule>
    <cfRule type="containsText" dxfId="860" priority="59" operator="containsText" text="Essential">
      <formula>NOT(ISERROR(SEARCH("Essential",Q710)))</formula>
    </cfRule>
    <cfRule type="containsText" priority="60" operator="containsText" text="Important">
      <formula>NOT(ISERROR(SEARCH("Important",Q710)))</formula>
    </cfRule>
  </conditionalFormatting>
  <conditionalFormatting sqref="Q718">
    <cfRule type="containsText" dxfId="859" priority="68" operator="containsText" text="Critical">
      <formula>NOT(ISERROR(SEARCH("Critical",Q718)))</formula>
    </cfRule>
    <cfRule type="containsText" dxfId="858" priority="67" operator="containsText" text="Desirable">
      <formula>NOT(ISERROR(SEARCH("Desirable",Q718)))</formula>
    </cfRule>
    <cfRule type="containsText" dxfId="857" priority="63" operator="containsText" text="Important">
      <formula>NOT(ISERROR(SEARCH("Important",Q718)))</formula>
    </cfRule>
    <cfRule type="containsText" dxfId="856" priority="64" operator="containsText" text="Essential">
      <formula>NOT(ISERROR(SEARCH("Essential",Q718)))</formula>
    </cfRule>
    <cfRule type="colorScale" priority="65">
      <colorScale>
        <cfvo type="min"/>
        <cfvo type="percentile" val="50"/>
        <cfvo type="max"/>
        <color rgb="FFF8696B"/>
        <color rgb="FFFFEB84"/>
        <color rgb="FF63BE7B"/>
      </colorScale>
    </cfRule>
  </conditionalFormatting>
  <conditionalFormatting sqref="Q718:Q719">
    <cfRule type="containsText" dxfId="855" priority="69" operator="containsText" text="Essential">
      <formula>NOT(ISERROR(SEARCH("Essential",Q718)))</formula>
    </cfRule>
    <cfRule type="containsText" priority="70" operator="containsText" text="Important">
      <formula>NOT(ISERROR(SEARCH("Important",Q718)))</formula>
    </cfRule>
    <cfRule type="containsText" priority="61" operator="containsText" text="Critical - Delivery">
      <formula>NOT(ISERROR(SEARCH("Critical - Delivery",Q718)))</formula>
    </cfRule>
    <cfRule type="containsText" dxfId="854" priority="66" operator="containsText" text="Important">
      <formula>NOT(ISERROR(SEARCH("Important",Q718)))</formula>
    </cfRule>
    <cfRule type="containsText" dxfId="853" priority="62" operator="containsText" text="Critical - Local Plan">
      <formula>NOT(ISERROR(SEARCH("Critical - Local Plan",Q718)))</formula>
    </cfRule>
  </conditionalFormatting>
  <conditionalFormatting sqref="Q719">
    <cfRule type="containsText" dxfId="852" priority="178" operator="containsText" text="Critical">
      <formula>NOT(ISERROR(SEARCH("Critical",Q719)))</formula>
    </cfRule>
    <cfRule type="containsText" dxfId="851" priority="177" operator="containsText" text="Desirable">
      <formula>NOT(ISERROR(SEARCH("Desirable",Q719)))</formula>
    </cfRule>
    <cfRule type="containsText" dxfId="850" priority="176" operator="containsText" text="Important">
      <formula>NOT(ISERROR(SEARCH("Important",Q719)))</formula>
    </cfRule>
    <cfRule type="containsText" dxfId="849" priority="179" operator="containsText" text="Essential">
      <formula>NOT(ISERROR(SEARCH("Essential",Q719)))</formula>
    </cfRule>
    <cfRule type="colorScale" priority="175">
      <colorScale>
        <cfvo type="min"/>
        <cfvo type="percentile" val="50"/>
        <cfvo type="max"/>
        <color rgb="FFF8696B"/>
        <color rgb="FFFFEB84"/>
        <color rgb="FF63BE7B"/>
      </colorScale>
    </cfRule>
  </conditionalFormatting>
  <conditionalFormatting sqref="Q721">
    <cfRule type="containsText" dxfId="848" priority="162" operator="containsText" text="Critical - Local Plan">
      <formula>NOT(ISERROR(SEARCH("Critical - Local Plan",Q721)))</formula>
    </cfRule>
    <cfRule type="containsText" priority="161" operator="containsText" text="Critical - Delivery">
      <formula>NOT(ISERROR(SEARCH("Critical - Delivery",Q721)))</formula>
    </cfRule>
    <cfRule type="containsText" priority="170" operator="containsText" text="Important">
      <formula>NOT(ISERROR(SEARCH("Important",Q721)))</formula>
    </cfRule>
    <cfRule type="containsText" dxfId="847" priority="169" operator="containsText" text="Essential">
      <formula>NOT(ISERROR(SEARCH("Essential",Q721)))</formula>
    </cfRule>
    <cfRule type="containsText" dxfId="846" priority="168" operator="containsText" text="Critical">
      <formula>NOT(ISERROR(SEARCH("Critical",Q721)))</formula>
    </cfRule>
    <cfRule type="containsText" dxfId="845" priority="167" operator="containsText" text="Desirable">
      <formula>NOT(ISERROR(SEARCH("Desirable",Q721)))</formula>
    </cfRule>
    <cfRule type="containsText" dxfId="844" priority="166" operator="containsText" text="Important">
      <formula>NOT(ISERROR(SEARCH("Important",Q721)))</formula>
    </cfRule>
    <cfRule type="colorScale" priority="165">
      <colorScale>
        <cfvo type="min"/>
        <cfvo type="percentile" val="50"/>
        <cfvo type="max"/>
        <color rgb="FFF8696B"/>
        <color rgb="FFFFEB84"/>
        <color rgb="FF63BE7B"/>
      </colorScale>
    </cfRule>
    <cfRule type="containsText" dxfId="843" priority="164" operator="containsText" text="Essential">
      <formula>NOT(ISERROR(SEARCH("Essential",Q721)))</formula>
    </cfRule>
    <cfRule type="containsText" dxfId="842" priority="163" operator="containsText" text="Important">
      <formula>NOT(ISERROR(SEARCH("Important",Q721)))</formula>
    </cfRule>
  </conditionalFormatting>
  <conditionalFormatting sqref="Q727 Q729 Q731">
    <cfRule type="containsText" dxfId="841" priority="158" operator="containsText" text="Critical">
      <formula>NOT(ISERROR(SEARCH("Critical",Q727)))</formula>
    </cfRule>
    <cfRule type="containsText" dxfId="840" priority="159" operator="containsText" text="Essential">
      <formula>NOT(ISERROR(SEARCH("Essential",Q727)))</formula>
    </cfRule>
    <cfRule type="containsText" dxfId="839" priority="156" operator="containsText" text="Important">
      <formula>NOT(ISERROR(SEARCH("Important",Q727)))</formula>
    </cfRule>
    <cfRule type="containsText" dxfId="838" priority="157" operator="containsText" text="Desirable">
      <formula>NOT(ISERROR(SEARCH("Desirable",Q727)))</formula>
    </cfRule>
  </conditionalFormatting>
  <conditionalFormatting sqref="Q727:Q728">
    <cfRule type="containsText" dxfId="837" priority="79" operator="containsText" text="Essential">
      <formula>NOT(ISERROR(SEARCH("Essential",Q727)))</formula>
    </cfRule>
    <cfRule type="containsText" dxfId="836" priority="76" operator="containsText" text="Important">
      <formula>NOT(ISERROR(SEARCH("Important",Q727)))</formula>
    </cfRule>
  </conditionalFormatting>
  <conditionalFormatting sqref="Q727:Q731">
    <cfRule type="containsText" dxfId="835" priority="72" operator="containsText" text="Critical - Local Plan">
      <formula>NOT(ISERROR(SEARCH("Critical - Local Plan",Q727)))</formula>
    </cfRule>
    <cfRule type="containsText" priority="80" operator="containsText" text="Important">
      <formula>NOT(ISERROR(SEARCH("Important",Q727)))</formula>
    </cfRule>
    <cfRule type="containsText" priority="71" operator="containsText" text="Critical - Delivery">
      <formula>NOT(ISERROR(SEARCH("Critical - Delivery",Q727)))</formula>
    </cfRule>
  </conditionalFormatting>
  <conditionalFormatting sqref="Q728">
    <cfRule type="containsText" dxfId="834" priority="73" operator="containsText" text="Important">
      <formula>NOT(ISERROR(SEARCH("Important",Q728)))</formula>
    </cfRule>
    <cfRule type="containsText" dxfId="833" priority="74" operator="containsText" text="Essential">
      <formula>NOT(ISERROR(SEARCH("Essential",Q728)))</formula>
    </cfRule>
    <cfRule type="colorScale" priority="75">
      <colorScale>
        <cfvo type="min"/>
        <cfvo type="percentile" val="50"/>
        <cfvo type="max"/>
        <color rgb="FFF8696B"/>
        <color rgb="FFFFEB84"/>
        <color rgb="FF63BE7B"/>
      </colorScale>
    </cfRule>
    <cfRule type="containsText" dxfId="832" priority="77" operator="containsText" text="Desirable">
      <formula>NOT(ISERROR(SEARCH("Desirable",Q728)))</formula>
    </cfRule>
    <cfRule type="containsText" dxfId="831" priority="78" operator="containsText" text="Critical">
      <formula>NOT(ISERROR(SEARCH("Critical",Q728)))</formula>
    </cfRule>
  </conditionalFormatting>
  <conditionalFormatting sqref="Q729 Q727 Q731">
    <cfRule type="colorScale" priority="155">
      <colorScale>
        <cfvo type="min"/>
        <cfvo type="percentile" val="50"/>
        <cfvo type="max"/>
        <color rgb="FFF8696B"/>
        <color rgb="FFFFEB84"/>
        <color rgb="FF63BE7B"/>
      </colorScale>
    </cfRule>
  </conditionalFormatting>
  <conditionalFormatting sqref="Q729:Q731">
    <cfRule type="containsText" dxfId="830" priority="89" operator="containsText" text="Essential">
      <formula>NOT(ISERROR(SEARCH("Essential",Q729)))</formula>
    </cfRule>
    <cfRule type="containsText" dxfId="829" priority="86" operator="containsText" text="Important">
      <formula>NOT(ISERROR(SEARCH("Important",Q729)))</formula>
    </cfRule>
  </conditionalFormatting>
  <conditionalFormatting sqref="Q730">
    <cfRule type="colorScale" priority="85">
      <colorScale>
        <cfvo type="min"/>
        <cfvo type="percentile" val="50"/>
        <cfvo type="max"/>
        <color rgb="FFF8696B"/>
        <color rgb="FFFFEB84"/>
        <color rgb="FF63BE7B"/>
      </colorScale>
    </cfRule>
    <cfRule type="containsText" dxfId="828" priority="87" operator="containsText" text="Desirable">
      <formula>NOT(ISERROR(SEARCH("Desirable",Q730)))</formula>
    </cfRule>
    <cfRule type="containsText" dxfId="827" priority="88" operator="containsText" text="Critical">
      <formula>NOT(ISERROR(SEARCH("Critical",Q730)))</formula>
    </cfRule>
    <cfRule type="containsText" dxfId="826" priority="83" operator="containsText" text="Important">
      <formula>NOT(ISERROR(SEARCH("Important",Q730)))</formula>
    </cfRule>
    <cfRule type="containsText" dxfId="825" priority="84" operator="containsText" text="Essential">
      <formula>NOT(ISERROR(SEARCH("Essential",Q730)))</formula>
    </cfRule>
  </conditionalFormatting>
  <conditionalFormatting sqref="Q733">
    <cfRule type="containsText" dxfId="824" priority="98" operator="containsText" text="Critical">
      <formula>NOT(ISERROR(SEARCH("Critical",Q733)))</formula>
    </cfRule>
    <cfRule type="containsText" dxfId="823" priority="97" operator="containsText" text="Desirable">
      <formula>NOT(ISERROR(SEARCH("Desirable",Q733)))</formula>
    </cfRule>
    <cfRule type="colorScale" priority="95">
      <colorScale>
        <cfvo type="min"/>
        <cfvo type="percentile" val="50"/>
        <cfvo type="max"/>
        <color rgb="FFF8696B"/>
        <color rgb="FFFFEB84"/>
        <color rgb="FF63BE7B"/>
      </colorScale>
    </cfRule>
    <cfRule type="containsText" dxfId="822" priority="93" operator="containsText" text="Important">
      <formula>NOT(ISERROR(SEARCH("Important",Q733)))</formula>
    </cfRule>
    <cfRule type="containsText" dxfId="821" priority="94" operator="containsText" text="Essential">
      <formula>NOT(ISERROR(SEARCH("Essential",Q733)))</formula>
    </cfRule>
  </conditionalFormatting>
  <conditionalFormatting sqref="Q733:Q734">
    <cfRule type="containsText" priority="91" operator="containsText" text="Critical - Delivery">
      <formula>NOT(ISERROR(SEARCH("Critical - Delivery",Q733)))</formula>
    </cfRule>
    <cfRule type="containsText" dxfId="820" priority="92" operator="containsText" text="Critical - Local Plan">
      <formula>NOT(ISERROR(SEARCH("Critical - Local Plan",Q733)))</formula>
    </cfRule>
    <cfRule type="containsText" priority="100" operator="containsText" text="Important">
      <formula>NOT(ISERROR(SEARCH("Important",Q733)))</formula>
    </cfRule>
    <cfRule type="containsText" dxfId="819" priority="99" operator="containsText" text="Essential">
      <formula>NOT(ISERROR(SEARCH("Essential",Q733)))</formula>
    </cfRule>
    <cfRule type="containsText" dxfId="818" priority="96" operator="containsText" text="Important">
      <formula>NOT(ISERROR(SEARCH("Important",Q733)))</formula>
    </cfRule>
  </conditionalFormatting>
  <conditionalFormatting sqref="Q734">
    <cfRule type="containsText" dxfId="817" priority="108" operator="containsText" text="Critical">
      <formula>NOT(ISERROR(SEARCH("Critical",Q734)))</formula>
    </cfRule>
    <cfRule type="containsText" dxfId="816" priority="107" operator="containsText" text="Desirable">
      <formula>NOT(ISERROR(SEARCH("Desirable",Q734)))</formula>
    </cfRule>
    <cfRule type="containsText" dxfId="815" priority="106" operator="containsText" text="Important">
      <formula>NOT(ISERROR(SEARCH("Important",Q734)))</formula>
    </cfRule>
    <cfRule type="colorScale" priority="105">
      <colorScale>
        <cfvo type="min"/>
        <cfvo type="percentile" val="50"/>
        <cfvo type="max"/>
        <color rgb="FFF8696B"/>
        <color rgb="FFFFEB84"/>
        <color rgb="FF63BE7B"/>
      </colorScale>
    </cfRule>
    <cfRule type="containsText" dxfId="814" priority="109" operator="containsText" text="Essential">
      <formula>NOT(ISERROR(SEARCH("Essential",Q734)))</formula>
    </cfRule>
  </conditionalFormatting>
  <conditionalFormatting sqref="Q736">
    <cfRule type="colorScale" priority="135">
      <colorScale>
        <cfvo type="min"/>
        <cfvo type="percentile" val="50"/>
        <cfvo type="max"/>
        <color rgb="FFF8696B"/>
        <color rgb="FFFFEB84"/>
        <color rgb="FF63BE7B"/>
      </colorScale>
    </cfRule>
    <cfRule type="containsText" dxfId="813" priority="136" operator="containsText" text="Important">
      <formula>NOT(ISERROR(SEARCH("Important",Q736)))</formula>
    </cfRule>
    <cfRule type="containsText" dxfId="812" priority="137" operator="containsText" text="Desirable">
      <formula>NOT(ISERROR(SEARCH("Desirable",Q736)))</formula>
    </cfRule>
    <cfRule type="containsText" dxfId="811" priority="138" operator="containsText" text="Critical">
      <formula>NOT(ISERROR(SEARCH("Critical",Q736)))</formula>
    </cfRule>
    <cfRule type="containsText" dxfId="810" priority="139" operator="containsText" text="Essential">
      <formula>NOT(ISERROR(SEARCH("Essential",Q736)))</formula>
    </cfRule>
  </conditionalFormatting>
  <conditionalFormatting sqref="Q736:Q737">
    <cfRule type="containsText" dxfId="809" priority="129" operator="containsText" text="Essential">
      <formula>NOT(ISERROR(SEARCH("Essential",Q736)))</formula>
    </cfRule>
    <cfRule type="containsText" dxfId="808" priority="126" operator="containsText" text="Important">
      <formula>NOT(ISERROR(SEARCH("Important",Q736)))</formula>
    </cfRule>
  </conditionalFormatting>
  <conditionalFormatting sqref="Q736:Q738">
    <cfRule type="containsText" priority="111" operator="containsText" text="Critical - Delivery">
      <formula>NOT(ISERROR(SEARCH("Critical - Delivery",Q736)))</formula>
    </cfRule>
    <cfRule type="containsText" dxfId="807" priority="112" operator="containsText" text="Critical - Local Plan">
      <formula>NOT(ISERROR(SEARCH("Critical - Local Plan",Q736)))</formula>
    </cfRule>
    <cfRule type="containsText" priority="120" operator="containsText" text="Important">
      <formula>NOT(ISERROR(SEARCH("Important",Q736)))</formula>
    </cfRule>
  </conditionalFormatting>
  <conditionalFormatting sqref="Q737">
    <cfRule type="containsText" dxfId="806" priority="127" operator="containsText" text="Desirable">
      <formula>NOT(ISERROR(SEARCH("Desirable",Q737)))</formula>
    </cfRule>
    <cfRule type="containsText" dxfId="805" priority="128" operator="containsText" text="Critical">
      <formula>NOT(ISERROR(SEARCH("Critical",Q737)))</formula>
    </cfRule>
    <cfRule type="colorScale" priority="125">
      <colorScale>
        <cfvo type="min"/>
        <cfvo type="percentile" val="50"/>
        <cfvo type="max"/>
        <color rgb="FFF8696B"/>
        <color rgb="FFFFEB84"/>
        <color rgb="FF63BE7B"/>
      </colorScale>
    </cfRule>
  </conditionalFormatting>
  <conditionalFormatting sqref="Q737:Q738">
    <cfRule type="containsText" dxfId="804" priority="119" operator="containsText" text="Essential">
      <formula>NOT(ISERROR(SEARCH("Essential",Q737)))</formula>
    </cfRule>
    <cfRule type="containsText" dxfId="803" priority="116" operator="containsText" text="Important">
      <formula>NOT(ISERROR(SEARCH("Important",Q737)))</formula>
    </cfRule>
  </conditionalFormatting>
  <conditionalFormatting sqref="Q738">
    <cfRule type="containsText" dxfId="802" priority="114" operator="containsText" text="Essential">
      <formula>NOT(ISERROR(SEARCH("Essential",Q738)))</formula>
    </cfRule>
    <cfRule type="containsText" dxfId="801" priority="118" operator="containsText" text="Critical">
      <formula>NOT(ISERROR(SEARCH("Critical",Q738)))</formula>
    </cfRule>
    <cfRule type="containsText" dxfId="800" priority="117" operator="containsText" text="Desirable">
      <formula>NOT(ISERROR(SEARCH("Desirable",Q738)))</formula>
    </cfRule>
    <cfRule type="colorScale" priority="115">
      <colorScale>
        <cfvo type="min"/>
        <cfvo type="percentile" val="50"/>
        <cfvo type="max"/>
        <color rgb="FFF8696B"/>
        <color rgb="FFFFEB84"/>
        <color rgb="FF63BE7B"/>
      </colorScale>
    </cfRule>
    <cfRule type="containsText" dxfId="799" priority="113" operator="containsText" text="Important">
      <formula>NOT(ISERROR(SEARCH("Important",Q738)))</formula>
    </cfRule>
  </conditionalFormatting>
  <conditionalFormatting sqref="Q741:Q893">
    <cfRule type="containsText" priority="150" operator="containsText" text="Important">
      <formula>NOT(ISERROR(SEARCH("Important",Q741)))</formula>
    </cfRule>
    <cfRule type="colorScale" priority="145">
      <colorScale>
        <cfvo type="min"/>
        <cfvo type="percentile" val="50"/>
        <cfvo type="max"/>
        <color rgb="FFF8696B"/>
        <color rgb="FFFFEB84"/>
        <color rgb="FF63BE7B"/>
      </colorScale>
    </cfRule>
    <cfRule type="containsText" dxfId="798" priority="143" operator="containsText" text="Important">
      <formula>NOT(ISERROR(SEARCH("Important",Q741)))</formula>
    </cfRule>
    <cfRule type="containsText" dxfId="797" priority="144" operator="containsText" text="Essential">
      <formula>NOT(ISERROR(SEARCH("Essential",Q741)))</formula>
    </cfRule>
    <cfRule type="containsText" dxfId="796" priority="147" operator="containsText" text="Desirable">
      <formula>NOT(ISERROR(SEARCH("Desirable",Q741)))</formula>
    </cfRule>
    <cfRule type="containsText" dxfId="795" priority="148" operator="containsText" text="Critical">
      <formula>NOT(ISERROR(SEARCH("Critical",Q741)))</formula>
    </cfRule>
  </conditionalFormatting>
  <conditionalFormatting sqref="Q741:Q898">
    <cfRule type="containsText" dxfId="794" priority="149" operator="containsText" text="Essential">
      <formula>NOT(ISERROR(SEARCH("Essential",Q741)))</formula>
    </cfRule>
    <cfRule type="containsText" priority="141" operator="containsText" text="Critical - Delivery">
      <formula>NOT(ISERROR(SEARCH("Critical - Delivery",Q741)))</formula>
    </cfRule>
    <cfRule type="containsText" dxfId="793" priority="142" operator="containsText" text="Critical - Local Plan">
      <formula>NOT(ISERROR(SEARCH("Critical - Local Plan",Q741)))</formula>
    </cfRule>
    <cfRule type="containsText" dxfId="792" priority="146" operator="containsText" text="Important">
      <formula>NOT(ISERROR(SEARCH("Important",Q741)))</formula>
    </cfRule>
  </conditionalFormatting>
  <conditionalFormatting sqref="Q900:Q1048576">
    <cfRule type="containsText" priority="213" operator="containsText" text="Critical - Delivery">
      <formula>NOT(ISERROR(SEARCH("Critical - Delivery",Q900)))</formula>
    </cfRule>
  </conditionalFormatting>
  <pageMargins left="0.7" right="0.7" top="0.75" bottom="0.75" header="0.3" footer="0.3"/>
  <pageSetup paperSize="9" orientation="portrait" horizontalDpi="300" verticalDpi="300"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DA43890-9C4A-49C6-A2D3-0502B4F34AA3}">
  <dimension ref="B2:N35"/>
  <sheetViews>
    <sheetView topLeftCell="D9" workbookViewId="0">
      <selection activeCell="L17" sqref="L17"/>
    </sheetView>
  </sheetViews>
  <sheetFormatPr defaultRowHeight="14.25" x14ac:dyDescent="0.2"/>
  <cols>
    <col min="2" max="2" width="12.125" bestFit="1" customWidth="1"/>
    <col min="6" max="6" width="19.625" bestFit="1" customWidth="1"/>
    <col min="7" max="7" width="9.625" bestFit="1" customWidth="1"/>
    <col min="8" max="8" width="14.625" bestFit="1" customWidth="1"/>
    <col min="9" max="9" width="22.125" customWidth="1"/>
    <col min="10" max="10" width="23.125" bestFit="1" customWidth="1"/>
    <col min="12" max="12" width="33.5" bestFit="1" customWidth="1"/>
    <col min="14" max="14" width="21.125" customWidth="1"/>
  </cols>
  <sheetData>
    <row r="2" spans="2:14" ht="20.25" x14ac:dyDescent="0.3">
      <c r="B2" s="907" t="s">
        <v>2119</v>
      </c>
      <c r="C2" s="908"/>
      <c r="F2" s="613"/>
      <c r="G2" s="613"/>
      <c r="H2" s="613"/>
    </row>
    <row r="3" spans="2:14" x14ac:dyDescent="0.2">
      <c r="B3" s="909" t="s">
        <v>2120</v>
      </c>
      <c r="C3" s="910" t="s">
        <v>2121</v>
      </c>
    </row>
    <row r="4" spans="2:14" ht="15" x14ac:dyDescent="0.25">
      <c r="B4" s="909" t="s">
        <v>2122</v>
      </c>
      <c r="C4" s="910">
        <v>5000</v>
      </c>
      <c r="E4" s="727" t="s">
        <v>2122</v>
      </c>
      <c r="F4" s="727" t="s">
        <v>2123</v>
      </c>
      <c r="G4" s="727" t="s">
        <v>2124</v>
      </c>
      <c r="H4" s="727" t="s">
        <v>2125</v>
      </c>
    </row>
    <row r="5" spans="2:14" x14ac:dyDescent="0.2">
      <c r="B5" s="911" t="s">
        <v>2126</v>
      </c>
      <c r="C5" s="912">
        <f>C4*2.4</f>
        <v>12000</v>
      </c>
    </row>
    <row r="6" spans="2:14" ht="29.25" x14ac:dyDescent="0.25">
      <c r="E6" s="750">
        <v>0.03</v>
      </c>
      <c r="F6" s="733" t="s">
        <v>2127</v>
      </c>
      <c r="G6" s="734">
        <v>87736</v>
      </c>
      <c r="H6" s="728" t="str">
        <f t="shared" ref="H6:H10" si="0">TEXT(G6,"£#,##0_);($#,##0)")</f>
        <v xml:space="preserve">£87,736 </v>
      </c>
    </row>
    <row r="7" spans="2:14" ht="15" x14ac:dyDescent="0.25">
      <c r="E7" s="750">
        <v>0.61</v>
      </c>
      <c r="F7" s="733" t="s">
        <v>2128</v>
      </c>
      <c r="G7" s="734">
        <v>2890117</v>
      </c>
      <c r="H7" s="728" t="str">
        <f t="shared" si="0"/>
        <v xml:space="preserve">£2,890,117 </v>
      </c>
    </row>
    <row r="8" spans="2:14" ht="15" x14ac:dyDescent="0.25">
      <c r="E8" s="750">
        <v>0.78</v>
      </c>
      <c r="F8" s="733" t="s">
        <v>2129</v>
      </c>
      <c r="G8" s="734">
        <v>2398552</v>
      </c>
      <c r="H8" s="728" t="str">
        <f t="shared" si="0"/>
        <v xml:space="preserve">£2,398,552 </v>
      </c>
    </row>
    <row r="9" spans="2:14" ht="15" x14ac:dyDescent="0.25">
      <c r="E9" s="750">
        <v>1.59</v>
      </c>
      <c r="F9" s="733" t="s">
        <v>2130</v>
      </c>
      <c r="G9" s="734">
        <v>185867</v>
      </c>
      <c r="H9" s="728" t="str">
        <f t="shared" si="0"/>
        <v xml:space="preserve">£185,867 </v>
      </c>
    </row>
    <row r="10" spans="2:14" ht="15" x14ac:dyDescent="0.25">
      <c r="D10" s="74" t="s">
        <v>1379</v>
      </c>
      <c r="E10" s="74"/>
      <c r="F10" s="735"/>
      <c r="G10" s="732">
        <f>SUM(G6:G9)</f>
        <v>5562272</v>
      </c>
      <c r="H10" s="731" t="str">
        <f t="shared" si="0"/>
        <v xml:space="preserve">£5,562,272 </v>
      </c>
    </row>
    <row r="13" spans="2:14" ht="20.25" x14ac:dyDescent="0.3">
      <c r="B13" s="907" t="s">
        <v>2131</v>
      </c>
      <c r="C13" s="908"/>
    </row>
    <row r="14" spans="2:14" x14ac:dyDescent="0.2">
      <c r="B14" s="909" t="s">
        <v>2120</v>
      </c>
      <c r="C14" s="910"/>
    </row>
    <row r="15" spans="2:14" x14ac:dyDescent="0.2">
      <c r="B15" s="909" t="s">
        <v>2122</v>
      </c>
      <c r="C15" s="913">
        <v>80</v>
      </c>
    </row>
    <row r="16" spans="2:14" ht="15" x14ac:dyDescent="0.25">
      <c r="B16" s="909" t="s">
        <v>2126</v>
      </c>
      <c r="C16" s="910">
        <f>C15*2.4</f>
        <v>192</v>
      </c>
      <c r="E16" s="727" t="s">
        <v>2122</v>
      </c>
      <c r="F16" s="727" t="s">
        <v>2123</v>
      </c>
      <c r="G16" s="727" t="s">
        <v>2124</v>
      </c>
      <c r="H16" s="727" t="s">
        <v>2125</v>
      </c>
      <c r="I16" s="727" t="s">
        <v>2132</v>
      </c>
      <c r="J16" s="727" t="s">
        <v>2133</v>
      </c>
      <c r="L16" s="727" t="s">
        <v>2134</v>
      </c>
      <c r="N16" s="727" t="s">
        <v>2135</v>
      </c>
    </row>
    <row r="17" spans="2:14" ht="43.5" x14ac:dyDescent="0.25">
      <c r="B17" s="914" t="s">
        <v>2136</v>
      </c>
      <c r="C17" s="915" t="s">
        <v>2137</v>
      </c>
      <c r="L17" s="34" t="s">
        <v>2138</v>
      </c>
    </row>
    <row r="18" spans="2:14" ht="88.35" customHeight="1" x14ac:dyDescent="0.2">
      <c r="B18" s="654" t="s">
        <v>1374</v>
      </c>
      <c r="C18" s="912">
        <f>C15/C4</f>
        <v>1.6E-2</v>
      </c>
      <c r="I18" s="34" t="str">
        <f>_xlfn.CONCAT(B29, B18)</f>
        <v>Sports provision to support development of Site to the south of Green Lane (Hm16)</v>
      </c>
      <c r="J18" s="34" t="str">
        <f>_xlfn.CONCAT(B30, B18, B31)</f>
        <v xml:space="preserve">Associated sports provision in line with the Sport England requirements to support development at Site to the south of Green Lane (Hm16). This includes but is not limited to contributions towards: </v>
      </c>
      <c r="N18" s="34" t="str">
        <f>J23</f>
        <v xml:space="preserve">This list is not considered exhaustive; contributions will also be sought for other types of facilities that go beyond those covered by Sport England's Calculator. </v>
      </c>
    </row>
    <row r="19" spans="2:14" ht="29.25" x14ac:dyDescent="0.25">
      <c r="E19" s="750">
        <f>E6*$C$18</f>
        <v>4.8000000000000001E-4</v>
      </c>
      <c r="F19" s="613" t="s">
        <v>2127</v>
      </c>
      <c r="G19" s="726">
        <f>G6*$C$18</f>
        <v>1403.7760000000001</v>
      </c>
      <c r="H19" s="728" t="str">
        <f t="shared" ref="H19:H23" si="1">TEXT(G19,"£#,##0_);($#,##0)")</f>
        <v xml:space="preserve">£1,404 </v>
      </c>
      <c r="J19" t="str">
        <f>_xlfn.CONCAT(ROUND(E19, 2), " ", F19)</f>
        <v>0 Indoor Bowling Centres</v>
      </c>
      <c r="L19" t="str">
        <f t="shared" ref="L19:L22" si="2">_xlfn.CONCAT(J19, " = ", H19)</f>
        <v xml:space="preserve">0 Indoor Bowling Centres = £1,404 </v>
      </c>
    </row>
    <row r="20" spans="2:14" ht="15" x14ac:dyDescent="0.25">
      <c r="E20" s="750">
        <f>E7*$C$18</f>
        <v>9.7599999999999996E-3</v>
      </c>
      <c r="F20" s="613" t="s">
        <v>2128</v>
      </c>
      <c r="G20" s="726">
        <f>G7*$C$18</f>
        <v>46241.872000000003</v>
      </c>
      <c r="H20" s="728" t="str">
        <f t="shared" si="1"/>
        <v xml:space="preserve">£46,242 </v>
      </c>
      <c r="J20" t="str">
        <f>_xlfn.CONCAT(ROUND(E20, 2), " ", F20)</f>
        <v>0.01 Swimming Pools</v>
      </c>
      <c r="L20" t="str">
        <f t="shared" si="2"/>
        <v xml:space="preserve">0.01 Swimming Pools = £46,242 </v>
      </c>
    </row>
    <row r="21" spans="2:14" ht="15" x14ac:dyDescent="0.25">
      <c r="E21" s="750">
        <f>E8*$C$18</f>
        <v>1.2480000000000002E-2</v>
      </c>
      <c r="F21" s="613" t="s">
        <v>2129</v>
      </c>
      <c r="G21" s="726">
        <f>G8*$C$18</f>
        <v>38376.832000000002</v>
      </c>
      <c r="H21" s="728" t="str">
        <f t="shared" si="1"/>
        <v xml:space="preserve">£38,377 </v>
      </c>
      <c r="J21" t="str">
        <f>_xlfn.CONCAT(ROUND(E21, 2), " ", F21)</f>
        <v>0.01 Sports Halls</v>
      </c>
      <c r="L21" t="str">
        <f t="shared" si="2"/>
        <v xml:space="preserve">0.01 Sports Halls = £38,377 </v>
      </c>
    </row>
    <row r="22" spans="2:14" ht="15" x14ac:dyDescent="0.25">
      <c r="E22" s="750">
        <f>E9*$C$18</f>
        <v>2.5440000000000001E-2</v>
      </c>
      <c r="F22" s="613" t="s">
        <v>2130</v>
      </c>
      <c r="G22" s="726">
        <f>G9*$C$18</f>
        <v>2973.8719999999998</v>
      </c>
      <c r="H22" s="728" t="str">
        <f t="shared" si="1"/>
        <v xml:space="preserve">£2,974 </v>
      </c>
      <c r="J22" t="str">
        <f>_xlfn.CONCAT(ROUND(E22, 2), " ", F22)</f>
        <v>0.03 Tennis Courts</v>
      </c>
      <c r="L22" t="str">
        <f t="shared" si="2"/>
        <v xml:space="preserve">0.03 Tennis Courts = £2,974 </v>
      </c>
    </row>
    <row r="23" spans="2:14" ht="100.5" x14ac:dyDescent="0.25">
      <c r="D23" s="74" t="s">
        <v>1379</v>
      </c>
      <c r="E23" s="74"/>
      <c r="F23" s="729"/>
      <c r="G23" s="730">
        <f>SUM(G19:G22)</f>
        <v>88996.352000000014</v>
      </c>
      <c r="H23" s="731" t="str">
        <f t="shared" si="1"/>
        <v xml:space="preserve">£88,996 </v>
      </c>
      <c r="J23" s="34" t="s">
        <v>2139</v>
      </c>
      <c r="L23" s="34" t="str">
        <f>_xlfn.CONCAT("= ", H23)</f>
        <v xml:space="preserve">= £88,996 </v>
      </c>
    </row>
    <row r="28" spans="2:14" ht="18" x14ac:dyDescent="0.25">
      <c r="B28" s="771" t="s">
        <v>2140</v>
      </c>
    </row>
    <row r="29" spans="2:14" x14ac:dyDescent="0.2">
      <c r="B29" s="770" t="s">
        <v>2141</v>
      </c>
      <c r="C29" s="768"/>
      <c r="D29" s="768"/>
      <c r="E29" s="768"/>
      <c r="F29" s="768"/>
      <c r="G29" s="768"/>
      <c r="H29" s="768"/>
    </row>
    <row r="30" spans="2:14" x14ac:dyDescent="0.2">
      <c r="B30" s="768" t="s">
        <v>2142</v>
      </c>
      <c r="C30" s="768"/>
      <c r="D30" s="768"/>
      <c r="E30" s="768"/>
      <c r="F30" s="768"/>
      <c r="G30" s="768"/>
      <c r="H30" s="768"/>
    </row>
    <row r="31" spans="2:14" x14ac:dyDescent="0.2">
      <c r="B31" s="768" t="s">
        <v>2143</v>
      </c>
      <c r="C31" s="768"/>
      <c r="D31" s="768"/>
      <c r="E31" s="768"/>
      <c r="F31" s="768"/>
      <c r="G31" s="768"/>
      <c r="H31" s="768"/>
    </row>
    <row r="32" spans="2:14" x14ac:dyDescent="0.2">
      <c r="B32" s="768"/>
      <c r="C32" s="768"/>
      <c r="D32" s="768"/>
      <c r="E32" s="768"/>
      <c r="F32" s="768"/>
      <c r="G32" s="768"/>
      <c r="H32" s="768"/>
    </row>
    <row r="33" spans="2:8" x14ac:dyDescent="0.2">
      <c r="B33" s="768"/>
      <c r="C33" s="768"/>
      <c r="D33" s="769"/>
      <c r="E33" s="768"/>
      <c r="F33" s="768"/>
      <c r="G33" s="768"/>
      <c r="H33" s="768"/>
    </row>
    <row r="34" spans="2:8" x14ac:dyDescent="0.2">
      <c r="B34" s="768"/>
      <c r="C34" s="768"/>
      <c r="D34" s="768"/>
      <c r="E34" s="768"/>
      <c r="F34" s="768"/>
      <c r="G34" s="768"/>
      <c r="H34" s="768"/>
    </row>
    <row r="35" spans="2:8" x14ac:dyDescent="0.2">
      <c r="B35" s="768"/>
      <c r="C35" s="768"/>
      <c r="D35" s="768"/>
      <c r="E35" s="768"/>
      <c r="F35" s="768"/>
      <c r="G35" s="768"/>
      <c r="H35" s="768"/>
    </row>
  </sheetData>
  <pageMargins left="0.7" right="0.7" top="0.75" bottom="0.75" header="0.3" footer="0.3"/>
</worksheet>
</file>

<file path=xl/worksheets/sheet1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D0FA26D-F30F-4784-9719-F6047240CF46}">
  <sheetPr codeName="Sheet3" filterMode="1"/>
  <dimension ref="A1:CI1048535"/>
  <sheetViews>
    <sheetView workbookViewId="0"/>
  </sheetViews>
  <sheetFormatPr defaultRowHeight="153" customHeight="1" x14ac:dyDescent="0.2"/>
  <cols>
    <col min="1" max="1" width="8.625" style="34" bestFit="1" customWidth="1"/>
    <col min="2" max="2" width="8.625" customWidth="1"/>
    <col min="3" max="3" width="25.625" bestFit="1" customWidth="1"/>
    <col min="4" max="4" width="4" bestFit="1" customWidth="1"/>
    <col min="5" max="6" width="8.625" bestFit="1" customWidth="1"/>
    <col min="8" max="8" width="10.5" customWidth="1"/>
    <col min="9" max="9" width="13.625" customWidth="1"/>
    <col min="10" max="10" width="18.125" customWidth="1"/>
    <col min="11" max="11" width="43" bestFit="1" customWidth="1"/>
    <col min="15" max="15" width="5.625" bestFit="1" customWidth="1"/>
    <col min="16" max="16" width="8.125" bestFit="1" customWidth="1"/>
    <col min="17" max="17" width="8.625" bestFit="1" customWidth="1"/>
    <col min="18" max="19" width="8.125" bestFit="1" customWidth="1"/>
    <col min="21" max="22" width="10.625" bestFit="1" customWidth="1"/>
    <col min="23" max="23" width="11.625" bestFit="1" customWidth="1"/>
    <col min="24" max="24" width="8.125" bestFit="1" customWidth="1"/>
    <col min="25" max="25" width="8.625" bestFit="1" customWidth="1"/>
    <col min="26" max="26" width="8.125" bestFit="1" customWidth="1"/>
    <col min="27" max="27" width="10.625" bestFit="1" customWidth="1"/>
    <col min="28" max="28" width="7.125" bestFit="1" customWidth="1"/>
    <col min="29" max="29" width="8.625" bestFit="1" customWidth="1"/>
    <col min="30" max="30" width="6.625" bestFit="1" customWidth="1"/>
    <col min="31" max="31" width="8.125" bestFit="1" customWidth="1"/>
    <col min="32" max="33" width="8.625" bestFit="1" customWidth="1"/>
    <col min="34" max="34" width="8.125" bestFit="1" customWidth="1"/>
    <col min="35" max="36" width="8.5" bestFit="1" customWidth="1"/>
    <col min="38" max="38" width="7" bestFit="1" customWidth="1"/>
    <col min="39" max="39" width="8.125" bestFit="1" customWidth="1"/>
    <col min="40" max="41" width="8.625" bestFit="1" customWidth="1"/>
    <col min="42" max="42" width="8.125" bestFit="1" customWidth="1"/>
    <col min="43" max="43" width="8.625" bestFit="1" customWidth="1"/>
    <col min="44" max="44" width="5.625" bestFit="1" customWidth="1"/>
    <col min="45" max="45" width="8.125" bestFit="1" customWidth="1"/>
    <col min="48" max="48" width="7.125" bestFit="1" customWidth="1"/>
    <col min="49" max="49" width="8.125" bestFit="1" customWidth="1"/>
    <col min="51" max="52" width="8.125" bestFit="1" customWidth="1"/>
    <col min="53" max="53" width="7" bestFit="1" customWidth="1"/>
    <col min="54" max="54" width="7.625" bestFit="1" customWidth="1"/>
    <col min="55" max="55" width="7.5" bestFit="1" customWidth="1"/>
    <col min="56" max="56" width="8.125" bestFit="1" customWidth="1"/>
    <col min="57" max="57" width="7.625" bestFit="1" customWidth="1"/>
    <col min="58" max="58" width="8.125" bestFit="1" customWidth="1"/>
    <col min="59" max="59" width="7.625" bestFit="1" customWidth="1"/>
    <col min="60" max="60" width="8.625" bestFit="1" customWidth="1"/>
    <col min="61" max="62" width="8.5" bestFit="1" customWidth="1"/>
    <col min="63" max="63" width="8.625" bestFit="1" customWidth="1"/>
    <col min="64" max="68" width="8.5" bestFit="1" customWidth="1"/>
    <col min="73" max="74" width="8.5" bestFit="1" customWidth="1"/>
    <col min="75" max="75" width="8.625" bestFit="1" customWidth="1"/>
    <col min="76" max="81" width="8.5" bestFit="1" customWidth="1"/>
    <col min="82" max="82" width="8.625" bestFit="1" customWidth="1"/>
    <col min="83" max="83" width="14" bestFit="1" customWidth="1"/>
    <col min="85" max="85" width="9.125" bestFit="1" customWidth="1"/>
    <col min="86" max="86" width="7.125" bestFit="1" customWidth="1"/>
    <col min="87" max="87" width="8.125" bestFit="1" customWidth="1"/>
  </cols>
  <sheetData>
    <row r="1" spans="1:87" ht="69.599999999999994" customHeight="1" x14ac:dyDescent="0.2">
      <c r="A1" s="478" t="s">
        <v>2144</v>
      </c>
      <c r="B1" s="478" t="s">
        <v>2145</v>
      </c>
      <c r="C1" s="478" t="s">
        <v>2146</v>
      </c>
      <c r="D1" s="480" t="s">
        <v>0</v>
      </c>
      <c r="E1" s="97" t="s">
        <v>1381</v>
      </c>
      <c r="F1" s="480" t="s">
        <v>2147</v>
      </c>
      <c r="G1" s="98" t="s">
        <v>1</v>
      </c>
      <c r="H1" s="98" t="s">
        <v>2</v>
      </c>
      <c r="I1" s="98" t="s">
        <v>3</v>
      </c>
      <c r="J1" s="99" t="s">
        <v>4</v>
      </c>
      <c r="K1" s="99" t="s">
        <v>5</v>
      </c>
      <c r="L1" s="465" t="s">
        <v>2148</v>
      </c>
      <c r="M1" s="98" t="s">
        <v>2149</v>
      </c>
      <c r="N1" s="98" t="s">
        <v>7</v>
      </c>
      <c r="O1" s="98" t="s">
        <v>2150</v>
      </c>
      <c r="P1" s="98" t="s">
        <v>8</v>
      </c>
      <c r="Q1" s="100" t="s">
        <v>9</v>
      </c>
      <c r="R1" s="100" t="s">
        <v>2151</v>
      </c>
      <c r="S1" s="100" t="s">
        <v>10</v>
      </c>
      <c r="T1" s="100" t="s">
        <v>2152</v>
      </c>
      <c r="U1" s="470" t="s">
        <v>11</v>
      </c>
      <c r="V1" s="470" t="s">
        <v>12</v>
      </c>
      <c r="W1" s="357" t="s">
        <v>13</v>
      </c>
      <c r="X1" s="358" t="s">
        <v>2153</v>
      </c>
      <c r="Y1" s="104" t="s">
        <v>15</v>
      </c>
      <c r="Z1" s="104" t="s">
        <v>2154</v>
      </c>
      <c r="AA1" s="358" t="s">
        <v>14</v>
      </c>
      <c r="AB1" s="105" t="s">
        <v>2155</v>
      </c>
      <c r="AC1" s="105" t="s">
        <v>16</v>
      </c>
      <c r="AD1" s="106" t="s">
        <v>17</v>
      </c>
      <c r="AE1" s="106" t="s">
        <v>18</v>
      </c>
      <c r="AF1" s="106" t="s">
        <v>19</v>
      </c>
      <c r="AG1" s="106" t="s">
        <v>20</v>
      </c>
      <c r="AH1" s="106" t="s">
        <v>21</v>
      </c>
      <c r="AI1" s="106" t="s">
        <v>22</v>
      </c>
      <c r="AJ1" s="106" t="s">
        <v>23</v>
      </c>
      <c r="AK1" s="106" t="s">
        <v>24</v>
      </c>
      <c r="AL1" s="106" t="s">
        <v>25</v>
      </c>
      <c r="AM1" s="106" t="s">
        <v>26</v>
      </c>
      <c r="AN1" s="106" t="s">
        <v>27</v>
      </c>
      <c r="AO1" s="106" t="s">
        <v>28</v>
      </c>
      <c r="AP1" s="106" t="s">
        <v>2156</v>
      </c>
      <c r="AQ1" s="106" t="s">
        <v>30</v>
      </c>
      <c r="AR1" s="106" t="s">
        <v>31</v>
      </c>
      <c r="AS1" s="106" t="s">
        <v>32</v>
      </c>
      <c r="AT1" s="107" t="s">
        <v>33</v>
      </c>
      <c r="AU1" s="108" t="s">
        <v>34</v>
      </c>
      <c r="AV1" s="108" t="s">
        <v>35</v>
      </c>
      <c r="AW1" s="108" t="s">
        <v>36</v>
      </c>
      <c r="AX1" s="109" t="s">
        <v>37</v>
      </c>
      <c r="AY1" s="110" t="s">
        <v>38</v>
      </c>
      <c r="AZ1" s="110" t="s">
        <v>39</v>
      </c>
      <c r="BA1" s="110" t="s">
        <v>40</v>
      </c>
      <c r="BB1" s="111" t="s">
        <v>41</v>
      </c>
      <c r="BC1" s="112" t="s">
        <v>42</v>
      </c>
      <c r="BD1" s="113" t="s">
        <v>43</v>
      </c>
      <c r="BE1" s="114" t="s">
        <v>44</v>
      </c>
      <c r="BF1" s="115" t="s">
        <v>45</v>
      </c>
      <c r="BG1" s="116" t="s">
        <v>46</v>
      </c>
      <c r="BH1" s="117" t="s">
        <v>47</v>
      </c>
      <c r="BI1" s="403" t="s">
        <v>2157</v>
      </c>
      <c r="BJ1" s="403" t="s">
        <v>2158</v>
      </c>
      <c r="BK1" s="403" t="s">
        <v>2159</v>
      </c>
      <c r="BL1" s="403" t="s">
        <v>2160</v>
      </c>
      <c r="BM1" s="403" t="s">
        <v>2161</v>
      </c>
      <c r="BN1" s="403" t="s">
        <v>2162</v>
      </c>
      <c r="BO1" s="403" t="s">
        <v>2163</v>
      </c>
      <c r="BP1" s="403" t="s">
        <v>2164</v>
      </c>
      <c r="BQ1" s="398" t="s">
        <v>2165</v>
      </c>
      <c r="BR1" s="398" t="s">
        <v>2166</v>
      </c>
      <c r="BS1" s="398" t="s">
        <v>2167</v>
      </c>
      <c r="BT1" s="398" t="s">
        <v>2168</v>
      </c>
      <c r="BU1" s="409" t="s">
        <v>2169</v>
      </c>
      <c r="BV1" s="409" t="s">
        <v>2170</v>
      </c>
      <c r="BW1" s="409" t="s">
        <v>2171</v>
      </c>
      <c r="BX1" s="409" t="s">
        <v>2172</v>
      </c>
      <c r="BY1" s="409" t="s">
        <v>2173</v>
      </c>
      <c r="BZ1" s="409" t="s">
        <v>2174</v>
      </c>
      <c r="CA1" s="409" t="s">
        <v>2175</v>
      </c>
      <c r="CB1" s="409" t="s">
        <v>2176</v>
      </c>
      <c r="CC1" s="409" t="s">
        <v>2177</v>
      </c>
      <c r="CD1" s="409" t="s">
        <v>2178</v>
      </c>
      <c r="CE1" s="99" t="s">
        <v>50</v>
      </c>
      <c r="CF1" s="99" t="s">
        <v>51</v>
      </c>
      <c r="CG1" s="99" t="s">
        <v>52</v>
      </c>
      <c r="CH1" s="552" t="s">
        <v>2179</v>
      </c>
      <c r="CI1" s="552" t="s">
        <v>2180</v>
      </c>
    </row>
    <row r="2" spans="1:87" ht="185.25" x14ac:dyDescent="0.2">
      <c r="A2" s="576"/>
      <c r="B2" s="597" t="s">
        <v>2181</v>
      </c>
      <c r="C2" s="576"/>
      <c r="D2" s="346">
        <v>48</v>
      </c>
      <c r="E2" s="346"/>
      <c r="F2" s="346" t="s">
        <v>2182</v>
      </c>
      <c r="G2" s="370" t="s">
        <v>1385</v>
      </c>
      <c r="H2" s="370" t="s">
        <v>295</v>
      </c>
      <c r="I2" s="350" t="s">
        <v>2183</v>
      </c>
      <c r="J2" s="350" t="s">
        <v>2184</v>
      </c>
      <c r="K2" s="350" t="s">
        <v>2185</v>
      </c>
      <c r="L2" s="469" t="s">
        <v>2186</v>
      </c>
      <c r="M2" s="350" t="s">
        <v>254</v>
      </c>
      <c r="N2" s="350" t="s">
        <v>59</v>
      </c>
      <c r="O2" s="350"/>
      <c r="P2" s="350" t="s">
        <v>60</v>
      </c>
      <c r="Q2" s="350" t="s">
        <v>2187</v>
      </c>
      <c r="R2" s="350"/>
      <c r="S2" s="371" t="s">
        <v>169</v>
      </c>
      <c r="T2" s="371"/>
      <c r="U2" s="472" t="s">
        <v>63</v>
      </c>
      <c r="V2" s="472" t="s">
        <v>63</v>
      </c>
      <c r="W2" s="372">
        <v>1500000</v>
      </c>
      <c r="X2" s="372"/>
      <c r="Y2" s="372" t="s">
        <v>2188</v>
      </c>
      <c r="Z2" s="372"/>
      <c r="AA2" s="372">
        <v>1500000</v>
      </c>
      <c r="AB2" s="372"/>
      <c r="AC2" s="372" t="s">
        <v>2189</v>
      </c>
      <c r="AD2" s="372"/>
      <c r="AE2" s="372"/>
      <c r="AF2" s="372"/>
      <c r="AG2" s="372"/>
      <c r="AH2" s="372"/>
      <c r="AI2" s="372"/>
      <c r="AJ2" s="372"/>
      <c r="AK2" s="372"/>
      <c r="AL2" s="372"/>
      <c r="AM2" s="372"/>
      <c r="AN2" s="372"/>
      <c r="AO2" s="372"/>
      <c r="AP2" s="372"/>
      <c r="AQ2" s="372"/>
      <c r="AR2" s="372"/>
      <c r="AS2" s="372"/>
      <c r="AT2" s="372"/>
      <c r="AU2" s="372"/>
      <c r="AV2" s="372"/>
      <c r="AW2" s="372"/>
      <c r="AX2" s="372"/>
      <c r="AY2" s="372"/>
      <c r="AZ2" s="372"/>
      <c r="BA2" s="372"/>
      <c r="BB2" s="372"/>
      <c r="BC2" s="372"/>
      <c r="BD2" s="372"/>
      <c r="BE2" s="372"/>
      <c r="BF2" s="372"/>
      <c r="BG2" s="372"/>
      <c r="BH2" s="372"/>
      <c r="BI2" s="372"/>
      <c r="BJ2" s="372"/>
      <c r="BK2" s="372"/>
      <c r="BL2" s="372"/>
      <c r="BM2" s="372"/>
      <c r="BN2" s="350"/>
      <c r="BO2" s="372"/>
      <c r="BP2" s="372"/>
      <c r="BQ2" s="372" t="s">
        <v>2190</v>
      </c>
      <c r="BR2" s="372"/>
      <c r="BS2" s="372"/>
      <c r="BT2" s="372"/>
      <c r="BU2" s="372"/>
      <c r="BV2" s="372"/>
      <c r="BW2" s="372"/>
      <c r="BX2" s="372"/>
      <c r="BY2" s="372"/>
      <c r="BZ2" s="372"/>
      <c r="CA2" s="372"/>
      <c r="CB2" s="372"/>
      <c r="CC2" s="372"/>
      <c r="CD2" s="372"/>
      <c r="CE2" s="350" t="s">
        <v>2191</v>
      </c>
      <c r="CF2" s="350"/>
      <c r="CG2" s="350" t="s">
        <v>869</v>
      </c>
    </row>
    <row r="3" spans="1:87" ht="153" hidden="1" customHeight="1" x14ac:dyDescent="0.2">
      <c r="A3" s="576"/>
      <c r="B3" s="579"/>
      <c r="C3" s="576"/>
      <c r="D3" s="346">
        <v>4</v>
      </c>
      <c r="E3" s="346"/>
      <c r="F3" s="346" t="s">
        <v>2182</v>
      </c>
      <c r="G3" s="370" t="s">
        <v>1385</v>
      </c>
      <c r="H3" s="370" t="s">
        <v>54</v>
      </c>
      <c r="I3" s="350" t="s">
        <v>55</v>
      </c>
      <c r="J3" s="350" t="s">
        <v>2192</v>
      </c>
      <c r="K3" s="350" t="s">
        <v>2193</v>
      </c>
      <c r="L3" s="469" t="s">
        <v>2186</v>
      </c>
      <c r="M3" s="350" t="s">
        <v>254</v>
      </c>
      <c r="N3" s="350" t="s">
        <v>2194</v>
      </c>
      <c r="O3" s="350"/>
      <c r="P3" s="350" t="s">
        <v>543</v>
      </c>
      <c r="Q3" s="350" t="s">
        <v>61</v>
      </c>
      <c r="R3" s="350"/>
      <c r="S3" s="371" t="s">
        <v>2195</v>
      </c>
      <c r="T3" s="371"/>
      <c r="U3" s="472" t="s">
        <v>63</v>
      </c>
      <c r="V3" s="472" t="s">
        <v>63</v>
      </c>
      <c r="W3" s="372">
        <v>17719763</v>
      </c>
      <c r="X3" s="372"/>
      <c r="Y3" s="372" t="s">
        <v>2188</v>
      </c>
      <c r="Z3" s="372"/>
      <c r="AA3" s="372">
        <v>17719763</v>
      </c>
      <c r="AB3" s="372"/>
      <c r="AC3" s="372" t="s">
        <v>65</v>
      </c>
      <c r="AD3" s="372"/>
      <c r="AE3" s="372"/>
      <c r="AF3" s="372"/>
      <c r="AG3" s="372"/>
      <c r="AH3" s="372"/>
      <c r="AI3" s="372"/>
      <c r="AJ3" s="372"/>
      <c r="AK3" s="372"/>
      <c r="AL3" s="372"/>
      <c r="AM3" s="372"/>
      <c r="AN3" s="372"/>
      <c r="AO3" s="372"/>
      <c r="AP3" s="372"/>
      <c r="AQ3" s="372"/>
      <c r="AR3" s="372"/>
      <c r="AS3" s="372"/>
      <c r="AT3" s="372"/>
      <c r="AU3" s="372"/>
      <c r="AV3" s="372"/>
      <c r="AW3" s="372"/>
      <c r="AX3" s="372"/>
      <c r="AY3" s="372"/>
      <c r="AZ3" s="372"/>
      <c r="BA3" s="372"/>
      <c r="BB3" s="372"/>
      <c r="BC3" s="372"/>
      <c r="BD3" s="372"/>
      <c r="BE3" s="372"/>
      <c r="BF3" s="372"/>
      <c r="BG3" s="372"/>
      <c r="BH3" s="372"/>
      <c r="BI3" s="372"/>
      <c r="BJ3" s="372"/>
      <c r="BK3" s="372"/>
      <c r="BL3" s="372"/>
      <c r="BM3" s="372"/>
      <c r="BN3" s="372"/>
      <c r="BO3" s="372"/>
      <c r="BP3" s="372"/>
      <c r="BQ3" s="372"/>
      <c r="BR3" s="372" t="s">
        <v>2190</v>
      </c>
      <c r="BS3" s="372"/>
      <c r="BT3" s="372"/>
      <c r="BU3" s="372"/>
      <c r="BV3" s="372"/>
      <c r="BW3" s="372"/>
      <c r="BX3" s="372"/>
      <c r="BY3" s="372"/>
      <c r="BZ3" s="372"/>
      <c r="CA3" s="372"/>
      <c r="CB3" s="372"/>
      <c r="CC3" s="372"/>
      <c r="CD3" s="372"/>
      <c r="CE3" s="350" t="s">
        <v>2196</v>
      </c>
      <c r="CF3" s="372"/>
      <c r="CG3" s="373" t="s">
        <v>2197</v>
      </c>
    </row>
    <row r="4" spans="1:87" ht="153" hidden="1" customHeight="1" x14ac:dyDescent="0.2">
      <c r="A4" s="577"/>
      <c r="B4" s="579"/>
      <c r="C4" s="577"/>
      <c r="D4" s="347">
        <v>5</v>
      </c>
      <c r="E4" s="347"/>
      <c r="F4" s="347" t="s">
        <v>2182</v>
      </c>
      <c r="G4" s="374" t="s">
        <v>1385</v>
      </c>
      <c r="H4" s="374" t="s">
        <v>54</v>
      </c>
      <c r="I4" s="375" t="s">
        <v>55</v>
      </c>
      <c r="J4" s="375" t="s">
        <v>2198</v>
      </c>
      <c r="K4" s="375" t="s">
        <v>2199</v>
      </c>
      <c r="L4" s="469" t="s">
        <v>2200</v>
      </c>
      <c r="M4" s="375" t="s">
        <v>254</v>
      </c>
      <c r="N4" s="375" t="s">
        <v>2201</v>
      </c>
      <c r="O4" s="375"/>
      <c r="P4" s="375" t="s">
        <v>543</v>
      </c>
      <c r="Q4" s="375" t="s">
        <v>61</v>
      </c>
      <c r="R4" s="375"/>
      <c r="S4" s="376" t="s">
        <v>2202</v>
      </c>
      <c r="T4" s="376"/>
      <c r="U4" s="472" t="s">
        <v>63</v>
      </c>
      <c r="V4" s="472" t="s">
        <v>63</v>
      </c>
      <c r="W4" s="377">
        <v>48849715</v>
      </c>
      <c r="X4" s="377"/>
      <c r="Y4" s="377" t="s">
        <v>2188</v>
      </c>
      <c r="Z4" s="377"/>
      <c r="AA4" s="377">
        <v>48849715</v>
      </c>
      <c r="AB4" s="377"/>
      <c r="AC4" s="377" t="s">
        <v>65</v>
      </c>
      <c r="AD4" s="377"/>
      <c r="AE4" s="377"/>
      <c r="AF4" s="377"/>
      <c r="AG4" s="377"/>
      <c r="AH4" s="377"/>
      <c r="AI4" s="377"/>
      <c r="AJ4" s="377"/>
      <c r="AK4" s="377"/>
      <c r="AL4" s="377"/>
      <c r="AM4" s="377"/>
      <c r="AN4" s="377"/>
      <c r="AO4" s="377"/>
      <c r="AP4" s="377"/>
      <c r="AQ4" s="377"/>
      <c r="AR4" s="377"/>
      <c r="AS4" s="377"/>
      <c r="AT4" s="377"/>
      <c r="AU4" s="377"/>
      <c r="AV4" s="377"/>
      <c r="AW4" s="377"/>
      <c r="AX4" s="377"/>
      <c r="AY4" s="377"/>
      <c r="AZ4" s="377"/>
      <c r="BA4" s="377"/>
      <c r="BB4" s="377"/>
      <c r="BC4" s="377"/>
      <c r="BD4" s="377"/>
      <c r="BE4" s="377"/>
      <c r="BF4" s="377"/>
      <c r="BG4" s="377"/>
      <c r="BH4" s="377"/>
      <c r="BI4" s="377"/>
      <c r="BJ4" s="377"/>
      <c r="BK4" s="377"/>
      <c r="BL4" s="377"/>
      <c r="BM4" s="377"/>
      <c r="BN4" s="377"/>
      <c r="BO4" s="377"/>
      <c r="BP4" s="377"/>
      <c r="BQ4" s="377"/>
      <c r="BR4" s="377" t="s">
        <v>2190</v>
      </c>
      <c r="BS4" s="377"/>
      <c r="BT4" s="377"/>
      <c r="BU4" s="377"/>
      <c r="BV4" s="377"/>
      <c r="BW4" s="377"/>
      <c r="BX4" s="377"/>
      <c r="BY4" s="377"/>
      <c r="BZ4" s="377"/>
      <c r="CA4" s="377"/>
      <c r="CB4" s="377"/>
      <c r="CC4" s="377"/>
      <c r="CD4" s="377"/>
      <c r="CE4" s="375" t="s">
        <v>2196</v>
      </c>
      <c r="CF4" s="377"/>
      <c r="CG4" s="378" t="s">
        <v>2197</v>
      </c>
    </row>
    <row r="5" spans="1:87" ht="153" hidden="1" customHeight="1" x14ac:dyDescent="0.2">
      <c r="A5" s="576"/>
      <c r="B5" s="579"/>
      <c r="C5" s="576"/>
      <c r="D5" s="346">
        <v>10</v>
      </c>
      <c r="E5" s="346"/>
      <c r="F5" s="346" t="s">
        <v>2182</v>
      </c>
      <c r="G5" s="370" t="s">
        <v>1385</v>
      </c>
      <c r="H5" s="370" t="s">
        <v>54</v>
      </c>
      <c r="I5" s="350" t="s">
        <v>55</v>
      </c>
      <c r="J5" s="350" t="s">
        <v>2203</v>
      </c>
      <c r="K5" s="350" t="s">
        <v>2204</v>
      </c>
      <c r="L5" s="469" t="s">
        <v>2205</v>
      </c>
      <c r="M5" s="350" t="s">
        <v>254</v>
      </c>
      <c r="N5" s="350" t="s">
        <v>2206</v>
      </c>
      <c r="O5" s="350"/>
      <c r="P5" s="350" t="s">
        <v>543</v>
      </c>
      <c r="Q5" s="350" t="s">
        <v>61</v>
      </c>
      <c r="R5" s="350"/>
      <c r="S5" s="371" t="s">
        <v>2202</v>
      </c>
      <c r="T5" s="371"/>
      <c r="U5" s="472" t="s">
        <v>63</v>
      </c>
      <c r="V5" s="472" t="s">
        <v>63</v>
      </c>
      <c r="W5" s="372">
        <v>29532938</v>
      </c>
      <c r="X5" s="372"/>
      <c r="Y5" s="372" t="s">
        <v>2188</v>
      </c>
      <c r="Z5" s="372"/>
      <c r="AA5" s="372">
        <v>29532938</v>
      </c>
      <c r="AB5" s="372"/>
      <c r="AC5" s="372" t="s">
        <v>65</v>
      </c>
      <c r="AD5" s="372"/>
      <c r="AE5" s="372"/>
      <c r="AF5" s="372"/>
      <c r="AG5" s="372"/>
      <c r="AH5" s="372"/>
      <c r="AI5" s="372"/>
      <c r="AJ5" s="372"/>
      <c r="AK5" s="372"/>
      <c r="AL5" s="372"/>
      <c r="AM5" s="372"/>
      <c r="AN5" s="372"/>
      <c r="AO5" s="372"/>
      <c r="AP5" s="372"/>
      <c r="AQ5" s="372"/>
      <c r="AR5" s="372"/>
      <c r="AS5" s="372"/>
      <c r="AT5" s="372"/>
      <c r="AU5" s="372"/>
      <c r="AV5" s="372"/>
      <c r="AW5" s="372"/>
      <c r="AX5" s="372"/>
      <c r="AY5" s="372"/>
      <c r="AZ5" s="372"/>
      <c r="BA5" s="372"/>
      <c r="BB5" s="372"/>
      <c r="BC5" s="372"/>
      <c r="BD5" s="372"/>
      <c r="BE5" s="372"/>
      <c r="BF5" s="372"/>
      <c r="BG5" s="372"/>
      <c r="BH5" s="372"/>
      <c r="BI5" s="372"/>
      <c r="BJ5" s="372"/>
      <c r="BK5" s="372"/>
      <c r="BL5" s="372"/>
      <c r="BM5" s="372"/>
      <c r="BN5" s="372"/>
      <c r="BO5" s="372"/>
      <c r="BP5" s="372"/>
      <c r="BQ5" s="372"/>
      <c r="BR5" s="372"/>
      <c r="BS5" s="372" t="s">
        <v>2190</v>
      </c>
      <c r="BT5" s="372"/>
      <c r="BU5" s="372"/>
      <c r="BV5" s="372"/>
      <c r="BW5" s="372"/>
      <c r="BX5" s="372"/>
      <c r="BY5" s="372"/>
      <c r="BZ5" s="372"/>
      <c r="CA5" s="372"/>
      <c r="CB5" s="372"/>
      <c r="CC5" s="372"/>
      <c r="CD5" s="372"/>
      <c r="CE5" s="350" t="s">
        <v>2196</v>
      </c>
      <c r="CF5" s="372"/>
      <c r="CG5" s="373" t="s">
        <v>2197</v>
      </c>
    </row>
    <row r="6" spans="1:87" ht="153" hidden="1" customHeight="1" x14ac:dyDescent="0.2">
      <c r="A6" s="477" t="s">
        <v>2207</v>
      </c>
      <c r="B6" s="579"/>
      <c r="C6" s="553" t="s">
        <v>2208</v>
      </c>
      <c r="D6" s="348">
        <v>13</v>
      </c>
      <c r="E6" s="348"/>
      <c r="F6" s="348" t="s">
        <v>2182</v>
      </c>
      <c r="G6" s="379" t="s">
        <v>1385</v>
      </c>
      <c r="H6" s="379" t="s">
        <v>54</v>
      </c>
      <c r="I6" s="351" t="s">
        <v>102</v>
      </c>
      <c r="J6" s="351" t="s">
        <v>1386</v>
      </c>
      <c r="K6" s="380" t="s">
        <v>2209</v>
      </c>
      <c r="L6" s="469" t="s">
        <v>2205</v>
      </c>
      <c r="M6" s="351" t="s">
        <v>2210</v>
      </c>
      <c r="N6" s="351" t="s">
        <v>2211</v>
      </c>
      <c r="O6" s="351"/>
      <c r="P6" s="351" t="s">
        <v>81</v>
      </c>
      <c r="Q6" s="351" t="s">
        <v>61</v>
      </c>
      <c r="R6" s="351"/>
      <c r="S6" s="390" t="s">
        <v>2202</v>
      </c>
      <c r="T6" s="390"/>
      <c r="U6" s="473">
        <v>48849715</v>
      </c>
      <c r="V6" s="473">
        <v>55133760</v>
      </c>
      <c r="W6" s="381">
        <v>51991737.5</v>
      </c>
      <c r="X6" s="381"/>
      <c r="Y6" s="381" t="s">
        <v>2188</v>
      </c>
      <c r="Z6" s="381"/>
      <c r="AA6" s="381">
        <v>51991737.5</v>
      </c>
      <c r="AB6" s="381"/>
      <c r="AC6" s="381" t="s">
        <v>65</v>
      </c>
      <c r="AD6" s="381"/>
      <c r="AE6" s="381"/>
      <c r="AF6" s="381"/>
      <c r="AG6" s="381"/>
      <c r="AH6" s="381"/>
      <c r="AI6" s="381"/>
      <c r="AJ6" s="381"/>
      <c r="AK6" s="381"/>
      <c r="AL6" s="381"/>
      <c r="AM6" s="381"/>
      <c r="AN6" s="381"/>
      <c r="AO6" s="381"/>
      <c r="AP6" s="381"/>
      <c r="AQ6" s="381"/>
      <c r="AR6" s="381"/>
      <c r="AS6" s="381"/>
      <c r="AT6" s="381"/>
      <c r="AU6" s="381"/>
      <c r="AV6" s="381"/>
      <c r="AW6" s="381"/>
      <c r="AX6" s="381"/>
      <c r="AY6" s="381"/>
      <c r="AZ6" s="381"/>
      <c r="BA6" s="381"/>
      <c r="BB6" s="381"/>
      <c r="BC6" s="381"/>
      <c r="BD6" s="381"/>
      <c r="BE6" s="381"/>
      <c r="BF6" s="381"/>
      <c r="BG6" s="381"/>
      <c r="BH6" s="381"/>
      <c r="BI6" s="381"/>
      <c r="BJ6" s="381"/>
      <c r="BK6" s="381"/>
      <c r="BL6" s="381"/>
      <c r="BM6" s="381"/>
      <c r="BN6" s="381"/>
      <c r="BO6" s="381"/>
      <c r="BP6" s="381"/>
      <c r="BQ6" s="381"/>
      <c r="BR6" s="381"/>
      <c r="BS6" s="381"/>
      <c r="BT6" s="381"/>
      <c r="BU6" s="381"/>
      <c r="BV6" s="381"/>
      <c r="BW6" s="381"/>
      <c r="BX6" s="381"/>
      <c r="BY6" s="381"/>
      <c r="BZ6" s="381"/>
      <c r="CA6" s="381"/>
      <c r="CB6" s="381"/>
      <c r="CC6" s="381"/>
      <c r="CD6" s="381"/>
      <c r="CE6" s="351" t="s">
        <v>2196</v>
      </c>
      <c r="CF6" s="381"/>
      <c r="CG6" s="382" t="s">
        <v>2197</v>
      </c>
    </row>
    <row r="7" spans="1:87" ht="153" customHeight="1" x14ac:dyDescent="0.2">
      <c r="A7" s="576"/>
      <c r="B7" s="579" t="s">
        <v>2212</v>
      </c>
      <c r="C7" s="576"/>
      <c r="D7" s="346">
        <v>3</v>
      </c>
      <c r="E7" s="346"/>
      <c r="F7" s="346" t="s">
        <v>2182</v>
      </c>
      <c r="G7" s="370" t="s">
        <v>1385</v>
      </c>
      <c r="H7" s="370" t="s">
        <v>54</v>
      </c>
      <c r="I7" s="350" t="s">
        <v>55</v>
      </c>
      <c r="J7" s="350" t="s">
        <v>2213</v>
      </c>
      <c r="K7" s="350" t="s">
        <v>2193</v>
      </c>
      <c r="L7" s="469" t="s">
        <v>2186</v>
      </c>
      <c r="M7" s="350" t="s">
        <v>254</v>
      </c>
      <c r="N7" s="350" t="s">
        <v>59</v>
      </c>
      <c r="O7" s="350"/>
      <c r="P7" s="350" t="s">
        <v>543</v>
      </c>
      <c r="Q7" s="350" t="s">
        <v>61</v>
      </c>
      <c r="R7" s="350"/>
      <c r="S7" s="371" t="s">
        <v>2195</v>
      </c>
      <c r="T7" s="371"/>
      <c r="U7" s="472" t="s">
        <v>63</v>
      </c>
      <c r="V7" s="472" t="s">
        <v>63</v>
      </c>
      <c r="W7" s="372">
        <v>17719763</v>
      </c>
      <c r="X7" s="372"/>
      <c r="Y7" s="372" t="s">
        <v>2188</v>
      </c>
      <c r="Z7" s="372"/>
      <c r="AA7" s="372">
        <v>17719763</v>
      </c>
      <c r="AB7" s="372"/>
      <c r="AC7" s="372" t="s">
        <v>65</v>
      </c>
      <c r="AD7" s="372"/>
      <c r="AE7" s="372"/>
      <c r="AF7" s="372"/>
      <c r="AG7" s="372"/>
      <c r="AH7" s="372"/>
      <c r="AI7" s="372"/>
      <c r="AJ7" s="372"/>
      <c r="AK7" s="372"/>
      <c r="AL7" s="372"/>
      <c r="AM7" s="372"/>
      <c r="AN7" s="372"/>
      <c r="AO7" s="372"/>
      <c r="AP7" s="372"/>
      <c r="AQ7" s="372"/>
      <c r="AR7" s="372"/>
      <c r="AS7" s="372"/>
      <c r="AT7" s="372"/>
      <c r="AU7" s="372"/>
      <c r="AV7" s="372"/>
      <c r="AW7" s="372"/>
      <c r="AX7" s="372"/>
      <c r="AY7" s="372"/>
      <c r="AZ7" s="372"/>
      <c r="BA7" s="372"/>
      <c r="BB7" s="372"/>
      <c r="BC7" s="372"/>
      <c r="BD7" s="372"/>
      <c r="BE7" s="372"/>
      <c r="BF7" s="372"/>
      <c r="BG7" s="372"/>
      <c r="BH7" s="372"/>
      <c r="BI7" s="372"/>
      <c r="BJ7" s="372"/>
      <c r="BK7" s="372"/>
      <c r="BL7" s="372"/>
      <c r="BM7" s="372"/>
      <c r="BN7" s="372"/>
      <c r="BO7" s="372"/>
      <c r="BP7" s="372"/>
      <c r="BQ7" s="372" t="s">
        <v>2190</v>
      </c>
      <c r="BR7" s="372"/>
      <c r="BS7" s="372"/>
      <c r="BT7" s="372"/>
      <c r="BU7" s="372"/>
      <c r="BV7" s="372"/>
      <c r="BW7" s="372"/>
      <c r="BX7" s="372"/>
      <c r="BY7" s="372"/>
      <c r="BZ7" s="372"/>
      <c r="CA7" s="372"/>
      <c r="CB7" s="372"/>
      <c r="CC7" s="372"/>
      <c r="CD7" s="372"/>
      <c r="CE7" s="350" t="s">
        <v>2196</v>
      </c>
      <c r="CF7" s="372"/>
      <c r="CG7" s="373" t="s">
        <v>2197</v>
      </c>
    </row>
    <row r="8" spans="1:87" ht="153" customHeight="1" x14ac:dyDescent="0.2">
      <c r="A8" s="477" t="s">
        <v>2214</v>
      </c>
      <c r="B8" s="579" t="s">
        <v>2215</v>
      </c>
      <c r="C8" s="579" t="s">
        <v>2216</v>
      </c>
      <c r="D8" s="349">
        <v>18</v>
      </c>
      <c r="E8" s="349"/>
      <c r="F8" s="349" t="s">
        <v>2182</v>
      </c>
      <c r="G8" s="383" t="s">
        <v>1385</v>
      </c>
      <c r="H8" s="383" t="s">
        <v>54</v>
      </c>
      <c r="I8" s="352" t="s">
        <v>1330</v>
      </c>
      <c r="J8" s="352" t="s">
        <v>116</v>
      </c>
      <c r="K8" s="384" t="s">
        <v>117</v>
      </c>
      <c r="L8" s="469" t="s">
        <v>253</v>
      </c>
      <c r="M8" s="352" t="s">
        <v>2217</v>
      </c>
      <c r="N8" s="352" t="s">
        <v>63</v>
      </c>
      <c r="O8" s="352"/>
      <c r="P8" s="352" t="s">
        <v>81</v>
      </c>
      <c r="Q8" s="352" t="s">
        <v>61</v>
      </c>
      <c r="R8" s="352"/>
      <c r="S8" s="385" t="s">
        <v>2195</v>
      </c>
      <c r="T8" s="385"/>
      <c r="U8" s="472" t="s">
        <v>63</v>
      </c>
      <c r="V8" s="472" t="s">
        <v>63</v>
      </c>
      <c r="W8" s="386">
        <v>72000</v>
      </c>
      <c r="X8" s="386"/>
      <c r="Y8" s="386" t="s">
        <v>2188</v>
      </c>
      <c r="Z8" s="386"/>
      <c r="AA8" s="386">
        <v>72000</v>
      </c>
      <c r="AB8" s="386"/>
      <c r="AC8" s="386" t="s">
        <v>65</v>
      </c>
      <c r="AD8" s="386"/>
      <c r="AE8" s="386"/>
      <c r="AF8" s="386"/>
      <c r="AG8" s="386"/>
      <c r="AH8" s="386"/>
      <c r="AI8" s="386"/>
      <c r="AJ8" s="386"/>
      <c r="AK8" s="386"/>
      <c r="AL8" s="386"/>
      <c r="AM8" s="386"/>
      <c r="AN8" s="386"/>
      <c r="AO8" s="386"/>
      <c r="AP8" s="386"/>
      <c r="AQ8" s="386"/>
      <c r="AR8" s="386"/>
      <c r="AS8" s="386"/>
      <c r="AT8" s="386"/>
      <c r="AU8" s="386"/>
      <c r="AV8" s="386"/>
      <c r="AW8" s="386"/>
      <c r="AX8" s="386"/>
      <c r="AY8" s="386"/>
      <c r="AZ8" s="386"/>
      <c r="BA8" s="386"/>
      <c r="BB8" s="386"/>
      <c r="BC8" s="386"/>
      <c r="BD8" s="386"/>
      <c r="BE8" s="386"/>
      <c r="BF8" s="386"/>
      <c r="BG8" s="386"/>
      <c r="BH8" s="386"/>
      <c r="BI8" s="386"/>
      <c r="BJ8" s="386"/>
      <c r="BK8" s="386"/>
      <c r="BL8" s="386"/>
      <c r="BM8" s="386"/>
      <c r="BN8" s="386"/>
      <c r="BO8" s="386"/>
      <c r="BP8" s="386"/>
      <c r="BQ8" s="386"/>
      <c r="BR8" s="386"/>
      <c r="BS8" s="386"/>
      <c r="BT8" s="386"/>
      <c r="BU8" s="386"/>
      <c r="BV8" s="386"/>
      <c r="BW8" s="386"/>
      <c r="BX8" s="386"/>
      <c r="BY8" s="386"/>
      <c r="BZ8" s="386"/>
      <c r="CA8" s="386"/>
      <c r="CB8" s="386"/>
      <c r="CC8" s="386"/>
      <c r="CD8" s="386"/>
      <c r="CE8" s="352" t="s">
        <v>2218</v>
      </c>
      <c r="CF8" s="386"/>
      <c r="CG8" s="387" t="s">
        <v>2197</v>
      </c>
    </row>
    <row r="9" spans="1:87" ht="153" hidden="1" customHeight="1" x14ac:dyDescent="0.2">
      <c r="A9" s="576"/>
      <c r="B9" s="579"/>
      <c r="C9" s="576"/>
      <c r="D9" s="346">
        <v>29</v>
      </c>
      <c r="E9" s="346"/>
      <c r="F9" s="346" t="s">
        <v>2182</v>
      </c>
      <c r="G9" s="370" t="s">
        <v>1385</v>
      </c>
      <c r="H9" s="370" t="s">
        <v>1341</v>
      </c>
      <c r="I9" s="350" t="s">
        <v>154</v>
      </c>
      <c r="J9" s="350" t="s">
        <v>2219</v>
      </c>
      <c r="K9" s="350" t="s">
        <v>2220</v>
      </c>
      <c r="L9" s="469" t="s">
        <v>2200</v>
      </c>
      <c r="M9" s="350" t="s">
        <v>254</v>
      </c>
      <c r="N9" s="350" t="s">
        <v>59</v>
      </c>
      <c r="O9" s="350"/>
      <c r="P9" s="350" t="s">
        <v>2221</v>
      </c>
      <c r="Q9" s="350" t="s">
        <v>2222</v>
      </c>
      <c r="R9" s="350"/>
      <c r="S9" s="371" t="s">
        <v>169</v>
      </c>
      <c r="T9" s="371"/>
      <c r="U9" s="472" t="s">
        <v>63</v>
      </c>
      <c r="V9" s="472" t="s">
        <v>63</v>
      </c>
      <c r="W9" s="388">
        <v>2500000</v>
      </c>
      <c r="X9" s="388"/>
      <c r="Y9" s="372" t="s">
        <v>2188</v>
      </c>
      <c r="Z9" s="372"/>
      <c r="AA9" s="372">
        <v>2500000</v>
      </c>
      <c r="AB9" s="372"/>
      <c r="AC9" s="372" t="s">
        <v>65</v>
      </c>
      <c r="AD9" s="372"/>
      <c r="AE9" s="372"/>
      <c r="AF9" s="372"/>
      <c r="AG9" s="372"/>
      <c r="AH9" s="372"/>
      <c r="AI9" s="372"/>
      <c r="AJ9" s="372"/>
      <c r="AK9" s="372"/>
      <c r="AL9" s="372"/>
      <c r="AM9" s="372"/>
      <c r="AN9" s="372"/>
      <c r="AO9" s="372"/>
      <c r="AP9" s="372"/>
      <c r="AQ9" s="372"/>
      <c r="AR9" s="372"/>
      <c r="AS9" s="372"/>
      <c r="AT9" s="372"/>
      <c r="AU9" s="372"/>
      <c r="AV9" s="372"/>
      <c r="AW9" s="372"/>
      <c r="AX9" s="372"/>
      <c r="AY9" s="372"/>
      <c r="AZ9" s="372"/>
      <c r="BA9" s="372"/>
      <c r="BB9" s="372"/>
      <c r="BC9" s="372"/>
      <c r="BD9" s="372"/>
      <c r="BE9" s="372"/>
      <c r="BF9" s="372"/>
      <c r="BG9" s="372"/>
      <c r="BH9" s="372"/>
      <c r="BI9" s="372"/>
      <c r="BJ9" s="372"/>
      <c r="BK9" s="372"/>
      <c r="BL9" s="389"/>
      <c r="BM9" s="389"/>
      <c r="BN9" s="372"/>
      <c r="BO9" s="372"/>
      <c r="BP9" s="372"/>
      <c r="BQ9" s="372" t="s">
        <v>2190</v>
      </c>
      <c r="BR9" s="372"/>
      <c r="BS9" s="372"/>
      <c r="BT9" s="372"/>
      <c r="BU9" s="372"/>
      <c r="BV9" s="372"/>
      <c r="BW9" s="372"/>
      <c r="BX9" s="372"/>
      <c r="BY9" s="372"/>
      <c r="BZ9" s="372"/>
      <c r="CA9" s="372"/>
      <c r="CB9" s="372"/>
      <c r="CC9" s="372"/>
      <c r="CD9" s="372"/>
      <c r="CE9" s="350" t="s">
        <v>2223</v>
      </c>
      <c r="CF9" s="350" t="s">
        <v>2224</v>
      </c>
      <c r="CG9" s="350" t="s">
        <v>869</v>
      </c>
    </row>
    <row r="10" spans="1:87" ht="153" hidden="1" customHeight="1" x14ac:dyDescent="0.2">
      <c r="A10" s="576"/>
      <c r="B10" s="553"/>
      <c r="C10" s="576"/>
      <c r="D10" s="346">
        <v>30</v>
      </c>
      <c r="E10" s="346"/>
      <c r="F10" s="346" t="s">
        <v>2182</v>
      </c>
      <c r="G10" s="370" t="s">
        <v>1385</v>
      </c>
      <c r="H10" s="370" t="s">
        <v>1341</v>
      </c>
      <c r="I10" s="350" t="s">
        <v>154</v>
      </c>
      <c r="J10" s="350" t="s">
        <v>2225</v>
      </c>
      <c r="K10" s="350" t="s">
        <v>2220</v>
      </c>
      <c r="L10" s="469" t="s">
        <v>2186</v>
      </c>
      <c r="M10" s="350" t="s">
        <v>254</v>
      </c>
      <c r="N10" s="350" t="s">
        <v>2194</v>
      </c>
      <c r="O10" s="350"/>
      <c r="P10" s="350" t="s">
        <v>60</v>
      </c>
      <c r="Q10" s="350" t="s">
        <v>2222</v>
      </c>
      <c r="R10" s="350"/>
      <c r="S10" s="371" t="s">
        <v>2226</v>
      </c>
      <c r="T10" s="371"/>
      <c r="U10" s="472" t="s">
        <v>63</v>
      </c>
      <c r="V10" s="472" t="s">
        <v>63</v>
      </c>
      <c r="W10" s="388">
        <v>9190000</v>
      </c>
      <c r="X10" s="388"/>
      <c r="Y10" s="372" t="s">
        <v>2188</v>
      </c>
      <c r="Z10" s="372"/>
      <c r="AA10" s="372">
        <v>9190000</v>
      </c>
      <c r="AB10" s="372"/>
      <c r="AC10" s="372" t="s">
        <v>65</v>
      </c>
      <c r="AD10" s="372"/>
      <c r="AE10" s="372"/>
      <c r="AF10" s="372"/>
      <c r="AG10" s="372"/>
      <c r="AH10" s="372"/>
      <c r="AI10" s="372"/>
      <c r="AJ10" s="372"/>
      <c r="AK10" s="372"/>
      <c r="AL10" s="372"/>
      <c r="AM10" s="372"/>
      <c r="AN10" s="372"/>
      <c r="AO10" s="372"/>
      <c r="AP10" s="372"/>
      <c r="AQ10" s="372"/>
      <c r="AR10" s="372"/>
      <c r="AS10" s="372"/>
      <c r="AT10" s="372"/>
      <c r="AU10" s="372"/>
      <c r="AV10" s="372"/>
      <c r="AW10" s="372"/>
      <c r="AX10" s="372"/>
      <c r="AY10" s="372"/>
      <c r="AZ10" s="372"/>
      <c r="BA10" s="372"/>
      <c r="BB10" s="372"/>
      <c r="BC10" s="372"/>
      <c r="BD10" s="372"/>
      <c r="BE10" s="372"/>
      <c r="BF10" s="372"/>
      <c r="BG10" s="372"/>
      <c r="BH10" s="372"/>
      <c r="BI10" s="372"/>
      <c r="BJ10" s="372"/>
      <c r="BK10" s="372"/>
      <c r="BL10" s="372"/>
      <c r="BM10" s="372"/>
      <c r="BN10" s="372"/>
      <c r="BO10" s="372"/>
      <c r="BP10" s="372"/>
      <c r="BQ10" s="372"/>
      <c r="BR10" s="372" t="s">
        <v>2190</v>
      </c>
      <c r="BS10" s="372"/>
      <c r="BT10" s="372"/>
      <c r="BU10" s="372"/>
      <c r="BV10" s="372"/>
      <c r="BW10" s="372"/>
      <c r="BX10" s="372"/>
      <c r="BY10" s="372"/>
      <c r="BZ10" s="372"/>
      <c r="CA10" s="372"/>
      <c r="CB10" s="372"/>
      <c r="CC10" s="372"/>
      <c r="CD10" s="372"/>
      <c r="CE10" s="350" t="s">
        <v>2227</v>
      </c>
      <c r="CF10" s="350"/>
      <c r="CG10" s="350" t="s">
        <v>869</v>
      </c>
    </row>
    <row r="11" spans="1:87" ht="153" hidden="1" customHeight="1" x14ac:dyDescent="0.2">
      <c r="A11" s="576"/>
      <c r="B11" s="579"/>
      <c r="C11" s="576"/>
      <c r="D11" s="346">
        <v>31</v>
      </c>
      <c r="E11" s="346"/>
      <c r="F11" s="346" t="s">
        <v>2182</v>
      </c>
      <c r="G11" s="370" t="s">
        <v>1385</v>
      </c>
      <c r="H11" s="370" t="s">
        <v>1341</v>
      </c>
      <c r="I11" s="350" t="s">
        <v>154</v>
      </c>
      <c r="J11" s="350" t="s">
        <v>2228</v>
      </c>
      <c r="K11" s="350" t="s">
        <v>2220</v>
      </c>
      <c r="L11" s="469" t="s">
        <v>2205</v>
      </c>
      <c r="M11" s="350" t="s">
        <v>254</v>
      </c>
      <c r="N11" s="350" t="s">
        <v>2206</v>
      </c>
      <c r="O11" s="350"/>
      <c r="P11" s="350" t="s">
        <v>2221</v>
      </c>
      <c r="Q11" s="350" t="s">
        <v>2222</v>
      </c>
      <c r="R11" s="350"/>
      <c r="S11" s="371" t="s">
        <v>2226</v>
      </c>
      <c r="T11" s="371"/>
      <c r="U11" s="472" t="s">
        <v>63</v>
      </c>
      <c r="V11" s="472" t="s">
        <v>63</v>
      </c>
      <c r="W11" s="388">
        <v>4010000</v>
      </c>
      <c r="X11" s="388"/>
      <c r="Y11" s="372" t="s">
        <v>2188</v>
      </c>
      <c r="Z11" s="372"/>
      <c r="AA11" s="372">
        <v>4010000</v>
      </c>
      <c r="AB11" s="372"/>
      <c r="AC11" s="372" t="s">
        <v>65</v>
      </c>
      <c r="AD11" s="372"/>
      <c r="AE11" s="372"/>
      <c r="AF11" s="372"/>
      <c r="AG11" s="372"/>
      <c r="AH11" s="372"/>
      <c r="AI11" s="372"/>
      <c r="AJ11" s="372"/>
      <c r="AK11" s="372"/>
      <c r="AL11" s="372"/>
      <c r="AM11" s="372"/>
      <c r="AN11" s="372"/>
      <c r="AO11" s="372"/>
      <c r="AP11" s="372"/>
      <c r="AQ11" s="372"/>
      <c r="AR11" s="372"/>
      <c r="AS11" s="372"/>
      <c r="AT11" s="372"/>
      <c r="AU11" s="372"/>
      <c r="AV11" s="372"/>
      <c r="AW11" s="372"/>
      <c r="AX11" s="372"/>
      <c r="AY11" s="372"/>
      <c r="AZ11" s="372"/>
      <c r="BA11" s="372"/>
      <c r="BB11" s="372"/>
      <c r="BC11" s="372"/>
      <c r="BD11" s="372"/>
      <c r="BE11" s="372"/>
      <c r="BF11" s="372"/>
      <c r="BG11" s="372"/>
      <c r="BH11" s="372"/>
      <c r="BI11" s="372"/>
      <c r="BJ11" s="372"/>
      <c r="BK11" s="372"/>
      <c r="BL11" s="372"/>
      <c r="BM11" s="372"/>
      <c r="BN11" s="372"/>
      <c r="BO11" s="372"/>
      <c r="BP11" s="372"/>
      <c r="BQ11" s="372"/>
      <c r="BR11" s="372"/>
      <c r="BS11" s="372" t="s">
        <v>2190</v>
      </c>
      <c r="BT11" s="372"/>
      <c r="BU11" s="372"/>
      <c r="BV11" s="372"/>
      <c r="BW11" s="372"/>
      <c r="BX11" s="372"/>
      <c r="BY11" s="372"/>
      <c r="BZ11" s="372"/>
      <c r="CA11" s="372"/>
      <c r="CB11" s="372"/>
      <c r="CC11" s="372"/>
      <c r="CD11" s="372"/>
      <c r="CE11" s="350" t="s">
        <v>2227</v>
      </c>
      <c r="CF11" s="350" t="s">
        <v>2224</v>
      </c>
      <c r="CG11" s="350" t="s">
        <v>869</v>
      </c>
    </row>
    <row r="12" spans="1:87" ht="153" hidden="1" customHeight="1" x14ac:dyDescent="0.2">
      <c r="A12" s="584" t="s">
        <v>2229</v>
      </c>
      <c r="B12" s="579"/>
      <c r="C12" s="584"/>
      <c r="D12" s="346">
        <v>43</v>
      </c>
      <c r="E12" s="346"/>
      <c r="F12" s="346" t="s">
        <v>2182</v>
      </c>
      <c r="G12" s="370" t="s">
        <v>1385</v>
      </c>
      <c r="H12" s="370" t="s">
        <v>295</v>
      </c>
      <c r="I12" s="350" t="s">
        <v>329</v>
      </c>
      <c r="J12" s="350" t="s">
        <v>2230</v>
      </c>
      <c r="K12" s="350" t="s">
        <v>2231</v>
      </c>
      <c r="L12" s="469" t="s">
        <v>2186</v>
      </c>
      <c r="M12" s="350" t="s">
        <v>254</v>
      </c>
      <c r="N12" s="350" t="s">
        <v>59</v>
      </c>
      <c r="O12" s="350"/>
      <c r="P12" s="350" t="s">
        <v>2221</v>
      </c>
      <c r="Q12" s="350" t="s">
        <v>869</v>
      </c>
      <c r="R12" s="350"/>
      <c r="S12" s="371" t="s">
        <v>169</v>
      </c>
      <c r="T12" s="371"/>
      <c r="U12" s="472" t="s">
        <v>63</v>
      </c>
      <c r="V12" s="472" t="s">
        <v>63</v>
      </c>
      <c r="W12" s="388">
        <v>2313945.2217098912</v>
      </c>
      <c r="X12" s="388"/>
      <c r="Y12" s="372" t="s">
        <v>2188</v>
      </c>
      <c r="Z12" s="372"/>
      <c r="AA12" s="372">
        <v>2313945.2217098912</v>
      </c>
      <c r="AB12" s="372"/>
      <c r="AC12" s="372" t="s">
        <v>2189</v>
      </c>
      <c r="AD12" s="372"/>
      <c r="AE12" s="372"/>
      <c r="AF12" s="372"/>
      <c r="AG12" s="372"/>
      <c r="AH12" s="372"/>
      <c r="AI12" s="372"/>
      <c r="AJ12" s="372"/>
      <c r="AK12" s="372"/>
      <c r="AL12" s="372"/>
      <c r="AM12" s="372"/>
      <c r="AN12" s="372"/>
      <c r="AO12" s="372"/>
      <c r="AP12" s="372"/>
      <c r="AQ12" s="372"/>
      <c r="AR12" s="372"/>
      <c r="AS12" s="372"/>
      <c r="AT12" s="372"/>
      <c r="AU12" s="372"/>
      <c r="AV12" s="372"/>
      <c r="AW12" s="372"/>
      <c r="AX12" s="372"/>
      <c r="AY12" s="372"/>
      <c r="AZ12" s="372"/>
      <c r="BA12" s="372"/>
      <c r="BB12" s="372"/>
      <c r="BC12" s="372"/>
      <c r="BD12" s="372"/>
      <c r="BE12" s="372"/>
      <c r="BF12" s="372"/>
      <c r="BG12" s="372"/>
      <c r="BH12" s="372"/>
      <c r="BI12" s="372"/>
      <c r="BJ12" s="372"/>
      <c r="BK12" s="372"/>
      <c r="BL12" s="372"/>
      <c r="BM12" s="372"/>
      <c r="BN12" s="372"/>
      <c r="BO12" s="372"/>
      <c r="BP12" s="372"/>
      <c r="BQ12" s="372" t="s">
        <v>2190</v>
      </c>
      <c r="BR12" s="372"/>
      <c r="BS12" s="372"/>
      <c r="BT12" s="372"/>
      <c r="BU12" s="372"/>
      <c r="BV12" s="372"/>
      <c r="BW12" s="372"/>
      <c r="BX12" s="372"/>
      <c r="BY12" s="372"/>
      <c r="BZ12" s="372"/>
      <c r="CA12" s="372"/>
      <c r="CB12" s="372"/>
      <c r="CC12" s="372"/>
      <c r="CD12" s="389"/>
      <c r="CE12" s="350" t="s">
        <v>2232</v>
      </c>
      <c r="CF12" s="350" t="s">
        <v>2233</v>
      </c>
      <c r="CG12" s="350" t="s">
        <v>2234</v>
      </c>
    </row>
    <row r="13" spans="1:87" ht="153" hidden="1" customHeight="1" x14ac:dyDescent="0.2">
      <c r="A13" s="576"/>
      <c r="C13" s="576"/>
      <c r="D13" s="346">
        <v>44</v>
      </c>
      <c r="E13" s="346"/>
      <c r="F13" s="346" t="s">
        <v>2182</v>
      </c>
      <c r="G13" s="370" t="s">
        <v>1385</v>
      </c>
      <c r="H13" s="370" t="s">
        <v>295</v>
      </c>
      <c r="I13" s="350" t="s">
        <v>329</v>
      </c>
      <c r="J13" s="350" t="s">
        <v>2235</v>
      </c>
      <c r="K13" s="350" t="s">
        <v>2236</v>
      </c>
      <c r="L13" s="469" t="s">
        <v>2186</v>
      </c>
      <c r="M13" s="350" t="s">
        <v>254</v>
      </c>
      <c r="N13" s="350" t="s">
        <v>2194</v>
      </c>
      <c r="O13" s="350"/>
      <c r="P13" s="350" t="s">
        <v>60</v>
      </c>
      <c r="Q13" s="350" t="s">
        <v>869</v>
      </c>
      <c r="R13" s="350"/>
      <c r="S13" s="371" t="s">
        <v>2226</v>
      </c>
      <c r="T13" s="371"/>
      <c r="U13" s="472" t="s">
        <v>63</v>
      </c>
      <c r="V13" s="472" t="s">
        <v>63</v>
      </c>
      <c r="W13" s="388">
        <v>2471271.846212903</v>
      </c>
      <c r="X13" s="388"/>
      <c r="Y13" s="372" t="s">
        <v>2188</v>
      </c>
      <c r="Z13" s="372"/>
      <c r="AA13" s="372">
        <v>2471271.846212903</v>
      </c>
      <c r="AB13" s="372"/>
      <c r="AC13" s="372" t="s">
        <v>2189</v>
      </c>
      <c r="AD13" s="372"/>
      <c r="AE13" s="372"/>
      <c r="AF13" s="372"/>
      <c r="AG13" s="372"/>
      <c r="AH13" s="372"/>
      <c r="AI13" s="372"/>
      <c r="AJ13" s="372"/>
      <c r="AK13" s="372"/>
      <c r="AL13" s="372"/>
      <c r="AM13" s="372"/>
      <c r="AN13" s="372"/>
      <c r="AO13" s="372"/>
      <c r="AP13" s="372"/>
      <c r="AQ13" s="372"/>
      <c r="AR13" s="372"/>
      <c r="AS13" s="372"/>
      <c r="AT13" s="372"/>
      <c r="AU13" s="372"/>
      <c r="AV13" s="372"/>
      <c r="AW13" s="372"/>
      <c r="AX13" s="372"/>
      <c r="AY13" s="372"/>
      <c r="AZ13" s="372"/>
      <c r="BA13" s="372"/>
      <c r="BB13" s="372"/>
      <c r="BC13" s="372"/>
      <c r="BD13" s="372"/>
      <c r="BE13" s="372"/>
      <c r="BF13" s="372"/>
      <c r="BG13" s="372"/>
      <c r="BH13" s="372"/>
      <c r="BI13" s="372"/>
      <c r="BJ13" s="372"/>
      <c r="BK13" s="372"/>
      <c r="BL13" s="372"/>
      <c r="BM13" s="372"/>
      <c r="BN13" s="372"/>
      <c r="BO13" s="372"/>
      <c r="BP13" s="372"/>
      <c r="BQ13" s="372"/>
      <c r="BR13" s="372" t="s">
        <v>2190</v>
      </c>
      <c r="BS13" s="372"/>
      <c r="BT13" s="372"/>
      <c r="BU13" s="372"/>
      <c r="BV13" s="372"/>
      <c r="BW13" s="372"/>
      <c r="BX13" s="372"/>
      <c r="BY13" s="372"/>
      <c r="BZ13" s="372"/>
      <c r="CA13" s="372"/>
      <c r="CB13" s="372"/>
      <c r="CC13" s="372"/>
      <c r="CD13" s="389"/>
      <c r="CE13" s="350" t="s">
        <v>2232</v>
      </c>
      <c r="CF13" s="350"/>
      <c r="CG13" s="350" t="s">
        <v>2234</v>
      </c>
    </row>
    <row r="14" spans="1:87" ht="153" hidden="1" customHeight="1" x14ac:dyDescent="0.2">
      <c r="A14" s="576"/>
      <c r="C14" s="576"/>
      <c r="D14" s="346">
        <v>45</v>
      </c>
      <c r="E14" s="346"/>
      <c r="F14" s="346" t="s">
        <v>2182</v>
      </c>
      <c r="G14" s="370" t="s">
        <v>1385</v>
      </c>
      <c r="H14" s="370" t="s">
        <v>295</v>
      </c>
      <c r="I14" s="350" t="s">
        <v>329</v>
      </c>
      <c r="J14" s="350" t="s">
        <v>2237</v>
      </c>
      <c r="K14" s="350" t="s">
        <v>2238</v>
      </c>
      <c r="L14" s="469" t="s">
        <v>2205</v>
      </c>
      <c r="M14" s="350" t="s">
        <v>254</v>
      </c>
      <c r="N14" s="350" t="s">
        <v>2206</v>
      </c>
      <c r="O14" s="350"/>
      <c r="P14" s="350" t="s">
        <v>2221</v>
      </c>
      <c r="Q14" s="350" t="s">
        <v>869</v>
      </c>
      <c r="R14" s="350"/>
      <c r="S14" s="371" t="s">
        <v>2226</v>
      </c>
      <c r="T14" s="371"/>
      <c r="U14" s="472" t="s">
        <v>63</v>
      </c>
      <c r="V14" s="472" t="s">
        <v>63</v>
      </c>
      <c r="W14" s="388">
        <v>4007770.5514719128</v>
      </c>
      <c r="X14" s="388"/>
      <c r="Y14" s="372" t="s">
        <v>2188</v>
      </c>
      <c r="Z14" s="372"/>
      <c r="AA14" s="372">
        <v>4007770.5514719128</v>
      </c>
      <c r="AB14" s="372"/>
      <c r="AC14" s="372" t="s">
        <v>2189</v>
      </c>
      <c r="AD14" s="372"/>
      <c r="AE14" s="372"/>
      <c r="AF14" s="372"/>
      <c r="AG14" s="372"/>
      <c r="AH14" s="372"/>
      <c r="AI14" s="372"/>
      <c r="AJ14" s="372"/>
      <c r="AK14" s="372"/>
      <c r="AL14" s="372"/>
      <c r="AM14" s="372"/>
      <c r="AN14" s="372"/>
      <c r="AO14" s="372"/>
      <c r="AP14" s="372"/>
      <c r="AQ14" s="372"/>
      <c r="AR14" s="372"/>
      <c r="AS14" s="372"/>
      <c r="AT14" s="372"/>
      <c r="AU14" s="372"/>
      <c r="AV14" s="372"/>
      <c r="AW14" s="372"/>
      <c r="AX14" s="372"/>
      <c r="AY14" s="372"/>
      <c r="AZ14" s="372"/>
      <c r="BA14" s="372"/>
      <c r="BB14" s="372"/>
      <c r="BC14" s="372"/>
      <c r="BD14" s="372"/>
      <c r="BE14" s="372"/>
      <c r="BF14" s="372"/>
      <c r="BG14" s="372"/>
      <c r="BH14" s="372"/>
      <c r="BI14" s="372"/>
      <c r="BJ14" s="372"/>
      <c r="BK14" s="372"/>
      <c r="BL14" s="372"/>
      <c r="BM14" s="372"/>
      <c r="BN14" s="372"/>
      <c r="BO14" s="372"/>
      <c r="BP14" s="372"/>
      <c r="BQ14" s="372"/>
      <c r="BR14" s="372"/>
      <c r="BS14" s="372" t="s">
        <v>2190</v>
      </c>
      <c r="BT14" s="372"/>
      <c r="BU14" s="372"/>
      <c r="BV14" s="372"/>
      <c r="BW14" s="372"/>
      <c r="BX14" s="372"/>
      <c r="BY14" s="372"/>
      <c r="BZ14" s="372"/>
      <c r="CA14" s="372"/>
      <c r="CB14" s="372"/>
      <c r="CC14" s="372"/>
      <c r="CD14" s="389"/>
      <c r="CE14" s="350" t="s">
        <v>2232</v>
      </c>
      <c r="CF14" s="350" t="s">
        <v>2233</v>
      </c>
      <c r="CG14" s="350" t="s">
        <v>2234</v>
      </c>
    </row>
    <row r="15" spans="1:87" ht="153" customHeight="1" x14ac:dyDescent="0.2">
      <c r="A15" s="477" t="s">
        <v>2214</v>
      </c>
      <c r="B15" s="261" t="s">
        <v>2239</v>
      </c>
      <c r="C15" s="579" t="s">
        <v>2240</v>
      </c>
      <c r="D15" s="349">
        <v>17</v>
      </c>
      <c r="E15" s="349"/>
      <c r="F15" s="349" t="s">
        <v>2182</v>
      </c>
      <c r="G15" s="383" t="s">
        <v>1385</v>
      </c>
      <c r="H15" s="383" t="s">
        <v>54</v>
      </c>
      <c r="I15" s="352" t="s">
        <v>1330</v>
      </c>
      <c r="J15" s="352" t="s">
        <v>120</v>
      </c>
      <c r="K15" s="384" t="s">
        <v>121</v>
      </c>
      <c r="L15" s="469" t="s">
        <v>253</v>
      </c>
      <c r="M15" s="352" t="s">
        <v>2217</v>
      </c>
      <c r="N15" s="352" t="s">
        <v>63</v>
      </c>
      <c r="O15" s="352"/>
      <c r="P15" s="352" t="s">
        <v>81</v>
      </c>
      <c r="Q15" s="352" t="s">
        <v>61</v>
      </c>
      <c r="R15" s="352"/>
      <c r="S15" s="385" t="s">
        <v>2195</v>
      </c>
      <c r="T15" s="385"/>
      <c r="U15" s="472" t="s">
        <v>63</v>
      </c>
      <c r="V15" s="472" t="s">
        <v>63</v>
      </c>
      <c r="W15" s="386">
        <v>120000</v>
      </c>
      <c r="X15" s="386"/>
      <c r="Y15" s="386" t="s">
        <v>2188</v>
      </c>
      <c r="Z15" s="386"/>
      <c r="AA15" s="386">
        <v>120000</v>
      </c>
      <c r="AB15" s="386"/>
      <c r="AC15" s="386" t="s">
        <v>65</v>
      </c>
      <c r="AD15" s="386"/>
      <c r="AE15" s="386"/>
      <c r="AF15" s="386"/>
      <c r="AG15" s="386"/>
      <c r="AH15" s="386"/>
      <c r="AI15" s="386"/>
      <c r="AJ15" s="386"/>
      <c r="AK15" s="386"/>
      <c r="AL15" s="386"/>
      <c r="AM15" s="386"/>
      <c r="AN15" s="386"/>
      <c r="AO15" s="386"/>
      <c r="AP15" s="386"/>
      <c r="AQ15" s="386"/>
      <c r="AR15" s="386"/>
      <c r="AS15" s="386"/>
      <c r="AT15" s="386"/>
      <c r="AU15" s="386"/>
      <c r="AV15" s="386"/>
      <c r="AW15" s="386"/>
      <c r="AX15" s="386"/>
      <c r="AY15" s="386"/>
      <c r="AZ15" s="386"/>
      <c r="BA15" s="386"/>
      <c r="BB15" s="386"/>
      <c r="BC15" s="386"/>
      <c r="BD15" s="386"/>
      <c r="BE15" s="386"/>
      <c r="BF15" s="386"/>
      <c r="BG15" s="386"/>
      <c r="BH15" s="386"/>
      <c r="BI15" s="386"/>
      <c r="BJ15" s="386"/>
      <c r="BK15" s="386"/>
      <c r="BL15" s="386"/>
      <c r="BM15" s="386"/>
      <c r="BN15" s="386"/>
      <c r="BO15" s="386"/>
      <c r="BP15" s="386"/>
      <c r="BQ15" s="386"/>
      <c r="BR15" s="386"/>
      <c r="BS15" s="386"/>
      <c r="BT15" s="386"/>
      <c r="BU15" s="386"/>
      <c r="BV15" s="386"/>
      <c r="BW15" s="386"/>
      <c r="BX15" s="386"/>
      <c r="BY15" s="386"/>
      <c r="BZ15" s="386"/>
      <c r="CA15" s="386"/>
      <c r="CB15" s="386"/>
      <c r="CC15" s="386"/>
      <c r="CD15" s="386"/>
      <c r="CE15" s="352" t="s">
        <v>2241</v>
      </c>
      <c r="CF15" s="386"/>
      <c r="CG15" s="387" t="s">
        <v>2197</v>
      </c>
    </row>
    <row r="16" spans="1:87" ht="153" hidden="1" customHeight="1" x14ac:dyDescent="0.2">
      <c r="A16" s="576"/>
      <c r="C16" s="576"/>
      <c r="D16" s="346">
        <v>49</v>
      </c>
      <c r="E16" s="346"/>
      <c r="F16" s="346" t="s">
        <v>2182</v>
      </c>
      <c r="G16" s="370" t="s">
        <v>1385</v>
      </c>
      <c r="H16" s="370" t="s">
        <v>295</v>
      </c>
      <c r="I16" s="350" t="s">
        <v>2183</v>
      </c>
      <c r="J16" s="350" t="s">
        <v>2242</v>
      </c>
      <c r="K16" s="350" t="s">
        <v>2243</v>
      </c>
      <c r="L16" s="469" t="s">
        <v>2200</v>
      </c>
      <c r="M16" s="350" t="s">
        <v>254</v>
      </c>
      <c r="N16" s="350" t="s">
        <v>2194</v>
      </c>
      <c r="O16" s="350"/>
      <c r="P16" s="350" t="s">
        <v>60</v>
      </c>
      <c r="Q16" s="350" t="s">
        <v>2187</v>
      </c>
      <c r="R16" s="350"/>
      <c r="S16" s="371" t="s">
        <v>2226</v>
      </c>
      <c r="T16" s="371"/>
      <c r="U16" s="472" t="s">
        <v>63</v>
      </c>
      <c r="V16" s="472" t="s">
        <v>63</v>
      </c>
      <c r="W16" s="372">
        <v>1600000</v>
      </c>
      <c r="X16" s="372"/>
      <c r="Y16" s="372" t="s">
        <v>2188</v>
      </c>
      <c r="Z16" s="372"/>
      <c r="AA16" s="372">
        <v>1600000</v>
      </c>
      <c r="AB16" s="372"/>
      <c r="AC16" s="372" t="s">
        <v>2189</v>
      </c>
      <c r="AD16" s="372"/>
      <c r="AE16" s="372"/>
      <c r="AF16" s="372"/>
      <c r="AG16" s="372"/>
      <c r="AH16" s="372"/>
      <c r="AI16" s="372"/>
      <c r="AJ16" s="372"/>
      <c r="AK16" s="372"/>
      <c r="AL16" s="372"/>
      <c r="AM16" s="372"/>
      <c r="AN16" s="372"/>
      <c r="AO16" s="372"/>
      <c r="AP16" s="372"/>
      <c r="AQ16" s="372"/>
      <c r="AR16" s="372"/>
      <c r="AS16" s="372"/>
      <c r="AT16" s="372"/>
      <c r="AU16" s="372"/>
      <c r="AV16" s="372"/>
      <c r="AW16" s="372"/>
      <c r="AX16" s="372"/>
      <c r="AY16" s="372"/>
      <c r="AZ16" s="372"/>
      <c r="BA16" s="372"/>
      <c r="BB16" s="372"/>
      <c r="BC16" s="372"/>
      <c r="BD16" s="372"/>
      <c r="BE16" s="372"/>
      <c r="BF16" s="372"/>
      <c r="BG16" s="372"/>
      <c r="BH16" s="372"/>
      <c r="BI16" s="372"/>
      <c r="BJ16" s="372"/>
      <c r="BK16" s="372"/>
      <c r="BL16" s="372"/>
      <c r="BM16" s="372"/>
      <c r="BN16" s="372"/>
      <c r="BO16" s="372"/>
      <c r="BP16" s="372"/>
      <c r="BQ16" s="372"/>
      <c r="BR16" s="372" t="s">
        <v>2190</v>
      </c>
      <c r="BS16" s="372"/>
      <c r="BT16" s="372"/>
      <c r="BU16" s="372"/>
      <c r="BV16" s="372"/>
      <c r="BW16" s="372"/>
      <c r="BX16" s="372"/>
      <c r="BY16" s="372"/>
      <c r="BZ16" s="372"/>
      <c r="CA16" s="372"/>
      <c r="CB16" s="372"/>
      <c r="CC16" s="372"/>
      <c r="CD16" s="372"/>
      <c r="CE16" s="350" t="s">
        <v>2191</v>
      </c>
      <c r="CF16" s="350"/>
      <c r="CG16" s="350" t="s">
        <v>869</v>
      </c>
    </row>
    <row r="17" spans="1:85" ht="153" hidden="1" customHeight="1" x14ac:dyDescent="0.2">
      <c r="A17" s="576"/>
      <c r="C17" s="576"/>
      <c r="D17" s="346">
        <v>50</v>
      </c>
      <c r="E17" s="346"/>
      <c r="F17" s="346" t="s">
        <v>2182</v>
      </c>
      <c r="G17" s="370" t="s">
        <v>1385</v>
      </c>
      <c r="H17" s="370" t="s">
        <v>295</v>
      </c>
      <c r="I17" s="350" t="s">
        <v>2183</v>
      </c>
      <c r="J17" s="350" t="s">
        <v>2244</v>
      </c>
      <c r="K17" s="350" t="s">
        <v>2245</v>
      </c>
      <c r="L17" s="469" t="s">
        <v>2205</v>
      </c>
      <c r="M17" s="350" t="s">
        <v>254</v>
      </c>
      <c r="N17" s="350" t="s">
        <v>2206</v>
      </c>
      <c r="O17" s="350"/>
      <c r="P17" s="350" t="s">
        <v>543</v>
      </c>
      <c r="Q17" s="350" t="s">
        <v>2187</v>
      </c>
      <c r="R17" s="350"/>
      <c r="S17" s="371" t="s">
        <v>2226</v>
      </c>
      <c r="T17" s="371"/>
      <c r="U17" s="472" t="s">
        <v>63</v>
      </c>
      <c r="V17" s="472" t="s">
        <v>63</v>
      </c>
      <c r="W17" s="372">
        <v>2400000</v>
      </c>
      <c r="X17" s="372"/>
      <c r="Y17" s="372" t="s">
        <v>2188</v>
      </c>
      <c r="Z17" s="372"/>
      <c r="AA17" s="372">
        <v>2400000</v>
      </c>
      <c r="AB17" s="372"/>
      <c r="AC17" s="372" t="s">
        <v>2189</v>
      </c>
      <c r="AD17" s="372"/>
      <c r="AE17" s="372"/>
      <c r="AF17" s="372"/>
      <c r="AG17" s="372"/>
      <c r="AH17" s="372"/>
      <c r="AI17" s="372"/>
      <c r="AJ17" s="372"/>
      <c r="AK17" s="372"/>
      <c r="AL17" s="372"/>
      <c r="AM17" s="372"/>
      <c r="AN17" s="372"/>
      <c r="AO17" s="372"/>
      <c r="AP17" s="372"/>
      <c r="AQ17" s="372"/>
      <c r="AR17" s="372"/>
      <c r="AS17" s="372"/>
      <c r="AT17" s="372"/>
      <c r="AU17" s="372"/>
      <c r="AV17" s="372"/>
      <c r="AW17" s="372"/>
      <c r="AX17" s="372"/>
      <c r="AY17" s="372"/>
      <c r="AZ17" s="372"/>
      <c r="BA17" s="372"/>
      <c r="BB17" s="372"/>
      <c r="BC17" s="372"/>
      <c r="BD17" s="372"/>
      <c r="BE17" s="372"/>
      <c r="BF17" s="372"/>
      <c r="BG17" s="372"/>
      <c r="BH17" s="372"/>
      <c r="BI17" s="372"/>
      <c r="BJ17" s="372"/>
      <c r="BK17" s="372"/>
      <c r="BL17" s="372"/>
      <c r="BM17" s="372"/>
      <c r="BN17" s="372"/>
      <c r="BO17" s="372"/>
      <c r="BP17" s="372"/>
      <c r="BQ17" s="372"/>
      <c r="BR17" s="372"/>
      <c r="BS17" s="372" t="s">
        <v>2190</v>
      </c>
      <c r="BT17" s="372"/>
      <c r="BU17" s="372"/>
      <c r="BV17" s="372"/>
      <c r="BW17" s="372"/>
      <c r="BX17" s="372"/>
      <c r="BY17" s="372"/>
      <c r="BZ17" s="372"/>
      <c r="CA17" s="372"/>
      <c r="CB17" s="372"/>
      <c r="CC17" s="372"/>
      <c r="CD17" s="372"/>
      <c r="CE17" s="350" t="s">
        <v>2191</v>
      </c>
      <c r="CF17" s="350"/>
      <c r="CG17" s="350" t="s">
        <v>869</v>
      </c>
    </row>
    <row r="18" spans="1:85" ht="153" hidden="1" customHeight="1" x14ac:dyDescent="0.2">
      <c r="A18" s="477" t="s">
        <v>2214</v>
      </c>
      <c r="C18" s="579" t="s">
        <v>2246</v>
      </c>
      <c r="D18" s="349">
        <v>59</v>
      </c>
      <c r="E18" s="349"/>
      <c r="F18" s="349" t="s">
        <v>2182</v>
      </c>
      <c r="G18" s="383" t="s">
        <v>1385</v>
      </c>
      <c r="H18" s="383" t="s">
        <v>1331</v>
      </c>
      <c r="I18" s="352" t="s">
        <v>1339</v>
      </c>
      <c r="J18" s="352" t="s">
        <v>2247</v>
      </c>
      <c r="K18" s="384" t="s">
        <v>2248</v>
      </c>
      <c r="L18" s="469" t="s">
        <v>253</v>
      </c>
      <c r="M18" s="352" t="s">
        <v>2249</v>
      </c>
      <c r="N18" s="352" t="s">
        <v>63</v>
      </c>
      <c r="O18" s="352"/>
      <c r="P18" s="352" t="s">
        <v>81</v>
      </c>
      <c r="Q18" s="352" t="s">
        <v>2250</v>
      </c>
      <c r="R18" s="352"/>
      <c r="S18" s="385" t="s">
        <v>2251</v>
      </c>
      <c r="T18" s="385"/>
      <c r="U18" s="472" t="s">
        <v>63</v>
      </c>
      <c r="V18" s="472" t="s">
        <v>63</v>
      </c>
      <c r="W18" s="386" t="s">
        <v>63</v>
      </c>
      <c r="X18" s="386"/>
      <c r="Y18" s="386" t="s">
        <v>718</v>
      </c>
      <c r="Z18" s="386"/>
      <c r="AA18" s="386" t="s">
        <v>63</v>
      </c>
      <c r="AB18" s="386"/>
      <c r="AC18" s="386" t="s">
        <v>2189</v>
      </c>
      <c r="AD18" s="386"/>
      <c r="AE18" s="386"/>
      <c r="AF18" s="386"/>
      <c r="AG18" s="386"/>
      <c r="AH18" s="386"/>
      <c r="AI18" s="386"/>
      <c r="AJ18" s="386"/>
      <c r="AK18" s="386"/>
      <c r="AL18" s="386"/>
      <c r="AM18" s="386"/>
      <c r="AN18" s="386"/>
      <c r="AO18" s="386"/>
      <c r="AP18" s="386"/>
      <c r="AQ18" s="386"/>
      <c r="AR18" s="386"/>
      <c r="AS18" s="386"/>
      <c r="AT18" s="386"/>
      <c r="AU18" s="386"/>
      <c r="AV18" s="386"/>
      <c r="AW18" s="386"/>
      <c r="AX18" s="386"/>
      <c r="AY18" s="386"/>
      <c r="AZ18" s="386"/>
      <c r="BA18" s="386"/>
      <c r="BB18" s="386"/>
      <c r="BC18" s="386"/>
      <c r="BD18" s="386"/>
      <c r="BE18" s="386"/>
      <c r="BF18" s="386"/>
      <c r="BG18" s="386"/>
      <c r="BH18" s="386"/>
      <c r="BI18" s="386" t="s">
        <v>2190</v>
      </c>
      <c r="BJ18" s="386" t="s">
        <v>2190</v>
      </c>
      <c r="BK18" s="386" t="s">
        <v>2190</v>
      </c>
      <c r="BL18" s="386" t="s">
        <v>2190</v>
      </c>
      <c r="BM18" s="386" t="s">
        <v>2190</v>
      </c>
      <c r="BN18" s="386" t="s">
        <v>2190</v>
      </c>
      <c r="BO18" s="386" t="s">
        <v>2190</v>
      </c>
      <c r="BP18" s="386" t="s">
        <v>2190</v>
      </c>
      <c r="BQ18" s="386" t="s">
        <v>2190</v>
      </c>
      <c r="BR18" s="386" t="s">
        <v>2190</v>
      </c>
      <c r="BS18" s="386" t="s">
        <v>2190</v>
      </c>
      <c r="BT18" s="386" t="s">
        <v>2190</v>
      </c>
      <c r="BU18" s="386" t="s">
        <v>2190</v>
      </c>
      <c r="BV18" s="386" t="s">
        <v>2190</v>
      </c>
      <c r="BW18" s="386" t="s">
        <v>2190</v>
      </c>
      <c r="BX18" s="386" t="s">
        <v>2190</v>
      </c>
      <c r="BY18" s="386" t="s">
        <v>2190</v>
      </c>
      <c r="BZ18" s="386" t="s">
        <v>2190</v>
      </c>
      <c r="CA18" s="386" t="s">
        <v>2190</v>
      </c>
      <c r="CB18" s="386" t="s">
        <v>2190</v>
      </c>
      <c r="CC18" s="386" t="s">
        <v>2190</v>
      </c>
      <c r="CD18" s="386" t="s">
        <v>2190</v>
      </c>
      <c r="CE18" s="352"/>
      <c r="CF18" s="352"/>
      <c r="CG18" s="352" t="s">
        <v>2252</v>
      </c>
    </row>
    <row r="19" spans="1:85" ht="153" hidden="1" customHeight="1" x14ac:dyDescent="0.2">
      <c r="A19" s="477" t="s">
        <v>2214</v>
      </c>
      <c r="C19" s="579" t="s">
        <v>2253</v>
      </c>
      <c r="D19" s="349">
        <v>61</v>
      </c>
      <c r="E19" s="349"/>
      <c r="F19" s="349" t="s">
        <v>2182</v>
      </c>
      <c r="G19" s="383" t="s">
        <v>1385</v>
      </c>
      <c r="H19" s="383" t="s">
        <v>1331</v>
      </c>
      <c r="I19" s="352" t="s">
        <v>2254</v>
      </c>
      <c r="J19" s="352" t="s">
        <v>2255</v>
      </c>
      <c r="K19" s="384" t="s">
        <v>2256</v>
      </c>
      <c r="L19" s="469" t="s">
        <v>2257</v>
      </c>
      <c r="M19" s="352" t="s">
        <v>2249</v>
      </c>
      <c r="N19" s="352" t="s">
        <v>63</v>
      </c>
      <c r="O19" s="352"/>
      <c r="P19" s="352" t="s">
        <v>81</v>
      </c>
      <c r="Q19" s="352" t="s">
        <v>869</v>
      </c>
      <c r="R19" s="352"/>
      <c r="S19" s="386" t="s">
        <v>2258</v>
      </c>
      <c r="T19" s="386"/>
      <c r="U19" s="472" t="s">
        <v>63</v>
      </c>
      <c r="V19" s="472" t="s">
        <v>63</v>
      </c>
      <c r="W19" s="386" t="s">
        <v>63</v>
      </c>
      <c r="X19" s="386"/>
      <c r="Y19" s="386" t="s">
        <v>2188</v>
      </c>
      <c r="Z19" s="386"/>
      <c r="AA19" s="386" t="s">
        <v>63</v>
      </c>
      <c r="AB19" s="386"/>
      <c r="AC19" s="386" t="s">
        <v>2189</v>
      </c>
      <c r="AD19" s="386"/>
      <c r="AE19" s="386"/>
      <c r="AF19" s="386"/>
      <c r="AG19" s="386"/>
      <c r="AH19" s="386"/>
      <c r="AI19" s="386"/>
      <c r="AJ19" s="386"/>
      <c r="AK19" s="386"/>
      <c r="AL19" s="386"/>
      <c r="AM19" s="386"/>
      <c r="AN19" s="386"/>
      <c r="AO19" s="386"/>
      <c r="AP19" s="386"/>
      <c r="AQ19" s="386"/>
      <c r="AR19" s="386"/>
      <c r="AS19" s="386"/>
      <c r="AT19" s="386"/>
      <c r="AU19" s="386"/>
      <c r="AV19" s="386"/>
      <c r="AW19" s="386"/>
      <c r="AX19" s="386"/>
      <c r="AY19" s="386"/>
      <c r="AZ19" s="386"/>
      <c r="BA19" s="386"/>
      <c r="BB19" s="386"/>
      <c r="BC19" s="386"/>
      <c r="BD19" s="386"/>
      <c r="BE19" s="386"/>
      <c r="BF19" s="386"/>
      <c r="BG19" s="386"/>
      <c r="BH19" s="386"/>
      <c r="BI19" s="386" t="s">
        <v>2190</v>
      </c>
      <c r="BJ19" s="386" t="s">
        <v>2190</v>
      </c>
      <c r="BK19" s="386" t="s">
        <v>2190</v>
      </c>
      <c r="BL19" s="386" t="s">
        <v>2190</v>
      </c>
      <c r="BM19" s="386" t="s">
        <v>2190</v>
      </c>
      <c r="BN19" s="386" t="s">
        <v>2190</v>
      </c>
      <c r="BO19" s="386" t="s">
        <v>2190</v>
      </c>
      <c r="BP19" s="386" t="s">
        <v>2190</v>
      </c>
      <c r="BQ19" s="386" t="s">
        <v>2190</v>
      </c>
      <c r="BR19" s="386" t="s">
        <v>2190</v>
      </c>
      <c r="BS19" s="386" t="s">
        <v>2190</v>
      </c>
      <c r="BT19" s="386" t="s">
        <v>2190</v>
      </c>
      <c r="BU19" s="386" t="s">
        <v>2190</v>
      </c>
      <c r="BV19" s="386" t="s">
        <v>2190</v>
      </c>
      <c r="BW19" s="386" t="s">
        <v>2190</v>
      </c>
      <c r="BX19" s="386" t="s">
        <v>2190</v>
      </c>
      <c r="BY19" s="386" t="s">
        <v>2190</v>
      </c>
      <c r="BZ19" s="386" t="s">
        <v>2190</v>
      </c>
      <c r="CA19" s="386" t="s">
        <v>2190</v>
      </c>
      <c r="CB19" s="386" t="s">
        <v>2190</v>
      </c>
      <c r="CC19" s="386" t="s">
        <v>2190</v>
      </c>
      <c r="CD19" s="386" t="s">
        <v>2190</v>
      </c>
      <c r="CE19" s="352"/>
      <c r="CF19" s="352"/>
      <c r="CG19" s="352" t="s">
        <v>2259</v>
      </c>
    </row>
    <row r="20" spans="1:85" ht="153" hidden="1" customHeight="1" x14ac:dyDescent="0.2">
      <c r="A20" s="553" t="s">
        <v>2260</v>
      </c>
      <c r="C20" s="578"/>
      <c r="D20" s="348">
        <v>67</v>
      </c>
      <c r="E20" s="348"/>
      <c r="F20" s="348" t="s">
        <v>2182</v>
      </c>
      <c r="G20" s="379" t="s">
        <v>1385</v>
      </c>
      <c r="H20" s="379" t="s">
        <v>1331</v>
      </c>
      <c r="I20" s="351" t="s">
        <v>2261</v>
      </c>
      <c r="J20" s="351" t="s">
        <v>2262</v>
      </c>
      <c r="K20" s="351" t="s">
        <v>2263</v>
      </c>
      <c r="L20" s="469" t="s">
        <v>2264</v>
      </c>
      <c r="M20" s="351" t="s">
        <v>2264</v>
      </c>
      <c r="N20" s="351" t="s">
        <v>2265</v>
      </c>
      <c r="O20" s="351"/>
      <c r="P20" s="351" t="s">
        <v>60</v>
      </c>
      <c r="Q20" s="351" t="s">
        <v>869</v>
      </c>
      <c r="R20" s="351"/>
      <c r="S20" s="390" t="s">
        <v>2266</v>
      </c>
      <c r="T20" s="390"/>
      <c r="U20" s="472" t="s">
        <v>63</v>
      </c>
      <c r="V20" s="472" t="s">
        <v>63</v>
      </c>
      <c r="W20" s="391">
        <v>484962.30060000002</v>
      </c>
      <c r="X20" s="391"/>
      <c r="Y20" s="381" t="s">
        <v>2188</v>
      </c>
      <c r="Z20" s="381"/>
      <c r="AA20" s="391">
        <v>484962.30060000002</v>
      </c>
      <c r="AB20" s="381"/>
      <c r="AC20" s="381" t="s">
        <v>2189</v>
      </c>
      <c r="AD20" s="381"/>
      <c r="AE20" s="381"/>
      <c r="AF20" s="381"/>
      <c r="AG20" s="381"/>
      <c r="AH20" s="381"/>
      <c r="AI20" s="381"/>
      <c r="AJ20" s="381"/>
      <c r="AK20" s="381"/>
      <c r="AL20" s="381"/>
      <c r="AM20" s="381"/>
      <c r="AN20" s="381"/>
      <c r="AO20" s="381"/>
      <c r="AP20" s="381"/>
      <c r="AQ20" s="381"/>
      <c r="AR20" s="381"/>
      <c r="AS20" s="381"/>
      <c r="AT20" s="381"/>
      <c r="AU20" s="381"/>
      <c r="AV20" s="381"/>
      <c r="AW20" s="381"/>
      <c r="AX20" s="381"/>
      <c r="AY20" s="381"/>
      <c r="AZ20" s="381"/>
      <c r="BA20" s="381"/>
      <c r="BB20" s="381"/>
      <c r="BC20" s="381"/>
      <c r="BD20" s="381"/>
      <c r="BE20" s="381"/>
      <c r="BF20" s="381"/>
      <c r="BG20" s="381"/>
      <c r="BH20" s="381"/>
      <c r="BI20" s="381"/>
      <c r="BJ20" s="381"/>
      <c r="BK20" s="381"/>
      <c r="BL20" s="381"/>
      <c r="BM20" s="381"/>
      <c r="BN20" s="381" t="s">
        <v>2190</v>
      </c>
      <c r="BO20" s="381"/>
      <c r="BP20" s="381"/>
      <c r="BQ20" s="381"/>
      <c r="BR20" s="381"/>
      <c r="BS20" s="381"/>
      <c r="BT20" s="381"/>
      <c r="BU20" s="381"/>
      <c r="BV20" s="381"/>
      <c r="BW20" s="381"/>
      <c r="BX20" s="381"/>
      <c r="BY20" s="381"/>
      <c r="BZ20" s="381"/>
      <c r="CA20" s="381"/>
      <c r="CB20" s="381"/>
      <c r="CC20" s="381"/>
      <c r="CD20" s="392"/>
      <c r="CE20" s="351" t="s">
        <v>2267</v>
      </c>
      <c r="CF20" s="351"/>
      <c r="CG20" s="351"/>
    </row>
    <row r="21" spans="1:85" ht="153" hidden="1" customHeight="1" x14ac:dyDescent="0.2">
      <c r="A21" s="584"/>
      <c r="C21" s="576"/>
      <c r="D21" s="346">
        <v>70</v>
      </c>
      <c r="E21" s="346"/>
      <c r="F21" s="346" t="s">
        <v>2182</v>
      </c>
      <c r="G21" s="370" t="s">
        <v>1385</v>
      </c>
      <c r="H21" s="370" t="s">
        <v>1331</v>
      </c>
      <c r="I21" s="350" t="s">
        <v>2261</v>
      </c>
      <c r="J21" s="350" t="s">
        <v>2268</v>
      </c>
      <c r="K21" s="350" t="s">
        <v>2269</v>
      </c>
      <c r="L21" s="469" t="s">
        <v>2186</v>
      </c>
      <c r="M21" s="350" t="s">
        <v>254</v>
      </c>
      <c r="N21" s="350" t="s">
        <v>59</v>
      </c>
      <c r="O21" s="350"/>
      <c r="P21" s="350" t="s">
        <v>60</v>
      </c>
      <c r="Q21" s="350" t="s">
        <v>869</v>
      </c>
      <c r="R21" s="350"/>
      <c r="S21" s="371" t="s">
        <v>169</v>
      </c>
      <c r="T21" s="371"/>
      <c r="U21" s="472" t="s">
        <v>63</v>
      </c>
      <c r="V21" s="472" t="s">
        <v>63</v>
      </c>
      <c r="W21" s="393">
        <v>1471279.32</v>
      </c>
      <c r="X21" s="393"/>
      <c r="Y21" s="372" t="s">
        <v>2188</v>
      </c>
      <c r="Z21" s="372"/>
      <c r="AA21" s="393">
        <v>1471279.32</v>
      </c>
      <c r="AB21" s="372"/>
      <c r="AC21" s="372" t="s">
        <v>2189</v>
      </c>
      <c r="AD21" s="372"/>
      <c r="AE21" s="372"/>
      <c r="AF21" s="372"/>
      <c r="AG21" s="372"/>
      <c r="AH21" s="372"/>
      <c r="AI21" s="372"/>
      <c r="AJ21" s="372"/>
      <c r="AK21" s="372"/>
      <c r="AL21" s="372"/>
      <c r="AM21" s="372"/>
      <c r="AN21" s="372"/>
      <c r="AO21" s="372"/>
      <c r="AP21" s="372"/>
      <c r="AQ21" s="372"/>
      <c r="AR21" s="372"/>
      <c r="AS21" s="372"/>
      <c r="AT21" s="372"/>
      <c r="AU21" s="372"/>
      <c r="AV21" s="372"/>
      <c r="AW21" s="372"/>
      <c r="AX21" s="372"/>
      <c r="AY21" s="372"/>
      <c r="AZ21" s="372"/>
      <c r="BA21" s="372"/>
      <c r="BB21" s="372"/>
      <c r="BC21" s="372"/>
      <c r="BD21" s="372"/>
      <c r="BE21" s="372"/>
      <c r="BF21" s="372"/>
      <c r="BG21" s="372"/>
      <c r="BH21" s="372"/>
      <c r="BI21" s="372"/>
      <c r="BJ21" s="372"/>
      <c r="BK21" s="372"/>
      <c r="BL21" s="372"/>
      <c r="BM21" s="372"/>
      <c r="BN21" s="372"/>
      <c r="BO21" s="372"/>
      <c r="BP21" s="372"/>
      <c r="BQ21" s="372" t="s">
        <v>2190</v>
      </c>
      <c r="BR21" s="372"/>
      <c r="BS21" s="372"/>
      <c r="BT21" s="372"/>
      <c r="BU21" s="372"/>
      <c r="BV21" s="372"/>
      <c r="BW21" s="372"/>
      <c r="BX21" s="372"/>
      <c r="BY21" s="372"/>
      <c r="BZ21" s="372"/>
      <c r="CA21" s="372"/>
      <c r="CB21" s="372"/>
      <c r="CC21" s="372"/>
      <c r="CD21" s="389"/>
      <c r="CE21" s="350" t="s">
        <v>2270</v>
      </c>
      <c r="CF21" s="350"/>
      <c r="CG21" s="350"/>
    </row>
    <row r="22" spans="1:85" ht="153" hidden="1" customHeight="1" x14ac:dyDescent="0.2">
      <c r="A22" s="584"/>
      <c r="C22" s="576"/>
      <c r="D22" s="346">
        <v>71</v>
      </c>
      <c r="E22" s="346"/>
      <c r="F22" s="346" t="s">
        <v>2182</v>
      </c>
      <c r="G22" s="370" t="s">
        <v>1385</v>
      </c>
      <c r="H22" s="370" t="s">
        <v>1331</v>
      </c>
      <c r="I22" s="350" t="s">
        <v>2261</v>
      </c>
      <c r="J22" s="350" t="s">
        <v>2271</v>
      </c>
      <c r="K22" s="350" t="s">
        <v>2272</v>
      </c>
      <c r="L22" s="469" t="s">
        <v>2186</v>
      </c>
      <c r="M22" s="350" t="s">
        <v>254</v>
      </c>
      <c r="N22" s="350" t="s">
        <v>2194</v>
      </c>
      <c r="O22" s="350"/>
      <c r="P22" s="350" t="s">
        <v>60</v>
      </c>
      <c r="Q22" s="350" t="s">
        <v>869</v>
      </c>
      <c r="R22" s="350"/>
      <c r="S22" s="371" t="s">
        <v>2226</v>
      </c>
      <c r="T22" s="371"/>
      <c r="U22" s="472" t="s">
        <v>63</v>
      </c>
      <c r="V22" s="472" t="s">
        <v>63</v>
      </c>
      <c r="W22" s="393">
        <v>1569364.608</v>
      </c>
      <c r="X22" s="393"/>
      <c r="Y22" s="372" t="s">
        <v>2188</v>
      </c>
      <c r="Z22" s="372"/>
      <c r="AA22" s="393">
        <v>1569364.608</v>
      </c>
      <c r="AB22" s="372"/>
      <c r="AC22" s="372" t="s">
        <v>2189</v>
      </c>
      <c r="AD22" s="372"/>
      <c r="AE22" s="372"/>
      <c r="AF22" s="372"/>
      <c r="AG22" s="372"/>
      <c r="AH22" s="372"/>
      <c r="AI22" s="372"/>
      <c r="AJ22" s="372"/>
      <c r="AK22" s="372"/>
      <c r="AL22" s="372"/>
      <c r="AM22" s="372"/>
      <c r="AN22" s="372"/>
      <c r="AO22" s="372"/>
      <c r="AP22" s="372"/>
      <c r="AQ22" s="372"/>
      <c r="AR22" s="372"/>
      <c r="AS22" s="372"/>
      <c r="AT22" s="372"/>
      <c r="AU22" s="372"/>
      <c r="AV22" s="372"/>
      <c r="AW22" s="372"/>
      <c r="AX22" s="372"/>
      <c r="AY22" s="372"/>
      <c r="AZ22" s="372"/>
      <c r="BA22" s="372"/>
      <c r="BB22" s="372"/>
      <c r="BC22" s="372"/>
      <c r="BD22" s="372"/>
      <c r="BE22" s="372"/>
      <c r="BF22" s="372"/>
      <c r="BG22" s="372"/>
      <c r="BH22" s="372"/>
      <c r="BI22" s="372"/>
      <c r="BJ22" s="372"/>
      <c r="BK22" s="372"/>
      <c r="BL22" s="372"/>
      <c r="BM22" s="372"/>
      <c r="BN22" s="372"/>
      <c r="BO22" s="372"/>
      <c r="BP22" s="372"/>
      <c r="BQ22" s="372"/>
      <c r="BR22" s="372" t="s">
        <v>2190</v>
      </c>
      <c r="BS22" s="372"/>
      <c r="BT22" s="372"/>
      <c r="BU22" s="372"/>
      <c r="BV22" s="372"/>
      <c r="BW22" s="372"/>
      <c r="BX22" s="372"/>
      <c r="BY22" s="372"/>
      <c r="BZ22" s="372"/>
      <c r="CA22" s="372"/>
      <c r="CB22" s="372"/>
      <c r="CC22" s="372"/>
      <c r="CD22" s="389"/>
      <c r="CE22" s="350" t="s">
        <v>2270</v>
      </c>
      <c r="CF22" s="350"/>
      <c r="CG22" s="350"/>
    </row>
    <row r="23" spans="1:85" ht="153" hidden="1" customHeight="1" x14ac:dyDescent="0.2">
      <c r="A23" s="584"/>
      <c r="C23" s="576"/>
      <c r="D23" s="346">
        <v>72</v>
      </c>
      <c r="E23" s="346"/>
      <c r="F23" s="346" t="s">
        <v>2182</v>
      </c>
      <c r="G23" s="370" t="s">
        <v>1385</v>
      </c>
      <c r="H23" s="370" t="s">
        <v>1331</v>
      </c>
      <c r="I23" s="350" t="s">
        <v>2261</v>
      </c>
      <c r="J23" s="350" t="s">
        <v>2273</v>
      </c>
      <c r="K23" s="350" t="s">
        <v>2274</v>
      </c>
      <c r="L23" s="469" t="s">
        <v>2205</v>
      </c>
      <c r="M23" s="350" t="s">
        <v>254</v>
      </c>
      <c r="N23" s="350" t="s">
        <v>2206</v>
      </c>
      <c r="O23" s="350"/>
      <c r="P23" s="350" t="s">
        <v>60</v>
      </c>
      <c r="Q23" s="350" t="s">
        <v>869</v>
      </c>
      <c r="R23" s="350"/>
      <c r="S23" s="371" t="s">
        <v>2226</v>
      </c>
      <c r="T23" s="371"/>
      <c r="U23" s="472" t="s">
        <v>63</v>
      </c>
      <c r="V23" s="472" t="s">
        <v>63</v>
      </c>
      <c r="W23" s="393">
        <v>2354046.912</v>
      </c>
      <c r="X23" s="393"/>
      <c r="Y23" s="372" t="s">
        <v>2188</v>
      </c>
      <c r="Z23" s="372"/>
      <c r="AA23" s="393">
        <v>2354046.912</v>
      </c>
      <c r="AB23" s="372"/>
      <c r="AC23" s="372" t="s">
        <v>2189</v>
      </c>
      <c r="AD23" s="372"/>
      <c r="AE23" s="372"/>
      <c r="AF23" s="372"/>
      <c r="AG23" s="372"/>
      <c r="AH23" s="372"/>
      <c r="AI23" s="372"/>
      <c r="AJ23" s="372"/>
      <c r="AK23" s="372"/>
      <c r="AL23" s="372"/>
      <c r="AM23" s="372"/>
      <c r="AN23" s="372"/>
      <c r="AO23" s="372"/>
      <c r="AP23" s="372"/>
      <c r="AQ23" s="372"/>
      <c r="AR23" s="372"/>
      <c r="AS23" s="372"/>
      <c r="AT23" s="372"/>
      <c r="AU23" s="372"/>
      <c r="AV23" s="372"/>
      <c r="AW23" s="372"/>
      <c r="AX23" s="372"/>
      <c r="AY23" s="372"/>
      <c r="AZ23" s="372"/>
      <c r="BA23" s="372"/>
      <c r="BB23" s="372"/>
      <c r="BC23" s="372"/>
      <c r="BD23" s="372"/>
      <c r="BE23" s="372"/>
      <c r="BF23" s="372"/>
      <c r="BG23" s="372"/>
      <c r="BH23" s="372"/>
      <c r="BI23" s="372"/>
      <c r="BJ23" s="372"/>
      <c r="BK23" s="372"/>
      <c r="BL23" s="372"/>
      <c r="BM23" s="372"/>
      <c r="BN23" s="372"/>
      <c r="BO23" s="372"/>
      <c r="BP23" s="372"/>
      <c r="BQ23" s="372"/>
      <c r="BR23" s="372"/>
      <c r="BS23" s="372" t="s">
        <v>2190</v>
      </c>
      <c r="BT23" s="372"/>
      <c r="BU23" s="372"/>
      <c r="BV23" s="372"/>
      <c r="BW23" s="372"/>
      <c r="BX23" s="372"/>
      <c r="BY23" s="372"/>
      <c r="BZ23" s="372"/>
      <c r="CA23" s="372"/>
      <c r="CB23" s="372"/>
      <c r="CC23" s="372"/>
      <c r="CD23" s="389"/>
      <c r="CE23" s="350" t="s">
        <v>2270</v>
      </c>
      <c r="CF23" s="350"/>
      <c r="CG23" s="350"/>
    </row>
    <row r="24" spans="1:85" ht="153" hidden="1" customHeight="1" x14ac:dyDescent="0.2">
      <c r="A24" s="584"/>
      <c r="C24" s="576"/>
      <c r="D24" s="346">
        <v>73</v>
      </c>
      <c r="E24" s="346"/>
      <c r="F24" s="346" t="s">
        <v>2182</v>
      </c>
      <c r="G24" s="370" t="s">
        <v>1385</v>
      </c>
      <c r="H24" s="370" t="s">
        <v>1331</v>
      </c>
      <c r="I24" s="350" t="s">
        <v>1339</v>
      </c>
      <c r="J24" s="350" t="s">
        <v>2275</v>
      </c>
      <c r="K24" s="350" t="s">
        <v>2276</v>
      </c>
      <c r="L24" s="469" t="s">
        <v>2186</v>
      </c>
      <c r="M24" s="350" t="s">
        <v>254</v>
      </c>
      <c r="N24" s="350" t="s">
        <v>59</v>
      </c>
      <c r="O24" s="350"/>
      <c r="P24" s="350" t="s">
        <v>60</v>
      </c>
      <c r="Q24" s="350" t="s">
        <v>2277</v>
      </c>
      <c r="R24" s="350"/>
      <c r="S24" s="371" t="s">
        <v>169</v>
      </c>
      <c r="T24" s="371"/>
      <c r="U24" s="472" t="s">
        <v>63</v>
      </c>
      <c r="V24" s="472" t="s">
        <v>63</v>
      </c>
      <c r="W24" s="372">
        <v>5846560</v>
      </c>
      <c r="X24" s="372"/>
      <c r="Y24" s="372" t="s">
        <v>2188</v>
      </c>
      <c r="Z24" s="372"/>
      <c r="AA24" s="372">
        <v>5846560</v>
      </c>
      <c r="AB24" s="372"/>
      <c r="AC24" s="372" t="s">
        <v>2189</v>
      </c>
      <c r="AD24" s="372"/>
      <c r="AE24" s="372"/>
      <c r="AF24" s="372"/>
      <c r="AG24" s="372"/>
      <c r="AH24" s="372"/>
      <c r="AI24" s="372"/>
      <c r="AJ24" s="372"/>
      <c r="AK24" s="372"/>
      <c r="AL24" s="372"/>
      <c r="AM24" s="372"/>
      <c r="AN24" s="372"/>
      <c r="AO24" s="372"/>
      <c r="AP24" s="372"/>
      <c r="AQ24" s="372"/>
      <c r="AR24" s="372"/>
      <c r="AS24" s="372"/>
      <c r="AT24" s="372"/>
      <c r="AU24" s="372"/>
      <c r="AV24" s="372"/>
      <c r="AW24" s="372"/>
      <c r="AX24" s="372"/>
      <c r="AY24" s="372"/>
      <c r="AZ24" s="372"/>
      <c r="BA24" s="372"/>
      <c r="BB24" s="372"/>
      <c r="BC24" s="372"/>
      <c r="BD24" s="372"/>
      <c r="BE24" s="372"/>
      <c r="BF24" s="372"/>
      <c r="BG24" s="372"/>
      <c r="BH24" s="372"/>
      <c r="BI24" s="372"/>
      <c r="BJ24" s="372"/>
      <c r="BK24" s="372"/>
      <c r="BL24" s="372"/>
      <c r="BM24" s="372"/>
      <c r="BN24" s="372"/>
      <c r="BO24" s="372"/>
      <c r="BP24" s="372"/>
      <c r="BQ24" s="372" t="s">
        <v>2190</v>
      </c>
      <c r="BR24" s="372"/>
      <c r="BS24" s="372"/>
      <c r="BT24" s="372"/>
      <c r="BU24" s="372"/>
      <c r="BV24" s="372"/>
      <c r="BW24" s="372"/>
      <c r="BX24" s="372"/>
      <c r="BY24" s="372"/>
      <c r="BZ24" s="372"/>
      <c r="CA24" s="372"/>
      <c r="CB24" s="372"/>
      <c r="CC24" s="372"/>
      <c r="CD24" s="372"/>
      <c r="CE24" s="350" t="s">
        <v>2278</v>
      </c>
      <c r="CF24" s="350"/>
      <c r="CG24" s="350" t="s">
        <v>2279</v>
      </c>
    </row>
    <row r="25" spans="1:85" ht="153" customHeight="1" x14ac:dyDescent="0.2">
      <c r="A25" s="477" t="s">
        <v>2214</v>
      </c>
      <c r="B25" s="240" t="s">
        <v>2280</v>
      </c>
      <c r="C25" s="579" t="s">
        <v>2281</v>
      </c>
      <c r="D25" s="349">
        <v>82</v>
      </c>
      <c r="E25" s="349"/>
      <c r="F25" s="349" t="s">
        <v>2182</v>
      </c>
      <c r="G25" s="383" t="s">
        <v>1385</v>
      </c>
      <c r="H25" s="383" t="s">
        <v>238</v>
      </c>
      <c r="I25" s="352" t="s">
        <v>1353</v>
      </c>
      <c r="J25" s="352" t="s">
        <v>2282</v>
      </c>
      <c r="K25" s="384" t="s">
        <v>2283</v>
      </c>
      <c r="L25" s="469" t="s">
        <v>253</v>
      </c>
      <c r="M25" s="352" t="s">
        <v>2217</v>
      </c>
      <c r="N25" s="352" t="s">
        <v>63</v>
      </c>
      <c r="O25" s="352"/>
      <c r="P25" s="352" t="s">
        <v>81</v>
      </c>
      <c r="Q25" s="352" t="s">
        <v>267</v>
      </c>
      <c r="R25" s="352"/>
      <c r="S25" s="385" t="s">
        <v>2284</v>
      </c>
      <c r="T25" s="385"/>
      <c r="U25" s="472" t="s">
        <v>63</v>
      </c>
      <c r="V25" s="472" t="s">
        <v>63</v>
      </c>
      <c r="W25" s="463" t="s">
        <v>2285</v>
      </c>
      <c r="X25" s="463"/>
      <c r="Y25" s="386" t="s">
        <v>267</v>
      </c>
      <c r="Z25" s="386"/>
      <c r="AA25" s="385" t="s">
        <v>2285</v>
      </c>
      <c r="AB25" s="386"/>
      <c r="AC25" s="386" t="s">
        <v>245</v>
      </c>
      <c r="AD25" s="386"/>
      <c r="AE25" s="386"/>
      <c r="AF25" s="386"/>
      <c r="AG25" s="386"/>
      <c r="AH25" s="386"/>
      <c r="AI25" s="386"/>
      <c r="AJ25" s="386"/>
      <c r="AK25" s="386"/>
      <c r="AL25" s="386"/>
      <c r="AM25" s="386"/>
      <c r="AN25" s="386"/>
      <c r="AO25" s="386"/>
      <c r="AP25" s="386"/>
      <c r="AQ25" s="386"/>
      <c r="AR25" s="386"/>
      <c r="AS25" s="386"/>
      <c r="AT25" s="386"/>
      <c r="AU25" s="386"/>
      <c r="AV25" s="386"/>
      <c r="AW25" s="386"/>
      <c r="AX25" s="386"/>
      <c r="AY25" s="386"/>
      <c r="AZ25" s="386"/>
      <c r="BA25" s="386"/>
      <c r="BB25" s="386"/>
      <c r="BC25" s="386"/>
      <c r="BD25" s="386"/>
      <c r="BE25" s="386"/>
      <c r="BF25" s="386"/>
      <c r="BG25" s="386"/>
      <c r="BH25" s="386"/>
      <c r="BI25" s="386"/>
      <c r="BJ25" s="386"/>
      <c r="BK25" s="386"/>
      <c r="BL25" s="386"/>
      <c r="BM25" s="386"/>
      <c r="BN25" s="386"/>
      <c r="BO25" s="386"/>
      <c r="BP25" s="386"/>
      <c r="BQ25" s="386"/>
      <c r="BR25" s="386"/>
      <c r="BS25" s="386"/>
      <c r="BT25" s="386"/>
      <c r="BU25" s="386"/>
      <c r="BV25" s="386"/>
      <c r="BW25" s="386"/>
      <c r="BX25" s="386"/>
      <c r="BY25" s="386"/>
      <c r="BZ25" s="386"/>
      <c r="CA25" s="386"/>
      <c r="CB25" s="386"/>
      <c r="CC25" s="386"/>
      <c r="CD25" s="386"/>
      <c r="CE25" s="352"/>
      <c r="CF25" s="352" t="s">
        <v>2286</v>
      </c>
      <c r="CG25" s="352" t="s">
        <v>2287</v>
      </c>
    </row>
    <row r="26" spans="1:85" ht="153" hidden="1" customHeight="1" x14ac:dyDescent="0.2">
      <c r="A26" s="584"/>
      <c r="C26" s="576"/>
      <c r="D26" s="346">
        <v>75</v>
      </c>
      <c r="E26" s="346"/>
      <c r="F26" s="346" t="s">
        <v>2182</v>
      </c>
      <c r="G26" s="370" t="s">
        <v>1385</v>
      </c>
      <c r="H26" s="370" t="s">
        <v>1331</v>
      </c>
      <c r="I26" s="350" t="s">
        <v>1339</v>
      </c>
      <c r="J26" s="350" t="s">
        <v>2288</v>
      </c>
      <c r="K26" s="350" t="s">
        <v>2276</v>
      </c>
      <c r="L26" s="469" t="s">
        <v>2186</v>
      </c>
      <c r="M26" s="350" t="s">
        <v>254</v>
      </c>
      <c r="N26" s="350" t="s">
        <v>2194</v>
      </c>
      <c r="O26" s="350"/>
      <c r="P26" s="350" t="s">
        <v>60</v>
      </c>
      <c r="Q26" s="350" t="s">
        <v>2277</v>
      </c>
      <c r="R26" s="350"/>
      <c r="S26" s="371" t="s">
        <v>2226</v>
      </c>
      <c r="T26" s="371"/>
      <c r="U26" s="472" t="s">
        <v>63</v>
      </c>
      <c r="V26" s="472" t="s">
        <v>63</v>
      </c>
      <c r="W26" s="372">
        <v>630480</v>
      </c>
      <c r="X26" s="372"/>
      <c r="Y26" s="372" t="s">
        <v>2188</v>
      </c>
      <c r="Z26" s="372"/>
      <c r="AA26" s="372">
        <v>630480</v>
      </c>
      <c r="AB26" s="372"/>
      <c r="AC26" s="372" t="s">
        <v>2189</v>
      </c>
      <c r="AD26" s="372"/>
      <c r="AE26" s="372"/>
      <c r="AF26" s="372"/>
      <c r="AG26" s="372"/>
      <c r="AH26" s="372"/>
      <c r="AI26" s="372"/>
      <c r="AJ26" s="372"/>
      <c r="AK26" s="372"/>
      <c r="AL26" s="372"/>
      <c r="AM26" s="372"/>
      <c r="AN26" s="372"/>
      <c r="AO26" s="372"/>
      <c r="AP26" s="372"/>
      <c r="AQ26" s="372"/>
      <c r="AR26" s="372"/>
      <c r="AS26" s="372"/>
      <c r="AT26" s="372"/>
      <c r="AU26" s="372"/>
      <c r="AV26" s="372"/>
      <c r="AW26" s="372"/>
      <c r="AX26" s="372"/>
      <c r="AY26" s="372"/>
      <c r="AZ26" s="372"/>
      <c r="BA26" s="372"/>
      <c r="BB26" s="372"/>
      <c r="BC26" s="372"/>
      <c r="BD26" s="372"/>
      <c r="BE26" s="372"/>
      <c r="BF26" s="372"/>
      <c r="BG26" s="372"/>
      <c r="BH26" s="372"/>
      <c r="BI26" s="372"/>
      <c r="BJ26" s="372"/>
      <c r="BK26" s="372"/>
      <c r="BL26" s="372"/>
      <c r="BM26" s="372"/>
      <c r="BN26" s="372"/>
      <c r="BO26" s="372"/>
      <c r="BP26" s="372"/>
      <c r="BQ26" s="372"/>
      <c r="BR26" s="372" t="s">
        <v>2190</v>
      </c>
      <c r="BS26" s="372"/>
      <c r="BT26" s="372"/>
      <c r="BU26" s="372"/>
      <c r="BV26" s="372"/>
      <c r="BW26" s="372"/>
      <c r="BX26" s="372"/>
      <c r="BY26" s="372"/>
      <c r="BZ26" s="372"/>
      <c r="CA26" s="372"/>
      <c r="CB26" s="372"/>
      <c r="CC26" s="372"/>
      <c r="CD26" s="372"/>
      <c r="CE26" s="350" t="s">
        <v>2289</v>
      </c>
      <c r="CF26" s="350"/>
      <c r="CG26" s="350" t="s">
        <v>2279</v>
      </c>
    </row>
    <row r="27" spans="1:85" ht="153" hidden="1" customHeight="1" x14ac:dyDescent="0.2">
      <c r="A27" s="477" t="s">
        <v>2290</v>
      </c>
      <c r="C27" s="578" t="s">
        <v>2291</v>
      </c>
      <c r="D27" s="348">
        <v>76</v>
      </c>
      <c r="E27" s="348"/>
      <c r="F27" s="348" t="s">
        <v>2182</v>
      </c>
      <c r="G27" s="379" t="s">
        <v>1385</v>
      </c>
      <c r="H27" s="379" t="s">
        <v>1331</v>
      </c>
      <c r="I27" s="351" t="s">
        <v>2292</v>
      </c>
      <c r="J27" s="351" t="s">
        <v>2293</v>
      </c>
      <c r="K27" s="351" t="s">
        <v>2294</v>
      </c>
      <c r="L27" s="469" t="s">
        <v>253</v>
      </c>
      <c r="M27" s="351" t="s">
        <v>254</v>
      </c>
      <c r="N27" s="351" t="s">
        <v>2295</v>
      </c>
      <c r="O27" s="351"/>
      <c r="P27" s="351" t="s">
        <v>60</v>
      </c>
      <c r="Q27" s="351" t="s">
        <v>2277</v>
      </c>
      <c r="R27" s="351"/>
      <c r="S27" s="390" t="s">
        <v>2258</v>
      </c>
      <c r="T27" s="390"/>
      <c r="U27" s="472" t="s">
        <v>63</v>
      </c>
      <c r="V27" s="472" t="s">
        <v>63</v>
      </c>
      <c r="W27" s="381">
        <v>1542520</v>
      </c>
      <c r="X27" s="381"/>
      <c r="Y27" s="381" t="s">
        <v>2188</v>
      </c>
      <c r="Z27" s="381"/>
      <c r="AA27" s="381">
        <v>1542520</v>
      </c>
      <c r="AB27" s="381"/>
      <c r="AC27" s="381" t="s">
        <v>2189</v>
      </c>
      <c r="AD27" s="381"/>
      <c r="AE27" s="381"/>
      <c r="AF27" s="381"/>
      <c r="AG27" s="381"/>
      <c r="AH27" s="381"/>
      <c r="AI27" s="381"/>
      <c r="AJ27" s="381"/>
      <c r="AK27" s="381"/>
      <c r="AL27" s="381"/>
      <c r="AM27" s="381"/>
      <c r="AN27" s="381"/>
      <c r="AO27" s="381"/>
      <c r="AP27" s="381"/>
      <c r="AQ27" s="381"/>
      <c r="AR27" s="381"/>
      <c r="AS27" s="381"/>
      <c r="AT27" s="381"/>
      <c r="AU27" s="381"/>
      <c r="AV27" s="381"/>
      <c r="AW27" s="381"/>
      <c r="AX27" s="381"/>
      <c r="AY27" s="381"/>
      <c r="AZ27" s="381"/>
      <c r="BA27" s="381"/>
      <c r="BB27" s="381"/>
      <c r="BC27" s="381"/>
      <c r="BD27" s="381"/>
      <c r="BE27" s="381"/>
      <c r="BF27" s="381"/>
      <c r="BG27" s="381"/>
      <c r="BH27" s="381"/>
      <c r="BI27" s="381"/>
      <c r="BJ27" s="381"/>
      <c r="BK27" s="381"/>
      <c r="BL27" s="381"/>
      <c r="BM27" s="381"/>
      <c r="BN27" s="381"/>
      <c r="BO27" s="381"/>
      <c r="BP27" s="381"/>
      <c r="BQ27" s="381"/>
      <c r="BR27" s="381" t="s">
        <v>2190</v>
      </c>
      <c r="BS27" s="381" t="s">
        <v>2190</v>
      </c>
      <c r="BT27" s="381"/>
      <c r="BU27" s="381"/>
      <c r="BV27" s="381"/>
      <c r="BW27" s="381"/>
      <c r="BX27" s="381"/>
      <c r="BY27" s="381"/>
      <c r="BZ27" s="381"/>
      <c r="CA27" s="381"/>
      <c r="CB27" s="381"/>
      <c r="CC27" s="381"/>
      <c r="CD27" s="381"/>
      <c r="CE27" s="351" t="s">
        <v>2296</v>
      </c>
      <c r="CF27" s="351"/>
      <c r="CG27" s="351" t="s">
        <v>2279</v>
      </c>
    </row>
    <row r="28" spans="1:85" ht="153" hidden="1" customHeight="1" x14ac:dyDescent="0.2">
      <c r="A28" s="584"/>
      <c r="C28" s="576"/>
      <c r="D28" s="346">
        <v>77</v>
      </c>
      <c r="E28" s="346"/>
      <c r="F28" s="346" t="s">
        <v>2182</v>
      </c>
      <c r="G28" s="370" t="s">
        <v>1385</v>
      </c>
      <c r="H28" s="370" t="s">
        <v>1331</v>
      </c>
      <c r="I28" s="350" t="s">
        <v>2292</v>
      </c>
      <c r="J28" s="350" t="s">
        <v>2297</v>
      </c>
      <c r="K28" s="350" t="s">
        <v>2298</v>
      </c>
      <c r="L28" s="469" t="s">
        <v>2205</v>
      </c>
      <c r="M28" s="350" t="s">
        <v>254</v>
      </c>
      <c r="N28" s="350" t="s">
        <v>2206</v>
      </c>
      <c r="O28" s="350"/>
      <c r="P28" s="350" t="s">
        <v>60</v>
      </c>
      <c r="Q28" s="350" t="s">
        <v>2277</v>
      </c>
      <c r="R28" s="350"/>
      <c r="S28" s="371" t="s">
        <v>2226</v>
      </c>
      <c r="T28" s="371"/>
      <c r="U28" s="472" t="s">
        <v>63</v>
      </c>
      <c r="V28" s="472" t="s">
        <v>63</v>
      </c>
      <c r="W28" s="372" t="s">
        <v>2299</v>
      </c>
      <c r="X28" s="372"/>
      <c r="Y28" s="372" t="s">
        <v>2188</v>
      </c>
      <c r="Z28" s="372"/>
      <c r="AA28" s="372" t="s">
        <v>2299</v>
      </c>
      <c r="AB28" s="372"/>
      <c r="AC28" s="372" t="s">
        <v>2189</v>
      </c>
      <c r="AD28" s="372"/>
      <c r="AE28" s="372"/>
      <c r="AF28" s="372"/>
      <c r="AG28" s="372"/>
      <c r="AH28" s="372"/>
      <c r="AI28" s="372"/>
      <c r="AJ28" s="372"/>
      <c r="AK28" s="372"/>
      <c r="AL28" s="372"/>
      <c r="AM28" s="372"/>
      <c r="AN28" s="372"/>
      <c r="AO28" s="372"/>
      <c r="AP28" s="372"/>
      <c r="AQ28" s="372"/>
      <c r="AR28" s="372"/>
      <c r="AS28" s="372"/>
      <c r="AT28" s="372"/>
      <c r="AU28" s="372"/>
      <c r="AV28" s="372"/>
      <c r="AW28" s="372"/>
      <c r="AX28" s="372"/>
      <c r="AY28" s="372"/>
      <c r="AZ28" s="372"/>
      <c r="BA28" s="372"/>
      <c r="BB28" s="372"/>
      <c r="BC28" s="372"/>
      <c r="BD28" s="372"/>
      <c r="BE28" s="372"/>
      <c r="BF28" s="372"/>
      <c r="BG28" s="372"/>
      <c r="BH28" s="372"/>
      <c r="BI28" s="372"/>
      <c r="BJ28" s="372"/>
      <c r="BK28" s="372"/>
      <c r="BL28" s="372"/>
      <c r="BM28" s="372"/>
      <c r="BN28" s="372"/>
      <c r="BO28" s="372"/>
      <c r="BP28" s="372"/>
      <c r="BQ28" s="372"/>
      <c r="BR28" s="372"/>
      <c r="BS28" s="372" t="s">
        <v>2190</v>
      </c>
      <c r="BT28" s="372"/>
      <c r="BU28" s="372"/>
      <c r="BV28" s="372"/>
      <c r="BW28" s="372"/>
      <c r="BX28" s="372"/>
      <c r="BY28" s="372"/>
      <c r="BZ28" s="372"/>
      <c r="CA28" s="372"/>
      <c r="CB28" s="372"/>
      <c r="CC28" s="372"/>
      <c r="CD28" s="372"/>
      <c r="CE28" s="350" t="s">
        <v>2300</v>
      </c>
      <c r="CF28" s="350"/>
      <c r="CG28" s="350" t="s">
        <v>2279</v>
      </c>
    </row>
    <row r="29" spans="1:85" ht="153" hidden="1" customHeight="1" x14ac:dyDescent="0.2">
      <c r="A29" s="584"/>
      <c r="C29" s="576"/>
      <c r="D29" s="346">
        <v>78</v>
      </c>
      <c r="E29" s="346"/>
      <c r="F29" s="346" t="s">
        <v>2182</v>
      </c>
      <c r="G29" s="370" t="s">
        <v>1385</v>
      </c>
      <c r="H29" s="370" t="s">
        <v>1331</v>
      </c>
      <c r="I29" s="350" t="s">
        <v>1339</v>
      </c>
      <c r="J29" s="350" t="s">
        <v>2301</v>
      </c>
      <c r="K29" s="350" t="s">
        <v>2302</v>
      </c>
      <c r="L29" s="469" t="s">
        <v>2205</v>
      </c>
      <c r="M29" s="350" t="s">
        <v>254</v>
      </c>
      <c r="N29" s="350" t="s">
        <v>2206</v>
      </c>
      <c r="O29" s="350"/>
      <c r="P29" s="350" t="s">
        <v>60</v>
      </c>
      <c r="Q29" s="350" t="s">
        <v>2277</v>
      </c>
      <c r="R29" s="350"/>
      <c r="S29" s="371" t="s">
        <v>2226</v>
      </c>
      <c r="T29" s="371"/>
      <c r="U29" s="472" t="s">
        <v>63</v>
      </c>
      <c r="V29" s="472" t="s">
        <v>63</v>
      </c>
      <c r="W29" s="372">
        <v>912040</v>
      </c>
      <c r="X29" s="372"/>
      <c r="Y29" s="372" t="s">
        <v>2188</v>
      </c>
      <c r="Z29" s="372"/>
      <c r="AA29" s="372">
        <v>912040</v>
      </c>
      <c r="AB29" s="372"/>
      <c r="AC29" s="372" t="s">
        <v>2189</v>
      </c>
      <c r="AD29" s="372"/>
      <c r="AE29" s="372"/>
      <c r="AF29" s="372"/>
      <c r="AG29" s="372"/>
      <c r="AH29" s="372"/>
      <c r="AI29" s="372"/>
      <c r="AJ29" s="372"/>
      <c r="AK29" s="372"/>
      <c r="AL29" s="372"/>
      <c r="AM29" s="372"/>
      <c r="AN29" s="372"/>
      <c r="AO29" s="372"/>
      <c r="AP29" s="372"/>
      <c r="AQ29" s="372"/>
      <c r="AR29" s="372"/>
      <c r="AS29" s="372"/>
      <c r="AT29" s="372"/>
      <c r="AU29" s="372"/>
      <c r="AV29" s="372"/>
      <c r="AW29" s="372"/>
      <c r="AX29" s="372"/>
      <c r="AY29" s="372"/>
      <c r="AZ29" s="372"/>
      <c r="BA29" s="372"/>
      <c r="BB29" s="372"/>
      <c r="BC29" s="372"/>
      <c r="BD29" s="372"/>
      <c r="BE29" s="372"/>
      <c r="BF29" s="372"/>
      <c r="BG29" s="372"/>
      <c r="BH29" s="372"/>
      <c r="BI29" s="372"/>
      <c r="BJ29" s="372"/>
      <c r="BK29" s="372"/>
      <c r="BL29" s="372"/>
      <c r="BM29" s="372"/>
      <c r="BN29" s="372"/>
      <c r="BO29" s="372"/>
      <c r="BP29" s="372"/>
      <c r="BQ29" s="372"/>
      <c r="BR29" s="372"/>
      <c r="BS29" s="372" t="s">
        <v>2190</v>
      </c>
      <c r="BT29" s="372"/>
      <c r="BU29" s="372"/>
      <c r="BV29" s="372"/>
      <c r="BW29" s="372"/>
      <c r="BX29" s="372"/>
      <c r="BY29" s="372"/>
      <c r="BZ29" s="372"/>
      <c r="CA29" s="372"/>
      <c r="CB29" s="372"/>
      <c r="CC29" s="372"/>
      <c r="CD29" s="372"/>
      <c r="CE29" s="350" t="s">
        <v>2303</v>
      </c>
      <c r="CF29" s="350"/>
      <c r="CG29" s="350" t="s">
        <v>2279</v>
      </c>
    </row>
    <row r="30" spans="1:85" ht="153" customHeight="1" x14ac:dyDescent="0.2">
      <c r="A30" s="477" t="s">
        <v>2214</v>
      </c>
      <c r="B30" s="237" t="s">
        <v>2280</v>
      </c>
      <c r="C30" s="579" t="s">
        <v>2281</v>
      </c>
      <c r="D30" s="349">
        <v>83</v>
      </c>
      <c r="E30" s="349"/>
      <c r="F30" s="349" t="s">
        <v>2182</v>
      </c>
      <c r="G30" s="383" t="s">
        <v>1385</v>
      </c>
      <c r="H30" s="383" t="s">
        <v>238</v>
      </c>
      <c r="I30" s="352" t="s">
        <v>1353</v>
      </c>
      <c r="J30" s="352" t="s">
        <v>2304</v>
      </c>
      <c r="K30" s="384" t="s">
        <v>2305</v>
      </c>
      <c r="L30" s="469" t="s">
        <v>253</v>
      </c>
      <c r="M30" s="352" t="s">
        <v>2217</v>
      </c>
      <c r="N30" s="352" t="s">
        <v>63</v>
      </c>
      <c r="O30" s="352"/>
      <c r="P30" s="352" t="s">
        <v>81</v>
      </c>
      <c r="Q30" s="352" t="s">
        <v>267</v>
      </c>
      <c r="R30" s="352"/>
      <c r="S30" s="385" t="s">
        <v>2284</v>
      </c>
      <c r="T30" s="385"/>
      <c r="U30" s="472" t="s">
        <v>63</v>
      </c>
      <c r="V30" s="472" t="s">
        <v>63</v>
      </c>
      <c r="W30" s="463" t="s">
        <v>2285</v>
      </c>
      <c r="X30" s="463"/>
      <c r="Y30" s="386" t="s">
        <v>267</v>
      </c>
      <c r="Z30" s="386"/>
      <c r="AA30" s="385" t="s">
        <v>2285</v>
      </c>
      <c r="AB30" s="386"/>
      <c r="AC30" s="386" t="s">
        <v>245</v>
      </c>
      <c r="AD30" s="386"/>
      <c r="AE30" s="386"/>
      <c r="AF30" s="386"/>
      <c r="AG30" s="386"/>
      <c r="AH30" s="386"/>
      <c r="AI30" s="386"/>
      <c r="AJ30" s="386"/>
      <c r="AK30" s="386"/>
      <c r="AL30" s="386"/>
      <c r="AM30" s="386"/>
      <c r="AN30" s="386"/>
      <c r="AO30" s="386"/>
      <c r="AP30" s="386"/>
      <c r="AQ30" s="386"/>
      <c r="AR30" s="386"/>
      <c r="AS30" s="386"/>
      <c r="AT30" s="386"/>
      <c r="AU30" s="386"/>
      <c r="AV30" s="386"/>
      <c r="AW30" s="386"/>
      <c r="AX30" s="386"/>
      <c r="AY30" s="386"/>
      <c r="AZ30" s="386"/>
      <c r="BA30" s="386"/>
      <c r="BB30" s="386"/>
      <c r="BC30" s="386"/>
      <c r="BD30" s="386"/>
      <c r="BE30" s="386"/>
      <c r="BF30" s="386"/>
      <c r="BG30" s="386"/>
      <c r="BH30" s="386"/>
      <c r="BI30" s="386"/>
      <c r="BJ30" s="386"/>
      <c r="BK30" s="386"/>
      <c r="BL30" s="386"/>
      <c r="BM30" s="386"/>
      <c r="BN30" s="386"/>
      <c r="BO30" s="386"/>
      <c r="BP30" s="386"/>
      <c r="BQ30" s="386"/>
      <c r="BR30" s="386"/>
      <c r="BS30" s="386"/>
      <c r="BT30" s="386"/>
      <c r="BU30" s="386"/>
      <c r="BV30" s="386"/>
      <c r="BW30" s="386"/>
      <c r="BX30" s="386"/>
      <c r="BY30" s="386"/>
      <c r="BZ30" s="386"/>
      <c r="CA30" s="386"/>
      <c r="CB30" s="386"/>
      <c r="CC30" s="386"/>
      <c r="CD30" s="386"/>
      <c r="CE30" s="352"/>
      <c r="CF30" s="352" t="s">
        <v>2286</v>
      </c>
      <c r="CG30" s="352" t="s">
        <v>2306</v>
      </c>
    </row>
    <row r="31" spans="1:85" ht="153" customHeight="1" x14ac:dyDescent="0.2">
      <c r="A31" s="477" t="s">
        <v>2214</v>
      </c>
      <c r="B31" s="237" t="s">
        <v>2280</v>
      </c>
      <c r="C31" s="579" t="s">
        <v>2281</v>
      </c>
      <c r="D31" s="349">
        <v>84</v>
      </c>
      <c r="E31" s="349"/>
      <c r="F31" s="349" t="s">
        <v>2182</v>
      </c>
      <c r="G31" s="383" t="s">
        <v>1385</v>
      </c>
      <c r="H31" s="383" t="s">
        <v>238</v>
      </c>
      <c r="I31" s="352" t="s">
        <v>1353</v>
      </c>
      <c r="J31" s="352" t="s">
        <v>2307</v>
      </c>
      <c r="K31" s="384" t="s">
        <v>2308</v>
      </c>
      <c r="L31" s="469" t="s">
        <v>253</v>
      </c>
      <c r="M31" s="352" t="s">
        <v>2217</v>
      </c>
      <c r="N31" s="352" t="s">
        <v>63</v>
      </c>
      <c r="O31" s="352"/>
      <c r="P31" s="352" t="s">
        <v>81</v>
      </c>
      <c r="Q31" s="352" t="s">
        <v>267</v>
      </c>
      <c r="R31" s="352"/>
      <c r="S31" s="385" t="s">
        <v>2309</v>
      </c>
      <c r="T31" s="385"/>
      <c r="U31" s="472" t="s">
        <v>63</v>
      </c>
      <c r="V31" s="472" t="s">
        <v>63</v>
      </c>
      <c r="W31" s="463" t="s">
        <v>2285</v>
      </c>
      <c r="X31" s="463"/>
      <c r="Y31" s="386" t="s">
        <v>267</v>
      </c>
      <c r="Z31" s="386"/>
      <c r="AA31" s="385" t="s">
        <v>2285</v>
      </c>
      <c r="AB31" s="386"/>
      <c r="AC31" s="386" t="s">
        <v>245</v>
      </c>
      <c r="AD31" s="386"/>
      <c r="AE31" s="386"/>
      <c r="AF31" s="386"/>
      <c r="AG31" s="386"/>
      <c r="AH31" s="386"/>
      <c r="AI31" s="386"/>
      <c r="AJ31" s="386"/>
      <c r="AK31" s="386"/>
      <c r="AL31" s="386"/>
      <c r="AM31" s="386"/>
      <c r="AN31" s="386"/>
      <c r="AO31" s="386"/>
      <c r="AP31" s="386"/>
      <c r="AQ31" s="386"/>
      <c r="AR31" s="386"/>
      <c r="AS31" s="386"/>
      <c r="AT31" s="386"/>
      <c r="AU31" s="386"/>
      <c r="AV31" s="386"/>
      <c r="AW31" s="386"/>
      <c r="AX31" s="386"/>
      <c r="AY31" s="386"/>
      <c r="AZ31" s="386"/>
      <c r="BA31" s="386"/>
      <c r="BB31" s="386"/>
      <c r="BC31" s="386"/>
      <c r="BD31" s="386"/>
      <c r="BE31" s="386"/>
      <c r="BF31" s="386"/>
      <c r="BG31" s="386"/>
      <c r="BH31" s="386"/>
      <c r="BI31" s="386"/>
      <c r="BJ31" s="386"/>
      <c r="BK31" s="386"/>
      <c r="BL31" s="386"/>
      <c r="BM31" s="386"/>
      <c r="BN31" s="386"/>
      <c r="BO31" s="386"/>
      <c r="BP31" s="386"/>
      <c r="BQ31" s="386"/>
      <c r="BR31" s="386"/>
      <c r="BS31" s="386"/>
      <c r="BT31" s="386"/>
      <c r="BU31" s="386"/>
      <c r="BV31" s="386"/>
      <c r="BW31" s="386"/>
      <c r="BX31" s="386"/>
      <c r="BY31" s="386"/>
      <c r="BZ31" s="386"/>
      <c r="CA31" s="386"/>
      <c r="CB31" s="386"/>
      <c r="CC31" s="386"/>
      <c r="CD31" s="386"/>
      <c r="CE31" s="352"/>
      <c r="CF31" s="352" t="s">
        <v>2286</v>
      </c>
      <c r="CG31" s="352" t="s">
        <v>2287</v>
      </c>
    </row>
    <row r="32" spans="1:85" ht="153" customHeight="1" x14ac:dyDescent="0.2">
      <c r="A32" s="477" t="s">
        <v>2214</v>
      </c>
      <c r="B32" s="237" t="s">
        <v>2280</v>
      </c>
      <c r="C32" s="579" t="s">
        <v>2281</v>
      </c>
      <c r="D32" s="349">
        <v>85</v>
      </c>
      <c r="E32" s="349"/>
      <c r="F32" s="349" t="s">
        <v>2182</v>
      </c>
      <c r="G32" s="383" t="s">
        <v>1385</v>
      </c>
      <c r="H32" s="383" t="s">
        <v>238</v>
      </c>
      <c r="I32" s="352" t="s">
        <v>1353</v>
      </c>
      <c r="J32" s="352" t="s">
        <v>2310</v>
      </c>
      <c r="K32" s="384" t="s">
        <v>2311</v>
      </c>
      <c r="L32" s="469" t="s">
        <v>253</v>
      </c>
      <c r="M32" s="352" t="s">
        <v>2217</v>
      </c>
      <c r="N32" s="352" t="s">
        <v>63</v>
      </c>
      <c r="O32" s="352"/>
      <c r="P32" s="352" t="s">
        <v>81</v>
      </c>
      <c r="Q32" s="352" t="s">
        <v>267</v>
      </c>
      <c r="R32" s="352"/>
      <c r="S32" s="385" t="s">
        <v>2309</v>
      </c>
      <c r="T32" s="385"/>
      <c r="U32" s="472" t="s">
        <v>63</v>
      </c>
      <c r="V32" s="472" t="s">
        <v>63</v>
      </c>
      <c r="W32" s="463" t="s">
        <v>2285</v>
      </c>
      <c r="X32" s="463"/>
      <c r="Y32" s="386" t="s">
        <v>267</v>
      </c>
      <c r="Z32" s="386"/>
      <c r="AA32" s="385" t="s">
        <v>2285</v>
      </c>
      <c r="AB32" s="386"/>
      <c r="AC32" s="386" t="s">
        <v>245</v>
      </c>
      <c r="AD32" s="386"/>
      <c r="AE32" s="386"/>
      <c r="AF32" s="386"/>
      <c r="AG32" s="386"/>
      <c r="AH32" s="386"/>
      <c r="AI32" s="386"/>
      <c r="AJ32" s="386"/>
      <c r="AK32" s="386"/>
      <c r="AL32" s="386"/>
      <c r="AM32" s="386"/>
      <c r="AN32" s="386"/>
      <c r="AO32" s="386"/>
      <c r="AP32" s="386"/>
      <c r="AQ32" s="386"/>
      <c r="AR32" s="386"/>
      <c r="AS32" s="386"/>
      <c r="AT32" s="386"/>
      <c r="AU32" s="386"/>
      <c r="AV32" s="386"/>
      <c r="AW32" s="386"/>
      <c r="AX32" s="386"/>
      <c r="AY32" s="386"/>
      <c r="AZ32" s="386"/>
      <c r="BA32" s="386"/>
      <c r="BB32" s="386"/>
      <c r="BC32" s="386"/>
      <c r="BD32" s="386"/>
      <c r="BE32" s="386"/>
      <c r="BF32" s="386"/>
      <c r="BG32" s="386"/>
      <c r="BH32" s="386"/>
      <c r="BI32" s="386"/>
      <c r="BJ32" s="386"/>
      <c r="BK32" s="386"/>
      <c r="BL32" s="386"/>
      <c r="BM32" s="386"/>
      <c r="BN32" s="386"/>
      <c r="BO32" s="386"/>
      <c r="BP32" s="386"/>
      <c r="BQ32" s="386"/>
      <c r="BR32" s="386"/>
      <c r="BS32" s="386"/>
      <c r="BT32" s="386"/>
      <c r="BU32" s="386"/>
      <c r="BV32" s="386"/>
      <c r="BW32" s="386"/>
      <c r="BX32" s="386"/>
      <c r="BY32" s="386"/>
      <c r="BZ32" s="386"/>
      <c r="CA32" s="386"/>
      <c r="CB32" s="386"/>
      <c r="CC32" s="386"/>
      <c r="CD32" s="386"/>
      <c r="CE32" s="352"/>
      <c r="CF32" s="352" t="s">
        <v>2286</v>
      </c>
      <c r="CG32" s="352" t="s">
        <v>2306</v>
      </c>
    </row>
    <row r="33" spans="1:87" ht="153" customHeight="1" x14ac:dyDescent="0.2">
      <c r="A33" s="477" t="s">
        <v>2214</v>
      </c>
      <c r="B33" s="237" t="s">
        <v>2280</v>
      </c>
      <c r="C33" s="579" t="s">
        <v>2281</v>
      </c>
      <c r="D33" s="349">
        <v>86</v>
      </c>
      <c r="E33" s="349"/>
      <c r="F33" s="349" t="s">
        <v>2182</v>
      </c>
      <c r="G33" s="383" t="s">
        <v>1385</v>
      </c>
      <c r="H33" s="383" t="s">
        <v>238</v>
      </c>
      <c r="I33" s="352" t="s">
        <v>1353</v>
      </c>
      <c r="J33" s="352" t="s">
        <v>2312</v>
      </c>
      <c r="K33" s="384" t="s">
        <v>2313</v>
      </c>
      <c r="L33" s="469" t="s">
        <v>253</v>
      </c>
      <c r="M33" s="352" t="s">
        <v>2217</v>
      </c>
      <c r="N33" s="352" t="s">
        <v>63</v>
      </c>
      <c r="O33" s="352"/>
      <c r="P33" s="352" t="s">
        <v>81</v>
      </c>
      <c r="Q33" s="352" t="s">
        <v>267</v>
      </c>
      <c r="R33" s="352"/>
      <c r="S33" s="385" t="s">
        <v>2251</v>
      </c>
      <c r="T33" s="385"/>
      <c r="U33" s="472" t="s">
        <v>63</v>
      </c>
      <c r="V33" s="472" t="s">
        <v>63</v>
      </c>
      <c r="W33" s="463" t="s">
        <v>2285</v>
      </c>
      <c r="X33" s="463"/>
      <c r="Y33" s="386" t="s">
        <v>267</v>
      </c>
      <c r="Z33" s="386"/>
      <c r="AA33" s="385" t="s">
        <v>2285</v>
      </c>
      <c r="AB33" s="386"/>
      <c r="AC33" s="386" t="s">
        <v>245</v>
      </c>
      <c r="AD33" s="386"/>
      <c r="AE33" s="386"/>
      <c r="AF33" s="386"/>
      <c r="AG33" s="386"/>
      <c r="AH33" s="386"/>
      <c r="AI33" s="386"/>
      <c r="AJ33" s="386"/>
      <c r="AK33" s="386"/>
      <c r="AL33" s="386"/>
      <c r="AM33" s="386"/>
      <c r="AN33" s="386"/>
      <c r="AO33" s="386"/>
      <c r="AP33" s="386"/>
      <c r="AQ33" s="386"/>
      <c r="AR33" s="386"/>
      <c r="AS33" s="386"/>
      <c r="AT33" s="386"/>
      <c r="AU33" s="386"/>
      <c r="AV33" s="386"/>
      <c r="AW33" s="386"/>
      <c r="AX33" s="386"/>
      <c r="AY33" s="386"/>
      <c r="AZ33" s="386"/>
      <c r="BA33" s="386"/>
      <c r="BB33" s="386"/>
      <c r="BC33" s="386"/>
      <c r="BD33" s="386"/>
      <c r="BE33" s="386"/>
      <c r="BF33" s="386"/>
      <c r="BG33" s="386"/>
      <c r="BH33" s="386"/>
      <c r="BI33" s="386"/>
      <c r="BJ33" s="386"/>
      <c r="BK33" s="386"/>
      <c r="BL33" s="386"/>
      <c r="BM33" s="386"/>
      <c r="BN33" s="386"/>
      <c r="BO33" s="386"/>
      <c r="BP33" s="386"/>
      <c r="BQ33" s="386"/>
      <c r="BR33" s="386"/>
      <c r="BS33" s="386"/>
      <c r="BT33" s="386"/>
      <c r="BU33" s="386"/>
      <c r="BV33" s="386"/>
      <c r="BW33" s="386"/>
      <c r="BX33" s="386"/>
      <c r="BY33" s="386"/>
      <c r="BZ33" s="386"/>
      <c r="CA33" s="386"/>
      <c r="CB33" s="386"/>
      <c r="CC33" s="386"/>
      <c r="CD33" s="386"/>
      <c r="CE33" s="352"/>
      <c r="CF33" s="352" t="s">
        <v>2286</v>
      </c>
      <c r="CG33" s="352" t="s">
        <v>2287</v>
      </c>
    </row>
    <row r="34" spans="1:87" ht="153" customHeight="1" x14ac:dyDescent="0.2">
      <c r="A34" s="477" t="s">
        <v>2314</v>
      </c>
      <c r="B34" s="578" t="s">
        <v>2315</v>
      </c>
      <c r="C34" s="553" t="s">
        <v>2316</v>
      </c>
      <c r="D34" s="348">
        <v>90</v>
      </c>
      <c r="E34" s="348"/>
      <c r="F34" s="348" t="s">
        <v>2182</v>
      </c>
      <c r="G34" s="379" t="s">
        <v>1385</v>
      </c>
      <c r="H34" s="379" t="s">
        <v>238</v>
      </c>
      <c r="I34" s="351" t="s">
        <v>250</v>
      </c>
      <c r="J34" s="351" t="s">
        <v>251</v>
      </c>
      <c r="K34" s="380" t="s">
        <v>252</v>
      </c>
      <c r="L34" s="469" t="s">
        <v>253</v>
      </c>
      <c r="M34" s="351" t="s">
        <v>254</v>
      </c>
      <c r="N34" s="351" t="s">
        <v>2211</v>
      </c>
      <c r="O34" s="351"/>
      <c r="P34" s="351" t="s">
        <v>60</v>
      </c>
      <c r="Q34" s="351" t="s">
        <v>255</v>
      </c>
      <c r="R34" s="351"/>
      <c r="S34" s="390" t="s">
        <v>256</v>
      </c>
      <c r="T34" s="390"/>
      <c r="U34" s="473">
        <v>1000000</v>
      </c>
      <c r="V34" s="473">
        <v>2000000</v>
      </c>
      <c r="W34" s="381">
        <v>1500000</v>
      </c>
      <c r="X34" s="381"/>
      <c r="Y34" s="381" t="s">
        <v>255</v>
      </c>
      <c r="Z34" s="381"/>
      <c r="AA34" s="381" t="s">
        <v>257</v>
      </c>
      <c r="AB34" s="381"/>
      <c r="AC34" s="381" t="s">
        <v>245</v>
      </c>
      <c r="AD34" s="381"/>
      <c r="AE34" s="381"/>
      <c r="AF34" s="381"/>
      <c r="AG34" s="381"/>
      <c r="AH34" s="381"/>
      <c r="AI34" s="381"/>
      <c r="AJ34" s="381"/>
      <c r="AK34" s="381"/>
      <c r="AL34" s="381"/>
      <c r="AM34" s="381"/>
      <c r="AN34" s="381"/>
      <c r="AO34" s="381"/>
      <c r="AP34" s="381"/>
      <c r="AQ34" s="381"/>
      <c r="AR34" s="381"/>
      <c r="AS34" s="381"/>
      <c r="AT34" s="381"/>
      <c r="AU34" s="381"/>
      <c r="AV34" s="381"/>
      <c r="AW34" s="381"/>
      <c r="AX34" s="381"/>
      <c r="AY34" s="381"/>
      <c r="AZ34" s="381"/>
      <c r="BA34" s="381"/>
      <c r="BB34" s="381"/>
      <c r="BC34" s="381"/>
      <c r="BD34" s="381"/>
      <c r="BE34" s="381"/>
      <c r="BF34" s="381"/>
      <c r="BG34" s="381"/>
      <c r="BH34" s="381"/>
      <c r="BI34" s="390"/>
      <c r="BJ34" s="390"/>
      <c r="BK34" s="390"/>
      <c r="BL34" s="390"/>
      <c r="BM34" s="390"/>
      <c r="BN34" s="390"/>
      <c r="BO34" s="390"/>
      <c r="BP34" s="390"/>
      <c r="BQ34" s="381"/>
      <c r="BR34" s="381"/>
      <c r="BS34" s="381"/>
      <c r="BT34" s="381"/>
      <c r="BU34" s="390"/>
      <c r="BV34" s="390"/>
      <c r="BW34" s="390"/>
      <c r="BX34" s="390"/>
      <c r="BY34" s="390"/>
      <c r="BZ34" s="390"/>
      <c r="CA34" s="390"/>
      <c r="CB34" s="390"/>
      <c r="CC34" s="390"/>
      <c r="CD34" s="390"/>
      <c r="CE34" s="351" t="s">
        <v>2317</v>
      </c>
      <c r="CF34" s="351"/>
      <c r="CG34" s="351" t="s">
        <v>2318</v>
      </c>
    </row>
    <row r="35" spans="1:87" ht="153" hidden="1" customHeight="1" x14ac:dyDescent="0.2">
      <c r="A35" s="477" t="s">
        <v>2214</v>
      </c>
      <c r="B35" s="237"/>
      <c r="C35" s="579" t="s">
        <v>2319</v>
      </c>
      <c r="D35" s="349">
        <v>87</v>
      </c>
      <c r="E35" s="349"/>
      <c r="F35" s="349" t="s">
        <v>2182</v>
      </c>
      <c r="G35" s="383" t="s">
        <v>1385</v>
      </c>
      <c r="H35" s="383" t="s">
        <v>238</v>
      </c>
      <c r="I35" s="352" t="s">
        <v>268</v>
      </c>
      <c r="J35" s="352" t="s">
        <v>2320</v>
      </c>
      <c r="K35" s="384" t="s">
        <v>2321</v>
      </c>
      <c r="L35" s="469" t="s">
        <v>253</v>
      </c>
      <c r="M35" s="352" t="s">
        <v>2217</v>
      </c>
      <c r="N35" s="352" t="s">
        <v>63</v>
      </c>
      <c r="O35" s="352"/>
      <c r="P35" s="352" t="s">
        <v>81</v>
      </c>
      <c r="Q35" s="352" t="s">
        <v>272</v>
      </c>
      <c r="R35" s="352"/>
      <c r="S35" s="385" t="s">
        <v>2322</v>
      </c>
      <c r="T35" s="385"/>
      <c r="U35" s="472" t="s">
        <v>63</v>
      </c>
      <c r="V35" s="472" t="s">
        <v>63</v>
      </c>
      <c r="W35" s="463" t="s">
        <v>2323</v>
      </c>
      <c r="X35" s="463"/>
      <c r="Y35" s="386" t="s">
        <v>272</v>
      </c>
      <c r="Z35" s="386"/>
      <c r="AA35" s="385" t="s">
        <v>2323</v>
      </c>
      <c r="AB35" s="386"/>
      <c r="AC35" s="386" t="s">
        <v>245</v>
      </c>
      <c r="AD35" s="386"/>
      <c r="AE35" s="386"/>
      <c r="AF35" s="386"/>
      <c r="AG35" s="386"/>
      <c r="AH35" s="386"/>
      <c r="AI35" s="386"/>
      <c r="AJ35" s="386"/>
      <c r="AK35" s="386"/>
      <c r="AL35" s="386"/>
      <c r="AM35" s="386"/>
      <c r="AN35" s="386"/>
      <c r="AO35" s="386"/>
      <c r="AP35" s="386"/>
      <c r="AQ35" s="386"/>
      <c r="AR35" s="386"/>
      <c r="AS35" s="386"/>
      <c r="AT35" s="386"/>
      <c r="AU35" s="386"/>
      <c r="AV35" s="386"/>
      <c r="AW35" s="386"/>
      <c r="AX35" s="386"/>
      <c r="AY35" s="386"/>
      <c r="AZ35" s="386"/>
      <c r="BA35" s="386"/>
      <c r="BB35" s="386"/>
      <c r="BC35" s="386"/>
      <c r="BD35" s="386"/>
      <c r="BE35" s="386"/>
      <c r="BF35" s="386"/>
      <c r="BG35" s="386"/>
      <c r="BH35" s="386"/>
      <c r="BI35" s="386"/>
      <c r="BJ35" s="386"/>
      <c r="BK35" s="386"/>
      <c r="BL35" s="386"/>
      <c r="BM35" s="386"/>
      <c r="BN35" s="386"/>
      <c r="BO35" s="386"/>
      <c r="BP35" s="386"/>
      <c r="BQ35" s="386"/>
      <c r="BR35" s="386"/>
      <c r="BS35" s="386"/>
      <c r="BT35" s="386"/>
      <c r="BU35" s="386"/>
      <c r="BV35" s="386"/>
      <c r="BW35" s="386"/>
      <c r="BX35" s="386"/>
      <c r="BY35" s="386"/>
      <c r="BZ35" s="386"/>
      <c r="CA35" s="386"/>
      <c r="CB35" s="386"/>
      <c r="CC35" s="386"/>
      <c r="CD35" s="386"/>
      <c r="CE35" s="352"/>
      <c r="CF35" s="352" t="s">
        <v>2286</v>
      </c>
      <c r="CG35" s="352" t="s">
        <v>2324</v>
      </c>
    </row>
    <row r="36" spans="1:87" ht="153" hidden="1" customHeight="1" x14ac:dyDescent="0.2">
      <c r="A36" s="477" t="s">
        <v>2214</v>
      </c>
      <c r="B36" s="237"/>
      <c r="C36" s="579" t="s">
        <v>2319</v>
      </c>
      <c r="D36" s="349">
        <v>88</v>
      </c>
      <c r="E36" s="349"/>
      <c r="F36" s="349" t="s">
        <v>2182</v>
      </c>
      <c r="G36" s="383" t="s">
        <v>1385</v>
      </c>
      <c r="H36" s="383" t="s">
        <v>238</v>
      </c>
      <c r="I36" s="352" t="s">
        <v>268</v>
      </c>
      <c r="J36" s="352" t="s">
        <v>2325</v>
      </c>
      <c r="K36" s="384" t="s">
        <v>2326</v>
      </c>
      <c r="L36" s="469" t="s">
        <v>253</v>
      </c>
      <c r="M36" s="352" t="s">
        <v>2217</v>
      </c>
      <c r="N36" s="352" t="s">
        <v>63</v>
      </c>
      <c r="O36" s="352"/>
      <c r="P36" s="352" t="s">
        <v>81</v>
      </c>
      <c r="Q36" s="352" t="s">
        <v>272</v>
      </c>
      <c r="R36" s="352"/>
      <c r="S36" s="385" t="s">
        <v>2322</v>
      </c>
      <c r="T36" s="385"/>
      <c r="U36" s="472" t="s">
        <v>63</v>
      </c>
      <c r="V36" s="472" t="s">
        <v>63</v>
      </c>
      <c r="W36" s="463" t="s">
        <v>2323</v>
      </c>
      <c r="X36" s="463"/>
      <c r="Y36" s="386" t="s">
        <v>272</v>
      </c>
      <c r="Z36" s="386"/>
      <c r="AA36" s="385" t="s">
        <v>2323</v>
      </c>
      <c r="AB36" s="386"/>
      <c r="AC36" s="386" t="s">
        <v>245</v>
      </c>
      <c r="AD36" s="386"/>
      <c r="AE36" s="386"/>
      <c r="AF36" s="386"/>
      <c r="AG36" s="386"/>
      <c r="AH36" s="386"/>
      <c r="AI36" s="386"/>
      <c r="AJ36" s="386"/>
      <c r="AK36" s="386"/>
      <c r="AL36" s="386"/>
      <c r="AM36" s="386"/>
      <c r="AN36" s="386"/>
      <c r="AO36" s="386"/>
      <c r="AP36" s="386"/>
      <c r="AQ36" s="386"/>
      <c r="AR36" s="386"/>
      <c r="AS36" s="386"/>
      <c r="AT36" s="386"/>
      <c r="AU36" s="386"/>
      <c r="AV36" s="386"/>
      <c r="AW36" s="386"/>
      <c r="AX36" s="386"/>
      <c r="AY36" s="386"/>
      <c r="AZ36" s="386"/>
      <c r="BA36" s="386"/>
      <c r="BB36" s="386"/>
      <c r="BC36" s="386"/>
      <c r="BD36" s="386"/>
      <c r="BE36" s="386"/>
      <c r="BF36" s="386"/>
      <c r="BG36" s="386"/>
      <c r="BH36" s="386"/>
      <c r="BI36" s="386"/>
      <c r="BJ36" s="386"/>
      <c r="BK36" s="386"/>
      <c r="BL36" s="386"/>
      <c r="BM36" s="386"/>
      <c r="BN36" s="386"/>
      <c r="BO36" s="386"/>
      <c r="BP36" s="386"/>
      <c r="BQ36" s="386"/>
      <c r="BR36" s="386"/>
      <c r="BS36" s="386"/>
      <c r="BT36" s="386"/>
      <c r="BU36" s="386"/>
      <c r="BV36" s="386"/>
      <c r="BW36" s="386"/>
      <c r="BX36" s="386"/>
      <c r="BY36" s="386"/>
      <c r="BZ36" s="386"/>
      <c r="CA36" s="386"/>
      <c r="CB36" s="386"/>
      <c r="CC36" s="386"/>
      <c r="CD36" s="386"/>
      <c r="CE36" s="352"/>
      <c r="CF36" s="352" t="s">
        <v>2286</v>
      </c>
      <c r="CG36" s="352" t="s">
        <v>2324</v>
      </c>
    </row>
    <row r="37" spans="1:87" ht="153" hidden="1" customHeight="1" x14ac:dyDescent="0.2">
      <c r="A37" s="477" t="s">
        <v>2214</v>
      </c>
      <c r="B37" s="602"/>
      <c r="C37" s="579" t="s">
        <v>2319</v>
      </c>
      <c r="D37" s="349">
        <v>89</v>
      </c>
      <c r="E37" s="349"/>
      <c r="F37" s="349" t="s">
        <v>2182</v>
      </c>
      <c r="G37" s="383" t="s">
        <v>1385</v>
      </c>
      <c r="H37" s="383" t="s">
        <v>238</v>
      </c>
      <c r="I37" s="352" t="s">
        <v>268</v>
      </c>
      <c r="J37" s="352" t="s">
        <v>2327</v>
      </c>
      <c r="K37" s="384" t="s">
        <v>2328</v>
      </c>
      <c r="L37" s="469" t="s">
        <v>253</v>
      </c>
      <c r="M37" s="352" t="s">
        <v>2217</v>
      </c>
      <c r="N37" s="352" t="s">
        <v>63</v>
      </c>
      <c r="O37" s="352"/>
      <c r="P37" s="352" t="s">
        <v>81</v>
      </c>
      <c r="Q37" s="352" t="s">
        <v>272</v>
      </c>
      <c r="R37" s="352"/>
      <c r="S37" s="385" t="s">
        <v>2258</v>
      </c>
      <c r="T37" s="385"/>
      <c r="U37" s="472" t="s">
        <v>63</v>
      </c>
      <c r="V37" s="472" t="s">
        <v>63</v>
      </c>
      <c r="W37" s="463" t="s">
        <v>2323</v>
      </c>
      <c r="X37" s="463"/>
      <c r="Y37" s="386" t="s">
        <v>272</v>
      </c>
      <c r="Z37" s="386"/>
      <c r="AA37" s="385" t="s">
        <v>2323</v>
      </c>
      <c r="AB37" s="386"/>
      <c r="AC37" s="386" t="s">
        <v>245</v>
      </c>
      <c r="AD37" s="386"/>
      <c r="AE37" s="386"/>
      <c r="AF37" s="386"/>
      <c r="AG37" s="386"/>
      <c r="AH37" s="386"/>
      <c r="AI37" s="386"/>
      <c r="AJ37" s="386"/>
      <c r="AK37" s="386"/>
      <c r="AL37" s="386"/>
      <c r="AM37" s="386"/>
      <c r="AN37" s="386"/>
      <c r="AO37" s="386"/>
      <c r="AP37" s="386"/>
      <c r="AQ37" s="386"/>
      <c r="AR37" s="386"/>
      <c r="AS37" s="386"/>
      <c r="AT37" s="386"/>
      <c r="AU37" s="386"/>
      <c r="AV37" s="386"/>
      <c r="AW37" s="386"/>
      <c r="AX37" s="386"/>
      <c r="AY37" s="386"/>
      <c r="AZ37" s="386"/>
      <c r="BA37" s="386"/>
      <c r="BB37" s="386"/>
      <c r="BC37" s="386"/>
      <c r="BD37" s="386"/>
      <c r="BE37" s="386"/>
      <c r="BF37" s="386"/>
      <c r="BG37" s="386"/>
      <c r="BH37" s="386"/>
      <c r="BI37" s="386"/>
      <c r="BJ37" s="386"/>
      <c r="BK37" s="386"/>
      <c r="BL37" s="386"/>
      <c r="BM37" s="386"/>
      <c r="BN37" s="386"/>
      <c r="BO37" s="386"/>
      <c r="BP37" s="386"/>
      <c r="BQ37" s="386"/>
      <c r="BR37" s="386"/>
      <c r="BS37" s="386"/>
      <c r="BT37" s="386"/>
      <c r="BU37" s="386"/>
      <c r="BV37" s="386"/>
      <c r="BW37" s="386"/>
      <c r="BX37" s="386"/>
      <c r="BY37" s="386"/>
      <c r="BZ37" s="386"/>
      <c r="CA37" s="386"/>
      <c r="CB37" s="386"/>
      <c r="CC37" s="386"/>
      <c r="CD37" s="386"/>
      <c r="CE37" s="352"/>
      <c r="CF37" s="352" t="s">
        <v>2286</v>
      </c>
      <c r="CG37" s="352" t="s">
        <v>2324</v>
      </c>
    </row>
    <row r="38" spans="1:87" ht="153" customHeight="1" x14ac:dyDescent="0.2">
      <c r="A38" s="599" t="s">
        <v>2329</v>
      </c>
      <c r="B38" s="237" t="s">
        <v>2330</v>
      </c>
      <c r="C38" s="601" t="s">
        <v>2281</v>
      </c>
      <c r="D38" s="349">
        <v>93</v>
      </c>
      <c r="E38" s="349"/>
      <c r="F38" s="349" t="s">
        <v>2182</v>
      </c>
      <c r="G38" s="383" t="s">
        <v>1385</v>
      </c>
      <c r="H38" s="383" t="s">
        <v>238</v>
      </c>
      <c r="I38" s="352" t="s">
        <v>1352</v>
      </c>
      <c r="J38" s="352" t="s">
        <v>2331</v>
      </c>
      <c r="K38" s="384" t="s">
        <v>2332</v>
      </c>
      <c r="L38" s="469" t="s">
        <v>2333</v>
      </c>
      <c r="M38" s="352" t="s">
        <v>2217</v>
      </c>
      <c r="N38" s="352" t="s">
        <v>63</v>
      </c>
      <c r="O38" s="352"/>
      <c r="P38" s="352" t="s">
        <v>81</v>
      </c>
      <c r="Q38" s="352" t="s">
        <v>242</v>
      </c>
      <c r="R38" s="352"/>
      <c r="S38" s="385" t="s">
        <v>2258</v>
      </c>
      <c r="T38" s="385"/>
      <c r="U38" s="476">
        <v>2500000</v>
      </c>
      <c r="V38" s="476">
        <v>3000000</v>
      </c>
      <c r="W38" s="463">
        <v>2750000</v>
      </c>
      <c r="X38" s="463"/>
      <c r="Y38" s="386" t="s">
        <v>242</v>
      </c>
      <c r="Z38" s="386"/>
      <c r="AA38" s="386">
        <v>2750000</v>
      </c>
      <c r="AB38" s="386"/>
      <c r="AC38" s="386" t="s">
        <v>245</v>
      </c>
      <c r="AD38" s="386"/>
      <c r="AE38" s="386"/>
      <c r="AF38" s="386"/>
      <c r="AG38" s="386"/>
      <c r="AH38" s="386"/>
      <c r="AI38" s="386"/>
      <c r="AJ38" s="386"/>
      <c r="AK38" s="386"/>
      <c r="AL38" s="386"/>
      <c r="AM38" s="386"/>
      <c r="AN38" s="386"/>
      <c r="AO38" s="386"/>
      <c r="AP38" s="386"/>
      <c r="AQ38" s="386"/>
      <c r="AR38" s="386"/>
      <c r="AS38" s="386"/>
      <c r="AT38" s="386"/>
      <c r="AU38" s="386"/>
      <c r="AV38" s="386"/>
      <c r="AW38" s="386"/>
      <c r="AX38" s="386"/>
      <c r="AY38" s="386"/>
      <c r="AZ38" s="386"/>
      <c r="BA38" s="386"/>
      <c r="BB38" s="386"/>
      <c r="BC38" s="386"/>
      <c r="BD38" s="386"/>
      <c r="BE38" s="386"/>
      <c r="BF38" s="386"/>
      <c r="BG38" s="386"/>
      <c r="BH38" s="386"/>
      <c r="BI38" s="386"/>
      <c r="BJ38" s="385"/>
      <c r="BK38" s="385"/>
      <c r="BL38" s="386"/>
      <c r="BM38" s="386"/>
      <c r="BN38" s="385"/>
      <c r="BO38" s="385"/>
      <c r="BP38" s="385"/>
      <c r="BQ38" s="385"/>
      <c r="BR38" s="385"/>
      <c r="BS38" s="385"/>
      <c r="BT38" s="385"/>
      <c r="BU38" s="385"/>
      <c r="BV38" s="385"/>
      <c r="BW38" s="385"/>
      <c r="BX38" s="385"/>
      <c r="BY38" s="385"/>
      <c r="BZ38" s="385"/>
      <c r="CA38" s="385"/>
      <c r="CB38" s="385"/>
      <c r="CC38" s="385"/>
      <c r="CD38" s="386"/>
      <c r="CE38" s="352" t="s">
        <v>2317</v>
      </c>
      <c r="CF38" s="352"/>
      <c r="CG38" s="352"/>
    </row>
    <row r="39" spans="1:87" ht="153" hidden="1" customHeight="1" x14ac:dyDescent="0.2">
      <c r="A39" s="599" t="s">
        <v>2214</v>
      </c>
      <c r="B39" s="237"/>
      <c r="C39" s="601" t="s">
        <v>2319</v>
      </c>
      <c r="D39" s="349">
        <v>91</v>
      </c>
      <c r="E39" s="349"/>
      <c r="F39" s="349" t="s">
        <v>2182</v>
      </c>
      <c r="G39" s="383" t="s">
        <v>1385</v>
      </c>
      <c r="H39" s="383" t="s">
        <v>238</v>
      </c>
      <c r="I39" s="352" t="s">
        <v>1352</v>
      </c>
      <c r="J39" s="352" t="s">
        <v>2334</v>
      </c>
      <c r="K39" s="384" t="s">
        <v>2335</v>
      </c>
      <c r="L39" s="469" t="s">
        <v>253</v>
      </c>
      <c r="M39" s="352" t="s">
        <v>2217</v>
      </c>
      <c r="N39" s="352" t="s">
        <v>63</v>
      </c>
      <c r="O39" s="352"/>
      <c r="P39" s="352" t="s">
        <v>81</v>
      </c>
      <c r="Q39" s="352" t="s">
        <v>242</v>
      </c>
      <c r="R39" s="352"/>
      <c r="S39" s="385" t="s">
        <v>2251</v>
      </c>
      <c r="T39" s="385"/>
      <c r="U39" s="472" t="s">
        <v>63</v>
      </c>
      <c r="V39" s="472" t="s">
        <v>63</v>
      </c>
      <c r="W39" s="463" t="s">
        <v>2336</v>
      </c>
      <c r="X39" s="463"/>
      <c r="Y39" s="386" t="s">
        <v>242</v>
      </c>
      <c r="Z39" s="386"/>
      <c r="AA39" s="385" t="s">
        <v>2336</v>
      </c>
      <c r="AB39" s="386"/>
      <c r="AC39" s="386" t="s">
        <v>245</v>
      </c>
      <c r="AD39" s="386"/>
      <c r="AE39" s="386"/>
      <c r="AF39" s="386"/>
      <c r="AG39" s="386"/>
      <c r="AH39" s="386"/>
      <c r="AI39" s="386"/>
      <c r="AJ39" s="386"/>
      <c r="AK39" s="386"/>
      <c r="AL39" s="386"/>
      <c r="AM39" s="386"/>
      <c r="AN39" s="386"/>
      <c r="AO39" s="386"/>
      <c r="AP39" s="386"/>
      <c r="AQ39" s="386"/>
      <c r="AR39" s="386"/>
      <c r="AS39" s="386"/>
      <c r="AT39" s="386"/>
      <c r="AU39" s="386"/>
      <c r="AV39" s="386"/>
      <c r="AW39" s="386"/>
      <c r="AX39" s="386"/>
      <c r="AY39" s="386"/>
      <c r="AZ39" s="386"/>
      <c r="BA39" s="386"/>
      <c r="BB39" s="386"/>
      <c r="BC39" s="386"/>
      <c r="BD39" s="386"/>
      <c r="BE39" s="386"/>
      <c r="BF39" s="386"/>
      <c r="BG39" s="386"/>
      <c r="BH39" s="386"/>
      <c r="BI39" s="386"/>
      <c r="BJ39" s="386"/>
      <c r="BK39" s="386"/>
      <c r="BL39" s="386"/>
      <c r="BM39" s="386"/>
      <c r="BN39" s="386"/>
      <c r="BO39" s="386"/>
      <c r="BP39" s="386"/>
      <c r="BQ39" s="386"/>
      <c r="BR39" s="386"/>
      <c r="BS39" s="386"/>
      <c r="BT39" s="386"/>
      <c r="BU39" s="386"/>
      <c r="BV39" s="386"/>
      <c r="BW39" s="386"/>
      <c r="BX39" s="386"/>
      <c r="BY39" s="386"/>
      <c r="BZ39" s="386"/>
      <c r="CA39" s="386"/>
      <c r="CB39" s="386"/>
      <c r="CC39" s="386"/>
      <c r="CD39" s="386"/>
      <c r="CE39" s="352"/>
      <c r="CF39" s="352"/>
      <c r="CG39" s="352" t="s">
        <v>2318</v>
      </c>
    </row>
    <row r="40" spans="1:87" ht="153" customHeight="1" x14ac:dyDescent="0.2">
      <c r="A40" s="599" t="s">
        <v>2337</v>
      </c>
      <c r="B40" s="597" t="s">
        <v>2338</v>
      </c>
      <c r="C40" s="600" t="s">
        <v>2339</v>
      </c>
      <c r="D40" s="348">
        <v>74</v>
      </c>
      <c r="E40" s="348"/>
      <c r="F40" s="348" t="s">
        <v>2182</v>
      </c>
      <c r="G40" s="379" t="s">
        <v>1385</v>
      </c>
      <c r="H40" s="379" t="s">
        <v>1331</v>
      </c>
      <c r="I40" s="351" t="s">
        <v>1339</v>
      </c>
      <c r="J40" s="351" t="s">
        <v>2340</v>
      </c>
      <c r="K40" s="351" t="s">
        <v>2341</v>
      </c>
      <c r="L40" s="469" t="s">
        <v>253</v>
      </c>
      <c r="M40" s="351" t="s">
        <v>254</v>
      </c>
      <c r="N40" s="351" t="s">
        <v>2211</v>
      </c>
      <c r="O40" s="351"/>
      <c r="P40" s="351" t="s">
        <v>60</v>
      </c>
      <c r="Q40" s="351" t="s">
        <v>2277</v>
      </c>
      <c r="R40" s="351"/>
      <c r="S40" s="390" t="s">
        <v>2258</v>
      </c>
      <c r="T40" s="390"/>
      <c r="U40" s="474">
        <v>2062000</v>
      </c>
      <c r="V40" s="475">
        <v>3093000</v>
      </c>
      <c r="W40" s="462">
        <v>2577500</v>
      </c>
      <c r="X40" s="462"/>
      <c r="Y40" s="381" t="s">
        <v>2188</v>
      </c>
      <c r="Z40" s="381"/>
      <c r="AA40" s="381">
        <v>2577500</v>
      </c>
      <c r="AB40" s="381"/>
      <c r="AC40" s="381" t="s">
        <v>2189</v>
      </c>
      <c r="AD40" s="381"/>
      <c r="AE40" s="381"/>
      <c r="AF40" s="381"/>
      <c r="AG40" s="381"/>
      <c r="AH40" s="381"/>
      <c r="AI40" s="381"/>
      <c r="AJ40" s="381"/>
      <c r="AK40" s="381"/>
      <c r="AL40" s="381"/>
      <c r="AM40" s="381"/>
      <c r="AN40" s="381"/>
      <c r="AO40" s="381"/>
      <c r="AP40" s="381"/>
      <c r="AQ40" s="381"/>
      <c r="AR40" s="381"/>
      <c r="AS40" s="381"/>
      <c r="AT40" s="381"/>
      <c r="AU40" s="381"/>
      <c r="AV40" s="381"/>
      <c r="AW40" s="381"/>
      <c r="AX40" s="381"/>
      <c r="AY40" s="381"/>
      <c r="AZ40" s="381"/>
      <c r="BA40" s="381"/>
      <c r="BB40" s="381"/>
      <c r="BC40" s="381"/>
      <c r="BD40" s="381"/>
      <c r="BE40" s="381"/>
      <c r="BF40" s="381"/>
      <c r="BG40" s="381"/>
      <c r="BH40" s="381"/>
      <c r="BI40" s="381"/>
      <c r="BJ40" s="381"/>
      <c r="BK40" s="381"/>
      <c r="BL40" s="381"/>
      <c r="BM40" s="381"/>
      <c r="BN40" s="381"/>
      <c r="BO40" s="381"/>
      <c r="BP40" s="381"/>
      <c r="BQ40" s="381" t="s">
        <v>2190</v>
      </c>
      <c r="BR40" s="381" t="s">
        <v>2190</v>
      </c>
      <c r="BS40" s="381" t="s">
        <v>2190</v>
      </c>
      <c r="BT40" s="381" t="s">
        <v>2190</v>
      </c>
      <c r="BU40" s="381"/>
      <c r="BV40" s="381"/>
      <c r="BW40" s="381"/>
      <c r="BX40" s="381"/>
      <c r="BY40" s="381"/>
      <c r="BZ40" s="381"/>
      <c r="CA40" s="381"/>
      <c r="CB40" s="381"/>
      <c r="CC40" s="381"/>
      <c r="CD40" s="381"/>
      <c r="CE40" s="351"/>
      <c r="CF40" s="351"/>
      <c r="CG40" s="351" t="s">
        <v>2279</v>
      </c>
    </row>
    <row r="41" spans="1:87" ht="153" customHeight="1" x14ac:dyDescent="0.2">
      <c r="A41" s="477" t="s">
        <v>2342</v>
      </c>
      <c r="B41" t="s">
        <v>2343</v>
      </c>
      <c r="C41" s="553" t="s">
        <v>2344</v>
      </c>
      <c r="D41" s="348">
        <v>97</v>
      </c>
      <c r="E41" s="348"/>
      <c r="F41" s="348" t="s">
        <v>2182</v>
      </c>
      <c r="G41" s="379" t="s">
        <v>2345</v>
      </c>
      <c r="H41" s="379" t="s">
        <v>655</v>
      </c>
      <c r="I41" s="351" t="s">
        <v>932</v>
      </c>
      <c r="J41" s="351" t="s">
        <v>2346</v>
      </c>
      <c r="K41" s="380" t="s">
        <v>2347</v>
      </c>
      <c r="L41" s="469" t="s">
        <v>2205</v>
      </c>
      <c r="M41" s="351" t="s">
        <v>254</v>
      </c>
      <c r="N41" s="351" t="s">
        <v>2348</v>
      </c>
      <c r="O41" s="351"/>
      <c r="P41" s="351" t="s">
        <v>60</v>
      </c>
      <c r="Q41" s="351" t="s">
        <v>2349</v>
      </c>
      <c r="R41" s="351"/>
      <c r="S41" s="390" t="s">
        <v>2350</v>
      </c>
      <c r="T41" s="390"/>
      <c r="U41" s="472" t="s">
        <v>63</v>
      </c>
      <c r="V41" s="472" t="s">
        <v>63</v>
      </c>
      <c r="W41" s="381" t="s">
        <v>2299</v>
      </c>
      <c r="X41" s="381"/>
      <c r="Y41" s="381" t="s">
        <v>2188</v>
      </c>
      <c r="Z41" s="381"/>
      <c r="AA41" s="381" t="s">
        <v>63</v>
      </c>
      <c r="AB41" s="381"/>
      <c r="AC41" s="381" t="s">
        <v>65</v>
      </c>
      <c r="AD41" s="381"/>
      <c r="AE41" s="381"/>
      <c r="AF41" s="381"/>
      <c r="AG41" s="381"/>
      <c r="AH41" s="381"/>
      <c r="AI41" s="381"/>
      <c r="AJ41" s="381"/>
      <c r="AK41" s="381"/>
      <c r="AL41" s="381"/>
      <c r="AM41" s="381"/>
      <c r="AN41" s="381"/>
      <c r="AO41" s="381"/>
      <c r="AP41" s="381"/>
      <c r="AQ41" s="381"/>
      <c r="AR41" s="381"/>
      <c r="AS41" s="381"/>
      <c r="AT41" s="381"/>
      <c r="AU41" s="381"/>
      <c r="AV41" s="381"/>
      <c r="AW41" s="381"/>
      <c r="AX41" s="381"/>
      <c r="AY41" s="381"/>
      <c r="AZ41" s="381"/>
      <c r="BA41" s="381"/>
      <c r="BB41" s="381"/>
      <c r="BC41" s="381"/>
      <c r="BD41" s="381"/>
      <c r="BE41" s="381"/>
      <c r="BF41" s="381"/>
      <c r="BG41" s="381"/>
      <c r="BH41" s="381"/>
      <c r="BI41" s="381"/>
      <c r="BJ41" s="381"/>
      <c r="BK41" s="381"/>
      <c r="BL41" s="381"/>
      <c r="BM41" s="381"/>
      <c r="BN41" s="381"/>
      <c r="BO41" s="381"/>
      <c r="BP41" s="381"/>
      <c r="BQ41" s="381" t="s">
        <v>2190</v>
      </c>
      <c r="BR41" s="381" t="s">
        <v>2190</v>
      </c>
      <c r="BS41" s="381" t="s">
        <v>2190</v>
      </c>
      <c r="BT41" s="381" t="s">
        <v>2190</v>
      </c>
      <c r="BU41" s="381"/>
      <c r="BV41" s="381"/>
      <c r="BW41" s="381"/>
      <c r="BX41" s="381"/>
      <c r="BY41" s="381"/>
      <c r="BZ41" s="381"/>
      <c r="CA41" s="381"/>
      <c r="CB41" s="381" t="s">
        <v>2190</v>
      </c>
      <c r="CC41" s="381"/>
      <c r="CD41" s="381"/>
      <c r="CE41" s="351" t="s">
        <v>2300</v>
      </c>
      <c r="CF41" s="351"/>
      <c r="CG41" s="351" t="s">
        <v>2351</v>
      </c>
    </row>
    <row r="42" spans="1:87" ht="153" hidden="1" customHeight="1" x14ac:dyDescent="0.2">
      <c r="A42" s="576"/>
      <c r="C42" s="576"/>
      <c r="D42" s="346">
        <v>138</v>
      </c>
      <c r="E42" s="346"/>
      <c r="F42" s="346" t="s">
        <v>2182</v>
      </c>
      <c r="G42" s="370" t="s">
        <v>1385</v>
      </c>
      <c r="H42" s="370" t="s">
        <v>655</v>
      </c>
      <c r="I42" s="350" t="s">
        <v>2352</v>
      </c>
      <c r="J42" s="350" t="s">
        <v>2353</v>
      </c>
      <c r="K42" s="350" t="s">
        <v>2354</v>
      </c>
      <c r="L42" s="469" t="s">
        <v>2186</v>
      </c>
      <c r="M42" s="350" t="s">
        <v>254</v>
      </c>
      <c r="N42" s="350" t="s">
        <v>59</v>
      </c>
      <c r="O42" s="350"/>
      <c r="P42" s="350" t="s">
        <v>60</v>
      </c>
      <c r="Q42" s="350" t="s">
        <v>61</v>
      </c>
      <c r="R42" s="350"/>
      <c r="S42" s="371" t="s">
        <v>2258</v>
      </c>
      <c r="T42" s="371"/>
      <c r="U42" s="473">
        <v>332640</v>
      </c>
      <c r="V42" s="473">
        <v>499699</v>
      </c>
      <c r="W42" s="372">
        <v>416169.5</v>
      </c>
      <c r="X42" s="372"/>
      <c r="Y42" s="372" t="s">
        <v>2355</v>
      </c>
      <c r="Z42" s="372"/>
      <c r="AA42" s="372">
        <v>416169.5</v>
      </c>
      <c r="AB42" s="372"/>
      <c r="AC42" s="372" t="s">
        <v>65</v>
      </c>
      <c r="AD42" s="372"/>
      <c r="AE42" s="372"/>
      <c r="AF42" s="372"/>
      <c r="AG42" s="372"/>
      <c r="AH42" s="372"/>
      <c r="AI42" s="372"/>
      <c r="AJ42" s="372"/>
      <c r="AK42" s="372"/>
      <c r="AL42" s="372"/>
      <c r="AM42" s="372"/>
      <c r="AN42" s="372"/>
      <c r="AO42" s="372"/>
      <c r="AP42" s="372"/>
      <c r="AQ42" s="372"/>
      <c r="AR42" s="372"/>
      <c r="AS42" s="372"/>
      <c r="AT42" s="372"/>
      <c r="AU42" s="372"/>
      <c r="AV42" s="372"/>
      <c r="AW42" s="372"/>
      <c r="AX42" s="372"/>
      <c r="AY42" s="372"/>
      <c r="AZ42" s="372"/>
      <c r="BA42" s="372"/>
      <c r="BB42" s="372"/>
      <c r="BC42" s="372"/>
      <c r="BD42" s="372"/>
      <c r="BE42" s="372"/>
      <c r="BF42" s="372"/>
      <c r="BG42" s="372"/>
      <c r="BH42" s="372"/>
      <c r="BI42" s="372"/>
      <c r="BJ42" s="372"/>
      <c r="BK42" s="372"/>
      <c r="BL42" s="372"/>
      <c r="BM42" s="372"/>
      <c r="BN42" s="372"/>
      <c r="BO42" s="372"/>
      <c r="BP42" s="372"/>
      <c r="BQ42" s="372" t="s">
        <v>2190</v>
      </c>
      <c r="BR42" s="372"/>
      <c r="BS42" s="372"/>
      <c r="BT42" s="372"/>
      <c r="BU42" s="372"/>
      <c r="BV42" s="372"/>
      <c r="BW42" s="372"/>
      <c r="BX42" s="372"/>
      <c r="BY42" s="372"/>
      <c r="BZ42" s="372"/>
      <c r="CA42" s="372"/>
      <c r="CB42" s="372"/>
      <c r="CC42" s="372" t="s">
        <v>2190</v>
      </c>
      <c r="CD42" s="372"/>
      <c r="CE42" s="350"/>
      <c r="CF42" s="350"/>
      <c r="CG42" s="350" t="s">
        <v>2279</v>
      </c>
      <c r="CH42" s="178"/>
      <c r="CI42" s="178"/>
    </row>
    <row r="43" spans="1:87" ht="153" customHeight="1" x14ac:dyDescent="0.2">
      <c r="A43" s="477" t="s">
        <v>2342</v>
      </c>
      <c r="B43" t="s">
        <v>2356</v>
      </c>
      <c r="C43" s="578"/>
      <c r="D43" s="348">
        <v>131</v>
      </c>
      <c r="E43" s="348"/>
      <c r="F43" s="348" t="s">
        <v>2182</v>
      </c>
      <c r="G43" s="379" t="s">
        <v>2345</v>
      </c>
      <c r="H43" s="379" t="s">
        <v>655</v>
      </c>
      <c r="I43" s="351" t="s">
        <v>2352</v>
      </c>
      <c r="J43" s="351" t="s">
        <v>2357</v>
      </c>
      <c r="K43" s="380" t="s">
        <v>866</v>
      </c>
      <c r="L43" s="469" t="s">
        <v>253</v>
      </c>
      <c r="M43" s="351" t="s">
        <v>254</v>
      </c>
      <c r="N43" s="351" t="s">
        <v>2348</v>
      </c>
      <c r="O43" s="351"/>
      <c r="P43" s="351" t="s">
        <v>60</v>
      </c>
      <c r="Q43" s="351" t="s">
        <v>2358</v>
      </c>
      <c r="R43" s="351"/>
      <c r="S43" s="390" t="s">
        <v>249</v>
      </c>
      <c r="T43" s="390"/>
      <c r="U43" s="473">
        <v>2500000</v>
      </c>
      <c r="V43" s="473">
        <v>5000000</v>
      </c>
      <c r="W43" s="381">
        <v>3750000</v>
      </c>
      <c r="X43" s="381"/>
      <c r="Y43" s="381" t="s">
        <v>2188</v>
      </c>
      <c r="Z43" s="381"/>
      <c r="AA43" s="381">
        <v>3750000</v>
      </c>
      <c r="AB43" s="381"/>
      <c r="AC43" s="381" t="s">
        <v>65</v>
      </c>
      <c r="AD43" s="381"/>
      <c r="AE43" s="381"/>
      <c r="AF43" s="381"/>
      <c r="AG43" s="381"/>
      <c r="AH43" s="381"/>
      <c r="AI43" s="381"/>
      <c r="AJ43" s="381"/>
      <c r="AK43" s="381"/>
      <c r="AL43" s="381"/>
      <c r="AM43" s="381"/>
      <c r="AN43" s="381"/>
      <c r="AO43" s="381"/>
      <c r="AP43" s="381"/>
      <c r="AQ43" s="381"/>
      <c r="AR43" s="381"/>
      <c r="AS43" s="381"/>
      <c r="AT43" s="381"/>
      <c r="AU43" s="381"/>
      <c r="AV43" s="381"/>
      <c r="AW43" s="381"/>
      <c r="AX43" s="381"/>
      <c r="AY43" s="381"/>
      <c r="AZ43" s="381"/>
      <c r="BA43" s="381"/>
      <c r="BB43" s="381"/>
      <c r="BC43" s="381"/>
      <c r="BD43" s="381"/>
      <c r="BE43" s="381"/>
      <c r="BF43" s="381"/>
      <c r="BG43" s="381"/>
      <c r="BH43" s="381"/>
      <c r="BI43" s="381"/>
      <c r="BJ43" s="381"/>
      <c r="BK43" s="381"/>
      <c r="BL43" s="381"/>
      <c r="BM43" s="381"/>
      <c r="BN43" s="381"/>
      <c r="BO43" s="381"/>
      <c r="BP43" s="381"/>
      <c r="BQ43" s="381"/>
      <c r="BR43" s="381" t="s">
        <v>2190</v>
      </c>
      <c r="BS43" s="381" t="s">
        <v>2190</v>
      </c>
      <c r="BT43" s="381" t="s">
        <v>2190</v>
      </c>
      <c r="BU43" s="381"/>
      <c r="BV43" s="381"/>
      <c r="BW43" s="381"/>
      <c r="BX43" s="381"/>
      <c r="BY43" s="381" t="s">
        <v>2190</v>
      </c>
      <c r="BZ43" s="381"/>
      <c r="CA43" s="381"/>
      <c r="CB43" s="381"/>
      <c r="CC43" s="381"/>
      <c r="CD43" s="381"/>
      <c r="CE43" s="351" t="s">
        <v>2359</v>
      </c>
      <c r="CF43" s="351"/>
      <c r="CG43" s="351" t="s">
        <v>2360</v>
      </c>
    </row>
    <row r="44" spans="1:87" ht="153" customHeight="1" x14ac:dyDescent="0.2">
      <c r="A44" s="477" t="s">
        <v>2361</v>
      </c>
      <c r="B44" t="s">
        <v>2362</v>
      </c>
      <c r="C44" s="578"/>
      <c r="D44" s="348">
        <v>104</v>
      </c>
      <c r="E44" s="348"/>
      <c r="F44" s="348" t="s">
        <v>2182</v>
      </c>
      <c r="G44" s="379" t="s">
        <v>1385</v>
      </c>
      <c r="H44" s="379" t="s">
        <v>655</v>
      </c>
      <c r="I44" s="351" t="s">
        <v>900</v>
      </c>
      <c r="J44" s="351" t="s">
        <v>2363</v>
      </c>
      <c r="K44" s="380" t="s">
        <v>2364</v>
      </c>
      <c r="L44" s="469" t="s">
        <v>2205</v>
      </c>
      <c r="M44" s="351" t="s">
        <v>254</v>
      </c>
      <c r="N44" s="351" t="s">
        <v>2348</v>
      </c>
      <c r="O44" s="351"/>
      <c r="P44" s="351" t="s">
        <v>81</v>
      </c>
      <c r="Q44" s="351" t="s">
        <v>77</v>
      </c>
      <c r="R44" s="351"/>
      <c r="S44" s="390" t="s">
        <v>249</v>
      </c>
      <c r="T44" s="390"/>
      <c r="U44" s="472" t="s">
        <v>63</v>
      </c>
      <c r="V44" s="472" t="s">
        <v>63</v>
      </c>
      <c r="W44" s="381" t="s">
        <v>191</v>
      </c>
      <c r="X44" s="381"/>
      <c r="Y44" s="381" t="s">
        <v>2365</v>
      </c>
      <c r="Z44" s="381"/>
      <c r="AA44" s="381" t="s">
        <v>191</v>
      </c>
      <c r="AB44" s="381"/>
      <c r="AC44" s="381" t="s">
        <v>245</v>
      </c>
      <c r="AD44" s="381"/>
      <c r="AE44" s="381"/>
      <c r="AF44" s="381"/>
      <c r="AG44" s="381"/>
      <c r="AH44" s="381"/>
      <c r="AI44" s="381"/>
      <c r="AJ44" s="381"/>
      <c r="AK44" s="381"/>
      <c r="AL44" s="381"/>
      <c r="AM44" s="381"/>
      <c r="AN44" s="381"/>
      <c r="AO44" s="381"/>
      <c r="AP44" s="381"/>
      <c r="AQ44" s="381"/>
      <c r="AR44" s="381"/>
      <c r="AS44" s="381"/>
      <c r="AT44" s="381"/>
      <c r="AU44" s="381"/>
      <c r="AV44" s="381"/>
      <c r="AW44" s="381"/>
      <c r="AX44" s="381"/>
      <c r="AY44" s="381"/>
      <c r="AZ44" s="381"/>
      <c r="BA44" s="381"/>
      <c r="BB44" s="381"/>
      <c r="BC44" s="381"/>
      <c r="BD44" s="381"/>
      <c r="BE44" s="381"/>
      <c r="BF44" s="381"/>
      <c r="BG44" s="381"/>
      <c r="BH44" s="381"/>
      <c r="BI44" s="381"/>
      <c r="BJ44" s="381"/>
      <c r="BK44" s="381"/>
      <c r="BL44" s="381"/>
      <c r="BM44" s="381"/>
      <c r="BN44" s="381"/>
      <c r="BO44" s="381"/>
      <c r="BP44" s="381"/>
      <c r="BQ44" s="381" t="s">
        <v>2190</v>
      </c>
      <c r="BR44" s="381" t="s">
        <v>2190</v>
      </c>
      <c r="BS44" s="381" t="s">
        <v>2190</v>
      </c>
      <c r="BT44" s="381" t="s">
        <v>2190</v>
      </c>
      <c r="BU44" s="381"/>
      <c r="BV44" s="381"/>
      <c r="BW44" s="381"/>
      <c r="BX44" s="381"/>
      <c r="BY44" s="381"/>
      <c r="BZ44" s="381"/>
      <c r="CA44" s="381"/>
      <c r="CB44" s="381" t="s">
        <v>2190</v>
      </c>
      <c r="CC44" s="381"/>
      <c r="CD44" s="381"/>
      <c r="CE44" s="351"/>
      <c r="CF44" s="351"/>
      <c r="CG44" s="351"/>
      <c r="CH44" s="248"/>
      <c r="CI44" s="248"/>
    </row>
    <row r="45" spans="1:87" ht="153" customHeight="1" x14ac:dyDescent="0.2">
      <c r="A45" s="576"/>
      <c r="B45" t="s">
        <v>2366</v>
      </c>
      <c r="C45" s="576"/>
      <c r="D45" s="346">
        <v>140</v>
      </c>
      <c r="E45" s="346"/>
      <c r="F45" s="346" t="s">
        <v>2182</v>
      </c>
      <c r="G45" s="370" t="s">
        <v>1385</v>
      </c>
      <c r="H45" s="370" t="s">
        <v>655</v>
      </c>
      <c r="I45" s="350" t="s">
        <v>2352</v>
      </c>
      <c r="J45" s="350" t="s">
        <v>2367</v>
      </c>
      <c r="K45" s="350" t="s">
        <v>2354</v>
      </c>
      <c r="L45" s="469" t="s">
        <v>2186</v>
      </c>
      <c r="M45" s="350" t="s">
        <v>254</v>
      </c>
      <c r="N45" s="350" t="s">
        <v>2194</v>
      </c>
      <c r="O45" s="350"/>
      <c r="P45" s="350" t="s">
        <v>60</v>
      </c>
      <c r="Q45" s="350" t="s">
        <v>61</v>
      </c>
      <c r="R45" s="350"/>
      <c r="S45" s="371" t="s">
        <v>2258</v>
      </c>
      <c r="T45" s="371"/>
      <c r="U45" s="473">
        <v>270000</v>
      </c>
      <c r="V45" s="473">
        <v>500000</v>
      </c>
      <c r="W45" s="372">
        <v>385000</v>
      </c>
      <c r="X45" s="372"/>
      <c r="Y45" s="372" t="s">
        <v>2355</v>
      </c>
      <c r="Z45" s="372"/>
      <c r="AA45" s="372">
        <v>385000</v>
      </c>
      <c r="AB45" s="372"/>
      <c r="AC45" s="372" t="s">
        <v>65</v>
      </c>
      <c r="AD45" s="372"/>
      <c r="AE45" s="372"/>
      <c r="AF45" s="372"/>
      <c r="AG45" s="372"/>
      <c r="AH45" s="372"/>
      <c r="AI45" s="372"/>
      <c r="AJ45" s="372"/>
      <c r="AK45" s="372"/>
      <c r="AL45" s="372"/>
      <c r="AM45" s="372"/>
      <c r="AN45" s="372"/>
      <c r="AO45" s="372"/>
      <c r="AP45" s="372"/>
      <c r="AQ45" s="372"/>
      <c r="AR45" s="372"/>
      <c r="AS45" s="372"/>
      <c r="AT45" s="372"/>
      <c r="AU45" s="372"/>
      <c r="AV45" s="372"/>
      <c r="AW45" s="372"/>
      <c r="AX45" s="372"/>
      <c r="AY45" s="372"/>
      <c r="AZ45" s="372"/>
      <c r="BA45" s="372"/>
      <c r="BB45" s="372"/>
      <c r="BC45" s="372"/>
      <c r="BD45" s="372"/>
      <c r="BE45" s="372"/>
      <c r="BF45" s="372"/>
      <c r="BG45" s="372"/>
      <c r="BH45" s="372"/>
      <c r="BI45" s="372"/>
      <c r="BJ45" s="372"/>
      <c r="BK45" s="372"/>
      <c r="BL45" s="372"/>
      <c r="BM45" s="372"/>
      <c r="BN45" s="372"/>
      <c r="BO45" s="372"/>
      <c r="BP45" s="372"/>
      <c r="BQ45" s="372"/>
      <c r="BR45" s="372" t="s">
        <v>2190</v>
      </c>
      <c r="BS45" s="372"/>
      <c r="BT45" s="372"/>
      <c r="BU45" s="372"/>
      <c r="BV45" s="372"/>
      <c r="BW45" s="372"/>
      <c r="BX45" s="372"/>
      <c r="BY45" s="372"/>
      <c r="BZ45" s="372"/>
      <c r="CA45" s="372"/>
      <c r="CB45" s="372"/>
      <c r="CC45" s="372" t="s">
        <v>2190</v>
      </c>
      <c r="CD45" s="372"/>
      <c r="CE45" s="350" t="s">
        <v>2368</v>
      </c>
      <c r="CF45" s="350"/>
      <c r="CG45" s="350" t="s">
        <v>2279</v>
      </c>
      <c r="CH45" s="178"/>
      <c r="CI45" s="178"/>
    </row>
    <row r="46" spans="1:87" ht="153" customHeight="1" x14ac:dyDescent="0.2">
      <c r="A46" s="576"/>
      <c r="B46" t="s">
        <v>2369</v>
      </c>
      <c r="C46" s="576"/>
      <c r="D46" s="346">
        <v>143</v>
      </c>
      <c r="E46" s="346"/>
      <c r="F46" s="346" t="s">
        <v>2182</v>
      </c>
      <c r="G46" s="370" t="s">
        <v>1385</v>
      </c>
      <c r="H46" s="370" t="s">
        <v>655</v>
      </c>
      <c r="I46" s="350" t="s">
        <v>2352</v>
      </c>
      <c r="J46" s="350" t="s">
        <v>2370</v>
      </c>
      <c r="K46" s="350" t="s">
        <v>2354</v>
      </c>
      <c r="L46" s="469" t="s">
        <v>2205</v>
      </c>
      <c r="M46" s="350" t="s">
        <v>254</v>
      </c>
      <c r="N46" s="350" t="s">
        <v>2206</v>
      </c>
      <c r="O46" s="350"/>
      <c r="P46" s="350" t="s">
        <v>60</v>
      </c>
      <c r="Q46" s="350" t="s">
        <v>61</v>
      </c>
      <c r="R46" s="350"/>
      <c r="S46" s="371" t="s">
        <v>2258</v>
      </c>
      <c r="T46" s="371"/>
      <c r="U46" s="473">
        <v>332640</v>
      </c>
      <c r="V46" s="473">
        <v>499699</v>
      </c>
      <c r="W46" s="372">
        <v>416169.5</v>
      </c>
      <c r="X46" s="372"/>
      <c r="Y46" s="372" t="s">
        <v>2355</v>
      </c>
      <c r="Z46" s="372"/>
      <c r="AA46" s="372">
        <v>416169.5</v>
      </c>
      <c r="AB46" s="372"/>
      <c r="AC46" s="372" t="s">
        <v>65</v>
      </c>
      <c r="AD46" s="372"/>
      <c r="AE46" s="372"/>
      <c r="AF46" s="372"/>
      <c r="AG46" s="372"/>
      <c r="AH46" s="372"/>
      <c r="AI46" s="372"/>
      <c r="AJ46" s="372"/>
      <c r="AK46" s="372"/>
      <c r="AL46" s="372"/>
      <c r="AM46" s="372"/>
      <c r="AN46" s="372"/>
      <c r="AO46" s="372"/>
      <c r="AP46" s="372"/>
      <c r="AQ46" s="372"/>
      <c r="AR46" s="372"/>
      <c r="AS46" s="372"/>
      <c r="AT46" s="372"/>
      <c r="AU46" s="372"/>
      <c r="AV46" s="372"/>
      <c r="AW46" s="372"/>
      <c r="AX46" s="372"/>
      <c r="AY46" s="372"/>
      <c r="AZ46" s="372"/>
      <c r="BA46" s="372"/>
      <c r="BB46" s="372"/>
      <c r="BC46" s="372"/>
      <c r="BD46" s="372"/>
      <c r="BE46" s="372"/>
      <c r="BF46" s="372"/>
      <c r="BG46" s="372"/>
      <c r="BH46" s="372"/>
      <c r="BI46" s="372"/>
      <c r="BJ46" s="372"/>
      <c r="BK46" s="372"/>
      <c r="BL46" s="372"/>
      <c r="BM46" s="372"/>
      <c r="BN46" s="372"/>
      <c r="BO46" s="372"/>
      <c r="BP46" s="372"/>
      <c r="BQ46" s="372"/>
      <c r="BR46" s="372"/>
      <c r="BS46" s="372" t="s">
        <v>2190</v>
      </c>
      <c r="BT46" s="372"/>
      <c r="BU46" s="372"/>
      <c r="BV46" s="372"/>
      <c r="BW46" s="372"/>
      <c r="BX46" s="372"/>
      <c r="BY46" s="372"/>
      <c r="BZ46" s="372"/>
      <c r="CA46" s="372"/>
      <c r="CB46" s="372" t="s">
        <v>2190</v>
      </c>
      <c r="CC46" s="372"/>
      <c r="CD46" s="372"/>
      <c r="CE46" s="350"/>
      <c r="CF46" s="350"/>
      <c r="CG46" s="350" t="s">
        <v>2279</v>
      </c>
      <c r="CH46" s="178"/>
      <c r="CI46" s="178"/>
    </row>
    <row r="47" spans="1:87" ht="153" customHeight="1" x14ac:dyDescent="0.2">
      <c r="A47" s="477" t="s">
        <v>2371</v>
      </c>
      <c r="B47" t="s">
        <v>2372</v>
      </c>
      <c r="C47" s="553" t="s">
        <v>2373</v>
      </c>
      <c r="D47" s="348">
        <v>105</v>
      </c>
      <c r="E47" s="348"/>
      <c r="F47" s="348" t="s">
        <v>2182</v>
      </c>
      <c r="G47" s="379" t="s">
        <v>1385</v>
      </c>
      <c r="H47" s="379" t="s">
        <v>655</v>
      </c>
      <c r="I47" s="351" t="s">
        <v>900</v>
      </c>
      <c r="J47" s="351" t="s">
        <v>2374</v>
      </c>
      <c r="K47" s="380" t="s">
        <v>2375</v>
      </c>
      <c r="L47" s="469" t="s">
        <v>2205</v>
      </c>
      <c r="M47" s="351" t="s">
        <v>2376</v>
      </c>
      <c r="N47" s="351" t="s">
        <v>63</v>
      </c>
      <c r="O47" s="351"/>
      <c r="P47" s="351" t="s">
        <v>81</v>
      </c>
      <c r="Q47" s="351" t="s">
        <v>2377</v>
      </c>
      <c r="R47" s="351"/>
      <c r="S47" s="390" t="s">
        <v>2378</v>
      </c>
      <c r="T47" s="390"/>
      <c r="U47" s="473" t="s">
        <v>63</v>
      </c>
      <c r="V47" s="473" t="s">
        <v>63</v>
      </c>
      <c r="W47" s="381">
        <v>106900000</v>
      </c>
      <c r="X47" s="381"/>
      <c r="Y47" s="381" t="s">
        <v>2365</v>
      </c>
      <c r="Z47" s="381"/>
      <c r="AA47" s="381" t="s">
        <v>191</v>
      </c>
      <c r="AB47" s="381"/>
      <c r="AC47" s="381" t="s">
        <v>245</v>
      </c>
      <c r="AD47" s="381"/>
      <c r="AE47" s="381"/>
      <c r="AF47" s="381"/>
      <c r="AG47" s="381"/>
      <c r="AH47" s="381"/>
      <c r="AI47" s="381"/>
      <c r="AJ47" s="381"/>
      <c r="AK47" s="381"/>
      <c r="AL47" s="381"/>
      <c r="AM47" s="381"/>
      <c r="AN47" s="381"/>
      <c r="AO47" s="381"/>
      <c r="AP47" s="381"/>
      <c r="AQ47" s="381"/>
      <c r="AR47" s="381"/>
      <c r="AS47" s="381"/>
      <c r="AT47" s="381"/>
      <c r="AU47" s="381"/>
      <c r="AV47" s="381"/>
      <c r="AW47" s="381"/>
      <c r="AX47" s="381"/>
      <c r="AY47" s="381"/>
      <c r="AZ47" s="381"/>
      <c r="BA47" s="381"/>
      <c r="BB47" s="381"/>
      <c r="BC47" s="381"/>
      <c r="BD47" s="381"/>
      <c r="BE47" s="381"/>
      <c r="BF47" s="381"/>
      <c r="BG47" s="381"/>
      <c r="BH47" s="381"/>
      <c r="BI47" s="381"/>
      <c r="BJ47" s="381"/>
      <c r="BK47" s="381"/>
      <c r="BL47" s="381"/>
      <c r="BM47" s="381"/>
      <c r="BN47" s="381"/>
      <c r="BO47" s="381"/>
      <c r="BP47" s="381"/>
      <c r="BQ47" s="381" t="s">
        <v>2190</v>
      </c>
      <c r="BR47" s="381" t="s">
        <v>2190</v>
      </c>
      <c r="BS47" s="381" t="s">
        <v>2190</v>
      </c>
      <c r="BT47" s="381" t="s">
        <v>2190</v>
      </c>
      <c r="BU47" s="381"/>
      <c r="BV47" s="381"/>
      <c r="BW47" s="381"/>
      <c r="BX47" s="381"/>
      <c r="BY47" s="381"/>
      <c r="BZ47" s="381"/>
      <c r="CA47" s="381"/>
      <c r="CB47" s="351"/>
      <c r="CC47" s="381" t="s">
        <v>2190</v>
      </c>
      <c r="CD47" s="381"/>
      <c r="CE47" s="351" t="s">
        <v>2379</v>
      </c>
      <c r="CF47" s="351" t="s">
        <v>2380</v>
      </c>
      <c r="CG47" s="351" t="s">
        <v>2381</v>
      </c>
      <c r="CH47" s="248"/>
      <c r="CI47" s="248"/>
    </row>
    <row r="48" spans="1:87" ht="153" customHeight="1" x14ac:dyDescent="0.2">
      <c r="A48" s="477" t="s">
        <v>2382</v>
      </c>
      <c r="B48" t="s">
        <v>2383</v>
      </c>
      <c r="C48" s="553" t="s">
        <v>2384</v>
      </c>
      <c r="D48" s="348">
        <v>103</v>
      </c>
      <c r="E48" s="348"/>
      <c r="F48" s="348" t="s">
        <v>2182</v>
      </c>
      <c r="G48" s="379" t="s">
        <v>1385</v>
      </c>
      <c r="H48" s="379" t="s">
        <v>655</v>
      </c>
      <c r="I48" s="351" t="s">
        <v>900</v>
      </c>
      <c r="J48" s="351" t="s">
        <v>2385</v>
      </c>
      <c r="K48" s="380" t="s">
        <v>2386</v>
      </c>
      <c r="L48" s="469" t="s">
        <v>2205</v>
      </c>
      <c r="M48" s="351" t="s">
        <v>254</v>
      </c>
      <c r="N48" s="351" t="s">
        <v>2348</v>
      </c>
      <c r="O48" s="351"/>
      <c r="P48" s="351" t="s">
        <v>81</v>
      </c>
      <c r="Q48" s="351" t="s">
        <v>77</v>
      </c>
      <c r="R48" s="351"/>
      <c r="S48" s="390" t="s">
        <v>2387</v>
      </c>
      <c r="T48" s="390"/>
      <c r="U48" s="472" t="s">
        <v>63</v>
      </c>
      <c r="V48" s="472" t="s">
        <v>63</v>
      </c>
      <c r="W48" s="381">
        <v>1056500</v>
      </c>
      <c r="X48" s="381"/>
      <c r="Y48" s="381" t="s">
        <v>2365</v>
      </c>
      <c r="Z48" s="381"/>
      <c r="AA48" s="381" t="s">
        <v>191</v>
      </c>
      <c r="AB48" s="381"/>
      <c r="AC48" s="381" t="s">
        <v>245</v>
      </c>
      <c r="AD48" s="381"/>
      <c r="AE48" s="381"/>
      <c r="AF48" s="381"/>
      <c r="AG48" s="381"/>
      <c r="AH48" s="381"/>
      <c r="AI48" s="381"/>
      <c r="AJ48" s="381"/>
      <c r="AK48" s="381"/>
      <c r="AL48" s="381"/>
      <c r="AM48" s="381"/>
      <c r="AN48" s="381"/>
      <c r="AO48" s="381"/>
      <c r="AP48" s="381"/>
      <c r="AQ48" s="381"/>
      <c r="AR48" s="381"/>
      <c r="AS48" s="381"/>
      <c r="AT48" s="381"/>
      <c r="AU48" s="381"/>
      <c r="AV48" s="381"/>
      <c r="AW48" s="381"/>
      <c r="AX48" s="381"/>
      <c r="AY48" s="381"/>
      <c r="AZ48" s="381"/>
      <c r="BA48" s="381"/>
      <c r="BB48" s="381"/>
      <c r="BC48" s="381"/>
      <c r="BD48" s="381"/>
      <c r="BE48" s="381"/>
      <c r="BF48" s="381"/>
      <c r="BG48" s="381"/>
      <c r="BH48" s="381"/>
      <c r="BI48" s="381"/>
      <c r="BJ48" s="381"/>
      <c r="BK48" s="381"/>
      <c r="BL48" s="381"/>
      <c r="BM48" s="381"/>
      <c r="BN48" s="381"/>
      <c r="BO48" s="381"/>
      <c r="BP48" s="381"/>
      <c r="BQ48" s="381" t="s">
        <v>2190</v>
      </c>
      <c r="BR48" s="381" t="s">
        <v>2190</v>
      </c>
      <c r="BS48" s="381" t="s">
        <v>2190</v>
      </c>
      <c r="BT48" s="381" t="s">
        <v>2190</v>
      </c>
      <c r="BU48" s="381"/>
      <c r="BV48" s="381"/>
      <c r="BW48" s="381"/>
      <c r="BX48" s="381"/>
      <c r="BY48" s="381"/>
      <c r="BZ48" s="381"/>
      <c r="CA48" s="381"/>
      <c r="CB48" s="381" t="s">
        <v>2190</v>
      </c>
      <c r="CC48" s="381"/>
      <c r="CD48" s="381"/>
      <c r="CE48" s="351"/>
      <c r="CF48" s="351"/>
      <c r="CG48" s="351"/>
      <c r="CH48" s="248"/>
      <c r="CI48" s="248"/>
    </row>
    <row r="49" spans="1:87" ht="153" customHeight="1" x14ac:dyDescent="0.2">
      <c r="A49" s="576"/>
      <c r="B49" t="s">
        <v>2388</v>
      </c>
      <c r="C49" s="576"/>
      <c r="D49" s="346">
        <v>137</v>
      </c>
      <c r="E49" s="346"/>
      <c r="F49" s="346" t="s">
        <v>2182</v>
      </c>
      <c r="G49" s="370" t="s">
        <v>1385</v>
      </c>
      <c r="H49" s="370" t="s">
        <v>655</v>
      </c>
      <c r="I49" s="350" t="s">
        <v>900</v>
      </c>
      <c r="J49" s="350" t="s">
        <v>2389</v>
      </c>
      <c r="K49" s="350" t="s">
        <v>2390</v>
      </c>
      <c r="L49" s="469" t="s">
        <v>2186</v>
      </c>
      <c r="M49" s="350" t="s">
        <v>254</v>
      </c>
      <c r="N49" s="350" t="s">
        <v>59</v>
      </c>
      <c r="O49" s="350"/>
      <c r="P49" s="350" t="s">
        <v>60</v>
      </c>
      <c r="Q49" s="350" t="s">
        <v>61</v>
      </c>
      <c r="R49" s="350"/>
      <c r="S49" s="371" t="s">
        <v>2258</v>
      </c>
      <c r="T49" s="371"/>
      <c r="U49" s="473" t="s">
        <v>63</v>
      </c>
      <c r="V49" s="473" t="s">
        <v>63</v>
      </c>
      <c r="W49" s="372" t="s">
        <v>2299</v>
      </c>
      <c r="X49" s="372"/>
      <c r="Y49" s="372" t="s">
        <v>2391</v>
      </c>
      <c r="Z49" s="372"/>
      <c r="AA49" s="372" t="s">
        <v>2299</v>
      </c>
      <c r="AB49" s="372"/>
      <c r="AC49" s="372" t="s">
        <v>245</v>
      </c>
      <c r="AD49" s="372"/>
      <c r="AE49" s="372"/>
      <c r="AF49" s="372"/>
      <c r="AG49" s="372"/>
      <c r="AH49" s="372"/>
      <c r="AI49" s="372"/>
      <c r="AJ49" s="372"/>
      <c r="AK49" s="372"/>
      <c r="AL49" s="372"/>
      <c r="AM49" s="372"/>
      <c r="AN49" s="372"/>
      <c r="AO49" s="372"/>
      <c r="AP49" s="372"/>
      <c r="AQ49" s="372"/>
      <c r="AR49" s="372"/>
      <c r="AS49" s="372"/>
      <c r="AT49" s="372"/>
      <c r="AU49" s="372"/>
      <c r="AV49" s="372"/>
      <c r="AW49" s="372"/>
      <c r="AX49" s="372"/>
      <c r="AY49" s="372"/>
      <c r="AZ49" s="372"/>
      <c r="BA49" s="372"/>
      <c r="BB49" s="372"/>
      <c r="BC49" s="372"/>
      <c r="BD49" s="372"/>
      <c r="BE49" s="372"/>
      <c r="BF49" s="372"/>
      <c r="BG49" s="372"/>
      <c r="BH49" s="372"/>
      <c r="BI49" s="372"/>
      <c r="BJ49" s="372"/>
      <c r="BK49" s="372"/>
      <c r="BL49" s="372"/>
      <c r="BM49" s="372"/>
      <c r="BN49" s="372"/>
      <c r="BO49" s="372"/>
      <c r="BP49" s="372"/>
      <c r="BQ49" s="372" t="s">
        <v>2190</v>
      </c>
      <c r="BR49" s="372"/>
      <c r="BS49" s="372"/>
      <c r="BT49" s="372"/>
      <c r="BU49" s="372"/>
      <c r="BV49" s="372"/>
      <c r="BW49" s="372"/>
      <c r="BX49" s="372"/>
      <c r="BY49" s="372"/>
      <c r="BZ49" s="372"/>
      <c r="CA49" s="372"/>
      <c r="CB49" s="372"/>
      <c r="CC49" s="372" t="s">
        <v>2190</v>
      </c>
      <c r="CD49" s="372"/>
      <c r="CE49" s="350" t="s">
        <v>2300</v>
      </c>
      <c r="CF49" s="350"/>
      <c r="CG49" s="350" t="s">
        <v>869</v>
      </c>
      <c r="CH49" s="194"/>
      <c r="CI49" s="194"/>
    </row>
    <row r="50" spans="1:87" ht="153" customHeight="1" x14ac:dyDescent="0.2">
      <c r="A50" s="576"/>
      <c r="B50" t="s">
        <v>2388</v>
      </c>
      <c r="C50" s="576"/>
      <c r="D50" s="346">
        <v>139</v>
      </c>
      <c r="E50" s="346"/>
      <c r="F50" s="346" t="s">
        <v>2182</v>
      </c>
      <c r="G50" s="370" t="s">
        <v>1385</v>
      </c>
      <c r="H50" s="370" t="s">
        <v>655</v>
      </c>
      <c r="I50" s="350" t="s">
        <v>900</v>
      </c>
      <c r="J50" s="350" t="s">
        <v>2392</v>
      </c>
      <c r="K50" s="350" t="s">
        <v>2393</v>
      </c>
      <c r="L50" s="469" t="s">
        <v>2186</v>
      </c>
      <c r="M50" s="350" t="s">
        <v>254</v>
      </c>
      <c r="N50" s="350" t="s">
        <v>2194</v>
      </c>
      <c r="O50" s="350"/>
      <c r="P50" s="350" t="s">
        <v>60</v>
      </c>
      <c r="Q50" s="350" t="s">
        <v>61</v>
      </c>
      <c r="R50" s="350"/>
      <c r="S50" s="371" t="s">
        <v>2258</v>
      </c>
      <c r="T50" s="371"/>
      <c r="U50" s="473" t="s">
        <v>63</v>
      </c>
      <c r="V50" s="473" t="s">
        <v>63</v>
      </c>
      <c r="W50" s="372" t="s">
        <v>2299</v>
      </c>
      <c r="X50" s="372"/>
      <c r="Y50" s="372" t="s">
        <v>2355</v>
      </c>
      <c r="Z50" s="372"/>
      <c r="AA50" s="372" t="s">
        <v>2299</v>
      </c>
      <c r="AB50" s="372"/>
      <c r="AC50" s="372" t="s">
        <v>245</v>
      </c>
      <c r="AD50" s="372"/>
      <c r="AE50" s="372"/>
      <c r="AF50" s="372"/>
      <c r="AG50" s="372"/>
      <c r="AH50" s="372"/>
      <c r="AI50" s="372"/>
      <c r="AJ50" s="372"/>
      <c r="AK50" s="372"/>
      <c r="AL50" s="372"/>
      <c r="AM50" s="372"/>
      <c r="AN50" s="372"/>
      <c r="AO50" s="372"/>
      <c r="AP50" s="372"/>
      <c r="AQ50" s="372"/>
      <c r="AR50" s="372"/>
      <c r="AS50" s="372"/>
      <c r="AT50" s="372"/>
      <c r="AU50" s="372"/>
      <c r="AV50" s="372"/>
      <c r="AW50" s="372"/>
      <c r="AX50" s="372"/>
      <c r="AY50" s="372"/>
      <c r="AZ50" s="372"/>
      <c r="BA50" s="372"/>
      <c r="BB50" s="372"/>
      <c r="BC50" s="372"/>
      <c r="BD50" s="372"/>
      <c r="BE50" s="372"/>
      <c r="BF50" s="372"/>
      <c r="BG50" s="372"/>
      <c r="BH50" s="372"/>
      <c r="BI50" s="372"/>
      <c r="BJ50" s="372"/>
      <c r="BK50" s="372"/>
      <c r="BL50" s="372"/>
      <c r="BM50" s="372"/>
      <c r="BN50" s="372"/>
      <c r="BO50" s="372"/>
      <c r="BP50" s="372"/>
      <c r="BQ50" s="372"/>
      <c r="BR50" s="372" t="s">
        <v>2190</v>
      </c>
      <c r="BS50" s="372"/>
      <c r="BT50" s="372"/>
      <c r="BU50" s="372"/>
      <c r="BV50" s="372"/>
      <c r="BW50" s="372"/>
      <c r="BX50" s="372"/>
      <c r="BY50" s="372"/>
      <c r="BZ50" s="372"/>
      <c r="CA50" s="372"/>
      <c r="CB50" s="372"/>
      <c r="CC50" s="372" t="s">
        <v>2190</v>
      </c>
      <c r="CD50" s="372"/>
      <c r="CE50" s="350" t="s">
        <v>2300</v>
      </c>
      <c r="CF50" s="350"/>
      <c r="CG50" s="350" t="s">
        <v>869</v>
      </c>
      <c r="CH50" s="248"/>
      <c r="CI50" s="248"/>
    </row>
    <row r="51" spans="1:87" ht="153" customHeight="1" x14ac:dyDescent="0.2">
      <c r="A51" s="477" t="s">
        <v>2290</v>
      </c>
      <c r="B51" t="s">
        <v>2388</v>
      </c>
      <c r="C51" s="578" t="s">
        <v>2291</v>
      </c>
      <c r="D51" s="348">
        <v>141</v>
      </c>
      <c r="E51" s="348"/>
      <c r="F51" s="348" t="s">
        <v>2182</v>
      </c>
      <c r="G51" s="379" t="s">
        <v>1385</v>
      </c>
      <c r="H51" s="379" t="s">
        <v>655</v>
      </c>
      <c r="I51" s="351" t="s">
        <v>900</v>
      </c>
      <c r="J51" s="351" t="s">
        <v>2394</v>
      </c>
      <c r="K51" s="351" t="s">
        <v>2395</v>
      </c>
      <c r="L51" s="469" t="s">
        <v>2205</v>
      </c>
      <c r="M51" s="351" t="s">
        <v>254</v>
      </c>
      <c r="N51" s="351" t="s">
        <v>2295</v>
      </c>
      <c r="O51" s="351"/>
      <c r="P51" s="351" t="s">
        <v>60</v>
      </c>
      <c r="Q51" s="351" t="s">
        <v>61</v>
      </c>
      <c r="R51" s="351"/>
      <c r="S51" s="390" t="s">
        <v>2258</v>
      </c>
      <c r="T51" s="390"/>
      <c r="U51" s="473" t="s">
        <v>63</v>
      </c>
      <c r="V51" s="473" t="s">
        <v>63</v>
      </c>
      <c r="W51" s="381" t="s">
        <v>2299</v>
      </c>
      <c r="X51" s="381"/>
      <c r="Y51" s="381" t="s">
        <v>2355</v>
      </c>
      <c r="Z51" s="381"/>
      <c r="AA51" s="381" t="s">
        <v>2299</v>
      </c>
      <c r="AB51" s="381"/>
      <c r="AC51" s="381" t="s">
        <v>245</v>
      </c>
      <c r="AD51" s="381"/>
      <c r="AE51" s="381"/>
      <c r="AF51" s="381"/>
      <c r="AG51" s="381"/>
      <c r="AH51" s="381"/>
      <c r="AI51" s="381"/>
      <c r="AJ51" s="381"/>
      <c r="AK51" s="381"/>
      <c r="AL51" s="381"/>
      <c r="AM51" s="381"/>
      <c r="AN51" s="381"/>
      <c r="AO51" s="381"/>
      <c r="AP51" s="381"/>
      <c r="AQ51" s="381"/>
      <c r="AR51" s="381"/>
      <c r="AS51" s="381"/>
      <c r="AT51" s="381"/>
      <c r="AU51" s="381"/>
      <c r="AV51" s="381"/>
      <c r="AW51" s="381"/>
      <c r="AX51" s="381"/>
      <c r="AY51" s="381"/>
      <c r="AZ51" s="381"/>
      <c r="BA51" s="381"/>
      <c r="BB51" s="381"/>
      <c r="BC51" s="381"/>
      <c r="BD51" s="381"/>
      <c r="BE51" s="381"/>
      <c r="BF51" s="381"/>
      <c r="BG51" s="381"/>
      <c r="BH51" s="381"/>
      <c r="BI51" s="381"/>
      <c r="BJ51" s="381"/>
      <c r="BK51" s="381"/>
      <c r="BL51" s="381"/>
      <c r="BM51" s="381"/>
      <c r="BN51" s="381"/>
      <c r="BO51" s="381"/>
      <c r="BP51" s="381"/>
      <c r="BQ51" s="381"/>
      <c r="BR51" s="381"/>
      <c r="BS51" s="381"/>
      <c r="BT51" s="381" t="s">
        <v>2190</v>
      </c>
      <c r="BU51" s="381"/>
      <c r="BV51" s="381"/>
      <c r="BW51" s="381"/>
      <c r="BX51" s="381"/>
      <c r="BY51" s="381"/>
      <c r="BZ51" s="381"/>
      <c r="CA51" s="381"/>
      <c r="CB51" s="381" t="s">
        <v>2190</v>
      </c>
      <c r="CC51" s="381"/>
      <c r="CD51" s="381"/>
      <c r="CE51" s="351" t="s">
        <v>2300</v>
      </c>
      <c r="CF51" s="351"/>
      <c r="CG51" s="351" t="s">
        <v>869</v>
      </c>
      <c r="CH51" s="248"/>
      <c r="CI51" s="248"/>
    </row>
    <row r="52" spans="1:87" ht="153" hidden="1" customHeight="1" x14ac:dyDescent="0.2">
      <c r="A52" s="477" t="s">
        <v>2342</v>
      </c>
      <c r="C52" s="577"/>
      <c r="D52" s="347">
        <v>96</v>
      </c>
      <c r="E52" s="347"/>
      <c r="F52" s="347" t="s">
        <v>2182</v>
      </c>
      <c r="G52" s="374" t="s">
        <v>1385</v>
      </c>
      <c r="H52" s="374" t="s">
        <v>655</v>
      </c>
      <c r="I52" s="375" t="s">
        <v>932</v>
      </c>
      <c r="J52" s="375" t="s">
        <v>2396</v>
      </c>
      <c r="K52" s="394" t="s">
        <v>2397</v>
      </c>
      <c r="L52" s="469" t="s">
        <v>2186</v>
      </c>
      <c r="M52" s="375" t="s">
        <v>254</v>
      </c>
      <c r="N52" s="375" t="s">
        <v>2398</v>
      </c>
      <c r="O52" s="375"/>
      <c r="P52" s="375" t="s">
        <v>60</v>
      </c>
      <c r="Q52" s="375" t="s">
        <v>2399</v>
      </c>
      <c r="R52" s="375"/>
      <c r="S52" s="376" t="s">
        <v>2226</v>
      </c>
      <c r="T52" s="376"/>
      <c r="U52" s="472" t="s">
        <v>63</v>
      </c>
      <c r="V52" s="472" t="s">
        <v>63</v>
      </c>
      <c r="W52" s="377" t="s">
        <v>2299</v>
      </c>
      <c r="X52" s="377"/>
      <c r="Y52" s="377" t="s">
        <v>2188</v>
      </c>
      <c r="Z52" s="377"/>
      <c r="AA52" s="377" t="s">
        <v>2299</v>
      </c>
      <c r="AB52" s="377"/>
      <c r="AC52" s="377" t="s">
        <v>65</v>
      </c>
      <c r="AD52" s="377"/>
      <c r="AE52" s="377"/>
      <c r="AF52" s="377"/>
      <c r="AG52" s="377"/>
      <c r="AH52" s="377"/>
      <c r="AI52" s="377"/>
      <c r="AJ52" s="377"/>
      <c r="AK52" s="377"/>
      <c r="AL52" s="377"/>
      <c r="AM52" s="377"/>
      <c r="AN52" s="377"/>
      <c r="AO52" s="377"/>
      <c r="AP52" s="377"/>
      <c r="AQ52" s="377"/>
      <c r="AR52" s="377"/>
      <c r="AS52" s="377"/>
      <c r="AT52" s="377"/>
      <c r="AU52" s="377"/>
      <c r="AV52" s="377"/>
      <c r="AW52" s="377"/>
      <c r="AX52" s="377"/>
      <c r="AY52" s="377"/>
      <c r="AZ52" s="377"/>
      <c r="BA52" s="377"/>
      <c r="BB52" s="377"/>
      <c r="BC52" s="377"/>
      <c r="BD52" s="377"/>
      <c r="BE52" s="377"/>
      <c r="BF52" s="377"/>
      <c r="BG52" s="377"/>
      <c r="BH52" s="377"/>
      <c r="BI52" s="377"/>
      <c r="BJ52" s="377"/>
      <c r="BK52" s="377"/>
      <c r="BL52" s="377"/>
      <c r="BM52" s="377"/>
      <c r="BN52" s="377"/>
      <c r="BO52" s="377"/>
      <c r="BP52" s="377"/>
      <c r="BQ52" s="377" t="s">
        <v>2190</v>
      </c>
      <c r="BR52" s="377" t="s">
        <v>2190</v>
      </c>
      <c r="BS52" s="377" t="s">
        <v>2190</v>
      </c>
      <c r="BT52" s="377" t="s">
        <v>2190</v>
      </c>
      <c r="BU52" s="377"/>
      <c r="BV52" s="377"/>
      <c r="BW52" s="377"/>
      <c r="BX52" s="377"/>
      <c r="BY52" s="377"/>
      <c r="BZ52" s="377"/>
      <c r="CA52" s="377"/>
      <c r="CB52" s="377"/>
      <c r="CC52" s="377" t="s">
        <v>2190</v>
      </c>
      <c r="CD52" s="377"/>
      <c r="CE52" s="375" t="s">
        <v>2300</v>
      </c>
      <c r="CF52" s="375"/>
      <c r="CG52" s="375" t="s">
        <v>2351</v>
      </c>
    </row>
    <row r="53" spans="1:87" ht="153" customHeight="1" x14ac:dyDescent="0.2">
      <c r="A53" s="576"/>
      <c r="B53" t="s">
        <v>2388</v>
      </c>
      <c r="C53" s="576"/>
      <c r="D53" s="346">
        <v>142</v>
      </c>
      <c r="E53" s="346"/>
      <c r="F53" s="346" t="s">
        <v>2182</v>
      </c>
      <c r="G53" s="370" t="s">
        <v>1385</v>
      </c>
      <c r="H53" s="370" t="s">
        <v>655</v>
      </c>
      <c r="I53" s="350" t="s">
        <v>900</v>
      </c>
      <c r="J53" s="350" t="s">
        <v>2400</v>
      </c>
      <c r="K53" s="350" t="s">
        <v>2401</v>
      </c>
      <c r="L53" s="469" t="s">
        <v>2205</v>
      </c>
      <c r="M53" s="350" t="s">
        <v>254</v>
      </c>
      <c r="N53" s="350" t="s">
        <v>2206</v>
      </c>
      <c r="O53" s="350"/>
      <c r="P53" s="350" t="s">
        <v>60</v>
      </c>
      <c r="Q53" s="350" t="s">
        <v>61</v>
      </c>
      <c r="R53" s="350"/>
      <c r="S53" s="371" t="s">
        <v>2258</v>
      </c>
      <c r="T53" s="371"/>
      <c r="U53" s="473" t="s">
        <v>63</v>
      </c>
      <c r="V53" s="473" t="s">
        <v>63</v>
      </c>
      <c r="W53" s="372" t="s">
        <v>2299</v>
      </c>
      <c r="X53" s="372"/>
      <c r="Y53" s="372" t="s">
        <v>2355</v>
      </c>
      <c r="Z53" s="372"/>
      <c r="AA53" s="372" t="s">
        <v>2299</v>
      </c>
      <c r="AB53" s="372"/>
      <c r="AC53" s="372" t="s">
        <v>245</v>
      </c>
      <c r="AD53" s="372"/>
      <c r="AE53" s="372"/>
      <c r="AF53" s="372"/>
      <c r="AG53" s="372"/>
      <c r="AH53" s="372"/>
      <c r="AI53" s="372"/>
      <c r="AJ53" s="372"/>
      <c r="AK53" s="372"/>
      <c r="AL53" s="372"/>
      <c r="AM53" s="372"/>
      <c r="AN53" s="372"/>
      <c r="AO53" s="372"/>
      <c r="AP53" s="372"/>
      <c r="AQ53" s="372"/>
      <c r="AR53" s="372"/>
      <c r="AS53" s="372"/>
      <c r="AT53" s="372"/>
      <c r="AU53" s="372"/>
      <c r="AV53" s="372"/>
      <c r="AW53" s="372"/>
      <c r="AX53" s="372"/>
      <c r="AY53" s="372"/>
      <c r="AZ53" s="372"/>
      <c r="BA53" s="372"/>
      <c r="BB53" s="372"/>
      <c r="BC53" s="372"/>
      <c r="BD53" s="372"/>
      <c r="BE53" s="372"/>
      <c r="BF53" s="372"/>
      <c r="BG53" s="372"/>
      <c r="BH53" s="372"/>
      <c r="BI53" s="372"/>
      <c r="BJ53" s="372"/>
      <c r="BK53" s="372"/>
      <c r="BL53" s="372"/>
      <c r="BM53" s="372"/>
      <c r="BN53" s="372"/>
      <c r="BO53" s="372"/>
      <c r="BP53" s="372"/>
      <c r="BQ53" s="372"/>
      <c r="BR53" s="372"/>
      <c r="BS53" s="372" t="s">
        <v>2190</v>
      </c>
      <c r="BT53" s="372"/>
      <c r="BU53" s="372"/>
      <c r="BV53" s="372"/>
      <c r="BW53" s="372"/>
      <c r="BX53" s="372"/>
      <c r="BY53" s="372"/>
      <c r="BZ53" s="372"/>
      <c r="CA53" s="372"/>
      <c r="CB53" s="372" t="s">
        <v>2190</v>
      </c>
      <c r="CC53" s="372"/>
      <c r="CD53" s="372"/>
      <c r="CE53" s="350" t="s">
        <v>2300</v>
      </c>
      <c r="CF53" s="350"/>
      <c r="CG53" s="350" t="s">
        <v>869</v>
      </c>
      <c r="CH53" s="178"/>
      <c r="CI53" s="178"/>
    </row>
    <row r="54" spans="1:87" ht="153" hidden="1" customHeight="1" x14ac:dyDescent="0.2">
      <c r="A54" s="577"/>
      <c r="C54" s="577"/>
      <c r="D54" s="347">
        <v>98</v>
      </c>
      <c r="E54" s="347"/>
      <c r="F54" s="347" t="s">
        <v>2182</v>
      </c>
      <c r="G54" s="374" t="s">
        <v>1385</v>
      </c>
      <c r="H54" s="374" t="s">
        <v>655</v>
      </c>
      <c r="I54" s="375" t="s">
        <v>932</v>
      </c>
      <c r="J54" s="375" t="s">
        <v>2402</v>
      </c>
      <c r="K54" s="394" t="s">
        <v>2403</v>
      </c>
      <c r="L54" s="469" t="s">
        <v>2186</v>
      </c>
      <c r="M54" s="375" t="s">
        <v>254</v>
      </c>
      <c r="N54" s="375" t="s">
        <v>2404</v>
      </c>
      <c r="O54" s="375"/>
      <c r="P54" s="375" t="s">
        <v>60</v>
      </c>
      <c r="Q54" s="375" t="s">
        <v>2399</v>
      </c>
      <c r="R54" s="375"/>
      <c r="S54" s="376" t="s">
        <v>169</v>
      </c>
      <c r="T54" s="376"/>
      <c r="U54" s="472" t="s">
        <v>63</v>
      </c>
      <c r="V54" s="472" t="s">
        <v>63</v>
      </c>
      <c r="W54" s="377" t="s">
        <v>2299</v>
      </c>
      <c r="X54" s="377"/>
      <c r="Y54" s="377" t="s">
        <v>2188</v>
      </c>
      <c r="Z54" s="377"/>
      <c r="AA54" s="377" t="s">
        <v>2299</v>
      </c>
      <c r="AB54" s="377"/>
      <c r="AC54" s="377" t="s">
        <v>65</v>
      </c>
      <c r="AD54" s="377"/>
      <c r="AE54" s="377"/>
      <c r="AF54" s="377"/>
      <c r="AG54" s="377"/>
      <c r="AH54" s="377"/>
      <c r="AI54" s="377"/>
      <c r="AJ54" s="377"/>
      <c r="AK54" s="377"/>
      <c r="AL54" s="377"/>
      <c r="AM54" s="377"/>
      <c r="AN54" s="377"/>
      <c r="AO54" s="377"/>
      <c r="AP54" s="377"/>
      <c r="AQ54" s="377"/>
      <c r="AR54" s="377"/>
      <c r="AS54" s="377"/>
      <c r="AT54" s="377"/>
      <c r="AU54" s="377"/>
      <c r="AV54" s="377"/>
      <c r="AW54" s="377"/>
      <c r="AX54" s="377"/>
      <c r="AY54" s="377"/>
      <c r="AZ54" s="377"/>
      <c r="BA54" s="377"/>
      <c r="BB54" s="377"/>
      <c r="BC54" s="377"/>
      <c r="BD54" s="377"/>
      <c r="BE54" s="377"/>
      <c r="BF54" s="377"/>
      <c r="BG54" s="377"/>
      <c r="BH54" s="377"/>
      <c r="BI54" s="377"/>
      <c r="BJ54" s="377"/>
      <c r="BK54" s="377"/>
      <c r="BL54" s="377"/>
      <c r="BM54" s="377"/>
      <c r="BN54" s="377"/>
      <c r="BO54" s="377"/>
      <c r="BP54" s="377"/>
      <c r="BQ54" s="377" t="s">
        <v>2190</v>
      </c>
      <c r="BR54" s="377"/>
      <c r="BS54" s="377"/>
      <c r="BT54" s="377"/>
      <c r="BU54" s="377"/>
      <c r="BV54" s="377"/>
      <c r="BW54" s="377"/>
      <c r="BX54" s="377"/>
      <c r="BY54" s="377"/>
      <c r="BZ54" s="377"/>
      <c r="CA54" s="377"/>
      <c r="CB54" s="377"/>
      <c r="CC54" s="377" t="s">
        <v>2190</v>
      </c>
      <c r="CD54" s="377"/>
      <c r="CE54" s="375" t="s">
        <v>2300</v>
      </c>
      <c r="CF54" s="375"/>
      <c r="CG54" s="375" t="s">
        <v>2351</v>
      </c>
    </row>
    <row r="55" spans="1:87" ht="153" customHeight="1" x14ac:dyDescent="0.2">
      <c r="A55" s="578"/>
      <c r="B55" t="s">
        <v>2405</v>
      </c>
      <c r="C55" s="578"/>
      <c r="D55" s="348">
        <v>124</v>
      </c>
      <c r="E55" s="348"/>
      <c r="F55" s="348" t="s">
        <v>2182</v>
      </c>
      <c r="G55" s="379" t="s">
        <v>1385</v>
      </c>
      <c r="H55" s="379" t="s">
        <v>655</v>
      </c>
      <c r="I55" s="351" t="s">
        <v>932</v>
      </c>
      <c r="J55" s="351" t="s">
        <v>2406</v>
      </c>
      <c r="K55" s="351" t="s">
        <v>2407</v>
      </c>
      <c r="L55" s="469" t="s">
        <v>253</v>
      </c>
      <c r="M55" s="351" t="s">
        <v>2408</v>
      </c>
      <c r="N55" s="351" t="s">
        <v>63</v>
      </c>
      <c r="O55" s="351"/>
      <c r="P55" s="351" t="s">
        <v>81</v>
      </c>
      <c r="Q55" s="351" t="s">
        <v>61</v>
      </c>
      <c r="R55" s="351"/>
      <c r="S55" s="390" t="s">
        <v>249</v>
      </c>
      <c r="T55" s="390"/>
      <c r="U55" s="473">
        <v>2500000</v>
      </c>
      <c r="V55" s="473">
        <v>5000000</v>
      </c>
      <c r="W55" s="381">
        <v>3750000</v>
      </c>
      <c r="X55" s="381"/>
      <c r="Y55" s="381" t="s">
        <v>2409</v>
      </c>
      <c r="Z55" s="381"/>
      <c r="AA55" s="381">
        <v>3750000</v>
      </c>
      <c r="AB55" s="381"/>
      <c r="AC55" s="381" t="s">
        <v>2189</v>
      </c>
      <c r="AD55" s="381"/>
      <c r="AE55" s="381"/>
      <c r="AF55" s="381"/>
      <c r="AG55" s="381"/>
      <c r="AH55" s="381"/>
      <c r="AI55" s="381"/>
      <c r="AJ55" s="381"/>
      <c r="AK55" s="381"/>
      <c r="AL55" s="381"/>
      <c r="AM55" s="381"/>
      <c r="AN55" s="381"/>
      <c r="AO55" s="381"/>
      <c r="AP55" s="381"/>
      <c r="AQ55" s="381"/>
      <c r="AR55" s="381"/>
      <c r="AS55" s="381"/>
      <c r="AT55" s="381"/>
      <c r="AU55" s="381"/>
      <c r="AV55" s="381"/>
      <c r="AW55" s="381"/>
      <c r="AX55" s="381"/>
      <c r="AY55" s="381"/>
      <c r="AZ55" s="381"/>
      <c r="BA55" s="381"/>
      <c r="BB55" s="381"/>
      <c r="BC55" s="381"/>
      <c r="BD55" s="381"/>
      <c r="BE55" s="381"/>
      <c r="BF55" s="381"/>
      <c r="BG55" s="381"/>
      <c r="BH55" s="381"/>
      <c r="BI55" s="381"/>
      <c r="BJ55" s="381"/>
      <c r="BK55" s="381"/>
      <c r="BL55" s="381"/>
      <c r="BM55" s="381"/>
      <c r="BN55" s="381"/>
      <c r="BO55" s="381"/>
      <c r="BP55" s="381"/>
      <c r="BQ55" s="381"/>
      <c r="BR55" s="381"/>
      <c r="BS55" s="381"/>
      <c r="BT55" s="381"/>
      <c r="BU55" s="381"/>
      <c r="BV55" s="381"/>
      <c r="BW55" s="381"/>
      <c r="BX55" s="381"/>
      <c r="BY55" s="381"/>
      <c r="BZ55" s="381" t="s">
        <v>2190</v>
      </c>
      <c r="CA55" s="381"/>
      <c r="CB55" s="381"/>
      <c r="CC55" s="381"/>
      <c r="CD55" s="381" t="s">
        <v>2190</v>
      </c>
      <c r="CE55" s="351" t="s">
        <v>2359</v>
      </c>
      <c r="CF55" s="351"/>
      <c r="CG55" s="351" t="s">
        <v>2410</v>
      </c>
    </row>
    <row r="56" spans="1:87" ht="153" hidden="1" customHeight="1" x14ac:dyDescent="0.2">
      <c r="A56" s="477" t="s">
        <v>2342</v>
      </c>
      <c r="C56" s="578"/>
      <c r="D56" s="348">
        <v>132</v>
      </c>
      <c r="E56" s="348"/>
      <c r="F56" s="348" t="s">
        <v>2182</v>
      </c>
      <c r="G56" s="379" t="s">
        <v>1385</v>
      </c>
      <c r="H56" s="379" t="s">
        <v>655</v>
      </c>
      <c r="I56" s="351" t="s">
        <v>932</v>
      </c>
      <c r="J56" s="351" t="s">
        <v>2411</v>
      </c>
      <c r="K56" s="380" t="s">
        <v>2412</v>
      </c>
      <c r="L56" s="469" t="s">
        <v>253</v>
      </c>
      <c r="M56" s="351" t="s">
        <v>254</v>
      </c>
      <c r="N56" s="351" t="s">
        <v>846</v>
      </c>
      <c r="O56" s="351"/>
      <c r="P56" s="351" t="s">
        <v>60</v>
      </c>
      <c r="Q56" s="351" t="s">
        <v>61</v>
      </c>
      <c r="R56" s="351"/>
      <c r="S56" s="390" t="s">
        <v>2387</v>
      </c>
      <c r="T56" s="390"/>
      <c r="U56" s="473">
        <v>1080000</v>
      </c>
      <c r="V56" s="473">
        <v>1610000</v>
      </c>
      <c r="W56" s="381">
        <v>1345000</v>
      </c>
      <c r="X56" s="381"/>
      <c r="Y56" s="381" t="s">
        <v>2413</v>
      </c>
      <c r="Z56" s="381"/>
      <c r="AA56" s="381">
        <v>1345000</v>
      </c>
      <c r="AB56" s="381"/>
      <c r="AC56" s="381" t="s">
        <v>65</v>
      </c>
      <c r="AD56" s="381"/>
      <c r="AE56" s="381"/>
      <c r="AF56" s="381"/>
      <c r="AG56" s="381"/>
      <c r="AH56" s="381"/>
      <c r="AI56" s="381"/>
      <c r="AJ56" s="381"/>
      <c r="AK56" s="381"/>
      <c r="AL56" s="381"/>
      <c r="AM56" s="381"/>
      <c r="AN56" s="381"/>
      <c r="AO56" s="381"/>
      <c r="AP56" s="381"/>
      <c r="AQ56" s="381"/>
      <c r="AR56" s="381"/>
      <c r="AS56" s="381"/>
      <c r="AT56" s="381"/>
      <c r="AU56" s="381"/>
      <c r="AV56" s="381"/>
      <c r="AW56" s="381"/>
      <c r="AX56" s="381"/>
      <c r="AY56" s="381"/>
      <c r="AZ56" s="381"/>
      <c r="BA56" s="381"/>
      <c r="BB56" s="381"/>
      <c r="BC56" s="381"/>
      <c r="BD56" s="381"/>
      <c r="BE56" s="381"/>
      <c r="BF56" s="381"/>
      <c r="BG56" s="381"/>
      <c r="BH56" s="381"/>
      <c r="BI56" s="381"/>
      <c r="BJ56" s="381"/>
      <c r="BK56" s="381"/>
      <c r="BL56" s="381"/>
      <c r="BM56" s="381"/>
      <c r="BN56" s="381"/>
      <c r="BO56" s="381"/>
      <c r="BP56" s="381"/>
      <c r="BQ56" s="381" t="s">
        <v>2190</v>
      </c>
      <c r="BR56" s="381" t="s">
        <v>2190</v>
      </c>
      <c r="BS56" s="381"/>
      <c r="BT56" s="381"/>
      <c r="BU56" s="381" t="s">
        <v>2190</v>
      </c>
      <c r="BV56" s="381"/>
      <c r="BW56" s="381"/>
      <c r="BX56" s="381"/>
      <c r="BY56" s="381"/>
      <c r="BZ56" s="381"/>
      <c r="CA56" s="381"/>
      <c r="CB56" s="381"/>
      <c r="CC56" s="381" t="s">
        <v>2190</v>
      </c>
      <c r="CD56" s="381"/>
      <c r="CE56" s="351" t="s">
        <v>2359</v>
      </c>
      <c r="CF56" s="351"/>
      <c r="CG56" s="351" t="s">
        <v>2360</v>
      </c>
    </row>
    <row r="57" spans="1:87" ht="153" hidden="1" customHeight="1" x14ac:dyDescent="0.2">
      <c r="A57" s="596"/>
      <c r="C57" s="596"/>
      <c r="D57" s="591">
        <v>133</v>
      </c>
      <c r="E57" s="591"/>
      <c r="F57" s="591" t="s">
        <v>2182</v>
      </c>
      <c r="G57" s="592" t="s">
        <v>1385</v>
      </c>
      <c r="H57" s="592" t="s">
        <v>655</v>
      </c>
      <c r="I57" s="593" t="s">
        <v>932</v>
      </c>
      <c r="J57" s="593" t="s">
        <v>2414</v>
      </c>
      <c r="K57" s="604" t="s">
        <v>2415</v>
      </c>
      <c r="L57" s="585" t="s">
        <v>253</v>
      </c>
      <c r="M57" s="593" t="s">
        <v>2416</v>
      </c>
      <c r="N57" s="593" t="s">
        <v>63</v>
      </c>
      <c r="O57" s="593"/>
      <c r="P57" s="593" t="s">
        <v>81</v>
      </c>
      <c r="Q57" s="593" t="s">
        <v>61</v>
      </c>
      <c r="R57" s="593"/>
      <c r="S57" s="594" t="s">
        <v>2251</v>
      </c>
      <c r="T57" s="594"/>
      <c r="U57" s="586">
        <v>0</v>
      </c>
      <c r="V57" s="586">
        <v>500000</v>
      </c>
      <c r="W57" s="595">
        <v>250000</v>
      </c>
      <c r="X57" s="595"/>
      <c r="Y57" s="595" t="s">
        <v>2413</v>
      </c>
      <c r="Z57" s="595"/>
      <c r="AA57" s="595">
        <v>250000</v>
      </c>
      <c r="AB57" s="595"/>
      <c r="AC57" s="595" t="s">
        <v>65</v>
      </c>
      <c r="AD57" s="595"/>
      <c r="AE57" s="595"/>
      <c r="AF57" s="595"/>
      <c r="AG57" s="595"/>
      <c r="AH57" s="595"/>
      <c r="AI57" s="595"/>
      <c r="AJ57" s="595"/>
      <c r="AK57" s="595"/>
      <c r="AL57" s="595"/>
      <c r="AM57" s="595"/>
      <c r="AN57" s="595"/>
      <c r="AO57" s="595"/>
      <c r="AP57" s="595"/>
      <c r="AQ57" s="595"/>
      <c r="AR57" s="595"/>
      <c r="AS57" s="595"/>
      <c r="AT57" s="595"/>
      <c r="AU57" s="595"/>
      <c r="AV57" s="595"/>
      <c r="AW57" s="595"/>
      <c r="AX57" s="595"/>
      <c r="AY57" s="595"/>
      <c r="AZ57" s="595"/>
      <c r="BA57" s="595"/>
      <c r="BB57" s="595"/>
      <c r="BC57" s="595"/>
      <c r="BD57" s="595"/>
      <c r="BE57" s="595"/>
      <c r="BF57" s="595"/>
      <c r="BG57" s="595"/>
      <c r="BH57" s="595"/>
      <c r="BI57" s="595"/>
      <c r="BJ57" s="595"/>
      <c r="BK57" s="595" t="s">
        <v>2190</v>
      </c>
      <c r="BL57" s="595"/>
      <c r="BM57" s="595"/>
      <c r="BN57" s="595"/>
      <c r="BO57" s="595"/>
      <c r="BP57" s="595"/>
      <c r="BQ57" s="595" t="s">
        <v>2190</v>
      </c>
      <c r="BR57" s="595" t="s">
        <v>2190</v>
      </c>
      <c r="BS57" s="595" t="s">
        <v>2190</v>
      </c>
      <c r="BT57" s="595"/>
      <c r="BU57" s="595"/>
      <c r="BV57" s="595"/>
      <c r="BW57" s="595"/>
      <c r="BX57" s="595"/>
      <c r="BY57" s="595"/>
      <c r="BZ57" s="595"/>
      <c r="CA57" s="595"/>
      <c r="CB57" s="595"/>
      <c r="CC57" s="595" t="s">
        <v>2190</v>
      </c>
      <c r="CD57" s="595"/>
      <c r="CE57" s="593" t="s">
        <v>2359</v>
      </c>
      <c r="CF57" s="593"/>
      <c r="CG57" s="593" t="s">
        <v>2360</v>
      </c>
    </row>
    <row r="58" spans="1:87" ht="153" hidden="1" customHeight="1" x14ac:dyDescent="0.2">
      <c r="A58" s="477" t="s">
        <v>2417</v>
      </c>
      <c r="C58" s="580" t="s">
        <v>2418</v>
      </c>
      <c r="D58" s="347">
        <v>134</v>
      </c>
      <c r="E58" s="347"/>
      <c r="F58" s="347" t="s">
        <v>2182</v>
      </c>
      <c r="G58" s="374" t="s">
        <v>1385</v>
      </c>
      <c r="H58" s="374" t="s">
        <v>655</v>
      </c>
      <c r="I58" s="603" t="s">
        <v>932</v>
      </c>
      <c r="J58" s="375" t="s">
        <v>2419</v>
      </c>
      <c r="K58" s="394" t="s">
        <v>2420</v>
      </c>
      <c r="L58" s="469" t="s">
        <v>2186</v>
      </c>
      <c r="M58" s="375" t="s">
        <v>254</v>
      </c>
      <c r="N58" s="375" t="s">
        <v>2398</v>
      </c>
      <c r="O58" s="375"/>
      <c r="P58" s="375" t="s">
        <v>60</v>
      </c>
      <c r="Q58" s="375" t="s">
        <v>61</v>
      </c>
      <c r="R58" s="375"/>
      <c r="S58" s="376" t="s">
        <v>2251</v>
      </c>
      <c r="T58" s="376"/>
      <c r="U58" s="473">
        <v>0</v>
      </c>
      <c r="V58" s="473">
        <v>500000</v>
      </c>
      <c r="W58" s="377">
        <v>250000</v>
      </c>
      <c r="X58" s="377"/>
      <c r="Y58" s="377" t="s">
        <v>2355</v>
      </c>
      <c r="Z58" s="377"/>
      <c r="AA58" s="377">
        <v>250000</v>
      </c>
      <c r="AB58" s="377"/>
      <c r="AC58" s="377" t="s">
        <v>65</v>
      </c>
      <c r="AD58" s="377"/>
      <c r="AE58" s="377"/>
      <c r="AF58" s="377"/>
      <c r="AG58" s="377"/>
      <c r="AH58" s="377"/>
      <c r="AI58" s="377"/>
      <c r="AJ58" s="377"/>
      <c r="AK58" s="377"/>
      <c r="AL58" s="377"/>
      <c r="AM58" s="377"/>
      <c r="AN58" s="377"/>
      <c r="AO58" s="377"/>
      <c r="AP58" s="377"/>
      <c r="AQ58" s="377"/>
      <c r="AR58" s="377"/>
      <c r="AS58" s="377"/>
      <c r="AT58" s="377"/>
      <c r="AU58" s="377"/>
      <c r="AV58" s="377"/>
      <c r="AW58" s="377"/>
      <c r="AX58" s="377"/>
      <c r="AY58" s="377"/>
      <c r="AZ58" s="377"/>
      <c r="BA58" s="377"/>
      <c r="BB58" s="377"/>
      <c r="BC58" s="377"/>
      <c r="BD58" s="377"/>
      <c r="BE58" s="377"/>
      <c r="BF58" s="377"/>
      <c r="BG58" s="377"/>
      <c r="BH58" s="377"/>
      <c r="BI58" s="377"/>
      <c r="BJ58" s="377"/>
      <c r="BK58" s="377"/>
      <c r="BL58" s="377"/>
      <c r="BM58" s="377"/>
      <c r="BN58" s="377"/>
      <c r="BO58" s="377"/>
      <c r="BP58" s="377"/>
      <c r="BQ58" s="377" t="s">
        <v>2190</v>
      </c>
      <c r="BR58" s="377" t="s">
        <v>2190</v>
      </c>
      <c r="BS58" s="377"/>
      <c r="BT58" s="377"/>
      <c r="BU58" s="377"/>
      <c r="BV58" s="377"/>
      <c r="BW58" s="377"/>
      <c r="BX58" s="377"/>
      <c r="BY58" s="377"/>
      <c r="BZ58" s="377"/>
      <c r="CA58" s="377"/>
      <c r="CB58" s="377"/>
      <c r="CC58" s="377" t="s">
        <v>2190</v>
      </c>
      <c r="CD58" s="377"/>
      <c r="CE58" s="375" t="s">
        <v>2359</v>
      </c>
      <c r="CF58" s="375"/>
      <c r="CG58" s="375" t="s">
        <v>2360</v>
      </c>
      <c r="CH58" s="597"/>
      <c r="CI58" s="597"/>
    </row>
    <row r="59" spans="1:87" ht="153" hidden="1" customHeight="1" x14ac:dyDescent="0.2">
      <c r="A59" s="477" t="s">
        <v>2342</v>
      </c>
      <c r="C59" s="580" t="s">
        <v>2421</v>
      </c>
      <c r="D59" s="347">
        <v>135</v>
      </c>
      <c r="E59" s="347"/>
      <c r="F59" s="347" t="s">
        <v>2182</v>
      </c>
      <c r="G59" s="374" t="s">
        <v>1385</v>
      </c>
      <c r="H59" s="374" t="s">
        <v>655</v>
      </c>
      <c r="I59" s="603" t="s">
        <v>932</v>
      </c>
      <c r="J59" s="375" t="s">
        <v>2422</v>
      </c>
      <c r="K59" s="394" t="s">
        <v>2423</v>
      </c>
      <c r="L59" s="469" t="s">
        <v>2186</v>
      </c>
      <c r="M59" s="375" t="s">
        <v>254</v>
      </c>
      <c r="N59" s="375" t="s">
        <v>2398</v>
      </c>
      <c r="O59" s="375"/>
      <c r="P59" s="375" t="s">
        <v>60</v>
      </c>
      <c r="Q59" s="375" t="s">
        <v>61</v>
      </c>
      <c r="R59" s="375"/>
      <c r="S59" s="376" t="s">
        <v>2251</v>
      </c>
      <c r="T59" s="376"/>
      <c r="U59" s="473">
        <v>0</v>
      </c>
      <c r="V59" s="473">
        <v>500000</v>
      </c>
      <c r="W59" s="377">
        <v>250000</v>
      </c>
      <c r="X59" s="377"/>
      <c r="Y59" s="377" t="s">
        <v>2355</v>
      </c>
      <c r="Z59" s="377"/>
      <c r="AA59" s="377">
        <v>250000</v>
      </c>
      <c r="AB59" s="377"/>
      <c r="AC59" s="377" t="s">
        <v>65</v>
      </c>
      <c r="AD59" s="377"/>
      <c r="AE59" s="377"/>
      <c r="AF59" s="377"/>
      <c r="AG59" s="377"/>
      <c r="AH59" s="377"/>
      <c r="AI59" s="377"/>
      <c r="AJ59" s="377"/>
      <c r="AK59" s="377"/>
      <c r="AL59" s="377"/>
      <c r="AM59" s="377"/>
      <c r="AN59" s="377"/>
      <c r="AO59" s="377"/>
      <c r="AP59" s="377"/>
      <c r="AQ59" s="377"/>
      <c r="AR59" s="377"/>
      <c r="AS59" s="377"/>
      <c r="AT59" s="377"/>
      <c r="AU59" s="377"/>
      <c r="AV59" s="377"/>
      <c r="AW59" s="377"/>
      <c r="AX59" s="377"/>
      <c r="AY59" s="377"/>
      <c r="AZ59" s="377"/>
      <c r="BA59" s="377"/>
      <c r="BB59" s="377"/>
      <c r="BC59" s="377"/>
      <c r="BD59" s="377"/>
      <c r="BE59" s="377"/>
      <c r="BF59" s="377"/>
      <c r="BG59" s="377"/>
      <c r="BH59" s="377"/>
      <c r="BI59" s="377"/>
      <c r="BJ59" s="377"/>
      <c r="BK59" s="377"/>
      <c r="BL59" s="377"/>
      <c r="BM59" s="377"/>
      <c r="BN59" s="377"/>
      <c r="BO59" s="377"/>
      <c r="BP59" s="377"/>
      <c r="BQ59" s="377" t="s">
        <v>2190</v>
      </c>
      <c r="BR59" s="377" t="s">
        <v>2190</v>
      </c>
      <c r="BS59" s="377"/>
      <c r="BT59" s="377"/>
      <c r="BU59" s="377"/>
      <c r="BV59" s="377"/>
      <c r="BW59" s="377"/>
      <c r="BX59" s="377"/>
      <c r="BY59" s="377"/>
      <c r="BZ59" s="377"/>
      <c r="CA59" s="377"/>
      <c r="CB59" s="377"/>
      <c r="CC59" s="377" t="s">
        <v>2190</v>
      </c>
      <c r="CD59" s="377"/>
      <c r="CE59" s="375" t="s">
        <v>2359</v>
      </c>
      <c r="CF59" s="375"/>
      <c r="CG59" s="375" t="s">
        <v>2360</v>
      </c>
      <c r="CH59" s="597"/>
      <c r="CI59" s="597"/>
    </row>
    <row r="60" spans="1:87" ht="153" hidden="1" customHeight="1" x14ac:dyDescent="0.2">
      <c r="A60" s="477" t="s">
        <v>2424</v>
      </c>
      <c r="C60" s="579" t="s">
        <v>2425</v>
      </c>
      <c r="D60" s="349">
        <v>159</v>
      </c>
      <c r="E60" s="349"/>
      <c r="F60" s="349" t="s">
        <v>2182</v>
      </c>
      <c r="G60" s="383" t="s">
        <v>1385</v>
      </c>
      <c r="H60" s="383" t="s">
        <v>655</v>
      </c>
      <c r="I60" s="589" t="s">
        <v>932</v>
      </c>
      <c r="J60" s="352" t="s">
        <v>2426</v>
      </c>
      <c r="K60" s="352" t="s">
        <v>2427</v>
      </c>
      <c r="L60" s="469" t="s">
        <v>2186</v>
      </c>
      <c r="M60" s="352" t="s">
        <v>2428</v>
      </c>
      <c r="N60" s="352" t="s">
        <v>253</v>
      </c>
      <c r="O60" s="352"/>
      <c r="P60" s="352" t="s">
        <v>81</v>
      </c>
      <c r="Q60" s="352" t="s">
        <v>61</v>
      </c>
      <c r="R60" s="352"/>
      <c r="S60" s="385" t="s">
        <v>2258</v>
      </c>
      <c r="T60" s="385"/>
      <c r="U60" s="473" t="s">
        <v>63</v>
      </c>
      <c r="V60" s="473" t="s">
        <v>63</v>
      </c>
      <c r="W60" s="386">
        <v>6830000</v>
      </c>
      <c r="X60" s="386"/>
      <c r="Y60" s="386" t="s">
        <v>2413</v>
      </c>
      <c r="Z60" s="386"/>
      <c r="AA60" s="386">
        <v>6830000</v>
      </c>
      <c r="AB60" s="386"/>
      <c r="AC60" s="386" t="s">
        <v>853</v>
      </c>
      <c r="AD60" s="386"/>
      <c r="AE60" s="386"/>
      <c r="AF60" s="386"/>
      <c r="AG60" s="386"/>
      <c r="AH60" s="386"/>
      <c r="AI60" s="386"/>
      <c r="AJ60" s="386"/>
      <c r="AK60" s="386"/>
      <c r="AL60" s="386"/>
      <c r="AM60" s="386"/>
      <c r="AN60" s="386"/>
      <c r="AO60" s="386"/>
      <c r="AP60" s="386"/>
      <c r="AQ60" s="386"/>
      <c r="AR60" s="386"/>
      <c r="AS60" s="386"/>
      <c r="AT60" s="386"/>
      <c r="AU60" s="386"/>
      <c r="AV60" s="386"/>
      <c r="AW60" s="386"/>
      <c r="AX60" s="386"/>
      <c r="AY60" s="386"/>
      <c r="AZ60" s="386"/>
      <c r="BA60" s="386"/>
      <c r="BB60" s="386"/>
      <c r="BC60" s="386"/>
      <c r="BD60" s="386"/>
      <c r="BE60" s="386"/>
      <c r="BF60" s="386"/>
      <c r="BG60" s="386"/>
      <c r="BH60" s="386"/>
      <c r="BI60" s="386"/>
      <c r="BJ60" s="386"/>
      <c r="BK60" s="386"/>
      <c r="BL60" s="386"/>
      <c r="BM60" s="386"/>
      <c r="BN60" s="386"/>
      <c r="BO60" s="386"/>
      <c r="BP60" s="386"/>
      <c r="BQ60" s="386" t="s">
        <v>2190</v>
      </c>
      <c r="BR60" s="386" t="s">
        <v>2190</v>
      </c>
      <c r="BS60" s="386" t="s">
        <v>2190</v>
      </c>
      <c r="BT60" s="386"/>
      <c r="BU60" s="386"/>
      <c r="BV60" s="386"/>
      <c r="BW60" s="386"/>
      <c r="BX60" s="352"/>
      <c r="BY60" s="386"/>
      <c r="BZ60" s="386"/>
      <c r="CA60" s="386"/>
      <c r="CB60" s="352"/>
      <c r="CC60" s="386" t="s">
        <v>2190</v>
      </c>
      <c r="CD60" s="386"/>
      <c r="CE60" s="352" t="s">
        <v>2429</v>
      </c>
      <c r="CF60" s="352"/>
      <c r="CG60" s="581"/>
      <c r="CH60" s="597"/>
      <c r="CI60" s="597"/>
    </row>
    <row r="61" spans="1:87" ht="153" hidden="1" customHeight="1" x14ac:dyDescent="0.2">
      <c r="A61" s="576"/>
      <c r="C61" s="576"/>
      <c r="D61" s="346">
        <v>160</v>
      </c>
      <c r="E61" s="346"/>
      <c r="F61" s="346" t="s">
        <v>2182</v>
      </c>
      <c r="G61" s="370" t="s">
        <v>1385</v>
      </c>
      <c r="H61" s="370" t="s">
        <v>655</v>
      </c>
      <c r="I61" s="588" t="s">
        <v>932</v>
      </c>
      <c r="J61" s="350" t="s">
        <v>2430</v>
      </c>
      <c r="K61" s="350" t="s">
        <v>2431</v>
      </c>
      <c r="L61" s="469" t="s">
        <v>253</v>
      </c>
      <c r="M61" s="350" t="s">
        <v>2432</v>
      </c>
      <c r="N61" s="350" t="s">
        <v>2206</v>
      </c>
      <c r="O61" s="350"/>
      <c r="P61" s="350" t="s">
        <v>81</v>
      </c>
      <c r="Q61" s="350" t="s">
        <v>61</v>
      </c>
      <c r="R61" s="350"/>
      <c r="S61" s="371" t="s">
        <v>2258</v>
      </c>
      <c r="T61" s="371"/>
      <c r="U61" s="473" t="s">
        <v>63</v>
      </c>
      <c r="V61" s="473" t="s">
        <v>63</v>
      </c>
      <c r="W61" s="372">
        <v>6080000</v>
      </c>
      <c r="X61" s="372"/>
      <c r="Y61" s="372" t="s">
        <v>2413</v>
      </c>
      <c r="Z61" s="372"/>
      <c r="AA61" s="372">
        <v>6080000</v>
      </c>
      <c r="AB61" s="372"/>
      <c r="AC61" s="372" t="s">
        <v>853</v>
      </c>
      <c r="AD61" s="372"/>
      <c r="AE61" s="372"/>
      <c r="AF61" s="372"/>
      <c r="AG61" s="372"/>
      <c r="AH61" s="372"/>
      <c r="AI61" s="372"/>
      <c r="AJ61" s="372"/>
      <c r="AK61" s="372"/>
      <c r="AL61" s="372"/>
      <c r="AM61" s="372"/>
      <c r="AN61" s="372"/>
      <c r="AO61" s="372"/>
      <c r="AP61" s="372"/>
      <c r="AQ61" s="372"/>
      <c r="AR61" s="372"/>
      <c r="AS61" s="372"/>
      <c r="AT61" s="372"/>
      <c r="AU61" s="372"/>
      <c r="AV61" s="372"/>
      <c r="AW61" s="372"/>
      <c r="AX61" s="372"/>
      <c r="AY61" s="372"/>
      <c r="AZ61" s="372"/>
      <c r="BA61" s="372"/>
      <c r="BB61" s="372"/>
      <c r="BC61" s="372"/>
      <c r="BD61" s="372"/>
      <c r="BE61" s="372"/>
      <c r="BF61" s="372"/>
      <c r="BG61" s="372"/>
      <c r="BH61" s="372"/>
      <c r="BI61" s="372"/>
      <c r="BJ61" s="372"/>
      <c r="BK61" s="372"/>
      <c r="BL61" s="372"/>
      <c r="BM61" s="372"/>
      <c r="BN61" s="372"/>
      <c r="BO61" s="372"/>
      <c r="BP61" s="372"/>
      <c r="BQ61" s="372"/>
      <c r="BR61" s="372"/>
      <c r="BS61" s="372" t="s">
        <v>2190</v>
      </c>
      <c r="BT61" s="372"/>
      <c r="BU61" s="372"/>
      <c r="BV61" s="372"/>
      <c r="BW61" s="372"/>
      <c r="BX61" s="350"/>
      <c r="BY61" s="372"/>
      <c r="BZ61" s="372"/>
      <c r="CA61" s="372"/>
      <c r="CB61" s="372" t="s">
        <v>2190</v>
      </c>
      <c r="CC61" s="350"/>
      <c r="CD61" s="372" t="s">
        <v>2190</v>
      </c>
      <c r="CE61" s="350" t="s">
        <v>2429</v>
      </c>
      <c r="CF61" s="350"/>
      <c r="CG61" s="582"/>
      <c r="CH61" s="597"/>
      <c r="CI61" s="597"/>
    </row>
    <row r="62" spans="1:87" ht="153" hidden="1" customHeight="1" x14ac:dyDescent="0.2">
      <c r="A62" s="578"/>
      <c r="C62" s="578"/>
      <c r="D62" s="348">
        <v>161</v>
      </c>
      <c r="E62" s="348"/>
      <c r="F62" s="348" t="s">
        <v>2182</v>
      </c>
      <c r="G62" s="379" t="s">
        <v>1385</v>
      </c>
      <c r="H62" s="379" t="s">
        <v>655</v>
      </c>
      <c r="I62" s="590" t="s">
        <v>932</v>
      </c>
      <c r="J62" s="351" t="s">
        <v>2433</v>
      </c>
      <c r="K62" s="351" t="s">
        <v>2434</v>
      </c>
      <c r="L62" s="469" t="s">
        <v>2257</v>
      </c>
      <c r="M62" s="351" t="s">
        <v>2408</v>
      </c>
      <c r="N62" s="351" t="s">
        <v>63</v>
      </c>
      <c r="O62" s="351"/>
      <c r="P62" s="351" t="s">
        <v>81</v>
      </c>
      <c r="Q62" s="351" t="s">
        <v>61</v>
      </c>
      <c r="R62" s="351"/>
      <c r="S62" s="390" t="s">
        <v>2258</v>
      </c>
      <c r="T62" s="390"/>
      <c r="U62" s="473" t="s">
        <v>63</v>
      </c>
      <c r="V62" s="473" t="s">
        <v>63</v>
      </c>
      <c r="W62" s="381">
        <v>1640000</v>
      </c>
      <c r="X62" s="381"/>
      <c r="Y62" s="381" t="s">
        <v>2413</v>
      </c>
      <c r="Z62" s="381"/>
      <c r="AA62" s="381">
        <v>1640000</v>
      </c>
      <c r="AB62" s="381"/>
      <c r="AC62" s="381" t="s">
        <v>853</v>
      </c>
      <c r="AD62" s="381"/>
      <c r="AE62" s="381"/>
      <c r="AF62" s="381"/>
      <c r="AG62" s="381"/>
      <c r="AH62" s="381"/>
      <c r="AI62" s="381"/>
      <c r="AJ62" s="381"/>
      <c r="AK62" s="381"/>
      <c r="AL62" s="381"/>
      <c r="AM62" s="381"/>
      <c r="AN62" s="381"/>
      <c r="AO62" s="381"/>
      <c r="AP62" s="381"/>
      <c r="AQ62" s="381"/>
      <c r="AR62" s="381"/>
      <c r="AS62" s="381"/>
      <c r="AT62" s="381"/>
      <c r="AU62" s="381"/>
      <c r="AV62" s="381"/>
      <c r="AW62" s="381"/>
      <c r="AX62" s="381"/>
      <c r="AY62" s="381"/>
      <c r="AZ62" s="381"/>
      <c r="BA62" s="381"/>
      <c r="BB62" s="381"/>
      <c r="BC62" s="381"/>
      <c r="BD62" s="381"/>
      <c r="BE62" s="381"/>
      <c r="BF62" s="381"/>
      <c r="BG62" s="381"/>
      <c r="BH62" s="381"/>
      <c r="BI62" s="381" t="s">
        <v>2190</v>
      </c>
      <c r="BJ62" s="381"/>
      <c r="BK62" s="381"/>
      <c r="BL62" s="381"/>
      <c r="BM62" s="381"/>
      <c r="BN62" s="381"/>
      <c r="BO62" s="381"/>
      <c r="BP62" s="381"/>
      <c r="BQ62" s="381" t="s">
        <v>2190</v>
      </c>
      <c r="BR62" s="381" t="s">
        <v>2190</v>
      </c>
      <c r="BS62" s="381" t="s">
        <v>2190</v>
      </c>
      <c r="BT62" s="381" t="s">
        <v>2190</v>
      </c>
      <c r="BU62" s="381"/>
      <c r="BV62" s="381"/>
      <c r="BW62" s="381"/>
      <c r="BX62" s="351"/>
      <c r="BY62" s="381"/>
      <c r="BZ62" s="381"/>
      <c r="CA62" s="381"/>
      <c r="CB62" s="351"/>
      <c r="CC62" s="351"/>
      <c r="CD62" s="381" t="s">
        <v>2190</v>
      </c>
      <c r="CE62" s="351" t="s">
        <v>2429</v>
      </c>
      <c r="CF62" s="351"/>
      <c r="CG62" s="583"/>
      <c r="CH62" s="597"/>
      <c r="CI62" s="597"/>
    </row>
    <row r="63" spans="1:87" ht="153" hidden="1" customHeight="1" x14ac:dyDescent="0.2">
      <c r="A63" s="477" t="s">
        <v>2424</v>
      </c>
      <c r="C63" s="579" t="s">
        <v>2425</v>
      </c>
      <c r="D63" s="349">
        <v>162</v>
      </c>
      <c r="E63" s="349"/>
      <c r="F63" s="349" t="s">
        <v>2182</v>
      </c>
      <c r="G63" s="383" t="s">
        <v>1385</v>
      </c>
      <c r="H63" s="383" t="s">
        <v>655</v>
      </c>
      <c r="I63" s="352" t="s">
        <v>932</v>
      </c>
      <c r="J63" s="352" t="s">
        <v>2435</v>
      </c>
      <c r="K63" s="352" t="s">
        <v>2436</v>
      </c>
      <c r="L63" s="469" t="s">
        <v>2186</v>
      </c>
      <c r="M63" s="352" t="s">
        <v>2416</v>
      </c>
      <c r="N63" s="352" t="s">
        <v>253</v>
      </c>
      <c r="O63" s="352"/>
      <c r="P63" s="352" t="s">
        <v>2437</v>
      </c>
      <c r="Q63" s="352" t="s">
        <v>61</v>
      </c>
      <c r="R63" s="352"/>
      <c r="S63" s="385" t="s">
        <v>2258</v>
      </c>
      <c r="T63" s="385"/>
      <c r="U63" s="473">
        <v>1136645</v>
      </c>
      <c r="V63" s="473">
        <v>1630552.83</v>
      </c>
      <c r="W63" s="386">
        <v>1383598.915</v>
      </c>
      <c r="X63" s="386"/>
      <c r="Y63" s="386" t="s">
        <v>2413</v>
      </c>
      <c r="Z63" s="386"/>
      <c r="AA63" s="386">
        <v>1507075.8725000001</v>
      </c>
      <c r="AB63" s="386"/>
      <c r="AC63" s="386" t="s">
        <v>853</v>
      </c>
      <c r="AD63" s="386"/>
      <c r="AE63" s="386"/>
      <c r="AF63" s="386"/>
      <c r="AG63" s="386"/>
      <c r="AH63" s="386"/>
      <c r="AI63" s="386"/>
      <c r="AJ63" s="386"/>
      <c r="AK63" s="386"/>
      <c r="AL63" s="386"/>
      <c r="AM63" s="386"/>
      <c r="AN63" s="386"/>
      <c r="AO63" s="386"/>
      <c r="AP63" s="386"/>
      <c r="AQ63" s="386"/>
      <c r="AR63" s="386"/>
      <c r="AS63" s="386"/>
      <c r="AT63" s="386"/>
      <c r="AU63" s="386"/>
      <c r="AV63" s="386"/>
      <c r="AW63" s="386"/>
      <c r="AX63" s="386"/>
      <c r="AY63" s="386"/>
      <c r="AZ63" s="386"/>
      <c r="BA63" s="386"/>
      <c r="BB63" s="386"/>
      <c r="BC63" s="386"/>
      <c r="BD63" s="386"/>
      <c r="BE63" s="386"/>
      <c r="BF63" s="386"/>
      <c r="BG63" s="386"/>
      <c r="BH63" s="386"/>
      <c r="BI63" s="386"/>
      <c r="BJ63" s="386"/>
      <c r="BK63" s="386"/>
      <c r="BL63" s="386"/>
      <c r="BM63" s="386"/>
      <c r="BN63" s="386"/>
      <c r="BO63" s="386"/>
      <c r="BP63" s="386"/>
      <c r="BQ63" s="386" t="s">
        <v>2190</v>
      </c>
      <c r="BR63" s="386" t="s">
        <v>2190</v>
      </c>
      <c r="BS63" s="386"/>
      <c r="BT63" s="386"/>
      <c r="BU63" s="386"/>
      <c r="BV63" s="386"/>
      <c r="BW63" s="386"/>
      <c r="BX63" s="352"/>
      <c r="BY63" s="386"/>
      <c r="BZ63" s="386"/>
      <c r="CA63" s="386"/>
      <c r="CB63" s="352"/>
      <c r="CC63" s="386" t="s">
        <v>2190</v>
      </c>
      <c r="CD63" s="386"/>
      <c r="CE63" s="352" t="s">
        <v>2429</v>
      </c>
      <c r="CF63" s="352"/>
      <c r="CG63" s="581"/>
      <c r="CH63" s="597"/>
      <c r="CI63" s="597"/>
    </row>
    <row r="64" spans="1:87" ht="153" hidden="1" customHeight="1" x14ac:dyDescent="0.2">
      <c r="A64" s="578"/>
      <c r="C64" s="578"/>
      <c r="D64" s="348">
        <v>192</v>
      </c>
      <c r="E64" s="348"/>
      <c r="F64" s="348" t="s">
        <v>2182</v>
      </c>
      <c r="G64" s="379" t="s">
        <v>1385</v>
      </c>
      <c r="H64" s="379" t="s">
        <v>655</v>
      </c>
      <c r="I64" s="351" t="s">
        <v>932</v>
      </c>
      <c r="J64" s="351" t="s">
        <v>2438</v>
      </c>
      <c r="K64" s="351" t="s">
        <v>2439</v>
      </c>
      <c r="L64" s="469" t="s">
        <v>253</v>
      </c>
      <c r="M64" s="351" t="s">
        <v>2408</v>
      </c>
      <c r="N64" s="351" t="s">
        <v>63</v>
      </c>
      <c r="O64" s="351"/>
      <c r="P64" s="351" t="s">
        <v>81</v>
      </c>
      <c r="Q64" s="351" t="s">
        <v>61</v>
      </c>
      <c r="R64" s="351"/>
      <c r="S64" s="390" t="s">
        <v>2258</v>
      </c>
      <c r="T64" s="390"/>
      <c r="U64" s="473" t="s">
        <v>63</v>
      </c>
      <c r="V64" s="473" t="s">
        <v>63</v>
      </c>
      <c r="W64" s="381">
        <v>3484200</v>
      </c>
      <c r="X64" s="381"/>
      <c r="Y64" s="381" t="s">
        <v>2413</v>
      </c>
      <c r="Z64" s="381"/>
      <c r="AA64" s="381">
        <v>3484200</v>
      </c>
      <c r="AB64" s="381"/>
      <c r="AC64" s="381" t="s">
        <v>853</v>
      </c>
      <c r="AD64" s="381"/>
      <c r="AE64" s="381"/>
      <c r="AF64" s="381"/>
      <c r="AG64" s="381"/>
      <c r="AH64" s="381"/>
      <c r="AI64" s="381"/>
      <c r="AJ64" s="381"/>
      <c r="AK64" s="381"/>
      <c r="AL64" s="381"/>
      <c r="AM64" s="381"/>
      <c r="AN64" s="381"/>
      <c r="AO64" s="381"/>
      <c r="AP64" s="381"/>
      <c r="AQ64" s="381"/>
      <c r="AR64" s="381"/>
      <c r="AS64" s="381"/>
      <c r="AT64" s="381"/>
      <c r="AU64" s="381"/>
      <c r="AV64" s="381"/>
      <c r="AW64" s="381"/>
      <c r="AX64" s="381"/>
      <c r="AY64" s="381"/>
      <c r="AZ64" s="381"/>
      <c r="BA64" s="381"/>
      <c r="BB64" s="381"/>
      <c r="BC64" s="381"/>
      <c r="BD64" s="381"/>
      <c r="BE64" s="381"/>
      <c r="BF64" s="381"/>
      <c r="BG64" s="381"/>
      <c r="BH64" s="381"/>
      <c r="BI64" s="381"/>
      <c r="BJ64" s="381"/>
      <c r="BK64" s="381"/>
      <c r="BL64" s="381"/>
      <c r="BM64" s="381"/>
      <c r="BN64" s="381"/>
      <c r="BO64" s="381"/>
      <c r="BP64" s="381"/>
      <c r="BQ64" s="381"/>
      <c r="BR64" s="381"/>
      <c r="BS64" s="381"/>
      <c r="BT64" s="381"/>
      <c r="BU64" s="381"/>
      <c r="BV64" s="381"/>
      <c r="BW64" s="381"/>
      <c r="BX64" s="351"/>
      <c r="BY64" s="381"/>
      <c r="BZ64" s="381"/>
      <c r="CA64" s="381" t="s">
        <v>2190</v>
      </c>
      <c r="CB64" s="351"/>
      <c r="CC64" s="351"/>
      <c r="CD64" s="381" t="s">
        <v>2190</v>
      </c>
      <c r="CE64" s="351" t="s">
        <v>2429</v>
      </c>
      <c r="CF64" s="351"/>
      <c r="CG64" s="583"/>
      <c r="CH64" s="597"/>
      <c r="CI64" s="597"/>
    </row>
    <row r="65" spans="1:87" ht="153" hidden="1" customHeight="1" x14ac:dyDescent="0.2">
      <c r="A65" s="578"/>
      <c r="C65" s="578"/>
      <c r="D65" s="348">
        <v>194</v>
      </c>
      <c r="E65" s="348"/>
      <c r="F65" s="348" t="s">
        <v>2182</v>
      </c>
      <c r="G65" s="379" t="s">
        <v>1385</v>
      </c>
      <c r="H65" s="379" t="s">
        <v>655</v>
      </c>
      <c r="I65" s="351" t="s">
        <v>932</v>
      </c>
      <c r="J65" s="351" t="s">
        <v>2440</v>
      </c>
      <c r="K65" s="351" t="s">
        <v>2441</v>
      </c>
      <c r="L65" s="469" t="s">
        <v>253</v>
      </c>
      <c r="M65" s="351" t="s">
        <v>2442</v>
      </c>
      <c r="N65" s="351" t="s">
        <v>63</v>
      </c>
      <c r="O65" s="351"/>
      <c r="P65" s="351" t="s">
        <v>81</v>
      </c>
      <c r="Q65" s="351" t="s">
        <v>61</v>
      </c>
      <c r="R65" s="351"/>
      <c r="S65" s="390" t="s">
        <v>2258</v>
      </c>
      <c r="T65" s="390"/>
      <c r="U65" s="473" t="s">
        <v>63</v>
      </c>
      <c r="V65" s="473" t="s">
        <v>63</v>
      </c>
      <c r="W65" s="381">
        <v>1000000</v>
      </c>
      <c r="X65" s="381"/>
      <c r="Y65" s="381" t="s">
        <v>2413</v>
      </c>
      <c r="Z65" s="381"/>
      <c r="AA65" s="381">
        <v>1000000</v>
      </c>
      <c r="AB65" s="381"/>
      <c r="AC65" s="381" t="s">
        <v>853</v>
      </c>
      <c r="AD65" s="381"/>
      <c r="AE65" s="381"/>
      <c r="AF65" s="381"/>
      <c r="AG65" s="381"/>
      <c r="AH65" s="381"/>
      <c r="AI65" s="381"/>
      <c r="AJ65" s="381"/>
      <c r="AK65" s="381"/>
      <c r="AL65" s="381"/>
      <c r="AM65" s="381"/>
      <c r="AN65" s="381"/>
      <c r="AO65" s="381"/>
      <c r="AP65" s="381"/>
      <c r="AQ65" s="381"/>
      <c r="AR65" s="381"/>
      <c r="AS65" s="381"/>
      <c r="AT65" s="381"/>
      <c r="AU65" s="381"/>
      <c r="AV65" s="381"/>
      <c r="AW65" s="381"/>
      <c r="AX65" s="381"/>
      <c r="AY65" s="381"/>
      <c r="AZ65" s="381"/>
      <c r="BA65" s="381"/>
      <c r="BB65" s="381"/>
      <c r="BC65" s="381"/>
      <c r="BD65" s="381"/>
      <c r="BE65" s="381"/>
      <c r="BF65" s="381"/>
      <c r="BG65" s="381"/>
      <c r="BH65" s="381"/>
      <c r="BI65" s="381"/>
      <c r="BJ65" s="381"/>
      <c r="BK65" s="381"/>
      <c r="BL65" s="381"/>
      <c r="BM65" s="381"/>
      <c r="BN65" s="381"/>
      <c r="BO65" s="381"/>
      <c r="BP65" s="381"/>
      <c r="BQ65" s="381"/>
      <c r="BR65" s="381"/>
      <c r="BS65" s="381"/>
      <c r="BT65" s="381"/>
      <c r="BU65" s="381"/>
      <c r="BV65" s="381"/>
      <c r="BW65" s="381"/>
      <c r="BX65" s="351"/>
      <c r="BY65" s="381"/>
      <c r="BZ65" s="381"/>
      <c r="CA65" s="381" t="s">
        <v>2190</v>
      </c>
      <c r="CB65" s="381" t="s">
        <v>2190</v>
      </c>
      <c r="CC65" s="351"/>
      <c r="CD65" s="381"/>
      <c r="CE65" s="351" t="s">
        <v>2429</v>
      </c>
      <c r="CF65" s="351"/>
      <c r="CG65" s="583"/>
      <c r="CH65" s="597"/>
      <c r="CI65" s="597"/>
    </row>
    <row r="1048524" spans="2:2" ht="153" customHeight="1" x14ac:dyDescent="0.2">
      <c r="B1048524" s="478"/>
    </row>
    <row r="1048525" spans="2:2" ht="153" customHeight="1" x14ac:dyDescent="0.2">
      <c r="B1048525" s="579"/>
    </row>
    <row r="1048526" spans="2:2" ht="153" customHeight="1" x14ac:dyDescent="0.2">
      <c r="B1048526" s="579"/>
    </row>
    <row r="1048527" spans="2:2" ht="153" customHeight="1" x14ac:dyDescent="0.2">
      <c r="B1048527" s="579"/>
    </row>
    <row r="1048528" spans="2:2" ht="153" customHeight="1" x14ac:dyDescent="0.2">
      <c r="B1048528" s="579"/>
    </row>
    <row r="1048529" spans="2:2" ht="153" customHeight="1" x14ac:dyDescent="0.2">
      <c r="B1048529" s="579"/>
    </row>
    <row r="1048530" spans="2:2" ht="153" customHeight="1" x14ac:dyDescent="0.2">
      <c r="B1048530" s="579"/>
    </row>
    <row r="1048531" spans="2:2" ht="153" customHeight="1" x14ac:dyDescent="0.2">
      <c r="B1048531" s="579"/>
    </row>
    <row r="1048532" spans="2:2" ht="153" customHeight="1" x14ac:dyDescent="0.2">
      <c r="B1048532" s="579"/>
    </row>
    <row r="1048533" spans="2:2" ht="153" customHeight="1" x14ac:dyDescent="0.2">
      <c r="B1048533" s="553"/>
    </row>
    <row r="1048534" spans="2:2" ht="153" customHeight="1" x14ac:dyDescent="0.2">
      <c r="B1048534" s="579"/>
    </row>
    <row r="1048535" spans="2:2" ht="153" customHeight="1" x14ac:dyDescent="0.2">
      <c r="B1048535" s="579"/>
    </row>
  </sheetData>
  <autoFilter ref="A1:CI65" xr:uid="{ED0FA26D-F30F-4784-9719-F6047240CF46}">
    <filterColumn colId="1">
      <customFilters>
        <customFilter operator="notEqual" val=" "/>
      </customFilters>
    </filterColumn>
    <sortState xmlns:xlrd2="http://schemas.microsoft.com/office/spreadsheetml/2017/richdata2" ref="A2:CI55">
      <sortCondition ref="B1:B65"/>
    </sortState>
  </autoFilter>
  <conditionalFormatting sqref="Y52:Z53">
    <cfRule type="containsText" dxfId="784" priority="72" operator="containsText" text="Essential">
      <formula>NOT(ISERROR(SEARCH("Essential",Y52)))</formula>
    </cfRule>
    <cfRule type="containsText" dxfId="783" priority="71" operator="containsText" text="Important">
      <formula>NOT(ISERROR(SEARCH("Important",Y52)))</formula>
    </cfRule>
    <cfRule type="containsText" dxfId="782" priority="70" operator="containsText" text="Critical - Local Plan">
      <formula>NOT(ISERROR(SEARCH("Critical - Local Plan",Y52)))</formula>
    </cfRule>
    <cfRule type="containsText" priority="69" operator="containsText" text="Critical - Delivery">
      <formula>NOT(ISERROR(SEARCH("Critical - Delivery",Y52)))</formula>
    </cfRule>
  </conditionalFormatting>
  <conditionalFormatting sqref="AB1">
    <cfRule type="colorScale" priority="68">
      <colorScale>
        <cfvo type="min"/>
        <cfvo type="percentile" val="50"/>
        <cfvo type="max"/>
        <color rgb="FFF8696B"/>
        <color rgb="FFFFEB84"/>
        <color rgb="FF63BE7B"/>
      </colorScale>
    </cfRule>
  </conditionalFormatting>
  <conditionalFormatting sqref="AB2:AB11">
    <cfRule type="colorScale" priority="56">
      <colorScale>
        <cfvo type="min"/>
        <cfvo type="percentile" val="50"/>
        <cfvo type="max"/>
        <color rgb="FFF8696B"/>
        <color rgb="FFFFEB84"/>
        <color rgb="FF63BE7B"/>
      </colorScale>
    </cfRule>
  </conditionalFormatting>
  <conditionalFormatting sqref="AB12:AB15">
    <cfRule type="colorScale" priority="55">
      <colorScale>
        <cfvo type="min"/>
        <cfvo type="percentile" val="50"/>
        <cfvo type="max"/>
        <color rgb="FFF8696B"/>
        <color rgb="FFFFEB84"/>
        <color rgb="FF63BE7B"/>
      </colorScale>
    </cfRule>
  </conditionalFormatting>
  <conditionalFormatting sqref="AB16:AB22">
    <cfRule type="colorScale" priority="49">
      <colorScale>
        <cfvo type="min"/>
        <cfvo type="percentile" val="50"/>
        <cfvo type="max"/>
        <color rgb="FFF8696B"/>
        <color rgb="FFFFEB84"/>
        <color rgb="FF63BE7B"/>
      </colorScale>
    </cfRule>
  </conditionalFormatting>
  <conditionalFormatting sqref="AB23:AB28">
    <cfRule type="colorScale" priority="42">
      <colorScale>
        <cfvo type="min"/>
        <cfvo type="percentile" val="50"/>
        <cfvo type="max"/>
        <color rgb="FFF8696B"/>
        <color rgb="FFFFEB84"/>
        <color rgb="FF63BE7B"/>
      </colorScale>
    </cfRule>
  </conditionalFormatting>
  <conditionalFormatting sqref="AB29">
    <cfRule type="colorScale" priority="41">
      <colorScale>
        <cfvo type="min"/>
        <cfvo type="percentile" val="50"/>
        <cfvo type="max"/>
        <color rgb="FFF8696B"/>
        <color rgb="FFFFEB84"/>
        <color rgb="FF63BE7B"/>
      </colorScale>
    </cfRule>
  </conditionalFormatting>
  <conditionalFormatting sqref="AB30:AB50">
    <cfRule type="colorScale" priority="25">
      <colorScale>
        <cfvo type="min"/>
        <cfvo type="percentile" val="50"/>
        <cfvo type="max"/>
        <color rgb="FFF8696B"/>
        <color rgb="FFFFEB84"/>
        <color rgb="FF63BE7B"/>
      </colorScale>
    </cfRule>
    <cfRule type="containsText" dxfId="781" priority="27" operator="containsText" text="Desirable">
      <formula>NOT(ISERROR(SEARCH("Desirable",AB30)))</formula>
    </cfRule>
    <cfRule type="containsText" dxfId="780" priority="28" operator="containsText" text="Critical">
      <formula>NOT(ISERROR(SEARCH("Critical",AB30)))</formula>
    </cfRule>
  </conditionalFormatting>
  <conditionalFormatting sqref="AB30:AB51">
    <cfRule type="containsText" dxfId="779" priority="26" operator="containsText" text="Important">
      <formula>NOT(ISERROR(SEARCH("Important",AB30)))</formula>
    </cfRule>
    <cfRule type="containsText" dxfId="778" priority="29" operator="containsText" text="Essential">
      <formula>NOT(ISERROR(SEARCH("Essential",AB30)))</formula>
    </cfRule>
  </conditionalFormatting>
  <conditionalFormatting sqref="AB54:AB57">
    <cfRule type="colorScale" priority="10">
      <colorScale>
        <cfvo type="min"/>
        <cfvo type="percentile" val="50"/>
        <cfvo type="max"/>
        <color rgb="FFF8696B"/>
        <color rgb="FFFFEB84"/>
        <color rgb="FF63BE7B"/>
      </colorScale>
    </cfRule>
  </conditionalFormatting>
  <conditionalFormatting sqref="AB1:AC15">
    <cfRule type="containsText" dxfId="777" priority="66" operator="containsText" text="Critical">
      <formula>NOT(ISERROR(SEARCH("Critical",AB1)))</formula>
    </cfRule>
    <cfRule type="containsText" dxfId="776" priority="65" operator="containsText" text="Desirable">
      <formula>NOT(ISERROR(SEARCH("Desirable",AB1)))</formula>
    </cfRule>
    <cfRule type="containsText" dxfId="775" priority="63" operator="containsText" text="Important">
      <formula>NOT(ISERROR(SEARCH("Important",AB1)))</formula>
    </cfRule>
    <cfRule type="containsText" dxfId="774" priority="67" operator="containsText" text="Essential">
      <formula>NOT(ISERROR(SEARCH("Essential",AB1)))</formula>
    </cfRule>
  </conditionalFormatting>
  <conditionalFormatting sqref="AB1:AC29">
    <cfRule type="containsText" dxfId="773" priority="60" operator="containsText" text="Critical - Local Plan">
      <formula>NOT(ISERROR(SEARCH("Critical - Local Plan",AB1)))</formula>
    </cfRule>
    <cfRule type="containsText" dxfId="772" priority="62" operator="containsText" text="Essential">
      <formula>NOT(ISERROR(SEARCH("Essential",AB1)))</formula>
    </cfRule>
    <cfRule type="containsText" dxfId="771" priority="61" operator="containsText" text="Important">
      <formula>NOT(ISERROR(SEARCH("Important",AB1)))</formula>
    </cfRule>
  </conditionalFormatting>
  <conditionalFormatting sqref="AB1:AC50">
    <cfRule type="containsText" priority="30" operator="containsText" text="Important">
      <formula>NOT(ISERROR(SEARCH("Important",AB1)))</formula>
    </cfRule>
  </conditionalFormatting>
  <conditionalFormatting sqref="AB1:AC51">
    <cfRule type="containsText" priority="21" operator="containsText" text="Critical - Delivery">
      <formula>NOT(ISERROR(SEARCH("Critical - Delivery",AB1)))</formula>
    </cfRule>
  </conditionalFormatting>
  <conditionalFormatting sqref="AB16:AC29">
    <cfRule type="containsText" dxfId="770" priority="45" operator="containsText" text="Important">
      <formula>NOT(ISERROR(SEARCH("Important",AB16)))</formula>
    </cfRule>
    <cfRule type="containsText" dxfId="769" priority="46" operator="containsText" text="Desirable">
      <formula>NOT(ISERROR(SEARCH("Desirable",AB16)))</formula>
    </cfRule>
    <cfRule type="containsText" dxfId="768" priority="47" operator="containsText" text="Critical">
      <formula>NOT(ISERROR(SEARCH("Critical",AB16)))</formula>
    </cfRule>
    <cfRule type="containsText" dxfId="767" priority="48" operator="containsText" text="Essential">
      <formula>NOT(ISERROR(SEARCH("Essential",AB16)))</formula>
    </cfRule>
  </conditionalFormatting>
  <conditionalFormatting sqref="AB30:AC50">
    <cfRule type="containsText" dxfId="766" priority="24" operator="containsText" text="Essential">
      <formula>NOT(ISERROR(SEARCH("Essential",AB30)))</formula>
    </cfRule>
    <cfRule type="containsText" dxfId="765" priority="23" operator="containsText" text="Important">
      <formula>NOT(ISERROR(SEARCH("Important",AB30)))</formula>
    </cfRule>
  </conditionalFormatting>
  <conditionalFormatting sqref="AB30:AC51">
    <cfRule type="containsText" dxfId="764" priority="22" operator="containsText" text="Critical - Local Plan">
      <formula>NOT(ISERROR(SEARCH("Critical - Local Plan",AB30)))</formula>
    </cfRule>
  </conditionalFormatting>
  <conditionalFormatting sqref="AB54:AC57">
    <cfRule type="containsText" dxfId="763" priority="3" operator="containsText" text="Important">
      <formula>NOT(ISERROR(SEARCH("Important",AB54)))</formula>
    </cfRule>
    <cfRule type="containsText" dxfId="762" priority="7" operator="containsText" text="Critical">
      <formula>NOT(ISERROR(SEARCH("Critical",AB54)))</formula>
    </cfRule>
    <cfRule type="containsText" priority="9" operator="containsText" text="Important">
      <formula>NOT(ISERROR(SEARCH("Important",AB54)))</formula>
    </cfRule>
    <cfRule type="containsText" dxfId="761" priority="6" operator="containsText" text="Desirable">
      <formula>NOT(ISERROR(SEARCH("Desirable",AB54)))</formula>
    </cfRule>
    <cfRule type="containsText" dxfId="760" priority="4" operator="containsText" text="Essential">
      <formula>NOT(ISERROR(SEARCH("Essential",AB54)))</formula>
    </cfRule>
  </conditionalFormatting>
  <conditionalFormatting sqref="AB54:AC65">
    <cfRule type="containsText" dxfId="759" priority="2" operator="containsText" text="Critical - Local Plan">
      <formula>NOT(ISERROR(SEARCH("Critical - Local Plan",AB54)))</formula>
    </cfRule>
    <cfRule type="containsText" priority="1" operator="containsText" text="Critical - Delivery">
      <formula>NOT(ISERROR(SEARCH("Critical - Delivery",AB54)))</formula>
    </cfRule>
    <cfRule type="containsText" dxfId="758" priority="8" operator="containsText" text="Essential">
      <formula>NOT(ISERROR(SEARCH("Essential",AB54)))</formula>
    </cfRule>
    <cfRule type="containsText" dxfId="757" priority="5" operator="containsText" text="Important">
      <formula>NOT(ISERROR(SEARCH("Important",AB54)))</formula>
    </cfRule>
  </conditionalFormatting>
  <conditionalFormatting sqref="AC1">
    <cfRule type="colorScale" priority="78">
      <colorScale>
        <cfvo type="min"/>
        <cfvo type="percentile" val="50"/>
        <cfvo type="max"/>
        <color rgb="FFF8696B"/>
        <color rgb="FFFFEB84"/>
        <color rgb="FF63BE7B"/>
      </colorScale>
    </cfRule>
  </conditionalFormatting>
  <conditionalFormatting sqref="AC2:AC11">
    <cfRule type="colorScale" priority="58">
      <colorScale>
        <cfvo type="min"/>
        <cfvo type="percentile" val="50"/>
        <cfvo type="max"/>
        <color rgb="FFF8696B"/>
        <color rgb="FFFFEB84"/>
        <color rgb="FF63BE7B"/>
      </colorScale>
    </cfRule>
  </conditionalFormatting>
  <conditionalFormatting sqref="AC12:AC15">
    <cfRule type="colorScale" priority="57">
      <colorScale>
        <cfvo type="min"/>
        <cfvo type="percentile" val="50"/>
        <cfvo type="max"/>
        <color rgb="FFF8696B"/>
        <color rgb="FFFFEB84"/>
        <color rgb="FF63BE7B"/>
      </colorScale>
    </cfRule>
  </conditionalFormatting>
  <conditionalFormatting sqref="AC16:AC22">
    <cfRule type="colorScale" priority="54">
      <colorScale>
        <cfvo type="min"/>
        <cfvo type="percentile" val="50"/>
        <cfvo type="max"/>
        <color rgb="FFF8696B"/>
        <color rgb="FFFFEB84"/>
        <color rgb="FF63BE7B"/>
      </colorScale>
    </cfRule>
  </conditionalFormatting>
  <conditionalFormatting sqref="AC23:AC28">
    <cfRule type="colorScale" priority="44">
      <colorScale>
        <cfvo type="min"/>
        <cfvo type="percentile" val="50"/>
        <cfvo type="max"/>
        <color rgb="FFF8696B"/>
        <color rgb="FFFFEB84"/>
        <color rgb="FF63BE7B"/>
      </colorScale>
    </cfRule>
  </conditionalFormatting>
  <conditionalFormatting sqref="AC29">
    <cfRule type="colorScale" priority="43">
      <colorScale>
        <cfvo type="min"/>
        <cfvo type="percentile" val="50"/>
        <cfvo type="max"/>
        <color rgb="FFF8696B"/>
        <color rgb="FFFFEB84"/>
        <color rgb="FF63BE7B"/>
      </colorScale>
    </cfRule>
  </conditionalFormatting>
  <conditionalFormatting sqref="AC30:AC50">
    <cfRule type="containsText" dxfId="756" priority="38" operator="containsText" text="Critical">
      <formula>NOT(ISERROR(SEARCH("Critical",AC30)))</formula>
    </cfRule>
    <cfRule type="containsText" dxfId="755" priority="37" operator="containsText" text="Desirable">
      <formula>NOT(ISERROR(SEARCH("Desirable",AC30)))</formula>
    </cfRule>
    <cfRule type="colorScale" priority="35">
      <colorScale>
        <cfvo type="min"/>
        <cfvo type="percentile" val="50"/>
        <cfvo type="max"/>
        <color rgb="FFF8696B"/>
        <color rgb="FFFFEB84"/>
        <color rgb="FF63BE7B"/>
      </colorScale>
    </cfRule>
  </conditionalFormatting>
  <conditionalFormatting sqref="AC30:AC51">
    <cfRule type="containsText" dxfId="754" priority="39" operator="containsText" text="Essential">
      <formula>NOT(ISERROR(SEARCH("Essential",AC30)))</formula>
    </cfRule>
    <cfRule type="containsText" dxfId="753" priority="36" operator="containsText" text="Important">
      <formula>NOT(ISERROR(SEARCH("Important",AC30)))</formula>
    </cfRule>
  </conditionalFormatting>
  <conditionalFormatting sqref="AC54:AC57">
    <cfRule type="colorScale" priority="20">
      <colorScale>
        <cfvo type="min"/>
        <cfvo type="percentile" val="50"/>
        <cfvo type="max"/>
        <color rgb="FFF8696B"/>
        <color rgb="FFFFEB84"/>
        <color rgb="FF63BE7B"/>
      </colorScale>
    </cfRule>
  </conditionalFormatting>
  <pageMargins left="0.7" right="0.7" top="0.75" bottom="0.75" header="0.3" footer="0.3"/>
  <legacyDrawing r:id="rId1"/>
</worksheet>
</file>

<file path=xl/worksheets/sheet1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3BE2C1A-7980-479D-9656-3FD69D741156}">
  <sheetPr codeName="Sheet4"/>
  <dimension ref="A1:DP9"/>
  <sheetViews>
    <sheetView workbookViewId="0"/>
  </sheetViews>
  <sheetFormatPr defaultRowHeight="14.25" x14ac:dyDescent="0.2"/>
  <cols>
    <col min="6" max="6" width="13.125" customWidth="1"/>
    <col min="8" max="8" width="10.125" customWidth="1"/>
    <col min="9" max="9" width="9.625" customWidth="1"/>
    <col min="10" max="10" width="20.125" customWidth="1"/>
    <col min="11" max="11" width="37.625" customWidth="1"/>
    <col min="21" max="22" width="9.625" bestFit="1" customWidth="1"/>
  </cols>
  <sheetData>
    <row r="1" spans="1:120" ht="180" x14ac:dyDescent="0.2">
      <c r="A1" s="478" t="s">
        <v>2144</v>
      </c>
      <c r="B1" s="478" t="s">
        <v>2145</v>
      </c>
      <c r="C1" s="478" t="s">
        <v>2146</v>
      </c>
      <c r="D1" s="480" t="s">
        <v>0</v>
      </c>
      <c r="E1" s="97" t="s">
        <v>1381</v>
      </c>
      <c r="F1" s="480" t="s">
        <v>2147</v>
      </c>
      <c r="G1" s="98" t="s">
        <v>1</v>
      </c>
      <c r="H1" s="98" t="s">
        <v>2</v>
      </c>
      <c r="I1" s="98" t="s">
        <v>3</v>
      </c>
      <c r="J1" s="99" t="s">
        <v>4</v>
      </c>
      <c r="K1" s="99" t="s">
        <v>5</v>
      </c>
      <c r="L1" s="465" t="s">
        <v>2148</v>
      </c>
      <c r="M1" s="98" t="s">
        <v>2149</v>
      </c>
      <c r="N1" s="98" t="s">
        <v>7</v>
      </c>
      <c r="O1" s="98" t="s">
        <v>2150</v>
      </c>
      <c r="P1" s="98" t="s">
        <v>8</v>
      </c>
      <c r="Q1" s="100" t="s">
        <v>9</v>
      </c>
      <c r="R1" s="100" t="s">
        <v>2151</v>
      </c>
      <c r="S1" s="100" t="s">
        <v>10</v>
      </c>
      <c r="T1" s="100" t="s">
        <v>2152</v>
      </c>
      <c r="U1" s="470" t="s">
        <v>11</v>
      </c>
      <c r="V1" s="470" t="s">
        <v>12</v>
      </c>
      <c r="W1" s="357" t="s">
        <v>13</v>
      </c>
      <c r="X1" s="358" t="s">
        <v>2153</v>
      </c>
      <c r="Y1" s="104" t="s">
        <v>15</v>
      </c>
      <c r="Z1" s="104" t="s">
        <v>2154</v>
      </c>
      <c r="AA1" s="358" t="s">
        <v>14</v>
      </c>
      <c r="AB1" s="105" t="s">
        <v>2155</v>
      </c>
      <c r="AC1" s="105" t="s">
        <v>16</v>
      </c>
      <c r="AD1" s="106" t="s">
        <v>17</v>
      </c>
      <c r="AE1" s="106" t="s">
        <v>18</v>
      </c>
      <c r="AF1" s="106" t="s">
        <v>19</v>
      </c>
      <c r="AG1" s="106" t="s">
        <v>20</v>
      </c>
      <c r="AH1" s="106" t="s">
        <v>21</v>
      </c>
      <c r="AI1" s="106" t="s">
        <v>22</v>
      </c>
      <c r="AJ1" s="106" t="s">
        <v>23</v>
      </c>
      <c r="AK1" s="106" t="s">
        <v>24</v>
      </c>
      <c r="AL1" s="106" t="s">
        <v>25</v>
      </c>
      <c r="AM1" s="106" t="s">
        <v>26</v>
      </c>
      <c r="AN1" s="106" t="s">
        <v>27</v>
      </c>
      <c r="AO1" s="106" t="s">
        <v>28</v>
      </c>
      <c r="AP1" s="106" t="s">
        <v>29</v>
      </c>
      <c r="AQ1" s="106" t="s">
        <v>30</v>
      </c>
      <c r="AR1" s="106" t="s">
        <v>31</v>
      </c>
      <c r="AS1" s="106" t="s">
        <v>32</v>
      </c>
      <c r="AT1" s="107" t="s">
        <v>33</v>
      </c>
      <c r="AU1" s="108" t="s">
        <v>34</v>
      </c>
      <c r="AV1" s="108" t="s">
        <v>35</v>
      </c>
      <c r="AW1" s="108" t="s">
        <v>36</v>
      </c>
      <c r="AX1" s="109" t="s">
        <v>37</v>
      </c>
      <c r="AY1" s="110" t="s">
        <v>38</v>
      </c>
      <c r="AZ1" s="110" t="s">
        <v>39</v>
      </c>
      <c r="BA1" s="110" t="s">
        <v>40</v>
      </c>
      <c r="BB1" s="111" t="s">
        <v>41</v>
      </c>
      <c r="BC1" s="112" t="s">
        <v>42</v>
      </c>
      <c r="BD1" s="113" t="s">
        <v>43</v>
      </c>
      <c r="BE1" s="114" t="s">
        <v>44</v>
      </c>
      <c r="BF1" s="115" t="s">
        <v>45</v>
      </c>
      <c r="BG1" s="116" t="s">
        <v>46</v>
      </c>
      <c r="BH1" s="117" t="s">
        <v>47</v>
      </c>
      <c r="BI1" s="118" t="s">
        <v>48</v>
      </c>
      <c r="BJ1" s="118" t="s">
        <v>49</v>
      </c>
      <c r="BK1" s="106" t="s">
        <v>17</v>
      </c>
      <c r="BL1" s="106" t="s">
        <v>18</v>
      </c>
      <c r="BM1" s="106" t="s">
        <v>19</v>
      </c>
      <c r="BN1" s="106" t="s">
        <v>20</v>
      </c>
      <c r="BO1" s="106" t="s">
        <v>21</v>
      </c>
      <c r="BP1" s="106" t="s">
        <v>22</v>
      </c>
      <c r="BQ1" s="106" t="s">
        <v>23</v>
      </c>
      <c r="BR1" s="106" t="s">
        <v>24</v>
      </c>
      <c r="BS1" s="106" t="s">
        <v>25</v>
      </c>
      <c r="BT1" s="106" t="s">
        <v>26</v>
      </c>
      <c r="BU1" s="106" t="s">
        <v>27</v>
      </c>
      <c r="BV1" s="106" t="s">
        <v>28</v>
      </c>
      <c r="BW1" s="106" t="s">
        <v>2156</v>
      </c>
      <c r="BX1" s="106" t="s">
        <v>30</v>
      </c>
      <c r="BY1" s="106" t="s">
        <v>31</v>
      </c>
      <c r="BZ1" s="106" t="s">
        <v>32</v>
      </c>
      <c r="CA1" s="107" t="s">
        <v>33</v>
      </c>
      <c r="CB1" s="108" t="s">
        <v>34</v>
      </c>
      <c r="CC1" s="108" t="s">
        <v>35</v>
      </c>
      <c r="CD1" s="108" t="s">
        <v>36</v>
      </c>
      <c r="CE1" s="109" t="s">
        <v>37</v>
      </c>
      <c r="CF1" s="110" t="s">
        <v>38</v>
      </c>
      <c r="CG1" s="110" t="s">
        <v>39</v>
      </c>
      <c r="CH1" s="110" t="s">
        <v>40</v>
      </c>
      <c r="CI1" s="111" t="s">
        <v>41</v>
      </c>
      <c r="CJ1" s="112" t="s">
        <v>42</v>
      </c>
      <c r="CK1" s="113" t="s">
        <v>43</v>
      </c>
      <c r="CL1" s="114" t="s">
        <v>44</v>
      </c>
      <c r="CM1" s="115" t="s">
        <v>45</v>
      </c>
      <c r="CN1" s="116" t="s">
        <v>46</v>
      </c>
      <c r="CO1" s="117" t="s">
        <v>47</v>
      </c>
      <c r="CP1" s="403" t="s">
        <v>2157</v>
      </c>
      <c r="CQ1" s="403" t="s">
        <v>2158</v>
      </c>
      <c r="CR1" s="403" t="s">
        <v>2159</v>
      </c>
      <c r="CS1" s="403" t="s">
        <v>2160</v>
      </c>
      <c r="CT1" s="403" t="s">
        <v>2161</v>
      </c>
      <c r="CU1" s="403" t="s">
        <v>2162</v>
      </c>
      <c r="CV1" s="403" t="s">
        <v>2163</v>
      </c>
      <c r="CW1" s="403" t="s">
        <v>2164</v>
      </c>
      <c r="CX1" s="398" t="s">
        <v>2165</v>
      </c>
      <c r="CY1" s="398" t="s">
        <v>2166</v>
      </c>
      <c r="CZ1" s="398" t="s">
        <v>2167</v>
      </c>
      <c r="DA1" s="398" t="s">
        <v>2168</v>
      </c>
      <c r="DB1" s="409" t="s">
        <v>2169</v>
      </c>
      <c r="DC1" s="409" t="s">
        <v>2170</v>
      </c>
      <c r="DD1" s="409" t="s">
        <v>2171</v>
      </c>
      <c r="DE1" s="409" t="s">
        <v>2172</v>
      </c>
      <c r="DF1" s="409" t="s">
        <v>2173</v>
      </c>
      <c r="DG1" s="409" t="s">
        <v>2174</v>
      </c>
      <c r="DH1" s="409" t="s">
        <v>2175</v>
      </c>
      <c r="DI1" s="409" t="s">
        <v>2176</v>
      </c>
      <c r="DJ1" s="409" t="s">
        <v>2177</v>
      </c>
      <c r="DK1" s="409" t="s">
        <v>2178</v>
      </c>
      <c r="DL1" s="99" t="s">
        <v>50</v>
      </c>
      <c r="DM1" s="99" t="s">
        <v>51</v>
      </c>
      <c r="DN1" s="99" t="s">
        <v>52</v>
      </c>
      <c r="DO1" s="552" t="s">
        <v>2179</v>
      </c>
      <c r="DP1" s="552" t="s">
        <v>2180</v>
      </c>
    </row>
    <row r="2" spans="1:120" s="178" customFormat="1" ht="171" x14ac:dyDescent="0.25">
      <c r="A2" s="555" t="s">
        <v>2443</v>
      </c>
      <c r="B2" s="584"/>
      <c r="C2" s="555"/>
      <c r="D2" s="556" t="s">
        <v>2444</v>
      </c>
      <c r="E2" s="554"/>
      <c r="F2" s="557" t="s">
        <v>2445</v>
      </c>
      <c r="G2" s="554"/>
      <c r="H2" s="558" t="s">
        <v>655</v>
      </c>
      <c r="I2" s="575" t="s">
        <v>900</v>
      </c>
      <c r="J2" s="559" t="s">
        <v>2446</v>
      </c>
      <c r="K2" s="209" t="s">
        <v>2447</v>
      </c>
      <c r="L2" s="554"/>
      <c r="M2" s="554"/>
      <c r="N2" s="554"/>
      <c r="O2" s="554"/>
      <c r="P2" s="560"/>
      <c r="Q2" s="560"/>
      <c r="R2" s="560"/>
      <c r="S2" s="560"/>
      <c r="T2" s="560"/>
      <c r="U2" s="561">
        <v>310000</v>
      </c>
      <c r="V2" s="562">
        <v>465000</v>
      </c>
      <c r="W2" s="560"/>
      <c r="X2" s="560"/>
      <c r="Y2" s="563" t="s">
        <v>2448</v>
      </c>
      <c r="Z2" s="563"/>
      <c r="AA2" s="563"/>
      <c r="AB2" s="563"/>
      <c r="AC2" s="563"/>
      <c r="AD2" s="563"/>
      <c r="AE2" s="563"/>
      <c r="AF2" s="563"/>
      <c r="AG2" s="563"/>
      <c r="AH2" s="563"/>
      <c r="AI2" s="563"/>
      <c r="AJ2" s="563"/>
      <c r="AK2" s="563"/>
      <c r="AL2" s="563"/>
      <c r="AM2" s="563"/>
      <c r="AN2" s="563"/>
      <c r="AO2" s="563"/>
      <c r="AP2" s="563"/>
      <c r="AQ2" s="563"/>
      <c r="AR2" s="563"/>
      <c r="AS2" s="563"/>
      <c r="AT2" s="563"/>
      <c r="AU2" s="563"/>
      <c r="AV2" s="563"/>
      <c r="AW2" s="563"/>
      <c r="AX2" s="563"/>
      <c r="AY2" s="563"/>
      <c r="AZ2" s="563"/>
      <c r="BA2" s="563"/>
      <c r="BB2" s="563"/>
      <c r="BC2" s="563"/>
      <c r="BD2" s="563"/>
      <c r="BE2" s="563"/>
      <c r="BF2" s="563"/>
      <c r="BG2" s="563"/>
      <c r="BH2" s="563"/>
      <c r="BI2" s="563"/>
      <c r="BJ2" s="563"/>
      <c r="BK2" s="563"/>
      <c r="BL2" s="563"/>
      <c r="BM2" s="563"/>
      <c r="BN2" s="563"/>
      <c r="BO2" s="563"/>
      <c r="BP2" s="563"/>
      <c r="BQ2" s="563"/>
      <c r="BR2" s="563"/>
      <c r="BS2" s="563"/>
      <c r="BT2" s="563"/>
      <c r="BU2" s="563"/>
      <c r="BV2" s="563"/>
      <c r="BW2" s="563"/>
      <c r="BX2" s="563"/>
      <c r="BY2" s="563"/>
      <c r="BZ2" s="563"/>
      <c r="CA2" s="563"/>
      <c r="CB2" s="563"/>
      <c r="CC2" s="563"/>
      <c r="CD2" s="563"/>
      <c r="CE2" s="563"/>
      <c r="CF2" s="563"/>
      <c r="CG2" s="563"/>
      <c r="CH2" s="563"/>
      <c r="CI2" s="563"/>
      <c r="CJ2" s="563"/>
      <c r="CK2" s="563"/>
      <c r="CL2" s="563"/>
      <c r="CM2" s="563"/>
      <c r="CN2" s="563"/>
      <c r="CO2" s="563"/>
      <c r="CP2" s="563"/>
      <c r="CQ2" s="563"/>
      <c r="CR2" s="563"/>
      <c r="CS2" s="563"/>
      <c r="CT2" s="563"/>
      <c r="CU2" s="563"/>
      <c r="CV2" s="563"/>
      <c r="CW2" s="563"/>
      <c r="CX2" s="563"/>
      <c r="CY2" s="563"/>
      <c r="CZ2" s="563"/>
      <c r="DA2" s="563"/>
      <c r="DB2" s="563"/>
      <c r="DC2" s="563"/>
      <c r="DD2" s="563"/>
      <c r="DE2" s="563"/>
      <c r="DF2" s="563"/>
      <c r="DG2" s="563"/>
      <c r="DH2" s="563"/>
      <c r="DI2" s="563"/>
      <c r="DJ2" s="563"/>
      <c r="DK2" s="563"/>
      <c r="DL2" s="578"/>
      <c r="DM2" s="209" t="s">
        <v>2449</v>
      </c>
      <c r="DN2" s="578"/>
      <c r="DO2" s="605">
        <v>1</v>
      </c>
      <c r="DP2" s="605">
        <v>0</v>
      </c>
    </row>
    <row r="3" spans="1:120" s="178" customFormat="1" ht="171" x14ac:dyDescent="0.25">
      <c r="A3" s="555" t="s">
        <v>2450</v>
      </c>
      <c r="B3" s="584"/>
      <c r="C3" s="555"/>
      <c r="D3" s="556" t="s">
        <v>2451</v>
      </c>
      <c r="E3" s="554"/>
      <c r="F3" s="557" t="s">
        <v>2445</v>
      </c>
      <c r="G3" s="554"/>
      <c r="H3" s="558" t="s">
        <v>655</v>
      </c>
      <c r="I3" s="575" t="s">
        <v>900</v>
      </c>
      <c r="J3" s="559" t="s">
        <v>2452</v>
      </c>
      <c r="K3" s="209" t="s">
        <v>2453</v>
      </c>
      <c r="L3" s="554"/>
      <c r="M3" s="554"/>
      <c r="N3" s="554"/>
      <c r="O3" s="554"/>
      <c r="P3" s="560"/>
      <c r="Q3" s="560"/>
      <c r="R3" s="560"/>
      <c r="S3" s="560"/>
      <c r="T3" s="560"/>
      <c r="U3" s="561">
        <v>440000</v>
      </c>
      <c r="V3" s="562">
        <v>660000</v>
      </c>
      <c r="W3" s="560"/>
      <c r="X3" s="560"/>
      <c r="Y3" s="563" t="s">
        <v>2448</v>
      </c>
      <c r="Z3" s="563"/>
      <c r="AA3" s="563"/>
      <c r="AB3" s="563"/>
      <c r="AC3" s="563"/>
      <c r="AD3" s="563"/>
      <c r="AE3" s="563"/>
      <c r="AF3" s="563"/>
      <c r="AG3" s="563"/>
      <c r="AH3" s="563"/>
      <c r="AI3" s="563"/>
      <c r="AJ3" s="563"/>
      <c r="AK3" s="563"/>
      <c r="AL3" s="563"/>
      <c r="AM3" s="563"/>
      <c r="AN3" s="563"/>
      <c r="AO3" s="563"/>
      <c r="AP3" s="563"/>
      <c r="AQ3" s="563"/>
      <c r="AR3" s="563"/>
      <c r="AS3" s="563"/>
      <c r="AT3" s="563"/>
      <c r="AU3" s="563"/>
      <c r="AV3" s="563"/>
      <c r="AW3" s="563"/>
      <c r="AX3" s="563"/>
      <c r="AY3" s="563"/>
      <c r="AZ3" s="563"/>
      <c r="BA3" s="563"/>
      <c r="BB3" s="563"/>
      <c r="BC3" s="563"/>
      <c r="BD3" s="563"/>
      <c r="BE3" s="563"/>
      <c r="BF3" s="563"/>
      <c r="BG3" s="563"/>
      <c r="BH3" s="563"/>
      <c r="BI3" s="563"/>
      <c r="BJ3" s="563"/>
      <c r="BK3" s="563"/>
      <c r="BL3" s="563"/>
      <c r="BM3" s="563"/>
      <c r="BN3" s="563"/>
      <c r="BO3" s="563"/>
      <c r="BP3" s="563"/>
      <c r="BQ3" s="563"/>
      <c r="BR3" s="563"/>
      <c r="BS3" s="563"/>
      <c r="BT3" s="563"/>
      <c r="BU3" s="563"/>
      <c r="BV3" s="563"/>
      <c r="BW3" s="563"/>
      <c r="BX3" s="563"/>
      <c r="BY3" s="563"/>
      <c r="BZ3" s="563"/>
      <c r="CA3" s="563"/>
      <c r="CB3" s="563"/>
      <c r="CC3" s="563"/>
      <c r="CD3" s="563"/>
      <c r="CE3" s="563"/>
      <c r="CF3" s="563"/>
      <c r="CG3" s="563"/>
      <c r="CH3" s="563"/>
      <c r="CI3" s="563"/>
      <c r="CJ3" s="563"/>
      <c r="CK3" s="563"/>
      <c r="CL3" s="563"/>
      <c r="CM3" s="563"/>
      <c r="CN3" s="563"/>
      <c r="CO3" s="563"/>
      <c r="CP3" s="563"/>
      <c r="CQ3" s="563"/>
      <c r="CR3" s="563"/>
      <c r="CS3" s="563"/>
      <c r="CT3" s="563"/>
      <c r="CU3" s="563"/>
      <c r="CV3" s="563"/>
      <c r="CW3" s="563"/>
      <c r="CX3" s="563"/>
      <c r="CY3" s="563"/>
      <c r="CZ3" s="563"/>
      <c r="DA3" s="563"/>
      <c r="DB3" s="563"/>
      <c r="DC3" s="563"/>
      <c r="DD3" s="563"/>
      <c r="DE3" s="563"/>
      <c r="DF3" s="563"/>
      <c r="DG3" s="563"/>
      <c r="DH3" s="563"/>
      <c r="DI3" s="563"/>
      <c r="DJ3" s="563"/>
      <c r="DK3" s="563"/>
      <c r="DL3" s="578"/>
      <c r="DM3" s="209" t="s">
        <v>2449</v>
      </c>
      <c r="DN3" s="578"/>
      <c r="DO3" s="605">
        <v>1</v>
      </c>
      <c r="DP3" s="605">
        <v>0</v>
      </c>
    </row>
    <row r="4" spans="1:120" s="178" customFormat="1" ht="171" x14ac:dyDescent="0.25">
      <c r="A4" s="564"/>
      <c r="B4" s="584"/>
      <c r="C4" s="564"/>
      <c r="D4" s="565" t="s">
        <v>2454</v>
      </c>
      <c r="E4" s="566"/>
      <c r="F4" s="567" t="s">
        <v>2445</v>
      </c>
      <c r="G4" s="566"/>
      <c r="H4" s="568" t="s">
        <v>655</v>
      </c>
      <c r="I4" s="587" t="s">
        <v>900</v>
      </c>
      <c r="J4" s="569" t="s">
        <v>2455</v>
      </c>
      <c r="K4" s="570" t="s">
        <v>2456</v>
      </c>
      <c r="L4" s="566"/>
      <c r="M4" s="566"/>
      <c r="N4" s="566"/>
      <c r="O4" s="566"/>
      <c r="P4" s="571"/>
      <c r="Q4" s="571"/>
      <c r="R4" s="571"/>
      <c r="S4" s="571"/>
      <c r="T4" s="571"/>
      <c r="U4" s="572">
        <v>220000</v>
      </c>
      <c r="V4" s="573">
        <v>330000</v>
      </c>
      <c r="W4" s="571"/>
      <c r="X4" s="571"/>
      <c r="Y4" s="574" t="s">
        <v>2448</v>
      </c>
      <c r="Z4" s="574"/>
      <c r="AA4" s="574"/>
      <c r="AB4" s="574"/>
      <c r="AC4" s="574"/>
      <c r="AD4" s="574"/>
      <c r="AE4" s="574"/>
      <c r="AF4" s="574"/>
      <c r="AG4" s="574"/>
      <c r="AH4" s="574"/>
      <c r="AI4" s="574"/>
      <c r="AJ4" s="574"/>
      <c r="AK4" s="574"/>
      <c r="AL4" s="574"/>
      <c r="AM4" s="574"/>
      <c r="AN4" s="574"/>
      <c r="AO4" s="574"/>
      <c r="AP4" s="574"/>
      <c r="AQ4" s="574"/>
      <c r="AR4" s="574"/>
      <c r="AS4" s="574"/>
      <c r="AT4" s="574"/>
      <c r="AU4" s="574"/>
      <c r="AV4" s="574"/>
      <c r="AW4" s="574"/>
      <c r="AX4" s="574"/>
      <c r="AY4" s="574"/>
      <c r="AZ4" s="574"/>
      <c r="BA4" s="574"/>
      <c r="BB4" s="574"/>
      <c r="BC4" s="574"/>
      <c r="BD4" s="574"/>
      <c r="BE4" s="574"/>
      <c r="BF4" s="574"/>
      <c r="BG4" s="574"/>
      <c r="BH4" s="574"/>
      <c r="BI4" s="574"/>
      <c r="BJ4" s="574"/>
      <c r="BK4" s="574"/>
      <c r="BL4" s="574"/>
      <c r="BM4" s="574"/>
      <c r="BN4" s="574"/>
      <c r="BO4" s="574"/>
      <c r="BP4" s="574"/>
      <c r="BQ4" s="574"/>
      <c r="BR4" s="574"/>
      <c r="BS4" s="574"/>
      <c r="BT4" s="574"/>
      <c r="BU4" s="574"/>
      <c r="BV4" s="574"/>
      <c r="BW4" s="574"/>
      <c r="BX4" s="574"/>
      <c r="BY4" s="574"/>
      <c r="BZ4" s="574"/>
      <c r="CA4" s="574"/>
      <c r="CB4" s="574"/>
      <c r="CC4" s="574"/>
      <c r="CD4" s="574"/>
      <c r="CE4" s="574"/>
      <c r="CF4" s="574"/>
      <c r="CG4" s="574"/>
      <c r="CH4" s="574"/>
      <c r="CI4" s="574"/>
      <c r="CJ4" s="574"/>
      <c r="CK4" s="574"/>
      <c r="CL4" s="574"/>
      <c r="CM4" s="574"/>
      <c r="CN4" s="574"/>
      <c r="CO4" s="574"/>
      <c r="CP4" s="574"/>
      <c r="CQ4" s="574"/>
      <c r="CR4" s="574"/>
      <c r="CS4" s="574"/>
      <c r="CT4" s="574"/>
      <c r="CU4" s="574"/>
      <c r="CV4" s="574"/>
      <c r="CW4" s="574"/>
      <c r="CX4" s="574"/>
      <c r="CY4" s="574"/>
      <c r="CZ4" s="574"/>
      <c r="DA4" s="574"/>
      <c r="DB4" s="574"/>
      <c r="DC4" s="574"/>
      <c r="DD4" s="574"/>
      <c r="DE4" s="574"/>
      <c r="DF4" s="574"/>
      <c r="DG4" s="574"/>
      <c r="DH4" s="574"/>
      <c r="DI4" s="574"/>
      <c r="DJ4" s="574"/>
      <c r="DK4" s="574"/>
      <c r="DL4" s="606"/>
      <c r="DM4" s="570" t="s">
        <v>2449</v>
      </c>
      <c r="DN4" s="606"/>
      <c r="DO4" s="607">
        <v>1</v>
      </c>
      <c r="DP4" s="607">
        <v>0</v>
      </c>
    </row>
    <row r="5" spans="1:120" s="248" customFormat="1" ht="171" x14ac:dyDescent="0.25">
      <c r="A5" s="555" t="s">
        <v>2457</v>
      </c>
      <c r="B5" s="584" t="s">
        <v>2458</v>
      </c>
      <c r="C5" s="555"/>
      <c r="D5" s="556" t="s">
        <v>2459</v>
      </c>
      <c r="E5" s="554"/>
      <c r="F5" s="557" t="s">
        <v>2445</v>
      </c>
      <c r="G5" s="554"/>
      <c r="H5" s="558" t="s">
        <v>655</v>
      </c>
      <c r="I5" s="575" t="s">
        <v>900</v>
      </c>
      <c r="J5" s="559" t="s">
        <v>2460</v>
      </c>
      <c r="K5" s="209" t="s">
        <v>2461</v>
      </c>
      <c r="L5" s="554"/>
      <c r="M5" s="554"/>
      <c r="N5" s="554"/>
      <c r="O5" s="554"/>
      <c r="P5" s="563" t="s">
        <v>2462</v>
      </c>
      <c r="Q5" s="563"/>
      <c r="R5" s="563"/>
      <c r="S5" s="563"/>
      <c r="T5" s="563"/>
      <c r="U5" s="561">
        <f>3560000-2227750</f>
        <v>1332250</v>
      </c>
      <c r="V5" s="562">
        <f>5340000-2227750</f>
        <v>3112250</v>
      </c>
      <c r="W5" s="560"/>
      <c r="X5" s="560"/>
      <c r="Y5" s="563" t="s">
        <v>2448</v>
      </c>
      <c r="Z5" s="563"/>
      <c r="AA5" s="563"/>
      <c r="AB5" s="563"/>
      <c r="AC5" s="563"/>
      <c r="AD5" s="563"/>
      <c r="AE5" s="563"/>
      <c r="AF5" s="563"/>
      <c r="AG5" s="563"/>
      <c r="AH5" s="563"/>
      <c r="AI5" s="563"/>
      <c r="AJ5" s="563"/>
      <c r="AK5" s="563"/>
      <c r="AL5" s="563"/>
      <c r="AM5" s="563"/>
      <c r="AN5" s="563"/>
      <c r="AO5" s="563"/>
      <c r="AP5" s="563"/>
      <c r="AQ5" s="563"/>
      <c r="AR5" s="563"/>
      <c r="AS5" s="563"/>
      <c r="AT5" s="563"/>
      <c r="AU5" s="563"/>
      <c r="AV5" s="563"/>
      <c r="AW5" s="563"/>
      <c r="AX5" s="563"/>
      <c r="AY5" s="563"/>
      <c r="AZ5" s="563"/>
      <c r="BA5" s="563"/>
      <c r="BB5" s="563"/>
      <c r="BC5" s="563"/>
      <c r="BD5" s="563"/>
      <c r="BE5" s="563"/>
      <c r="BF5" s="563"/>
      <c r="BG5" s="563"/>
      <c r="BH5" s="563"/>
      <c r="BI5" s="563"/>
      <c r="BJ5" s="563"/>
      <c r="BK5" s="563"/>
      <c r="BL5" s="563"/>
      <c r="BM5" s="563"/>
      <c r="BN5" s="563"/>
      <c r="BO5" s="563"/>
      <c r="BP5" s="563"/>
      <c r="BQ5" s="563"/>
      <c r="BR5" s="563"/>
      <c r="BS5" s="563"/>
      <c r="BT5" s="563"/>
      <c r="BU5" s="563"/>
      <c r="BV5" s="563"/>
      <c r="BW5" s="563"/>
      <c r="BX5" s="563"/>
      <c r="BY5" s="563"/>
      <c r="BZ5" s="563"/>
      <c r="CA5" s="563"/>
      <c r="CB5" s="563"/>
      <c r="CC5" s="563"/>
      <c r="CD5" s="563"/>
      <c r="CE5" s="563"/>
      <c r="CF5" s="563"/>
      <c r="CG5" s="563"/>
      <c r="CH5" s="563"/>
      <c r="CI5" s="563"/>
      <c r="CJ5" s="563"/>
      <c r="CK5" s="563"/>
      <c r="CL5" s="563"/>
      <c r="CM5" s="563"/>
      <c r="CN5" s="563"/>
      <c r="CO5" s="563"/>
      <c r="CP5" s="563"/>
      <c r="CQ5" s="563"/>
      <c r="CR5" s="563"/>
      <c r="CS5" s="563"/>
      <c r="CT5" s="563"/>
      <c r="CU5" s="563"/>
      <c r="CV5" s="563"/>
      <c r="CW5" s="563"/>
      <c r="CX5" s="563"/>
      <c r="CY5" s="563"/>
      <c r="CZ5" s="563"/>
      <c r="DA5" s="563"/>
      <c r="DB5" s="563"/>
      <c r="DC5" s="563"/>
      <c r="DD5" s="563"/>
      <c r="DE5" s="563"/>
      <c r="DF5" s="563"/>
      <c r="DG5" s="563"/>
      <c r="DH5" s="563"/>
      <c r="DI5" s="563"/>
      <c r="DJ5" s="563"/>
      <c r="DK5" s="563"/>
      <c r="DL5" s="578"/>
      <c r="DM5" s="209" t="s">
        <v>2449</v>
      </c>
      <c r="DN5" s="578"/>
      <c r="DO5" s="605">
        <v>0.5</v>
      </c>
      <c r="DP5" s="605">
        <v>0.5</v>
      </c>
    </row>
    <row r="6" spans="1:120" s="248" customFormat="1" ht="243" x14ac:dyDescent="0.25">
      <c r="A6" s="555" t="s">
        <v>2463</v>
      </c>
      <c r="B6" s="598"/>
      <c r="C6" s="555"/>
      <c r="D6" s="556" t="s">
        <v>2464</v>
      </c>
      <c r="E6" s="554"/>
      <c r="F6" s="557" t="s">
        <v>2445</v>
      </c>
      <c r="G6" s="554"/>
      <c r="H6" s="558" t="s">
        <v>655</v>
      </c>
      <c r="I6" s="575" t="s">
        <v>900</v>
      </c>
      <c r="J6" s="559" t="s">
        <v>2465</v>
      </c>
      <c r="K6" s="209" t="s">
        <v>2466</v>
      </c>
      <c r="L6" s="554"/>
      <c r="M6" s="554"/>
      <c r="N6" s="554"/>
      <c r="O6" s="554"/>
      <c r="P6" s="563" t="s">
        <v>2467</v>
      </c>
      <c r="Q6" s="563"/>
      <c r="R6" s="563"/>
      <c r="S6" s="563"/>
      <c r="T6" s="563"/>
      <c r="U6" s="562">
        <v>2227750</v>
      </c>
      <c r="V6" s="562">
        <v>2500000</v>
      </c>
      <c r="W6" s="560"/>
      <c r="X6" s="560"/>
      <c r="Y6" s="563"/>
      <c r="Z6" s="563"/>
      <c r="AA6" s="563"/>
      <c r="AB6" s="563"/>
      <c r="AC6" s="563"/>
      <c r="AD6" s="563"/>
      <c r="AE6" s="563"/>
      <c r="AF6" s="563"/>
      <c r="AG6" s="563"/>
      <c r="AH6" s="563"/>
      <c r="AI6" s="563"/>
      <c r="AJ6" s="563"/>
      <c r="AK6" s="563"/>
      <c r="AL6" s="563"/>
      <c r="AM6" s="563"/>
      <c r="AN6" s="563"/>
      <c r="AO6" s="563"/>
      <c r="AP6" s="563"/>
      <c r="AQ6" s="563"/>
      <c r="AR6" s="563"/>
      <c r="AS6" s="563"/>
      <c r="AT6" s="563"/>
      <c r="AU6" s="563"/>
      <c r="AV6" s="563"/>
      <c r="AW6" s="563"/>
      <c r="AX6" s="563"/>
      <c r="AY6" s="563"/>
      <c r="AZ6" s="563"/>
      <c r="BA6" s="563"/>
      <c r="BB6" s="563"/>
      <c r="BC6" s="563"/>
      <c r="BD6" s="563"/>
      <c r="BE6" s="563"/>
      <c r="BF6" s="563"/>
      <c r="BG6" s="563"/>
      <c r="BH6" s="563"/>
      <c r="BI6" s="563"/>
      <c r="BJ6" s="563"/>
      <c r="BK6" s="563"/>
      <c r="BL6" s="563"/>
      <c r="BM6" s="563"/>
      <c r="BN6" s="563"/>
      <c r="BO6" s="563"/>
      <c r="BP6" s="563"/>
      <c r="BQ6" s="563"/>
      <c r="BR6" s="563"/>
      <c r="BS6" s="563"/>
      <c r="BT6" s="563"/>
      <c r="BU6" s="563"/>
      <c r="BV6" s="563"/>
      <c r="BW6" s="563"/>
      <c r="BX6" s="563"/>
      <c r="BY6" s="563"/>
      <c r="BZ6" s="563"/>
      <c r="CA6" s="563"/>
      <c r="CB6" s="563"/>
      <c r="CC6" s="563"/>
      <c r="CD6" s="563"/>
      <c r="CE6" s="563"/>
      <c r="CF6" s="563"/>
      <c r="CG6" s="563"/>
      <c r="CH6" s="563"/>
      <c r="CI6" s="563"/>
      <c r="CJ6" s="563"/>
      <c r="CK6" s="563"/>
      <c r="CL6" s="563"/>
      <c r="CM6" s="563"/>
      <c r="CN6" s="563"/>
      <c r="CO6" s="563"/>
      <c r="CP6" s="563"/>
      <c r="CQ6" s="563"/>
      <c r="CR6" s="563"/>
      <c r="CS6" s="563"/>
      <c r="CT6" s="563"/>
      <c r="CU6" s="563"/>
      <c r="CV6" s="563"/>
      <c r="CW6" s="563"/>
      <c r="CX6" s="563"/>
      <c r="CY6" s="563"/>
      <c r="CZ6" s="563"/>
      <c r="DA6" s="563"/>
      <c r="DB6" s="563"/>
      <c r="DC6" s="563"/>
      <c r="DD6" s="563"/>
      <c r="DE6" s="563"/>
      <c r="DF6" s="563"/>
      <c r="DG6" s="563"/>
      <c r="DH6" s="563"/>
      <c r="DI6" s="563"/>
      <c r="DJ6" s="563"/>
      <c r="DK6" s="563"/>
      <c r="DL6" s="578"/>
      <c r="DM6" s="209" t="s">
        <v>2449</v>
      </c>
      <c r="DN6" s="578"/>
      <c r="DO6" s="605">
        <v>0.15</v>
      </c>
      <c r="DP6" s="605">
        <v>0.85</v>
      </c>
    </row>
    <row r="7" spans="1:120" s="248" customFormat="1" ht="156.75" x14ac:dyDescent="0.25">
      <c r="A7" s="555" t="s">
        <v>2468</v>
      </c>
      <c r="B7" s="598"/>
      <c r="C7" s="555"/>
      <c r="D7" s="556" t="s">
        <v>2469</v>
      </c>
      <c r="E7" s="554"/>
      <c r="F7" s="557" t="s">
        <v>2445</v>
      </c>
      <c r="G7" s="554"/>
      <c r="H7" s="558" t="s">
        <v>2470</v>
      </c>
      <c r="I7" s="575" t="s">
        <v>656</v>
      </c>
      <c r="J7" s="559" t="s">
        <v>2471</v>
      </c>
      <c r="K7" s="209" t="s">
        <v>2472</v>
      </c>
      <c r="L7" s="554"/>
      <c r="M7" s="554"/>
      <c r="N7" s="554"/>
      <c r="O7" s="554"/>
      <c r="P7" s="560"/>
      <c r="Q7" s="560"/>
      <c r="R7" s="560"/>
      <c r="S7" s="560"/>
      <c r="T7" s="560"/>
      <c r="U7" s="561">
        <v>780000</v>
      </c>
      <c r="V7" s="562">
        <v>1170000</v>
      </c>
      <c r="W7" s="560"/>
      <c r="X7" s="560"/>
      <c r="Y7" s="563" t="s">
        <v>2473</v>
      </c>
      <c r="Z7" s="563"/>
      <c r="AA7" s="563"/>
      <c r="AB7" s="563"/>
      <c r="AC7" s="563"/>
      <c r="AD7" s="563"/>
      <c r="AE7" s="563"/>
      <c r="AF7" s="563"/>
      <c r="AG7" s="563"/>
      <c r="AH7" s="563"/>
      <c r="AI7" s="563"/>
      <c r="AJ7" s="563"/>
      <c r="AK7" s="563"/>
      <c r="AL7" s="563"/>
      <c r="AM7" s="563"/>
      <c r="AN7" s="563"/>
      <c r="AO7" s="563"/>
      <c r="AP7" s="563"/>
      <c r="AQ7" s="563"/>
      <c r="AR7" s="563"/>
      <c r="AS7" s="563"/>
      <c r="AT7" s="563"/>
      <c r="AU7" s="563"/>
      <c r="AV7" s="563"/>
      <c r="AW7" s="563"/>
      <c r="AX7" s="563"/>
      <c r="AY7" s="563"/>
      <c r="AZ7" s="563"/>
      <c r="BA7" s="563"/>
      <c r="BB7" s="563"/>
      <c r="BC7" s="563"/>
      <c r="BD7" s="563"/>
      <c r="BE7" s="563"/>
      <c r="BF7" s="563"/>
      <c r="BG7" s="563"/>
      <c r="BH7" s="563"/>
      <c r="BI7" s="563"/>
      <c r="BJ7" s="563"/>
      <c r="BK7" s="563"/>
      <c r="BL7" s="563"/>
      <c r="BM7" s="563"/>
      <c r="BN7" s="563"/>
      <c r="BO7" s="563"/>
      <c r="BP7" s="563"/>
      <c r="BQ7" s="563"/>
      <c r="BR7" s="563"/>
      <c r="BS7" s="563"/>
      <c r="BT7" s="563"/>
      <c r="BU7" s="563"/>
      <c r="BV7" s="563"/>
      <c r="BW7" s="563"/>
      <c r="BX7" s="563"/>
      <c r="BY7" s="563"/>
      <c r="BZ7" s="563"/>
      <c r="CA7" s="563"/>
      <c r="CB7" s="563"/>
      <c r="CC7" s="563"/>
      <c r="CD7" s="563"/>
      <c r="CE7" s="563"/>
      <c r="CF7" s="563"/>
      <c r="CG7" s="563"/>
      <c r="CH7" s="563"/>
      <c r="CI7" s="563"/>
      <c r="CJ7" s="563"/>
      <c r="CK7" s="563"/>
      <c r="CL7" s="563"/>
      <c r="CM7" s="563"/>
      <c r="CN7" s="563"/>
      <c r="CO7" s="563"/>
      <c r="CP7" s="563"/>
      <c r="CQ7" s="563"/>
      <c r="CR7" s="563"/>
      <c r="CS7" s="563"/>
      <c r="CT7" s="563"/>
      <c r="CU7" s="563"/>
      <c r="CV7" s="563"/>
      <c r="CW7" s="563"/>
      <c r="CX7" s="563"/>
      <c r="CY7" s="563"/>
      <c r="CZ7" s="563"/>
      <c r="DA7" s="563"/>
      <c r="DB7" s="563"/>
      <c r="DC7" s="563"/>
      <c r="DD7" s="563"/>
      <c r="DE7" s="563"/>
      <c r="DF7" s="563"/>
      <c r="DG7" s="563"/>
      <c r="DH7" s="563"/>
      <c r="DI7" s="563"/>
      <c r="DJ7" s="563"/>
      <c r="DK7" s="563"/>
      <c r="DL7" s="578"/>
      <c r="DM7" s="209" t="s">
        <v>2449</v>
      </c>
      <c r="DN7" s="578"/>
      <c r="DO7" s="605">
        <v>1</v>
      </c>
      <c r="DP7" s="605">
        <v>0</v>
      </c>
    </row>
    <row r="8" spans="1:120" s="178" customFormat="1" ht="171" x14ac:dyDescent="0.25">
      <c r="A8" s="564"/>
      <c r="B8" s="576"/>
      <c r="C8" s="564"/>
      <c r="D8" s="565" t="s">
        <v>2474</v>
      </c>
      <c r="E8" s="566"/>
      <c r="F8" s="567" t="s">
        <v>2445</v>
      </c>
      <c r="G8" s="566"/>
      <c r="H8" s="568" t="s">
        <v>2470</v>
      </c>
      <c r="I8" s="587" t="s">
        <v>656</v>
      </c>
      <c r="J8" s="569" t="s">
        <v>2475</v>
      </c>
      <c r="K8" s="570" t="s">
        <v>2472</v>
      </c>
      <c r="L8" s="566"/>
      <c r="M8" s="566"/>
      <c r="N8" s="566"/>
      <c r="O8" s="566"/>
      <c r="P8" s="571"/>
      <c r="Q8" s="571"/>
      <c r="R8" s="571"/>
      <c r="S8" s="571"/>
      <c r="T8" s="571"/>
      <c r="U8" s="572">
        <v>740000</v>
      </c>
      <c r="V8" s="573">
        <v>1110000</v>
      </c>
      <c r="W8" s="571"/>
      <c r="X8" s="571"/>
      <c r="Y8" s="574" t="s">
        <v>2448</v>
      </c>
      <c r="Z8" s="574"/>
      <c r="AA8" s="574"/>
      <c r="AB8" s="574"/>
      <c r="AC8" s="574"/>
      <c r="AD8" s="574"/>
      <c r="AE8" s="574"/>
      <c r="AF8" s="574"/>
      <c r="AG8" s="574"/>
      <c r="AH8" s="574"/>
      <c r="AI8" s="574"/>
      <c r="AJ8" s="574"/>
      <c r="AK8" s="574"/>
      <c r="AL8" s="574"/>
      <c r="AM8" s="574"/>
      <c r="AN8" s="574"/>
      <c r="AO8" s="574"/>
      <c r="AP8" s="574"/>
      <c r="AQ8" s="574"/>
      <c r="AR8" s="574"/>
      <c r="AS8" s="574"/>
      <c r="AT8" s="574"/>
      <c r="AU8" s="574"/>
      <c r="AV8" s="574"/>
      <c r="AW8" s="574"/>
      <c r="AX8" s="574"/>
      <c r="AY8" s="574"/>
      <c r="AZ8" s="574"/>
      <c r="BA8" s="574"/>
      <c r="BB8" s="574"/>
      <c r="BC8" s="574"/>
      <c r="BD8" s="574"/>
      <c r="BE8" s="574"/>
      <c r="BF8" s="574"/>
      <c r="BG8" s="574"/>
      <c r="BH8" s="574"/>
      <c r="BI8" s="574"/>
      <c r="BJ8" s="574"/>
      <c r="BK8" s="574"/>
      <c r="BL8" s="574"/>
      <c r="BM8" s="574"/>
      <c r="BN8" s="574"/>
      <c r="BO8" s="574"/>
      <c r="BP8" s="574"/>
      <c r="BQ8" s="574"/>
      <c r="BR8" s="574"/>
      <c r="BS8" s="574"/>
      <c r="BT8" s="574"/>
      <c r="BU8" s="574"/>
      <c r="BV8" s="574"/>
      <c r="BW8" s="574"/>
      <c r="BX8" s="574"/>
      <c r="BY8" s="574"/>
      <c r="BZ8" s="574"/>
      <c r="CA8" s="574"/>
      <c r="CB8" s="574"/>
      <c r="CC8" s="574"/>
      <c r="CD8" s="574"/>
      <c r="CE8" s="574"/>
      <c r="CF8" s="574"/>
      <c r="CG8" s="574"/>
      <c r="CH8" s="574"/>
      <c r="CI8" s="574"/>
      <c r="CJ8" s="574"/>
      <c r="CK8" s="574"/>
      <c r="CL8" s="574"/>
      <c r="CM8" s="574"/>
      <c r="CN8" s="574"/>
      <c r="CO8" s="574"/>
      <c r="CP8" s="574"/>
      <c r="CQ8" s="574"/>
      <c r="CR8" s="574"/>
      <c r="CS8" s="574"/>
      <c r="CT8" s="574"/>
      <c r="CU8" s="574"/>
      <c r="CV8" s="574"/>
      <c r="CW8" s="574"/>
      <c r="CX8" s="574"/>
      <c r="CY8" s="574"/>
      <c r="CZ8" s="574"/>
      <c r="DA8" s="574"/>
      <c r="DB8" s="574"/>
      <c r="DC8" s="574"/>
      <c r="DD8" s="574"/>
      <c r="DE8" s="574"/>
      <c r="DF8" s="574"/>
      <c r="DG8" s="574"/>
      <c r="DH8" s="574"/>
      <c r="DI8" s="574"/>
      <c r="DJ8" s="574"/>
      <c r="DK8" s="574"/>
      <c r="DL8" s="606"/>
      <c r="DM8" s="570" t="s">
        <v>2449</v>
      </c>
      <c r="DN8" s="606"/>
      <c r="DO8" s="607">
        <v>1</v>
      </c>
      <c r="DP8" s="607">
        <v>0</v>
      </c>
    </row>
    <row r="9" spans="1:120" s="178" customFormat="1" ht="171" x14ac:dyDescent="0.25">
      <c r="A9" s="564"/>
      <c r="B9" s="576"/>
      <c r="C9" s="564"/>
      <c r="D9" s="565" t="s">
        <v>2476</v>
      </c>
      <c r="E9" s="566"/>
      <c r="F9" s="567" t="s">
        <v>2445</v>
      </c>
      <c r="G9" s="566"/>
      <c r="H9" s="568" t="s">
        <v>2470</v>
      </c>
      <c r="I9" s="587" t="s">
        <v>656</v>
      </c>
      <c r="J9" s="569" t="s">
        <v>2477</v>
      </c>
      <c r="K9" s="570" t="s">
        <v>2478</v>
      </c>
      <c r="L9" s="566"/>
      <c r="M9" s="566"/>
      <c r="N9" s="566"/>
      <c r="O9" s="566"/>
      <c r="P9" s="571"/>
      <c r="Q9" s="571"/>
      <c r="R9" s="571"/>
      <c r="S9" s="571"/>
      <c r="T9" s="571"/>
      <c r="U9" s="572">
        <v>80000</v>
      </c>
      <c r="V9" s="573">
        <v>120000</v>
      </c>
      <c r="W9" s="571"/>
      <c r="X9" s="571"/>
      <c r="Y9" s="574" t="s">
        <v>2448</v>
      </c>
      <c r="Z9" s="574"/>
      <c r="AA9" s="574"/>
      <c r="AB9" s="574"/>
      <c r="AC9" s="574"/>
      <c r="AD9" s="574"/>
      <c r="AE9" s="574"/>
      <c r="AF9" s="574"/>
      <c r="AG9" s="574"/>
      <c r="AH9" s="574"/>
      <c r="AI9" s="574"/>
      <c r="AJ9" s="574"/>
      <c r="AK9" s="574"/>
      <c r="AL9" s="574"/>
      <c r="AM9" s="574"/>
      <c r="AN9" s="574"/>
      <c r="AO9" s="574"/>
      <c r="AP9" s="574"/>
      <c r="AQ9" s="574"/>
      <c r="AR9" s="574"/>
      <c r="AS9" s="574"/>
      <c r="AT9" s="574"/>
      <c r="AU9" s="574"/>
      <c r="AV9" s="574"/>
      <c r="AW9" s="574"/>
      <c r="AX9" s="574"/>
      <c r="AY9" s="574"/>
      <c r="AZ9" s="574"/>
      <c r="BA9" s="574"/>
      <c r="BB9" s="574"/>
      <c r="BC9" s="574"/>
      <c r="BD9" s="574"/>
      <c r="BE9" s="574"/>
      <c r="BF9" s="574"/>
      <c r="BG9" s="574"/>
      <c r="BH9" s="574"/>
      <c r="BI9" s="574"/>
      <c r="BJ9" s="574"/>
      <c r="BK9" s="574"/>
      <c r="BL9" s="574"/>
      <c r="BM9" s="574"/>
      <c r="BN9" s="574"/>
      <c r="BO9" s="574"/>
      <c r="BP9" s="574"/>
      <c r="BQ9" s="574"/>
      <c r="BR9" s="574"/>
      <c r="BS9" s="574"/>
      <c r="BT9" s="574"/>
      <c r="BU9" s="574"/>
      <c r="BV9" s="574"/>
      <c r="BW9" s="574"/>
      <c r="BX9" s="574"/>
      <c r="BY9" s="574"/>
      <c r="BZ9" s="574"/>
      <c r="CA9" s="574"/>
      <c r="CB9" s="574"/>
      <c r="CC9" s="574"/>
      <c r="CD9" s="574"/>
      <c r="CE9" s="574"/>
      <c r="CF9" s="574"/>
      <c r="CG9" s="574"/>
      <c r="CH9" s="574"/>
      <c r="CI9" s="574"/>
      <c r="CJ9" s="574"/>
      <c r="CK9" s="574"/>
      <c r="CL9" s="574"/>
      <c r="CM9" s="574"/>
      <c r="CN9" s="574"/>
      <c r="CO9" s="574"/>
      <c r="CP9" s="574"/>
      <c r="CQ9" s="574"/>
      <c r="CR9" s="574"/>
      <c r="CS9" s="574"/>
      <c r="CT9" s="574"/>
      <c r="CU9" s="574"/>
      <c r="CV9" s="574"/>
      <c r="CW9" s="574"/>
      <c r="CX9" s="574"/>
      <c r="CY9" s="574"/>
      <c r="CZ9" s="574"/>
      <c r="DA9" s="574"/>
      <c r="DB9" s="574"/>
      <c r="DC9" s="574"/>
      <c r="DD9" s="574"/>
      <c r="DE9" s="574"/>
      <c r="DF9" s="574"/>
      <c r="DG9" s="574"/>
      <c r="DH9" s="574"/>
      <c r="DI9" s="574"/>
      <c r="DJ9" s="574"/>
      <c r="DK9" s="574"/>
      <c r="DL9" s="606"/>
      <c r="DM9" s="570" t="s">
        <v>2449</v>
      </c>
      <c r="DN9" s="606"/>
      <c r="DO9" s="607">
        <v>1</v>
      </c>
      <c r="DP9" s="607">
        <v>0</v>
      </c>
    </row>
  </sheetData>
  <conditionalFormatting sqref="AB1">
    <cfRule type="containsText" dxfId="752" priority="3" operator="containsText" text="Important">
      <formula>NOT(ISERROR(SEARCH("Important",AB1)))</formula>
    </cfRule>
    <cfRule type="containsText" dxfId="751" priority="4" operator="containsText" text="Essential">
      <formula>NOT(ISERROR(SEARCH("Essential",AB1)))</formula>
    </cfRule>
    <cfRule type="containsText" dxfId="750" priority="7" operator="containsText" text="Desirable">
      <formula>NOT(ISERROR(SEARCH("Desirable",AB1)))</formula>
    </cfRule>
    <cfRule type="containsText" dxfId="749" priority="8" operator="containsText" text="Critical">
      <formula>NOT(ISERROR(SEARCH("Critical",AB1)))</formula>
    </cfRule>
    <cfRule type="colorScale" priority="10">
      <colorScale>
        <cfvo type="min"/>
        <cfvo type="percentile" val="50"/>
        <cfvo type="max"/>
        <color rgb="FFF8696B"/>
        <color rgb="FFFFEB84"/>
        <color rgb="FF63BE7B"/>
      </colorScale>
    </cfRule>
  </conditionalFormatting>
  <conditionalFormatting sqref="AB2:AB7">
    <cfRule type="containsText" dxfId="748" priority="25" operator="containsText" text="Important">
      <formula>NOT(ISERROR(SEARCH("Important",AB2)))</formula>
    </cfRule>
    <cfRule type="containsText" dxfId="747" priority="28" operator="containsText" text="Essential">
      <formula>NOT(ISERROR(SEARCH("Essential",AB2)))</formula>
    </cfRule>
  </conditionalFormatting>
  <conditionalFormatting sqref="AB5:AB6">
    <cfRule type="colorScale" priority="24">
      <colorScale>
        <cfvo type="min"/>
        <cfvo type="percentile" val="50"/>
        <cfvo type="max"/>
        <color rgb="FFF8696B"/>
        <color rgb="FFFFEB84"/>
        <color rgb="FF63BE7B"/>
      </colorScale>
    </cfRule>
    <cfRule type="containsText" dxfId="746" priority="26" operator="containsText" text="Desirable">
      <formula>NOT(ISERROR(SEARCH("Desirable",AB5)))</formula>
    </cfRule>
    <cfRule type="containsText" dxfId="745" priority="27" operator="containsText" text="Critical">
      <formula>NOT(ISERROR(SEARCH("Critical",AB5)))</formula>
    </cfRule>
  </conditionalFormatting>
  <conditionalFormatting sqref="AB1:AC1">
    <cfRule type="containsText" dxfId="744" priority="5" operator="containsText" text="Important">
      <formula>NOT(ISERROR(SEARCH("Important",AB1)))</formula>
    </cfRule>
    <cfRule type="containsText" dxfId="743" priority="9" operator="containsText" text="Essential">
      <formula>NOT(ISERROR(SEARCH("Essential",AB1)))</formula>
    </cfRule>
  </conditionalFormatting>
  <conditionalFormatting sqref="AB1:AC7">
    <cfRule type="containsText" priority="1" operator="containsText" text="Critical - Delivery">
      <formula>NOT(ISERROR(SEARCH("Critical - Delivery",AB1)))</formula>
    </cfRule>
    <cfRule type="containsText" dxfId="742" priority="2" operator="containsText" text="Critical - Local Plan">
      <formula>NOT(ISERROR(SEARCH("Critical - Local Plan",AB1)))</formula>
    </cfRule>
    <cfRule type="containsText" priority="6" operator="containsText" text="Important">
      <formula>NOT(ISERROR(SEARCH("Important",AB1)))</formula>
    </cfRule>
  </conditionalFormatting>
  <conditionalFormatting sqref="AB2:AC4 AB7:AC7">
    <cfRule type="colorScale" priority="34">
      <colorScale>
        <cfvo type="min"/>
        <cfvo type="percentile" val="50"/>
        <cfvo type="max"/>
        <color rgb="FFF8696B"/>
        <color rgb="FFFFEB84"/>
        <color rgb="FF63BE7B"/>
      </colorScale>
    </cfRule>
    <cfRule type="containsText" dxfId="741" priority="35" operator="containsText" text="Important">
      <formula>NOT(ISERROR(SEARCH("Important",AB2)))</formula>
    </cfRule>
    <cfRule type="containsText" dxfId="740" priority="36" operator="containsText" text="Desirable">
      <formula>NOT(ISERROR(SEARCH("Desirable",AB2)))</formula>
    </cfRule>
    <cfRule type="containsText" dxfId="739" priority="37" operator="containsText" text="Critical">
      <formula>NOT(ISERROR(SEARCH("Critical",AB2)))</formula>
    </cfRule>
    <cfRule type="containsText" dxfId="738" priority="38" operator="containsText" text="Essential">
      <formula>NOT(ISERROR(SEARCH("Essential",AB2)))</formula>
    </cfRule>
  </conditionalFormatting>
  <conditionalFormatting sqref="AB5:AC6">
    <cfRule type="containsText" dxfId="737" priority="22" operator="containsText" text="Important">
      <formula>NOT(ISERROR(SEARCH("Important",AB5)))</formula>
    </cfRule>
    <cfRule type="containsText" dxfId="736" priority="23" operator="containsText" text="Essential">
      <formula>NOT(ISERROR(SEARCH("Essential",AB5)))</formula>
    </cfRule>
  </conditionalFormatting>
  <conditionalFormatting sqref="AC1">
    <cfRule type="containsText" dxfId="735" priority="14" operator="containsText" text="Important">
      <formula>NOT(ISERROR(SEARCH("Important",AC1)))</formula>
    </cfRule>
    <cfRule type="containsText" dxfId="734" priority="15" operator="containsText" text="Desirable">
      <formula>NOT(ISERROR(SEARCH("Desirable",AC1)))</formula>
    </cfRule>
    <cfRule type="containsText" dxfId="733" priority="16" operator="containsText" text="Critical">
      <formula>NOT(ISERROR(SEARCH("Critical",AC1)))</formula>
    </cfRule>
    <cfRule type="containsText" dxfId="732" priority="17" operator="containsText" text="Essential">
      <formula>NOT(ISERROR(SEARCH("Essential",AC1)))</formula>
    </cfRule>
    <cfRule type="colorScale" priority="18">
      <colorScale>
        <cfvo type="min"/>
        <cfvo type="percentile" val="50"/>
        <cfvo type="max"/>
        <color rgb="FFF8696B"/>
        <color rgb="FFFFEB84"/>
        <color rgb="FF63BE7B"/>
      </colorScale>
    </cfRule>
  </conditionalFormatting>
  <conditionalFormatting sqref="AC2:AC7">
    <cfRule type="containsText" dxfId="731" priority="30" operator="containsText" text="Important">
      <formula>NOT(ISERROR(SEARCH("Important",AC2)))</formula>
    </cfRule>
    <cfRule type="containsText" dxfId="730" priority="33" operator="containsText" text="Essential">
      <formula>NOT(ISERROR(SEARCH("Essential",AC2)))</formula>
    </cfRule>
  </conditionalFormatting>
  <conditionalFormatting sqref="AC5:AC6">
    <cfRule type="colorScale" priority="29">
      <colorScale>
        <cfvo type="min"/>
        <cfvo type="percentile" val="50"/>
        <cfvo type="max"/>
        <color rgb="FFF8696B"/>
        <color rgb="FFFFEB84"/>
        <color rgb="FF63BE7B"/>
      </colorScale>
    </cfRule>
    <cfRule type="containsText" dxfId="729" priority="31" operator="containsText" text="Desirable">
      <formula>NOT(ISERROR(SEARCH("Desirable",AC5)))</formula>
    </cfRule>
    <cfRule type="containsText" dxfId="728" priority="32" operator="containsText" text="Critical">
      <formula>NOT(ISERROR(SEARCH("Critical",AC5)))</formula>
    </cfRule>
  </conditionalFormatting>
  <pageMargins left="0.7" right="0.7" top="0.75" bottom="0.75" header="0.3" footer="0.3"/>
  <legacyDrawing r:id="rId1"/>
</worksheet>
</file>

<file path=xl/worksheets/sheet13.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CBCF7F-818E-461C-B8A7-7F7B0896BB6C}">
  <sheetPr codeName="Sheet6" filterMode="1"/>
  <dimension ref="A1:DK631"/>
  <sheetViews>
    <sheetView workbookViewId="0"/>
  </sheetViews>
  <sheetFormatPr defaultColWidth="8.625" defaultRowHeight="56.1" customHeight="1" x14ac:dyDescent="0.2"/>
  <cols>
    <col min="1" max="2" width="18" style="354" customWidth="1"/>
    <col min="3" max="3" width="5.5" style="119" customWidth="1"/>
    <col min="4" max="6" width="18" style="119" hidden="1" customWidth="1"/>
    <col min="7" max="7" width="25.125" style="119" customWidth="1"/>
    <col min="8" max="8" width="29.125" style="119" customWidth="1"/>
    <col min="9" max="9" width="29.125" style="354" customWidth="1"/>
    <col min="10" max="10" width="41.125" style="143" customWidth="1"/>
    <col min="11" max="11" width="6.625" style="143" hidden="1" customWidth="1"/>
    <col min="12" max="12" width="18.125" style="119" hidden="1" customWidth="1"/>
    <col min="13" max="18" width="18.125" style="119" customWidth="1"/>
    <col min="19" max="20" width="5.625" style="119" customWidth="1"/>
    <col min="21" max="22" width="18.125" style="355" customWidth="1"/>
    <col min="23" max="24" width="16.125" style="119" customWidth="1"/>
    <col min="25" max="25" width="19.5" style="355" customWidth="1"/>
    <col min="26" max="26" width="20.625" style="119" customWidth="1"/>
    <col min="27" max="59" width="16.625" style="119" hidden="1" customWidth="1"/>
    <col min="60" max="61" width="17.5" style="119" customWidth="1"/>
    <col min="62" max="74" width="24.625" style="119" customWidth="1"/>
    <col min="75" max="112" width="17.5" style="119" customWidth="1"/>
    <col min="113" max="114" width="40.125" style="119" customWidth="1"/>
    <col min="115" max="115" width="66.625" style="119" customWidth="1"/>
    <col min="116" max="16384" width="8.625" style="119"/>
  </cols>
  <sheetData>
    <row r="1" spans="1:115" ht="91.5" customHeight="1" x14ac:dyDescent="0.2">
      <c r="A1" s="478" t="s">
        <v>2144</v>
      </c>
      <c r="B1" s="478" t="s">
        <v>2146</v>
      </c>
      <c r="C1" s="98" t="s">
        <v>0</v>
      </c>
      <c r="D1" s="97" t="s">
        <v>1381</v>
      </c>
      <c r="E1" s="480" t="s">
        <v>2147</v>
      </c>
      <c r="F1" s="98" t="s">
        <v>1</v>
      </c>
      <c r="G1" s="98" t="s">
        <v>2</v>
      </c>
      <c r="H1" s="98" t="s">
        <v>3</v>
      </c>
      <c r="I1" s="99" t="s">
        <v>4</v>
      </c>
      <c r="J1" s="99" t="s">
        <v>5</v>
      </c>
      <c r="K1" s="465" t="s">
        <v>2148</v>
      </c>
      <c r="L1" s="98" t="s">
        <v>2149</v>
      </c>
      <c r="M1" s="98" t="s">
        <v>7</v>
      </c>
      <c r="N1" s="98" t="s">
        <v>2150</v>
      </c>
      <c r="O1" s="98" t="s">
        <v>8</v>
      </c>
      <c r="P1" s="100" t="s">
        <v>9</v>
      </c>
      <c r="Q1" s="100" t="s">
        <v>2151</v>
      </c>
      <c r="R1" s="100" t="s">
        <v>10</v>
      </c>
      <c r="S1" s="470" t="s">
        <v>11</v>
      </c>
      <c r="T1" s="470" t="s">
        <v>12</v>
      </c>
      <c r="U1" s="357" t="s">
        <v>13</v>
      </c>
      <c r="V1" s="358" t="s">
        <v>2153</v>
      </c>
      <c r="W1" s="104" t="s">
        <v>15</v>
      </c>
      <c r="X1" s="104" t="s">
        <v>2154</v>
      </c>
      <c r="Y1" s="358" t="s">
        <v>14</v>
      </c>
      <c r="Z1" s="105" t="s">
        <v>16</v>
      </c>
      <c r="AA1" s="106" t="s">
        <v>17</v>
      </c>
      <c r="AB1" s="106" t="s">
        <v>18</v>
      </c>
      <c r="AC1" s="106" t="s">
        <v>19</v>
      </c>
      <c r="AD1" s="106" t="s">
        <v>20</v>
      </c>
      <c r="AE1" s="106" t="s">
        <v>21</v>
      </c>
      <c r="AF1" s="106" t="s">
        <v>22</v>
      </c>
      <c r="AG1" s="106" t="s">
        <v>23</v>
      </c>
      <c r="AH1" s="106" t="s">
        <v>24</v>
      </c>
      <c r="AI1" s="106" t="s">
        <v>25</v>
      </c>
      <c r="AJ1" s="106" t="s">
        <v>26</v>
      </c>
      <c r="AK1" s="106" t="s">
        <v>27</v>
      </c>
      <c r="AL1" s="106" t="s">
        <v>28</v>
      </c>
      <c r="AM1" s="106" t="s">
        <v>29</v>
      </c>
      <c r="AN1" s="106" t="s">
        <v>30</v>
      </c>
      <c r="AO1" s="106" t="s">
        <v>31</v>
      </c>
      <c r="AP1" s="106" t="s">
        <v>32</v>
      </c>
      <c r="AQ1" s="107" t="s">
        <v>33</v>
      </c>
      <c r="AR1" s="108" t="s">
        <v>34</v>
      </c>
      <c r="AS1" s="108" t="s">
        <v>35</v>
      </c>
      <c r="AT1" s="108" t="s">
        <v>36</v>
      </c>
      <c r="AU1" s="109" t="s">
        <v>37</v>
      </c>
      <c r="AV1" s="110" t="s">
        <v>38</v>
      </c>
      <c r="AW1" s="110" t="s">
        <v>39</v>
      </c>
      <c r="AX1" s="110" t="s">
        <v>40</v>
      </c>
      <c r="AY1" s="111" t="s">
        <v>41</v>
      </c>
      <c r="AZ1" s="112" t="s">
        <v>42</v>
      </c>
      <c r="BA1" s="113" t="s">
        <v>43</v>
      </c>
      <c r="BB1" s="114" t="s">
        <v>44</v>
      </c>
      <c r="BC1" s="115" t="s">
        <v>45</v>
      </c>
      <c r="BD1" s="116" t="s">
        <v>46</v>
      </c>
      <c r="BE1" s="117" t="s">
        <v>47</v>
      </c>
      <c r="BF1" s="118" t="s">
        <v>48</v>
      </c>
      <c r="BG1" s="118" t="s">
        <v>49</v>
      </c>
      <c r="BH1" s="106" t="s">
        <v>17</v>
      </c>
      <c r="BI1" s="106" t="s">
        <v>18</v>
      </c>
      <c r="BJ1" s="106" t="s">
        <v>19</v>
      </c>
      <c r="BK1" s="106" t="s">
        <v>20</v>
      </c>
      <c r="BL1" s="106" t="s">
        <v>21</v>
      </c>
      <c r="BM1" s="106" t="s">
        <v>22</v>
      </c>
      <c r="BN1" s="106" t="s">
        <v>23</v>
      </c>
      <c r="BO1" s="106" t="s">
        <v>24</v>
      </c>
      <c r="BP1" s="106" t="s">
        <v>25</v>
      </c>
      <c r="BQ1" s="106" t="s">
        <v>26</v>
      </c>
      <c r="BR1" s="106" t="s">
        <v>27</v>
      </c>
      <c r="BS1" s="106" t="s">
        <v>28</v>
      </c>
      <c r="BT1" s="106" t="s">
        <v>2156</v>
      </c>
      <c r="BU1" s="106" t="s">
        <v>30</v>
      </c>
      <c r="BV1" s="106" t="s">
        <v>31</v>
      </c>
      <c r="BW1" s="106" t="s">
        <v>32</v>
      </c>
      <c r="BX1" s="107" t="s">
        <v>33</v>
      </c>
      <c r="BY1" s="108" t="s">
        <v>34</v>
      </c>
      <c r="BZ1" s="108" t="s">
        <v>35</v>
      </c>
      <c r="CA1" s="108" t="s">
        <v>36</v>
      </c>
      <c r="CB1" s="109" t="s">
        <v>37</v>
      </c>
      <c r="CC1" s="110" t="s">
        <v>38</v>
      </c>
      <c r="CD1" s="110" t="s">
        <v>39</v>
      </c>
      <c r="CE1" s="110" t="s">
        <v>40</v>
      </c>
      <c r="CF1" s="111" t="s">
        <v>41</v>
      </c>
      <c r="CG1" s="112" t="s">
        <v>42</v>
      </c>
      <c r="CH1" s="113" t="s">
        <v>43</v>
      </c>
      <c r="CI1" s="114" t="s">
        <v>44</v>
      </c>
      <c r="CJ1" s="115" t="s">
        <v>45</v>
      </c>
      <c r="CK1" s="116" t="s">
        <v>46</v>
      </c>
      <c r="CL1" s="117" t="s">
        <v>47</v>
      </c>
      <c r="CM1" s="403" t="s">
        <v>2157</v>
      </c>
      <c r="CN1" s="403" t="s">
        <v>2158</v>
      </c>
      <c r="CO1" s="403" t="s">
        <v>2159</v>
      </c>
      <c r="CP1" s="403" t="s">
        <v>2160</v>
      </c>
      <c r="CQ1" s="403" t="s">
        <v>2161</v>
      </c>
      <c r="CR1" s="403" t="s">
        <v>2162</v>
      </c>
      <c r="CS1" s="403" t="s">
        <v>2163</v>
      </c>
      <c r="CT1" s="403" t="s">
        <v>2164</v>
      </c>
      <c r="CU1" s="398" t="s">
        <v>2165</v>
      </c>
      <c r="CV1" s="398" t="s">
        <v>2166</v>
      </c>
      <c r="CW1" s="398" t="s">
        <v>2167</v>
      </c>
      <c r="CX1" s="398" t="s">
        <v>2168</v>
      </c>
      <c r="CY1" s="409" t="s">
        <v>2169</v>
      </c>
      <c r="CZ1" s="409" t="s">
        <v>2170</v>
      </c>
      <c r="DA1" s="409" t="s">
        <v>2171</v>
      </c>
      <c r="DB1" s="409" t="s">
        <v>2172</v>
      </c>
      <c r="DC1" s="409" t="s">
        <v>2173</v>
      </c>
      <c r="DD1" s="409" t="s">
        <v>2174</v>
      </c>
      <c r="DE1" s="409" t="s">
        <v>2175</v>
      </c>
      <c r="DF1" s="409" t="s">
        <v>2176</v>
      </c>
      <c r="DG1" s="409" t="s">
        <v>2177</v>
      </c>
      <c r="DH1" s="409" t="s">
        <v>2178</v>
      </c>
      <c r="DI1" s="99" t="s">
        <v>50</v>
      </c>
      <c r="DJ1" s="99" t="s">
        <v>51</v>
      </c>
      <c r="DK1" s="99" t="s">
        <v>52</v>
      </c>
    </row>
    <row r="2" spans="1:115" ht="32.1" hidden="1" customHeight="1" x14ac:dyDescent="0.2">
      <c r="A2" s="479"/>
      <c r="B2" s="479"/>
      <c r="C2" s="480"/>
      <c r="D2" s="97" t="s">
        <v>2479</v>
      </c>
      <c r="E2" s="480"/>
      <c r="F2" s="98"/>
      <c r="G2" s="98"/>
      <c r="H2" s="98"/>
      <c r="I2" s="99"/>
      <c r="J2" s="99"/>
      <c r="K2" s="465"/>
      <c r="L2" s="98"/>
      <c r="M2" s="98"/>
      <c r="N2" s="98" t="s">
        <v>2480</v>
      </c>
      <c r="O2" s="98"/>
      <c r="P2" s="100"/>
      <c r="Q2" s="100"/>
      <c r="R2" s="100"/>
      <c r="S2" s="470"/>
      <c r="T2" s="470"/>
      <c r="U2" s="357"/>
      <c r="V2" s="358"/>
      <c r="W2" s="104"/>
      <c r="X2" s="104"/>
      <c r="Y2" s="358"/>
      <c r="Z2" s="105"/>
      <c r="AA2" s="359">
        <v>1500</v>
      </c>
      <c r="AB2" s="106">
        <v>200</v>
      </c>
      <c r="AC2" s="106">
        <v>450</v>
      </c>
      <c r="AD2" s="106">
        <v>350</v>
      </c>
      <c r="AE2" s="106">
        <v>300</v>
      </c>
      <c r="AF2" s="106">
        <v>480</v>
      </c>
      <c r="AG2" s="106">
        <v>100</v>
      </c>
      <c r="AH2" s="106">
        <v>390</v>
      </c>
      <c r="AI2" s="106">
        <v>500</v>
      </c>
      <c r="AJ2" s="106">
        <v>500</v>
      </c>
      <c r="AK2" s="106">
        <v>750</v>
      </c>
      <c r="AL2" s="106">
        <v>200</v>
      </c>
      <c r="AM2" s="106">
        <v>234</v>
      </c>
      <c r="AN2" s="106">
        <v>350</v>
      </c>
      <c r="AO2" s="106">
        <v>90</v>
      </c>
      <c r="AP2" s="106">
        <v>80</v>
      </c>
      <c r="AQ2" s="359">
        <v>2385</v>
      </c>
      <c r="AR2" s="360">
        <v>775</v>
      </c>
      <c r="AS2" s="360">
        <v>100</v>
      </c>
      <c r="AT2" s="360">
        <v>100</v>
      </c>
      <c r="AU2" s="360">
        <v>302</v>
      </c>
      <c r="AV2" s="110">
        <v>250</v>
      </c>
      <c r="AW2" s="110">
        <v>400</v>
      </c>
      <c r="AX2" s="361">
        <v>1400</v>
      </c>
      <c r="AY2" s="110">
        <v>201</v>
      </c>
      <c r="AZ2" s="112">
        <v>217</v>
      </c>
      <c r="BA2" s="112">
        <v>31</v>
      </c>
      <c r="BB2" s="114">
        <v>67</v>
      </c>
      <c r="BC2" s="362">
        <v>150</v>
      </c>
      <c r="BD2" s="362">
        <v>31</v>
      </c>
      <c r="BE2" s="363">
        <v>336</v>
      </c>
      <c r="BF2" s="118"/>
      <c r="BG2" s="118"/>
      <c r="BH2" s="359">
        <v>1500</v>
      </c>
      <c r="BI2" s="106">
        <v>200</v>
      </c>
      <c r="BJ2" s="106">
        <v>450</v>
      </c>
      <c r="BK2" s="106">
        <v>350</v>
      </c>
      <c r="BL2" s="106">
        <v>300</v>
      </c>
      <c r="BM2" s="106">
        <v>480</v>
      </c>
      <c r="BN2" s="106">
        <v>100</v>
      </c>
      <c r="BO2" s="106">
        <v>390</v>
      </c>
      <c r="BP2" s="106">
        <v>500</v>
      </c>
      <c r="BQ2" s="106">
        <v>500</v>
      </c>
      <c r="BR2" s="106">
        <v>750</v>
      </c>
      <c r="BS2" s="106">
        <v>200</v>
      </c>
      <c r="BT2" s="106">
        <v>234</v>
      </c>
      <c r="BU2" s="106">
        <v>350</v>
      </c>
      <c r="BV2" s="106">
        <v>90</v>
      </c>
      <c r="BW2" s="106">
        <v>80</v>
      </c>
      <c r="BX2" s="359">
        <v>2385</v>
      </c>
      <c r="BY2" s="360">
        <v>775</v>
      </c>
      <c r="BZ2" s="360">
        <v>100</v>
      </c>
      <c r="CA2" s="360">
        <v>100</v>
      </c>
      <c r="CB2" s="360">
        <v>302</v>
      </c>
      <c r="CC2" s="110">
        <v>250</v>
      </c>
      <c r="CD2" s="110">
        <v>400</v>
      </c>
      <c r="CE2" s="361">
        <v>1400</v>
      </c>
      <c r="CF2" s="110">
        <v>201</v>
      </c>
      <c r="CG2" s="112">
        <v>217</v>
      </c>
      <c r="CH2" s="112">
        <v>31</v>
      </c>
      <c r="CI2" s="114">
        <v>67</v>
      </c>
      <c r="CJ2" s="362">
        <v>150</v>
      </c>
      <c r="CK2" s="362">
        <v>31</v>
      </c>
      <c r="CL2" s="363">
        <v>336</v>
      </c>
      <c r="CM2" s="363"/>
      <c r="CN2" s="363"/>
      <c r="CO2" s="363"/>
      <c r="CP2" s="363"/>
      <c r="CQ2" s="363"/>
      <c r="CR2" s="363"/>
      <c r="CS2" s="363"/>
      <c r="CT2" s="363"/>
      <c r="CU2" s="363"/>
      <c r="CV2" s="363"/>
      <c r="CW2" s="363"/>
      <c r="CX2" s="363"/>
      <c r="CY2" s="363"/>
      <c r="CZ2" s="363"/>
      <c r="DA2" s="363"/>
      <c r="DB2" s="363"/>
      <c r="DC2" s="363"/>
      <c r="DD2" s="363"/>
      <c r="DE2" s="363"/>
      <c r="DF2" s="363"/>
      <c r="DG2" s="363"/>
      <c r="DH2" s="363"/>
      <c r="DI2" s="99"/>
      <c r="DJ2" s="99"/>
      <c r="DK2" s="99"/>
    </row>
    <row r="3" spans="1:115" s="136" customFormat="1" ht="56.1" hidden="1" customHeight="1" x14ac:dyDescent="0.2">
      <c r="A3" s="77"/>
      <c r="B3" s="77"/>
      <c r="C3" s="481">
        <v>1</v>
      </c>
      <c r="D3" s="481" t="s">
        <v>1505</v>
      </c>
      <c r="E3" s="481" t="s">
        <v>2481</v>
      </c>
      <c r="F3" s="482" t="s">
        <v>53</v>
      </c>
      <c r="G3" s="482" t="s">
        <v>54</v>
      </c>
      <c r="H3" s="483" t="s">
        <v>55</v>
      </c>
      <c r="I3" s="484" t="s">
        <v>56</v>
      </c>
      <c r="J3" s="484" t="s">
        <v>57</v>
      </c>
      <c r="K3" s="484"/>
      <c r="L3" s="484" t="s">
        <v>58</v>
      </c>
      <c r="M3" s="484" t="s">
        <v>59</v>
      </c>
      <c r="N3" s="484"/>
      <c r="O3" s="484" t="s">
        <v>60</v>
      </c>
      <c r="P3" s="484" t="s">
        <v>61</v>
      </c>
      <c r="Q3" s="484"/>
      <c r="R3" s="484" t="s">
        <v>62</v>
      </c>
      <c r="S3" s="484" t="s">
        <v>63</v>
      </c>
      <c r="T3" s="484" t="s">
        <v>63</v>
      </c>
      <c r="U3" s="485">
        <v>51660180</v>
      </c>
      <c r="V3" s="485"/>
      <c r="W3" s="484" t="s">
        <v>64</v>
      </c>
      <c r="X3" s="484"/>
      <c r="Y3" s="485">
        <f>U3</f>
        <v>51660180</v>
      </c>
      <c r="Z3" s="486" t="s">
        <v>65</v>
      </c>
      <c r="AA3" s="487" t="s">
        <v>66</v>
      </c>
      <c r="AB3" s="488"/>
      <c r="AC3" s="488"/>
      <c r="AD3" s="488"/>
      <c r="AE3" s="488"/>
      <c r="AF3" s="488"/>
      <c r="AG3" s="488"/>
      <c r="AH3" s="488"/>
      <c r="AI3" s="488"/>
      <c r="AJ3" s="488"/>
      <c r="AK3" s="488"/>
      <c r="AL3" s="488"/>
      <c r="AM3" s="488"/>
      <c r="AN3" s="488"/>
      <c r="AO3" s="488"/>
      <c r="AP3" s="488"/>
      <c r="AQ3" s="488"/>
      <c r="AR3" s="488"/>
      <c r="AS3" s="488"/>
      <c r="AT3" s="488"/>
      <c r="AU3" s="488"/>
      <c r="AV3" s="488"/>
      <c r="AW3" s="488"/>
      <c r="AX3" s="488"/>
      <c r="AY3" s="488"/>
      <c r="AZ3" s="488"/>
      <c r="BA3" s="488"/>
      <c r="BB3" s="488"/>
      <c r="BC3" s="488"/>
      <c r="BD3" s="488"/>
      <c r="BE3" s="488"/>
      <c r="BF3" s="80">
        <f t="shared" ref="BF3:BF66" si="0">SUMIF(AA3:BE3,"YES",$AA$2:$BE$2)</f>
        <v>1500</v>
      </c>
      <c r="BG3" s="76">
        <f>Y3/BF3</f>
        <v>34440.120000000003</v>
      </c>
      <c r="BH3" s="487">
        <f t="shared" ref="BH3:BW18" si="1">IF(AA3="yes",(AA$2*$BG3),"")</f>
        <v>51660180.000000007</v>
      </c>
      <c r="BI3" s="487" t="str">
        <f t="shared" si="1"/>
        <v/>
      </c>
      <c r="BJ3" s="487" t="str">
        <f t="shared" si="1"/>
        <v/>
      </c>
      <c r="BK3" s="487" t="str">
        <f t="shared" si="1"/>
        <v/>
      </c>
      <c r="BL3" s="487" t="str">
        <f t="shared" si="1"/>
        <v/>
      </c>
      <c r="BM3" s="487" t="str">
        <f t="shared" si="1"/>
        <v/>
      </c>
      <c r="BN3" s="487" t="str">
        <f t="shared" si="1"/>
        <v/>
      </c>
      <c r="BO3" s="487" t="str">
        <f t="shared" si="1"/>
        <v/>
      </c>
      <c r="BP3" s="487" t="str">
        <f t="shared" si="1"/>
        <v/>
      </c>
      <c r="BQ3" s="487" t="str">
        <f t="shared" si="1"/>
        <v/>
      </c>
      <c r="BR3" s="487" t="str">
        <f t="shared" si="1"/>
        <v/>
      </c>
      <c r="BS3" s="487" t="str">
        <f t="shared" si="1"/>
        <v/>
      </c>
      <c r="BT3" s="487" t="str">
        <f t="shared" si="1"/>
        <v/>
      </c>
      <c r="BU3" s="487" t="str">
        <f t="shared" si="1"/>
        <v/>
      </c>
      <c r="BV3" s="487" t="str">
        <f t="shared" si="1"/>
        <v/>
      </c>
      <c r="BW3" s="487" t="str">
        <f t="shared" si="1"/>
        <v/>
      </c>
      <c r="BX3" s="487" t="str">
        <f t="shared" ref="BX3:CL19" si="2">IF(AQ3="yes",(AQ$2*$BG3),"")</f>
        <v/>
      </c>
      <c r="BY3" s="487" t="str">
        <f t="shared" si="2"/>
        <v/>
      </c>
      <c r="BZ3" s="487" t="str">
        <f t="shared" si="2"/>
        <v/>
      </c>
      <c r="CA3" s="487" t="str">
        <f t="shared" si="2"/>
        <v/>
      </c>
      <c r="CB3" s="487" t="str">
        <f t="shared" si="2"/>
        <v/>
      </c>
      <c r="CC3" s="487" t="str">
        <f t="shared" si="2"/>
        <v/>
      </c>
      <c r="CD3" s="487" t="str">
        <f t="shared" si="2"/>
        <v/>
      </c>
      <c r="CE3" s="487" t="str">
        <f t="shared" si="2"/>
        <v/>
      </c>
      <c r="CF3" s="487" t="str">
        <f t="shared" si="2"/>
        <v/>
      </c>
      <c r="CG3" s="487" t="str">
        <f t="shared" si="2"/>
        <v/>
      </c>
      <c r="CH3" s="487" t="str">
        <f t="shared" si="2"/>
        <v/>
      </c>
      <c r="CI3" s="487" t="str">
        <f t="shared" si="2"/>
        <v/>
      </c>
      <c r="CJ3" s="487" t="str">
        <f t="shared" si="2"/>
        <v/>
      </c>
      <c r="CK3" s="487" t="str">
        <f t="shared" si="2"/>
        <v/>
      </c>
      <c r="CL3" s="487" t="str">
        <f t="shared" si="2"/>
        <v/>
      </c>
      <c r="CM3" s="487"/>
      <c r="CN3" s="487"/>
      <c r="CO3" s="487"/>
      <c r="CP3" s="487"/>
      <c r="CQ3" s="487"/>
      <c r="CR3" s="487"/>
      <c r="CS3" s="487"/>
      <c r="CT3" s="487"/>
      <c r="CU3" s="487"/>
      <c r="CV3" s="487"/>
      <c r="CW3" s="487"/>
      <c r="CX3" s="487"/>
      <c r="CY3" s="487"/>
      <c r="CZ3" s="487"/>
      <c r="DA3" s="487"/>
      <c r="DB3" s="487"/>
      <c r="DC3" s="487"/>
      <c r="DD3" s="487"/>
      <c r="DE3" s="487"/>
      <c r="DF3" s="487"/>
      <c r="DG3" s="487"/>
      <c r="DH3" s="487"/>
      <c r="DI3" s="484" t="s">
        <v>67</v>
      </c>
      <c r="DJ3" s="484" t="s">
        <v>68</v>
      </c>
      <c r="DK3" s="77" t="s">
        <v>69</v>
      </c>
    </row>
    <row r="4" spans="1:115" s="136" customFormat="1" ht="56.1" hidden="1" customHeight="1" x14ac:dyDescent="0.2">
      <c r="A4" s="77"/>
      <c r="B4" s="77"/>
      <c r="C4" s="481">
        <v>2</v>
      </c>
      <c r="D4" s="481"/>
      <c r="E4" s="481" t="s">
        <v>2481</v>
      </c>
      <c r="F4" s="482" t="s">
        <v>53</v>
      </c>
      <c r="G4" s="482" t="s">
        <v>54</v>
      </c>
      <c r="H4" s="484" t="s">
        <v>55</v>
      </c>
      <c r="I4" s="484" t="s">
        <v>56</v>
      </c>
      <c r="J4" s="484" t="s">
        <v>70</v>
      </c>
      <c r="K4" s="484"/>
      <c r="L4" s="484" t="s">
        <v>58</v>
      </c>
      <c r="M4" s="484" t="s">
        <v>59</v>
      </c>
      <c r="N4" s="484"/>
      <c r="O4" s="484" t="s">
        <v>60</v>
      </c>
      <c r="P4" s="484" t="s">
        <v>61</v>
      </c>
      <c r="Q4" s="484"/>
      <c r="R4" s="484" t="s">
        <v>71</v>
      </c>
      <c r="S4" s="484" t="s">
        <v>63</v>
      </c>
      <c r="T4" s="484" t="s">
        <v>63</v>
      </c>
      <c r="U4" s="485">
        <v>11480040</v>
      </c>
      <c r="V4" s="485"/>
      <c r="W4" s="484" t="s">
        <v>64</v>
      </c>
      <c r="X4" s="484"/>
      <c r="Y4" s="485">
        <f>U4</f>
        <v>11480040</v>
      </c>
      <c r="Z4" s="486" t="s">
        <v>65</v>
      </c>
      <c r="AA4" s="487" t="s">
        <v>66</v>
      </c>
      <c r="AB4" s="488"/>
      <c r="AC4" s="488"/>
      <c r="AD4" s="488"/>
      <c r="AE4" s="488"/>
      <c r="AF4" s="488"/>
      <c r="AG4" s="488"/>
      <c r="AH4" s="488"/>
      <c r="AI4" s="488"/>
      <c r="AJ4" s="488"/>
      <c r="AK4" s="488"/>
      <c r="AL4" s="488"/>
      <c r="AM4" s="488"/>
      <c r="AN4" s="488"/>
      <c r="AO4" s="488"/>
      <c r="AP4" s="488"/>
      <c r="AQ4" s="488"/>
      <c r="AR4" s="488"/>
      <c r="AS4" s="488"/>
      <c r="AT4" s="488"/>
      <c r="AU4" s="488"/>
      <c r="AV4" s="488"/>
      <c r="AW4" s="488"/>
      <c r="AX4" s="488"/>
      <c r="AY4" s="488"/>
      <c r="AZ4" s="488"/>
      <c r="BA4" s="488"/>
      <c r="BB4" s="488"/>
      <c r="BC4" s="488"/>
      <c r="BD4" s="488"/>
      <c r="BE4" s="488"/>
      <c r="BF4" s="80">
        <f t="shared" si="0"/>
        <v>1500</v>
      </c>
      <c r="BG4" s="76">
        <f>Y4/BF4</f>
        <v>7653.36</v>
      </c>
      <c r="BH4" s="487">
        <f t="shared" si="1"/>
        <v>11480040</v>
      </c>
      <c r="BI4" s="487" t="str">
        <f t="shared" si="1"/>
        <v/>
      </c>
      <c r="BJ4" s="487" t="str">
        <f t="shared" si="1"/>
        <v/>
      </c>
      <c r="BK4" s="487" t="str">
        <f t="shared" si="1"/>
        <v/>
      </c>
      <c r="BL4" s="487" t="str">
        <f t="shared" si="1"/>
        <v/>
      </c>
      <c r="BM4" s="487" t="str">
        <f t="shared" si="1"/>
        <v/>
      </c>
      <c r="BN4" s="487" t="str">
        <f t="shared" si="1"/>
        <v/>
      </c>
      <c r="BO4" s="487" t="str">
        <f t="shared" si="1"/>
        <v/>
      </c>
      <c r="BP4" s="487" t="str">
        <f t="shared" si="1"/>
        <v/>
      </c>
      <c r="BQ4" s="487" t="str">
        <f t="shared" si="1"/>
        <v/>
      </c>
      <c r="BR4" s="487" t="str">
        <f t="shared" si="1"/>
        <v/>
      </c>
      <c r="BS4" s="487" t="str">
        <f t="shared" si="1"/>
        <v/>
      </c>
      <c r="BT4" s="487" t="str">
        <f t="shared" si="1"/>
        <v/>
      </c>
      <c r="BU4" s="487" t="str">
        <f t="shared" si="1"/>
        <v/>
      </c>
      <c r="BV4" s="487" t="str">
        <f t="shared" si="1"/>
        <v/>
      </c>
      <c r="BW4" s="487" t="str">
        <f t="shared" si="1"/>
        <v/>
      </c>
      <c r="BX4" s="487" t="str">
        <f t="shared" si="2"/>
        <v/>
      </c>
      <c r="BY4" s="487" t="str">
        <f t="shared" si="2"/>
        <v/>
      </c>
      <c r="BZ4" s="487" t="str">
        <f t="shared" si="2"/>
        <v/>
      </c>
      <c r="CA4" s="487" t="str">
        <f t="shared" si="2"/>
        <v/>
      </c>
      <c r="CB4" s="487" t="str">
        <f t="shared" si="2"/>
        <v/>
      </c>
      <c r="CC4" s="487" t="str">
        <f t="shared" si="2"/>
        <v/>
      </c>
      <c r="CD4" s="487" t="str">
        <f t="shared" si="2"/>
        <v/>
      </c>
      <c r="CE4" s="487" t="str">
        <f t="shared" si="2"/>
        <v/>
      </c>
      <c r="CF4" s="487" t="str">
        <f t="shared" si="2"/>
        <v/>
      </c>
      <c r="CG4" s="487" t="str">
        <f t="shared" si="2"/>
        <v/>
      </c>
      <c r="CH4" s="487" t="str">
        <f t="shared" si="2"/>
        <v/>
      </c>
      <c r="CI4" s="487" t="str">
        <f t="shared" si="2"/>
        <v/>
      </c>
      <c r="CJ4" s="487" t="str">
        <f t="shared" si="2"/>
        <v/>
      </c>
      <c r="CK4" s="487" t="str">
        <f t="shared" si="2"/>
        <v/>
      </c>
      <c r="CL4" s="487" t="str">
        <f t="shared" si="2"/>
        <v/>
      </c>
      <c r="CM4" s="487"/>
      <c r="CN4" s="487"/>
      <c r="CO4" s="487"/>
      <c r="CP4" s="487"/>
      <c r="CQ4" s="487"/>
      <c r="CR4" s="487"/>
      <c r="CS4" s="487"/>
      <c r="CT4" s="487"/>
      <c r="CU4" s="487"/>
      <c r="CV4" s="487"/>
      <c r="CW4" s="487"/>
      <c r="CX4" s="487"/>
      <c r="CY4" s="487"/>
      <c r="CZ4" s="487"/>
      <c r="DA4" s="487"/>
      <c r="DB4" s="487"/>
      <c r="DC4" s="487"/>
      <c r="DD4" s="487"/>
      <c r="DE4" s="487"/>
      <c r="DF4" s="487"/>
      <c r="DG4" s="487"/>
      <c r="DH4" s="487"/>
      <c r="DI4" s="486" t="s">
        <v>72</v>
      </c>
      <c r="DJ4" s="484" t="s">
        <v>73</v>
      </c>
      <c r="DK4" s="77" t="s">
        <v>69</v>
      </c>
    </row>
    <row r="5" spans="1:115" s="136" customFormat="1" ht="56.1" hidden="1" customHeight="1" x14ac:dyDescent="0.2">
      <c r="A5" s="77"/>
      <c r="B5" s="77"/>
      <c r="C5" s="481">
        <v>3</v>
      </c>
      <c r="D5" s="481"/>
      <c r="E5" s="481" t="s">
        <v>2481</v>
      </c>
      <c r="F5" s="482" t="s">
        <v>53</v>
      </c>
      <c r="G5" s="482" t="s">
        <v>54</v>
      </c>
      <c r="H5" s="484" t="s">
        <v>55</v>
      </c>
      <c r="I5" s="484" t="s">
        <v>74</v>
      </c>
      <c r="J5" s="484" t="s">
        <v>75</v>
      </c>
      <c r="K5" s="484"/>
      <c r="L5" s="484" t="s">
        <v>58</v>
      </c>
      <c r="M5" s="484" t="s">
        <v>76</v>
      </c>
      <c r="N5" s="484"/>
      <c r="O5" s="484" t="s">
        <v>60</v>
      </c>
      <c r="P5" s="484" t="s">
        <v>77</v>
      </c>
      <c r="Q5" s="484"/>
      <c r="R5" s="484" t="s">
        <v>71</v>
      </c>
      <c r="S5" s="484" t="s">
        <v>63</v>
      </c>
      <c r="T5" s="484" t="s">
        <v>63</v>
      </c>
      <c r="U5" s="485">
        <v>11480040</v>
      </c>
      <c r="V5" s="485"/>
      <c r="W5" s="484" t="s">
        <v>64</v>
      </c>
      <c r="X5" s="484"/>
      <c r="Y5" s="485">
        <v>11480040</v>
      </c>
      <c r="Z5" s="486" t="s">
        <v>65</v>
      </c>
      <c r="AA5" s="488"/>
      <c r="AB5" s="488"/>
      <c r="AC5" s="487" t="s">
        <v>66</v>
      </c>
      <c r="AD5" s="488"/>
      <c r="AE5" s="488"/>
      <c r="AF5" s="488"/>
      <c r="AG5" s="488"/>
      <c r="AH5" s="488"/>
      <c r="AI5" s="488"/>
      <c r="AJ5" s="488"/>
      <c r="AK5" s="488"/>
      <c r="AL5" s="488"/>
      <c r="AM5" s="488"/>
      <c r="AN5" s="488"/>
      <c r="AO5" s="488"/>
      <c r="AP5" s="488"/>
      <c r="AQ5" s="488"/>
      <c r="AR5" s="488"/>
      <c r="AS5" s="488"/>
      <c r="AT5" s="488"/>
      <c r="AU5" s="488"/>
      <c r="AV5" s="488"/>
      <c r="AW5" s="488"/>
      <c r="AX5" s="488"/>
      <c r="AY5" s="488"/>
      <c r="AZ5" s="488"/>
      <c r="BA5" s="488"/>
      <c r="BB5" s="488"/>
      <c r="BC5" s="488"/>
      <c r="BD5" s="488"/>
      <c r="BE5" s="488"/>
      <c r="BF5" s="80">
        <f t="shared" si="0"/>
        <v>450</v>
      </c>
      <c r="BG5" s="76">
        <f>Y5/BF5</f>
        <v>25511.200000000001</v>
      </c>
      <c r="BH5" s="487" t="str">
        <f t="shared" si="1"/>
        <v/>
      </c>
      <c r="BI5" s="487" t="str">
        <f t="shared" si="1"/>
        <v/>
      </c>
      <c r="BJ5" s="487">
        <f t="shared" si="1"/>
        <v>11480040</v>
      </c>
      <c r="BK5" s="487" t="str">
        <f t="shared" si="1"/>
        <v/>
      </c>
      <c r="BL5" s="487" t="str">
        <f t="shared" si="1"/>
        <v/>
      </c>
      <c r="BM5" s="487" t="str">
        <f t="shared" si="1"/>
        <v/>
      </c>
      <c r="BN5" s="487" t="str">
        <f t="shared" si="1"/>
        <v/>
      </c>
      <c r="BO5" s="487" t="str">
        <f t="shared" si="1"/>
        <v/>
      </c>
      <c r="BP5" s="487" t="str">
        <f t="shared" si="1"/>
        <v/>
      </c>
      <c r="BQ5" s="487" t="str">
        <f t="shared" si="1"/>
        <v/>
      </c>
      <c r="BR5" s="487" t="str">
        <f t="shared" si="1"/>
        <v/>
      </c>
      <c r="BS5" s="487" t="str">
        <f t="shared" si="1"/>
        <v/>
      </c>
      <c r="BT5" s="487" t="str">
        <f t="shared" si="1"/>
        <v/>
      </c>
      <c r="BU5" s="487" t="str">
        <f t="shared" si="1"/>
        <v/>
      </c>
      <c r="BV5" s="487" t="str">
        <f t="shared" si="1"/>
        <v/>
      </c>
      <c r="BW5" s="487" t="str">
        <f t="shared" si="1"/>
        <v/>
      </c>
      <c r="BX5" s="487" t="str">
        <f t="shared" si="2"/>
        <v/>
      </c>
      <c r="BY5" s="487" t="str">
        <f t="shared" si="2"/>
        <v/>
      </c>
      <c r="BZ5" s="487" t="str">
        <f t="shared" si="2"/>
        <v/>
      </c>
      <c r="CA5" s="487" t="str">
        <f t="shared" si="2"/>
        <v/>
      </c>
      <c r="CB5" s="487" t="str">
        <f t="shared" si="2"/>
        <v/>
      </c>
      <c r="CC5" s="487" t="str">
        <f t="shared" si="2"/>
        <v/>
      </c>
      <c r="CD5" s="487" t="str">
        <f t="shared" si="2"/>
        <v/>
      </c>
      <c r="CE5" s="487" t="str">
        <f t="shared" si="2"/>
        <v/>
      </c>
      <c r="CF5" s="487" t="str">
        <f t="shared" si="2"/>
        <v/>
      </c>
      <c r="CG5" s="487" t="str">
        <f t="shared" si="2"/>
        <v/>
      </c>
      <c r="CH5" s="487" t="str">
        <f t="shared" si="2"/>
        <v/>
      </c>
      <c r="CI5" s="487" t="str">
        <f t="shared" si="2"/>
        <v/>
      </c>
      <c r="CJ5" s="487" t="str">
        <f t="shared" si="2"/>
        <v/>
      </c>
      <c r="CK5" s="487" t="str">
        <f t="shared" si="2"/>
        <v/>
      </c>
      <c r="CL5" s="487" t="str">
        <f t="shared" si="2"/>
        <v/>
      </c>
      <c r="CM5" s="487"/>
      <c r="CN5" s="487"/>
      <c r="CO5" s="487"/>
      <c r="CP5" s="487"/>
      <c r="CQ5" s="487"/>
      <c r="CR5" s="487"/>
      <c r="CS5" s="487"/>
      <c r="CT5" s="487"/>
      <c r="CU5" s="487"/>
      <c r="CV5" s="487"/>
      <c r="CW5" s="487"/>
      <c r="CX5" s="487"/>
      <c r="CY5" s="487"/>
      <c r="CZ5" s="487"/>
      <c r="DA5" s="487"/>
      <c r="DB5" s="487"/>
      <c r="DC5" s="487"/>
      <c r="DD5" s="487"/>
      <c r="DE5" s="487"/>
      <c r="DF5" s="487"/>
      <c r="DG5" s="487"/>
      <c r="DH5" s="487"/>
      <c r="DI5" s="486" t="s">
        <v>72</v>
      </c>
      <c r="DJ5" s="484" t="s">
        <v>73</v>
      </c>
      <c r="DK5" s="77" t="s">
        <v>69</v>
      </c>
    </row>
    <row r="6" spans="1:115" s="136" customFormat="1" ht="56.1" hidden="1" customHeight="1" x14ac:dyDescent="0.2">
      <c r="A6" s="77"/>
      <c r="B6" s="77"/>
      <c r="C6" s="481">
        <v>4</v>
      </c>
      <c r="D6" s="481"/>
      <c r="E6" s="481" t="s">
        <v>2481</v>
      </c>
      <c r="F6" s="482" t="s">
        <v>53</v>
      </c>
      <c r="G6" s="482" t="s">
        <v>54</v>
      </c>
      <c r="H6" s="484" t="s">
        <v>55</v>
      </c>
      <c r="I6" s="484" t="s">
        <v>78</v>
      </c>
      <c r="J6" s="484" t="s">
        <v>70</v>
      </c>
      <c r="K6" s="484"/>
      <c r="L6" s="484" t="s">
        <v>58</v>
      </c>
      <c r="M6" s="484" t="s">
        <v>26</v>
      </c>
      <c r="N6" s="484"/>
      <c r="O6" s="484" t="s">
        <v>60</v>
      </c>
      <c r="P6" s="484" t="s">
        <v>61</v>
      </c>
      <c r="Q6" s="484"/>
      <c r="R6" s="484" t="s">
        <v>71</v>
      </c>
      <c r="S6" s="484" t="s">
        <v>63</v>
      </c>
      <c r="T6" s="484" t="s">
        <v>63</v>
      </c>
      <c r="U6" s="485">
        <v>11480040</v>
      </c>
      <c r="V6" s="485"/>
      <c r="W6" s="484" t="s">
        <v>64</v>
      </c>
      <c r="X6" s="484"/>
      <c r="Y6" s="485">
        <f>U6</f>
        <v>11480040</v>
      </c>
      <c r="Z6" s="486" t="s">
        <v>65</v>
      </c>
      <c r="AA6" s="488"/>
      <c r="AB6" s="488"/>
      <c r="AC6" s="488"/>
      <c r="AD6" s="488"/>
      <c r="AE6" s="488"/>
      <c r="AF6" s="488"/>
      <c r="AG6" s="488"/>
      <c r="AH6" s="488"/>
      <c r="AI6" s="488"/>
      <c r="AJ6" s="487" t="s">
        <v>66</v>
      </c>
      <c r="AK6" s="488"/>
      <c r="AL6" s="488"/>
      <c r="AM6" s="488"/>
      <c r="AN6" s="488"/>
      <c r="AO6" s="488"/>
      <c r="AP6" s="488"/>
      <c r="AQ6" s="488"/>
      <c r="AR6" s="488"/>
      <c r="AS6" s="488"/>
      <c r="AT6" s="488"/>
      <c r="AU6" s="488"/>
      <c r="AV6" s="488"/>
      <c r="AW6" s="488"/>
      <c r="AX6" s="488"/>
      <c r="AY6" s="488"/>
      <c r="AZ6" s="488"/>
      <c r="BA6" s="488"/>
      <c r="BB6" s="488"/>
      <c r="BC6" s="488"/>
      <c r="BD6" s="488"/>
      <c r="BE6" s="488"/>
      <c r="BF6" s="80">
        <f t="shared" si="0"/>
        <v>500</v>
      </c>
      <c r="BG6" s="76">
        <f>Y6/BF6</f>
        <v>22960.080000000002</v>
      </c>
      <c r="BH6" s="487" t="str">
        <f t="shared" si="1"/>
        <v/>
      </c>
      <c r="BI6" s="487" t="str">
        <f t="shared" si="1"/>
        <v/>
      </c>
      <c r="BJ6" s="487" t="str">
        <f t="shared" si="1"/>
        <v/>
      </c>
      <c r="BK6" s="487" t="str">
        <f t="shared" si="1"/>
        <v/>
      </c>
      <c r="BL6" s="487" t="str">
        <f t="shared" si="1"/>
        <v/>
      </c>
      <c r="BM6" s="487" t="str">
        <f t="shared" si="1"/>
        <v/>
      </c>
      <c r="BN6" s="487" t="str">
        <f t="shared" si="1"/>
        <v/>
      </c>
      <c r="BO6" s="487" t="str">
        <f t="shared" si="1"/>
        <v/>
      </c>
      <c r="BP6" s="487" t="str">
        <f t="shared" si="1"/>
        <v/>
      </c>
      <c r="BQ6" s="487">
        <f t="shared" si="1"/>
        <v>11480040</v>
      </c>
      <c r="BR6" s="487" t="str">
        <f t="shared" si="1"/>
        <v/>
      </c>
      <c r="BS6" s="487" t="str">
        <f t="shared" si="1"/>
        <v/>
      </c>
      <c r="BT6" s="487" t="str">
        <f t="shared" si="1"/>
        <v/>
      </c>
      <c r="BU6" s="487" t="str">
        <f t="shared" si="1"/>
        <v/>
      </c>
      <c r="BV6" s="487" t="str">
        <f t="shared" si="1"/>
        <v/>
      </c>
      <c r="BW6" s="487" t="str">
        <f t="shared" si="1"/>
        <v/>
      </c>
      <c r="BX6" s="487" t="str">
        <f t="shared" si="2"/>
        <v/>
      </c>
      <c r="BY6" s="487" t="str">
        <f t="shared" si="2"/>
        <v/>
      </c>
      <c r="BZ6" s="487" t="str">
        <f t="shared" si="2"/>
        <v/>
      </c>
      <c r="CA6" s="487" t="str">
        <f t="shared" si="2"/>
        <v/>
      </c>
      <c r="CB6" s="487" t="str">
        <f t="shared" si="2"/>
        <v/>
      </c>
      <c r="CC6" s="487" t="str">
        <f t="shared" si="2"/>
        <v/>
      </c>
      <c r="CD6" s="487" t="str">
        <f t="shared" si="2"/>
        <v/>
      </c>
      <c r="CE6" s="487" t="str">
        <f t="shared" si="2"/>
        <v/>
      </c>
      <c r="CF6" s="487" t="str">
        <f t="shared" si="2"/>
        <v/>
      </c>
      <c r="CG6" s="487" t="str">
        <f t="shared" si="2"/>
        <v/>
      </c>
      <c r="CH6" s="487" t="str">
        <f t="shared" si="2"/>
        <v/>
      </c>
      <c r="CI6" s="487" t="str">
        <f t="shared" si="2"/>
        <v/>
      </c>
      <c r="CJ6" s="487" t="str">
        <f t="shared" si="2"/>
        <v/>
      </c>
      <c r="CK6" s="487" t="str">
        <f t="shared" si="2"/>
        <v/>
      </c>
      <c r="CL6" s="487" t="str">
        <f t="shared" si="2"/>
        <v/>
      </c>
      <c r="CM6" s="487"/>
      <c r="CN6" s="487"/>
      <c r="CO6" s="487"/>
      <c r="CP6" s="487"/>
      <c r="CQ6" s="487"/>
      <c r="CR6" s="487"/>
      <c r="CS6" s="487"/>
      <c r="CT6" s="487"/>
      <c r="CU6" s="487"/>
      <c r="CV6" s="487"/>
      <c r="CW6" s="487"/>
      <c r="CX6" s="487"/>
      <c r="CY6" s="487"/>
      <c r="CZ6" s="487"/>
      <c r="DA6" s="487"/>
      <c r="DB6" s="487"/>
      <c r="DC6" s="487"/>
      <c r="DD6" s="487"/>
      <c r="DE6" s="487"/>
      <c r="DF6" s="487"/>
      <c r="DG6" s="487"/>
      <c r="DH6" s="487"/>
      <c r="DI6" s="486" t="s">
        <v>72</v>
      </c>
      <c r="DJ6" s="484" t="s">
        <v>73</v>
      </c>
      <c r="DK6" s="77" t="s">
        <v>69</v>
      </c>
    </row>
    <row r="7" spans="1:115" s="136" customFormat="1" ht="56.1" hidden="1" customHeight="1" x14ac:dyDescent="0.2">
      <c r="A7" s="77"/>
      <c r="B7" s="77"/>
      <c r="C7" s="481">
        <v>5</v>
      </c>
      <c r="D7" s="481"/>
      <c r="E7" s="481" t="s">
        <v>2481</v>
      </c>
      <c r="F7" s="482" t="s">
        <v>53</v>
      </c>
      <c r="G7" s="482" t="s">
        <v>54</v>
      </c>
      <c r="H7" s="484" t="s">
        <v>55</v>
      </c>
      <c r="I7" s="484" t="s">
        <v>79</v>
      </c>
      <c r="J7" s="484" t="s">
        <v>80</v>
      </c>
      <c r="K7" s="484"/>
      <c r="L7" s="484" t="s">
        <v>58</v>
      </c>
      <c r="M7" s="484" t="s">
        <v>63</v>
      </c>
      <c r="N7" s="484"/>
      <c r="O7" s="484" t="s">
        <v>81</v>
      </c>
      <c r="P7" s="484" t="s">
        <v>61</v>
      </c>
      <c r="Q7" s="484"/>
      <c r="R7" s="484" t="s">
        <v>71</v>
      </c>
      <c r="S7" s="484" t="s">
        <v>63</v>
      </c>
      <c r="T7" s="484" t="s">
        <v>63</v>
      </c>
      <c r="U7" s="485">
        <v>4807688</v>
      </c>
      <c r="V7" s="485"/>
      <c r="W7" s="484" t="s">
        <v>64</v>
      </c>
      <c r="X7" s="484"/>
      <c r="Y7" s="485">
        <f>U7</f>
        <v>4807688</v>
      </c>
      <c r="Z7" s="486" t="s">
        <v>82</v>
      </c>
      <c r="AA7" s="487" t="s">
        <v>66</v>
      </c>
      <c r="AB7" s="487" t="s">
        <v>66</v>
      </c>
      <c r="AC7" s="487" t="s">
        <v>66</v>
      </c>
      <c r="AD7" s="487" t="s">
        <v>66</v>
      </c>
      <c r="AE7" s="487" t="s">
        <v>66</v>
      </c>
      <c r="AF7" s="487" t="s">
        <v>66</v>
      </c>
      <c r="AG7" s="487" t="s">
        <v>66</v>
      </c>
      <c r="AH7" s="487" t="s">
        <v>66</v>
      </c>
      <c r="AI7" s="487" t="s">
        <v>66</v>
      </c>
      <c r="AJ7" s="487" t="s">
        <v>66</v>
      </c>
      <c r="AK7" s="487" t="s">
        <v>66</v>
      </c>
      <c r="AL7" s="487" t="s">
        <v>66</v>
      </c>
      <c r="AM7" s="487" t="s">
        <v>66</v>
      </c>
      <c r="AN7" s="487" t="s">
        <v>66</v>
      </c>
      <c r="AO7" s="487" t="s">
        <v>66</v>
      </c>
      <c r="AP7" s="487" t="s">
        <v>66</v>
      </c>
      <c r="AQ7" s="487" t="s">
        <v>66</v>
      </c>
      <c r="AR7" s="488"/>
      <c r="AS7" s="488"/>
      <c r="AT7" s="488"/>
      <c r="AU7" s="488"/>
      <c r="AV7" s="488"/>
      <c r="AW7" s="488"/>
      <c r="AX7" s="488"/>
      <c r="AY7" s="488"/>
      <c r="AZ7" s="488"/>
      <c r="BA7" s="488"/>
      <c r="BB7" s="488"/>
      <c r="BC7" s="488"/>
      <c r="BD7" s="488"/>
      <c r="BE7" s="488"/>
      <c r="BF7" s="80">
        <f t="shared" si="0"/>
        <v>8859</v>
      </c>
      <c r="BG7" s="76">
        <f>Y7/BF7</f>
        <v>542.68969409639919</v>
      </c>
      <c r="BH7" s="487">
        <f t="shared" si="1"/>
        <v>814034.54114459874</v>
      </c>
      <c r="BI7" s="487">
        <f t="shared" si="1"/>
        <v>108537.93881927984</v>
      </c>
      <c r="BJ7" s="487">
        <f t="shared" si="1"/>
        <v>244210.36234337965</v>
      </c>
      <c r="BK7" s="487">
        <f t="shared" si="1"/>
        <v>189941.39293373973</v>
      </c>
      <c r="BL7" s="487">
        <f t="shared" si="1"/>
        <v>162806.90822891975</v>
      </c>
      <c r="BM7" s="487">
        <f t="shared" si="1"/>
        <v>260491.05316627162</v>
      </c>
      <c r="BN7" s="487">
        <f t="shared" si="1"/>
        <v>54268.969409639918</v>
      </c>
      <c r="BO7" s="487">
        <f t="shared" si="1"/>
        <v>211648.98069759569</v>
      </c>
      <c r="BP7" s="487">
        <f t="shared" si="1"/>
        <v>271344.84704819962</v>
      </c>
      <c r="BQ7" s="487">
        <f t="shared" si="1"/>
        <v>271344.84704819962</v>
      </c>
      <c r="BR7" s="487">
        <f t="shared" si="1"/>
        <v>407017.27057229937</v>
      </c>
      <c r="BS7" s="487">
        <f t="shared" si="1"/>
        <v>108537.93881927984</v>
      </c>
      <c r="BT7" s="487">
        <f t="shared" si="1"/>
        <v>126989.38841855741</v>
      </c>
      <c r="BU7" s="487">
        <f t="shared" si="1"/>
        <v>189941.39293373973</v>
      </c>
      <c r="BV7" s="487">
        <f t="shared" si="1"/>
        <v>48842.072468675928</v>
      </c>
      <c r="BW7" s="487">
        <f t="shared" si="1"/>
        <v>43415.175527711937</v>
      </c>
      <c r="BX7" s="487">
        <f t="shared" si="2"/>
        <v>1294314.9204199121</v>
      </c>
      <c r="BY7" s="487" t="str">
        <f t="shared" si="2"/>
        <v/>
      </c>
      <c r="BZ7" s="487" t="str">
        <f t="shared" si="2"/>
        <v/>
      </c>
      <c r="CA7" s="487" t="str">
        <f t="shared" si="2"/>
        <v/>
      </c>
      <c r="CB7" s="487" t="str">
        <f t="shared" si="2"/>
        <v/>
      </c>
      <c r="CC7" s="487" t="str">
        <f t="shared" si="2"/>
        <v/>
      </c>
      <c r="CD7" s="487" t="str">
        <f t="shared" si="2"/>
        <v/>
      </c>
      <c r="CE7" s="487" t="str">
        <f t="shared" si="2"/>
        <v/>
      </c>
      <c r="CF7" s="487" t="str">
        <f t="shared" si="2"/>
        <v/>
      </c>
      <c r="CG7" s="487" t="str">
        <f t="shared" si="2"/>
        <v/>
      </c>
      <c r="CH7" s="487" t="str">
        <f t="shared" si="2"/>
        <v/>
      </c>
      <c r="CI7" s="487" t="str">
        <f t="shared" si="2"/>
        <v/>
      </c>
      <c r="CJ7" s="487" t="str">
        <f t="shared" si="2"/>
        <v/>
      </c>
      <c r="CK7" s="487" t="str">
        <f t="shared" si="2"/>
        <v/>
      </c>
      <c r="CL7" s="487" t="str">
        <f t="shared" si="2"/>
        <v/>
      </c>
      <c r="CM7" s="487"/>
      <c r="CN7" s="487"/>
      <c r="CO7" s="487"/>
      <c r="CP7" s="487"/>
      <c r="CQ7" s="487"/>
      <c r="CR7" s="487"/>
      <c r="CS7" s="487"/>
      <c r="CT7" s="487"/>
      <c r="CU7" s="487"/>
      <c r="CV7" s="487"/>
      <c r="CW7" s="487"/>
      <c r="CX7" s="487"/>
      <c r="CY7" s="487"/>
      <c r="CZ7" s="487"/>
      <c r="DA7" s="487"/>
      <c r="DB7" s="487"/>
      <c r="DC7" s="487"/>
      <c r="DD7" s="487"/>
      <c r="DE7" s="487"/>
      <c r="DF7" s="487"/>
      <c r="DG7" s="487"/>
      <c r="DH7" s="487"/>
      <c r="DI7" s="484" t="s">
        <v>83</v>
      </c>
      <c r="DJ7" s="484" t="s">
        <v>73</v>
      </c>
      <c r="DK7" s="77" t="s">
        <v>69</v>
      </c>
    </row>
    <row r="8" spans="1:115" s="136" customFormat="1" ht="56.1" hidden="1" customHeight="1" x14ac:dyDescent="0.2">
      <c r="A8" s="77"/>
      <c r="B8" s="77"/>
      <c r="C8" s="481">
        <v>10</v>
      </c>
      <c r="D8" s="481"/>
      <c r="E8" s="481" t="s">
        <v>2481</v>
      </c>
      <c r="F8" s="482" t="s">
        <v>53</v>
      </c>
      <c r="G8" s="482" t="s">
        <v>96</v>
      </c>
      <c r="H8" s="484" t="s">
        <v>55</v>
      </c>
      <c r="I8" s="484" t="s">
        <v>97</v>
      </c>
      <c r="J8" s="484" t="s">
        <v>98</v>
      </c>
      <c r="K8" s="484"/>
      <c r="L8" s="484" t="s">
        <v>58</v>
      </c>
      <c r="M8" s="484" t="s">
        <v>27</v>
      </c>
      <c r="N8" s="484"/>
      <c r="O8" s="484" t="s">
        <v>60</v>
      </c>
      <c r="P8" s="484" t="s">
        <v>77</v>
      </c>
      <c r="Q8" s="484"/>
      <c r="R8" s="484" t="s">
        <v>71</v>
      </c>
      <c r="S8" s="484" t="s">
        <v>63</v>
      </c>
      <c r="T8" s="484" t="s">
        <v>63</v>
      </c>
      <c r="U8" s="485">
        <v>11480040</v>
      </c>
      <c r="V8" s="485"/>
      <c r="W8" s="484" t="s">
        <v>64</v>
      </c>
      <c r="X8" s="484"/>
      <c r="Y8" s="485">
        <v>11480040</v>
      </c>
      <c r="Z8" s="486" t="s">
        <v>65</v>
      </c>
      <c r="AA8" s="488"/>
      <c r="AB8" s="488"/>
      <c r="AC8" s="488"/>
      <c r="AD8" s="488"/>
      <c r="AE8" s="488"/>
      <c r="AF8" s="488"/>
      <c r="AG8" s="488"/>
      <c r="AH8" s="488"/>
      <c r="AI8" s="488"/>
      <c r="AJ8" s="488"/>
      <c r="AK8" s="488" t="s">
        <v>66</v>
      </c>
      <c r="AL8" s="488"/>
      <c r="AM8" s="488"/>
      <c r="AN8" s="488"/>
      <c r="AO8" s="488"/>
      <c r="AP8" s="488"/>
      <c r="AQ8" s="488"/>
      <c r="AR8" s="488"/>
      <c r="AS8" s="488"/>
      <c r="AT8" s="488"/>
      <c r="AU8" s="488"/>
      <c r="AV8" s="488"/>
      <c r="AW8" s="488"/>
      <c r="AX8" s="488"/>
      <c r="AY8" s="488"/>
      <c r="AZ8" s="488"/>
      <c r="BA8" s="488"/>
      <c r="BB8" s="488"/>
      <c r="BC8" s="488"/>
      <c r="BD8" s="488"/>
      <c r="BE8" s="488"/>
      <c r="BF8" s="80">
        <f t="shared" si="0"/>
        <v>750</v>
      </c>
      <c r="BG8" s="76"/>
      <c r="BH8" s="487" t="str">
        <f t="shared" si="1"/>
        <v/>
      </c>
      <c r="BI8" s="487" t="str">
        <f t="shared" si="1"/>
        <v/>
      </c>
      <c r="BJ8" s="487" t="str">
        <f t="shared" si="1"/>
        <v/>
      </c>
      <c r="BK8" s="487" t="str">
        <f t="shared" si="1"/>
        <v/>
      </c>
      <c r="BL8" s="487" t="str">
        <f t="shared" si="1"/>
        <v/>
      </c>
      <c r="BM8" s="487" t="str">
        <f t="shared" si="1"/>
        <v/>
      </c>
      <c r="BN8" s="487" t="str">
        <f t="shared" si="1"/>
        <v/>
      </c>
      <c r="BO8" s="487" t="str">
        <f t="shared" si="1"/>
        <v/>
      </c>
      <c r="BP8" s="487" t="str">
        <f t="shared" si="1"/>
        <v/>
      </c>
      <c r="BQ8" s="487" t="str">
        <f t="shared" si="1"/>
        <v/>
      </c>
      <c r="BR8" s="487">
        <f t="shared" si="1"/>
        <v>0</v>
      </c>
      <c r="BS8" s="487" t="str">
        <f t="shared" si="1"/>
        <v/>
      </c>
      <c r="BT8" s="487" t="str">
        <f t="shared" si="1"/>
        <v/>
      </c>
      <c r="BU8" s="487" t="str">
        <f t="shared" si="1"/>
        <v/>
      </c>
      <c r="BV8" s="487" t="str">
        <f t="shared" si="1"/>
        <v/>
      </c>
      <c r="BW8" s="487" t="str">
        <f t="shared" si="1"/>
        <v/>
      </c>
      <c r="BX8" s="487" t="str">
        <f t="shared" si="2"/>
        <v/>
      </c>
      <c r="BY8" s="487" t="str">
        <f t="shared" si="2"/>
        <v/>
      </c>
      <c r="BZ8" s="487" t="str">
        <f t="shared" si="2"/>
        <v/>
      </c>
      <c r="CA8" s="487" t="str">
        <f t="shared" si="2"/>
        <v/>
      </c>
      <c r="CB8" s="487" t="str">
        <f t="shared" si="2"/>
        <v/>
      </c>
      <c r="CC8" s="487" t="str">
        <f t="shared" si="2"/>
        <v/>
      </c>
      <c r="CD8" s="487" t="str">
        <f t="shared" si="2"/>
        <v/>
      </c>
      <c r="CE8" s="487" t="str">
        <f t="shared" si="2"/>
        <v/>
      </c>
      <c r="CF8" s="487" t="str">
        <f t="shared" si="2"/>
        <v/>
      </c>
      <c r="CG8" s="487" t="str">
        <f t="shared" si="2"/>
        <v/>
      </c>
      <c r="CH8" s="487" t="str">
        <f t="shared" si="2"/>
        <v/>
      </c>
      <c r="CI8" s="487" t="str">
        <f t="shared" si="2"/>
        <v/>
      </c>
      <c r="CJ8" s="487" t="str">
        <f t="shared" si="2"/>
        <v/>
      </c>
      <c r="CK8" s="487" t="str">
        <f t="shared" si="2"/>
        <v/>
      </c>
      <c r="CL8" s="487" t="str">
        <f t="shared" si="2"/>
        <v/>
      </c>
      <c r="CM8" s="487"/>
      <c r="CN8" s="487"/>
      <c r="CO8" s="487"/>
      <c r="CP8" s="487"/>
      <c r="CQ8" s="487"/>
      <c r="CR8" s="487"/>
      <c r="CS8" s="487"/>
      <c r="CT8" s="487"/>
      <c r="CU8" s="487"/>
      <c r="CV8" s="487"/>
      <c r="CW8" s="487"/>
      <c r="CX8" s="487"/>
      <c r="CY8" s="487"/>
      <c r="CZ8" s="487"/>
      <c r="DA8" s="487"/>
      <c r="DB8" s="487"/>
      <c r="DC8" s="487"/>
      <c r="DD8" s="487"/>
      <c r="DE8" s="487"/>
      <c r="DF8" s="487"/>
      <c r="DG8" s="487"/>
      <c r="DH8" s="487"/>
      <c r="DI8" s="484"/>
      <c r="DJ8" s="484"/>
      <c r="DK8" s="77" t="s">
        <v>69</v>
      </c>
    </row>
    <row r="9" spans="1:115" s="136" customFormat="1" ht="56.1" hidden="1" customHeight="1" x14ac:dyDescent="0.2">
      <c r="A9" s="77"/>
      <c r="B9" s="77"/>
      <c r="C9" s="481">
        <v>12</v>
      </c>
      <c r="D9" s="481"/>
      <c r="E9" s="481" t="s">
        <v>2481</v>
      </c>
      <c r="F9" s="482" t="s">
        <v>53</v>
      </c>
      <c r="G9" s="482" t="s">
        <v>54</v>
      </c>
      <c r="H9" s="484" t="s">
        <v>102</v>
      </c>
      <c r="I9" s="484" t="s">
        <v>103</v>
      </c>
      <c r="J9" s="484" t="s">
        <v>104</v>
      </c>
      <c r="K9" s="484"/>
      <c r="L9" s="484" t="s">
        <v>58</v>
      </c>
      <c r="M9" s="484" t="s">
        <v>59</v>
      </c>
      <c r="N9" s="484"/>
      <c r="O9" s="484" t="s">
        <v>60</v>
      </c>
      <c r="P9" s="484" t="s">
        <v>61</v>
      </c>
      <c r="Q9" s="484"/>
      <c r="R9" s="484" t="s">
        <v>71</v>
      </c>
      <c r="S9" s="484" t="s">
        <v>63</v>
      </c>
      <c r="T9" s="484" t="s">
        <v>63</v>
      </c>
      <c r="U9" s="485">
        <v>47471002</v>
      </c>
      <c r="V9" s="485"/>
      <c r="W9" s="484" t="s">
        <v>64</v>
      </c>
      <c r="X9" s="484"/>
      <c r="Y9" s="485">
        <f t="shared" ref="Y9:Y18" si="3">U9</f>
        <v>47471002</v>
      </c>
      <c r="Z9" s="486" t="s">
        <v>65</v>
      </c>
      <c r="AA9" s="487" t="s">
        <v>66</v>
      </c>
      <c r="AB9" s="488"/>
      <c r="AC9" s="488"/>
      <c r="AD9" s="488"/>
      <c r="AE9" s="488"/>
      <c r="AF9" s="488"/>
      <c r="AG9" s="488"/>
      <c r="AH9" s="488"/>
      <c r="AI9" s="488"/>
      <c r="AJ9" s="488"/>
      <c r="AK9" s="488"/>
      <c r="AL9" s="488"/>
      <c r="AM9" s="488"/>
      <c r="AN9" s="488"/>
      <c r="AO9" s="488"/>
      <c r="AP9" s="488"/>
      <c r="AQ9" s="488"/>
      <c r="AR9" s="488"/>
      <c r="AS9" s="488"/>
      <c r="AT9" s="488"/>
      <c r="AU9" s="488"/>
      <c r="AV9" s="488"/>
      <c r="AW9" s="488"/>
      <c r="AX9" s="488"/>
      <c r="AY9" s="488"/>
      <c r="AZ9" s="488"/>
      <c r="BA9" s="488"/>
      <c r="BB9" s="488"/>
      <c r="BC9" s="488"/>
      <c r="BD9" s="488"/>
      <c r="BE9" s="488"/>
      <c r="BF9" s="80">
        <f t="shared" si="0"/>
        <v>1500</v>
      </c>
      <c r="BG9" s="76">
        <f t="shared" ref="BG9:BG18" si="4">Y9/BF9</f>
        <v>31647.334666666666</v>
      </c>
      <c r="BH9" s="487">
        <f t="shared" si="1"/>
        <v>47471002</v>
      </c>
      <c r="BI9" s="487" t="str">
        <f t="shared" si="1"/>
        <v/>
      </c>
      <c r="BJ9" s="487" t="str">
        <f t="shared" si="1"/>
        <v/>
      </c>
      <c r="BK9" s="487" t="str">
        <f t="shared" si="1"/>
        <v/>
      </c>
      <c r="BL9" s="487" t="str">
        <f t="shared" si="1"/>
        <v/>
      </c>
      <c r="BM9" s="487" t="str">
        <f t="shared" si="1"/>
        <v/>
      </c>
      <c r="BN9" s="487" t="str">
        <f t="shared" si="1"/>
        <v/>
      </c>
      <c r="BO9" s="487" t="str">
        <f t="shared" si="1"/>
        <v/>
      </c>
      <c r="BP9" s="487" t="str">
        <f t="shared" si="1"/>
        <v/>
      </c>
      <c r="BQ9" s="487" t="str">
        <f t="shared" si="1"/>
        <v/>
      </c>
      <c r="BR9" s="487" t="str">
        <f t="shared" si="1"/>
        <v/>
      </c>
      <c r="BS9" s="487" t="str">
        <f t="shared" si="1"/>
        <v/>
      </c>
      <c r="BT9" s="487" t="str">
        <f t="shared" si="1"/>
        <v/>
      </c>
      <c r="BU9" s="487" t="str">
        <f t="shared" si="1"/>
        <v/>
      </c>
      <c r="BV9" s="487" t="str">
        <f t="shared" si="1"/>
        <v/>
      </c>
      <c r="BW9" s="487" t="str">
        <f t="shared" si="1"/>
        <v/>
      </c>
      <c r="BX9" s="487" t="str">
        <f t="shared" si="2"/>
        <v/>
      </c>
      <c r="BY9" s="487" t="str">
        <f t="shared" si="2"/>
        <v/>
      </c>
      <c r="BZ9" s="487" t="str">
        <f t="shared" si="2"/>
        <v/>
      </c>
      <c r="CA9" s="487" t="str">
        <f t="shared" si="2"/>
        <v/>
      </c>
      <c r="CB9" s="487" t="str">
        <f t="shared" si="2"/>
        <v/>
      </c>
      <c r="CC9" s="487" t="str">
        <f t="shared" si="2"/>
        <v/>
      </c>
      <c r="CD9" s="487" t="str">
        <f t="shared" si="2"/>
        <v/>
      </c>
      <c r="CE9" s="487" t="str">
        <f t="shared" si="2"/>
        <v/>
      </c>
      <c r="CF9" s="487" t="str">
        <f t="shared" si="2"/>
        <v/>
      </c>
      <c r="CG9" s="487" t="str">
        <f t="shared" si="2"/>
        <v/>
      </c>
      <c r="CH9" s="487" t="str">
        <f t="shared" si="2"/>
        <v/>
      </c>
      <c r="CI9" s="487" t="str">
        <f t="shared" si="2"/>
        <v/>
      </c>
      <c r="CJ9" s="487" t="str">
        <f t="shared" si="2"/>
        <v/>
      </c>
      <c r="CK9" s="487" t="str">
        <f t="shared" si="2"/>
        <v/>
      </c>
      <c r="CL9" s="487" t="str">
        <f t="shared" si="2"/>
        <v/>
      </c>
      <c r="CM9" s="487"/>
      <c r="CN9" s="487"/>
      <c r="CO9" s="487"/>
      <c r="CP9" s="487"/>
      <c r="CQ9" s="487"/>
      <c r="CR9" s="487"/>
      <c r="CS9" s="487"/>
      <c r="CT9" s="487"/>
      <c r="CU9" s="487"/>
      <c r="CV9" s="487"/>
      <c r="CW9" s="487"/>
      <c r="CX9" s="487"/>
      <c r="CY9" s="487"/>
      <c r="CZ9" s="487"/>
      <c r="DA9" s="487"/>
      <c r="DB9" s="487"/>
      <c r="DC9" s="487"/>
      <c r="DD9" s="487"/>
      <c r="DE9" s="487"/>
      <c r="DF9" s="487"/>
      <c r="DG9" s="487"/>
      <c r="DH9" s="487"/>
      <c r="DI9" s="486" t="s">
        <v>105</v>
      </c>
      <c r="DJ9" s="484" t="s">
        <v>106</v>
      </c>
      <c r="DK9" s="77" t="s">
        <v>69</v>
      </c>
    </row>
    <row r="10" spans="1:115" s="136" customFormat="1" ht="56.1" hidden="1" customHeight="1" x14ac:dyDescent="0.2">
      <c r="A10" s="77"/>
      <c r="B10" s="77"/>
      <c r="C10" s="481">
        <v>13</v>
      </c>
      <c r="D10" s="481"/>
      <c r="E10" s="481" t="s">
        <v>2481</v>
      </c>
      <c r="F10" s="482" t="s">
        <v>53</v>
      </c>
      <c r="G10" s="482" t="s">
        <v>54</v>
      </c>
      <c r="H10" s="484" t="s">
        <v>102</v>
      </c>
      <c r="I10" s="484" t="s">
        <v>107</v>
      </c>
      <c r="J10" s="484" t="s">
        <v>108</v>
      </c>
      <c r="K10" s="484"/>
      <c r="L10" s="484" t="s">
        <v>58</v>
      </c>
      <c r="M10" s="484" t="s">
        <v>63</v>
      </c>
      <c r="N10" s="484"/>
      <c r="O10" s="484" t="s">
        <v>81</v>
      </c>
      <c r="P10" s="484" t="s">
        <v>61</v>
      </c>
      <c r="Q10" s="484"/>
      <c r="R10" s="484" t="s">
        <v>71</v>
      </c>
      <c r="S10" s="484" t="s">
        <v>63</v>
      </c>
      <c r="T10" s="484" t="s">
        <v>63</v>
      </c>
      <c r="U10" s="485">
        <v>5642630</v>
      </c>
      <c r="V10" s="485"/>
      <c r="W10" s="484" t="s">
        <v>64</v>
      </c>
      <c r="X10" s="484"/>
      <c r="Y10" s="485">
        <f t="shared" si="3"/>
        <v>5642630</v>
      </c>
      <c r="Z10" s="486" t="s">
        <v>82</v>
      </c>
      <c r="AA10" s="487" t="s">
        <v>66</v>
      </c>
      <c r="AB10" s="487" t="s">
        <v>66</v>
      </c>
      <c r="AC10" s="487" t="s">
        <v>66</v>
      </c>
      <c r="AD10" s="487" t="s">
        <v>66</v>
      </c>
      <c r="AE10" s="487" t="s">
        <v>66</v>
      </c>
      <c r="AF10" s="487" t="s">
        <v>66</v>
      </c>
      <c r="AG10" s="487" t="s">
        <v>66</v>
      </c>
      <c r="AH10" s="487" t="s">
        <v>66</v>
      </c>
      <c r="AI10" s="487" t="s">
        <v>66</v>
      </c>
      <c r="AJ10" s="487" t="s">
        <v>66</v>
      </c>
      <c r="AK10" s="487" t="s">
        <v>66</v>
      </c>
      <c r="AL10" s="487" t="s">
        <v>66</v>
      </c>
      <c r="AM10" s="487" t="s">
        <v>66</v>
      </c>
      <c r="AN10" s="487" t="s">
        <v>66</v>
      </c>
      <c r="AO10" s="487" t="s">
        <v>66</v>
      </c>
      <c r="AP10" s="487" t="s">
        <v>66</v>
      </c>
      <c r="AQ10" s="487" t="s">
        <v>66</v>
      </c>
      <c r="AR10" s="488"/>
      <c r="AS10" s="488"/>
      <c r="AT10" s="488"/>
      <c r="AU10" s="488"/>
      <c r="AV10" s="488"/>
      <c r="AW10" s="488"/>
      <c r="AX10" s="488"/>
      <c r="AY10" s="488"/>
      <c r="AZ10" s="488"/>
      <c r="BA10" s="488"/>
      <c r="BB10" s="488"/>
      <c r="BC10" s="488"/>
      <c r="BD10" s="488"/>
      <c r="BE10" s="488"/>
      <c r="BF10" s="80">
        <f t="shared" si="0"/>
        <v>8859</v>
      </c>
      <c r="BG10" s="76">
        <f t="shared" si="4"/>
        <v>636.93757760469578</v>
      </c>
      <c r="BH10" s="487">
        <f t="shared" si="1"/>
        <v>955406.36640704365</v>
      </c>
      <c r="BI10" s="487">
        <f t="shared" si="1"/>
        <v>127387.51552093915</v>
      </c>
      <c r="BJ10" s="487">
        <f t="shared" si="1"/>
        <v>286621.90992211312</v>
      </c>
      <c r="BK10" s="487">
        <f t="shared" si="1"/>
        <v>222928.15216164352</v>
      </c>
      <c r="BL10" s="487">
        <f t="shared" si="1"/>
        <v>191081.27328140874</v>
      </c>
      <c r="BM10" s="487">
        <f t="shared" si="1"/>
        <v>305730.03725025395</v>
      </c>
      <c r="BN10" s="487">
        <f t="shared" si="1"/>
        <v>63693.757760469576</v>
      </c>
      <c r="BO10" s="487">
        <f t="shared" si="1"/>
        <v>248405.65526583136</v>
      </c>
      <c r="BP10" s="487">
        <f t="shared" si="1"/>
        <v>318468.7888023479</v>
      </c>
      <c r="BQ10" s="487">
        <f t="shared" si="1"/>
        <v>318468.7888023479</v>
      </c>
      <c r="BR10" s="487">
        <f t="shared" si="1"/>
        <v>477703.18320352182</v>
      </c>
      <c r="BS10" s="487">
        <f t="shared" si="1"/>
        <v>127387.51552093915</v>
      </c>
      <c r="BT10" s="487">
        <f t="shared" si="1"/>
        <v>149043.39315949881</v>
      </c>
      <c r="BU10" s="487">
        <f t="shared" si="1"/>
        <v>222928.15216164352</v>
      </c>
      <c r="BV10" s="487">
        <f t="shared" si="1"/>
        <v>57324.381984422616</v>
      </c>
      <c r="BW10" s="487">
        <f t="shared" si="1"/>
        <v>50955.006208375664</v>
      </c>
      <c r="BX10" s="487">
        <f t="shared" si="2"/>
        <v>1519096.1225871993</v>
      </c>
      <c r="BY10" s="487" t="str">
        <f t="shared" si="2"/>
        <v/>
      </c>
      <c r="BZ10" s="487" t="str">
        <f t="shared" si="2"/>
        <v/>
      </c>
      <c r="CA10" s="487" t="str">
        <f t="shared" si="2"/>
        <v/>
      </c>
      <c r="CB10" s="487" t="str">
        <f t="shared" si="2"/>
        <v/>
      </c>
      <c r="CC10" s="487" t="str">
        <f t="shared" si="2"/>
        <v/>
      </c>
      <c r="CD10" s="487" t="str">
        <f t="shared" si="2"/>
        <v/>
      </c>
      <c r="CE10" s="487" t="str">
        <f t="shared" si="2"/>
        <v/>
      </c>
      <c r="CF10" s="487" t="str">
        <f t="shared" si="2"/>
        <v/>
      </c>
      <c r="CG10" s="487" t="str">
        <f t="shared" si="2"/>
        <v/>
      </c>
      <c r="CH10" s="487" t="str">
        <f t="shared" si="2"/>
        <v/>
      </c>
      <c r="CI10" s="487" t="str">
        <f t="shared" si="2"/>
        <v/>
      </c>
      <c r="CJ10" s="487" t="str">
        <f t="shared" si="2"/>
        <v/>
      </c>
      <c r="CK10" s="487" t="str">
        <f t="shared" si="2"/>
        <v/>
      </c>
      <c r="CL10" s="487" t="str">
        <f t="shared" si="2"/>
        <v/>
      </c>
      <c r="CM10" s="487"/>
      <c r="CN10" s="487"/>
      <c r="CO10" s="487"/>
      <c r="CP10" s="487"/>
      <c r="CQ10" s="487"/>
      <c r="CR10" s="487"/>
      <c r="CS10" s="487"/>
      <c r="CT10" s="487"/>
      <c r="CU10" s="487"/>
      <c r="CV10" s="487"/>
      <c r="CW10" s="487"/>
      <c r="CX10" s="487"/>
      <c r="CY10" s="487"/>
      <c r="CZ10" s="487"/>
      <c r="DA10" s="487"/>
      <c r="DB10" s="487"/>
      <c r="DC10" s="487"/>
      <c r="DD10" s="487"/>
      <c r="DE10" s="487"/>
      <c r="DF10" s="487"/>
      <c r="DG10" s="487"/>
      <c r="DH10" s="487"/>
      <c r="DI10" s="484" t="s">
        <v>83</v>
      </c>
      <c r="DJ10" s="484" t="s">
        <v>73</v>
      </c>
      <c r="DK10" s="77" t="s">
        <v>69</v>
      </c>
    </row>
    <row r="11" spans="1:115" s="136" customFormat="1" ht="56.1" hidden="1" customHeight="1" x14ac:dyDescent="0.2">
      <c r="A11" s="77"/>
      <c r="B11" s="77"/>
      <c r="C11" s="481">
        <v>17</v>
      </c>
      <c r="D11" s="481"/>
      <c r="E11" s="481" t="s">
        <v>2481</v>
      </c>
      <c r="F11" s="482" t="s">
        <v>53</v>
      </c>
      <c r="G11" s="482" t="s">
        <v>54</v>
      </c>
      <c r="H11" s="484" t="s">
        <v>115</v>
      </c>
      <c r="I11" s="484" t="s">
        <v>116</v>
      </c>
      <c r="J11" s="484" t="s">
        <v>117</v>
      </c>
      <c r="K11" s="484"/>
      <c r="L11" s="484" t="s">
        <v>58</v>
      </c>
      <c r="M11" s="484" t="s">
        <v>63</v>
      </c>
      <c r="N11" s="484"/>
      <c r="O11" s="484" t="s">
        <v>81</v>
      </c>
      <c r="P11" s="484" t="s">
        <v>61</v>
      </c>
      <c r="Q11" s="484"/>
      <c r="R11" s="484" t="s">
        <v>71</v>
      </c>
      <c r="S11" s="484" t="s">
        <v>63</v>
      </c>
      <c r="T11" s="484" t="s">
        <v>63</v>
      </c>
      <c r="U11" s="485">
        <v>840000</v>
      </c>
      <c r="V11" s="485"/>
      <c r="W11" s="484" t="s">
        <v>64</v>
      </c>
      <c r="X11" s="484"/>
      <c r="Y11" s="485">
        <f t="shared" si="3"/>
        <v>840000</v>
      </c>
      <c r="Z11" s="486" t="s">
        <v>82</v>
      </c>
      <c r="AA11" s="487" t="s">
        <v>66</v>
      </c>
      <c r="AB11" s="487" t="s">
        <v>66</v>
      </c>
      <c r="AC11" s="487" t="s">
        <v>66</v>
      </c>
      <c r="AD11" s="487" t="s">
        <v>66</v>
      </c>
      <c r="AE11" s="487" t="s">
        <v>66</v>
      </c>
      <c r="AF11" s="487" t="s">
        <v>66</v>
      </c>
      <c r="AG11" s="487" t="s">
        <v>66</v>
      </c>
      <c r="AH11" s="487" t="s">
        <v>66</v>
      </c>
      <c r="AI11" s="487" t="s">
        <v>66</v>
      </c>
      <c r="AJ11" s="487" t="s">
        <v>66</v>
      </c>
      <c r="AK11" s="487" t="s">
        <v>66</v>
      </c>
      <c r="AL11" s="487" t="s">
        <v>66</v>
      </c>
      <c r="AM11" s="487" t="s">
        <v>66</v>
      </c>
      <c r="AN11" s="487" t="s">
        <v>66</v>
      </c>
      <c r="AO11" s="487" t="s">
        <v>66</v>
      </c>
      <c r="AP11" s="487" t="s">
        <v>66</v>
      </c>
      <c r="AQ11" s="487" t="s">
        <v>66</v>
      </c>
      <c r="AR11" s="488"/>
      <c r="AS11" s="488"/>
      <c r="AT11" s="488"/>
      <c r="AU11" s="488"/>
      <c r="AV11" s="488"/>
      <c r="AW11" s="488"/>
      <c r="AX11" s="488"/>
      <c r="AY11" s="488"/>
      <c r="AZ11" s="488"/>
      <c r="BA11" s="488"/>
      <c r="BB11" s="488"/>
      <c r="BC11" s="488"/>
      <c r="BD11" s="488"/>
      <c r="BE11" s="488"/>
      <c r="BF11" s="80">
        <f t="shared" si="0"/>
        <v>8859</v>
      </c>
      <c r="BG11" s="76">
        <f t="shared" si="4"/>
        <v>94.818828310193027</v>
      </c>
      <c r="BH11" s="487">
        <f t="shared" si="1"/>
        <v>142228.24246528954</v>
      </c>
      <c r="BI11" s="487">
        <f t="shared" si="1"/>
        <v>18963.765662038604</v>
      </c>
      <c r="BJ11" s="487">
        <f t="shared" si="1"/>
        <v>42668.472739586861</v>
      </c>
      <c r="BK11" s="487">
        <f t="shared" si="1"/>
        <v>33186.589908567563</v>
      </c>
      <c r="BL11" s="487">
        <f t="shared" si="1"/>
        <v>28445.648493057906</v>
      </c>
      <c r="BM11" s="487">
        <f t="shared" si="1"/>
        <v>45513.03758889265</v>
      </c>
      <c r="BN11" s="487">
        <f t="shared" si="1"/>
        <v>9481.8828310193021</v>
      </c>
      <c r="BO11" s="487">
        <f t="shared" si="1"/>
        <v>36979.343040975284</v>
      </c>
      <c r="BP11" s="487">
        <f t="shared" si="1"/>
        <v>47409.414155096514</v>
      </c>
      <c r="BQ11" s="487">
        <f t="shared" si="1"/>
        <v>47409.414155096514</v>
      </c>
      <c r="BR11" s="487">
        <f t="shared" si="1"/>
        <v>71114.121232644771</v>
      </c>
      <c r="BS11" s="487">
        <f t="shared" si="1"/>
        <v>18963.765662038604</v>
      </c>
      <c r="BT11" s="487">
        <f t="shared" si="1"/>
        <v>22187.605824585167</v>
      </c>
      <c r="BU11" s="487">
        <f t="shared" si="1"/>
        <v>33186.589908567563</v>
      </c>
      <c r="BV11" s="487">
        <f t="shared" si="1"/>
        <v>8533.6945479173719</v>
      </c>
      <c r="BW11" s="487">
        <f t="shared" si="1"/>
        <v>7585.5062648154417</v>
      </c>
      <c r="BX11" s="487">
        <f t="shared" si="2"/>
        <v>226142.90551981036</v>
      </c>
      <c r="BY11" s="487" t="str">
        <f t="shared" si="2"/>
        <v/>
      </c>
      <c r="BZ11" s="487" t="str">
        <f t="shared" si="2"/>
        <v/>
      </c>
      <c r="CA11" s="487" t="str">
        <f t="shared" si="2"/>
        <v/>
      </c>
      <c r="CB11" s="487" t="str">
        <f t="shared" si="2"/>
        <v/>
      </c>
      <c r="CC11" s="487" t="str">
        <f t="shared" si="2"/>
        <v/>
      </c>
      <c r="CD11" s="487" t="str">
        <f t="shared" si="2"/>
        <v/>
      </c>
      <c r="CE11" s="487" t="str">
        <f t="shared" si="2"/>
        <v/>
      </c>
      <c r="CF11" s="487" t="str">
        <f t="shared" si="2"/>
        <v/>
      </c>
      <c r="CG11" s="487" t="str">
        <f t="shared" si="2"/>
        <v/>
      </c>
      <c r="CH11" s="487" t="str">
        <f t="shared" si="2"/>
        <v/>
      </c>
      <c r="CI11" s="487" t="str">
        <f t="shared" si="2"/>
        <v/>
      </c>
      <c r="CJ11" s="487" t="str">
        <f t="shared" si="2"/>
        <v/>
      </c>
      <c r="CK11" s="487" t="str">
        <f t="shared" si="2"/>
        <v/>
      </c>
      <c r="CL11" s="487" t="str">
        <f t="shared" si="2"/>
        <v/>
      </c>
      <c r="CM11" s="487"/>
      <c r="CN11" s="487"/>
      <c r="CO11" s="487"/>
      <c r="CP11" s="487"/>
      <c r="CQ11" s="487"/>
      <c r="CR11" s="487"/>
      <c r="CS11" s="487"/>
      <c r="CT11" s="487"/>
      <c r="CU11" s="487"/>
      <c r="CV11" s="487"/>
      <c r="CW11" s="487"/>
      <c r="CX11" s="487"/>
      <c r="CY11" s="487"/>
      <c r="CZ11" s="487"/>
      <c r="DA11" s="487"/>
      <c r="DB11" s="487"/>
      <c r="DC11" s="487"/>
      <c r="DD11" s="487"/>
      <c r="DE11" s="487"/>
      <c r="DF11" s="487"/>
      <c r="DG11" s="487"/>
      <c r="DH11" s="487"/>
      <c r="DI11" s="484" t="s">
        <v>118</v>
      </c>
      <c r="DJ11" s="484"/>
      <c r="DK11" s="77" t="s">
        <v>69</v>
      </c>
    </row>
    <row r="12" spans="1:115" s="136" customFormat="1" ht="56.1" hidden="1" customHeight="1" x14ac:dyDescent="0.2">
      <c r="A12" s="77"/>
      <c r="B12" s="77"/>
      <c r="C12" s="481">
        <v>18</v>
      </c>
      <c r="D12" s="481"/>
      <c r="E12" s="481" t="s">
        <v>2481</v>
      </c>
      <c r="F12" s="482" t="s">
        <v>53</v>
      </c>
      <c r="G12" s="482" t="s">
        <v>54</v>
      </c>
      <c r="H12" s="484" t="s">
        <v>119</v>
      </c>
      <c r="I12" s="484" t="s">
        <v>120</v>
      </c>
      <c r="J12" s="484" t="s">
        <v>121</v>
      </c>
      <c r="K12" s="484"/>
      <c r="L12" s="484" t="s">
        <v>58</v>
      </c>
      <c r="M12" s="484" t="s">
        <v>63</v>
      </c>
      <c r="N12" s="484"/>
      <c r="O12" s="484" t="s">
        <v>81</v>
      </c>
      <c r="P12" s="484" t="s">
        <v>61</v>
      </c>
      <c r="Q12" s="484"/>
      <c r="R12" s="484" t="s">
        <v>122</v>
      </c>
      <c r="S12" s="484" t="s">
        <v>63</v>
      </c>
      <c r="T12" s="484" t="s">
        <v>63</v>
      </c>
      <c r="U12" s="485">
        <v>1400000</v>
      </c>
      <c r="V12" s="485"/>
      <c r="W12" s="484" t="s">
        <v>64</v>
      </c>
      <c r="X12" s="484"/>
      <c r="Y12" s="485">
        <f t="shared" si="3"/>
        <v>1400000</v>
      </c>
      <c r="Z12" s="486" t="s">
        <v>82</v>
      </c>
      <c r="AA12" s="487" t="s">
        <v>66</v>
      </c>
      <c r="AB12" s="487" t="s">
        <v>66</v>
      </c>
      <c r="AC12" s="487" t="s">
        <v>66</v>
      </c>
      <c r="AD12" s="487" t="s">
        <v>66</v>
      </c>
      <c r="AE12" s="487" t="s">
        <v>66</v>
      </c>
      <c r="AF12" s="487" t="s">
        <v>66</v>
      </c>
      <c r="AG12" s="487" t="s">
        <v>66</v>
      </c>
      <c r="AH12" s="487" t="s">
        <v>66</v>
      </c>
      <c r="AI12" s="487" t="s">
        <v>66</v>
      </c>
      <c r="AJ12" s="487" t="s">
        <v>66</v>
      </c>
      <c r="AK12" s="487" t="s">
        <v>66</v>
      </c>
      <c r="AL12" s="487" t="s">
        <v>66</v>
      </c>
      <c r="AM12" s="487" t="s">
        <v>66</v>
      </c>
      <c r="AN12" s="487" t="s">
        <v>66</v>
      </c>
      <c r="AO12" s="487" t="s">
        <v>66</v>
      </c>
      <c r="AP12" s="487" t="s">
        <v>66</v>
      </c>
      <c r="AQ12" s="487" t="s">
        <v>66</v>
      </c>
      <c r="AR12" s="488"/>
      <c r="AS12" s="488"/>
      <c r="AT12" s="488"/>
      <c r="AU12" s="488"/>
      <c r="AV12" s="488"/>
      <c r="AW12" s="488"/>
      <c r="AX12" s="488"/>
      <c r="AY12" s="488"/>
      <c r="AZ12" s="488"/>
      <c r="BA12" s="488"/>
      <c r="BB12" s="488"/>
      <c r="BC12" s="488"/>
      <c r="BD12" s="488"/>
      <c r="BE12" s="488"/>
      <c r="BF12" s="80">
        <f t="shared" si="0"/>
        <v>8859</v>
      </c>
      <c r="BG12" s="76">
        <f t="shared" si="4"/>
        <v>158.03138051698838</v>
      </c>
      <c r="BH12" s="487">
        <f t="shared" si="1"/>
        <v>237047.07077548257</v>
      </c>
      <c r="BI12" s="487">
        <f t="shared" si="1"/>
        <v>31606.276103397675</v>
      </c>
      <c r="BJ12" s="487">
        <f t="shared" si="1"/>
        <v>71114.121232644771</v>
      </c>
      <c r="BK12" s="487">
        <f t="shared" si="1"/>
        <v>55310.983180945936</v>
      </c>
      <c r="BL12" s="487">
        <f t="shared" si="1"/>
        <v>47409.414155096514</v>
      </c>
      <c r="BM12" s="487">
        <f t="shared" si="1"/>
        <v>75855.062648154417</v>
      </c>
      <c r="BN12" s="487">
        <f t="shared" si="1"/>
        <v>15803.138051698837</v>
      </c>
      <c r="BO12" s="487">
        <f t="shared" si="1"/>
        <v>61632.238401625465</v>
      </c>
      <c r="BP12" s="487">
        <f t="shared" si="1"/>
        <v>79015.690258494185</v>
      </c>
      <c r="BQ12" s="487">
        <f t="shared" si="1"/>
        <v>79015.690258494185</v>
      </c>
      <c r="BR12" s="487">
        <f t="shared" si="1"/>
        <v>118523.53538774129</v>
      </c>
      <c r="BS12" s="487">
        <f t="shared" si="1"/>
        <v>31606.276103397675</v>
      </c>
      <c r="BT12" s="487">
        <f t="shared" si="1"/>
        <v>36979.343040975284</v>
      </c>
      <c r="BU12" s="487">
        <f t="shared" si="1"/>
        <v>55310.983180945936</v>
      </c>
      <c r="BV12" s="487">
        <f t="shared" si="1"/>
        <v>14222.824246528953</v>
      </c>
      <c r="BW12" s="487">
        <f t="shared" si="1"/>
        <v>12642.510441359071</v>
      </c>
      <c r="BX12" s="487">
        <f t="shared" si="2"/>
        <v>376904.84253301728</v>
      </c>
      <c r="BY12" s="487" t="str">
        <f t="shared" si="2"/>
        <v/>
      </c>
      <c r="BZ12" s="487" t="str">
        <f t="shared" si="2"/>
        <v/>
      </c>
      <c r="CA12" s="487" t="str">
        <f t="shared" si="2"/>
        <v/>
      </c>
      <c r="CB12" s="487" t="str">
        <f t="shared" si="2"/>
        <v/>
      </c>
      <c r="CC12" s="487" t="str">
        <f t="shared" si="2"/>
        <v/>
      </c>
      <c r="CD12" s="487" t="str">
        <f t="shared" si="2"/>
        <v/>
      </c>
      <c r="CE12" s="487" t="str">
        <f t="shared" si="2"/>
        <v/>
      </c>
      <c r="CF12" s="487" t="str">
        <f t="shared" si="2"/>
        <v/>
      </c>
      <c r="CG12" s="487" t="str">
        <f t="shared" si="2"/>
        <v/>
      </c>
      <c r="CH12" s="487" t="str">
        <f t="shared" si="2"/>
        <v/>
      </c>
      <c r="CI12" s="487" t="str">
        <f t="shared" si="2"/>
        <v/>
      </c>
      <c r="CJ12" s="487" t="str">
        <f t="shared" si="2"/>
        <v/>
      </c>
      <c r="CK12" s="487" t="str">
        <f t="shared" si="2"/>
        <v/>
      </c>
      <c r="CL12" s="487" t="str">
        <f t="shared" si="2"/>
        <v/>
      </c>
      <c r="CM12" s="487"/>
      <c r="CN12" s="487"/>
      <c r="CO12" s="487"/>
      <c r="CP12" s="487"/>
      <c r="CQ12" s="487"/>
      <c r="CR12" s="487"/>
      <c r="CS12" s="487"/>
      <c r="CT12" s="487"/>
      <c r="CU12" s="487"/>
      <c r="CV12" s="487"/>
      <c r="CW12" s="487"/>
      <c r="CX12" s="487"/>
      <c r="CY12" s="487"/>
      <c r="CZ12" s="487"/>
      <c r="DA12" s="487"/>
      <c r="DB12" s="487"/>
      <c r="DC12" s="487"/>
      <c r="DD12" s="487"/>
      <c r="DE12" s="487"/>
      <c r="DF12" s="487"/>
      <c r="DG12" s="487"/>
      <c r="DH12" s="487"/>
      <c r="DI12" s="484" t="s">
        <v>123</v>
      </c>
      <c r="DJ12" s="484"/>
      <c r="DK12" s="77" t="s">
        <v>69</v>
      </c>
    </row>
    <row r="13" spans="1:115" s="491" customFormat="1" ht="56.1" hidden="1" customHeight="1" x14ac:dyDescent="0.2">
      <c r="A13" s="489"/>
      <c r="B13" s="489"/>
      <c r="C13" s="481">
        <v>21</v>
      </c>
      <c r="D13" s="481"/>
      <c r="E13" s="481" t="s">
        <v>2481</v>
      </c>
      <c r="F13" s="482" t="s">
        <v>53</v>
      </c>
      <c r="G13" s="482" t="s">
        <v>54</v>
      </c>
      <c r="H13" s="484" t="s">
        <v>124</v>
      </c>
      <c r="I13" s="484" t="s">
        <v>125</v>
      </c>
      <c r="J13" s="484" t="s">
        <v>126</v>
      </c>
      <c r="K13" s="484"/>
      <c r="L13" s="484" t="s">
        <v>58</v>
      </c>
      <c r="M13" s="484" t="s">
        <v>127</v>
      </c>
      <c r="N13" s="484"/>
      <c r="O13" s="484" t="s">
        <v>60</v>
      </c>
      <c r="P13" s="484" t="s">
        <v>61</v>
      </c>
      <c r="Q13" s="484"/>
      <c r="R13" s="484" t="s">
        <v>71</v>
      </c>
      <c r="S13" s="484" t="s">
        <v>63</v>
      </c>
      <c r="T13" s="484" t="s">
        <v>63</v>
      </c>
      <c r="U13" s="485">
        <v>1023425</v>
      </c>
      <c r="V13" s="485"/>
      <c r="W13" s="484" t="s">
        <v>64</v>
      </c>
      <c r="X13" s="484"/>
      <c r="Y13" s="485">
        <f t="shared" si="3"/>
        <v>1023425</v>
      </c>
      <c r="Z13" s="486" t="s">
        <v>65</v>
      </c>
      <c r="AA13" s="490"/>
      <c r="AB13" s="490"/>
      <c r="AC13" s="490"/>
      <c r="AD13" s="490"/>
      <c r="AE13" s="490"/>
      <c r="AF13" s="490"/>
      <c r="AG13" s="490"/>
      <c r="AH13" s="490"/>
      <c r="AI13" s="490"/>
      <c r="AJ13" s="490"/>
      <c r="AK13" s="490"/>
      <c r="AL13" s="490"/>
      <c r="AM13" s="490"/>
      <c r="AN13" s="487" t="s">
        <v>66</v>
      </c>
      <c r="AO13" s="490"/>
      <c r="AP13" s="490"/>
      <c r="AQ13" s="490"/>
      <c r="AR13" s="490"/>
      <c r="AS13" s="490"/>
      <c r="AT13" s="490"/>
      <c r="AU13" s="490"/>
      <c r="AV13" s="490"/>
      <c r="AW13" s="488"/>
      <c r="AX13" s="488"/>
      <c r="AY13" s="488"/>
      <c r="AZ13" s="488"/>
      <c r="BA13" s="488"/>
      <c r="BB13" s="490"/>
      <c r="BC13" s="490"/>
      <c r="BD13" s="490"/>
      <c r="BE13" s="490"/>
      <c r="BF13" s="80">
        <f t="shared" si="0"/>
        <v>350</v>
      </c>
      <c r="BG13" s="76">
        <f t="shared" si="4"/>
        <v>2924.0714285714284</v>
      </c>
      <c r="BH13" s="487" t="str">
        <f t="shared" si="1"/>
        <v/>
      </c>
      <c r="BI13" s="487" t="str">
        <f t="shared" si="1"/>
        <v/>
      </c>
      <c r="BJ13" s="487" t="str">
        <f t="shared" si="1"/>
        <v/>
      </c>
      <c r="BK13" s="487" t="str">
        <f t="shared" si="1"/>
        <v/>
      </c>
      <c r="BL13" s="487" t="str">
        <f t="shared" si="1"/>
        <v/>
      </c>
      <c r="BM13" s="487" t="str">
        <f t="shared" si="1"/>
        <v/>
      </c>
      <c r="BN13" s="487" t="str">
        <f t="shared" si="1"/>
        <v/>
      </c>
      <c r="BO13" s="487" t="str">
        <f t="shared" si="1"/>
        <v/>
      </c>
      <c r="BP13" s="487" t="str">
        <f t="shared" si="1"/>
        <v/>
      </c>
      <c r="BQ13" s="487" t="str">
        <f t="shared" si="1"/>
        <v/>
      </c>
      <c r="BR13" s="487" t="str">
        <f t="shared" si="1"/>
        <v/>
      </c>
      <c r="BS13" s="487" t="str">
        <f t="shared" si="1"/>
        <v/>
      </c>
      <c r="BT13" s="487" t="str">
        <f t="shared" si="1"/>
        <v/>
      </c>
      <c r="BU13" s="487">
        <f t="shared" si="1"/>
        <v>1023425</v>
      </c>
      <c r="BV13" s="487" t="str">
        <f t="shared" si="1"/>
        <v/>
      </c>
      <c r="BW13" s="487" t="str">
        <f t="shared" si="1"/>
        <v/>
      </c>
      <c r="BX13" s="487" t="str">
        <f t="shared" si="2"/>
        <v/>
      </c>
      <c r="BY13" s="487" t="str">
        <f t="shared" si="2"/>
        <v/>
      </c>
      <c r="BZ13" s="487" t="str">
        <f t="shared" si="2"/>
        <v/>
      </c>
      <c r="CA13" s="487" t="str">
        <f t="shared" si="2"/>
        <v/>
      </c>
      <c r="CB13" s="487" t="str">
        <f t="shared" si="2"/>
        <v/>
      </c>
      <c r="CC13" s="487" t="str">
        <f t="shared" si="2"/>
        <v/>
      </c>
      <c r="CD13" s="487" t="str">
        <f t="shared" si="2"/>
        <v/>
      </c>
      <c r="CE13" s="487" t="str">
        <f t="shared" si="2"/>
        <v/>
      </c>
      <c r="CF13" s="487" t="str">
        <f t="shared" si="2"/>
        <v/>
      </c>
      <c r="CG13" s="487" t="str">
        <f t="shared" si="2"/>
        <v/>
      </c>
      <c r="CH13" s="487" t="str">
        <f t="shared" si="2"/>
        <v/>
      </c>
      <c r="CI13" s="487" t="str">
        <f t="shared" si="2"/>
        <v/>
      </c>
      <c r="CJ13" s="487" t="str">
        <f t="shared" si="2"/>
        <v/>
      </c>
      <c r="CK13" s="487" t="str">
        <f t="shared" si="2"/>
        <v/>
      </c>
      <c r="CL13" s="487" t="str">
        <f t="shared" si="2"/>
        <v/>
      </c>
      <c r="CM13" s="487"/>
      <c r="CN13" s="487"/>
      <c r="CO13" s="487"/>
      <c r="CP13" s="487"/>
      <c r="CQ13" s="487"/>
      <c r="CR13" s="487"/>
      <c r="CS13" s="487"/>
      <c r="CT13" s="487"/>
      <c r="CU13" s="487"/>
      <c r="CV13" s="487"/>
      <c r="CW13" s="487"/>
      <c r="CX13" s="487"/>
      <c r="CY13" s="487"/>
      <c r="CZ13" s="487"/>
      <c r="DA13" s="487"/>
      <c r="DB13" s="487"/>
      <c r="DC13" s="487"/>
      <c r="DD13" s="487"/>
      <c r="DE13" s="487"/>
      <c r="DF13" s="487"/>
      <c r="DG13" s="487"/>
      <c r="DH13" s="487"/>
      <c r="DI13" s="486" t="s">
        <v>128</v>
      </c>
      <c r="DJ13" s="484" t="s">
        <v>129</v>
      </c>
      <c r="DK13" s="77" t="s">
        <v>69</v>
      </c>
    </row>
    <row r="14" spans="1:115" s="491" customFormat="1" ht="56.1" hidden="1" customHeight="1" x14ac:dyDescent="0.2">
      <c r="A14" s="489"/>
      <c r="B14" s="489"/>
      <c r="C14" s="481">
        <v>22</v>
      </c>
      <c r="D14" s="481"/>
      <c r="E14" s="481" t="s">
        <v>2481</v>
      </c>
      <c r="F14" s="482" t="s">
        <v>53</v>
      </c>
      <c r="G14" s="482" t="s">
        <v>54</v>
      </c>
      <c r="H14" s="484" t="s">
        <v>124</v>
      </c>
      <c r="I14" s="484" t="s">
        <v>130</v>
      </c>
      <c r="J14" s="484" t="s">
        <v>126</v>
      </c>
      <c r="K14" s="484"/>
      <c r="L14" s="484" t="s">
        <v>58</v>
      </c>
      <c r="M14" s="484" t="s">
        <v>2482</v>
      </c>
      <c r="N14" s="484"/>
      <c r="O14" s="484" t="s">
        <v>60</v>
      </c>
      <c r="P14" s="484" t="s">
        <v>61</v>
      </c>
      <c r="Q14" s="484"/>
      <c r="R14" s="484" t="s">
        <v>71</v>
      </c>
      <c r="S14" s="484" t="s">
        <v>63</v>
      </c>
      <c r="T14" s="484" t="s">
        <v>63</v>
      </c>
      <c r="U14" s="485">
        <v>1023425</v>
      </c>
      <c r="V14" s="485"/>
      <c r="W14" s="484" t="s">
        <v>64</v>
      </c>
      <c r="X14" s="484"/>
      <c r="Y14" s="485">
        <f t="shared" si="3"/>
        <v>1023425</v>
      </c>
      <c r="Z14" s="486" t="s">
        <v>65</v>
      </c>
      <c r="AA14" s="490"/>
      <c r="AB14" s="490"/>
      <c r="AC14" s="490"/>
      <c r="AD14" s="490"/>
      <c r="AE14" s="490"/>
      <c r="AF14" s="490"/>
      <c r="AG14" s="490"/>
      <c r="AH14" s="487" t="s">
        <v>66</v>
      </c>
      <c r="AI14" s="490"/>
      <c r="AJ14" s="490"/>
      <c r="AK14" s="490"/>
      <c r="AL14" s="490"/>
      <c r="AM14" s="490"/>
      <c r="AN14" s="490"/>
      <c r="AO14" s="490"/>
      <c r="AP14" s="490"/>
      <c r="AQ14" s="490"/>
      <c r="AR14" s="490"/>
      <c r="AS14" s="490"/>
      <c r="AT14" s="490"/>
      <c r="AU14" s="490"/>
      <c r="AV14" s="490"/>
      <c r="AW14" s="488"/>
      <c r="AX14" s="488"/>
      <c r="AY14" s="488"/>
      <c r="AZ14" s="488"/>
      <c r="BA14" s="488"/>
      <c r="BB14" s="490"/>
      <c r="BC14" s="490"/>
      <c r="BD14" s="490"/>
      <c r="BE14" s="490"/>
      <c r="BF14" s="80">
        <f t="shared" si="0"/>
        <v>390</v>
      </c>
      <c r="BG14" s="76">
        <f t="shared" si="4"/>
        <v>2624.1666666666665</v>
      </c>
      <c r="BH14" s="487" t="str">
        <f t="shared" si="1"/>
        <v/>
      </c>
      <c r="BI14" s="487" t="str">
        <f t="shared" si="1"/>
        <v/>
      </c>
      <c r="BJ14" s="487" t="str">
        <f t="shared" si="1"/>
        <v/>
      </c>
      <c r="BK14" s="487" t="str">
        <f t="shared" si="1"/>
        <v/>
      </c>
      <c r="BL14" s="487" t="str">
        <f t="shared" si="1"/>
        <v/>
      </c>
      <c r="BM14" s="487" t="str">
        <f t="shared" si="1"/>
        <v/>
      </c>
      <c r="BN14" s="487" t="str">
        <f t="shared" si="1"/>
        <v/>
      </c>
      <c r="BO14" s="487">
        <f t="shared" si="1"/>
        <v>1023424.9999999999</v>
      </c>
      <c r="BP14" s="487" t="str">
        <f t="shared" si="1"/>
        <v/>
      </c>
      <c r="BQ14" s="487" t="str">
        <f t="shared" si="1"/>
        <v/>
      </c>
      <c r="BR14" s="487" t="str">
        <f t="shared" si="1"/>
        <v/>
      </c>
      <c r="BS14" s="487" t="str">
        <f t="shared" si="1"/>
        <v/>
      </c>
      <c r="BT14" s="487" t="str">
        <f t="shared" si="1"/>
        <v/>
      </c>
      <c r="BU14" s="487" t="str">
        <f t="shared" si="1"/>
        <v/>
      </c>
      <c r="BV14" s="487" t="str">
        <f t="shared" si="1"/>
        <v/>
      </c>
      <c r="BW14" s="487" t="str">
        <f t="shared" si="1"/>
        <v/>
      </c>
      <c r="BX14" s="487" t="str">
        <f t="shared" si="2"/>
        <v/>
      </c>
      <c r="BY14" s="487" t="str">
        <f t="shared" si="2"/>
        <v/>
      </c>
      <c r="BZ14" s="487" t="str">
        <f t="shared" si="2"/>
        <v/>
      </c>
      <c r="CA14" s="487" t="str">
        <f t="shared" si="2"/>
        <v/>
      </c>
      <c r="CB14" s="487" t="str">
        <f t="shared" si="2"/>
        <v/>
      </c>
      <c r="CC14" s="487" t="str">
        <f t="shared" si="2"/>
        <v/>
      </c>
      <c r="CD14" s="487" t="str">
        <f t="shared" si="2"/>
        <v/>
      </c>
      <c r="CE14" s="487" t="str">
        <f t="shared" si="2"/>
        <v/>
      </c>
      <c r="CF14" s="487" t="str">
        <f t="shared" si="2"/>
        <v/>
      </c>
      <c r="CG14" s="487" t="str">
        <f t="shared" si="2"/>
        <v/>
      </c>
      <c r="CH14" s="487" t="str">
        <f t="shared" si="2"/>
        <v/>
      </c>
      <c r="CI14" s="487" t="str">
        <f t="shared" si="2"/>
        <v/>
      </c>
      <c r="CJ14" s="487" t="str">
        <f t="shared" si="2"/>
        <v/>
      </c>
      <c r="CK14" s="487" t="str">
        <f t="shared" si="2"/>
        <v/>
      </c>
      <c r="CL14" s="487" t="str">
        <f t="shared" si="2"/>
        <v/>
      </c>
      <c r="CM14" s="487"/>
      <c r="CN14" s="487"/>
      <c r="CO14" s="487"/>
      <c r="CP14" s="487"/>
      <c r="CQ14" s="487"/>
      <c r="CR14" s="487"/>
      <c r="CS14" s="487"/>
      <c r="CT14" s="487"/>
      <c r="CU14" s="487"/>
      <c r="CV14" s="487"/>
      <c r="CW14" s="487"/>
      <c r="CX14" s="487"/>
      <c r="CY14" s="487"/>
      <c r="CZ14" s="487"/>
      <c r="DA14" s="487"/>
      <c r="DB14" s="487"/>
      <c r="DC14" s="487"/>
      <c r="DD14" s="487"/>
      <c r="DE14" s="487"/>
      <c r="DF14" s="487"/>
      <c r="DG14" s="487"/>
      <c r="DH14" s="487"/>
      <c r="DI14" s="486" t="s">
        <v>128</v>
      </c>
      <c r="DJ14" s="484" t="s">
        <v>132</v>
      </c>
      <c r="DK14" s="77" t="s">
        <v>69</v>
      </c>
    </row>
    <row r="15" spans="1:115" s="491" customFormat="1" ht="56.1" hidden="1" customHeight="1" x14ac:dyDescent="0.2">
      <c r="A15" s="489"/>
      <c r="B15" s="489"/>
      <c r="C15" s="481">
        <v>23</v>
      </c>
      <c r="D15" s="481"/>
      <c r="E15" s="481" t="s">
        <v>2481</v>
      </c>
      <c r="F15" s="482" t="s">
        <v>53</v>
      </c>
      <c r="G15" s="482" t="s">
        <v>54</v>
      </c>
      <c r="H15" s="484" t="s">
        <v>124</v>
      </c>
      <c r="I15" s="484" t="s">
        <v>133</v>
      </c>
      <c r="J15" s="484" t="s">
        <v>126</v>
      </c>
      <c r="K15" s="484"/>
      <c r="L15" s="484" t="s">
        <v>58</v>
      </c>
      <c r="M15" s="484" t="s">
        <v>26</v>
      </c>
      <c r="N15" s="484"/>
      <c r="O15" s="484" t="s">
        <v>60</v>
      </c>
      <c r="P15" s="484" t="s">
        <v>61</v>
      </c>
      <c r="Q15" s="484"/>
      <c r="R15" s="484" t="s">
        <v>71</v>
      </c>
      <c r="S15" s="484" t="s">
        <v>63</v>
      </c>
      <c r="T15" s="484" t="s">
        <v>63</v>
      </c>
      <c r="U15" s="485">
        <v>1023425</v>
      </c>
      <c r="V15" s="485"/>
      <c r="W15" s="484" t="s">
        <v>64</v>
      </c>
      <c r="X15" s="484"/>
      <c r="Y15" s="485">
        <f t="shared" si="3"/>
        <v>1023425</v>
      </c>
      <c r="Z15" s="486" t="s">
        <v>65</v>
      </c>
      <c r="AA15" s="490"/>
      <c r="AB15" s="490"/>
      <c r="AC15" s="490"/>
      <c r="AD15" s="490"/>
      <c r="AE15" s="490"/>
      <c r="AF15" s="490"/>
      <c r="AG15" s="490"/>
      <c r="AH15" s="490"/>
      <c r="AI15" s="490"/>
      <c r="AJ15" s="487" t="s">
        <v>66</v>
      </c>
      <c r="AK15" s="490"/>
      <c r="AL15" s="490"/>
      <c r="AM15" s="490"/>
      <c r="AN15" s="490"/>
      <c r="AO15" s="490"/>
      <c r="AP15" s="490"/>
      <c r="AQ15" s="490"/>
      <c r="AR15" s="490"/>
      <c r="AS15" s="490"/>
      <c r="AT15" s="490"/>
      <c r="AU15" s="490"/>
      <c r="AV15" s="490"/>
      <c r="AW15" s="490"/>
      <c r="AX15" s="490"/>
      <c r="AY15" s="490"/>
      <c r="AZ15" s="490"/>
      <c r="BA15" s="490"/>
      <c r="BB15" s="490"/>
      <c r="BC15" s="490"/>
      <c r="BD15" s="490"/>
      <c r="BE15" s="490"/>
      <c r="BF15" s="80">
        <f t="shared" si="0"/>
        <v>500</v>
      </c>
      <c r="BG15" s="76">
        <f t="shared" si="4"/>
        <v>2046.85</v>
      </c>
      <c r="BH15" s="487" t="str">
        <f t="shared" si="1"/>
        <v/>
      </c>
      <c r="BI15" s="487" t="str">
        <f t="shared" si="1"/>
        <v/>
      </c>
      <c r="BJ15" s="487" t="str">
        <f t="shared" si="1"/>
        <v/>
      </c>
      <c r="BK15" s="487" t="str">
        <f t="shared" si="1"/>
        <v/>
      </c>
      <c r="BL15" s="487" t="str">
        <f t="shared" si="1"/>
        <v/>
      </c>
      <c r="BM15" s="487" t="str">
        <f t="shared" si="1"/>
        <v/>
      </c>
      <c r="BN15" s="487" t="str">
        <f t="shared" si="1"/>
        <v/>
      </c>
      <c r="BO15" s="487" t="str">
        <f t="shared" si="1"/>
        <v/>
      </c>
      <c r="BP15" s="487" t="str">
        <f t="shared" si="1"/>
        <v/>
      </c>
      <c r="BQ15" s="487">
        <f t="shared" si="1"/>
        <v>1023425</v>
      </c>
      <c r="BR15" s="487" t="str">
        <f t="shared" si="1"/>
        <v/>
      </c>
      <c r="BS15" s="487" t="str">
        <f t="shared" si="1"/>
        <v/>
      </c>
      <c r="BT15" s="487" t="str">
        <f t="shared" si="1"/>
        <v/>
      </c>
      <c r="BU15" s="487" t="str">
        <f t="shared" si="1"/>
        <v/>
      </c>
      <c r="BV15" s="487" t="str">
        <f t="shared" si="1"/>
        <v/>
      </c>
      <c r="BW15" s="487" t="str">
        <f t="shared" si="1"/>
        <v/>
      </c>
      <c r="BX15" s="487" t="str">
        <f t="shared" si="2"/>
        <v/>
      </c>
      <c r="BY15" s="487" t="str">
        <f t="shared" si="2"/>
        <v/>
      </c>
      <c r="BZ15" s="487" t="str">
        <f t="shared" si="2"/>
        <v/>
      </c>
      <c r="CA15" s="487" t="str">
        <f t="shared" si="2"/>
        <v/>
      </c>
      <c r="CB15" s="487" t="str">
        <f t="shared" si="2"/>
        <v/>
      </c>
      <c r="CC15" s="487" t="str">
        <f t="shared" si="2"/>
        <v/>
      </c>
      <c r="CD15" s="487" t="str">
        <f t="shared" si="2"/>
        <v/>
      </c>
      <c r="CE15" s="487" t="str">
        <f t="shared" si="2"/>
        <v/>
      </c>
      <c r="CF15" s="487" t="str">
        <f t="shared" si="2"/>
        <v/>
      </c>
      <c r="CG15" s="487" t="str">
        <f t="shared" si="2"/>
        <v/>
      </c>
      <c r="CH15" s="487" t="str">
        <f t="shared" si="2"/>
        <v/>
      </c>
      <c r="CI15" s="487" t="str">
        <f t="shared" si="2"/>
        <v/>
      </c>
      <c r="CJ15" s="487" t="str">
        <f t="shared" si="2"/>
        <v/>
      </c>
      <c r="CK15" s="487" t="str">
        <f t="shared" si="2"/>
        <v/>
      </c>
      <c r="CL15" s="487" t="str">
        <f t="shared" si="2"/>
        <v/>
      </c>
      <c r="CM15" s="487"/>
      <c r="CN15" s="487"/>
      <c r="CO15" s="487"/>
      <c r="CP15" s="487"/>
      <c r="CQ15" s="487"/>
      <c r="CR15" s="487"/>
      <c r="CS15" s="487"/>
      <c r="CT15" s="487"/>
      <c r="CU15" s="487"/>
      <c r="CV15" s="487"/>
      <c r="CW15" s="487"/>
      <c r="CX15" s="487"/>
      <c r="CY15" s="487"/>
      <c r="CZ15" s="487"/>
      <c r="DA15" s="487"/>
      <c r="DB15" s="487"/>
      <c r="DC15" s="487"/>
      <c r="DD15" s="487"/>
      <c r="DE15" s="487"/>
      <c r="DF15" s="487"/>
      <c r="DG15" s="487"/>
      <c r="DH15" s="487"/>
      <c r="DI15" s="486" t="s">
        <v>128</v>
      </c>
      <c r="DJ15" s="484" t="s">
        <v>134</v>
      </c>
      <c r="DK15" s="77" t="s">
        <v>69</v>
      </c>
    </row>
    <row r="16" spans="1:115" s="136" customFormat="1" ht="56.1" hidden="1" customHeight="1" x14ac:dyDescent="0.2">
      <c r="A16" s="77"/>
      <c r="B16" s="77"/>
      <c r="C16" s="481">
        <v>24</v>
      </c>
      <c r="D16" s="481"/>
      <c r="E16" s="481" t="s">
        <v>2481</v>
      </c>
      <c r="F16" s="482" t="s">
        <v>53</v>
      </c>
      <c r="G16" s="482" t="s">
        <v>54</v>
      </c>
      <c r="H16" s="484" t="s">
        <v>124</v>
      </c>
      <c r="I16" s="484" t="s">
        <v>135</v>
      </c>
      <c r="J16" s="484" t="s">
        <v>136</v>
      </c>
      <c r="K16" s="484"/>
      <c r="L16" s="484" t="s">
        <v>58</v>
      </c>
      <c r="M16" s="484" t="s">
        <v>59</v>
      </c>
      <c r="N16" s="484"/>
      <c r="O16" s="484" t="s">
        <v>60</v>
      </c>
      <c r="P16" s="484" t="s">
        <v>61</v>
      </c>
      <c r="Q16" s="484"/>
      <c r="R16" s="484" t="s">
        <v>122</v>
      </c>
      <c r="S16" s="484" t="s">
        <v>63</v>
      </c>
      <c r="T16" s="484" t="s">
        <v>63</v>
      </c>
      <c r="U16" s="485">
        <v>2046850</v>
      </c>
      <c r="V16" s="485"/>
      <c r="W16" s="484" t="s">
        <v>64</v>
      </c>
      <c r="X16" s="484"/>
      <c r="Y16" s="485">
        <f t="shared" si="3"/>
        <v>2046850</v>
      </c>
      <c r="Z16" s="486" t="s">
        <v>65</v>
      </c>
      <c r="AA16" s="487" t="s">
        <v>66</v>
      </c>
      <c r="AB16" s="488"/>
      <c r="AC16" s="488"/>
      <c r="AD16" s="488"/>
      <c r="AE16" s="488"/>
      <c r="AF16" s="488"/>
      <c r="AG16" s="488"/>
      <c r="AH16" s="488"/>
      <c r="AI16" s="488"/>
      <c r="AJ16" s="488"/>
      <c r="AK16" s="488"/>
      <c r="AL16" s="488"/>
      <c r="AM16" s="488"/>
      <c r="AN16" s="488"/>
      <c r="AO16" s="488"/>
      <c r="AP16" s="488"/>
      <c r="AQ16" s="488"/>
      <c r="AR16" s="488"/>
      <c r="AS16" s="488"/>
      <c r="AT16" s="488"/>
      <c r="AU16" s="488"/>
      <c r="AV16" s="488"/>
      <c r="AW16" s="488"/>
      <c r="AX16" s="488"/>
      <c r="AY16" s="488"/>
      <c r="AZ16" s="488"/>
      <c r="BA16" s="488"/>
      <c r="BB16" s="488"/>
      <c r="BC16" s="488"/>
      <c r="BD16" s="488"/>
      <c r="BE16" s="488"/>
      <c r="BF16" s="80">
        <f t="shared" si="0"/>
        <v>1500</v>
      </c>
      <c r="BG16" s="76">
        <f t="shared" si="4"/>
        <v>1364.5666666666666</v>
      </c>
      <c r="BH16" s="487">
        <f t="shared" si="1"/>
        <v>2046850</v>
      </c>
      <c r="BI16" s="487" t="str">
        <f t="shared" si="1"/>
        <v/>
      </c>
      <c r="BJ16" s="487" t="str">
        <f t="shared" si="1"/>
        <v/>
      </c>
      <c r="BK16" s="487" t="str">
        <f t="shared" si="1"/>
        <v/>
      </c>
      <c r="BL16" s="487" t="str">
        <f t="shared" si="1"/>
        <v/>
      </c>
      <c r="BM16" s="487" t="str">
        <f t="shared" si="1"/>
        <v/>
      </c>
      <c r="BN16" s="487" t="str">
        <f t="shared" si="1"/>
        <v/>
      </c>
      <c r="BO16" s="487" t="str">
        <f t="shared" si="1"/>
        <v/>
      </c>
      <c r="BP16" s="487" t="str">
        <f t="shared" si="1"/>
        <v/>
      </c>
      <c r="BQ16" s="487" t="str">
        <f t="shared" si="1"/>
        <v/>
      </c>
      <c r="BR16" s="487" t="str">
        <f t="shared" si="1"/>
        <v/>
      </c>
      <c r="BS16" s="487" t="str">
        <f t="shared" si="1"/>
        <v/>
      </c>
      <c r="BT16" s="487" t="str">
        <f t="shared" si="1"/>
        <v/>
      </c>
      <c r="BU16" s="487" t="str">
        <f t="shared" si="1"/>
        <v/>
      </c>
      <c r="BV16" s="487" t="str">
        <f t="shared" si="1"/>
        <v/>
      </c>
      <c r="BW16" s="487" t="str">
        <f t="shared" si="1"/>
        <v/>
      </c>
      <c r="BX16" s="487" t="str">
        <f t="shared" si="2"/>
        <v/>
      </c>
      <c r="BY16" s="487" t="str">
        <f t="shared" si="2"/>
        <v/>
      </c>
      <c r="BZ16" s="487" t="str">
        <f t="shared" si="2"/>
        <v/>
      </c>
      <c r="CA16" s="487" t="str">
        <f t="shared" si="2"/>
        <v/>
      </c>
      <c r="CB16" s="487" t="str">
        <f t="shared" si="2"/>
        <v/>
      </c>
      <c r="CC16" s="487" t="str">
        <f t="shared" si="2"/>
        <v/>
      </c>
      <c r="CD16" s="487" t="str">
        <f t="shared" si="2"/>
        <v/>
      </c>
      <c r="CE16" s="487" t="str">
        <f t="shared" si="2"/>
        <v/>
      </c>
      <c r="CF16" s="487" t="str">
        <f t="shared" si="2"/>
        <v/>
      </c>
      <c r="CG16" s="487" t="str">
        <f t="shared" si="2"/>
        <v/>
      </c>
      <c r="CH16" s="487" t="str">
        <f t="shared" si="2"/>
        <v/>
      </c>
      <c r="CI16" s="487" t="str">
        <f t="shared" si="2"/>
        <v/>
      </c>
      <c r="CJ16" s="487" t="str">
        <f t="shared" si="2"/>
        <v/>
      </c>
      <c r="CK16" s="487" t="str">
        <f t="shared" si="2"/>
        <v/>
      </c>
      <c r="CL16" s="487" t="str">
        <f t="shared" si="2"/>
        <v/>
      </c>
      <c r="CM16" s="487"/>
      <c r="CN16" s="487"/>
      <c r="CO16" s="487"/>
      <c r="CP16" s="487"/>
      <c r="CQ16" s="487"/>
      <c r="CR16" s="487"/>
      <c r="CS16" s="487"/>
      <c r="CT16" s="487"/>
      <c r="CU16" s="487"/>
      <c r="CV16" s="487"/>
      <c r="CW16" s="487"/>
      <c r="CX16" s="487"/>
      <c r="CY16" s="487"/>
      <c r="CZ16" s="487"/>
      <c r="DA16" s="487"/>
      <c r="DB16" s="487"/>
      <c r="DC16" s="487"/>
      <c r="DD16" s="487"/>
      <c r="DE16" s="487"/>
      <c r="DF16" s="487"/>
      <c r="DG16" s="487"/>
      <c r="DH16" s="487"/>
      <c r="DI16" s="484" t="s">
        <v>137</v>
      </c>
      <c r="DJ16" s="484" t="s">
        <v>138</v>
      </c>
      <c r="DK16" s="77" t="s">
        <v>69</v>
      </c>
    </row>
    <row r="17" spans="1:115" s="136" customFormat="1" ht="56.1" hidden="1" customHeight="1" x14ac:dyDescent="0.2">
      <c r="A17" s="77"/>
      <c r="B17" s="77"/>
      <c r="C17" s="481">
        <v>25</v>
      </c>
      <c r="D17" s="481"/>
      <c r="E17" s="481" t="s">
        <v>2481</v>
      </c>
      <c r="F17" s="482" t="s">
        <v>53</v>
      </c>
      <c r="G17" s="482" t="s">
        <v>54</v>
      </c>
      <c r="H17" s="484" t="s">
        <v>124</v>
      </c>
      <c r="I17" s="484" t="s">
        <v>139</v>
      </c>
      <c r="J17" s="484" t="s">
        <v>126</v>
      </c>
      <c r="K17" s="484"/>
      <c r="L17" s="484" t="s">
        <v>58</v>
      </c>
      <c r="M17" s="484" t="s">
        <v>140</v>
      </c>
      <c r="N17" s="484"/>
      <c r="O17" s="484" t="s">
        <v>60</v>
      </c>
      <c r="P17" s="484" t="s">
        <v>61</v>
      </c>
      <c r="Q17" s="484"/>
      <c r="R17" s="484" t="s">
        <v>122</v>
      </c>
      <c r="S17" s="484" t="s">
        <v>63</v>
      </c>
      <c r="T17" s="484" t="s">
        <v>63</v>
      </c>
      <c r="U17" s="485">
        <v>1023425</v>
      </c>
      <c r="V17" s="485"/>
      <c r="W17" s="484" t="s">
        <v>64</v>
      </c>
      <c r="X17" s="484"/>
      <c r="Y17" s="485">
        <f t="shared" si="3"/>
        <v>1023425</v>
      </c>
      <c r="Z17" s="486" t="s">
        <v>65</v>
      </c>
      <c r="AA17" s="488"/>
      <c r="AB17" s="488"/>
      <c r="AC17" s="487" t="s">
        <v>66</v>
      </c>
      <c r="AD17" s="488"/>
      <c r="AE17" s="488"/>
      <c r="AF17" s="488"/>
      <c r="AG17" s="488"/>
      <c r="AH17" s="488"/>
      <c r="AI17" s="488"/>
      <c r="AJ17" s="488"/>
      <c r="AK17" s="488"/>
      <c r="AL17" s="488"/>
      <c r="AM17" s="488"/>
      <c r="AN17" s="488"/>
      <c r="AO17" s="488"/>
      <c r="AP17" s="488"/>
      <c r="AQ17" s="488"/>
      <c r="AR17" s="488"/>
      <c r="AS17" s="488"/>
      <c r="AT17" s="488"/>
      <c r="AU17" s="488"/>
      <c r="AV17" s="488"/>
      <c r="AW17" s="488"/>
      <c r="AX17" s="488"/>
      <c r="AY17" s="488"/>
      <c r="AZ17" s="488"/>
      <c r="BA17" s="488"/>
      <c r="BB17" s="488"/>
      <c r="BC17" s="488"/>
      <c r="BD17" s="488"/>
      <c r="BE17" s="488"/>
      <c r="BF17" s="80">
        <f t="shared" si="0"/>
        <v>450</v>
      </c>
      <c r="BG17" s="76">
        <f t="shared" si="4"/>
        <v>2274.2777777777778</v>
      </c>
      <c r="BH17" s="487" t="str">
        <f t="shared" si="1"/>
        <v/>
      </c>
      <c r="BI17" s="487" t="str">
        <f t="shared" si="1"/>
        <v/>
      </c>
      <c r="BJ17" s="487">
        <f t="shared" si="1"/>
        <v>1023425</v>
      </c>
      <c r="BK17" s="487" t="str">
        <f t="shared" si="1"/>
        <v/>
      </c>
      <c r="BL17" s="487" t="str">
        <f t="shared" si="1"/>
        <v/>
      </c>
      <c r="BM17" s="487" t="str">
        <f t="shared" si="1"/>
        <v/>
      </c>
      <c r="BN17" s="487" t="str">
        <f t="shared" si="1"/>
        <v/>
      </c>
      <c r="BO17" s="487" t="str">
        <f t="shared" si="1"/>
        <v/>
      </c>
      <c r="BP17" s="487" t="str">
        <f t="shared" si="1"/>
        <v/>
      </c>
      <c r="BQ17" s="487" t="str">
        <f t="shared" si="1"/>
        <v/>
      </c>
      <c r="BR17" s="487" t="str">
        <f t="shared" si="1"/>
        <v/>
      </c>
      <c r="BS17" s="487" t="str">
        <f t="shared" si="1"/>
        <v/>
      </c>
      <c r="BT17" s="487" t="str">
        <f t="shared" si="1"/>
        <v/>
      </c>
      <c r="BU17" s="487" t="str">
        <f t="shared" si="1"/>
        <v/>
      </c>
      <c r="BV17" s="487" t="str">
        <f t="shared" si="1"/>
        <v/>
      </c>
      <c r="BW17" s="487" t="str">
        <f t="shared" si="1"/>
        <v/>
      </c>
      <c r="BX17" s="487" t="str">
        <f t="shared" si="2"/>
        <v/>
      </c>
      <c r="BY17" s="487" t="str">
        <f t="shared" si="2"/>
        <v/>
      </c>
      <c r="BZ17" s="487" t="str">
        <f t="shared" si="2"/>
        <v/>
      </c>
      <c r="CA17" s="487" t="str">
        <f t="shared" si="2"/>
        <v/>
      </c>
      <c r="CB17" s="487" t="str">
        <f t="shared" si="2"/>
        <v/>
      </c>
      <c r="CC17" s="487" t="str">
        <f t="shared" si="2"/>
        <v/>
      </c>
      <c r="CD17" s="487" t="str">
        <f t="shared" si="2"/>
        <v/>
      </c>
      <c r="CE17" s="487" t="str">
        <f t="shared" si="2"/>
        <v/>
      </c>
      <c r="CF17" s="487" t="str">
        <f t="shared" si="2"/>
        <v/>
      </c>
      <c r="CG17" s="487" t="str">
        <f t="shared" si="2"/>
        <v/>
      </c>
      <c r="CH17" s="487" t="str">
        <f t="shared" si="2"/>
        <v/>
      </c>
      <c r="CI17" s="487" t="str">
        <f t="shared" si="2"/>
        <v/>
      </c>
      <c r="CJ17" s="487" t="str">
        <f t="shared" si="2"/>
        <v/>
      </c>
      <c r="CK17" s="487" t="str">
        <f t="shared" si="2"/>
        <v/>
      </c>
      <c r="CL17" s="487" t="str">
        <f t="shared" si="2"/>
        <v/>
      </c>
      <c r="CM17" s="487"/>
      <c r="CN17" s="487"/>
      <c r="CO17" s="487"/>
      <c r="CP17" s="487"/>
      <c r="CQ17" s="487"/>
      <c r="CR17" s="487"/>
      <c r="CS17" s="487"/>
      <c r="CT17" s="487"/>
      <c r="CU17" s="487"/>
      <c r="CV17" s="487"/>
      <c r="CW17" s="487"/>
      <c r="CX17" s="487"/>
      <c r="CY17" s="487"/>
      <c r="CZ17" s="487"/>
      <c r="DA17" s="487"/>
      <c r="DB17" s="487"/>
      <c r="DC17" s="487"/>
      <c r="DD17" s="487"/>
      <c r="DE17" s="487"/>
      <c r="DF17" s="487"/>
      <c r="DG17" s="487"/>
      <c r="DH17" s="487"/>
      <c r="DI17" s="486" t="s">
        <v>128</v>
      </c>
      <c r="DJ17" s="484" t="s">
        <v>141</v>
      </c>
      <c r="DK17" s="77" t="s">
        <v>69</v>
      </c>
    </row>
    <row r="18" spans="1:115" s="136" customFormat="1" ht="70.349999999999994" hidden="1" customHeight="1" x14ac:dyDescent="0.2">
      <c r="A18" s="77"/>
      <c r="B18" s="77"/>
      <c r="C18" s="481">
        <v>27</v>
      </c>
      <c r="D18" s="481"/>
      <c r="E18" s="481" t="s">
        <v>2481</v>
      </c>
      <c r="F18" s="482" t="s">
        <v>53</v>
      </c>
      <c r="G18" s="482" t="s">
        <v>54</v>
      </c>
      <c r="H18" s="484" t="s">
        <v>148</v>
      </c>
      <c r="I18" s="484" t="s">
        <v>149</v>
      </c>
      <c r="J18" s="484" t="s">
        <v>150</v>
      </c>
      <c r="K18" s="484"/>
      <c r="L18" s="484" t="s">
        <v>151</v>
      </c>
      <c r="M18" s="484" t="s">
        <v>63</v>
      </c>
      <c r="N18" s="484"/>
      <c r="O18" s="484" t="s">
        <v>81</v>
      </c>
      <c r="P18" s="484" t="s">
        <v>61</v>
      </c>
      <c r="Q18" s="484"/>
      <c r="R18" s="484" t="s">
        <v>71</v>
      </c>
      <c r="S18" s="484" t="s">
        <v>63</v>
      </c>
      <c r="T18" s="484" t="s">
        <v>63</v>
      </c>
      <c r="U18" s="485">
        <v>125292</v>
      </c>
      <c r="V18" s="485"/>
      <c r="W18" s="484" t="s">
        <v>64</v>
      </c>
      <c r="X18" s="484"/>
      <c r="Y18" s="485">
        <f t="shared" si="3"/>
        <v>125292</v>
      </c>
      <c r="Z18" s="486" t="s">
        <v>65</v>
      </c>
      <c r="AA18" s="487" t="s">
        <v>66</v>
      </c>
      <c r="AB18" s="488"/>
      <c r="AC18" s="488"/>
      <c r="AD18" s="488"/>
      <c r="AE18" s="488"/>
      <c r="AF18" s="488"/>
      <c r="AG18" s="488"/>
      <c r="AH18" s="488"/>
      <c r="AI18" s="488"/>
      <c r="AJ18" s="488"/>
      <c r="AK18" s="488"/>
      <c r="AL18" s="488"/>
      <c r="AM18" s="488"/>
      <c r="AN18" s="488"/>
      <c r="AO18" s="488"/>
      <c r="AP18" s="488"/>
      <c r="AQ18" s="488"/>
      <c r="AR18" s="488"/>
      <c r="AS18" s="488"/>
      <c r="AT18" s="488"/>
      <c r="AU18" s="488"/>
      <c r="AV18" s="488"/>
      <c r="AW18" s="488"/>
      <c r="AX18" s="488"/>
      <c r="AY18" s="488"/>
      <c r="AZ18" s="488"/>
      <c r="BA18" s="488"/>
      <c r="BB18" s="488"/>
      <c r="BC18" s="488"/>
      <c r="BD18" s="488"/>
      <c r="BE18" s="488"/>
      <c r="BF18" s="80">
        <f t="shared" si="0"/>
        <v>1500</v>
      </c>
      <c r="BG18" s="76">
        <f t="shared" si="4"/>
        <v>83.528000000000006</v>
      </c>
      <c r="BH18" s="487">
        <f t="shared" si="1"/>
        <v>125292.00000000001</v>
      </c>
      <c r="BI18" s="487" t="str">
        <f t="shared" si="1"/>
        <v/>
      </c>
      <c r="BJ18" s="487" t="str">
        <f t="shared" si="1"/>
        <v/>
      </c>
      <c r="BK18" s="487" t="str">
        <f t="shared" si="1"/>
        <v/>
      </c>
      <c r="BL18" s="487" t="str">
        <f t="shared" si="1"/>
        <v/>
      </c>
      <c r="BM18" s="487" t="str">
        <f t="shared" si="1"/>
        <v/>
      </c>
      <c r="BN18" s="487" t="str">
        <f t="shared" si="1"/>
        <v/>
      </c>
      <c r="BO18" s="487" t="str">
        <f t="shared" si="1"/>
        <v/>
      </c>
      <c r="BP18" s="487" t="str">
        <f t="shared" si="1"/>
        <v/>
      </c>
      <c r="BQ18" s="487" t="str">
        <f t="shared" si="1"/>
        <v/>
      </c>
      <c r="BR18" s="487" t="str">
        <f t="shared" si="1"/>
        <v/>
      </c>
      <c r="BS18" s="487" t="str">
        <f t="shared" si="1"/>
        <v/>
      </c>
      <c r="BT18" s="487" t="str">
        <f t="shared" si="1"/>
        <v/>
      </c>
      <c r="BU18" s="487" t="str">
        <f t="shared" si="1"/>
        <v/>
      </c>
      <c r="BV18" s="487" t="str">
        <f t="shared" si="1"/>
        <v/>
      </c>
      <c r="BW18" s="487" t="str">
        <f t="shared" ref="BW18:CL35" si="5">IF(AP18="yes",(AP$2*$BG18),"")</f>
        <v/>
      </c>
      <c r="BX18" s="487" t="str">
        <f t="shared" si="2"/>
        <v/>
      </c>
      <c r="BY18" s="487" t="str">
        <f t="shared" si="2"/>
        <v/>
      </c>
      <c r="BZ18" s="487" t="str">
        <f t="shared" si="2"/>
        <v/>
      </c>
      <c r="CA18" s="487" t="str">
        <f t="shared" si="2"/>
        <v/>
      </c>
      <c r="CB18" s="487" t="str">
        <f t="shared" si="2"/>
        <v/>
      </c>
      <c r="CC18" s="487" t="str">
        <f t="shared" si="2"/>
        <v/>
      </c>
      <c r="CD18" s="487" t="str">
        <f t="shared" si="2"/>
        <v/>
      </c>
      <c r="CE18" s="487" t="str">
        <f t="shared" si="2"/>
        <v/>
      </c>
      <c r="CF18" s="487" t="str">
        <f t="shared" si="2"/>
        <v/>
      </c>
      <c r="CG18" s="487" t="str">
        <f t="shared" si="2"/>
        <v/>
      </c>
      <c r="CH18" s="487" t="str">
        <f t="shared" si="2"/>
        <v/>
      </c>
      <c r="CI18" s="487" t="str">
        <f t="shared" si="2"/>
        <v/>
      </c>
      <c r="CJ18" s="487" t="str">
        <f t="shared" si="2"/>
        <v/>
      </c>
      <c r="CK18" s="487" t="str">
        <f t="shared" si="2"/>
        <v/>
      </c>
      <c r="CL18" s="487" t="str">
        <f t="shared" si="2"/>
        <v/>
      </c>
      <c r="CM18" s="487"/>
      <c r="CN18" s="487"/>
      <c r="CO18" s="487"/>
      <c r="CP18" s="487"/>
      <c r="CQ18" s="487"/>
      <c r="CR18" s="487"/>
      <c r="CS18" s="487"/>
      <c r="CT18" s="487"/>
      <c r="CU18" s="487"/>
      <c r="CV18" s="487"/>
      <c r="CW18" s="487"/>
      <c r="CX18" s="487"/>
      <c r="CY18" s="487"/>
      <c r="CZ18" s="487"/>
      <c r="DA18" s="487"/>
      <c r="DB18" s="487"/>
      <c r="DC18" s="487"/>
      <c r="DD18" s="487"/>
      <c r="DE18" s="487"/>
      <c r="DF18" s="487"/>
      <c r="DG18" s="487"/>
      <c r="DH18" s="487"/>
      <c r="DI18" s="484" t="s">
        <v>152</v>
      </c>
      <c r="DJ18" s="484" t="s">
        <v>147</v>
      </c>
      <c r="DK18" s="77" t="s">
        <v>69</v>
      </c>
    </row>
    <row r="19" spans="1:115" s="136" customFormat="1" ht="148.35" hidden="1" customHeight="1" x14ac:dyDescent="0.2">
      <c r="A19" s="77"/>
      <c r="B19" s="77"/>
      <c r="C19" s="481">
        <v>29</v>
      </c>
      <c r="D19" s="481"/>
      <c r="E19" s="481" t="s">
        <v>2481</v>
      </c>
      <c r="F19" s="482" t="s">
        <v>53</v>
      </c>
      <c r="G19" s="482" t="s">
        <v>153</v>
      </c>
      <c r="H19" s="484" t="s">
        <v>154</v>
      </c>
      <c r="I19" s="484" t="s">
        <v>163</v>
      </c>
      <c r="J19" s="484" t="s">
        <v>164</v>
      </c>
      <c r="K19" s="484"/>
      <c r="L19" s="484" t="s">
        <v>58</v>
      </c>
      <c r="M19" s="484" t="s">
        <v>127</v>
      </c>
      <c r="N19" s="484"/>
      <c r="O19" s="484" t="s">
        <v>81</v>
      </c>
      <c r="P19" s="484" t="s">
        <v>158</v>
      </c>
      <c r="Q19" s="484"/>
      <c r="R19" s="484" t="s">
        <v>165</v>
      </c>
      <c r="S19" s="484" t="s">
        <v>63</v>
      </c>
      <c r="T19" s="484" t="s">
        <v>63</v>
      </c>
      <c r="U19" s="485"/>
      <c r="V19" s="485"/>
      <c r="W19" s="484" t="s">
        <v>160</v>
      </c>
      <c r="X19" s="484"/>
      <c r="Y19" s="485"/>
      <c r="Z19" s="486" t="s">
        <v>65</v>
      </c>
      <c r="AA19" s="488"/>
      <c r="AB19" s="488"/>
      <c r="AC19" s="488"/>
      <c r="AD19" s="488"/>
      <c r="AE19" s="488"/>
      <c r="AF19" s="488"/>
      <c r="AG19" s="488"/>
      <c r="AH19" s="488"/>
      <c r="AI19" s="488"/>
      <c r="AJ19" s="488"/>
      <c r="AK19" s="488"/>
      <c r="AL19" s="488"/>
      <c r="AM19" s="488"/>
      <c r="AN19" s="488"/>
      <c r="AO19" s="488"/>
      <c r="AP19" s="488"/>
      <c r="AQ19" s="488" t="s">
        <v>66</v>
      </c>
      <c r="AR19" s="488"/>
      <c r="AS19" s="488"/>
      <c r="AT19" s="488"/>
      <c r="AU19" s="488"/>
      <c r="AV19" s="488"/>
      <c r="AW19" s="488"/>
      <c r="AX19" s="488"/>
      <c r="AY19" s="488"/>
      <c r="AZ19" s="488"/>
      <c r="BA19" s="488"/>
      <c r="BB19" s="488"/>
      <c r="BC19" s="488"/>
      <c r="BD19" s="488"/>
      <c r="BE19" s="488"/>
      <c r="BF19" s="80">
        <f t="shared" si="0"/>
        <v>2385</v>
      </c>
      <c r="BG19" s="76"/>
      <c r="BH19" s="487" t="str">
        <f t="shared" ref="BH19:BV35" si="6">IF(AA19="yes",(AA$2*$BG19),"")</f>
        <v/>
      </c>
      <c r="BI19" s="487" t="str">
        <f t="shared" si="6"/>
        <v/>
      </c>
      <c r="BJ19" s="487" t="str">
        <f t="shared" si="6"/>
        <v/>
      </c>
      <c r="BK19" s="487" t="str">
        <f t="shared" si="6"/>
        <v/>
      </c>
      <c r="BL19" s="487" t="str">
        <f t="shared" si="6"/>
        <v/>
      </c>
      <c r="BM19" s="487" t="str">
        <f t="shared" si="6"/>
        <v/>
      </c>
      <c r="BN19" s="487" t="str">
        <f t="shared" si="6"/>
        <v/>
      </c>
      <c r="BO19" s="487" t="str">
        <f t="shared" si="6"/>
        <v/>
      </c>
      <c r="BP19" s="487" t="str">
        <f t="shared" si="6"/>
        <v/>
      </c>
      <c r="BQ19" s="487" t="str">
        <f t="shared" si="6"/>
        <v/>
      </c>
      <c r="BR19" s="487" t="str">
        <f t="shared" si="6"/>
        <v/>
      </c>
      <c r="BS19" s="487" t="str">
        <f t="shared" si="6"/>
        <v/>
      </c>
      <c r="BT19" s="487" t="str">
        <f t="shared" si="6"/>
        <v/>
      </c>
      <c r="BU19" s="487" t="str">
        <f t="shared" si="6"/>
        <v/>
      </c>
      <c r="BV19" s="487" t="str">
        <f t="shared" si="6"/>
        <v/>
      </c>
      <c r="BW19" s="487" t="str">
        <f t="shared" si="5"/>
        <v/>
      </c>
      <c r="BX19" s="487">
        <f t="shared" si="2"/>
        <v>0</v>
      </c>
      <c r="BY19" s="487" t="str">
        <f t="shared" si="2"/>
        <v/>
      </c>
      <c r="BZ19" s="487" t="str">
        <f t="shared" si="2"/>
        <v/>
      </c>
      <c r="CA19" s="487" t="str">
        <f t="shared" si="2"/>
        <v/>
      </c>
      <c r="CB19" s="487" t="str">
        <f t="shared" si="2"/>
        <v/>
      </c>
      <c r="CC19" s="487" t="str">
        <f t="shared" si="2"/>
        <v/>
      </c>
      <c r="CD19" s="487" t="str">
        <f t="shared" si="2"/>
        <v/>
      </c>
      <c r="CE19" s="487" t="str">
        <f t="shared" si="2"/>
        <v/>
      </c>
      <c r="CF19" s="487" t="str">
        <f t="shared" si="2"/>
        <v/>
      </c>
      <c r="CG19" s="487" t="str">
        <f t="shared" si="2"/>
        <v/>
      </c>
      <c r="CH19" s="487" t="str">
        <f t="shared" si="2"/>
        <v/>
      </c>
      <c r="CI19" s="487" t="str">
        <f t="shared" si="2"/>
        <v/>
      </c>
      <c r="CJ19" s="487" t="str">
        <f t="shared" si="2"/>
        <v/>
      </c>
      <c r="CK19" s="487" t="str">
        <f t="shared" si="2"/>
        <v/>
      </c>
      <c r="CL19" s="487" t="str">
        <f t="shared" si="2"/>
        <v/>
      </c>
      <c r="CM19" s="487"/>
      <c r="CN19" s="487"/>
      <c r="CO19" s="487"/>
      <c r="CP19" s="487"/>
      <c r="CQ19" s="487"/>
      <c r="CR19" s="487"/>
      <c r="CS19" s="487"/>
      <c r="CT19" s="487"/>
      <c r="CU19" s="487"/>
      <c r="CV19" s="487"/>
      <c r="CW19" s="487"/>
      <c r="CX19" s="487"/>
      <c r="CY19" s="487"/>
      <c r="CZ19" s="487"/>
      <c r="DA19" s="487"/>
      <c r="DB19" s="487"/>
      <c r="DC19" s="487"/>
      <c r="DD19" s="487"/>
      <c r="DE19" s="487"/>
      <c r="DF19" s="487"/>
      <c r="DG19" s="487"/>
      <c r="DH19" s="487"/>
      <c r="DI19" s="484"/>
      <c r="DJ19" s="77"/>
      <c r="DK19" s="77" t="s">
        <v>162</v>
      </c>
    </row>
    <row r="20" spans="1:115" s="136" customFormat="1" ht="93.6" hidden="1" customHeight="1" x14ac:dyDescent="0.2">
      <c r="A20" s="77"/>
      <c r="B20" s="77"/>
      <c r="C20" s="481">
        <v>31</v>
      </c>
      <c r="D20" s="481"/>
      <c r="E20" s="481" t="s">
        <v>2481</v>
      </c>
      <c r="F20" s="482" t="s">
        <v>53</v>
      </c>
      <c r="G20" s="482" t="s">
        <v>153</v>
      </c>
      <c r="H20" s="484" t="s">
        <v>154</v>
      </c>
      <c r="I20" s="484" t="s">
        <v>171</v>
      </c>
      <c r="J20" s="484" t="s">
        <v>172</v>
      </c>
      <c r="K20" s="484"/>
      <c r="L20" s="484" t="s">
        <v>58</v>
      </c>
      <c r="M20" s="484" t="s">
        <v>173</v>
      </c>
      <c r="N20" s="484"/>
      <c r="O20" s="484" t="s">
        <v>60</v>
      </c>
      <c r="P20" s="484" t="s">
        <v>158</v>
      </c>
      <c r="Q20" s="484"/>
      <c r="R20" s="484" t="s">
        <v>62</v>
      </c>
      <c r="S20" s="484" t="s">
        <v>63</v>
      </c>
      <c r="T20" s="484" t="s">
        <v>63</v>
      </c>
      <c r="U20" s="485"/>
      <c r="V20" s="485"/>
      <c r="W20" s="484" t="s">
        <v>160</v>
      </c>
      <c r="X20" s="484"/>
      <c r="Y20" s="485"/>
      <c r="Z20" s="486" t="s">
        <v>65</v>
      </c>
      <c r="AA20" s="488" t="s">
        <v>66</v>
      </c>
      <c r="AB20" s="488"/>
      <c r="AC20" s="488"/>
      <c r="AD20" s="488"/>
      <c r="AE20" s="488"/>
      <c r="AF20" s="488"/>
      <c r="AG20" s="488"/>
      <c r="AH20" s="488"/>
      <c r="AI20" s="488"/>
      <c r="AJ20" s="488"/>
      <c r="AK20" s="488"/>
      <c r="AL20" s="488"/>
      <c r="AM20" s="488"/>
      <c r="AN20" s="488"/>
      <c r="AO20" s="488"/>
      <c r="AP20" s="488"/>
      <c r="AQ20" s="488"/>
      <c r="AR20" s="488"/>
      <c r="AS20" s="488"/>
      <c r="AT20" s="488"/>
      <c r="AU20" s="488"/>
      <c r="AV20" s="488"/>
      <c r="AW20" s="488"/>
      <c r="AX20" s="488"/>
      <c r="AY20" s="488"/>
      <c r="AZ20" s="488"/>
      <c r="BA20" s="488"/>
      <c r="BB20" s="488"/>
      <c r="BC20" s="488"/>
      <c r="BD20" s="488"/>
      <c r="BE20" s="488"/>
      <c r="BF20" s="80">
        <f t="shared" si="0"/>
        <v>1500</v>
      </c>
      <c r="BG20" s="76">
        <f>Y20/BF20</f>
        <v>0</v>
      </c>
      <c r="BH20" s="487">
        <f t="shared" si="6"/>
        <v>0</v>
      </c>
      <c r="BI20" s="487" t="str">
        <f t="shared" si="6"/>
        <v/>
      </c>
      <c r="BJ20" s="487" t="str">
        <f t="shared" si="6"/>
        <v/>
      </c>
      <c r="BK20" s="487" t="str">
        <f t="shared" si="6"/>
        <v/>
      </c>
      <c r="BL20" s="487" t="str">
        <f t="shared" si="6"/>
        <v/>
      </c>
      <c r="BM20" s="487" t="str">
        <f t="shared" si="6"/>
        <v/>
      </c>
      <c r="BN20" s="487" t="str">
        <f t="shared" si="6"/>
        <v/>
      </c>
      <c r="BO20" s="487" t="str">
        <f t="shared" si="6"/>
        <v/>
      </c>
      <c r="BP20" s="487" t="str">
        <f t="shared" si="6"/>
        <v/>
      </c>
      <c r="BQ20" s="487" t="str">
        <f t="shared" si="6"/>
        <v/>
      </c>
      <c r="BR20" s="487" t="str">
        <f t="shared" si="6"/>
        <v/>
      </c>
      <c r="BS20" s="487" t="str">
        <f t="shared" si="6"/>
        <v/>
      </c>
      <c r="BT20" s="487" t="str">
        <f t="shared" si="6"/>
        <v/>
      </c>
      <c r="BU20" s="487" t="str">
        <f t="shared" si="6"/>
        <v/>
      </c>
      <c r="BV20" s="487" t="str">
        <f t="shared" si="6"/>
        <v/>
      </c>
      <c r="BW20" s="487" t="str">
        <f t="shared" si="5"/>
        <v/>
      </c>
      <c r="BX20" s="487" t="str">
        <f t="shared" si="5"/>
        <v/>
      </c>
      <c r="BY20" s="487" t="str">
        <f t="shared" si="5"/>
        <v/>
      </c>
      <c r="BZ20" s="487" t="str">
        <f t="shared" si="5"/>
        <v/>
      </c>
      <c r="CA20" s="487" t="str">
        <f t="shared" si="5"/>
        <v/>
      </c>
      <c r="CB20" s="487" t="str">
        <f t="shared" si="5"/>
        <v/>
      </c>
      <c r="CC20" s="487" t="str">
        <f t="shared" si="5"/>
        <v/>
      </c>
      <c r="CD20" s="487" t="str">
        <f t="shared" si="5"/>
        <v/>
      </c>
      <c r="CE20" s="487" t="str">
        <f t="shared" si="5"/>
        <v/>
      </c>
      <c r="CF20" s="487" t="str">
        <f t="shared" si="5"/>
        <v/>
      </c>
      <c r="CG20" s="487" t="str">
        <f t="shared" si="5"/>
        <v/>
      </c>
      <c r="CH20" s="487" t="str">
        <f t="shared" si="5"/>
        <v/>
      </c>
      <c r="CI20" s="487" t="str">
        <f t="shared" si="5"/>
        <v/>
      </c>
      <c r="CJ20" s="487" t="str">
        <f t="shared" si="5"/>
        <v/>
      </c>
      <c r="CK20" s="487" t="str">
        <f t="shared" si="5"/>
        <v/>
      </c>
      <c r="CL20" s="487" t="str">
        <f t="shared" si="5"/>
        <v/>
      </c>
      <c r="CM20" s="487"/>
      <c r="CN20" s="487"/>
      <c r="CO20" s="487"/>
      <c r="CP20" s="487"/>
      <c r="CQ20" s="487"/>
      <c r="CR20" s="487"/>
      <c r="CS20" s="487"/>
      <c r="CT20" s="487"/>
      <c r="CU20" s="487"/>
      <c r="CV20" s="487"/>
      <c r="CW20" s="487"/>
      <c r="CX20" s="487"/>
      <c r="CY20" s="487"/>
      <c r="CZ20" s="487"/>
      <c r="DA20" s="487"/>
      <c r="DB20" s="487"/>
      <c r="DC20" s="487"/>
      <c r="DD20" s="487"/>
      <c r="DE20" s="487"/>
      <c r="DF20" s="487"/>
      <c r="DG20" s="487"/>
      <c r="DH20" s="487"/>
      <c r="DI20" s="484" t="s">
        <v>174</v>
      </c>
      <c r="DJ20" s="77" t="s">
        <v>175</v>
      </c>
      <c r="DK20" s="77" t="s">
        <v>162</v>
      </c>
    </row>
    <row r="21" spans="1:115" s="136" customFormat="1" ht="56.1" hidden="1" customHeight="1" x14ac:dyDescent="0.2">
      <c r="A21" s="77"/>
      <c r="B21" s="77"/>
      <c r="C21" s="481">
        <v>32</v>
      </c>
      <c r="D21" s="481"/>
      <c r="E21" s="481" t="s">
        <v>2481</v>
      </c>
      <c r="F21" s="482" t="s">
        <v>53</v>
      </c>
      <c r="G21" s="482" t="s">
        <v>153</v>
      </c>
      <c r="H21" s="484" t="s">
        <v>154</v>
      </c>
      <c r="I21" s="484" t="s">
        <v>176</v>
      </c>
      <c r="J21" s="484" t="s">
        <v>177</v>
      </c>
      <c r="K21" s="484"/>
      <c r="L21" s="484" t="s">
        <v>58</v>
      </c>
      <c r="M21" s="484" t="s">
        <v>26</v>
      </c>
      <c r="N21" s="484"/>
      <c r="O21" s="484" t="s">
        <v>60</v>
      </c>
      <c r="P21" s="484" t="s">
        <v>158</v>
      </c>
      <c r="Q21" s="484"/>
      <c r="R21" s="484" t="s">
        <v>159</v>
      </c>
      <c r="S21" s="484" t="s">
        <v>63</v>
      </c>
      <c r="T21" s="484" t="s">
        <v>63</v>
      </c>
      <c r="U21" s="485"/>
      <c r="V21" s="485"/>
      <c r="W21" s="484" t="s">
        <v>160</v>
      </c>
      <c r="X21" s="484"/>
      <c r="Y21" s="485"/>
      <c r="Z21" s="486" t="s">
        <v>65</v>
      </c>
      <c r="AA21" s="488"/>
      <c r="AB21" s="488"/>
      <c r="AC21" s="488"/>
      <c r="AD21" s="488"/>
      <c r="AE21" s="488"/>
      <c r="AF21" s="488"/>
      <c r="AG21" s="488"/>
      <c r="AH21" s="488"/>
      <c r="AI21" s="488"/>
      <c r="AJ21" s="488" t="s">
        <v>66</v>
      </c>
      <c r="AK21" s="488"/>
      <c r="AL21" s="488"/>
      <c r="AM21" s="488"/>
      <c r="AN21" s="488"/>
      <c r="AO21" s="488"/>
      <c r="AP21" s="488"/>
      <c r="AQ21" s="488"/>
      <c r="AR21" s="488"/>
      <c r="AS21" s="488"/>
      <c r="AT21" s="488"/>
      <c r="AU21" s="488"/>
      <c r="AV21" s="488"/>
      <c r="AW21" s="488"/>
      <c r="AX21" s="488"/>
      <c r="AY21" s="488"/>
      <c r="AZ21" s="488"/>
      <c r="BA21" s="488"/>
      <c r="BB21" s="488"/>
      <c r="BC21" s="488"/>
      <c r="BD21" s="488"/>
      <c r="BE21" s="488"/>
      <c r="BF21" s="80">
        <f t="shared" si="0"/>
        <v>500</v>
      </c>
      <c r="BG21" s="76">
        <f>Y21/BF21</f>
        <v>0</v>
      </c>
      <c r="BH21" s="487" t="str">
        <f t="shared" si="6"/>
        <v/>
      </c>
      <c r="BI21" s="487" t="str">
        <f t="shared" si="6"/>
        <v/>
      </c>
      <c r="BJ21" s="487" t="str">
        <f t="shared" si="6"/>
        <v/>
      </c>
      <c r="BK21" s="487" t="str">
        <f t="shared" si="6"/>
        <v/>
      </c>
      <c r="BL21" s="487" t="str">
        <f t="shared" si="6"/>
        <v/>
      </c>
      <c r="BM21" s="487" t="str">
        <f t="shared" si="6"/>
        <v/>
      </c>
      <c r="BN21" s="487" t="str">
        <f t="shared" si="6"/>
        <v/>
      </c>
      <c r="BO21" s="487" t="str">
        <f t="shared" si="6"/>
        <v/>
      </c>
      <c r="BP21" s="487" t="str">
        <f t="shared" si="6"/>
        <v/>
      </c>
      <c r="BQ21" s="487">
        <f t="shared" si="6"/>
        <v>0</v>
      </c>
      <c r="BR21" s="487" t="str">
        <f t="shared" si="6"/>
        <v/>
      </c>
      <c r="BS21" s="487" t="str">
        <f t="shared" si="6"/>
        <v/>
      </c>
      <c r="BT21" s="487" t="str">
        <f t="shared" si="6"/>
        <v/>
      </c>
      <c r="BU21" s="487" t="str">
        <f t="shared" si="6"/>
        <v/>
      </c>
      <c r="BV21" s="487" t="str">
        <f t="shared" si="6"/>
        <v/>
      </c>
      <c r="BW21" s="487" t="str">
        <f t="shared" si="5"/>
        <v/>
      </c>
      <c r="BX21" s="487" t="str">
        <f t="shared" si="5"/>
        <v/>
      </c>
      <c r="BY21" s="487" t="str">
        <f t="shared" si="5"/>
        <v/>
      </c>
      <c r="BZ21" s="487" t="str">
        <f t="shared" si="5"/>
        <v/>
      </c>
      <c r="CA21" s="487" t="str">
        <f t="shared" si="5"/>
        <v/>
      </c>
      <c r="CB21" s="487" t="str">
        <f t="shared" si="5"/>
        <v/>
      </c>
      <c r="CC21" s="487" t="str">
        <f t="shared" si="5"/>
        <v/>
      </c>
      <c r="CD21" s="487" t="str">
        <f t="shared" si="5"/>
        <v/>
      </c>
      <c r="CE21" s="487" t="str">
        <f t="shared" si="5"/>
        <v/>
      </c>
      <c r="CF21" s="487" t="str">
        <f t="shared" si="5"/>
        <v/>
      </c>
      <c r="CG21" s="487" t="str">
        <f t="shared" si="5"/>
        <v/>
      </c>
      <c r="CH21" s="487" t="str">
        <f t="shared" si="5"/>
        <v/>
      </c>
      <c r="CI21" s="487" t="str">
        <f t="shared" si="5"/>
        <v/>
      </c>
      <c r="CJ21" s="487" t="str">
        <f t="shared" si="5"/>
        <v/>
      </c>
      <c r="CK21" s="487" t="str">
        <f t="shared" si="5"/>
        <v/>
      </c>
      <c r="CL21" s="487" t="str">
        <f t="shared" si="5"/>
        <v/>
      </c>
      <c r="CM21" s="487"/>
      <c r="CN21" s="487"/>
      <c r="CO21" s="487"/>
      <c r="CP21" s="487"/>
      <c r="CQ21" s="487"/>
      <c r="CR21" s="487"/>
      <c r="CS21" s="487"/>
      <c r="CT21" s="487"/>
      <c r="CU21" s="487"/>
      <c r="CV21" s="487"/>
      <c r="CW21" s="487"/>
      <c r="CX21" s="487"/>
      <c r="CY21" s="487"/>
      <c r="CZ21" s="487"/>
      <c r="DA21" s="487"/>
      <c r="DB21" s="487"/>
      <c r="DC21" s="487"/>
      <c r="DD21" s="487"/>
      <c r="DE21" s="487"/>
      <c r="DF21" s="487"/>
      <c r="DG21" s="487"/>
      <c r="DH21" s="487"/>
      <c r="DI21" s="484" t="s">
        <v>174</v>
      </c>
      <c r="DJ21" s="77"/>
      <c r="DK21" s="77" t="s">
        <v>162</v>
      </c>
    </row>
    <row r="22" spans="1:115" s="136" customFormat="1" ht="56.1" hidden="1" customHeight="1" x14ac:dyDescent="0.2">
      <c r="A22" s="77"/>
      <c r="B22" s="77"/>
      <c r="C22" s="481">
        <v>33</v>
      </c>
      <c r="D22" s="481"/>
      <c r="E22" s="481" t="s">
        <v>2481</v>
      </c>
      <c r="F22" s="482" t="s">
        <v>53</v>
      </c>
      <c r="G22" s="482" t="s">
        <v>153</v>
      </c>
      <c r="H22" s="484" t="s">
        <v>154</v>
      </c>
      <c r="I22" s="484" t="s">
        <v>178</v>
      </c>
      <c r="J22" s="484" t="s">
        <v>179</v>
      </c>
      <c r="K22" s="484"/>
      <c r="L22" s="484" t="s">
        <v>58</v>
      </c>
      <c r="M22" s="484" t="s">
        <v>180</v>
      </c>
      <c r="N22" s="484"/>
      <c r="O22" s="484" t="s">
        <v>60</v>
      </c>
      <c r="P22" s="484" t="s">
        <v>158</v>
      </c>
      <c r="Q22" s="484"/>
      <c r="R22" s="484" t="s">
        <v>181</v>
      </c>
      <c r="S22" s="484" t="s">
        <v>63</v>
      </c>
      <c r="T22" s="484" t="s">
        <v>63</v>
      </c>
      <c r="U22" s="485"/>
      <c r="V22" s="485"/>
      <c r="W22" s="484" t="s">
        <v>160</v>
      </c>
      <c r="X22" s="484"/>
      <c r="Y22" s="485"/>
      <c r="Z22" s="486" t="s">
        <v>65</v>
      </c>
      <c r="AA22" s="488"/>
      <c r="AB22" s="488"/>
      <c r="AC22" s="488"/>
      <c r="AD22" s="488"/>
      <c r="AE22" s="488"/>
      <c r="AF22" s="488"/>
      <c r="AG22" s="488"/>
      <c r="AH22" s="488" t="s">
        <v>66</v>
      </c>
      <c r="AI22" s="488"/>
      <c r="AJ22" s="488"/>
      <c r="AK22" s="488"/>
      <c r="AL22" s="488"/>
      <c r="AM22" s="488"/>
      <c r="AN22" s="488"/>
      <c r="AO22" s="488"/>
      <c r="AP22" s="488"/>
      <c r="AQ22" s="488"/>
      <c r="AR22" s="488"/>
      <c r="AS22" s="488"/>
      <c r="AT22" s="488"/>
      <c r="AU22" s="488"/>
      <c r="AV22" s="488"/>
      <c r="AW22" s="488"/>
      <c r="AX22" s="488"/>
      <c r="AY22" s="488"/>
      <c r="AZ22" s="488"/>
      <c r="BA22" s="488"/>
      <c r="BB22" s="488"/>
      <c r="BC22" s="488"/>
      <c r="BD22" s="488"/>
      <c r="BE22" s="488"/>
      <c r="BF22" s="80">
        <f t="shared" si="0"/>
        <v>390</v>
      </c>
      <c r="BG22" s="76">
        <f>Y22/BF22</f>
        <v>0</v>
      </c>
      <c r="BH22" s="487" t="str">
        <f t="shared" si="6"/>
        <v/>
      </c>
      <c r="BI22" s="487" t="str">
        <f t="shared" si="6"/>
        <v/>
      </c>
      <c r="BJ22" s="487" t="str">
        <f t="shared" si="6"/>
        <v/>
      </c>
      <c r="BK22" s="487" t="str">
        <f t="shared" si="6"/>
        <v/>
      </c>
      <c r="BL22" s="487" t="str">
        <f t="shared" si="6"/>
        <v/>
      </c>
      <c r="BM22" s="487" t="str">
        <f t="shared" si="6"/>
        <v/>
      </c>
      <c r="BN22" s="487" t="str">
        <f t="shared" si="6"/>
        <v/>
      </c>
      <c r="BO22" s="487">
        <f t="shared" si="6"/>
        <v>0</v>
      </c>
      <c r="BP22" s="487" t="str">
        <f t="shared" si="6"/>
        <v/>
      </c>
      <c r="BQ22" s="487" t="str">
        <f t="shared" si="6"/>
        <v/>
      </c>
      <c r="BR22" s="487" t="str">
        <f t="shared" si="6"/>
        <v/>
      </c>
      <c r="BS22" s="487" t="str">
        <f t="shared" si="6"/>
        <v/>
      </c>
      <c r="BT22" s="487" t="str">
        <f t="shared" si="6"/>
        <v/>
      </c>
      <c r="BU22" s="487" t="str">
        <f t="shared" si="6"/>
        <v/>
      </c>
      <c r="BV22" s="487" t="str">
        <f t="shared" si="6"/>
        <v/>
      </c>
      <c r="BW22" s="487" t="str">
        <f t="shared" si="5"/>
        <v/>
      </c>
      <c r="BX22" s="487" t="str">
        <f t="shared" si="5"/>
        <v/>
      </c>
      <c r="BY22" s="487" t="str">
        <f t="shared" si="5"/>
        <v/>
      </c>
      <c r="BZ22" s="487" t="str">
        <f t="shared" si="5"/>
        <v/>
      </c>
      <c r="CA22" s="487" t="str">
        <f t="shared" si="5"/>
        <v/>
      </c>
      <c r="CB22" s="487" t="str">
        <f t="shared" si="5"/>
        <v/>
      </c>
      <c r="CC22" s="487" t="str">
        <f t="shared" si="5"/>
        <v/>
      </c>
      <c r="CD22" s="487" t="str">
        <f t="shared" si="5"/>
        <v/>
      </c>
      <c r="CE22" s="487" t="str">
        <f t="shared" si="5"/>
        <v/>
      </c>
      <c r="CF22" s="487" t="str">
        <f t="shared" si="5"/>
        <v/>
      </c>
      <c r="CG22" s="487" t="str">
        <f t="shared" si="5"/>
        <v/>
      </c>
      <c r="CH22" s="487" t="str">
        <f t="shared" si="5"/>
        <v/>
      </c>
      <c r="CI22" s="487" t="str">
        <f t="shared" si="5"/>
        <v/>
      </c>
      <c r="CJ22" s="487" t="str">
        <f t="shared" si="5"/>
        <v/>
      </c>
      <c r="CK22" s="487" t="str">
        <f t="shared" si="5"/>
        <v/>
      </c>
      <c r="CL22" s="487" t="str">
        <f t="shared" si="5"/>
        <v/>
      </c>
      <c r="CM22" s="487"/>
      <c r="CN22" s="487"/>
      <c r="CO22" s="487"/>
      <c r="CP22" s="487"/>
      <c r="CQ22" s="487"/>
      <c r="CR22" s="487"/>
      <c r="CS22" s="487"/>
      <c r="CT22" s="487"/>
      <c r="CU22" s="487"/>
      <c r="CV22" s="487"/>
      <c r="CW22" s="487"/>
      <c r="CX22" s="487"/>
      <c r="CY22" s="487"/>
      <c r="CZ22" s="487"/>
      <c r="DA22" s="487"/>
      <c r="DB22" s="487"/>
      <c r="DC22" s="487"/>
      <c r="DD22" s="487"/>
      <c r="DE22" s="487"/>
      <c r="DF22" s="487"/>
      <c r="DG22" s="487"/>
      <c r="DH22" s="487"/>
      <c r="DI22" s="484" t="s">
        <v>174</v>
      </c>
      <c r="DJ22" s="77"/>
      <c r="DK22" s="77" t="s">
        <v>162</v>
      </c>
    </row>
    <row r="23" spans="1:115" s="136" customFormat="1" ht="56.1" hidden="1" customHeight="1" x14ac:dyDescent="0.2">
      <c r="A23" s="77"/>
      <c r="B23" s="77"/>
      <c r="C23" s="481">
        <v>35</v>
      </c>
      <c r="D23" s="481"/>
      <c r="E23" s="481" t="s">
        <v>2481</v>
      </c>
      <c r="F23" s="482" t="s">
        <v>53</v>
      </c>
      <c r="G23" s="482" t="s">
        <v>153</v>
      </c>
      <c r="H23" s="484" t="s">
        <v>154</v>
      </c>
      <c r="I23" s="484" t="s">
        <v>185</v>
      </c>
      <c r="J23" s="484" t="s">
        <v>186</v>
      </c>
      <c r="K23" s="484"/>
      <c r="L23" s="484" t="s">
        <v>58</v>
      </c>
      <c r="M23" s="484" t="s">
        <v>127</v>
      </c>
      <c r="N23" s="484"/>
      <c r="O23" s="484" t="s">
        <v>60</v>
      </c>
      <c r="P23" s="484" t="s">
        <v>158</v>
      </c>
      <c r="Q23" s="484"/>
      <c r="R23" s="484" t="s">
        <v>187</v>
      </c>
      <c r="S23" s="484" t="s">
        <v>63</v>
      </c>
      <c r="T23" s="484" t="s">
        <v>63</v>
      </c>
      <c r="U23" s="485"/>
      <c r="V23" s="485"/>
      <c r="W23" s="484" t="s">
        <v>160</v>
      </c>
      <c r="X23" s="484"/>
      <c r="Y23" s="485"/>
      <c r="Z23" s="486" t="s">
        <v>65</v>
      </c>
      <c r="AA23" s="488"/>
      <c r="AB23" s="488"/>
      <c r="AC23" s="488"/>
      <c r="AD23" s="488"/>
      <c r="AE23" s="488"/>
      <c r="AF23" s="488"/>
      <c r="AG23" s="488"/>
      <c r="AH23" s="488"/>
      <c r="AI23" s="488"/>
      <c r="AJ23" s="488"/>
      <c r="AK23" s="488"/>
      <c r="AL23" s="488"/>
      <c r="AM23" s="488"/>
      <c r="AN23" s="488" t="s">
        <v>66</v>
      </c>
      <c r="AO23" s="488"/>
      <c r="AP23" s="488"/>
      <c r="AQ23" s="488"/>
      <c r="AR23" s="488"/>
      <c r="AS23" s="488"/>
      <c r="AT23" s="488"/>
      <c r="AU23" s="488"/>
      <c r="AV23" s="488"/>
      <c r="AW23" s="488"/>
      <c r="AX23" s="488"/>
      <c r="AY23" s="488"/>
      <c r="AZ23" s="488"/>
      <c r="BA23" s="488"/>
      <c r="BB23" s="488"/>
      <c r="BC23" s="488"/>
      <c r="BD23" s="488"/>
      <c r="BE23" s="488"/>
      <c r="BF23" s="80">
        <f t="shared" si="0"/>
        <v>350</v>
      </c>
      <c r="BG23" s="76">
        <f>Y23/BF23</f>
        <v>0</v>
      </c>
      <c r="BH23" s="487" t="str">
        <f t="shared" si="6"/>
        <v/>
      </c>
      <c r="BI23" s="487" t="str">
        <f t="shared" si="6"/>
        <v/>
      </c>
      <c r="BJ23" s="487" t="str">
        <f t="shared" si="6"/>
        <v/>
      </c>
      <c r="BK23" s="487" t="str">
        <f t="shared" si="6"/>
        <v/>
      </c>
      <c r="BL23" s="487" t="str">
        <f t="shared" si="6"/>
        <v/>
      </c>
      <c r="BM23" s="487" t="str">
        <f t="shared" si="6"/>
        <v/>
      </c>
      <c r="BN23" s="487" t="str">
        <f t="shared" si="6"/>
        <v/>
      </c>
      <c r="BO23" s="487" t="str">
        <f t="shared" si="6"/>
        <v/>
      </c>
      <c r="BP23" s="487" t="str">
        <f t="shared" si="6"/>
        <v/>
      </c>
      <c r="BQ23" s="487" t="str">
        <f t="shared" si="6"/>
        <v/>
      </c>
      <c r="BR23" s="487" t="str">
        <f t="shared" si="6"/>
        <v/>
      </c>
      <c r="BS23" s="487" t="str">
        <f t="shared" si="6"/>
        <v/>
      </c>
      <c r="BT23" s="487" t="str">
        <f t="shared" si="6"/>
        <v/>
      </c>
      <c r="BU23" s="487">
        <f t="shared" si="6"/>
        <v>0</v>
      </c>
      <c r="BV23" s="487" t="str">
        <f t="shared" si="6"/>
        <v/>
      </c>
      <c r="BW23" s="487" t="str">
        <f t="shared" si="5"/>
        <v/>
      </c>
      <c r="BX23" s="487" t="str">
        <f t="shared" si="5"/>
        <v/>
      </c>
      <c r="BY23" s="487" t="str">
        <f t="shared" si="5"/>
        <v/>
      </c>
      <c r="BZ23" s="487" t="str">
        <f t="shared" si="5"/>
        <v/>
      </c>
      <c r="CA23" s="487" t="str">
        <f t="shared" si="5"/>
        <v/>
      </c>
      <c r="CB23" s="487" t="str">
        <f t="shared" si="5"/>
        <v/>
      </c>
      <c r="CC23" s="487" t="str">
        <f t="shared" si="5"/>
        <v/>
      </c>
      <c r="CD23" s="487" t="str">
        <f t="shared" si="5"/>
        <v/>
      </c>
      <c r="CE23" s="487" t="str">
        <f t="shared" si="5"/>
        <v/>
      </c>
      <c r="CF23" s="487" t="str">
        <f t="shared" si="5"/>
        <v/>
      </c>
      <c r="CG23" s="487" t="str">
        <f t="shared" si="5"/>
        <v/>
      </c>
      <c r="CH23" s="487" t="str">
        <f t="shared" si="5"/>
        <v/>
      </c>
      <c r="CI23" s="487" t="str">
        <f t="shared" si="5"/>
        <v/>
      </c>
      <c r="CJ23" s="487" t="str">
        <f t="shared" si="5"/>
        <v/>
      </c>
      <c r="CK23" s="487" t="str">
        <f t="shared" si="5"/>
        <v/>
      </c>
      <c r="CL23" s="487" t="str">
        <f t="shared" si="5"/>
        <v/>
      </c>
      <c r="CM23" s="487"/>
      <c r="CN23" s="487"/>
      <c r="CO23" s="487"/>
      <c r="CP23" s="487"/>
      <c r="CQ23" s="487"/>
      <c r="CR23" s="487"/>
      <c r="CS23" s="487"/>
      <c r="CT23" s="487"/>
      <c r="CU23" s="487"/>
      <c r="CV23" s="487"/>
      <c r="CW23" s="487"/>
      <c r="CX23" s="487"/>
      <c r="CY23" s="487"/>
      <c r="CZ23" s="487"/>
      <c r="DA23" s="487"/>
      <c r="DB23" s="487"/>
      <c r="DC23" s="487"/>
      <c r="DD23" s="487"/>
      <c r="DE23" s="487"/>
      <c r="DF23" s="487"/>
      <c r="DG23" s="487"/>
      <c r="DH23" s="487"/>
      <c r="DI23" s="484" t="s">
        <v>174</v>
      </c>
      <c r="DJ23" s="77"/>
      <c r="DK23" s="77" t="s">
        <v>162</v>
      </c>
    </row>
    <row r="24" spans="1:115" s="136" customFormat="1" ht="56.1" hidden="1" customHeight="1" x14ac:dyDescent="0.2">
      <c r="A24" s="77"/>
      <c r="B24" s="77"/>
      <c r="C24" s="481">
        <v>36</v>
      </c>
      <c r="D24" s="481"/>
      <c r="E24" s="481" t="s">
        <v>2481</v>
      </c>
      <c r="F24" s="482" t="s">
        <v>53</v>
      </c>
      <c r="G24" s="482" t="s">
        <v>153</v>
      </c>
      <c r="H24" s="484" t="s">
        <v>188</v>
      </c>
      <c r="I24" s="484" t="s">
        <v>189</v>
      </c>
      <c r="J24" s="484" t="s">
        <v>190</v>
      </c>
      <c r="K24" s="484"/>
      <c r="L24" s="484" t="s">
        <v>58</v>
      </c>
      <c r="M24" s="484" t="s">
        <v>180</v>
      </c>
      <c r="N24" s="484"/>
      <c r="O24" s="484" t="s">
        <v>60</v>
      </c>
      <c r="P24" s="484" t="s">
        <v>158</v>
      </c>
      <c r="Q24" s="484"/>
      <c r="R24" s="484" t="s">
        <v>191</v>
      </c>
      <c r="S24" s="484" t="s">
        <v>63</v>
      </c>
      <c r="T24" s="484" t="s">
        <v>63</v>
      </c>
      <c r="U24" s="485"/>
      <c r="V24" s="485"/>
      <c r="W24" s="484" t="s">
        <v>191</v>
      </c>
      <c r="X24" s="484"/>
      <c r="Y24" s="485"/>
      <c r="Z24" s="486" t="s">
        <v>65</v>
      </c>
      <c r="AA24" s="488"/>
      <c r="AB24" s="488"/>
      <c r="AC24" s="488"/>
      <c r="AD24" s="488"/>
      <c r="AE24" s="488"/>
      <c r="AF24" s="488"/>
      <c r="AG24" s="488"/>
      <c r="AH24" s="488"/>
      <c r="AI24" s="488"/>
      <c r="AJ24" s="488"/>
      <c r="AK24" s="488"/>
      <c r="AL24" s="488"/>
      <c r="AM24" s="488"/>
      <c r="AN24" s="488"/>
      <c r="AO24" s="488"/>
      <c r="AP24" s="488"/>
      <c r="AQ24" s="488"/>
      <c r="AR24" s="488"/>
      <c r="AS24" s="488"/>
      <c r="AT24" s="488"/>
      <c r="AU24" s="488"/>
      <c r="AV24" s="488"/>
      <c r="AW24" s="488"/>
      <c r="AX24" s="488"/>
      <c r="AY24" s="488"/>
      <c r="AZ24" s="488"/>
      <c r="BA24" s="488"/>
      <c r="BB24" s="488"/>
      <c r="BC24" s="488"/>
      <c r="BD24" s="488"/>
      <c r="BE24" s="488"/>
      <c r="BF24" s="80">
        <f t="shared" si="0"/>
        <v>0</v>
      </c>
      <c r="BG24" s="76"/>
      <c r="BH24" s="487" t="str">
        <f t="shared" si="6"/>
        <v/>
      </c>
      <c r="BI24" s="487" t="str">
        <f t="shared" si="6"/>
        <v/>
      </c>
      <c r="BJ24" s="487" t="str">
        <f t="shared" si="6"/>
        <v/>
      </c>
      <c r="BK24" s="487" t="str">
        <f t="shared" si="6"/>
        <v/>
      </c>
      <c r="BL24" s="487" t="str">
        <f t="shared" si="6"/>
        <v/>
      </c>
      <c r="BM24" s="487" t="str">
        <f t="shared" si="6"/>
        <v/>
      </c>
      <c r="BN24" s="487" t="str">
        <f t="shared" si="6"/>
        <v/>
      </c>
      <c r="BO24" s="487" t="str">
        <f t="shared" si="6"/>
        <v/>
      </c>
      <c r="BP24" s="487" t="str">
        <f t="shared" si="6"/>
        <v/>
      </c>
      <c r="BQ24" s="487" t="str">
        <f t="shared" si="6"/>
        <v/>
      </c>
      <c r="BR24" s="487" t="str">
        <f t="shared" si="6"/>
        <v/>
      </c>
      <c r="BS24" s="487" t="str">
        <f t="shared" si="6"/>
        <v/>
      </c>
      <c r="BT24" s="487" t="str">
        <f t="shared" si="6"/>
        <v/>
      </c>
      <c r="BU24" s="487" t="str">
        <f t="shared" si="6"/>
        <v/>
      </c>
      <c r="BV24" s="487" t="str">
        <f t="shared" si="6"/>
        <v/>
      </c>
      <c r="BW24" s="487" t="str">
        <f t="shared" si="5"/>
        <v/>
      </c>
      <c r="BX24" s="487" t="str">
        <f t="shared" si="5"/>
        <v/>
      </c>
      <c r="BY24" s="487" t="str">
        <f t="shared" si="5"/>
        <v/>
      </c>
      <c r="BZ24" s="487" t="str">
        <f t="shared" si="5"/>
        <v/>
      </c>
      <c r="CA24" s="487" t="str">
        <f t="shared" si="5"/>
        <v/>
      </c>
      <c r="CB24" s="487" t="str">
        <f t="shared" si="5"/>
        <v/>
      </c>
      <c r="CC24" s="487" t="str">
        <f t="shared" si="5"/>
        <v/>
      </c>
      <c r="CD24" s="487" t="str">
        <f t="shared" si="5"/>
        <v/>
      </c>
      <c r="CE24" s="487" t="str">
        <f t="shared" si="5"/>
        <v/>
      </c>
      <c r="CF24" s="487" t="str">
        <f t="shared" si="5"/>
        <v/>
      </c>
      <c r="CG24" s="487" t="str">
        <f t="shared" si="5"/>
        <v/>
      </c>
      <c r="CH24" s="487" t="str">
        <f t="shared" si="5"/>
        <v/>
      </c>
      <c r="CI24" s="487" t="str">
        <f t="shared" si="5"/>
        <v/>
      </c>
      <c r="CJ24" s="487" t="str">
        <f t="shared" si="5"/>
        <v/>
      </c>
      <c r="CK24" s="487" t="str">
        <f t="shared" si="5"/>
        <v/>
      </c>
      <c r="CL24" s="487" t="str">
        <f t="shared" si="5"/>
        <v/>
      </c>
      <c r="CM24" s="487"/>
      <c r="CN24" s="487"/>
      <c r="CO24" s="487"/>
      <c r="CP24" s="487"/>
      <c r="CQ24" s="487"/>
      <c r="CR24" s="487"/>
      <c r="CS24" s="487"/>
      <c r="CT24" s="487"/>
      <c r="CU24" s="487"/>
      <c r="CV24" s="487"/>
      <c r="CW24" s="487"/>
      <c r="CX24" s="487"/>
      <c r="CY24" s="487"/>
      <c r="CZ24" s="487"/>
      <c r="DA24" s="487"/>
      <c r="DB24" s="487"/>
      <c r="DC24" s="487"/>
      <c r="DD24" s="487"/>
      <c r="DE24" s="487"/>
      <c r="DF24" s="487"/>
      <c r="DG24" s="487"/>
      <c r="DH24" s="487"/>
      <c r="DI24" s="484"/>
      <c r="DJ24" s="77"/>
      <c r="DK24" s="77"/>
    </row>
    <row r="25" spans="1:115" s="136" customFormat="1" ht="56.1" hidden="1" customHeight="1" x14ac:dyDescent="0.2">
      <c r="A25" s="77"/>
      <c r="B25" s="77"/>
      <c r="C25" s="481">
        <v>38</v>
      </c>
      <c r="D25" s="481"/>
      <c r="E25" s="481" t="s">
        <v>2481</v>
      </c>
      <c r="F25" s="482" t="s">
        <v>53</v>
      </c>
      <c r="G25" s="482" t="s">
        <v>153</v>
      </c>
      <c r="H25" s="484" t="s">
        <v>192</v>
      </c>
      <c r="I25" s="484" t="s">
        <v>197</v>
      </c>
      <c r="J25" s="484" t="s">
        <v>198</v>
      </c>
      <c r="K25" s="484"/>
      <c r="L25" s="484" t="s">
        <v>58</v>
      </c>
      <c r="M25" s="484" t="s">
        <v>173</v>
      </c>
      <c r="N25" s="484"/>
      <c r="O25" s="484" t="s">
        <v>60</v>
      </c>
      <c r="P25" s="484" t="s">
        <v>195</v>
      </c>
      <c r="Q25" s="484"/>
      <c r="R25" s="484" t="s">
        <v>62</v>
      </c>
      <c r="S25" s="484" t="s">
        <v>63</v>
      </c>
      <c r="T25" s="484" t="s">
        <v>63</v>
      </c>
      <c r="U25" s="485"/>
      <c r="V25" s="485"/>
      <c r="W25" s="484" t="s">
        <v>64</v>
      </c>
      <c r="X25" s="484"/>
      <c r="Y25" s="485"/>
      <c r="Z25" s="76" t="s">
        <v>65</v>
      </c>
      <c r="AA25" s="488" t="s">
        <v>66</v>
      </c>
      <c r="AB25" s="488"/>
      <c r="AC25" s="488"/>
      <c r="AD25" s="488"/>
      <c r="AE25" s="488"/>
      <c r="AF25" s="488"/>
      <c r="AG25" s="488"/>
      <c r="AH25" s="488"/>
      <c r="AI25" s="488"/>
      <c r="AJ25" s="488"/>
      <c r="AK25" s="488"/>
      <c r="AL25" s="488"/>
      <c r="AM25" s="488"/>
      <c r="AN25" s="488"/>
      <c r="AO25" s="488"/>
      <c r="AP25" s="488"/>
      <c r="AQ25" s="488"/>
      <c r="AR25" s="488"/>
      <c r="AS25" s="488"/>
      <c r="AT25" s="488"/>
      <c r="AU25" s="488"/>
      <c r="AV25" s="488"/>
      <c r="AW25" s="488"/>
      <c r="AX25" s="488"/>
      <c r="AY25" s="488"/>
      <c r="AZ25" s="488"/>
      <c r="BA25" s="488"/>
      <c r="BB25" s="488"/>
      <c r="BC25" s="488"/>
      <c r="BD25" s="488"/>
      <c r="BE25" s="488"/>
      <c r="BF25" s="80">
        <f t="shared" si="0"/>
        <v>1500</v>
      </c>
      <c r="BG25" s="76"/>
      <c r="BH25" s="487">
        <f t="shared" si="6"/>
        <v>0</v>
      </c>
      <c r="BI25" s="487" t="str">
        <f t="shared" si="6"/>
        <v/>
      </c>
      <c r="BJ25" s="487" t="str">
        <f t="shared" si="6"/>
        <v/>
      </c>
      <c r="BK25" s="487" t="str">
        <f t="shared" si="6"/>
        <v/>
      </c>
      <c r="BL25" s="487" t="str">
        <f t="shared" si="6"/>
        <v/>
      </c>
      <c r="BM25" s="487" t="str">
        <f t="shared" si="6"/>
        <v/>
      </c>
      <c r="BN25" s="487" t="str">
        <f t="shared" si="6"/>
        <v/>
      </c>
      <c r="BO25" s="487" t="str">
        <f t="shared" si="6"/>
        <v/>
      </c>
      <c r="BP25" s="487" t="str">
        <f t="shared" si="6"/>
        <v/>
      </c>
      <c r="BQ25" s="487" t="str">
        <f t="shared" si="6"/>
        <v/>
      </c>
      <c r="BR25" s="487" t="str">
        <f t="shared" si="6"/>
        <v/>
      </c>
      <c r="BS25" s="487" t="str">
        <f t="shared" si="6"/>
        <v/>
      </c>
      <c r="BT25" s="487" t="str">
        <f t="shared" si="6"/>
        <v/>
      </c>
      <c r="BU25" s="487" t="str">
        <f t="shared" si="6"/>
        <v/>
      </c>
      <c r="BV25" s="487" t="str">
        <f t="shared" si="6"/>
        <v/>
      </c>
      <c r="BW25" s="487" t="str">
        <f t="shared" si="5"/>
        <v/>
      </c>
      <c r="BX25" s="487" t="str">
        <f t="shared" si="5"/>
        <v/>
      </c>
      <c r="BY25" s="487" t="str">
        <f t="shared" si="5"/>
        <v/>
      </c>
      <c r="BZ25" s="487" t="str">
        <f t="shared" si="5"/>
        <v/>
      </c>
      <c r="CA25" s="487" t="str">
        <f t="shared" si="5"/>
        <v/>
      </c>
      <c r="CB25" s="487" t="str">
        <f t="shared" si="5"/>
        <v/>
      </c>
      <c r="CC25" s="487" t="str">
        <f t="shared" si="5"/>
        <v/>
      </c>
      <c r="CD25" s="487" t="str">
        <f t="shared" si="5"/>
        <v/>
      </c>
      <c r="CE25" s="487" t="str">
        <f t="shared" si="5"/>
        <v/>
      </c>
      <c r="CF25" s="487" t="str">
        <f t="shared" si="5"/>
        <v/>
      </c>
      <c r="CG25" s="487" t="str">
        <f t="shared" si="5"/>
        <v/>
      </c>
      <c r="CH25" s="487" t="str">
        <f t="shared" si="5"/>
        <v/>
      </c>
      <c r="CI25" s="487" t="str">
        <f t="shared" si="5"/>
        <v/>
      </c>
      <c r="CJ25" s="487" t="str">
        <f t="shared" si="5"/>
        <v/>
      </c>
      <c r="CK25" s="487" t="str">
        <f t="shared" si="5"/>
        <v/>
      </c>
      <c r="CL25" s="487" t="str">
        <f t="shared" si="5"/>
        <v/>
      </c>
      <c r="CM25" s="487"/>
      <c r="CN25" s="487"/>
      <c r="CO25" s="487"/>
      <c r="CP25" s="487"/>
      <c r="CQ25" s="487"/>
      <c r="CR25" s="487"/>
      <c r="CS25" s="487"/>
      <c r="CT25" s="487"/>
      <c r="CU25" s="487"/>
      <c r="CV25" s="487"/>
      <c r="CW25" s="487"/>
      <c r="CX25" s="487"/>
      <c r="CY25" s="487"/>
      <c r="CZ25" s="487"/>
      <c r="DA25" s="487"/>
      <c r="DB25" s="487"/>
      <c r="DC25" s="487"/>
      <c r="DD25" s="487"/>
      <c r="DE25" s="487"/>
      <c r="DF25" s="487"/>
      <c r="DG25" s="487"/>
      <c r="DH25" s="487"/>
      <c r="DI25" s="76"/>
      <c r="DJ25" s="486"/>
      <c r="DK25" s="77" t="s">
        <v>199</v>
      </c>
    </row>
    <row r="26" spans="1:115" s="136" customFormat="1" ht="56.1" hidden="1" customHeight="1" x14ac:dyDescent="0.2">
      <c r="A26" s="77"/>
      <c r="B26" s="77"/>
      <c r="C26" s="481">
        <v>39</v>
      </c>
      <c r="D26" s="481"/>
      <c r="E26" s="481" t="s">
        <v>2481</v>
      </c>
      <c r="F26" s="482" t="s">
        <v>53</v>
      </c>
      <c r="G26" s="482" t="s">
        <v>153</v>
      </c>
      <c r="H26" s="484" t="s">
        <v>192</v>
      </c>
      <c r="I26" s="484" t="s">
        <v>200</v>
      </c>
      <c r="J26" s="484" t="s">
        <v>201</v>
      </c>
      <c r="K26" s="484"/>
      <c r="L26" s="484" t="s">
        <v>58</v>
      </c>
      <c r="M26" s="484" t="s">
        <v>76</v>
      </c>
      <c r="N26" s="484"/>
      <c r="O26" s="484" t="s">
        <v>60</v>
      </c>
      <c r="P26" s="484" t="s">
        <v>195</v>
      </c>
      <c r="Q26" s="484"/>
      <c r="R26" s="484" t="s">
        <v>181</v>
      </c>
      <c r="S26" s="484" t="s">
        <v>63</v>
      </c>
      <c r="T26" s="484" t="s">
        <v>63</v>
      </c>
      <c r="U26" s="485"/>
      <c r="V26" s="485"/>
      <c r="W26" s="484" t="s">
        <v>64</v>
      </c>
      <c r="X26" s="484"/>
      <c r="Y26" s="485"/>
      <c r="Z26" s="76" t="s">
        <v>65</v>
      </c>
      <c r="AA26" s="488"/>
      <c r="AB26" s="488"/>
      <c r="AC26" s="488" t="s">
        <v>66</v>
      </c>
      <c r="AD26" s="488"/>
      <c r="AE26" s="488"/>
      <c r="AF26" s="488"/>
      <c r="AG26" s="488"/>
      <c r="AH26" s="488"/>
      <c r="AI26" s="488"/>
      <c r="AJ26" s="488"/>
      <c r="AK26" s="488"/>
      <c r="AL26" s="488"/>
      <c r="AM26" s="488"/>
      <c r="AN26" s="488"/>
      <c r="AO26" s="488"/>
      <c r="AP26" s="488"/>
      <c r="AQ26" s="488"/>
      <c r="AR26" s="488"/>
      <c r="AS26" s="488"/>
      <c r="AT26" s="488"/>
      <c r="AU26" s="488"/>
      <c r="AV26" s="488"/>
      <c r="AW26" s="488"/>
      <c r="AX26" s="488"/>
      <c r="AY26" s="488"/>
      <c r="AZ26" s="488"/>
      <c r="BA26" s="488"/>
      <c r="BB26" s="488"/>
      <c r="BC26" s="488"/>
      <c r="BD26" s="488"/>
      <c r="BE26" s="488"/>
      <c r="BF26" s="80">
        <f t="shared" si="0"/>
        <v>450</v>
      </c>
      <c r="BG26" s="76"/>
      <c r="BH26" s="487" t="str">
        <f t="shared" si="6"/>
        <v/>
      </c>
      <c r="BI26" s="487" t="str">
        <f t="shared" si="6"/>
        <v/>
      </c>
      <c r="BJ26" s="487">
        <f t="shared" si="6"/>
        <v>0</v>
      </c>
      <c r="BK26" s="487" t="str">
        <f t="shared" si="6"/>
        <v/>
      </c>
      <c r="BL26" s="487" t="str">
        <f t="shared" si="6"/>
        <v/>
      </c>
      <c r="BM26" s="487" t="str">
        <f t="shared" si="6"/>
        <v/>
      </c>
      <c r="BN26" s="487" t="str">
        <f t="shared" si="6"/>
        <v/>
      </c>
      <c r="BO26" s="487" t="str">
        <f t="shared" si="6"/>
        <v/>
      </c>
      <c r="BP26" s="487" t="str">
        <f t="shared" si="6"/>
        <v/>
      </c>
      <c r="BQ26" s="487" t="str">
        <f t="shared" si="6"/>
        <v/>
      </c>
      <c r="BR26" s="487" t="str">
        <f t="shared" si="6"/>
        <v/>
      </c>
      <c r="BS26" s="487" t="str">
        <f t="shared" si="6"/>
        <v/>
      </c>
      <c r="BT26" s="487" t="str">
        <f t="shared" si="6"/>
        <v/>
      </c>
      <c r="BU26" s="487" t="str">
        <f t="shared" si="6"/>
        <v/>
      </c>
      <c r="BV26" s="487" t="str">
        <f t="shared" si="6"/>
        <v/>
      </c>
      <c r="BW26" s="487" t="str">
        <f t="shared" si="5"/>
        <v/>
      </c>
      <c r="BX26" s="487" t="str">
        <f t="shared" si="5"/>
        <v/>
      </c>
      <c r="BY26" s="487" t="str">
        <f t="shared" si="5"/>
        <v/>
      </c>
      <c r="BZ26" s="487" t="str">
        <f t="shared" si="5"/>
        <v/>
      </c>
      <c r="CA26" s="487" t="str">
        <f t="shared" si="5"/>
        <v/>
      </c>
      <c r="CB26" s="487" t="str">
        <f t="shared" si="5"/>
        <v/>
      </c>
      <c r="CC26" s="487" t="str">
        <f t="shared" si="5"/>
        <v/>
      </c>
      <c r="CD26" s="487" t="str">
        <f t="shared" si="5"/>
        <v/>
      </c>
      <c r="CE26" s="487" t="str">
        <f t="shared" si="5"/>
        <v/>
      </c>
      <c r="CF26" s="487" t="str">
        <f t="shared" si="5"/>
        <v/>
      </c>
      <c r="CG26" s="487" t="str">
        <f t="shared" si="5"/>
        <v/>
      </c>
      <c r="CH26" s="487" t="str">
        <f t="shared" si="5"/>
        <v/>
      </c>
      <c r="CI26" s="487" t="str">
        <f t="shared" si="5"/>
        <v/>
      </c>
      <c r="CJ26" s="487" t="str">
        <f t="shared" si="5"/>
        <v/>
      </c>
      <c r="CK26" s="487" t="str">
        <f t="shared" si="5"/>
        <v/>
      </c>
      <c r="CL26" s="487" t="str">
        <f t="shared" si="5"/>
        <v/>
      </c>
      <c r="CM26" s="487"/>
      <c r="CN26" s="487"/>
      <c r="CO26" s="487"/>
      <c r="CP26" s="487"/>
      <c r="CQ26" s="487"/>
      <c r="CR26" s="487"/>
      <c r="CS26" s="487"/>
      <c r="CT26" s="487"/>
      <c r="CU26" s="487"/>
      <c r="CV26" s="487"/>
      <c r="CW26" s="487"/>
      <c r="CX26" s="487"/>
      <c r="CY26" s="487"/>
      <c r="CZ26" s="487"/>
      <c r="DA26" s="487"/>
      <c r="DB26" s="487"/>
      <c r="DC26" s="487"/>
      <c r="DD26" s="487"/>
      <c r="DE26" s="487"/>
      <c r="DF26" s="487"/>
      <c r="DG26" s="487"/>
      <c r="DH26" s="487"/>
      <c r="DI26" s="80"/>
      <c r="DJ26" s="486"/>
      <c r="DK26" s="77" t="s">
        <v>199</v>
      </c>
    </row>
    <row r="27" spans="1:115" s="136" customFormat="1" ht="56.1" hidden="1" customHeight="1" x14ac:dyDescent="0.2">
      <c r="A27" s="77"/>
      <c r="B27" s="77"/>
      <c r="C27" s="481">
        <v>40</v>
      </c>
      <c r="D27" s="481"/>
      <c r="E27" s="481" t="s">
        <v>2481</v>
      </c>
      <c r="F27" s="482" t="s">
        <v>53</v>
      </c>
      <c r="G27" s="482" t="s">
        <v>153</v>
      </c>
      <c r="H27" s="484" t="s">
        <v>192</v>
      </c>
      <c r="I27" s="484" t="s">
        <v>202</v>
      </c>
      <c r="J27" s="484" t="s">
        <v>203</v>
      </c>
      <c r="K27" s="484"/>
      <c r="L27" s="484" t="s">
        <v>58</v>
      </c>
      <c r="M27" s="484" t="s">
        <v>21</v>
      </c>
      <c r="N27" s="484"/>
      <c r="O27" s="484" t="s">
        <v>60</v>
      </c>
      <c r="P27" s="484" t="s">
        <v>195</v>
      </c>
      <c r="Q27" s="484"/>
      <c r="R27" s="484" t="s">
        <v>204</v>
      </c>
      <c r="S27" s="484" t="s">
        <v>63</v>
      </c>
      <c r="T27" s="484" t="s">
        <v>63</v>
      </c>
      <c r="U27" s="485"/>
      <c r="V27" s="485"/>
      <c r="W27" s="484" t="s">
        <v>64</v>
      </c>
      <c r="X27" s="484"/>
      <c r="Y27" s="485"/>
      <c r="Z27" s="76" t="s">
        <v>65</v>
      </c>
      <c r="AA27" s="488"/>
      <c r="AB27" s="488"/>
      <c r="AC27" s="488"/>
      <c r="AD27" s="488"/>
      <c r="AE27" s="488" t="s">
        <v>66</v>
      </c>
      <c r="AF27" s="488"/>
      <c r="AG27" s="488"/>
      <c r="AH27" s="488"/>
      <c r="AI27" s="488"/>
      <c r="AJ27" s="488"/>
      <c r="AK27" s="488"/>
      <c r="AL27" s="488"/>
      <c r="AM27" s="488"/>
      <c r="AN27" s="488"/>
      <c r="AO27" s="488"/>
      <c r="AP27" s="488"/>
      <c r="AQ27" s="488"/>
      <c r="AR27" s="488"/>
      <c r="AS27" s="488"/>
      <c r="AT27" s="488"/>
      <c r="AU27" s="488"/>
      <c r="AV27" s="488"/>
      <c r="AW27" s="488"/>
      <c r="AX27" s="488"/>
      <c r="AY27" s="488"/>
      <c r="AZ27" s="488"/>
      <c r="BA27" s="488"/>
      <c r="BB27" s="488"/>
      <c r="BC27" s="488"/>
      <c r="BD27" s="488"/>
      <c r="BE27" s="488"/>
      <c r="BF27" s="80">
        <f t="shared" si="0"/>
        <v>300</v>
      </c>
      <c r="BG27" s="76"/>
      <c r="BH27" s="487" t="str">
        <f t="shared" si="6"/>
        <v/>
      </c>
      <c r="BI27" s="487" t="str">
        <f t="shared" si="6"/>
        <v/>
      </c>
      <c r="BJ27" s="487" t="str">
        <f t="shared" si="6"/>
        <v/>
      </c>
      <c r="BK27" s="487" t="str">
        <f t="shared" si="6"/>
        <v/>
      </c>
      <c r="BL27" s="487">
        <f t="shared" si="6"/>
        <v>0</v>
      </c>
      <c r="BM27" s="487" t="str">
        <f t="shared" si="6"/>
        <v/>
      </c>
      <c r="BN27" s="487" t="str">
        <f t="shared" si="6"/>
        <v/>
      </c>
      <c r="BO27" s="487" t="str">
        <f t="shared" si="6"/>
        <v/>
      </c>
      <c r="BP27" s="487" t="str">
        <f t="shared" si="6"/>
        <v/>
      </c>
      <c r="BQ27" s="487" t="str">
        <f t="shared" si="6"/>
        <v/>
      </c>
      <c r="BR27" s="487" t="str">
        <f t="shared" si="6"/>
        <v/>
      </c>
      <c r="BS27" s="487" t="str">
        <f t="shared" si="6"/>
        <v/>
      </c>
      <c r="BT27" s="487" t="str">
        <f t="shared" si="6"/>
        <v/>
      </c>
      <c r="BU27" s="487" t="str">
        <f t="shared" si="6"/>
        <v/>
      </c>
      <c r="BV27" s="487" t="str">
        <f t="shared" si="6"/>
        <v/>
      </c>
      <c r="BW27" s="487" t="str">
        <f t="shared" si="5"/>
        <v/>
      </c>
      <c r="BX27" s="487" t="str">
        <f t="shared" si="5"/>
        <v/>
      </c>
      <c r="BY27" s="487" t="str">
        <f t="shared" si="5"/>
        <v/>
      </c>
      <c r="BZ27" s="487" t="str">
        <f t="shared" si="5"/>
        <v/>
      </c>
      <c r="CA27" s="487" t="str">
        <f t="shared" si="5"/>
        <v/>
      </c>
      <c r="CB27" s="487" t="str">
        <f t="shared" si="5"/>
        <v/>
      </c>
      <c r="CC27" s="487" t="str">
        <f t="shared" si="5"/>
        <v/>
      </c>
      <c r="CD27" s="487" t="str">
        <f t="shared" si="5"/>
        <v/>
      </c>
      <c r="CE27" s="487" t="str">
        <f t="shared" si="5"/>
        <v/>
      </c>
      <c r="CF27" s="487" t="str">
        <f t="shared" si="5"/>
        <v/>
      </c>
      <c r="CG27" s="487" t="str">
        <f t="shared" si="5"/>
        <v/>
      </c>
      <c r="CH27" s="487" t="str">
        <f t="shared" si="5"/>
        <v/>
      </c>
      <c r="CI27" s="487" t="str">
        <f t="shared" si="5"/>
        <v/>
      </c>
      <c r="CJ27" s="487" t="str">
        <f t="shared" si="5"/>
        <v/>
      </c>
      <c r="CK27" s="487" t="str">
        <f t="shared" si="5"/>
        <v/>
      </c>
      <c r="CL27" s="487" t="str">
        <f t="shared" si="5"/>
        <v/>
      </c>
      <c r="CM27" s="487"/>
      <c r="CN27" s="487"/>
      <c r="CO27" s="487"/>
      <c r="CP27" s="487"/>
      <c r="CQ27" s="487"/>
      <c r="CR27" s="487"/>
      <c r="CS27" s="487"/>
      <c r="CT27" s="487"/>
      <c r="CU27" s="487"/>
      <c r="CV27" s="487"/>
      <c r="CW27" s="487"/>
      <c r="CX27" s="487"/>
      <c r="CY27" s="487"/>
      <c r="CZ27" s="487"/>
      <c r="DA27" s="487"/>
      <c r="DB27" s="487"/>
      <c r="DC27" s="487"/>
      <c r="DD27" s="487"/>
      <c r="DE27" s="487"/>
      <c r="DF27" s="487"/>
      <c r="DG27" s="487"/>
      <c r="DH27" s="487"/>
      <c r="DI27" s="80"/>
      <c r="DJ27" s="486"/>
      <c r="DK27" s="77" t="s">
        <v>199</v>
      </c>
    </row>
    <row r="28" spans="1:115" s="136" customFormat="1" ht="56.1" hidden="1" customHeight="1" x14ac:dyDescent="0.2">
      <c r="A28" s="77"/>
      <c r="B28" s="77"/>
      <c r="C28" s="481">
        <v>41</v>
      </c>
      <c r="D28" s="481"/>
      <c r="E28" s="481" t="s">
        <v>2481</v>
      </c>
      <c r="F28" s="482" t="s">
        <v>53</v>
      </c>
      <c r="G28" s="482" t="s">
        <v>153</v>
      </c>
      <c r="H28" s="484" t="s">
        <v>192</v>
      </c>
      <c r="I28" s="484" t="s">
        <v>205</v>
      </c>
      <c r="J28" s="484" t="s">
        <v>206</v>
      </c>
      <c r="K28" s="484"/>
      <c r="L28" s="484" t="s">
        <v>58</v>
      </c>
      <c r="M28" s="484" t="s">
        <v>207</v>
      </c>
      <c r="N28" s="484"/>
      <c r="O28" s="484" t="s">
        <v>60</v>
      </c>
      <c r="P28" s="484" t="s">
        <v>195</v>
      </c>
      <c r="Q28" s="484"/>
      <c r="R28" s="484" t="s">
        <v>208</v>
      </c>
      <c r="S28" s="484" t="s">
        <v>63</v>
      </c>
      <c r="T28" s="484" t="s">
        <v>63</v>
      </c>
      <c r="U28" s="485"/>
      <c r="V28" s="485"/>
      <c r="W28" s="484" t="s">
        <v>64</v>
      </c>
      <c r="X28" s="484"/>
      <c r="Y28" s="485"/>
      <c r="Z28" s="76" t="s">
        <v>65</v>
      </c>
      <c r="AA28" s="488"/>
      <c r="AB28" s="488"/>
      <c r="AC28" s="488"/>
      <c r="AD28" s="488"/>
      <c r="AE28" s="488"/>
      <c r="AF28" s="488"/>
      <c r="AG28" s="488"/>
      <c r="AH28" s="488"/>
      <c r="AI28" s="488" t="s">
        <v>66</v>
      </c>
      <c r="AJ28" s="488"/>
      <c r="AK28" s="488"/>
      <c r="AL28" s="488"/>
      <c r="AM28" s="488"/>
      <c r="AN28" s="488"/>
      <c r="AO28" s="488"/>
      <c r="AP28" s="488"/>
      <c r="AQ28" s="488"/>
      <c r="AR28" s="488"/>
      <c r="AS28" s="488"/>
      <c r="AT28" s="488"/>
      <c r="AU28" s="488"/>
      <c r="AV28" s="488"/>
      <c r="AW28" s="488"/>
      <c r="AX28" s="488"/>
      <c r="AY28" s="488"/>
      <c r="AZ28" s="488"/>
      <c r="BA28" s="488"/>
      <c r="BB28" s="488"/>
      <c r="BC28" s="488"/>
      <c r="BD28" s="488"/>
      <c r="BE28" s="488"/>
      <c r="BF28" s="80">
        <f t="shared" si="0"/>
        <v>500</v>
      </c>
      <c r="BG28" s="76"/>
      <c r="BH28" s="487" t="str">
        <f t="shared" si="6"/>
        <v/>
      </c>
      <c r="BI28" s="487" t="str">
        <f t="shared" si="6"/>
        <v/>
      </c>
      <c r="BJ28" s="487" t="str">
        <f t="shared" si="6"/>
        <v/>
      </c>
      <c r="BK28" s="487" t="str">
        <f t="shared" si="6"/>
        <v/>
      </c>
      <c r="BL28" s="487" t="str">
        <f t="shared" si="6"/>
        <v/>
      </c>
      <c r="BM28" s="487" t="str">
        <f t="shared" si="6"/>
        <v/>
      </c>
      <c r="BN28" s="487" t="str">
        <f t="shared" si="6"/>
        <v/>
      </c>
      <c r="BO28" s="487" t="str">
        <f t="shared" si="6"/>
        <v/>
      </c>
      <c r="BP28" s="487">
        <f t="shared" si="6"/>
        <v>0</v>
      </c>
      <c r="BQ28" s="487" t="str">
        <f t="shared" si="6"/>
        <v/>
      </c>
      <c r="BR28" s="487" t="str">
        <f t="shared" si="6"/>
        <v/>
      </c>
      <c r="BS28" s="487" t="str">
        <f t="shared" si="6"/>
        <v/>
      </c>
      <c r="BT28" s="487" t="str">
        <f t="shared" si="6"/>
        <v/>
      </c>
      <c r="BU28" s="487" t="str">
        <f t="shared" si="6"/>
        <v/>
      </c>
      <c r="BV28" s="487" t="str">
        <f t="shared" si="6"/>
        <v/>
      </c>
      <c r="BW28" s="487" t="str">
        <f t="shared" si="5"/>
        <v/>
      </c>
      <c r="BX28" s="487" t="str">
        <f t="shared" si="5"/>
        <v/>
      </c>
      <c r="BY28" s="487" t="str">
        <f t="shared" si="5"/>
        <v/>
      </c>
      <c r="BZ28" s="487" t="str">
        <f t="shared" si="5"/>
        <v/>
      </c>
      <c r="CA28" s="487" t="str">
        <f t="shared" si="5"/>
        <v/>
      </c>
      <c r="CB28" s="487" t="str">
        <f t="shared" si="5"/>
        <v/>
      </c>
      <c r="CC28" s="487" t="str">
        <f t="shared" si="5"/>
        <v/>
      </c>
      <c r="CD28" s="487" t="str">
        <f t="shared" si="5"/>
        <v/>
      </c>
      <c r="CE28" s="487" t="str">
        <f t="shared" si="5"/>
        <v/>
      </c>
      <c r="CF28" s="487" t="str">
        <f t="shared" si="5"/>
        <v/>
      </c>
      <c r="CG28" s="487" t="str">
        <f t="shared" si="5"/>
        <v/>
      </c>
      <c r="CH28" s="487" t="str">
        <f t="shared" si="5"/>
        <v/>
      </c>
      <c r="CI28" s="487" t="str">
        <f t="shared" si="5"/>
        <v/>
      </c>
      <c r="CJ28" s="487" t="str">
        <f t="shared" si="5"/>
        <v/>
      </c>
      <c r="CK28" s="487" t="str">
        <f t="shared" si="5"/>
        <v/>
      </c>
      <c r="CL28" s="487" t="str">
        <f t="shared" si="5"/>
        <v/>
      </c>
      <c r="CM28" s="487"/>
      <c r="CN28" s="487"/>
      <c r="CO28" s="487"/>
      <c r="CP28" s="487"/>
      <c r="CQ28" s="487"/>
      <c r="CR28" s="487"/>
      <c r="CS28" s="487"/>
      <c r="CT28" s="487"/>
      <c r="CU28" s="487"/>
      <c r="CV28" s="487"/>
      <c r="CW28" s="487"/>
      <c r="CX28" s="487"/>
      <c r="CY28" s="487"/>
      <c r="CZ28" s="487"/>
      <c r="DA28" s="487"/>
      <c r="DB28" s="487"/>
      <c r="DC28" s="487"/>
      <c r="DD28" s="487"/>
      <c r="DE28" s="487"/>
      <c r="DF28" s="487"/>
      <c r="DG28" s="487"/>
      <c r="DH28" s="487"/>
      <c r="DI28" s="80"/>
      <c r="DJ28" s="486"/>
      <c r="DK28" s="77" t="s">
        <v>199</v>
      </c>
    </row>
    <row r="29" spans="1:115" s="136" customFormat="1" ht="56.1" hidden="1" customHeight="1" x14ac:dyDescent="0.2">
      <c r="A29" s="77"/>
      <c r="B29" s="77"/>
      <c r="C29" s="481">
        <v>42</v>
      </c>
      <c r="D29" s="481"/>
      <c r="E29" s="481" t="s">
        <v>2481</v>
      </c>
      <c r="F29" s="482" t="s">
        <v>53</v>
      </c>
      <c r="G29" s="482" t="s">
        <v>153</v>
      </c>
      <c r="H29" s="484" t="s">
        <v>192</v>
      </c>
      <c r="I29" s="484" t="s">
        <v>209</v>
      </c>
      <c r="J29" s="484" t="s">
        <v>210</v>
      </c>
      <c r="K29" s="484"/>
      <c r="L29" s="484" t="s">
        <v>58</v>
      </c>
      <c r="M29" s="484" t="s">
        <v>26</v>
      </c>
      <c r="N29" s="484"/>
      <c r="O29" s="484" t="s">
        <v>60</v>
      </c>
      <c r="P29" s="484" t="s">
        <v>195</v>
      </c>
      <c r="Q29" s="484"/>
      <c r="R29" s="484" t="s">
        <v>159</v>
      </c>
      <c r="S29" s="484" t="s">
        <v>63</v>
      </c>
      <c r="T29" s="484" t="s">
        <v>63</v>
      </c>
      <c r="U29" s="485"/>
      <c r="V29" s="485"/>
      <c r="W29" s="484" t="s">
        <v>64</v>
      </c>
      <c r="X29" s="484"/>
      <c r="Y29" s="485"/>
      <c r="Z29" s="76" t="s">
        <v>65</v>
      </c>
      <c r="AA29" s="488"/>
      <c r="AB29" s="488"/>
      <c r="AC29" s="488"/>
      <c r="AD29" s="488"/>
      <c r="AE29" s="488"/>
      <c r="AF29" s="488"/>
      <c r="AG29" s="488"/>
      <c r="AH29" s="488"/>
      <c r="AI29" s="488"/>
      <c r="AJ29" s="488" t="s">
        <v>66</v>
      </c>
      <c r="AK29" s="488"/>
      <c r="AL29" s="488"/>
      <c r="AM29" s="488"/>
      <c r="AN29" s="488"/>
      <c r="AO29" s="488"/>
      <c r="AP29" s="488"/>
      <c r="AQ29" s="488"/>
      <c r="AR29" s="488"/>
      <c r="AS29" s="488"/>
      <c r="AT29" s="488"/>
      <c r="AU29" s="488"/>
      <c r="AV29" s="488"/>
      <c r="AW29" s="488"/>
      <c r="AX29" s="488"/>
      <c r="AY29" s="488"/>
      <c r="AZ29" s="488"/>
      <c r="BA29" s="488"/>
      <c r="BB29" s="488"/>
      <c r="BC29" s="488"/>
      <c r="BD29" s="488"/>
      <c r="BE29" s="488"/>
      <c r="BF29" s="80">
        <f t="shared" si="0"/>
        <v>500</v>
      </c>
      <c r="BG29" s="76"/>
      <c r="BH29" s="487" t="str">
        <f t="shared" si="6"/>
        <v/>
      </c>
      <c r="BI29" s="487" t="str">
        <f t="shared" si="6"/>
        <v/>
      </c>
      <c r="BJ29" s="487" t="str">
        <f t="shared" si="6"/>
        <v/>
      </c>
      <c r="BK29" s="487" t="str">
        <f t="shared" si="6"/>
        <v/>
      </c>
      <c r="BL29" s="487" t="str">
        <f t="shared" si="6"/>
        <v/>
      </c>
      <c r="BM29" s="487" t="str">
        <f t="shared" si="6"/>
        <v/>
      </c>
      <c r="BN29" s="487" t="str">
        <f t="shared" si="6"/>
        <v/>
      </c>
      <c r="BO29" s="487" t="str">
        <f t="shared" si="6"/>
        <v/>
      </c>
      <c r="BP29" s="487" t="str">
        <f t="shared" si="6"/>
        <v/>
      </c>
      <c r="BQ29" s="487">
        <f t="shared" si="6"/>
        <v>0</v>
      </c>
      <c r="BR29" s="487" t="str">
        <f t="shared" si="6"/>
        <v/>
      </c>
      <c r="BS29" s="487" t="str">
        <f t="shared" si="6"/>
        <v/>
      </c>
      <c r="BT29" s="487" t="str">
        <f t="shared" si="6"/>
        <v/>
      </c>
      <c r="BU29" s="487" t="str">
        <f t="shared" si="6"/>
        <v/>
      </c>
      <c r="BV29" s="487" t="str">
        <f t="shared" si="6"/>
        <v/>
      </c>
      <c r="BW29" s="487" t="str">
        <f t="shared" si="5"/>
        <v/>
      </c>
      <c r="BX29" s="487" t="str">
        <f t="shared" si="5"/>
        <v/>
      </c>
      <c r="BY29" s="487" t="str">
        <f t="shared" si="5"/>
        <v/>
      </c>
      <c r="BZ29" s="487" t="str">
        <f t="shared" si="5"/>
        <v/>
      </c>
      <c r="CA29" s="487" t="str">
        <f t="shared" si="5"/>
        <v/>
      </c>
      <c r="CB29" s="487" t="str">
        <f t="shared" si="5"/>
        <v/>
      </c>
      <c r="CC29" s="487" t="str">
        <f t="shared" si="5"/>
        <v/>
      </c>
      <c r="CD29" s="487" t="str">
        <f t="shared" si="5"/>
        <v/>
      </c>
      <c r="CE29" s="487" t="str">
        <f t="shared" si="5"/>
        <v/>
      </c>
      <c r="CF29" s="487" t="str">
        <f t="shared" si="5"/>
        <v/>
      </c>
      <c r="CG29" s="487" t="str">
        <f t="shared" si="5"/>
        <v/>
      </c>
      <c r="CH29" s="487" t="str">
        <f t="shared" si="5"/>
        <v/>
      </c>
      <c r="CI29" s="487" t="str">
        <f t="shared" si="5"/>
        <v/>
      </c>
      <c r="CJ29" s="487" t="str">
        <f t="shared" si="5"/>
        <v/>
      </c>
      <c r="CK29" s="487" t="str">
        <f t="shared" si="5"/>
        <v/>
      </c>
      <c r="CL29" s="487" t="str">
        <f t="shared" si="5"/>
        <v/>
      </c>
      <c r="CM29" s="487"/>
      <c r="CN29" s="487"/>
      <c r="CO29" s="487"/>
      <c r="CP29" s="487"/>
      <c r="CQ29" s="487"/>
      <c r="CR29" s="487"/>
      <c r="CS29" s="487"/>
      <c r="CT29" s="487"/>
      <c r="CU29" s="487"/>
      <c r="CV29" s="487"/>
      <c r="CW29" s="487"/>
      <c r="CX29" s="487"/>
      <c r="CY29" s="487"/>
      <c r="CZ29" s="487"/>
      <c r="DA29" s="487"/>
      <c r="DB29" s="487"/>
      <c r="DC29" s="487"/>
      <c r="DD29" s="487"/>
      <c r="DE29" s="487"/>
      <c r="DF29" s="487"/>
      <c r="DG29" s="487"/>
      <c r="DH29" s="487"/>
      <c r="DI29" s="80"/>
      <c r="DJ29" s="486"/>
      <c r="DK29" s="77" t="s">
        <v>199</v>
      </c>
    </row>
    <row r="30" spans="1:115" s="136" customFormat="1" ht="56.1" hidden="1" customHeight="1" x14ac:dyDescent="0.2">
      <c r="A30" s="77" t="s">
        <v>2483</v>
      </c>
      <c r="B30" s="77" t="s">
        <v>2484</v>
      </c>
      <c r="C30" s="481">
        <v>43</v>
      </c>
      <c r="D30" s="481"/>
      <c r="E30" s="481" t="s">
        <v>2481</v>
      </c>
      <c r="F30" s="482" t="s">
        <v>53</v>
      </c>
      <c r="G30" s="482" t="s">
        <v>211</v>
      </c>
      <c r="H30" s="484" t="s">
        <v>212</v>
      </c>
      <c r="I30" s="484" t="s">
        <v>213</v>
      </c>
      <c r="J30" s="484" t="s">
        <v>214</v>
      </c>
      <c r="K30" s="484"/>
      <c r="L30" s="484" t="s">
        <v>215</v>
      </c>
      <c r="M30" s="484" t="s">
        <v>63</v>
      </c>
      <c r="N30" s="484"/>
      <c r="O30" s="484" t="s">
        <v>81</v>
      </c>
      <c r="P30" s="484" t="s">
        <v>216</v>
      </c>
      <c r="Q30" s="484"/>
      <c r="R30" s="484" t="s">
        <v>191</v>
      </c>
      <c r="S30" s="484" t="s">
        <v>63</v>
      </c>
      <c r="T30" s="484" t="s">
        <v>63</v>
      </c>
      <c r="U30" s="485">
        <v>994952</v>
      </c>
      <c r="V30" s="485"/>
      <c r="W30" s="484" t="s">
        <v>217</v>
      </c>
      <c r="X30" s="484"/>
      <c r="Y30" s="485">
        <f>U30</f>
        <v>994952</v>
      </c>
      <c r="Z30" s="486" t="s">
        <v>65</v>
      </c>
      <c r="AA30" s="487" t="s">
        <v>66</v>
      </c>
      <c r="AB30" s="487" t="s">
        <v>66</v>
      </c>
      <c r="AC30" s="487" t="s">
        <v>66</v>
      </c>
      <c r="AD30" s="487" t="s">
        <v>66</v>
      </c>
      <c r="AE30" s="487" t="s">
        <v>66</v>
      </c>
      <c r="AF30" s="487" t="s">
        <v>66</v>
      </c>
      <c r="AG30" s="487" t="s">
        <v>66</v>
      </c>
      <c r="AH30" s="487" t="s">
        <v>66</v>
      </c>
      <c r="AI30" s="487" t="s">
        <v>66</v>
      </c>
      <c r="AJ30" s="487" t="s">
        <v>66</v>
      </c>
      <c r="AK30" s="487" t="s">
        <v>66</v>
      </c>
      <c r="AL30" s="487" t="s">
        <v>66</v>
      </c>
      <c r="AM30" s="487" t="s">
        <v>66</v>
      </c>
      <c r="AN30" s="487" t="s">
        <v>66</v>
      </c>
      <c r="AO30" s="487" t="s">
        <v>66</v>
      </c>
      <c r="AP30" s="487" t="s">
        <v>66</v>
      </c>
      <c r="AQ30" s="487" t="s">
        <v>66</v>
      </c>
      <c r="AR30" s="487" t="s">
        <v>66</v>
      </c>
      <c r="AS30" s="487" t="s">
        <v>66</v>
      </c>
      <c r="AT30" s="487" t="s">
        <v>66</v>
      </c>
      <c r="AU30" s="487" t="s">
        <v>66</v>
      </c>
      <c r="AV30" s="487" t="s">
        <v>66</v>
      </c>
      <c r="AW30" s="487" t="s">
        <v>66</v>
      </c>
      <c r="AX30" s="487" t="s">
        <v>66</v>
      </c>
      <c r="AY30" s="487" t="s">
        <v>66</v>
      </c>
      <c r="AZ30" s="487" t="s">
        <v>66</v>
      </c>
      <c r="BA30" s="487" t="s">
        <v>66</v>
      </c>
      <c r="BB30" s="487" t="s">
        <v>66</v>
      </c>
      <c r="BC30" s="487" t="s">
        <v>66</v>
      </c>
      <c r="BD30" s="487" t="s">
        <v>66</v>
      </c>
      <c r="BE30" s="487" t="s">
        <v>66</v>
      </c>
      <c r="BF30" s="80">
        <f t="shared" si="0"/>
        <v>13219</v>
      </c>
      <c r="BG30" s="76">
        <f>Y30/BF30</f>
        <v>75.266812920795829</v>
      </c>
      <c r="BH30" s="487">
        <f t="shared" si="6"/>
        <v>112900.21938119375</v>
      </c>
      <c r="BI30" s="487">
        <f t="shared" si="6"/>
        <v>15053.362584159166</v>
      </c>
      <c r="BJ30" s="487">
        <f t="shared" si="6"/>
        <v>33870.065814358124</v>
      </c>
      <c r="BK30" s="487">
        <f t="shared" si="6"/>
        <v>26343.384522278538</v>
      </c>
      <c r="BL30" s="487">
        <f t="shared" si="6"/>
        <v>22580.043876238749</v>
      </c>
      <c r="BM30" s="487">
        <f t="shared" si="6"/>
        <v>36128.070201981995</v>
      </c>
      <c r="BN30" s="487">
        <f t="shared" si="6"/>
        <v>7526.6812920795828</v>
      </c>
      <c r="BO30" s="487">
        <f t="shared" si="6"/>
        <v>29354.057039110372</v>
      </c>
      <c r="BP30" s="487">
        <f t="shared" si="6"/>
        <v>37633.406460397913</v>
      </c>
      <c r="BQ30" s="487">
        <f t="shared" si="6"/>
        <v>37633.406460397913</v>
      </c>
      <c r="BR30" s="487">
        <f t="shared" si="6"/>
        <v>56450.109690596873</v>
      </c>
      <c r="BS30" s="487">
        <f t="shared" si="6"/>
        <v>15053.362584159166</v>
      </c>
      <c r="BT30" s="487">
        <f t="shared" si="6"/>
        <v>17612.434223466225</v>
      </c>
      <c r="BU30" s="487">
        <f t="shared" si="6"/>
        <v>26343.384522278538</v>
      </c>
      <c r="BV30" s="487">
        <f t="shared" si="6"/>
        <v>6774.0131628716244</v>
      </c>
      <c r="BW30" s="487">
        <f t="shared" si="5"/>
        <v>6021.3450336636661</v>
      </c>
      <c r="BX30" s="487">
        <f t="shared" si="5"/>
        <v>179511.34881609806</v>
      </c>
      <c r="BY30" s="487">
        <f t="shared" si="5"/>
        <v>58331.780013616764</v>
      </c>
      <c r="BZ30" s="487">
        <f t="shared" si="5"/>
        <v>7526.6812920795828</v>
      </c>
      <c r="CA30" s="487">
        <f t="shared" si="5"/>
        <v>7526.6812920795828</v>
      </c>
      <c r="CB30" s="487">
        <f t="shared" si="5"/>
        <v>22730.577502080341</v>
      </c>
      <c r="CC30" s="487">
        <f t="shared" si="5"/>
        <v>18816.703230198957</v>
      </c>
      <c r="CD30" s="487">
        <f t="shared" si="5"/>
        <v>30106.725168318331</v>
      </c>
      <c r="CE30" s="487">
        <f t="shared" si="5"/>
        <v>105373.53808911415</v>
      </c>
      <c r="CF30" s="487">
        <f t="shared" si="5"/>
        <v>15128.629397079962</v>
      </c>
      <c r="CG30" s="487">
        <f t="shared" si="5"/>
        <v>16332.898403812695</v>
      </c>
      <c r="CH30" s="487">
        <f t="shared" si="5"/>
        <v>2333.2712005446706</v>
      </c>
      <c r="CI30" s="487">
        <f t="shared" si="5"/>
        <v>5042.8764656933208</v>
      </c>
      <c r="CJ30" s="487">
        <f t="shared" si="5"/>
        <v>11290.021938119375</v>
      </c>
      <c r="CK30" s="487">
        <f t="shared" si="5"/>
        <v>2333.2712005446706</v>
      </c>
      <c r="CL30" s="487">
        <f t="shared" si="5"/>
        <v>25289.649141387399</v>
      </c>
      <c r="CM30" s="487"/>
      <c r="CN30" s="487"/>
      <c r="CO30" s="487"/>
      <c r="CP30" s="487"/>
      <c r="CQ30" s="487"/>
      <c r="CR30" s="487"/>
      <c r="CS30" s="487"/>
      <c r="CT30" s="487"/>
      <c r="CU30" s="487"/>
      <c r="CV30" s="487"/>
      <c r="CW30" s="487"/>
      <c r="CX30" s="487"/>
      <c r="CY30" s="487"/>
      <c r="CZ30" s="487"/>
      <c r="DA30" s="487"/>
      <c r="DB30" s="487"/>
      <c r="DC30" s="487"/>
      <c r="DD30" s="487"/>
      <c r="DE30" s="487"/>
      <c r="DF30" s="487"/>
      <c r="DG30" s="487"/>
      <c r="DH30" s="487"/>
      <c r="DI30" s="484"/>
      <c r="DJ30" s="484"/>
      <c r="DK30" s="77" t="s">
        <v>218</v>
      </c>
    </row>
    <row r="31" spans="1:115" s="136" customFormat="1" ht="56.1" hidden="1" customHeight="1" x14ac:dyDescent="0.2">
      <c r="A31" s="77" t="s">
        <v>2483</v>
      </c>
      <c r="B31" s="77" t="s">
        <v>2484</v>
      </c>
      <c r="C31" s="481">
        <v>44</v>
      </c>
      <c r="D31" s="481"/>
      <c r="E31" s="481" t="s">
        <v>2481</v>
      </c>
      <c r="F31" s="482" t="s">
        <v>53</v>
      </c>
      <c r="G31" s="482" t="s">
        <v>211</v>
      </c>
      <c r="H31" s="484" t="s">
        <v>212</v>
      </c>
      <c r="I31" s="484" t="s">
        <v>219</v>
      </c>
      <c r="J31" s="484" t="s">
        <v>220</v>
      </c>
      <c r="K31" s="484"/>
      <c r="L31" s="484" t="s">
        <v>215</v>
      </c>
      <c r="M31" s="484" t="s">
        <v>63</v>
      </c>
      <c r="N31" s="484"/>
      <c r="O31" s="484" t="s">
        <v>81</v>
      </c>
      <c r="P31" s="484" t="s">
        <v>216</v>
      </c>
      <c r="Q31" s="484"/>
      <c r="R31" s="484" t="s">
        <v>221</v>
      </c>
      <c r="S31" s="484" t="s">
        <v>63</v>
      </c>
      <c r="T31" s="484" t="s">
        <v>63</v>
      </c>
      <c r="U31" s="485">
        <v>382483</v>
      </c>
      <c r="V31" s="485"/>
      <c r="W31" s="484" t="s">
        <v>191</v>
      </c>
      <c r="X31" s="484"/>
      <c r="Y31" s="485">
        <f>U31</f>
        <v>382483</v>
      </c>
      <c r="Z31" s="486" t="s">
        <v>65</v>
      </c>
      <c r="AA31" s="487" t="s">
        <v>66</v>
      </c>
      <c r="AB31" s="487" t="s">
        <v>66</v>
      </c>
      <c r="AC31" s="487" t="s">
        <v>66</v>
      </c>
      <c r="AD31" s="487" t="s">
        <v>66</v>
      </c>
      <c r="AE31" s="487" t="s">
        <v>66</v>
      </c>
      <c r="AF31" s="487" t="s">
        <v>66</v>
      </c>
      <c r="AG31" s="487" t="s">
        <v>66</v>
      </c>
      <c r="AH31" s="487" t="s">
        <v>66</v>
      </c>
      <c r="AI31" s="487" t="s">
        <v>66</v>
      </c>
      <c r="AJ31" s="487" t="s">
        <v>66</v>
      </c>
      <c r="AK31" s="487" t="s">
        <v>66</v>
      </c>
      <c r="AL31" s="487" t="s">
        <v>66</v>
      </c>
      <c r="AM31" s="487" t="s">
        <v>66</v>
      </c>
      <c r="AN31" s="487" t="s">
        <v>66</v>
      </c>
      <c r="AO31" s="487" t="s">
        <v>66</v>
      </c>
      <c r="AP31" s="487" t="s">
        <v>66</v>
      </c>
      <c r="AQ31" s="487" t="s">
        <v>66</v>
      </c>
      <c r="AR31" s="487" t="s">
        <v>66</v>
      </c>
      <c r="AS31" s="487" t="s">
        <v>66</v>
      </c>
      <c r="AT31" s="487" t="s">
        <v>66</v>
      </c>
      <c r="AU31" s="487" t="s">
        <v>66</v>
      </c>
      <c r="AV31" s="487" t="s">
        <v>66</v>
      </c>
      <c r="AW31" s="487" t="s">
        <v>66</v>
      </c>
      <c r="AX31" s="487" t="s">
        <v>66</v>
      </c>
      <c r="AY31" s="487" t="s">
        <v>66</v>
      </c>
      <c r="AZ31" s="487" t="s">
        <v>66</v>
      </c>
      <c r="BA31" s="487" t="s">
        <v>66</v>
      </c>
      <c r="BB31" s="487" t="s">
        <v>66</v>
      </c>
      <c r="BC31" s="487" t="s">
        <v>66</v>
      </c>
      <c r="BD31" s="487" t="s">
        <v>66</v>
      </c>
      <c r="BE31" s="487" t="s">
        <v>66</v>
      </c>
      <c r="BF31" s="80">
        <f t="shared" si="0"/>
        <v>13219</v>
      </c>
      <c r="BG31" s="76">
        <f>Y31/BF31</f>
        <v>28.934336939254106</v>
      </c>
      <c r="BH31" s="487">
        <f t="shared" si="6"/>
        <v>43401.505408881159</v>
      </c>
      <c r="BI31" s="487">
        <f t="shared" si="6"/>
        <v>5786.8673878508207</v>
      </c>
      <c r="BJ31" s="487">
        <f t="shared" si="6"/>
        <v>13020.451622664348</v>
      </c>
      <c r="BK31" s="487">
        <f t="shared" si="6"/>
        <v>10127.017928738936</v>
      </c>
      <c r="BL31" s="487">
        <f t="shared" si="6"/>
        <v>8680.3010817762315</v>
      </c>
      <c r="BM31" s="487">
        <f t="shared" si="6"/>
        <v>13888.481730841972</v>
      </c>
      <c r="BN31" s="487">
        <f t="shared" si="6"/>
        <v>2893.4336939254104</v>
      </c>
      <c r="BO31" s="487">
        <f t="shared" si="6"/>
        <v>11284.391406309102</v>
      </c>
      <c r="BP31" s="487">
        <f t="shared" si="6"/>
        <v>14467.168469627053</v>
      </c>
      <c r="BQ31" s="487">
        <f t="shared" si="6"/>
        <v>14467.168469627053</v>
      </c>
      <c r="BR31" s="487">
        <f t="shared" si="6"/>
        <v>21700.75270444058</v>
      </c>
      <c r="BS31" s="487">
        <f t="shared" si="6"/>
        <v>5786.8673878508207</v>
      </c>
      <c r="BT31" s="487">
        <f t="shared" si="6"/>
        <v>6770.6348437854604</v>
      </c>
      <c r="BU31" s="487">
        <f t="shared" si="6"/>
        <v>10127.017928738936</v>
      </c>
      <c r="BV31" s="487">
        <f t="shared" si="6"/>
        <v>2604.0903245328695</v>
      </c>
      <c r="BW31" s="487">
        <f t="shared" si="5"/>
        <v>2314.7469551403283</v>
      </c>
      <c r="BX31" s="487">
        <f t="shared" si="5"/>
        <v>69008.393600121039</v>
      </c>
      <c r="BY31" s="487">
        <f t="shared" si="5"/>
        <v>22424.111127921933</v>
      </c>
      <c r="BZ31" s="487">
        <f t="shared" si="5"/>
        <v>2893.4336939254104</v>
      </c>
      <c r="CA31" s="487">
        <f t="shared" si="5"/>
        <v>2893.4336939254104</v>
      </c>
      <c r="CB31" s="487">
        <f t="shared" si="5"/>
        <v>8738.1697556547406</v>
      </c>
      <c r="CC31" s="487">
        <f t="shared" si="5"/>
        <v>7233.5842348135266</v>
      </c>
      <c r="CD31" s="487">
        <f t="shared" si="5"/>
        <v>11573.734775701641</v>
      </c>
      <c r="CE31" s="487">
        <f t="shared" si="5"/>
        <v>40508.071714955746</v>
      </c>
      <c r="CF31" s="487">
        <f t="shared" si="5"/>
        <v>5815.8017247900752</v>
      </c>
      <c r="CG31" s="487">
        <f t="shared" si="5"/>
        <v>6278.7511158181405</v>
      </c>
      <c r="CH31" s="487">
        <f t="shared" si="5"/>
        <v>896.9644451168773</v>
      </c>
      <c r="CI31" s="487">
        <f t="shared" si="5"/>
        <v>1938.600574930025</v>
      </c>
      <c r="CJ31" s="487">
        <f t="shared" si="5"/>
        <v>4340.1505408881158</v>
      </c>
      <c r="CK31" s="487">
        <f t="shared" si="5"/>
        <v>896.9644451168773</v>
      </c>
      <c r="CL31" s="487">
        <f t="shared" si="5"/>
        <v>9721.9372115893802</v>
      </c>
      <c r="CM31" s="487"/>
      <c r="CN31" s="487"/>
      <c r="CO31" s="487"/>
      <c r="CP31" s="487"/>
      <c r="CQ31" s="487"/>
      <c r="CR31" s="487"/>
      <c r="CS31" s="487"/>
      <c r="CT31" s="487"/>
      <c r="CU31" s="487"/>
      <c r="CV31" s="487"/>
      <c r="CW31" s="487"/>
      <c r="CX31" s="487"/>
      <c r="CY31" s="487"/>
      <c r="CZ31" s="487"/>
      <c r="DA31" s="487"/>
      <c r="DB31" s="487"/>
      <c r="DC31" s="487"/>
      <c r="DD31" s="487"/>
      <c r="DE31" s="487"/>
      <c r="DF31" s="487"/>
      <c r="DG31" s="487"/>
      <c r="DH31" s="487"/>
      <c r="DI31" s="485"/>
      <c r="DJ31" s="484"/>
      <c r="DK31" s="77" t="s">
        <v>218</v>
      </c>
    </row>
    <row r="32" spans="1:115" s="136" customFormat="1" ht="71.099999999999994" hidden="1" customHeight="1" x14ac:dyDescent="0.2">
      <c r="A32" s="77" t="s">
        <v>2483</v>
      </c>
      <c r="B32" s="77" t="s">
        <v>2485</v>
      </c>
      <c r="C32" s="481">
        <v>45</v>
      </c>
      <c r="D32" s="481"/>
      <c r="E32" s="481" t="s">
        <v>2481</v>
      </c>
      <c r="F32" s="482" t="s">
        <v>53</v>
      </c>
      <c r="G32" s="482" t="s">
        <v>211</v>
      </c>
      <c r="H32" s="484" t="s">
        <v>222</v>
      </c>
      <c r="I32" s="484" t="s">
        <v>223</v>
      </c>
      <c r="J32" s="484" t="s">
        <v>224</v>
      </c>
      <c r="K32" s="484"/>
      <c r="L32" s="484" t="s">
        <v>215</v>
      </c>
      <c r="M32" s="484" t="s">
        <v>63</v>
      </c>
      <c r="N32" s="484"/>
      <c r="O32" s="484" t="s">
        <v>81</v>
      </c>
      <c r="P32" s="484" t="s">
        <v>61</v>
      </c>
      <c r="Q32" s="484"/>
      <c r="R32" s="484" t="s">
        <v>225</v>
      </c>
      <c r="S32" s="484" t="s">
        <v>63</v>
      </c>
      <c r="T32" s="484" t="s">
        <v>63</v>
      </c>
      <c r="U32" s="485">
        <v>322800</v>
      </c>
      <c r="V32" s="485"/>
      <c r="W32" s="484" t="s">
        <v>226</v>
      </c>
      <c r="X32" s="484"/>
      <c r="Y32" s="485">
        <f>U32</f>
        <v>322800</v>
      </c>
      <c r="Z32" s="486" t="s">
        <v>65</v>
      </c>
      <c r="AA32" s="487" t="s">
        <v>66</v>
      </c>
      <c r="AB32" s="487" t="s">
        <v>66</v>
      </c>
      <c r="AC32" s="487" t="s">
        <v>66</v>
      </c>
      <c r="AD32" s="487" t="s">
        <v>66</v>
      </c>
      <c r="AE32" s="487" t="s">
        <v>66</v>
      </c>
      <c r="AF32" s="487" t="s">
        <v>66</v>
      </c>
      <c r="AG32" s="487" t="s">
        <v>66</v>
      </c>
      <c r="AH32" s="487" t="s">
        <v>66</v>
      </c>
      <c r="AI32" s="487" t="s">
        <v>66</v>
      </c>
      <c r="AJ32" s="487" t="s">
        <v>66</v>
      </c>
      <c r="AK32" s="487" t="s">
        <v>66</v>
      </c>
      <c r="AL32" s="487" t="s">
        <v>66</v>
      </c>
      <c r="AM32" s="487" t="s">
        <v>66</v>
      </c>
      <c r="AN32" s="487" t="s">
        <v>66</v>
      </c>
      <c r="AO32" s="487" t="s">
        <v>66</v>
      </c>
      <c r="AP32" s="487" t="s">
        <v>66</v>
      </c>
      <c r="AQ32" s="487" t="s">
        <v>66</v>
      </c>
      <c r="AR32" s="488"/>
      <c r="AS32" s="488"/>
      <c r="AT32" s="488"/>
      <c r="AU32" s="488"/>
      <c r="AV32" s="488"/>
      <c r="AW32" s="488"/>
      <c r="AX32" s="488"/>
      <c r="AY32" s="488"/>
      <c r="AZ32" s="488"/>
      <c r="BA32" s="488"/>
      <c r="BB32" s="488"/>
      <c r="BC32" s="488"/>
      <c r="BD32" s="488"/>
      <c r="BE32" s="488"/>
      <c r="BF32" s="80">
        <f t="shared" si="0"/>
        <v>8859</v>
      </c>
      <c r="BG32" s="76">
        <f>Y32/BF32</f>
        <v>36.437521164917037</v>
      </c>
      <c r="BH32" s="487">
        <f t="shared" si="6"/>
        <v>54656.281747375557</v>
      </c>
      <c r="BI32" s="487">
        <f t="shared" si="6"/>
        <v>7287.5042329834077</v>
      </c>
      <c r="BJ32" s="487">
        <f t="shared" si="6"/>
        <v>16396.884524212666</v>
      </c>
      <c r="BK32" s="487">
        <f t="shared" si="6"/>
        <v>12753.132407720963</v>
      </c>
      <c r="BL32" s="487">
        <f t="shared" si="6"/>
        <v>10931.25634947511</v>
      </c>
      <c r="BM32" s="487">
        <f t="shared" si="6"/>
        <v>17490.010159160178</v>
      </c>
      <c r="BN32" s="487">
        <f t="shared" si="6"/>
        <v>3643.7521164917039</v>
      </c>
      <c r="BO32" s="487">
        <f t="shared" si="6"/>
        <v>14210.633254317645</v>
      </c>
      <c r="BP32" s="487">
        <f t="shared" si="6"/>
        <v>18218.760582458519</v>
      </c>
      <c r="BQ32" s="487">
        <f t="shared" si="6"/>
        <v>18218.760582458519</v>
      </c>
      <c r="BR32" s="487">
        <f t="shared" si="6"/>
        <v>27328.140873687778</v>
      </c>
      <c r="BS32" s="487">
        <f t="shared" si="6"/>
        <v>7287.5042329834077</v>
      </c>
      <c r="BT32" s="487">
        <f t="shared" si="6"/>
        <v>8526.379952590587</v>
      </c>
      <c r="BU32" s="487">
        <f t="shared" si="6"/>
        <v>12753.132407720963</v>
      </c>
      <c r="BV32" s="487">
        <f t="shared" si="6"/>
        <v>3279.3769048425333</v>
      </c>
      <c r="BW32" s="487">
        <f t="shared" si="5"/>
        <v>2915.0016931933628</v>
      </c>
      <c r="BX32" s="487">
        <f t="shared" si="5"/>
        <v>86903.487978327132</v>
      </c>
      <c r="BY32" s="487" t="str">
        <f t="shared" si="5"/>
        <v/>
      </c>
      <c r="BZ32" s="487" t="str">
        <f t="shared" si="5"/>
        <v/>
      </c>
      <c r="CA32" s="487" t="str">
        <f t="shared" si="5"/>
        <v/>
      </c>
      <c r="CB32" s="487" t="str">
        <f t="shared" si="5"/>
        <v/>
      </c>
      <c r="CC32" s="487" t="str">
        <f t="shared" si="5"/>
        <v/>
      </c>
      <c r="CD32" s="487" t="str">
        <f t="shared" si="5"/>
        <v/>
      </c>
      <c r="CE32" s="487" t="str">
        <f t="shared" si="5"/>
        <v/>
      </c>
      <c r="CF32" s="487" t="str">
        <f t="shared" si="5"/>
        <v/>
      </c>
      <c r="CG32" s="487" t="str">
        <f t="shared" si="5"/>
        <v/>
      </c>
      <c r="CH32" s="487" t="str">
        <f t="shared" si="5"/>
        <v/>
      </c>
      <c r="CI32" s="487" t="str">
        <f t="shared" si="5"/>
        <v/>
      </c>
      <c r="CJ32" s="487" t="str">
        <f t="shared" si="5"/>
        <v/>
      </c>
      <c r="CK32" s="487" t="str">
        <f t="shared" si="5"/>
        <v/>
      </c>
      <c r="CL32" s="487" t="str">
        <f t="shared" si="5"/>
        <v/>
      </c>
      <c r="CM32" s="487"/>
      <c r="CN32" s="487"/>
      <c r="CO32" s="487"/>
      <c r="CP32" s="487"/>
      <c r="CQ32" s="487"/>
      <c r="CR32" s="487"/>
      <c r="CS32" s="487"/>
      <c r="CT32" s="487"/>
      <c r="CU32" s="487"/>
      <c r="CV32" s="487"/>
      <c r="CW32" s="487"/>
      <c r="CX32" s="487"/>
      <c r="CY32" s="487"/>
      <c r="CZ32" s="487"/>
      <c r="DA32" s="487"/>
      <c r="DB32" s="487"/>
      <c r="DC32" s="487"/>
      <c r="DD32" s="487"/>
      <c r="DE32" s="487"/>
      <c r="DF32" s="487"/>
      <c r="DG32" s="487"/>
      <c r="DH32" s="487"/>
      <c r="DI32" s="484"/>
      <c r="DJ32" s="484"/>
      <c r="DK32" s="77" t="s">
        <v>196</v>
      </c>
    </row>
    <row r="33" spans="1:115" s="136" customFormat="1" ht="138" hidden="1" customHeight="1" x14ac:dyDescent="0.2">
      <c r="A33" s="77"/>
      <c r="B33" s="77"/>
      <c r="C33" s="481">
        <v>46</v>
      </c>
      <c r="D33" s="481"/>
      <c r="E33" s="481" t="s">
        <v>2481</v>
      </c>
      <c r="F33" s="482" t="s">
        <v>53</v>
      </c>
      <c r="G33" s="482" t="s">
        <v>153</v>
      </c>
      <c r="H33" s="484" t="s">
        <v>227</v>
      </c>
      <c r="I33" s="484" t="s">
        <v>228</v>
      </c>
      <c r="J33" s="484" t="s">
        <v>229</v>
      </c>
      <c r="K33" s="484"/>
      <c r="L33" s="484" t="s">
        <v>58</v>
      </c>
      <c r="M33" s="484" t="s">
        <v>63</v>
      </c>
      <c r="N33" s="484"/>
      <c r="O33" s="484" t="s">
        <v>81</v>
      </c>
      <c r="P33" s="484" t="s">
        <v>230</v>
      </c>
      <c r="Q33" s="484"/>
      <c r="R33" s="484" t="s">
        <v>191</v>
      </c>
      <c r="S33" s="484" t="s">
        <v>63</v>
      </c>
      <c r="T33" s="484" t="s">
        <v>63</v>
      </c>
      <c r="U33" s="485">
        <v>3585640</v>
      </c>
      <c r="V33" s="485"/>
      <c r="W33" s="484" t="s">
        <v>217</v>
      </c>
      <c r="X33" s="484"/>
      <c r="Y33" s="485">
        <f>U33</f>
        <v>3585640</v>
      </c>
      <c r="Z33" s="486" t="s">
        <v>65</v>
      </c>
      <c r="AA33" s="487" t="s">
        <v>66</v>
      </c>
      <c r="AB33" s="487" t="s">
        <v>66</v>
      </c>
      <c r="AC33" s="487" t="s">
        <v>66</v>
      </c>
      <c r="AD33" s="487" t="s">
        <v>66</v>
      </c>
      <c r="AE33" s="487" t="s">
        <v>66</v>
      </c>
      <c r="AF33" s="487" t="s">
        <v>66</v>
      </c>
      <c r="AG33" s="487" t="s">
        <v>66</v>
      </c>
      <c r="AH33" s="487" t="s">
        <v>66</v>
      </c>
      <c r="AI33" s="487" t="s">
        <v>66</v>
      </c>
      <c r="AJ33" s="487" t="s">
        <v>66</v>
      </c>
      <c r="AK33" s="487" t="s">
        <v>66</v>
      </c>
      <c r="AL33" s="487" t="s">
        <v>66</v>
      </c>
      <c r="AM33" s="487" t="s">
        <v>66</v>
      </c>
      <c r="AN33" s="487" t="s">
        <v>66</v>
      </c>
      <c r="AO33" s="487" t="s">
        <v>66</v>
      </c>
      <c r="AP33" s="487" t="s">
        <v>66</v>
      </c>
      <c r="AQ33" s="487" t="s">
        <v>66</v>
      </c>
      <c r="AR33" s="488"/>
      <c r="AS33" s="488"/>
      <c r="AT33" s="488"/>
      <c r="AU33" s="488"/>
      <c r="AV33" s="488"/>
      <c r="AW33" s="488"/>
      <c r="AX33" s="488"/>
      <c r="AY33" s="488"/>
      <c r="AZ33" s="488"/>
      <c r="BA33" s="488"/>
      <c r="BB33" s="488"/>
      <c r="BC33" s="488"/>
      <c r="BD33" s="488"/>
      <c r="BE33" s="488"/>
      <c r="BF33" s="80">
        <f t="shared" si="0"/>
        <v>8859</v>
      </c>
      <c r="BG33" s="76">
        <f>Y33/BF33</f>
        <v>404.74545659781012</v>
      </c>
      <c r="BH33" s="487">
        <f t="shared" si="6"/>
        <v>607118.18489671522</v>
      </c>
      <c r="BI33" s="487">
        <f t="shared" si="6"/>
        <v>80949.091319562023</v>
      </c>
      <c r="BJ33" s="487">
        <f t="shared" si="6"/>
        <v>182135.45546901456</v>
      </c>
      <c r="BK33" s="487">
        <f t="shared" si="6"/>
        <v>141660.90980923353</v>
      </c>
      <c r="BL33" s="487">
        <f t="shared" si="6"/>
        <v>121423.63697934303</v>
      </c>
      <c r="BM33" s="487">
        <f t="shared" si="6"/>
        <v>194277.81916694884</v>
      </c>
      <c r="BN33" s="487">
        <f t="shared" si="6"/>
        <v>40474.545659781012</v>
      </c>
      <c r="BO33" s="487">
        <f t="shared" si="6"/>
        <v>157850.72807314593</v>
      </c>
      <c r="BP33" s="487">
        <f t="shared" si="6"/>
        <v>202372.72829890507</v>
      </c>
      <c r="BQ33" s="487">
        <f t="shared" si="6"/>
        <v>202372.72829890507</v>
      </c>
      <c r="BR33" s="487">
        <f t="shared" si="6"/>
        <v>303559.09244835761</v>
      </c>
      <c r="BS33" s="487">
        <f t="shared" si="6"/>
        <v>80949.091319562023</v>
      </c>
      <c r="BT33" s="487">
        <f t="shared" si="6"/>
        <v>94710.436843887568</v>
      </c>
      <c r="BU33" s="487">
        <f t="shared" si="6"/>
        <v>141660.90980923353</v>
      </c>
      <c r="BV33" s="487">
        <f t="shared" si="6"/>
        <v>36427.091093802912</v>
      </c>
      <c r="BW33" s="487">
        <f t="shared" si="5"/>
        <v>32379.636527824809</v>
      </c>
      <c r="BX33" s="487">
        <f t="shared" si="5"/>
        <v>965317.91398577718</v>
      </c>
      <c r="BY33" s="487" t="str">
        <f t="shared" si="5"/>
        <v/>
      </c>
      <c r="BZ33" s="487" t="str">
        <f t="shared" si="5"/>
        <v/>
      </c>
      <c r="CA33" s="487" t="str">
        <f t="shared" si="5"/>
        <v/>
      </c>
      <c r="CB33" s="487" t="str">
        <f t="shared" si="5"/>
        <v/>
      </c>
      <c r="CC33" s="487" t="str">
        <f t="shared" si="5"/>
        <v/>
      </c>
      <c r="CD33" s="487" t="str">
        <f t="shared" si="5"/>
        <v/>
      </c>
      <c r="CE33" s="487" t="str">
        <f t="shared" si="5"/>
        <v/>
      </c>
      <c r="CF33" s="487" t="str">
        <f t="shared" si="5"/>
        <v/>
      </c>
      <c r="CG33" s="487" t="str">
        <f t="shared" si="5"/>
        <v/>
      </c>
      <c r="CH33" s="487" t="str">
        <f t="shared" si="5"/>
        <v/>
      </c>
      <c r="CI33" s="487" t="str">
        <f t="shared" si="5"/>
        <v/>
      </c>
      <c r="CJ33" s="487" t="str">
        <f t="shared" si="5"/>
        <v/>
      </c>
      <c r="CK33" s="487" t="str">
        <f t="shared" si="5"/>
        <v/>
      </c>
      <c r="CL33" s="487" t="str">
        <f t="shared" si="5"/>
        <v/>
      </c>
      <c r="CM33" s="487"/>
      <c r="CN33" s="487"/>
      <c r="CO33" s="487"/>
      <c r="CP33" s="487"/>
      <c r="CQ33" s="487"/>
      <c r="CR33" s="487"/>
      <c r="CS33" s="487"/>
      <c r="CT33" s="487"/>
      <c r="CU33" s="487"/>
      <c r="CV33" s="487"/>
      <c r="CW33" s="487"/>
      <c r="CX33" s="487"/>
      <c r="CY33" s="487"/>
      <c r="CZ33" s="487"/>
      <c r="DA33" s="487"/>
      <c r="DB33" s="487"/>
      <c r="DC33" s="487"/>
      <c r="DD33" s="487"/>
      <c r="DE33" s="487"/>
      <c r="DF33" s="487"/>
      <c r="DG33" s="487"/>
      <c r="DH33" s="487"/>
      <c r="DI33" s="484"/>
      <c r="DJ33" s="484"/>
      <c r="DK33" s="77" t="s">
        <v>231</v>
      </c>
    </row>
    <row r="34" spans="1:115" s="136" customFormat="1" ht="56.1" hidden="1" customHeight="1" x14ac:dyDescent="0.2">
      <c r="A34" s="77" t="s">
        <v>2486</v>
      </c>
      <c r="B34" s="77"/>
      <c r="C34" s="481">
        <v>51</v>
      </c>
      <c r="D34" s="481"/>
      <c r="E34" s="481" t="s">
        <v>2481</v>
      </c>
      <c r="F34" s="482" t="s">
        <v>53</v>
      </c>
      <c r="G34" s="482" t="s">
        <v>238</v>
      </c>
      <c r="H34" s="484" t="s">
        <v>239</v>
      </c>
      <c r="I34" s="484" t="s">
        <v>240</v>
      </c>
      <c r="J34" s="484" t="s">
        <v>241</v>
      </c>
      <c r="K34" s="484"/>
      <c r="L34" s="484" t="s">
        <v>58</v>
      </c>
      <c r="M34" s="484" t="s">
        <v>63</v>
      </c>
      <c r="N34" s="484"/>
      <c r="O34" s="484" t="s">
        <v>81</v>
      </c>
      <c r="P34" s="484" t="s">
        <v>242</v>
      </c>
      <c r="Q34" s="484"/>
      <c r="R34" s="484" t="s">
        <v>243</v>
      </c>
      <c r="S34" s="484" t="s">
        <v>63</v>
      </c>
      <c r="T34" s="484" t="s">
        <v>63</v>
      </c>
      <c r="U34" s="485"/>
      <c r="V34" s="485"/>
      <c r="W34" s="484" t="s">
        <v>244</v>
      </c>
      <c r="X34" s="484"/>
      <c r="Y34" s="485"/>
      <c r="Z34" s="76" t="s">
        <v>245</v>
      </c>
      <c r="AA34" s="488"/>
      <c r="AB34" s="488"/>
      <c r="AC34" s="488"/>
      <c r="AD34" s="488"/>
      <c r="AE34" s="488"/>
      <c r="AF34" s="488"/>
      <c r="AG34" s="488"/>
      <c r="AH34" s="488"/>
      <c r="AI34" s="488"/>
      <c r="AJ34" s="488"/>
      <c r="AK34" s="488"/>
      <c r="AL34" s="488"/>
      <c r="AM34" s="488"/>
      <c r="AN34" s="488"/>
      <c r="AO34" s="488"/>
      <c r="AP34" s="488"/>
      <c r="AQ34" s="488"/>
      <c r="AR34" s="488"/>
      <c r="AS34" s="488"/>
      <c r="AT34" s="488"/>
      <c r="AU34" s="488"/>
      <c r="AV34" s="488"/>
      <c r="AW34" s="488"/>
      <c r="AX34" s="488"/>
      <c r="AY34" s="488"/>
      <c r="AZ34" s="488"/>
      <c r="BA34" s="488"/>
      <c r="BB34" s="488"/>
      <c r="BC34" s="488"/>
      <c r="BD34" s="488"/>
      <c r="BE34" s="488"/>
      <c r="BF34" s="80">
        <f t="shared" si="0"/>
        <v>0</v>
      </c>
      <c r="BG34" s="76"/>
      <c r="BH34" s="487" t="str">
        <f t="shared" si="6"/>
        <v/>
      </c>
      <c r="BI34" s="487" t="str">
        <f t="shared" si="6"/>
        <v/>
      </c>
      <c r="BJ34" s="487" t="str">
        <f t="shared" si="6"/>
        <v/>
      </c>
      <c r="BK34" s="487" t="str">
        <f t="shared" si="6"/>
        <v/>
      </c>
      <c r="BL34" s="487" t="str">
        <f t="shared" si="6"/>
        <v/>
      </c>
      <c r="BM34" s="487" t="str">
        <f t="shared" si="6"/>
        <v/>
      </c>
      <c r="BN34" s="487" t="str">
        <f t="shared" si="6"/>
        <v/>
      </c>
      <c r="BO34" s="487" t="str">
        <f t="shared" si="6"/>
        <v/>
      </c>
      <c r="BP34" s="487" t="str">
        <f t="shared" si="6"/>
        <v/>
      </c>
      <c r="BQ34" s="487" t="str">
        <f t="shared" si="6"/>
        <v/>
      </c>
      <c r="BR34" s="487" t="str">
        <f t="shared" si="6"/>
        <v/>
      </c>
      <c r="BS34" s="487" t="str">
        <f t="shared" si="6"/>
        <v/>
      </c>
      <c r="BT34" s="487" t="str">
        <f t="shared" si="6"/>
        <v/>
      </c>
      <c r="BU34" s="487" t="str">
        <f t="shared" si="6"/>
        <v/>
      </c>
      <c r="BV34" s="487" t="str">
        <f t="shared" si="6"/>
        <v/>
      </c>
      <c r="BW34" s="487" t="str">
        <f t="shared" si="5"/>
        <v/>
      </c>
      <c r="BX34" s="487" t="str">
        <f t="shared" si="5"/>
        <v/>
      </c>
      <c r="BY34" s="487" t="str">
        <f t="shared" si="5"/>
        <v/>
      </c>
      <c r="BZ34" s="487" t="str">
        <f t="shared" si="5"/>
        <v/>
      </c>
      <c r="CA34" s="487" t="str">
        <f t="shared" si="5"/>
        <v/>
      </c>
      <c r="CB34" s="487" t="str">
        <f t="shared" si="5"/>
        <v/>
      </c>
      <c r="CC34" s="487" t="str">
        <f t="shared" si="5"/>
        <v/>
      </c>
      <c r="CD34" s="487" t="str">
        <f t="shared" si="5"/>
        <v/>
      </c>
      <c r="CE34" s="487" t="str">
        <f t="shared" si="5"/>
        <v/>
      </c>
      <c r="CF34" s="487" t="str">
        <f t="shared" si="5"/>
        <v/>
      </c>
      <c r="CG34" s="487" t="str">
        <f t="shared" si="5"/>
        <v/>
      </c>
      <c r="CH34" s="487" t="str">
        <f t="shared" si="5"/>
        <v/>
      </c>
      <c r="CI34" s="487" t="str">
        <f t="shared" si="5"/>
        <v/>
      </c>
      <c r="CJ34" s="487" t="str">
        <f t="shared" si="5"/>
        <v/>
      </c>
      <c r="CK34" s="487" t="str">
        <f t="shared" si="5"/>
        <v/>
      </c>
      <c r="CL34" s="487" t="str">
        <f t="shared" si="5"/>
        <v/>
      </c>
      <c r="CM34" s="487"/>
      <c r="CN34" s="487"/>
      <c r="CO34" s="487"/>
      <c r="CP34" s="487"/>
      <c r="CQ34" s="487"/>
      <c r="CR34" s="487"/>
      <c r="CS34" s="487"/>
      <c r="CT34" s="487"/>
      <c r="CU34" s="487"/>
      <c r="CV34" s="487"/>
      <c r="CW34" s="487"/>
      <c r="CX34" s="487"/>
      <c r="CY34" s="487"/>
      <c r="CZ34" s="487"/>
      <c r="DA34" s="487"/>
      <c r="DB34" s="487"/>
      <c r="DC34" s="487"/>
      <c r="DD34" s="487"/>
      <c r="DE34" s="487"/>
      <c r="DF34" s="487"/>
      <c r="DG34" s="487"/>
      <c r="DH34" s="487"/>
      <c r="DI34" s="484"/>
      <c r="DJ34" s="484"/>
      <c r="DK34" s="77"/>
    </row>
    <row r="35" spans="1:115" s="136" customFormat="1" ht="56.1" hidden="1" customHeight="1" x14ac:dyDescent="0.2">
      <c r="A35" s="77" t="s">
        <v>2487</v>
      </c>
      <c r="B35" s="77" t="s">
        <v>2488</v>
      </c>
      <c r="C35" s="481">
        <v>53</v>
      </c>
      <c r="D35" s="481"/>
      <c r="E35" s="481" t="s">
        <v>2481</v>
      </c>
      <c r="F35" s="482" t="s">
        <v>53</v>
      </c>
      <c r="G35" s="482" t="s">
        <v>238</v>
      </c>
      <c r="H35" s="484" t="s">
        <v>250</v>
      </c>
      <c r="I35" s="484" t="s">
        <v>251</v>
      </c>
      <c r="J35" s="484" t="s">
        <v>252</v>
      </c>
      <c r="K35" s="484"/>
      <c r="L35" s="484" t="s">
        <v>253</v>
      </c>
      <c r="M35" s="484" t="s">
        <v>254</v>
      </c>
      <c r="N35" s="484"/>
      <c r="O35" s="484" t="s">
        <v>60</v>
      </c>
      <c r="P35" s="484" t="s">
        <v>255</v>
      </c>
      <c r="Q35" s="484"/>
      <c r="R35" s="484" t="s">
        <v>256</v>
      </c>
      <c r="S35" s="484">
        <v>1000000</v>
      </c>
      <c r="T35" s="484">
        <v>2000000</v>
      </c>
      <c r="U35" s="485">
        <v>1500000</v>
      </c>
      <c r="V35" s="485"/>
      <c r="W35" s="484" t="s">
        <v>257</v>
      </c>
      <c r="X35" s="484"/>
      <c r="Y35" s="485">
        <f>U35</f>
        <v>1500000</v>
      </c>
      <c r="Z35" s="76" t="s">
        <v>245</v>
      </c>
      <c r="AA35" s="492"/>
      <c r="AB35" s="492"/>
      <c r="AC35" s="492"/>
      <c r="AD35" s="492"/>
      <c r="AE35" s="488"/>
      <c r="AF35" s="488"/>
      <c r="AG35" s="488"/>
      <c r="AH35" s="492"/>
      <c r="AI35" s="492"/>
      <c r="AJ35" s="492"/>
      <c r="AK35" s="492"/>
      <c r="AL35" s="492"/>
      <c r="AM35" s="492"/>
      <c r="AN35" s="492"/>
      <c r="AO35" s="492"/>
      <c r="AP35" s="492"/>
      <c r="AQ35" s="492"/>
      <c r="AR35" s="492"/>
      <c r="AS35" s="492"/>
      <c r="AT35" s="492"/>
      <c r="AU35" s="492"/>
      <c r="AV35" s="492"/>
      <c r="AW35" s="492"/>
      <c r="AX35" s="492"/>
      <c r="AY35" s="492"/>
      <c r="AZ35" s="492"/>
      <c r="BA35" s="492"/>
      <c r="BB35" s="492"/>
      <c r="BC35" s="492"/>
      <c r="BD35" s="492"/>
      <c r="BE35" s="492"/>
      <c r="BF35" s="80">
        <f t="shared" si="0"/>
        <v>0</v>
      </c>
      <c r="BG35" s="76"/>
      <c r="BH35" s="487" t="str">
        <f t="shared" si="6"/>
        <v/>
      </c>
      <c r="BI35" s="487" t="str">
        <f t="shared" si="6"/>
        <v/>
      </c>
      <c r="BJ35" s="487" t="str">
        <f t="shared" si="6"/>
        <v/>
      </c>
      <c r="BK35" s="487" t="str">
        <f t="shared" si="6"/>
        <v/>
      </c>
      <c r="BL35" s="487" t="str">
        <f t="shared" si="6"/>
        <v/>
      </c>
      <c r="BM35" s="487" t="str">
        <f t="shared" si="6"/>
        <v/>
      </c>
      <c r="BN35" s="487" t="str">
        <f t="shared" si="6"/>
        <v/>
      </c>
      <c r="BO35" s="487" t="str">
        <f t="shared" si="6"/>
        <v/>
      </c>
      <c r="BP35" s="487" t="str">
        <f t="shared" si="6"/>
        <v/>
      </c>
      <c r="BQ35" s="487" t="str">
        <f t="shared" si="6"/>
        <v/>
      </c>
      <c r="BR35" s="487" t="str">
        <f t="shared" si="6"/>
        <v/>
      </c>
      <c r="BS35" s="487" t="str">
        <f t="shared" si="6"/>
        <v/>
      </c>
      <c r="BT35" s="487" t="str">
        <f t="shared" si="6"/>
        <v/>
      </c>
      <c r="BU35" s="487" t="str">
        <f t="shared" si="6"/>
        <v/>
      </c>
      <c r="BV35" s="487" t="str">
        <f t="shared" si="6"/>
        <v/>
      </c>
      <c r="BW35" s="487" t="str">
        <f t="shared" si="5"/>
        <v/>
      </c>
      <c r="BX35" s="487" t="str">
        <f t="shared" si="5"/>
        <v/>
      </c>
      <c r="BY35" s="487" t="str">
        <f t="shared" si="5"/>
        <v/>
      </c>
      <c r="BZ35" s="487" t="str">
        <f t="shared" si="5"/>
        <v/>
      </c>
      <c r="CA35" s="487" t="str">
        <f t="shared" si="5"/>
        <v/>
      </c>
      <c r="CB35" s="487" t="str">
        <f t="shared" si="5"/>
        <v/>
      </c>
      <c r="CC35" s="487" t="str">
        <f t="shared" si="5"/>
        <v/>
      </c>
      <c r="CD35" s="487" t="str">
        <f t="shared" si="5"/>
        <v/>
      </c>
      <c r="CE35" s="487" t="str">
        <f t="shared" si="5"/>
        <v/>
      </c>
      <c r="CF35" s="487" t="str">
        <f t="shared" si="5"/>
        <v/>
      </c>
      <c r="CG35" s="487" t="str">
        <f t="shared" si="5"/>
        <v/>
      </c>
      <c r="CH35" s="487" t="str">
        <f t="shared" si="5"/>
        <v/>
      </c>
      <c r="CI35" s="487" t="str">
        <f t="shared" si="5"/>
        <v/>
      </c>
      <c r="CJ35" s="487" t="str">
        <f t="shared" ref="CJ35:CL98" si="7">IF(BC35="yes",(BC$2*$BG35),"")</f>
        <v/>
      </c>
      <c r="CK35" s="487" t="str">
        <f t="shared" si="7"/>
        <v/>
      </c>
      <c r="CL35" s="487" t="str">
        <f t="shared" si="7"/>
        <v/>
      </c>
      <c r="CM35" s="487"/>
      <c r="CN35" s="487"/>
      <c r="CO35" s="487"/>
      <c r="CP35" s="487"/>
      <c r="CQ35" s="487"/>
      <c r="CR35" s="487"/>
      <c r="CS35" s="487"/>
      <c r="CT35" s="487"/>
      <c r="CU35" s="487"/>
      <c r="CV35" s="487"/>
      <c r="CW35" s="487"/>
      <c r="CX35" s="487"/>
      <c r="CY35" s="487"/>
      <c r="CZ35" s="487"/>
      <c r="DA35" s="487"/>
      <c r="DB35" s="487"/>
      <c r="DC35" s="487"/>
      <c r="DD35" s="487"/>
      <c r="DE35" s="487"/>
      <c r="DF35" s="487"/>
      <c r="DG35" s="487"/>
      <c r="DH35" s="487"/>
      <c r="DI35" s="77"/>
      <c r="DJ35" s="77"/>
      <c r="DK35" s="77"/>
    </row>
    <row r="36" spans="1:115" s="136" customFormat="1" ht="56.1" hidden="1" customHeight="1" x14ac:dyDescent="0.2">
      <c r="A36" s="77" t="s">
        <v>2483</v>
      </c>
      <c r="B36" s="77" t="s">
        <v>2484</v>
      </c>
      <c r="C36" s="481">
        <v>55</v>
      </c>
      <c r="D36" s="481"/>
      <c r="E36" s="481" t="s">
        <v>2481</v>
      </c>
      <c r="F36" s="482" t="s">
        <v>53</v>
      </c>
      <c r="G36" s="482" t="s">
        <v>238</v>
      </c>
      <c r="H36" s="484" t="s">
        <v>263</v>
      </c>
      <c r="I36" s="484" t="s">
        <v>264</v>
      </c>
      <c r="J36" s="484" t="s">
        <v>265</v>
      </c>
      <c r="K36" s="484"/>
      <c r="L36" s="484" t="s">
        <v>215</v>
      </c>
      <c r="M36" s="484" t="s">
        <v>63</v>
      </c>
      <c r="N36" s="484"/>
      <c r="O36" s="484" t="s">
        <v>81</v>
      </c>
      <c r="P36" s="484" t="s">
        <v>266</v>
      </c>
      <c r="Q36" s="484"/>
      <c r="R36" s="484" t="s">
        <v>225</v>
      </c>
      <c r="S36" s="484" t="s">
        <v>63</v>
      </c>
      <c r="T36" s="484" t="s">
        <v>63</v>
      </c>
      <c r="U36" s="485"/>
      <c r="V36" s="485"/>
      <c r="W36" s="484" t="s">
        <v>267</v>
      </c>
      <c r="X36" s="484"/>
      <c r="Y36" s="485"/>
      <c r="Z36" s="76" t="s">
        <v>245</v>
      </c>
      <c r="AA36" s="488"/>
      <c r="AB36" s="488"/>
      <c r="AC36" s="488"/>
      <c r="AD36" s="488"/>
      <c r="AE36" s="488"/>
      <c r="AF36" s="488"/>
      <c r="AG36" s="488"/>
      <c r="AH36" s="488"/>
      <c r="AI36" s="488"/>
      <c r="AJ36" s="488"/>
      <c r="AK36" s="488"/>
      <c r="AL36" s="488"/>
      <c r="AM36" s="488"/>
      <c r="AN36" s="488"/>
      <c r="AO36" s="488"/>
      <c r="AP36" s="488"/>
      <c r="AQ36" s="488"/>
      <c r="AR36" s="488"/>
      <c r="AS36" s="488"/>
      <c r="AT36" s="488"/>
      <c r="AU36" s="488"/>
      <c r="AV36" s="488"/>
      <c r="AW36" s="488"/>
      <c r="AX36" s="488"/>
      <c r="AY36" s="488"/>
      <c r="AZ36" s="488"/>
      <c r="BA36" s="488"/>
      <c r="BB36" s="488"/>
      <c r="BC36" s="488"/>
      <c r="BD36" s="488"/>
      <c r="BE36" s="488"/>
      <c r="BF36" s="80">
        <f t="shared" si="0"/>
        <v>0</v>
      </c>
      <c r="BG36" s="76"/>
      <c r="BH36" s="487" t="str">
        <f t="shared" ref="BH36:BW51" si="8">IF(AA36="yes",(AA$2*$BG36),"")</f>
        <v/>
      </c>
      <c r="BI36" s="487" t="str">
        <f t="shared" si="8"/>
        <v/>
      </c>
      <c r="BJ36" s="487" t="str">
        <f t="shared" si="8"/>
        <v/>
      </c>
      <c r="BK36" s="487" t="str">
        <f t="shared" si="8"/>
        <v/>
      </c>
      <c r="BL36" s="487" t="str">
        <f t="shared" si="8"/>
        <v/>
      </c>
      <c r="BM36" s="487" t="str">
        <f t="shared" si="8"/>
        <v/>
      </c>
      <c r="BN36" s="487" t="str">
        <f t="shared" si="8"/>
        <v/>
      </c>
      <c r="BO36" s="487" t="str">
        <f t="shared" si="8"/>
        <v/>
      </c>
      <c r="BP36" s="487" t="str">
        <f t="shared" si="8"/>
        <v/>
      </c>
      <c r="BQ36" s="487" t="str">
        <f t="shared" si="8"/>
        <v/>
      </c>
      <c r="BR36" s="487" t="str">
        <f t="shared" si="8"/>
        <v/>
      </c>
      <c r="BS36" s="487" t="str">
        <f t="shared" si="8"/>
        <v/>
      </c>
      <c r="BT36" s="487" t="str">
        <f t="shared" si="8"/>
        <v/>
      </c>
      <c r="BU36" s="487" t="str">
        <f t="shared" si="8"/>
        <v/>
      </c>
      <c r="BV36" s="487" t="str">
        <f t="shared" si="8"/>
        <v/>
      </c>
      <c r="BW36" s="487" t="str">
        <f t="shared" si="8"/>
        <v/>
      </c>
      <c r="BX36" s="487" t="str">
        <f t="shared" ref="BX36:CI57" si="9">IF(AQ36="yes",(AQ$2*$BG36),"")</f>
        <v/>
      </c>
      <c r="BY36" s="487" t="str">
        <f t="shared" si="9"/>
        <v/>
      </c>
      <c r="BZ36" s="487" t="str">
        <f t="shared" si="9"/>
        <v/>
      </c>
      <c r="CA36" s="487" t="str">
        <f t="shared" si="9"/>
        <v/>
      </c>
      <c r="CB36" s="487" t="str">
        <f t="shared" si="9"/>
        <v/>
      </c>
      <c r="CC36" s="487" t="str">
        <f t="shared" si="9"/>
        <v/>
      </c>
      <c r="CD36" s="487" t="str">
        <f t="shared" si="9"/>
        <v/>
      </c>
      <c r="CE36" s="487" t="str">
        <f t="shared" si="9"/>
        <v/>
      </c>
      <c r="CF36" s="487" t="str">
        <f t="shared" si="9"/>
        <v/>
      </c>
      <c r="CG36" s="487" t="str">
        <f t="shared" si="9"/>
        <v/>
      </c>
      <c r="CH36" s="487" t="str">
        <f t="shared" si="9"/>
        <v/>
      </c>
      <c r="CI36" s="487" t="str">
        <f t="shared" si="9"/>
        <v/>
      </c>
      <c r="CJ36" s="487" t="str">
        <f t="shared" si="7"/>
        <v/>
      </c>
      <c r="CK36" s="487" t="str">
        <f t="shared" si="7"/>
        <v/>
      </c>
      <c r="CL36" s="487" t="str">
        <f t="shared" si="7"/>
        <v/>
      </c>
      <c r="CM36" s="487"/>
      <c r="CN36" s="487"/>
      <c r="CO36" s="487"/>
      <c r="CP36" s="487"/>
      <c r="CQ36" s="487"/>
      <c r="CR36" s="487"/>
      <c r="CS36" s="487"/>
      <c r="CT36" s="487"/>
      <c r="CU36" s="487"/>
      <c r="CV36" s="487"/>
      <c r="CW36" s="487"/>
      <c r="CX36" s="487"/>
      <c r="CY36" s="487"/>
      <c r="CZ36" s="487"/>
      <c r="DA36" s="487"/>
      <c r="DB36" s="487"/>
      <c r="DC36" s="487"/>
      <c r="DD36" s="487"/>
      <c r="DE36" s="487"/>
      <c r="DF36" s="487"/>
      <c r="DG36" s="487"/>
      <c r="DH36" s="487"/>
      <c r="DI36" s="484"/>
      <c r="DJ36" s="484"/>
      <c r="DK36" s="77"/>
    </row>
    <row r="37" spans="1:115" s="136" customFormat="1" ht="56.1" hidden="1" customHeight="1" x14ac:dyDescent="0.2">
      <c r="A37" s="77"/>
      <c r="B37" s="77"/>
      <c r="C37" s="481">
        <v>56</v>
      </c>
      <c r="D37" s="481"/>
      <c r="E37" s="481" t="s">
        <v>2481</v>
      </c>
      <c r="F37" s="482" t="s">
        <v>53</v>
      </c>
      <c r="G37" s="482" t="s">
        <v>238</v>
      </c>
      <c r="H37" s="484" t="s">
        <v>268</v>
      </c>
      <c r="I37" s="484" t="s">
        <v>269</v>
      </c>
      <c r="J37" s="484" t="s">
        <v>270</v>
      </c>
      <c r="K37" s="484"/>
      <c r="L37" s="484" t="s">
        <v>215</v>
      </c>
      <c r="M37" s="484" t="s">
        <v>271</v>
      </c>
      <c r="N37" s="484"/>
      <c r="O37" s="484" t="s">
        <v>81</v>
      </c>
      <c r="P37" s="484" t="s">
        <v>272</v>
      </c>
      <c r="Q37" s="484"/>
      <c r="R37" s="484" t="s">
        <v>191</v>
      </c>
      <c r="S37" s="484" t="s">
        <v>63</v>
      </c>
      <c r="T37" s="484" t="s">
        <v>63</v>
      </c>
      <c r="U37" s="485"/>
      <c r="V37" s="485"/>
      <c r="W37" s="484" t="s">
        <v>272</v>
      </c>
      <c r="X37" s="484"/>
      <c r="Y37" s="485"/>
      <c r="Z37" s="76" t="s">
        <v>245</v>
      </c>
      <c r="AA37" s="488"/>
      <c r="AB37" s="488"/>
      <c r="AC37" s="488"/>
      <c r="AD37" s="488"/>
      <c r="AE37" s="488"/>
      <c r="AF37" s="488"/>
      <c r="AG37" s="488"/>
      <c r="AH37" s="488"/>
      <c r="AI37" s="488"/>
      <c r="AJ37" s="488"/>
      <c r="AK37" s="488"/>
      <c r="AL37" s="488"/>
      <c r="AM37" s="488"/>
      <c r="AN37" s="488"/>
      <c r="AO37" s="488"/>
      <c r="AP37" s="488"/>
      <c r="AQ37" s="488"/>
      <c r="AR37" s="488"/>
      <c r="AS37" s="488"/>
      <c r="AT37" s="488"/>
      <c r="AU37" s="488"/>
      <c r="AV37" s="488"/>
      <c r="AW37" s="488"/>
      <c r="AX37" s="488"/>
      <c r="AY37" s="488"/>
      <c r="AZ37" s="488"/>
      <c r="BA37" s="488"/>
      <c r="BB37" s="488"/>
      <c r="BC37" s="488"/>
      <c r="BD37" s="488"/>
      <c r="BE37" s="488"/>
      <c r="BF37" s="80">
        <f t="shared" si="0"/>
        <v>0</v>
      </c>
      <c r="BG37" s="76"/>
      <c r="BH37" s="487" t="str">
        <f t="shared" si="8"/>
        <v/>
      </c>
      <c r="BI37" s="487" t="str">
        <f t="shared" si="8"/>
        <v/>
      </c>
      <c r="BJ37" s="487" t="str">
        <f t="shared" si="8"/>
        <v/>
      </c>
      <c r="BK37" s="487" t="str">
        <f t="shared" si="8"/>
        <v/>
      </c>
      <c r="BL37" s="487" t="str">
        <f t="shared" si="8"/>
        <v/>
      </c>
      <c r="BM37" s="487" t="str">
        <f t="shared" si="8"/>
        <v/>
      </c>
      <c r="BN37" s="487" t="str">
        <f t="shared" si="8"/>
        <v/>
      </c>
      <c r="BO37" s="487" t="str">
        <f t="shared" si="8"/>
        <v/>
      </c>
      <c r="BP37" s="487" t="str">
        <f t="shared" si="8"/>
        <v/>
      </c>
      <c r="BQ37" s="487" t="str">
        <f t="shared" si="8"/>
        <v/>
      </c>
      <c r="BR37" s="487" t="str">
        <f t="shared" si="8"/>
        <v/>
      </c>
      <c r="BS37" s="487" t="str">
        <f t="shared" si="8"/>
        <v/>
      </c>
      <c r="BT37" s="487" t="str">
        <f t="shared" si="8"/>
        <v/>
      </c>
      <c r="BU37" s="487" t="str">
        <f t="shared" si="8"/>
        <v/>
      </c>
      <c r="BV37" s="487" t="str">
        <f t="shared" si="8"/>
        <v/>
      </c>
      <c r="BW37" s="487" t="str">
        <f t="shared" si="8"/>
        <v/>
      </c>
      <c r="BX37" s="487" t="str">
        <f t="shared" si="9"/>
        <v/>
      </c>
      <c r="BY37" s="487" t="str">
        <f t="shared" si="9"/>
        <v/>
      </c>
      <c r="BZ37" s="487" t="str">
        <f t="shared" si="9"/>
        <v/>
      </c>
      <c r="CA37" s="487" t="str">
        <f t="shared" si="9"/>
        <v/>
      </c>
      <c r="CB37" s="487" t="str">
        <f t="shared" si="9"/>
        <v/>
      </c>
      <c r="CC37" s="487" t="str">
        <f t="shared" si="9"/>
        <v/>
      </c>
      <c r="CD37" s="487" t="str">
        <f t="shared" si="9"/>
        <v/>
      </c>
      <c r="CE37" s="487" t="str">
        <f t="shared" si="9"/>
        <v/>
      </c>
      <c r="CF37" s="487" t="str">
        <f t="shared" si="9"/>
        <v/>
      </c>
      <c r="CG37" s="487" t="str">
        <f t="shared" si="9"/>
        <v/>
      </c>
      <c r="CH37" s="487" t="str">
        <f t="shared" si="9"/>
        <v/>
      </c>
      <c r="CI37" s="487" t="str">
        <f t="shared" si="9"/>
        <v/>
      </c>
      <c r="CJ37" s="487" t="str">
        <f t="shared" si="7"/>
        <v/>
      </c>
      <c r="CK37" s="487" t="str">
        <f t="shared" si="7"/>
        <v/>
      </c>
      <c r="CL37" s="487" t="str">
        <f t="shared" si="7"/>
        <v/>
      </c>
      <c r="CM37" s="487"/>
      <c r="CN37" s="487"/>
      <c r="CO37" s="487"/>
      <c r="CP37" s="487"/>
      <c r="CQ37" s="487"/>
      <c r="CR37" s="487"/>
      <c r="CS37" s="487"/>
      <c r="CT37" s="487"/>
      <c r="CU37" s="487"/>
      <c r="CV37" s="487"/>
      <c r="CW37" s="487"/>
      <c r="CX37" s="487"/>
      <c r="CY37" s="487"/>
      <c r="CZ37" s="487"/>
      <c r="DA37" s="487"/>
      <c r="DB37" s="487"/>
      <c r="DC37" s="487"/>
      <c r="DD37" s="487"/>
      <c r="DE37" s="487"/>
      <c r="DF37" s="487"/>
      <c r="DG37" s="487"/>
      <c r="DH37" s="487"/>
      <c r="DI37" s="484"/>
      <c r="DJ37" s="484"/>
      <c r="DK37" s="77"/>
    </row>
    <row r="38" spans="1:115" s="136" customFormat="1" ht="56.1" hidden="1" customHeight="1" x14ac:dyDescent="0.2">
      <c r="A38" s="77" t="s">
        <v>2483</v>
      </c>
      <c r="B38" s="77" t="s">
        <v>2484</v>
      </c>
      <c r="C38" s="481">
        <v>57</v>
      </c>
      <c r="D38" s="481"/>
      <c r="E38" s="481" t="s">
        <v>2481</v>
      </c>
      <c r="F38" s="482" t="s">
        <v>53</v>
      </c>
      <c r="G38" s="482" t="s">
        <v>273</v>
      </c>
      <c r="H38" s="484" t="s">
        <v>274</v>
      </c>
      <c r="I38" s="483" t="s">
        <v>275</v>
      </c>
      <c r="J38" s="493" t="s">
        <v>275</v>
      </c>
      <c r="K38" s="493"/>
      <c r="L38" s="484" t="s">
        <v>215</v>
      </c>
      <c r="M38" s="484" t="s">
        <v>63</v>
      </c>
      <c r="N38" s="484"/>
      <c r="O38" s="484" t="s">
        <v>8</v>
      </c>
      <c r="P38" s="484" t="s">
        <v>276</v>
      </c>
      <c r="Q38" s="484"/>
      <c r="R38" s="484" t="s">
        <v>225</v>
      </c>
      <c r="S38" s="484" t="s">
        <v>63</v>
      </c>
      <c r="T38" s="484" t="s">
        <v>63</v>
      </c>
      <c r="U38" s="485"/>
      <c r="V38" s="485"/>
      <c r="W38" s="484" t="s">
        <v>277</v>
      </c>
      <c r="X38" s="484"/>
      <c r="Y38" s="485"/>
      <c r="Z38" s="76" t="s">
        <v>245</v>
      </c>
      <c r="AA38" s="488"/>
      <c r="AB38" s="488"/>
      <c r="AC38" s="488"/>
      <c r="AD38" s="488"/>
      <c r="AE38" s="488"/>
      <c r="AF38" s="488"/>
      <c r="AG38" s="488"/>
      <c r="AH38" s="488"/>
      <c r="AI38" s="488"/>
      <c r="AJ38" s="488"/>
      <c r="AK38" s="488"/>
      <c r="AL38" s="488"/>
      <c r="AM38" s="488"/>
      <c r="AN38" s="488"/>
      <c r="AO38" s="488"/>
      <c r="AP38" s="488"/>
      <c r="AQ38" s="488"/>
      <c r="AR38" s="488"/>
      <c r="AS38" s="488"/>
      <c r="AT38" s="488"/>
      <c r="AU38" s="488"/>
      <c r="AV38" s="488"/>
      <c r="AW38" s="488"/>
      <c r="AX38" s="488"/>
      <c r="AY38" s="488"/>
      <c r="AZ38" s="488"/>
      <c r="BA38" s="488"/>
      <c r="BB38" s="488"/>
      <c r="BC38" s="488"/>
      <c r="BD38" s="488"/>
      <c r="BE38" s="488"/>
      <c r="BF38" s="80">
        <f t="shared" si="0"/>
        <v>0</v>
      </c>
      <c r="BG38" s="76"/>
      <c r="BH38" s="487" t="str">
        <f t="shared" si="8"/>
        <v/>
      </c>
      <c r="BI38" s="487" t="str">
        <f t="shared" si="8"/>
        <v/>
      </c>
      <c r="BJ38" s="487" t="str">
        <f t="shared" si="8"/>
        <v/>
      </c>
      <c r="BK38" s="487" t="str">
        <f t="shared" si="8"/>
        <v/>
      </c>
      <c r="BL38" s="487" t="str">
        <f t="shared" si="8"/>
        <v/>
      </c>
      <c r="BM38" s="487" t="str">
        <f t="shared" si="8"/>
        <v/>
      </c>
      <c r="BN38" s="487" t="str">
        <f t="shared" si="8"/>
        <v/>
      </c>
      <c r="BO38" s="487" t="str">
        <f t="shared" si="8"/>
        <v/>
      </c>
      <c r="BP38" s="487" t="str">
        <f t="shared" si="8"/>
        <v/>
      </c>
      <c r="BQ38" s="487" t="str">
        <f t="shared" si="8"/>
        <v/>
      </c>
      <c r="BR38" s="487" t="str">
        <f t="shared" si="8"/>
        <v/>
      </c>
      <c r="BS38" s="487" t="str">
        <f t="shared" si="8"/>
        <v/>
      </c>
      <c r="BT38" s="487" t="str">
        <f t="shared" si="8"/>
        <v/>
      </c>
      <c r="BU38" s="487" t="str">
        <f t="shared" si="8"/>
        <v/>
      </c>
      <c r="BV38" s="487" t="str">
        <f t="shared" si="8"/>
        <v/>
      </c>
      <c r="BW38" s="487" t="str">
        <f t="shared" si="8"/>
        <v/>
      </c>
      <c r="BX38" s="487" t="str">
        <f t="shared" si="9"/>
        <v/>
      </c>
      <c r="BY38" s="487" t="str">
        <f t="shared" si="9"/>
        <v/>
      </c>
      <c r="BZ38" s="487" t="str">
        <f t="shared" si="9"/>
        <v/>
      </c>
      <c r="CA38" s="487" t="str">
        <f t="shared" si="9"/>
        <v/>
      </c>
      <c r="CB38" s="487" t="str">
        <f t="shared" si="9"/>
        <v/>
      </c>
      <c r="CC38" s="487" t="str">
        <f t="shared" si="9"/>
        <v/>
      </c>
      <c r="CD38" s="487" t="str">
        <f t="shared" si="9"/>
        <v/>
      </c>
      <c r="CE38" s="487" t="str">
        <f t="shared" si="9"/>
        <v/>
      </c>
      <c r="CF38" s="487" t="str">
        <f t="shared" si="9"/>
        <v/>
      </c>
      <c r="CG38" s="487" t="str">
        <f t="shared" si="9"/>
        <v/>
      </c>
      <c r="CH38" s="487" t="str">
        <f t="shared" si="9"/>
        <v/>
      </c>
      <c r="CI38" s="487" t="str">
        <f t="shared" si="9"/>
        <v/>
      </c>
      <c r="CJ38" s="487" t="str">
        <f t="shared" si="7"/>
        <v/>
      </c>
      <c r="CK38" s="487" t="str">
        <f t="shared" si="7"/>
        <v/>
      </c>
      <c r="CL38" s="487" t="str">
        <f t="shared" si="7"/>
        <v/>
      </c>
      <c r="CM38" s="487"/>
      <c r="CN38" s="487"/>
      <c r="CO38" s="487"/>
      <c r="CP38" s="487"/>
      <c r="CQ38" s="487"/>
      <c r="CR38" s="487"/>
      <c r="CS38" s="487"/>
      <c r="CT38" s="487"/>
      <c r="CU38" s="487"/>
      <c r="CV38" s="487"/>
      <c r="CW38" s="487"/>
      <c r="CX38" s="487"/>
      <c r="CY38" s="487"/>
      <c r="CZ38" s="487"/>
      <c r="DA38" s="487"/>
      <c r="DB38" s="487"/>
      <c r="DC38" s="487"/>
      <c r="DD38" s="487"/>
      <c r="DE38" s="487"/>
      <c r="DF38" s="487"/>
      <c r="DG38" s="487"/>
      <c r="DH38" s="487"/>
      <c r="DI38" s="484"/>
      <c r="DJ38" s="484"/>
      <c r="DK38" s="77"/>
    </row>
    <row r="39" spans="1:115" s="136" customFormat="1" ht="56.1" hidden="1" customHeight="1" x14ac:dyDescent="0.2">
      <c r="A39" s="77"/>
      <c r="B39" s="77"/>
      <c r="C39" s="481">
        <v>58</v>
      </c>
      <c r="D39" s="481"/>
      <c r="E39" s="481" t="s">
        <v>2481</v>
      </c>
      <c r="F39" s="482" t="s">
        <v>278</v>
      </c>
      <c r="G39" s="482" t="s">
        <v>279</v>
      </c>
      <c r="H39" s="484" t="s">
        <v>280</v>
      </c>
      <c r="I39" s="484" t="s">
        <v>281</v>
      </c>
      <c r="J39" s="484" t="s">
        <v>282</v>
      </c>
      <c r="K39" s="484"/>
      <c r="L39" s="484" t="s">
        <v>58</v>
      </c>
      <c r="M39" s="484" t="s">
        <v>63</v>
      </c>
      <c r="N39" s="484"/>
      <c r="O39" s="484" t="s">
        <v>81</v>
      </c>
      <c r="P39" s="484" t="s">
        <v>77</v>
      </c>
      <c r="Q39" s="484"/>
      <c r="R39" s="484" t="s">
        <v>165</v>
      </c>
      <c r="S39" s="484" t="s">
        <v>63</v>
      </c>
      <c r="T39" s="484" t="s">
        <v>63</v>
      </c>
      <c r="U39" s="485">
        <v>7705572</v>
      </c>
      <c r="V39" s="485"/>
      <c r="W39" s="484" t="s">
        <v>283</v>
      </c>
      <c r="X39" s="484"/>
      <c r="Y39" s="485">
        <f>U39</f>
        <v>7705572</v>
      </c>
      <c r="Z39" s="76" t="s">
        <v>65</v>
      </c>
      <c r="AA39" s="487" t="s">
        <v>66</v>
      </c>
      <c r="AB39" s="487" t="s">
        <v>66</v>
      </c>
      <c r="AC39" s="487" t="s">
        <v>66</v>
      </c>
      <c r="AD39" s="487" t="s">
        <v>66</v>
      </c>
      <c r="AE39" s="487" t="s">
        <v>66</v>
      </c>
      <c r="AF39" s="487" t="s">
        <v>66</v>
      </c>
      <c r="AG39" s="487" t="s">
        <v>66</v>
      </c>
      <c r="AH39" s="487" t="s">
        <v>66</v>
      </c>
      <c r="AI39" s="487" t="s">
        <v>66</v>
      </c>
      <c r="AJ39" s="487" t="s">
        <v>66</v>
      </c>
      <c r="AK39" s="487" t="s">
        <v>66</v>
      </c>
      <c r="AL39" s="487" t="s">
        <v>66</v>
      </c>
      <c r="AM39" s="487" t="s">
        <v>66</v>
      </c>
      <c r="AN39" s="487" t="s">
        <v>66</v>
      </c>
      <c r="AO39" s="487" t="s">
        <v>66</v>
      </c>
      <c r="AP39" s="487" t="s">
        <v>66</v>
      </c>
      <c r="AQ39" s="487" t="s">
        <v>66</v>
      </c>
      <c r="AR39" s="488"/>
      <c r="AS39" s="488"/>
      <c r="AT39" s="488"/>
      <c r="AU39" s="488"/>
      <c r="AV39" s="488"/>
      <c r="AW39" s="488"/>
      <c r="AX39" s="488"/>
      <c r="AY39" s="488"/>
      <c r="AZ39" s="488"/>
      <c r="BA39" s="488"/>
      <c r="BB39" s="488"/>
      <c r="BC39" s="488"/>
      <c r="BD39" s="488"/>
      <c r="BE39" s="488"/>
      <c r="BF39" s="80">
        <f t="shared" si="0"/>
        <v>8859</v>
      </c>
      <c r="BG39" s="76">
        <f>Y39/BF39</f>
        <v>869.80155773789363</v>
      </c>
      <c r="BH39" s="487">
        <f t="shared" si="8"/>
        <v>1304702.3366068404</v>
      </c>
      <c r="BI39" s="487">
        <f t="shared" si="8"/>
        <v>173960.31154757872</v>
      </c>
      <c r="BJ39" s="487">
        <f t="shared" si="8"/>
        <v>391410.70098205213</v>
      </c>
      <c r="BK39" s="487">
        <f t="shared" si="8"/>
        <v>304430.54520826275</v>
      </c>
      <c r="BL39" s="487">
        <f t="shared" si="8"/>
        <v>260940.46732136808</v>
      </c>
      <c r="BM39" s="487">
        <f t="shared" si="8"/>
        <v>417504.74771418894</v>
      </c>
      <c r="BN39" s="487">
        <f t="shared" si="8"/>
        <v>86980.15577378936</v>
      </c>
      <c r="BO39" s="487">
        <f t="shared" si="8"/>
        <v>339222.60751777852</v>
      </c>
      <c r="BP39" s="487">
        <f t="shared" si="8"/>
        <v>434900.77886894683</v>
      </c>
      <c r="BQ39" s="487">
        <f t="shared" si="8"/>
        <v>434900.77886894683</v>
      </c>
      <c r="BR39" s="487">
        <f t="shared" si="8"/>
        <v>652351.16830342019</v>
      </c>
      <c r="BS39" s="487">
        <f t="shared" si="8"/>
        <v>173960.31154757872</v>
      </c>
      <c r="BT39" s="487">
        <f t="shared" si="8"/>
        <v>203533.56451066711</v>
      </c>
      <c r="BU39" s="487">
        <f t="shared" si="8"/>
        <v>304430.54520826275</v>
      </c>
      <c r="BV39" s="487">
        <f t="shared" si="8"/>
        <v>78282.14019641043</v>
      </c>
      <c r="BW39" s="487">
        <f t="shared" si="8"/>
        <v>69584.124619031485</v>
      </c>
      <c r="BX39" s="487">
        <f t="shared" si="9"/>
        <v>2074476.7152048764</v>
      </c>
      <c r="BY39" s="487" t="str">
        <f t="shared" si="9"/>
        <v/>
      </c>
      <c r="BZ39" s="487" t="str">
        <f t="shared" si="9"/>
        <v/>
      </c>
      <c r="CA39" s="487" t="str">
        <f t="shared" si="9"/>
        <v/>
      </c>
      <c r="CB39" s="487" t="str">
        <f t="shared" si="9"/>
        <v/>
      </c>
      <c r="CC39" s="487" t="str">
        <f t="shared" si="9"/>
        <v/>
      </c>
      <c r="CD39" s="487" t="str">
        <f t="shared" si="9"/>
        <v/>
      </c>
      <c r="CE39" s="487" t="str">
        <f t="shared" si="9"/>
        <v/>
      </c>
      <c r="CF39" s="487" t="str">
        <f t="shared" si="9"/>
        <v/>
      </c>
      <c r="CG39" s="487" t="str">
        <f t="shared" si="9"/>
        <v/>
      </c>
      <c r="CH39" s="487" t="str">
        <f t="shared" si="9"/>
        <v/>
      </c>
      <c r="CI39" s="487" t="str">
        <f t="shared" si="9"/>
        <v/>
      </c>
      <c r="CJ39" s="487" t="str">
        <f t="shared" si="7"/>
        <v/>
      </c>
      <c r="CK39" s="487" t="str">
        <f t="shared" si="7"/>
        <v/>
      </c>
      <c r="CL39" s="487" t="str">
        <f t="shared" si="7"/>
        <v/>
      </c>
      <c r="CM39" s="487"/>
      <c r="CN39" s="487"/>
      <c r="CO39" s="487"/>
      <c r="CP39" s="487"/>
      <c r="CQ39" s="487"/>
      <c r="CR39" s="487"/>
      <c r="CS39" s="487"/>
      <c r="CT39" s="487"/>
      <c r="CU39" s="487"/>
      <c r="CV39" s="487"/>
      <c r="CW39" s="487"/>
      <c r="CX39" s="487"/>
      <c r="CY39" s="487"/>
      <c r="CZ39" s="487"/>
      <c r="DA39" s="487"/>
      <c r="DB39" s="487"/>
      <c r="DC39" s="487"/>
      <c r="DD39" s="487"/>
      <c r="DE39" s="487"/>
      <c r="DF39" s="487"/>
      <c r="DG39" s="487"/>
      <c r="DH39" s="487"/>
      <c r="DI39" s="484"/>
      <c r="DJ39" s="484"/>
      <c r="DK39" s="77" t="s">
        <v>196</v>
      </c>
    </row>
    <row r="40" spans="1:115" s="136" customFormat="1" ht="56.1" hidden="1" customHeight="1" x14ac:dyDescent="0.2">
      <c r="A40" s="77" t="s">
        <v>2483</v>
      </c>
      <c r="B40" s="77" t="s">
        <v>2489</v>
      </c>
      <c r="C40" s="481">
        <v>59</v>
      </c>
      <c r="D40" s="481"/>
      <c r="E40" s="481" t="s">
        <v>2481</v>
      </c>
      <c r="F40" s="482" t="s">
        <v>53</v>
      </c>
      <c r="G40" s="482" t="s">
        <v>279</v>
      </c>
      <c r="H40" s="484" t="s">
        <v>280</v>
      </c>
      <c r="I40" s="484" t="s">
        <v>284</v>
      </c>
      <c r="J40" s="484" t="s">
        <v>285</v>
      </c>
      <c r="K40" s="484"/>
      <c r="L40" s="484" t="s">
        <v>215</v>
      </c>
      <c r="M40" s="484" t="s">
        <v>63</v>
      </c>
      <c r="N40" s="484"/>
      <c r="O40" s="484" t="s">
        <v>81</v>
      </c>
      <c r="P40" s="484" t="s">
        <v>77</v>
      </c>
      <c r="Q40" s="484"/>
      <c r="R40" s="484" t="s">
        <v>286</v>
      </c>
      <c r="S40" s="484" t="s">
        <v>63</v>
      </c>
      <c r="T40" s="484" t="s">
        <v>63</v>
      </c>
      <c r="U40" s="485">
        <v>18000000</v>
      </c>
      <c r="V40" s="485"/>
      <c r="W40" s="484" t="s">
        <v>287</v>
      </c>
      <c r="X40" s="484"/>
      <c r="Y40" s="485">
        <f>U40</f>
        <v>18000000</v>
      </c>
      <c r="Z40" s="76" t="s">
        <v>65</v>
      </c>
      <c r="AA40" s="487"/>
      <c r="AB40" s="487"/>
      <c r="AC40" s="487"/>
      <c r="AD40" s="487"/>
      <c r="AE40" s="487"/>
      <c r="AF40" s="487"/>
      <c r="AG40" s="487"/>
      <c r="AH40" s="487"/>
      <c r="AI40" s="487"/>
      <c r="AJ40" s="487"/>
      <c r="AK40" s="487"/>
      <c r="AL40" s="487"/>
      <c r="AM40" s="487"/>
      <c r="AN40" s="487"/>
      <c r="AO40" s="487"/>
      <c r="AP40" s="487"/>
      <c r="AQ40" s="487"/>
      <c r="AR40" s="488"/>
      <c r="AS40" s="488"/>
      <c r="AT40" s="488"/>
      <c r="AU40" s="488"/>
      <c r="AV40" s="488"/>
      <c r="AW40" s="488"/>
      <c r="AX40" s="488"/>
      <c r="AY40" s="488"/>
      <c r="AZ40" s="488"/>
      <c r="BA40" s="488"/>
      <c r="BB40" s="488"/>
      <c r="BC40" s="488"/>
      <c r="BD40" s="488"/>
      <c r="BE40" s="488"/>
      <c r="BF40" s="80">
        <f t="shared" si="0"/>
        <v>0</v>
      </c>
      <c r="BG40" s="76"/>
      <c r="BH40" s="487" t="str">
        <f t="shared" si="8"/>
        <v/>
      </c>
      <c r="BI40" s="487" t="str">
        <f t="shared" si="8"/>
        <v/>
      </c>
      <c r="BJ40" s="487" t="str">
        <f t="shared" si="8"/>
        <v/>
      </c>
      <c r="BK40" s="487" t="str">
        <f t="shared" si="8"/>
        <v/>
      </c>
      <c r="BL40" s="487" t="str">
        <f t="shared" si="8"/>
        <v/>
      </c>
      <c r="BM40" s="487" t="str">
        <f t="shared" si="8"/>
        <v/>
      </c>
      <c r="BN40" s="487" t="str">
        <f t="shared" si="8"/>
        <v/>
      </c>
      <c r="BO40" s="487" t="str">
        <f t="shared" si="8"/>
        <v/>
      </c>
      <c r="BP40" s="487" t="str">
        <f t="shared" si="8"/>
        <v/>
      </c>
      <c r="BQ40" s="487" t="str">
        <f t="shared" si="8"/>
        <v/>
      </c>
      <c r="BR40" s="487" t="str">
        <f t="shared" si="8"/>
        <v/>
      </c>
      <c r="BS40" s="487" t="str">
        <f t="shared" si="8"/>
        <v/>
      </c>
      <c r="BT40" s="487" t="str">
        <f t="shared" si="8"/>
        <v/>
      </c>
      <c r="BU40" s="487" t="str">
        <f t="shared" si="8"/>
        <v/>
      </c>
      <c r="BV40" s="487" t="str">
        <f t="shared" si="8"/>
        <v/>
      </c>
      <c r="BW40" s="487" t="str">
        <f t="shared" si="8"/>
        <v/>
      </c>
      <c r="BX40" s="487" t="str">
        <f t="shared" si="9"/>
        <v/>
      </c>
      <c r="BY40" s="487" t="str">
        <f t="shared" si="9"/>
        <v/>
      </c>
      <c r="BZ40" s="487" t="str">
        <f t="shared" si="9"/>
        <v/>
      </c>
      <c r="CA40" s="487" t="str">
        <f t="shared" si="9"/>
        <v/>
      </c>
      <c r="CB40" s="487" t="str">
        <f t="shared" si="9"/>
        <v/>
      </c>
      <c r="CC40" s="487" t="str">
        <f t="shared" si="9"/>
        <v/>
      </c>
      <c r="CD40" s="487" t="str">
        <f t="shared" si="9"/>
        <v/>
      </c>
      <c r="CE40" s="487" t="str">
        <f t="shared" si="9"/>
        <v/>
      </c>
      <c r="CF40" s="487" t="str">
        <f t="shared" si="9"/>
        <v/>
      </c>
      <c r="CG40" s="487" t="str">
        <f t="shared" si="9"/>
        <v/>
      </c>
      <c r="CH40" s="487" t="str">
        <f t="shared" si="9"/>
        <v/>
      </c>
      <c r="CI40" s="487" t="str">
        <f t="shared" si="9"/>
        <v/>
      </c>
      <c r="CJ40" s="487" t="str">
        <f t="shared" si="7"/>
        <v/>
      </c>
      <c r="CK40" s="487" t="str">
        <f t="shared" si="7"/>
        <v/>
      </c>
      <c r="CL40" s="487" t="str">
        <f t="shared" si="7"/>
        <v/>
      </c>
      <c r="CM40" s="487"/>
      <c r="CN40" s="487"/>
      <c r="CO40" s="487"/>
      <c r="CP40" s="487"/>
      <c r="CQ40" s="487"/>
      <c r="CR40" s="487"/>
      <c r="CS40" s="487"/>
      <c r="CT40" s="487"/>
      <c r="CU40" s="487"/>
      <c r="CV40" s="487"/>
      <c r="CW40" s="487"/>
      <c r="CX40" s="487"/>
      <c r="CY40" s="487"/>
      <c r="CZ40" s="487"/>
      <c r="DA40" s="487"/>
      <c r="DB40" s="487"/>
      <c r="DC40" s="487"/>
      <c r="DD40" s="487"/>
      <c r="DE40" s="487"/>
      <c r="DF40" s="487"/>
      <c r="DG40" s="487"/>
      <c r="DH40" s="487"/>
      <c r="DI40" s="484" t="s">
        <v>288</v>
      </c>
      <c r="DJ40" s="484"/>
      <c r="DK40" s="77"/>
    </row>
    <row r="41" spans="1:115" s="136" customFormat="1" ht="56.1" hidden="1" customHeight="1" x14ac:dyDescent="0.2">
      <c r="A41" s="77" t="s">
        <v>2483</v>
      </c>
      <c r="B41" s="77" t="s">
        <v>2489</v>
      </c>
      <c r="C41" s="481">
        <v>60</v>
      </c>
      <c r="D41" s="481"/>
      <c r="E41" s="481" t="s">
        <v>2481</v>
      </c>
      <c r="F41" s="482" t="s">
        <v>53</v>
      </c>
      <c r="G41" s="482" t="s">
        <v>279</v>
      </c>
      <c r="H41" s="484" t="s">
        <v>280</v>
      </c>
      <c r="I41" s="484" t="s">
        <v>289</v>
      </c>
      <c r="J41" s="484" t="s">
        <v>290</v>
      </c>
      <c r="K41" s="484"/>
      <c r="L41" s="484" t="s">
        <v>215</v>
      </c>
      <c r="M41" s="484" t="s">
        <v>63</v>
      </c>
      <c r="N41" s="484"/>
      <c r="O41" s="484" t="s">
        <v>81</v>
      </c>
      <c r="P41" s="484" t="s">
        <v>291</v>
      </c>
      <c r="Q41" s="484"/>
      <c r="R41" s="484" t="s">
        <v>191</v>
      </c>
      <c r="S41" s="484" t="s">
        <v>63</v>
      </c>
      <c r="T41" s="484" t="s">
        <v>63</v>
      </c>
      <c r="U41" s="485"/>
      <c r="V41" s="485"/>
      <c r="W41" s="484" t="s">
        <v>191</v>
      </c>
      <c r="X41" s="484"/>
      <c r="Y41" s="485"/>
      <c r="Z41" s="76" t="s">
        <v>65</v>
      </c>
      <c r="AA41" s="487"/>
      <c r="AB41" s="487"/>
      <c r="AC41" s="487"/>
      <c r="AD41" s="487"/>
      <c r="AE41" s="487"/>
      <c r="AF41" s="487"/>
      <c r="AG41" s="487"/>
      <c r="AH41" s="487"/>
      <c r="AI41" s="487"/>
      <c r="AJ41" s="487"/>
      <c r="AK41" s="487"/>
      <c r="AL41" s="487"/>
      <c r="AM41" s="487"/>
      <c r="AN41" s="487"/>
      <c r="AO41" s="487"/>
      <c r="AP41" s="487"/>
      <c r="AQ41" s="487"/>
      <c r="AR41" s="488"/>
      <c r="AS41" s="488"/>
      <c r="AT41" s="488"/>
      <c r="AU41" s="488"/>
      <c r="AV41" s="488"/>
      <c r="AW41" s="488"/>
      <c r="AX41" s="488"/>
      <c r="AY41" s="488"/>
      <c r="AZ41" s="488"/>
      <c r="BA41" s="488"/>
      <c r="BB41" s="488"/>
      <c r="BC41" s="488"/>
      <c r="BD41" s="488"/>
      <c r="BE41" s="488"/>
      <c r="BF41" s="80">
        <f t="shared" si="0"/>
        <v>0</v>
      </c>
      <c r="BG41" s="76"/>
      <c r="BH41" s="487" t="str">
        <f t="shared" si="8"/>
        <v/>
      </c>
      <c r="BI41" s="487" t="str">
        <f t="shared" si="8"/>
        <v/>
      </c>
      <c r="BJ41" s="487" t="str">
        <f t="shared" si="8"/>
        <v/>
      </c>
      <c r="BK41" s="487" t="str">
        <f t="shared" si="8"/>
        <v/>
      </c>
      <c r="BL41" s="487" t="str">
        <f t="shared" si="8"/>
        <v/>
      </c>
      <c r="BM41" s="487" t="str">
        <f t="shared" si="8"/>
        <v/>
      </c>
      <c r="BN41" s="487" t="str">
        <f t="shared" si="8"/>
        <v/>
      </c>
      <c r="BO41" s="487" t="str">
        <f t="shared" si="8"/>
        <v/>
      </c>
      <c r="BP41" s="487" t="str">
        <f t="shared" si="8"/>
        <v/>
      </c>
      <c r="BQ41" s="487" t="str">
        <f t="shared" si="8"/>
        <v/>
      </c>
      <c r="BR41" s="487" t="str">
        <f t="shared" si="8"/>
        <v/>
      </c>
      <c r="BS41" s="487" t="str">
        <f t="shared" si="8"/>
        <v/>
      </c>
      <c r="BT41" s="487" t="str">
        <f t="shared" si="8"/>
        <v/>
      </c>
      <c r="BU41" s="487" t="str">
        <f t="shared" si="8"/>
        <v/>
      </c>
      <c r="BV41" s="487" t="str">
        <f t="shared" si="8"/>
        <v/>
      </c>
      <c r="BW41" s="487" t="str">
        <f t="shared" si="8"/>
        <v/>
      </c>
      <c r="BX41" s="487" t="str">
        <f t="shared" si="9"/>
        <v/>
      </c>
      <c r="BY41" s="487" t="str">
        <f t="shared" si="9"/>
        <v/>
      </c>
      <c r="BZ41" s="487" t="str">
        <f t="shared" si="9"/>
        <v/>
      </c>
      <c r="CA41" s="487" t="str">
        <f t="shared" si="9"/>
        <v/>
      </c>
      <c r="CB41" s="487" t="str">
        <f t="shared" si="9"/>
        <v/>
      </c>
      <c r="CC41" s="487" t="str">
        <f t="shared" si="9"/>
        <v/>
      </c>
      <c r="CD41" s="487" t="str">
        <f t="shared" si="9"/>
        <v/>
      </c>
      <c r="CE41" s="487" t="str">
        <f t="shared" si="9"/>
        <v/>
      </c>
      <c r="CF41" s="487" t="str">
        <f t="shared" si="9"/>
        <v/>
      </c>
      <c r="CG41" s="487" t="str">
        <f t="shared" si="9"/>
        <v/>
      </c>
      <c r="CH41" s="487" t="str">
        <f t="shared" si="9"/>
        <v/>
      </c>
      <c r="CI41" s="487" t="str">
        <f t="shared" si="9"/>
        <v/>
      </c>
      <c r="CJ41" s="487" t="str">
        <f t="shared" si="7"/>
        <v/>
      </c>
      <c r="CK41" s="487" t="str">
        <f t="shared" si="7"/>
        <v/>
      </c>
      <c r="CL41" s="487" t="str">
        <f t="shared" si="7"/>
        <v/>
      </c>
      <c r="CM41" s="487"/>
      <c r="CN41" s="487"/>
      <c r="CO41" s="487"/>
      <c r="CP41" s="487"/>
      <c r="CQ41" s="487"/>
      <c r="CR41" s="487"/>
      <c r="CS41" s="487"/>
      <c r="CT41" s="487"/>
      <c r="CU41" s="487"/>
      <c r="CV41" s="487"/>
      <c r="CW41" s="487"/>
      <c r="CX41" s="487"/>
      <c r="CY41" s="487"/>
      <c r="CZ41" s="487"/>
      <c r="DA41" s="487"/>
      <c r="DB41" s="487"/>
      <c r="DC41" s="487"/>
      <c r="DD41" s="487"/>
      <c r="DE41" s="487"/>
      <c r="DF41" s="487"/>
      <c r="DG41" s="487"/>
      <c r="DH41" s="487"/>
      <c r="DI41" s="484"/>
      <c r="DJ41" s="484"/>
      <c r="DK41" s="77"/>
    </row>
    <row r="42" spans="1:115" s="136" customFormat="1" ht="56.1" hidden="1" customHeight="1" x14ac:dyDescent="0.2">
      <c r="A42" s="77"/>
      <c r="B42" s="77"/>
      <c r="C42" s="481">
        <v>70</v>
      </c>
      <c r="D42" s="481"/>
      <c r="E42" s="481" t="s">
        <v>2481</v>
      </c>
      <c r="F42" s="482" t="s">
        <v>53</v>
      </c>
      <c r="G42" s="482" t="s">
        <v>295</v>
      </c>
      <c r="H42" s="484" t="s">
        <v>296</v>
      </c>
      <c r="I42" s="484" t="s">
        <v>313</v>
      </c>
      <c r="J42" s="484" t="s">
        <v>314</v>
      </c>
      <c r="K42" s="484"/>
      <c r="L42" s="484" t="s">
        <v>58</v>
      </c>
      <c r="M42" s="484" t="s">
        <v>173</v>
      </c>
      <c r="N42" s="484"/>
      <c r="O42" s="484" t="s">
        <v>60</v>
      </c>
      <c r="P42" s="484" t="s">
        <v>299</v>
      </c>
      <c r="Q42" s="484"/>
      <c r="R42" s="484" t="s">
        <v>62</v>
      </c>
      <c r="S42" s="484" t="s">
        <v>63</v>
      </c>
      <c r="T42" s="484" t="s">
        <v>63</v>
      </c>
      <c r="U42" s="485">
        <v>1515700</v>
      </c>
      <c r="V42" s="485"/>
      <c r="W42" s="484" t="s">
        <v>64</v>
      </c>
      <c r="X42" s="484"/>
      <c r="Y42" s="485">
        <v>1515700</v>
      </c>
      <c r="Z42" s="484" t="s">
        <v>82</v>
      </c>
      <c r="AA42" s="487" t="s">
        <v>66</v>
      </c>
      <c r="AB42" s="488"/>
      <c r="AC42" s="488"/>
      <c r="AD42" s="488"/>
      <c r="AE42" s="488"/>
      <c r="AF42" s="488"/>
      <c r="AG42" s="488"/>
      <c r="AH42" s="488"/>
      <c r="AI42" s="488"/>
      <c r="AJ42" s="488"/>
      <c r="AK42" s="488"/>
      <c r="AL42" s="488"/>
      <c r="AM42" s="488"/>
      <c r="AN42" s="488"/>
      <c r="AO42" s="488"/>
      <c r="AP42" s="488"/>
      <c r="AQ42" s="488"/>
      <c r="AR42" s="488"/>
      <c r="AS42" s="488"/>
      <c r="AT42" s="488"/>
      <c r="AU42" s="488"/>
      <c r="AV42" s="487"/>
      <c r="AW42" s="488"/>
      <c r="AX42" s="488"/>
      <c r="AY42" s="488"/>
      <c r="AZ42" s="488"/>
      <c r="BA42" s="488"/>
      <c r="BB42" s="488"/>
      <c r="BC42" s="488"/>
      <c r="BD42" s="488"/>
      <c r="BE42" s="488"/>
      <c r="BF42" s="80">
        <f t="shared" si="0"/>
        <v>1500</v>
      </c>
      <c r="BG42" s="76">
        <f t="shared" ref="BG42:BG105" si="10">Y42/BF42</f>
        <v>1010.4666666666667</v>
      </c>
      <c r="BH42" s="487">
        <f t="shared" si="8"/>
        <v>1515700</v>
      </c>
      <c r="BI42" s="487" t="str">
        <f t="shared" si="8"/>
        <v/>
      </c>
      <c r="BJ42" s="487" t="str">
        <f t="shared" si="8"/>
        <v/>
      </c>
      <c r="BK42" s="487" t="str">
        <f t="shared" si="8"/>
        <v/>
      </c>
      <c r="BL42" s="487" t="str">
        <f t="shared" si="8"/>
        <v/>
      </c>
      <c r="BM42" s="487" t="str">
        <f t="shared" si="8"/>
        <v/>
      </c>
      <c r="BN42" s="487" t="str">
        <f t="shared" si="8"/>
        <v/>
      </c>
      <c r="BO42" s="487" t="str">
        <f t="shared" si="8"/>
        <v/>
      </c>
      <c r="BP42" s="487" t="str">
        <f t="shared" si="8"/>
        <v/>
      </c>
      <c r="BQ42" s="487" t="str">
        <f t="shared" si="8"/>
        <v/>
      </c>
      <c r="BR42" s="487" t="str">
        <f t="shared" si="8"/>
        <v/>
      </c>
      <c r="BS42" s="487" t="str">
        <f t="shared" si="8"/>
        <v/>
      </c>
      <c r="BT42" s="487" t="str">
        <f t="shared" si="8"/>
        <v/>
      </c>
      <c r="BU42" s="487" t="str">
        <f t="shared" si="8"/>
        <v/>
      </c>
      <c r="BV42" s="487" t="str">
        <f t="shared" si="8"/>
        <v/>
      </c>
      <c r="BW42" s="487" t="str">
        <f t="shared" si="8"/>
        <v/>
      </c>
      <c r="BX42" s="487" t="str">
        <f t="shared" si="9"/>
        <v/>
      </c>
      <c r="BY42" s="487" t="str">
        <f t="shared" si="9"/>
        <v/>
      </c>
      <c r="BZ42" s="487" t="str">
        <f t="shared" si="9"/>
        <v/>
      </c>
      <c r="CA42" s="487" t="str">
        <f t="shared" si="9"/>
        <v/>
      </c>
      <c r="CB42" s="487" t="str">
        <f t="shared" si="9"/>
        <v/>
      </c>
      <c r="CC42" s="487" t="str">
        <f t="shared" si="9"/>
        <v/>
      </c>
      <c r="CD42" s="487" t="str">
        <f t="shared" si="9"/>
        <v/>
      </c>
      <c r="CE42" s="487" t="str">
        <f t="shared" si="9"/>
        <v/>
      </c>
      <c r="CF42" s="487" t="str">
        <f t="shared" si="9"/>
        <v/>
      </c>
      <c r="CG42" s="487" t="str">
        <f t="shared" si="9"/>
        <v/>
      </c>
      <c r="CH42" s="487" t="str">
        <f t="shared" si="9"/>
        <v/>
      </c>
      <c r="CI42" s="487" t="str">
        <f t="shared" si="9"/>
        <v/>
      </c>
      <c r="CJ42" s="487" t="str">
        <f t="shared" si="7"/>
        <v/>
      </c>
      <c r="CK42" s="487" t="str">
        <f t="shared" si="7"/>
        <v/>
      </c>
      <c r="CL42" s="487" t="str">
        <f t="shared" si="7"/>
        <v/>
      </c>
      <c r="CM42" s="487"/>
      <c r="CN42" s="487"/>
      <c r="CO42" s="487"/>
      <c r="CP42" s="487"/>
      <c r="CQ42" s="487"/>
      <c r="CR42" s="487"/>
      <c r="CS42" s="487"/>
      <c r="CT42" s="487"/>
      <c r="CU42" s="487"/>
      <c r="CV42" s="487"/>
      <c r="CW42" s="487"/>
      <c r="CX42" s="487"/>
      <c r="CY42" s="487"/>
      <c r="CZ42" s="487"/>
      <c r="DA42" s="487"/>
      <c r="DB42" s="487"/>
      <c r="DC42" s="487"/>
      <c r="DD42" s="487"/>
      <c r="DE42" s="487"/>
      <c r="DF42" s="487"/>
      <c r="DG42" s="487"/>
      <c r="DH42" s="487"/>
      <c r="DI42" s="484"/>
      <c r="DJ42" s="484"/>
      <c r="DK42" s="77"/>
    </row>
    <row r="43" spans="1:115" s="136" customFormat="1" ht="56.1" hidden="1" customHeight="1" x14ac:dyDescent="0.2">
      <c r="A43" s="77"/>
      <c r="B43" s="77"/>
      <c r="C43" s="481">
        <v>71</v>
      </c>
      <c r="D43" s="481"/>
      <c r="E43" s="481" t="s">
        <v>2481</v>
      </c>
      <c r="F43" s="482" t="s">
        <v>53</v>
      </c>
      <c r="G43" s="482" t="s">
        <v>295</v>
      </c>
      <c r="H43" s="484" t="s">
        <v>301</v>
      </c>
      <c r="I43" s="484" t="s">
        <v>315</v>
      </c>
      <c r="J43" s="484" t="s">
        <v>316</v>
      </c>
      <c r="K43" s="484"/>
      <c r="L43" s="484" t="s">
        <v>58</v>
      </c>
      <c r="M43" s="484" t="s">
        <v>173</v>
      </c>
      <c r="N43" s="484"/>
      <c r="O43" s="484" t="s">
        <v>60</v>
      </c>
      <c r="P43" s="484" t="s">
        <v>304</v>
      </c>
      <c r="Q43" s="484"/>
      <c r="R43" s="484" t="s">
        <v>62</v>
      </c>
      <c r="S43" s="484" t="s">
        <v>63</v>
      </c>
      <c r="T43" s="484" t="s">
        <v>63</v>
      </c>
      <c r="U43" s="485">
        <v>59310</v>
      </c>
      <c r="V43" s="485"/>
      <c r="W43" s="484" t="s">
        <v>64</v>
      </c>
      <c r="X43" s="484"/>
      <c r="Y43" s="485">
        <v>59310</v>
      </c>
      <c r="Z43" s="484" t="s">
        <v>82</v>
      </c>
      <c r="AA43" s="487" t="s">
        <v>66</v>
      </c>
      <c r="AB43" s="488"/>
      <c r="AC43" s="488"/>
      <c r="AD43" s="488"/>
      <c r="AE43" s="488"/>
      <c r="AF43" s="488"/>
      <c r="AG43" s="488"/>
      <c r="AH43" s="488"/>
      <c r="AI43" s="488"/>
      <c r="AJ43" s="488"/>
      <c r="AK43" s="488"/>
      <c r="AL43" s="488"/>
      <c r="AM43" s="488"/>
      <c r="AN43" s="488"/>
      <c r="AO43" s="488"/>
      <c r="AP43" s="488"/>
      <c r="AQ43" s="488"/>
      <c r="AR43" s="488"/>
      <c r="AS43" s="488"/>
      <c r="AT43" s="488"/>
      <c r="AU43" s="488"/>
      <c r="AV43" s="487"/>
      <c r="AW43" s="488"/>
      <c r="AX43" s="488"/>
      <c r="AY43" s="488"/>
      <c r="AZ43" s="488"/>
      <c r="BA43" s="488"/>
      <c r="BB43" s="488"/>
      <c r="BC43" s="488"/>
      <c r="BD43" s="488"/>
      <c r="BE43" s="488"/>
      <c r="BF43" s="80">
        <f t="shared" si="0"/>
        <v>1500</v>
      </c>
      <c r="BG43" s="76">
        <f t="shared" si="10"/>
        <v>39.54</v>
      </c>
      <c r="BH43" s="487">
        <f t="shared" si="8"/>
        <v>59310</v>
      </c>
      <c r="BI43" s="487" t="str">
        <f t="shared" si="8"/>
        <v/>
      </c>
      <c r="BJ43" s="487" t="str">
        <f t="shared" si="8"/>
        <v/>
      </c>
      <c r="BK43" s="487" t="str">
        <f t="shared" si="8"/>
        <v/>
      </c>
      <c r="BL43" s="487" t="str">
        <f t="shared" si="8"/>
        <v/>
      </c>
      <c r="BM43" s="487" t="str">
        <f t="shared" si="8"/>
        <v/>
      </c>
      <c r="BN43" s="487" t="str">
        <f t="shared" si="8"/>
        <v/>
      </c>
      <c r="BO43" s="487" t="str">
        <f t="shared" si="8"/>
        <v/>
      </c>
      <c r="BP43" s="487" t="str">
        <f t="shared" si="8"/>
        <v/>
      </c>
      <c r="BQ43" s="487" t="str">
        <f t="shared" si="8"/>
        <v/>
      </c>
      <c r="BR43" s="487" t="str">
        <f t="shared" si="8"/>
        <v/>
      </c>
      <c r="BS43" s="487" t="str">
        <f t="shared" si="8"/>
        <v/>
      </c>
      <c r="BT43" s="487" t="str">
        <f t="shared" si="8"/>
        <v/>
      </c>
      <c r="BU43" s="487" t="str">
        <f t="shared" si="8"/>
        <v/>
      </c>
      <c r="BV43" s="487" t="str">
        <f t="shared" si="8"/>
        <v/>
      </c>
      <c r="BW43" s="487" t="str">
        <f t="shared" si="8"/>
        <v/>
      </c>
      <c r="BX43" s="487" t="str">
        <f t="shared" si="9"/>
        <v/>
      </c>
      <c r="BY43" s="487" t="str">
        <f t="shared" si="9"/>
        <v/>
      </c>
      <c r="BZ43" s="487" t="str">
        <f t="shared" si="9"/>
        <v/>
      </c>
      <c r="CA43" s="487" t="str">
        <f t="shared" si="9"/>
        <v/>
      </c>
      <c r="CB43" s="487" t="str">
        <f t="shared" si="9"/>
        <v/>
      </c>
      <c r="CC43" s="487" t="str">
        <f t="shared" si="9"/>
        <v/>
      </c>
      <c r="CD43" s="487" t="str">
        <f t="shared" si="9"/>
        <v/>
      </c>
      <c r="CE43" s="487" t="str">
        <f t="shared" si="9"/>
        <v/>
      </c>
      <c r="CF43" s="487" t="str">
        <f t="shared" si="9"/>
        <v/>
      </c>
      <c r="CG43" s="487" t="str">
        <f t="shared" si="9"/>
        <v/>
      </c>
      <c r="CH43" s="487" t="str">
        <f t="shared" si="9"/>
        <v/>
      </c>
      <c r="CI43" s="487" t="str">
        <f t="shared" si="9"/>
        <v/>
      </c>
      <c r="CJ43" s="487" t="str">
        <f t="shared" si="7"/>
        <v/>
      </c>
      <c r="CK43" s="487" t="str">
        <f t="shared" si="7"/>
        <v/>
      </c>
      <c r="CL43" s="487" t="str">
        <f t="shared" si="7"/>
        <v/>
      </c>
      <c r="CM43" s="487"/>
      <c r="CN43" s="487"/>
      <c r="CO43" s="487"/>
      <c r="CP43" s="487"/>
      <c r="CQ43" s="487"/>
      <c r="CR43" s="487"/>
      <c r="CS43" s="487"/>
      <c r="CT43" s="487"/>
      <c r="CU43" s="487"/>
      <c r="CV43" s="487"/>
      <c r="CW43" s="487"/>
      <c r="CX43" s="487"/>
      <c r="CY43" s="487"/>
      <c r="CZ43" s="487"/>
      <c r="DA43" s="487"/>
      <c r="DB43" s="487"/>
      <c r="DC43" s="487"/>
      <c r="DD43" s="487"/>
      <c r="DE43" s="487"/>
      <c r="DF43" s="487"/>
      <c r="DG43" s="487"/>
      <c r="DH43" s="487"/>
      <c r="DI43" s="484"/>
      <c r="DJ43" s="484"/>
      <c r="DK43" s="77"/>
    </row>
    <row r="44" spans="1:115" s="136" customFormat="1" ht="56.1" hidden="1" customHeight="1" x14ac:dyDescent="0.2">
      <c r="A44" s="77"/>
      <c r="B44" s="77"/>
      <c r="C44" s="481">
        <v>72</v>
      </c>
      <c r="D44" s="481"/>
      <c r="E44" s="481" t="s">
        <v>2481</v>
      </c>
      <c r="F44" s="482" t="s">
        <v>53</v>
      </c>
      <c r="G44" s="482" t="s">
        <v>295</v>
      </c>
      <c r="H44" s="484" t="s">
        <v>296</v>
      </c>
      <c r="I44" s="484" t="s">
        <v>317</v>
      </c>
      <c r="J44" s="484" t="s">
        <v>318</v>
      </c>
      <c r="K44" s="484"/>
      <c r="L44" s="484" t="s">
        <v>58</v>
      </c>
      <c r="M44" s="484" t="s">
        <v>319</v>
      </c>
      <c r="N44" s="484"/>
      <c r="O44" s="484" t="s">
        <v>81</v>
      </c>
      <c r="P44" s="484" t="s">
        <v>299</v>
      </c>
      <c r="Q44" s="484"/>
      <c r="R44" s="484" t="s">
        <v>225</v>
      </c>
      <c r="S44" s="484" t="s">
        <v>63</v>
      </c>
      <c r="T44" s="484" t="s">
        <v>63</v>
      </c>
      <c r="U44" s="485">
        <v>9094200</v>
      </c>
      <c r="V44" s="485"/>
      <c r="W44" s="484" t="s">
        <v>64</v>
      </c>
      <c r="X44" s="484"/>
      <c r="Y44" s="485">
        <v>9094200</v>
      </c>
      <c r="Z44" s="484" t="s">
        <v>82</v>
      </c>
      <c r="AA44" s="488"/>
      <c r="AB44" s="488"/>
      <c r="AC44" s="487" t="s">
        <v>66</v>
      </c>
      <c r="AD44" s="488"/>
      <c r="AE44" s="488"/>
      <c r="AF44" s="488"/>
      <c r="AG44" s="488"/>
      <c r="AH44" s="488"/>
      <c r="AI44" s="488"/>
      <c r="AJ44" s="488"/>
      <c r="AK44" s="488"/>
      <c r="AL44" s="488"/>
      <c r="AM44" s="488"/>
      <c r="AN44" s="488"/>
      <c r="AO44" s="488"/>
      <c r="AP44" s="488"/>
      <c r="AQ44" s="488"/>
      <c r="AR44" s="488"/>
      <c r="AS44" s="488"/>
      <c r="AT44" s="488"/>
      <c r="AU44" s="488"/>
      <c r="AV44" s="487"/>
      <c r="AW44" s="488"/>
      <c r="AX44" s="488"/>
      <c r="AY44" s="488"/>
      <c r="AZ44" s="488"/>
      <c r="BA44" s="488"/>
      <c r="BB44" s="488"/>
      <c r="BC44" s="488"/>
      <c r="BD44" s="488"/>
      <c r="BE44" s="488"/>
      <c r="BF44" s="80">
        <f t="shared" si="0"/>
        <v>450</v>
      </c>
      <c r="BG44" s="76">
        <f t="shared" si="10"/>
        <v>20209.333333333332</v>
      </c>
      <c r="BH44" s="487" t="str">
        <f t="shared" si="8"/>
        <v/>
      </c>
      <c r="BI44" s="487" t="str">
        <f t="shared" si="8"/>
        <v/>
      </c>
      <c r="BJ44" s="487">
        <f t="shared" si="8"/>
        <v>9094200</v>
      </c>
      <c r="BK44" s="487" t="str">
        <f t="shared" si="8"/>
        <v/>
      </c>
      <c r="BL44" s="487" t="str">
        <f t="shared" si="8"/>
        <v/>
      </c>
      <c r="BM44" s="487" t="str">
        <f t="shared" si="8"/>
        <v/>
      </c>
      <c r="BN44" s="487" t="str">
        <f t="shared" si="8"/>
        <v/>
      </c>
      <c r="BO44" s="487" t="str">
        <f t="shared" si="8"/>
        <v/>
      </c>
      <c r="BP44" s="487" t="str">
        <f t="shared" si="8"/>
        <v/>
      </c>
      <c r="BQ44" s="487" t="str">
        <f t="shared" si="8"/>
        <v/>
      </c>
      <c r="BR44" s="487" t="str">
        <f t="shared" si="8"/>
        <v/>
      </c>
      <c r="BS44" s="487" t="str">
        <f t="shared" si="8"/>
        <v/>
      </c>
      <c r="BT44" s="487" t="str">
        <f t="shared" si="8"/>
        <v/>
      </c>
      <c r="BU44" s="487" t="str">
        <f t="shared" si="8"/>
        <v/>
      </c>
      <c r="BV44" s="487" t="str">
        <f t="shared" si="8"/>
        <v/>
      </c>
      <c r="BW44" s="487" t="str">
        <f t="shared" si="8"/>
        <v/>
      </c>
      <c r="BX44" s="487" t="str">
        <f t="shared" si="9"/>
        <v/>
      </c>
      <c r="BY44" s="487" t="str">
        <f t="shared" si="9"/>
        <v/>
      </c>
      <c r="BZ44" s="487" t="str">
        <f t="shared" si="9"/>
        <v/>
      </c>
      <c r="CA44" s="487" t="str">
        <f t="shared" si="9"/>
        <v/>
      </c>
      <c r="CB44" s="487" t="str">
        <f t="shared" si="9"/>
        <v/>
      </c>
      <c r="CC44" s="487" t="str">
        <f t="shared" si="9"/>
        <v/>
      </c>
      <c r="CD44" s="487" t="str">
        <f t="shared" si="9"/>
        <v/>
      </c>
      <c r="CE44" s="487" t="str">
        <f t="shared" si="9"/>
        <v/>
      </c>
      <c r="CF44" s="487" t="str">
        <f t="shared" si="9"/>
        <v/>
      </c>
      <c r="CG44" s="487" t="str">
        <f t="shared" si="9"/>
        <v/>
      </c>
      <c r="CH44" s="487" t="str">
        <f t="shared" si="9"/>
        <v/>
      </c>
      <c r="CI44" s="487" t="str">
        <f t="shared" si="9"/>
        <v/>
      </c>
      <c r="CJ44" s="487" t="str">
        <f t="shared" si="7"/>
        <v/>
      </c>
      <c r="CK44" s="487" t="str">
        <f t="shared" si="7"/>
        <v/>
      </c>
      <c r="CL44" s="487" t="str">
        <f t="shared" si="7"/>
        <v/>
      </c>
      <c r="CM44" s="487"/>
      <c r="CN44" s="487"/>
      <c r="CO44" s="487"/>
      <c r="CP44" s="487"/>
      <c r="CQ44" s="487"/>
      <c r="CR44" s="487"/>
      <c r="CS44" s="487"/>
      <c r="CT44" s="487"/>
      <c r="CU44" s="487"/>
      <c r="CV44" s="487"/>
      <c r="CW44" s="487"/>
      <c r="CX44" s="487"/>
      <c r="CY44" s="487"/>
      <c r="CZ44" s="487"/>
      <c r="DA44" s="487"/>
      <c r="DB44" s="487"/>
      <c r="DC44" s="487"/>
      <c r="DD44" s="487"/>
      <c r="DE44" s="487"/>
      <c r="DF44" s="487"/>
      <c r="DG44" s="487"/>
      <c r="DH44" s="487"/>
      <c r="DI44" s="484" t="s">
        <v>300</v>
      </c>
      <c r="DJ44" s="484"/>
      <c r="DK44" s="77"/>
    </row>
    <row r="45" spans="1:115" s="136" customFormat="1" ht="56.1" hidden="1" customHeight="1" x14ac:dyDescent="0.2">
      <c r="A45" s="77"/>
      <c r="B45" s="77"/>
      <c r="C45" s="481">
        <v>73</v>
      </c>
      <c r="D45" s="481"/>
      <c r="E45" s="481" t="s">
        <v>2481</v>
      </c>
      <c r="F45" s="482" t="s">
        <v>53</v>
      </c>
      <c r="G45" s="482" t="s">
        <v>295</v>
      </c>
      <c r="H45" s="484" t="s">
        <v>301</v>
      </c>
      <c r="I45" s="484" t="s">
        <v>320</v>
      </c>
      <c r="J45" s="484" t="s">
        <v>321</v>
      </c>
      <c r="K45" s="484"/>
      <c r="L45" s="484" t="s">
        <v>58</v>
      </c>
      <c r="M45" s="484" t="s">
        <v>319</v>
      </c>
      <c r="N45" s="484"/>
      <c r="O45" s="484" t="s">
        <v>81</v>
      </c>
      <c r="P45" s="484" t="s">
        <v>304</v>
      </c>
      <c r="Q45" s="484"/>
      <c r="R45" s="484" t="s">
        <v>225</v>
      </c>
      <c r="S45" s="484" t="s">
        <v>63</v>
      </c>
      <c r="T45" s="484" t="s">
        <v>63</v>
      </c>
      <c r="U45" s="485">
        <v>355860</v>
      </c>
      <c r="V45" s="485"/>
      <c r="W45" s="484" t="s">
        <v>64</v>
      </c>
      <c r="X45" s="484"/>
      <c r="Y45" s="485">
        <v>355860</v>
      </c>
      <c r="Z45" s="484" t="s">
        <v>82</v>
      </c>
      <c r="AA45" s="488"/>
      <c r="AB45" s="488"/>
      <c r="AC45" s="487" t="s">
        <v>66</v>
      </c>
      <c r="AD45" s="488"/>
      <c r="AE45" s="488"/>
      <c r="AF45" s="488"/>
      <c r="AG45" s="488"/>
      <c r="AH45" s="488"/>
      <c r="AI45" s="488"/>
      <c r="AJ45" s="488"/>
      <c r="AK45" s="488"/>
      <c r="AL45" s="488"/>
      <c r="AM45" s="488"/>
      <c r="AN45" s="488"/>
      <c r="AO45" s="488"/>
      <c r="AP45" s="488"/>
      <c r="AQ45" s="488"/>
      <c r="AR45" s="488"/>
      <c r="AS45" s="488"/>
      <c r="AT45" s="488"/>
      <c r="AU45" s="488"/>
      <c r="AV45" s="487"/>
      <c r="AW45" s="488"/>
      <c r="AX45" s="488"/>
      <c r="AY45" s="488"/>
      <c r="AZ45" s="488"/>
      <c r="BA45" s="488"/>
      <c r="BB45" s="488"/>
      <c r="BC45" s="488"/>
      <c r="BD45" s="488"/>
      <c r="BE45" s="488"/>
      <c r="BF45" s="80">
        <f t="shared" si="0"/>
        <v>450</v>
      </c>
      <c r="BG45" s="76">
        <f t="shared" si="10"/>
        <v>790.8</v>
      </c>
      <c r="BH45" s="487" t="str">
        <f t="shared" si="8"/>
        <v/>
      </c>
      <c r="BI45" s="487" t="str">
        <f t="shared" si="8"/>
        <v/>
      </c>
      <c r="BJ45" s="487">
        <f t="shared" si="8"/>
        <v>355860</v>
      </c>
      <c r="BK45" s="487" t="str">
        <f t="shared" si="8"/>
        <v/>
      </c>
      <c r="BL45" s="487" t="str">
        <f t="shared" si="8"/>
        <v/>
      </c>
      <c r="BM45" s="487" t="str">
        <f t="shared" si="8"/>
        <v/>
      </c>
      <c r="BN45" s="487" t="str">
        <f t="shared" si="8"/>
        <v/>
      </c>
      <c r="BO45" s="487" t="str">
        <f t="shared" si="8"/>
        <v/>
      </c>
      <c r="BP45" s="487" t="str">
        <f t="shared" si="8"/>
        <v/>
      </c>
      <c r="BQ45" s="487" t="str">
        <f t="shared" si="8"/>
        <v/>
      </c>
      <c r="BR45" s="487" t="str">
        <f t="shared" si="8"/>
        <v/>
      </c>
      <c r="BS45" s="487" t="str">
        <f t="shared" si="8"/>
        <v/>
      </c>
      <c r="BT45" s="487" t="str">
        <f t="shared" si="8"/>
        <v/>
      </c>
      <c r="BU45" s="487" t="str">
        <f t="shared" si="8"/>
        <v/>
      </c>
      <c r="BV45" s="487" t="str">
        <f t="shared" si="8"/>
        <v/>
      </c>
      <c r="BW45" s="487" t="str">
        <f t="shared" si="8"/>
        <v/>
      </c>
      <c r="BX45" s="487" t="str">
        <f t="shared" si="9"/>
        <v/>
      </c>
      <c r="BY45" s="487" t="str">
        <f t="shared" si="9"/>
        <v/>
      </c>
      <c r="BZ45" s="487" t="str">
        <f t="shared" si="9"/>
        <v/>
      </c>
      <c r="CA45" s="487" t="str">
        <f t="shared" si="9"/>
        <v/>
      </c>
      <c r="CB45" s="487" t="str">
        <f t="shared" si="9"/>
        <v/>
      </c>
      <c r="CC45" s="487" t="str">
        <f t="shared" si="9"/>
        <v/>
      </c>
      <c r="CD45" s="487" t="str">
        <f t="shared" si="9"/>
        <v/>
      </c>
      <c r="CE45" s="487" t="str">
        <f t="shared" si="9"/>
        <v/>
      </c>
      <c r="CF45" s="487" t="str">
        <f t="shared" si="9"/>
        <v/>
      </c>
      <c r="CG45" s="487" t="str">
        <f t="shared" si="9"/>
        <v/>
      </c>
      <c r="CH45" s="487" t="str">
        <f t="shared" si="9"/>
        <v/>
      </c>
      <c r="CI45" s="487" t="str">
        <f t="shared" si="9"/>
        <v/>
      </c>
      <c r="CJ45" s="487" t="str">
        <f t="shared" si="7"/>
        <v/>
      </c>
      <c r="CK45" s="487" t="str">
        <f t="shared" si="7"/>
        <v/>
      </c>
      <c r="CL45" s="487" t="str">
        <f t="shared" si="7"/>
        <v/>
      </c>
      <c r="CM45" s="487"/>
      <c r="CN45" s="487"/>
      <c r="CO45" s="487"/>
      <c r="CP45" s="487"/>
      <c r="CQ45" s="487"/>
      <c r="CR45" s="487"/>
      <c r="CS45" s="487"/>
      <c r="CT45" s="487"/>
      <c r="CU45" s="487"/>
      <c r="CV45" s="487"/>
      <c r="CW45" s="487"/>
      <c r="CX45" s="487"/>
      <c r="CY45" s="487"/>
      <c r="CZ45" s="487"/>
      <c r="DA45" s="487"/>
      <c r="DB45" s="487"/>
      <c r="DC45" s="487"/>
      <c r="DD45" s="487"/>
      <c r="DE45" s="487"/>
      <c r="DF45" s="487"/>
      <c r="DG45" s="487"/>
      <c r="DH45" s="487"/>
      <c r="DI45" s="484" t="s">
        <v>300</v>
      </c>
      <c r="DJ45" s="484"/>
      <c r="DK45" s="77"/>
    </row>
    <row r="46" spans="1:115" s="136" customFormat="1" ht="56.1" hidden="1" customHeight="1" x14ac:dyDescent="0.2">
      <c r="A46" s="77"/>
      <c r="B46" s="77"/>
      <c r="C46" s="481">
        <v>74</v>
      </c>
      <c r="D46" s="481"/>
      <c r="E46" s="481" t="s">
        <v>2481</v>
      </c>
      <c r="F46" s="482" t="s">
        <v>53</v>
      </c>
      <c r="G46" s="482" t="s">
        <v>295</v>
      </c>
      <c r="H46" s="484" t="s">
        <v>296</v>
      </c>
      <c r="I46" s="484" t="s">
        <v>317</v>
      </c>
      <c r="J46" s="484" t="s">
        <v>318</v>
      </c>
      <c r="K46" s="484"/>
      <c r="L46" s="484" t="s">
        <v>58</v>
      </c>
      <c r="M46" s="484" t="s">
        <v>20</v>
      </c>
      <c r="N46" s="484"/>
      <c r="O46" s="484" t="s">
        <v>81</v>
      </c>
      <c r="P46" s="484" t="s">
        <v>299</v>
      </c>
      <c r="Q46" s="484"/>
      <c r="R46" s="484" t="s">
        <v>225</v>
      </c>
      <c r="S46" s="484" t="s">
        <v>63</v>
      </c>
      <c r="T46" s="484" t="s">
        <v>63</v>
      </c>
      <c r="U46" s="485">
        <v>9094200</v>
      </c>
      <c r="V46" s="485"/>
      <c r="W46" s="484" t="s">
        <v>64</v>
      </c>
      <c r="X46" s="484"/>
      <c r="Y46" s="485">
        <v>9094200</v>
      </c>
      <c r="Z46" s="484" t="s">
        <v>82</v>
      </c>
      <c r="AA46" s="488"/>
      <c r="AB46" s="488"/>
      <c r="AC46" s="488"/>
      <c r="AD46" s="487" t="s">
        <v>66</v>
      </c>
      <c r="AE46" s="488"/>
      <c r="AF46" s="488"/>
      <c r="AG46" s="488"/>
      <c r="AH46" s="488"/>
      <c r="AI46" s="488"/>
      <c r="AJ46" s="488"/>
      <c r="AK46" s="488"/>
      <c r="AL46" s="488"/>
      <c r="AM46" s="488"/>
      <c r="AN46" s="488"/>
      <c r="AO46" s="488"/>
      <c r="AP46" s="488"/>
      <c r="AQ46" s="488"/>
      <c r="AR46" s="488"/>
      <c r="AS46" s="488"/>
      <c r="AT46" s="488"/>
      <c r="AU46" s="488"/>
      <c r="AV46" s="487"/>
      <c r="AW46" s="488"/>
      <c r="AX46" s="488"/>
      <c r="AY46" s="488"/>
      <c r="AZ46" s="488"/>
      <c r="BA46" s="488"/>
      <c r="BB46" s="488"/>
      <c r="BC46" s="488"/>
      <c r="BD46" s="488"/>
      <c r="BE46" s="488"/>
      <c r="BF46" s="80">
        <f t="shared" si="0"/>
        <v>350</v>
      </c>
      <c r="BG46" s="76">
        <f t="shared" si="10"/>
        <v>25983.428571428572</v>
      </c>
      <c r="BH46" s="487" t="str">
        <f t="shared" si="8"/>
        <v/>
      </c>
      <c r="BI46" s="487" t="str">
        <f t="shared" si="8"/>
        <v/>
      </c>
      <c r="BJ46" s="487" t="str">
        <f t="shared" si="8"/>
        <v/>
      </c>
      <c r="BK46" s="487">
        <f t="shared" si="8"/>
        <v>9094200</v>
      </c>
      <c r="BL46" s="487" t="str">
        <f t="shared" si="8"/>
        <v/>
      </c>
      <c r="BM46" s="487" t="str">
        <f t="shared" si="8"/>
        <v/>
      </c>
      <c r="BN46" s="487" t="str">
        <f t="shared" si="8"/>
        <v/>
      </c>
      <c r="BO46" s="487" t="str">
        <f t="shared" si="8"/>
        <v/>
      </c>
      <c r="BP46" s="487" t="str">
        <f t="shared" si="8"/>
        <v/>
      </c>
      <c r="BQ46" s="487" t="str">
        <f t="shared" si="8"/>
        <v/>
      </c>
      <c r="BR46" s="487" t="str">
        <f t="shared" si="8"/>
        <v/>
      </c>
      <c r="BS46" s="487" t="str">
        <f t="shared" si="8"/>
        <v/>
      </c>
      <c r="BT46" s="487" t="str">
        <f t="shared" si="8"/>
        <v/>
      </c>
      <c r="BU46" s="487" t="str">
        <f t="shared" si="8"/>
        <v/>
      </c>
      <c r="BV46" s="487" t="str">
        <f t="shared" si="8"/>
        <v/>
      </c>
      <c r="BW46" s="487" t="str">
        <f t="shared" si="8"/>
        <v/>
      </c>
      <c r="BX46" s="487" t="str">
        <f t="shared" si="9"/>
        <v/>
      </c>
      <c r="BY46" s="487" t="str">
        <f t="shared" si="9"/>
        <v/>
      </c>
      <c r="BZ46" s="487" t="str">
        <f t="shared" si="9"/>
        <v/>
      </c>
      <c r="CA46" s="487" t="str">
        <f t="shared" si="9"/>
        <v/>
      </c>
      <c r="CB46" s="487" t="str">
        <f t="shared" si="9"/>
        <v/>
      </c>
      <c r="CC46" s="487" t="str">
        <f t="shared" si="9"/>
        <v/>
      </c>
      <c r="CD46" s="487" t="str">
        <f t="shared" si="9"/>
        <v/>
      </c>
      <c r="CE46" s="487" t="str">
        <f t="shared" si="9"/>
        <v/>
      </c>
      <c r="CF46" s="487" t="str">
        <f t="shared" si="9"/>
        <v/>
      </c>
      <c r="CG46" s="487" t="str">
        <f t="shared" si="9"/>
        <v/>
      </c>
      <c r="CH46" s="487" t="str">
        <f t="shared" si="9"/>
        <v/>
      </c>
      <c r="CI46" s="487" t="str">
        <f t="shared" si="9"/>
        <v/>
      </c>
      <c r="CJ46" s="487" t="str">
        <f t="shared" si="7"/>
        <v/>
      </c>
      <c r="CK46" s="487" t="str">
        <f t="shared" si="7"/>
        <v/>
      </c>
      <c r="CL46" s="487" t="str">
        <f t="shared" si="7"/>
        <v/>
      </c>
      <c r="CM46" s="487"/>
      <c r="CN46" s="487"/>
      <c r="CO46" s="487"/>
      <c r="CP46" s="487"/>
      <c r="CQ46" s="487"/>
      <c r="CR46" s="487"/>
      <c r="CS46" s="487"/>
      <c r="CT46" s="487"/>
      <c r="CU46" s="487"/>
      <c r="CV46" s="487"/>
      <c r="CW46" s="487"/>
      <c r="CX46" s="487"/>
      <c r="CY46" s="487"/>
      <c r="CZ46" s="487"/>
      <c r="DA46" s="487"/>
      <c r="DB46" s="487"/>
      <c r="DC46" s="487"/>
      <c r="DD46" s="487"/>
      <c r="DE46" s="487"/>
      <c r="DF46" s="487"/>
      <c r="DG46" s="487"/>
      <c r="DH46" s="487"/>
      <c r="DI46" s="484" t="s">
        <v>300</v>
      </c>
      <c r="DJ46" s="484"/>
      <c r="DK46" s="77"/>
    </row>
    <row r="47" spans="1:115" s="136" customFormat="1" ht="56.1" hidden="1" customHeight="1" x14ac:dyDescent="0.2">
      <c r="A47" s="77"/>
      <c r="B47" s="77"/>
      <c r="C47" s="481">
        <v>75</v>
      </c>
      <c r="D47" s="481"/>
      <c r="E47" s="481" t="s">
        <v>2481</v>
      </c>
      <c r="F47" s="482" t="s">
        <v>53</v>
      </c>
      <c r="G47" s="482" t="s">
        <v>295</v>
      </c>
      <c r="H47" s="484" t="s">
        <v>301</v>
      </c>
      <c r="I47" s="484" t="s">
        <v>320</v>
      </c>
      <c r="J47" s="484" t="s">
        <v>321</v>
      </c>
      <c r="K47" s="484"/>
      <c r="L47" s="484" t="s">
        <v>58</v>
      </c>
      <c r="M47" s="484" t="s">
        <v>20</v>
      </c>
      <c r="N47" s="484"/>
      <c r="O47" s="484" t="s">
        <v>81</v>
      </c>
      <c r="P47" s="484" t="s">
        <v>304</v>
      </c>
      <c r="Q47" s="484"/>
      <c r="R47" s="484" t="s">
        <v>225</v>
      </c>
      <c r="S47" s="484" t="s">
        <v>63</v>
      </c>
      <c r="T47" s="484" t="s">
        <v>63</v>
      </c>
      <c r="U47" s="485">
        <v>355860</v>
      </c>
      <c r="V47" s="485"/>
      <c r="W47" s="484" t="s">
        <v>64</v>
      </c>
      <c r="X47" s="484"/>
      <c r="Y47" s="485">
        <v>355860</v>
      </c>
      <c r="Z47" s="484" t="s">
        <v>82</v>
      </c>
      <c r="AA47" s="488"/>
      <c r="AB47" s="488"/>
      <c r="AC47" s="488"/>
      <c r="AD47" s="487" t="s">
        <v>66</v>
      </c>
      <c r="AE47" s="488"/>
      <c r="AF47" s="488"/>
      <c r="AG47" s="488"/>
      <c r="AH47" s="488"/>
      <c r="AI47" s="488"/>
      <c r="AJ47" s="488"/>
      <c r="AK47" s="488"/>
      <c r="AL47" s="488"/>
      <c r="AM47" s="488"/>
      <c r="AN47" s="488"/>
      <c r="AO47" s="488"/>
      <c r="AP47" s="488"/>
      <c r="AQ47" s="488"/>
      <c r="AR47" s="488"/>
      <c r="AS47" s="488"/>
      <c r="AT47" s="488"/>
      <c r="AU47" s="488"/>
      <c r="AV47" s="487"/>
      <c r="AW47" s="488"/>
      <c r="AX47" s="488"/>
      <c r="AY47" s="488"/>
      <c r="AZ47" s="488"/>
      <c r="BA47" s="488"/>
      <c r="BB47" s="488"/>
      <c r="BC47" s="488"/>
      <c r="BD47" s="488"/>
      <c r="BE47" s="488"/>
      <c r="BF47" s="80">
        <f t="shared" si="0"/>
        <v>350</v>
      </c>
      <c r="BG47" s="76">
        <f t="shared" si="10"/>
        <v>1016.7428571428571</v>
      </c>
      <c r="BH47" s="487" t="str">
        <f t="shared" si="8"/>
        <v/>
      </c>
      <c r="BI47" s="487" t="str">
        <f t="shared" si="8"/>
        <v/>
      </c>
      <c r="BJ47" s="487" t="str">
        <f t="shared" si="8"/>
        <v/>
      </c>
      <c r="BK47" s="487">
        <f t="shared" si="8"/>
        <v>355860</v>
      </c>
      <c r="BL47" s="487" t="str">
        <f t="shared" si="8"/>
        <v/>
      </c>
      <c r="BM47" s="487" t="str">
        <f t="shared" si="8"/>
        <v/>
      </c>
      <c r="BN47" s="487" t="str">
        <f t="shared" si="8"/>
        <v/>
      </c>
      <c r="BO47" s="487" t="str">
        <f t="shared" si="8"/>
        <v/>
      </c>
      <c r="BP47" s="487" t="str">
        <f t="shared" si="8"/>
        <v/>
      </c>
      <c r="BQ47" s="487" t="str">
        <f t="shared" si="8"/>
        <v/>
      </c>
      <c r="BR47" s="487" t="str">
        <f t="shared" si="8"/>
        <v/>
      </c>
      <c r="BS47" s="487" t="str">
        <f t="shared" si="8"/>
        <v/>
      </c>
      <c r="BT47" s="487" t="str">
        <f t="shared" si="8"/>
        <v/>
      </c>
      <c r="BU47" s="487" t="str">
        <f t="shared" si="8"/>
        <v/>
      </c>
      <c r="BV47" s="487" t="str">
        <f t="shared" si="8"/>
        <v/>
      </c>
      <c r="BW47" s="487" t="str">
        <f t="shared" si="8"/>
        <v/>
      </c>
      <c r="BX47" s="487" t="str">
        <f t="shared" si="9"/>
        <v/>
      </c>
      <c r="BY47" s="487" t="str">
        <f t="shared" si="9"/>
        <v/>
      </c>
      <c r="BZ47" s="487" t="str">
        <f t="shared" si="9"/>
        <v/>
      </c>
      <c r="CA47" s="487" t="str">
        <f t="shared" si="9"/>
        <v/>
      </c>
      <c r="CB47" s="487" t="str">
        <f t="shared" si="9"/>
        <v/>
      </c>
      <c r="CC47" s="487" t="str">
        <f t="shared" si="9"/>
        <v/>
      </c>
      <c r="CD47" s="487" t="str">
        <f t="shared" si="9"/>
        <v/>
      </c>
      <c r="CE47" s="487" t="str">
        <f t="shared" si="9"/>
        <v/>
      </c>
      <c r="CF47" s="487" t="str">
        <f t="shared" si="9"/>
        <v/>
      </c>
      <c r="CG47" s="487" t="str">
        <f t="shared" si="9"/>
        <v/>
      </c>
      <c r="CH47" s="487" t="str">
        <f t="shared" si="9"/>
        <v/>
      </c>
      <c r="CI47" s="487" t="str">
        <f t="shared" si="9"/>
        <v/>
      </c>
      <c r="CJ47" s="487" t="str">
        <f t="shared" si="7"/>
        <v/>
      </c>
      <c r="CK47" s="487" t="str">
        <f t="shared" si="7"/>
        <v/>
      </c>
      <c r="CL47" s="487" t="str">
        <f t="shared" si="7"/>
        <v/>
      </c>
      <c r="CM47" s="487"/>
      <c r="CN47" s="487"/>
      <c r="CO47" s="487"/>
      <c r="CP47" s="487"/>
      <c r="CQ47" s="487"/>
      <c r="CR47" s="487"/>
      <c r="CS47" s="487"/>
      <c r="CT47" s="487"/>
      <c r="CU47" s="487"/>
      <c r="CV47" s="487"/>
      <c r="CW47" s="487"/>
      <c r="CX47" s="487"/>
      <c r="CY47" s="487"/>
      <c r="CZ47" s="487"/>
      <c r="DA47" s="487"/>
      <c r="DB47" s="487"/>
      <c r="DC47" s="487"/>
      <c r="DD47" s="487"/>
      <c r="DE47" s="487"/>
      <c r="DF47" s="487"/>
      <c r="DG47" s="487"/>
      <c r="DH47" s="487"/>
      <c r="DI47" s="484" t="s">
        <v>300</v>
      </c>
      <c r="DJ47" s="484"/>
      <c r="DK47" s="77"/>
    </row>
    <row r="48" spans="1:115" s="136" customFormat="1" ht="56.1" hidden="1" customHeight="1" x14ac:dyDescent="0.2">
      <c r="A48" s="77" t="s">
        <v>2490</v>
      </c>
      <c r="B48" s="77" t="s">
        <v>18</v>
      </c>
      <c r="C48" s="481">
        <v>76</v>
      </c>
      <c r="D48" s="481"/>
      <c r="E48" s="481" t="s">
        <v>2481</v>
      </c>
      <c r="F48" s="482" t="s">
        <v>53</v>
      </c>
      <c r="G48" s="482" t="s">
        <v>295</v>
      </c>
      <c r="H48" s="484" t="s">
        <v>296</v>
      </c>
      <c r="I48" s="484" t="s">
        <v>317</v>
      </c>
      <c r="J48" s="484" t="s">
        <v>318</v>
      </c>
      <c r="K48" s="484"/>
      <c r="L48" s="484" t="s">
        <v>58</v>
      </c>
      <c r="M48" s="484" t="s">
        <v>18</v>
      </c>
      <c r="N48" s="484"/>
      <c r="O48" s="484" t="s">
        <v>81</v>
      </c>
      <c r="P48" s="484" t="s">
        <v>299</v>
      </c>
      <c r="Q48" s="484"/>
      <c r="R48" s="484" t="s">
        <v>225</v>
      </c>
      <c r="S48" s="484" t="s">
        <v>63</v>
      </c>
      <c r="T48" s="484" t="s">
        <v>63</v>
      </c>
      <c r="U48" s="485">
        <v>9094200</v>
      </c>
      <c r="V48" s="485"/>
      <c r="W48" s="484" t="s">
        <v>64</v>
      </c>
      <c r="X48" s="484"/>
      <c r="Y48" s="485">
        <v>9094200</v>
      </c>
      <c r="Z48" s="484" t="s">
        <v>82</v>
      </c>
      <c r="AA48" s="488"/>
      <c r="AB48" s="487" t="s">
        <v>66</v>
      </c>
      <c r="AC48" s="488"/>
      <c r="AD48" s="488"/>
      <c r="AE48" s="488"/>
      <c r="AF48" s="488"/>
      <c r="AG48" s="488"/>
      <c r="AH48" s="488"/>
      <c r="AI48" s="488"/>
      <c r="AJ48" s="488"/>
      <c r="AK48" s="488"/>
      <c r="AL48" s="488"/>
      <c r="AM48" s="488"/>
      <c r="AN48" s="488"/>
      <c r="AO48" s="488"/>
      <c r="AP48" s="488"/>
      <c r="AQ48" s="488"/>
      <c r="AR48" s="488"/>
      <c r="AS48" s="488"/>
      <c r="AT48" s="488"/>
      <c r="AU48" s="488"/>
      <c r="AV48" s="487"/>
      <c r="AW48" s="488"/>
      <c r="AX48" s="488"/>
      <c r="AY48" s="488"/>
      <c r="AZ48" s="488"/>
      <c r="BA48" s="488"/>
      <c r="BB48" s="488"/>
      <c r="BC48" s="488"/>
      <c r="BD48" s="488"/>
      <c r="BE48" s="488"/>
      <c r="BF48" s="80">
        <f t="shared" si="0"/>
        <v>200</v>
      </c>
      <c r="BG48" s="76">
        <f t="shared" si="10"/>
        <v>45471</v>
      </c>
      <c r="BH48" s="487" t="str">
        <f t="shared" si="8"/>
        <v/>
      </c>
      <c r="BI48" s="487">
        <f t="shared" si="8"/>
        <v>9094200</v>
      </c>
      <c r="BJ48" s="487" t="str">
        <f t="shared" si="8"/>
        <v/>
      </c>
      <c r="BK48" s="487" t="str">
        <f t="shared" si="8"/>
        <v/>
      </c>
      <c r="BL48" s="487" t="str">
        <f t="shared" si="8"/>
        <v/>
      </c>
      <c r="BM48" s="487" t="str">
        <f t="shared" si="8"/>
        <v/>
      </c>
      <c r="BN48" s="487" t="str">
        <f t="shared" si="8"/>
        <v/>
      </c>
      <c r="BO48" s="487" t="str">
        <f t="shared" si="8"/>
        <v/>
      </c>
      <c r="BP48" s="487" t="str">
        <f t="shared" si="8"/>
        <v/>
      </c>
      <c r="BQ48" s="487" t="str">
        <f t="shared" si="8"/>
        <v/>
      </c>
      <c r="BR48" s="487" t="str">
        <f t="shared" si="8"/>
        <v/>
      </c>
      <c r="BS48" s="487" t="str">
        <f t="shared" si="8"/>
        <v/>
      </c>
      <c r="BT48" s="487" t="str">
        <f t="shared" si="8"/>
        <v/>
      </c>
      <c r="BU48" s="487" t="str">
        <f t="shared" si="8"/>
        <v/>
      </c>
      <c r="BV48" s="487" t="str">
        <f t="shared" si="8"/>
        <v/>
      </c>
      <c r="BW48" s="487" t="str">
        <f t="shared" si="8"/>
        <v/>
      </c>
      <c r="BX48" s="487" t="str">
        <f t="shared" si="9"/>
        <v/>
      </c>
      <c r="BY48" s="487" t="str">
        <f t="shared" si="9"/>
        <v/>
      </c>
      <c r="BZ48" s="487" t="str">
        <f t="shared" si="9"/>
        <v/>
      </c>
      <c r="CA48" s="487" t="str">
        <f t="shared" si="9"/>
        <v/>
      </c>
      <c r="CB48" s="487" t="str">
        <f t="shared" si="9"/>
        <v/>
      </c>
      <c r="CC48" s="487" t="str">
        <f t="shared" si="9"/>
        <v/>
      </c>
      <c r="CD48" s="487" t="str">
        <f t="shared" si="9"/>
        <v/>
      </c>
      <c r="CE48" s="487" t="str">
        <f t="shared" si="9"/>
        <v/>
      </c>
      <c r="CF48" s="487" t="str">
        <f t="shared" si="9"/>
        <v/>
      </c>
      <c r="CG48" s="487" t="str">
        <f t="shared" si="9"/>
        <v/>
      </c>
      <c r="CH48" s="487" t="str">
        <f t="shared" si="9"/>
        <v/>
      </c>
      <c r="CI48" s="487" t="str">
        <f t="shared" si="9"/>
        <v/>
      </c>
      <c r="CJ48" s="487" t="str">
        <f t="shared" si="7"/>
        <v/>
      </c>
      <c r="CK48" s="487" t="str">
        <f t="shared" si="7"/>
        <v/>
      </c>
      <c r="CL48" s="487" t="str">
        <f t="shared" si="7"/>
        <v/>
      </c>
      <c r="CM48" s="487"/>
      <c r="CN48" s="487"/>
      <c r="CO48" s="487"/>
      <c r="CP48" s="487"/>
      <c r="CQ48" s="487"/>
      <c r="CR48" s="487"/>
      <c r="CS48" s="487"/>
      <c r="CT48" s="487"/>
      <c r="CU48" s="487"/>
      <c r="CV48" s="487"/>
      <c r="CW48" s="487"/>
      <c r="CX48" s="487"/>
      <c r="CY48" s="487"/>
      <c r="CZ48" s="487"/>
      <c r="DA48" s="487"/>
      <c r="DB48" s="487"/>
      <c r="DC48" s="487"/>
      <c r="DD48" s="487"/>
      <c r="DE48" s="487"/>
      <c r="DF48" s="487"/>
      <c r="DG48" s="487"/>
      <c r="DH48" s="487"/>
      <c r="DI48" s="484" t="s">
        <v>300</v>
      </c>
      <c r="DJ48" s="484"/>
      <c r="DK48" s="77"/>
    </row>
    <row r="49" spans="1:115" s="136" customFormat="1" ht="56.1" hidden="1" customHeight="1" x14ac:dyDescent="0.2">
      <c r="A49" s="77" t="s">
        <v>2490</v>
      </c>
      <c r="B49" s="77" t="s">
        <v>18</v>
      </c>
      <c r="C49" s="481">
        <v>77</v>
      </c>
      <c r="D49" s="481"/>
      <c r="E49" s="481" t="s">
        <v>2481</v>
      </c>
      <c r="F49" s="482" t="s">
        <v>53</v>
      </c>
      <c r="G49" s="482" t="s">
        <v>295</v>
      </c>
      <c r="H49" s="484" t="s">
        <v>301</v>
      </c>
      <c r="I49" s="484" t="s">
        <v>320</v>
      </c>
      <c r="J49" s="484" t="s">
        <v>321</v>
      </c>
      <c r="K49" s="484"/>
      <c r="L49" s="484" t="s">
        <v>58</v>
      </c>
      <c r="M49" s="484" t="s">
        <v>18</v>
      </c>
      <c r="N49" s="484"/>
      <c r="O49" s="484" t="s">
        <v>81</v>
      </c>
      <c r="P49" s="484" t="s">
        <v>304</v>
      </c>
      <c r="Q49" s="484"/>
      <c r="R49" s="484" t="s">
        <v>225</v>
      </c>
      <c r="S49" s="484" t="s">
        <v>63</v>
      </c>
      <c r="T49" s="484" t="s">
        <v>63</v>
      </c>
      <c r="U49" s="485">
        <v>355860</v>
      </c>
      <c r="V49" s="485"/>
      <c r="W49" s="484" t="s">
        <v>64</v>
      </c>
      <c r="X49" s="484"/>
      <c r="Y49" s="485">
        <v>355860</v>
      </c>
      <c r="Z49" s="484" t="s">
        <v>82</v>
      </c>
      <c r="AA49" s="488"/>
      <c r="AB49" s="487" t="s">
        <v>66</v>
      </c>
      <c r="AC49" s="488"/>
      <c r="AD49" s="488"/>
      <c r="AE49" s="488"/>
      <c r="AF49" s="488"/>
      <c r="AG49" s="488"/>
      <c r="AH49" s="488"/>
      <c r="AI49" s="488"/>
      <c r="AJ49" s="488"/>
      <c r="AK49" s="488"/>
      <c r="AL49" s="488"/>
      <c r="AM49" s="488"/>
      <c r="AN49" s="488"/>
      <c r="AO49" s="488"/>
      <c r="AP49" s="488"/>
      <c r="AQ49" s="488"/>
      <c r="AR49" s="488"/>
      <c r="AS49" s="488"/>
      <c r="AT49" s="488"/>
      <c r="AU49" s="488"/>
      <c r="AV49" s="487"/>
      <c r="AW49" s="488"/>
      <c r="AX49" s="488"/>
      <c r="AY49" s="488"/>
      <c r="AZ49" s="488"/>
      <c r="BA49" s="488"/>
      <c r="BB49" s="488"/>
      <c r="BC49" s="488"/>
      <c r="BD49" s="488"/>
      <c r="BE49" s="488"/>
      <c r="BF49" s="80">
        <f t="shared" si="0"/>
        <v>200</v>
      </c>
      <c r="BG49" s="76">
        <f t="shared" si="10"/>
        <v>1779.3</v>
      </c>
      <c r="BH49" s="487" t="str">
        <f t="shared" si="8"/>
        <v/>
      </c>
      <c r="BI49" s="487">
        <f t="shared" si="8"/>
        <v>355860</v>
      </c>
      <c r="BJ49" s="487" t="str">
        <f t="shared" si="8"/>
        <v/>
      </c>
      <c r="BK49" s="487" t="str">
        <f t="shared" si="8"/>
        <v/>
      </c>
      <c r="BL49" s="487" t="str">
        <f t="shared" si="8"/>
        <v/>
      </c>
      <c r="BM49" s="487" t="str">
        <f t="shared" si="8"/>
        <v/>
      </c>
      <c r="BN49" s="487" t="str">
        <f t="shared" si="8"/>
        <v/>
      </c>
      <c r="BO49" s="487" t="str">
        <f t="shared" si="8"/>
        <v/>
      </c>
      <c r="BP49" s="487" t="str">
        <f t="shared" si="8"/>
        <v/>
      </c>
      <c r="BQ49" s="487" t="str">
        <f t="shared" si="8"/>
        <v/>
      </c>
      <c r="BR49" s="487" t="str">
        <f t="shared" si="8"/>
        <v/>
      </c>
      <c r="BS49" s="487" t="str">
        <f t="shared" si="8"/>
        <v/>
      </c>
      <c r="BT49" s="487" t="str">
        <f t="shared" si="8"/>
        <v/>
      </c>
      <c r="BU49" s="487" t="str">
        <f t="shared" si="8"/>
        <v/>
      </c>
      <c r="BV49" s="487" t="str">
        <f t="shared" si="8"/>
        <v/>
      </c>
      <c r="BW49" s="487" t="str">
        <f t="shared" si="8"/>
        <v/>
      </c>
      <c r="BX49" s="487" t="str">
        <f t="shared" si="9"/>
        <v/>
      </c>
      <c r="BY49" s="487" t="str">
        <f t="shared" si="9"/>
        <v/>
      </c>
      <c r="BZ49" s="487" t="str">
        <f t="shared" si="9"/>
        <v/>
      </c>
      <c r="CA49" s="487" t="str">
        <f t="shared" si="9"/>
        <v/>
      </c>
      <c r="CB49" s="487" t="str">
        <f t="shared" si="9"/>
        <v/>
      </c>
      <c r="CC49" s="487" t="str">
        <f t="shared" si="9"/>
        <v/>
      </c>
      <c r="CD49" s="487" t="str">
        <f t="shared" si="9"/>
        <v/>
      </c>
      <c r="CE49" s="487" t="str">
        <f t="shared" si="9"/>
        <v/>
      </c>
      <c r="CF49" s="487" t="str">
        <f t="shared" si="9"/>
        <v/>
      </c>
      <c r="CG49" s="487" t="str">
        <f t="shared" si="9"/>
        <v/>
      </c>
      <c r="CH49" s="487" t="str">
        <f t="shared" si="9"/>
        <v/>
      </c>
      <c r="CI49" s="487" t="str">
        <f t="shared" si="9"/>
        <v/>
      </c>
      <c r="CJ49" s="487" t="str">
        <f t="shared" si="7"/>
        <v/>
      </c>
      <c r="CK49" s="487" t="str">
        <f t="shared" si="7"/>
        <v/>
      </c>
      <c r="CL49" s="487" t="str">
        <f t="shared" si="7"/>
        <v/>
      </c>
      <c r="CM49" s="487"/>
      <c r="CN49" s="487"/>
      <c r="CO49" s="487"/>
      <c r="CP49" s="487"/>
      <c r="CQ49" s="487"/>
      <c r="CR49" s="487"/>
      <c r="CS49" s="487"/>
      <c r="CT49" s="487"/>
      <c r="CU49" s="487"/>
      <c r="CV49" s="487"/>
      <c r="CW49" s="487"/>
      <c r="CX49" s="487"/>
      <c r="CY49" s="487"/>
      <c r="CZ49" s="487"/>
      <c r="DA49" s="487"/>
      <c r="DB49" s="487"/>
      <c r="DC49" s="487"/>
      <c r="DD49" s="487"/>
      <c r="DE49" s="487"/>
      <c r="DF49" s="487"/>
      <c r="DG49" s="487"/>
      <c r="DH49" s="487"/>
      <c r="DI49" s="484" t="s">
        <v>300</v>
      </c>
      <c r="DJ49" s="484"/>
      <c r="DK49" s="77"/>
    </row>
    <row r="50" spans="1:115" s="136" customFormat="1" ht="56.1" hidden="1" customHeight="1" x14ac:dyDescent="0.2">
      <c r="A50" s="77"/>
      <c r="B50" s="77"/>
      <c r="C50" s="481">
        <v>78</v>
      </c>
      <c r="D50" s="481"/>
      <c r="E50" s="481" t="s">
        <v>2481</v>
      </c>
      <c r="F50" s="482" t="s">
        <v>53</v>
      </c>
      <c r="G50" s="482" t="s">
        <v>295</v>
      </c>
      <c r="H50" s="484" t="s">
        <v>296</v>
      </c>
      <c r="I50" s="484" t="s">
        <v>317</v>
      </c>
      <c r="J50" s="484" t="s">
        <v>318</v>
      </c>
      <c r="K50" s="484"/>
      <c r="L50" s="484" t="s">
        <v>58</v>
      </c>
      <c r="M50" s="484" t="s">
        <v>21</v>
      </c>
      <c r="N50" s="484"/>
      <c r="O50" s="484" t="s">
        <v>81</v>
      </c>
      <c r="P50" s="484" t="s">
        <v>299</v>
      </c>
      <c r="Q50" s="484"/>
      <c r="R50" s="484" t="s">
        <v>225</v>
      </c>
      <c r="S50" s="484" t="s">
        <v>63</v>
      </c>
      <c r="T50" s="484" t="s">
        <v>63</v>
      </c>
      <c r="U50" s="485">
        <v>9094200</v>
      </c>
      <c r="V50" s="485"/>
      <c r="W50" s="484" t="s">
        <v>64</v>
      </c>
      <c r="X50" s="484"/>
      <c r="Y50" s="485">
        <v>9094200</v>
      </c>
      <c r="Z50" s="484" t="s">
        <v>82</v>
      </c>
      <c r="AA50" s="488"/>
      <c r="AB50" s="488"/>
      <c r="AC50" s="488"/>
      <c r="AD50" s="488"/>
      <c r="AE50" s="487" t="s">
        <v>66</v>
      </c>
      <c r="AF50" s="488"/>
      <c r="AG50" s="488"/>
      <c r="AH50" s="488"/>
      <c r="AI50" s="488"/>
      <c r="AJ50" s="488"/>
      <c r="AK50" s="488"/>
      <c r="AL50" s="488"/>
      <c r="AM50" s="488"/>
      <c r="AN50" s="488"/>
      <c r="AO50" s="488"/>
      <c r="AP50" s="488"/>
      <c r="AQ50" s="488"/>
      <c r="AR50" s="488"/>
      <c r="AS50" s="488"/>
      <c r="AT50" s="488"/>
      <c r="AU50" s="488"/>
      <c r="AV50" s="487"/>
      <c r="AW50" s="488"/>
      <c r="AX50" s="488"/>
      <c r="AY50" s="488"/>
      <c r="AZ50" s="488"/>
      <c r="BA50" s="488"/>
      <c r="BB50" s="488"/>
      <c r="BC50" s="488"/>
      <c r="BD50" s="488"/>
      <c r="BE50" s="488"/>
      <c r="BF50" s="80">
        <f t="shared" si="0"/>
        <v>300</v>
      </c>
      <c r="BG50" s="76">
        <f t="shared" si="10"/>
        <v>30314</v>
      </c>
      <c r="BH50" s="487" t="str">
        <f t="shared" si="8"/>
        <v/>
      </c>
      <c r="BI50" s="487" t="str">
        <f t="shared" si="8"/>
        <v/>
      </c>
      <c r="BJ50" s="487" t="str">
        <f t="shared" si="8"/>
        <v/>
      </c>
      <c r="BK50" s="487" t="str">
        <f t="shared" si="8"/>
        <v/>
      </c>
      <c r="BL50" s="487">
        <f t="shared" si="8"/>
        <v>9094200</v>
      </c>
      <c r="BM50" s="487" t="str">
        <f t="shared" si="8"/>
        <v/>
      </c>
      <c r="BN50" s="487" t="str">
        <f t="shared" si="8"/>
        <v/>
      </c>
      <c r="BO50" s="487" t="str">
        <f t="shared" si="8"/>
        <v/>
      </c>
      <c r="BP50" s="487" t="str">
        <f t="shared" si="8"/>
        <v/>
      </c>
      <c r="BQ50" s="487" t="str">
        <f t="shared" si="8"/>
        <v/>
      </c>
      <c r="BR50" s="487" t="str">
        <f t="shared" si="8"/>
        <v/>
      </c>
      <c r="BS50" s="487" t="str">
        <f t="shared" si="8"/>
        <v/>
      </c>
      <c r="BT50" s="487" t="str">
        <f t="shared" si="8"/>
        <v/>
      </c>
      <c r="BU50" s="487" t="str">
        <f t="shared" si="8"/>
        <v/>
      </c>
      <c r="BV50" s="487" t="str">
        <f t="shared" si="8"/>
        <v/>
      </c>
      <c r="BW50" s="487" t="str">
        <f t="shared" si="8"/>
        <v/>
      </c>
      <c r="BX50" s="487" t="str">
        <f t="shared" si="9"/>
        <v/>
      </c>
      <c r="BY50" s="487" t="str">
        <f t="shared" si="9"/>
        <v/>
      </c>
      <c r="BZ50" s="487" t="str">
        <f t="shared" si="9"/>
        <v/>
      </c>
      <c r="CA50" s="487" t="str">
        <f t="shared" si="9"/>
        <v/>
      </c>
      <c r="CB50" s="487" t="str">
        <f t="shared" si="9"/>
        <v/>
      </c>
      <c r="CC50" s="487" t="str">
        <f t="shared" si="9"/>
        <v/>
      </c>
      <c r="CD50" s="487" t="str">
        <f t="shared" si="9"/>
        <v/>
      </c>
      <c r="CE50" s="487" t="str">
        <f t="shared" si="9"/>
        <v/>
      </c>
      <c r="CF50" s="487" t="str">
        <f t="shared" si="9"/>
        <v/>
      </c>
      <c r="CG50" s="487" t="str">
        <f t="shared" si="9"/>
        <v/>
      </c>
      <c r="CH50" s="487" t="str">
        <f t="shared" si="9"/>
        <v/>
      </c>
      <c r="CI50" s="487" t="str">
        <f t="shared" si="9"/>
        <v/>
      </c>
      <c r="CJ50" s="487" t="str">
        <f t="shared" si="7"/>
        <v/>
      </c>
      <c r="CK50" s="487" t="str">
        <f t="shared" si="7"/>
        <v/>
      </c>
      <c r="CL50" s="487" t="str">
        <f t="shared" si="7"/>
        <v/>
      </c>
      <c r="CM50" s="487"/>
      <c r="CN50" s="487"/>
      <c r="CO50" s="487"/>
      <c r="CP50" s="487"/>
      <c r="CQ50" s="487"/>
      <c r="CR50" s="487"/>
      <c r="CS50" s="487"/>
      <c r="CT50" s="487"/>
      <c r="CU50" s="487"/>
      <c r="CV50" s="487"/>
      <c r="CW50" s="487"/>
      <c r="CX50" s="487"/>
      <c r="CY50" s="487"/>
      <c r="CZ50" s="487"/>
      <c r="DA50" s="487"/>
      <c r="DB50" s="487"/>
      <c r="DC50" s="487"/>
      <c r="DD50" s="487"/>
      <c r="DE50" s="487"/>
      <c r="DF50" s="487"/>
      <c r="DG50" s="487"/>
      <c r="DH50" s="487"/>
      <c r="DI50" s="484" t="s">
        <v>300</v>
      </c>
      <c r="DJ50" s="484"/>
      <c r="DK50" s="77"/>
    </row>
    <row r="51" spans="1:115" s="136" customFormat="1" ht="56.1" hidden="1" customHeight="1" x14ac:dyDescent="0.2">
      <c r="A51" s="77"/>
      <c r="B51" s="77"/>
      <c r="C51" s="481">
        <v>79</v>
      </c>
      <c r="D51" s="481"/>
      <c r="E51" s="481" t="s">
        <v>2481</v>
      </c>
      <c r="F51" s="482" t="s">
        <v>53</v>
      </c>
      <c r="G51" s="482" t="s">
        <v>295</v>
      </c>
      <c r="H51" s="484" t="s">
        <v>301</v>
      </c>
      <c r="I51" s="484" t="s">
        <v>320</v>
      </c>
      <c r="J51" s="484" t="s">
        <v>321</v>
      </c>
      <c r="K51" s="484"/>
      <c r="L51" s="484" t="s">
        <v>58</v>
      </c>
      <c r="M51" s="484" t="s">
        <v>21</v>
      </c>
      <c r="N51" s="484"/>
      <c r="O51" s="484" t="s">
        <v>81</v>
      </c>
      <c r="P51" s="484" t="s">
        <v>304</v>
      </c>
      <c r="Q51" s="484"/>
      <c r="R51" s="484" t="s">
        <v>225</v>
      </c>
      <c r="S51" s="484" t="s">
        <v>63</v>
      </c>
      <c r="T51" s="484" t="s">
        <v>63</v>
      </c>
      <c r="U51" s="485">
        <v>355860</v>
      </c>
      <c r="V51" s="485"/>
      <c r="W51" s="484" t="s">
        <v>64</v>
      </c>
      <c r="X51" s="484"/>
      <c r="Y51" s="485">
        <v>355860</v>
      </c>
      <c r="Z51" s="484" t="s">
        <v>82</v>
      </c>
      <c r="AA51" s="488"/>
      <c r="AB51" s="488"/>
      <c r="AC51" s="488"/>
      <c r="AD51" s="488"/>
      <c r="AE51" s="487" t="s">
        <v>66</v>
      </c>
      <c r="AF51" s="488"/>
      <c r="AG51" s="488"/>
      <c r="AH51" s="488"/>
      <c r="AI51" s="488"/>
      <c r="AJ51" s="488"/>
      <c r="AK51" s="488"/>
      <c r="AL51" s="488"/>
      <c r="AM51" s="488"/>
      <c r="AN51" s="488"/>
      <c r="AO51" s="488"/>
      <c r="AP51" s="488"/>
      <c r="AQ51" s="488"/>
      <c r="AR51" s="488"/>
      <c r="AS51" s="488"/>
      <c r="AT51" s="488"/>
      <c r="AU51" s="488"/>
      <c r="AV51" s="487"/>
      <c r="AW51" s="488"/>
      <c r="AX51" s="488"/>
      <c r="AY51" s="488"/>
      <c r="AZ51" s="488"/>
      <c r="BA51" s="488"/>
      <c r="BB51" s="488"/>
      <c r="BC51" s="488"/>
      <c r="BD51" s="488"/>
      <c r="BE51" s="488"/>
      <c r="BF51" s="80">
        <f t="shared" si="0"/>
        <v>300</v>
      </c>
      <c r="BG51" s="76">
        <f t="shared" si="10"/>
        <v>1186.2</v>
      </c>
      <c r="BH51" s="487" t="str">
        <f t="shared" si="8"/>
        <v/>
      </c>
      <c r="BI51" s="487" t="str">
        <f t="shared" si="8"/>
        <v/>
      </c>
      <c r="BJ51" s="487" t="str">
        <f t="shared" si="8"/>
        <v/>
      </c>
      <c r="BK51" s="487" t="str">
        <f t="shared" si="8"/>
        <v/>
      </c>
      <c r="BL51" s="487">
        <f t="shared" si="8"/>
        <v>355860</v>
      </c>
      <c r="BM51" s="487" t="str">
        <f t="shared" si="8"/>
        <v/>
      </c>
      <c r="BN51" s="487" t="str">
        <f t="shared" si="8"/>
        <v/>
      </c>
      <c r="BO51" s="487" t="str">
        <f t="shared" si="8"/>
        <v/>
      </c>
      <c r="BP51" s="487" t="str">
        <f t="shared" si="8"/>
        <v/>
      </c>
      <c r="BQ51" s="487" t="str">
        <f t="shared" si="8"/>
        <v/>
      </c>
      <c r="BR51" s="487" t="str">
        <f t="shared" si="8"/>
        <v/>
      </c>
      <c r="BS51" s="487" t="str">
        <f t="shared" si="8"/>
        <v/>
      </c>
      <c r="BT51" s="487" t="str">
        <f t="shared" si="8"/>
        <v/>
      </c>
      <c r="BU51" s="487" t="str">
        <f t="shared" si="8"/>
        <v/>
      </c>
      <c r="BV51" s="487" t="str">
        <f t="shared" si="8"/>
        <v/>
      </c>
      <c r="BW51" s="487" t="str">
        <f t="shared" ref="BW51:CC105" si="11">IF(AP51="yes",(AP$2*$BG51),"")</f>
        <v/>
      </c>
      <c r="BX51" s="487" t="str">
        <f t="shared" si="9"/>
        <v/>
      </c>
      <c r="BY51" s="487" t="str">
        <f t="shared" si="9"/>
        <v/>
      </c>
      <c r="BZ51" s="487" t="str">
        <f t="shared" si="9"/>
        <v/>
      </c>
      <c r="CA51" s="487" t="str">
        <f t="shared" si="9"/>
        <v/>
      </c>
      <c r="CB51" s="487" t="str">
        <f t="shared" si="9"/>
        <v/>
      </c>
      <c r="CC51" s="487" t="str">
        <f t="shared" si="9"/>
        <v/>
      </c>
      <c r="CD51" s="487" t="str">
        <f t="shared" si="9"/>
        <v/>
      </c>
      <c r="CE51" s="487" t="str">
        <f t="shared" si="9"/>
        <v/>
      </c>
      <c r="CF51" s="487" t="str">
        <f t="shared" si="9"/>
        <v/>
      </c>
      <c r="CG51" s="487" t="str">
        <f t="shared" si="9"/>
        <v/>
      </c>
      <c r="CH51" s="487" t="str">
        <f t="shared" si="9"/>
        <v/>
      </c>
      <c r="CI51" s="487" t="str">
        <f t="shared" si="9"/>
        <v/>
      </c>
      <c r="CJ51" s="487" t="str">
        <f t="shared" si="7"/>
        <v/>
      </c>
      <c r="CK51" s="487" t="str">
        <f t="shared" si="7"/>
        <v/>
      </c>
      <c r="CL51" s="487" t="str">
        <f t="shared" si="7"/>
        <v/>
      </c>
      <c r="CM51" s="487"/>
      <c r="CN51" s="487"/>
      <c r="CO51" s="487"/>
      <c r="CP51" s="487"/>
      <c r="CQ51" s="487"/>
      <c r="CR51" s="487"/>
      <c r="CS51" s="487"/>
      <c r="CT51" s="487"/>
      <c r="CU51" s="487"/>
      <c r="CV51" s="487"/>
      <c r="CW51" s="487"/>
      <c r="CX51" s="487"/>
      <c r="CY51" s="487"/>
      <c r="CZ51" s="487"/>
      <c r="DA51" s="487"/>
      <c r="DB51" s="487"/>
      <c r="DC51" s="487"/>
      <c r="DD51" s="487"/>
      <c r="DE51" s="487"/>
      <c r="DF51" s="487"/>
      <c r="DG51" s="487"/>
      <c r="DH51" s="487"/>
      <c r="DI51" s="484" t="s">
        <v>300</v>
      </c>
      <c r="DJ51" s="484"/>
      <c r="DK51" s="77"/>
    </row>
    <row r="52" spans="1:115" s="136" customFormat="1" ht="56.1" hidden="1" customHeight="1" x14ac:dyDescent="0.2">
      <c r="A52" s="77"/>
      <c r="B52" s="77"/>
      <c r="C52" s="481">
        <v>80</v>
      </c>
      <c r="D52" s="481"/>
      <c r="E52" s="481" t="s">
        <v>2481</v>
      </c>
      <c r="F52" s="482" t="s">
        <v>53</v>
      </c>
      <c r="G52" s="482" t="s">
        <v>295</v>
      </c>
      <c r="H52" s="484" t="s">
        <v>296</v>
      </c>
      <c r="I52" s="484" t="s">
        <v>317</v>
      </c>
      <c r="J52" s="484" t="s">
        <v>318</v>
      </c>
      <c r="K52" s="484"/>
      <c r="L52" s="484" t="s">
        <v>58</v>
      </c>
      <c r="M52" s="484" t="s">
        <v>323</v>
      </c>
      <c r="N52" s="484"/>
      <c r="O52" s="484" t="s">
        <v>81</v>
      </c>
      <c r="P52" s="484" t="s">
        <v>299</v>
      </c>
      <c r="Q52" s="484"/>
      <c r="R52" s="484" t="s">
        <v>225</v>
      </c>
      <c r="S52" s="484" t="s">
        <v>63</v>
      </c>
      <c r="T52" s="484" t="s">
        <v>63</v>
      </c>
      <c r="U52" s="485">
        <v>9094200</v>
      </c>
      <c r="V52" s="485"/>
      <c r="W52" s="484" t="s">
        <v>64</v>
      </c>
      <c r="X52" s="484"/>
      <c r="Y52" s="485">
        <v>9094200</v>
      </c>
      <c r="Z52" s="484" t="s">
        <v>82</v>
      </c>
      <c r="AA52" s="488"/>
      <c r="AB52" s="488"/>
      <c r="AC52" s="488"/>
      <c r="AD52" s="488"/>
      <c r="AE52" s="488"/>
      <c r="AF52" s="488"/>
      <c r="AG52" s="487" t="s">
        <v>66</v>
      </c>
      <c r="AH52" s="488"/>
      <c r="AI52" s="488"/>
      <c r="AJ52" s="488"/>
      <c r="AK52" s="488"/>
      <c r="AL52" s="488"/>
      <c r="AM52" s="488"/>
      <c r="AN52" s="488"/>
      <c r="AO52" s="488"/>
      <c r="AP52" s="488"/>
      <c r="AQ52" s="488"/>
      <c r="AR52" s="488"/>
      <c r="AS52" s="488"/>
      <c r="AT52" s="488"/>
      <c r="AU52" s="488"/>
      <c r="AV52" s="487"/>
      <c r="AW52" s="488"/>
      <c r="AX52" s="488"/>
      <c r="AY52" s="488"/>
      <c r="AZ52" s="488"/>
      <c r="BA52" s="488"/>
      <c r="BB52" s="488"/>
      <c r="BC52" s="488"/>
      <c r="BD52" s="488"/>
      <c r="BE52" s="488"/>
      <c r="BF52" s="80">
        <f t="shared" si="0"/>
        <v>100</v>
      </c>
      <c r="BG52" s="76">
        <f t="shared" si="10"/>
        <v>90942</v>
      </c>
      <c r="BH52" s="487" t="str">
        <f t="shared" ref="BH52:BV68" si="12">IF(AA52="yes",(AA$2*$BG52),"")</f>
        <v/>
      </c>
      <c r="BI52" s="487" t="str">
        <f t="shared" si="12"/>
        <v/>
      </c>
      <c r="BJ52" s="487" t="str">
        <f t="shared" si="12"/>
        <v/>
      </c>
      <c r="BK52" s="487" t="str">
        <f t="shared" si="12"/>
        <v/>
      </c>
      <c r="BL52" s="487" t="str">
        <f t="shared" si="12"/>
        <v/>
      </c>
      <c r="BM52" s="487" t="str">
        <f t="shared" si="12"/>
        <v/>
      </c>
      <c r="BN52" s="487">
        <f t="shared" si="12"/>
        <v>9094200</v>
      </c>
      <c r="BO52" s="487" t="str">
        <f t="shared" si="12"/>
        <v/>
      </c>
      <c r="BP52" s="487" t="str">
        <f t="shared" si="12"/>
        <v/>
      </c>
      <c r="BQ52" s="487" t="str">
        <f t="shared" si="12"/>
        <v/>
      </c>
      <c r="BR52" s="487" t="str">
        <f t="shared" si="12"/>
        <v/>
      </c>
      <c r="BS52" s="487" t="str">
        <f t="shared" si="12"/>
        <v/>
      </c>
      <c r="BT52" s="487" t="str">
        <f t="shared" si="12"/>
        <v/>
      </c>
      <c r="BU52" s="487" t="str">
        <f t="shared" si="12"/>
        <v/>
      </c>
      <c r="BV52" s="487" t="str">
        <f t="shared" si="12"/>
        <v/>
      </c>
      <c r="BW52" s="487" t="str">
        <f t="shared" si="11"/>
        <v/>
      </c>
      <c r="BX52" s="487" t="str">
        <f t="shared" si="9"/>
        <v/>
      </c>
      <c r="BY52" s="487" t="str">
        <f t="shared" si="9"/>
        <v/>
      </c>
      <c r="BZ52" s="487" t="str">
        <f t="shared" si="9"/>
        <v/>
      </c>
      <c r="CA52" s="487" t="str">
        <f t="shared" si="9"/>
        <v/>
      </c>
      <c r="CB52" s="487" t="str">
        <f t="shared" si="9"/>
        <v/>
      </c>
      <c r="CC52" s="487" t="str">
        <f t="shared" si="9"/>
        <v/>
      </c>
      <c r="CD52" s="487" t="str">
        <f t="shared" si="9"/>
        <v/>
      </c>
      <c r="CE52" s="487" t="str">
        <f t="shared" si="9"/>
        <v/>
      </c>
      <c r="CF52" s="487" t="str">
        <f t="shared" si="9"/>
        <v/>
      </c>
      <c r="CG52" s="487" t="str">
        <f t="shared" si="9"/>
        <v/>
      </c>
      <c r="CH52" s="487" t="str">
        <f t="shared" si="9"/>
        <v/>
      </c>
      <c r="CI52" s="487" t="str">
        <f t="shared" si="9"/>
        <v/>
      </c>
      <c r="CJ52" s="487" t="str">
        <f t="shared" si="7"/>
        <v/>
      </c>
      <c r="CK52" s="487" t="str">
        <f t="shared" si="7"/>
        <v/>
      </c>
      <c r="CL52" s="487" t="str">
        <f t="shared" si="7"/>
        <v/>
      </c>
      <c r="CM52" s="487"/>
      <c r="CN52" s="487"/>
      <c r="CO52" s="487"/>
      <c r="CP52" s="487"/>
      <c r="CQ52" s="487"/>
      <c r="CR52" s="487"/>
      <c r="CS52" s="487"/>
      <c r="CT52" s="487"/>
      <c r="CU52" s="487"/>
      <c r="CV52" s="487"/>
      <c r="CW52" s="487"/>
      <c r="CX52" s="487"/>
      <c r="CY52" s="487"/>
      <c r="CZ52" s="487"/>
      <c r="DA52" s="487"/>
      <c r="DB52" s="487"/>
      <c r="DC52" s="487"/>
      <c r="DD52" s="487"/>
      <c r="DE52" s="487"/>
      <c r="DF52" s="487"/>
      <c r="DG52" s="487"/>
      <c r="DH52" s="487"/>
      <c r="DI52" s="484" t="s">
        <v>300</v>
      </c>
      <c r="DJ52" s="484"/>
      <c r="DK52" s="77"/>
    </row>
    <row r="53" spans="1:115" s="136" customFormat="1" ht="56.1" hidden="1" customHeight="1" x14ac:dyDescent="0.2">
      <c r="A53" s="77"/>
      <c r="B53" s="77"/>
      <c r="C53" s="481">
        <v>81</v>
      </c>
      <c r="D53" s="481"/>
      <c r="E53" s="481" t="s">
        <v>2481</v>
      </c>
      <c r="F53" s="482" t="s">
        <v>53</v>
      </c>
      <c r="G53" s="482" t="s">
        <v>295</v>
      </c>
      <c r="H53" s="484" t="s">
        <v>301</v>
      </c>
      <c r="I53" s="484" t="s">
        <v>320</v>
      </c>
      <c r="J53" s="484" t="s">
        <v>321</v>
      </c>
      <c r="K53" s="484"/>
      <c r="L53" s="484" t="s">
        <v>58</v>
      </c>
      <c r="M53" s="484" t="s">
        <v>323</v>
      </c>
      <c r="N53" s="484"/>
      <c r="O53" s="484" t="s">
        <v>81</v>
      </c>
      <c r="P53" s="484" t="s">
        <v>304</v>
      </c>
      <c r="Q53" s="484"/>
      <c r="R53" s="484" t="s">
        <v>225</v>
      </c>
      <c r="S53" s="484" t="s">
        <v>63</v>
      </c>
      <c r="T53" s="484" t="s">
        <v>63</v>
      </c>
      <c r="U53" s="485">
        <v>355860</v>
      </c>
      <c r="V53" s="485"/>
      <c r="W53" s="484" t="s">
        <v>64</v>
      </c>
      <c r="X53" s="484"/>
      <c r="Y53" s="485">
        <v>355860</v>
      </c>
      <c r="Z53" s="484" t="s">
        <v>82</v>
      </c>
      <c r="AA53" s="488"/>
      <c r="AB53" s="488"/>
      <c r="AC53" s="488"/>
      <c r="AD53" s="488"/>
      <c r="AE53" s="488"/>
      <c r="AF53" s="488"/>
      <c r="AG53" s="487" t="s">
        <v>66</v>
      </c>
      <c r="AH53" s="488"/>
      <c r="AI53" s="488"/>
      <c r="AJ53" s="488"/>
      <c r="AK53" s="488"/>
      <c r="AL53" s="488"/>
      <c r="AM53" s="488"/>
      <c r="AN53" s="488"/>
      <c r="AO53" s="488"/>
      <c r="AP53" s="488"/>
      <c r="AQ53" s="488"/>
      <c r="AR53" s="488"/>
      <c r="AS53" s="488"/>
      <c r="AT53" s="488"/>
      <c r="AU53" s="488"/>
      <c r="AV53" s="487"/>
      <c r="AW53" s="488"/>
      <c r="AX53" s="488"/>
      <c r="AY53" s="488"/>
      <c r="AZ53" s="488"/>
      <c r="BA53" s="488"/>
      <c r="BB53" s="488"/>
      <c r="BC53" s="488"/>
      <c r="BD53" s="488"/>
      <c r="BE53" s="488"/>
      <c r="BF53" s="80">
        <f t="shared" si="0"/>
        <v>100</v>
      </c>
      <c r="BG53" s="76">
        <f t="shared" si="10"/>
        <v>3558.6</v>
      </c>
      <c r="BH53" s="487" t="str">
        <f t="shared" si="12"/>
        <v/>
      </c>
      <c r="BI53" s="487" t="str">
        <f t="shared" si="12"/>
        <v/>
      </c>
      <c r="BJ53" s="487" t="str">
        <f t="shared" si="12"/>
        <v/>
      </c>
      <c r="BK53" s="487" t="str">
        <f t="shared" si="12"/>
        <v/>
      </c>
      <c r="BL53" s="487" t="str">
        <f t="shared" si="12"/>
        <v/>
      </c>
      <c r="BM53" s="487" t="str">
        <f t="shared" si="12"/>
        <v/>
      </c>
      <c r="BN53" s="487">
        <f t="shared" si="12"/>
        <v>355860</v>
      </c>
      <c r="BO53" s="487" t="str">
        <f t="shared" si="12"/>
        <v/>
      </c>
      <c r="BP53" s="487" t="str">
        <f t="shared" si="12"/>
        <v/>
      </c>
      <c r="BQ53" s="487" t="str">
        <f t="shared" si="12"/>
        <v/>
      </c>
      <c r="BR53" s="487" t="str">
        <f t="shared" si="12"/>
        <v/>
      </c>
      <c r="BS53" s="487" t="str">
        <f t="shared" si="12"/>
        <v/>
      </c>
      <c r="BT53" s="487" t="str">
        <f t="shared" si="12"/>
        <v/>
      </c>
      <c r="BU53" s="487" t="str">
        <f t="shared" si="12"/>
        <v/>
      </c>
      <c r="BV53" s="487" t="str">
        <f t="shared" si="12"/>
        <v/>
      </c>
      <c r="BW53" s="487" t="str">
        <f t="shared" si="11"/>
        <v/>
      </c>
      <c r="BX53" s="487" t="str">
        <f t="shared" si="9"/>
        <v/>
      </c>
      <c r="BY53" s="487" t="str">
        <f t="shared" si="9"/>
        <v/>
      </c>
      <c r="BZ53" s="487" t="str">
        <f t="shared" si="9"/>
        <v/>
      </c>
      <c r="CA53" s="487" t="str">
        <f t="shared" si="9"/>
        <v/>
      </c>
      <c r="CB53" s="487" t="str">
        <f t="shared" si="9"/>
        <v/>
      </c>
      <c r="CC53" s="487" t="str">
        <f t="shared" si="9"/>
        <v/>
      </c>
      <c r="CD53" s="487" t="str">
        <f t="shared" si="9"/>
        <v/>
      </c>
      <c r="CE53" s="487" t="str">
        <f t="shared" si="9"/>
        <v/>
      </c>
      <c r="CF53" s="487" t="str">
        <f t="shared" si="9"/>
        <v/>
      </c>
      <c r="CG53" s="487" t="str">
        <f t="shared" si="9"/>
        <v/>
      </c>
      <c r="CH53" s="487" t="str">
        <f t="shared" si="9"/>
        <v/>
      </c>
      <c r="CI53" s="487" t="str">
        <f t="shared" si="9"/>
        <v/>
      </c>
      <c r="CJ53" s="487" t="str">
        <f t="shared" si="7"/>
        <v/>
      </c>
      <c r="CK53" s="487" t="str">
        <f t="shared" si="7"/>
        <v/>
      </c>
      <c r="CL53" s="487" t="str">
        <f t="shared" si="7"/>
        <v/>
      </c>
      <c r="CM53" s="487"/>
      <c r="CN53" s="487"/>
      <c r="CO53" s="487"/>
      <c r="CP53" s="487"/>
      <c r="CQ53" s="487"/>
      <c r="CR53" s="487"/>
      <c r="CS53" s="487"/>
      <c r="CT53" s="487"/>
      <c r="CU53" s="487"/>
      <c r="CV53" s="487"/>
      <c r="CW53" s="487"/>
      <c r="CX53" s="487"/>
      <c r="CY53" s="487"/>
      <c r="CZ53" s="487"/>
      <c r="DA53" s="487"/>
      <c r="DB53" s="487"/>
      <c r="DC53" s="487"/>
      <c r="DD53" s="487"/>
      <c r="DE53" s="487"/>
      <c r="DF53" s="487"/>
      <c r="DG53" s="487"/>
      <c r="DH53" s="487"/>
      <c r="DI53" s="484" t="s">
        <v>300</v>
      </c>
      <c r="DJ53" s="484"/>
      <c r="DK53" s="77"/>
    </row>
    <row r="54" spans="1:115" s="136" customFormat="1" ht="56.1" hidden="1" customHeight="1" x14ac:dyDescent="0.2">
      <c r="A54" s="77"/>
      <c r="B54" s="77"/>
      <c r="C54" s="481">
        <v>82</v>
      </c>
      <c r="D54" s="481"/>
      <c r="E54" s="481" t="s">
        <v>2481</v>
      </c>
      <c r="F54" s="482" t="s">
        <v>53</v>
      </c>
      <c r="G54" s="482" t="s">
        <v>295</v>
      </c>
      <c r="H54" s="484" t="s">
        <v>296</v>
      </c>
      <c r="I54" s="484" t="s">
        <v>317</v>
      </c>
      <c r="J54" s="484" t="s">
        <v>318</v>
      </c>
      <c r="K54" s="484"/>
      <c r="L54" s="484" t="s">
        <v>58</v>
      </c>
      <c r="M54" s="484" t="s">
        <v>324</v>
      </c>
      <c r="N54" s="484"/>
      <c r="O54" s="484" t="s">
        <v>81</v>
      </c>
      <c r="P54" s="484" t="s">
        <v>299</v>
      </c>
      <c r="Q54" s="484"/>
      <c r="R54" s="484" t="s">
        <v>225</v>
      </c>
      <c r="S54" s="484" t="s">
        <v>63</v>
      </c>
      <c r="T54" s="484" t="s">
        <v>63</v>
      </c>
      <c r="U54" s="485">
        <v>9094200</v>
      </c>
      <c r="V54" s="485"/>
      <c r="W54" s="484" t="s">
        <v>64</v>
      </c>
      <c r="X54" s="484"/>
      <c r="Y54" s="485">
        <v>9094200</v>
      </c>
      <c r="Z54" s="484" t="s">
        <v>82</v>
      </c>
      <c r="AA54" s="488"/>
      <c r="AB54" s="488"/>
      <c r="AC54" s="488"/>
      <c r="AD54" s="488"/>
      <c r="AE54" s="488"/>
      <c r="AF54" s="488"/>
      <c r="AG54" s="488"/>
      <c r="AH54" s="487" t="s">
        <v>66</v>
      </c>
      <c r="AI54" s="488"/>
      <c r="AJ54" s="488"/>
      <c r="AK54" s="488"/>
      <c r="AL54" s="488"/>
      <c r="AM54" s="488"/>
      <c r="AN54" s="488"/>
      <c r="AO54" s="488"/>
      <c r="AP54" s="488"/>
      <c r="AQ54" s="488"/>
      <c r="AR54" s="488"/>
      <c r="AS54" s="488"/>
      <c r="AT54" s="488"/>
      <c r="AU54" s="488"/>
      <c r="AV54" s="487"/>
      <c r="AW54" s="488"/>
      <c r="AX54" s="488"/>
      <c r="AY54" s="488"/>
      <c r="AZ54" s="488"/>
      <c r="BA54" s="488"/>
      <c r="BB54" s="488"/>
      <c r="BC54" s="488"/>
      <c r="BD54" s="488"/>
      <c r="BE54" s="488"/>
      <c r="BF54" s="80">
        <f t="shared" si="0"/>
        <v>390</v>
      </c>
      <c r="BG54" s="76">
        <f t="shared" si="10"/>
        <v>23318.461538461539</v>
      </c>
      <c r="BH54" s="487" t="str">
        <f t="shared" si="12"/>
        <v/>
      </c>
      <c r="BI54" s="487" t="str">
        <f t="shared" si="12"/>
        <v/>
      </c>
      <c r="BJ54" s="487" t="str">
        <f t="shared" si="12"/>
        <v/>
      </c>
      <c r="BK54" s="487" t="str">
        <f t="shared" si="12"/>
        <v/>
      </c>
      <c r="BL54" s="487" t="str">
        <f t="shared" si="12"/>
        <v/>
      </c>
      <c r="BM54" s="487" t="str">
        <f t="shared" si="12"/>
        <v/>
      </c>
      <c r="BN54" s="487" t="str">
        <f t="shared" si="12"/>
        <v/>
      </c>
      <c r="BO54" s="487">
        <f t="shared" si="12"/>
        <v>9094200</v>
      </c>
      <c r="BP54" s="487" t="str">
        <f t="shared" si="12"/>
        <v/>
      </c>
      <c r="BQ54" s="487" t="str">
        <f t="shared" si="12"/>
        <v/>
      </c>
      <c r="BR54" s="487" t="str">
        <f t="shared" si="12"/>
        <v/>
      </c>
      <c r="BS54" s="487" t="str">
        <f t="shared" si="12"/>
        <v/>
      </c>
      <c r="BT54" s="487" t="str">
        <f t="shared" si="12"/>
        <v/>
      </c>
      <c r="BU54" s="487" t="str">
        <f t="shared" si="12"/>
        <v/>
      </c>
      <c r="BV54" s="487" t="str">
        <f t="shared" si="12"/>
        <v/>
      </c>
      <c r="BW54" s="487" t="str">
        <f t="shared" si="11"/>
        <v/>
      </c>
      <c r="BX54" s="487" t="str">
        <f t="shared" si="9"/>
        <v/>
      </c>
      <c r="BY54" s="487" t="str">
        <f t="shared" si="9"/>
        <v/>
      </c>
      <c r="BZ54" s="487" t="str">
        <f t="shared" si="9"/>
        <v/>
      </c>
      <c r="CA54" s="487" t="str">
        <f t="shared" si="9"/>
        <v/>
      </c>
      <c r="CB54" s="487" t="str">
        <f t="shared" si="9"/>
        <v/>
      </c>
      <c r="CC54" s="487" t="str">
        <f t="shared" si="9"/>
        <v/>
      </c>
      <c r="CD54" s="487" t="str">
        <f t="shared" si="9"/>
        <v/>
      </c>
      <c r="CE54" s="487" t="str">
        <f t="shared" si="9"/>
        <v/>
      </c>
      <c r="CF54" s="487" t="str">
        <f t="shared" si="9"/>
        <v/>
      </c>
      <c r="CG54" s="487" t="str">
        <f t="shared" si="9"/>
        <v/>
      </c>
      <c r="CH54" s="487" t="str">
        <f t="shared" si="9"/>
        <v/>
      </c>
      <c r="CI54" s="487" t="str">
        <f t="shared" si="9"/>
        <v/>
      </c>
      <c r="CJ54" s="487" t="str">
        <f t="shared" si="7"/>
        <v/>
      </c>
      <c r="CK54" s="487" t="str">
        <f t="shared" si="7"/>
        <v/>
      </c>
      <c r="CL54" s="487" t="str">
        <f t="shared" si="7"/>
        <v/>
      </c>
      <c r="CM54" s="487"/>
      <c r="CN54" s="487"/>
      <c r="CO54" s="487"/>
      <c r="CP54" s="487"/>
      <c r="CQ54" s="487"/>
      <c r="CR54" s="487"/>
      <c r="CS54" s="487"/>
      <c r="CT54" s="487"/>
      <c r="CU54" s="487"/>
      <c r="CV54" s="487"/>
      <c r="CW54" s="487"/>
      <c r="CX54" s="487"/>
      <c r="CY54" s="487"/>
      <c r="CZ54" s="487"/>
      <c r="DA54" s="487"/>
      <c r="DB54" s="487"/>
      <c r="DC54" s="487"/>
      <c r="DD54" s="487"/>
      <c r="DE54" s="487"/>
      <c r="DF54" s="487"/>
      <c r="DG54" s="487"/>
      <c r="DH54" s="487"/>
      <c r="DI54" s="484" t="s">
        <v>300</v>
      </c>
      <c r="DJ54" s="484"/>
      <c r="DK54" s="77"/>
    </row>
    <row r="55" spans="1:115" s="136" customFormat="1" ht="56.1" hidden="1" customHeight="1" x14ac:dyDescent="0.2">
      <c r="A55" s="77"/>
      <c r="B55" s="77"/>
      <c r="C55" s="481">
        <v>83</v>
      </c>
      <c r="D55" s="481"/>
      <c r="E55" s="481" t="s">
        <v>2481</v>
      </c>
      <c r="F55" s="482" t="s">
        <v>53</v>
      </c>
      <c r="G55" s="482" t="s">
        <v>295</v>
      </c>
      <c r="H55" s="484" t="s">
        <v>301</v>
      </c>
      <c r="I55" s="484" t="s">
        <v>320</v>
      </c>
      <c r="J55" s="484" t="s">
        <v>321</v>
      </c>
      <c r="K55" s="484"/>
      <c r="L55" s="484" t="s">
        <v>58</v>
      </c>
      <c r="M55" s="484" t="s">
        <v>324</v>
      </c>
      <c r="N55" s="484"/>
      <c r="O55" s="484" t="s">
        <v>81</v>
      </c>
      <c r="P55" s="484" t="s">
        <v>304</v>
      </c>
      <c r="Q55" s="484"/>
      <c r="R55" s="484" t="s">
        <v>225</v>
      </c>
      <c r="S55" s="484" t="s">
        <v>63</v>
      </c>
      <c r="T55" s="484" t="s">
        <v>63</v>
      </c>
      <c r="U55" s="485">
        <v>355860</v>
      </c>
      <c r="V55" s="485"/>
      <c r="W55" s="484" t="s">
        <v>64</v>
      </c>
      <c r="X55" s="484"/>
      <c r="Y55" s="485">
        <v>355860</v>
      </c>
      <c r="Z55" s="484" t="s">
        <v>82</v>
      </c>
      <c r="AA55" s="488"/>
      <c r="AB55" s="488"/>
      <c r="AC55" s="488"/>
      <c r="AD55" s="488"/>
      <c r="AE55" s="488"/>
      <c r="AF55" s="488"/>
      <c r="AG55" s="488"/>
      <c r="AH55" s="487" t="s">
        <v>66</v>
      </c>
      <c r="AI55" s="488"/>
      <c r="AJ55" s="488"/>
      <c r="AK55" s="488"/>
      <c r="AL55" s="488"/>
      <c r="AM55" s="488"/>
      <c r="AN55" s="488"/>
      <c r="AO55" s="488"/>
      <c r="AP55" s="488"/>
      <c r="AQ55" s="488"/>
      <c r="AR55" s="488"/>
      <c r="AS55" s="488"/>
      <c r="AT55" s="488"/>
      <c r="AU55" s="488"/>
      <c r="AV55" s="487"/>
      <c r="AW55" s="488"/>
      <c r="AX55" s="488"/>
      <c r="AY55" s="488"/>
      <c r="AZ55" s="488"/>
      <c r="BA55" s="488"/>
      <c r="BB55" s="488"/>
      <c r="BC55" s="488"/>
      <c r="BD55" s="488"/>
      <c r="BE55" s="488"/>
      <c r="BF55" s="80">
        <f t="shared" si="0"/>
        <v>390</v>
      </c>
      <c r="BG55" s="76">
        <f t="shared" si="10"/>
        <v>912.46153846153845</v>
      </c>
      <c r="BH55" s="487" t="str">
        <f t="shared" si="12"/>
        <v/>
      </c>
      <c r="BI55" s="487" t="str">
        <f t="shared" si="12"/>
        <v/>
      </c>
      <c r="BJ55" s="487" t="str">
        <f t="shared" si="12"/>
        <v/>
      </c>
      <c r="BK55" s="487" t="str">
        <f t="shared" si="12"/>
        <v/>
      </c>
      <c r="BL55" s="487" t="str">
        <f t="shared" si="12"/>
        <v/>
      </c>
      <c r="BM55" s="487" t="str">
        <f t="shared" si="12"/>
        <v/>
      </c>
      <c r="BN55" s="487" t="str">
        <f t="shared" si="12"/>
        <v/>
      </c>
      <c r="BO55" s="487">
        <f t="shared" si="12"/>
        <v>355860</v>
      </c>
      <c r="BP55" s="487" t="str">
        <f t="shared" si="12"/>
        <v/>
      </c>
      <c r="BQ55" s="487" t="str">
        <f t="shared" si="12"/>
        <v/>
      </c>
      <c r="BR55" s="487" t="str">
        <f t="shared" si="12"/>
        <v/>
      </c>
      <c r="BS55" s="487" t="str">
        <f t="shared" si="12"/>
        <v/>
      </c>
      <c r="BT55" s="487" t="str">
        <f t="shared" si="12"/>
        <v/>
      </c>
      <c r="BU55" s="487" t="str">
        <f t="shared" si="12"/>
        <v/>
      </c>
      <c r="BV55" s="487" t="str">
        <f t="shared" si="12"/>
        <v/>
      </c>
      <c r="BW55" s="487" t="str">
        <f t="shared" si="11"/>
        <v/>
      </c>
      <c r="BX55" s="487" t="str">
        <f t="shared" si="9"/>
        <v/>
      </c>
      <c r="BY55" s="487" t="str">
        <f t="shared" si="9"/>
        <v/>
      </c>
      <c r="BZ55" s="487" t="str">
        <f t="shared" si="9"/>
        <v/>
      </c>
      <c r="CA55" s="487" t="str">
        <f t="shared" si="9"/>
        <v/>
      </c>
      <c r="CB55" s="487" t="str">
        <f t="shared" si="9"/>
        <v/>
      </c>
      <c r="CC55" s="487" t="str">
        <f t="shared" si="9"/>
        <v/>
      </c>
      <c r="CD55" s="487" t="str">
        <f t="shared" si="9"/>
        <v/>
      </c>
      <c r="CE55" s="487" t="str">
        <f t="shared" si="9"/>
        <v/>
      </c>
      <c r="CF55" s="487" t="str">
        <f t="shared" si="9"/>
        <v/>
      </c>
      <c r="CG55" s="487" t="str">
        <f t="shared" si="9"/>
        <v/>
      </c>
      <c r="CH55" s="487" t="str">
        <f t="shared" si="9"/>
        <v/>
      </c>
      <c r="CI55" s="487" t="str">
        <f t="shared" si="9"/>
        <v/>
      </c>
      <c r="CJ55" s="487" t="str">
        <f t="shared" si="7"/>
        <v/>
      </c>
      <c r="CK55" s="487" t="str">
        <f t="shared" si="7"/>
        <v/>
      </c>
      <c r="CL55" s="487" t="str">
        <f t="shared" si="7"/>
        <v/>
      </c>
      <c r="CM55" s="487"/>
      <c r="CN55" s="487"/>
      <c r="CO55" s="487"/>
      <c r="CP55" s="487"/>
      <c r="CQ55" s="487"/>
      <c r="CR55" s="487"/>
      <c r="CS55" s="487"/>
      <c r="CT55" s="487"/>
      <c r="CU55" s="487"/>
      <c r="CV55" s="487"/>
      <c r="CW55" s="487"/>
      <c r="CX55" s="487"/>
      <c r="CY55" s="487"/>
      <c r="CZ55" s="487"/>
      <c r="DA55" s="487"/>
      <c r="DB55" s="487"/>
      <c r="DC55" s="487"/>
      <c r="DD55" s="487"/>
      <c r="DE55" s="487"/>
      <c r="DF55" s="487"/>
      <c r="DG55" s="487"/>
      <c r="DH55" s="487"/>
      <c r="DI55" s="484" t="s">
        <v>300</v>
      </c>
      <c r="DJ55" s="484"/>
      <c r="DK55" s="77"/>
    </row>
    <row r="56" spans="1:115" s="136" customFormat="1" ht="56.1" hidden="1" customHeight="1" x14ac:dyDescent="0.2">
      <c r="A56" s="77" t="s">
        <v>2491</v>
      </c>
      <c r="B56" s="77" t="s">
        <v>22</v>
      </c>
      <c r="C56" s="481">
        <v>84</v>
      </c>
      <c r="D56" s="481"/>
      <c r="E56" s="481" t="s">
        <v>2481</v>
      </c>
      <c r="F56" s="482" t="s">
        <v>53</v>
      </c>
      <c r="G56" s="482" t="s">
        <v>295</v>
      </c>
      <c r="H56" s="484" t="s">
        <v>296</v>
      </c>
      <c r="I56" s="484" t="s">
        <v>317</v>
      </c>
      <c r="J56" s="484" t="s">
        <v>318</v>
      </c>
      <c r="K56" s="484"/>
      <c r="L56" s="484" t="s">
        <v>58</v>
      </c>
      <c r="M56" s="484" t="s">
        <v>22</v>
      </c>
      <c r="N56" s="484"/>
      <c r="O56" s="484" t="s">
        <v>81</v>
      </c>
      <c r="P56" s="484" t="s">
        <v>299</v>
      </c>
      <c r="Q56" s="484"/>
      <c r="R56" s="484" t="s">
        <v>225</v>
      </c>
      <c r="S56" s="484" t="s">
        <v>63</v>
      </c>
      <c r="T56" s="484" t="s">
        <v>63</v>
      </c>
      <c r="U56" s="485">
        <v>9094200</v>
      </c>
      <c r="V56" s="485"/>
      <c r="W56" s="484" t="s">
        <v>64</v>
      </c>
      <c r="X56" s="484"/>
      <c r="Y56" s="485">
        <v>9094200</v>
      </c>
      <c r="Z56" s="484" t="s">
        <v>82</v>
      </c>
      <c r="AA56" s="488"/>
      <c r="AB56" s="488"/>
      <c r="AC56" s="488"/>
      <c r="AD56" s="488"/>
      <c r="AE56" s="488"/>
      <c r="AF56" s="487" t="s">
        <v>66</v>
      </c>
      <c r="AG56" s="488"/>
      <c r="AH56" s="488"/>
      <c r="AI56" s="488"/>
      <c r="AJ56" s="488"/>
      <c r="AK56" s="488"/>
      <c r="AL56" s="488"/>
      <c r="AM56" s="488"/>
      <c r="AN56" s="488"/>
      <c r="AO56" s="488"/>
      <c r="AP56" s="488"/>
      <c r="AQ56" s="488"/>
      <c r="AR56" s="488"/>
      <c r="AS56" s="488"/>
      <c r="AT56" s="488"/>
      <c r="AU56" s="488"/>
      <c r="AV56" s="487"/>
      <c r="AW56" s="488"/>
      <c r="AX56" s="488"/>
      <c r="AY56" s="488"/>
      <c r="AZ56" s="488"/>
      <c r="BA56" s="488"/>
      <c r="BB56" s="488"/>
      <c r="BC56" s="488"/>
      <c r="BD56" s="488"/>
      <c r="BE56" s="488"/>
      <c r="BF56" s="80">
        <f t="shared" si="0"/>
        <v>480</v>
      </c>
      <c r="BG56" s="76">
        <f t="shared" si="10"/>
        <v>18946.25</v>
      </c>
      <c r="BH56" s="487" t="str">
        <f t="shared" si="12"/>
        <v/>
      </c>
      <c r="BI56" s="487" t="str">
        <f t="shared" si="12"/>
        <v/>
      </c>
      <c r="BJ56" s="487" t="str">
        <f t="shared" si="12"/>
        <v/>
      </c>
      <c r="BK56" s="487" t="str">
        <f t="shared" si="12"/>
        <v/>
      </c>
      <c r="BL56" s="487" t="str">
        <f t="shared" si="12"/>
        <v/>
      </c>
      <c r="BM56" s="487">
        <f t="shared" si="12"/>
        <v>9094200</v>
      </c>
      <c r="BN56" s="487" t="str">
        <f t="shared" si="12"/>
        <v/>
      </c>
      <c r="BO56" s="487" t="str">
        <f t="shared" si="12"/>
        <v/>
      </c>
      <c r="BP56" s="487" t="str">
        <f t="shared" si="12"/>
        <v/>
      </c>
      <c r="BQ56" s="487" t="str">
        <f t="shared" si="12"/>
        <v/>
      </c>
      <c r="BR56" s="487" t="str">
        <f t="shared" si="12"/>
        <v/>
      </c>
      <c r="BS56" s="487" t="str">
        <f t="shared" si="12"/>
        <v/>
      </c>
      <c r="BT56" s="487" t="str">
        <f t="shared" si="12"/>
        <v/>
      </c>
      <c r="BU56" s="487" t="str">
        <f t="shared" si="12"/>
        <v/>
      </c>
      <c r="BV56" s="487" t="str">
        <f t="shared" si="12"/>
        <v/>
      </c>
      <c r="BW56" s="487" t="str">
        <f t="shared" si="11"/>
        <v/>
      </c>
      <c r="BX56" s="487" t="str">
        <f t="shared" si="9"/>
        <v/>
      </c>
      <c r="BY56" s="487" t="str">
        <f t="shared" si="9"/>
        <v/>
      </c>
      <c r="BZ56" s="487" t="str">
        <f t="shared" si="9"/>
        <v/>
      </c>
      <c r="CA56" s="487" t="str">
        <f t="shared" si="9"/>
        <v/>
      </c>
      <c r="CB56" s="487" t="str">
        <f t="shared" si="9"/>
        <v/>
      </c>
      <c r="CC56" s="487" t="str">
        <f t="shared" si="9"/>
        <v/>
      </c>
      <c r="CD56" s="487" t="str">
        <f t="shared" si="9"/>
        <v/>
      </c>
      <c r="CE56" s="487" t="str">
        <f t="shared" si="9"/>
        <v/>
      </c>
      <c r="CF56" s="487" t="str">
        <f t="shared" si="9"/>
        <v/>
      </c>
      <c r="CG56" s="487" t="str">
        <f t="shared" si="9"/>
        <v/>
      </c>
      <c r="CH56" s="487" t="str">
        <f t="shared" si="9"/>
        <v/>
      </c>
      <c r="CI56" s="487" t="str">
        <f t="shared" si="9"/>
        <v/>
      </c>
      <c r="CJ56" s="487" t="str">
        <f t="shared" si="7"/>
        <v/>
      </c>
      <c r="CK56" s="487" t="str">
        <f t="shared" si="7"/>
        <v/>
      </c>
      <c r="CL56" s="487" t="str">
        <f t="shared" si="7"/>
        <v/>
      </c>
      <c r="CM56" s="487"/>
      <c r="CN56" s="487"/>
      <c r="CO56" s="487"/>
      <c r="CP56" s="487"/>
      <c r="CQ56" s="487"/>
      <c r="CR56" s="487"/>
      <c r="CS56" s="487"/>
      <c r="CT56" s="487"/>
      <c r="CU56" s="487"/>
      <c r="CV56" s="487"/>
      <c r="CW56" s="487"/>
      <c r="CX56" s="487"/>
      <c r="CY56" s="487"/>
      <c r="CZ56" s="487"/>
      <c r="DA56" s="487"/>
      <c r="DB56" s="487"/>
      <c r="DC56" s="487"/>
      <c r="DD56" s="487"/>
      <c r="DE56" s="487"/>
      <c r="DF56" s="487"/>
      <c r="DG56" s="487"/>
      <c r="DH56" s="487"/>
      <c r="DI56" s="484" t="s">
        <v>300</v>
      </c>
      <c r="DJ56" s="484"/>
      <c r="DK56" s="77"/>
    </row>
    <row r="57" spans="1:115" s="136" customFormat="1" ht="56.1" hidden="1" customHeight="1" x14ac:dyDescent="0.2">
      <c r="A57" s="77" t="s">
        <v>2491</v>
      </c>
      <c r="B57" s="77" t="s">
        <v>22</v>
      </c>
      <c r="C57" s="481">
        <v>85</v>
      </c>
      <c r="D57" s="481"/>
      <c r="E57" s="481" t="s">
        <v>2481</v>
      </c>
      <c r="F57" s="482" t="s">
        <v>53</v>
      </c>
      <c r="G57" s="482" t="s">
        <v>295</v>
      </c>
      <c r="H57" s="484" t="s">
        <v>301</v>
      </c>
      <c r="I57" s="484" t="s">
        <v>320</v>
      </c>
      <c r="J57" s="484" t="s">
        <v>321</v>
      </c>
      <c r="K57" s="484"/>
      <c r="L57" s="484" t="s">
        <v>58</v>
      </c>
      <c r="M57" s="484" t="s">
        <v>22</v>
      </c>
      <c r="N57" s="484"/>
      <c r="O57" s="484" t="s">
        <v>81</v>
      </c>
      <c r="P57" s="484" t="s">
        <v>304</v>
      </c>
      <c r="Q57" s="484"/>
      <c r="R57" s="484" t="s">
        <v>225</v>
      </c>
      <c r="S57" s="484" t="s">
        <v>63</v>
      </c>
      <c r="T57" s="484" t="s">
        <v>63</v>
      </c>
      <c r="U57" s="485">
        <v>355860</v>
      </c>
      <c r="V57" s="485"/>
      <c r="W57" s="484" t="s">
        <v>64</v>
      </c>
      <c r="X57" s="484"/>
      <c r="Y57" s="485">
        <v>355860</v>
      </c>
      <c r="Z57" s="484" t="s">
        <v>82</v>
      </c>
      <c r="AA57" s="488"/>
      <c r="AB57" s="488"/>
      <c r="AC57" s="488"/>
      <c r="AD57" s="488"/>
      <c r="AE57" s="488"/>
      <c r="AF57" s="487" t="s">
        <v>66</v>
      </c>
      <c r="AG57" s="488"/>
      <c r="AH57" s="488"/>
      <c r="AI57" s="488"/>
      <c r="AJ57" s="488"/>
      <c r="AK57" s="488"/>
      <c r="AL57" s="488"/>
      <c r="AM57" s="488"/>
      <c r="AN57" s="488"/>
      <c r="AO57" s="488"/>
      <c r="AP57" s="488"/>
      <c r="AQ57" s="488"/>
      <c r="AR57" s="488"/>
      <c r="AS57" s="488"/>
      <c r="AT57" s="488"/>
      <c r="AU57" s="488"/>
      <c r="AV57" s="487"/>
      <c r="AW57" s="488"/>
      <c r="AX57" s="488"/>
      <c r="AY57" s="488"/>
      <c r="AZ57" s="488"/>
      <c r="BA57" s="488"/>
      <c r="BB57" s="488"/>
      <c r="BC57" s="488"/>
      <c r="BD57" s="488"/>
      <c r="BE57" s="488"/>
      <c r="BF57" s="80">
        <f t="shared" si="0"/>
        <v>480</v>
      </c>
      <c r="BG57" s="76">
        <f t="shared" si="10"/>
        <v>741.375</v>
      </c>
      <c r="BH57" s="487" t="str">
        <f t="shared" si="12"/>
        <v/>
      </c>
      <c r="BI57" s="487" t="str">
        <f t="shared" si="12"/>
        <v/>
      </c>
      <c r="BJ57" s="487" t="str">
        <f t="shared" si="12"/>
        <v/>
      </c>
      <c r="BK57" s="487" t="str">
        <f t="shared" si="12"/>
        <v/>
      </c>
      <c r="BL57" s="487" t="str">
        <f t="shared" si="12"/>
        <v/>
      </c>
      <c r="BM57" s="487">
        <f t="shared" si="12"/>
        <v>355860</v>
      </c>
      <c r="BN57" s="487" t="str">
        <f t="shared" si="12"/>
        <v/>
      </c>
      <c r="BO57" s="487" t="str">
        <f t="shared" si="12"/>
        <v/>
      </c>
      <c r="BP57" s="487" t="str">
        <f t="shared" si="12"/>
        <v/>
      </c>
      <c r="BQ57" s="487" t="str">
        <f t="shared" si="12"/>
        <v/>
      </c>
      <c r="BR57" s="487" t="str">
        <f t="shared" si="12"/>
        <v/>
      </c>
      <c r="BS57" s="487" t="str">
        <f t="shared" si="12"/>
        <v/>
      </c>
      <c r="BT57" s="487" t="str">
        <f t="shared" si="12"/>
        <v/>
      </c>
      <c r="BU57" s="487" t="str">
        <f t="shared" si="12"/>
        <v/>
      </c>
      <c r="BV57" s="487" t="str">
        <f t="shared" si="12"/>
        <v/>
      </c>
      <c r="BW57" s="487" t="str">
        <f t="shared" si="11"/>
        <v/>
      </c>
      <c r="BX57" s="487" t="str">
        <f t="shared" si="9"/>
        <v/>
      </c>
      <c r="BY57" s="487" t="str">
        <f t="shared" si="9"/>
        <v/>
      </c>
      <c r="BZ57" s="487" t="str">
        <f t="shared" si="9"/>
        <v/>
      </c>
      <c r="CA57" s="487" t="str">
        <f t="shared" ref="CA57:CI85" si="13">IF(AT57="yes",(AT$2*$BG57),"")</f>
        <v/>
      </c>
      <c r="CB57" s="487" t="str">
        <f t="shared" si="13"/>
        <v/>
      </c>
      <c r="CC57" s="487" t="str">
        <f t="shared" si="13"/>
        <v/>
      </c>
      <c r="CD57" s="487" t="str">
        <f t="shared" si="13"/>
        <v/>
      </c>
      <c r="CE57" s="487" t="str">
        <f t="shared" si="13"/>
        <v/>
      </c>
      <c r="CF57" s="487" t="str">
        <f t="shared" si="13"/>
        <v/>
      </c>
      <c r="CG57" s="487" t="str">
        <f t="shared" si="13"/>
        <v/>
      </c>
      <c r="CH57" s="487" t="str">
        <f t="shared" si="13"/>
        <v/>
      </c>
      <c r="CI57" s="487" t="str">
        <f t="shared" si="13"/>
        <v/>
      </c>
      <c r="CJ57" s="487" t="str">
        <f t="shared" si="7"/>
        <v/>
      </c>
      <c r="CK57" s="487" t="str">
        <f t="shared" si="7"/>
        <v/>
      </c>
      <c r="CL57" s="487" t="str">
        <f t="shared" si="7"/>
        <v/>
      </c>
      <c r="CM57" s="487"/>
      <c r="CN57" s="487"/>
      <c r="CO57" s="487"/>
      <c r="CP57" s="487"/>
      <c r="CQ57" s="487"/>
      <c r="CR57" s="487"/>
      <c r="CS57" s="487"/>
      <c r="CT57" s="487"/>
      <c r="CU57" s="487"/>
      <c r="CV57" s="487"/>
      <c r="CW57" s="487"/>
      <c r="CX57" s="487"/>
      <c r="CY57" s="487"/>
      <c r="CZ57" s="487"/>
      <c r="DA57" s="487"/>
      <c r="DB57" s="487"/>
      <c r="DC57" s="487"/>
      <c r="DD57" s="487"/>
      <c r="DE57" s="487"/>
      <c r="DF57" s="487"/>
      <c r="DG57" s="487"/>
      <c r="DH57" s="487"/>
      <c r="DI57" s="484" t="s">
        <v>300</v>
      </c>
      <c r="DJ57" s="484"/>
      <c r="DK57" s="77"/>
    </row>
    <row r="58" spans="1:115" s="136" customFormat="1" ht="56.1" hidden="1" customHeight="1" x14ac:dyDescent="0.2">
      <c r="A58" s="77"/>
      <c r="B58" s="77"/>
      <c r="C58" s="481">
        <v>86</v>
      </c>
      <c r="D58" s="481"/>
      <c r="E58" s="481" t="s">
        <v>2481</v>
      </c>
      <c r="F58" s="482" t="s">
        <v>53</v>
      </c>
      <c r="G58" s="482" t="s">
        <v>295</v>
      </c>
      <c r="H58" s="484" t="s">
        <v>296</v>
      </c>
      <c r="I58" s="484" t="s">
        <v>317</v>
      </c>
      <c r="J58" s="484" t="s">
        <v>318</v>
      </c>
      <c r="K58" s="484"/>
      <c r="L58" s="484" t="s">
        <v>58</v>
      </c>
      <c r="M58" s="484" t="s">
        <v>207</v>
      </c>
      <c r="N58" s="484"/>
      <c r="O58" s="484" t="s">
        <v>81</v>
      </c>
      <c r="P58" s="484" t="s">
        <v>299</v>
      </c>
      <c r="Q58" s="484"/>
      <c r="R58" s="484" t="s">
        <v>225</v>
      </c>
      <c r="S58" s="484" t="s">
        <v>63</v>
      </c>
      <c r="T58" s="484" t="s">
        <v>63</v>
      </c>
      <c r="U58" s="485">
        <v>9094200</v>
      </c>
      <c r="V58" s="485"/>
      <c r="W58" s="484" t="s">
        <v>64</v>
      </c>
      <c r="X58" s="484"/>
      <c r="Y58" s="485">
        <v>9094200</v>
      </c>
      <c r="Z58" s="484" t="s">
        <v>82</v>
      </c>
      <c r="AA58" s="488"/>
      <c r="AB58" s="488"/>
      <c r="AC58" s="488"/>
      <c r="AD58" s="488"/>
      <c r="AE58" s="488"/>
      <c r="AF58" s="488"/>
      <c r="AG58" s="488"/>
      <c r="AH58" s="488"/>
      <c r="AI58" s="487" t="s">
        <v>66</v>
      </c>
      <c r="AJ58" s="488"/>
      <c r="AK58" s="488"/>
      <c r="AL58" s="488"/>
      <c r="AM58" s="488"/>
      <c r="AN58" s="488"/>
      <c r="AO58" s="488"/>
      <c r="AP58" s="488"/>
      <c r="AQ58" s="488"/>
      <c r="AR58" s="488"/>
      <c r="AS58" s="488"/>
      <c r="AT58" s="488"/>
      <c r="AU58" s="488"/>
      <c r="AV58" s="487"/>
      <c r="AW58" s="488"/>
      <c r="AX58" s="488"/>
      <c r="AY58" s="488"/>
      <c r="AZ58" s="488"/>
      <c r="BA58" s="488"/>
      <c r="BB58" s="488"/>
      <c r="BC58" s="488"/>
      <c r="BD58" s="488"/>
      <c r="BE58" s="488"/>
      <c r="BF58" s="80">
        <f t="shared" si="0"/>
        <v>500</v>
      </c>
      <c r="BG58" s="76">
        <f t="shared" si="10"/>
        <v>18188.400000000001</v>
      </c>
      <c r="BH58" s="487" t="str">
        <f t="shared" si="12"/>
        <v/>
      </c>
      <c r="BI58" s="487" t="str">
        <f t="shared" si="12"/>
        <v/>
      </c>
      <c r="BJ58" s="487" t="str">
        <f t="shared" si="12"/>
        <v/>
      </c>
      <c r="BK58" s="487" t="str">
        <f t="shared" si="12"/>
        <v/>
      </c>
      <c r="BL58" s="487" t="str">
        <f t="shared" si="12"/>
        <v/>
      </c>
      <c r="BM58" s="487" t="str">
        <f t="shared" si="12"/>
        <v/>
      </c>
      <c r="BN58" s="487" t="str">
        <f t="shared" si="12"/>
        <v/>
      </c>
      <c r="BO58" s="487" t="str">
        <f t="shared" si="12"/>
        <v/>
      </c>
      <c r="BP58" s="487">
        <f t="shared" si="12"/>
        <v>9094200</v>
      </c>
      <c r="BQ58" s="487" t="str">
        <f t="shared" si="12"/>
        <v/>
      </c>
      <c r="BR58" s="487" t="str">
        <f t="shared" si="12"/>
        <v/>
      </c>
      <c r="BS58" s="487" t="str">
        <f t="shared" si="12"/>
        <v/>
      </c>
      <c r="BT58" s="487" t="str">
        <f t="shared" si="12"/>
        <v/>
      </c>
      <c r="BU58" s="487" t="str">
        <f t="shared" si="12"/>
        <v/>
      </c>
      <c r="BV58" s="487" t="str">
        <f t="shared" si="12"/>
        <v/>
      </c>
      <c r="BW58" s="487" t="str">
        <f t="shared" si="11"/>
        <v/>
      </c>
      <c r="BX58" s="487" t="str">
        <f t="shared" si="11"/>
        <v/>
      </c>
      <c r="BY58" s="487" t="str">
        <f t="shared" si="11"/>
        <v/>
      </c>
      <c r="BZ58" s="487" t="str">
        <f t="shared" si="11"/>
        <v/>
      </c>
      <c r="CA58" s="487" t="str">
        <f t="shared" si="13"/>
        <v/>
      </c>
      <c r="CB58" s="487" t="str">
        <f t="shared" si="13"/>
        <v/>
      </c>
      <c r="CC58" s="487" t="str">
        <f t="shared" si="13"/>
        <v/>
      </c>
      <c r="CD58" s="487" t="str">
        <f t="shared" si="13"/>
        <v/>
      </c>
      <c r="CE58" s="487" t="str">
        <f t="shared" si="13"/>
        <v/>
      </c>
      <c r="CF58" s="487" t="str">
        <f t="shared" si="13"/>
        <v/>
      </c>
      <c r="CG58" s="487" t="str">
        <f t="shared" si="13"/>
        <v/>
      </c>
      <c r="CH58" s="487" t="str">
        <f t="shared" si="13"/>
        <v/>
      </c>
      <c r="CI58" s="487" t="str">
        <f t="shared" si="13"/>
        <v/>
      </c>
      <c r="CJ58" s="487" t="str">
        <f t="shared" si="7"/>
        <v/>
      </c>
      <c r="CK58" s="487" t="str">
        <f t="shared" si="7"/>
        <v/>
      </c>
      <c r="CL58" s="487" t="str">
        <f t="shared" si="7"/>
        <v/>
      </c>
      <c r="CM58" s="487"/>
      <c r="CN58" s="487"/>
      <c r="CO58" s="487"/>
      <c r="CP58" s="487"/>
      <c r="CQ58" s="487"/>
      <c r="CR58" s="487"/>
      <c r="CS58" s="487"/>
      <c r="CT58" s="487"/>
      <c r="CU58" s="487"/>
      <c r="CV58" s="487"/>
      <c r="CW58" s="487"/>
      <c r="CX58" s="487"/>
      <c r="CY58" s="487"/>
      <c r="CZ58" s="487"/>
      <c r="DA58" s="487"/>
      <c r="DB58" s="487"/>
      <c r="DC58" s="487"/>
      <c r="DD58" s="487"/>
      <c r="DE58" s="487"/>
      <c r="DF58" s="487"/>
      <c r="DG58" s="487"/>
      <c r="DH58" s="487"/>
      <c r="DI58" s="484" t="s">
        <v>300</v>
      </c>
      <c r="DJ58" s="484"/>
      <c r="DK58" s="77"/>
    </row>
    <row r="59" spans="1:115" s="136" customFormat="1" ht="56.1" hidden="1" customHeight="1" x14ac:dyDescent="0.2">
      <c r="A59" s="77"/>
      <c r="B59" s="77"/>
      <c r="C59" s="481">
        <v>87</v>
      </c>
      <c r="D59" s="481"/>
      <c r="E59" s="481" t="s">
        <v>2481</v>
      </c>
      <c r="F59" s="482" t="s">
        <v>53</v>
      </c>
      <c r="G59" s="482" t="s">
        <v>295</v>
      </c>
      <c r="H59" s="484" t="s">
        <v>301</v>
      </c>
      <c r="I59" s="484" t="s">
        <v>320</v>
      </c>
      <c r="J59" s="484" t="s">
        <v>321</v>
      </c>
      <c r="K59" s="484"/>
      <c r="L59" s="484" t="s">
        <v>58</v>
      </c>
      <c r="M59" s="484" t="s">
        <v>207</v>
      </c>
      <c r="N59" s="484"/>
      <c r="O59" s="484" t="s">
        <v>81</v>
      </c>
      <c r="P59" s="484" t="s">
        <v>304</v>
      </c>
      <c r="Q59" s="484"/>
      <c r="R59" s="484" t="s">
        <v>225</v>
      </c>
      <c r="S59" s="484" t="s">
        <v>63</v>
      </c>
      <c r="T59" s="484" t="s">
        <v>63</v>
      </c>
      <c r="U59" s="485">
        <v>355860</v>
      </c>
      <c r="V59" s="485"/>
      <c r="W59" s="484" t="s">
        <v>64</v>
      </c>
      <c r="X59" s="484"/>
      <c r="Y59" s="485">
        <v>355860</v>
      </c>
      <c r="Z59" s="484" t="s">
        <v>82</v>
      </c>
      <c r="AA59" s="488"/>
      <c r="AB59" s="488"/>
      <c r="AC59" s="488"/>
      <c r="AD59" s="488"/>
      <c r="AE59" s="488"/>
      <c r="AF59" s="488"/>
      <c r="AG59" s="488"/>
      <c r="AH59" s="488"/>
      <c r="AI59" s="487" t="s">
        <v>66</v>
      </c>
      <c r="AJ59" s="488"/>
      <c r="AK59" s="488"/>
      <c r="AL59" s="488"/>
      <c r="AM59" s="488"/>
      <c r="AN59" s="488"/>
      <c r="AO59" s="488"/>
      <c r="AP59" s="488"/>
      <c r="AQ59" s="488"/>
      <c r="AR59" s="488"/>
      <c r="AS59" s="488"/>
      <c r="AT59" s="488"/>
      <c r="AU59" s="488"/>
      <c r="AV59" s="487"/>
      <c r="AW59" s="488"/>
      <c r="AX59" s="488"/>
      <c r="AY59" s="488"/>
      <c r="AZ59" s="488"/>
      <c r="BA59" s="488"/>
      <c r="BB59" s="488"/>
      <c r="BC59" s="488"/>
      <c r="BD59" s="488"/>
      <c r="BE59" s="488"/>
      <c r="BF59" s="80">
        <f t="shared" si="0"/>
        <v>500</v>
      </c>
      <c r="BG59" s="76">
        <f t="shared" si="10"/>
        <v>711.72</v>
      </c>
      <c r="BH59" s="487" t="str">
        <f t="shared" si="12"/>
        <v/>
      </c>
      <c r="BI59" s="487" t="str">
        <f t="shared" si="12"/>
        <v/>
      </c>
      <c r="BJ59" s="487" t="str">
        <f t="shared" si="12"/>
        <v/>
      </c>
      <c r="BK59" s="487" t="str">
        <f t="shared" si="12"/>
        <v/>
      </c>
      <c r="BL59" s="487" t="str">
        <f t="shared" si="12"/>
        <v/>
      </c>
      <c r="BM59" s="487" t="str">
        <f t="shared" si="12"/>
        <v/>
      </c>
      <c r="BN59" s="487" t="str">
        <f t="shared" si="12"/>
        <v/>
      </c>
      <c r="BO59" s="487" t="str">
        <f t="shared" si="12"/>
        <v/>
      </c>
      <c r="BP59" s="487">
        <f t="shared" si="12"/>
        <v>355860</v>
      </c>
      <c r="BQ59" s="487" t="str">
        <f t="shared" si="12"/>
        <v/>
      </c>
      <c r="BR59" s="487" t="str">
        <f t="shared" si="12"/>
        <v/>
      </c>
      <c r="BS59" s="487" t="str">
        <f t="shared" si="12"/>
        <v/>
      </c>
      <c r="BT59" s="487" t="str">
        <f t="shared" si="12"/>
        <v/>
      </c>
      <c r="BU59" s="487" t="str">
        <f t="shared" si="12"/>
        <v/>
      </c>
      <c r="BV59" s="487" t="str">
        <f t="shared" si="12"/>
        <v/>
      </c>
      <c r="BW59" s="487" t="str">
        <f t="shared" si="11"/>
        <v/>
      </c>
      <c r="BX59" s="487" t="str">
        <f t="shared" si="11"/>
        <v/>
      </c>
      <c r="BY59" s="487" t="str">
        <f t="shared" si="11"/>
        <v/>
      </c>
      <c r="BZ59" s="487" t="str">
        <f t="shared" si="11"/>
        <v/>
      </c>
      <c r="CA59" s="487" t="str">
        <f t="shared" si="13"/>
        <v/>
      </c>
      <c r="CB59" s="487" t="str">
        <f t="shared" si="13"/>
        <v/>
      </c>
      <c r="CC59" s="487" t="str">
        <f t="shared" si="13"/>
        <v/>
      </c>
      <c r="CD59" s="487" t="str">
        <f t="shared" si="13"/>
        <v/>
      </c>
      <c r="CE59" s="487" t="str">
        <f t="shared" si="13"/>
        <v/>
      </c>
      <c r="CF59" s="487" t="str">
        <f t="shared" si="13"/>
        <v/>
      </c>
      <c r="CG59" s="487" t="str">
        <f t="shared" si="13"/>
        <v/>
      </c>
      <c r="CH59" s="487" t="str">
        <f t="shared" si="13"/>
        <v/>
      </c>
      <c r="CI59" s="487" t="str">
        <f t="shared" si="13"/>
        <v/>
      </c>
      <c r="CJ59" s="487" t="str">
        <f t="shared" si="7"/>
        <v/>
      </c>
      <c r="CK59" s="487" t="str">
        <f t="shared" si="7"/>
        <v/>
      </c>
      <c r="CL59" s="487" t="str">
        <f t="shared" si="7"/>
        <v/>
      </c>
      <c r="CM59" s="487"/>
      <c r="CN59" s="487"/>
      <c r="CO59" s="487"/>
      <c r="CP59" s="487"/>
      <c r="CQ59" s="487"/>
      <c r="CR59" s="487"/>
      <c r="CS59" s="487"/>
      <c r="CT59" s="487"/>
      <c r="CU59" s="487"/>
      <c r="CV59" s="487"/>
      <c r="CW59" s="487"/>
      <c r="CX59" s="487"/>
      <c r="CY59" s="487"/>
      <c r="CZ59" s="487"/>
      <c r="DA59" s="487"/>
      <c r="DB59" s="487"/>
      <c r="DC59" s="487"/>
      <c r="DD59" s="487"/>
      <c r="DE59" s="487"/>
      <c r="DF59" s="487"/>
      <c r="DG59" s="487"/>
      <c r="DH59" s="487"/>
      <c r="DI59" s="484" t="s">
        <v>300</v>
      </c>
      <c r="DJ59" s="484"/>
      <c r="DK59" s="77"/>
    </row>
    <row r="60" spans="1:115" s="136" customFormat="1" ht="56.1" hidden="1" customHeight="1" x14ac:dyDescent="0.2">
      <c r="A60" s="77" t="s">
        <v>2492</v>
      </c>
      <c r="B60" s="77" t="s">
        <v>2493</v>
      </c>
      <c r="C60" s="481">
        <v>88</v>
      </c>
      <c r="D60" s="481"/>
      <c r="E60" s="481" t="s">
        <v>2481</v>
      </c>
      <c r="F60" s="482" t="s">
        <v>53</v>
      </c>
      <c r="G60" s="482" t="s">
        <v>295</v>
      </c>
      <c r="H60" s="484" t="s">
        <v>296</v>
      </c>
      <c r="I60" s="484" t="s">
        <v>317</v>
      </c>
      <c r="J60" s="484" t="s">
        <v>318</v>
      </c>
      <c r="K60" s="484"/>
      <c r="L60" s="484" t="s">
        <v>58</v>
      </c>
      <c r="M60" s="484" t="s">
        <v>2493</v>
      </c>
      <c r="N60" s="484"/>
      <c r="O60" s="484" t="s">
        <v>81</v>
      </c>
      <c r="P60" s="484" t="s">
        <v>299</v>
      </c>
      <c r="Q60" s="484"/>
      <c r="R60" s="484" t="s">
        <v>225</v>
      </c>
      <c r="S60" s="484" t="s">
        <v>63</v>
      </c>
      <c r="T60" s="484" t="s">
        <v>63</v>
      </c>
      <c r="U60" s="485">
        <v>9094200</v>
      </c>
      <c r="V60" s="485"/>
      <c r="W60" s="484" t="s">
        <v>64</v>
      </c>
      <c r="X60" s="484"/>
      <c r="Y60" s="485">
        <v>9094200</v>
      </c>
      <c r="Z60" s="484" t="s">
        <v>82</v>
      </c>
      <c r="AA60" s="488"/>
      <c r="AB60" s="488"/>
      <c r="AC60" s="488"/>
      <c r="AD60" s="488"/>
      <c r="AE60" s="488"/>
      <c r="AF60" s="488"/>
      <c r="AG60" s="488"/>
      <c r="AH60" s="488"/>
      <c r="AI60" s="488"/>
      <c r="AJ60" s="488"/>
      <c r="AK60" s="488"/>
      <c r="AL60" s="488"/>
      <c r="AM60" s="487" t="s">
        <v>66</v>
      </c>
      <c r="AN60" s="488"/>
      <c r="AO60" s="488"/>
      <c r="AP60" s="488"/>
      <c r="AQ60" s="488"/>
      <c r="AR60" s="488"/>
      <c r="AS60" s="488"/>
      <c r="AT60" s="488"/>
      <c r="AU60" s="488"/>
      <c r="AV60" s="487"/>
      <c r="AW60" s="488"/>
      <c r="AX60" s="488"/>
      <c r="AY60" s="488"/>
      <c r="AZ60" s="488"/>
      <c r="BA60" s="488"/>
      <c r="BB60" s="488"/>
      <c r="BC60" s="488"/>
      <c r="BD60" s="488"/>
      <c r="BE60" s="488"/>
      <c r="BF60" s="80">
        <f t="shared" si="0"/>
        <v>234</v>
      </c>
      <c r="BG60" s="76">
        <f t="shared" si="10"/>
        <v>38864.102564102563</v>
      </c>
      <c r="BH60" s="487" t="str">
        <f t="shared" si="12"/>
        <v/>
      </c>
      <c r="BI60" s="487" t="str">
        <f t="shared" si="12"/>
        <v/>
      </c>
      <c r="BJ60" s="487" t="str">
        <f t="shared" si="12"/>
        <v/>
      </c>
      <c r="BK60" s="487" t="str">
        <f t="shared" si="12"/>
        <v/>
      </c>
      <c r="BL60" s="487" t="str">
        <f t="shared" si="12"/>
        <v/>
      </c>
      <c r="BM60" s="487" t="str">
        <f t="shared" si="12"/>
        <v/>
      </c>
      <c r="BN60" s="487" t="str">
        <f t="shared" si="12"/>
        <v/>
      </c>
      <c r="BO60" s="487" t="str">
        <f t="shared" si="12"/>
        <v/>
      </c>
      <c r="BP60" s="487" t="str">
        <f t="shared" si="12"/>
        <v/>
      </c>
      <c r="BQ60" s="487" t="str">
        <f t="shared" si="12"/>
        <v/>
      </c>
      <c r="BR60" s="487" t="str">
        <f t="shared" si="12"/>
        <v/>
      </c>
      <c r="BS60" s="487" t="str">
        <f t="shared" si="12"/>
        <v/>
      </c>
      <c r="BT60" s="487">
        <f t="shared" si="12"/>
        <v>9094200</v>
      </c>
      <c r="BU60" s="487" t="str">
        <f t="shared" si="12"/>
        <v/>
      </c>
      <c r="BV60" s="487" t="str">
        <f t="shared" si="12"/>
        <v/>
      </c>
      <c r="BW60" s="487" t="str">
        <f t="shared" si="11"/>
        <v/>
      </c>
      <c r="BX60" s="487" t="str">
        <f t="shared" si="11"/>
        <v/>
      </c>
      <c r="BY60" s="487" t="str">
        <f t="shared" si="11"/>
        <v/>
      </c>
      <c r="BZ60" s="487" t="str">
        <f t="shared" si="11"/>
        <v/>
      </c>
      <c r="CA60" s="487" t="str">
        <f t="shared" si="13"/>
        <v/>
      </c>
      <c r="CB60" s="487" t="str">
        <f t="shared" si="13"/>
        <v/>
      </c>
      <c r="CC60" s="487" t="str">
        <f t="shared" si="13"/>
        <v/>
      </c>
      <c r="CD60" s="487" t="str">
        <f t="shared" si="13"/>
        <v/>
      </c>
      <c r="CE60" s="487" t="str">
        <f t="shared" si="13"/>
        <v/>
      </c>
      <c r="CF60" s="487" t="str">
        <f t="shared" si="13"/>
        <v/>
      </c>
      <c r="CG60" s="487" t="str">
        <f t="shared" si="13"/>
        <v/>
      </c>
      <c r="CH60" s="487" t="str">
        <f t="shared" si="13"/>
        <v/>
      </c>
      <c r="CI60" s="487" t="str">
        <f t="shared" si="13"/>
        <v/>
      </c>
      <c r="CJ60" s="487" t="str">
        <f t="shared" si="7"/>
        <v/>
      </c>
      <c r="CK60" s="487" t="str">
        <f t="shared" si="7"/>
        <v/>
      </c>
      <c r="CL60" s="487" t="str">
        <f t="shared" si="7"/>
        <v/>
      </c>
      <c r="CM60" s="487"/>
      <c r="CN60" s="487"/>
      <c r="CO60" s="487"/>
      <c r="CP60" s="487"/>
      <c r="CQ60" s="487"/>
      <c r="CR60" s="487"/>
      <c r="CS60" s="487"/>
      <c r="CT60" s="487"/>
      <c r="CU60" s="487"/>
      <c r="CV60" s="487"/>
      <c r="CW60" s="487"/>
      <c r="CX60" s="487"/>
      <c r="CY60" s="487"/>
      <c r="CZ60" s="487"/>
      <c r="DA60" s="487"/>
      <c r="DB60" s="487"/>
      <c r="DC60" s="487"/>
      <c r="DD60" s="487"/>
      <c r="DE60" s="487"/>
      <c r="DF60" s="487"/>
      <c r="DG60" s="487"/>
      <c r="DH60" s="487"/>
      <c r="DI60" s="484" t="s">
        <v>300</v>
      </c>
      <c r="DJ60" s="484"/>
      <c r="DK60" s="77"/>
    </row>
    <row r="61" spans="1:115" s="136" customFormat="1" ht="56.1" hidden="1" customHeight="1" x14ac:dyDescent="0.2">
      <c r="A61" s="77" t="s">
        <v>2492</v>
      </c>
      <c r="B61" s="77" t="s">
        <v>2493</v>
      </c>
      <c r="C61" s="481">
        <v>89</v>
      </c>
      <c r="D61" s="481"/>
      <c r="E61" s="481" t="s">
        <v>2481</v>
      </c>
      <c r="F61" s="482" t="s">
        <v>53</v>
      </c>
      <c r="G61" s="482" t="s">
        <v>295</v>
      </c>
      <c r="H61" s="484" t="s">
        <v>301</v>
      </c>
      <c r="I61" s="484" t="s">
        <v>320</v>
      </c>
      <c r="J61" s="484" t="s">
        <v>321</v>
      </c>
      <c r="K61" s="484"/>
      <c r="L61" s="484" t="s">
        <v>58</v>
      </c>
      <c r="M61" s="484" t="s">
        <v>2493</v>
      </c>
      <c r="N61" s="484"/>
      <c r="O61" s="484" t="s">
        <v>81</v>
      </c>
      <c r="P61" s="484" t="s">
        <v>304</v>
      </c>
      <c r="Q61" s="484"/>
      <c r="R61" s="484" t="s">
        <v>225</v>
      </c>
      <c r="S61" s="484" t="s">
        <v>63</v>
      </c>
      <c r="T61" s="484" t="s">
        <v>63</v>
      </c>
      <c r="U61" s="485">
        <v>355860</v>
      </c>
      <c r="V61" s="485"/>
      <c r="W61" s="484" t="s">
        <v>64</v>
      </c>
      <c r="X61" s="484"/>
      <c r="Y61" s="485">
        <v>355860</v>
      </c>
      <c r="Z61" s="484" t="s">
        <v>82</v>
      </c>
      <c r="AA61" s="488"/>
      <c r="AB61" s="488"/>
      <c r="AC61" s="488"/>
      <c r="AD61" s="488"/>
      <c r="AE61" s="488"/>
      <c r="AF61" s="488"/>
      <c r="AG61" s="488"/>
      <c r="AH61" s="488"/>
      <c r="AI61" s="488"/>
      <c r="AJ61" s="488"/>
      <c r="AK61" s="488"/>
      <c r="AL61" s="488"/>
      <c r="AM61" s="487" t="s">
        <v>66</v>
      </c>
      <c r="AN61" s="488"/>
      <c r="AO61" s="488"/>
      <c r="AP61" s="488"/>
      <c r="AQ61" s="488"/>
      <c r="AR61" s="488"/>
      <c r="AS61" s="488"/>
      <c r="AT61" s="488"/>
      <c r="AU61" s="488"/>
      <c r="AV61" s="487"/>
      <c r="AW61" s="488"/>
      <c r="AX61" s="488"/>
      <c r="AY61" s="488"/>
      <c r="AZ61" s="488"/>
      <c r="BA61" s="488"/>
      <c r="BB61" s="488"/>
      <c r="BC61" s="488"/>
      <c r="BD61" s="488"/>
      <c r="BE61" s="488"/>
      <c r="BF61" s="80">
        <f t="shared" si="0"/>
        <v>234</v>
      </c>
      <c r="BG61" s="76">
        <f t="shared" si="10"/>
        <v>1520.7692307692307</v>
      </c>
      <c r="BH61" s="487" t="str">
        <f t="shared" si="12"/>
        <v/>
      </c>
      <c r="BI61" s="487" t="str">
        <f t="shared" si="12"/>
        <v/>
      </c>
      <c r="BJ61" s="487" t="str">
        <f t="shared" si="12"/>
        <v/>
      </c>
      <c r="BK61" s="487" t="str">
        <f t="shared" si="12"/>
        <v/>
      </c>
      <c r="BL61" s="487" t="str">
        <f t="shared" si="12"/>
        <v/>
      </c>
      <c r="BM61" s="487" t="str">
        <f t="shared" si="12"/>
        <v/>
      </c>
      <c r="BN61" s="487" t="str">
        <f t="shared" si="12"/>
        <v/>
      </c>
      <c r="BO61" s="487" t="str">
        <f t="shared" si="12"/>
        <v/>
      </c>
      <c r="BP61" s="487" t="str">
        <f t="shared" si="12"/>
        <v/>
      </c>
      <c r="BQ61" s="487" t="str">
        <f t="shared" si="12"/>
        <v/>
      </c>
      <c r="BR61" s="487" t="str">
        <f t="shared" si="12"/>
        <v/>
      </c>
      <c r="BS61" s="487" t="str">
        <f t="shared" si="12"/>
        <v/>
      </c>
      <c r="BT61" s="487">
        <f t="shared" si="12"/>
        <v>355860</v>
      </c>
      <c r="BU61" s="487" t="str">
        <f t="shared" si="12"/>
        <v/>
      </c>
      <c r="BV61" s="487" t="str">
        <f t="shared" si="12"/>
        <v/>
      </c>
      <c r="BW61" s="487" t="str">
        <f t="shared" si="11"/>
        <v/>
      </c>
      <c r="BX61" s="487" t="str">
        <f t="shared" si="11"/>
        <v/>
      </c>
      <c r="BY61" s="487" t="str">
        <f t="shared" si="11"/>
        <v/>
      </c>
      <c r="BZ61" s="487" t="str">
        <f t="shared" si="11"/>
        <v/>
      </c>
      <c r="CA61" s="487" t="str">
        <f t="shared" si="13"/>
        <v/>
      </c>
      <c r="CB61" s="487" t="str">
        <f t="shared" si="13"/>
        <v/>
      </c>
      <c r="CC61" s="487" t="str">
        <f t="shared" si="13"/>
        <v/>
      </c>
      <c r="CD61" s="487" t="str">
        <f t="shared" si="13"/>
        <v/>
      </c>
      <c r="CE61" s="487" t="str">
        <f t="shared" si="13"/>
        <v/>
      </c>
      <c r="CF61" s="487" t="str">
        <f t="shared" si="13"/>
        <v/>
      </c>
      <c r="CG61" s="487" t="str">
        <f t="shared" si="13"/>
        <v/>
      </c>
      <c r="CH61" s="487" t="str">
        <f t="shared" si="13"/>
        <v/>
      </c>
      <c r="CI61" s="487" t="str">
        <f t="shared" si="13"/>
        <v/>
      </c>
      <c r="CJ61" s="487" t="str">
        <f t="shared" si="7"/>
        <v/>
      </c>
      <c r="CK61" s="487" t="str">
        <f t="shared" si="7"/>
        <v/>
      </c>
      <c r="CL61" s="487" t="str">
        <f t="shared" si="7"/>
        <v/>
      </c>
      <c r="CM61" s="487"/>
      <c r="CN61" s="487"/>
      <c r="CO61" s="487"/>
      <c r="CP61" s="487"/>
      <c r="CQ61" s="487"/>
      <c r="CR61" s="487"/>
      <c r="CS61" s="487"/>
      <c r="CT61" s="487"/>
      <c r="CU61" s="487"/>
      <c r="CV61" s="487"/>
      <c r="CW61" s="487"/>
      <c r="CX61" s="487"/>
      <c r="CY61" s="487"/>
      <c r="CZ61" s="487"/>
      <c r="DA61" s="487"/>
      <c r="DB61" s="487"/>
      <c r="DC61" s="487"/>
      <c r="DD61" s="487"/>
      <c r="DE61" s="487"/>
      <c r="DF61" s="487"/>
      <c r="DG61" s="487"/>
      <c r="DH61" s="487"/>
      <c r="DI61" s="484" t="s">
        <v>300</v>
      </c>
      <c r="DJ61" s="484"/>
      <c r="DK61" s="77"/>
    </row>
    <row r="62" spans="1:115" s="136" customFormat="1" ht="56.1" hidden="1" customHeight="1" x14ac:dyDescent="0.2">
      <c r="A62" s="77"/>
      <c r="B62" s="77"/>
      <c r="C62" s="481">
        <v>90</v>
      </c>
      <c r="D62" s="481"/>
      <c r="E62" s="481" t="s">
        <v>2481</v>
      </c>
      <c r="F62" s="482" t="s">
        <v>53</v>
      </c>
      <c r="G62" s="482" t="s">
        <v>295</v>
      </c>
      <c r="H62" s="484" t="s">
        <v>296</v>
      </c>
      <c r="I62" s="484" t="s">
        <v>317</v>
      </c>
      <c r="J62" s="484" t="s">
        <v>318</v>
      </c>
      <c r="K62" s="484"/>
      <c r="L62" s="484" t="s">
        <v>58</v>
      </c>
      <c r="M62" s="484" t="s">
        <v>26</v>
      </c>
      <c r="N62" s="484"/>
      <c r="O62" s="484" t="s">
        <v>81</v>
      </c>
      <c r="P62" s="484" t="s">
        <v>299</v>
      </c>
      <c r="Q62" s="484"/>
      <c r="R62" s="484" t="s">
        <v>225</v>
      </c>
      <c r="S62" s="484" t="s">
        <v>63</v>
      </c>
      <c r="T62" s="484" t="s">
        <v>63</v>
      </c>
      <c r="U62" s="485">
        <v>9094200</v>
      </c>
      <c r="V62" s="485"/>
      <c r="W62" s="484" t="s">
        <v>64</v>
      </c>
      <c r="X62" s="484"/>
      <c r="Y62" s="485">
        <v>9094200</v>
      </c>
      <c r="Z62" s="484" t="s">
        <v>82</v>
      </c>
      <c r="AA62" s="488"/>
      <c r="AB62" s="488"/>
      <c r="AC62" s="488"/>
      <c r="AD62" s="488"/>
      <c r="AE62" s="488"/>
      <c r="AF62" s="488"/>
      <c r="AG62" s="488"/>
      <c r="AH62" s="488"/>
      <c r="AI62" s="488"/>
      <c r="AJ62" s="487" t="s">
        <v>66</v>
      </c>
      <c r="AK62" s="488"/>
      <c r="AL62" s="488"/>
      <c r="AM62" s="488"/>
      <c r="AN62" s="488"/>
      <c r="AO62" s="488"/>
      <c r="AP62" s="488"/>
      <c r="AQ62" s="488"/>
      <c r="AR62" s="488"/>
      <c r="AS62" s="488"/>
      <c r="AT62" s="488"/>
      <c r="AU62" s="488"/>
      <c r="AV62" s="487"/>
      <c r="AW62" s="488"/>
      <c r="AX62" s="488"/>
      <c r="AY62" s="488"/>
      <c r="AZ62" s="488"/>
      <c r="BA62" s="488"/>
      <c r="BB62" s="488"/>
      <c r="BC62" s="488"/>
      <c r="BD62" s="488"/>
      <c r="BE62" s="488"/>
      <c r="BF62" s="80">
        <f t="shared" si="0"/>
        <v>500</v>
      </c>
      <c r="BG62" s="76">
        <f t="shared" si="10"/>
        <v>18188.400000000001</v>
      </c>
      <c r="BH62" s="487" t="str">
        <f t="shared" si="12"/>
        <v/>
      </c>
      <c r="BI62" s="487" t="str">
        <f t="shared" si="12"/>
        <v/>
      </c>
      <c r="BJ62" s="487" t="str">
        <f t="shared" si="12"/>
        <v/>
      </c>
      <c r="BK62" s="487" t="str">
        <f t="shared" si="12"/>
        <v/>
      </c>
      <c r="BL62" s="487" t="str">
        <f t="shared" si="12"/>
        <v/>
      </c>
      <c r="BM62" s="487" t="str">
        <f t="shared" si="12"/>
        <v/>
      </c>
      <c r="BN62" s="487" t="str">
        <f t="shared" si="12"/>
        <v/>
      </c>
      <c r="BO62" s="487" t="str">
        <f t="shared" si="12"/>
        <v/>
      </c>
      <c r="BP62" s="487" t="str">
        <f t="shared" si="12"/>
        <v/>
      </c>
      <c r="BQ62" s="487">
        <f t="shared" si="12"/>
        <v>9094200</v>
      </c>
      <c r="BR62" s="487" t="str">
        <f t="shared" si="12"/>
        <v/>
      </c>
      <c r="BS62" s="487" t="str">
        <f t="shared" si="12"/>
        <v/>
      </c>
      <c r="BT62" s="487" t="str">
        <f t="shared" si="12"/>
        <v/>
      </c>
      <c r="BU62" s="487" t="str">
        <f t="shared" si="12"/>
        <v/>
      </c>
      <c r="BV62" s="487" t="str">
        <f t="shared" si="12"/>
        <v/>
      </c>
      <c r="BW62" s="487" t="str">
        <f t="shared" si="11"/>
        <v/>
      </c>
      <c r="BX62" s="487" t="str">
        <f t="shared" si="11"/>
        <v/>
      </c>
      <c r="BY62" s="487" t="str">
        <f t="shared" si="11"/>
        <v/>
      </c>
      <c r="BZ62" s="487" t="str">
        <f t="shared" si="11"/>
        <v/>
      </c>
      <c r="CA62" s="487" t="str">
        <f t="shared" si="13"/>
        <v/>
      </c>
      <c r="CB62" s="487" t="str">
        <f t="shared" si="13"/>
        <v/>
      </c>
      <c r="CC62" s="487" t="str">
        <f t="shared" si="13"/>
        <v/>
      </c>
      <c r="CD62" s="487" t="str">
        <f t="shared" si="13"/>
        <v/>
      </c>
      <c r="CE62" s="487" t="str">
        <f t="shared" si="13"/>
        <v/>
      </c>
      <c r="CF62" s="487" t="str">
        <f t="shared" si="13"/>
        <v/>
      </c>
      <c r="CG62" s="487" t="str">
        <f t="shared" si="13"/>
        <v/>
      </c>
      <c r="CH62" s="487" t="str">
        <f t="shared" si="13"/>
        <v/>
      </c>
      <c r="CI62" s="487" t="str">
        <f t="shared" si="13"/>
        <v/>
      </c>
      <c r="CJ62" s="487" t="str">
        <f t="shared" si="7"/>
        <v/>
      </c>
      <c r="CK62" s="487" t="str">
        <f t="shared" si="7"/>
        <v/>
      </c>
      <c r="CL62" s="487" t="str">
        <f t="shared" si="7"/>
        <v/>
      </c>
      <c r="CM62" s="487"/>
      <c r="CN62" s="487"/>
      <c r="CO62" s="487"/>
      <c r="CP62" s="487"/>
      <c r="CQ62" s="487"/>
      <c r="CR62" s="487"/>
      <c r="CS62" s="487"/>
      <c r="CT62" s="487"/>
      <c r="CU62" s="487"/>
      <c r="CV62" s="487"/>
      <c r="CW62" s="487"/>
      <c r="CX62" s="487"/>
      <c r="CY62" s="487"/>
      <c r="CZ62" s="487"/>
      <c r="DA62" s="487"/>
      <c r="DB62" s="487"/>
      <c r="DC62" s="487"/>
      <c r="DD62" s="487"/>
      <c r="DE62" s="487"/>
      <c r="DF62" s="487"/>
      <c r="DG62" s="487"/>
      <c r="DH62" s="487"/>
      <c r="DI62" s="484" t="s">
        <v>300</v>
      </c>
      <c r="DJ62" s="484"/>
      <c r="DK62" s="77"/>
    </row>
    <row r="63" spans="1:115" s="136" customFormat="1" ht="56.1" hidden="1" customHeight="1" x14ac:dyDescent="0.2">
      <c r="A63" s="77"/>
      <c r="B63" s="77"/>
      <c r="C63" s="481">
        <v>91</v>
      </c>
      <c r="D63" s="481"/>
      <c r="E63" s="481" t="s">
        <v>2481</v>
      </c>
      <c r="F63" s="482" t="s">
        <v>53</v>
      </c>
      <c r="G63" s="482" t="s">
        <v>295</v>
      </c>
      <c r="H63" s="484" t="s">
        <v>301</v>
      </c>
      <c r="I63" s="484" t="s">
        <v>320</v>
      </c>
      <c r="J63" s="484" t="s">
        <v>321</v>
      </c>
      <c r="K63" s="484"/>
      <c r="L63" s="484" t="s">
        <v>58</v>
      </c>
      <c r="M63" s="484" t="s">
        <v>26</v>
      </c>
      <c r="N63" s="484"/>
      <c r="O63" s="484" t="s">
        <v>81</v>
      </c>
      <c r="P63" s="484" t="s">
        <v>304</v>
      </c>
      <c r="Q63" s="484"/>
      <c r="R63" s="484" t="s">
        <v>225</v>
      </c>
      <c r="S63" s="484" t="s">
        <v>63</v>
      </c>
      <c r="T63" s="484" t="s">
        <v>63</v>
      </c>
      <c r="U63" s="485">
        <v>355860</v>
      </c>
      <c r="V63" s="485"/>
      <c r="W63" s="484" t="s">
        <v>64</v>
      </c>
      <c r="X63" s="484"/>
      <c r="Y63" s="485">
        <v>355860</v>
      </c>
      <c r="Z63" s="484" t="s">
        <v>82</v>
      </c>
      <c r="AA63" s="488"/>
      <c r="AB63" s="488"/>
      <c r="AC63" s="488"/>
      <c r="AD63" s="488"/>
      <c r="AE63" s="488"/>
      <c r="AF63" s="488"/>
      <c r="AG63" s="488"/>
      <c r="AH63" s="488"/>
      <c r="AI63" s="488"/>
      <c r="AJ63" s="487" t="s">
        <v>66</v>
      </c>
      <c r="AK63" s="488"/>
      <c r="AL63" s="488"/>
      <c r="AM63" s="488"/>
      <c r="AN63" s="488"/>
      <c r="AO63" s="488"/>
      <c r="AP63" s="488"/>
      <c r="AQ63" s="488"/>
      <c r="AR63" s="488"/>
      <c r="AS63" s="488"/>
      <c r="AT63" s="488"/>
      <c r="AU63" s="488"/>
      <c r="AV63" s="487"/>
      <c r="AW63" s="488"/>
      <c r="AX63" s="488"/>
      <c r="AY63" s="488"/>
      <c r="AZ63" s="488"/>
      <c r="BA63" s="488"/>
      <c r="BB63" s="488"/>
      <c r="BC63" s="488"/>
      <c r="BD63" s="488"/>
      <c r="BE63" s="488"/>
      <c r="BF63" s="80">
        <f t="shared" si="0"/>
        <v>500</v>
      </c>
      <c r="BG63" s="76">
        <f t="shared" si="10"/>
        <v>711.72</v>
      </c>
      <c r="BH63" s="487" t="str">
        <f t="shared" si="12"/>
        <v/>
      </c>
      <c r="BI63" s="487" t="str">
        <f t="shared" si="12"/>
        <v/>
      </c>
      <c r="BJ63" s="487" t="str">
        <f t="shared" si="12"/>
        <v/>
      </c>
      <c r="BK63" s="487" t="str">
        <f t="shared" si="12"/>
        <v/>
      </c>
      <c r="BL63" s="487" t="str">
        <f t="shared" si="12"/>
        <v/>
      </c>
      <c r="BM63" s="487" t="str">
        <f t="shared" si="12"/>
        <v/>
      </c>
      <c r="BN63" s="487" t="str">
        <f t="shared" si="12"/>
        <v/>
      </c>
      <c r="BO63" s="487" t="str">
        <f t="shared" si="12"/>
        <v/>
      </c>
      <c r="BP63" s="487" t="str">
        <f t="shared" si="12"/>
        <v/>
      </c>
      <c r="BQ63" s="487">
        <f t="shared" si="12"/>
        <v>355860</v>
      </c>
      <c r="BR63" s="487" t="str">
        <f t="shared" si="12"/>
        <v/>
      </c>
      <c r="BS63" s="487" t="str">
        <f t="shared" si="12"/>
        <v/>
      </c>
      <c r="BT63" s="487" t="str">
        <f t="shared" si="12"/>
        <v/>
      </c>
      <c r="BU63" s="487" t="str">
        <f t="shared" si="12"/>
        <v/>
      </c>
      <c r="BV63" s="487" t="str">
        <f t="shared" si="12"/>
        <v/>
      </c>
      <c r="BW63" s="487" t="str">
        <f t="shared" si="11"/>
        <v/>
      </c>
      <c r="BX63" s="487" t="str">
        <f t="shared" si="11"/>
        <v/>
      </c>
      <c r="BY63" s="487" t="str">
        <f t="shared" si="11"/>
        <v/>
      </c>
      <c r="BZ63" s="487" t="str">
        <f t="shared" si="11"/>
        <v/>
      </c>
      <c r="CA63" s="487" t="str">
        <f t="shared" si="13"/>
        <v/>
      </c>
      <c r="CB63" s="487" t="str">
        <f t="shared" si="13"/>
        <v/>
      </c>
      <c r="CC63" s="487" t="str">
        <f t="shared" si="13"/>
        <v/>
      </c>
      <c r="CD63" s="487" t="str">
        <f t="shared" si="13"/>
        <v/>
      </c>
      <c r="CE63" s="487" t="str">
        <f t="shared" si="13"/>
        <v/>
      </c>
      <c r="CF63" s="487" t="str">
        <f t="shared" si="13"/>
        <v/>
      </c>
      <c r="CG63" s="487" t="str">
        <f t="shared" si="13"/>
        <v/>
      </c>
      <c r="CH63" s="487" t="str">
        <f t="shared" si="13"/>
        <v/>
      </c>
      <c r="CI63" s="487" t="str">
        <f t="shared" si="13"/>
        <v/>
      </c>
      <c r="CJ63" s="487" t="str">
        <f t="shared" si="7"/>
        <v/>
      </c>
      <c r="CK63" s="487" t="str">
        <f t="shared" si="7"/>
        <v/>
      </c>
      <c r="CL63" s="487" t="str">
        <f t="shared" si="7"/>
        <v/>
      </c>
      <c r="CM63" s="487"/>
      <c r="CN63" s="487"/>
      <c r="CO63" s="487"/>
      <c r="CP63" s="487"/>
      <c r="CQ63" s="487"/>
      <c r="CR63" s="487"/>
      <c r="CS63" s="487"/>
      <c r="CT63" s="487"/>
      <c r="CU63" s="487"/>
      <c r="CV63" s="487"/>
      <c r="CW63" s="487"/>
      <c r="CX63" s="487"/>
      <c r="CY63" s="487"/>
      <c r="CZ63" s="487"/>
      <c r="DA63" s="487"/>
      <c r="DB63" s="487"/>
      <c r="DC63" s="487"/>
      <c r="DD63" s="487"/>
      <c r="DE63" s="487"/>
      <c r="DF63" s="487"/>
      <c r="DG63" s="487"/>
      <c r="DH63" s="487"/>
      <c r="DI63" s="484" t="s">
        <v>300</v>
      </c>
      <c r="DJ63" s="484"/>
      <c r="DK63" s="77"/>
    </row>
    <row r="64" spans="1:115" s="136" customFormat="1" ht="56.1" hidden="1" customHeight="1" x14ac:dyDescent="0.2">
      <c r="A64" s="77"/>
      <c r="B64" s="77"/>
      <c r="C64" s="481">
        <v>92</v>
      </c>
      <c r="D64" s="481"/>
      <c r="E64" s="481" t="s">
        <v>2481</v>
      </c>
      <c r="F64" s="482" t="s">
        <v>53</v>
      </c>
      <c r="G64" s="482" t="s">
        <v>295</v>
      </c>
      <c r="H64" s="484" t="s">
        <v>296</v>
      </c>
      <c r="I64" s="484" t="s">
        <v>317</v>
      </c>
      <c r="J64" s="484" t="s">
        <v>318</v>
      </c>
      <c r="K64" s="484"/>
      <c r="L64" s="484" t="s">
        <v>58</v>
      </c>
      <c r="M64" s="484" t="s">
        <v>27</v>
      </c>
      <c r="N64" s="484"/>
      <c r="O64" s="484" t="s">
        <v>81</v>
      </c>
      <c r="P64" s="484" t="s">
        <v>299</v>
      </c>
      <c r="Q64" s="484"/>
      <c r="R64" s="484" t="s">
        <v>225</v>
      </c>
      <c r="S64" s="484" t="s">
        <v>63</v>
      </c>
      <c r="T64" s="484" t="s">
        <v>63</v>
      </c>
      <c r="U64" s="485">
        <v>9094200</v>
      </c>
      <c r="V64" s="485"/>
      <c r="W64" s="484" t="s">
        <v>64</v>
      </c>
      <c r="X64" s="484"/>
      <c r="Y64" s="485">
        <v>9094200</v>
      </c>
      <c r="Z64" s="484" t="s">
        <v>82</v>
      </c>
      <c r="AA64" s="488"/>
      <c r="AB64" s="488"/>
      <c r="AC64" s="488"/>
      <c r="AD64" s="488"/>
      <c r="AE64" s="488"/>
      <c r="AF64" s="488"/>
      <c r="AG64" s="488"/>
      <c r="AH64" s="488"/>
      <c r="AI64" s="488"/>
      <c r="AJ64" s="488"/>
      <c r="AK64" s="487" t="s">
        <v>66</v>
      </c>
      <c r="AL64" s="488"/>
      <c r="AM64" s="488"/>
      <c r="AN64" s="488"/>
      <c r="AO64" s="488"/>
      <c r="AP64" s="488"/>
      <c r="AQ64" s="488"/>
      <c r="AR64" s="488"/>
      <c r="AS64" s="488"/>
      <c r="AT64" s="488"/>
      <c r="AU64" s="488"/>
      <c r="AV64" s="487"/>
      <c r="AW64" s="488"/>
      <c r="AX64" s="488"/>
      <c r="AY64" s="488"/>
      <c r="AZ64" s="488"/>
      <c r="BA64" s="488"/>
      <c r="BB64" s="488"/>
      <c r="BC64" s="488"/>
      <c r="BD64" s="488"/>
      <c r="BE64" s="488"/>
      <c r="BF64" s="80">
        <f t="shared" si="0"/>
        <v>750</v>
      </c>
      <c r="BG64" s="76">
        <f t="shared" si="10"/>
        <v>12125.6</v>
      </c>
      <c r="BH64" s="487" t="str">
        <f t="shared" si="12"/>
        <v/>
      </c>
      <c r="BI64" s="487" t="str">
        <f t="shared" si="12"/>
        <v/>
      </c>
      <c r="BJ64" s="487" t="str">
        <f t="shared" si="12"/>
        <v/>
      </c>
      <c r="BK64" s="487" t="str">
        <f t="shared" si="12"/>
        <v/>
      </c>
      <c r="BL64" s="487" t="str">
        <f t="shared" si="12"/>
        <v/>
      </c>
      <c r="BM64" s="487" t="str">
        <f t="shared" si="12"/>
        <v/>
      </c>
      <c r="BN64" s="487" t="str">
        <f t="shared" si="12"/>
        <v/>
      </c>
      <c r="BO64" s="487" t="str">
        <f t="shared" si="12"/>
        <v/>
      </c>
      <c r="BP64" s="487" t="str">
        <f t="shared" si="12"/>
        <v/>
      </c>
      <c r="BQ64" s="487" t="str">
        <f t="shared" si="12"/>
        <v/>
      </c>
      <c r="BR64" s="487">
        <f t="shared" si="12"/>
        <v>9094200</v>
      </c>
      <c r="BS64" s="487" t="str">
        <f t="shared" si="12"/>
        <v/>
      </c>
      <c r="BT64" s="487" t="str">
        <f t="shared" si="12"/>
        <v/>
      </c>
      <c r="BU64" s="487" t="str">
        <f t="shared" si="12"/>
        <v/>
      </c>
      <c r="BV64" s="487" t="str">
        <f t="shared" si="12"/>
        <v/>
      </c>
      <c r="BW64" s="487" t="str">
        <f t="shared" si="11"/>
        <v/>
      </c>
      <c r="BX64" s="487" t="str">
        <f t="shared" si="11"/>
        <v/>
      </c>
      <c r="BY64" s="487" t="str">
        <f t="shared" si="11"/>
        <v/>
      </c>
      <c r="BZ64" s="487" t="str">
        <f t="shared" si="11"/>
        <v/>
      </c>
      <c r="CA64" s="487" t="str">
        <f t="shared" si="13"/>
        <v/>
      </c>
      <c r="CB64" s="487" t="str">
        <f t="shared" si="13"/>
        <v/>
      </c>
      <c r="CC64" s="487" t="str">
        <f t="shared" si="13"/>
        <v/>
      </c>
      <c r="CD64" s="487" t="str">
        <f t="shared" si="13"/>
        <v/>
      </c>
      <c r="CE64" s="487" t="str">
        <f t="shared" si="13"/>
        <v/>
      </c>
      <c r="CF64" s="487" t="str">
        <f t="shared" si="13"/>
        <v/>
      </c>
      <c r="CG64" s="487" t="str">
        <f t="shared" si="13"/>
        <v/>
      </c>
      <c r="CH64" s="487" t="str">
        <f t="shared" si="13"/>
        <v/>
      </c>
      <c r="CI64" s="487" t="str">
        <f t="shared" si="13"/>
        <v/>
      </c>
      <c r="CJ64" s="487" t="str">
        <f t="shared" si="7"/>
        <v/>
      </c>
      <c r="CK64" s="487" t="str">
        <f t="shared" si="7"/>
        <v/>
      </c>
      <c r="CL64" s="487" t="str">
        <f t="shared" si="7"/>
        <v/>
      </c>
      <c r="CM64" s="487"/>
      <c r="CN64" s="487"/>
      <c r="CO64" s="487"/>
      <c r="CP64" s="487"/>
      <c r="CQ64" s="487"/>
      <c r="CR64" s="487"/>
      <c r="CS64" s="487"/>
      <c r="CT64" s="487"/>
      <c r="CU64" s="487"/>
      <c r="CV64" s="487"/>
      <c r="CW64" s="487"/>
      <c r="CX64" s="487"/>
      <c r="CY64" s="487"/>
      <c r="CZ64" s="487"/>
      <c r="DA64" s="487"/>
      <c r="DB64" s="487"/>
      <c r="DC64" s="487"/>
      <c r="DD64" s="487"/>
      <c r="DE64" s="487"/>
      <c r="DF64" s="487"/>
      <c r="DG64" s="487"/>
      <c r="DH64" s="487"/>
      <c r="DI64" s="484" t="s">
        <v>300</v>
      </c>
      <c r="DJ64" s="484"/>
      <c r="DK64" s="77"/>
    </row>
    <row r="65" spans="1:115" s="136" customFormat="1" ht="56.1" hidden="1" customHeight="1" x14ac:dyDescent="0.2">
      <c r="A65" s="77"/>
      <c r="B65" s="77"/>
      <c r="C65" s="481">
        <v>93</v>
      </c>
      <c r="D65" s="481"/>
      <c r="E65" s="481" t="s">
        <v>2481</v>
      </c>
      <c r="F65" s="482" t="s">
        <v>53</v>
      </c>
      <c r="G65" s="482" t="s">
        <v>295</v>
      </c>
      <c r="H65" s="484" t="s">
        <v>301</v>
      </c>
      <c r="I65" s="484" t="s">
        <v>320</v>
      </c>
      <c r="J65" s="484" t="s">
        <v>321</v>
      </c>
      <c r="K65" s="484"/>
      <c r="L65" s="484" t="s">
        <v>58</v>
      </c>
      <c r="M65" s="484" t="s">
        <v>27</v>
      </c>
      <c r="N65" s="484"/>
      <c r="O65" s="484" t="s">
        <v>81</v>
      </c>
      <c r="P65" s="484" t="s">
        <v>304</v>
      </c>
      <c r="Q65" s="484"/>
      <c r="R65" s="484" t="s">
        <v>225</v>
      </c>
      <c r="S65" s="484" t="s">
        <v>63</v>
      </c>
      <c r="T65" s="484" t="s">
        <v>63</v>
      </c>
      <c r="U65" s="485">
        <v>355860</v>
      </c>
      <c r="V65" s="485"/>
      <c r="W65" s="484" t="s">
        <v>64</v>
      </c>
      <c r="X65" s="484"/>
      <c r="Y65" s="485">
        <v>355860</v>
      </c>
      <c r="Z65" s="484" t="s">
        <v>82</v>
      </c>
      <c r="AA65" s="488"/>
      <c r="AB65" s="488"/>
      <c r="AC65" s="488"/>
      <c r="AD65" s="488"/>
      <c r="AE65" s="488"/>
      <c r="AF65" s="488"/>
      <c r="AG65" s="488"/>
      <c r="AH65" s="488"/>
      <c r="AI65" s="488"/>
      <c r="AJ65" s="488"/>
      <c r="AK65" s="487" t="s">
        <v>66</v>
      </c>
      <c r="AL65" s="488"/>
      <c r="AM65" s="488"/>
      <c r="AN65" s="488"/>
      <c r="AO65" s="488"/>
      <c r="AP65" s="488"/>
      <c r="AQ65" s="488"/>
      <c r="AR65" s="488"/>
      <c r="AS65" s="488"/>
      <c r="AT65" s="488"/>
      <c r="AU65" s="488"/>
      <c r="AV65" s="487"/>
      <c r="AW65" s="488"/>
      <c r="AX65" s="488"/>
      <c r="AY65" s="488"/>
      <c r="AZ65" s="488"/>
      <c r="BA65" s="488"/>
      <c r="BB65" s="488"/>
      <c r="BC65" s="488"/>
      <c r="BD65" s="488"/>
      <c r="BE65" s="488"/>
      <c r="BF65" s="80">
        <f t="shared" si="0"/>
        <v>750</v>
      </c>
      <c r="BG65" s="76">
        <f t="shared" si="10"/>
        <v>474.48</v>
      </c>
      <c r="BH65" s="487" t="str">
        <f t="shared" si="12"/>
        <v/>
      </c>
      <c r="BI65" s="487" t="str">
        <f t="shared" si="12"/>
        <v/>
      </c>
      <c r="BJ65" s="487" t="str">
        <f t="shared" si="12"/>
        <v/>
      </c>
      <c r="BK65" s="487" t="str">
        <f t="shared" si="12"/>
        <v/>
      </c>
      <c r="BL65" s="487" t="str">
        <f t="shared" si="12"/>
        <v/>
      </c>
      <c r="BM65" s="487" t="str">
        <f t="shared" si="12"/>
        <v/>
      </c>
      <c r="BN65" s="487" t="str">
        <f t="shared" si="12"/>
        <v/>
      </c>
      <c r="BO65" s="487" t="str">
        <f t="shared" si="12"/>
        <v/>
      </c>
      <c r="BP65" s="487" t="str">
        <f t="shared" si="12"/>
        <v/>
      </c>
      <c r="BQ65" s="487" t="str">
        <f t="shared" si="12"/>
        <v/>
      </c>
      <c r="BR65" s="487">
        <f t="shared" si="12"/>
        <v>355860</v>
      </c>
      <c r="BS65" s="487" t="str">
        <f t="shared" si="12"/>
        <v/>
      </c>
      <c r="BT65" s="487" t="str">
        <f t="shared" si="12"/>
        <v/>
      </c>
      <c r="BU65" s="487" t="str">
        <f t="shared" si="12"/>
        <v/>
      </c>
      <c r="BV65" s="487" t="str">
        <f t="shared" si="12"/>
        <v/>
      </c>
      <c r="BW65" s="487" t="str">
        <f t="shared" si="11"/>
        <v/>
      </c>
      <c r="BX65" s="487" t="str">
        <f t="shared" si="11"/>
        <v/>
      </c>
      <c r="BY65" s="487" t="str">
        <f t="shared" si="11"/>
        <v/>
      </c>
      <c r="BZ65" s="487" t="str">
        <f t="shared" si="11"/>
        <v/>
      </c>
      <c r="CA65" s="487" t="str">
        <f t="shared" si="13"/>
        <v/>
      </c>
      <c r="CB65" s="487" t="str">
        <f t="shared" si="13"/>
        <v/>
      </c>
      <c r="CC65" s="487" t="str">
        <f t="shared" si="13"/>
        <v/>
      </c>
      <c r="CD65" s="487" t="str">
        <f t="shared" si="13"/>
        <v/>
      </c>
      <c r="CE65" s="487" t="str">
        <f t="shared" si="13"/>
        <v/>
      </c>
      <c r="CF65" s="487" t="str">
        <f t="shared" si="13"/>
        <v/>
      </c>
      <c r="CG65" s="487" t="str">
        <f t="shared" si="13"/>
        <v/>
      </c>
      <c r="CH65" s="487" t="str">
        <f t="shared" si="13"/>
        <v/>
      </c>
      <c r="CI65" s="487" t="str">
        <f t="shared" si="13"/>
        <v/>
      </c>
      <c r="CJ65" s="487" t="str">
        <f t="shared" si="7"/>
        <v/>
      </c>
      <c r="CK65" s="487" t="str">
        <f t="shared" si="7"/>
        <v/>
      </c>
      <c r="CL65" s="487" t="str">
        <f t="shared" si="7"/>
        <v/>
      </c>
      <c r="CM65" s="487"/>
      <c r="CN65" s="487"/>
      <c r="CO65" s="487"/>
      <c r="CP65" s="487"/>
      <c r="CQ65" s="487"/>
      <c r="CR65" s="487"/>
      <c r="CS65" s="487"/>
      <c r="CT65" s="487"/>
      <c r="CU65" s="487"/>
      <c r="CV65" s="487"/>
      <c r="CW65" s="487"/>
      <c r="CX65" s="487"/>
      <c r="CY65" s="487"/>
      <c r="CZ65" s="487"/>
      <c r="DA65" s="487"/>
      <c r="DB65" s="487"/>
      <c r="DC65" s="487"/>
      <c r="DD65" s="487"/>
      <c r="DE65" s="487"/>
      <c r="DF65" s="487"/>
      <c r="DG65" s="487"/>
      <c r="DH65" s="487"/>
      <c r="DI65" s="484" t="s">
        <v>300</v>
      </c>
      <c r="DJ65" s="484"/>
      <c r="DK65" s="77"/>
    </row>
    <row r="66" spans="1:115" s="136" customFormat="1" ht="56.1" hidden="1" customHeight="1" x14ac:dyDescent="0.2">
      <c r="A66" s="77"/>
      <c r="B66" s="77"/>
      <c r="C66" s="481">
        <v>94</v>
      </c>
      <c r="D66" s="481"/>
      <c r="E66" s="481" t="s">
        <v>2481</v>
      </c>
      <c r="F66" s="482" t="s">
        <v>53</v>
      </c>
      <c r="G66" s="482" t="s">
        <v>295</v>
      </c>
      <c r="H66" s="484" t="s">
        <v>296</v>
      </c>
      <c r="I66" s="484" t="s">
        <v>317</v>
      </c>
      <c r="J66" s="484" t="s">
        <v>318</v>
      </c>
      <c r="K66" s="484"/>
      <c r="L66" s="484" t="s">
        <v>58</v>
      </c>
      <c r="M66" s="484" t="s">
        <v>127</v>
      </c>
      <c r="N66" s="484"/>
      <c r="O66" s="484" t="s">
        <v>81</v>
      </c>
      <c r="P66" s="484" t="s">
        <v>299</v>
      </c>
      <c r="Q66" s="484"/>
      <c r="R66" s="484" t="s">
        <v>225</v>
      </c>
      <c r="S66" s="484" t="s">
        <v>63</v>
      </c>
      <c r="T66" s="484" t="s">
        <v>63</v>
      </c>
      <c r="U66" s="485">
        <v>9094200</v>
      </c>
      <c r="V66" s="485"/>
      <c r="W66" s="484" t="s">
        <v>64</v>
      </c>
      <c r="X66" s="484"/>
      <c r="Y66" s="485">
        <v>9094200</v>
      </c>
      <c r="Z66" s="484" t="s">
        <v>82</v>
      </c>
      <c r="AA66" s="488"/>
      <c r="AB66" s="488"/>
      <c r="AC66" s="488"/>
      <c r="AD66" s="488"/>
      <c r="AE66" s="488"/>
      <c r="AF66" s="488"/>
      <c r="AG66" s="488"/>
      <c r="AH66" s="488"/>
      <c r="AI66" s="488"/>
      <c r="AJ66" s="488"/>
      <c r="AK66" s="488"/>
      <c r="AL66" s="488"/>
      <c r="AM66" s="488"/>
      <c r="AN66" s="487" t="s">
        <v>66</v>
      </c>
      <c r="AO66" s="488"/>
      <c r="AP66" s="488"/>
      <c r="AQ66" s="488"/>
      <c r="AR66" s="488"/>
      <c r="AS66" s="488"/>
      <c r="AT66" s="488"/>
      <c r="AU66" s="488"/>
      <c r="AV66" s="487"/>
      <c r="AW66" s="488"/>
      <c r="AX66" s="488"/>
      <c r="AY66" s="488"/>
      <c r="AZ66" s="488"/>
      <c r="BA66" s="488"/>
      <c r="BB66" s="488"/>
      <c r="BC66" s="488"/>
      <c r="BD66" s="488"/>
      <c r="BE66" s="488"/>
      <c r="BF66" s="80">
        <f t="shared" si="0"/>
        <v>350</v>
      </c>
      <c r="BG66" s="76">
        <f t="shared" si="10"/>
        <v>25983.428571428572</v>
      </c>
      <c r="BH66" s="487" t="str">
        <f t="shared" si="12"/>
        <v/>
      </c>
      <c r="BI66" s="487" t="str">
        <f t="shared" si="12"/>
        <v/>
      </c>
      <c r="BJ66" s="487" t="str">
        <f t="shared" si="12"/>
        <v/>
      </c>
      <c r="BK66" s="487" t="str">
        <f t="shared" si="12"/>
        <v/>
      </c>
      <c r="BL66" s="487" t="str">
        <f t="shared" si="12"/>
        <v/>
      </c>
      <c r="BM66" s="487" t="str">
        <f t="shared" si="12"/>
        <v/>
      </c>
      <c r="BN66" s="487" t="str">
        <f t="shared" si="12"/>
        <v/>
      </c>
      <c r="BO66" s="487" t="str">
        <f t="shared" si="12"/>
        <v/>
      </c>
      <c r="BP66" s="487" t="str">
        <f t="shared" si="12"/>
        <v/>
      </c>
      <c r="BQ66" s="487" t="str">
        <f t="shared" si="12"/>
        <v/>
      </c>
      <c r="BR66" s="487" t="str">
        <f t="shared" si="12"/>
        <v/>
      </c>
      <c r="BS66" s="487" t="str">
        <f t="shared" si="12"/>
        <v/>
      </c>
      <c r="BT66" s="487" t="str">
        <f t="shared" si="12"/>
        <v/>
      </c>
      <c r="BU66" s="487">
        <f t="shared" si="12"/>
        <v>9094200</v>
      </c>
      <c r="BV66" s="487" t="str">
        <f t="shared" si="12"/>
        <v/>
      </c>
      <c r="BW66" s="487" t="str">
        <f t="shared" si="11"/>
        <v/>
      </c>
      <c r="BX66" s="487" t="str">
        <f t="shared" si="11"/>
        <v/>
      </c>
      <c r="BY66" s="487" t="str">
        <f t="shared" si="11"/>
        <v/>
      </c>
      <c r="BZ66" s="487" t="str">
        <f t="shared" si="11"/>
        <v/>
      </c>
      <c r="CA66" s="487" t="str">
        <f t="shared" si="13"/>
        <v/>
      </c>
      <c r="CB66" s="487" t="str">
        <f t="shared" si="13"/>
        <v/>
      </c>
      <c r="CC66" s="487" t="str">
        <f t="shared" si="13"/>
        <v/>
      </c>
      <c r="CD66" s="487" t="str">
        <f t="shared" si="13"/>
        <v/>
      </c>
      <c r="CE66" s="487" t="str">
        <f t="shared" si="13"/>
        <v/>
      </c>
      <c r="CF66" s="487" t="str">
        <f t="shared" si="13"/>
        <v/>
      </c>
      <c r="CG66" s="487" t="str">
        <f t="shared" si="13"/>
        <v/>
      </c>
      <c r="CH66" s="487" t="str">
        <f t="shared" si="13"/>
        <v/>
      </c>
      <c r="CI66" s="487" t="str">
        <f t="shared" si="13"/>
        <v/>
      </c>
      <c r="CJ66" s="487" t="str">
        <f t="shared" si="7"/>
        <v/>
      </c>
      <c r="CK66" s="487" t="str">
        <f t="shared" si="7"/>
        <v/>
      </c>
      <c r="CL66" s="487" t="str">
        <f t="shared" si="7"/>
        <v/>
      </c>
      <c r="CM66" s="487"/>
      <c r="CN66" s="487"/>
      <c r="CO66" s="487"/>
      <c r="CP66" s="487"/>
      <c r="CQ66" s="487"/>
      <c r="CR66" s="487"/>
      <c r="CS66" s="487"/>
      <c r="CT66" s="487"/>
      <c r="CU66" s="487"/>
      <c r="CV66" s="487"/>
      <c r="CW66" s="487"/>
      <c r="CX66" s="487"/>
      <c r="CY66" s="487"/>
      <c r="CZ66" s="487"/>
      <c r="DA66" s="487"/>
      <c r="DB66" s="487"/>
      <c r="DC66" s="487"/>
      <c r="DD66" s="487"/>
      <c r="DE66" s="487"/>
      <c r="DF66" s="487"/>
      <c r="DG66" s="487"/>
      <c r="DH66" s="487"/>
      <c r="DI66" s="484" t="s">
        <v>300</v>
      </c>
      <c r="DJ66" s="484"/>
      <c r="DK66" s="77"/>
    </row>
    <row r="67" spans="1:115" s="136" customFormat="1" ht="56.1" hidden="1" customHeight="1" x14ac:dyDescent="0.2">
      <c r="A67" s="77"/>
      <c r="B67" s="77"/>
      <c r="C67" s="481">
        <v>95</v>
      </c>
      <c r="D67" s="481"/>
      <c r="E67" s="481" t="s">
        <v>2481</v>
      </c>
      <c r="F67" s="482" t="s">
        <v>53</v>
      </c>
      <c r="G67" s="482" t="s">
        <v>295</v>
      </c>
      <c r="H67" s="484" t="s">
        <v>301</v>
      </c>
      <c r="I67" s="484" t="s">
        <v>320</v>
      </c>
      <c r="J67" s="484" t="s">
        <v>321</v>
      </c>
      <c r="K67" s="484"/>
      <c r="L67" s="484" t="s">
        <v>58</v>
      </c>
      <c r="M67" s="484" t="s">
        <v>30</v>
      </c>
      <c r="N67" s="484"/>
      <c r="O67" s="484" t="s">
        <v>81</v>
      </c>
      <c r="P67" s="484" t="s">
        <v>304</v>
      </c>
      <c r="Q67" s="484"/>
      <c r="R67" s="484" t="s">
        <v>225</v>
      </c>
      <c r="S67" s="484" t="s">
        <v>63</v>
      </c>
      <c r="T67" s="484" t="s">
        <v>63</v>
      </c>
      <c r="U67" s="485">
        <v>355860</v>
      </c>
      <c r="V67" s="485"/>
      <c r="W67" s="484" t="s">
        <v>64</v>
      </c>
      <c r="X67" s="484"/>
      <c r="Y67" s="485">
        <v>355860</v>
      </c>
      <c r="Z67" s="484" t="s">
        <v>82</v>
      </c>
      <c r="AA67" s="488"/>
      <c r="AB67" s="488"/>
      <c r="AC67" s="488"/>
      <c r="AD67" s="488"/>
      <c r="AE67" s="488"/>
      <c r="AF67" s="488"/>
      <c r="AG67" s="488"/>
      <c r="AH67" s="488"/>
      <c r="AI67" s="488"/>
      <c r="AJ67" s="488"/>
      <c r="AK67" s="488"/>
      <c r="AL67" s="488"/>
      <c r="AM67" s="488"/>
      <c r="AN67" s="487" t="s">
        <v>66</v>
      </c>
      <c r="AO67" s="488"/>
      <c r="AP67" s="488"/>
      <c r="AQ67" s="488"/>
      <c r="AR67" s="488"/>
      <c r="AS67" s="488"/>
      <c r="AT67" s="488"/>
      <c r="AU67" s="488"/>
      <c r="AV67" s="487"/>
      <c r="AW67" s="488"/>
      <c r="AX67" s="488"/>
      <c r="AY67" s="488"/>
      <c r="AZ67" s="488"/>
      <c r="BA67" s="488"/>
      <c r="BB67" s="488"/>
      <c r="BC67" s="488"/>
      <c r="BD67" s="488"/>
      <c r="BE67" s="488"/>
      <c r="BF67" s="80">
        <f t="shared" ref="BF67:BF130" si="14">SUMIF(AA67:BE67,"YES",$AA$2:$BE$2)</f>
        <v>350</v>
      </c>
      <c r="BG67" s="76">
        <f t="shared" si="10"/>
        <v>1016.7428571428571</v>
      </c>
      <c r="BH67" s="487" t="str">
        <f t="shared" si="12"/>
        <v/>
      </c>
      <c r="BI67" s="487" t="str">
        <f t="shared" si="12"/>
        <v/>
      </c>
      <c r="BJ67" s="487" t="str">
        <f t="shared" si="12"/>
        <v/>
      </c>
      <c r="BK67" s="487" t="str">
        <f t="shared" si="12"/>
        <v/>
      </c>
      <c r="BL67" s="487" t="str">
        <f t="shared" si="12"/>
        <v/>
      </c>
      <c r="BM67" s="487" t="str">
        <f t="shared" si="12"/>
        <v/>
      </c>
      <c r="BN67" s="487" t="str">
        <f t="shared" si="12"/>
        <v/>
      </c>
      <c r="BO67" s="487" t="str">
        <f t="shared" si="12"/>
        <v/>
      </c>
      <c r="BP67" s="487" t="str">
        <f t="shared" si="12"/>
        <v/>
      </c>
      <c r="BQ67" s="487" t="str">
        <f t="shared" si="12"/>
        <v/>
      </c>
      <c r="BR67" s="487" t="str">
        <f t="shared" si="12"/>
        <v/>
      </c>
      <c r="BS67" s="487" t="str">
        <f t="shared" si="12"/>
        <v/>
      </c>
      <c r="BT67" s="487" t="str">
        <f t="shared" si="12"/>
        <v/>
      </c>
      <c r="BU67" s="487">
        <f t="shared" si="12"/>
        <v>355860</v>
      </c>
      <c r="BV67" s="487" t="str">
        <f t="shared" si="12"/>
        <v/>
      </c>
      <c r="BW67" s="487" t="str">
        <f t="shared" si="11"/>
        <v/>
      </c>
      <c r="BX67" s="487" t="str">
        <f t="shared" si="11"/>
        <v/>
      </c>
      <c r="BY67" s="487" t="str">
        <f t="shared" si="11"/>
        <v/>
      </c>
      <c r="BZ67" s="487" t="str">
        <f t="shared" si="11"/>
        <v/>
      </c>
      <c r="CA67" s="487" t="str">
        <f t="shared" si="13"/>
        <v/>
      </c>
      <c r="CB67" s="487" t="str">
        <f t="shared" si="13"/>
        <v/>
      </c>
      <c r="CC67" s="487" t="str">
        <f t="shared" si="13"/>
        <v/>
      </c>
      <c r="CD67" s="487" t="str">
        <f t="shared" si="13"/>
        <v/>
      </c>
      <c r="CE67" s="487" t="str">
        <f t="shared" si="13"/>
        <v/>
      </c>
      <c r="CF67" s="487" t="str">
        <f t="shared" si="13"/>
        <v/>
      </c>
      <c r="CG67" s="487" t="str">
        <f t="shared" si="13"/>
        <v/>
      </c>
      <c r="CH67" s="487" t="str">
        <f t="shared" si="13"/>
        <v/>
      </c>
      <c r="CI67" s="487" t="str">
        <f t="shared" si="13"/>
        <v/>
      </c>
      <c r="CJ67" s="487" t="str">
        <f t="shared" si="7"/>
        <v/>
      </c>
      <c r="CK67" s="487" t="str">
        <f t="shared" si="7"/>
        <v/>
      </c>
      <c r="CL67" s="487" t="str">
        <f t="shared" si="7"/>
        <v/>
      </c>
      <c r="CM67" s="487"/>
      <c r="CN67" s="487"/>
      <c r="CO67" s="487"/>
      <c r="CP67" s="487"/>
      <c r="CQ67" s="487"/>
      <c r="CR67" s="487"/>
      <c r="CS67" s="487"/>
      <c r="CT67" s="487"/>
      <c r="CU67" s="487"/>
      <c r="CV67" s="487"/>
      <c r="CW67" s="487"/>
      <c r="CX67" s="487"/>
      <c r="CY67" s="487"/>
      <c r="CZ67" s="487"/>
      <c r="DA67" s="487"/>
      <c r="DB67" s="487"/>
      <c r="DC67" s="487"/>
      <c r="DD67" s="487"/>
      <c r="DE67" s="487"/>
      <c r="DF67" s="487"/>
      <c r="DG67" s="487"/>
      <c r="DH67" s="487"/>
      <c r="DI67" s="484" t="s">
        <v>300</v>
      </c>
      <c r="DJ67" s="484"/>
      <c r="DK67" s="77"/>
    </row>
    <row r="68" spans="1:115" s="136" customFormat="1" ht="56.1" hidden="1" customHeight="1" x14ac:dyDescent="0.2">
      <c r="A68" s="77"/>
      <c r="B68" s="77"/>
      <c r="C68" s="481">
        <v>96</v>
      </c>
      <c r="D68" s="481"/>
      <c r="E68" s="481" t="s">
        <v>2481</v>
      </c>
      <c r="F68" s="482" t="s">
        <v>53</v>
      </c>
      <c r="G68" s="482" t="s">
        <v>295</v>
      </c>
      <c r="H68" s="484" t="s">
        <v>296</v>
      </c>
      <c r="I68" s="484" t="s">
        <v>317</v>
      </c>
      <c r="J68" s="484" t="s">
        <v>318</v>
      </c>
      <c r="K68" s="484"/>
      <c r="L68" s="484" t="s">
        <v>58</v>
      </c>
      <c r="M68" s="484" t="s">
        <v>31</v>
      </c>
      <c r="N68" s="484"/>
      <c r="O68" s="484" t="s">
        <v>81</v>
      </c>
      <c r="P68" s="484" t="s">
        <v>299</v>
      </c>
      <c r="Q68" s="484"/>
      <c r="R68" s="484" t="s">
        <v>225</v>
      </c>
      <c r="S68" s="484" t="s">
        <v>63</v>
      </c>
      <c r="T68" s="484" t="s">
        <v>63</v>
      </c>
      <c r="U68" s="485">
        <v>9094200</v>
      </c>
      <c r="V68" s="485"/>
      <c r="W68" s="484" t="s">
        <v>64</v>
      </c>
      <c r="X68" s="484"/>
      <c r="Y68" s="485">
        <v>9094200</v>
      </c>
      <c r="Z68" s="484" t="s">
        <v>82</v>
      </c>
      <c r="AA68" s="488"/>
      <c r="AB68" s="488"/>
      <c r="AC68" s="488"/>
      <c r="AD68" s="488"/>
      <c r="AE68" s="488"/>
      <c r="AF68" s="488"/>
      <c r="AG68" s="488"/>
      <c r="AH68" s="488"/>
      <c r="AI68" s="488"/>
      <c r="AJ68" s="488"/>
      <c r="AK68" s="488"/>
      <c r="AL68" s="488"/>
      <c r="AM68" s="488"/>
      <c r="AN68" s="488"/>
      <c r="AO68" s="487" t="s">
        <v>66</v>
      </c>
      <c r="AP68" s="488"/>
      <c r="AQ68" s="488"/>
      <c r="AR68" s="488"/>
      <c r="AS68" s="488"/>
      <c r="AT68" s="488"/>
      <c r="AU68" s="488"/>
      <c r="AV68" s="487"/>
      <c r="AW68" s="488"/>
      <c r="AX68" s="488"/>
      <c r="AY68" s="488"/>
      <c r="AZ68" s="488"/>
      <c r="BA68" s="488"/>
      <c r="BB68" s="488"/>
      <c r="BC68" s="488"/>
      <c r="BD68" s="488"/>
      <c r="BE68" s="488"/>
      <c r="BF68" s="80">
        <f t="shared" si="14"/>
        <v>90</v>
      </c>
      <c r="BG68" s="76">
        <f t="shared" si="10"/>
        <v>101046.66666666667</v>
      </c>
      <c r="BH68" s="487" t="str">
        <f t="shared" si="12"/>
        <v/>
      </c>
      <c r="BI68" s="487" t="str">
        <f t="shared" si="12"/>
        <v/>
      </c>
      <c r="BJ68" s="487" t="str">
        <f t="shared" si="12"/>
        <v/>
      </c>
      <c r="BK68" s="487" t="str">
        <f t="shared" si="12"/>
        <v/>
      </c>
      <c r="BL68" s="487" t="str">
        <f t="shared" si="12"/>
        <v/>
      </c>
      <c r="BM68" s="487" t="str">
        <f t="shared" si="12"/>
        <v/>
      </c>
      <c r="BN68" s="487" t="str">
        <f t="shared" si="12"/>
        <v/>
      </c>
      <c r="BO68" s="487" t="str">
        <f t="shared" si="12"/>
        <v/>
      </c>
      <c r="BP68" s="487" t="str">
        <f t="shared" si="12"/>
        <v/>
      </c>
      <c r="BQ68" s="487" t="str">
        <f t="shared" si="12"/>
        <v/>
      </c>
      <c r="BR68" s="487" t="str">
        <f t="shared" si="12"/>
        <v/>
      </c>
      <c r="BS68" s="487" t="str">
        <f t="shared" si="12"/>
        <v/>
      </c>
      <c r="BT68" s="487" t="str">
        <f t="shared" si="12"/>
        <v/>
      </c>
      <c r="BU68" s="487" t="str">
        <f t="shared" si="12"/>
        <v/>
      </c>
      <c r="BV68" s="487">
        <f t="shared" si="12"/>
        <v>9094200</v>
      </c>
      <c r="BW68" s="487" t="str">
        <f t="shared" si="11"/>
        <v/>
      </c>
      <c r="BX68" s="487" t="str">
        <f t="shared" si="11"/>
        <v/>
      </c>
      <c r="BY68" s="487" t="str">
        <f t="shared" si="11"/>
        <v/>
      </c>
      <c r="BZ68" s="487" t="str">
        <f t="shared" si="11"/>
        <v/>
      </c>
      <c r="CA68" s="487" t="str">
        <f t="shared" si="13"/>
        <v/>
      </c>
      <c r="CB68" s="487" t="str">
        <f t="shared" si="13"/>
        <v/>
      </c>
      <c r="CC68" s="487" t="str">
        <f t="shared" si="13"/>
        <v/>
      </c>
      <c r="CD68" s="487" t="str">
        <f t="shared" si="13"/>
        <v/>
      </c>
      <c r="CE68" s="487" t="str">
        <f t="shared" si="13"/>
        <v/>
      </c>
      <c r="CF68" s="487" t="str">
        <f t="shared" si="13"/>
        <v/>
      </c>
      <c r="CG68" s="487" t="str">
        <f t="shared" si="13"/>
        <v/>
      </c>
      <c r="CH68" s="487" t="str">
        <f t="shared" si="13"/>
        <v/>
      </c>
      <c r="CI68" s="487" t="str">
        <f t="shared" si="13"/>
        <v/>
      </c>
      <c r="CJ68" s="487" t="str">
        <f t="shared" si="7"/>
        <v/>
      </c>
      <c r="CK68" s="487" t="str">
        <f t="shared" si="7"/>
        <v/>
      </c>
      <c r="CL68" s="487" t="str">
        <f t="shared" si="7"/>
        <v/>
      </c>
      <c r="CM68" s="487"/>
      <c r="CN68" s="487"/>
      <c r="CO68" s="487"/>
      <c r="CP68" s="487"/>
      <c r="CQ68" s="487"/>
      <c r="CR68" s="487"/>
      <c r="CS68" s="487"/>
      <c r="CT68" s="487"/>
      <c r="CU68" s="487"/>
      <c r="CV68" s="487"/>
      <c r="CW68" s="487"/>
      <c r="CX68" s="487"/>
      <c r="CY68" s="487"/>
      <c r="CZ68" s="487"/>
      <c r="DA68" s="487"/>
      <c r="DB68" s="487"/>
      <c r="DC68" s="487"/>
      <c r="DD68" s="487"/>
      <c r="DE68" s="487"/>
      <c r="DF68" s="487"/>
      <c r="DG68" s="487"/>
      <c r="DH68" s="487"/>
      <c r="DI68" s="484" t="s">
        <v>300</v>
      </c>
      <c r="DJ68" s="484"/>
      <c r="DK68" s="77"/>
    </row>
    <row r="69" spans="1:115" s="136" customFormat="1" ht="56.1" hidden="1" customHeight="1" x14ac:dyDescent="0.2">
      <c r="A69" s="77"/>
      <c r="B69" s="77"/>
      <c r="C69" s="481">
        <v>97</v>
      </c>
      <c r="D69" s="481"/>
      <c r="E69" s="481" t="s">
        <v>2481</v>
      </c>
      <c r="F69" s="482" t="s">
        <v>53</v>
      </c>
      <c r="G69" s="482" t="s">
        <v>295</v>
      </c>
      <c r="H69" s="484" t="s">
        <v>301</v>
      </c>
      <c r="I69" s="484" t="s">
        <v>320</v>
      </c>
      <c r="J69" s="484" t="s">
        <v>321</v>
      </c>
      <c r="K69" s="484"/>
      <c r="L69" s="484" t="s">
        <v>58</v>
      </c>
      <c r="M69" s="484" t="s">
        <v>31</v>
      </c>
      <c r="N69" s="484"/>
      <c r="O69" s="484" t="s">
        <v>81</v>
      </c>
      <c r="P69" s="484" t="s">
        <v>304</v>
      </c>
      <c r="Q69" s="484"/>
      <c r="R69" s="484" t="s">
        <v>225</v>
      </c>
      <c r="S69" s="484" t="s">
        <v>63</v>
      </c>
      <c r="T69" s="484" t="s">
        <v>63</v>
      </c>
      <c r="U69" s="485">
        <v>355860</v>
      </c>
      <c r="V69" s="485"/>
      <c r="W69" s="484" t="s">
        <v>64</v>
      </c>
      <c r="X69" s="484"/>
      <c r="Y69" s="485">
        <v>355860</v>
      </c>
      <c r="Z69" s="484" t="s">
        <v>82</v>
      </c>
      <c r="AA69" s="488"/>
      <c r="AB69" s="488"/>
      <c r="AC69" s="488"/>
      <c r="AD69" s="488"/>
      <c r="AE69" s="488"/>
      <c r="AF69" s="488"/>
      <c r="AG69" s="488"/>
      <c r="AH69" s="488"/>
      <c r="AI69" s="488"/>
      <c r="AJ69" s="488"/>
      <c r="AK69" s="488"/>
      <c r="AL69" s="488"/>
      <c r="AM69" s="488"/>
      <c r="AN69" s="488"/>
      <c r="AO69" s="487" t="s">
        <v>66</v>
      </c>
      <c r="AP69" s="488"/>
      <c r="AQ69" s="488"/>
      <c r="AR69" s="488"/>
      <c r="AS69" s="488"/>
      <c r="AT69" s="488"/>
      <c r="AU69" s="488"/>
      <c r="AV69" s="487"/>
      <c r="AW69" s="488"/>
      <c r="AX69" s="488"/>
      <c r="AY69" s="488"/>
      <c r="AZ69" s="488"/>
      <c r="BA69" s="488"/>
      <c r="BB69" s="488"/>
      <c r="BC69" s="488"/>
      <c r="BD69" s="488"/>
      <c r="BE69" s="488"/>
      <c r="BF69" s="80">
        <f t="shared" si="14"/>
        <v>90</v>
      </c>
      <c r="BG69" s="76">
        <f t="shared" si="10"/>
        <v>3954</v>
      </c>
      <c r="BH69" s="487" t="str">
        <f t="shared" ref="BH69:BV85" si="15">IF(AA69="yes",(AA$2*$BG69),"")</f>
        <v/>
      </c>
      <c r="BI69" s="487" t="str">
        <f t="shared" si="15"/>
        <v/>
      </c>
      <c r="BJ69" s="487" t="str">
        <f t="shared" si="15"/>
        <v/>
      </c>
      <c r="BK69" s="487" t="str">
        <f t="shared" si="15"/>
        <v/>
      </c>
      <c r="BL69" s="487" t="str">
        <f t="shared" si="15"/>
        <v/>
      </c>
      <c r="BM69" s="487" t="str">
        <f t="shared" si="15"/>
        <v/>
      </c>
      <c r="BN69" s="487" t="str">
        <f t="shared" si="15"/>
        <v/>
      </c>
      <c r="BO69" s="487" t="str">
        <f t="shared" si="15"/>
        <v/>
      </c>
      <c r="BP69" s="487" t="str">
        <f t="shared" si="15"/>
        <v/>
      </c>
      <c r="BQ69" s="487" t="str">
        <f t="shared" si="15"/>
        <v/>
      </c>
      <c r="BR69" s="487" t="str">
        <f t="shared" si="15"/>
        <v/>
      </c>
      <c r="BS69" s="487" t="str">
        <f t="shared" si="15"/>
        <v/>
      </c>
      <c r="BT69" s="487" t="str">
        <f t="shared" si="15"/>
        <v/>
      </c>
      <c r="BU69" s="487" t="str">
        <f t="shared" si="15"/>
        <v/>
      </c>
      <c r="BV69" s="487">
        <f t="shared" si="15"/>
        <v>355860</v>
      </c>
      <c r="BW69" s="487" t="str">
        <f t="shared" si="11"/>
        <v/>
      </c>
      <c r="BX69" s="487" t="str">
        <f t="shared" si="11"/>
        <v/>
      </c>
      <c r="BY69" s="487" t="str">
        <f t="shared" si="11"/>
        <v/>
      </c>
      <c r="BZ69" s="487" t="str">
        <f t="shared" si="11"/>
        <v/>
      </c>
      <c r="CA69" s="487" t="str">
        <f t="shared" si="13"/>
        <v/>
      </c>
      <c r="CB69" s="487" t="str">
        <f t="shared" si="13"/>
        <v/>
      </c>
      <c r="CC69" s="487" t="str">
        <f t="shared" si="13"/>
        <v/>
      </c>
      <c r="CD69" s="487" t="str">
        <f t="shared" si="13"/>
        <v/>
      </c>
      <c r="CE69" s="487" t="str">
        <f t="shared" si="13"/>
        <v/>
      </c>
      <c r="CF69" s="487" t="str">
        <f t="shared" si="13"/>
        <v/>
      </c>
      <c r="CG69" s="487" t="str">
        <f t="shared" si="13"/>
        <v/>
      </c>
      <c r="CH69" s="487" t="str">
        <f t="shared" si="13"/>
        <v/>
      </c>
      <c r="CI69" s="487" t="str">
        <f t="shared" si="13"/>
        <v/>
      </c>
      <c r="CJ69" s="487" t="str">
        <f t="shared" si="7"/>
        <v/>
      </c>
      <c r="CK69" s="487" t="str">
        <f t="shared" si="7"/>
        <v/>
      </c>
      <c r="CL69" s="487" t="str">
        <f t="shared" si="7"/>
        <v/>
      </c>
      <c r="CM69" s="487"/>
      <c r="CN69" s="487"/>
      <c r="CO69" s="487"/>
      <c r="CP69" s="487"/>
      <c r="CQ69" s="487"/>
      <c r="CR69" s="487"/>
      <c r="CS69" s="487"/>
      <c r="CT69" s="487"/>
      <c r="CU69" s="487"/>
      <c r="CV69" s="487"/>
      <c r="CW69" s="487"/>
      <c r="CX69" s="487"/>
      <c r="CY69" s="487"/>
      <c r="CZ69" s="487"/>
      <c r="DA69" s="487"/>
      <c r="DB69" s="487"/>
      <c r="DC69" s="487"/>
      <c r="DD69" s="487"/>
      <c r="DE69" s="487"/>
      <c r="DF69" s="487"/>
      <c r="DG69" s="487"/>
      <c r="DH69" s="487"/>
      <c r="DI69" s="484" t="s">
        <v>300</v>
      </c>
      <c r="DJ69" s="484"/>
      <c r="DK69" s="77"/>
    </row>
    <row r="70" spans="1:115" s="136" customFormat="1" ht="56.1" hidden="1" customHeight="1" x14ac:dyDescent="0.2">
      <c r="A70" s="77"/>
      <c r="B70" s="77"/>
      <c r="C70" s="481">
        <v>98</v>
      </c>
      <c r="D70" s="481"/>
      <c r="E70" s="481" t="s">
        <v>2481</v>
      </c>
      <c r="F70" s="482" t="s">
        <v>53</v>
      </c>
      <c r="G70" s="482" t="s">
        <v>295</v>
      </c>
      <c r="H70" s="484" t="s">
        <v>296</v>
      </c>
      <c r="I70" s="484" t="s">
        <v>317</v>
      </c>
      <c r="J70" s="484" t="s">
        <v>318</v>
      </c>
      <c r="K70" s="484"/>
      <c r="L70" s="484" t="s">
        <v>58</v>
      </c>
      <c r="M70" s="484" t="s">
        <v>327</v>
      </c>
      <c r="N70" s="484"/>
      <c r="O70" s="484" t="s">
        <v>81</v>
      </c>
      <c r="P70" s="484" t="s">
        <v>299</v>
      </c>
      <c r="Q70" s="484"/>
      <c r="R70" s="484" t="s">
        <v>225</v>
      </c>
      <c r="S70" s="484" t="s">
        <v>63</v>
      </c>
      <c r="T70" s="484" t="s">
        <v>63</v>
      </c>
      <c r="U70" s="485">
        <v>9094200</v>
      </c>
      <c r="V70" s="485"/>
      <c r="W70" s="484" t="s">
        <v>64</v>
      </c>
      <c r="X70" s="484"/>
      <c r="Y70" s="485">
        <v>9094200</v>
      </c>
      <c r="Z70" s="484" t="s">
        <v>82</v>
      </c>
      <c r="AA70" s="488"/>
      <c r="AB70" s="488"/>
      <c r="AC70" s="488"/>
      <c r="AD70" s="488"/>
      <c r="AE70" s="488"/>
      <c r="AF70" s="488"/>
      <c r="AG70" s="488"/>
      <c r="AH70" s="488"/>
      <c r="AI70" s="488"/>
      <c r="AJ70" s="488"/>
      <c r="AK70" s="488"/>
      <c r="AL70" s="488"/>
      <c r="AM70" s="488"/>
      <c r="AN70" s="488"/>
      <c r="AO70" s="488"/>
      <c r="AP70" s="487" t="s">
        <v>66</v>
      </c>
      <c r="AQ70" s="488"/>
      <c r="AR70" s="488"/>
      <c r="AS70" s="488"/>
      <c r="AT70" s="488"/>
      <c r="AU70" s="488"/>
      <c r="AV70" s="487"/>
      <c r="AW70" s="488"/>
      <c r="AX70" s="488"/>
      <c r="AY70" s="488"/>
      <c r="AZ70" s="488"/>
      <c r="BA70" s="488"/>
      <c r="BB70" s="488"/>
      <c r="BC70" s="488"/>
      <c r="BD70" s="488"/>
      <c r="BE70" s="488"/>
      <c r="BF70" s="80">
        <f t="shared" si="14"/>
        <v>80</v>
      </c>
      <c r="BG70" s="76">
        <f t="shared" si="10"/>
        <v>113677.5</v>
      </c>
      <c r="BH70" s="487" t="str">
        <f t="shared" si="15"/>
        <v/>
      </c>
      <c r="BI70" s="487" t="str">
        <f t="shared" si="15"/>
        <v/>
      </c>
      <c r="BJ70" s="487" t="str">
        <f t="shared" si="15"/>
        <v/>
      </c>
      <c r="BK70" s="487" t="str">
        <f t="shared" si="15"/>
        <v/>
      </c>
      <c r="BL70" s="487" t="str">
        <f t="shared" si="15"/>
        <v/>
      </c>
      <c r="BM70" s="487" t="str">
        <f t="shared" si="15"/>
        <v/>
      </c>
      <c r="BN70" s="487" t="str">
        <f t="shared" si="15"/>
        <v/>
      </c>
      <c r="BO70" s="487" t="str">
        <f t="shared" si="15"/>
        <v/>
      </c>
      <c r="BP70" s="487" t="str">
        <f t="shared" si="15"/>
        <v/>
      </c>
      <c r="BQ70" s="487" t="str">
        <f t="shared" si="15"/>
        <v/>
      </c>
      <c r="BR70" s="487" t="str">
        <f t="shared" si="15"/>
        <v/>
      </c>
      <c r="BS70" s="487" t="str">
        <f t="shared" si="15"/>
        <v/>
      </c>
      <c r="BT70" s="487" t="str">
        <f t="shared" si="15"/>
        <v/>
      </c>
      <c r="BU70" s="487" t="str">
        <f t="shared" si="15"/>
        <v/>
      </c>
      <c r="BV70" s="487" t="str">
        <f t="shared" si="15"/>
        <v/>
      </c>
      <c r="BW70" s="487">
        <f t="shared" si="11"/>
        <v>9094200</v>
      </c>
      <c r="BX70" s="487" t="str">
        <f t="shared" si="11"/>
        <v/>
      </c>
      <c r="BY70" s="487" t="str">
        <f t="shared" si="11"/>
        <v/>
      </c>
      <c r="BZ70" s="487" t="str">
        <f t="shared" si="11"/>
        <v/>
      </c>
      <c r="CA70" s="487" t="str">
        <f t="shared" si="13"/>
        <v/>
      </c>
      <c r="CB70" s="487" t="str">
        <f t="shared" si="13"/>
        <v/>
      </c>
      <c r="CC70" s="487" t="str">
        <f t="shared" si="13"/>
        <v/>
      </c>
      <c r="CD70" s="487" t="str">
        <f t="shared" si="13"/>
        <v/>
      </c>
      <c r="CE70" s="487" t="str">
        <f t="shared" si="13"/>
        <v/>
      </c>
      <c r="CF70" s="487" t="str">
        <f t="shared" si="13"/>
        <v/>
      </c>
      <c r="CG70" s="487" t="str">
        <f t="shared" si="13"/>
        <v/>
      </c>
      <c r="CH70" s="487" t="str">
        <f t="shared" si="13"/>
        <v/>
      </c>
      <c r="CI70" s="487" t="str">
        <f t="shared" si="13"/>
        <v/>
      </c>
      <c r="CJ70" s="487" t="str">
        <f t="shared" si="7"/>
        <v/>
      </c>
      <c r="CK70" s="487" t="str">
        <f t="shared" si="7"/>
        <v/>
      </c>
      <c r="CL70" s="487" t="str">
        <f t="shared" si="7"/>
        <v/>
      </c>
      <c r="CM70" s="487"/>
      <c r="CN70" s="487"/>
      <c r="CO70" s="487"/>
      <c r="CP70" s="487"/>
      <c r="CQ70" s="487"/>
      <c r="CR70" s="487"/>
      <c r="CS70" s="487"/>
      <c r="CT70" s="487"/>
      <c r="CU70" s="487"/>
      <c r="CV70" s="487"/>
      <c r="CW70" s="487"/>
      <c r="CX70" s="487"/>
      <c r="CY70" s="487"/>
      <c r="CZ70" s="487"/>
      <c r="DA70" s="487"/>
      <c r="DB70" s="487"/>
      <c r="DC70" s="487"/>
      <c r="DD70" s="487"/>
      <c r="DE70" s="487"/>
      <c r="DF70" s="487"/>
      <c r="DG70" s="487"/>
      <c r="DH70" s="487"/>
      <c r="DI70" s="484" t="s">
        <v>300</v>
      </c>
      <c r="DJ70" s="484"/>
      <c r="DK70" s="77"/>
    </row>
    <row r="71" spans="1:115" s="136" customFormat="1" ht="56.1" hidden="1" customHeight="1" x14ac:dyDescent="0.2">
      <c r="A71" s="77"/>
      <c r="B71" s="77"/>
      <c r="C71" s="481">
        <v>99</v>
      </c>
      <c r="D71" s="481"/>
      <c r="E71" s="481" t="s">
        <v>2481</v>
      </c>
      <c r="F71" s="482" t="s">
        <v>53</v>
      </c>
      <c r="G71" s="482" t="s">
        <v>295</v>
      </c>
      <c r="H71" s="484" t="s">
        <v>301</v>
      </c>
      <c r="I71" s="484" t="s">
        <v>320</v>
      </c>
      <c r="J71" s="484" t="s">
        <v>321</v>
      </c>
      <c r="K71" s="484"/>
      <c r="L71" s="484" t="s">
        <v>58</v>
      </c>
      <c r="M71" s="484" t="s">
        <v>327</v>
      </c>
      <c r="N71" s="484"/>
      <c r="O71" s="484" t="s">
        <v>81</v>
      </c>
      <c r="P71" s="484" t="s">
        <v>304</v>
      </c>
      <c r="Q71" s="484"/>
      <c r="R71" s="484" t="s">
        <v>225</v>
      </c>
      <c r="S71" s="484" t="s">
        <v>63</v>
      </c>
      <c r="T71" s="484" t="s">
        <v>63</v>
      </c>
      <c r="U71" s="485">
        <v>355860</v>
      </c>
      <c r="V71" s="485"/>
      <c r="W71" s="484" t="s">
        <v>64</v>
      </c>
      <c r="X71" s="484"/>
      <c r="Y71" s="485">
        <v>355860</v>
      </c>
      <c r="Z71" s="484" t="s">
        <v>82</v>
      </c>
      <c r="AA71" s="488"/>
      <c r="AB71" s="488"/>
      <c r="AC71" s="488"/>
      <c r="AD71" s="488"/>
      <c r="AE71" s="488"/>
      <c r="AF71" s="488"/>
      <c r="AG71" s="488"/>
      <c r="AH71" s="488"/>
      <c r="AI71" s="488"/>
      <c r="AJ71" s="488"/>
      <c r="AK71" s="488"/>
      <c r="AL71" s="488"/>
      <c r="AM71" s="488"/>
      <c r="AN71" s="488"/>
      <c r="AO71" s="488"/>
      <c r="AP71" s="487" t="s">
        <v>66</v>
      </c>
      <c r="AQ71" s="488"/>
      <c r="AR71" s="488"/>
      <c r="AS71" s="488"/>
      <c r="AT71" s="488"/>
      <c r="AU71" s="488"/>
      <c r="AV71" s="487"/>
      <c r="AW71" s="488"/>
      <c r="AX71" s="488"/>
      <c r="AY71" s="488"/>
      <c r="AZ71" s="488"/>
      <c r="BA71" s="488"/>
      <c r="BB71" s="488"/>
      <c r="BC71" s="488"/>
      <c r="BD71" s="488"/>
      <c r="BE71" s="488"/>
      <c r="BF71" s="80">
        <f t="shared" si="14"/>
        <v>80</v>
      </c>
      <c r="BG71" s="76">
        <f t="shared" si="10"/>
        <v>4448.25</v>
      </c>
      <c r="BH71" s="487" t="str">
        <f t="shared" si="15"/>
        <v/>
      </c>
      <c r="BI71" s="487" t="str">
        <f t="shared" si="15"/>
        <v/>
      </c>
      <c r="BJ71" s="487" t="str">
        <f t="shared" si="15"/>
        <v/>
      </c>
      <c r="BK71" s="487" t="str">
        <f t="shared" si="15"/>
        <v/>
      </c>
      <c r="BL71" s="487" t="str">
        <f t="shared" si="15"/>
        <v/>
      </c>
      <c r="BM71" s="487" t="str">
        <f t="shared" si="15"/>
        <v/>
      </c>
      <c r="BN71" s="487" t="str">
        <f t="shared" si="15"/>
        <v/>
      </c>
      <c r="BO71" s="487" t="str">
        <f t="shared" si="15"/>
        <v/>
      </c>
      <c r="BP71" s="487" t="str">
        <f t="shared" si="15"/>
        <v/>
      </c>
      <c r="BQ71" s="487" t="str">
        <f t="shared" si="15"/>
        <v/>
      </c>
      <c r="BR71" s="487" t="str">
        <f t="shared" si="15"/>
        <v/>
      </c>
      <c r="BS71" s="487" t="str">
        <f t="shared" si="15"/>
        <v/>
      </c>
      <c r="BT71" s="487" t="str">
        <f t="shared" si="15"/>
        <v/>
      </c>
      <c r="BU71" s="487" t="str">
        <f t="shared" si="15"/>
        <v/>
      </c>
      <c r="BV71" s="487" t="str">
        <f t="shared" si="15"/>
        <v/>
      </c>
      <c r="BW71" s="487">
        <f t="shared" si="11"/>
        <v>355860</v>
      </c>
      <c r="BX71" s="487" t="str">
        <f t="shared" si="11"/>
        <v/>
      </c>
      <c r="BY71" s="487" t="str">
        <f t="shared" si="11"/>
        <v/>
      </c>
      <c r="BZ71" s="487" t="str">
        <f t="shared" si="11"/>
        <v/>
      </c>
      <c r="CA71" s="487" t="str">
        <f t="shared" si="13"/>
        <v/>
      </c>
      <c r="CB71" s="487" t="str">
        <f t="shared" si="13"/>
        <v/>
      </c>
      <c r="CC71" s="487" t="str">
        <f t="shared" si="13"/>
        <v/>
      </c>
      <c r="CD71" s="487" t="str">
        <f t="shared" si="13"/>
        <v/>
      </c>
      <c r="CE71" s="487" t="str">
        <f t="shared" si="13"/>
        <v/>
      </c>
      <c r="CF71" s="487" t="str">
        <f t="shared" si="13"/>
        <v/>
      </c>
      <c r="CG71" s="487" t="str">
        <f t="shared" si="13"/>
        <v/>
      </c>
      <c r="CH71" s="487" t="str">
        <f t="shared" si="13"/>
        <v/>
      </c>
      <c r="CI71" s="487" t="str">
        <f t="shared" si="13"/>
        <v/>
      </c>
      <c r="CJ71" s="487" t="str">
        <f t="shared" si="7"/>
        <v/>
      </c>
      <c r="CK71" s="487" t="str">
        <f t="shared" si="7"/>
        <v/>
      </c>
      <c r="CL71" s="487" t="str">
        <f t="shared" si="7"/>
        <v/>
      </c>
      <c r="CM71" s="487"/>
      <c r="CN71" s="487"/>
      <c r="CO71" s="487"/>
      <c r="CP71" s="487"/>
      <c r="CQ71" s="487"/>
      <c r="CR71" s="487"/>
      <c r="CS71" s="487"/>
      <c r="CT71" s="487"/>
      <c r="CU71" s="487"/>
      <c r="CV71" s="487"/>
      <c r="CW71" s="487"/>
      <c r="CX71" s="487"/>
      <c r="CY71" s="487"/>
      <c r="CZ71" s="487"/>
      <c r="DA71" s="487"/>
      <c r="DB71" s="487"/>
      <c r="DC71" s="487"/>
      <c r="DD71" s="487"/>
      <c r="DE71" s="487"/>
      <c r="DF71" s="487"/>
      <c r="DG71" s="487"/>
      <c r="DH71" s="487"/>
      <c r="DI71" s="484" t="s">
        <v>300</v>
      </c>
      <c r="DJ71" s="484"/>
      <c r="DK71" s="77"/>
    </row>
    <row r="72" spans="1:115" s="136" customFormat="1" ht="56.1" hidden="1" customHeight="1" x14ac:dyDescent="0.2">
      <c r="A72" s="77"/>
      <c r="B72" s="77"/>
      <c r="C72" s="481">
        <v>100</v>
      </c>
      <c r="D72" s="481"/>
      <c r="E72" s="481" t="s">
        <v>2481</v>
      </c>
      <c r="F72" s="482" t="s">
        <v>53</v>
      </c>
      <c r="G72" s="482" t="s">
        <v>295</v>
      </c>
      <c r="H72" s="484" t="s">
        <v>296</v>
      </c>
      <c r="I72" s="484" t="s">
        <v>317</v>
      </c>
      <c r="J72" s="484" t="s">
        <v>318</v>
      </c>
      <c r="K72" s="484"/>
      <c r="L72" s="484" t="s">
        <v>58</v>
      </c>
      <c r="M72" s="484" t="s">
        <v>328</v>
      </c>
      <c r="N72" s="484"/>
      <c r="O72" s="484" t="s">
        <v>81</v>
      </c>
      <c r="P72" s="484" t="s">
        <v>299</v>
      </c>
      <c r="Q72" s="484"/>
      <c r="R72" s="484" t="s">
        <v>225</v>
      </c>
      <c r="S72" s="484" t="s">
        <v>63</v>
      </c>
      <c r="T72" s="484" t="s">
        <v>63</v>
      </c>
      <c r="U72" s="485">
        <v>9094200</v>
      </c>
      <c r="V72" s="485"/>
      <c r="W72" s="484" t="s">
        <v>64</v>
      </c>
      <c r="X72" s="484"/>
      <c r="Y72" s="485">
        <v>9094200</v>
      </c>
      <c r="Z72" s="484" t="s">
        <v>82</v>
      </c>
      <c r="AA72" s="488"/>
      <c r="AB72" s="488"/>
      <c r="AC72" s="488"/>
      <c r="AD72" s="488"/>
      <c r="AE72" s="488"/>
      <c r="AF72" s="488"/>
      <c r="AG72" s="488"/>
      <c r="AH72" s="488"/>
      <c r="AI72" s="488"/>
      <c r="AJ72" s="488"/>
      <c r="AK72" s="488"/>
      <c r="AL72" s="487" t="s">
        <v>66</v>
      </c>
      <c r="AM72" s="488"/>
      <c r="AN72" s="488"/>
      <c r="AO72" s="488"/>
      <c r="AP72" s="488"/>
      <c r="AQ72" s="488"/>
      <c r="AR72" s="488"/>
      <c r="AS72" s="488"/>
      <c r="AT72" s="488"/>
      <c r="AU72" s="488"/>
      <c r="AV72" s="487"/>
      <c r="AW72" s="488"/>
      <c r="AX72" s="488"/>
      <c r="AY72" s="488"/>
      <c r="AZ72" s="488"/>
      <c r="BA72" s="488"/>
      <c r="BB72" s="488"/>
      <c r="BC72" s="488"/>
      <c r="BD72" s="488"/>
      <c r="BE72" s="488"/>
      <c r="BF72" s="80">
        <f t="shared" si="14"/>
        <v>200</v>
      </c>
      <c r="BG72" s="76">
        <f t="shared" si="10"/>
        <v>45471</v>
      </c>
      <c r="BH72" s="487" t="str">
        <f t="shared" si="15"/>
        <v/>
      </c>
      <c r="BI72" s="487" t="str">
        <f t="shared" si="15"/>
        <v/>
      </c>
      <c r="BJ72" s="487" t="str">
        <f t="shared" si="15"/>
        <v/>
      </c>
      <c r="BK72" s="487" t="str">
        <f t="shared" si="15"/>
        <v/>
      </c>
      <c r="BL72" s="487" t="str">
        <f t="shared" si="15"/>
        <v/>
      </c>
      <c r="BM72" s="487" t="str">
        <f t="shared" si="15"/>
        <v/>
      </c>
      <c r="BN72" s="487" t="str">
        <f t="shared" si="15"/>
        <v/>
      </c>
      <c r="BO72" s="487" t="str">
        <f t="shared" si="15"/>
        <v/>
      </c>
      <c r="BP72" s="487" t="str">
        <f t="shared" si="15"/>
        <v/>
      </c>
      <c r="BQ72" s="487" t="str">
        <f t="shared" si="15"/>
        <v/>
      </c>
      <c r="BR72" s="487" t="str">
        <f t="shared" si="15"/>
        <v/>
      </c>
      <c r="BS72" s="487">
        <f t="shared" si="15"/>
        <v>9094200</v>
      </c>
      <c r="BT72" s="487" t="str">
        <f t="shared" si="15"/>
        <v/>
      </c>
      <c r="BU72" s="487" t="str">
        <f t="shared" si="15"/>
        <v/>
      </c>
      <c r="BV72" s="487" t="str">
        <f t="shared" si="15"/>
        <v/>
      </c>
      <c r="BW72" s="487" t="str">
        <f t="shared" si="11"/>
        <v/>
      </c>
      <c r="BX72" s="487" t="str">
        <f t="shared" si="11"/>
        <v/>
      </c>
      <c r="BY72" s="487" t="str">
        <f t="shared" si="11"/>
        <v/>
      </c>
      <c r="BZ72" s="487" t="str">
        <f t="shared" si="11"/>
        <v/>
      </c>
      <c r="CA72" s="487" t="str">
        <f t="shared" si="13"/>
        <v/>
      </c>
      <c r="CB72" s="487" t="str">
        <f t="shared" si="13"/>
        <v/>
      </c>
      <c r="CC72" s="487" t="str">
        <f t="shared" si="13"/>
        <v/>
      </c>
      <c r="CD72" s="487" t="str">
        <f t="shared" si="13"/>
        <v/>
      </c>
      <c r="CE72" s="487" t="str">
        <f t="shared" si="13"/>
        <v/>
      </c>
      <c r="CF72" s="487" t="str">
        <f t="shared" si="13"/>
        <v/>
      </c>
      <c r="CG72" s="487" t="str">
        <f t="shared" si="13"/>
        <v/>
      </c>
      <c r="CH72" s="487" t="str">
        <f t="shared" si="13"/>
        <v/>
      </c>
      <c r="CI72" s="487" t="str">
        <f t="shared" si="13"/>
        <v/>
      </c>
      <c r="CJ72" s="487" t="str">
        <f t="shared" si="7"/>
        <v/>
      </c>
      <c r="CK72" s="487" t="str">
        <f t="shared" si="7"/>
        <v/>
      </c>
      <c r="CL72" s="487" t="str">
        <f t="shared" si="7"/>
        <v/>
      </c>
      <c r="CM72" s="487"/>
      <c r="CN72" s="487"/>
      <c r="CO72" s="487"/>
      <c r="CP72" s="487"/>
      <c r="CQ72" s="487"/>
      <c r="CR72" s="487"/>
      <c r="CS72" s="487"/>
      <c r="CT72" s="487"/>
      <c r="CU72" s="487"/>
      <c r="CV72" s="487"/>
      <c r="CW72" s="487"/>
      <c r="CX72" s="487"/>
      <c r="CY72" s="487"/>
      <c r="CZ72" s="487"/>
      <c r="DA72" s="487"/>
      <c r="DB72" s="487"/>
      <c r="DC72" s="487"/>
      <c r="DD72" s="487"/>
      <c r="DE72" s="487"/>
      <c r="DF72" s="487"/>
      <c r="DG72" s="487"/>
      <c r="DH72" s="487"/>
      <c r="DI72" s="484" t="s">
        <v>300</v>
      </c>
      <c r="DJ72" s="484"/>
      <c r="DK72" s="77"/>
    </row>
    <row r="73" spans="1:115" s="136" customFormat="1" ht="56.1" hidden="1" customHeight="1" x14ac:dyDescent="0.2">
      <c r="A73" s="77"/>
      <c r="B73" s="77"/>
      <c r="C73" s="481">
        <v>101</v>
      </c>
      <c r="D73" s="481"/>
      <c r="E73" s="481" t="s">
        <v>2481</v>
      </c>
      <c r="F73" s="482" t="s">
        <v>53</v>
      </c>
      <c r="G73" s="482" t="s">
        <v>295</v>
      </c>
      <c r="H73" s="484" t="s">
        <v>301</v>
      </c>
      <c r="I73" s="484" t="s">
        <v>320</v>
      </c>
      <c r="J73" s="484" t="s">
        <v>321</v>
      </c>
      <c r="K73" s="484"/>
      <c r="L73" s="484" t="s">
        <v>58</v>
      </c>
      <c r="M73" s="484" t="s">
        <v>328</v>
      </c>
      <c r="N73" s="484"/>
      <c r="O73" s="484" t="s">
        <v>81</v>
      </c>
      <c r="P73" s="484" t="s">
        <v>304</v>
      </c>
      <c r="Q73" s="484"/>
      <c r="R73" s="484" t="s">
        <v>225</v>
      </c>
      <c r="S73" s="484" t="s">
        <v>63</v>
      </c>
      <c r="T73" s="484" t="s">
        <v>63</v>
      </c>
      <c r="U73" s="485">
        <v>355860</v>
      </c>
      <c r="V73" s="485"/>
      <c r="W73" s="484" t="s">
        <v>64</v>
      </c>
      <c r="X73" s="484"/>
      <c r="Y73" s="485">
        <v>355860</v>
      </c>
      <c r="Z73" s="484" t="s">
        <v>82</v>
      </c>
      <c r="AA73" s="488"/>
      <c r="AB73" s="488"/>
      <c r="AC73" s="488"/>
      <c r="AD73" s="488"/>
      <c r="AE73" s="488"/>
      <c r="AF73" s="488"/>
      <c r="AG73" s="488"/>
      <c r="AH73" s="488"/>
      <c r="AI73" s="488"/>
      <c r="AJ73" s="488"/>
      <c r="AK73" s="488"/>
      <c r="AL73" s="487" t="s">
        <v>66</v>
      </c>
      <c r="AM73" s="488"/>
      <c r="AN73" s="488"/>
      <c r="AO73" s="488"/>
      <c r="AP73" s="488"/>
      <c r="AQ73" s="488"/>
      <c r="AR73" s="488"/>
      <c r="AS73" s="488"/>
      <c r="AT73" s="488"/>
      <c r="AU73" s="488"/>
      <c r="AV73" s="487"/>
      <c r="AW73" s="488"/>
      <c r="AX73" s="488"/>
      <c r="AY73" s="488"/>
      <c r="AZ73" s="488"/>
      <c r="BA73" s="488"/>
      <c r="BB73" s="488"/>
      <c r="BC73" s="488"/>
      <c r="BD73" s="488"/>
      <c r="BE73" s="488"/>
      <c r="BF73" s="80">
        <f t="shared" si="14"/>
        <v>200</v>
      </c>
      <c r="BG73" s="76">
        <f t="shared" si="10"/>
        <v>1779.3</v>
      </c>
      <c r="BH73" s="487" t="str">
        <f t="shared" si="15"/>
        <v/>
      </c>
      <c r="BI73" s="487" t="str">
        <f t="shared" si="15"/>
        <v/>
      </c>
      <c r="BJ73" s="487" t="str">
        <f t="shared" si="15"/>
        <v/>
      </c>
      <c r="BK73" s="487" t="str">
        <f t="shared" si="15"/>
        <v/>
      </c>
      <c r="BL73" s="487" t="str">
        <f t="shared" si="15"/>
        <v/>
      </c>
      <c r="BM73" s="487" t="str">
        <f t="shared" si="15"/>
        <v/>
      </c>
      <c r="BN73" s="487" t="str">
        <f t="shared" si="15"/>
        <v/>
      </c>
      <c r="BO73" s="487" t="str">
        <f t="shared" si="15"/>
        <v/>
      </c>
      <c r="BP73" s="487" t="str">
        <f t="shared" si="15"/>
        <v/>
      </c>
      <c r="BQ73" s="487" t="str">
        <f t="shared" si="15"/>
        <v/>
      </c>
      <c r="BR73" s="487" t="str">
        <f t="shared" si="15"/>
        <v/>
      </c>
      <c r="BS73" s="487">
        <f t="shared" si="15"/>
        <v>355860</v>
      </c>
      <c r="BT73" s="487" t="str">
        <f t="shared" si="15"/>
        <v/>
      </c>
      <c r="BU73" s="487" t="str">
        <f t="shared" si="15"/>
        <v/>
      </c>
      <c r="BV73" s="487" t="str">
        <f t="shared" si="15"/>
        <v/>
      </c>
      <c r="BW73" s="487" t="str">
        <f t="shared" si="11"/>
        <v/>
      </c>
      <c r="BX73" s="487" t="str">
        <f t="shared" si="11"/>
        <v/>
      </c>
      <c r="BY73" s="487" t="str">
        <f t="shared" si="11"/>
        <v/>
      </c>
      <c r="BZ73" s="487" t="str">
        <f t="shared" si="11"/>
        <v/>
      </c>
      <c r="CA73" s="487" t="str">
        <f t="shared" si="13"/>
        <v/>
      </c>
      <c r="CB73" s="487" t="str">
        <f t="shared" si="13"/>
        <v/>
      </c>
      <c r="CC73" s="487" t="str">
        <f t="shared" si="13"/>
        <v/>
      </c>
      <c r="CD73" s="487" t="str">
        <f t="shared" si="13"/>
        <v/>
      </c>
      <c r="CE73" s="487" t="str">
        <f t="shared" si="13"/>
        <v/>
      </c>
      <c r="CF73" s="487" t="str">
        <f t="shared" si="13"/>
        <v/>
      </c>
      <c r="CG73" s="487" t="str">
        <f t="shared" si="13"/>
        <v/>
      </c>
      <c r="CH73" s="487" t="str">
        <f t="shared" si="13"/>
        <v/>
      </c>
      <c r="CI73" s="487" t="str">
        <f t="shared" si="13"/>
        <v/>
      </c>
      <c r="CJ73" s="487" t="str">
        <f t="shared" si="7"/>
        <v/>
      </c>
      <c r="CK73" s="487" t="str">
        <f t="shared" si="7"/>
        <v/>
      </c>
      <c r="CL73" s="487" t="str">
        <f t="shared" si="7"/>
        <v/>
      </c>
      <c r="CM73" s="487"/>
      <c r="CN73" s="487"/>
      <c r="CO73" s="487"/>
      <c r="CP73" s="487"/>
      <c r="CQ73" s="487"/>
      <c r="CR73" s="487"/>
      <c r="CS73" s="487"/>
      <c r="CT73" s="487"/>
      <c r="CU73" s="487"/>
      <c r="CV73" s="487"/>
      <c r="CW73" s="487"/>
      <c r="CX73" s="487"/>
      <c r="CY73" s="487"/>
      <c r="CZ73" s="487"/>
      <c r="DA73" s="487"/>
      <c r="DB73" s="487"/>
      <c r="DC73" s="487"/>
      <c r="DD73" s="487"/>
      <c r="DE73" s="487"/>
      <c r="DF73" s="487"/>
      <c r="DG73" s="487"/>
      <c r="DH73" s="487"/>
      <c r="DI73" s="484" t="s">
        <v>300</v>
      </c>
      <c r="DJ73" s="484"/>
      <c r="DK73" s="77"/>
    </row>
    <row r="74" spans="1:115" s="136" customFormat="1" ht="56.1" hidden="1" customHeight="1" x14ac:dyDescent="0.2">
      <c r="A74" s="77"/>
      <c r="B74" s="77"/>
      <c r="C74" s="481">
        <v>102</v>
      </c>
      <c r="D74" s="481"/>
      <c r="E74" s="481" t="s">
        <v>2481</v>
      </c>
      <c r="F74" s="482" t="s">
        <v>53</v>
      </c>
      <c r="G74" s="482" t="s">
        <v>295</v>
      </c>
      <c r="H74" s="484" t="s">
        <v>296</v>
      </c>
      <c r="I74" s="484" t="s">
        <v>317</v>
      </c>
      <c r="J74" s="484" t="s">
        <v>318</v>
      </c>
      <c r="K74" s="484"/>
      <c r="L74" s="484" t="s">
        <v>58</v>
      </c>
      <c r="M74" s="484" t="s">
        <v>310</v>
      </c>
      <c r="N74" s="484"/>
      <c r="O74" s="484" t="s">
        <v>81</v>
      </c>
      <c r="P74" s="484" t="s">
        <v>299</v>
      </c>
      <c r="Q74" s="484"/>
      <c r="R74" s="484" t="s">
        <v>225</v>
      </c>
      <c r="S74" s="484" t="s">
        <v>63</v>
      </c>
      <c r="T74" s="484" t="s">
        <v>63</v>
      </c>
      <c r="U74" s="485">
        <v>9094200</v>
      </c>
      <c r="V74" s="485"/>
      <c r="W74" s="484" t="s">
        <v>64</v>
      </c>
      <c r="X74" s="484"/>
      <c r="Y74" s="485">
        <v>9094200</v>
      </c>
      <c r="Z74" s="484" t="s">
        <v>82</v>
      </c>
      <c r="AA74" s="488"/>
      <c r="AB74" s="488"/>
      <c r="AC74" s="488"/>
      <c r="AD74" s="488"/>
      <c r="AE74" s="488"/>
      <c r="AF74" s="488"/>
      <c r="AG74" s="488"/>
      <c r="AH74" s="488"/>
      <c r="AI74" s="488"/>
      <c r="AJ74" s="488"/>
      <c r="AK74" s="488"/>
      <c r="AL74" s="488"/>
      <c r="AM74" s="488"/>
      <c r="AN74" s="488"/>
      <c r="AO74" s="488"/>
      <c r="AP74" s="488"/>
      <c r="AQ74" s="487" t="s">
        <v>66</v>
      </c>
      <c r="AR74" s="488"/>
      <c r="AS74" s="488"/>
      <c r="AT74" s="488"/>
      <c r="AU74" s="488"/>
      <c r="AV74" s="487"/>
      <c r="AW74" s="488"/>
      <c r="AX74" s="488"/>
      <c r="AY74" s="488"/>
      <c r="AZ74" s="488"/>
      <c r="BA74" s="488"/>
      <c r="BB74" s="488"/>
      <c r="BC74" s="488"/>
      <c r="BD74" s="488"/>
      <c r="BE74" s="488"/>
      <c r="BF74" s="80">
        <f t="shared" si="14"/>
        <v>2385</v>
      </c>
      <c r="BG74" s="76">
        <f t="shared" si="10"/>
        <v>3813.0817610062895</v>
      </c>
      <c r="BH74" s="487" t="str">
        <f t="shared" si="15"/>
        <v/>
      </c>
      <c r="BI74" s="487" t="str">
        <f t="shared" si="15"/>
        <v/>
      </c>
      <c r="BJ74" s="487" t="str">
        <f t="shared" si="15"/>
        <v/>
      </c>
      <c r="BK74" s="487" t="str">
        <f t="shared" si="15"/>
        <v/>
      </c>
      <c r="BL74" s="487" t="str">
        <f t="shared" si="15"/>
        <v/>
      </c>
      <c r="BM74" s="487" t="str">
        <f t="shared" si="15"/>
        <v/>
      </c>
      <c r="BN74" s="487" t="str">
        <f t="shared" si="15"/>
        <v/>
      </c>
      <c r="BO74" s="487" t="str">
        <f t="shared" si="15"/>
        <v/>
      </c>
      <c r="BP74" s="487" t="str">
        <f t="shared" si="15"/>
        <v/>
      </c>
      <c r="BQ74" s="487" t="str">
        <f t="shared" si="15"/>
        <v/>
      </c>
      <c r="BR74" s="487" t="str">
        <f t="shared" si="15"/>
        <v/>
      </c>
      <c r="BS74" s="487" t="str">
        <f t="shared" si="15"/>
        <v/>
      </c>
      <c r="BT74" s="487" t="str">
        <f t="shared" si="15"/>
        <v/>
      </c>
      <c r="BU74" s="487" t="str">
        <f t="shared" si="15"/>
        <v/>
      </c>
      <c r="BV74" s="487" t="str">
        <f t="shared" si="15"/>
        <v/>
      </c>
      <c r="BW74" s="487" t="str">
        <f t="shared" si="11"/>
        <v/>
      </c>
      <c r="BX74" s="487">
        <f t="shared" si="11"/>
        <v>9094200</v>
      </c>
      <c r="BY74" s="487" t="str">
        <f t="shared" si="11"/>
        <v/>
      </c>
      <c r="BZ74" s="487" t="str">
        <f t="shared" si="11"/>
        <v/>
      </c>
      <c r="CA74" s="487" t="str">
        <f t="shared" si="13"/>
        <v/>
      </c>
      <c r="CB74" s="487" t="str">
        <f t="shared" si="13"/>
        <v/>
      </c>
      <c r="CC74" s="487" t="str">
        <f t="shared" si="13"/>
        <v/>
      </c>
      <c r="CD74" s="487" t="str">
        <f t="shared" si="13"/>
        <v/>
      </c>
      <c r="CE74" s="487" t="str">
        <f t="shared" si="13"/>
        <v/>
      </c>
      <c r="CF74" s="487" t="str">
        <f t="shared" si="13"/>
        <v/>
      </c>
      <c r="CG74" s="487" t="str">
        <f t="shared" si="13"/>
        <v/>
      </c>
      <c r="CH74" s="487" t="str">
        <f t="shared" si="13"/>
        <v/>
      </c>
      <c r="CI74" s="487" t="str">
        <f t="shared" si="13"/>
        <v/>
      </c>
      <c r="CJ74" s="487" t="str">
        <f t="shared" si="7"/>
        <v/>
      </c>
      <c r="CK74" s="487" t="str">
        <f t="shared" si="7"/>
        <v/>
      </c>
      <c r="CL74" s="487" t="str">
        <f t="shared" si="7"/>
        <v/>
      </c>
      <c r="CM74" s="487"/>
      <c r="CN74" s="487"/>
      <c r="CO74" s="487"/>
      <c r="CP74" s="487"/>
      <c r="CQ74" s="487"/>
      <c r="CR74" s="487"/>
      <c r="CS74" s="487"/>
      <c r="CT74" s="487"/>
      <c r="CU74" s="487"/>
      <c r="CV74" s="487"/>
      <c r="CW74" s="487"/>
      <c r="CX74" s="487"/>
      <c r="CY74" s="487"/>
      <c r="CZ74" s="487"/>
      <c r="DA74" s="487"/>
      <c r="DB74" s="487"/>
      <c r="DC74" s="487"/>
      <c r="DD74" s="487"/>
      <c r="DE74" s="487"/>
      <c r="DF74" s="487"/>
      <c r="DG74" s="487"/>
      <c r="DH74" s="487"/>
      <c r="DI74" s="484" t="s">
        <v>300</v>
      </c>
      <c r="DJ74" s="484"/>
      <c r="DK74" s="77"/>
    </row>
    <row r="75" spans="1:115" s="136" customFormat="1" ht="56.1" hidden="1" customHeight="1" x14ac:dyDescent="0.2">
      <c r="A75" s="77"/>
      <c r="B75" s="77"/>
      <c r="C75" s="481">
        <v>103</v>
      </c>
      <c r="D75" s="481"/>
      <c r="E75" s="481" t="s">
        <v>2481</v>
      </c>
      <c r="F75" s="482" t="s">
        <v>53</v>
      </c>
      <c r="G75" s="482" t="s">
        <v>295</v>
      </c>
      <c r="H75" s="484" t="s">
        <v>301</v>
      </c>
      <c r="I75" s="484" t="s">
        <v>320</v>
      </c>
      <c r="J75" s="484" t="s">
        <v>321</v>
      </c>
      <c r="K75" s="484"/>
      <c r="L75" s="484" t="s">
        <v>58</v>
      </c>
      <c r="M75" s="484" t="s">
        <v>310</v>
      </c>
      <c r="N75" s="484"/>
      <c r="O75" s="484" t="s">
        <v>81</v>
      </c>
      <c r="P75" s="484" t="s">
        <v>304</v>
      </c>
      <c r="Q75" s="484"/>
      <c r="R75" s="484" t="s">
        <v>225</v>
      </c>
      <c r="S75" s="484" t="s">
        <v>63</v>
      </c>
      <c r="T75" s="484" t="s">
        <v>63</v>
      </c>
      <c r="U75" s="485">
        <v>355860</v>
      </c>
      <c r="V75" s="485"/>
      <c r="W75" s="484" t="s">
        <v>64</v>
      </c>
      <c r="X75" s="484"/>
      <c r="Y75" s="485">
        <v>355860</v>
      </c>
      <c r="Z75" s="484" t="s">
        <v>82</v>
      </c>
      <c r="AA75" s="488"/>
      <c r="AB75" s="488"/>
      <c r="AC75" s="488"/>
      <c r="AD75" s="488"/>
      <c r="AE75" s="488"/>
      <c r="AF75" s="488"/>
      <c r="AG75" s="488"/>
      <c r="AH75" s="488"/>
      <c r="AI75" s="488"/>
      <c r="AJ75" s="488"/>
      <c r="AK75" s="488"/>
      <c r="AL75" s="488"/>
      <c r="AM75" s="488"/>
      <c r="AN75" s="488"/>
      <c r="AO75" s="488"/>
      <c r="AP75" s="488"/>
      <c r="AQ75" s="487" t="s">
        <v>66</v>
      </c>
      <c r="AR75" s="488"/>
      <c r="AS75" s="488"/>
      <c r="AT75" s="488"/>
      <c r="AU75" s="488"/>
      <c r="AV75" s="487"/>
      <c r="AW75" s="488"/>
      <c r="AX75" s="488"/>
      <c r="AY75" s="488"/>
      <c r="AZ75" s="488"/>
      <c r="BA75" s="488"/>
      <c r="BB75" s="488"/>
      <c r="BC75" s="488"/>
      <c r="BD75" s="488"/>
      <c r="BE75" s="488"/>
      <c r="BF75" s="80">
        <f t="shared" si="14"/>
        <v>2385</v>
      </c>
      <c r="BG75" s="76">
        <f t="shared" si="10"/>
        <v>149.20754716981133</v>
      </c>
      <c r="BH75" s="487" t="str">
        <f t="shared" si="15"/>
        <v/>
      </c>
      <c r="BI75" s="487" t="str">
        <f t="shared" si="15"/>
        <v/>
      </c>
      <c r="BJ75" s="487" t="str">
        <f t="shared" si="15"/>
        <v/>
      </c>
      <c r="BK75" s="487" t="str">
        <f t="shared" si="15"/>
        <v/>
      </c>
      <c r="BL75" s="487" t="str">
        <f t="shared" si="15"/>
        <v/>
      </c>
      <c r="BM75" s="487" t="str">
        <f t="shared" si="15"/>
        <v/>
      </c>
      <c r="BN75" s="487" t="str">
        <f t="shared" si="15"/>
        <v/>
      </c>
      <c r="BO75" s="487" t="str">
        <f t="shared" si="15"/>
        <v/>
      </c>
      <c r="BP75" s="487" t="str">
        <f t="shared" si="15"/>
        <v/>
      </c>
      <c r="BQ75" s="487" t="str">
        <f t="shared" si="15"/>
        <v/>
      </c>
      <c r="BR75" s="487" t="str">
        <f t="shared" si="15"/>
        <v/>
      </c>
      <c r="BS75" s="487" t="str">
        <f t="shared" si="15"/>
        <v/>
      </c>
      <c r="BT75" s="487" t="str">
        <f t="shared" si="15"/>
        <v/>
      </c>
      <c r="BU75" s="487" t="str">
        <f t="shared" si="15"/>
        <v/>
      </c>
      <c r="BV75" s="487" t="str">
        <f t="shared" si="15"/>
        <v/>
      </c>
      <c r="BW75" s="487" t="str">
        <f t="shared" si="11"/>
        <v/>
      </c>
      <c r="BX75" s="487">
        <f t="shared" si="11"/>
        <v>355860.00000000006</v>
      </c>
      <c r="BY75" s="487" t="str">
        <f t="shared" si="11"/>
        <v/>
      </c>
      <c r="BZ75" s="487" t="str">
        <f t="shared" si="11"/>
        <v/>
      </c>
      <c r="CA75" s="487" t="str">
        <f t="shared" si="13"/>
        <v/>
      </c>
      <c r="CB75" s="487" t="str">
        <f t="shared" si="13"/>
        <v/>
      </c>
      <c r="CC75" s="487" t="str">
        <f t="shared" si="13"/>
        <v/>
      </c>
      <c r="CD75" s="487" t="str">
        <f t="shared" si="13"/>
        <v/>
      </c>
      <c r="CE75" s="487" t="str">
        <f t="shared" si="13"/>
        <v/>
      </c>
      <c r="CF75" s="487" t="str">
        <f t="shared" si="13"/>
        <v/>
      </c>
      <c r="CG75" s="487" t="str">
        <f t="shared" si="13"/>
        <v/>
      </c>
      <c r="CH75" s="487" t="str">
        <f t="shared" si="13"/>
        <v/>
      </c>
      <c r="CI75" s="487" t="str">
        <f t="shared" si="13"/>
        <v/>
      </c>
      <c r="CJ75" s="487" t="str">
        <f t="shared" si="7"/>
        <v/>
      </c>
      <c r="CK75" s="487" t="str">
        <f t="shared" si="7"/>
        <v/>
      </c>
      <c r="CL75" s="487" t="str">
        <f t="shared" si="7"/>
        <v/>
      </c>
      <c r="CM75" s="487"/>
      <c r="CN75" s="487"/>
      <c r="CO75" s="487"/>
      <c r="CP75" s="487"/>
      <c r="CQ75" s="487"/>
      <c r="CR75" s="487"/>
      <c r="CS75" s="487"/>
      <c r="CT75" s="487"/>
      <c r="CU75" s="487"/>
      <c r="CV75" s="487"/>
      <c r="CW75" s="487"/>
      <c r="CX75" s="487"/>
      <c r="CY75" s="487"/>
      <c r="CZ75" s="487"/>
      <c r="DA75" s="487"/>
      <c r="DB75" s="487"/>
      <c r="DC75" s="487"/>
      <c r="DD75" s="487"/>
      <c r="DE75" s="487"/>
      <c r="DF75" s="487"/>
      <c r="DG75" s="487"/>
      <c r="DH75" s="487"/>
      <c r="DI75" s="484" t="s">
        <v>300</v>
      </c>
      <c r="DJ75" s="484"/>
      <c r="DK75" s="77"/>
    </row>
    <row r="76" spans="1:115" s="354" customFormat="1" ht="56.1" hidden="1" customHeight="1" x14ac:dyDescent="0.2">
      <c r="A76" s="494"/>
      <c r="B76" s="494"/>
      <c r="C76" s="481">
        <v>118</v>
      </c>
      <c r="D76" s="481"/>
      <c r="E76" s="481" t="s">
        <v>2481</v>
      </c>
      <c r="F76" s="482" t="s">
        <v>53</v>
      </c>
      <c r="G76" s="482" t="s">
        <v>329</v>
      </c>
      <c r="H76" s="484" t="s">
        <v>330</v>
      </c>
      <c r="I76" s="484" t="s">
        <v>369</v>
      </c>
      <c r="J76" s="495" t="s">
        <v>370</v>
      </c>
      <c r="K76" s="495"/>
      <c r="L76" s="484" t="s">
        <v>58</v>
      </c>
      <c r="M76" s="484" t="s">
        <v>347</v>
      </c>
      <c r="N76" s="484"/>
      <c r="O76" s="484"/>
      <c r="P76" s="484" t="s">
        <v>334</v>
      </c>
      <c r="Q76" s="484"/>
      <c r="R76" s="484" t="s">
        <v>225</v>
      </c>
      <c r="S76" s="484" t="s">
        <v>63</v>
      </c>
      <c r="T76" s="484" t="s">
        <v>63</v>
      </c>
      <c r="U76" s="485">
        <v>1030852</v>
      </c>
      <c r="V76" s="485"/>
      <c r="W76" s="484" t="s">
        <v>226</v>
      </c>
      <c r="X76" s="484"/>
      <c r="Y76" s="485">
        <f t="shared" ref="Y76:Y139" si="16">U76</f>
        <v>1030852</v>
      </c>
      <c r="Z76" s="484" t="s">
        <v>82</v>
      </c>
      <c r="AA76" s="496"/>
      <c r="AB76" s="496"/>
      <c r="AC76" s="496"/>
      <c r="AD76" s="496"/>
      <c r="AE76" s="496"/>
      <c r="AF76" s="496"/>
      <c r="AG76" s="496"/>
      <c r="AH76" s="496"/>
      <c r="AI76" s="496"/>
      <c r="AJ76" s="496"/>
      <c r="AK76" s="496"/>
      <c r="AL76" s="496"/>
      <c r="AM76" s="496"/>
      <c r="AN76" s="496"/>
      <c r="AO76" s="496"/>
      <c r="AP76" s="496"/>
      <c r="AQ76" s="487" t="s">
        <v>66</v>
      </c>
      <c r="AR76" s="496"/>
      <c r="AS76" s="496"/>
      <c r="AT76" s="496"/>
      <c r="AU76" s="496"/>
      <c r="AV76" s="496"/>
      <c r="AW76" s="496"/>
      <c r="AX76" s="496"/>
      <c r="AY76" s="496"/>
      <c r="AZ76" s="496"/>
      <c r="BA76" s="496"/>
      <c r="BB76" s="496"/>
      <c r="BC76" s="496"/>
      <c r="BD76" s="496"/>
      <c r="BE76" s="496"/>
      <c r="BF76" s="80">
        <f t="shared" si="14"/>
        <v>2385</v>
      </c>
      <c r="BG76" s="76">
        <f t="shared" si="10"/>
        <v>432.22306079664571</v>
      </c>
      <c r="BH76" s="487" t="str">
        <f t="shared" si="15"/>
        <v/>
      </c>
      <c r="BI76" s="487" t="str">
        <f t="shared" si="15"/>
        <v/>
      </c>
      <c r="BJ76" s="487" t="str">
        <f t="shared" si="15"/>
        <v/>
      </c>
      <c r="BK76" s="487" t="str">
        <f t="shared" si="15"/>
        <v/>
      </c>
      <c r="BL76" s="487" t="str">
        <f t="shared" si="15"/>
        <v/>
      </c>
      <c r="BM76" s="487" t="str">
        <f t="shared" si="15"/>
        <v/>
      </c>
      <c r="BN76" s="487" t="str">
        <f t="shared" si="15"/>
        <v/>
      </c>
      <c r="BO76" s="487" t="str">
        <f t="shared" si="15"/>
        <v/>
      </c>
      <c r="BP76" s="487" t="str">
        <f t="shared" si="15"/>
        <v/>
      </c>
      <c r="BQ76" s="487" t="str">
        <f t="shared" si="15"/>
        <v/>
      </c>
      <c r="BR76" s="487" t="str">
        <f t="shared" si="15"/>
        <v/>
      </c>
      <c r="BS76" s="487" t="str">
        <f t="shared" si="15"/>
        <v/>
      </c>
      <c r="BT76" s="487" t="str">
        <f t="shared" si="15"/>
        <v/>
      </c>
      <c r="BU76" s="487" t="str">
        <f t="shared" si="15"/>
        <v/>
      </c>
      <c r="BV76" s="487" t="str">
        <f t="shared" si="15"/>
        <v/>
      </c>
      <c r="BW76" s="487" t="str">
        <f t="shared" si="11"/>
        <v/>
      </c>
      <c r="BX76" s="487">
        <f t="shared" si="11"/>
        <v>1030852</v>
      </c>
      <c r="BY76" s="487" t="str">
        <f t="shared" si="11"/>
        <v/>
      </c>
      <c r="BZ76" s="487" t="str">
        <f t="shared" si="11"/>
        <v/>
      </c>
      <c r="CA76" s="487" t="str">
        <f t="shared" si="13"/>
        <v/>
      </c>
      <c r="CB76" s="487" t="str">
        <f t="shared" si="13"/>
        <v/>
      </c>
      <c r="CC76" s="487" t="str">
        <f t="shared" si="13"/>
        <v/>
      </c>
      <c r="CD76" s="487" t="str">
        <f t="shared" si="13"/>
        <v/>
      </c>
      <c r="CE76" s="487" t="str">
        <f t="shared" si="13"/>
        <v/>
      </c>
      <c r="CF76" s="487" t="str">
        <f t="shared" si="13"/>
        <v/>
      </c>
      <c r="CG76" s="487" t="str">
        <f t="shared" si="13"/>
        <v/>
      </c>
      <c r="CH76" s="487" t="str">
        <f t="shared" si="13"/>
        <v/>
      </c>
      <c r="CI76" s="487" t="str">
        <f t="shared" si="13"/>
        <v/>
      </c>
      <c r="CJ76" s="487" t="str">
        <f t="shared" si="7"/>
        <v/>
      </c>
      <c r="CK76" s="487" t="str">
        <f t="shared" si="7"/>
        <v/>
      </c>
      <c r="CL76" s="487" t="str">
        <f t="shared" si="7"/>
        <v/>
      </c>
      <c r="CM76" s="487"/>
      <c r="CN76" s="487"/>
      <c r="CO76" s="487"/>
      <c r="CP76" s="487"/>
      <c r="CQ76" s="487"/>
      <c r="CR76" s="487"/>
      <c r="CS76" s="487"/>
      <c r="CT76" s="487"/>
      <c r="CU76" s="487"/>
      <c r="CV76" s="487"/>
      <c r="CW76" s="487"/>
      <c r="CX76" s="487"/>
      <c r="CY76" s="487"/>
      <c r="CZ76" s="487"/>
      <c r="DA76" s="487"/>
      <c r="DB76" s="487"/>
      <c r="DC76" s="487"/>
      <c r="DD76" s="487"/>
      <c r="DE76" s="487"/>
      <c r="DF76" s="487"/>
      <c r="DG76" s="487"/>
      <c r="DH76" s="487"/>
      <c r="DI76" s="484"/>
      <c r="DJ76" s="484" t="s">
        <v>340</v>
      </c>
      <c r="DK76" s="484" t="s">
        <v>336</v>
      </c>
    </row>
    <row r="77" spans="1:115" s="354" customFormat="1" ht="56.1" hidden="1" customHeight="1" x14ac:dyDescent="0.2">
      <c r="A77" s="494"/>
      <c r="B77" s="494"/>
      <c r="C77" s="481">
        <v>119</v>
      </c>
      <c r="D77" s="481"/>
      <c r="E77" s="481" t="s">
        <v>2481</v>
      </c>
      <c r="F77" s="482" t="s">
        <v>53</v>
      </c>
      <c r="G77" s="482" t="s">
        <v>329</v>
      </c>
      <c r="H77" s="484" t="s">
        <v>330</v>
      </c>
      <c r="I77" s="484" t="s">
        <v>371</v>
      </c>
      <c r="J77" s="495" t="s">
        <v>372</v>
      </c>
      <c r="K77" s="495"/>
      <c r="L77" s="484" t="s">
        <v>58</v>
      </c>
      <c r="M77" s="484" t="s">
        <v>173</v>
      </c>
      <c r="N77" s="484"/>
      <c r="O77" s="484" t="s">
        <v>60</v>
      </c>
      <c r="P77" s="484" t="s">
        <v>334</v>
      </c>
      <c r="Q77" s="484"/>
      <c r="R77" s="484" t="s">
        <v>62</v>
      </c>
      <c r="S77" s="484" t="s">
        <v>63</v>
      </c>
      <c r="T77" s="484" t="s">
        <v>63</v>
      </c>
      <c r="U77" s="485">
        <v>648343</v>
      </c>
      <c r="V77" s="485"/>
      <c r="W77" s="484" t="s">
        <v>226</v>
      </c>
      <c r="X77" s="484"/>
      <c r="Y77" s="485">
        <f t="shared" si="16"/>
        <v>648343</v>
      </c>
      <c r="Z77" s="484" t="s">
        <v>82</v>
      </c>
      <c r="AA77" s="487" t="s">
        <v>66</v>
      </c>
      <c r="AB77" s="496"/>
      <c r="AC77" s="496"/>
      <c r="AD77" s="496"/>
      <c r="AE77" s="496"/>
      <c r="AF77" s="496"/>
      <c r="AG77" s="496"/>
      <c r="AH77" s="496"/>
      <c r="AI77" s="496"/>
      <c r="AJ77" s="496"/>
      <c r="AK77" s="496"/>
      <c r="AL77" s="496"/>
      <c r="AM77" s="496"/>
      <c r="AN77" s="496"/>
      <c r="AO77" s="496"/>
      <c r="AP77" s="496"/>
      <c r="AQ77" s="496"/>
      <c r="AR77" s="496"/>
      <c r="AS77" s="496"/>
      <c r="AT77" s="496"/>
      <c r="AU77" s="496"/>
      <c r="AV77" s="496"/>
      <c r="AW77" s="496"/>
      <c r="AX77" s="496"/>
      <c r="AY77" s="496"/>
      <c r="AZ77" s="496"/>
      <c r="BA77" s="496"/>
      <c r="BB77" s="496"/>
      <c r="BC77" s="496"/>
      <c r="BD77" s="496"/>
      <c r="BE77" s="496"/>
      <c r="BF77" s="80">
        <f t="shared" si="14"/>
        <v>1500</v>
      </c>
      <c r="BG77" s="76">
        <f t="shared" si="10"/>
        <v>432.22866666666664</v>
      </c>
      <c r="BH77" s="487">
        <f t="shared" si="15"/>
        <v>648343</v>
      </c>
      <c r="BI77" s="487" t="str">
        <f t="shared" si="15"/>
        <v/>
      </c>
      <c r="BJ77" s="487" t="str">
        <f t="shared" si="15"/>
        <v/>
      </c>
      <c r="BK77" s="487" t="str">
        <f t="shared" si="15"/>
        <v/>
      </c>
      <c r="BL77" s="487" t="str">
        <f t="shared" si="15"/>
        <v/>
      </c>
      <c r="BM77" s="487" t="str">
        <f t="shared" si="15"/>
        <v/>
      </c>
      <c r="BN77" s="487" t="str">
        <f t="shared" si="15"/>
        <v/>
      </c>
      <c r="BO77" s="487" t="str">
        <f t="shared" si="15"/>
        <v/>
      </c>
      <c r="BP77" s="487" t="str">
        <f t="shared" si="15"/>
        <v/>
      </c>
      <c r="BQ77" s="487" t="str">
        <f t="shared" si="15"/>
        <v/>
      </c>
      <c r="BR77" s="487" t="str">
        <f t="shared" si="15"/>
        <v/>
      </c>
      <c r="BS77" s="487" t="str">
        <f t="shared" si="15"/>
        <v/>
      </c>
      <c r="BT77" s="487" t="str">
        <f t="shared" si="15"/>
        <v/>
      </c>
      <c r="BU77" s="487" t="str">
        <f t="shared" si="15"/>
        <v/>
      </c>
      <c r="BV77" s="487" t="str">
        <f t="shared" si="15"/>
        <v/>
      </c>
      <c r="BW77" s="487" t="str">
        <f t="shared" si="11"/>
        <v/>
      </c>
      <c r="BX77" s="487" t="str">
        <f t="shared" si="11"/>
        <v/>
      </c>
      <c r="BY77" s="487" t="str">
        <f t="shared" si="11"/>
        <v/>
      </c>
      <c r="BZ77" s="487" t="str">
        <f t="shared" si="11"/>
        <v/>
      </c>
      <c r="CA77" s="487" t="str">
        <f t="shared" si="13"/>
        <v/>
      </c>
      <c r="CB77" s="487" t="str">
        <f t="shared" si="13"/>
        <v/>
      </c>
      <c r="CC77" s="487" t="str">
        <f t="shared" si="13"/>
        <v/>
      </c>
      <c r="CD77" s="487" t="str">
        <f t="shared" si="13"/>
        <v/>
      </c>
      <c r="CE77" s="487" t="str">
        <f t="shared" si="13"/>
        <v/>
      </c>
      <c r="CF77" s="487" t="str">
        <f t="shared" si="13"/>
        <v/>
      </c>
      <c r="CG77" s="487" t="str">
        <f t="shared" si="13"/>
        <v/>
      </c>
      <c r="CH77" s="487" t="str">
        <f t="shared" si="13"/>
        <v/>
      </c>
      <c r="CI77" s="487" t="str">
        <f t="shared" si="13"/>
        <v/>
      </c>
      <c r="CJ77" s="487" t="str">
        <f t="shared" si="7"/>
        <v/>
      </c>
      <c r="CK77" s="487" t="str">
        <f t="shared" si="7"/>
        <v/>
      </c>
      <c r="CL77" s="487" t="str">
        <f t="shared" si="7"/>
        <v/>
      </c>
      <c r="CM77" s="487"/>
      <c r="CN77" s="487"/>
      <c r="CO77" s="487"/>
      <c r="CP77" s="487"/>
      <c r="CQ77" s="487"/>
      <c r="CR77" s="487"/>
      <c r="CS77" s="487"/>
      <c r="CT77" s="487"/>
      <c r="CU77" s="487"/>
      <c r="CV77" s="487"/>
      <c r="CW77" s="487"/>
      <c r="CX77" s="487"/>
      <c r="CY77" s="487"/>
      <c r="CZ77" s="487"/>
      <c r="DA77" s="487"/>
      <c r="DB77" s="487"/>
      <c r="DC77" s="487"/>
      <c r="DD77" s="487"/>
      <c r="DE77" s="487"/>
      <c r="DF77" s="487"/>
      <c r="DG77" s="487"/>
      <c r="DH77" s="487"/>
      <c r="DI77" s="484"/>
      <c r="DJ77" s="484" t="s">
        <v>340</v>
      </c>
      <c r="DK77" s="484" t="s">
        <v>336</v>
      </c>
    </row>
    <row r="78" spans="1:115" s="354" customFormat="1" ht="56.1" hidden="1" customHeight="1" x14ac:dyDescent="0.2">
      <c r="A78" s="494"/>
      <c r="B78" s="494"/>
      <c r="C78" s="481">
        <v>120</v>
      </c>
      <c r="D78" s="481"/>
      <c r="E78" s="481" t="s">
        <v>2481</v>
      </c>
      <c r="F78" s="482" t="s">
        <v>53</v>
      </c>
      <c r="G78" s="482" t="s">
        <v>329</v>
      </c>
      <c r="H78" s="484" t="s">
        <v>330</v>
      </c>
      <c r="I78" s="484" t="s">
        <v>369</v>
      </c>
      <c r="J78" s="495" t="s">
        <v>373</v>
      </c>
      <c r="K78" s="495"/>
      <c r="L78" s="484" t="s">
        <v>58</v>
      </c>
      <c r="M78" s="484" t="s">
        <v>319</v>
      </c>
      <c r="N78" s="484"/>
      <c r="O78" s="484" t="s">
        <v>81</v>
      </c>
      <c r="P78" s="484" t="s">
        <v>334</v>
      </c>
      <c r="Q78" s="484"/>
      <c r="R78" s="484" t="s">
        <v>181</v>
      </c>
      <c r="S78" s="484" t="s">
        <v>63</v>
      </c>
      <c r="T78" s="484" t="s">
        <v>63</v>
      </c>
      <c r="U78" s="485">
        <v>194517</v>
      </c>
      <c r="V78" s="485"/>
      <c r="W78" s="484" t="s">
        <v>226</v>
      </c>
      <c r="X78" s="484"/>
      <c r="Y78" s="485">
        <f t="shared" si="16"/>
        <v>194517</v>
      </c>
      <c r="Z78" s="484" t="s">
        <v>82</v>
      </c>
      <c r="AA78" s="496"/>
      <c r="AB78" s="496"/>
      <c r="AC78" s="487" t="s">
        <v>66</v>
      </c>
      <c r="AD78" s="496"/>
      <c r="AE78" s="496"/>
      <c r="AF78" s="496"/>
      <c r="AG78" s="496"/>
      <c r="AH78" s="496"/>
      <c r="AI78" s="496"/>
      <c r="AJ78" s="496"/>
      <c r="AK78" s="496"/>
      <c r="AL78" s="496"/>
      <c r="AM78" s="496"/>
      <c r="AN78" s="496"/>
      <c r="AO78" s="496"/>
      <c r="AP78" s="496"/>
      <c r="AQ78" s="496"/>
      <c r="AR78" s="496"/>
      <c r="AS78" s="496"/>
      <c r="AT78" s="496"/>
      <c r="AU78" s="496"/>
      <c r="AV78" s="496"/>
      <c r="AW78" s="496"/>
      <c r="AX78" s="496"/>
      <c r="AY78" s="496"/>
      <c r="AZ78" s="496"/>
      <c r="BA78" s="496"/>
      <c r="BB78" s="496"/>
      <c r="BC78" s="496"/>
      <c r="BD78" s="496"/>
      <c r="BE78" s="496"/>
      <c r="BF78" s="80">
        <f t="shared" si="14"/>
        <v>450</v>
      </c>
      <c r="BG78" s="76">
        <f t="shared" si="10"/>
        <v>432.26</v>
      </c>
      <c r="BH78" s="487" t="str">
        <f t="shared" si="15"/>
        <v/>
      </c>
      <c r="BI78" s="487" t="str">
        <f t="shared" si="15"/>
        <v/>
      </c>
      <c r="BJ78" s="487">
        <f t="shared" si="15"/>
        <v>194517</v>
      </c>
      <c r="BK78" s="487" t="str">
        <f t="shared" si="15"/>
        <v/>
      </c>
      <c r="BL78" s="487" t="str">
        <f t="shared" si="15"/>
        <v/>
      </c>
      <c r="BM78" s="487" t="str">
        <f t="shared" si="15"/>
        <v/>
      </c>
      <c r="BN78" s="487" t="str">
        <f t="shared" si="15"/>
        <v/>
      </c>
      <c r="BO78" s="487" t="str">
        <f t="shared" si="15"/>
        <v/>
      </c>
      <c r="BP78" s="487" t="str">
        <f t="shared" si="15"/>
        <v/>
      </c>
      <c r="BQ78" s="487" t="str">
        <f t="shared" si="15"/>
        <v/>
      </c>
      <c r="BR78" s="487" t="str">
        <f t="shared" si="15"/>
        <v/>
      </c>
      <c r="BS78" s="487" t="str">
        <f t="shared" si="15"/>
        <v/>
      </c>
      <c r="BT78" s="487" t="str">
        <f t="shared" si="15"/>
        <v/>
      </c>
      <c r="BU78" s="487" t="str">
        <f t="shared" si="15"/>
        <v/>
      </c>
      <c r="BV78" s="487" t="str">
        <f t="shared" si="15"/>
        <v/>
      </c>
      <c r="BW78" s="487" t="str">
        <f t="shared" si="11"/>
        <v/>
      </c>
      <c r="BX78" s="487" t="str">
        <f t="shared" si="11"/>
        <v/>
      </c>
      <c r="BY78" s="487" t="str">
        <f t="shared" si="11"/>
        <v/>
      </c>
      <c r="BZ78" s="487" t="str">
        <f t="shared" si="11"/>
        <v/>
      </c>
      <c r="CA78" s="487" t="str">
        <f t="shared" si="13"/>
        <v/>
      </c>
      <c r="CB78" s="487" t="str">
        <f t="shared" si="13"/>
        <v/>
      </c>
      <c r="CC78" s="487" t="str">
        <f t="shared" si="13"/>
        <v/>
      </c>
      <c r="CD78" s="487" t="str">
        <f t="shared" si="13"/>
        <v/>
      </c>
      <c r="CE78" s="487" t="str">
        <f t="shared" si="13"/>
        <v/>
      </c>
      <c r="CF78" s="487" t="str">
        <f t="shared" si="13"/>
        <v/>
      </c>
      <c r="CG78" s="487" t="str">
        <f t="shared" si="13"/>
        <v/>
      </c>
      <c r="CH78" s="487" t="str">
        <f t="shared" si="13"/>
        <v/>
      </c>
      <c r="CI78" s="487" t="str">
        <f t="shared" si="13"/>
        <v/>
      </c>
      <c r="CJ78" s="487" t="str">
        <f t="shared" si="7"/>
        <v/>
      </c>
      <c r="CK78" s="487" t="str">
        <f t="shared" si="7"/>
        <v/>
      </c>
      <c r="CL78" s="487" t="str">
        <f t="shared" si="7"/>
        <v/>
      </c>
      <c r="CM78" s="487"/>
      <c r="CN78" s="487"/>
      <c r="CO78" s="487"/>
      <c r="CP78" s="487"/>
      <c r="CQ78" s="487"/>
      <c r="CR78" s="487"/>
      <c r="CS78" s="487"/>
      <c r="CT78" s="487"/>
      <c r="CU78" s="487"/>
      <c r="CV78" s="487"/>
      <c r="CW78" s="487"/>
      <c r="CX78" s="487"/>
      <c r="CY78" s="487"/>
      <c r="CZ78" s="487"/>
      <c r="DA78" s="487"/>
      <c r="DB78" s="487"/>
      <c r="DC78" s="487"/>
      <c r="DD78" s="487"/>
      <c r="DE78" s="487"/>
      <c r="DF78" s="487"/>
      <c r="DG78" s="487"/>
      <c r="DH78" s="487"/>
      <c r="DI78" s="484"/>
      <c r="DJ78" s="484" t="s">
        <v>340</v>
      </c>
      <c r="DK78" s="484" t="s">
        <v>336</v>
      </c>
    </row>
    <row r="79" spans="1:115" s="354" customFormat="1" ht="56.1" hidden="1" customHeight="1" x14ac:dyDescent="0.2">
      <c r="A79" s="494"/>
      <c r="B79" s="494"/>
      <c r="C79" s="481">
        <v>121</v>
      </c>
      <c r="D79" s="481"/>
      <c r="E79" s="481" t="s">
        <v>2481</v>
      </c>
      <c r="F79" s="482" t="s">
        <v>53</v>
      </c>
      <c r="G79" s="482" t="s">
        <v>329</v>
      </c>
      <c r="H79" s="484" t="s">
        <v>330</v>
      </c>
      <c r="I79" s="484" t="s">
        <v>369</v>
      </c>
      <c r="J79" s="495" t="s">
        <v>374</v>
      </c>
      <c r="K79" s="495"/>
      <c r="L79" s="484" t="s">
        <v>58</v>
      </c>
      <c r="M79" s="484" t="s">
        <v>20</v>
      </c>
      <c r="N79" s="484"/>
      <c r="O79" s="484" t="s">
        <v>81</v>
      </c>
      <c r="P79" s="484" t="s">
        <v>334</v>
      </c>
      <c r="Q79" s="484"/>
      <c r="R79" s="484" t="s">
        <v>375</v>
      </c>
      <c r="S79" s="484" t="s">
        <v>63</v>
      </c>
      <c r="T79" s="484" t="s">
        <v>63</v>
      </c>
      <c r="U79" s="485">
        <v>151297</v>
      </c>
      <c r="V79" s="485"/>
      <c r="W79" s="484" t="s">
        <v>226</v>
      </c>
      <c r="X79" s="484"/>
      <c r="Y79" s="485">
        <f t="shared" si="16"/>
        <v>151297</v>
      </c>
      <c r="Z79" s="484" t="s">
        <v>82</v>
      </c>
      <c r="AA79" s="496"/>
      <c r="AB79" s="496"/>
      <c r="AC79" s="496"/>
      <c r="AD79" s="487" t="s">
        <v>66</v>
      </c>
      <c r="AE79" s="496"/>
      <c r="AF79" s="496"/>
      <c r="AG79" s="496"/>
      <c r="AH79" s="496"/>
      <c r="AI79" s="496"/>
      <c r="AJ79" s="496"/>
      <c r="AK79" s="496"/>
      <c r="AL79" s="496"/>
      <c r="AM79" s="496"/>
      <c r="AN79" s="496"/>
      <c r="AO79" s="496"/>
      <c r="AP79" s="496"/>
      <c r="AQ79" s="496"/>
      <c r="AR79" s="496"/>
      <c r="AS79" s="496"/>
      <c r="AT79" s="496"/>
      <c r="AU79" s="496"/>
      <c r="AV79" s="496"/>
      <c r="AW79" s="496"/>
      <c r="AX79" s="496"/>
      <c r="AY79" s="496"/>
      <c r="AZ79" s="496"/>
      <c r="BA79" s="496"/>
      <c r="BB79" s="496"/>
      <c r="BC79" s="496"/>
      <c r="BD79" s="496"/>
      <c r="BE79" s="496"/>
      <c r="BF79" s="80">
        <f t="shared" si="14"/>
        <v>350</v>
      </c>
      <c r="BG79" s="76">
        <f t="shared" si="10"/>
        <v>432.27714285714285</v>
      </c>
      <c r="BH79" s="487" t="str">
        <f t="shared" si="15"/>
        <v/>
      </c>
      <c r="BI79" s="487" t="str">
        <f t="shared" si="15"/>
        <v/>
      </c>
      <c r="BJ79" s="487" t="str">
        <f t="shared" si="15"/>
        <v/>
      </c>
      <c r="BK79" s="487">
        <f t="shared" si="15"/>
        <v>151297</v>
      </c>
      <c r="BL79" s="487" t="str">
        <f t="shared" si="15"/>
        <v/>
      </c>
      <c r="BM79" s="487" t="str">
        <f t="shared" si="15"/>
        <v/>
      </c>
      <c r="BN79" s="487" t="str">
        <f t="shared" si="15"/>
        <v/>
      </c>
      <c r="BO79" s="487" t="str">
        <f t="shared" si="15"/>
        <v/>
      </c>
      <c r="BP79" s="487" t="str">
        <f t="shared" si="15"/>
        <v/>
      </c>
      <c r="BQ79" s="487" t="str">
        <f t="shared" si="15"/>
        <v/>
      </c>
      <c r="BR79" s="487" t="str">
        <f t="shared" si="15"/>
        <v/>
      </c>
      <c r="BS79" s="487" t="str">
        <f t="shared" si="15"/>
        <v/>
      </c>
      <c r="BT79" s="487" t="str">
        <f t="shared" si="15"/>
        <v/>
      </c>
      <c r="BU79" s="487" t="str">
        <f t="shared" si="15"/>
        <v/>
      </c>
      <c r="BV79" s="487" t="str">
        <f t="shared" si="15"/>
        <v/>
      </c>
      <c r="BW79" s="487" t="str">
        <f t="shared" si="11"/>
        <v/>
      </c>
      <c r="BX79" s="487" t="str">
        <f t="shared" si="11"/>
        <v/>
      </c>
      <c r="BY79" s="487" t="str">
        <f t="shared" si="11"/>
        <v/>
      </c>
      <c r="BZ79" s="487" t="str">
        <f t="shared" si="11"/>
        <v/>
      </c>
      <c r="CA79" s="487" t="str">
        <f t="shared" si="13"/>
        <v/>
      </c>
      <c r="CB79" s="487" t="str">
        <f t="shared" si="13"/>
        <v/>
      </c>
      <c r="CC79" s="487" t="str">
        <f t="shared" si="13"/>
        <v/>
      </c>
      <c r="CD79" s="487" t="str">
        <f t="shared" si="13"/>
        <v/>
      </c>
      <c r="CE79" s="487" t="str">
        <f t="shared" si="13"/>
        <v/>
      </c>
      <c r="CF79" s="487" t="str">
        <f t="shared" si="13"/>
        <v/>
      </c>
      <c r="CG79" s="487" t="str">
        <f t="shared" si="13"/>
        <v/>
      </c>
      <c r="CH79" s="487" t="str">
        <f t="shared" si="13"/>
        <v/>
      </c>
      <c r="CI79" s="487" t="str">
        <f t="shared" si="13"/>
        <v/>
      </c>
      <c r="CJ79" s="487" t="str">
        <f t="shared" si="7"/>
        <v/>
      </c>
      <c r="CK79" s="487" t="str">
        <f t="shared" si="7"/>
        <v/>
      </c>
      <c r="CL79" s="487" t="str">
        <f t="shared" si="7"/>
        <v/>
      </c>
      <c r="CM79" s="487"/>
      <c r="CN79" s="487"/>
      <c r="CO79" s="487"/>
      <c r="CP79" s="487"/>
      <c r="CQ79" s="487"/>
      <c r="CR79" s="487"/>
      <c r="CS79" s="487"/>
      <c r="CT79" s="487"/>
      <c r="CU79" s="487"/>
      <c r="CV79" s="487"/>
      <c r="CW79" s="487"/>
      <c r="CX79" s="487"/>
      <c r="CY79" s="487"/>
      <c r="CZ79" s="487"/>
      <c r="DA79" s="487"/>
      <c r="DB79" s="487"/>
      <c r="DC79" s="487"/>
      <c r="DD79" s="487"/>
      <c r="DE79" s="487"/>
      <c r="DF79" s="487"/>
      <c r="DG79" s="487"/>
      <c r="DH79" s="487"/>
      <c r="DI79" s="484"/>
      <c r="DJ79" s="484" t="s">
        <v>340</v>
      </c>
      <c r="DK79" s="484" t="s">
        <v>336</v>
      </c>
    </row>
    <row r="80" spans="1:115" s="354" customFormat="1" ht="56.1" hidden="1" customHeight="1" x14ac:dyDescent="0.2">
      <c r="A80" s="77" t="s">
        <v>2490</v>
      </c>
      <c r="B80" s="77" t="s">
        <v>18</v>
      </c>
      <c r="C80" s="481">
        <v>122</v>
      </c>
      <c r="D80" s="481"/>
      <c r="E80" s="481" t="s">
        <v>2481</v>
      </c>
      <c r="F80" s="482" t="s">
        <v>53</v>
      </c>
      <c r="G80" s="482" t="s">
        <v>329</v>
      </c>
      <c r="H80" s="484" t="s">
        <v>330</v>
      </c>
      <c r="I80" s="484" t="s">
        <v>369</v>
      </c>
      <c r="J80" s="495" t="s">
        <v>376</v>
      </c>
      <c r="K80" s="495"/>
      <c r="L80" s="484" t="s">
        <v>58</v>
      </c>
      <c r="M80" s="484" t="s">
        <v>18</v>
      </c>
      <c r="N80" s="484"/>
      <c r="O80" s="484" t="s">
        <v>81</v>
      </c>
      <c r="P80" s="484" t="s">
        <v>334</v>
      </c>
      <c r="Q80" s="484"/>
      <c r="R80" s="484" t="s">
        <v>377</v>
      </c>
      <c r="S80" s="484" t="s">
        <v>63</v>
      </c>
      <c r="T80" s="484" t="s">
        <v>63</v>
      </c>
      <c r="U80" s="485">
        <v>86444</v>
      </c>
      <c r="V80" s="485"/>
      <c r="W80" s="484" t="s">
        <v>226</v>
      </c>
      <c r="X80" s="484"/>
      <c r="Y80" s="485">
        <f t="shared" si="16"/>
        <v>86444</v>
      </c>
      <c r="Z80" s="484" t="s">
        <v>82</v>
      </c>
      <c r="AA80" s="496"/>
      <c r="AB80" s="487" t="s">
        <v>66</v>
      </c>
      <c r="AC80" s="496"/>
      <c r="AD80" s="496"/>
      <c r="AE80" s="496"/>
      <c r="AF80" s="496"/>
      <c r="AG80" s="496"/>
      <c r="AH80" s="496"/>
      <c r="AI80" s="496"/>
      <c r="AJ80" s="496"/>
      <c r="AK80" s="496"/>
      <c r="AL80" s="496"/>
      <c r="AM80" s="496"/>
      <c r="AN80" s="496"/>
      <c r="AO80" s="496"/>
      <c r="AP80" s="496"/>
      <c r="AQ80" s="496"/>
      <c r="AR80" s="496"/>
      <c r="AS80" s="496"/>
      <c r="AT80" s="496"/>
      <c r="AU80" s="496"/>
      <c r="AV80" s="496"/>
      <c r="AW80" s="496"/>
      <c r="AX80" s="496"/>
      <c r="AY80" s="496"/>
      <c r="AZ80" s="496"/>
      <c r="BA80" s="496"/>
      <c r="BB80" s="496"/>
      <c r="BC80" s="496"/>
      <c r="BD80" s="496"/>
      <c r="BE80" s="496"/>
      <c r="BF80" s="80">
        <f t="shared" si="14"/>
        <v>200</v>
      </c>
      <c r="BG80" s="76">
        <f t="shared" si="10"/>
        <v>432.22</v>
      </c>
      <c r="BH80" s="487" t="str">
        <f t="shared" si="15"/>
        <v/>
      </c>
      <c r="BI80" s="487">
        <f t="shared" si="15"/>
        <v>86444</v>
      </c>
      <c r="BJ80" s="487" t="str">
        <f t="shared" si="15"/>
        <v/>
      </c>
      <c r="BK80" s="487" t="str">
        <f t="shared" si="15"/>
        <v/>
      </c>
      <c r="BL80" s="487" t="str">
        <f t="shared" si="15"/>
        <v/>
      </c>
      <c r="BM80" s="487" t="str">
        <f t="shared" si="15"/>
        <v/>
      </c>
      <c r="BN80" s="487" t="str">
        <f t="shared" si="15"/>
        <v/>
      </c>
      <c r="BO80" s="487" t="str">
        <f t="shared" si="15"/>
        <v/>
      </c>
      <c r="BP80" s="487" t="str">
        <f t="shared" si="15"/>
        <v/>
      </c>
      <c r="BQ80" s="487" t="str">
        <f t="shared" si="15"/>
        <v/>
      </c>
      <c r="BR80" s="487" t="str">
        <f t="shared" si="15"/>
        <v/>
      </c>
      <c r="BS80" s="487" t="str">
        <f t="shared" si="15"/>
        <v/>
      </c>
      <c r="BT80" s="487" t="str">
        <f t="shared" si="15"/>
        <v/>
      </c>
      <c r="BU80" s="487" t="str">
        <f t="shared" si="15"/>
        <v/>
      </c>
      <c r="BV80" s="487" t="str">
        <f t="shared" si="15"/>
        <v/>
      </c>
      <c r="BW80" s="487" t="str">
        <f t="shared" si="11"/>
        <v/>
      </c>
      <c r="BX80" s="487" t="str">
        <f t="shared" si="11"/>
        <v/>
      </c>
      <c r="BY80" s="487" t="str">
        <f t="shared" si="11"/>
        <v/>
      </c>
      <c r="BZ80" s="487" t="str">
        <f t="shared" si="11"/>
        <v/>
      </c>
      <c r="CA80" s="487" t="str">
        <f t="shared" si="13"/>
        <v/>
      </c>
      <c r="CB80" s="487" t="str">
        <f t="shared" si="13"/>
        <v/>
      </c>
      <c r="CC80" s="487" t="str">
        <f t="shared" si="13"/>
        <v/>
      </c>
      <c r="CD80" s="487" t="str">
        <f t="shared" si="13"/>
        <v/>
      </c>
      <c r="CE80" s="487" t="str">
        <f t="shared" si="13"/>
        <v/>
      </c>
      <c r="CF80" s="487" t="str">
        <f t="shared" si="13"/>
        <v/>
      </c>
      <c r="CG80" s="487" t="str">
        <f t="shared" si="13"/>
        <v/>
      </c>
      <c r="CH80" s="487" t="str">
        <f t="shared" si="13"/>
        <v/>
      </c>
      <c r="CI80" s="487" t="str">
        <f t="shared" si="13"/>
        <v/>
      </c>
      <c r="CJ80" s="487" t="str">
        <f t="shared" si="7"/>
        <v/>
      </c>
      <c r="CK80" s="487" t="str">
        <f t="shared" si="7"/>
        <v/>
      </c>
      <c r="CL80" s="487" t="str">
        <f t="shared" si="7"/>
        <v/>
      </c>
      <c r="CM80" s="487"/>
      <c r="CN80" s="487"/>
      <c r="CO80" s="487"/>
      <c r="CP80" s="487"/>
      <c r="CQ80" s="487"/>
      <c r="CR80" s="487"/>
      <c r="CS80" s="487"/>
      <c r="CT80" s="487"/>
      <c r="CU80" s="487"/>
      <c r="CV80" s="487"/>
      <c r="CW80" s="487"/>
      <c r="CX80" s="487"/>
      <c r="CY80" s="487"/>
      <c r="CZ80" s="487"/>
      <c r="DA80" s="487"/>
      <c r="DB80" s="487"/>
      <c r="DC80" s="487"/>
      <c r="DD80" s="487"/>
      <c r="DE80" s="487"/>
      <c r="DF80" s="487"/>
      <c r="DG80" s="487"/>
      <c r="DH80" s="487"/>
      <c r="DI80" s="484"/>
      <c r="DJ80" s="484" t="s">
        <v>340</v>
      </c>
      <c r="DK80" s="484" t="s">
        <v>336</v>
      </c>
    </row>
    <row r="81" spans="1:115" s="354" customFormat="1" ht="56.1" hidden="1" customHeight="1" x14ac:dyDescent="0.2">
      <c r="A81" s="494"/>
      <c r="B81" s="494"/>
      <c r="C81" s="481">
        <v>123</v>
      </c>
      <c r="D81" s="481"/>
      <c r="E81" s="481" t="s">
        <v>2481</v>
      </c>
      <c r="F81" s="482" t="s">
        <v>53</v>
      </c>
      <c r="G81" s="482" t="s">
        <v>329</v>
      </c>
      <c r="H81" s="484" t="s">
        <v>330</v>
      </c>
      <c r="I81" s="484" t="s">
        <v>369</v>
      </c>
      <c r="J81" s="495" t="s">
        <v>378</v>
      </c>
      <c r="K81" s="495"/>
      <c r="L81" s="484" t="s">
        <v>58</v>
      </c>
      <c r="M81" s="484" t="s">
        <v>21</v>
      </c>
      <c r="N81" s="484"/>
      <c r="O81" s="484" t="s">
        <v>81</v>
      </c>
      <c r="P81" s="484" t="s">
        <v>334</v>
      </c>
      <c r="Q81" s="484"/>
      <c r="R81" s="484" t="s">
        <v>204</v>
      </c>
      <c r="S81" s="484" t="s">
        <v>63</v>
      </c>
      <c r="T81" s="484" t="s">
        <v>63</v>
      </c>
      <c r="U81" s="485">
        <v>129681</v>
      </c>
      <c r="V81" s="485"/>
      <c r="W81" s="484" t="s">
        <v>226</v>
      </c>
      <c r="X81" s="484"/>
      <c r="Y81" s="485">
        <f t="shared" si="16"/>
        <v>129681</v>
      </c>
      <c r="Z81" s="484" t="s">
        <v>82</v>
      </c>
      <c r="AA81" s="496"/>
      <c r="AB81" s="496"/>
      <c r="AC81" s="496"/>
      <c r="AD81" s="496"/>
      <c r="AE81" s="487" t="s">
        <v>66</v>
      </c>
      <c r="AF81" s="496"/>
      <c r="AG81" s="496"/>
      <c r="AH81" s="496"/>
      <c r="AI81" s="496"/>
      <c r="AJ81" s="496"/>
      <c r="AK81" s="496"/>
      <c r="AL81" s="496"/>
      <c r="AM81" s="496"/>
      <c r="AN81" s="496"/>
      <c r="AO81" s="496"/>
      <c r="AP81" s="496"/>
      <c r="AQ81" s="496"/>
      <c r="AR81" s="496"/>
      <c r="AS81" s="496"/>
      <c r="AT81" s="496"/>
      <c r="AU81" s="496"/>
      <c r="AV81" s="496"/>
      <c r="AW81" s="496"/>
      <c r="AX81" s="496"/>
      <c r="AY81" s="496"/>
      <c r="AZ81" s="496"/>
      <c r="BA81" s="496"/>
      <c r="BB81" s="496"/>
      <c r="BC81" s="496"/>
      <c r="BD81" s="496"/>
      <c r="BE81" s="496"/>
      <c r="BF81" s="80">
        <f t="shared" si="14"/>
        <v>300</v>
      </c>
      <c r="BG81" s="76">
        <f t="shared" si="10"/>
        <v>432.27</v>
      </c>
      <c r="BH81" s="487" t="str">
        <f t="shared" si="15"/>
        <v/>
      </c>
      <c r="BI81" s="487" t="str">
        <f t="shared" si="15"/>
        <v/>
      </c>
      <c r="BJ81" s="487" t="str">
        <f t="shared" si="15"/>
        <v/>
      </c>
      <c r="BK81" s="487" t="str">
        <f t="shared" si="15"/>
        <v/>
      </c>
      <c r="BL81" s="487">
        <f t="shared" si="15"/>
        <v>129681</v>
      </c>
      <c r="BM81" s="487" t="str">
        <f t="shared" si="15"/>
        <v/>
      </c>
      <c r="BN81" s="487" t="str">
        <f t="shared" si="15"/>
        <v/>
      </c>
      <c r="BO81" s="487" t="str">
        <f t="shared" si="15"/>
        <v/>
      </c>
      <c r="BP81" s="487" t="str">
        <f t="shared" si="15"/>
        <v/>
      </c>
      <c r="BQ81" s="487" t="str">
        <f t="shared" si="15"/>
        <v/>
      </c>
      <c r="BR81" s="487" t="str">
        <f t="shared" si="15"/>
        <v/>
      </c>
      <c r="BS81" s="487" t="str">
        <f t="shared" si="15"/>
        <v/>
      </c>
      <c r="BT81" s="487" t="str">
        <f t="shared" si="15"/>
        <v/>
      </c>
      <c r="BU81" s="487" t="str">
        <f t="shared" si="15"/>
        <v/>
      </c>
      <c r="BV81" s="487" t="str">
        <f t="shared" si="15"/>
        <v/>
      </c>
      <c r="BW81" s="487" t="str">
        <f t="shared" si="11"/>
        <v/>
      </c>
      <c r="BX81" s="487" t="str">
        <f t="shared" si="11"/>
        <v/>
      </c>
      <c r="BY81" s="487" t="str">
        <f t="shared" si="11"/>
        <v/>
      </c>
      <c r="BZ81" s="487" t="str">
        <f t="shared" si="11"/>
        <v/>
      </c>
      <c r="CA81" s="487" t="str">
        <f t="shared" si="13"/>
        <v/>
      </c>
      <c r="CB81" s="487" t="str">
        <f t="shared" si="13"/>
        <v/>
      </c>
      <c r="CC81" s="487" t="str">
        <f t="shared" si="13"/>
        <v/>
      </c>
      <c r="CD81" s="487" t="str">
        <f t="shared" si="13"/>
        <v/>
      </c>
      <c r="CE81" s="487" t="str">
        <f t="shared" si="13"/>
        <v/>
      </c>
      <c r="CF81" s="487" t="str">
        <f t="shared" si="13"/>
        <v/>
      </c>
      <c r="CG81" s="487" t="str">
        <f t="shared" si="13"/>
        <v/>
      </c>
      <c r="CH81" s="487" t="str">
        <f t="shared" si="13"/>
        <v/>
      </c>
      <c r="CI81" s="487" t="str">
        <f t="shared" si="13"/>
        <v/>
      </c>
      <c r="CJ81" s="487" t="str">
        <f t="shared" si="7"/>
        <v/>
      </c>
      <c r="CK81" s="487" t="str">
        <f t="shared" si="7"/>
        <v/>
      </c>
      <c r="CL81" s="487" t="str">
        <f t="shared" si="7"/>
        <v/>
      </c>
      <c r="CM81" s="487"/>
      <c r="CN81" s="487"/>
      <c r="CO81" s="487"/>
      <c r="CP81" s="487"/>
      <c r="CQ81" s="487"/>
      <c r="CR81" s="487"/>
      <c r="CS81" s="487"/>
      <c r="CT81" s="487"/>
      <c r="CU81" s="487"/>
      <c r="CV81" s="487"/>
      <c r="CW81" s="487"/>
      <c r="CX81" s="487"/>
      <c r="CY81" s="487"/>
      <c r="CZ81" s="487"/>
      <c r="DA81" s="487"/>
      <c r="DB81" s="487"/>
      <c r="DC81" s="487"/>
      <c r="DD81" s="487"/>
      <c r="DE81" s="487"/>
      <c r="DF81" s="487"/>
      <c r="DG81" s="487"/>
      <c r="DH81" s="487"/>
      <c r="DI81" s="484"/>
      <c r="DJ81" s="484" t="s">
        <v>340</v>
      </c>
      <c r="DK81" s="484" t="s">
        <v>336</v>
      </c>
    </row>
    <row r="82" spans="1:115" s="354" customFormat="1" ht="56.1" hidden="1" customHeight="1" x14ac:dyDescent="0.2">
      <c r="A82" s="494"/>
      <c r="B82" s="494"/>
      <c r="C82" s="481">
        <v>124</v>
      </c>
      <c r="D82" s="481"/>
      <c r="E82" s="481" t="s">
        <v>2481</v>
      </c>
      <c r="F82" s="482" t="s">
        <v>53</v>
      </c>
      <c r="G82" s="482" t="s">
        <v>329</v>
      </c>
      <c r="H82" s="484" t="s">
        <v>330</v>
      </c>
      <c r="I82" s="484" t="s">
        <v>369</v>
      </c>
      <c r="J82" s="495" t="s">
        <v>379</v>
      </c>
      <c r="K82" s="495"/>
      <c r="L82" s="484" t="s">
        <v>58</v>
      </c>
      <c r="M82" s="484" t="s">
        <v>323</v>
      </c>
      <c r="N82" s="484"/>
      <c r="O82" s="484" t="s">
        <v>81</v>
      </c>
      <c r="P82" s="484" t="s">
        <v>334</v>
      </c>
      <c r="Q82" s="484"/>
      <c r="R82" s="484" t="s">
        <v>380</v>
      </c>
      <c r="S82" s="484" t="s">
        <v>63</v>
      </c>
      <c r="T82" s="484" t="s">
        <v>63</v>
      </c>
      <c r="U82" s="485">
        <v>43229</v>
      </c>
      <c r="V82" s="485"/>
      <c r="W82" s="484" t="s">
        <v>226</v>
      </c>
      <c r="X82" s="484"/>
      <c r="Y82" s="485">
        <f t="shared" si="16"/>
        <v>43229</v>
      </c>
      <c r="Z82" s="484" t="s">
        <v>82</v>
      </c>
      <c r="AA82" s="496"/>
      <c r="AB82" s="496"/>
      <c r="AC82" s="496"/>
      <c r="AD82" s="496"/>
      <c r="AE82" s="496"/>
      <c r="AF82" s="496"/>
      <c r="AG82" s="487" t="s">
        <v>66</v>
      </c>
      <c r="AH82" s="496"/>
      <c r="AI82" s="496"/>
      <c r="AJ82" s="496"/>
      <c r="AK82" s="496"/>
      <c r="AL82" s="496"/>
      <c r="AM82" s="496"/>
      <c r="AN82" s="496"/>
      <c r="AO82" s="496"/>
      <c r="AP82" s="496"/>
      <c r="AQ82" s="496"/>
      <c r="AR82" s="496"/>
      <c r="AS82" s="496"/>
      <c r="AT82" s="496"/>
      <c r="AU82" s="496"/>
      <c r="AV82" s="496"/>
      <c r="AW82" s="496"/>
      <c r="AX82" s="496"/>
      <c r="AY82" s="496"/>
      <c r="AZ82" s="496"/>
      <c r="BA82" s="496"/>
      <c r="BB82" s="496"/>
      <c r="BC82" s="496"/>
      <c r="BD82" s="496"/>
      <c r="BE82" s="496"/>
      <c r="BF82" s="80">
        <f t="shared" si="14"/>
        <v>100</v>
      </c>
      <c r="BG82" s="76">
        <f t="shared" si="10"/>
        <v>432.29</v>
      </c>
      <c r="BH82" s="487" t="str">
        <f t="shared" si="15"/>
        <v/>
      </c>
      <c r="BI82" s="487" t="str">
        <f t="shared" si="15"/>
        <v/>
      </c>
      <c r="BJ82" s="487" t="str">
        <f t="shared" si="15"/>
        <v/>
      </c>
      <c r="BK82" s="487" t="str">
        <f t="shared" si="15"/>
        <v/>
      </c>
      <c r="BL82" s="487" t="str">
        <f t="shared" si="15"/>
        <v/>
      </c>
      <c r="BM82" s="487" t="str">
        <f t="shared" si="15"/>
        <v/>
      </c>
      <c r="BN82" s="487">
        <f t="shared" si="15"/>
        <v>43229</v>
      </c>
      <c r="BO82" s="487" t="str">
        <f t="shared" si="15"/>
        <v/>
      </c>
      <c r="BP82" s="487" t="str">
        <f t="shared" si="15"/>
        <v/>
      </c>
      <c r="BQ82" s="487" t="str">
        <f t="shared" si="15"/>
        <v/>
      </c>
      <c r="BR82" s="487" t="str">
        <f t="shared" si="15"/>
        <v/>
      </c>
      <c r="BS82" s="487" t="str">
        <f t="shared" si="15"/>
        <v/>
      </c>
      <c r="BT82" s="487" t="str">
        <f t="shared" si="15"/>
        <v/>
      </c>
      <c r="BU82" s="487" t="str">
        <f t="shared" si="15"/>
        <v/>
      </c>
      <c r="BV82" s="487" t="str">
        <f t="shared" si="15"/>
        <v/>
      </c>
      <c r="BW82" s="487" t="str">
        <f t="shared" si="11"/>
        <v/>
      </c>
      <c r="BX82" s="487" t="str">
        <f t="shared" si="11"/>
        <v/>
      </c>
      <c r="BY82" s="487" t="str">
        <f t="shared" si="11"/>
        <v/>
      </c>
      <c r="BZ82" s="487" t="str">
        <f t="shared" si="11"/>
        <v/>
      </c>
      <c r="CA82" s="487" t="str">
        <f t="shared" si="13"/>
        <v/>
      </c>
      <c r="CB82" s="487" t="str">
        <f t="shared" si="13"/>
        <v/>
      </c>
      <c r="CC82" s="487" t="str">
        <f t="shared" si="13"/>
        <v/>
      </c>
      <c r="CD82" s="487" t="str">
        <f t="shared" si="13"/>
        <v/>
      </c>
      <c r="CE82" s="487" t="str">
        <f t="shared" si="13"/>
        <v/>
      </c>
      <c r="CF82" s="487" t="str">
        <f t="shared" si="13"/>
        <v/>
      </c>
      <c r="CG82" s="487" t="str">
        <f t="shared" si="13"/>
        <v/>
      </c>
      <c r="CH82" s="487" t="str">
        <f t="shared" si="13"/>
        <v/>
      </c>
      <c r="CI82" s="487" t="str">
        <f t="shared" si="13"/>
        <v/>
      </c>
      <c r="CJ82" s="487" t="str">
        <f t="shared" si="7"/>
        <v/>
      </c>
      <c r="CK82" s="487" t="str">
        <f t="shared" si="7"/>
        <v/>
      </c>
      <c r="CL82" s="487" t="str">
        <f t="shared" si="7"/>
        <v/>
      </c>
      <c r="CM82" s="487"/>
      <c r="CN82" s="487"/>
      <c r="CO82" s="487"/>
      <c r="CP82" s="487"/>
      <c r="CQ82" s="487"/>
      <c r="CR82" s="487"/>
      <c r="CS82" s="487"/>
      <c r="CT82" s="487"/>
      <c r="CU82" s="487"/>
      <c r="CV82" s="487"/>
      <c r="CW82" s="487"/>
      <c r="CX82" s="487"/>
      <c r="CY82" s="487"/>
      <c r="CZ82" s="487"/>
      <c r="DA82" s="487"/>
      <c r="DB82" s="487"/>
      <c r="DC82" s="487"/>
      <c r="DD82" s="487"/>
      <c r="DE82" s="487"/>
      <c r="DF82" s="487"/>
      <c r="DG82" s="487"/>
      <c r="DH82" s="487"/>
      <c r="DI82" s="484"/>
      <c r="DJ82" s="484" t="s">
        <v>340</v>
      </c>
      <c r="DK82" s="484" t="s">
        <v>336</v>
      </c>
    </row>
    <row r="83" spans="1:115" s="354" customFormat="1" ht="56.1" hidden="1" customHeight="1" x14ac:dyDescent="0.2">
      <c r="A83" s="494"/>
      <c r="B83" s="494"/>
      <c r="C83" s="481">
        <v>125</v>
      </c>
      <c r="D83" s="481"/>
      <c r="E83" s="481" t="s">
        <v>2481</v>
      </c>
      <c r="F83" s="482" t="s">
        <v>53</v>
      </c>
      <c r="G83" s="482" t="s">
        <v>329</v>
      </c>
      <c r="H83" s="484" t="s">
        <v>330</v>
      </c>
      <c r="I83" s="484" t="s">
        <v>369</v>
      </c>
      <c r="J83" s="495" t="s">
        <v>381</v>
      </c>
      <c r="K83" s="495"/>
      <c r="L83" s="484" t="s">
        <v>58</v>
      </c>
      <c r="M83" s="484" t="s">
        <v>324</v>
      </c>
      <c r="N83" s="484"/>
      <c r="O83" s="484" t="s">
        <v>81</v>
      </c>
      <c r="P83" s="484" t="s">
        <v>334</v>
      </c>
      <c r="Q83" s="484"/>
      <c r="R83" s="484" t="s">
        <v>382</v>
      </c>
      <c r="S83" s="484" t="s">
        <v>63</v>
      </c>
      <c r="T83" s="484" t="s">
        <v>63</v>
      </c>
      <c r="U83" s="485">
        <v>168563</v>
      </c>
      <c r="V83" s="485"/>
      <c r="W83" s="484" t="s">
        <v>226</v>
      </c>
      <c r="X83" s="484"/>
      <c r="Y83" s="485">
        <f t="shared" si="16"/>
        <v>168563</v>
      </c>
      <c r="Z83" s="484" t="s">
        <v>82</v>
      </c>
      <c r="AA83" s="496"/>
      <c r="AB83" s="496"/>
      <c r="AC83" s="496"/>
      <c r="AD83" s="496"/>
      <c r="AE83" s="496"/>
      <c r="AF83" s="496"/>
      <c r="AG83" s="496"/>
      <c r="AH83" s="487" t="s">
        <v>66</v>
      </c>
      <c r="AI83" s="496"/>
      <c r="AJ83" s="496"/>
      <c r="AK83" s="496"/>
      <c r="AL83" s="496"/>
      <c r="AM83" s="496"/>
      <c r="AN83" s="496"/>
      <c r="AO83" s="496"/>
      <c r="AP83" s="496"/>
      <c r="AQ83" s="496"/>
      <c r="AR83" s="496"/>
      <c r="AS83" s="496"/>
      <c r="AT83" s="496"/>
      <c r="AU83" s="496"/>
      <c r="AV83" s="496"/>
      <c r="AW83" s="496"/>
      <c r="AX83" s="496"/>
      <c r="AY83" s="496"/>
      <c r="AZ83" s="496"/>
      <c r="BA83" s="496"/>
      <c r="BB83" s="496"/>
      <c r="BC83" s="496"/>
      <c r="BD83" s="496"/>
      <c r="BE83" s="496"/>
      <c r="BF83" s="80">
        <f t="shared" si="14"/>
        <v>390</v>
      </c>
      <c r="BG83" s="76">
        <f t="shared" si="10"/>
        <v>432.21282051282049</v>
      </c>
      <c r="BH83" s="487" t="str">
        <f t="shared" si="15"/>
        <v/>
      </c>
      <c r="BI83" s="487" t="str">
        <f t="shared" si="15"/>
        <v/>
      </c>
      <c r="BJ83" s="487" t="str">
        <f t="shared" si="15"/>
        <v/>
      </c>
      <c r="BK83" s="487" t="str">
        <f t="shared" si="15"/>
        <v/>
      </c>
      <c r="BL83" s="487" t="str">
        <f t="shared" si="15"/>
        <v/>
      </c>
      <c r="BM83" s="487" t="str">
        <f t="shared" si="15"/>
        <v/>
      </c>
      <c r="BN83" s="487" t="str">
        <f t="shared" si="15"/>
        <v/>
      </c>
      <c r="BO83" s="487">
        <f t="shared" si="15"/>
        <v>168563</v>
      </c>
      <c r="BP83" s="487" t="str">
        <f t="shared" si="15"/>
        <v/>
      </c>
      <c r="BQ83" s="487" t="str">
        <f t="shared" si="15"/>
        <v/>
      </c>
      <c r="BR83" s="487" t="str">
        <f t="shared" si="15"/>
        <v/>
      </c>
      <c r="BS83" s="487" t="str">
        <f t="shared" si="15"/>
        <v/>
      </c>
      <c r="BT83" s="487" t="str">
        <f t="shared" si="15"/>
        <v/>
      </c>
      <c r="BU83" s="487" t="str">
        <f t="shared" si="15"/>
        <v/>
      </c>
      <c r="BV83" s="487" t="str">
        <f t="shared" si="15"/>
        <v/>
      </c>
      <c r="BW83" s="487" t="str">
        <f t="shared" si="11"/>
        <v/>
      </c>
      <c r="BX83" s="487" t="str">
        <f t="shared" si="11"/>
        <v/>
      </c>
      <c r="BY83" s="487" t="str">
        <f t="shared" si="11"/>
        <v/>
      </c>
      <c r="BZ83" s="487" t="str">
        <f t="shared" si="11"/>
        <v/>
      </c>
      <c r="CA83" s="487" t="str">
        <f t="shared" si="13"/>
        <v/>
      </c>
      <c r="CB83" s="487" t="str">
        <f t="shared" si="13"/>
        <v/>
      </c>
      <c r="CC83" s="487" t="str">
        <f t="shared" si="13"/>
        <v/>
      </c>
      <c r="CD83" s="487" t="str">
        <f t="shared" si="13"/>
        <v/>
      </c>
      <c r="CE83" s="487" t="str">
        <f t="shared" si="13"/>
        <v/>
      </c>
      <c r="CF83" s="487" t="str">
        <f t="shared" si="13"/>
        <v/>
      </c>
      <c r="CG83" s="487" t="str">
        <f t="shared" si="13"/>
        <v/>
      </c>
      <c r="CH83" s="487" t="str">
        <f t="shared" si="13"/>
        <v/>
      </c>
      <c r="CI83" s="487" t="str">
        <f t="shared" si="13"/>
        <v/>
      </c>
      <c r="CJ83" s="487" t="str">
        <f t="shared" si="7"/>
        <v/>
      </c>
      <c r="CK83" s="487" t="str">
        <f t="shared" si="7"/>
        <v/>
      </c>
      <c r="CL83" s="487" t="str">
        <f t="shared" si="7"/>
        <v/>
      </c>
      <c r="CM83" s="487"/>
      <c r="CN83" s="487"/>
      <c r="CO83" s="487"/>
      <c r="CP83" s="487"/>
      <c r="CQ83" s="487"/>
      <c r="CR83" s="487"/>
      <c r="CS83" s="487"/>
      <c r="CT83" s="487"/>
      <c r="CU83" s="487"/>
      <c r="CV83" s="487"/>
      <c r="CW83" s="487"/>
      <c r="CX83" s="487"/>
      <c r="CY83" s="487"/>
      <c r="CZ83" s="487"/>
      <c r="DA83" s="487"/>
      <c r="DB83" s="487"/>
      <c r="DC83" s="487"/>
      <c r="DD83" s="487"/>
      <c r="DE83" s="487"/>
      <c r="DF83" s="487"/>
      <c r="DG83" s="487"/>
      <c r="DH83" s="487"/>
      <c r="DI83" s="484"/>
      <c r="DJ83" s="484" t="s">
        <v>340</v>
      </c>
      <c r="DK83" s="484" t="s">
        <v>336</v>
      </c>
    </row>
    <row r="84" spans="1:115" s="354" customFormat="1" ht="56.1" hidden="1" customHeight="1" x14ac:dyDescent="0.2">
      <c r="A84" s="77" t="s">
        <v>2491</v>
      </c>
      <c r="B84" s="77" t="s">
        <v>22</v>
      </c>
      <c r="C84" s="481">
        <v>126</v>
      </c>
      <c r="D84" s="481"/>
      <c r="E84" s="481" t="s">
        <v>2481</v>
      </c>
      <c r="F84" s="482" t="s">
        <v>53</v>
      </c>
      <c r="G84" s="482" t="s">
        <v>329</v>
      </c>
      <c r="H84" s="484" t="s">
        <v>330</v>
      </c>
      <c r="I84" s="484" t="s">
        <v>369</v>
      </c>
      <c r="J84" s="495" t="s">
        <v>383</v>
      </c>
      <c r="K84" s="495"/>
      <c r="L84" s="484" t="s">
        <v>58</v>
      </c>
      <c r="M84" s="484" t="s">
        <v>22</v>
      </c>
      <c r="N84" s="484"/>
      <c r="O84" s="484" t="s">
        <v>81</v>
      </c>
      <c r="P84" s="484" t="s">
        <v>334</v>
      </c>
      <c r="Q84" s="484"/>
      <c r="R84" s="484" t="s">
        <v>187</v>
      </c>
      <c r="S84" s="484" t="s">
        <v>63</v>
      </c>
      <c r="T84" s="484" t="s">
        <v>63</v>
      </c>
      <c r="U84" s="485">
        <v>207472</v>
      </c>
      <c r="V84" s="485"/>
      <c r="W84" s="484" t="s">
        <v>226</v>
      </c>
      <c r="X84" s="484"/>
      <c r="Y84" s="485">
        <f t="shared" si="16"/>
        <v>207472</v>
      </c>
      <c r="Z84" s="484" t="s">
        <v>82</v>
      </c>
      <c r="AA84" s="496"/>
      <c r="AB84" s="496"/>
      <c r="AC84" s="496"/>
      <c r="AD84" s="496"/>
      <c r="AE84" s="496"/>
      <c r="AF84" s="487" t="s">
        <v>66</v>
      </c>
      <c r="AG84" s="496"/>
      <c r="AH84" s="496"/>
      <c r="AI84" s="496"/>
      <c r="AJ84" s="496"/>
      <c r="AK84" s="496"/>
      <c r="AL84" s="496"/>
      <c r="AM84" s="496"/>
      <c r="AN84" s="496"/>
      <c r="AO84" s="496"/>
      <c r="AP84" s="496"/>
      <c r="AQ84" s="496"/>
      <c r="AR84" s="496"/>
      <c r="AS84" s="496"/>
      <c r="AT84" s="496"/>
      <c r="AU84" s="496"/>
      <c r="AV84" s="496"/>
      <c r="AW84" s="496"/>
      <c r="AX84" s="496"/>
      <c r="AY84" s="496"/>
      <c r="AZ84" s="496"/>
      <c r="BA84" s="496"/>
      <c r="BB84" s="496"/>
      <c r="BC84" s="496"/>
      <c r="BD84" s="496"/>
      <c r="BE84" s="496"/>
      <c r="BF84" s="80">
        <f t="shared" si="14"/>
        <v>480</v>
      </c>
      <c r="BG84" s="76">
        <f t="shared" si="10"/>
        <v>432.23333333333335</v>
      </c>
      <c r="BH84" s="487" t="str">
        <f t="shared" si="15"/>
        <v/>
      </c>
      <c r="BI84" s="487" t="str">
        <f t="shared" si="15"/>
        <v/>
      </c>
      <c r="BJ84" s="487" t="str">
        <f t="shared" si="15"/>
        <v/>
      </c>
      <c r="BK84" s="487" t="str">
        <f t="shared" si="15"/>
        <v/>
      </c>
      <c r="BL84" s="487" t="str">
        <f t="shared" si="15"/>
        <v/>
      </c>
      <c r="BM84" s="487">
        <f t="shared" si="15"/>
        <v>207472</v>
      </c>
      <c r="BN84" s="487" t="str">
        <f t="shared" si="15"/>
        <v/>
      </c>
      <c r="BO84" s="487" t="str">
        <f t="shared" si="15"/>
        <v/>
      </c>
      <c r="BP84" s="487" t="str">
        <f t="shared" si="15"/>
        <v/>
      </c>
      <c r="BQ84" s="487" t="str">
        <f t="shared" si="15"/>
        <v/>
      </c>
      <c r="BR84" s="487" t="str">
        <f t="shared" si="15"/>
        <v/>
      </c>
      <c r="BS84" s="487" t="str">
        <f t="shared" si="15"/>
        <v/>
      </c>
      <c r="BT84" s="487" t="str">
        <f t="shared" si="15"/>
        <v/>
      </c>
      <c r="BU84" s="487" t="str">
        <f t="shared" si="15"/>
        <v/>
      </c>
      <c r="BV84" s="487" t="str">
        <f t="shared" si="15"/>
        <v/>
      </c>
      <c r="BW84" s="487" t="str">
        <f t="shared" si="11"/>
        <v/>
      </c>
      <c r="BX84" s="487" t="str">
        <f t="shared" si="11"/>
        <v/>
      </c>
      <c r="BY84" s="487" t="str">
        <f t="shared" si="11"/>
        <v/>
      </c>
      <c r="BZ84" s="487" t="str">
        <f t="shared" si="11"/>
        <v/>
      </c>
      <c r="CA84" s="487" t="str">
        <f t="shared" si="13"/>
        <v/>
      </c>
      <c r="CB84" s="487" t="str">
        <f t="shared" si="13"/>
        <v/>
      </c>
      <c r="CC84" s="487" t="str">
        <f t="shared" si="13"/>
        <v/>
      </c>
      <c r="CD84" s="487" t="str">
        <f t="shared" si="13"/>
        <v/>
      </c>
      <c r="CE84" s="487" t="str">
        <f t="shared" si="13"/>
        <v/>
      </c>
      <c r="CF84" s="487" t="str">
        <f t="shared" si="13"/>
        <v/>
      </c>
      <c r="CG84" s="487" t="str">
        <f t="shared" si="13"/>
        <v/>
      </c>
      <c r="CH84" s="487" t="str">
        <f t="shared" si="13"/>
        <v/>
      </c>
      <c r="CI84" s="487" t="str">
        <f t="shared" si="13"/>
        <v/>
      </c>
      <c r="CJ84" s="487" t="str">
        <f t="shared" si="7"/>
        <v/>
      </c>
      <c r="CK84" s="487" t="str">
        <f t="shared" si="7"/>
        <v/>
      </c>
      <c r="CL84" s="487" t="str">
        <f t="shared" si="7"/>
        <v/>
      </c>
      <c r="CM84" s="487"/>
      <c r="CN84" s="487"/>
      <c r="CO84" s="487"/>
      <c r="CP84" s="487"/>
      <c r="CQ84" s="487"/>
      <c r="CR84" s="487"/>
      <c r="CS84" s="487"/>
      <c r="CT84" s="487"/>
      <c r="CU84" s="487"/>
      <c r="CV84" s="487"/>
      <c r="CW84" s="487"/>
      <c r="CX84" s="487"/>
      <c r="CY84" s="487"/>
      <c r="CZ84" s="487"/>
      <c r="DA84" s="487"/>
      <c r="DB84" s="487"/>
      <c r="DC84" s="487"/>
      <c r="DD84" s="487"/>
      <c r="DE84" s="487"/>
      <c r="DF84" s="487"/>
      <c r="DG84" s="487"/>
      <c r="DH84" s="487"/>
      <c r="DI84" s="484"/>
      <c r="DJ84" s="484" t="s">
        <v>340</v>
      </c>
      <c r="DK84" s="484" t="s">
        <v>336</v>
      </c>
    </row>
    <row r="85" spans="1:115" s="354" customFormat="1" ht="56.1" hidden="1" customHeight="1" x14ac:dyDescent="0.2">
      <c r="A85" s="494"/>
      <c r="B85" s="494"/>
      <c r="C85" s="481">
        <v>127</v>
      </c>
      <c r="D85" s="481"/>
      <c r="E85" s="481" t="s">
        <v>2481</v>
      </c>
      <c r="F85" s="482" t="s">
        <v>53</v>
      </c>
      <c r="G85" s="482" t="s">
        <v>329</v>
      </c>
      <c r="H85" s="484" t="s">
        <v>330</v>
      </c>
      <c r="I85" s="484" t="s">
        <v>369</v>
      </c>
      <c r="J85" s="495" t="s">
        <v>385</v>
      </c>
      <c r="K85" s="495"/>
      <c r="L85" s="484" t="s">
        <v>58</v>
      </c>
      <c r="M85" s="484" t="s">
        <v>207</v>
      </c>
      <c r="N85" s="484"/>
      <c r="O85" s="484" t="s">
        <v>81</v>
      </c>
      <c r="P85" s="484" t="s">
        <v>334</v>
      </c>
      <c r="Q85" s="484"/>
      <c r="R85" s="484" t="s">
        <v>208</v>
      </c>
      <c r="S85" s="484" t="s">
        <v>63</v>
      </c>
      <c r="T85" s="484" t="s">
        <v>63</v>
      </c>
      <c r="U85" s="485">
        <v>216143.73045718172</v>
      </c>
      <c r="V85" s="485"/>
      <c r="W85" s="484" t="s">
        <v>226</v>
      </c>
      <c r="X85" s="484"/>
      <c r="Y85" s="485">
        <f t="shared" si="16"/>
        <v>216143.73045718172</v>
      </c>
      <c r="Z85" s="484" t="s">
        <v>82</v>
      </c>
      <c r="AA85" s="496"/>
      <c r="AB85" s="496"/>
      <c r="AC85" s="496"/>
      <c r="AD85" s="496"/>
      <c r="AE85" s="496"/>
      <c r="AF85" s="487"/>
      <c r="AG85" s="496"/>
      <c r="AH85" s="496"/>
      <c r="AI85" s="496" t="s">
        <v>66</v>
      </c>
      <c r="AJ85" s="496"/>
      <c r="AK85" s="496"/>
      <c r="AL85" s="496"/>
      <c r="AM85" s="496"/>
      <c r="AN85" s="496"/>
      <c r="AO85" s="496"/>
      <c r="AP85" s="496"/>
      <c r="AQ85" s="496"/>
      <c r="AR85" s="496"/>
      <c r="AS85" s="496"/>
      <c r="AT85" s="496"/>
      <c r="AU85" s="496"/>
      <c r="AV85" s="496"/>
      <c r="AW85" s="496"/>
      <c r="AX85" s="496"/>
      <c r="AY85" s="496"/>
      <c r="AZ85" s="496"/>
      <c r="BA85" s="496"/>
      <c r="BB85" s="496"/>
      <c r="BC85" s="496"/>
      <c r="BD85" s="496"/>
      <c r="BE85" s="496"/>
      <c r="BF85" s="80">
        <f t="shared" si="14"/>
        <v>500</v>
      </c>
      <c r="BG85" s="76">
        <f t="shared" si="10"/>
        <v>432.28746091436346</v>
      </c>
      <c r="BH85" s="487" t="str">
        <f t="shared" si="15"/>
        <v/>
      </c>
      <c r="BI85" s="487" t="str">
        <f t="shared" si="15"/>
        <v/>
      </c>
      <c r="BJ85" s="487" t="str">
        <f t="shared" si="15"/>
        <v/>
      </c>
      <c r="BK85" s="487" t="str">
        <f t="shared" si="15"/>
        <v/>
      </c>
      <c r="BL85" s="487" t="str">
        <f t="shared" si="15"/>
        <v/>
      </c>
      <c r="BM85" s="487" t="str">
        <f t="shared" si="15"/>
        <v/>
      </c>
      <c r="BN85" s="487" t="str">
        <f t="shared" si="15"/>
        <v/>
      </c>
      <c r="BO85" s="487" t="str">
        <f t="shared" si="15"/>
        <v/>
      </c>
      <c r="BP85" s="487">
        <f t="shared" si="15"/>
        <v>216143.73045718172</v>
      </c>
      <c r="BQ85" s="487" t="str">
        <f t="shared" si="15"/>
        <v/>
      </c>
      <c r="BR85" s="487" t="str">
        <f t="shared" si="15"/>
        <v/>
      </c>
      <c r="BS85" s="487" t="str">
        <f t="shared" si="15"/>
        <v/>
      </c>
      <c r="BT85" s="487" t="str">
        <f t="shared" si="15"/>
        <v/>
      </c>
      <c r="BU85" s="487" t="str">
        <f t="shared" si="15"/>
        <v/>
      </c>
      <c r="BV85" s="487" t="str">
        <f t="shared" si="15"/>
        <v/>
      </c>
      <c r="BW85" s="487" t="str">
        <f t="shared" si="11"/>
        <v/>
      </c>
      <c r="BX85" s="487" t="str">
        <f t="shared" si="11"/>
        <v/>
      </c>
      <c r="BY85" s="487" t="str">
        <f t="shared" si="11"/>
        <v/>
      </c>
      <c r="BZ85" s="487" t="str">
        <f t="shared" si="11"/>
        <v/>
      </c>
      <c r="CA85" s="487" t="str">
        <f t="shared" si="13"/>
        <v/>
      </c>
      <c r="CB85" s="487" t="str">
        <f t="shared" si="13"/>
        <v/>
      </c>
      <c r="CC85" s="487" t="str">
        <f t="shared" si="13"/>
        <v/>
      </c>
      <c r="CD85" s="487" t="str">
        <f t="shared" ref="CD85:CL117" si="17">IF(AW85="yes",(AW$2*$BG85),"")</f>
        <v/>
      </c>
      <c r="CE85" s="487" t="str">
        <f t="shared" si="17"/>
        <v/>
      </c>
      <c r="CF85" s="487" t="str">
        <f t="shared" si="17"/>
        <v/>
      </c>
      <c r="CG85" s="487" t="str">
        <f t="shared" si="17"/>
        <v/>
      </c>
      <c r="CH85" s="487" t="str">
        <f t="shared" si="17"/>
        <v/>
      </c>
      <c r="CI85" s="487" t="str">
        <f t="shared" si="17"/>
        <v/>
      </c>
      <c r="CJ85" s="487" t="str">
        <f t="shared" si="7"/>
        <v/>
      </c>
      <c r="CK85" s="487" t="str">
        <f t="shared" si="7"/>
        <v/>
      </c>
      <c r="CL85" s="487" t="str">
        <f t="shared" si="7"/>
        <v/>
      </c>
      <c r="CM85" s="487"/>
      <c r="CN85" s="487"/>
      <c r="CO85" s="487"/>
      <c r="CP85" s="487"/>
      <c r="CQ85" s="487"/>
      <c r="CR85" s="487"/>
      <c r="CS85" s="487"/>
      <c r="CT85" s="487"/>
      <c r="CU85" s="487"/>
      <c r="CV85" s="487"/>
      <c r="CW85" s="487"/>
      <c r="CX85" s="487"/>
      <c r="CY85" s="487"/>
      <c r="CZ85" s="487"/>
      <c r="DA85" s="487"/>
      <c r="DB85" s="487"/>
      <c r="DC85" s="487"/>
      <c r="DD85" s="487"/>
      <c r="DE85" s="487"/>
      <c r="DF85" s="487"/>
      <c r="DG85" s="487"/>
      <c r="DH85" s="487"/>
      <c r="DI85" s="484"/>
      <c r="DJ85" s="484"/>
      <c r="DK85" s="484"/>
    </row>
    <row r="86" spans="1:115" s="354" customFormat="1" ht="56.1" hidden="1" customHeight="1" x14ac:dyDescent="0.2">
      <c r="A86" s="77" t="s">
        <v>2492</v>
      </c>
      <c r="B86" s="77" t="s">
        <v>2493</v>
      </c>
      <c r="C86" s="481">
        <v>128</v>
      </c>
      <c r="D86" s="481"/>
      <c r="E86" s="481" t="s">
        <v>2481</v>
      </c>
      <c r="F86" s="482" t="s">
        <v>53</v>
      </c>
      <c r="G86" s="482" t="s">
        <v>329</v>
      </c>
      <c r="H86" s="484" t="s">
        <v>330</v>
      </c>
      <c r="I86" s="484" t="s">
        <v>369</v>
      </c>
      <c r="J86" s="495" t="s">
        <v>386</v>
      </c>
      <c r="K86" s="495"/>
      <c r="L86" s="484" t="s">
        <v>58</v>
      </c>
      <c r="M86" s="484" t="s">
        <v>2493</v>
      </c>
      <c r="N86" s="484"/>
      <c r="O86" s="484" t="s">
        <v>81</v>
      </c>
      <c r="P86" s="484" t="s">
        <v>334</v>
      </c>
      <c r="Q86" s="484"/>
      <c r="R86" s="484" t="s">
        <v>71</v>
      </c>
      <c r="S86" s="484" t="s">
        <v>63</v>
      </c>
      <c r="T86" s="484" t="s">
        <v>63</v>
      </c>
      <c r="U86" s="485">
        <v>101199.44859739553</v>
      </c>
      <c r="V86" s="485"/>
      <c r="W86" s="484" t="s">
        <v>226</v>
      </c>
      <c r="X86" s="484"/>
      <c r="Y86" s="485">
        <f t="shared" si="16"/>
        <v>101199.44859739553</v>
      </c>
      <c r="Z86" s="484" t="s">
        <v>82</v>
      </c>
      <c r="AA86" s="496"/>
      <c r="AB86" s="496"/>
      <c r="AC86" s="496"/>
      <c r="AD86" s="496"/>
      <c r="AE86" s="496"/>
      <c r="AF86" s="487"/>
      <c r="AG86" s="496"/>
      <c r="AH86" s="496"/>
      <c r="AI86" s="496"/>
      <c r="AJ86" s="496"/>
      <c r="AK86" s="496"/>
      <c r="AL86" s="496"/>
      <c r="AM86" s="496" t="s">
        <v>66</v>
      </c>
      <c r="AN86" s="496"/>
      <c r="AO86" s="496"/>
      <c r="AP86" s="496"/>
      <c r="AQ86" s="496"/>
      <c r="AR86" s="496"/>
      <c r="AS86" s="496"/>
      <c r="AT86" s="496"/>
      <c r="AU86" s="496"/>
      <c r="AV86" s="496"/>
      <c r="AW86" s="496"/>
      <c r="AX86" s="496"/>
      <c r="AY86" s="496"/>
      <c r="AZ86" s="496"/>
      <c r="BA86" s="496"/>
      <c r="BB86" s="496"/>
      <c r="BC86" s="496"/>
      <c r="BD86" s="496"/>
      <c r="BE86" s="496"/>
      <c r="BF86" s="80">
        <f t="shared" si="14"/>
        <v>234</v>
      </c>
      <c r="BG86" s="76">
        <f t="shared" si="10"/>
        <v>432.47627605724585</v>
      </c>
      <c r="BH86" s="487" t="str">
        <f t="shared" ref="BH86:BV102" si="18">IF(AA86="yes",(AA$2*$BG86),"")</f>
        <v/>
      </c>
      <c r="BI86" s="487" t="str">
        <f t="shared" si="18"/>
        <v/>
      </c>
      <c r="BJ86" s="487" t="str">
        <f t="shared" si="18"/>
        <v/>
      </c>
      <c r="BK86" s="487" t="str">
        <f t="shared" si="18"/>
        <v/>
      </c>
      <c r="BL86" s="487" t="str">
        <f t="shared" si="18"/>
        <v/>
      </c>
      <c r="BM86" s="487" t="str">
        <f t="shared" si="18"/>
        <v/>
      </c>
      <c r="BN86" s="487" t="str">
        <f t="shared" si="18"/>
        <v/>
      </c>
      <c r="BO86" s="487" t="str">
        <f t="shared" si="18"/>
        <v/>
      </c>
      <c r="BP86" s="487" t="str">
        <f t="shared" si="18"/>
        <v/>
      </c>
      <c r="BQ86" s="487" t="str">
        <f t="shared" si="18"/>
        <v/>
      </c>
      <c r="BR86" s="487" t="str">
        <f t="shared" si="18"/>
        <v/>
      </c>
      <c r="BS86" s="487" t="str">
        <f t="shared" si="18"/>
        <v/>
      </c>
      <c r="BT86" s="487">
        <f t="shared" si="18"/>
        <v>101199.44859739553</v>
      </c>
      <c r="BU86" s="487" t="str">
        <f t="shared" si="18"/>
        <v/>
      </c>
      <c r="BV86" s="487" t="str">
        <f t="shared" si="18"/>
        <v/>
      </c>
      <c r="BW86" s="487" t="str">
        <f t="shared" si="11"/>
        <v/>
      </c>
      <c r="BX86" s="487" t="str">
        <f t="shared" si="11"/>
        <v/>
      </c>
      <c r="BY86" s="487" t="str">
        <f t="shared" si="11"/>
        <v/>
      </c>
      <c r="BZ86" s="487" t="str">
        <f t="shared" si="11"/>
        <v/>
      </c>
      <c r="CA86" s="487" t="str">
        <f t="shared" si="11"/>
        <v/>
      </c>
      <c r="CB86" s="487" t="str">
        <f t="shared" si="11"/>
        <v/>
      </c>
      <c r="CC86" s="487" t="str">
        <f t="shared" si="11"/>
        <v/>
      </c>
      <c r="CD86" s="487" t="str">
        <f t="shared" si="17"/>
        <v/>
      </c>
      <c r="CE86" s="487" t="str">
        <f t="shared" si="17"/>
        <v/>
      </c>
      <c r="CF86" s="487" t="str">
        <f t="shared" si="17"/>
        <v/>
      </c>
      <c r="CG86" s="487" t="str">
        <f t="shared" si="17"/>
        <v/>
      </c>
      <c r="CH86" s="487" t="str">
        <f t="shared" si="17"/>
        <v/>
      </c>
      <c r="CI86" s="487" t="str">
        <f t="shared" si="17"/>
        <v/>
      </c>
      <c r="CJ86" s="487" t="str">
        <f t="shared" si="7"/>
        <v/>
      </c>
      <c r="CK86" s="487" t="str">
        <f t="shared" si="7"/>
        <v/>
      </c>
      <c r="CL86" s="487" t="str">
        <f t="shared" si="7"/>
        <v/>
      </c>
      <c r="CM86" s="487"/>
      <c r="CN86" s="487"/>
      <c r="CO86" s="487"/>
      <c r="CP86" s="487"/>
      <c r="CQ86" s="487"/>
      <c r="CR86" s="487"/>
      <c r="CS86" s="487"/>
      <c r="CT86" s="487"/>
      <c r="CU86" s="487"/>
      <c r="CV86" s="487"/>
      <c r="CW86" s="487"/>
      <c r="CX86" s="487"/>
      <c r="CY86" s="487"/>
      <c r="CZ86" s="487"/>
      <c r="DA86" s="487"/>
      <c r="DB86" s="487"/>
      <c r="DC86" s="487"/>
      <c r="DD86" s="487"/>
      <c r="DE86" s="487"/>
      <c r="DF86" s="487"/>
      <c r="DG86" s="487"/>
      <c r="DH86" s="487"/>
      <c r="DI86" s="484"/>
      <c r="DJ86" s="484"/>
      <c r="DK86" s="484"/>
    </row>
    <row r="87" spans="1:115" s="354" customFormat="1" ht="56.1" hidden="1" customHeight="1" x14ac:dyDescent="0.2">
      <c r="A87" s="494"/>
      <c r="B87" s="494"/>
      <c r="C87" s="481">
        <v>129</v>
      </c>
      <c r="D87" s="481"/>
      <c r="E87" s="481" t="s">
        <v>2481</v>
      </c>
      <c r="F87" s="482" t="s">
        <v>53</v>
      </c>
      <c r="G87" s="482" t="s">
        <v>329</v>
      </c>
      <c r="H87" s="484" t="s">
        <v>330</v>
      </c>
      <c r="I87" s="484" t="s">
        <v>369</v>
      </c>
      <c r="J87" s="495" t="s">
        <v>387</v>
      </c>
      <c r="K87" s="495"/>
      <c r="L87" s="484" t="s">
        <v>58</v>
      </c>
      <c r="M87" s="484" t="s">
        <v>26</v>
      </c>
      <c r="N87" s="484"/>
      <c r="O87" s="484" t="s">
        <v>388</v>
      </c>
      <c r="P87" s="484" t="s">
        <v>334</v>
      </c>
      <c r="Q87" s="484"/>
      <c r="R87" s="484" t="s">
        <v>159</v>
      </c>
      <c r="S87" s="484" t="s">
        <v>63</v>
      </c>
      <c r="T87" s="484" t="s">
        <v>63</v>
      </c>
      <c r="U87" s="485">
        <v>216143.73045718172</v>
      </c>
      <c r="V87" s="485"/>
      <c r="W87" s="484" t="s">
        <v>226</v>
      </c>
      <c r="X87" s="484"/>
      <c r="Y87" s="485">
        <f t="shared" si="16"/>
        <v>216143.73045718172</v>
      </c>
      <c r="Z87" s="484" t="s">
        <v>82</v>
      </c>
      <c r="AA87" s="496"/>
      <c r="AB87" s="496"/>
      <c r="AC87" s="496"/>
      <c r="AD87" s="496"/>
      <c r="AE87" s="496"/>
      <c r="AF87" s="487"/>
      <c r="AG87" s="496"/>
      <c r="AH87" s="496"/>
      <c r="AI87" s="496"/>
      <c r="AJ87" s="496" t="s">
        <v>66</v>
      </c>
      <c r="AK87" s="496"/>
      <c r="AL87" s="496"/>
      <c r="AM87" s="496"/>
      <c r="AN87" s="496"/>
      <c r="AO87" s="496"/>
      <c r="AP87" s="496"/>
      <c r="AQ87" s="496"/>
      <c r="AR87" s="496"/>
      <c r="AS87" s="496"/>
      <c r="AT87" s="496"/>
      <c r="AU87" s="496"/>
      <c r="AV87" s="496"/>
      <c r="AW87" s="496"/>
      <c r="AX87" s="496"/>
      <c r="AY87" s="496"/>
      <c r="AZ87" s="496"/>
      <c r="BA87" s="496"/>
      <c r="BB87" s="496"/>
      <c r="BC87" s="496"/>
      <c r="BD87" s="496"/>
      <c r="BE87" s="496"/>
      <c r="BF87" s="80">
        <f t="shared" si="14"/>
        <v>500</v>
      </c>
      <c r="BG87" s="76">
        <f t="shared" si="10"/>
        <v>432.28746091436346</v>
      </c>
      <c r="BH87" s="487" t="str">
        <f t="shared" si="18"/>
        <v/>
      </c>
      <c r="BI87" s="487" t="str">
        <f t="shared" si="18"/>
        <v/>
      </c>
      <c r="BJ87" s="487" t="str">
        <f t="shared" si="18"/>
        <v/>
      </c>
      <c r="BK87" s="487" t="str">
        <f t="shared" si="18"/>
        <v/>
      </c>
      <c r="BL87" s="487" t="str">
        <f t="shared" si="18"/>
        <v/>
      </c>
      <c r="BM87" s="487" t="str">
        <f t="shared" si="18"/>
        <v/>
      </c>
      <c r="BN87" s="487" t="str">
        <f t="shared" si="18"/>
        <v/>
      </c>
      <c r="BO87" s="487" t="str">
        <f t="shared" si="18"/>
        <v/>
      </c>
      <c r="BP87" s="487" t="str">
        <f t="shared" si="18"/>
        <v/>
      </c>
      <c r="BQ87" s="487">
        <f t="shared" si="18"/>
        <v>216143.73045718172</v>
      </c>
      <c r="BR87" s="487" t="str">
        <f t="shared" si="18"/>
        <v/>
      </c>
      <c r="BS87" s="487" t="str">
        <f t="shared" si="18"/>
        <v/>
      </c>
      <c r="BT87" s="487" t="str">
        <f t="shared" si="18"/>
        <v/>
      </c>
      <c r="BU87" s="487" t="str">
        <f t="shared" si="18"/>
        <v/>
      </c>
      <c r="BV87" s="487" t="str">
        <f t="shared" si="18"/>
        <v/>
      </c>
      <c r="BW87" s="487" t="str">
        <f t="shared" si="11"/>
        <v/>
      </c>
      <c r="BX87" s="487" t="str">
        <f t="shared" si="11"/>
        <v/>
      </c>
      <c r="BY87" s="487" t="str">
        <f t="shared" si="11"/>
        <v/>
      </c>
      <c r="BZ87" s="487" t="str">
        <f t="shared" si="11"/>
        <v/>
      </c>
      <c r="CA87" s="487" t="str">
        <f t="shared" si="11"/>
        <v/>
      </c>
      <c r="CB87" s="487" t="str">
        <f t="shared" si="11"/>
        <v/>
      </c>
      <c r="CC87" s="487" t="str">
        <f t="shared" si="11"/>
        <v/>
      </c>
      <c r="CD87" s="487" t="str">
        <f t="shared" si="17"/>
        <v/>
      </c>
      <c r="CE87" s="487" t="str">
        <f t="shared" si="17"/>
        <v/>
      </c>
      <c r="CF87" s="487" t="str">
        <f t="shared" si="17"/>
        <v/>
      </c>
      <c r="CG87" s="487" t="str">
        <f t="shared" si="17"/>
        <v/>
      </c>
      <c r="CH87" s="487" t="str">
        <f t="shared" si="17"/>
        <v/>
      </c>
      <c r="CI87" s="487" t="str">
        <f t="shared" si="17"/>
        <v/>
      </c>
      <c r="CJ87" s="487" t="str">
        <f t="shared" si="7"/>
        <v/>
      </c>
      <c r="CK87" s="487" t="str">
        <f t="shared" si="7"/>
        <v/>
      </c>
      <c r="CL87" s="487" t="str">
        <f t="shared" si="7"/>
        <v/>
      </c>
      <c r="CM87" s="487"/>
      <c r="CN87" s="487"/>
      <c r="CO87" s="487"/>
      <c r="CP87" s="487"/>
      <c r="CQ87" s="487"/>
      <c r="CR87" s="487"/>
      <c r="CS87" s="487"/>
      <c r="CT87" s="487"/>
      <c r="CU87" s="487"/>
      <c r="CV87" s="487"/>
      <c r="CW87" s="487"/>
      <c r="CX87" s="487"/>
      <c r="CY87" s="487"/>
      <c r="CZ87" s="487"/>
      <c r="DA87" s="487"/>
      <c r="DB87" s="487"/>
      <c r="DC87" s="487"/>
      <c r="DD87" s="487"/>
      <c r="DE87" s="487"/>
      <c r="DF87" s="487"/>
      <c r="DG87" s="487"/>
      <c r="DH87" s="487"/>
      <c r="DI87" s="484"/>
      <c r="DJ87" s="484"/>
      <c r="DK87" s="484"/>
    </row>
    <row r="88" spans="1:115" s="354" customFormat="1" ht="56.1" hidden="1" customHeight="1" x14ac:dyDescent="0.2">
      <c r="A88" s="494"/>
      <c r="B88" s="494"/>
      <c r="C88" s="481">
        <v>130</v>
      </c>
      <c r="D88" s="481"/>
      <c r="E88" s="481" t="s">
        <v>2481</v>
      </c>
      <c r="F88" s="482" t="s">
        <v>53</v>
      </c>
      <c r="G88" s="482" t="s">
        <v>329</v>
      </c>
      <c r="H88" s="484" t="s">
        <v>330</v>
      </c>
      <c r="I88" s="484" t="s">
        <v>369</v>
      </c>
      <c r="J88" s="495" t="s">
        <v>389</v>
      </c>
      <c r="K88" s="495"/>
      <c r="L88" s="484" t="s">
        <v>58</v>
      </c>
      <c r="M88" s="484" t="s">
        <v>27</v>
      </c>
      <c r="N88" s="484"/>
      <c r="O88" s="484" t="s">
        <v>388</v>
      </c>
      <c r="P88" s="484" t="s">
        <v>334</v>
      </c>
      <c r="Q88" s="484"/>
      <c r="R88" s="484" t="s">
        <v>390</v>
      </c>
      <c r="S88" s="484" t="s">
        <v>63</v>
      </c>
      <c r="T88" s="484" t="s">
        <v>63</v>
      </c>
      <c r="U88" s="485">
        <f>'[1]Hemel Hempstead'!$BD$8</f>
        <v>324170.75914883986</v>
      </c>
      <c r="V88" s="485"/>
      <c r="W88" s="484" t="s">
        <v>226</v>
      </c>
      <c r="X88" s="484"/>
      <c r="Y88" s="485">
        <f t="shared" si="16"/>
        <v>324170.75914883986</v>
      </c>
      <c r="Z88" s="484" t="s">
        <v>82</v>
      </c>
      <c r="AA88" s="496"/>
      <c r="AB88" s="496"/>
      <c r="AC88" s="496"/>
      <c r="AD88" s="496"/>
      <c r="AE88" s="496"/>
      <c r="AF88" s="487"/>
      <c r="AG88" s="496"/>
      <c r="AH88" s="496"/>
      <c r="AI88" s="496"/>
      <c r="AJ88" s="496"/>
      <c r="AK88" s="496" t="s">
        <v>66</v>
      </c>
      <c r="AL88" s="496"/>
      <c r="AM88" s="496"/>
      <c r="AN88" s="496"/>
      <c r="AO88" s="496"/>
      <c r="AP88" s="496"/>
      <c r="AQ88" s="496"/>
      <c r="AR88" s="496"/>
      <c r="AS88" s="496"/>
      <c r="AT88" s="496"/>
      <c r="AU88" s="496"/>
      <c r="AV88" s="496"/>
      <c r="AW88" s="496"/>
      <c r="AX88" s="496"/>
      <c r="AY88" s="496"/>
      <c r="AZ88" s="496"/>
      <c r="BA88" s="496"/>
      <c r="BB88" s="496"/>
      <c r="BC88" s="496"/>
      <c r="BD88" s="496"/>
      <c r="BE88" s="496"/>
      <c r="BF88" s="80">
        <f t="shared" si="14"/>
        <v>750</v>
      </c>
      <c r="BG88" s="76">
        <f t="shared" si="10"/>
        <v>432.2276788651198</v>
      </c>
      <c r="BH88" s="487" t="str">
        <f t="shared" si="18"/>
        <v/>
      </c>
      <c r="BI88" s="487" t="str">
        <f t="shared" si="18"/>
        <v/>
      </c>
      <c r="BJ88" s="487" t="str">
        <f t="shared" si="18"/>
        <v/>
      </c>
      <c r="BK88" s="487" t="str">
        <f t="shared" si="18"/>
        <v/>
      </c>
      <c r="BL88" s="487" t="str">
        <f t="shared" si="18"/>
        <v/>
      </c>
      <c r="BM88" s="487" t="str">
        <f t="shared" si="18"/>
        <v/>
      </c>
      <c r="BN88" s="487" t="str">
        <f t="shared" si="18"/>
        <v/>
      </c>
      <c r="BO88" s="487" t="str">
        <f t="shared" si="18"/>
        <v/>
      </c>
      <c r="BP88" s="487" t="str">
        <f t="shared" si="18"/>
        <v/>
      </c>
      <c r="BQ88" s="487" t="str">
        <f t="shared" si="18"/>
        <v/>
      </c>
      <c r="BR88" s="487">
        <f t="shared" si="18"/>
        <v>324170.75914883986</v>
      </c>
      <c r="BS88" s="487" t="str">
        <f t="shared" si="18"/>
        <v/>
      </c>
      <c r="BT88" s="487" t="str">
        <f t="shared" si="18"/>
        <v/>
      </c>
      <c r="BU88" s="487" t="str">
        <f t="shared" si="18"/>
        <v/>
      </c>
      <c r="BV88" s="487" t="str">
        <f t="shared" si="18"/>
        <v/>
      </c>
      <c r="BW88" s="487" t="str">
        <f t="shared" si="11"/>
        <v/>
      </c>
      <c r="BX88" s="487" t="str">
        <f t="shared" si="11"/>
        <v/>
      </c>
      <c r="BY88" s="487" t="str">
        <f t="shared" si="11"/>
        <v/>
      </c>
      <c r="BZ88" s="487" t="str">
        <f t="shared" si="11"/>
        <v/>
      </c>
      <c r="CA88" s="487" t="str">
        <f t="shared" si="11"/>
        <v/>
      </c>
      <c r="CB88" s="487" t="str">
        <f t="shared" si="11"/>
        <v/>
      </c>
      <c r="CC88" s="487" t="str">
        <f t="shared" si="11"/>
        <v/>
      </c>
      <c r="CD88" s="487" t="str">
        <f t="shared" si="17"/>
        <v/>
      </c>
      <c r="CE88" s="487" t="str">
        <f t="shared" si="17"/>
        <v/>
      </c>
      <c r="CF88" s="487" t="str">
        <f t="shared" si="17"/>
        <v/>
      </c>
      <c r="CG88" s="487" t="str">
        <f t="shared" si="17"/>
        <v/>
      </c>
      <c r="CH88" s="487" t="str">
        <f t="shared" si="17"/>
        <v/>
      </c>
      <c r="CI88" s="487" t="str">
        <f t="shared" si="17"/>
        <v/>
      </c>
      <c r="CJ88" s="487" t="str">
        <f t="shared" si="7"/>
        <v/>
      </c>
      <c r="CK88" s="487" t="str">
        <f t="shared" si="7"/>
        <v/>
      </c>
      <c r="CL88" s="487" t="str">
        <f t="shared" si="7"/>
        <v/>
      </c>
      <c r="CM88" s="487"/>
      <c r="CN88" s="487"/>
      <c r="CO88" s="487"/>
      <c r="CP88" s="487"/>
      <c r="CQ88" s="487"/>
      <c r="CR88" s="487"/>
      <c r="CS88" s="487"/>
      <c r="CT88" s="487"/>
      <c r="CU88" s="487"/>
      <c r="CV88" s="487"/>
      <c r="CW88" s="487"/>
      <c r="CX88" s="487"/>
      <c r="CY88" s="487"/>
      <c r="CZ88" s="487"/>
      <c r="DA88" s="487"/>
      <c r="DB88" s="487"/>
      <c r="DC88" s="487"/>
      <c r="DD88" s="487"/>
      <c r="DE88" s="487"/>
      <c r="DF88" s="487"/>
      <c r="DG88" s="487"/>
      <c r="DH88" s="487"/>
      <c r="DI88" s="484"/>
      <c r="DJ88" s="484"/>
      <c r="DK88" s="484"/>
    </row>
    <row r="89" spans="1:115" s="354" customFormat="1" ht="56.1" hidden="1" customHeight="1" x14ac:dyDescent="0.2">
      <c r="A89" s="494"/>
      <c r="B89" s="494"/>
      <c r="C89" s="481">
        <v>131</v>
      </c>
      <c r="D89" s="481"/>
      <c r="E89" s="481" t="s">
        <v>2481</v>
      </c>
      <c r="F89" s="482" t="s">
        <v>53</v>
      </c>
      <c r="G89" s="482" t="s">
        <v>329</v>
      </c>
      <c r="H89" s="484" t="s">
        <v>330</v>
      </c>
      <c r="I89" s="484" t="s">
        <v>369</v>
      </c>
      <c r="J89" s="495" t="s">
        <v>374</v>
      </c>
      <c r="K89" s="495"/>
      <c r="L89" s="484" t="s">
        <v>58</v>
      </c>
      <c r="M89" s="484" t="s">
        <v>127</v>
      </c>
      <c r="N89" s="484"/>
      <c r="O89" s="484" t="s">
        <v>81</v>
      </c>
      <c r="P89" s="484" t="s">
        <v>334</v>
      </c>
      <c r="Q89" s="484"/>
      <c r="R89" s="484" t="s">
        <v>187</v>
      </c>
      <c r="S89" s="484" t="s">
        <v>63</v>
      </c>
      <c r="T89" s="484" t="s">
        <v>63</v>
      </c>
      <c r="U89" s="485">
        <f>'[1]Hemel Hempstead'!$BN$8</f>
        <v>151297.24743382912</v>
      </c>
      <c r="V89" s="485"/>
      <c r="W89" s="484" t="s">
        <v>226</v>
      </c>
      <c r="X89" s="484"/>
      <c r="Y89" s="485">
        <f t="shared" si="16"/>
        <v>151297.24743382912</v>
      </c>
      <c r="Z89" s="484" t="s">
        <v>82</v>
      </c>
      <c r="AA89" s="496"/>
      <c r="AB89" s="496"/>
      <c r="AC89" s="496"/>
      <c r="AD89" s="496"/>
      <c r="AE89" s="496"/>
      <c r="AF89" s="487"/>
      <c r="AG89" s="496"/>
      <c r="AH89" s="496"/>
      <c r="AI89" s="496"/>
      <c r="AJ89" s="496"/>
      <c r="AK89" s="496"/>
      <c r="AL89" s="496"/>
      <c r="AM89" s="496"/>
      <c r="AN89" s="496" t="s">
        <v>66</v>
      </c>
      <c r="AO89" s="496"/>
      <c r="AP89" s="496"/>
      <c r="AQ89" s="496"/>
      <c r="AR89" s="496"/>
      <c r="AS89" s="496"/>
      <c r="AT89" s="496"/>
      <c r="AU89" s="496"/>
      <c r="AV89" s="496"/>
      <c r="AW89" s="496"/>
      <c r="AX89" s="496"/>
      <c r="AY89" s="496"/>
      <c r="AZ89" s="496"/>
      <c r="BA89" s="496"/>
      <c r="BB89" s="496"/>
      <c r="BC89" s="496"/>
      <c r="BD89" s="496"/>
      <c r="BE89" s="496"/>
      <c r="BF89" s="80">
        <f t="shared" si="14"/>
        <v>350</v>
      </c>
      <c r="BG89" s="76">
        <f t="shared" si="10"/>
        <v>432.27784981094032</v>
      </c>
      <c r="BH89" s="487" t="str">
        <f t="shared" si="18"/>
        <v/>
      </c>
      <c r="BI89" s="487" t="str">
        <f t="shared" si="18"/>
        <v/>
      </c>
      <c r="BJ89" s="487" t="str">
        <f t="shared" si="18"/>
        <v/>
      </c>
      <c r="BK89" s="487" t="str">
        <f t="shared" si="18"/>
        <v/>
      </c>
      <c r="BL89" s="487" t="str">
        <f t="shared" si="18"/>
        <v/>
      </c>
      <c r="BM89" s="487" t="str">
        <f t="shared" si="18"/>
        <v/>
      </c>
      <c r="BN89" s="487" t="str">
        <f t="shared" si="18"/>
        <v/>
      </c>
      <c r="BO89" s="487" t="str">
        <f t="shared" si="18"/>
        <v/>
      </c>
      <c r="BP89" s="487" t="str">
        <f t="shared" si="18"/>
        <v/>
      </c>
      <c r="BQ89" s="487" t="str">
        <f t="shared" si="18"/>
        <v/>
      </c>
      <c r="BR89" s="487" t="str">
        <f t="shared" si="18"/>
        <v/>
      </c>
      <c r="BS89" s="487" t="str">
        <f t="shared" si="18"/>
        <v/>
      </c>
      <c r="BT89" s="487" t="str">
        <f t="shared" si="18"/>
        <v/>
      </c>
      <c r="BU89" s="487">
        <f t="shared" si="18"/>
        <v>151297.24743382912</v>
      </c>
      <c r="BV89" s="487" t="str">
        <f t="shared" si="18"/>
        <v/>
      </c>
      <c r="BW89" s="487" t="str">
        <f t="shared" si="11"/>
        <v/>
      </c>
      <c r="BX89" s="487" t="str">
        <f t="shared" si="11"/>
        <v/>
      </c>
      <c r="BY89" s="487" t="str">
        <f t="shared" si="11"/>
        <v/>
      </c>
      <c r="BZ89" s="487" t="str">
        <f t="shared" si="11"/>
        <v/>
      </c>
      <c r="CA89" s="487" t="str">
        <f t="shared" si="11"/>
        <v/>
      </c>
      <c r="CB89" s="487" t="str">
        <f t="shared" si="11"/>
        <v/>
      </c>
      <c r="CC89" s="487" t="str">
        <f t="shared" si="11"/>
        <v/>
      </c>
      <c r="CD89" s="487" t="str">
        <f t="shared" si="17"/>
        <v/>
      </c>
      <c r="CE89" s="487" t="str">
        <f t="shared" si="17"/>
        <v/>
      </c>
      <c r="CF89" s="487" t="str">
        <f t="shared" si="17"/>
        <v/>
      </c>
      <c r="CG89" s="487" t="str">
        <f t="shared" si="17"/>
        <v/>
      </c>
      <c r="CH89" s="487" t="str">
        <f t="shared" si="17"/>
        <v/>
      </c>
      <c r="CI89" s="487" t="str">
        <f t="shared" si="17"/>
        <v/>
      </c>
      <c r="CJ89" s="487" t="str">
        <f t="shared" si="7"/>
        <v/>
      </c>
      <c r="CK89" s="487" t="str">
        <f t="shared" si="7"/>
        <v/>
      </c>
      <c r="CL89" s="487" t="str">
        <f t="shared" si="7"/>
        <v/>
      </c>
      <c r="CM89" s="487"/>
      <c r="CN89" s="487"/>
      <c r="CO89" s="487"/>
      <c r="CP89" s="487"/>
      <c r="CQ89" s="487"/>
      <c r="CR89" s="487"/>
      <c r="CS89" s="487"/>
      <c r="CT89" s="487"/>
      <c r="CU89" s="487"/>
      <c r="CV89" s="487"/>
      <c r="CW89" s="487"/>
      <c r="CX89" s="487"/>
      <c r="CY89" s="487"/>
      <c r="CZ89" s="487"/>
      <c r="DA89" s="487"/>
      <c r="DB89" s="487"/>
      <c r="DC89" s="487"/>
      <c r="DD89" s="487"/>
      <c r="DE89" s="487"/>
      <c r="DF89" s="487"/>
      <c r="DG89" s="487"/>
      <c r="DH89" s="487"/>
      <c r="DI89" s="484"/>
      <c r="DJ89" s="484"/>
      <c r="DK89" s="484"/>
    </row>
    <row r="90" spans="1:115" s="354" customFormat="1" ht="56.1" hidden="1" customHeight="1" x14ac:dyDescent="0.2">
      <c r="A90" s="494"/>
      <c r="B90" s="494"/>
      <c r="C90" s="481">
        <v>132</v>
      </c>
      <c r="D90" s="481"/>
      <c r="E90" s="481" t="s">
        <v>2481</v>
      </c>
      <c r="F90" s="482" t="s">
        <v>53</v>
      </c>
      <c r="G90" s="482" t="s">
        <v>329</v>
      </c>
      <c r="H90" s="484" t="s">
        <v>330</v>
      </c>
      <c r="I90" s="484" t="s">
        <v>369</v>
      </c>
      <c r="J90" s="495" t="s">
        <v>391</v>
      </c>
      <c r="K90" s="495"/>
      <c r="L90" s="484" t="s">
        <v>58</v>
      </c>
      <c r="M90" s="484" t="s">
        <v>31</v>
      </c>
      <c r="N90" s="484"/>
      <c r="O90" s="484" t="s">
        <v>81</v>
      </c>
      <c r="P90" s="484" t="s">
        <v>334</v>
      </c>
      <c r="Q90" s="484"/>
      <c r="R90" s="484" t="s">
        <v>392</v>
      </c>
      <c r="S90" s="484" t="s">
        <v>63</v>
      </c>
      <c r="T90" s="484" t="s">
        <v>63</v>
      </c>
      <c r="U90" s="485">
        <f>'[1]Hemel Hempstead'!$BS$8</f>
        <v>38928.607474378281</v>
      </c>
      <c r="V90" s="485"/>
      <c r="W90" s="484" t="s">
        <v>226</v>
      </c>
      <c r="X90" s="484"/>
      <c r="Y90" s="485">
        <f t="shared" si="16"/>
        <v>38928.607474378281</v>
      </c>
      <c r="Z90" s="484" t="s">
        <v>82</v>
      </c>
      <c r="AA90" s="496"/>
      <c r="AB90" s="496"/>
      <c r="AC90" s="496"/>
      <c r="AD90" s="496"/>
      <c r="AE90" s="496"/>
      <c r="AF90" s="487"/>
      <c r="AG90" s="496"/>
      <c r="AH90" s="496"/>
      <c r="AI90" s="496"/>
      <c r="AJ90" s="496"/>
      <c r="AK90" s="496"/>
      <c r="AL90" s="496"/>
      <c r="AM90" s="496"/>
      <c r="AN90" s="496"/>
      <c r="AO90" s="496" t="s">
        <v>66</v>
      </c>
      <c r="AP90" s="496"/>
      <c r="AQ90" s="496"/>
      <c r="AR90" s="496"/>
      <c r="AS90" s="496"/>
      <c r="AT90" s="496"/>
      <c r="AU90" s="496"/>
      <c r="AV90" s="496"/>
      <c r="AW90" s="496"/>
      <c r="AX90" s="496"/>
      <c r="AY90" s="496"/>
      <c r="AZ90" s="496"/>
      <c r="BA90" s="496"/>
      <c r="BB90" s="496"/>
      <c r="BC90" s="496"/>
      <c r="BD90" s="496"/>
      <c r="BE90" s="496"/>
      <c r="BF90" s="80">
        <f t="shared" si="14"/>
        <v>90</v>
      </c>
      <c r="BG90" s="76">
        <f t="shared" si="10"/>
        <v>432.54008304864755</v>
      </c>
      <c r="BH90" s="487" t="str">
        <f t="shared" si="18"/>
        <v/>
      </c>
      <c r="BI90" s="487" t="str">
        <f t="shared" si="18"/>
        <v/>
      </c>
      <c r="BJ90" s="487" t="str">
        <f t="shared" si="18"/>
        <v/>
      </c>
      <c r="BK90" s="487" t="str">
        <f t="shared" si="18"/>
        <v/>
      </c>
      <c r="BL90" s="487" t="str">
        <f t="shared" si="18"/>
        <v/>
      </c>
      <c r="BM90" s="487" t="str">
        <f t="shared" si="18"/>
        <v/>
      </c>
      <c r="BN90" s="487" t="str">
        <f t="shared" si="18"/>
        <v/>
      </c>
      <c r="BO90" s="487" t="str">
        <f t="shared" si="18"/>
        <v/>
      </c>
      <c r="BP90" s="487" t="str">
        <f t="shared" si="18"/>
        <v/>
      </c>
      <c r="BQ90" s="487" t="str">
        <f t="shared" si="18"/>
        <v/>
      </c>
      <c r="BR90" s="487" t="str">
        <f t="shared" si="18"/>
        <v/>
      </c>
      <c r="BS90" s="487" t="str">
        <f t="shared" si="18"/>
        <v/>
      </c>
      <c r="BT90" s="487" t="str">
        <f t="shared" si="18"/>
        <v/>
      </c>
      <c r="BU90" s="487" t="str">
        <f t="shared" si="18"/>
        <v/>
      </c>
      <c r="BV90" s="487">
        <f t="shared" si="18"/>
        <v>38928.607474378281</v>
      </c>
      <c r="BW90" s="487" t="str">
        <f t="shared" si="11"/>
        <v/>
      </c>
      <c r="BX90" s="487" t="str">
        <f t="shared" si="11"/>
        <v/>
      </c>
      <c r="BY90" s="487" t="str">
        <f t="shared" si="11"/>
        <v/>
      </c>
      <c r="BZ90" s="487" t="str">
        <f t="shared" si="11"/>
        <v/>
      </c>
      <c r="CA90" s="487" t="str">
        <f t="shared" si="11"/>
        <v/>
      </c>
      <c r="CB90" s="487" t="str">
        <f t="shared" si="11"/>
        <v/>
      </c>
      <c r="CC90" s="487" t="str">
        <f t="shared" si="11"/>
        <v/>
      </c>
      <c r="CD90" s="487" t="str">
        <f t="shared" si="17"/>
        <v/>
      </c>
      <c r="CE90" s="487" t="str">
        <f t="shared" si="17"/>
        <v/>
      </c>
      <c r="CF90" s="487" t="str">
        <f t="shared" si="17"/>
        <v/>
      </c>
      <c r="CG90" s="487" t="str">
        <f t="shared" si="17"/>
        <v/>
      </c>
      <c r="CH90" s="487" t="str">
        <f t="shared" si="17"/>
        <v/>
      </c>
      <c r="CI90" s="487" t="str">
        <f t="shared" si="17"/>
        <v/>
      </c>
      <c r="CJ90" s="487" t="str">
        <f t="shared" si="7"/>
        <v/>
      </c>
      <c r="CK90" s="487" t="str">
        <f t="shared" si="7"/>
        <v/>
      </c>
      <c r="CL90" s="487" t="str">
        <f t="shared" si="7"/>
        <v/>
      </c>
      <c r="CM90" s="487"/>
      <c r="CN90" s="487"/>
      <c r="CO90" s="487"/>
      <c r="CP90" s="487"/>
      <c r="CQ90" s="487"/>
      <c r="CR90" s="487"/>
      <c r="CS90" s="487"/>
      <c r="CT90" s="487"/>
      <c r="CU90" s="487"/>
      <c r="CV90" s="487"/>
      <c r="CW90" s="487"/>
      <c r="CX90" s="487"/>
      <c r="CY90" s="487"/>
      <c r="CZ90" s="487"/>
      <c r="DA90" s="487"/>
      <c r="DB90" s="487"/>
      <c r="DC90" s="487"/>
      <c r="DD90" s="487"/>
      <c r="DE90" s="487"/>
      <c r="DF90" s="487"/>
      <c r="DG90" s="487"/>
      <c r="DH90" s="487"/>
      <c r="DI90" s="484"/>
      <c r="DJ90" s="484"/>
      <c r="DK90" s="484"/>
    </row>
    <row r="91" spans="1:115" s="354" customFormat="1" ht="56.1" hidden="1" customHeight="1" x14ac:dyDescent="0.2">
      <c r="A91" s="494"/>
      <c r="B91" s="494"/>
      <c r="C91" s="481">
        <v>133</v>
      </c>
      <c r="D91" s="481"/>
      <c r="E91" s="481" t="s">
        <v>2481</v>
      </c>
      <c r="F91" s="482" t="s">
        <v>53</v>
      </c>
      <c r="G91" s="482" t="s">
        <v>329</v>
      </c>
      <c r="H91" s="484" t="s">
        <v>330</v>
      </c>
      <c r="I91" s="484" t="s">
        <v>369</v>
      </c>
      <c r="J91" s="495" t="s">
        <v>393</v>
      </c>
      <c r="K91" s="495"/>
      <c r="L91" s="484" t="s">
        <v>58</v>
      </c>
      <c r="M91" s="484" t="s">
        <v>327</v>
      </c>
      <c r="N91" s="484"/>
      <c r="O91" s="484" t="s">
        <v>81</v>
      </c>
      <c r="P91" s="484" t="s">
        <v>334</v>
      </c>
      <c r="Q91" s="484"/>
      <c r="R91" s="484" t="s">
        <v>377</v>
      </c>
      <c r="S91" s="484" t="s">
        <v>63</v>
      </c>
      <c r="T91" s="484" t="s">
        <v>63</v>
      </c>
      <c r="U91" s="485">
        <f>'[1]Hemel Hempstead'!$BX$8</f>
        <v>34585.40423337571</v>
      </c>
      <c r="V91" s="485"/>
      <c r="W91" s="484" t="s">
        <v>226</v>
      </c>
      <c r="X91" s="484"/>
      <c r="Y91" s="485">
        <f t="shared" si="16"/>
        <v>34585.40423337571</v>
      </c>
      <c r="Z91" s="484" t="s">
        <v>82</v>
      </c>
      <c r="AA91" s="496"/>
      <c r="AB91" s="496"/>
      <c r="AC91" s="496"/>
      <c r="AD91" s="496"/>
      <c r="AE91" s="496"/>
      <c r="AF91" s="487"/>
      <c r="AG91" s="496"/>
      <c r="AH91" s="496"/>
      <c r="AI91" s="496"/>
      <c r="AJ91" s="496"/>
      <c r="AK91" s="496"/>
      <c r="AL91" s="496"/>
      <c r="AM91" s="496"/>
      <c r="AN91" s="496"/>
      <c r="AO91" s="496"/>
      <c r="AP91" s="496" t="s">
        <v>66</v>
      </c>
      <c r="AQ91" s="496"/>
      <c r="AR91" s="496"/>
      <c r="AS91" s="496"/>
      <c r="AT91" s="496"/>
      <c r="AU91" s="496"/>
      <c r="AV91" s="496"/>
      <c r="AW91" s="496"/>
      <c r="AX91" s="496"/>
      <c r="AY91" s="496"/>
      <c r="AZ91" s="496"/>
      <c r="BA91" s="496"/>
      <c r="BB91" s="496"/>
      <c r="BC91" s="496"/>
      <c r="BD91" s="496"/>
      <c r="BE91" s="496"/>
      <c r="BF91" s="80">
        <f t="shared" si="14"/>
        <v>80</v>
      </c>
      <c r="BG91" s="76">
        <f t="shared" si="10"/>
        <v>432.31755291719639</v>
      </c>
      <c r="BH91" s="487" t="str">
        <f t="shared" si="18"/>
        <v/>
      </c>
      <c r="BI91" s="487" t="str">
        <f t="shared" si="18"/>
        <v/>
      </c>
      <c r="BJ91" s="487" t="str">
        <f t="shared" si="18"/>
        <v/>
      </c>
      <c r="BK91" s="487" t="str">
        <f t="shared" si="18"/>
        <v/>
      </c>
      <c r="BL91" s="487" t="str">
        <f t="shared" si="18"/>
        <v/>
      </c>
      <c r="BM91" s="487" t="str">
        <f t="shared" si="18"/>
        <v/>
      </c>
      <c r="BN91" s="487" t="str">
        <f t="shared" si="18"/>
        <v/>
      </c>
      <c r="BO91" s="487" t="str">
        <f t="shared" si="18"/>
        <v/>
      </c>
      <c r="BP91" s="487" t="str">
        <f t="shared" si="18"/>
        <v/>
      </c>
      <c r="BQ91" s="487" t="str">
        <f t="shared" si="18"/>
        <v/>
      </c>
      <c r="BR91" s="487" t="str">
        <f t="shared" si="18"/>
        <v/>
      </c>
      <c r="BS91" s="487" t="str">
        <f t="shared" si="18"/>
        <v/>
      </c>
      <c r="BT91" s="487" t="str">
        <f t="shared" si="18"/>
        <v/>
      </c>
      <c r="BU91" s="487" t="str">
        <f t="shared" si="18"/>
        <v/>
      </c>
      <c r="BV91" s="487" t="str">
        <f t="shared" si="18"/>
        <v/>
      </c>
      <c r="BW91" s="487">
        <f t="shared" si="11"/>
        <v>34585.40423337571</v>
      </c>
      <c r="BX91" s="487" t="str">
        <f t="shared" si="11"/>
        <v/>
      </c>
      <c r="BY91" s="487" t="str">
        <f t="shared" si="11"/>
        <v/>
      </c>
      <c r="BZ91" s="487" t="str">
        <f t="shared" si="11"/>
        <v/>
      </c>
      <c r="CA91" s="487" t="str">
        <f t="shared" si="11"/>
        <v/>
      </c>
      <c r="CB91" s="487" t="str">
        <f t="shared" si="11"/>
        <v/>
      </c>
      <c r="CC91" s="487" t="str">
        <f t="shared" si="11"/>
        <v/>
      </c>
      <c r="CD91" s="487" t="str">
        <f t="shared" si="17"/>
        <v/>
      </c>
      <c r="CE91" s="487" t="str">
        <f t="shared" si="17"/>
        <v/>
      </c>
      <c r="CF91" s="487" t="str">
        <f t="shared" si="17"/>
        <v/>
      </c>
      <c r="CG91" s="487" t="str">
        <f t="shared" si="17"/>
        <v/>
      </c>
      <c r="CH91" s="487" t="str">
        <f t="shared" si="17"/>
        <v/>
      </c>
      <c r="CI91" s="487" t="str">
        <f t="shared" si="17"/>
        <v/>
      </c>
      <c r="CJ91" s="487" t="str">
        <f t="shared" si="7"/>
        <v/>
      </c>
      <c r="CK91" s="487" t="str">
        <f t="shared" si="7"/>
        <v/>
      </c>
      <c r="CL91" s="487" t="str">
        <f t="shared" si="7"/>
        <v/>
      </c>
      <c r="CM91" s="487"/>
      <c r="CN91" s="487"/>
      <c r="CO91" s="487"/>
      <c r="CP91" s="487"/>
      <c r="CQ91" s="487"/>
      <c r="CR91" s="487"/>
      <c r="CS91" s="487"/>
      <c r="CT91" s="487"/>
      <c r="CU91" s="487"/>
      <c r="CV91" s="487"/>
      <c r="CW91" s="487"/>
      <c r="CX91" s="487"/>
      <c r="CY91" s="487"/>
      <c r="CZ91" s="487"/>
      <c r="DA91" s="487"/>
      <c r="DB91" s="487"/>
      <c r="DC91" s="487"/>
      <c r="DD91" s="487"/>
      <c r="DE91" s="487"/>
      <c r="DF91" s="487"/>
      <c r="DG91" s="487"/>
      <c r="DH91" s="487"/>
      <c r="DI91" s="484"/>
      <c r="DJ91" s="484"/>
      <c r="DK91" s="484"/>
    </row>
    <row r="92" spans="1:115" s="354" customFormat="1" ht="56.1" hidden="1" customHeight="1" x14ac:dyDescent="0.2">
      <c r="A92" s="494"/>
      <c r="B92" s="494"/>
      <c r="C92" s="481">
        <v>134</v>
      </c>
      <c r="D92" s="481"/>
      <c r="E92" s="481" t="s">
        <v>2481</v>
      </c>
      <c r="F92" s="482" t="s">
        <v>53</v>
      </c>
      <c r="G92" s="482" t="s">
        <v>329</v>
      </c>
      <c r="H92" s="484" t="s">
        <v>330</v>
      </c>
      <c r="I92" s="484" t="s">
        <v>369</v>
      </c>
      <c r="J92" s="495" t="s">
        <v>394</v>
      </c>
      <c r="K92" s="495"/>
      <c r="L92" s="484" t="s">
        <v>58</v>
      </c>
      <c r="M92" s="484" t="s">
        <v>328</v>
      </c>
      <c r="N92" s="484"/>
      <c r="O92" s="484" t="s">
        <v>81</v>
      </c>
      <c r="P92" s="484" t="s">
        <v>334</v>
      </c>
      <c r="Q92" s="484"/>
      <c r="R92" s="484" t="s">
        <v>395</v>
      </c>
      <c r="S92" s="484" t="s">
        <v>63</v>
      </c>
      <c r="T92" s="484" t="s">
        <v>63</v>
      </c>
      <c r="U92" s="485">
        <f>'[1]Hemel Hempstead'!$CC$8</f>
        <v>86444.095912961799</v>
      </c>
      <c r="V92" s="485"/>
      <c r="W92" s="484" t="s">
        <v>226</v>
      </c>
      <c r="X92" s="484"/>
      <c r="Y92" s="485">
        <f t="shared" si="16"/>
        <v>86444.095912961799</v>
      </c>
      <c r="Z92" s="484" t="s">
        <v>82</v>
      </c>
      <c r="AA92" s="496"/>
      <c r="AB92" s="496"/>
      <c r="AC92" s="496"/>
      <c r="AD92" s="496"/>
      <c r="AE92" s="496"/>
      <c r="AF92" s="487"/>
      <c r="AG92" s="496"/>
      <c r="AH92" s="496"/>
      <c r="AI92" s="496"/>
      <c r="AJ92" s="496"/>
      <c r="AK92" s="496"/>
      <c r="AL92" s="496" t="s">
        <v>66</v>
      </c>
      <c r="AM92" s="496"/>
      <c r="AN92" s="496"/>
      <c r="AO92" s="496"/>
      <c r="AP92" s="496"/>
      <c r="AQ92" s="496"/>
      <c r="AR92" s="496"/>
      <c r="AS92" s="496"/>
      <c r="AT92" s="496"/>
      <c r="AU92" s="496"/>
      <c r="AV92" s="496"/>
      <c r="AW92" s="496"/>
      <c r="AX92" s="496"/>
      <c r="AY92" s="496"/>
      <c r="AZ92" s="496"/>
      <c r="BA92" s="496"/>
      <c r="BB92" s="496"/>
      <c r="BC92" s="496"/>
      <c r="BD92" s="496"/>
      <c r="BE92" s="496"/>
      <c r="BF92" s="80">
        <f t="shared" si="14"/>
        <v>200</v>
      </c>
      <c r="BG92" s="76">
        <f t="shared" si="10"/>
        <v>432.22047956480901</v>
      </c>
      <c r="BH92" s="487" t="str">
        <f t="shared" si="18"/>
        <v/>
      </c>
      <c r="BI92" s="487" t="str">
        <f t="shared" si="18"/>
        <v/>
      </c>
      <c r="BJ92" s="487" t="str">
        <f t="shared" si="18"/>
        <v/>
      </c>
      <c r="BK92" s="487" t="str">
        <f t="shared" si="18"/>
        <v/>
      </c>
      <c r="BL92" s="487" t="str">
        <f t="shared" si="18"/>
        <v/>
      </c>
      <c r="BM92" s="487" t="str">
        <f t="shared" si="18"/>
        <v/>
      </c>
      <c r="BN92" s="487" t="str">
        <f t="shared" si="18"/>
        <v/>
      </c>
      <c r="BO92" s="487" t="str">
        <f t="shared" si="18"/>
        <v/>
      </c>
      <c r="BP92" s="487" t="str">
        <f t="shared" si="18"/>
        <v/>
      </c>
      <c r="BQ92" s="487" t="str">
        <f t="shared" si="18"/>
        <v/>
      </c>
      <c r="BR92" s="487" t="str">
        <f t="shared" si="18"/>
        <v/>
      </c>
      <c r="BS92" s="487">
        <f t="shared" si="18"/>
        <v>86444.095912961799</v>
      </c>
      <c r="BT92" s="487" t="str">
        <f t="shared" si="18"/>
        <v/>
      </c>
      <c r="BU92" s="487" t="str">
        <f t="shared" si="18"/>
        <v/>
      </c>
      <c r="BV92" s="487" t="str">
        <f t="shared" si="18"/>
        <v/>
      </c>
      <c r="BW92" s="487" t="str">
        <f t="shared" si="11"/>
        <v/>
      </c>
      <c r="BX92" s="487" t="str">
        <f t="shared" si="11"/>
        <v/>
      </c>
      <c r="BY92" s="487" t="str">
        <f t="shared" si="11"/>
        <v/>
      </c>
      <c r="BZ92" s="487" t="str">
        <f t="shared" si="11"/>
        <v/>
      </c>
      <c r="CA92" s="487" t="str">
        <f t="shared" si="11"/>
        <v/>
      </c>
      <c r="CB92" s="487" t="str">
        <f t="shared" si="11"/>
        <v/>
      </c>
      <c r="CC92" s="487" t="str">
        <f t="shared" si="11"/>
        <v/>
      </c>
      <c r="CD92" s="487" t="str">
        <f t="shared" si="17"/>
        <v/>
      </c>
      <c r="CE92" s="487" t="str">
        <f t="shared" si="17"/>
        <v/>
      </c>
      <c r="CF92" s="487" t="str">
        <f t="shared" si="17"/>
        <v/>
      </c>
      <c r="CG92" s="487" t="str">
        <f t="shared" si="17"/>
        <v/>
      </c>
      <c r="CH92" s="487" t="str">
        <f t="shared" si="17"/>
        <v/>
      </c>
      <c r="CI92" s="487" t="str">
        <f t="shared" si="17"/>
        <v/>
      </c>
      <c r="CJ92" s="487" t="str">
        <f t="shared" si="7"/>
        <v/>
      </c>
      <c r="CK92" s="487" t="str">
        <f t="shared" si="7"/>
        <v/>
      </c>
      <c r="CL92" s="487" t="str">
        <f t="shared" si="7"/>
        <v/>
      </c>
      <c r="CM92" s="487"/>
      <c r="CN92" s="487"/>
      <c r="CO92" s="487"/>
      <c r="CP92" s="487"/>
      <c r="CQ92" s="487"/>
      <c r="CR92" s="487"/>
      <c r="CS92" s="487"/>
      <c r="CT92" s="487"/>
      <c r="CU92" s="487"/>
      <c r="CV92" s="487"/>
      <c r="CW92" s="487"/>
      <c r="CX92" s="487"/>
      <c r="CY92" s="487"/>
      <c r="CZ92" s="487"/>
      <c r="DA92" s="487"/>
      <c r="DB92" s="487"/>
      <c r="DC92" s="487"/>
      <c r="DD92" s="487"/>
      <c r="DE92" s="487"/>
      <c r="DF92" s="487"/>
      <c r="DG92" s="487"/>
      <c r="DH92" s="487"/>
      <c r="DI92" s="484"/>
      <c r="DJ92" s="484"/>
      <c r="DK92" s="484"/>
    </row>
    <row r="93" spans="1:115" s="354" customFormat="1" ht="56.1" hidden="1" customHeight="1" x14ac:dyDescent="0.2">
      <c r="A93" s="494"/>
      <c r="B93" s="494"/>
      <c r="C93" s="481">
        <v>149</v>
      </c>
      <c r="D93" s="481"/>
      <c r="E93" s="481" t="s">
        <v>2481</v>
      </c>
      <c r="F93" s="482" t="s">
        <v>53</v>
      </c>
      <c r="G93" s="482" t="s">
        <v>329</v>
      </c>
      <c r="H93" s="484" t="s">
        <v>396</v>
      </c>
      <c r="I93" s="484" t="s">
        <v>369</v>
      </c>
      <c r="J93" s="495" t="s">
        <v>416</v>
      </c>
      <c r="K93" s="495"/>
      <c r="L93" s="484" t="s">
        <v>58</v>
      </c>
      <c r="M93" s="484" t="s">
        <v>347</v>
      </c>
      <c r="N93" s="484"/>
      <c r="O93" s="484" t="s">
        <v>81</v>
      </c>
      <c r="P93" s="484" t="s">
        <v>334</v>
      </c>
      <c r="Q93" s="484"/>
      <c r="R93" s="484" t="s">
        <v>225</v>
      </c>
      <c r="S93" s="484" t="s">
        <v>63</v>
      </c>
      <c r="T93" s="484" t="s">
        <v>63</v>
      </c>
      <c r="U93" s="485">
        <v>2035466</v>
      </c>
      <c r="V93" s="485"/>
      <c r="W93" s="484" t="s">
        <v>226</v>
      </c>
      <c r="X93" s="484"/>
      <c r="Y93" s="485">
        <f t="shared" si="16"/>
        <v>2035466</v>
      </c>
      <c r="Z93" s="484" t="s">
        <v>82</v>
      </c>
      <c r="AA93" s="496"/>
      <c r="AB93" s="496"/>
      <c r="AC93" s="496"/>
      <c r="AD93" s="496"/>
      <c r="AE93" s="496"/>
      <c r="AF93" s="496"/>
      <c r="AG93" s="496"/>
      <c r="AH93" s="496"/>
      <c r="AI93" s="496"/>
      <c r="AJ93" s="496"/>
      <c r="AK93" s="496"/>
      <c r="AL93" s="496"/>
      <c r="AM93" s="496"/>
      <c r="AN93" s="496"/>
      <c r="AO93" s="496"/>
      <c r="AP93" s="496"/>
      <c r="AQ93" s="487" t="s">
        <v>66</v>
      </c>
      <c r="AR93" s="496"/>
      <c r="AS93" s="496"/>
      <c r="AT93" s="496"/>
      <c r="AU93" s="496"/>
      <c r="AV93" s="496"/>
      <c r="AW93" s="496"/>
      <c r="AX93" s="496"/>
      <c r="AY93" s="496"/>
      <c r="AZ93" s="496"/>
      <c r="BA93" s="496"/>
      <c r="BB93" s="496"/>
      <c r="BC93" s="496"/>
      <c r="BD93" s="496"/>
      <c r="BE93" s="496"/>
      <c r="BF93" s="80">
        <f t="shared" si="14"/>
        <v>2385</v>
      </c>
      <c r="BG93" s="76">
        <f t="shared" si="10"/>
        <v>853.44486373165614</v>
      </c>
      <c r="BH93" s="487" t="str">
        <f t="shared" si="18"/>
        <v/>
      </c>
      <c r="BI93" s="487" t="str">
        <f t="shared" si="18"/>
        <v/>
      </c>
      <c r="BJ93" s="487" t="str">
        <f t="shared" si="18"/>
        <v/>
      </c>
      <c r="BK93" s="487" t="str">
        <f t="shared" si="18"/>
        <v/>
      </c>
      <c r="BL93" s="487" t="str">
        <f t="shared" si="18"/>
        <v/>
      </c>
      <c r="BM93" s="487" t="str">
        <f t="shared" si="18"/>
        <v/>
      </c>
      <c r="BN93" s="487" t="str">
        <f t="shared" si="18"/>
        <v/>
      </c>
      <c r="BO93" s="487" t="str">
        <f t="shared" si="18"/>
        <v/>
      </c>
      <c r="BP93" s="487" t="str">
        <f t="shared" si="18"/>
        <v/>
      </c>
      <c r="BQ93" s="487" t="str">
        <f t="shared" si="18"/>
        <v/>
      </c>
      <c r="BR93" s="487" t="str">
        <f t="shared" si="18"/>
        <v/>
      </c>
      <c r="BS93" s="487" t="str">
        <f t="shared" si="18"/>
        <v/>
      </c>
      <c r="BT93" s="487" t="str">
        <f t="shared" si="18"/>
        <v/>
      </c>
      <c r="BU93" s="487" t="str">
        <f t="shared" si="18"/>
        <v/>
      </c>
      <c r="BV93" s="487" t="str">
        <f t="shared" si="18"/>
        <v/>
      </c>
      <c r="BW93" s="487" t="str">
        <f t="shared" si="11"/>
        <v/>
      </c>
      <c r="BX93" s="487">
        <f t="shared" si="11"/>
        <v>2035466</v>
      </c>
      <c r="BY93" s="487" t="str">
        <f t="shared" si="11"/>
        <v/>
      </c>
      <c r="BZ93" s="487" t="str">
        <f t="shared" si="11"/>
        <v/>
      </c>
      <c r="CA93" s="487" t="str">
        <f t="shared" si="11"/>
        <v/>
      </c>
      <c r="CB93" s="487" t="str">
        <f t="shared" si="11"/>
        <v/>
      </c>
      <c r="CC93" s="487" t="str">
        <f t="shared" si="11"/>
        <v/>
      </c>
      <c r="CD93" s="487" t="str">
        <f t="shared" si="17"/>
        <v/>
      </c>
      <c r="CE93" s="487" t="str">
        <f t="shared" si="17"/>
        <v/>
      </c>
      <c r="CF93" s="487" t="str">
        <f t="shared" si="17"/>
        <v/>
      </c>
      <c r="CG93" s="487" t="str">
        <f t="shared" si="17"/>
        <v/>
      </c>
      <c r="CH93" s="487" t="str">
        <f t="shared" si="17"/>
        <v/>
      </c>
      <c r="CI93" s="487" t="str">
        <f t="shared" si="17"/>
        <v/>
      </c>
      <c r="CJ93" s="487" t="str">
        <f t="shared" si="7"/>
        <v/>
      </c>
      <c r="CK93" s="487" t="str">
        <f t="shared" si="7"/>
        <v/>
      </c>
      <c r="CL93" s="487" t="str">
        <f t="shared" si="7"/>
        <v/>
      </c>
      <c r="CM93" s="487"/>
      <c r="CN93" s="487"/>
      <c r="CO93" s="487"/>
      <c r="CP93" s="487"/>
      <c r="CQ93" s="487"/>
      <c r="CR93" s="487"/>
      <c r="CS93" s="487"/>
      <c r="CT93" s="487"/>
      <c r="CU93" s="487"/>
      <c r="CV93" s="487"/>
      <c r="CW93" s="487"/>
      <c r="CX93" s="487"/>
      <c r="CY93" s="487"/>
      <c r="CZ93" s="487"/>
      <c r="DA93" s="487"/>
      <c r="DB93" s="487"/>
      <c r="DC93" s="487"/>
      <c r="DD93" s="487"/>
      <c r="DE93" s="487"/>
      <c r="DF93" s="487"/>
      <c r="DG93" s="487"/>
      <c r="DH93" s="487"/>
      <c r="DI93" s="484"/>
      <c r="DJ93" s="484" t="s">
        <v>399</v>
      </c>
      <c r="DK93" s="484" t="s">
        <v>336</v>
      </c>
    </row>
    <row r="94" spans="1:115" s="354" customFormat="1" ht="56.1" hidden="1" customHeight="1" x14ac:dyDescent="0.2">
      <c r="A94" s="494"/>
      <c r="B94" s="494"/>
      <c r="C94" s="481">
        <v>150</v>
      </c>
      <c r="D94" s="481"/>
      <c r="E94" s="481" t="s">
        <v>2481</v>
      </c>
      <c r="F94" s="482" t="s">
        <v>53</v>
      </c>
      <c r="G94" s="482" t="s">
        <v>329</v>
      </c>
      <c r="H94" s="484" t="s">
        <v>396</v>
      </c>
      <c r="I94" s="484" t="s">
        <v>369</v>
      </c>
      <c r="J94" s="495" t="s">
        <v>417</v>
      </c>
      <c r="K94" s="495"/>
      <c r="L94" s="484" t="s">
        <v>58</v>
      </c>
      <c r="M94" s="484" t="s">
        <v>173</v>
      </c>
      <c r="N94" s="484"/>
      <c r="O94" s="484" t="s">
        <v>60</v>
      </c>
      <c r="P94" s="484" t="s">
        <v>334</v>
      </c>
      <c r="Q94" s="484"/>
      <c r="R94" s="484" t="s">
        <v>62</v>
      </c>
      <c r="S94" s="484" t="s">
        <v>63</v>
      </c>
      <c r="T94" s="484" t="s">
        <v>63</v>
      </c>
      <c r="U94" s="485">
        <v>1280209</v>
      </c>
      <c r="V94" s="485"/>
      <c r="W94" s="484" t="s">
        <v>226</v>
      </c>
      <c r="X94" s="484"/>
      <c r="Y94" s="485">
        <f t="shared" si="16"/>
        <v>1280209</v>
      </c>
      <c r="Z94" s="484" t="s">
        <v>82</v>
      </c>
      <c r="AA94" s="487" t="s">
        <v>66</v>
      </c>
      <c r="AB94" s="496"/>
      <c r="AC94" s="496"/>
      <c r="AD94" s="496"/>
      <c r="AE94" s="496"/>
      <c r="AF94" s="496"/>
      <c r="AG94" s="496"/>
      <c r="AH94" s="496"/>
      <c r="AI94" s="496"/>
      <c r="AJ94" s="496"/>
      <c r="AK94" s="496"/>
      <c r="AL94" s="496"/>
      <c r="AM94" s="496"/>
      <c r="AN94" s="496"/>
      <c r="AO94" s="496"/>
      <c r="AP94" s="496"/>
      <c r="AQ94" s="496"/>
      <c r="AR94" s="496"/>
      <c r="AS94" s="496"/>
      <c r="AT94" s="496"/>
      <c r="AU94" s="496"/>
      <c r="AV94" s="496"/>
      <c r="AW94" s="496"/>
      <c r="AX94" s="496"/>
      <c r="AY94" s="496"/>
      <c r="AZ94" s="496"/>
      <c r="BA94" s="496"/>
      <c r="BB94" s="496"/>
      <c r="BC94" s="496"/>
      <c r="BD94" s="496"/>
      <c r="BE94" s="496"/>
      <c r="BF94" s="80">
        <f t="shared" si="14"/>
        <v>1500</v>
      </c>
      <c r="BG94" s="76">
        <f t="shared" si="10"/>
        <v>853.47266666666667</v>
      </c>
      <c r="BH94" s="487">
        <f t="shared" si="18"/>
        <v>1280209</v>
      </c>
      <c r="BI94" s="487" t="str">
        <f t="shared" si="18"/>
        <v/>
      </c>
      <c r="BJ94" s="487" t="str">
        <f t="shared" si="18"/>
        <v/>
      </c>
      <c r="BK94" s="487" t="str">
        <f t="shared" si="18"/>
        <v/>
      </c>
      <c r="BL94" s="487" t="str">
        <f t="shared" si="18"/>
        <v/>
      </c>
      <c r="BM94" s="487" t="str">
        <f t="shared" si="18"/>
        <v/>
      </c>
      <c r="BN94" s="487" t="str">
        <f t="shared" si="18"/>
        <v/>
      </c>
      <c r="BO94" s="487" t="str">
        <f t="shared" si="18"/>
        <v/>
      </c>
      <c r="BP94" s="487" t="str">
        <f t="shared" si="18"/>
        <v/>
      </c>
      <c r="BQ94" s="487" t="str">
        <f t="shared" si="18"/>
        <v/>
      </c>
      <c r="BR94" s="487" t="str">
        <f t="shared" si="18"/>
        <v/>
      </c>
      <c r="BS94" s="487" t="str">
        <f t="shared" si="18"/>
        <v/>
      </c>
      <c r="BT94" s="487" t="str">
        <f t="shared" si="18"/>
        <v/>
      </c>
      <c r="BU94" s="487" t="str">
        <f t="shared" si="18"/>
        <v/>
      </c>
      <c r="BV94" s="487" t="str">
        <f t="shared" si="18"/>
        <v/>
      </c>
      <c r="BW94" s="487" t="str">
        <f t="shared" si="11"/>
        <v/>
      </c>
      <c r="BX94" s="487" t="str">
        <f t="shared" si="11"/>
        <v/>
      </c>
      <c r="BY94" s="487" t="str">
        <f t="shared" si="11"/>
        <v/>
      </c>
      <c r="BZ94" s="487" t="str">
        <f t="shared" si="11"/>
        <v/>
      </c>
      <c r="CA94" s="487" t="str">
        <f t="shared" si="11"/>
        <v/>
      </c>
      <c r="CB94" s="487" t="str">
        <f t="shared" si="11"/>
        <v/>
      </c>
      <c r="CC94" s="487" t="str">
        <f t="shared" si="11"/>
        <v/>
      </c>
      <c r="CD94" s="487" t="str">
        <f t="shared" si="17"/>
        <v/>
      </c>
      <c r="CE94" s="487" t="str">
        <f t="shared" si="17"/>
        <v/>
      </c>
      <c r="CF94" s="487" t="str">
        <f t="shared" si="17"/>
        <v/>
      </c>
      <c r="CG94" s="487" t="str">
        <f t="shared" si="17"/>
        <v/>
      </c>
      <c r="CH94" s="487" t="str">
        <f t="shared" si="17"/>
        <v/>
      </c>
      <c r="CI94" s="487" t="str">
        <f t="shared" si="17"/>
        <v/>
      </c>
      <c r="CJ94" s="487" t="str">
        <f t="shared" si="7"/>
        <v/>
      </c>
      <c r="CK94" s="487" t="str">
        <f t="shared" si="7"/>
        <v/>
      </c>
      <c r="CL94" s="487" t="str">
        <f t="shared" si="7"/>
        <v/>
      </c>
      <c r="CM94" s="487"/>
      <c r="CN94" s="487"/>
      <c r="CO94" s="487"/>
      <c r="CP94" s="487"/>
      <c r="CQ94" s="487"/>
      <c r="CR94" s="487"/>
      <c r="CS94" s="487"/>
      <c r="CT94" s="487"/>
      <c r="CU94" s="487"/>
      <c r="CV94" s="487"/>
      <c r="CW94" s="487"/>
      <c r="CX94" s="487"/>
      <c r="CY94" s="487"/>
      <c r="CZ94" s="487"/>
      <c r="DA94" s="487"/>
      <c r="DB94" s="487"/>
      <c r="DC94" s="487"/>
      <c r="DD94" s="487"/>
      <c r="DE94" s="487"/>
      <c r="DF94" s="487"/>
      <c r="DG94" s="487"/>
      <c r="DH94" s="487"/>
      <c r="DI94" s="484"/>
      <c r="DJ94" s="484" t="s">
        <v>399</v>
      </c>
      <c r="DK94" s="484" t="s">
        <v>336</v>
      </c>
    </row>
    <row r="95" spans="1:115" s="354" customFormat="1" ht="56.1" hidden="1" customHeight="1" x14ac:dyDescent="0.2">
      <c r="A95" s="494"/>
      <c r="B95" s="494"/>
      <c r="C95" s="481">
        <v>151</v>
      </c>
      <c r="D95" s="481"/>
      <c r="E95" s="481" t="s">
        <v>2481</v>
      </c>
      <c r="F95" s="482" t="s">
        <v>53</v>
      </c>
      <c r="G95" s="482" t="s">
        <v>329</v>
      </c>
      <c r="H95" s="484" t="s">
        <v>396</v>
      </c>
      <c r="I95" s="484" t="s">
        <v>369</v>
      </c>
      <c r="J95" s="495" t="s">
        <v>418</v>
      </c>
      <c r="K95" s="495"/>
      <c r="L95" s="484" t="s">
        <v>58</v>
      </c>
      <c r="M95" s="484" t="s">
        <v>20</v>
      </c>
      <c r="N95" s="484"/>
      <c r="O95" s="484" t="s">
        <v>81</v>
      </c>
      <c r="P95" s="484" t="s">
        <v>334</v>
      </c>
      <c r="Q95" s="484"/>
      <c r="R95" s="484" t="s">
        <v>375</v>
      </c>
      <c r="S95" s="484" t="s">
        <v>63</v>
      </c>
      <c r="T95" s="484" t="s">
        <v>63</v>
      </c>
      <c r="U95" s="485">
        <v>384096</v>
      </c>
      <c r="V95" s="485"/>
      <c r="W95" s="484" t="s">
        <v>226</v>
      </c>
      <c r="X95" s="484"/>
      <c r="Y95" s="485">
        <f t="shared" si="16"/>
        <v>384096</v>
      </c>
      <c r="Z95" s="484" t="s">
        <v>82</v>
      </c>
      <c r="AA95" s="496"/>
      <c r="AB95" s="496"/>
      <c r="AC95" s="487" t="s">
        <v>66</v>
      </c>
      <c r="AD95" s="496"/>
      <c r="AE95" s="496"/>
      <c r="AF95" s="496"/>
      <c r="AG95" s="496"/>
      <c r="AH95" s="496"/>
      <c r="AI95" s="496"/>
      <c r="AJ95" s="496"/>
      <c r="AK95" s="496"/>
      <c r="AL95" s="496"/>
      <c r="AM95" s="496"/>
      <c r="AN95" s="496"/>
      <c r="AO95" s="496"/>
      <c r="AP95" s="496"/>
      <c r="AQ95" s="496"/>
      <c r="AR95" s="496"/>
      <c r="AS95" s="496"/>
      <c r="AT95" s="496"/>
      <c r="AU95" s="496"/>
      <c r="AV95" s="496"/>
      <c r="AW95" s="496"/>
      <c r="AX95" s="496"/>
      <c r="AY95" s="496"/>
      <c r="AZ95" s="496"/>
      <c r="BA95" s="496"/>
      <c r="BB95" s="496"/>
      <c r="BC95" s="496"/>
      <c r="BD95" s="496"/>
      <c r="BE95" s="496"/>
      <c r="BF95" s="80">
        <f t="shared" si="14"/>
        <v>450</v>
      </c>
      <c r="BG95" s="76">
        <f t="shared" si="10"/>
        <v>853.54666666666662</v>
      </c>
      <c r="BH95" s="487" t="str">
        <f t="shared" si="18"/>
        <v/>
      </c>
      <c r="BI95" s="487" t="str">
        <f t="shared" si="18"/>
        <v/>
      </c>
      <c r="BJ95" s="487">
        <f t="shared" si="18"/>
        <v>384096</v>
      </c>
      <c r="BK95" s="487" t="str">
        <f t="shared" si="18"/>
        <v/>
      </c>
      <c r="BL95" s="487" t="str">
        <f t="shared" si="18"/>
        <v/>
      </c>
      <c r="BM95" s="487" t="str">
        <f t="shared" si="18"/>
        <v/>
      </c>
      <c r="BN95" s="487" t="str">
        <f t="shared" si="18"/>
        <v/>
      </c>
      <c r="BO95" s="487" t="str">
        <f t="shared" si="18"/>
        <v/>
      </c>
      <c r="BP95" s="487" t="str">
        <f t="shared" si="18"/>
        <v/>
      </c>
      <c r="BQ95" s="487" t="str">
        <f t="shared" si="18"/>
        <v/>
      </c>
      <c r="BR95" s="487" t="str">
        <f t="shared" si="18"/>
        <v/>
      </c>
      <c r="BS95" s="487" t="str">
        <f t="shared" si="18"/>
        <v/>
      </c>
      <c r="BT95" s="487" t="str">
        <f t="shared" si="18"/>
        <v/>
      </c>
      <c r="BU95" s="487" t="str">
        <f t="shared" si="18"/>
        <v/>
      </c>
      <c r="BV95" s="487" t="str">
        <f t="shared" si="18"/>
        <v/>
      </c>
      <c r="BW95" s="487" t="str">
        <f t="shared" si="11"/>
        <v/>
      </c>
      <c r="BX95" s="487" t="str">
        <f t="shared" si="11"/>
        <v/>
      </c>
      <c r="BY95" s="487" t="str">
        <f t="shared" si="11"/>
        <v/>
      </c>
      <c r="BZ95" s="487" t="str">
        <f t="shared" si="11"/>
        <v/>
      </c>
      <c r="CA95" s="487" t="str">
        <f t="shared" si="11"/>
        <v/>
      </c>
      <c r="CB95" s="487" t="str">
        <f t="shared" si="11"/>
        <v/>
      </c>
      <c r="CC95" s="487" t="str">
        <f t="shared" si="11"/>
        <v/>
      </c>
      <c r="CD95" s="487" t="str">
        <f t="shared" si="17"/>
        <v/>
      </c>
      <c r="CE95" s="487" t="str">
        <f t="shared" si="17"/>
        <v/>
      </c>
      <c r="CF95" s="487" t="str">
        <f t="shared" si="17"/>
        <v/>
      </c>
      <c r="CG95" s="487" t="str">
        <f t="shared" si="17"/>
        <v/>
      </c>
      <c r="CH95" s="487" t="str">
        <f t="shared" si="17"/>
        <v/>
      </c>
      <c r="CI95" s="487" t="str">
        <f t="shared" si="17"/>
        <v/>
      </c>
      <c r="CJ95" s="487" t="str">
        <f t="shared" si="7"/>
        <v/>
      </c>
      <c r="CK95" s="487" t="str">
        <f t="shared" si="7"/>
        <v/>
      </c>
      <c r="CL95" s="487" t="str">
        <f t="shared" si="7"/>
        <v/>
      </c>
      <c r="CM95" s="487"/>
      <c r="CN95" s="487"/>
      <c r="CO95" s="487"/>
      <c r="CP95" s="487"/>
      <c r="CQ95" s="487"/>
      <c r="CR95" s="487"/>
      <c r="CS95" s="487"/>
      <c r="CT95" s="487"/>
      <c r="CU95" s="487"/>
      <c r="CV95" s="487"/>
      <c r="CW95" s="487"/>
      <c r="CX95" s="487"/>
      <c r="CY95" s="487"/>
      <c r="CZ95" s="487"/>
      <c r="DA95" s="487"/>
      <c r="DB95" s="487"/>
      <c r="DC95" s="487"/>
      <c r="DD95" s="487"/>
      <c r="DE95" s="487"/>
      <c r="DF95" s="487"/>
      <c r="DG95" s="487"/>
      <c r="DH95" s="487"/>
      <c r="DI95" s="484"/>
      <c r="DJ95" s="484" t="s">
        <v>399</v>
      </c>
      <c r="DK95" s="484" t="s">
        <v>336</v>
      </c>
    </row>
    <row r="96" spans="1:115" s="354" customFormat="1" ht="56.1" hidden="1" customHeight="1" x14ac:dyDescent="0.2">
      <c r="A96" s="494"/>
      <c r="B96" s="494"/>
      <c r="C96" s="481">
        <v>152</v>
      </c>
      <c r="D96" s="481"/>
      <c r="E96" s="481" t="s">
        <v>2481</v>
      </c>
      <c r="F96" s="482" t="s">
        <v>53</v>
      </c>
      <c r="G96" s="482" t="s">
        <v>329</v>
      </c>
      <c r="H96" s="484" t="s">
        <v>396</v>
      </c>
      <c r="I96" s="484" t="s">
        <v>369</v>
      </c>
      <c r="J96" s="495" t="s">
        <v>419</v>
      </c>
      <c r="K96" s="495"/>
      <c r="L96" s="484" t="s">
        <v>58</v>
      </c>
      <c r="M96" s="484" t="s">
        <v>319</v>
      </c>
      <c r="N96" s="484"/>
      <c r="O96" s="484" t="s">
        <v>81</v>
      </c>
      <c r="P96" s="484" t="s">
        <v>334</v>
      </c>
      <c r="Q96" s="484"/>
      <c r="R96" s="484" t="s">
        <v>181</v>
      </c>
      <c r="S96" s="484" t="s">
        <v>63</v>
      </c>
      <c r="T96" s="484" t="s">
        <v>63</v>
      </c>
      <c r="U96" s="485">
        <v>298743</v>
      </c>
      <c r="V96" s="485"/>
      <c r="W96" s="484" t="s">
        <v>226</v>
      </c>
      <c r="X96" s="484"/>
      <c r="Y96" s="485">
        <f t="shared" si="16"/>
        <v>298743</v>
      </c>
      <c r="Z96" s="484" t="s">
        <v>82</v>
      </c>
      <c r="AA96" s="496"/>
      <c r="AB96" s="496"/>
      <c r="AC96" s="496"/>
      <c r="AD96" s="487" t="s">
        <v>66</v>
      </c>
      <c r="AE96" s="496"/>
      <c r="AF96" s="496"/>
      <c r="AG96" s="496"/>
      <c r="AH96" s="496"/>
      <c r="AI96" s="496"/>
      <c r="AJ96" s="496"/>
      <c r="AK96" s="496"/>
      <c r="AL96" s="496"/>
      <c r="AM96" s="496"/>
      <c r="AN96" s="496"/>
      <c r="AO96" s="496"/>
      <c r="AP96" s="496"/>
      <c r="AQ96" s="496"/>
      <c r="AR96" s="496"/>
      <c r="AS96" s="496"/>
      <c r="AT96" s="496"/>
      <c r="AU96" s="496"/>
      <c r="AV96" s="496"/>
      <c r="AW96" s="496"/>
      <c r="AX96" s="496"/>
      <c r="AY96" s="496"/>
      <c r="AZ96" s="496"/>
      <c r="BA96" s="496"/>
      <c r="BB96" s="496"/>
      <c r="BC96" s="496"/>
      <c r="BD96" s="496"/>
      <c r="BE96" s="496"/>
      <c r="BF96" s="80">
        <f t="shared" si="14"/>
        <v>350</v>
      </c>
      <c r="BG96" s="76">
        <f t="shared" si="10"/>
        <v>853.55142857142857</v>
      </c>
      <c r="BH96" s="487" t="str">
        <f t="shared" si="18"/>
        <v/>
      </c>
      <c r="BI96" s="487" t="str">
        <f t="shared" si="18"/>
        <v/>
      </c>
      <c r="BJ96" s="487" t="str">
        <f t="shared" si="18"/>
        <v/>
      </c>
      <c r="BK96" s="487">
        <f t="shared" si="18"/>
        <v>298743</v>
      </c>
      <c r="BL96" s="487" t="str">
        <f t="shared" si="18"/>
        <v/>
      </c>
      <c r="BM96" s="487" t="str">
        <f t="shared" si="18"/>
        <v/>
      </c>
      <c r="BN96" s="487" t="str">
        <f t="shared" si="18"/>
        <v/>
      </c>
      <c r="BO96" s="487" t="str">
        <f t="shared" si="18"/>
        <v/>
      </c>
      <c r="BP96" s="487" t="str">
        <f t="shared" si="18"/>
        <v/>
      </c>
      <c r="BQ96" s="487" t="str">
        <f t="shared" si="18"/>
        <v/>
      </c>
      <c r="BR96" s="487" t="str">
        <f t="shared" si="18"/>
        <v/>
      </c>
      <c r="BS96" s="487" t="str">
        <f t="shared" si="18"/>
        <v/>
      </c>
      <c r="BT96" s="487" t="str">
        <f t="shared" si="18"/>
        <v/>
      </c>
      <c r="BU96" s="487" t="str">
        <f t="shared" si="18"/>
        <v/>
      </c>
      <c r="BV96" s="487" t="str">
        <f t="shared" si="18"/>
        <v/>
      </c>
      <c r="BW96" s="487" t="str">
        <f t="shared" si="11"/>
        <v/>
      </c>
      <c r="BX96" s="487" t="str">
        <f t="shared" si="11"/>
        <v/>
      </c>
      <c r="BY96" s="487" t="str">
        <f t="shared" si="11"/>
        <v/>
      </c>
      <c r="BZ96" s="487" t="str">
        <f t="shared" si="11"/>
        <v/>
      </c>
      <c r="CA96" s="487" t="str">
        <f t="shared" si="11"/>
        <v/>
      </c>
      <c r="CB96" s="487" t="str">
        <f t="shared" si="11"/>
        <v/>
      </c>
      <c r="CC96" s="487" t="str">
        <f t="shared" si="11"/>
        <v/>
      </c>
      <c r="CD96" s="487" t="str">
        <f t="shared" si="17"/>
        <v/>
      </c>
      <c r="CE96" s="487" t="str">
        <f t="shared" si="17"/>
        <v/>
      </c>
      <c r="CF96" s="487" t="str">
        <f t="shared" si="17"/>
        <v/>
      </c>
      <c r="CG96" s="487" t="str">
        <f t="shared" si="17"/>
        <v/>
      </c>
      <c r="CH96" s="487" t="str">
        <f t="shared" si="17"/>
        <v/>
      </c>
      <c r="CI96" s="487" t="str">
        <f t="shared" si="17"/>
        <v/>
      </c>
      <c r="CJ96" s="487" t="str">
        <f t="shared" si="7"/>
        <v/>
      </c>
      <c r="CK96" s="487" t="str">
        <f t="shared" si="7"/>
        <v/>
      </c>
      <c r="CL96" s="487" t="str">
        <f t="shared" si="7"/>
        <v/>
      </c>
      <c r="CM96" s="487"/>
      <c r="CN96" s="487"/>
      <c r="CO96" s="487"/>
      <c r="CP96" s="487"/>
      <c r="CQ96" s="487"/>
      <c r="CR96" s="487"/>
      <c r="CS96" s="487"/>
      <c r="CT96" s="487"/>
      <c r="CU96" s="487"/>
      <c r="CV96" s="487"/>
      <c r="CW96" s="487"/>
      <c r="CX96" s="487"/>
      <c r="CY96" s="487"/>
      <c r="CZ96" s="487"/>
      <c r="DA96" s="487"/>
      <c r="DB96" s="487"/>
      <c r="DC96" s="487"/>
      <c r="DD96" s="487"/>
      <c r="DE96" s="487"/>
      <c r="DF96" s="487"/>
      <c r="DG96" s="487"/>
      <c r="DH96" s="487"/>
      <c r="DI96" s="484"/>
      <c r="DJ96" s="484" t="s">
        <v>399</v>
      </c>
      <c r="DK96" s="484" t="s">
        <v>336</v>
      </c>
    </row>
    <row r="97" spans="1:115" s="354" customFormat="1" ht="56.1" hidden="1" customHeight="1" x14ac:dyDescent="0.2">
      <c r="A97" s="77" t="s">
        <v>2490</v>
      </c>
      <c r="B97" s="77" t="s">
        <v>18</v>
      </c>
      <c r="C97" s="481">
        <v>153</v>
      </c>
      <c r="D97" s="481"/>
      <c r="E97" s="481" t="s">
        <v>2481</v>
      </c>
      <c r="F97" s="482" t="s">
        <v>53</v>
      </c>
      <c r="G97" s="482" t="s">
        <v>329</v>
      </c>
      <c r="H97" s="484" t="s">
        <v>396</v>
      </c>
      <c r="I97" s="484" t="s">
        <v>369</v>
      </c>
      <c r="J97" s="495" t="s">
        <v>404</v>
      </c>
      <c r="K97" s="495"/>
      <c r="L97" s="484" t="s">
        <v>58</v>
      </c>
      <c r="M97" s="484" t="s">
        <v>18</v>
      </c>
      <c r="N97" s="484"/>
      <c r="O97" s="484" t="s">
        <v>81</v>
      </c>
      <c r="P97" s="484" t="s">
        <v>334</v>
      </c>
      <c r="Q97" s="484"/>
      <c r="R97" s="484" t="s">
        <v>377</v>
      </c>
      <c r="S97" s="484" t="s">
        <v>63</v>
      </c>
      <c r="T97" s="484" t="s">
        <v>63</v>
      </c>
      <c r="U97" s="485">
        <v>170699</v>
      </c>
      <c r="V97" s="485"/>
      <c r="W97" s="484" t="s">
        <v>226</v>
      </c>
      <c r="X97" s="484"/>
      <c r="Y97" s="485">
        <f t="shared" si="16"/>
        <v>170699</v>
      </c>
      <c r="Z97" s="484" t="s">
        <v>82</v>
      </c>
      <c r="AA97" s="496"/>
      <c r="AB97" s="487" t="s">
        <v>66</v>
      </c>
      <c r="AC97" s="496"/>
      <c r="AD97" s="496"/>
      <c r="AE97" s="496"/>
      <c r="AF97" s="496"/>
      <c r="AG97" s="496"/>
      <c r="AH97" s="496"/>
      <c r="AI97" s="496"/>
      <c r="AJ97" s="496"/>
      <c r="AK97" s="496"/>
      <c r="AL97" s="496"/>
      <c r="AM97" s="496"/>
      <c r="AN97" s="496"/>
      <c r="AO97" s="496"/>
      <c r="AP97" s="496"/>
      <c r="AQ97" s="496"/>
      <c r="AR97" s="496"/>
      <c r="AS97" s="496"/>
      <c r="AT97" s="496"/>
      <c r="AU97" s="496"/>
      <c r="AV97" s="496"/>
      <c r="AW97" s="496"/>
      <c r="AX97" s="496"/>
      <c r="AY97" s="496"/>
      <c r="AZ97" s="496"/>
      <c r="BA97" s="496"/>
      <c r="BB97" s="496"/>
      <c r="BC97" s="496"/>
      <c r="BD97" s="496"/>
      <c r="BE97" s="496"/>
      <c r="BF97" s="80">
        <f t="shared" si="14"/>
        <v>200</v>
      </c>
      <c r="BG97" s="76">
        <f t="shared" si="10"/>
        <v>853.495</v>
      </c>
      <c r="BH97" s="487" t="str">
        <f t="shared" si="18"/>
        <v/>
      </c>
      <c r="BI97" s="487">
        <f t="shared" si="18"/>
        <v>170699</v>
      </c>
      <c r="BJ97" s="487" t="str">
        <f t="shared" si="18"/>
        <v/>
      </c>
      <c r="BK97" s="487" t="str">
        <f t="shared" si="18"/>
        <v/>
      </c>
      <c r="BL97" s="487" t="str">
        <f t="shared" si="18"/>
        <v/>
      </c>
      <c r="BM97" s="487" t="str">
        <f t="shared" si="18"/>
        <v/>
      </c>
      <c r="BN97" s="487" t="str">
        <f t="shared" si="18"/>
        <v/>
      </c>
      <c r="BO97" s="487" t="str">
        <f t="shared" si="18"/>
        <v/>
      </c>
      <c r="BP97" s="487" t="str">
        <f t="shared" si="18"/>
        <v/>
      </c>
      <c r="BQ97" s="487" t="str">
        <f t="shared" si="18"/>
        <v/>
      </c>
      <c r="BR97" s="487" t="str">
        <f t="shared" si="18"/>
        <v/>
      </c>
      <c r="BS97" s="487" t="str">
        <f t="shared" si="18"/>
        <v/>
      </c>
      <c r="BT97" s="487" t="str">
        <f t="shared" si="18"/>
        <v/>
      </c>
      <c r="BU97" s="487" t="str">
        <f t="shared" si="18"/>
        <v/>
      </c>
      <c r="BV97" s="487" t="str">
        <f t="shared" si="18"/>
        <v/>
      </c>
      <c r="BW97" s="487" t="str">
        <f t="shared" si="11"/>
        <v/>
      </c>
      <c r="BX97" s="487" t="str">
        <f t="shared" si="11"/>
        <v/>
      </c>
      <c r="BY97" s="487" t="str">
        <f t="shared" si="11"/>
        <v/>
      </c>
      <c r="BZ97" s="487" t="str">
        <f t="shared" si="11"/>
        <v/>
      </c>
      <c r="CA97" s="487" t="str">
        <f t="shared" si="11"/>
        <v/>
      </c>
      <c r="CB97" s="487" t="str">
        <f t="shared" si="11"/>
        <v/>
      </c>
      <c r="CC97" s="487" t="str">
        <f t="shared" si="11"/>
        <v/>
      </c>
      <c r="CD97" s="487" t="str">
        <f t="shared" si="17"/>
        <v/>
      </c>
      <c r="CE97" s="487" t="str">
        <f t="shared" si="17"/>
        <v/>
      </c>
      <c r="CF97" s="487" t="str">
        <f t="shared" si="17"/>
        <v/>
      </c>
      <c r="CG97" s="487" t="str">
        <f t="shared" si="17"/>
        <v/>
      </c>
      <c r="CH97" s="487" t="str">
        <f t="shared" si="17"/>
        <v/>
      </c>
      <c r="CI97" s="487" t="str">
        <f t="shared" si="17"/>
        <v/>
      </c>
      <c r="CJ97" s="487" t="str">
        <f t="shared" si="7"/>
        <v/>
      </c>
      <c r="CK97" s="487" t="str">
        <f t="shared" si="7"/>
        <v/>
      </c>
      <c r="CL97" s="487" t="str">
        <f t="shared" si="7"/>
        <v/>
      </c>
      <c r="CM97" s="487"/>
      <c r="CN97" s="487"/>
      <c r="CO97" s="487"/>
      <c r="CP97" s="487"/>
      <c r="CQ97" s="487"/>
      <c r="CR97" s="487"/>
      <c r="CS97" s="487"/>
      <c r="CT97" s="487"/>
      <c r="CU97" s="487"/>
      <c r="CV97" s="487"/>
      <c r="CW97" s="487"/>
      <c r="CX97" s="487"/>
      <c r="CY97" s="487"/>
      <c r="CZ97" s="487"/>
      <c r="DA97" s="487"/>
      <c r="DB97" s="487"/>
      <c r="DC97" s="487"/>
      <c r="DD97" s="487"/>
      <c r="DE97" s="487"/>
      <c r="DF97" s="487"/>
      <c r="DG97" s="487"/>
      <c r="DH97" s="487"/>
      <c r="DI97" s="484"/>
      <c r="DJ97" s="484" t="s">
        <v>399</v>
      </c>
      <c r="DK97" s="484" t="s">
        <v>336</v>
      </c>
    </row>
    <row r="98" spans="1:115" s="354" customFormat="1" ht="56.1" hidden="1" customHeight="1" x14ac:dyDescent="0.2">
      <c r="A98" s="494"/>
      <c r="B98" s="494"/>
      <c r="C98" s="481">
        <v>154</v>
      </c>
      <c r="D98" s="481"/>
      <c r="E98" s="481" t="s">
        <v>2481</v>
      </c>
      <c r="F98" s="482" t="s">
        <v>53</v>
      </c>
      <c r="G98" s="482" t="s">
        <v>329</v>
      </c>
      <c r="H98" s="484" t="s">
        <v>396</v>
      </c>
      <c r="I98" s="484" t="s">
        <v>369</v>
      </c>
      <c r="J98" s="495" t="s">
        <v>420</v>
      </c>
      <c r="K98" s="495"/>
      <c r="L98" s="484" t="s">
        <v>58</v>
      </c>
      <c r="M98" s="484" t="s">
        <v>21</v>
      </c>
      <c r="N98" s="484"/>
      <c r="O98" s="484" t="s">
        <v>81</v>
      </c>
      <c r="P98" s="484" t="s">
        <v>334</v>
      </c>
      <c r="Q98" s="484"/>
      <c r="R98" s="484" t="s">
        <v>204</v>
      </c>
      <c r="S98" s="484" t="s">
        <v>63</v>
      </c>
      <c r="T98" s="484" t="s">
        <v>63</v>
      </c>
      <c r="U98" s="485">
        <v>256055</v>
      </c>
      <c r="V98" s="485"/>
      <c r="W98" s="484" t="s">
        <v>226</v>
      </c>
      <c r="X98" s="484"/>
      <c r="Y98" s="485">
        <f t="shared" si="16"/>
        <v>256055</v>
      </c>
      <c r="Z98" s="484" t="s">
        <v>82</v>
      </c>
      <c r="AA98" s="496"/>
      <c r="AB98" s="496"/>
      <c r="AC98" s="496"/>
      <c r="AD98" s="496"/>
      <c r="AE98" s="487" t="s">
        <v>66</v>
      </c>
      <c r="AF98" s="496"/>
      <c r="AG98" s="496"/>
      <c r="AH98" s="496"/>
      <c r="AI98" s="496"/>
      <c r="AJ98" s="496"/>
      <c r="AK98" s="496"/>
      <c r="AL98" s="496"/>
      <c r="AM98" s="496"/>
      <c r="AN98" s="496"/>
      <c r="AO98" s="496"/>
      <c r="AP98" s="496"/>
      <c r="AQ98" s="496"/>
      <c r="AR98" s="496"/>
      <c r="AS98" s="496"/>
      <c r="AT98" s="496"/>
      <c r="AU98" s="496"/>
      <c r="AV98" s="496"/>
      <c r="AW98" s="496"/>
      <c r="AX98" s="496"/>
      <c r="AY98" s="496"/>
      <c r="AZ98" s="496"/>
      <c r="BA98" s="496"/>
      <c r="BB98" s="496"/>
      <c r="BC98" s="496"/>
      <c r="BD98" s="496"/>
      <c r="BE98" s="496"/>
      <c r="BF98" s="80">
        <f t="shared" si="14"/>
        <v>300</v>
      </c>
      <c r="BG98" s="76">
        <f t="shared" si="10"/>
        <v>853.51666666666665</v>
      </c>
      <c r="BH98" s="487" t="str">
        <f t="shared" si="18"/>
        <v/>
      </c>
      <c r="BI98" s="487" t="str">
        <f t="shared" si="18"/>
        <v/>
      </c>
      <c r="BJ98" s="487" t="str">
        <f t="shared" si="18"/>
        <v/>
      </c>
      <c r="BK98" s="487" t="str">
        <f t="shared" si="18"/>
        <v/>
      </c>
      <c r="BL98" s="487">
        <f t="shared" si="18"/>
        <v>256055</v>
      </c>
      <c r="BM98" s="487" t="str">
        <f t="shared" si="18"/>
        <v/>
      </c>
      <c r="BN98" s="487" t="str">
        <f t="shared" si="18"/>
        <v/>
      </c>
      <c r="BO98" s="487" t="str">
        <f t="shared" si="18"/>
        <v/>
      </c>
      <c r="BP98" s="487" t="str">
        <f t="shared" si="18"/>
        <v/>
      </c>
      <c r="BQ98" s="487" t="str">
        <f t="shared" si="18"/>
        <v/>
      </c>
      <c r="BR98" s="487" t="str">
        <f t="shared" si="18"/>
        <v/>
      </c>
      <c r="BS98" s="487" t="str">
        <f t="shared" si="18"/>
        <v/>
      </c>
      <c r="BT98" s="487" t="str">
        <f t="shared" si="18"/>
        <v/>
      </c>
      <c r="BU98" s="487" t="str">
        <f t="shared" si="18"/>
        <v/>
      </c>
      <c r="BV98" s="487" t="str">
        <f t="shared" si="18"/>
        <v/>
      </c>
      <c r="BW98" s="487" t="str">
        <f t="shared" si="11"/>
        <v/>
      </c>
      <c r="BX98" s="487" t="str">
        <f t="shared" si="11"/>
        <v/>
      </c>
      <c r="BY98" s="487" t="str">
        <f t="shared" si="11"/>
        <v/>
      </c>
      <c r="BZ98" s="487" t="str">
        <f t="shared" si="11"/>
        <v/>
      </c>
      <c r="CA98" s="487" t="str">
        <f t="shared" si="11"/>
        <v/>
      </c>
      <c r="CB98" s="487" t="str">
        <f t="shared" si="11"/>
        <v/>
      </c>
      <c r="CC98" s="487" t="str">
        <f t="shared" si="11"/>
        <v/>
      </c>
      <c r="CD98" s="487" t="str">
        <f t="shared" si="17"/>
        <v/>
      </c>
      <c r="CE98" s="487" t="str">
        <f t="shared" si="17"/>
        <v/>
      </c>
      <c r="CF98" s="487" t="str">
        <f t="shared" si="17"/>
        <v/>
      </c>
      <c r="CG98" s="487" t="str">
        <f t="shared" si="17"/>
        <v/>
      </c>
      <c r="CH98" s="487" t="str">
        <f t="shared" si="17"/>
        <v/>
      </c>
      <c r="CI98" s="487" t="str">
        <f t="shared" si="17"/>
        <v/>
      </c>
      <c r="CJ98" s="487" t="str">
        <f t="shared" si="7"/>
        <v/>
      </c>
      <c r="CK98" s="487" t="str">
        <f t="shared" si="7"/>
        <v/>
      </c>
      <c r="CL98" s="487" t="str">
        <f t="shared" si="7"/>
        <v/>
      </c>
      <c r="CM98" s="487"/>
      <c r="CN98" s="487"/>
      <c r="CO98" s="487"/>
      <c r="CP98" s="487"/>
      <c r="CQ98" s="487"/>
      <c r="CR98" s="487"/>
      <c r="CS98" s="487"/>
      <c r="CT98" s="487"/>
      <c r="CU98" s="487"/>
      <c r="CV98" s="487"/>
      <c r="CW98" s="487"/>
      <c r="CX98" s="487"/>
      <c r="CY98" s="487"/>
      <c r="CZ98" s="487"/>
      <c r="DA98" s="487"/>
      <c r="DB98" s="487"/>
      <c r="DC98" s="487"/>
      <c r="DD98" s="487"/>
      <c r="DE98" s="487"/>
      <c r="DF98" s="487"/>
      <c r="DG98" s="487"/>
      <c r="DH98" s="487"/>
      <c r="DI98" s="484"/>
      <c r="DJ98" s="484" t="s">
        <v>399</v>
      </c>
      <c r="DK98" s="484" t="s">
        <v>336</v>
      </c>
    </row>
    <row r="99" spans="1:115" s="354" customFormat="1" ht="56.1" hidden="1" customHeight="1" x14ac:dyDescent="0.2">
      <c r="A99" s="494"/>
      <c r="B99" s="494"/>
      <c r="C99" s="481">
        <v>155</v>
      </c>
      <c r="D99" s="481"/>
      <c r="E99" s="481" t="s">
        <v>2481</v>
      </c>
      <c r="F99" s="482" t="s">
        <v>53</v>
      </c>
      <c r="G99" s="482" t="s">
        <v>329</v>
      </c>
      <c r="H99" s="484" t="s">
        <v>396</v>
      </c>
      <c r="I99" s="484" t="s">
        <v>369</v>
      </c>
      <c r="J99" s="495" t="s">
        <v>407</v>
      </c>
      <c r="K99" s="495"/>
      <c r="L99" s="484" t="s">
        <v>58</v>
      </c>
      <c r="M99" s="484" t="s">
        <v>323</v>
      </c>
      <c r="N99" s="484"/>
      <c r="O99" s="484" t="s">
        <v>81</v>
      </c>
      <c r="P99" s="484" t="s">
        <v>334</v>
      </c>
      <c r="Q99" s="484"/>
      <c r="R99" s="484" t="s">
        <v>380</v>
      </c>
      <c r="S99" s="484" t="s">
        <v>63</v>
      </c>
      <c r="T99" s="484" t="s">
        <v>63</v>
      </c>
      <c r="U99" s="485">
        <v>85372</v>
      </c>
      <c r="V99" s="485"/>
      <c r="W99" s="484" t="s">
        <v>226</v>
      </c>
      <c r="X99" s="484"/>
      <c r="Y99" s="485">
        <f t="shared" si="16"/>
        <v>85372</v>
      </c>
      <c r="Z99" s="484" t="s">
        <v>82</v>
      </c>
      <c r="AA99" s="496"/>
      <c r="AB99" s="496"/>
      <c r="AC99" s="496"/>
      <c r="AD99" s="496"/>
      <c r="AE99" s="496"/>
      <c r="AF99" s="496"/>
      <c r="AG99" s="487" t="s">
        <v>66</v>
      </c>
      <c r="AH99" s="496"/>
      <c r="AI99" s="496"/>
      <c r="AJ99" s="496"/>
      <c r="AK99" s="496"/>
      <c r="AL99" s="496"/>
      <c r="AM99" s="496"/>
      <c r="AN99" s="496"/>
      <c r="AO99" s="496"/>
      <c r="AP99" s="496"/>
      <c r="AQ99" s="496"/>
      <c r="AR99" s="496"/>
      <c r="AS99" s="496"/>
      <c r="AT99" s="496"/>
      <c r="AU99" s="496"/>
      <c r="AV99" s="496"/>
      <c r="AW99" s="496"/>
      <c r="AX99" s="496"/>
      <c r="AY99" s="496"/>
      <c r="AZ99" s="496"/>
      <c r="BA99" s="496"/>
      <c r="BB99" s="496"/>
      <c r="BC99" s="496"/>
      <c r="BD99" s="496"/>
      <c r="BE99" s="496"/>
      <c r="BF99" s="80">
        <f t="shared" si="14"/>
        <v>100</v>
      </c>
      <c r="BG99" s="76">
        <f t="shared" si="10"/>
        <v>853.72</v>
      </c>
      <c r="BH99" s="487" t="str">
        <f t="shared" si="18"/>
        <v/>
      </c>
      <c r="BI99" s="487" t="str">
        <f t="shared" si="18"/>
        <v/>
      </c>
      <c r="BJ99" s="487" t="str">
        <f t="shared" si="18"/>
        <v/>
      </c>
      <c r="BK99" s="487" t="str">
        <f t="shared" si="18"/>
        <v/>
      </c>
      <c r="BL99" s="487" t="str">
        <f t="shared" si="18"/>
        <v/>
      </c>
      <c r="BM99" s="487" t="str">
        <f t="shared" si="18"/>
        <v/>
      </c>
      <c r="BN99" s="487">
        <f t="shared" si="18"/>
        <v>85372</v>
      </c>
      <c r="BO99" s="487" t="str">
        <f t="shared" si="18"/>
        <v/>
      </c>
      <c r="BP99" s="487" t="str">
        <f t="shared" si="18"/>
        <v/>
      </c>
      <c r="BQ99" s="487" t="str">
        <f t="shared" si="18"/>
        <v/>
      </c>
      <c r="BR99" s="487" t="str">
        <f t="shared" si="18"/>
        <v/>
      </c>
      <c r="BS99" s="487" t="str">
        <f t="shared" si="18"/>
        <v/>
      </c>
      <c r="BT99" s="487" t="str">
        <f t="shared" si="18"/>
        <v/>
      </c>
      <c r="BU99" s="487" t="str">
        <f t="shared" si="18"/>
        <v/>
      </c>
      <c r="BV99" s="487" t="str">
        <f t="shared" si="18"/>
        <v/>
      </c>
      <c r="BW99" s="487" t="str">
        <f t="shared" si="11"/>
        <v/>
      </c>
      <c r="BX99" s="487" t="str">
        <f t="shared" si="11"/>
        <v/>
      </c>
      <c r="BY99" s="487" t="str">
        <f t="shared" si="11"/>
        <v/>
      </c>
      <c r="BZ99" s="487" t="str">
        <f t="shared" si="11"/>
        <v/>
      </c>
      <c r="CA99" s="487" t="str">
        <f t="shared" si="11"/>
        <v/>
      </c>
      <c r="CB99" s="487" t="str">
        <f t="shared" si="11"/>
        <v/>
      </c>
      <c r="CC99" s="487" t="str">
        <f t="shared" si="11"/>
        <v/>
      </c>
      <c r="CD99" s="487" t="str">
        <f t="shared" si="17"/>
        <v/>
      </c>
      <c r="CE99" s="487" t="str">
        <f t="shared" si="17"/>
        <v/>
      </c>
      <c r="CF99" s="487" t="str">
        <f t="shared" si="17"/>
        <v/>
      </c>
      <c r="CG99" s="487" t="str">
        <f t="shared" si="17"/>
        <v/>
      </c>
      <c r="CH99" s="487" t="str">
        <f t="shared" si="17"/>
        <v/>
      </c>
      <c r="CI99" s="487" t="str">
        <f t="shared" si="17"/>
        <v/>
      </c>
      <c r="CJ99" s="487" t="str">
        <f t="shared" si="17"/>
        <v/>
      </c>
      <c r="CK99" s="487" t="str">
        <f t="shared" si="17"/>
        <v/>
      </c>
      <c r="CL99" s="487" t="str">
        <f t="shared" si="17"/>
        <v/>
      </c>
      <c r="CM99" s="487"/>
      <c r="CN99" s="487"/>
      <c r="CO99" s="487"/>
      <c r="CP99" s="487"/>
      <c r="CQ99" s="487"/>
      <c r="CR99" s="487"/>
      <c r="CS99" s="487"/>
      <c r="CT99" s="487"/>
      <c r="CU99" s="487"/>
      <c r="CV99" s="487"/>
      <c r="CW99" s="487"/>
      <c r="CX99" s="487"/>
      <c r="CY99" s="487"/>
      <c r="CZ99" s="487"/>
      <c r="DA99" s="487"/>
      <c r="DB99" s="487"/>
      <c r="DC99" s="487"/>
      <c r="DD99" s="487"/>
      <c r="DE99" s="487"/>
      <c r="DF99" s="487"/>
      <c r="DG99" s="487"/>
      <c r="DH99" s="487"/>
      <c r="DI99" s="484"/>
      <c r="DJ99" s="484" t="s">
        <v>399</v>
      </c>
      <c r="DK99" s="484" t="s">
        <v>336</v>
      </c>
    </row>
    <row r="100" spans="1:115" s="354" customFormat="1" ht="56.1" hidden="1" customHeight="1" x14ac:dyDescent="0.2">
      <c r="A100" s="494"/>
      <c r="B100" s="494"/>
      <c r="C100" s="481">
        <v>156</v>
      </c>
      <c r="D100" s="481"/>
      <c r="E100" s="481" t="s">
        <v>2481</v>
      </c>
      <c r="F100" s="482" t="s">
        <v>53</v>
      </c>
      <c r="G100" s="482" t="s">
        <v>329</v>
      </c>
      <c r="H100" s="484" t="s">
        <v>396</v>
      </c>
      <c r="I100" s="484" t="s">
        <v>369</v>
      </c>
      <c r="J100" s="495" t="s">
        <v>421</v>
      </c>
      <c r="K100" s="495"/>
      <c r="L100" s="484" t="s">
        <v>58</v>
      </c>
      <c r="M100" s="484" t="s">
        <v>324</v>
      </c>
      <c r="N100" s="484"/>
      <c r="O100" s="484" t="s">
        <v>81</v>
      </c>
      <c r="P100" s="484" t="s">
        <v>334</v>
      </c>
      <c r="Q100" s="484"/>
      <c r="R100" s="484" t="s">
        <v>382</v>
      </c>
      <c r="S100" s="484" t="s">
        <v>63</v>
      </c>
      <c r="T100" s="484" t="s">
        <v>63</v>
      </c>
      <c r="U100" s="485">
        <v>332829</v>
      </c>
      <c r="V100" s="485"/>
      <c r="W100" s="484" t="s">
        <v>226</v>
      </c>
      <c r="X100" s="484"/>
      <c r="Y100" s="485">
        <f t="shared" si="16"/>
        <v>332829</v>
      </c>
      <c r="Z100" s="484" t="s">
        <v>82</v>
      </c>
      <c r="AA100" s="496"/>
      <c r="AB100" s="496"/>
      <c r="AC100" s="496"/>
      <c r="AD100" s="496"/>
      <c r="AE100" s="496"/>
      <c r="AF100" s="496"/>
      <c r="AG100" s="496"/>
      <c r="AH100" s="487" t="s">
        <v>66</v>
      </c>
      <c r="AI100" s="496"/>
      <c r="AJ100" s="496"/>
      <c r="AK100" s="496"/>
      <c r="AL100" s="496"/>
      <c r="AM100" s="496"/>
      <c r="AN100" s="496"/>
      <c r="AO100" s="496"/>
      <c r="AP100" s="496"/>
      <c r="AQ100" s="496"/>
      <c r="AR100" s="496"/>
      <c r="AS100" s="496"/>
      <c r="AT100" s="496"/>
      <c r="AU100" s="496"/>
      <c r="AV100" s="496"/>
      <c r="AW100" s="496"/>
      <c r="AX100" s="496"/>
      <c r="AY100" s="496"/>
      <c r="AZ100" s="496"/>
      <c r="BA100" s="496"/>
      <c r="BB100" s="496"/>
      <c r="BC100" s="496"/>
      <c r="BD100" s="496"/>
      <c r="BE100" s="496"/>
      <c r="BF100" s="80">
        <f t="shared" si="14"/>
        <v>390</v>
      </c>
      <c r="BG100" s="76">
        <f t="shared" si="10"/>
        <v>853.40769230769229</v>
      </c>
      <c r="BH100" s="487" t="str">
        <f t="shared" si="18"/>
        <v/>
      </c>
      <c r="BI100" s="487" t="str">
        <f t="shared" si="18"/>
        <v/>
      </c>
      <c r="BJ100" s="487" t="str">
        <f t="shared" si="18"/>
        <v/>
      </c>
      <c r="BK100" s="487" t="str">
        <f t="shared" si="18"/>
        <v/>
      </c>
      <c r="BL100" s="487" t="str">
        <f t="shared" si="18"/>
        <v/>
      </c>
      <c r="BM100" s="487" t="str">
        <f t="shared" si="18"/>
        <v/>
      </c>
      <c r="BN100" s="487" t="str">
        <f t="shared" si="18"/>
        <v/>
      </c>
      <c r="BO100" s="487">
        <f t="shared" si="18"/>
        <v>332829</v>
      </c>
      <c r="BP100" s="487" t="str">
        <f t="shared" si="18"/>
        <v/>
      </c>
      <c r="BQ100" s="487" t="str">
        <f t="shared" si="18"/>
        <v/>
      </c>
      <c r="BR100" s="487" t="str">
        <f t="shared" si="18"/>
        <v/>
      </c>
      <c r="BS100" s="487" t="str">
        <f t="shared" si="18"/>
        <v/>
      </c>
      <c r="BT100" s="487" t="str">
        <f t="shared" si="18"/>
        <v/>
      </c>
      <c r="BU100" s="487" t="str">
        <f t="shared" si="18"/>
        <v/>
      </c>
      <c r="BV100" s="487" t="str">
        <f t="shared" si="18"/>
        <v/>
      </c>
      <c r="BW100" s="487" t="str">
        <f t="shared" si="11"/>
        <v/>
      </c>
      <c r="BX100" s="487" t="str">
        <f t="shared" si="11"/>
        <v/>
      </c>
      <c r="BY100" s="487" t="str">
        <f t="shared" si="11"/>
        <v/>
      </c>
      <c r="BZ100" s="487" t="str">
        <f t="shared" si="11"/>
        <v/>
      </c>
      <c r="CA100" s="487" t="str">
        <f t="shared" si="11"/>
        <v/>
      </c>
      <c r="CB100" s="487" t="str">
        <f t="shared" si="11"/>
        <v/>
      </c>
      <c r="CC100" s="487" t="str">
        <f t="shared" si="11"/>
        <v/>
      </c>
      <c r="CD100" s="487" t="str">
        <f t="shared" si="17"/>
        <v/>
      </c>
      <c r="CE100" s="487" t="str">
        <f t="shared" si="17"/>
        <v/>
      </c>
      <c r="CF100" s="487" t="str">
        <f t="shared" si="17"/>
        <v/>
      </c>
      <c r="CG100" s="487" t="str">
        <f t="shared" si="17"/>
        <v/>
      </c>
      <c r="CH100" s="487" t="str">
        <f t="shared" si="17"/>
        <v/>
      </c>
      <c r="CI100" s="487" t="str">
        <f t="shared" si="17"/>
        <v/>
      </c>
      <c r="CJ100" s="487" t="str">
        <f t="shared" si="17"/>
        <v/>
      </c>
      <c r="CK100" s="487" t="str">
        <f t="shared" si="17"/>
        <v/>
      </c>
      <c r="CL100" s="487" t="str">
        <f t="shared" si="17"/>
        <v/>
      </c>
      <c r="CM100" s="487"/>
      <c r="CN100" s="487"/>
      <c r="CO100" s="487"/>
      <c r="CP100" s="487"/>
      <c r="CQ100" s="487"/>
      <c r="CR100" s="487"/>
      <c r="CS100" s="487"/>
      <c r="CT100" s="487"/>
      <c r="CU100" s="487"/>
      <c r="CV100" s="487"/>
      <c r="CW100" s="487"/>
      <c r="CX100" s="487"/>
      <c r="CY100" s="487"/>
      <c r="CZ100" s="487"/>
      <c r="DA100" s="487"/>
      <c r="DB100" s="487"/>
      <c r="DC100" s="487"/>
      <c r="DD100" s="487"/>
      <c r="DE100" s="487"/>
      <c r="DF100" s="487"/>
      <c r="DG100" s="487"/>
      <c r="DH100" s="487"/>
      <c r="DI100" s="484"/>
      <c r="DJ100" s="484" t="s">
        <v>399</v>
      </c>
      <c r="DK100" s="484" t="s">
        <v>336</v>
      </c>
    </row>
    <row r="101" spans="1:115" s="354" customFormat="1" ht="56.1" hidden="1" customHeight="1" x14ac:dyDescent="0.2">
      <c r="A101" s="77" t="s">
        <v>2491</v>
      </c>
      <c r="B101" s="77" t="s">
        <v>22</v>
      </c>
      <c r="C101" s="481">
        <v>157</v>
      </c>
      <c r="D101" s="481"/>
      <c r="E101" s="481" t="s">
        <v>2481</v>
      </c>
      <c r="F101" s="482" t="s">
        <v>53</v>
      </c>
      <c r="G101" s="482" t="s">
        <v>329</v>
      </c>
      <c r="H101" s="484" t="s">
        <v>396</v>
      </c>
      <c r="I101" s="484" t="s">
        <v>369</v>
      </c>
      <c r="J101" s="495" t="s">
        <v>422</v>
      </c>
      <c r="K101" s="495"/>
      <c r="L101" s="484" t="s">
        <v>58</v>
      </c>
      <c r="M101" s="484" t="s">
        <v>22</v>
      </c>
      <c r="N101" s="484"/>
      <c r="O101" s="484" t="s">
        <v>81</v>
      </c>
      <c r="P101" s="484" t="s">
        <v>334</v>
      </c>
      <c r="Q101" s="484"/>
      <c r="R101" s="484" t="s">
        <v>187</v>
      </c>
      <c r="S101" s="484" t="s">
        <v>63</v>
      </c>
      <c r="T101" s="484" t="s">
        <v>63</v>
      </c>
      <c r="U101" s="485">
        <v>409674</v>
      </c>
      <c r="V101" s="485"/>
      <c r="W101" s="484" t="s">
        <v>226</v>
      </c>
      <c r="X101" s="484"/>
      <c r="Y101" s="485">
        <f t="shared" si="16"/>
        <v>409674</v>
      </c>
      <c r="Z101" s="484" t="s">
        <v>82</v>
      </c>
      <c r="AA101" s="496"/>
      <c r="AB101" s="496"/>
      <c r="AC101" s="496"/>
      <c r="AD101" s="496"/>
      <c r="AE101" s="496"/>
      <c r="AF101" s="496"/>
      <c r="AG101" s="487" t="s">
        <v>66</v>
      </c>
      <c r="AH101" s="496"/>
      <c r="AI101" s="496"/>
      <c r="AJ101" s="496"/>
      <c r="AK101" s="496"/>
      <c r="AL101" s="496"/>
      <c r="AM101" s="496"/>
      <c r="AN101" s="496"/>
      <c r="AO101" s="496"/>
      <c r="AP101" s="496"/>
      <c r="AQ101" s="496"/>
      <c r="AR101" s="496"/>
      <c r="AS101" s="496"/>
      <c r="AT101" s="496"/>
      <c r="AU101" s="496"/>
      <c r="AV101" s="496"/>
      <c r="AW101" s="496"/>
      <c r="AX101" s="496"/>
      <c r="AY101" s="496"/>
      <c r="AZ101" s="496"/>
      <c r="BA101" s="496"/>
      <c r="BB101" s="496"/>
      <c r="BC101" s="496"/>
      <c r="BD101" s="496"/>
      <c r="BE101" s="496"/>
      <c r="BF101" s="80">
        <f t="shared" si="14"/>
        <v>100</v>
      </c>
      <c r="BG101" s="76">
        <f t="shared" si="10"/>
        <v>4096.74</v>
      </c>
      <c r="BH101" s="487" t="str">
        <f t="shared" si="18"/>
        <v/>
      </c>
      <c r="BI101" s="487" t="str">
        <f t="shared" si="18"/>
        <v/>
      </c>
      <c r="BJ101" s="487" t="str">
        <f t="shared" si="18"/>
        <v/>
      </c>
      <c r="BK101" s="487" t="str">
        <f t="shared" si="18"/>
        <v/>
      </c>
      <c r="BL101" s="487" t="str">
        <f t="shared" si="18"/>
        <v/>
      </c>
      <c r="BM101" s="487" t="str">
        <f t="shared" si="18"/>
        <v/>
      </c>
      <c r="BN101" s="487">
        <f t="shared" si="18"/>
        <v>409674</v>
      </c>
      <c r="BO101" s="487" t="str">
        <f t="shared" si="18"/>
        <v/>
      </c>
      <c r="BP101" s="487" t="str">
        <f t="shared" si="18"/>
        <v/>
      </c>
      <c r="BQ101" s="487" t="str">
        <f t="shared" si="18"/>
        <v/>
      </c>
      <c r="BR101" s="487" t="str">
        <f t="shared" si="18"/>
        <v/>
      </c>
      <c r="BS101" s="487" t="str">
        <f t="shared" si="18"/>
        <v/>
      </c>
      <c r="BT101" s="487" t="str">
        <f t="shared" si="18"/>
        <v/>
      </c>
      <c r="BU101" s="487" t="str">
        <f t="shared" si="18"/>
        <v/>
      </c>
      <c r="BV101" s="487" t="str">
        <f t="shared" si="18"/>
        <v/>
      </c>
      <c r="BW101" s="487" t="str">
        <f t="shared" si="11"/>
        <v/>
      </c>
      <c r="BX101" s="487" t="str">
        <f t="shared" si="11"/>
        <v/>
      </c>
      <c r="BY101" s="487" t="str">
        <f t="shared" si="11"/>
        <v/>
      </c>
      <c r="BZ101" s="487" t="str">
        <f t="shared" si="11"/>
        <v/>
      </c>
      <c r="CA101" s="487" t="str">
        <f t="shared" si="11"/>
        <v/>
      </c>
      <c r="CB101" s="487" t="str">
        <f t="shared" si="11"/>
        <v/>
      </c>
      <c r="CC101" s="487" t="str">
        <f t="shared" si="11"/>
        <v/>
      </c>
      <c r="CD101" s="487" t="str">
        <f t="shared" si="17"/>
        <v/>
      </c>
      <c r="CE101" s="487" t="str">
        <f t="shared" si="17"/>
        <v/>
      </c>
      <c r="CF101" s="487" t="str">
        <f t="shared" si="17"/>
        <v/>
      </c>
      <c r="CG101" s="487" t="str">
        <f t="shared" si="17"/>
        <v/>
      </c>
      <c r="CH101" s="487" t="str">
        <f t="shared" si="17"/>
        <v/>
      </c>
      <c r="CI101" s="487" t="str">
        <f t="shared" si="17"/>
        <v/>
      </c>
      <c r="CJ101" s="487" t="str">
        <f t="shared" si="17"/>
        <v/>
      </c>
      <c r="CK101" s="487" t="str">
        <f t="shared" si="17"/>
        <v/>
      </c>
      <c r="CL101" s="487" t="str">
        <f t="shared" si="17"/>
        <v/>
      </c>
      <c r="CM101" s="487"/>
      <c r="CN101" s="487"/>
      <c r="CO101" s="487"/>
      <c r="CP101" s="487"/>
      <c r="CQ101" s="487"/>
      <c r="CR101" s="487"/>
      <c r="CS101" s="487"/>
      <c r="CT101" s="487"/>
      <c r="CU101" s="487"/>
      <c r="CV101" s="487"/>
      <c r="CW101" s="487"/>
      <c r="CX101" s="487"/>
      <c r="CY101" s="487"/>
      <c r="CZ101" s="487"/>
      <c r="DA101" s="487"/>
      <c r="DB101" s="487"/>
      <c r="DC101" s="487"/>
      <c r="DD101" s="487"/>
      <c r="DE101" s="487"/>
      <c r="DF101" s="487"/>
      <c r="DG101" s="487"/>
      <c r="DH101" s="487"/>
      <c r="DI101" s="484"/>
      <c r="DJ101" s="484" t="s">
        <v>399</v>
      </c>
      <c r="DK101" s="484" t="s">
        <v>336</v>
      </c>
    </row>
    <row r="102" spans="1:115" s="354" customFormat="1" ht="56.1" hidden="1" customHeight="1" x14ac:dyDescent="0.2">
      <c r="A102" s="494"/>
      <c r="B102" s="494"/>
      <c r="C102" s="481">
        <v>158</v>
      </c>
      <c r="D102" s="481"/>
      <c r="E102" s="481" t="s">
        <v>2481</v>
      </c>
      <c r="F102" s="482" t="s">
        <v>53</v>
      </c>
      <c r="G102" s="482" t="s">
        <v>329</v>
      </c>
      <c r="H102" s="484" t="s">
        <v>396</v>
      </c>
      <c r="I102" s="484" t="s">
        <v>369</v>
      </c>
      <c r="J102" s="495" t="s">
        <v>423</v>
      </c>
      <c r="K102" s="495"/>
      <c r="L102" s="484" t="s">
        <v>58</v>
      </c>
      <c r="M102" s="484" t="s">
        <v>207</v>
      </c>
      <c r="N102" s="484"/>
      <c r="O102" s="484" t="s">
        <v>81</v>
      </c>
      <c r="P102" s="484" t="s">
        <v>334</v>
      </c>
      <c r="Q102" s="484"/>
      <c r="R102" s="484" t="s">
        <v>208</v>
      </c>
      <c r="S102" s="484" t="s">
        <v>63</v>
      </c>
      <c r="T102" s="484" t="s">
        <v>63</v>
      </c>
      <c r="U102" s="485">
        <f>'[1]Hemel Hempstead'!$AW$8</f>
        <v>426826.81814821647</v>
      </c>
      <c r="V102" s="485"/>
      <c r="W102" s="484" t="s">
        <v>226</v>
      </c>
      <c r="X102" s="484"/>
      <c r="Y102" s="485">
        <f t="shared" si="16"/>
        <v>426826.81814821647</v>
      </c>
      <c r="Z102" s="484" t="s">
        <v>82</v>
      </c>
      <c r="AA102" s="496"/>
      <c r="AB102" s="496"/>
      <c r="AC102" s="496"/>
      <c r="AD102" s="496"/>
      <c r="AE102" s="496"/>
      <c r="AF102" s="487"/>
      <c r="AG102" s="496"/>
      <c r="AH102" s="496"/>
      <c r="AI102" s="496" t="s">
        <v>66</v>
      </c>
      <c r="AJ102" s="496"/>
      <c r="AK102" s="496"/>
      <c r="AL102" s="496"/>
      <c r="AM102" s="496"/>
      <c r="AN102" s="496"/>
      <c r="AO102" s="496"/>
      <c r="AP102" s="496"/>
      <c r="AQ102" s="496"/>
      <c r="AR102" s="496"/>
      <c r="AS102" s="496"/>
      <c r="AT102" s="496"/>
      <c r="AU102" s="496"/>
      <c r="AV102" s="496"/>
      <c r="AW102" s="496"/>
      <c r="AX102" s="496"/>
      <c r="AY102" s="496"/>
      <c r="AZ102" s="496"/>
      <c r="BA102" s="496"/>
      <c r="BB102" s="496"/>
      <c r="BC102" s="496"/>
      <c r="BD102" s="496"/>
      <c r="BE102" s="496"/>
      <c r="BF102" s="80">
        <f t="shared" si="14"/>
        <v>500</v>
      </c>
      <c r="BG102" s="76">
        <f t="shared" si="10"/>
        <v>853.65363629643298</v>
      </c>
      <c r="BH102" s="487" t="str">
        <f t="shared" si="18"/>
        <v/>
      </c>
      <c r="BI102" s="487" t="str">
        <f t="shared" si="18"/>
        <v/>
      </c>
      <c r="BJ102" s="487" t="str">
        <f t="shared" si="18"/>
        <v/>
      </c>
      <c r="BK102" s="487" t="str">
        <f t="shared" si="18"/>
        <v/>
      </c>
      <c r="BL102" s="487" t="str">
        <f t="shared" si="18"/>
        <v/>
      </c>
      <c r="BM102" s="487" t="str">
        <f t="shared" si="18"/>
        <v/>
      </c>
      <c r="BN102" s="487" t="str">
        <f t="shared" si="18"/>
        <v/>
      </c>
      <c r="BO102" s="487" t="str">
        <f t="shared" si="18"/>
        <v/>
      </c>
      <c r="BP102" s="487">
        <f t="shared" si="18"/>
        <v>426826.81814821647</v>
      </c>
      <c r="BQ102" s="487" t="str">
        <f t="shared" si="18"/>
        <v/>
      </c>
      <c r="BR102" s="487" t="str">
        <f t="shared" si="18"/>
        <v/>
      </c>
      <c r="BS102" s="487" t="str">
        <f t="shared" si="18"/>
        <v/>
      </c>
      <c r="BT102" s="487" t="str">
        <f t="shared" si="18"/>
        <v/>
      </c>
      <c r="BU102" s="487" t="str">
        <f t="shared" si="18"/>
        <v/>
      </c>
      <c r="BV102" s="487" t="str">
        <f t="shared" si="18"/>
        <v/>
      </c>
      <c r="BW102" s="487" t="str">
        <f t="shared" si="11"/>
        <v/>
      </c>
      <c r="BX102" s="487" t="str">
        <f t="shared" si="11"/>
        <v/>
      </c>
      <c r="BY102" s="487" t="str">
        <f t="shared" si="11"/>
        <v/>
      </c>
      <c r="BZ102" s="487" t="str">
        <f t="shared" si="11"/>
        <v/>
      </c>
      <c r="CA102" s="487" t="str">
        <f t="shared" si="11"/>
        <v/>
      </c>
      <c r="CB102" s="487" t="str">
        <f t="shared" si="11"/>
        <v/>
      </c>
      <c r="CC102" s="487" t="str">
        <f t="shared" si="11"/>
        <v/>
      </c>
      <c r="CD102" s="487" t="str">
        <f t="shared" si="17"/>
        <v/>
      </c>
      <c r="CE102" s="487" t="str">
        <f t="shared" si="17"/>
        <v/>
      </c>
      <c r="CF102" s="487" t="str">
        <f t="shared" si="17"/>
        <v/>
      </c>
      <c r="CG102" s="487" t="str">
        <f t="shared" si="17"/>
        <v/>
      </c>
      <c r="CH102" s="487" t="str">
        <f t="shared" si="17"/>
        <v/>
      </c>
      <c r="CI102" s="487" t="str">
        <f t="shared" si="17"/>
        <v/>
      </c>
      <c r="CJ102" s="487" t="str">
        <f t="shared" si="17"/>
        <v/>
      </c>
      <c r="CK102" s="487" t="str">
        <f t="shared" si="17"/>
        <v/>
      </c>
      <c r="CL102" s="487" t="str">
        <f t="shared" si="17"/>
        <v/>
      </c>
      <c r="CM102" s="487"/>
      <c r="CN102" s="487"/>
      <c r="CO102" s="487"/>
      <c r="CP102" s="487"/>
      <c r="CQ102" s="487"/>
      <c r="CR102" s="487"/>
      <c r="CS102" s="487"/>
      <c r="CT102" s="487"/>
      <c r="CU102" s="487"/>
      <c r="CV102" s="487"/>
      <c r="CW102" s="487"/>
      <c r="CX102" s="487"/>
      <c r="CY102" s="487"/>
      <c r="CZ102" s="487"/>
      <c r="DA102" s="487"/>
      <c r="DB102" s="487"/>
      <c r="DC102" s="487"/>
      <c r="DD102" s="487"/>
      <c r="DE102" s="487"/>
      <c r="DF102" s="487"/>
      <c r="DG102" s="487"/>
      <c r="DH102" s="487"/>
      <c r="DI102" s="484"/>
      <c r="DJ102" s="484"/>
      <c r="DK102" s="484"/>
    </row>
    <row r="103" spans="1:115" s="354" customFormat="1" ht="56.1" hidden="1" customHeight="1" x14ac:dyDescent="0.2">
      <c r="A103" s="77" t="s">
        <v>2492</v>
      </c>
      <c r="B103" s="77" t="s">
        <v>2493</v>
      </c>
      <c r="C103" s="481">
        <v>159</v>
      </c>
      <c r="D103" s="481"/>
      <c r="E103" s="481" t="s">
        <v>2481</v>
      </c>
      <c r="F103" s="482" t="s">
        <v>53</v>
      </c>
      <c r="G103" s="482" t="s">
        <v>329</v>
      </c>
      <c r="H103" s="484" t="s">
        <v>396</v>
      </c>
      <c r="I103" s="484" t="s">
        <v>369</v>
      </c>
      <c r="J103" s="495" t="s">
        <v>424</v>
      </c>
      <c r="K103" s="495"/>
      <c r="L103" s="484" t="s">
        <v>58</v>
      </c>
      <c r="M103" s="484" t="s">
        <v>2493</v>
      </c>
      <c r="N103" s="484"/>
      <c r="O103" s="484" t="s">
        <v>81</v>
      </c>
      <c r="P103" s="484" t="s">
        <v>334</v>
      </c>
      <c r="Q103" s="484"/>
      <c r="R103" s="484" t="s">
        <v>71</v>
      </c>
      <c r="S103" s="484" t="s">
        <v>63</v>
      </c>
      <c r="T103" s="484" t="s">
        <v>63</v>
      </c>
      <c r="U103" s="485">
        <f>'[1]Hemel Hempstead'!$CK$8</f>
        <v>199856.77630181715</v>
      </c>
      <c r="V103" s="485"/>
      <c r="W103" s="484" t="s">
        <v>226</v>
      </c>
      <c r="X103" s="484"/>
      <c r="Y103" s="485">
        <f t="shared" si="16"/>
        <v>199856.77630181715</v>
      </c>
      <c r="Z103" s="484" t="s">
        <v>82</v>
      </c>
      <c r="AA103" s="496"/>
      <c r="AB103" s="496"/>
      <c r="AC103" s="496"/>
      <c r="AD103" s="496"/>
      <c r="AE103" s="496"/>
      <c r="AF103" s="487"/>
      <c r="AG103" s="496"/>
      <c r="AH103" s="496"/>
      <c r="AI103" s="496"/>
      <c r="AJ103" s="496"/>
      <c r="AK103" s="496"/>
      <c r="AL103" s="496"/>
      <c r="AM103" s="496" t="s">
        <v>66</v>
      </c>
      <c r="AN103" s="496"/>
      <c r="AO103" s="496"/>
      <c r="AP103" s="496"/>
      <c r="AQ103" s="496"/>
      <c r="AR103" s="496"/>
      <c r="AS103" s="496"/>
      <c r="AT103" s="496"/>
      <c r="AU103" s="496"/>
      <c r="AV103" s="496"/>
      <c r="AW103" s="496"/>
      <c r="AX103" s="496"/>
      <c r="AY103" s="496"/>
      <c r="AZ103" s="496"/>
      <c r="BA103" s="496"/>
      <c r="BB103" s="496"/>
      <c r="BC103" s="496"/>
      <c r="BD103" s="496"/>
      <c r="BE103" s="496"/>
      <c r="BF103" s="80">
        <f t="shared" si="14"/>
        <v>234</v>
      </c>
      <c r="BG103" s="76">
        <f t="shared" si="10"/>
        <v>854.08878761460323</v>
      </c>
      <c r="BH103" s="487" t="str">
        <f t="shared" ref="BH103:BW119" si="19">IF(AA103="yes",(AA$2*$BG103),"")</f>
        <v/>
      </c>
      <c r="BI103" s="487" t="str">
        <f t="shared" si="19"/>
        <v/>
      </c>
      <c r="BJ103" s="487" t="str">
        <f t="shared" si="19"/>
        <v/>
      </c>
      <c r="BK103" s="487" t="str">
        <f t="shared" si="19"/>
        <v/>
      </c>
      <c r="BL103" s="487" t="str">
        <f t="shared" si="19"/>
        <v/>
      </c>
      <c r="BM103" s="487" t="str">
        <f t="shared" si="19"/>
        <v/>
      </c>
      <c r="BN103" s="487" t="str">
        <f t="shared" si="19"/>
        <v/>
      </c>
      <c r="BO103" s="487" t="str">
        <f t="shared" si="19"/>
        <v/>
      </c>
      <c r="BP103" s="487" t="str">
        <f t="shared" si="19"/>
        <v/>
      </c>
      <c r="BQ103" s="487" t="str">
        <f t="shared" si="19"/>
        <v/>
      </c>
      <c r="BR103" s="487" t="str">
        <f t="shared" si="19"/>
        <v/>
      </c>
      <c r="BS103" s="487" t="str">
        <f t="shared" si="19"/>
        <v/>
      </c>
      <c r="BT103" s="487">
        <f t="shared" si="19"/>
        <v>199856.77630181715</v>
      </c>
      <c r="BU103" s="487" t="str">
        <f t="shared" si="19"/>
        <v/>
      </c>
      <c r="BV103" s="487" t="str">
        <f t="shared" si="19"/>
        <v/>
      </c>
      <c r="BW103" s="487" t="str">
        <f t="shared" si="11"/>
        <v/>
      </c>
      <c r="BX103" s="487" t="str">
        <f t="shared" si="11"/>
        <v/>
      </c>
      <c r="BY103" s="487" t="str">
        <f t="shared" si="11"/>
        <v/>
      </c>
      <c r="BZ103" s="487" t="str">
        <f t="shared" si="11"/>
        <v/>
      </c>
      <c r="CA103" s="487" t="str">
        <f t="shared" si="11"/>
        <v/>
      </c>
      <c r="CB103" s="487" t="str">
        <f t="shared" si="11"/>
        <v/>
      </c>
      <c r="CC103" s="487" t="str">
        <f t="shared" si="11"/>
        <v/>
      </c>
      <c r="CD103" s="487" t="str">
        <f t="shared" si="17"/>
        <v/>
      </c>
      <c r="CE103" s="487" t="str">
        <f t="shared" si="17"/>
        <v/>
      </c>
      <c r="CF103" s="487" t="str">
        <f t="shared" si="17"/>
        <v/>
      </c>
      <c r="CG103" s="487" t="str">
        <f t="shared" si="17"/>
        <v/>
      </c>
      <c r="CH103" s="487" t="str">
        <f t="shared" si="17"/>
        <v/>
      </c>
      <c r="CI103" s="487" t="str">
        <f t="shared" si="17"/>
        <v/>
      </c>
      <c r="CJ103" s="487" t="str">
        <f t="shared" si="17"/>
        <v/>
      </c>
      <c r="CK103" s="487" t="str">
        <f t="shared" si="17"/>
        <v/>
      </c>
      <c r="CL103" s="487" t="str">
        <f t="shared" si="17"/>
        <v/>
      </c>
      <c r="CM103" s="487"/>
      <c r="CN103" s="487"/>
      <c r="CO103" s="487"/>
      <c r="CP103" s="487"/>
      <c r="CQ103" s="487"/>
      <c r="CR103" s="487"/>
      <c r="CS103" s="487"/>
      <c r="CT103" s="487"/>
      <c r="CU103" s="487"/>
      <c r="CV103" s="487"/>
      <c r="CW103" s="487"/>
      <c r="CX103" s="487"/>
      <c r="CY103" s="487"/>
      <c r="CZ103" s="487"/>
      <c r="DA103" s="487"/>
      <c r="DB103" s="487"/>
      <c r="DC103" s="487"/>
      <c r="DD103" s="487"/>
      <c r="DE103" s="487"/>
      <c r="DF103" s="487"/>
      <c r="DG103" s="487"/>
      <c r="DH103" s="487"/>
      <c r="DI103" s="484"/>
      <c r="DJ103" s="484"/>
      <c r="DK103" s="484"/>
    </row>
    <row r="104" spans="1:115" s="354" customFormat="1" ht="56.1" hidden="1" customHeight="1" x14ac:dyDescent="0.2">
      <c r="A104" s="494"/>
      <c r="B104" s="494"/>
      <c r="C104" s="481">
        <v>160</v>
      </c>
      <c r="D104" s="481"/>
      <c r="E104" s="481" t="s">
        <v>2481</v>
      </c>
      <c r="F104" s="482" t="s">
        <v>53</v>
      </c>
      <c r="G104" s="482" t="s">
        <v>329</v>
      </c>
      <c r="H104" s="484" t="s">
        <v>396</v>
      </c>
      <c r="I104" s="484" t="s">
        <v>369</v>
      </c>
      <c r="J104" s="495" t="s">
        <v>423</v>
      </c>
      <c r="K104" s="495"/>
      <c r="L104" s="484" t="s">
        <v>58</v>
      </c>
      <c r="M104" s="484" t="s">
        <v>26</v>
      </c>
      <c r="N104" s="484"/>
      <c r="O104" s="484" t="s">
        <v>60</v>
      </c>
      <c r="P104" s="484" t="s">
        <v>334</v>
      </c>
      <c r="Q104" s="484"/>
      <c r="R104" s="484" t="s">
        <v>159</v>
      </c>
      <c r="S104" s="484" t="s">
        <v>63</v>
      </c>
      <c r="T104" s="484" t="s">
        <v>63</v>
      </c>
      <c r="U104" s="485">
        <f>'[1]Hemel Hempstead'!$BL$8</f>
        <v>426826.81814821647</v>
      </c>
      <c r="V104" s="485"/>
      <c r="W104" s="484" t="s">
        <v>226</v>
      </c>
      <c r="X104" s="484"/>
      <c r="Y104" s="485">
        <f t="shared" si="16"/>
        <v>426826.81814821647</v>
      </c>
      <c r="Z104" s="484" t="s">
        <v>82</v>
      </c>
      <c r="AA104" s="496"/>
      <c r="AB104" s="496"/>
      <c r="AC104" s="496"/>
      <c r="AD104" s="496"/>
      <c r="AE104" s="496"/>
      <c r="AF104" s="487"/>
      <c r="AG104" s="496"/>
      <c r="AH104" s="496"/>
      <c r="AI104" s="496"/>
      <c r="AJ104" s="496" t="s">
        <v>66</v>
      </c>
      <c r="AK104" s="496"/>
      <c r="AL104" s="496"/>
      <c r="AM104" s="496"/>
      <c r="AN104" s="496"/>
      <c r="AO104" s="496"/>
      <c r="AP104" s="496"/>
      <c r="AQ104" s="496"/>
      <c r="AR104" s="496"/>
      <c r="AS104" s="496"/>
      <c r="AT104" s="496"/>
      <c r="AU104" s="496"/>
      <c r="AV104" s="496"/>
      <c r="AW104" s="496"/>
      <c r="AX104" s="496"/>
      <c r="AY104" s="496"/>
      <c r="AZ104" s="496"/>
      <c r="BA104" s="496"/>
      <c r="BB104" s="496"/>
      <c r="BC104" s="496"/>
      <c r="BD104" s="496"/>
      <c r="BE104" s="496"/>
      <c r="BF104" s="80">
        <f t="shared" si="14"/>
        <v>500</v>
      </c>
      <c r="BG104" s="76">
        <f t="shared" si="10"/>
        <v>853.65363629643298</v>
      </c>
      <c r="BH104" s="487" t="str">
        <f t="shared" si="19"/>
        <v/>
      </c>
      <c r="BI104" s="487" t="str">
        <f t="shared" si="19"/>
        <v/>
      </c>
      <c r="BJ104" s="487" t="str">
        <f t="shared" si="19"/>
        <v/>
      </c>
      <c r="BK104" s="487" t="str">
        <f t="shared" si="19"/>
        <v/>
      </c>
      <c r="BL104" s="487" t="str">
        <f t="shared" si="19"/>
        <v/>
      </c>
      <c r="BM104" s="487" t="str">
        <f t="shared" si="19"/>
        <v/>
      </c>
      <c r="BN104" s="487" t="str">
        <f t="shared" si="19"/>
        <v/>
      </c>
      <c r="BO104" s="487" t="str">
        <f t="shared" si="19"/>
        <v/>
      </c>
      <c r="BP104" s="487" t="str">
        <f t="shared" si="19"/>
        <v/>
      </c>
      <c r="BQ104" s="487">
        <f t="shared" si="19"/>
        <v>426826.81814821647</v>
      </c>
      <c r="BR104" s="487" t="str">
        <f t="shared" si="19"/>
        <v/>
      </c>
      <c r="BS104" s="487" t="str">
        <f t="shared" si="19"/>
        <v/>
      </c>
      <c r="BT104" s="487" t="str">
        <f t="shared" si="19"/>
        <v/>
      </c>
      <c r="BU104" s="487" t="str">
        <f t="shared" si="19"/>
        <v/>
      </c>
      <c r="BV104" s="487" t="str">
        <f t="shared" si="19"/>
        <v/>
      </c>
      <c r="BW104" s="487" t="str">
        <f t="shared" si="11"/>
        <v/>
      </c>
      <c r="BX104" s="487" t="str">
        <f t="shared" si="11"/>
        <v/>
      </c>
      <c r="BY104" s="487" t="str">
        <f t="shared" si="11"/>
        <v/>
      </c>
      <c r="BZ104" s="487" t="str">
        <f t="shared" si="11"/>
        <v/>
      </c>
      <c r="CA104" s="487" t="str">
        <f t="shared" si="11"/>
        <v/>
      </c>
      <c r="CB104" s="487" t="str">
        <f t="shared" si="11"/>
        <v/>
      </c>
      <c r="CC104" s="487" t="str">
        <f t="shared" si="11"/>
        <v/>
      </c>
      <c r="CD104" s="487" t="str">
        <f t="shared" si="17"/>
        <v/>
      </c>
      <c r="CE104" s="487" t="str">
        <f t="shared" si="17"/>
        <v/>
      </c>
      <c r="CF104" s="487" t="str">
        <f t="shared" si="17"/>
        <v/>
      </c>
      <c r="CG104" s="487" t="str">
        <f t="shared" si="17"/>
        <v/>
      </c>
      <c r="CH104" s="487" t="str">
        <f t="shared" si="17"/>
        <v/>
      </c>
      <c r="CI104" s="487" t="str">
        <f t="shared" si="17"/>
        <v/>
      </c>
      <c r="CJ104" s="487" t="str">
        <f t="shared" si="17"/>
        <v/>
      </c>
      <c r="CK104" s="487" t="str">
        <f t="shared" si="17"/>
        <v/>
      </c>
      <c r="CL104" s="487" t="str">
        <f t="shared" si="17"/>
        <v/>
      </c>
      <c r="CM104" s="487"/>
      <c r="CN104" s="487"/>
      <c r="CO104" s="487"/>
      <c r="CP104" s="487"/>
      <c r="CQ104" s="487"/>
      <c r="CR104" s="487"/>
      <c r="CS104" s="487"/>
      <c r="CT104" s="487"/>
      <c r="CU104" s="487"/>
      <c r="CV104" s="487"/>
      <c r="CW104" s="487"/>
      <c r="CX104" s="487"/>
      <c r="CY104" s="487"/>
      <c r="CZ104" s="487"/>
      <c r="DA104" s="487"/>
      <c r="DB104" s="487"/>
      <c r="DC104" s="487"/>
      <c r="DD104" s="487"/>
      <c r="DE104" s="487"/>
      <c r="DF104" s="487"/>
      <c r="DG104" s="487"/>
      <c r="DH104" s="487"/>
      <c r="DI104" s="484"/>
      <c r="DJ104" s="484"/>
      <c r="DK104" s="484"/>
    </row>
    <row r="105" spans="1:115" s="354" customFormat="1" ht="56.1" hidden="1" customHeight="1" x14ac:dyDescent="0.2">
      <c r="A105" s="494"/>
      <c r="B105" s="494"/>
      <c r="C105" s="481">
        <v>161</v>
      </c>
      <c r="D105" s="481"/>
      <c r="E105" s="481" t="s">
        <v>2481</v>
      </c>
      <c r="F105" s="482" t="s">
        <v>53</v>
      </c>
      <c r="G105" s="482" t="s">
        <v>329</v>
      </c>
      <c r="H105" s="484" t="s">
        <v>396</v>
      </c>
      <c r="I105" s="484" t="s">
        <v>369</v>
      </c>
      <c r="J105" s="495" t="s">
        <v>425</v>
      </c>
      <c r="K105" s="495"/>
      <c r="L105" s="484" t="s">
        <v>58</v>
      </c>
      <c r="M105" s="484" t="s">
        <v>27</v>
      </c>
      <c r="N105" s="484"/>
      <c r="O105" s="484" t="s">
        <v>60</v>
      </c>
      <c r="P105" s="484" t="s">
        <v>334</v>
      </c>
      <c r="Q105" s="484"/>
      <c r="R105" s="484" t="s">
        <v>390</v>
      </c>
      <c r="S105" s="484" t="s">
        <v>63</v>
      </c>
      <c r="T105" s="484" t="s">
        <v>63</v>
      </c>
      <c r="U105" s="485">
        <f>'[1]Hemel Hempstead'!$BG$8</f>
        <v>640051.01031426154</v>
      </c>
      <c r="V105" s="485"/>
      <c r="W105" s="484" t="s">
        <v>226</v>
      </c>
      <c r="X105" s="484"/>
      <c r="Y105" s="485">
        <f t="shared" si="16"/>
        <v>640051.01031426154</v>
      </c>
      <c r="Z105" s="484" t="s">
        <v>82</v>
      </c>
      <c r="AA105" s="496"/>
      <c r="AB105" s="496"/>
      <c r="AC105" s="496"/>
      <c r="AD105" s="496"/>
      <c r="AE105" s="496"/>
      <c r="AF105" s="487"/>
      <c r="AG105" s="496"/>
      <c r="AH105" s="496"/>
      <c r="AI105" s="496"/>
      <c r="AJ105" s="496"/>
      <c r="AK105" s="496" t="s">
        <v>66</v>
      </c>
      <c r="AL105" s="496"/>
      <c r="AM105" s="496"/>
      <c r="AN105" s="496"/>
      <c r="AO105" s="496"/>
      <c r="AP105" s="496"/>
      <c r="AQ105" s="496"/>
      <c r="AR105" s="496"/>
      <c r="AS105" s="496"/>
      <c r="AT105" s="496"/>
      <c r="AU105" s="496"/>
      <c r="AV105" s="496"/>
      <c r="AW105" s="496"/>
      <c r="AX105" s="496"/>
      <c r="AY105" s="496"/>
      <c r="AZ105" s="496"/>
      <c r="BA105" s="496"/>
      <c r="BB105" s="496"/>
      <c r="BC105" s="496"/>
      <c r="BD105" s="496"/>
      <c r="BE105" s="496"/>
      <c r="BF105" s="80">
        <f t="shared" si="14"/>
        <v>750</v>
      </c>
      <c r="BG105" s="76">
        <f t="shared" si="10"/>
        <v>853.401347085682</v>
      </c>
      <c r="BH105" s="487" t="str">
        <f t="shared" si="19"/>
        <v/>
      </c>
      <c r="BI105" s="487" t="str">
        <f t="shared" si="19"/>
        <v/>
      </c>
      <c r="BJ105" s="487" t="str">
        <f t="shared" si="19"/>
        <v/>
      </c>
      <c r="BK105" s="487" t="str">
        <f t="shared" si="19"/>
        <v/>
      </c>
      <c r="BL105" s="487" t="str">
        <f t="shared" si="19"/>
        <v/>
      </c>
      <c r="BM105" s="487" t="str">
        <f t="shared" si="19"/>
        <v/>
      </c>
      <c r="BN105" s="487" t="str">
        <f t="shared" si="19"/>
        <v/>
      </c>
      <c r="BO105" s="487" t="str">
        <f t="shared" si="19"/>
        <v/>
      </c>
      <c r="BP105" s="487" t="str">
        <f t="shared" si="19"/>
        <v/>
      </c>
      <c r="BQ105" s="487" t="str">
        <f t="shared" si="19"/>
        <v/>
      </c>
      <c r="BR105" s="487">
        <f t="shared" si="19"/>
        <v>640051.01031426154</v>
      </c>
      <c r="BS105" s="487" t="str">
        <f t="shared" si="19"/>
        <v/>
      </c>
      <c r="BT105" s="487" t="str">
        <f t="shared" si="19"/>
        <v/>
      </c>
      <c r="BU105" s="487" t="str">
        <f t="shared" si="19"/>
        <v/>
      </c>
      <c r="BV105" s="487" t="str">
        <f t="shared" si="19"/>
        <v/>
      </c>
      <c r="BW105" s="487" t="str">
        <f t="shared" si="11"/>
        <v/>
      </c>
      <c r="BX105" s="487" t="str">
        <f t="shared" si="11"/>
        <v/>
      </c>
      <c r="BY105" s="487" t="str">
        <f t="shared" si="11"/>
        <v/>
      </c>
      <c r="BZ105" s="487" t="str">
        <f t="shared" ref="BZ105:CL133" si="20">IF(AS105="yes",(AS$2*$BG105),"")</f>
        <v/>
      </c>
      <c r="CA105" s="487" t="str">
        <f t="shared" si="20"/>
        <v/>
      </c>
      <c r="CB105" s="487" t="str">
        <f t="shared" si="20"/>
        <v/>
      </c>
      <c r="CC105" s="487" t="str">
        <f t="shared" si="20"/>
        <v/>
      </c>
      <c r="CD105" s="487" t="str">
        <f t="shared" si="17"/>
        <v/>
      </c>
      <c r="CE105" s="487" t="str">
        <f t="shared" si="17"/>
        <v/>
      </c>
      <c r="CF105" s="487" t="str">
        <f t="shared" si="17"/>
        <v/>
      </c>
      <c r="CG105" s="487" t="str">
        <f t="shared" si="17"/>
        <v/>
      </c>
      <c r="CH105" s="487" t="str">
        <f t="shared" si="17"/>
        <v/>
      </c>
      <c r="CI105" s="487" t="str">
        <f t="shared" si="17"/>
        <v/>
      </c>
      <c r="CJ105" s="487" t="str">
        <f t="shared" si="17"/>
        <v/>
      </c>
      <c r="CK105" s="487" t="str">
        <f t="shared" si="17"/>
        <v/>
      </c>
      <c r="CL105" s="487" t="str">
        <f t="shared" si="17"/>
        <v/>
      </c>
      <c r="CM105" s="487"/>
      <c r="CN105" s="487"/>
      <c r="CO105" s="487"/>
      <c r="CP105" s="487"/>
      <c r="CQ105" s="487"/>
      <c r="CR105" s="487"/>
      <c r="CS105" s="487"/>
      <c r="CT105" s="487"/>
      <c r="CU105" s="487"/>
      <c r="CV105" s="487"/>
      <c r="CW105" s="487"/>
      <c r="CX105" s="487"/>
      <c r="CY105" s="487"/>
      <c r="CZ105" s="487"/>
      <c r="DA105" s="487"/>
      <c r="DB105" s="487"/>
      <c r="DC105" s="487"/>
      <c r="DD105" s="487"/>
      <c r="DE105" s="487"/>
      <c r="DF105" s="487"/>
      <c r="DG105" s="487"/>
      <c r="DH105" s="487"/>
      <c r="DI105" s="484"/>
      <c r="DJ105" s="484"/>
      <c r="DK105" s="484"/>
    </row>
    <row r="106" spans="1:115" s="354" customFormat="1" ht="56.1" hidden="1" customHeight="1" x14ac:dyDescent="0.2">
      <c r="A106" s="494"/>
      <c r="B106" s="494"/>
      <c r="C106" s="481">
        <v>162</v>
      </c>
      <c r="D106" s="481"/>
      <c r="E106" s="481" t="s">
        <v>2481</v>
      </c>
      <c r="F106" s="482" t="s">
        <v>53</v>
      </c>
      <c r="G106" s="482" t="s">
        <v>329</v>
      </c>
      <c r="H106" s="484" t="s">
        <v>396</v>
      </c>
      <c r="I106" s="484" t="s">
        <v>369</v>
      </c>
      <c r="J106" s="495" t="s">
        <v>419</v>
      </c>
      <c r="K106" s="495"/>
      <c r="L106" s="484" t="s">
        <v>58</v>
      </c>
      <c r="M106" s="484" t="s">
        <v>127</v>
      </c>
      <c r="N106" s="484"/>
      <c r="O106" s="484" t="s">
        <v>81</v>
      </c>
      <c r="P106" s="484" t="s">
        <v>334</v>
      </c>
      <c r="Q106" s="484"/>
      <c r="R106" s="484" t="s">
        <v>187</v>
      </c>
      <c r="S106" s="484" t="s">
        <v>63</v>
      </c>
      <c r="T106" s="484" t="s">
        <v>63</v>
      </c>
      <c r="U106" s="485">
        <f>'[1]Hemel Hempstead'!$BQ$8</f>
        <v>298742.61216643895</v>
      </c>
      <c r="V106" s="485"/>
      <c r="W106" s="484" t="s">
        <v>226</v>
      </c>
      <c r="X106" s="484"/>
      <c r="Y106" s="485">
        <f t="shared" si="16"/>
        <v>298742.61216643895</v>
      </c>
      <c r="Z106" s="484" t="s">
        <v>82</v>
      </c>
      <c r="AA106" s="496"/>
      <c r="AB106" s="496"/>
      <c r="AC106" s="496"/>
      <c r="AD106" s="496"/>
      <c r="AE106" s="496"/>
      <c r="AF106" s="487"/>
      <c r="AG106" s="496"/>
      <c r="AH106" s="496"/>
      <c r="AI106" s="496"/>
      <c r="AJ106" s="496"/>
      <c r="AK106" s="496"/>
      <c r="AL106" s="496"/>
      <c r="AM106" s="496"/>
      <c r="AN106" s="496" t="s">
        <v>66</v>
      </c>
      <c r="AO106" s="496"/>
      <c r="AP106" s="496"/>
      <c r="AQ106" s="496"/>
      <c r="AR106" s="496"/>
      <c r="AS106" s="496"/>
      <c r="AT106" s="496"/>
      <c r="AU106" s="496"/>
      <c r="AV106" s="496"/>
      <c r="AW106" s="496"/>
      <c r="AX106" s="496"/>
      <c r="AY106" s="496"/>
      <c r="AZ106" s="496"/>
      <c r="BA106" s="496"/>
      <c r="BB106" s="496"/>
      <c r="BC106" s="496"/>
      <c r="BD106" s="496"/>
      <c r="BE106" s="496"/>
      <c r="BF106" s="80">
        <f t="shared" si="14"/>
        <v>350</v>
      </c>
      <c r="BG106" s="76">
        <f t="shared" ref="BG106:BG120" si="21">Y106/BF106</f>
        <v>853.55032047553982</v>
      </c>
      <c r="BH106" s="487" t="str">
        <f t="shared" si="19"/>
        <v/>
      </c>
      <c r="BI106" s="487" t="str">
        <f t="shared" si="19"/>
        <v/>
      </c>
      <c r="BJ106" s="487" t="str">
        <f t="shared" si="19"/>
        <v/>
      </c>
      <c r="BK106" s="487" t="str">
        <f t="shared" si="19"/>
        <v/>
      </c>
      <c r="BL106" s="487" t="str">
        <f t="shared" si="19"/>
        <v/>
      </c>
      <c r="BM106" s="487" t="str">
        <f t="shared" si="19"/>
        <v/>
      </c>
      <c r="BN106" s="487" t="str">
        <f t="shared" si="19"/>
        <v/>
      </c>
      <c r="BO106" s="487" t="str">
        <f t="shared" si="19"/>
        <v/>
      </c>
      <c r="BP106" s="487" t="str">
        <f t="shared" si="19"/>
        <v/>
      </c>
      <c r="BQ106" s="487" t="str">
        <f t="shared" si="19"/>
        <v/>
      </c>
      <c r="BR106" s="487" t="str">
        <f t="shared" si="19"/>
        <v/>
      </c>
      <c r="BS106" s="487" t="str">
        <f t="shared" si="19"/>
        <v/>
      </c>
      <c r="BT106" s="487" t="str">
        <f t="shared" si="19"/>
        <v/>
      </c>
      <c r="BU106" s="487">
        <f t="shared" si="19"/>
        <v>298742.61216643895</v>
      </c>
      <c r="BV106" s="487" t="str">
        <f t="shared" si="19"/>
        <v/>
      </c>
      <c r="BW106" s="487" t="str">
        <f t="shared" si="19"/>
        <v/>
      </c>
      <c r="BX106" s="487" t="str">
        <f t="shared" ref="BX106:CG153" si="22">IF(AQ106="yes",(AQ$2*$BG106),"")</f>
        <v/>
      </c>
      <c r="BY106" s="487" t="str">
        <f t="shared" si="22"/>
        <v/>
      </c>
      <c r="BZ106" s="487" t="str">
        <f t="shared" si="20"/>
        <v/>
      </c>
      <c r="CA106" s="487" t="str">
        <f t="shared" si="20"/>
        <v/>
      </c>
      <c r="CB106" s="487" t="str">
        <f t="shared" si="20"/>
        <v/>
      </c>
      <c r="CC106" s="487" t="str">
        <f t="shared" si="20"/>
        <v/>
      </c>
      <c r="CD106" s="487" t="str">
        <f t="shared" si="17"/>
        <v/>
      </c>
      <c r="CE106" s="487" t="str">
        <f t="shared" si="17"/>
        <v/>
      </c>
      <c r="CF106" s="487" t="str">
        <f t="shared" si="17"/>
        <v/>
      </c>
      <c r="CG106" s="487" t="str">
        <f t="shared" si="17"/>
        <v/>
      </c>
      <c r="CH106" s="487" t="str">
        <f t="shared" si="17"/>
        <v/>
      </c>
      <c r="CI106" s="487" t="str">
        <f t="shared" si="17"/>
        <v/>
      </c>
      <c r="CJ106" s="487" t="str">
        <f t="shared" si="17"/>
        <v/>
      </c>
      <c r="CK106" s="487" t="str">
        <f t="shared" si="17"/>
        <v/>
      </c>
      <c r="CL106" s="487" t="str">
        <f t="shared" si="17"/>
        <v/>
      </c>
      <c r="CM106" s="487"/>
      <c r="CN106" s="487"/>
      <c r="CO106" s="487"/>
      <c r="CP106" s="487"/>
      <c r="CQ106" s="487"/>
      <c r="CR106" s="487"/>
      <c r="CS106" s="487"/>
      <c r="CT106" s="487"/>
      <c r="CU106" s="487"/>
      <c r="CV106" s="487"/>
      <c r="CW106" s="487"/>
      <c r="CX106" s="487"/>
      <c r="CY106" s="487"/>
      <c r="CZ106" s="487"/>
      <c r="DA106" s="487"/>
      <c r="DB106" s="487"/>
      <c r="DC106" s="487"/>
      <c r="DD106" s="487"/>
      <c r="DE106" s="487"/>
      <c r="DF106" s="487"/>
      <c r="DG106" s="487"/>
      <c r="DH106" s="487"/>
      <c r="DI106" s="484"/>
      <c r="DJ106" s="484"/>
      <c r="DK106" s="484"/>
    </row>
    <row r="107" spans="1:115" s="354" customFormat="1" ht="56.1" hidden="1" customHeight="1" x14ac:dyDescent="0.2">
      <c r="A107" s="494"/>
      <c r="B107" s="494"/>
      <c r="C107" s="481">
        <v>163</v>
      </c>
      <c r="D107" s="481"/>
      <c r="E107" s="481" t="s">
        <v>2481</v>
      </c>
      <c r="F107" s="482" t="s">
        <v>53</v>
      </c>
      <c r="G107" s="482" t="s">
        <v>329</v>
      </c>
      <c r="H107" s="484" t="s">
        <v>396</v>
      </c>
      <c r="I107" s="484" t="s">
        <v>369</v>
      </c>
      <c r="J107" s="495" t="s">
        <v>426</v>
      </c>
      <c r="K107" s="495"/>
      <c r="L107" s="484" t="s">
        <v>58</v>
      </c>
      <c r="M107" s="484" t="s">
        <v>31</v>
      </c>
      <c r="N107" s="484"/>
      <c r="O107" s="484" t="s">
        <v>81</v>
      </c>
      <c r="P107" s="484" t="s">
        <v>334</v>
      </c>
      <c r="Q107" s="484"/>
      <c r="R107" s="484" t="s">
        <v>392</v>
      </c>
      <c r="S107" s="484" t="s">
        <v>63</v>
      </c>
      <c r="T107" s="484" t="s">
        <v>63</v>
      </c>
      <c r="U107" s="485">
        <f>'[1]Hemel Hempstead'!$BV$8</f>
        <v>76869.108639504266</v>
      </c>
      <c r="V107" s="485"/>
      <c r="W107" s="484" t="s">
        <v>226</v>
      </c>
      <c r="X107" s="484"/>
      <c r="Y107" s="485">
        <f t="shared" si="16"/>
        <v>76869.108639504266</v>
      </c>
      <c r="Z107" s="484" t="s">
        <v>82</v>
      </c>
      <c r="AA107" s="496"/>
      <c r="AB107" s="496"/>
      <c r="AC107" s="496"/>
      <c r="AD107" s="496"/>
      <c r="AE107" s="496"/>
      <c r="AF107" s="487"/>
      <c r="AG107" s="496"/>
      <c r="AH107" s="496"/>
      <c r="AI107" s="496"/>
      <c r="AJ107" s="496"/>
      <c r="AK107" s="496"/>
      <c r="AL107" s="496"/>
      <c r="AM107" s="496"/>
      <c r="AN107" s="496"/>
      <c r="AO107" s="496" t="s">
        <v>66</v>
      </c>
      <c r="AP107" s="496"/>
      <c r="AQ107" s="496"/>
      <c r="AR107" s="496"/>
      <c r="AS107" s="496"/>
      <c r="AT107" s="496"/>
      <c r="AU107" s="496"/>
      <c r="AV107" s="496"/>
      <c r="AW107" s="496"/>
      <c r="AX107" s="496"/>
      <c r="AY107" s="496"/>
      <c r="AZ107" s="496"/>
      <c r="BA107" s="496"/>
      <c r="BB107" s="496"/>
      <c r="BC107" s="496"/>
      <c r="BD107" s="496"/>
      <c r="BE107" s="496"/>
      <c r="BF107" s="80">
        <f t="shared" si="14"/>
        <v>90</v>
      </c>
      <c r="BG107" s="76">
        <f t="shared" si="21"/>
        <v>854.10120710560295</v>
      </c>
      <c r="BH107" s="487" t="str">
        <f t="shared" si="19"/>
        <v/>
      </c>
      <c r="BI107" s="487" t="str">
        <f t="shared" si="19"/>
        <v/>
      </c>
      <c r="BJ107" s="487" t="str">
        <f t="shared" si="19"/>
        <v/>
      </c>
      <c r="BK107" s="487" t="str">
        <f t="shared" si="19"/>
        <v/>
      </c>
      <c r="BL107" s="487" t="str">
        <f t="shared" si="19"/>
        <v/>
      </c>
      <c r="BM107" s="487" t="str">
        <f t="shared" si="19"/>
        <v/>
      </c>
      <c r="BN107" s="487" t="str">
        <f t="shared" si="19"/>
        <v/>
      </c>
      <c r="BO107" s="487" t="str">
        <f t="shared" si="19"/>
        <v/>
      </c>
      <c r="BP107" s="487" t="str">
        <f t="shared" si="19"/>
        <v/>
      </c>
      <c r="BQ107" s="487" t="str">
        <f t="shared" si="19"/>
        <v/>
      </c>
      <c r="BR107" s="487" t="str">
        <f t="shared" si="19"/>
        <v/>
      </c>
      <c r="BS107" s="487" t="str">
        <f t="shared" si="19"/>
        <v/>
      </c>
      <c r="BT107" s="487" t="str">
        <f t="shared" si="19"/>
        <v/>
      </c>
      <c r="BU107" s="487" t="str">
        <f t="shared" si="19"/>
        <v/>
      </c>
      <c r="BV107" s="487">
        <f t="shared" si="19"/>
        <v>76869.108639504266</v>
      </c>
      <c r="BW107" s="487" t="str">
        <f t="shared" si="19"/>
        <v/>
      </c>
      <c r="BX107" s="487" t="str">
        <f t="shared" si="22"/>
        <v/>
      </c>
      <c r="BY107" s="487" t="str">
        <f t="shared" si="22"/>
        <v/>
      </c>
      <c r="BZ107" s="487" t="str">
        <f t="shared" si="20"/>
        <v/>
      </c>
      <c r="CA107" s="487" t="str">
        <f t="shared" si="20"/>
        <v/>
      </c>
      <c r="CB107" s="487" t="str">
        <f t="shared" si="20"/>
        <v/>
      </c>
      <c r="CC107" s="487" t="str">
        <f t="shared" si="20"/>
        <v/>
      </c>
      <c r="CD107" s="487" t="str">
        <f t="shared" si="17"/>
        <v/>
      </c>
      <c r="CE107" s="487" t="str">
        <f t="shared" si="17"/>
        <v/>
      </c>
      <c r="CF107" s="487" t="str">
        <f t="shared" si="17"/>
        <v/>
      </c>
      <c r="CG107" s="487" t="str">
        <f t="shared" si="17"/>
        <v/>
      </c>
      <c r="CH107" s="487" t="str">
        <f t="shared" si="17"/>
        <v/>
      </c>
      <c r="CI107" s="487" t="str">
        <f t="shared" si="17"/>
        <v/>
      </c>
      <c r="CJ107" s="487" t="str">
        <f t="shared" si="17"/>
        <v/>
      </c>
      <c r="CK107" s="487" t="str">
        <f t="shared" si="17"/>
        <v/>
      </c>
      <c r="CL107" s="487" t="str">
        <f t="shared" si="17"/>
        <v/>
      </c>
      <c r="CM107" s="487"/>
      <c r="CN107" s="487"/>
      <c r="CO107" s="487"/>
      <c r="CP107" s="487"/>
      <c r="CQ107" s="487"/>
      <c r="CR107" s="487"/>
      <c r="CS107" s="487"/>
      <c r="CT107" s="487"/>
      <c r="CU107" s="487"/>
      <c r="CV107" s="487"/>
      <c r="CW107" s="487"/>
      <c r="CX107" s="487"/>
      <c r="CY107" s="487"/>
      <c r="CZ107" s="487"/>
      <c r="DA107" s="487"/>
      <c r="DB107" s="487"/>
      <c r="DC107" s="487"/>
      <c r="DD107" s="487"/>
      <c r="DE107" s="487"/>
      <c r="DF107" s="487"/>
      <c r="DG107" s="487"/>
      <c r="DH107" s="487"/>
      <c r="DI107" s="484"/>
      <c r="DJ107" s="484"/>
      <c r="DK107" s="484"/>
    </row>
    <row r="108" spans="1:115" s="354" customFormat="1" ht="56.1" hidden="1" customHeight="1" x14ac:dyDescent="0.2">
      <c r="A108" s="494"/>
      <c r="B108" s="494"/>
      <c r="C108" s="481">
        <v>164</v>
      </c>
      <c r="D108" s="481"/>
      <c r="E108" s="481" t="s">
        <v>2481</v>
      </c>
      <c r="F108" s="482" t="s">
        <v>53</v>
      </c>
      <c r="G108" s="482" t="s">
        <v>329</v>
      </c>
      <c r="H108" s="484" t="s">
        <v>396</v>
      </c>
      <c r="I108" s="484" t="s">
        <v>369</v>
      </c>
      <c r="J108" s="495" t="s">
        <v>427</v>
      </c>
      <c r="K108" s="495"/>
      <c r="L108" s="484" t="s">
        <v>58</v>
      </c>
      <c r="M108" s="484" t="s">
        <v>327</v>
      </c>
      <c r="N108" s="484"/>
      <c r="O108" s="484" t="s">
        <v>81</v>
      </c>
      <c r="P108" s="484" t="s">
        <v>334</v>
      </c>
      <c r="Q108" s="484"/>
      <c r="R108" s="484" t="s">
        <v>377</v>
      </c>
      <c r="S108" s="484" t="s">
        <v>63</v>
      </c>
      <c r="T108" s="484" t="s">
        <v>63</v>
      </c>
      <c r="U108" s="485">
        <f>'[1]Hemel Hempstead'!$CA$8</f>
        <v>68287.96094557266</v>
      </c>
      <c r="V108" s="485"/>
      <c r="W108" s="484" t="s">
        <v>226</v>
      </c>
      <c r="X108" s="484"/>
      <c r="Y108" s="485">
        <f t="shared" si="16"/>
        <v>68287.96094557266</v>
      </c>
      <c r="Z108" s="484" t="s">
        <v>82</v>
      </c>
      <c r="AA108" s="496"/>
      <c r="AB108" s="496"/>
      <c r="AC108" s="496"/>
      <c r="AD108" s="496"/>
      <c r="AE108" s="496"/>
      <c r="AF108" s="487"/>
      <c r="AG108" s="496"/>
      <c r="AH108" s="496"/>
      <c r="AI108" s="496"/>
      <c r="AJ108" s="496"/>
      <c r="AK108" s="496"/>
      <c r="AL108" s="496"/>
      <c r="AM108" s="496"/>
      <c r="AN108" s="496"/>
      <c r="AO108" s="496"/>
      <c r="AP108" s="496" t="s">
        <v>66</v>
      </c>
      <c r="AQ108" s="496"/>
      <c r="AR108" s="496"/>
      <c r="AS108" s="496"/>
      <c r="AT108" s="496"/>
      <c r="AU108" s="496"/>
      <c r="AV108" s="496"/>
      <c r="AW108" s="496"/>
      <c r="AX108" s="496"/>
      <c r="AY108" s="496"/>
      <c r="AZ108" s="496"/>
      <c r="BA108" s="496"/>
      <c r="BB108" s="496"/>
      <c r="BC108" s="496"/>
      <c r="BD108" s="496"/>
      <c r="BE108" s="496"/>
      <c r="BF108" s="80">
        <f t="shared" si="14"/>
        <v>80</v>
      </c>
      <c r="BG108" s="76">
        <f t="shared" si="21"/>
        <v>853.59951181965823</v>
      </c>
      <c r="BH108" s="487" t="str">
        <f t="shared" si="19"/>
        <v/>
      </c>
      <c r="BI108" s="487" t="str">
        <f t="shared" si="19"/>
        <v/>
      </c>
      <c r="BJ108" s="487" t="str">
        <f t="shared" si="19"/>
        <v/>
      </c>
      <c r="BK108" s="487" t="str">
        <f t="shared" si="19"/>
        <v/>
      </c>
      <c r="BL108" s="487" t="str">
        <f t="shared" si="19"/>
        <v/>
      </c>
      <c r="BM108" s="487" t="str">
        <f t="shared" si="19"/>
        <v/>
      </c>
      <c r="BN108" s="487" t="str">
        <f t="shared" si="19"/>
        <v/>
      </c>
      <c r="BO108" s="487" t="str">
        <f t="shared" si="19"/>
        <v/>
      </c>
      <c r="BP108" s="487" t="str">
        <f t="shared" si="19"/>
        <v/>
      </c>
      <c r="BQ108" s="487" t="str">
        <f t="shared" si="19"/>
        <v/>
      </c>
      <c r="BR108" s="487" t="str">
        <f t="shared" si="19"/>
        <v/>
      </c>
      <c r="BS108" s="487" t="str">
        <f t="shared" si="19"/>
        <v/>
      </c>
      <c r="BT108" s="487" t="str">
        <f t="shared" si="19"/>
        <v/>
      </c>
      <c r="BU108" s="487" t="str">
        <f t="shared" si="19"/>
        <v/>
      </c>
      <c r="BV108" s="487" t="str">
        <f t="shared" si="19"/>
        <v/>
      </c>
      <c r="BW108" s="487">
        <f t="shared" si="19"/>
        <v>68287.96094557266</v>
      </c>
      <c r="BX108" s="487" t="str">
        <f t="shared" si="22"/>
        <v/>
      </c>
      <c r="BY108" s="487" t="str">
        <f t="shared" si="22"/>
        <v/>
      </c>
      <c r="BZ108" s="487" t="str">
        <f t="shared" si="20"/>
        <v/>
      </c>
      <c r="CA108" s="487" t="str">
        <f t="shared" si="20"/>
        <v/>
      </c>
      <c r="CB108" s="487" t="str">
        <f t="shared" si="20"/>
        <v/>
      </c>
      <c r="CC108" s="487" t="str">
        <f t="shared" si="20"/>
        <v/>
      </c>
      <c r="CD108" s="487" t="str">
        <f t="shared" si="17"/>
        <v/>
      </c>
      <c r="CE108" s="487" t="str">
        <f t="shared" si="17"/>
        <v/>
      </c>
      <c r="CF108" s="487" t="str">
        <f t="shared" si="17"/>
        <v/>
      </c>
      <c r="CG108" s="487" t="str">
        <f t="shared" si="17"/>
        <v/>
      </c>
      <c r="CH108" s="487" t="str">
        <f t="shared" si="17"/>
        <v/>
      </c>
      <c r="CI108" s="487" t="str">
        <f t="shared" si="17"/>
        <v/>
      </c>
      <c r="CJ108" s="487" t="str">
        <f t="shared" si="17"/>
        <v/>
      </c>
      <c r="CK108" s="487" t="str">
        <f t="shared" si="17"/>
        <v/>
      </c>
      <c r="CL108" s="487" t="str">
        <f t="shared" si="17"/>
        <v/>
      </c>
      <c r="CM108" s="487"/>
      <c r="CN108" s="487"/>
      <c r="CO108" s="487"/>
      <c r="CP108" s="487"/>
      <c r="CQ108" s="487"/>
      <c r="CR108" s="487"/>
      <c r="CS108" s="487"/>
      <c r="CT108" s="487"/>
      <c r="CU108" s="487"/>
      <c r="CV108" s="487"/>
      <c r="CW108" s="487"/>
      <c r="CX108" s="487"/>
      <c r="CY108" s="487"/>
      <c r="CZ108" s="487"/>
      <c r="DA108" s="487"/>
      <c r="DB108" s="487"/>
      <c r="DC108" s="487"/>
      <c r="DD108" s="487"/>
      <c r="DE108" s="487"/>
      <c r="DF108" s="487"/>
      <c r="DG108" s="487"/>
      <c r="DH108" s="487"/>
      <c r="DI108" s="484"/>
      <c r="DJ108" s="484"/>
      <c r="DK108" s="484"/>
    </row>
    <row r="109" spans="1:115" s="354" customFormat="1" ht="56.1" hidden="1" customHeight="1" x14ac:dyDescent="0.2">
      <c r="A109" s="494"/>
      <c r="B109" s="494"/>
      <c r="C109" s="481">
        <v>165</v>
      </c>
      <c r="D109" s="481"/>
      <c r="E109" s="481" t="s">
        <v>2481</v>
      </c>
      <c r="F109" s="482" t="s">
        <v>53</v>
      </c>
      <c r="G109" s="482" t="s">
        <v>329</v>
      </c>
      <c r="H109" s="484" t="s">
        <v>396</v>
      </c>
      <c r="I109" s="484" t="s">
        <v>369</v>
      </c>
      <c r="J109" s="495" t="s">
        <v>404</v>
      </c>
      <c r="K109" s="495"/>
      <c r="L109" s="484" t="s">
        <v>58</v>
      </c>
      <c r="M109" s="484" t="s">
        <v>328</v>
      </c>
      <c r="N109" s="484"/>
      <c r="O109" s="484" t="s">
        <v>81</v>
      </c>
      <c r="P109" s="484" t="s">
        <v>334</v>
      </c>
      <c r="Q109" s="484"/>
      <c r="R109" s="484" t="s">
        <v>395</v>
      </c>
      <c r="S109" s="484" t="s">
        <v>63</v>
      </c>
      <c r="T109" s="484" t="s">
        <v>63</v>
      </c>
      <c r="U109" s="485">
        <f>'[1]Hemel Hempstead'!$CF$8</f>
        <v>170699.15265480435</v>
      </c>
      <c r="V109" s="485"/>
      <c r="W109" s="484" t="s">
        <v>226</v>
      </c>
      <c r="X109" s="484"/>
      <c r="Y109" s="485">
        <f t="shared" si="16"/>
        <v>170699.15265480435</v>
      </c>
      <c r="Z109" s="484" t="s">
        <v>82</v>
      </c>
      <c r="AA109" s="496"/>
      <c r="AB109" s="496"/>
      <c r="AC109" s="496"/>
      <c r="AD109" s="496"/>
      <c r="AE109" s="496"/>
      <c r="AF109" s="487"/>
      <c r="AG109" s="496"/>
      <c r="AH109" s="496"/>
      <c r="AI109" s="496"/>
      <c r="AJ109" s="496"/>
      <c r="AK109" s="496"/>
      <c r="AL109" s="496" t="s">
        <v>66</v>
      </c>
      <c r="AM109" s="496"/>
      <c r="AN109" s="496"/>
      <c r="AO109" s="496"/>
      <c r="AP109" s="496"/>
      <c r="AQ109" s="496"/>
      <c r="AR109" s="496"/>
      <c r="AS109" s="496"/>
      <c r="AT109" s="496"/>
      <c r="AU109" s="496"/>
      <c r="AV109" s="496"/>
      <c r="AW109" s="496"/>
      <c r="AX109" s="496"/>
      <c r="AY109" s="496"/>
      <c r="AZ109" s="496"/>
      <c r="BA109" s="496"/>
      <c r="BB109" s="496"/>
      <c r="BC109" s="496"/>
      <c r="BD109" s="496"/>
      <c r="BE109" s="496"/>
      <c r="BF109" s="80">
        <f t="shared" si="14"/>
        <v>200</v>
      </c>
      <c r="BG109" s="76">
        <f t="shared" si="21"/>
        <v>853.49576327402178</v>
      </c>
      <c r="BH109" s="487" t="str">
        <f t="shared" si="19"/>
        <v/>
      </c>
      <c r="BI109" s="487" t="str">
        <f t="shared" si="19"/>
        <v/>
      </c>
      <c r="BJ109" s="487" t="str">
        <f t="shared" si="19"/>
        <v/>
      </c>
      <c r="BK109" s="487" t="str">
        <f t="shared" si="19"/>
        <v/>
      </c>
      <c r="BL109" s="487" t="str">
        <f t="shared" si="19"/>
        <v/>
      </c>
      <c r="BM109" s="487" t="str">
        <f t="shared" si="19"/>
        <v/>
      </c>
      <c r="BN109" s="487" t="str">
        <f t="shared" si="19"/>
        <v/>
      </c>
      <c r="BO109" s="487" t="str">
        <f t="shared" si="19"/>
        <v/>
      </c>
      <c r="BP109" s="487" t="str">
        <f t="shared" si="19"/>
        <v/>
      </c>
      <c r="BQ109" s="487" t="str">
        <f t="shared" si="19"/>
        <v/>
      </c>
      <c r="BR109" s="487" t="str">
        <f t="shared" si="19"/>
        <v/>
      </c>
      <c r="BS109" s="487">
        <f t="shared" si="19"/>
        <v>170699.15265480435</v>
      </c>
      <c r="BT109" s="487" t="str">
        <f t="shared" si="19"/>
        <v/>
      </c>
      <c r="BU109" s="487" t="str">
        <f t="shared" si="19"/>
        <v/>
      </c>
      <c r="BV109" s="487" t="str">
        <f t="shared" si="19"/>
        <v/>
      </c>
      <c r="BW109" s="487" t="str">
        <f t="shared" si="19"/>
        <v/>
      </c>
      <c r="BX109" s="487" t="str">
        <f t="shared" si="22"/>
        <v/>
      </c>
      <c r="BY109" s="487" t="str">
        <f t="shared" si="22"/>
        <v/>
      </c>
      <c r="BZ109" s="487" t="str">
        <f t="shared" si="20"/>
        <v/>
      </c>
      <c r="CA109" s="487" t="str">
        <f t="shared" si="20"/>
        <v/>
      </c>
      <c r="CB109" s="487" t="str">
        <f t="shared" si="20"/>
        <v/>
      </c>
      <c r="CC109" s="487" t="str">
        <f t="shared" si="20"/>
        <v/>
      </c>
      <c r="CD109" s="487" t="str">
        <f t="shared" si="17"/>
        <v/>
      </c>
      <c r="CE109" s="487" t="str">
        <f t="shared" si="17"/>
        <v/>
      </c>
      <c r="CF109" s="487" t="str">
        <f t="shared" si="17"/>
        <v/>
      </c>
      <c r="CG109" s="487" t="str">
        <f t="shared" si="17"/>
        <v/>
      </c>
      <c r="CH109" s="487" t="str">
        <f t="shared" si="17"/>
        <v/>
      </c>
      <c r="CI109" s="487" t="str">
        <f t="shared" si="17"/>
        <v/>
      </c>
      <c r="CJ109" s="487" t="str">
        <f t="shared" si="17"/>
        <v/>
      </c>
      <c r="CK109" s="487" t="str">
        <f t="shared" si="17"/>
        <v/>
      </c>
      <c r="CL109" s="487" t="str">
        <f t="shared" si="17"/>
        <v/>
      </c>
      <c r="CM109" s="487"/>
      <c r="CN109" s="487"/>
      <c r="CO109" s="487"/>
      <c r="CP109" s="487"/>
      <c r="CQ109" s="487"/>
      <c r="CR109" s="487"/>
      <c r="CS109" s="487"/>
      <c r="CT109" s="487"/>
      <c r="CU109" s="487"/>
      <c r="CV109" s="487"/>
      <c r="CW109" s="487"/>
      <c r="CX109" s="487"/>
      <c r="CY109" s="487"/>
      <c r="CZ109" s="487"/>
      <c r="DA109" s="487"/>
      <c r="DB109" s="487"/>
      <c r="DC109" s="487"/>
      <c r="DD109" s="487"/>
      <c r="DE109" s="487"/>
      <c r="DF109" s="487"/>
      <c r="DG109" s="487"/>
      <c r="DH109" s="487"/>
      <c r="DI109" s="484"/>
      <c r="DJ109" s="484"/>
      <c r="DK109" s="484"/>
    </row>
    <row r="110" spans="1:115" s="354" customFormat="1" ht="56.1" hidden="1" customHeight="1" x14ac:dyDescent="0.2">
      <c r="A110" s="494"/>
      <c r="B110" s="494"/>
      <c r="C110" s="481">
        <v>180</v>
      </c>
      <c r="D110" s="481"/>
      <c r="E110" s="481" t="s">
        <v>2481</v>
      </c>
      <c r="F110" s="482" t="s">
        <v>53</v>
      </c>
      <c r="G110" s="482" t="s">
        <v>329</v>
      </c>
      <c r="H110" s="484" t="s">
        <v>428</v>
      </c>
      <c r="I110" s="484" t="s">
        <v>369</v>
      </c>
      <c r="J110" s="495" t="s">
        <v>443</v>
      </c>
      <c r="K110" s="495"/>
      <c r="L110" s="484" t="s">
        <v>58</v>
      </c>
      <c r="M110" s="484" t="s">
        <v>347</v>
      </c>
      <c r="N110" s="484"/>
      <c r="O110" s="484" t="s">
        <v>81</v>
      </c>
      <c r="P110" s="484" t="s">
        <v>334</v>
      </c>
      <c r="Q110" s="484"/>
      <c r="R110" s="484" t="s">
        <v>225</v>
      </c>
      <c r="S110" s="484" t="s">
        <v>63</v>
      </c>
      <c r="T110" s="484" t="s">
        <v>63</v>
      </c>
      <c r="U110" s="485">
        <v>553819</v>
      </c>
      <c r="V110" s="485"/>
      <c r="W110" s="484" t="s">
        <v>226</v>
      </c>
      <c r="X110" s="484"/>
      <c r="Y110" s="485">
        <f t="shared" si="16"/>
        <v>553819</v>
      </c>
      <c r="Z110" s="484" t="s">
        <v>82</v>
      </c>
      <c r="AA110" s="496"/>
      <c r="AB110" s="496"/>
      <c r="AC110" s="496"/>
      <c r="AD110" s="496"/>
      <c r="AE110" s="496"/>
      <c r="AF110" s="496"/>
      <c r="AG110" s="496"/>
      <c r="AH110" s="496"/>
      <c r="AI110" s="496"/>
      <c r="AJ110" s="496"/>
      <c r="AK110" s="496"/>
      <c r="AL110" s="496"/>
      <c r="AM110" s="496"/>
      <c r="AN110" s="496"/>
      <c r="AO110" s="496"/>
      <c r="AP110" s="496"/>
      <c r="AQ110" s="487" t="s">
        <v>66</v>
      </c>
      <c r="AR110" s="496"/>
      <c r="AS110" s="496"/>
      <c r="AT110" s="496"/>
      <c r="AU110" s="496"/>
      <c r="AV110" s="496"/>
      <c r="AW110" s="496"/>
      <c r="AX110" s="496"/>
      <c r="AY110" s="496"/>
      <c r="AZ110" s="496"/>
      <c r="BA110" s="496"/>
      <c r="BB110" s="496"/>
      <c r="BC110" s="496"/>
      <c r="BD110" s="496"/>
      <c r="BE110" s="496"/>
      <c r="BF110" s="80">
        <f t="shared" si="14"/>
        <v>2385</v>
      </c>
      <c r="BG110" s="76">
        <f t="shared" si="21"/>
        <v>232.20922431865827</v>
      </c>
      <c r="BH110" s="487" t="str">
        <f t="shared" si="19"/>
        <v/>
      </c>
      <c r="BI110" s="487" t="str">
        <f t="shared" si="19"/>
        <v/>
      </c>
      <c r="BJ110" s="487" t="str">
        <f t="shared" si="19"/>
        <v/>
      </c>
      <c r="BK110" s="487" t="str">
        <f t="shared" si="19"/>
        <v/>
      </c>
      <c r="BL110" s="487" t="str">
        <f t="shared" si="19"/>
        <v/>
      </c>
      <c r="BM110" s="487" t="str">
        <f t="shared" si="19"/>
        <v/>
      </c>
      <c r="BN110" s="487" t="str">
        <f t="shared" si="19"/>
        <v/>
      </c>
      <c r="BO110" s="487" t="str">
        <f t="shared" si="19"/>
        <v/>
      </c>
      <c r="BP110" s="487" t="str">
        <f t="shared" si="19"/>
        <v/>
      </c>
      <c r="BQ110" s="487" t="str">
        <f t="shared" si="19"/>
        <v/>
      </c>
      <c r="BR110" s="487" t="str">
        <f t="shared" si="19"/>
        <v/>
      </c>
      <c r="BS110" s="487" t="str">
        <f t="shared" si="19"/>
        <v/>
      </c>
      <c r="BT110" s="487" t="str">
        <f t="shared" si="19"/>
        <v/>
      </c>
      <c r="BU110" s="487" t="str">
        <f t="shared" si="19"/>
        <v/>
      </c>
      <c r="BV110" s="487" t="str">
        <f t="shared" si="19"/>
        <v/>
      </c>
      <c r="BW110" s="487" t="str">
        <f t="shared" si="19"/>
        <v/>
      </c>
      <c r="BX110" s="487">
        <f t="shared" si="22"/>
        <v>553819</v>
      </c>
      <c r="BY110" s="487" t="str">
        <f t="shared" si="22"/>
        <v/>
      </c>
      <c r="BZ110" s="487" t="str">
        <f t="shared" si="20"/>
        <v/>
      </c>
      <c r="CA110" s="487" t="str">
        <f t="shared" si="20"/>
        <v/>
      </c>
      <c r="CB110" s="487" t="str">
        <f t="shared" si="20"/>
        <v/>
      </c>
      <c r="CC110" s="487" t="str">
        <f t="shared" si="20"/>
        <v/>
      </c>
      <c r="CD110" s="487" t="str">
        <f t="shared" si="17"/>
        <v/>
      </c>
      <c r="CE110" s="487" t="str">
        <f t="shared" si="17"/>
        <v/>
      </c>
      <c r="CF110" s="487" t="str">
        <f t="shared" si="17"/>
        <v/>
      </c>
      <c r="CG110" s="487" t="str">
        <f t="shared" si="17"/>
        <v/>
      </c>
      <c r="CH110" s="487" t="str">
        <f t="shared" si="17"/>
        <v/>
      </c>
      <c r="CI110" s="487" t="str">
        <f t="shared" si="17"/>
        <v/>
      </c>
      <c r="CJ110" s="487" t="str">
        <f t="shared" si="17"/>
        <v/>
      </c>
      <c r="CK110" s="487" t="str">
        <f t="shared" si="17"/>
        <v/>
      </c>
      <c r="CL110" s="487" t="str">
        <f t="shared" si="17"/>
        <v/>
      </c>
      <c r="CM110" s="487"/>
      <c r="CN110" s="487"/>
      <c r="CO110" s="487"/>
      <c r="CP110" s="487"/>
      <c r="CQ110" s="487"/>
      <c r="CR110" s="487"/>
      <c r="CS110" s="487"/>
      <c r="CT110" s="487"/>
      <c r="CU110" s="487"/>
      <c r="CV110" s="487"/>
      <c r="CW110" s="487"/>
      <c r="CX110" s="487"/>
      <c r="CY110" s="487"/>
      <c r="CZ110" s="487"/>
      <c r="DA110" s="487"/>
      <c r="DB110" s="487"/>
      <c r="DC110" s="487"/>
      <c r="DD110" s="487"/>
      <c r="DE110" s="487"/>
      <c r="DF110" s="487"/>
      <c r="DG110" s="487"/>
      <c r="DH110" s="487"/>
      <c r="DI110" s="484"/>
      <c r="DJ110" s="484" t="s">
        <v>340</v>
      </c>
      <c r="DK110" s="484" t="s">
        <v>336</v>
      </c>
    </row>
    <row r="111" spans="1:115" s="354" customFormat="1" ht="56.1" hidden="1" customHeight="1" x14ac:dyDescent="0.2">
      <c r="A111" s="494"/>
      <c r="B111" s="494"/>
      <c r="C111" s="481">
        <v>181</v>
      </c>
      <c r="D111" s="481"/>
      <c r="E111" s="481" t="s">
        <v>2481</v>
      </c>
      <c r="F111" s="482" t="s">
        <v>53</v>
      </c>
      <c r="G111" s="482" t="s">
        <v>329</v>
      </c>
      <c r="H111" s="484" t="s">
        <v>428</v>
      </c>
      <c r="I111" s="484" t="s">
        <v>369</v>
      </c>
      <c r="J111" s="495" t="s">
        <v>444</v>
      </c>
      <c r="K111" s="495"/>
      <c r="L111" s="484" t="s">
        <v>58</v>
      </c>
      <c r="M111" s="484" t="s">
        <v>173</v>
      </c>
      <c r="N111" s="484"/>
      <c r="O111" s="484" t="s">
        <v>60</v>
      </c>
      <c r="P111" s="484" t="s">
        <v>334</v>
      </c>
      <c r="Q111" s="484"/>
      <c r="R111" s="484" t="s">
        <v>62</v>
      </c>
      <c r="S111" s="484" t="s">
        <v>63</v>
      </c>
      <c r="T111" s="484" t="s">
        <v>63</v>
      </c>
      <c r="U111" s="485">
        <v>348318</v>
      </c>
      <c r="V111" s="485"/>
      <c r="W111" s="484" t="s">
        <v>226</v>
      </c>
      <c r="X111" s="484"/>
      <c r="Y111" s="485">
        <f t="shared" si="16"/>
        <v>348318</v>
      </c>
      <c r="Z111" s="484" t="s">
        <v>82</v>
      </c>
      <c r="AA111" s="487" t="s">
        <v>66</v>
      </c>
      <c r="AB111" s="496"/>
      <c r="AC111" s="496"/>
      <c r="AD111" s="496"/>
      <c r="AE111" s="496"/>
      <c r="AF111" s="496"/>
      <c r="AG111" s="496"/>
      <c r="AH111" s="496"/>
      <c r="AI111" s="496"/>
      <c r="AJ111" s="496"/>
      <c r="AK111" s="496"/>
      <c r="AL111" s="496"/>
      <c r="AM111" s="496"/>
      <c r="AN111" s="496"/>
      <c r="AO111" s="496"/>
      <c r="AP111" s="496"/>
      <c r="AQ111" s="496"/>
      <c r="AR111" s="496"/>
      <c r="AS111" s="496"/>
      <c r="AT111" s="496"/>
      <c r="AU111" s="496"/>
      <c r="AV111" s="496"/>
      <c r="AW111" s="496"/>
      <c r="AX111" s="496"/>
      <c r="AY111" s="496"/>
      <c r="AZ111" s="496"/>
      <c r="BA111" s="496"/>
      <c r="BB111" s="496"/>
      <c r="BC111" s="496"/>
      <c r="BD111" s="496"/>
      <c r="BE111" s="496"/>
      <c r="BF111" s="80">
        <f t="shared" si="14"/>
        <v>1500</v>
      </c>
      <c r="BG111" s="76">
        <f t="shared" si="21"/>
        <v>232.21199999999999</v>
      </c>
      <c r="BH111" s="487">
        <f t="shared" si="19"/>
        <v>348318</v>
      </c>
      <c r="BI111" s="487" t="str">
        <f t="shared" si="19"/>
        <v/>
      </c>
      <c r="BJ111" s="487" t="str">
        <f t="shared" si="19"/>
        <v/>
      </c>
      <c r="BK111" s="487" t="str">
        <f t="shared" si="19"/>
        <v/>
      </c>
      <c r="BL111" s="487" t="str">
        <f t="shared" si="19"/>
        <v/>
      </c>
      <c r="BM111" s="487" t="str">
        <f t="shared" si="19"/>
        <v/>
      </c>
      <c r="BN111" s="487" t="str">
        <f t="shared" si="19"/>
        <v/>
      </c>
      <c r="BO111" s="487" t="str">
        <f t="shared" si="19"/>
        <v/>
      </c>
      <c r="BP111" s="487" t="str">
        <f t="shared" si="19"/>
        <v/>
      </c>
      <c r="BQ111" s="487" t="str">
        <f t="shared" si="19"/>
        <v/>
      </c>
      <c r="BR111" s="487" t="str">
        <f t="shared" si="19"/>
        <v/>
      </c>
      <c r="BS111" s="487" t="str">
        <f t="shared" si="19"/>
        <v/>
      </c>
      <c r="BT111" s="487" t="str">
        <f t="shared" si="19"/>
        <v/>
      </c>
      <c r="BU111" s="487" t="str">
        <f t="shared" si="19"/>
        <v/>
      </c>
      <c r="BV111" s="487" t="str">
        <f t="shared" si="19"/>
        <v/>
      </c>
      <c r="BW111" s="487" t="str">
        <f t="shared" si="19"/>
        <v/>
      </c>
      <c r="BX111" s="487" t="str">
        <f t="shared" si="22"/>
        <v/>
      </c>
      <c r="BY111" s="487" t="str">
        <f t="shared" si="22"/>
        <v/>
      </c>
      <c r="BZ111" s="487" t="str">
        <f t="shared" si="20"/>
        <v/>
      </c>
      <c r="CA111" s="487" t="str">
        <f t="shared" si="20"/>
        <v/>
      </c>
      <c r="CB111" s="487" t="str">
        <f t="shared" si="20"/>
        <v/>
      </c>
      <c r="CC111" s="487" t="str">
        <f t="shared" si="20"/>
        <v/>
      </c>
      <c r="CD111" s="487" t="str">
        <f t="shared" si="17"/>
        <v/>
      </c>
      <c r="CE111" s="487" t="str">
        <f t="shared" si="17"/>
        <v/>
      </c>
      <c r="CF111" s="487" t="str">
        <f t="shared" si="17"/>
        <v/>
      </c>
      <c r="CG111" s="487" t="str">
        <f t="shared" si="17"/>
        <v/>
      </c>
      <c r="CH111" s="487" t="str">
        <f t="shared" si="17"/>
        <v/>
      </c>
      <c r="CI111" s="487" t="str">
        <f t="shared" si="17"/>
        <v/>
      </c>
      <c r="CJ111" s="487" t="str">
        <f t="shared" si="17"/>
        <v/>
      </c>
      <c r="CK111" s="487" t="str">
        <f t="shared" si="17"/>
        <v/>
      </c>
      <c r="CL111" s="487" t="str">
        <f t="shared" si="17"/>
        <v/>
      </c>
      <c r="CM111" s="487"/>
      <c r="CN111" s="487"/>
      <c r="CO111" s="487"/>
      <c r="CP111" s="487"/>
      <c r="CQ111" s="487"/>
      <c r="CR111" s="487"/>
      <c r="CS111" s="487"/>
      <c r="CT111" s="487"/>
      <c r="CU111" s="487"/>
      <c r="CV111" s="487"/>
      <c r="CW111" s="487"/>
      <c r="CX111" s="487"/>
      <c r="CY111" s="487"/>
      <c r="CZ111" s="487"/>
      <c r="DA111" s="487"/>
      <c r="DB111" s="487"/>
      <c r="DC111" s="487"/>
      <c r="DD111" s="487"/>
      <c r="DE111" s="487"/>
      <c r="DF111" s="487"/>
      <c r="DG111" s="487"/>
      <c r="DH111" s="487"/>
      <c r="DI111" s="484"/>
      <c r="DJ111" s="484" t="s">
        <v>340</v>
      </c>
      <c r="DK111" s="484" t="s">
        <v>336</v>
      </c>
    </row>
    <row r="112" spans="1:115" s="354" customFormat="1" ht="56.1" hidden="1" customHeight="1" x14ac:dyDescent="0.2">
      <c r="A112" s="494"/>
      <c r="B112" s="494"/>
      <c r="C112" s="481">
        <v>182</v>
      </c>
      <c r="D112" s="481"/>
      <c r="E112" s="481" t="s">
        <v>2481</v>
      </c>
      <c r="F112" s="482" t="s">
        <v>53</v>
      </c>
      <c r="G112" s="482" t="s">
        <v>329</v>
      </c>
      <c r="H112" s="484" t="s">
        <v>428</v>
      </c>
      <c r="I112" s="484" t="s">
        <v>369</v>
      </c>
      <c r="J112" s="495" t="s">
        <v>445</v>
      </c>
      <c r="K112" s="495"/>
      <c r="L112" s="484" t="s">
        <v>58</v>
      </c>
      <c r="M112" s="484" t="s">
        <v>319</v>
      </c>
      <c r="N112" s="484"/>
      <c r="O112" s="484" t="s">
        <v>81</v>
      </c>
      <c r="P112" s="484" t="s">
        <v>334</v>
      </c>
      <c r="Q112" s="484"/>
      <c r="R112" s="484" t="s">
        <v>181</v>
      </c>
      <c r="S112" s="484" t="s">
        <v>63</v>
      </c>
      <c r="T112" s="484" t="s">
        <v>63</v>
      </c>
      <c r="U112" s="485">
        <v>104499</v>
      </c>
      <c r="V112" s="485"/>
      <c r="W112" s="484" t="s">
        <v>226</v>
      </c>
      <c r="X112" s="484"/>
      <c r="Y112" s="485">
        <f t="shared" si="16"/>
        <v>104499</v>
      </c>
      <c r="Z112" s="484" t="s">
        <v>82</v>
      </c>
      <c r="AA112" s="496"/>
      <c r="AB112" s="496"/>
      <c r="AC112" s="487" t="s">
        <v>66</v>
      </c>
      <c r="AD112" s="496"/>
      <c r="AE112" s="496"/>
      <c r="AF112" s="496"/>
      <c r="AG112" s="496"/>
      <c r="AH112" s="496"/>
      <c r="AI112" s="496"/>
      <c r="AJ112" s="496"/>
      <c r="AK112" s="496"/>
      <c r="AL112" s="496"/>
      <c r="AM112" s="496"/>
      <c r="AN112" s="496"/>
      <c r="AO112" s="496"/>
      <c r="AP112" s="496"/>
      <c r="AQ112" s="496"/>
      <c r="AR112" s="496"/>
      <c r="AS112" s="496"/>
      <c r="AT112" s="496"/>
      <c r="AU112" s="496"/>
      <c r="AV112" s="496"/>
      <c r="AW112" s="496"/>
      <c r="AX112" s="496"/>
      <c r="AY112" s="496"/>
      <c r="AZ112" s="496"/>
      <c r="BA112" s="496"/>
      <c r="BB112" s="496"/>
      <c r="BC112" s="496"/>
      <c r="BD112" s="496"/>
      <c r="BE112" s="496"/>
      <c r="BF112" s="80">
        <f t="shared" si="14"/>
        <v>450</v>
      </c>
      <c r="BG112" s="76">
        <f t="shared" si="21"/>
        <v>232.22</v>
      </c>
      <c r="BH112" s="487" t="str">
        <f t="shared" si="19"/>
        <v/>
      </c>
      <c r="BI112" s="487" t="str">
        <f t="shared" si="19"/>
        <v/>
      </c>
      <c r="BJ112" s="487">
        <f t="shared" si="19"/>
        <v>104499</v>
      </c>
      <c r="BK112" s="487" t="str">
        <f t="shared" si="19"/>
        <v/>
      </c>
      <c r="BL112" s="487" t="str">
        <f t="shared" si="19"/>
        <v/>
      </c>
      <c r="BM112" s="487" t="str">
        <f t="shared" si="19"/>
        <v/>
      </c>
      <c r="BN112" s="487" t="str">
        <f t="shared" si="19"/>
        <v/>
      </c>
      <c r="BO112" s="487" t="str">
        <f t="shared" si="19"/>
        <v/>
      </c>
      <c r="BP112" s="487" t="str">
        <f t="shared" si="19"/>
        <v/>
      </c>
      <c r="BQ112" s="487" t="str">
        <f t="shared" si="19"/>
        <v/>
      </c>
      <c r="BR112" s="487" t="str">
        <f t="shared" si="19"/>
        <v/>
      </c>
      <c r="BS112" s="487" t="str">
        <f t="shared" si="19"/>
        <v/>
      </c>
      <c r="BT112" s="487" t="str">
        <f t="shared" si="19"/>
        <v/>
      </c>
      <c r="BU112" s="487" t="str">
        <f t="shared" si="19"/>
        <v/>
      </c>
      <c r="BV112" s="487" t="str">
        <f t="shared" si="19"/>
        <v/>
      </c>
      <c r="BW112" s="487" t="str">
        <f t="shared" si="19"/>
        <v/>
      </c>
      <c r="BX112" s="487" t="str">
        <f t="shared" si="22"/>
        <v/>
      </c>
      <c r="BY112" s="487" t="str">
        <f t="shared" si="22"/>
        <v/>
      </c>
      <c r="BZ112" s="487" t="str">
        <f t="shared" si="20"/>
        <v/>
      </c>
      <c r="CA112" s="487" t="str">
        <f t="shared" si="20"/>
        <v/>
      </c>
      <c r="CB112" s="487" t="str">
        <f t="shared" si="20"/>
        <v/>
      </c>
      <c r="CC112" s="487" t="str">
        <f t="shared" si="20"/>
        <v/>
      </c>
      <c r="CD112" s="487" t="str">
        <f t="shared" si="17"/>
        <v/>
      </c>
      <c r="CE112" s="487" t="str">
        <f t="shared" si="17"/>
        <v/>
      </c>
      <c r="CF112" s="487" t="str">
        <f t="shared" si="17"/>
        <v/>
      </c>
      <c r="CG112" s="487" t="str">
        <f t="shared" si="17"/>
        <v/>
      </c>
      <c r="CH112" s="487" t="str">
        <f t="shared" si="17"/>
        <v/>
      </c>
      <c r="CI112" s="487" t="str">
        <f t="shared" si="17"/>
        <v/>
      </c>
      <c r="CJ112" s="487" t="str">
        <f t="shared" si="17"/>
        <v/>
      </c>
      <c r="CK112" s="487" t="str">
        <f t="shared" si="17"/>
        <v/>
      </c>
      <c r="CL112" s="487" t="str">
        <f t="shared" si="17"/>
        <v/>
      </c>
      <c r="CM112" s="487"/>
      <c r="CN112" s="487"/>
      <c r="CO112" s="487"/>
      <c r="CP112" s="487"/>
      <c r="CQ112" s="487"/>
      <c r="CR112" s="487"/>
      <c r="CS112" s="487"/>
      <c r="CT112" s="487"/>
      <c r="CU112" s="487"/>
      <c r="CV112" s="487"/>
      <c r="CW112" s="487"/>
      <c r="CX112" s="487"/>
      <c r="CY112" s="487"/>
      <c r="CZ112" s="487"/>
      <c r="DA112" s="487"/>
      <c r="DB112" s="487"/>
      <c r="DC112" s="487"/>
      <c r="DD112" s="487"/>
      <c r="DE112" s="487"/>
      <c r="DF112" s="487"/>
      <c r="DG112" s="487"/>
      <c r="DH112" s="487"/>
      <c r="DI112" s="484"/>
      <c r="DJ112" s="484" t="s">
        <v>340</v>
      </c>
      <c r="DK112" s="484" t="s">
        <v>336</v>
      </c>
    </row>
    <row r="113" spans="1:115" s="354" customFormat="1" ht="56.1" hidden="1" customHeight="1" x14ac:dyDescent="0.2">
      <c r="A113" s="494"/>
      <c r="B113" s="494"/>
      <c r="C113" s="481">
        <v>183</v>
      </c>
      <c r="D113" s="481"/>
      <c r="E113" s="481" t="s">
        <v>2481</v>
      </c>
      <c r="F113" s="482" t="s">
        <v>53</v>
      </c>
      <c r="G113" s="482" t="s">
        <v>329</v>
      </c>
      <c r="H113" s="484" t="s">
        <v>428</v>
      </c>
      <c r="I113" s="484" t="s">
        <v>369</v>
      </c>
      <c r="J113" s="495" t="s">
        <v>446</v>
      </c>
      <c r="K113" s="495"/>
      <c r="L113" s="484" t="s">
        <v>58</v>
      </c>
      <c r="M113" s="484" t="s">
        <v>20</v>
      </c>
      <c r="N113" s="484"/>
      <c r="O113" s="484" t="s">
        <v>81</v>
      </c>
      <c r="P113" s="484" t="s">
        <v>334</v>
      </c>
      <c r="Q113" s="484"/>
      <c r="R113" s="484" t="s">
        <v>375</v>
      </c>
      <c r="S113" s="484" t="s">
        <v>63</v>
      </c>
      <c r="T113" s="484" t="s">
        <v>63</v>
      </c>
      <c r="U113" s="485">
        <v>81282</v>
      </c>
      <c r="V113" s="485"/>
      <c r="W113" s="484" t="s">
        <v>226</v>
      </c>
      <c r="X113" s="484"/>
      <c r="Y113" s="485">
        <f t="shared" si="16"/>
        <v>81282</v>
      </c>
      <c r="Z113" s="484" t="s">
        <v>82</v>
      </c>
      <c r="AA113" s="496"/>
      <c r="AB113" s="496"/>
      <c r="AC113" s="496"/>
      <c r="AD113" s="487" t="s">
        <v>66</v>
      </c>
      <c r="AE113" s="496"/>
      <c r="AF113" s="496"/>
      <c r="AG113" s="496"/>
      <c r="AH113" s="496"/>
      <c r="AI113" s="496"/>
      <c r="AJ113" s="496"/>
      <c r="AK113" s="496"/>
      <c r="AL113" s="496"/>
      <c r="AM113" s="496"/>
      <c r="AN113" s="496"/>
      <c r="AO113" s="496"/>
      <c r="AP113" s="496"/>
      <c r="AQ113" s="496"/>
      <c r="AR113" s="496"/>
      <c r="AS113" s="496"/>
      <c r="AT113" s="496"/>
      <c r="AU113" s="496"/>
      <c r="AV113" s="496"/>
      <c r="AW113" s="496"/>
      <c r="AX113" s="496"/>
      <c r="AY113" s="496"/>
      <c r="AZ113" s="496"/>
      <c r="BA113" s="496"/>
      <c r="BB113" s="496"/>
      <c r="BC113" s="496"/>
      <c r="BD113" s="496"/>
      <c r="BE113" s="496"/>
      <c r="BF113" s="80">
        <f t="shared" si="14"/>
        <v>350</v>
      </c>
      <c r="BG113" s="76">
        <f t="shared" si="21"/>
        <v>232.2342857142857</v>
      </c>
      <c r="BH113" s="487" t="str">
        <f t="shared" si="19"/>
        <v/>
      </c>
      <c r="BI113" s="487" t="str">
        <f t="shared" si="19"/>
        <v/>
      </c>
      <c r="BJ113" s="487" t="str">
        <f t="shared" si="19"/>
        <v/>
      </c>
      <c r="BK113" s="487">
        <f t="shared" si="19"/>
        <v>81282</v>
      </c>
      <c r="BL113" s="487" t="str">
        <f t="shared" si="19"/>
        <v/>
      </c>
      <c r="BM113" s="487" t="str">
        <f t="shared" si="19"/>
        <v/>
      </c>
      <c r="BN113" s="487" t="str">
        <f t="shared" si="19"/>
        <v/>
      </c>
      <c r="BO113" s="487" t="str">
        <f t="shared" si="19"/>
        <v/>
      </c>
      <c r="BP113" s="487" t="str">
        <f t="shared" si="19"/>
        <v/>
      </c>
      <c r="BQ113" s="487" t="str">
        <f t="shared" si="19"/>
        <v/>
      </c>
      <c r="BR113" s="487" t="str">
        <f t="shared" si="19"/>
        <v/>
      </c>
      <c r="BS113" s="487" t="str">
        <f t="shared" si="19"/>
        <v/>
      </c>
      <c r="BT113" s="487" t="str">
        <f t="shared" si="19"/>
        <v/>
      </c>
      <c r="BU113" s="487" t="str">
        <f t="shared" si="19"/>
        <v/>
      </c>
      <c r="BV113" s="487" t="str">
        <f t="shared" si="19"/>
        <v/>
      </c>
      <c r="BW113" s="487" t="str">
        <f t="shared" si="19"/>
        <v/>
      </c>
      <c r="BX113" s="487" t="str">
        <f t="shared" si="22"/>
        <v/>
      </c>
      <c r="BY113" s="487" t="str">
        <f t="shared" si="22"/>
        <v/>
      </c>
      <c r="BZ113" s="487" t="str">
        <f t="shared" si="20"/>
        <v/>
      </c>
      <c r="CA113" s="487" t="str">
        <f t="shared" si="20"/>
        <v/>
      </c>
      <c r="CB113" s="487" t="str">
        <f t="shared" si="20"/>
        <v/>
      </c>
      <c r="CC113" s="487" t="str">
        <f t="shared" si="20"/>
        <v/>
      </c>
      <c r="CD113" s="487" t="str">
        <f t="shared" si="17"/>
        <v/>
      </c>
      <c r="CE113" s="487" t="str">
        <f t="shared" si="17"/>
        <v/>
      </c>
      <c r="CF113" s="487" t="str">
        <f t="shared" si="17"/>
        <v/>
      </c>
      <c r="CG113" s="487" t="str">
        <f t="shared" si="17"/>
        <v/>
      </c>
      <c r="CH113" s="487" t="str">
        <f t="shared" si="17"/>
        <v/>
      </c>
      <c r="CI113" s="487" t="str">
        <f t="shared" si="17"/>
        <v/>
      </c>
      <c r="CJ113" s="487" t="str">
        <f t="shared" si="17"/>
        <v/>
      </c>
      <c r="CK113" s="487" t="str">
        <f t="shared" si="17"/>
        <v/>
      </c>
      <c r="CL113" s="487" t="str">
        <f t="shared" si="17"/>
        <v/>
      </c>
      <c r="CM113" s="487"/>
      <c r="CN113" s="487"/>
      <c r="CO113" s="487"/>
      <c r="CP113" s="487"/>
      <c r="CQ113" s="487"/>
      <c r="CR113" s="487"/>
      <c r="CS113" s="487"/>
      <c r="CT113" s="487"/>
      <c r="CU113" s="487"/>
      <c r="CV113" s="487"/>
      <c r="CW113" s="487"/>
      <c r="CX113" s="487"/>
      <c r="CY113" s="487"/>
      <c r="CZ113" s="487"/>
      <c r="DA113" s="487"/>
      <c r="DB113" s="487"/>
      <c r="DC113" s="487"/>
      <c r="DD113" s="487"/>
      <c r="DE113" s="487"/>
      <c r="DF113" s="487"/>
      <c r="DG113" s="487"/>
      <c r="DH113" s="487"/>
      <c r="DI113" s="484"/>
      <c r="DJ113" s="484" t="s">
        <v>340</v>
      </c>
      <c r="DK113" s="484" t="s">
        <v>336</v>
      </c>
    </row>
    <row r="114" spans="1:115" s="354" customFormat="1" ht="56.1" hidden="1" customHeight="1" x14ac:dyDescent="0.2">
      <c r="A114" s="77" t="s">
        <v>2490</v>
      </c>
      <c r="B114" s="77" t="s">
        <v>18</v>
      </c>
      <c r="C114" s="481">
        <v>184</v>
      </c>
      <c r="D114" s="481"/>
      <c r="E114" s="481" t="s">
        <v>2481</v>
      </c>
      <c r="F114" s="482" t="s">
        <v>53</v>
      </c>
      <c r="G114" s="482" t="s">
        <v>329</v>
      </c>
      <c r="H114" s="484" t="s">
        <v>428</v>
      </c>
      <c r="I114" s="484" t="s">
        <v>369</v>
      </c>
      <c r="J114" s="495" t="s">
        <v>447</v>
      </c>
      <c r="K114" s="495"/>
      <c r="L114" s="484" t="s">
        <v>58</v>
      </c>
      <c r="M114" s="484" t="s">
        <v>18</v>
      </c>
      <c r="N114" s="484"/>
      <c r="O114" s="484" t="s">
        <v>81</v>
      </c>
      <c r="P114" s="484" t="s">
        <v>334</v>
      </c>
      <c r="Q114" s="484"/>
      <c r="R114" s="484" t="s">
        <v>377</v>
      </c>
      <c r="S114" s="484" t="s">
        <v>63</v>
      </c>
      <c r="T114" s="484" t="s">
        <v>63</v>
      </c>
      <c r="U114" s="485">
        <v>46443</v>
      </c>
      <c r="V114" s="485"/>
      <c r="W114" s="484" t="s">
        <v>226</v>
      </c>
      <c r="X114" s="484"/>
      <c r="Y114" s="485">
        <f t="shared" si="16"/>
        <v>46443</v>
      </c>
      <c r="Z114" s="484" t="s">
        <v>82</v>
      </c>
      <c r="AA114" s="496"/>
      <c r="AB114" s="487" t="s">
        <v>66</v>
      </c>
      <c r="AC114" s="496"/>
      <c r="AD114" s="496"/>
      <c r="AE114" s="496"/>
      <c r="AF114" s="496"/>
      <c r="AG114" s="496"/>
      <c r="AH114" s="496"/>
      <c r="AI114" s="496"/>
      <c r="AJ114" s="496"/>
      <c r="AK114" s="496"/>
      <c r="AL114" s="496"/>
      <c r="AM114" s="496"/>
      <c r="AN114" s="496"/>
      <c r="AO114" s="496"/>
      <c r="AP114" s="496"/>
      <c r="AQ114" s="496"/>
      <c r="AR114" s="496"/>
      <c r="AS114" s="496"/>
      <c r="AT114" s="496"/>
      <c r="AU114" s="496"/>
      <c r="AV114" s="496"/>
      <c r="AW114" s="496"/>
      <c r="AX114" s="496"/>
      <c r="AY114" s="496"/>
      <c r="AZ114" s="496"/>
      <c r="BA114" s="496"/>
      <c r="BB114" s="496"/>
      <c r="BC114" s="496"/>
      <c r="BD114" s="496"/>
      <c r="BE114" s="496"/>
      <c r="BF114" s="80">
        <f t="shared" si="14"/>
        <v>200</v>
      </c>
      <c r="BG114" s="76">
        <f t="shared" si="21"/>
        <v>232.215</v>
      </c>
      <c r="BH114" s="487" t="str">
        <f t="shared" si="19"/>
        <v/>
      </c>
      <c r="BI114" s="487">
        <f t="shared" si="19"/>
        <v>46443</v>
      </c>
      <c r="BJ114" s="487" t="str">
        <f t="shared" si="19"/>
        <v/>
      </c>
      <c r="BK114" s="487" t="str">
        <f t="shared" si="19"/>
        <v/>
      </c>
      <c r="BL114" s="487" t="str">
        <f t="shared" si="19"/>
        <v/>
      </c>
      <c r="BM114" s="487" t="str">
        <f t="shared" si="19"/>
        <v/>
      </c>
      <c r="BN114" s="487" t="str">
        <f t="shared" si="19"/>
        <v/>
      </c>
      <c r="BO114" s="487" t="str">
        <f t="shared" si="19"/>
        <v/>
      </c>
      <c r="BP114" s="487" t="str">
        <f t="shared" si="19"/>
        <v/>
      </c>
      <c r="BQ114" s="487" t="str">
        <f t="shared" si="19"/>
        <v/>
      </c>
      <c r="BR114" s="487" t="str">
        <f t="shared" si="19"/>
        <v/>
      </c>
      <c r="BS114" s="487" t="str">
        <f t="shared" si="19"/>
        <v/>
      </c>
      <c r="BT114" s="487" t="str">
        <f t="shared" si="19"/>
        <v/>
      </c>
      <c r="BU114" s="487" t="str">
        <f t="shared" si="19"/>
        <v/>
      </c>
      <c r="BV114" s="487" t="str">
        <f t="shared" si="19"/>
        <v/>
      </c>
      <c r="BW114" s="487" t="str">
        <f t="shared" si="19"/>
        <v/>
      </c>
      <c r="BX114" s="487" t="str">
        <f t="shared" si="22"/>
        <v/>
      </c>
      <c r="BY114" s="487" t="str">
        <f t="shared" si="22"/>
        <v/>
      </c>
      <c r="BZ114" s="487" t="str">
        <f t="shared" si="20"/>
        <v/>
      </c>
      <c r="CA114" s="487" t="str">
        <f t="shared" si="20"/>
        <v/>
      </c>
      <c r="CB114" s="487" t="str">
        <f t="shared" si="20"/>
        <v/>
      </c>
      <c r="CC114" s="487" t="str">
        <f t="shared" si="20"/>
        <v/>
      </c>
      <c r="CD114" s="487" t="str">
        <f t="shared" si="17"/>
        <v/>
      </c>
      <c r="CE114" s="487" t="str">
        <f t="shared" si="17"/>
        <v/>
      </c>
      <c r="CF114" s="487" t="str">
        <f t="shared" si="17"/>
        <v/>
      </c>
      <c r="CG114" s="487" t="str">
        <f t="shared" si="17"/>
        <v/>
      </c>
      <c r="CH114" s="487" t="str">
        <f t="shared" si="17"/>
        <v/>
      </c>
      <c r="CI114" s="487" t="str">
        <f t="shared" si="17"/>
        <v/>
      </c>
      <c r="CJ114" s="487" t="str">
        <f t="shared" si="17"/>
        <v/>
      </c>
      <c r="CK114" s="487" t="str">
        <f t="shared" si="17"/>
        <v/>
      </c>
      <c r="CL114" s="487" t="str">
        <f t="shared" si="17"/>
        <v/>
      </c>
      <c r="CM114" s="487"/>
      <c r="CN114" s="487"/>
      <c r="CO114" s="487"/>
      <c r="CP114" s="487"/>
      <c r="CQ114" s="487"/>
      <c r="CR114" s="487"/>
      <c r="CS114" s="487"/>
      <c r="CT114" s="487"/>
      <c r="CU114" s="487"/>
      <c r="CV114" s="487"/>
      <c r="CW114" s="487"/>
      <c r="CX114" s="487"/>
      <c r="CY114" s="487"/>
      <c r="CZ114" s="487"/>
      <c r="DA114" s="487"/>
      <c r="DB114" s="487"/>
      <c r="DC114" s="487"/>
      <c r="DD114" s="487"/>
      <c r="DE114" s="487"/>
      <c r="DF114" s="487"/>
      <c r="DG114" s="487"/>
      <c r="DH114" s="487"/>
      <c r="DI114" s="484"/>
      <c r="DJ114" s="484" t="s">
        <v>340</v>
      </c>
      <c r="DK114" s="484" t="s">
        <v>336</v>
      </c>
    </row>
    <row r="115" spans="1:115" s="354" customFormat="1" ht="56.1" hidden="1" customHeight="1" x14ac:dyDescent="0.2">
      <c r="A115" s="494"/>
      <c r="B115" s="494"/>
      <c r="C115" s="481">
        <v>185</v>
      </c>
      <c r="D115" s="481"/>
      <c r="E115" s="481" t="s">
        <v>2481</v>
      </c>
      <c r="F115" s="482" t="s">
        <v>53</v>
      </c>
      <c r="G115" s="482" t="s">
        <v>329</v>
      </c>
      <c r="H115" s="484" t="s">
        <v>428</v>
      </c>
      <c r="I115" s="484" t="s">
        <v>369</v>
      </c>
      <c r="J115" s="495" t="s">
        <v>449</v>
      </c>
      <c r="K115" s="495"/>
      <c r="L115" s="484" t="s">
        <v>58</v>
      </c>
      <c r="M115" s="484" t="s">
        <v>21</v>
      </c>
      <c r="N115" s="484"/>
      <c r="O115" s="484" t="s">
        <v>81</v>
      </c>
      <c r="P115" s="484" t="s">
        <v>334</v>
      </c>
      <c r="Q115" s="484"/>
      <c r="R115" s="484" t="s">
        <v>204</v>
      </c>
      <c r="S115" s="484" t="s">
        <v>63</v>
      </c>
      <c r="T115" s="484" t="s">
        <v>63</v>
      </c>
      <c r="U115" s="485">
        <v>69671</v>
      </c>
      <c r="V115" s="485"/>
      <c r="W115" s="484" t="s">
        <v>226</v>
      </c>
      <c r="X115" s="484"/>
      <c r="Y115" s="485">
        <f t="shared" si="16"/>
        <v>69671</v>
      </c>
      <c r="Z115" s="484" t="s">
        <v>82</v>
      </c>
      <c r="AA115" s="496"/>
      <c r="AB115" s="496"/>
      <c r="AC115" s="496"/>
      <c r="AD115" s="496"/>
      <c r="AE115" s="487" t="s">
        <v>66</v>
      </c>
      <c r="AF115" s="496"/>
      <c r="AG115" s="496"/>
      <c r="AH115" s="496"/>
      <c r="AI115" s="496"/>
      <c r="AJ115" s="496"/>
      <c r="AK115" s="496"/>
      <c r="AL115" s="496"/>
      <c r="AM115" s="496"/>
      <c r="AN115" s="496"/>
      <c r="AO115" s="496"/>
      <c r="AP115" s="496"/>
      <c r="AQ115" s="496"/>
      <c r="AR115" s="496"/>
      <c r="AS115" s="496"/>
      <c r="AT115" s="496"/>
      <c r="AU115" s="496"/>
      <c r="AV115" s="496"/>
      <c r="AW115" s="496"/>
      <c r="AX115" s="496"/>
      <c r="AY115" s="496"/>
      <c r="AZ115" s="496"/>
      <c r="BA115" s="496"/>
      <c r="BB115" s="496"/>
      <c r="BC115" s="496"/>
      <c r="BD115" s="496"/>
      <c r="BE115" s="496"/>
      <c r="BF115" s="80">
        <f t="shared" si="14"/>
        <v>300</v>
      </c>
      <c r="BG115" s="76">
        <f t="shared" si="21"/>
        <v>232.23666666666668</v>
      </c>
      <c r="BH115" s="487" t="str">
        <f t="shared" si="19"/>
        <v/>
      </c>
      <c r="BI115" s="487" t="str">
        <f t="shared" si="19"/>
        <v/>
      </c>
      <c r="BJ115" s="487" t="str">
        <f t="shared" si="19"/>
        <v/>
      </c>
      <c r="BK115" s="487" t="str">
        <f t="shared" si="19"/>
        <v/>
      </c>
      <c r="BL115" s="487">
        <f t="shared" si="19"/>
        <v>69671</v>
      </c>
      <c r="BM115" s="487" t="str">
        <f t="shared" si="19"/>
        <v/>
      </c>
      <c r="BN115" s="487" t="str">
        <f t="shared" si="19"/>
        <v/>
      </c>
      <c r="BO115" s="487" t="str">
        <f t="shared" si="19"/>
        <v/>
      </c>
      <c r="BP115" s="487" t="str">
        <f t="shared" si="19"/>
        <v/>
      </c>
      <c r="BQ115" s="487" t="str">
        <f t="shared" si="19"/>
        <v/>
      </c>
      <c r="BR115" s="487" t="str">
        <f t="shared" si="19"/>
        <v/>
      </c>
      <c r="BS115" s="487" t="str">
        <f t="shared" si="19"/>
        <v/>
      </c>
      <c r="BT115" s="487" t="str">
        <f t="shared" si="19"/>
        <v/>
      </c>
      <c r="BU115" s="487" t="str">
        <f t="shared" si="19"/>
        <v/>
      </c>
      <c r="BV115" s="487" t="str">
        <f t="shared" si="19"/>
        <v/>
      </c>
      <c r="BW115" s="487" t="str">
        <f t="shared" si="19"/>
        <v/>
      </c>
      <c r="BX115" s="487" t="str">
        <f t="shared" si="22"/>
        <v/>
      </c>
      <c r="BY115" s="487" t="str">
        <f t="shared" si="22"/>
        <v/>
      </c>
      <c r="BZ115" s="487" t="str">
        <f t="shared" si="20"/>
        <v/>
      </c>
      <c r="CA115" s="487" t="str">
        <f t="shared" si="20"/>
        <v/>
      </c>
      <c r="CB115" s="487" t="str">
        <f t="shared" si="20"/>
        <v/>
      </c>
      <c r="CC115" s="487" t="str">
        <f t="shared" si="20"/>
        <v/>
      </c>
      <c r="CD115" s="487" t="str">
        <f t="shared" si="17"/>
        <v/>
      </c>
      <c r="CE115" s="487" t="str">
        <f t="shared" si="17"/>
        <v/>
      </c>
      <c r="CF115" s="487" t="str">
        <f t="shared" si="17"/>
        <v/>
      </c>
      <c r="CG115" s="487" t="str">
        <f t="shared" si="17"/>
        <v/>
      </c>
      <c r="CH115" s="487" t="str">
        <f t="shared" si="17"/>
        <v/>
      </c>
      <c r="CI115" s="487" t="str">
        <f t="shared" si="17"/>
        <v/>
      </c>
      <c r="CJ115" s="487" t="str">
        <f t="shared" si="17"/>
        <v/>
      </c>
      <c r="CK115" s="487" t="str">
        <f t="shared" si="17"/>
        <v/>
      </c>
      <c r="CL115" s="487" t="str">
        <f t="shared" si="17"/>
        <v/>
      </c>
      <c r="CM115" s="487"/>
      <c r="CN115" s="487"/>
      <c r="CO115" s="487"/>
      <c r="CP115" s="487"/>
      <c r="CQ115" s="487"/>
      <c r="CR115" s="487"/>
      <c r="CS115" s="487"/>
      <c r="CT115" s="487"/>
      <c r="CU115" s="487"/>
      <c r="CV115" s="487"/>
      <c r="CW115" s="487"/>
      <c r="CX115" s="487"/>
      <c r="CY115" s="487"/>
      <c r="CZ115" s="487"/>
      <c r="DA115" s="487"/>
      <c r="DB115" s="487"/>
      <c r="DC115" s="487"/>
      <c r="DD115" s="487"/>
      <c r="DE115" s="487"/>
      <c r="DF115" s="487"/>
      <c r="DG115" s="487"/>
      <c r="DH115" s="487"/>
      <c r="DI115" s="484"/>
      <c r="DJ115" s="484" t="s">
        <v>340</v>
      </c>
      <c r="DK115" s="484" t="s">
        <v>336</v>
      </c>
    </row>
    <row r="116" spans="1:115" s="354" customFormat="1" ht="56.1" hidden="1" customHeight="1" x14ac:dyDescent="0.2">
      <c r="A116" s="494"/>
      <c r="B116" s="494"/>
      <c r="C116" s="481">
        <v>186</v>
      </c>
      <c r="D116" s="481"/>
      <c r="E116" s="481" t="s">
        <v>2481</v>
      </c>
      <c r="F116" s="482" t="s">
        <v>53</v>
      </c>
      <c r="G116" s="482" t="s">
        <v>329</v>
      </c>
      <c r="H116" s="484" t="s">
        <v>428</v>
      </c>
      <c r="I116" s="484" t="s">
        <v>369</v>
      </c>
      <c r="J116" s="495" t="s">
        <v>450</v>
      </c>
      <c r="K116" s="495"/>
      <c r="L116" s="484" t="s">
        <v>58</v>
      </c>
      <c r="M116" s="484" t="s">
        <v>323</v>
      </c>
      <c r="N116" s="484"/>
      <c r="O116" s="484" t="s">
        <v>81</v>
      </c>
      <c r="P116" s="484" t="s">
        <v>334</v>
      </c>
      <c r="Q116" s="484"/>
      <c r="R116" s="484" t="s">
        <v>380</v>
      </c>
      <c r="S116" s="484" t="s">
        <v>63</v>
      </c>
      <c r="T116" s="484" t="s">
        <v>63</v>
      </c>
      <c r="U116" s="485">
        <v>23224</v>
      </c>
      <c r="V116" s="485"/>
      <c r="W116" s="484" t="s">
        <v>226</v>
      </c>
      <c r="X116" s="484"/>
      <c r="Y116" s="485">
        <f t="shared" si="16"/>
        <v>23224</v>
      </c>
      <c r="Z116" s="484" t="s">
        <v>82</v>
      </c>
      <c r="AA116" s="496"/>
      <c r="AB116" s="496"/>
      <c r="AC116" s="496"/>
      <c r="AD116" s="496"/>
      <c r="AE116" s="496"/>
      <c r="AF116" s="496"/>
      <c r="AG116" s="487" t="s">
        <v>66</v>
      </c>
      <c r="AH116" s="496"/>
      <c r="AI116" s="496"/>
      <c r="AJ116" s="496"/>
      <c r="AK116" s="496"/>
      <c r="AL116" s="496"/>
      <c r="AM116" s="496"/>
      <c r="AN116" s="496"/>
      <c r="AO116" s="496"/>
      <c r="AP116" s="496"/>
      <c r="AQ116" s="496"/>
      <c r="AR116" s="496"/>
      <c r="AS116" s="496"/>
      <c r="AT116" s="496"/>
      <c r="AU116" s="496"/>
      <c r="AV116" s="496"/>
      <c r="AW116" s="496"/>
      <c r="AX116" s="496"/>
      <c r="AY116" s="496"/>
      <c r="AZ116" s="496"/>
      <c r="BA116" s="496"/>
      <c r="BB116" s="496"/>
      <c r="BC116" s="496"/>
      <c r="BD116" s="496"/>
      <c r="BE116" s="496"/>
      <c r="BF116" s="80">
        <f t="shared" si="14"/>
        <v>100</v>
      </c>
      <c r="BG116" s="76">
        <f t="shared" si="21"/>
        <v>232.24</v>
      </c>
      <c r="BH116" s="487" t="str">
        <f t="shared" si="19"/>
        <v/>
      </c>
      <c r="BI116" s="487" t="str">
        <f t="shared" si="19"/>
        <v/>
      </c>
      <c r="BJ116" s="487" t="str">
        <f t="shared" si="19"/>
        <v/>
      </c>
      <c r="BK116" s="487" t="str">
        <f t="shared" si="19"/>
        <v/>
      </c>
      <c r="BL116" s="487" t="str">
        <f t="shared" si="19"/>
        <v/>
      </c>
      <c r="BM116" s="487" t="str">
        <f t="shared" si="19"/>
        <v/>
      </c>
      <c r="BN116" s="487">
        <f t="shared" si="19"/>
        <v>23224</v>
      </c>
      <c r="BO116" s="487" t="str">
        <f t="shared" si="19"/>
        <v/>
      </c>
      <c r="BP116" s="487" t="str">
        <f t="shared" si="19"/>
        <v/>
      </c>
      <c r="BQ116" s="487" t="str">
        <f t="shared" si="19"/>
        <v/>
      </c>
      <c r="BR116" s="487" t="str">
        <f t="shared" si="19"/>
        <v/>
      </c>
      <c r="BS116" s="487" t="str">
        <f t="shared" si="19"/>
        <v/>
      </c>
      <c r="BT116" s="487" t="str">
        <f t="shared" si="19"/>
        <v/>
      </c>
      <c r="BU116" s="487" t="str">
        <f t="shared" si="19"/>
        <v/>
      </c>
      <c r="BV116" s="487" t="str">
        <f t="shared" si="19"/>
        <v/>
      </c>
      <c r="BW116" s="487" t="str">
        <f t="shared" si="19"/>
        <v/>
      </c>
      <c r="BX116" s="487" t="str">
        <f t="shared" si="22"/>
        <v/>
      </c>
      <c r="BY116" s="487" t="str">
        <f t="shared" si="22"/>
        <v/>
      </c>
      <c r="BZ116" s="487" t="str">
        <f t="shared" si="20"/>
        <v/>
      </c>
      <c r="CA116" s="487" t="str">
        <f t="shared" si="20"/>
        <v/>
      </c>
      <c r="CB116" s="487" t="str">
        <f t="shared" si="20"/>
        <v/>
      </c>
      <c r="CC116" s="487" t="str">
        <f t="shared" si="20"/>
        <v/>
      </c>
      <c r="CD116" s="487" t="str">
        <f t="shared" si="17"/>
        <v/>
      </c>
      <c r="CE116" s="487" t="str">
        <f t="shared" si="17"/>
        <v/>
      </c>
      <c r="CF116" s="487" t="str">
        <f t="shared" si="17"/>
        <v/>
      </c>
      <c r="CG116" s="487" t="str">
        <f t="shared" si="17"/>
        <v/>
      </c>
      <c r="CH116" s="487" t="str">
        <f t="shared" si="17"/>
        <v/>
      </c>
      <c r="CI116" s="487" t="str">
        <f t="shared" si="17"/>
        <v/>
      </c>
      <c r="CJ116" s="487" t="str">
        <f t="shared" si="17"/>
        <v/>
      </c>
      <c r="CK116" s="487" t="str">
        <f t="shared" si="17"/>
        <v/>
      </c>
      <c r="CL116" s="487" t="str">
        <f t="shared" si="17"/>
        <v/>
      </c>
      <c r="CM116" s="487"/>
      <c r="CN116" s="487"/>
      <c r="CO116" s="487"/>
      <c r="CP116" s="487"/>
      <c r="CQ116" s="487"/>
      <c r="CR116" s="487"/>
      <c r="CS116" s="487"/>
      <c r="CT116" s="487"/>
      <c r="CU116" s="487"/>
      <c r="CV116" s="487"/>
      <c r="CW116" s="487"/>
      <c r="CX116" s="487"/>
      <c r="CY116" s="487"/>
      <c r="CZ116" s="487"/>
      <c r="DA116" s="487"/>
      <c r="DB116" s="487"/>
      <c r="DC116" s="487"/>
      <c r="DD116" s="487"/>
      <c r="DE116" s="487"/>
      <c r="DF116" s="487"/>
      <c r="DG116" s="487"/>
      <c r="DH116" s="487"/>
      <c r="DI116" s="484"/>
      <c r="DJ116" s="484" t="s">
        <v>340</v>
      </c>
      <c r="DK116" s="484" t="s">
        <v>336</v>
      </c>
    </row>
    <row r="117" spans="1:115" s="354" customFormat="1" ht="56.1" hidden="1" customHeight="1" x14ac:dyDescent="0.2">
      <c r="A117" s="494"/>
      <c r="B117" s="494"/>
      <c r="C117" s="481">
        <v>187</v>
      </c>
      <c r="D117" s="481"/>
      <c r="E117" s="481" t="s">
        <v>2481</v>
      </c>
      <c r="F117" s="482" t="s">
        <v>53</v>
      </c>
      <c r="G117" s="482" t="s">
        <v>329</v>
      </c>
      <c r="H117" s="484" t="s">
        <v>428</v>
      </c>
      <c r="I117" s="484" t="s">
        <v>369</v>
      </c>
      <c r="J117" s="495" t="s">
        <v>451</v>
      </c>
      <c r="K117" s="495"/>
      <c r="L117" s="484" t="s">
        <v>58</v>
      </c>
      <c r="M117" s="484" t="s">
        <v>324</v>
      </c>
      <c r="N117" s="484"/>
      <c r="O117" s="484" t="s">
        <v>81</v>
      </c>
      <c r="P117" s="484" t="s">
        <v>334</v>
      </c>
      <c r="Q117" s="484"/>
      <c r="R117" s="484" t="s">
        <v>382</v>
      </c>
      <c r="S117" s="484" t="s">
        <v>63</v>
      </c>
      <c r="T117" s="484" t="s">
        <v>63</v>
      </c>
      <c r="U117" s="485">
        <v>90562</v>
      </c>
      <c r="V117" s="485"/>
      <c r="W117" s="484" t="s">
        <v>226</v>
      </c>
      <c r="X117" s="484"/>
      <c r="Y117" s="485">
        <f t="shared" si="16"/>
        <v>90562</v>
      </c>
      <c r="Z117" s="484" t="s">
        <v>82</v>
      </c>
      <c r="AA117" s="496"/>
      <c r="AB117" s="496"/>
      <c r="AC117" s="496"/>
      <c r="AD117" s="496"/>
      <c r="AE117" s="496"/>
      <c r="AF117" s="496"/>
      <c r="AG117" s="496"/>
      <c r="AH117" s="487" t="s">
        <v>66</v>
      </c>
      <c r="AI117" s="496"/>
      <c r="AJ117" s="496"/>
      <c r="AK117" s="496"/>
      <c r="AL117" s="496"/>
      <c r="AM117" s="496"/>
      <c r="AN117" s="496"/>
      <c r="AO117" s="496"/>
      <c r="AP117" s="496"/>
      <c r="AQ117" s="496"/>
      <c r="AR117" s="496"/>
      <c r="AS117" s="496"/>
      <c r="AT117" s="496"/>
      <c r="AU117" s="496"/>
      <c r="AV117" s="496"/>
      <c r="AW117" s="496"/>
      <c r="AX117" s="496"/>
      <c r="AY117" s="496"/>
      <c r="AZ117" s="496"/>
      <c r="BA117" s="496"/>
      <c r="BB117" s="496"/>
      <c r="BC117" s="496"/>
      <c r="BD117" s="496"/>
      <c r="BE117" s="496"/>
      <c r="BF117" s="80">
        <f t="shared" si="14"/>
        <v>390</v>
      </c>
      <c r="BG117" s="76">
        <f t="shared" si="21"/>
        <v>232.21025641025642</v>
      </c>
      <c r="BH117" s="487" t="str">
        <f t="shared" si="19"/>
        <v/>
      </c>
      <c r="BI117" s="487" t="str">
        <f t="shared" si="19"/>
        <v/>
      </c>
      <c r="BJ117" s="487" t="str">
        <f t="shared" si="19"/>
        <v/>
      </c>
      <c r="BK117" s="487" t="str">
        <f t="shared" si="19"/>
        <v/>
      </c>
      <c r="BL117" s="487" t="str">
        <f t="shared" si="19"/>
        <v/>
      </c>
      <c r="BM117" s="487" t="str">
        <f t="shared" si="19"/>
        <v/>
      </c>
      <c r="BN117" s="487" t="str">
        <f t="shared" si="19"/>
        <v/>
      </c>
      <c r="BO117" s="487">
        <f t="shared" si="19"/>
        <v>90562</v>
      </c>
      <c r="BP117" s="487" t="str">
        <f t="shared" si="19"/>
        <v/>
      </c>
      <c r="BQ117" s="487" t="str">
        <f t="shared" si="19"/>
        <v/>
      </c>
      <c r="BR117" s="487" t="str">
        <f t="shared" si="19"/>
        <v/>
      </c>
      <c r="BS117" s="487" t="str">
        <f t="shared" si="19"/>
        <v/>
      </c>
      <c r="BT117" s="487" t="str">
        <f t="shared" si="19"/>
        <v/>
      </c>
      <c r="BU117" s="487" t="str">
        <f t="shared" si="19"/>
        <v/>
      </c>
      <c r="BV117" s="487" t="str">
        <f t="shared" si="19"/>
        <v/>
      </c>
      <c r="BW117" s="487" t="str">
        <f t="shared" si="19"/>
        <v/>
      </c>
      <c r="BX117" s="487" t="str">
        <f t="shared" si="22"/>
        <v/>
      </c>
      <c r="BY117" s="487" t="str">
        <f t="shared" si="22"/>
        <v/>
      </c>
      <c r="BZ117" s="487" t="str">
        <f t="shared" si="20"/>
        <v/>
      </c>
      <c r="CA117" s="487" t="str">
        <f t="shared" si="20"/>
        <v/>
      </c>
      <c r="CB117" s="487" t="str">
        <f t="shared" si="20"/>
        <v/>
      </c>
      <c r="CC117" s="487" t="str">
        <f t="shared" si="20"/>
        <v/>
      </c>
      <c r="CD117" s="487" t="str">
        <f t="shared" si="17"/>
        <v/>
      </c>
      <c r="CE117" s="487" t="str">
        <f t="shared" si="17"/>
        <v/>
      </c>
      <c r="CF117" s="487" t="str">
        <f t="shared" si="17"/>
        <v/>
      </c>
      <c r="CG117" s="487" t="str">
        <f t="shared" si="17"/>
        <v/>
      </c>
      <c r="CH117" s="487" t="str">
        <f t="shared" si="17"/>
        <v/>
      </c>
      <c r="CI117" s="487" t="str">
        <f t="shared" si="17"/>
        <v/>
      </c>
      <c r="CJ117" s="487" t="str">
        <f t="shared" si="17"/>
        <v/>
      </c>
      <c r="CK117" s="487" t="str">
        <f t="shared" si="17"/>
        <v/>
      </c>
      <c r="CL117" s="487" t="str">
        <f t="shared" si="17"/>
        <v/>
      </c>
      <c r="CM117" s="487"/>
      <c r="CN117" s="487"/>
      <c r="CO117" s="487"/>
      <c r="CP117" s="487"/>
      <c r="CQ117" s="487"/>
      <c r="CR117" s="487"/>
      <c r="CS117" s="487"/>
      <c r="CT117" s="487"/>
      <c r="CU117" s="487"/>
      <c r="CV117" s="487"/>
      <c r="CW117" s="487"/>
      <c r="CX117" s="487"/>
      <c r="CY117" s="487"/>
      <c r="CZ117" s="487"/>
      <c r="DA117" s="487"/>
      <c r="DB117" s="487"/>
      <c r="DC117" s="487"/>
      <c r="DD117" s="487"/>
      <c r="DE117" s="487"/>
      <c r="DF117" s="487"/>
      <c r="DG117" s="487"/>
      <c r="DH117" s="487"/>
      <c r="DI117" s="484"/>
      <c r="DJ117" s="484" t="s">
        <v>340</v>
      </c>
      <c r="DK117" s="484" t="s">
        <v>336</v>
      </c>
    </row>
    <row r="118" spans="1:115" s="354" customFormat="1" ht="56.1" hidden="1" customHeight="1" x14ac:dyDescent="0.2">
      <c r="A118" s="77" t="s">
        <v>2491</v>
      </c>
      <c r="B118" s="77" t="s">
        <v>22</v>
      </c>
      <c r="C118" s="481">
        <v>188</v>
      </c>
      <c r="D118" s="481"/>
      <c r="E118" s="481" t="s">
        <v>2481</v>
      </c>
      <c r="F118" s="482" t="s">
        <v>53</v>
      </c>
      <c r="G118" s="482" t="s">
        <v>329</v>
      </c>
      <c r="H118" s="484" t="s">
        <v>428</v>
      </c>
      <c r="I118" s="484" t="s">
        <v>369</v>
      </c>
      <c r="J118" s="495" t="s">
        <v>452</v>
      </c>
      <c r="K118" s="495"/>
      <c r="L118" s="484" t="s">
        <v>58</v>
      </c>
      <c r="M118" s="484" t="s">
        <v>22</v>
      </c>
      <c r="N118" s="484"/>
      <c r="O118" s="484" t="s">
        <v>81</v>
      </c>
      <c r="P118" s="484" t="s">
        <v>334</v>
      </c>
      <c r="Q118" s="484"/>
      <c r="R118" s="484" t="s">
        <v>187</v>
      </c>
      <c r="S118" s="484" t="s">
        <v>63</v>
      </c>
      <c r="T118" s="484" t="s">
        <v>63</v>
      </c>
      <c r="U118" s="485">
        <v>111459</v>
      </c>
      <c r="V118" s="485"/>
      <c r="W118" s="484" t="s">
        <v>226</v>
      </c>
      <c r="X118" s="484"/>
      <c r="Y118" s="485">
        <f t="shared" si="16"/>
        <v>111459</v>
      </c>
      <c r="Z118" s="484" t="s">
        <v>82</v>
      </c>
      <c r="AA118" s="496"/>
      <c r="AB118" s="496"/>
      <c r="AC118" s="496"/>
      <c r="AD118" s="496"/>
      <c r="AE118" s="496"/>
      <c r="AF118" s="487" t="s">
        <v>66</v>
      </c>
      <c r="AG118" s="496"/>
      <c r="AH118" s="496"/>
      <c r="AI118" s="496"/>
      <c r="AJ118" s="496"/>
      <c r="AK118" s="496"/>
      <c r="AL118" s="496"/>
      <c r="AM118" s="496"/>
      <c r="AN118" s="496"/>
      <c r="AO118" s="496"/>
      <c r="AP118" s="496"/>
      <c r="AQ118" s="496"/>
      <c r="AR118" s="496"/>
      <c r="AS118" s="496"/>
      <c r="AT118" s="496"/>
      <c r="AU118" s="496"/>
      <c r="AV118" s="496"/>
      <c r="AW118" s="496"/>
      <c r="AX118" s="496"/>
      <c r="AY118" s="496"/>
      <c r="AZ118" s="496"/>
      <c r="BA118" s="496"/>
      <c r="BB118" s="496"/>
      <c r="BC118" s="496"/>
      <c r="BD118" s="496"/>
      <c r="BE118" s="496"/>
      <c r="BF118" s="80">
        <f t="shared" si="14"/>
        <v>480</v>
      </c>
      <c r="BG118" s="76">
        <f t="shared" si="21"/>
        <v>232.20625000000001</v>
      </c>
      <c r="BH118" s="487" t="str">
        <f t="shared" si="19"/>
        <v/>
      </c>
      <c r="BI118" s="487" t="str">
        <f t="shared" si="19"/>
        <v/>
      </c>
      <c r="BJ118" s="487" t="str">
        <f t="shared" si="19"/>
        <v/>
      </c>
      <c r="BK118" s="487" t="str">
        <f t="shared" si="19"/>
        <v/>
      </c>
      <c r="BL118" s="487" t="str">
        <f t="shared" si="19"/>
        <v/>
      </c>
      <c r="BM118" s="487">
        <f t="shared" si="19"/>
        <v>111459</v>
      </c>
      <c r="BN118" s="487" t="str">
        <f t="shared" si="19"/>
        <v/>
      </c>
      <c r="BO118" s="487" t="str">
        <f t="shared" si="19"/>
        <v/>
      </c>
      <c r="BP118" s="487" t="str">
        <f t="shared" si="19"/>
        <v/>
      </c>
      <c r="BQ118" s="487" t="str">
        <f t="shared" si="19"/>
        <v/>
      </c>
      <c r="BR118" s="487" t="str">
        <f t="shared" si="19"/>
        <v/>
      </c>
      <c r="BS118" s="487" t="str">
        <f t="shared" si="19"/>
        <v/>
      </c>
      <c r="BT118" s="487" t="str">
        <f t="shared" si="19"/>
        <v/>
      </c>
      <c r="BU118" s="487" t="str">
        <f t="shared" si="19"/>
        <v/>
      </c>
      <c r="BV118" s="487" t="str">
        <f t="shared" si="19"/>
        <v/>
      </c>
      <c r="BW118" s="487" t="str">
        <f t="shared" si="19"/>
        <v/>
      </c>
      <c r="BX118" s="487" t="str">
        <f t="shared" si="22"/>
        <v/>
      </c>
      <c r="BY118" s="487" t="str">
        <f t="shared" si="22"/>
        <v/>
      </c>
      <c r="BZ118" s="487" t="str">
        <f t="shared" si="20"/>
        <v/>
      </c>
      <c r="CA118" s="487" t="str">
        <f t="shared" si="20"/>
        <v/>
      </c>
      <c r="CB118" s="487" t="str">
        <f t="shared" si="20"/>
        <v/>
      </c>
      <c r="CC118" s="487" t="str">
        <f t="shared" si="20"/>
        <v/>
      </c>
      <c r="CD118" s="487" t="str">
        <f t="shared" si="20"/>
        <v/>
      </c>
      <c r="CE118" s="487" t="str">
        <f t="shared" si="20"/>
        <v/>
      </c>
      <c r="CF118" s="487" t="str">
        <f t="shared" si="20"/>
        <v/>
      </c>
      <c r="CG118" s="487" t="str">
        <f t="shared" si="20"/>
        <v/>
      </c>
      <c r="CH118" s="487" t="str">
        <f t="shared" si="20"/>
        <v/>
      </c>
      <c r="CI118" s="487" t="str">
        <f t="shared" si="20"/>
        <v/>
      </c>
      <c r="CJ118" s="487" t="str">
        <f t="shared" si="20"/>
        <v/>
      </c>
      <c r="CK118" s="487" t="str">
        <f t="shared" si="20"/>
        <v/>
      </c>
      <c r="CL118" s="487" t="str">
        <f t="shared" si="20"/>
        <v/>
      </c>
      <c r="CM118" s="487"/>
      <c r="CN118" s="487"/>
      <c r="CO118" s="487"/>
      <c r="CP118" s="487"/>
      <c r="CQ118" s="487"/>
      <c r="CR118" s="487"/>
      <c r="CS118" s="487"/>
      <c r="CT118" s="487"/>
      <c r="CU118" s="487"/>
      <c r="CV118" s="487"/>
      <c r="CW118" s="487"/>
      <c r="CX118" s="487"/>
      <c r="CY118" s="487"/>
      <c r="CZ118" s="487"/>
      <c r="DA118" s="487"/>
      <c r="DB118" s="487"/>
      <c r="DC118" s="487"/>
      <c r="DD118" s="487"/>
      <c r="DE118" s="487"/>
      <c r="DF118" s="487"/>
      <c r="DG118" s="487"/>
      <c r="DH118" s="487"/>
      <c r="DI118" s="484"/>
      <c r="DJ118" s="484" t="s">
        <v>340</v>
      </c>
      <c r="DK118" s="484" t="s">
        <v>336</v>
      </c>
    </row>
    <row r="119" spans="1:115" s="354" customFormat="1" ht="56.1" hidden="1" customHeight="1" x14ac:dyDescent="0.2">
      <c r="A119" s="494"/>
      <c r="B119" s="494"/>
      <c r="C119" s="481">
        <v>189</v>
      </c>
      <c r="D119" s="481"/>
      <c r="E119" s="481" t="s">
        <v>2481</v>
      </c>
      <c r="F119" s="482" t="s">
        <v>53</v>
      </c>
      <c r="G119" s="482" t="s">
        <v>329</v>
      </c>
      <c r="H119" s="484" t="s">
        <v>428</v>
      </c>
      <c r="I119" s="484" t="s">
        <v>369</v>
      </c>
      <c r="J119" s="495" t="s">
        <v>452</v>
      </c>
      <c r="K119" s="495"/>
      <c r="L119" s="484" t="s">
        <v>58</v>
      </c>
      <c r="M119" s="484" t="s">
        <v>207</v>
      </c>
      <c r="N119" s="484"/>
      <c r="O119" s="484" t="s">
        <v>81</v>
      </c>
      <c r="P119" s="484" t="s">
        <v>334</v>
      </c>
      <c r="Q119" s="484"/>
      <c r="R119" s="484" t="s">
        <v>208</v>
      </c>
      <c r="S119" s="484" t="s">
        <v>63</v>
      </c>
      <c r="T119" s="484" t="s">
        <v>63</v>
      </c>
      <c r="U119" s="485">
        <f>'[1]Hemel Hempstead'!$AT$16</f>
        <v>116115.15377720933</v>
      </c>
      <c r="V119" s="485"/>
      <c r="W119" s="484" t="s">
        <v>226</v>
      </c>
      <c r="X119" s="484"/>
      <c r="Y119" s="485">
        <f t="shared" si="16"/>
        <v>116115.15377720933</v>
      </c>
      <c r="Z119" s="484" t="s">
        <v>82</v>
      </c>
      <c r="AA119" s="496"/>
      <c r="AB119" s="496"/>
      <c r="AC119" s="496"/>
      <c r="AD119" s="496"/>
      <c r="AE119" s="496"/>
      <c r="AF119" s="487"/>
      <c r="AG119" s="496"/>
      <c r="AH119" s="496"/>
      <c r="AI119" s="496" t="s">
        <v>66</v>
      </c>
      <c r="AJ119" s="496"/>
      <c r="AK119" s="496"/>
      <c r="AL119" s="496"/>
      <c r="AM119" s="496"/>
      <c r="AN119" s="496"/>
      <c r="AO119" s="496"/>
      <c r="AP119" s="496"/>
      <c r="AQ119" s="496"/>
      <c r="AR119" s="496"/>
      <c r="AS119" s="496"/>
      <c r="AT119" s="496"/>
      <c r="AU119" s="496"/>
      <c r="AV119" s="496"/>
      <c r="AW119" s="496"/>
      <c r="AX119" s="496"/>
      <c r="AY119" s="496"/>
      <c r="AZ119" s="496"/>
      <c r="BA119" s="496"/>
      <c r="BB119" s="496"/>
      <c r="BC119" s="496"/>
      <c r="BD119" s="496"/>
      <c r="BE119" s="496"/>
      <c r="BF119" s="80">
        <f t="shared" si="14"/>
        <v>500</v>
      </c>
      <c r="BG119" s="76">
        <f t="shared" si="21"/>
        <v>232.23030755441866</v>
      </c>
      <c r="BH119" s="487" t="str">
        <f t="shared" si="19"/>
        <v/>
      </c>
      <c r="BI119" s="487" t="str">
        <f t="shared" si="19"/>
        <v/>
      </c>
      <c r="BJ119" s="487" t="str">
        <f t="shared" ref="BJ119:BW137" si="23">IF(AC119="yes",(AC$2*$BG119),"")</f>
        <v/>
      </c>
      <c r="BK119" s="487" t="str">
        <f t="shared" si="23"/>
        <v/>
      </c>
      <c r="BL119" s="487" t="str">
        <f t="shared" si="23"/>
        <v/>
      </c>
      <c r="BM119" s="487" t="str">
        <f t="shared" si="23"/>
        <v/>
      </c>
      <c r="BN119" s="487" t="str">
        <f t="shared" si="23"/>
        <v/>
      </c>
      <c r="BO119" s="487" t="str">
        <f t="shared" si="23"/>
        <v/>
      </c>
      <c r="BP119" s="487">
        <f t="shared" si="23"/>
        <v>116115.15377720933</v>
      </c>
      <c r="BQ119" s="487" t="str">
        <f t="shared" si="23"/>
        <v/>
      </c>
      <c r="BR119" s="487" t="str">
        <f t="shared" si="23"/>
        <v/>
      </c>
      <c r="BS119" s="487" t="str">
        <f t="shared" si="23"/>
        <v/>
      </c>
      <c r="BT119" s="487" t="str">
        <f t="shared" si="23"/>
        <v/>
      </c>
      <c r="BU119" s="487" t="str">
        <f t="shared" si="23"/>
        <v/>
      </c>
      <c r="BV119" s="487" t="str">
        <f t="shared" si="23"/>
        <v/>
      </c>
      <c r="BW119" s="487" t="str">
        <f t="shared" si="23"/>
        <v/>
      </c>
      <c r="BX119" s="487" t="str">
        <f t="shared" si="22"/>
        <v/>
      </c>
      <c r="BY119" s="487" t="str">
        <f t="shared" si="22"/>
        <v/>
      </c>
      <c r="BZ119" s="487" t="str">
        <f t="shared" si="20"/>
        <v/>
      </c>
      <c r="CA119" s="487" t="str">
        <f t="shared" si="20"/>
        <v/>
      </c>
      <c r="CB119" s="487" t="str">
        <f t="shared" si="20"/>
        <v/>
      </c>
      <c r="CC119" s="487" t="str">
        <f t="shared" si="20"/>
        <v/>
      </c>
      <c r="CD119" s="487" t="str">
        <f t="shared" si="20"/>
        <v/>
      </c>
      <c r="CE119" s="487" t="str">
        <f t="shared" si="20"/>
        <v/>
      </c>
      <c r="CF119" s="487" t="str">
        <f t="shared" si="20"/>
        <v/>
      </c>
      <c r="CG119" s="487" t="str">
        <f t="shared" si="20"/>
        <v/>
      </c>
      <c r="CH119" s="487" t="str">
        <f t="shared" si="20"/>
        <v/>
      </c>
      <c r="CI119" s="487" t="str">
        <f t="shared" si="20"/>
        <v/>
      </c>
      <c r="CJ119" s="487" t="str">
        <f t="shared" si="20"/>
        <v/>
      </c>
      <c r="CK119" s="487" t="str">
        <f t="shared" si="20"/>
        <v/>
      </c>
      <c r="CL119" s="487" t="str">
        <f t="shared" si="20"/>
        <v/>
      </c>
      <c r="CM119" s="487"/>
      <c r="CN119" s="487"/>
      <c r="CO119" s="487"/>
      <c r="CP119" s="487"/>
      <c r="CQ119" s="487"/>
      <c r="CR119" s="487"/>
      <c r="CS119" s="487"/>
      <c r="CT119" s="487"/>
      <c r="CU119" s="487"/>
      <c r="CV119" s="487"/>
      <c r="CW119" s="487"/>
      <c r="CX119" s="487"/>
      <c r="CY119" s="487"/>
      <c r="CZ119" s="487"/>
      <c r="DA119" s="487"/>
      <c r="DB119" s="487"/>
      <c r="DC119" s="487"/>
      <c r="DD119" s="487"/>
      <c r="DE119" s="487"/>
      <c r="DF119" s="487"/>
      <c r="DG119" s="487"/>
      <c r="DH119" s="487"/>
      <c r="DI119" s="484"/>
      <c r="DJ119" s="484"/>
      <c r="DK119" s="484"/>
    </row>
    <row r="120" spans="1:115" s="354" customFormat="1" ht="56.1" hidden="1" customHeight="1" x14ac:dyDescent="0.2">
      <c r="A120" s="77" t="s">
        <v>2492</v>
      </c>
      <c r="B120" s="77" t="s">
        <v>2493</v>
      </c>
      <c r="C120" s="481">
        <v>190</v>
      </c>
      <c r="D120" s="481"/>
      <c r="E120" s="481" t="s">
        <v>2481</v>
      </c>
      <c r="F120" s="482" t="s">
        <v>53</v>
      </c>
      <c r="G120" s="482" t="s">
        <v>329</v>
      </c>
      <c r="H120" s="484" t="s">
        <v>428</v>
      </c>
      <c r="I120" s="484" t="s">
        <v>369</v>
      </c>
      <c r="J120" s="495" t="s">
        <v>453</v>
      </c>
      <c r="K120" s="495"/>
      <c r="L120" s="484" t="s">
        <v>58</v>
      </c>
      <c r="M120" s="484" t="s">
        <v>2493</v>
      </c>
      <c r="N120" s="484"/>
      <c r="O120" s="484" t="s">
        <v>81</v>
      </c>
      <c r="P120" s="484" t="s">
        <v>334</v>
      </c>
      <c r="Q120" s="484"/>
      <c r="R120" s="484" t="s">
        <v>71</v>
      </c>
      <c r="S120" s="484" t="s">
        <v>63</v>
      </c>
      <c r="T120" s="484" t="s">
        <v>63</v>
      </c>
      <c r="U120" s="485">
        <f>'[1]Hemel Hempstead'!$CH$16</f>
        <v>54359.652135744109</v>
      </c>
      <c r="V120" s="485"/>
      <c r="W120" s="484" t="s">
        <v>226</v>
      </c>
      <c r="X120" s="484"/>
      <c r="Y120" s="485">
        <f t="shared" si="16"/>
        <v>54359.652135744109</v>
      </c>
      <c r="Z120" s="484" t="s">
        <v>82</v>
      </c>
      <c r="AA120" s="496"/>
      <c r="AB120" s="496"/>
      <c r="AC120" s="496"/>
      <c r="AD120" s="496"/>
      <c r="AE120" s="496"/>
      <c r="AF120" s="487"/>
      <c r="AG120" s="496"/>
      <c r="AH120" s="496"/>
      <c r="AI120" s="496"/>
      <c r="AJ120" s="496"/>
      <c r="AK120" s="496"/>
      <c r="AL120" s="496"/>
      <c r="AM120" s="496" t="s">
        <v>66</v>
      </c>
      <c r="AN120" s="496"/>
      <c r="AO120" s="496"/>
      <c r="AP120" s="496"/>
      <c r="AQ120" s="496"/>
      <c r="AR120" s="496"/>
      <c r="AS120" s="496"/>
      <c r="AT120" s="496"/>
      <c r="AU120" s="496"/>
      <c r="AV120" s="496"/>
      <c r="AW120" s="496"/>
      <c r="AX120" s="496"/>
      <c r="AY120" s="496"/>
      <c r="AZ120" s="496"/>
      <c r="BA120" s="496"/>
      <c r="BB120" s="496"/>
      <c r="BC120" s="496"/>
      <c r="BD120" s="496"/>
      <c r="BE120" s="496"/>
      <c r="BF120" s="80">
        <f t="shared" si="14"/>
        <v>234</v>
      </c>
      <c r="BG120" s="76">
        <f t="shared" si="21"/>
        <v>232.30620570830817</v>
      </c>
      <c r="BH120" s="487" t="str">
        <f t="shared" ref="BH120:BP171" si="24">IF(AA120="yes",(AA$2*$BG120),"")</f>
        <v/>
      </c>
      <c r="BI120" s="487" t="str">
        <f t="shared" si="24"/>
        <v/>
      </c>
      <c r="BJ120" s="487" t="str">
        <f t="shared" si="23"/>
        <v/>
      </c>
      <c r="BK120" s="487" t="str">
        <f t="shared" si="23"/>
        <v/>
      </c>
      <c r="BL120" s="487" t="str">
        <f t="shared" si="23"/>
        <v/>
      </c>
      <c r="BM120" s="487" t="str">
        <f t="shared" si="23"/>
        <v/>
      </c>
      <c r="BN120" s="487" t="str">
        <f t="shared" si="23"/>
        <v/>
      </c>
      <c r="BO120" s="487" t="str">
        <f t="shared" si="23"/>
        <v/>
      </c>
      <c r="BP120" s="487" t="str">
        <f t="shared" si="23"/>
        <v/>
      </c>
      <c r="BQ120" s="487" t="str">
        <f t="shared" si="23"/>
        <v/>
      </c>
      <c r="BR120" s="487" t="str">
        <f t="shared" si="23"/>
        <v/>
      </c>
      <c r="BS120" s="487" t="str">
        <f t="shared" si="23"/>
        <v/>
      </c>
      <c r="BT120" s="487">
        <f t="shared" si="23"/>
        <v>54359.652135744109</v>
      </c>
      <c r="BU120" s="487" t="str">
        <f t="shared" si="23"/>
        <v/>
      </c>
      <c r="BV120" s="487" t="str">
        <f t="shared" si="23"/>
        <v/>
      </c>
      <c r="BW120" s="487" t="str">
        <f t="shared" si="23"/>
        <v/>
      </c>
      <c r="BX120" s="487" t="str">
        <f t="shared" si="22"/>
        <v/>
      </c>
      <c r="BY120" s="487" t="str">
        <f t="shared" si="22"/>
        <v/>
      </c>
      <c r="BZ120" s="487" t="str">
        <f t="shared" si="20"/>
        <v/>
      </c>
      <c r="CA120" s="487" t="str">
        <f t="shared" si="20"/>
        <v/>
      </c>
      <c r="CB120" s="487" t="str">
        <f t="shared" si="20"/>
        <v/>
      </c>
      <c r="CC120" s="487" t="str">
        <f t="shared" si="20"/>
        <v/>
      </c>
      <c r="CD120" s="487" t="str">
        <f t="shared" si="20"/>
        <v/>
      </c>
      <c r="CE120" s="487" t="str">
        <f t="shared" si="20"/>
        <v/>
      </c>
      <c r="CF120" s="487" t="str">
        <f t="shared" si="20"/>
        <v/>
      </c>
      <c r="CG120" s="487" t="str">
        <f t="shared" si="20"/>
        <v/>
      </c>
      <c r="CH120" s="487" t="str">
        <f t="shared" si="20"/>
        <v/>
      </c>
      <c r="CI120" s="487" t="str">
        <f t="shared" si="20"/>
        <v/>
      </c>
      <c r="CJ120" s="487" t="str">
        <f t="shared" si="20"/>
        <v/>
      </c>
      <c r="CK120" s="487" t="str">
        <f t="shared" si="20"/>
        <v/>
      </c>
      <c r="CL120" s="487" t="str">
        <f t="shared" si="20"/>
        <v/>
      </c>
      <c r="CM120" s="487"/>
      <c r="CN120" s="487"/>
      <c r="CO120" s="487"/>
      <c r="CP120" s="487"/>
      <c r="CQ120" s="487"/>
      <c r="CR120" s="487"/>
      <c r="CS120" s="487"/>
      <c r="CT120" s="487"/>
      <c r="CU120" s="487"/>
      <c r="CV120" s="487"/>
      <c r="CW120" s="487"/>
      <c r="CX120" s="487"/>
      <c r="CY120" s="487"/>
      <c r="CZ120" s="487"/>
      <c r="DA120" s="487"/>
      <c r="DB120" s="487"/>
      <c r="DC120" s="487"/>
      <c r="DD120" s="487"/>
      <c r="DE120" s="487"/>
      <c r="DF120" s="487"/>
      <c r="DG120" s="487"/>
      <c r="DH120" s="487"/>
      <c r="DI120" s="484"/>
      <c r="DJ120" s="484"/>
      <c r="DK120" s="484"/>
    </row>
    <row r="121" spans="1:115" s="354" customFormat="1" ht="56.1" hidden="1" customHeight="1" x14ac:dyDescent="0.2">
      <c r="A121" s="494"/>
      <c r="B121" s="494"/>
      <c r="C121" s="481">
        <v>191</v>
      </c>
      <c r="D121" s="481"/>
      <c r="E121" s="481" t="s">
        <v>2481</v>
      </c>
      <c r="F121" s="482" t="s">
        <v>53</v>
      </c>
      <c r="G121" s="482" t="s">
        <v>329</v>
      </c>
      <c r="H121" s="484" t="s">
        <v>428</v>
      </c>
      <c r="I121" s="484" t="s">
        <v>369</v>
      </c>
      <c r="J121" s="495" t="s">
        <v>454</v>
      </c>
      <c r="K121" s="495"/>
      <c r="L121" s="484" t="s">
        <v>58</v>
      </c>
      <c r="M121" s="484" t="s">
        <v>26</v>
      </c>
      <c r="N121" s="484"/>
      <c r="O121" s="484" t="s">
        <v>81</v>
      </c>
      <c r="P121" s="484" t="s">
        <v>334</v>
      </c>
      <c r="Q121" s="484"/>
      <c r="R121" s="484" t="s">
        <v>159</v>
      </c>
      <c r="S121" s="484" t="s">
        <v>63</v>
      </c>
      <c r="T121" s="484" t="s">
        <v>63</v>
      </c>
      <c r="U121" s="485">
        <f>'[1]Hemel Hempstead'!$BI$16</f>
        <v>116115.15377720933</v>
      </c>
      <c r="V121" s="485"/>
      <c r="W121" s="484" t="s">
        <v>226</v>
      </c>
      <c r="X121" s="484"/>
      <c r="Y121" s="485">
        <f t="shared" si="16"/>
        <v>116115.15377720933</v>
      </c>
      <c r="Z121" s="484" t="s">
        <v>82</v>
      </c>
      <c r="AA121" s="496"/>
      <c r="AB121" s="496"/>
      <c r="AC121" s="496"/>
      <c r="AD121" s="496"/>
      <c r="AE121" s="496"/>
      <c r="AF121" s="487"/>
      <c r="AG121" s="496"/>
      <c r="AH121" s="496"/>
      <c r="AI121" s="496"/>
      <c r="AJ121" s="496"/>
      <c r="AK121" s="496"/>
      <c r="AL121" s="496"/>
      <c r="AM121" s="496"/>
      <c r="AN121" s="496"/>
      <c r="AO121" s="496"/>
      <c r="AP121" s="496"/>
      <c r="AQ121" s="496"/>
      <c r="AR121" s="496"/>
      <c r="AS121" s="496"/>
      <c r="AT121" s="496"/>
      <c r="AU121" s="496"/>
      <c r="AV121" s="496"/>
      <c r="AW121" s="496"/>
      <c r="AX121" s="496"/>
      <c r="AY121" s="496"/>
      <c r="AZ121" s="496"/>
      <c r="BA121" s="496"/>
      <c r="BB121" s="496"/>
      <c r="BC121" s="496"/>
      <c r="BD121" s="496"/>
      <c r="BE121" s="496"/>
      <c r="BF121" s="80">
        <f t="shared" si="14"/>
        <v>0</v>
      </c>
      <c r="BG121" s="76"/>
      <c r="BH121" s="487" t="str">
        <f t="shared" si="24"/>
        <v/>
      </c>
      <c r="BI121" s="487" t="str">
        <f t="shared" si="24"/>
        <v/>
      </c>
      <c r="BJ121" s="487" t="str">
        <f t="shared" si="23"/>
        <v/>
      </c>
      <c r="BK121" s="487" t="str">
        <f t="shared" si="23"/>
        <v/>
      </c>
      <c r="BL121" s="487" t="str">
        <f t="shared" si="23"/>
        <v/>
      </c>
      <c r="BM121" s="487" t="str">
        <f t="shared" si="23"/>
        <v/>
      </c>
      <c r="BN121" s="487" t="str">
        <f t="shared" si="23"/>
        <v/>
      </c>
      <c r="BO121" s="487" t="str">
        <f t="shared" si="23"/>
        <v/>
      </c>
      <c r="BP121" s="487" t="str">
        <f t="shared" si="23"/>
        <v/>
      </c>
      <c r="BQ121" s="487" t="str">
        <f t="shared" si="23"/>
        <v/>
      </c>
      <c r="BR121" s="487" t="str">
        <f t="shared" si="23"/>
        <v/>
      </c>
      <c r="BS121" s="487" t="str">
        <f t="shared" si="23"/>
        <v/>
      </c>
      <c r="BT121" s="487" t="str">
        <f t="shared" si="23"/>
        <v/>
      </c>
      <c r="BU121" s="487" t="str">
        <f t="shared" si="23"/>
        <v/>
      </c>
      <c r="BV121" s="487" t="str">
        <f t="shared" si="23"/>
        <v/>
      </c>
      <c r="BW121" s="487" t="str">
        <f t="shared" si="23"/>
        <v/>
      </c>
      <c r="BX121" s="487" t="str">
        <f t="shared" si="22"/>
        <v/>
      </c>
      <c r="BY121" s="487" t="str">
        <f t="shared" si="22"/>
        <v/>
      </c>
      <c r="BZ121" s="487" t="str">
        <f t="shared" si="20"/>
        <v/>
      </c>
      <c r="CA121" s="487" t="str">
        <f t="shared" si="20"/>
        <v/>
      </c>
      <c r="CB121" s="487" t="str">
        <f t="shared" si="20"/>
        <v/>
      </c>
      <c r="CC121" s="487" t="str">
        <f t="shared" si="20"/>
        <v/>
      </c>
      <c r="CD121" s="487" t="str">
        <f t="shared" si="20"/>
        <v/>
      </c>
      <c r="CE121" s="487" t="str">
        <f t="shared" si="20"/>
        <v/>
      </c>
      <c r="CF121" s="487" t="str">
        <f t="shared" si="20"/>
        <v/>
      </c>
      <c r="CG121" s="487" t="str">
        <f t="shared" si="20"/>
        <v/>
      </c>
      <c r="CH121" s="487" t="str">
        <f t="shared" si="20"/>
        <v/>
      </c>
      <c r="CI121" s="487" t="str">
        <f t="shared" si="20"/>
        <v/>
      </c>
      <c r="CJ121" s="487" t="str">
        <f t="shared" si="20"/>
        <v/>
      </c>
      <c r="CK121" s="487" t="str">
        <f t="shared" si="20"/>
        <v/>
      </c>
      <c r="CL121" s="487" t="str">
        <f t="shared" si="20"/>
        <v/>
      </c>
      <c r="CM121" s="487"/>
      <c r="CN121" s="487"/>
      <c r="CO121" s="487"/>
      <c r="CP121" s="487"/>
      <c r="CQ121" s="487"/>
      <c r="CR121" s="487"/>
      <c r="CS121" s="487"/>
      <c r="CT121" s="487"/>
      <c r="CU121" s="487"/>
      <c r="CV121" s="487"/>
      <c r="CW121" s="487"/>
      <c r="CX121" s="487"/>
      <c r="CY121" s="487"/>
      <c r="CZ121" s="487"/>
      <c r="DA121" s="487"/>
      <c r="DB121" s="487"/>
      <c r="DC121" s="487"/>
      <c r="DD121" s="487"/>
      <c r="DE121" s="487"/>
      <c r="DF121" s="487"/>
      <c r="DG121" s="487"/>
      <c r="DH121" s="487"/>
      <c r="DI121" s="484"/>
      <c r="DJ121" s="484"/>
      <c r="DK121" s="484"/>
    </row>
    <row r="122" spans="1:115" s="354" customFormat="1" ht="56.1" hidden="1" customHeight="1" x14ac:dyDescent="0.2">
      <c r="A122" s="494"/>
      <c r="B122" s="494"/>
      <c r="C122" s="481">
        <v>192</v>
      </c>
      <c r="D122" s="481"/>
      <c r="E122" s="481" t="s">
        <v>2481</v>
      </c>
      <c r="F122" s="482" t="s">
        <v>53</v>
      </c>
      <c r="G122" s="482" t="s">
        <v>329</v>
      </c>
      <c r="H122" s="484" t="s">
        <v>428</v>
      </c>
      <c r="I122" s="484" t="s">
        <v>369</v>
      </c>
      <c r="J122" s="495" t="s">
        <v>455</v>
      </c>
      <c r="K122" s="495"/>
      <c r="L122" s="484" t="s">
        <v>58</v>
      </c>
      <c r="M122" s="484" t="s">
        <v>27</v>
      </c>
      <c r="N122" s="484"/>
      <c r="O122" s="484" t="s">
        <v>81</v>
      </c>
      <c r="P122" s="484" t="s">
        <v>334</v>
      </c>
      <c r="Q122" s="484"/>
      <c r="R122" s="484" t="s">
        <v>390</v>
      </c>
      <c r="S122" s="484" t="s">
        <v>63</v>
      </c>
      <c r="T122" s="484" t="s">
        <v>63</v>
      </c>
      <c r="U122" s="485">
        <f>'[1]Hemel Hempstead'!$BD$16</f>
        <v>174162.46250449176</v>
      </c>
      <c r="V122" s="485"/>
      <c r="W122" s="484" t="s">
        <v>226</v>
      </c>
      <c r="X122" s="484"/>
      <c r="Y122" s="485">
        <f t="shared" si="16"/>
        <v>174162.46250449176</v>
      </c>
      <c r="Z122" s="484" t="s">
        <v>82</v>
      </c>
      <c r="AA122" s="496"/>
      <c r="AB122" s="496"/>
      <c r="AC122" s="496"/>
      <c r="AD122" s="496"/>
      <c r="AE122" s="496"/>
      <c r="AF122" s="487"/>
      <c r="AG122" s="496"/>
      <c r="AH122" s="496"/>
      <c r="AI122" s="496"/>
      <c r="AJ122" s="496"/>
      <c r="AK122" s="496"/>
      <c r="AL122" s="496"/>
      <c r="AM122" s="496"/>
      <c r="AN122" s="496"/>
      <c r="AO122" s="496"/>
      <c r="AP122" s="496"/>
      <c r="AQ122" s="496"/>
      <c r="AR122" s="496"/>
      <c r="AS122" s="496"/>
      <c r="AT122" s="496"/>
      <c r="AU122" s="496"/>
      <c r="AV122" s="496"/>
      <c r="AW122" s="496"/>
      <c r="AX122" s="496"/>
      <c r="AY122" s="496"/>
      <c r="AZ122" s="496"/>
      <c r="BA122" s="496"/>
      <c r="BB122" s="496"/>
      <c r="BC122" s="496"/>
      <c r="BD122" s="496"/>
      <c r="BE122" s="496"/>
      <c r="BF122" s="80">
        <f t="shared" si="14"/>
        <v>0</v>
      </c>
      <c r="BG122" s="76"/>
      <c r="BH122" s="487" t="str">
        <f t="shared" si="24"/>
        <v/>
      </c>
      <c r="BI122" s="487" t="str">
        <f t="shared" si="24"/>
        <v/>
      </c>
      <c r="BJ122" s="487" t="str">
        <f t="shared" si="23"/>
        <v/>
      </c>
      <c r="BK122" s="487" t="str">
        <f t="shared" si="23"/>
        <v/>
      </c>
      <c r="BL122" s="487" t="str">
        <f t="shared" si="23"/>
        <v/>
      </c>
      <c r="BM122" s="487" t="str">
        <f t="shared" si="23"/>
        <v/>
      </c>
      <c r="BN122" s="487" t="str">
        <f t="shared" si="23"/>
        <v/>
      </c>
      <c r="BO122" s="487" t="str">
        <f t="shared" si="23"/>
        <v/>
      </c>
      <c r="BP122" s="487" t="str">
        <f t="shared" si="23"/>
        <v/>
      </c>
      <c r="BQ122" s="487" t="str">
        <f t="shared" si="23"/>
        <v/>
      </c>
      <c r="BR122" s="487" t="str">
        <f t="shared" si="23"/>
        <v/>
      </c>
      <c r="BS122" s="487" t="str">
        <f t="shared" si="23"/>
        <v/>
      </c>
      <c r="BT122" s="487" t="str">
        <f t="shared" si="23"/>
        <v/>
      </c>
      <c r="BU122" s="487" t="str">
        <f t="shared" si="23"/>
        <v/>
      </c>
      <c r="BV122" s="487" t="str">
        <f t="shared" si="23"/>
        <v/>
      </c>
      <c r="BW122" s="487" t="str">
        <f t="shared" si="23"/>
        <v/>
      </c>
      <c r="BX122" s="487" t="str">
        <f t="shared" si="22"/>
        <v/>
      </c>
      <c r="BY122" s="487" t="str">
        <f t="shared" si="22"/>
        <v/>
      </c>
      <c r="BZ122" s="487" t="str">
        <f t="shared" si="20"/>
        <v/>
      </c>
      <c r="CA122" s="487" t="str">
        <f t="shared" si="20"/>
        <v/>
      </c>
      <c r="CB122" s="487" t="str">
        <f t="shared" si="20"/>
        <v/>
      </c>
      <c r="CC122" s="487" t="str">
        <f t="shared" si="20"/>
        <v/>
      </c>
      <c r="CD122" s="487" t="str">
        <f t="shared" si="20"/>
        <v/>
      </c>
      <c r="CE122" s="487" t="str">
        <f t="shared" si="20"/>
        <v/>
      </c>
      <c r="CF122" s="487" t="str">
        <f t="shared" si="20"/>
        <v/>
      </c>
      <c r="CG122" s="487" t="str">
        <f t="shared" si="20"/>
        <v/>
      </c>
      <c r="CH122" s="487" t="str">
        <f t="shared" si="20"/>
        <v/>
      </c>
      <c r="CI122" s="487" t="str">
        <f t="shared" si="20"/>
        <v/>
      </c>
      <c r="CJ122" s="487" t="str">
        <f t="shared" si="20"/>
        <v/>
      </c>
      <c r="CK122" s="487" t="str">
        <f t="shared" si="20"/>
        <v/>
      </c>
      <c r="CL122" s="487" t="str">
        <f t="shared" si="20"/>
        <v/>
      </c>
      <c r="CM122" s="487"/>
      <c r="CN122" s="487"/>
      <c r="CO122" s="487"/>
      <c r="CP122" s="487"/>
      <c r="CQ122" s="487"/>
      <c r="CR122" s="487"/>
      <c r="CS122" s="487"/>
      <c r="CT122" s="487"/>
      <c r="CU122" s="487"/>
      <c r="CV122" s="487"/>
      <c r="CW122" s="487"/>
      <c r="CX122" s="487"/>
      <c r="CY122" s="487"/>
      <c r="CZ122" s="487"/>
      <c r="DA122" s="487"/>
      <c r="DB122" s="487"/>
      <c r="DC122" s="487"/>
      <c r="DD122" s="487"/>
      <c r="DE122" s="487"/>
      <c r="DF122" s="487"/>
      <c r="DG122" s="487"/>
      <c r="DH122" s="487"/>
      <c r="DI122" s="484"/>
      <c r="DJ122" s="484"/>
      <c r="DK122" s="484"/>
    </row>
    <row r="123" spans="1:115" s="354" customFormat="1" ht="56.1" hidden="1" customHeight="1" x14ac:dyDescent="0.2">
      <c r="A123" s="494"/>
      <c r="B123" s="494"/>
      <c r="C123" s="481">
        <v>193</v>
      </c>
      <c r="D123" s="481"/>
      <c r="E123" s="481" t="s">
        <v>2481</v>
      </c>
      <c r="F123" s="482" t="s">
        <v>53</v>
      </c>
      <c r="G123" s="482" t="s">
        <v>329</v>
      </c>
      <c r="H123" s="484" t="s">
        <v>428</v>
      </c>
      <c r="I123" s="484" t="s">
        <v>369</v>
      </c>
      <c r="J123" s="495" t="s">
        <v>446</v>
      </c>
      <c r="K123" s="495"/>
      <c r="L123" s="484" t="s">
        <v>58</v>
      </c>
      <c r="M123" s="484" t="s">
        <v>127</v>
      </c>
      <c r="N123" s="484"/>
      <c r="O123" s="484" t="s">
        <v>81</v>
      </c>
      <c r="P123" s="484" t="s">
        <v>334</v>
      </c>
      <c r="Q123" s="484"/>
      <c r="R123" s="484" t="s">
        <v>187</v>
      </c>
      <c r="S123" s="484" t="s">
        <v>63</v>
      </c>
      <c r="T123" s="484" t="s">
        <v>63</v>
      </c>
      <c r="U123" s="485">
        <f>'[1]Hemel Hempstead'!$BN$16</f>
        <v>81281.574877273233</v>
      </c>
      <c r="V123" s="485"/>
      <c r="W123" s="484" t="s">
        <v>226</v>
      </c>
      <c r="X123" s="484"/>
      <c r="Y123" s="485">
        <f t="shared" si="16"/>
        <v>81281.574877273233</v>
      </c>
      <c r="Z123" s="484" t="s">
        <v>82</v>
      </c>
      <c r="AA123" s="496"/>
      <c r="AB123" s="496"/>
      <c r="AC123" s="496"/>
      <c r="AD123" s="496"/>
      <c r="AE123" s="496"/>
      <c r="AF123" s="487"/>
      <c r="AG123" s="496"/>
      <c r="AH123" s="496"/>
      <c r="AI123" s="496"/>
      <c r="AJ123" s="496"/>
      <c r="AK123" s="496"/>
      <c r="AL123" s="496"/>
      <c r="AM123" s="496"/>
      <c r="AN123" s="496" t="s">
        <v>66</v>
      </c>
      <c r="AO123" s="496"/>
      <c r="AP123" s="496"/>
      <c r="AQ123" s="496"/>
      <c r="AR123" s="496"/>
      <c r="AS123" s="496"/>
      <c r="AT123" s="496"/>
      <c r="AU123" s="496"/>
      <c r="AV123" s="496"/>
      <c r="AW123" s="496"/>
      <c r="AX123" s="496"/>
      <c r="AY123" s="496"/>
      <c r="AZ123" s="496"/>
      <c r="BA123" s="496"/>
      <c r="BB123" s="496"/>
      <c r="BC123" s="496"/>
      <c r="BD123" s="496"/>
      <c r="BE123" s="496"/>
      <c r="BF123" s="80">
        <f t="shared" si="14"/>
        <v>350</v>
      </c>
      <c r="BG123" s="76">
        <f t="shared" ref="BG123:BG186" si="25">Y123/BF123</f>
        <v>232.23307107792351</v>
      </c>
      <c r="BH123" s="487" t="str">
        <f t="shared" si="24"/>
        <v/>
      </c>
      <c r="BI123" s="487" t="str">
        <f t="shared" si="24"/>
        <v/>
      </c>
      <c r="BJ123" s="487" t="str">
        <f t="shared" si="23"/>
        <v/>
      </c>
      <c r="BK123" s="487" t="str">
        <f t="shared" si="23"/>
        <v/>
      </c>
      <c r="BL123" s="487" t="str">
        <f t="shared" si="23"/>
        <v/>
      </c>
      <c r="BM123" s="487" t="str">
        <f t="shared" si="23"/>
        <v/>
      </c>
      <c r="BN123" s="487" t="str">
        <f t="shared" si="23"/>
        <v/>
      </c>
      <c r="BO123" s="487" t="str">
        <f t="shared" si="23"/>
        <v/>
      </c>
      <c r="BP123" s="487" t="str">
        <f t="shared" si="23"/>
        <v/>
      </c>
      <c r="BQ123" s="487" t="str">
        <f t="shared" si="23"/>
        <v/>
      </c>
      <c r="BR123" s="487" t="str">
        <f t="shared" si="23"/>
        <v/>
      </c>
      <c r="BS123" s="487" t="str">
        <f t="shared" si="23"/>
        <v/>
      </c>
      <c r="BT123" s="487" t="str">
        <f t="shared" si="23"/>
        <v/>
      </c>
      <c r="BU123" s="487">
        <f t="shared" si="23"/>
        <v>81281.574877273233</v>
      </c>
      <c r="BV123" s="487" t="str">
        <f t="shared" si="23"/>
        <v/>
      </c>
      <c r="BW123" s="487" t="str">
        <f t="shared" si="23"/>
        <v/>
      </c>
      <c r="BX123" s="487" t="str">
        <f t="shared" si="22"/>
        <v/>
      </c>
      <c r="BY123" s="487" t="str">
        <f t="shared" si="22"/>
        <v/>
      </c>
      <c r="BZ123" s="487" t="str">
        <f t="shared" si="20"/>
        <v/>
      </c>
      <c r="CA123" s="487" t="str">
        <f t="shared" si="20"/>
        <v/>
      </c>
      <c r="CB123" s="487" t="str">
        <f t="shared" si="20"/>
        <v/>
      </c>
      <c r="CC123" s="487" t="str">
        <f t="shared" si="20"/>
        <v/>
      </c>
      <c r="CD123" s="487" t="str">
        <f t="shared" si="20"/>
        <v/>
      </c>
      <c r="CE123" s="487" t="str">
        <f t="shared" si="20"/>
        <v/>
      </c>
      <c r="CF123" s="487" t="str">
        <f t="shared" si="20"/>
        <v/>
      </c>
      <c r="CG123" s="487" t="str">
        <f t="shared" si="20"/>
        <v/>
      </c>
      <c r="CH123" s="487" t="str">
        <f t="shared" si="20"/>
        <v/>
      </c>
      <c r="CI123" s="487" t="str">
        <f t="shared" si="20"/>
        <v/>
      </c>
      <c r="CJ123" s="487" t="str">
        <f t="shared" si="20"/>
        <v/>
      </c>
      <c r="CK123" s="487" t="str">
        <f t="shared" si="20"/>
        <v/>
      </c>
      <c r="CL123" s="487" t="str">
        <f t="shared" si="20"/>
        <v/>
      </c>
      <c r="CM123" s="487"/>
      <c r="CN123" s="487"/>
      <c r="CO123" s="487"/>
      <c r="CP123" s="487"/>
      <c r="CQ123" s="487"/>
      <c r="CR123" s="487"/>
      <c r="CS123" s="487"/>
      <c r="CT123" s="487"/>
      <c r="CU123" s="487"/>
      <c r="CV123" s="487"/>
      <c r="CW123" s="487"/>
      <c r="CX123" s="487"/>
      <c r="CY123" s="487"/>
      <c r="CZ123" s="487"/>
      <c r="DA123" s="487"/>
      <c r="DB123" s="487"/>
      <c r="DC123" s="487"/>
      <c r="DD123" s="487"/>
      <c r="DE123" s="487"/>
      <c r="DF123" s="487"/>
      <c r="DG123" s="487"/>
      <c r="DH123" s="487"/>
      <c r="DI123" s="484"/>
      <c r="DJ123" s="484"/>
      <c r="DK123" s="484"/>
    </row>
    <row r="124" spans="1:115" s="354" customFormat="1" ht="56.1" hidden="1" customHeight="1" x14ac:dyDescent="0.2">
      <c r="A124" s="494"/>
      <c r="B124" s="494"/>
      <c r="C124" s="481">
        <v>194</v>
      </c>
      <c r="D124" s="481"/>
      <c r="E124" s="481" t="s">
        <v>2481</v>
      </c>
      <c r="F124" s="482" t="s">
        <v>53</v>
      </c>
      <c r="G124" s="482" t="s">
        <v>329</v>
      </c>
      <c r="H124" s="484" t="s">
        <v>428</v>
      </c>
      <c r="I124" s="484" t="s">
        <v>369</v>
      </c>
      <c r="J124" s="495" t="s">
        <v>450</v>
      </c>
      <c r="K124" s="495"/>
      <c r="L124" s="484" t="s">
        <v>58</v>
      </c>
      <c r="M124" s="484" t="s">
        <v>31</v>
      </c>
      <c r="N124" s="484"/>
      <c r="O124" s="484" t="s">
        <v>81</v>
      </c>
      <c r="P124" s="484" t="s">
        <v>334</v>
      </c>
      <c r="Q124" s="484"/>
      <c r="R124" s="484" t="s">
        <v>392</v>
      </c>
      <c r="S124" s="484" t="s">
        <v>63</v>
      </c>
      <c r="T124" s="484" t="s">
        <v>63</v>
      </c>
      <c r="U124" s="485">
        <f>'[1]Hemel Hempstead'!$BS$16</f>
        <v>20914.071633126616</v>
      </c>
      <c r="V124" s="485"/>
      <c r="W124" s="484" t="s">
        <v>226</v>
      </c>
      <c r="X124" s="484"/>
      <c r="Y124" s="485">
        <f t="shared" si="16"/>
        <v>20914.071633126616</v>
      </c>
      <c r="Z124" s="484" t="s">
        <v>82</v>
      </c>
      <c r="AA124" s="496"/>
      <c r="AB124" s="496"/>
      <c r="AC124" s="496"/>
      <c r="AD124" s="496"/>
      <c r="AE124" s="496"/>
      <c r="AF124" s="487"/>
      <c r="AG124" s="496"/>
      <c r="AH124" s="496"/>
      <c r="AI124" s="496"/>
      <c r="AJ124" s="496"/>
      <c r="AK124" s="496"/>
      <c r="AL124" s="496"/>
      <c r="AM124" s="496"/>
      <c r="AN124" s="496"/>
      <c r="AO124" s="496" t="s">
        <v>66</v>
      </c>
      <c r="AP124" s="496"/>
      <c r="AQ124" s="496"/>
      <c r="AR124" s="496"/>
      <c r="AS124" s="496"/>
      <c r="AT124" s="496"/>
      <c r="AU124" s="496"/>
      <c r="AV124" s="496"/>
      <c r="AW124" s="496"/>
      <c r="AX124" s="496"/>
      <c r="AY124" s="496"/>
      <c r="AZ124" s="496"/>
      <c r="BA124" s="496"/>
      <c r="BB124" s="496"/>
      <c r="BC124" s="496"/>
      <c r="BD124" s="496"/>
      <c r="BE124" s="496"/>
      <c r="BF124" s="80">
        <f t="shared" si="14"/>
        <v>90</v>
      </c>
      <c r="BG124" s="76">
        <f t="shared" si="25"/>
        <v>232.37857370140685</v>
      </c>
      <c r="BH124" s="487" t="str">
        <f t="shared" si="24"/>
        <v/>
      </c>
      <c r="BI124" s="487" t="str">
        <f t="shared" si="24"/>
        <v/>
      </c>
      <c r="BJ124" s="487" t="str">
        <f t="shared" si="23"/>
        <v/>
      </c>
      <c r="BK124" s="487" t="str">
        <f t="shared" si="23"/>
        <v/>
      </c>
      <c r="BL124" s="487" t="str">
        <f t="shared" si="23"/>
        <v/>
      </c>
      <c r="BM124" s="487" t="str">
        <f t="shared" si="23"/>
        <v/>
      </c>
      <c r="BN124" s="487" t="str">
        <f t="shared" si="23"/>
        <v/>
      </c>
      <c r="BO124" s="487" t="str">
        <f t="shared" si="23"/>
        <v/>
      </c>
      <c r="BP124" s="487" t="str">
        <f t="shared" si="23"/>
        <v/>
      </c>
      <c r="BQ124" s="487" t="str">
        <f t="shared" si="23"/>
        <v/>
      </c>
      <c r="BR124" s="487" t="str">
        <f t="shared" si="23"/>
        <v/>
      </c>
      <c r="BS124" s="487" t="str">
        <f t="shared" si="23"/>
        <v/>
      </c>
      <c r="BT124" s="487" t="str">
        <f t="shared" si="23"/>
        <v/>
      </c>
      <c r="BU124" s="487" t="str">
        <f t="shared" si="23"/>
        <v/>
      </c>
      <c r="BV124" s="487">
        <f t="shared" si="23"/>
        <v>20914.071633126616</v>
      </c>
      <c r="BW124" s="487" t="str">
        <f t="shared" si="23"/>
        <v/>
      </c>
      <c r="BX124" s="487" t="str">
        <f t="shared" si="22"/>
        <v/>
      </c>
      <c r="BY124" s="487" t="str">
        <f t="shared" si="22"/>
        <v/>
      </c>
      <c r="BZ124" s="487" t="str">
        <f t="shared" si="20"/>
        <v/>
      </c>
      <c r="CA124" s="487" t="str">
        <f t="shared" si="20"/>
        <v/>
      </c>
      <c r="CB124" s="487" t="str">
        <f t="shared" si="20"/>
        <v/>
      </c>
      <c r="CC124" s="487" t="str">
        <f t="shared" si="20"/>
        <v/>
      </c>
      <c r="CD124" s="487" t="str">
        <f t="shared" si="20"/>
        <v/>
      </c>
      <c r="CE124" s="487" t="str">
        <f t="shared" si="20"/>
        <v/>
      </c>
      <c r="CF124" s="487" t="str">
        <f t="shared" si="20"/>
        <v/>
      </c>
      <c r="CG124" s="487" t="str">
        <f t="shared" si="20"/>
        <v/>
      </c>
      <c r="CH124" s="487" t="str">
        <f t="shared" si="20"/>
        <v/>
      </c>
      <c r="CI124" s="487" t="str">
        <f t="shared" si="20"/>
        <v/>
      </c>
      <c r="CJ124" s="487" t="str">
        <f t="shared" si="20"/>
        <v/>
      </c>
      <c r="CK124" s="487" t="str">
        <f t="shared" si="20"/>
        <v/>
      </c>
      <c r="CL124" s="487" t="str">
        <f t="shared" si="20"/>
        <v/>
      </c>
      <c r="CM124" s="487"/>
      <c r="CN124" s="487"/>
      <c r="CO124" s="487"/>
      <c r="CP124" s="487"/>
      <c r="CQ124" s="487"/>
      <c r="CR124" s="487"/>
      <c r="CS124" s="487"/>
      <c r="CT124" s="487"/>
      <c r="CU124" s="487"/>
      <c r="CV124" s="487"/>
      <c r="CW124" s="487"/>
      <c r="CX124" s="487"/>
      <c r="CY124" s="487"/>
      <c r="CZ124" s="487"/>
      <c r="DA124" s="487"/>
      <c r="DB124" s="487"/>
      <c r="DC124" s="487"/>
      <c r="DD124" s="487"/>
      <c r="DE124" s="487"/>
      <c r="DF124" s="487"/>
      <c r="DG124" s="487"/>
      <c r="DH124" s="487"/>
      <c r="DI124" s="484"/>
      <c r="DJ124" s="484"/>
      <c r="DK124" s="484"/>
    </row>
    <row r="125" spans="1:115" s="354" customFormat="1" ht="56.1" hidden="1" customHeight="1" x14ac:dyDescent="0.2">
      <c r="A125" s="494"/>
      <c r="B125" s="494"/>
      <c r="C125" s="481">
        <v>195</v>
      </c>
      <c r="D125" s="481"/>
      <c r="E125" s="481" t="s">
        <v>2481</v>
      </c>
      <c r="F125" s="482" t="s">
        <v>53</v>
      </c>
      <c r="G125" s="482" t="s">
        <v>329</v>
      </c>
      <c r="H125" s="484" t="s">
        <v>428</v>
      </c>
      <c r="I125" s="484" t="s">
        <v>369</v>
      </c>
      <c r="J125" s="495" t="s">
        <v>450</v>
      </c>
      <c r="K125" s="495"/>
      <c r="L125" s="484" t="s">
        <v>58</v>
      </c>
      <c r="M125" s="484" t="s">
        <v>327</v>
      </c>
      <c r="N125" s="484"/>
      <c r="O125" s="484" t="s">
        <v>81</v>
      </c>
      <c r="P125" s="484" t="s">
        <v>334</v>
      </c>
      <c r="Q125" s="484"/>
      <c r="R125" s="484" t="s">
        <v>377</v>
      </c>
      <c r="S125" s="484" t="s">
        <v>63</v>
      </c>
      <c r="T125" s="484" t="s">
        <v>63</v>
      </c>
      <c r="U125" s="485">
        <f>'[1]Hemel Hempstead'!$BX$16</f>
        <v>18583.894111410096</v>
      </c>
      <c r="V125" s="485"/>
      <c r="W125" s="484" t="s">
        <v>226</v>
      </c>
      <c r="X125" s="484"/>
      <c r="Y125" s="485">
        <f t="shared" si="16"/>
        <v>18583.894111410096</v>
      </c>
      <c r="Z125" s="484" t="s">
        <v>82</v>
      </c>
      <c r="AA125" s="496"/>
      <c r="AB125" s="496"/>
      <c r="AC125" s="496"/>
      <c r="AD125" s="496"/>
      <c r="AE125" s="496"/>
      <c r="AF125" s="487"/>
      <c r="AG125" s="496"/>
      <c r="AH125" s="496"/>
      <c r="AI125" s="496"/>
      <c r="AJ125" s="496"/>
      <c r="AK125" s="496"/>
      <c r="AL125" s="496"/>
      <c r="AM125" s="496"/>
      <c r="AN125" s="496"/>
      <c r="AO125" s="496"/>
      <c r="AP125" s="496" t="s">
        <v>66</v>
      </c>
      <c r="AQ125" s="496"/>
      <c r="AR125" s="496"/>
      <c r="AS125" s="496"/>
      <c r="AT125" s="496"/>
      <c r="AU125" s="496"/>
      <c r="AV125" s="496"/>
      <c r="AW125" s="496"/>
      <c r="AX125" s="496"/>
      <c r="AY125" s="496"/>
      <c r="AZ125" s="496"/>
      <c r="BA125" s="496"/>
      <c r="BB125" s="496"/>
      <c r="BC125" s="496"/>
      <c r="BD125" s="496"/>
      <c r="BE125" s="496"/>
      <c r="BF125" s="80">
        <f t="shared" si="14"/>
        <v>80</v>
      </c>
      <c r="BG125" s="76">
        <f t="shared" si="25"/>
        <v>232.29867639262619</v>
      </c>
      <c r="BH125" s="487" t="str">
        <f t="shared" si="24"/>
        <v/>
      </c>
      <c r="BI125" s="487" t="str">
        <f t="shared" si="24"/>
        <v/>
      </c>
      <c r="BJ125" s="487" t="str">
        <f t="shared" si="23"/>
        <v/>
      </c>
      <c r="BK125" s="487" t="str">
        <f t="shared" si="23"/>
        <v/>
      </c>
      <c r="BL125" s="487" t="str">
        <f t="shared" si="23"/>
        <v/>
      </c>
      <c r="BM125" s="487" t="str">
        <f t="shared" si="23"/>
        <v/>
      </c>
      <c r="BN125" s="487" t="str">
        <f t="shared" si="23"/>
        <v/>
      </c>
      <c r="BO125" s="487" t="str">
        <f t="shared" si="23"/>
        <v/>
      </c>
      <c r="BP125" s="487" t="str">
        <f t="shared" si="23"/>
        <v/>
      </c>
      <c r="BQ125" s="487" t="str">
        <f t="shared" si="23"/>
        <v/>
      </c>
      <c r="BR125" s="487" t="str">
        <f t="shared" si="23"/>
        <v/>
      </c>
      <c r="BS125" s="487" t="str">
        <f t="shared" si="23"/>
        <v/>
      </c>
      <c r="BT125" s="487" t="str">
        <f t="shared" si="23"/>
        <v/>
      </c>
      <c r="BU125" s="487" t="str">
        <f t="shared" si="23"/>
        <v/>
      </c>
      <c r="BV125" s="487" t="str">
        <f t="shared" si="23"/>
        <v/>
      </c>
      <c r="BW125" s="487">
        <f t="shared" si="23"/>
        <v>18583.894111410096</v>
      </c>
      <c r="BX125" s="487" t="str">
        <f t="shared" si="22"/>
        <v/>
      </c>
      <c r="BY125" s="487" t="str">
        <f t="shared" si="22"/>
        <v/>
      </c>
      <c r="BZ125" s="487" t="str">
        <f t="shared" si="20"/>
        <v/>
      </c>
      <c r="CA125" s="487" t="str">
        <f t="shared" si="20"/>
        <v/>
      </c>
      <c r="CB125" s="487" t="str">
        <f t="shared" si="20"/>
        <v/>
      </c>
      <c r="CC125" s="487" t="str">
        <f t="shared" si="20"/>
        <v/>
      </c>
      <c r="CD125" s="487" t="str">
        <f t="shared" si="20"/>
        <v/>
      </c>
      <c r="CE125" s="487" t="str">
        <f t="shared" si="20"/>
        <v/>
      </c>
      <c r="CF125" s="487" t="str">
        <f t="shared" si="20"/>
        <v/>
      </c>
      <c r="CG125" s="487" t="str">
        <f t="shared" si="20"/>
        <v/>
      </c>
      <c r="CH125" s="487" t="str">
        <f t="shared" si="20"/>
        <v/>
      </c>
      <c r="CI125" s="487" t="str">
        <f t="shared" si="20"/>
        <v/>
      </c>
      <c r="CJ125" s="487" t="str">
        <f t="shared" si="20"/>
        <v/>
      </c>
      <c r="CK125" s="487" t="str">
        <f t="shared" si="20"/>
        <v/>
      </c>
      <c r="CL125" s="487" t="str">
        <f t="shared" si="20"/>
        <v/>
      </c>
      <c r="CM125" s="487"/>
      <c r="CN125" s="487"/>
      <c r="CO125" s="487"/>
      <c r="CP125" s="487"/>
      <c r="CQ125" s="487"/>
      <c r="CR125" s="487"/>
      <c r="CS125" s="487"/>
      <c r="CT125" s="487"/>
      <c r="CU125" s="487"/>
      <c r="CV125" s="487"/>
      <c r="CW125" s="487"/>
      <c r="CX125" s="487"/>
      <c r="CY125" s="487"/>
      <c r="CZ125" s="487"/>
      <c r="DA125" s="487"/>
      <c r="DB125" s="487"/>
      <c r="DC125" s="487"/>
      <c r="DD125" s="487"/>
      <c r="DE125" s="487"/>
      <c r="DF125" s="487"/>
      <c r="DG125" s="487"/>
      <c r="DH125" s="487"/>
      <c r="DI125" s="484"/>
      <c r="DJ125" s="484"/>
      <c r="DK125" s="484"/>
    </row>
    <row r="126" spans="1:115" s="354" customFormat="1" ht="56.1" hidden="1" customHeight="1" x14ac:dyDescent="0.2">
      <c r="A126" s="494"/>
      <c r="B126" s="494"/>
      <c r="C126" s="481">
        <v>196</v>
      </c>
      <c r="D126" s="481"/>
      <c r="E126" s="481" t="s">
        <v>2481</v>
      </c>
      <c r="F126" s="482" t="s">
        <v>53</v>
      </c>
      <c r="G126" s="482" t="s">
        <v>329</v>
      </c>
      <c r="H126" s="484" t="s">
        <v>428</v>
      </c>
      <c r="I126" s="484" t="s">
        <v>369</v>
      </c>
      <c r="J126" s="495" t="s">
        <v>447</v>
      </c>
      <c r="K126" s="495"/>
      <c r="L126" s="484" t="s">
        <v>58</v>
      </c>
      <c r="M126" s="484" t="s">
        <v>328</v>
      </c>
      <c r="N126" s="484"/>
      <c r="O126" s="484" t="s">
        <v>81</v>
      </c>
      <c r="P126" s="484" t="s">
        <v>334</v>
      </c>
      <c r="Q126" s="484"/>
      <c r="R126" s="484" t="s">
        <v>395</v>
      </c>
      <c r="S126" s="484" t="s">
        <v>63</v>
      </c>
      <c r="T126" s="484" t="s">
        <v>63</v>
      </c>
      <c r="U126" s="485">
        <f>'[1]Hemel Hempstead'!$CC$16</f>
        <v>46443.178172771302</v>
      </c>
      <c r="V126" s="485"/>
      <c r="W126" s="484" t="s">
        <v>226</v>
      </c>
      <c r="X126" s="484"/>
      <c r="Y126" s="485">
        <f t="shared" si="16"/>
        <v>46443.178172771302</v>
      </c>
      <c r="Z126" s="484" t="s">
        <v>82</v>
      </c>
      <c r="AA126" s="496"/>
      <c r="AB126" s="496"/>
      <c r="AC126" s="496"/>
      <c r="AD126" s="496"/>
      <c r="AE126" s="496"/>
      <c r="AF126" s="487"/>
      <c r="AG126" s="496"/>
      <c r="AH126" s="496"/>
      <c r="AI126" s="496"/>
      <c r="AJ126" s="496"/>
      <c r="AK126" s="496"/>
      <c r="AL126" s="496" t="s">
        <v>66</v>
      </c>
      <c r="AM126" s="496"/>
      <c r="AN126" s="496"/>
      <c r="AO126" s="496"/>
      <c r="AP126" s="496"/>
      <c r="AQ126" s="496"/>
      <c r="AR126" s="496"/>
      <c r="AS126" s="496"/>
      <c r="AT126" s="496"/>
      <c r="AU126" s="496"/>
      <c r="AV126" s="496"/>
      <c r="AW126" s="496"/>
      <c r="AX126" s="496"/>
      <c r="AY126" s="496"/>
      <c r="AZ126" s="496"/>
      <c r="BA126" s="496"/>
      <c r="BB126" s="496"/>
      <c r="BC126" s="496"/>
      <c r="BD126" s="496"/>
      <c r="BE126" s="496"/>
      <c r="BF126" s="80">
        <f t="shared" si="14"/>
        <v>200</v>
      </c>
      <c r="BG126" s="76">
        <f t="shared" si="25"/>
        <v>232.21589086385652</v>
      </c>
      <c r="BH126" s="487" t="str">
        <f t="shared" si="24"/>
        <v/>
      </c>
      <c r="BI126" s="487" t="str">
        <f t="shared" si="24"/>
        <v/>
      </c>
      <c r="BJ126" s="487" t="str">
        <f t="shared" si="23"/>
        <v/>
      </c>
      <c r="BK126" s="487" t="str">
        <f t="shared" si="23"/>
        <v/>
      </c>
      <c r="BL126" s="487" t="str">
        <f t="shared" si="23"/>
        <v/>
      </c>
      <c r="BM126" s="487" t="str">
        <f t="shared" si="23"/>
        <v/>
      </c>
      <c r="BN126" s="487" t="str">
        <f t="shared" si="23"/>
        <v/>
      </c>
      <c r="BO126" s="487" t="str">
        <f t="shared" si="23"/>
        <v/>
      </c>
      <c r="BP126" s="487" t="str">
        <f t="shared" si="23"/>
        <v/>
      </c>
      <c r="BQ126" s="487" t="str">
        <f t="shared" si="23"/>
        <v/>
      </c>
      <c r="BR126" s="487" t="str">
        <f t="shared" si="23"/>
        <v/>
      </c>
      <c r="BS126" s="487">
        <f t="shared" si="23"/>
        <v>46443.178172771302</v>
      </c>
      <c r="BT126" s="487" t="str">
        <f t="shared" si="23"/>
        <v/>
      </c>
      <c r="BU126" s="487" t="str">
        <f t="shared" si="23"/>
        <v/>
      </c>
      <c r="BV126" s="487" t="str">
        <f t="shared" si="23"/>
        <v/>
      </c>
      <c r="BW126" s="487" t="str">
        <f t="shared" si="23"/>
        <v/>
      </c>
      <c r="BX126" s="487" t="str">
        <f t="shared" si="22"/>
        <v/>
      </c>
      <c r="BY126" s="487" t="str">
        <f t="shared" si="22"/>
        <v/>
      </c>
      <c r="BZ126" s="487" t="str">
        <f t="shared" si="20"/>
        <v/>
      </c>
      <c r="CA126" s="487" t="str">
        <f t="shared" si="20"/>
        <v/>
      </c>
      <c r="CB126" s="487" t="str">
        <f t="shared" si="20"/>
        <v/>
      </c>
      <c r="CC126" s="487" t="str">
        <f t="shared" si="20"/>
        <v/>
      </c>
      <c r="CD126" s="487" t="str">
        <f t="shared" si="20"/>
        <v/>
      </c>
      <c r="CE126" s="487" t="str">
        <f t="shared" si="20"/>
        <v/>
      </c>
      <c r="CF126" s="487" t="str">
        <f t="shared" si="20"/>
        <v/>
      </c>
      <c r="CG126" s="487" t="str">
        <f t="shared" si="20"/>
        <v/>
      </c>
      <c r="CH126" s="487" t="str">
        <f t="shared" si="20"/>
        <v/>
      </c>
      <c r="CI126" s="487" t="str">
        <f t="shared" si="20"/>
        <v/>
      </c>
      <c r="CJ126" s="487" t="str">
        <f t="shared" si="20"/>
        <v/>
      </c>
      <c r="CK126" s="487" t="str">
        <f t="shared" si="20"/>
        <v/>
      </c>
      <c r="CL126" s="487" t="str">
        <f t="shared" si="20"/>
        <v/>
      </c>
      <c r="CM126" s="487"/>
      <c r="CN126" s="487"/>
      <c r="CO126" s="487"/>
      <c r="CP126" s="487"/>
      <c r="CQ126" s="487"/>
      <c r="CR126" s="487"/>
      <c r="CS126" s="487"/>
      <c r="CT126" s="487"/>
      <c r="CU126" s="487"/>
      <c r="CV126" s="487"/>
      <c r="CW126" s="487"/>
      <c r="CX126" s="487"/>
      <c r="CY126" s="487"/>
      <c r="CZ126" s="487"/>
      <c r="DA126" s="487"/>
      <c r="DB126" s="487"/>
      <c r="DC126" s="487"/>
      <c r="DD126" s="487"/>
      <c r="DE126" s="487"/>
      <c r="DF126" s="487"/>
      <c r="DG126" s="487"/>
      <c r="DH126" s="487"/>
      <c r="DI126" s="484"/>
      <c r="DJ126" s="484"/>
      <c r="DK126" s="484"/>
    </row>
    <row r="127" spans="1:115" s="354" customFormat="1" ht="56.1" hidden="1" customHeight="1" x14ac:dyDescent="0.2">
      <c r="A127" s="494"/>
      <c r="B127" s="494"/>
      <c r="C127" s="481">
        <v>211</v>
      </c>
      <c r="D127" s="481"/>
      <c r="E127" s="481" t="s">
        <v>2481</v>
      </c>
      <c r="F127" s="482" t="s">
        <v>53</v>
      </c>
      <c r="G127" s="482" t="s">
        <v>329</v>
      </c>
      <c r="H127" s="484" t="s">
        <v>456</v>
      </c>
      <c r="I127" s="484" t="s">
        <v>369</v>
      </c>
      <c r="J127" s="495" t="s">
        <v>473</v>
      </c>
      <c r="K127" s="495"/>
      <c r="L127" s="484" t="s">
        <v>58</v>
      </c>
      <c r="M127" s="484" t="s">
        <v>347</v>
      </c>
      <c r="N127" s="484"/>
      <c r="O127" s="484" t="s">
        <v>81</v>
      </c>
      <c r="P127" s="484" t="s">
        <v>334</v>
      </c>
      <c r="Q127" s="484"/>
      <c r="R127" s="484" t="s">
        <v>225</v>
      </c>
      <c r="S127" s="484" t="s">
        <v>63</v>
      </c>
      <c r="T127" s="484" t="s">
        <v>63</v>
      </c>
      <c r="U127" s="485">
        <v>194967</v>
      </c>
      <c r="V127" s="485"/>
      <c r="W127" s="484" t="s">
        <v>226</v>
      </c>
      <c r="X127" s="484"/>
      <c r="Y127" s="485">
        <f t="shared" si="16"/>
        <v>194967</v>
      </c>
      <c r="Z127" s="484" t="s">
        <v>82</v>
      </c>
      <c r="AA127" s="496"/>
      <c r="AB127" s="496"/>
      <c r="AC127" s="496"/>
      <c r="AD127" s="496"/>
      <c r="AE127" s="496"/>
      <c r="AF127" s="496"/>
      <c r="AG127" s="496"/>
      <c r="AH127" s="496"/>
      <c r="AI127" s="496"/>
      <c r="AJ127" s="496"/>
      <c r="AK127" s="496"/>
      <c r="AL127" s="496"/>
      <c r="AM127" s="496"/>
      <c r="AN127" s="496"/>
      <c r="AO127" s="496"/>
      <c r="AP127" s="496"/>
      <c r="AQ127" s="487" t="s">
        <v>66</v>
      </c>
      <c r="AR127" s="496"/>
      <c r="AS127" s="496"/>
      <c r="AT127" s="496"/>
      <c r="AU127" s="496"/>
      <c r="AV127" s="496"/>
      <c r="AW127" s="496"/>
      <c r="AX127" s="496"/>
      <c r="AY127" s="496"/>
      <c r="AZ127" s="496"/>
      <c r="BA127" s="496"/>
      <c r="BB127" s="496"/>
      <c r="BC127" s="496"/>
      <c r="BD127" s="496"/>
      <c r="BE127" s="496"/>
      <c r="BF127" s="80">
        <f t="shared" si="14"/>
        <v>2385</v>
      </c>
      <c r="BG127" s="76">
        <f t="shared" si="25"/>
        <v>81.747169811320759</v>
      </c>
      <c r="BH127" s="487" t="str">
        <f t="shared" si="24"/>
        <v/>
      </c>
      <c r="BI127" s="487" t="str">
        <f t="shared" si="24"/>
        <v/>
      </c>
      <c r="BJ127" s="487" t="str">
        <f t="shared" si="23"/>
        <v/>
      </c>
      <c r="BK127" s="487" t="str">
        <f t="shared" si="23"/>
        <v/>
      </c>
      <c r="BL127" s="487" t="str">
        <f t="shared" si="23"/>
        <v/>
      </c>
      <c r="BM127" s="487" t="str">
        <f t="shared" si="23"/>
        <v/>
      </c>
      <c r="BN127" s="487" t="str">
        <f t="shared" si="23"/>
        <v/>
      </c>
      <c r="BO127" s="487" t="str">
        <f t="shared" si="23"/>
        <v/>
      </c>
      <c r="BP127" s="487" t="str">
        <f t="shared" si="23"/>
        <v/>
      </c>
      <c r="BQ127" s="487" t="str">
        <f t="shared" si="23"/>
        <v/>
      </c>
      <c r="BR127" s="487" t="str">
        <f t="shared" si="23"/>
        <v/>
      </c>
      <c r="BS127" s="487" t="str">
        <f t="shared" si="23"/>
        <v/>
      </c>
      <c r="BT127" s="487" t="str">
        <f t="shared" si="23"/>
        <v/>
      </c>
      <c r="BU127" s="487" t="str">
        <f t="shared" si="23"/>
        <v/>
      </c>
      <c r="BV127" s="487" t="str">
        <f t="shared" si="23"/>
        <v/>
      </c>
      <c r="BW127" s="487" t="str">
        <f t="shared" si="23"/>
        <v/>
      </c>
      <c r="BX127" s="487">
        <f t="shared" si="22"/>
        <v>194967</v>
      </c>
      <c r="BY127" s="487" t="str">
        <f t="shared" si="22"/>
        <v/>
      </c>
      <c r="BZ127" s="487" t="str">
        <f t="shared" si="20"/>
        <v/>
      </c>
      <c r="CA127" s="487" t="str">
        <f t="shared" si="20"/>
        <v/>
      </c>
      <c r="CB127" s="487" t="str">
        <f t="shared" si="20"/>
        <v/>
      </c>
      <c r="CC127" s="487" t="str">
        <f t="shared" si="20"/>
        <v/>
      </c>
      <c r="CD127" s="487" t="str">
        <f t="shared" si="20"/>
        <v/>
      </c>
      <c r="CE127" s="487" t="str">
        <f t="shared" si="20"/>
        <v/>
      </c>
      <c r="CF127" s="487" t="str">
        <f t="shared" si="20"/>
        <v/>
      </c>
      <c r="CG127" s="487" t="str">
        <f t="shared" si="20"/>
        <v/>
      </c>
      <c r="CH127" s="487" t="str">
        <f t="shared" si="20"/>
        <v/>
      </c>
      <c r="CI127" s="487" t="str">
        <f t="shared" si="20"/>
        <v/>
      </c>
      <c r="CJ127" s="487" t="str">
        <f t="shared" si="20"/>
        <v/>
      </c>
      <c r="CK127" s="487" t="str">
        <f t="shared" si="20"/>
        <v/>
      </c>
      <c r="CL127" s="487" t="str">
        <f t="shared" si="20"/>
        <v/>
      </c>
      <c r="CM127" s="487"/>
      <c r="CN127" s="487"/>
      <c r="CO127" s="487"/>
      <c r="CP127" s="487"/>
      <c r="CQ127" s="487"/>
      <c r="CR127" s="487"/>
      <c r="CS127" s="487"/>
      <c r="CT127" s="487"/>
      <c r="CU127" s="487"/>
      <c r="CV127" s="487"/>
      <c r="CW127" s="487"/>
      <c r="CX127" s="487"/>
      <c r="CY127" s="487"/>
      <c r="CZ127" s="487"/>
      <c r="DA127" s="487"/>
      <c r="DB127" s="487"/>
      <c r="DC127" s="487"/>
      <c r="DD127" s="487"/>
      <c r="DE127" s="487"/>
      <c r="DF127" s="487"/>
      <c r="DG127" s="487"/>
      <c r="DH127" s="487"/>
      <c r="DI127" s="484"/>
      <c r="DJ127" s="484" t="s">
        <v>462</v>
      </c>
      <c r="DK127" s="484" t="s">
        <v>336</v>
      </c>
    </row>
    <row r="128" spans="1:115" s="354" customFormat="1" ht="56.1" hidden="1" customHeight="1" x14ac:dyDescent="0.2">
      <c r="A128" s="494"/>
      <c r="B128" s="494"/>
      <c r="C128" s="481">
        <v>212</v>
      </c>
      <c r="D128" s="481"/>
      <c r="E128" s="481" t="s">
        <v>2481</v>
      </c>
      <c r="F128" s="482" t="s">
        <v>53</v>
      </c>
      <c r="G128" s="482" t="s">
        <v>329</v>
      </c>
      <c r="H128" s="484" t="s">
        <v>456</v>
      </c>
      <c r="I128" s="484" t="s">
        <v>369</v>
      </c>
      <c r="J128" s="495" t="s">
        <v>474</v>
      </c>
      <c r="K128" s="495"/>
      <c r="L128" s="484" t="s">
        <v>58</v>
      </c>
      <c r="M128" s="484" t="s">
        <v>173</v>
      </c>
      <c r="N128" s="484"/>
      <c r="O128" s="484" t="s">
        <v>60</v>
      </c>
      <c r="P128" s="484" t="s">
        <v>334</v>
      </c>
      <c r="Q128" s="484"/>
      <c r="R128" s="484" t="s">
        <v>62</v>
      </c>
      <c r="S128" s="484" t="s">
        <v>63</v>
      </c>
      <c r="T128" s="484" t="s">
        <v>63</v>
      </c>
      <c r="U128" s="485">
        <v>122622</v>
      </c>
      <c r="V128" s="485"/>
      <c r="W128" s="484" t="s">
        <v>226</v>
      </c>
      <c r="X128" s="484"/>
      <c r="Y128" s="485">
        <f t="shared" si="16"/>
        <v>122622</v>
      </c>
      <c r="Z128" s="484" t="s">
        <v>82</v>
      </c>
      <c r="AA128" s="487" t="s">
        <v>66</v>
      </c>
      <c r="AB128" s="496"/>
      <c r="AC128" s="496"/>
      <c r="AD128" s="496"/>
      <c r="AE128" s="496"/>
      <c r="AF128" s="496"/>
      <c r="AG128" s="496"/>
      <c r="AH128" s="496"/>
      <c r="AI128" s="496"/>
      <c r="AJ128" s="496"/>
      <c r="AK128" s="496"/>
      <c r="AL128" s="496"/>
      <c r="AM128" s="496"/>
      <c r="AN128" s="496"/>
      <c r="AO128" s="496"/>
      <c r="AP128" s="496"/>
      <c r="AQ128" s="496"/>
      <c r="AR128" s="496"/>
      <c r="AS128" s="496"/>
      <c r="AT128" s="496"/>
      <c r="AU128" s="496"/>
      <c r="AV128" s="496"/>
      <c r="AW128" s="496"/>
      <c r="AX128" s="496"/>
      <c r="AY128" s="496"/>
      <c r="AZ128" s="496"/>
      <c r="BA128" s="496"/>
      <c r="BB128" s="496"/>
      <c r="BC128" s="496"/>
      <c r="BD128" s="496"/>
      <c r="BE128" s="496"/>
      <c r="BF128" s="80">
        <f t="shared" si="14"/>
        <v>1500</v>
      </c>
      <c r="BG128" s="76">
        <f t="shared" si="25"/>
        <v>81.748000000000005</v>
      </c>
      <c r="BH128" s="487">
        <f t="shared" si="24"/>
        <v>122622</v>
      </c>
      <c r="BI128" s="487" t="str">
        <f t="shared" si="24"/>
        <v/>
      </c>
      <c r="BJ128" s="487" t="str">
        <f t="shared" si="23"/>
        <v/>
      </c>
      <c r="BK128" s="487" t="str">
        <f t="shared" si="23"/>
        <v/>
      </c>
      <c r="BL128" s="487" t="str">
        <f t="shared" si="23"/>
        <v/>
      </c>
      <c r="BM128" s="487" t="str">
        <f t="shared" si="23"/>
        <v/>
      </c>
      <c r="BN128" s="487" t="str">
        <f t="shared" si="23"/>
        <v/>
      </c>
      <c r="BO128" s="487" t="str">
        <f t="shared" si="23"/>
        <v/>
      </c>
      <c r="BP128" s="487" t="str">
        <f t="shared" si="23"/>
        <v/>
      </c>
      <c r="BQ128" s="487" t="str">
        <f t="shared" si="23"/>
        <v/>
      </c>
      <c r="BR128" s="487" t="str">
        <f t="shared" si="23"/>
        <v/>
      </c>
      <c r="BS128" s="487" t="str">
        <f t="shared" si="23"/>
        <v/>
      </c>
      <c r="BT128" s="487" t="str">
        <f t="shared" si="23"/>
        <v/>
      </c>
      <c r="BU128" s="487" t="str">
        <f t="shared" si="23"/>
        <v/>
      </c>
      <c r="BV128" s="487" t="str">
        <f t="shared" si="23"/>
        <v/>
      </c>
      <c r="BW128" s="487" t="str">
        <f t="shared" si="23"/>
        <v/>
      </c>
      <c r="BX128" s="487" t="str">
        <f t="shared" si="22"/>
        <v/>
      </c>
      <c r="BY128" s="487" t="str">
        <f t="shared" si="22"/>
        <v/>
      </c>
      <c r="BZ128" s="487" t="str">
        <f t="shared" si="20"/>
        <v/>
      </c>
      <c r="CA128" s="487" t="str">
        <f t="shared" si="20"/>
        <v/>
      </c>
      <c r="CB128" s="487" t="str">
        <f t="shared" si="20"/>
        <v/>
      </c>
      <c r="CC128" s="487" t="str">
        <f t="shared" si="20"/>
        <v/>
      </c>
      <c r="CD128" s="487" t="str">
        <f t="shared" si="20"/>
        <v/>
      </c>
      <c r="CE128" s="487" t="str">
        <f t="shared" si="20"/>
        <v/>
      </c>
      <c r="CF128" s="487" t="str">
        <f t="shared" si="20"/>
        <v/>
      </c>
      <c r="CG128" s="487" t="str">
        <f t="shared" si="20"/>
        <v/>
      </c>
      <c r="CH128" s="487" t="str">
        <f t="shared" si="20"/>
        <v/>
      </c>
      <c r="CI128" s="487" t="str">
        <f t="shared" si="20"/>
        <v/>
      </c>
      <c r="CJ128" s="487" t="str">
        <f t="shared" si="20"/>
        <v/>
      </c>
      <c r="CK128" s="487" t="str">
        <f t="shared" si="20"/>
        <v/>
      </c>
      <c r="CL128" s="487" t="str">
        <f t="shared" si="20"/>
        <v/>
      </c>
      <c r="CM128" s="487"/>
      <c r="CN128" s="487"/>
      <c r="CO128" s="487"/>
      <c r="CP128" s="487"/>
      <c r="CQ128" s="487"/>
      <c r="CR128" s="487"/>
      <c r="CS128" s="487"/>
      <c r="CT128" s="487"/>
      <c r="CU128" s="487"/>
      <c r="CV128" s="487"/>
      <c r="CW128" s="487"/>
      <c r="CX128" s="487"/>
      <c r="CY128" s="487"/>
      <c r="CZ128" s="487"/>
      <c r="DA128" s="487"/>
      <c r="DB128" s="487"/>
      <c r="DC128" s="487"/>
      <c r="DD128" s="487"/>
      <c r="DE128" s="487"/>
      <c r="DF128" s="487"/>
      <c r="DG128" s="487"/>
      <c r="DH128" s="487"/>
      <c r="DI128" s="484"/>
      <c r="DJ128" s="484" t="s">
        <v>462</v>
      </c>
      <c r="DK128" s="484" t="s">
        <v>336</v>
      </c>
    </row>
    <row r="129" spans="1:115" s="354" customFormat="1" ht="56.1" hidden="1" customHeight="1" x14ac:dyDescent="0.2">
      <c r="A129" s="494"/>
      <c r="B129" s="494"/>
      <c r="C129" s="481">
        <v>213</v>
      </c>
      <c r="D129" s="481"/>
      <c r="E129" s="481" t="s">
        <v>2481</v>
      </c>
      <c r="F129" s="482" t="s">
        <v>53</v>
      </c>
      <c r="G129" s="482" t="s">
        <v>329</v>
      </c>
      <c r="H129" s="484" t="s">
        <v>456</v>
      </c>
      <c r="I129" s="484" t="s">
        <v>369</v>
      </c>
      <c r="J129" s="495" t="s">
        <v>475</v>
      </c>
      <c r="K129" s="495"/>
      <c r="L129" s="484" t="s">
        <v>58</v>
      </c>
      <c r="M129" s="484" t="s">
        <v>319</v>
      </c>
      <c r="N129" s="484"/>
      <c r="O129" s="484" t="s">
        <v>81</v>
      </c>
      <c r="P129" s="484" t="s">
        <v>334</v>
      </c>
      <c r="Q129" s="484"/>
      <c r="R129" s="484" t="s">
        <v>181</v>
      </c>
      <c r="S129" s="484" t="s">
        <v>63</v>
      </c>
      <c r="T129" s="484" t="s">
        <v>63</v>
      </c>
      <c r="U129" s="485">
        <v>36788</v>
      </c>
      <c r="V129" s="485"/>
      <c r="W129" s="484" t="s">
        <v>226</v>
      </c>
      <c r="X129" s="484"/>
      <c r="Y129" s="485">
        <f t="shared" si="16"/>
        <v>36788</v>
      </c>
      <c r="Z129" s="484" t="s">
        <v>82</v>
      </c>
      <c r="AA129" s="496"/>
      <c r="AB129" s="496"/>
      <c r="AC129" s="487" t="s">
        <v>66</v>
      </c>
      <c r="AD129" s="496"/>
      <c r="AE129" s="496"/>
      <c r="AF129" s="496"/>
      <c r="AG129" s="496"/>
      <c r="AH129" s="496"/>
      <c r="AI129" s="496"/>
      <c r="AJ129" s="496"/>
      <c r="AK129" s="496"/>
      <c r="AL129" s="496"/>
      <c r="AM129" s="496"/>
      <c r="AN129" s="496"/>
      <c r="AO129" s="496"/>
      <c r="AP129" s="496"/>
      <c r="AQ129" s="496"/>
      <c r="AR129" s="496"/>
      <c r="AS129" s="496"/>
      <c r="AT129" s="496"/>
      <c r="AU129" s="496"/>
      <c r="AV129" s="496"/>
      <c r="AW129" s="496"/>
      <c r="AX129" s="496"/>
      <c r="AY129" s="496"/>
      <c r="AZ129" s="496"/>
      <c r="BA129" s="496"/>
      <c r="BB129" s="496"/>
      <c r="BC129" s="496"/>
      <c r="BD129" s="496"/>
      <c r="BE129" s="496"/>
      <c r="BF129" s="80">
        <f t="shared" si="14"/>
        <v>450</v>
      </c>
      <c r="BG129" s="76">
        <f t="shared" si="25"/>
        <v>81.751111111111115</v>
      </c>
      <c r="BH129" s="487" t="str">
        <f t="shared" si="24"/>
        <v/>
      </c>
      <c r="BI129" s="487" t="str">
        <f t="shared" si="24"/>
        <v/>
      </c>
      <c r="BJ129" s="487">
        <f t="shared" si="23"/>
        <v>36788</v>
      </c>
      <c r="BK129" s="487" t="str">
        <f t="shared" si="23"/>
        <v/>
      </c>
      <c r="BL129" s="487" t="str">
        <f t="shared" si="23"/>
        <v/>
      </c>
      <c r="BM129" s="487" t="str">
        <f t="shared" si="23"/>
        <v/>
      </c>
      <c r="BN129" s="487" t="str">
        <f t="shared" si="23"/>
        <v/>
      </c>
      <c r="BO129" s="487" t="str">
        <f t="shared" si="23"/>
        <v/>
      </c>
      <c r="BP129" s="487" t="str">
        <f t="shared" si="23"/>
        <v/>
      </c>
      <c r="BQ129" s="487" t="str">
        <f t="shared" si="23"/>
        <v/>
      </c>
      <c r="BR129" s="487" t="str">
        <f t="shared" si="23"/>
        <v/>
      </c>
      <c r="BS129" s="487" t="str">
        <f t="shared" si="23"/>
        <v/>
      </c>
      <c r="BT129" s="487" t="str">
        <f t="shared" si="23"/>
        <v/>
      </c>
      <c r="BU129" s="487" t="str">
        <f t="shared" si="23"/>
        <v/>
      </c>
      <c r="BV129" s="487" t="str">
        <f t="shared" si="23"/>
        <v/>
      </c>
      <c r="BW129" s="487" t="str">
        <f t="shared" si="23"/>
        <v/>
      </c>
      <c r="BX129" s="487" t="str">
        <f t="shared" si="22"/>
        <v/>
      </c>
      <c r="BY129" s="487" t="str">
        <f t="shared" si="22"/>
        <v/>
      </c>
      <c r="BZ129" s="487" t="str">
        <f t="shared" si="20"/>
        <v/>
      </c>
      <c r="CA129" s="487" t="str">
        <f t="shared" si="20"/>
        <v/>
      </c>
      <c r="CB129" s="487" t="str">
        <f t="shared" si="20"/>
        <v/>
      </c>
      <c r="CC129" s="487" t="str">
        <f t="shared" si="20"/>
        <v/>
      </c>
      <c r="CD129" s="487" t="str">
        <f t="shared" si="20"/>
        <v/>
      </c>
      <c r="CE129" s="487" t="str">
        <f t="shared" si="20"/>
        <v/>
      </c>
      <c r="CF129" s="487" t="str">
        <f t="shared" si="20"/>
        <v/>
      </c>
      <c r="CG129" s="487" t="str">
        <f t="shared" si="20"/>
        <v/>
      </c>
      <c r="CH129" s="487" t="str">
        <f t="shared" si="20"/>
        <v/>
      </c>
      <c r="CI129" s="487" t="str">
        <f t="shared" si="20"/>
        <v/>
      </c>
      <c r="CJ129" s="487" t="str">
        <f t="shared" si="20"/>
        <v/>
      </c>
      <c r="CK129" s="487" t="str">
        <f t="shared" si="20"/>
        <v/>
      </c>
      <c r="CL129" s="487" t="str">
        <f t="shared" si="20"/>
        <v/>
      </c>
      <c r="CM129" s="487"/>
      <c r="CN129" s="487"/>
      <c r="CO129" s="487"/>
      <c r="CP129" s="487"/>
      <c r="CQ129" s="487"/>
      <c r="CR129" s="487"/>
      <c r="CS129" s="487"/>
      <c r="CT129" s="487"/>
      <c r="CU129" s="487"/>
      <c r="CV129" s="487"/>
      <c r="CW129" s="487"/>
      <c r="CX129" s="487"/>
      <c r="CY129" s="487"/>
      <c r="CZ129" s="487"/>
      <c r="DA129" s="487"/>
      <c r="DB129" s="487"/>
      <c r="DC129" s="487"/>
      <c r="DD129" s="487"/>
      <c r="DE129" s="487"/>
      <c r="DF129" s="487"/>
      <c r="DG129" s="487"/>
      <c r="DH129" s="487"/>
      <c r="DI129" s="484"/>
      <c r="DJ129" s="484" t="s">
        <v>462</v>
      </c>
      <c r="DK129" s="484" t="s">
        <v>336</v>
      </c>
    </row>
    <row r="130" spans="1:115" s="354" customFormat="1" ht="56.1" hidden="1" customHeight="1" x14ac:dyDescent="0.2">
      <c r="A130" s="494"/>
      <c r="B130" s="494"/>
      <c r="C130" s="481">
        <v>214</v>
      </c>
      <c r="D130" s="481"/>
      <c r="E130" s="481" t="s">
        <v>2481</v>
      </c>
      <c r="F130" s="482" t="s">
        <v>53</v>
      </c>
      <c r="G130" s="482" t="s">
        <v>329</v>
      </c>
      <c r="H130" s="484" t="s">
        <v>456</v>
      </c>
      <c r="I130" s="484" t="s">
        <v>369</v>
      </c>
      <c r="J130" s="495" t="s">
        <v>476</v>
      </c>
      <c r="K130" s="495"/>
      <c r="L130" s="484" t="s">
        <v>58</v>
      </c>
      <c r="M130" s="484" t="s">
        <v>20</v>
      </c>
      <c r="N130" s="484"/>
      <c r="O130" s="484" t="s">
        <v>81</v>
      </c>
      <c r="P130" s="484" t="s">
        <v>334</v>
      </c>
      <c r="Q130" s="484"/>
      <c r="R130" s="484" t="s">
        <v>375</v>
      </c>
      <c r="S130" s="484" t="s">
        <v>63</v>
      </c>
      <c r="T130" s="484" t="s">
        <v>63</v>
      </c>
      <c r="U130" s="485">
        <v>28614</v>
      </c>
      <c r="V130" s="485"/>
      <c r="W130" s="484" t="s">
        <v>226</v>
      </c>
      <c r="X130" s="484"/>
      <c r="Y130" s="485">
        <f t="shared" si="16"/>
        <v>28614</v>
      </c>
      <c r="Z130" s="484" t="s">
        <v>82</v>
      </c>
      <c r="AA130" s="496"/>
      <c r="AB130" s="496"/>
      <c r="AC130" s="496"/>
      <c r="AD130" s="487" t="s">
        <v>66</v>
      </c>
      <c r="AE130" s="496"/>
      <c r="AF130" s="496"/>
      <c r="AG130" s="496"/>
      <c r="AH130" s="496"/>
      <c r="AI130" s="496"/>
      <c r="AJ130" s="496"/>
      <c r="AK130" s="496"/>
      <c r="AL130" s="496"/>
      <c r="AM130" s="496"/>
      <c r="AN130" s="496"/>
      <c r="AO130" s="496"/>
      <c r="AP130" s="496"/>
      <c r="AQ130" s="496"/>
      <c r="AR130" s="496"/>
      <c r="AS130" s="496"/>
      <c r="AT130" s="496"/>
      <c r="AU130" s="496"/>
      <c r="AV130" s="496"/>
      <c r="AW130" s="496"/>
      <c r="AX130" s="496"/>
      <c r="AY130" s="496"/>
      <c r="AZ130" s="496"/>
      <c r="BA130" s="496"/>
      <c r="BB130" s="496"/>
      <c r="BC130" s="496"/>
      <c r="BD130" s="496"/>
      <c r="BE130" s="496"/>
      <c r="BF130" s="80">
        <f t="shared" si="14"/>
        <v>350</v>
      </c>
      <c r="BG130" s="76">
        <f t="shared" si="25"/>
        <v>81.754285714285714</v>
      </c>
      <c r="BH130" s="487" t="str">
        <f t="shared" si="24"/>
        <v/>
      </c>
      <c r="BI130" s="487" t="str">
        <f t="shared" si="24"/>
        <v/>
      </c>
      <c r="BJ130" s="487" t="str">
        <f t="shared" si="23"/>
        <v/>
      </c>
      <c r="BK130" s="487">
        <f t="shared" si="23"/>
        <v>28614</v>
      </c>
      <c r="BL130" s="487" t="str">
        <f t="shared" si="23"/>
        <v/>
      </c>
      <c r="BM130" s="487" t="str">
        <f t="shared" si="23"/>
        <v/>
      </c>
      <c r="BN130" s="487" t="str">
        <f t="shared" si="23"/>
        <v/>
      </c>
      <c r="BO130" s="487" t="str">
        <f t="shared" si="23"/>
        <v/>
      </c>
      <c r="BP130" s="487" t="str">
        <f t="shared" si="23"/>
        <v/>
      </c>
      <c r="BQ130" s="487" t="str">
        <f t="shared" si="23"/>
        <v/>
      </c>
      <c r="BR130" s="487" t="str">
        <f t="shared" si="23"/>
        <v/>
      </c>
      <c r="BS130" s="487" t="str">
        <f t="shared" si="23"/>
        <v/>
      </c>
      <c r="BT130" s="487" t="str">
        <f t="shared" si="23"/>
        <v/>
      </c>
      <c r="BU130" s="487" t="str">
        <f t="shared" si="23"/>
        <v/>
      </c>
      <c r="BV130" s="487" t="str">
        <f t="shared" si="23"/>
        <v/>
      </c>
      <c r="BW130" s="487" t="str">
        <f t="shared" si="23"/>
        <v/>
      </c>
      <c r="BX130" s="487" t="str">
        <f t="shared" si="22"/>
        <v/>
      </c>
      <c r="BY130" s="487" t="str">
        <f t="shared" si="22"/>
        <v/>
      </c>
      <c r="BZ130" s="487" t="str">
        <f t="shared" si="20"/>
        <v/>
      </c>
      <c r="CA130" s="487" t="str">
        <f t="shared" si="20"/>
        <v/>
      </c>
      <c r="CB130" s="487" t="str">
        <f t="shared" si="20"/>
        <v/>
      </c>
      <c r="CC130" s="487" t="str">
        <f t="shared" si="20"/>
        <v/>
      </c>
      <c r="CD130" s="487" t="str">
        <f t="shared" si="20"/>
        <v/>
      </c>
      <c r="CE130" s="487" t="str">
        <f t="shared" si="20"/>
        <v/>
      </c>
      <c r="CF130" s="487" t="str">
        <f t="shared" si="20"/>
        <v/>
      </c>
      <c r="CG130" s="487" t="str">
        <f t="shared" si="20"/>
        <v/>
      </c>
      <c r="CH130" s="487" t="str">
        <f t="shared" si="20"/>
        <v/>
      </c>
      <c r="CI130" s="487" t="str">
        <f t="shared" si="20"/>
        <v/>
      </c>
      <c r="CJ130" s="487" t="str">
        <f t="shared" si="20"/>
        <v/>
      </c>
      <c r="CK130" s="487" t="str">
        <f t="shared" si="20"/>
        <v/>
      </c>
      <c r="CL130" s="487" t="str">
        <f t="shared" si="20"/>
        <v/>
      </c>
      <c r="CM130" s="487"/>
      <c r="CN130" s="487"/>
      <c r="CO130" s="487"/>
      <c r="CP130" s="487"/>
      <c r="CQ130" s="487"/>
      <c r="CR130" s="487"/>
      <c r="CS130" s="487"/>
      <c r="CT130" s="487"/>
      <c r="CU130" s="487"/>
      <c r="CV130" s="487"/>
      <c r="CW130" s="487"/>
      <c r="CX130" s="487"/>
      <c r="CY130" s="487"/>
      <c r="CZ130" s="487"/>
      <c r="DA130" s="487"/>
      <c r="DB130" s="487"/>
      <c r="DC130" s="487"/>
      <c r="DD130" s="487"/>
      <c r="DE130" s="487"/>
      <c r="DF130" s="487"/>
      <c r="DG130" s="487"/>
      <c r="DH130" s="487"/>
      <c r="DI130" s="484"/>
      <c r="DJ130" s="484" t="s">
        <v>462</v>
      </c>
      <c r="DK130" s="484" t="s">
        <v>336</v>
      </c>
    </row>
    <row r="131" spans="1:115" s="354" customFormat="1" ht="56.1" hidden="1" customHeight="1" x14ac:dyDescent="0.2">
      <c r="A131" s="77" t="s">
        <v>2490</v>
      </c>
      <c r="B131" s="77" t="s">
        <v>18</v>
      </c>
      <c r="C131" s="481">
        <v>215</v>
      </c>
      <c r="D131" s="481"/>
      <c r="E131" s="481" t="s">
        <v>2481</v>
      </c>
      <c r="F131" s="482" t="s">
        <v>53</v>
      </c>
      <c r="G131" s="482" t="s">
        <v>329</v>
      </c>
      <c r="H131" s="484" t="s">
        <v>456</v>
      </c>
      <c r="I131" s="484" t="s">
        <v>369</v>
      </c>
      <c r="J131" s="495" t="s">
        <v>465</v>
      </c>
      <c r="K131" s="495"/>
      <c r="L131" s="484" t="s">
        <v>58</v>
      </c>
      <c r="M131" s="484" t="s">
        <v>18</v>
      </c>
      <c r="N131" s="484"/>
      <c r="O131" s="484" t="s">
        <v>81</v>
      </c>
      <c r="P131" s="484" t="s">
        <v>334</v>
      </c>
      <c r="Q131" s="484"/>
      <c r="R131" s="484" t="s">
        <v>377</v>
      </c>
      <c r="S131" s="484" t="s">
        <v>63</v>
      </c>
      <c r="T131" s="484" t="s">
        <v>63</v>
      </c>
      <c r="U131" s="485">
        <v>16350</v>
      </c>
      <c r="V131" s="485"/>
      <c r="W131" s="484" t="s">
        <v>226</v>
      </c>
      <c r="X131" s="484"/>
      <c r="Y131" s="485">
        <f t="shared" si="16"/>
        <v>16350</v>
      </c>
      <c r="Z131" s="484" t="s">
        <v>82</v>
      </c>
      <c r="AA131" s="496"/>
      <c r="AB131" s="487" t="s">
        <v>66</v>
      </c>
      <c r="AC131" s="496"/>
      <c r="AD131" s="496"/>
      <c r="AE131" s="496"/>
      <c r="AF131" s="496"/>
      <c r="AG131" s="496"/>
      <c r="AH131" s="496"/>
      <c r="AI131" s="496"/>
      <c r="AJ131" s="496"/>
      <c r="AK131" s="496"/>
      <c r="AL131" s="496"/>
      <c r="AM131" s="496"/>
      <c r="AN131" s="496"/>
      <c r="AO131" s="496"/>
      <c r="AP131" s="496"/>
      <c r="AQ131" s="496"/>
      <c r="AR131" s="496"/>
      <c r="AS131" s="496"/>
      <c r="AT131" s="496"/>
      <c r="AU131" s="496"/>
      <c r="AV131" s="496"/>
      <c r="AW131" s="496"/>
      <c r="AX131" s="496"/>
      <c r="AY131" s="496"/>
      <c r="AZ131" s="496"/>
      <c r="BA131" s="496"/>
      <c r="BB131" s="496"/>
      <c r="BC131" s="496"/>
      <c r="BD131" s="496"/>
      <c r="BE131" s="496"/>
      <c r="BF131" s="80">
        <f t="shared" ref="BF131:BF194" si="26">SUMIF(AA131:BE131,"YES",$AA$2:$BE$2)</f>
        <v>200</v>
      </c>
      <c r="BG131" s="76">
        <f t="shared" si="25"/>
        <v>81.75</v>
      </c>
      <c r="BH131" s="487" t="str">
        <f t="shared" si="24"/>
        <v/>
      </c>
      <c r="BI131" s="487">
        <f t="shared" si="24"/>
        <v>16350</v>
      </c>
      <c r="BJ131" s="487" t="str">
        <f t="shared" si="23"/>
        <v/>
      </c>
      <c r="BK131" s="487" t="str">
        <f t="shared" si="23"/>
        <v/>
      </c>
      <c r="BL131" s="487" t="str">
        <f t="shared" si="23"/>
        <v/>
      </c>
      <c r="BM131" s="487" t="str">
        <f t="shared" si="23"/>
        <v/>
      </c>
      <c r="BN131" s="487" t="str">
        <f t="shared" si="23"/>
        <v/>
      </c>
      <c r="BO131" s="487" t="str">
        <f t="shared" si="23"/>
        <v/>
      </c>
      <c r="BP131" s="487" t="str">
        <f t="shared" si="23"/>
        <v/>
      </c>
      <c r="BQ131" s="487" t="str">
        <f t="shared" si="23"/>
        <v/>
      </c>
      <c r="BR131" s="487" t="str">
        <f t="shared" si="23"/>
        <v/>
      </c>
      <c r="BS131" s="487" t="str">
        <f t="shared" si="23"/>
        <v/>
      </c>
      <c r="BT131" s="487" t="str">
        <f t="shared" si="23"/>
        <v/>
      </c>
      <c r="BU131" s="487" t="str">
        <f t="shared" si="23"/>
        <v/>
      </c>
      <c r="BV131" s="487" t="str">
        <f t="shared" si="23"/>
        <v/>
      </c>
      <c r="BW131" s="487" t="str">
        <f t="shared" si="23"/>
        <v/>
      </c>
      <c r="BX131" s="487" t="str">
        <f t="shared" si="22"/>
        <v/>
      </c>
      <c r="BY131" s="487" t="str">
        <f t="shared" si="22"/>
        <v/>
      </c>
      <c r="BZ131" s="487" t="str">
        <f t="shared" si="20"/>
        <v/>
      </c>
      <c r="CA131" s="487" t="str">
        <f t="shared" si="20"/>
        <v/>
      </c>
      <c r="CB131" s="487" t="str">
        <f t="shared" si="20"/>
        <v/>
      </c>
      <c r="CC131" s="487" t="str">
        <f t="shared" si="20"/>
        <v/>
      </c>
      <c r="CD131" s="487" t="str">
        <f t="shared" si="20"/>
        <v/>
      </c>
      <c r="CE131" s="487" t="str">
        <f t="shared" si="20"/>
        <v/>
      </c>
      <c r="CF131" s="487" t="str">
        <f t="shared" si="20"/>
        <v/>
      </c>
      <c r="CG131" s="487" t="str">
        <f t="shared" si="20"/>
        <v/>
      </c>
      <c r="CH131" s="487" t="str">
        <f t="shared" si="20"/>
        <v/>
      </c>
      <c r="CI131" s="487" t="str">
        <f t="shared" si="20"/>
        <v/>
      </c>
      <c r="CJ131" s="487" t="str">
        <f t="shared" si="20"/>
        <v/>
      </c>
      <c r="CK131" s="487" t="str">
        <f t="shared" si="20"/>
        <v/>
      </c>
      <c r="CL131" s="487" t="str">
        <f t="shared" si="20"/>
        <v/>
      </c>
      <c r="CM131" s="487"/>
      <c r="CN131" s="487"/>
      <c r="CO131" s="487"/>
      <c r="CP131" s="487"/>
      <c r="CQ131" s="487"/>
      <c r="CR131" s="487"/>
      <c r="CS131" s="487"/>
      <c r="CT131" s="487"/>
      <c r="CU131" s="487"/>
      <c r="CV131" s="487"/>
      <c r="CW131" s="487"/>
      <c r="CX131" s="487"/>
      <c r="CY131" s="487"/>
      <c r="CZ131" s="487"/>
      <c r="DA131" s="487"/>
      <c r="DB131" s="487"/>
      <c r="DC131" s="487"/>
      <c r="DD131" s="487"/>
      <c r="DE131" s="487"/>
      <c r="DF131" s="487"/>
      <c r="DG131" s="487"/>
      <c r="DH131" s="487"/>
      <c r="DI131" s="484"/>
      <c r="DJ131" s="484" t="s">
        <v>462</v>
      </c>
      <c r="DK131" s="484" t="s">
        <v>336</v>
      </c>
    </row>
    <row r="132" spans="1:115" s="354" customFormat="1" ht="56.1" hidden="1" customHeight="1" x14ac:dyDescent="0.2">
      <c r="A132" s="494"/>
      <c r="B132" s="494"/>
      <c r="C132" s="481">
        <v>216</v>
      </c>
      <c r="D132" s="481"/>
      <c r="E132" s="481" t="s">
        <v>2481</v>
      </c>
      <c r="F132" s="482" t="s">
        <v>53</v>
      </c>
      <c r="G132" s="482" t="s">
        <v>329</v>
      </c>
      <c r="H132" s="484" t="s">
        <v>456</v>
      </c>
      <c r="I132" s="484" t="s">
        <v>369</v>
      </c>
      <c r="J132" s="495" t="s">
        <v>469</v>
      </c>
      <c r="K132" s="495"/>
      <c r="L132" s="484" t="s">
        <v>58</v>
      </c>
      <c r="M132" s="484" t="s">
        <v>21</v>
      </c>
      <c r="N132" s="484"/>
      <c r="O132" s="484" t="s">
        <v>81</v>
      </c>
      <c r="P132" s="484" t="s">
        <v>334</v>
      </c>
      <c r="Q132" s="484"/>
      <c r="R132" s="484" t="s">
        <v>204</v>
      </c>
      <c r="S132" s="484" t="s">
        <v>63</v>
      </c>
      <c r="T132" s="484" t="s">
        <v>63</v>
      </c>
      <c r="U132" s="485">
        <v>24527</v>
      </c>
      <c r="V132" s="485"/>
      <c r="W132" s="484" t="s">
        <v>226</v>
      </c>
      <c r="X132" s="484"/>
      <c r="Y132" s="485">
        <f t="shared" si="16"/>
        <v>24527</v>
      </c>
      <c r="Z132" s="484" t="s">
        <v>82</v>
      </c>
      <c r="AA132" s="496"/>
      <c r="AB132" s="496"/>
      <c r="AC132" s="496"/>
      <c r="AD132" s="496"/>
      <c r="AE132" s="487" t="s">
        <v>66</v>
      </c>
      <c r="AF132" s="496"/>
      <c r="AG132" s="496"/>
      <c r="AH132" s="496"/>
      <c r="AI132" s="496"/>
      <c r="AJ132" s="496"/>
      <c r="AK132" s="496"/>
      <c r="AL132" s="496"/>
      <c r="AM132" s="496"/>
      <c r="AN132" s="496"/>
      <c r="AO132" s="496"/>
      <c r="AP132" s="496"/>
      <c r="AQ132" s="496"/>
      <c r="AR132" s="496"/>
      <c r="AS132" s="496"/>
      <c r="AT132" s="496"/>
      <c r="AU132" s="496"/>
      <c r="AV132" s="496"/>
      <c r="AW132" s="496"/>
      <c r="AX132" s="496"/>
      <c r="AY132" s="496"/>
      <c r="AZ132" s="496"/>
      <c r="BA132" s="496"/>
      <c r="BB132" s="496"/>
      <c r="BC132" s="496"/>
      <c r="BD132" s="496"/>
      <c r="BE132" s="496"/>
      <c r="BF132" s="80">
        <f t="shared" si="26"/>
        <v>300</v>
      </c>
      <c r="BG132" s="76">
        <f t="shared" si="25"/>
        <v>81.756666666666661</v>
      </c>
      <c r="BH132" s="487" t="str">
        <f t="shared" si="24"/>
        <v/>
      </c>
      <c r="BI132" s="487" t="str">
        <f t="shared" si="24"/>
        <v/>
      </c>
      <c r="BJ132" s="487" t="str">
        <f t="shared" si="23"/>
        <v/>
      </c>
      <c r="BK132" s="487" t="str">
        <f t="shared" si="23"/>
        <v/>
      </c>
      <c r="BL132" s="487">
        <f t="shared" si="23"/>
        <v>24527</v>
      </c>
      <c r="BM132" s="487" t="str">
        <f t="shared" si="23"/>
        <v/>
      </c>
      <c r="BN132" s="487" t="str">
        <f t="shared" si="23"/>
        <v/>
      </c>
      <c r="BO132" s="487" t="str">
        <f t="shared" si="23"/>
        <v/>
      </c>
      <c r="BP132" s="487" t="str">
        <f t="shared" si="23"/>
        <v/>
      </c>
      <c r="BQ132" s="487" t="str">
        <f t="shared" si="23"/>
        <v/>
      </c>
      <c r="BR132" s="487" t="str">
        <f t="shared" si="23"/>
        <v/>
      </c>
      <c r="BS132" s="487" t="str">
        <f t="shared" si="23"/>
        <v/>
      </c>
      <c r="BT132" s="487" t="str">
        <f t="shared" si="23"/>
        <v/>
      </c>
      <c r="BU132" s="487" t="str">
        <f t="shared" si="23"/>
        <v/>
      </c>
      <c r="BV132" s="487" t="str">
        <f t="shared" si="23"/>
        <v/>
      </c>
      <c r="BW132" s="487" t="str">
        <f t="shared" si="23"/>
        <v/>
      </c>
      <c r="BX132" s="487" t="str">
        <f t="shared" si="22"/>
        <v/>
      </c>
      <c r="BY132" s="487" t="str">
        <f t="shared" si="22"/>
        <v/>
      </c>
      <c r="BZ132" s="487" t="str">
        <f t="shared" si="20"/>
        <v/>
      </c>
      <c r="CA132" s="487" t="str">
        <f t="shared" si="20"/>
        <v/>
      </c>
      <c r="CB132" s="487" t="str">
        <f t="shared" si="20"/>
        <v/>
      </c>
      <c r="CC132" s="487" t="str">
        <f t="shared" si="20"/>
        <v/>
      </c>
      <c r="CD132" s="487" t="str">
        <f t="shared" si="20"/>
        <v/>
      </c>
      <c r="CE132" s="487" t="str">
        <f t="shared" si="20"/>
        <v/>
      </c>
      <c r="CF132" s="487" t="str">
        <f t="shared" si="20"/>
        <v/>
      </c>
      <c r="CG132" s="487" t="str">
        <f t="shared" si="20"/>
        <v/>
      </c>
      <c r="CH132" s="487" t="str">
        <f t="shared" si="20"/>
        <v/>
      </c>
      <c r="CI132" s="487" t="str">
        <f t="shared" si="20"/>
        <v/>
      </c>
      <c r="CJ132" s="487" t="str">
        <f t="shared" si="20"/>
        <v/>
      </c>
      <c r="CK132" s="487" t="str">
        <f t="shared" si="20"/>
        <v/>
      </c>
      <c r="CL132" s="487" t="str">
        <f t="shared" si="20"/>
        <v/>
      </c>
      <c r="CM132" s="487"/>
      <c r="CN132" s="487"/>
      <c r="CO132" s="487"/>
      <c r="CP132" s="487"/>
      <c r="CQ132" s="487"/>
      <c r="CR132" s="487"/>
      <c r="CS132" s="487"/>
      <c r="CT132" s="487"/>
      <c r="CU132" s="487"/>
      <c r="CV132" s="487"/>
      <c r="CW132" s="487"/>
      <c r="CX132" s="487"/>
      <c r="CY132" s="487"/>
      <c r="CZ132" s="487"/>
      <c r="DA132" s="487"/>
      <c r="DB132" s="487"/>
      <c r="DC132" s="487"/>
      <c r="DD132" s="487"/>
      <c r="DE132" s="487"/>
      <c r="DF132" s="487"/>
      <c r="DG132" s="487"/>
      <c r="DH132" s="487"/>
      <c r="DI132" s="484"/>
      <c r="DJ132" s="484" t="s">
        <v>462</v>
      </c>
      <c r="DK132" s="484" t="s">
        <v>336</v>
      </c>
    </row>
    <row r="133" spans="1:115" s="354" customFormat="1" ht="56.1" hidden="1" customHeight="1" x14ac:dyDescent="0.2">
      <c r="A133" s="494"/>
      <c r="B133" s="494"/>
      <c r="C133" s="481">
        <v>217</v>
      </c>
      <c r="D133" s="481"/>
      <c r="E133" s="481" t="s">
        <v>2481</v>
      </c>
      <c r="F133" s="482" t="s">
        <v>53</v>
      </c>
      <c r="G133" s="482" t="s">
        <v>329</v>
      </c>
      <c r="H133" s="484" t="s">
        <v>456</v>
      </c>
      <c r="I133" s="484" t="s">
        <v>369</v>
      </c>
      <c r="J133" s="495" t="s">
        <v>468</v>
      </c>
      <c r="K133" s="495"/>
      <c r="L133" s="484" t="s">
        <v>58</v>
      </c>
      <c r="M133" s="484" t="s">
        <v>323</v>
      </c>
      <c r="N133" s="484"/>
      <c r="O133" s="484" t="s">
        <v>81</v>
      </c>
      <c r="P133" s="484" t="s">
        <v>334</v>
      </c>
      <c r="Q133" s="484"/>
      <c r="R133" s="484" t="s">
        <v>380</v>
      </c>
      <c r="S133" s="484" t="s">
        <v>63</v>
      </c>
      <c r="T133" s="484" t="s">
        <v>63</v>
      </c>
      <c r="U133" s="485">
        <v>8176</v>
      </c>
      <c r="V133" s="485"/>
      <c r="W133" s="484" t="s">
        <v>226</v>
      </c>
      <c r="X133" s="484"/>
      <c r="Y133" s="485">
        <f t="shared" si="16"/>
        <v>8176</v>
      </c>
      <c r="Z133" s="484" t="s">
        <v>82</v>
      </c>
      <c r="AA133" s="496"/>
      <c r="AB133" s="496"/>
      <c r="AC133" s="496"/>
      <c r="AD133" s="496"/>
      <c r="AE133" s="496"/>
      <c r="AF133" s="496"/>
      <c r="AG133" s="487" t="s">
        <v>66</v>
      </c>
      <c r="AH133" s="496"/>
      <c r="AI133" s="496"/>
      <c r="AJ133" s="496"/>
      <c r="AK133" s="496"/>
      <c r="AL133" s="496"/>
      <c r="AM133" s="496"/>
      <c r="AN133" s="496"/>
      <c r="AO133" s="496"/>
      <c r="AP133" s="496"/>
      <c r="AQ133" s="496"/>
      <c r="AR133" s="496"/>
      <c r="AS133" s="496"/>
      <c r="AT133" s="496"/>
      <c r="AU133" s="496"/>
      <c r="AV133" s="496"/>
      <c r="AW133" s="496"/>
      <c r="AX133" s="496"/>
      <c r="AY133" s="496"/>
      <c r="AZ133" s="496"/>
      <c r="BA133" s="496"/>
      <c r="BB133" s="496"/>
      <c r="BC133" s="496"/>
      <c r="BD133" s="496"/>
      <c r="BE133" s="496"/>
      <c r="BF133" s="80">
        <f t="shared" si="26"/>
        <v>100</v>
      </c>
      <c r="BG133" s="76">
        <f t="shared" si="25"/>
        <v>81.760000000000005</v>
      </c>
      <c r="BH133" s="487" t="str">
        <f t="shared" si="24"/>
        <v/>
      </c>
      <c r="BI133" s="487" t="str">
        <f t="shared" si="24"/>
        <v/>
      </c>
      <c r="BJ133" s="487" t="str">
        <f t="shared" si="23"/>
        <v/>
      </c>
      <c r="BK133" s="487" t="str">
        <f t="shared" si="23"/>
        <v/>
      </c>
      <c r="BL133" s="487" t="str">
        <f t="shared" si="23"/>
        <v/>
      </c>
      <c r="BM133" s="487" t="str">
        <f t="shared" si="23"/>
        <v/>
      </c>
      <c r="BN133" s="487">
        <f t="shared" si="23"/>
        <v>8176.0000000000009</v>
      </c>
      <c r="BO133" s="487" t="str">
        <f t="shared" si="23"/>
        <v/>
      </c>
      <c r="BP133" s="487" t="str">
        <f t="shared" si="23"/>
        <v/>
      </c>
      <c r="BQ133" s="487" t="str">
        <f t="shared" si="23"/>
        <v/>
      </c>
      <c r="BR133" s="487" t="str">
        <f t="shared" si="23"/>
        <v/>
      </c>
      <c r="BS133" s="487" t="str">
        <f t="shared" si="23"/>
        <v/>
      </c>
      <c r="BT133" s="487" t="str">
        <f t="shared" si="23"/>
        <v/>
      </c>
      <c r="BU133" s="487" t="str">
        <f t="shared" si="23"/>
        <v/>
      </c>
      <c r="BV133" s="487" t="str">
        <f t="shared" si="23"/>
        <v/>
      </c>
      <c r="BW133" s="487" t="str">
        <f t="shared" si="23"/>
        <v/>
      </c>
      <c r="BX133" s="487" t="str">
        <f t="shared" si="22"/>
        <v/>
      </c>
      <c r="BY133" s="487" t="str">
        <f t="shared" si="22"/>
        <v/>
      </c>
      <c r="BZ133" s="487" t="str">
        <f t="shared" si="20"/>
        <v/>
      </c>
      <c r="CA133" s="487" t="str">
        <f t="shared" si="20"/>
        <v/>
      </c>
      <c r="CB133" s="487" t="str">
        <f t="shared" si="20"/>
        <v/>
      </c>
      <c r="CC133" s="487" t="str">
        <f t="shared" si="20"/>
        <v/>
      </c>
      <c r="CD133" s="487" t="str">
        <f t="shared" si="20"/>
        <v/>
      </c>
      <c r="CE133" s="487" t="str">
        <f t="shared" si="20"/>
        <v/>
      </c>
      <c r="CF133" s="487" t="str">
        <f t="shared" si="20"/>
        <v/>
      </c>
      <c r="CG133" s="487" t="str">
        <f t="shared" si="20"/>
        <v/>
      </c>
      <c r="CH133" s="487" t="str">
        <f t="shared" ref="CH133:CL183" si="27">IF(BA133="yes",(BA$2*$BG133),"")</f>
        <v/>
      </c>
      <c r="CI133" s="487" t="str">
        <f t="shared" si="27"/>
        <v/>
      </c>
      <c r="CJ133" s="487" t="str">
        <f t="shared" si="27"/>
        <v/>
      </c>
      <c r="CK133" s="487" t="str">
        <f t="shared" si="27"/>
        <v/>
      </c>
      <c r="CL133" s="487" t="str">
        <f t="shared" si="27"/>
        <v/>
      </c>
      <c r="CM133" s="487"/>
      <c r="CN133" s="487"/>
      <c r="CO133" s="487"/>
      <c r="CP133" s="487"/>
      <c r="CQ133" s="487"/>
      <c r="CR133" s="487"/>
      <c r="CS133" s="487"/>
      <c r="CT133" s="487"/>
      <c r="CU133" s="487"/>
      <c r="CV133" s="487"/>
      <c r="CW133" s="487"/>
      <c r="CX133" s="487"/>
      <c r="CY133" s="487"/>
      <c r="CZ133" s="487"/>
      <c r="DA133" s="487"/>
      <c r="DB133" s="487"/>
      <c r="DC133" s="487"/>
      <c r="DD133" s="487"/>
      <c r="DE133" s="487"/>
      <c r="DF133" s="487"/>
      <c r="DG133" s="487"/>
      <c r="DH133" s="487"/>
      <c r="DI133" s="484"/>
      <c r="DJ133" s="484" t="s">
        <v>462</v>
      </c>
      <c r="DK133" s="484" t="s">
        <v>336</v>
      </c>
    </row>
    <row r="134" spans="1:115" s="354" customFormat="1" ht="56.1" hidden="1" customHeight="1" x14ac:dyDescent="0.2">
      <c r="A134" s="494"/>
      <c r="B134" s="494"/>
      <c r="C134" s="481">
        <v>218</v>
      </c>
      <c r="D134" s="481"/>
      <c r="E134" s="481" t="s">
        <v>2481</v>
      </c>
      <c r="F134" s="482" t="s">
        <v>53</v>
      </c>
      <c r="G134" s="482" t="s">
        <v>329</v>
      </c>
      <c r="H134" s="484" t="s">
        <v>456</v>
      </c>
      <c r="I134" s="484" t="s">
        <v>369</v>
      </c>
      <c r="J134" s="495" t="s">
        <v>477</v>
      </c>
      <c r="K134" s="495"/>
      <c r="L134" s="484" t="s">
        <v>58</v>
      </c>
      <c r="M134" s="484" t="s">
        <v>324</v>
      </c>
      <c r="N134" s="484"/>
      <c r="O134" s="484" t="s">
        <v>81</v>
      </c>
      <c r="P134" s="484" t="s">
        <v>334</v>
      </c>
      <c r="Q134" s="484"/>
      <c r="R134" s="484" t="s">
        <v>382</v>
      </c>
      <c r="S134" s="484" t="s">
        <v>63</v>
      </c>
      <c r="T134" s="484" t="s">
        <v>63</v>
      </c>
      <c r="U134" s="485">
        <v>31881</v>
      </c>
      <c r="V134" s="485"/>
      <c r="W134" s="484" t="s">
        <v>226</v>
      </c>
      <c r="X134" s="484"/>
      <c r="Y134" s="485">
        <f t="shared" si="16"/>
        <v>31881</v>
      </c>
      <c r="Z134" s="484" t="s">
        <v>82</v>
      </c>
      <c r="AA134" s="496"/>
      <c r="AB134" s="496"/>
      <c r="AC134" s="496"/>
      <c r="AD134" s="496"/>
      <c r="AE134" s="496"/>
      <c r="AF134" s="496"/>
      <c r="AG134" s="496"/>
      <c r="AH134" s="487" t="s">
        <v>66</v>
      </c>
      <c r="AI134" s="496"/>
      <c r="AJ134" s="496"/>
      <c r="AK134" s="496"/>
      <c r="AL134" s="496"/>
      <c r="AM134" s="496"/>
      <c r="AN134" s="496"/>
      <c r="AO134" s="496"/>
      <c r="AP134" s="496"/>
      <c r="AQ134" s="496"/>
      <c r="AR134" s="496"/>
      <c r="AS134" s="496"/>
      <c r="AT134" s="496"/>
      <c r="AU134" s="496"/>
      <c r="AV134" s="496"/>
      <c r="AW134" s="496"/>
      <c r="AX134" s="496"/>
      <c r="AY134" s="496"/>
      <c r="AZ134" s="496"/>
      <c r="BA134" s="496"/>
      <c r="BB134" s="496"/>
      <c r="BC134" s="496"/>
      <c r="BD134" s="496"/>
      <c r="BE134" s="496"/>
      <c r="BF134" s="80">
        <f t="shared" si="26"/>
        <v>390</v>
      </c>
      <c r="BG134" s="76">
        <f t="shared" si="25"/>
        <v>81.746153846153845</v>
      </c>
      <c r="BH134" s="487" t="str">
        <f t="shared" si="24"/>
        <v/>
      </c>
      <c r="BI134" s="487" t="str">
        <f t="shared" si="24"/>
        <v/>
      </c>
      <c r="BJ134" s="487" t="str">
        <f t="shared" si="23"/>
        <v/>
      </c>
      <c r="BK134" s="487" t="str">
        <f t="shared" si="23"/>
        <v/>
      </c>
      <c r="BL134" s="487" t="str">
        <f t="shared" si="23"/>
        <v/>
      </c>
      <c r="BM134" s="487" t="str">
        <f t="shared" si="23"/>
        <v/>
      </c>
      <c r="BN134" s="487" t="str">
        <f t="shared" si="23"/>
        <v/>
      </c>
      <c r="BO134" s="487">
        <f t="shared" si="23"/>
        <v>31881</v>
      </c>
      <c r="BP134" s="487" t="str">
        <f t="shared" si="23"/>
        <v/>
      </c>
      <c r="BQ134" s="487" t="str">
        <f t="shared" si="23"/>
        <v/>
      </c>
      <c r="BR134" s="487" t="str">
        <f t="shared" si="23"/>
        <v/>
      </c>
      <c r="BS134" s="487" t="str">
        <f t="shared" si="23"/>
        <v/>
      </c>
      <c r="BT134" s="487" t="str">
        <f t="shared" si="23"/>
        <v/>
      </c>
      <c r="BU134" s="487" t="str">
        <f t="shared" si="23"/>
        <v/>
      </c>
      <c r="BV134" s="487" t="str">
        <f t="shared" si="23"/>
        <v/>
      </c>
      <c r="BW134" s="487" t="str">
        <f t="shared" si="23"/>
        <v/>
      </c>
      <c r="BX134" s="487" t="str">
        <f t="shared" si="22"/>
        <v/>
      </c>
      <c r="BY134" s="487" t="str">
        <f t="shared" si="22"/>
        <v/>
      </c>
      <c r="BZ134" s="487" t="str">
        <f t="shared" si="22"/>
        <v/>
      </c>
      <c r="CA134" s="487" t="str">
        <f t="shared" si="22"/>
        <v/>
      </c>
      <c r="CB134" s="487" t="str">
        <f t="shared" si="22"/>
        <v/>
      </c>
      <c r="CC134" s="487" t="str">
        <f t="shared" si="22"/>
        <v/>
      </c>
      <c r="CD134" s="487" t="str">
        <f t="shared" si="22"/>
        <v/>
      </c>
      <c r="CE134" s="487" t="str">
        <f t="shared" si="22"/>
        <v/>
      </c>
      <c r="CF134" s="487" t="str">
        <f t="shared" si="22"/>
        <v/>
      </c>
      <c r="CG134" s="487" t="str">
        <f t="shared" si="22"/>
        <v/>
      </c>
      <c r="CH134" s="487" t="str">
        <f t="shared" si="27"/>
        <v/>
      </c>
      <c r="CI134" s="487" t="str">
        <f t="shared" si="27"/>
        <v/>
      </c>
      <c r="CJ134" s="487" t="str">
        <f t="shared" si="27"/>
        <v/>
      </c>
      <c r="CK134" s="487" t="str">
        <f t="shared" si="27"/>
        <v/>
      </c>
      <c r="CL134" s="487" t="str">
        <f t="shared" si="27"/>
        <v/>
      </c>
      <c r="CM134" s="487"/>
      <c r="CN134" s="487"/>
      <c r="CO134" s="487"/>
      <c r="CP134" s="487"/>
      <c r="CQ134" s="487"/>
      <c r="CR134" s="487"/>
      <c r="CS134" s="487"/>
      <c r="CT134" s="487"/>
      <c r="CU134" s="487"/>
      <c r="CV134" s="487"/>
      <c r="CW134" s="487"/>
      <c r="CX134" s="487"/>
      <c r="CY134" s="487"/>
      <c r="CZ134" s="487"/>
      <c r="DA134" s="487"/>
      <c r="DB134" s="487"/>
      <c r="DC134" s="487"/>
      <c r="DD134" s="487"/>
      <c r="DE134" s="487"/>
      <c r="DF134" s="487"/>
      <c r="DG134" s="487"/>
      <c r="DH134" s="487"/>
      <c r="DI134" s="484"/>
      <c r="DJ134" s="484" t="s">
        <v>462</v>
      </c>
      <c r="DK134" s="484" t="s">
        <v>336</v>
      </c>
    </row>
    <row r="135" spans="1:115" s="354" customFormat="1" ht="56.1" hidden="1" customHeight="1" x14ac:dyDescent="0.2">
      <c r="A135" s="77" t="s">
        <v>2491</v>
      </c>
      <c r="B135" s="77" t="s">
        <v>22</v>
      </c>
      <c r="C135" s="481">
        <v>219</v>
      </c>
      <c r="D135" s="481"/>
      <c r="E135" s="481" t="s">
        <v>2481</v>
      </c>
      <c r="F135" s="482" t="s">
        <v>53</v>
      </c>
      <c r="G135" s="482" t="s">
        <v>329</v>
      </c>
      <c r="H135" s="484" t="s">
        <v>456</v>
      </c>
      <c r="I135" s="484" t="s">
        <v>369</v>
      </c>
      <c r="J135" s="495" t="s">
        <v>478</v>
      </c>
      <c r="K135" s="495"/>
      <c r="L135" s="484" t="s">
        <v>58</v>
      </c>
      <c r="M135" s="484" t="s">
        <v>22</v>
      </c>
      <c r="N135" s="484"/>
      <c r="O135" s="484" t="s">
        <v>81</v>
      </c>
      <c r="P135" s="484" t="s">
        <v>334</v>
      </c>
      <c r="Q135" s="484"/>
      <c r="R135" s="484" t="s">
        <v>187</v>
      </c>
      <c r="S135" s="484" t="s">
        <v>63</v>
      </c>
      <c r="T135" s="484" t="s">
        <v>63</v>
      </c>
      <c r="U135" s="485">
        <v>39238</v>
      </c>
      <c r="V135" s="485"/>
      <c r="W135" s="484" t="s">
        <v>226</v>
      </c>
      <c r="X135" s="484"/>
      <c r="Y135" s="485">
        <f t="shared" si="16"/>
        <v>39238</v>
      </c>
      <c r="Z135" s="484" t="s">
        <v>82</v>
      </c>
      <c r="AA135" s="496"/>
      <c r="AB135" s="496"/>
      <c r="AC135" s="496"/>
      <c r="AD135" s="496"/>
      <c r="AE135" s="496"/>
      <c r="AF135" s="487" t="s">
        <v>66</v>
      </c>
      <c r="AG135" s="496"/>
      <c r="AH135" s="496"/>
      <c r="AI135" s="496"/>
      <c r="AJ135" s="496"/>
      <c r="AK135" s="496"/>
      <c r="AL135" s="496"/>
      <c r="AM135" s="496"/>
      <c r="AN135" s="496"/>
      <c r="AO135" s="496"/>
      <c r="AP135" s="496"/>
      <c r="AQ135" s="496"/>
      <c r="AR135" s="496"/>
      <c r="AS135" s="496"/>
      <c r="AT135" s="496"/>
      <c r="AU135" s="496"/>
      <c r="AV135" s="496"/>
      <c r="AW135" s="496"/>
      <c r="AX135" s="496"/>
      <c r="AY135" s="496"/>
      <c r="AZ135" s="496"/>
      <c r="BA135" s="496"/>
      <c r="BB135" s="496"/>
      <c r="BC135" s="496"/>
      <c r="BD135" s="496"/>
      <c r="BE135" s="496"/>
      <c r="BF135" s="80">
        <f t="shared" si="26"/>
        <v>480</v>
      </c>
      <c r="BG135" s="76">
        <f t="shared" si="25"/>
        <v>81.745833333333337</v>
      </c>
      <c r="BH135" s="487" t="str">
        <f t="shared" si="24"/>
        <v/>
      </c>
      <c r="BI135" s="487" t="str">
        <f t="shared" si="24"/>
        <v/>
      </c>
      <c r="BJ135" s="487" t="str">
        <f t="shared" si="23"/>
        <v/>
      </c>
      <c r="BK135" s="487" t="str">
        <f t="shared" si="23"/>
        <v/>
      </c>
      <c r="BL135" s="487" t="str">
        <f t="shared" si="23"/>
        <v/>
      </c>
      <c r="BM135" s="487">
        <f t="shared" si="23"/>
        <v>39238</v>
      </c>
      <c r="BN135" s="487" t="str">
        <f t="shared" si="23"/>
        <v/>
      </c>
      <c r="BO135" s="487" t="str">
        <f t="shared" si="23"/>
        <v/>
      </c>
      <c r="BP135" s="487" t="str">
        <f t="shared" si="23"/>
        <v/>
      </c>
      <c r="BQ135" s="487" t="str">
        <f t="shared" si="23"/>
        <v/>
      </c>
      <c r="BR135" s="487" t="str">
        <f t="shared" si="23"/>
        <v/>
      </c>
      <c r="BS135" s="487" t="str">
        <f t="shared" si="23"/>
        <v/>
      </c>
      <c r="BT135" s="487" t="str">
        <f t="shared" si="23"/>
        <v/>
      </c>
      <c r="BU135" s="487" t="str">
        <f t="shared" si="23"/>
        <v/>
      </c>
      <c r="BV135" s="487" t="str">
        <f t="shared" si="23"/>
        <v/>
      </c>
      <c r="BW135" s="487" t="str">
        <f t="shared" si="23"/>
        <v/>
      </c>
      <c r="BX135" s="487" t="str">
        <f t="shared" si="22"/>
        <v/>
      </c>
      <c r="BY135" s="487" t="str">
        <f t="shared" si="22"/>
        <v/>
      </c>
      <c r="BZ135" s="487" t="str">
        <f t="shared" si="22"/>
        <v/>
      </c>
      <c r="CA135" s="487" t="str">
        <f t="shared" si="22"/>
        <v/>
      </c>
      <c r="CB135" s="487" t="str">
        <f t="shared" si="22"/>
        <v/>
      </c>
      <c r="CC135" s="487" t="str">
        <f t="shared" si="22"/>
        <v/>
      </c>
      <c r="CD135" s="487" t="str">
        <f t="shared" si="22"/>
        <v/>
      </c>
      <c r="CE135" s="487" t="str">
        <f t="shared" si="22"/>
        <v/>
      </c>
      <c r="CF135" s="487" t="str">
        <f t="shared" si="22"/>
        <v/>
      </c>
      <c r="CG135" s="487" t="str">
        <f t="shared" si="22"/>
        <v/>
      </c>
      <c r="CH135" s="487" t="str">
        <f t="shared" si="27"/>
        <v/>
      </c>
      <c r="CI135" s="487" t="str">
        <f t="shared" si="27"/>
        <v/>
      </c>
      <c r="CJ135" s="487" t="str">
        <f t="shared" si="27"/>
        <v/>
      </c>
      <c r="CK135" s="487" t="str">
        <f t="shared" si="27"/>
        <v/>
      </c>
      <c r="CL135" s="487" t="str">
        <f t="shared" si="27"/>
        <v/>
      </c>
      <c r="CM135" s="487"/>
      <c r="CN135" s="487"/>
      <c r="CO135" s="487"/>
      <c r="CP135" s="487"/>
      <c r="CQ135" s="487"/>
      <c r="CR135" s="487"/>
      <c r="CS135" s="487"/>
      <c r="CT135" s="487"/>
      <c r="CU135" s="487"/>
      <c r="CV135" s="487"/>
      <c r="CW135" s="487"/>
      <c r="CX135" s="487"/>
      <c r="CY135" s="487"/>
      <c r="CZ135" s="487"/>
      <c r="DA135" s="487"/>
      <c r="DB135" s="487"/>
      <c r="DC135" s="487"/>
      <c r="DD135" s="487"/>
      <c r="DE135" s="487"/>
      <c r="DF135" s="487"/>
      <c r="DG135" s="487"/>
      <c r="DH135" s="487"/>
      <c r="DI135" s="484"/>
      <c r="DJ135" s="484" t="s">
        <v>462</v>
      </c>
      <c r="DK135" s="484" t="s">
        <v>336</v>
      </c>
    </row>
    <row r="136" spans="1:115" s="354" customFormat="1" ht="56.1" hidden="1" customHeight="1" x14ac:dyDescent="0.2">
      <c r="A136" s="494"/>
      <c r="B136" s="494"/>
      <c r="C136" s="481">
        <v>220</v>
      </c>
      <c r="D136" s="481"/>
      <c r="E136" s="481" t="s">
        <v>2481</v>
      </c>
      <c r="F136" s="482" t="s">
        <v>53</v>
      </c>
      <c r="G136" s="482" t="s">
        <v>329</v>
      </c>
      <c r="H136" s="484" t="s">
        <v>456</v>
      </c>
      <c r="I136" s="484" t="s">
        <v>369</v>
      </c>
      <c r="J136" s="495" t="s">
        <v>479</v>
      </c>
      <c r="K136" s="495"/>
      <c r="L136" s="484" t="s">
        <v>58</v>
      </c>
      <c r="M136" s="484" t="s">
        <v>207</v>
      </c>
      <c r="N136" s="484"/>
      <c r="O136" s="484" t="s">
        <v>81</v>
      </c>
      <c r="P136" s="484" t="s">
        <v>334</v>
      </c>
      <c r="Q136" s="484"/>
      <c r="R136" s="484" t="s">
        <v>208</v>
      </c>
      <c r="S136" s="484" t="s">
        <v>63</v>
      </c>
      <c r="T136" s="484" t="s">
        <v>63</v>
      </c>
      <c r="U136" s="485">
        <f>'[1]Hemel Hempstead'!$AW$16</f>
        <v>40877.249544133752</v>
      </c>
      <c r="V136" s="485"/>
      <c r="W136" s="484" t="s">
        <v>226</v>
      </c>
      <c r="X136" s="484"/>
      <c r="Y136" s="485">
        <f t="shared" si="16"/>
        <v>40877.249544133752</v>
      </c>
      <c r="Z136" s="484" t="s">
        <v>82</v>
      </c>
      <c r="AA136" s="496"/>
      <c r="AB136" s="496"/>
      <c r="AC136" s="496"/>
      <c r="AD136" s="496"/>
      <c r="AE136" s="496"/>
      <c r="AF136" s="487"/>
      <c r="AG136" s="496"/>
      <c r="AH136" s="496"/>
      <c r="AI136" s="496" t="s">
        <v>66</v>
      </c>
      <c r="AJ136" s="496"/>
      <c r="AK136" s="496"/>
      <c r="AL136" s="496"/>
      <c r="AM136" s="496"/>
      <c r="AN136" s="496"/>
      <c r="AO136" s="496"/>
      <c r="AP136" s="496"/>
      <c r="AQ136" s="496"/>
      <c r="AR136" s="496"/>
      <c r="AS136" s="496"/>
      <c r="AT136" s="496"/>
      <c r="AU136" s="496"/>
      <c r="AV136" s="496"/>
      <c r="AW136" s="496"/>
      <c r="AX136" s="496"/>
      <c r="AY136" s="496"/>
      <c r="AZ136" s="496"/>
      <c r="BA136" s="496"/>
      <c r="BB136" s="496"/>
      <c r="BC136" s="496"/>
      <c r="BD136" s="496"/>
      <c r="BE136" s="496"/>
      <c r="BF136" s="80">
        <f t="shared" si="26"/>
        <v>500</v>
      </c>
      <c r="BG136" s="76">
        <f t="shared" si="25"/>
        <v>81.754499088267508</v>
      </c>
      <c r="BH136" s="487" t="str">
        <f t="shared" si="24"/>
        <v/>
      </c>
      <c r="BI136" s="487" t="str">
        <f t="shared" si="24"/>
        <v/>
      </c>
      <c r="BJ136" s="487" t="str">
        <f t="shared" si="23"/>
        <v/>
      </c>
      <c r="BK136" s="487" t="str">
        <f t="shared" si="23"/>
        <v/>
      </c>
      <c r="BL136" s="487" t="str">
        <f t="shared" si="23"/>
        <v/>
      </c>
      <c r="BM136" s="487" t="str">
        <f t="shared" si="23"/>
        <v/>
      </c>
      <c r="BN136" s="487" t="str">
        <f t="shared" si="23"/>
        <v/>
      </c>
      <c r="BO136" s="487" t="str">
        <f t="shared" si="23"/>
        <v/>
      </c>
      <c r="BP136" s="487">
        <f t="shared" si="23"/>
        <v>40877.249544133752</v>
      </c>
      <c r="BQ136" s="487" t="str">
        <f t="shared" si="23"/>
        <v/>
      </c>
      <c r="BR136" s="487" t="str">
        <f t="shared" si="23"/>
        <v/>
      </c>
      <c r="BS136" s="487" t="str">
        <f t="shared" si="23"/>
        <v/>
      </c>
      <c r="BT136" s="487" t="str">
        <f t="shared" si="23"/>
        <v/>
      </c>
      <c r="BU136" s="487" t="str">
        <f t="shared" si="23"/>
        <v/>
      </c>
      <c r="BV136" s="487" t="str">
        <f t="shared" si="23"/>
        <v/>
      </c>
      <c r="BW136" s="487" t="str">
        <f t="shared" si="23"/>
        <v/>
      </c>
      <c r="BX136" s="487" t="str">
        <f t="shared" si="22"/>
        <v/>
      </c>
      <c r="BY136" s="487" t="str">
        <f t="shared" si="22"/>
        <v/>
      </c>
      <c r="BZ136" s="487" t="str">
        <f t="shared" si="22"/>
        <v/>
      </c>
      <c r="CA136" s="487" t="str">
        <f t="shared" si="22"/>
        <v/>
      </c>
      <c r="CB136" s="487" t="str">
        <f t="shared" si="22"/>
        <v/>
      </c>
      <c r="CC136" s="487" t="str">
        <f t="shared" si="22"/>
        <v/>
      </c>
      <c r="CD136" s="487" t="str">
        <f t="shared" si="22"/>
        <v/>
      </c>
      <c r="CE136" s="487" t="str">
        <f t="shared" si="22"/>
        <v/>
      </c>
      <c r="CF136" s="487" t="str">
        <f t="shared" si="22"/>
        <v/>
      </c>
      <c r="CG136" s="487" t="str">
        <f t="shared" si="22"/>
        <v/>
      </c>
      <c r="CH136" s="487" t="str">
        <f t="shared" si="27"/>
        <v/>
      </c>
      <c r="CI136" s="487" t="str">
        <f t="shared" si="27"/>
        <v/>
      </c>
      <c r="CJ136" s="487" t="str">
        <f t="shared" si="27"/>
        <v/>
      </c>
      <c r="CK136" s="487" t="str">
        <f t="shared" si="27"/>
        <v/>
      </c>
      <c r="CL136" s="487" t="str">
        <f t="shared" si="27"/>
        <v/>
      </c>
      <c r="CM136" s="487"/>
      <c r="CN136" s="487"/>
      <c r="CO136" s="487"/>
      <c r="CP136" s="487"/>
      <c r="CQ136" s="487"/>
      <c r="CR136" s="487"/>
      <c r="CS136" s="487"/>
      <c r="CT136" s="487"/>
      <c r="CU136" s="487"/>
      <c r="CV136" s="487"/>
      <c r="CW136" s="487"/>
      <c r="CX136" s="487"/>
      <c r="CY136" s="487"/>
      <c r="CZ136" s="487"/>
      <c r="DA136" s="487"/>
      <c r="DB136" s="487"/>
      <c r="DC136" s="487"/>
      <c r="DD136" s="487"/>
      <c r="DE136" s="487"/>
      <c r="DF136" s="487"/>
      <c r="DG136" s="487"/>
      <c r="DH136" s="487"/>
      <c r="DI136" s="484"/>
      <c r="DJ136" s="484"/>
      <c r="DK136" s="484"/>
    </row>
    <row r="137" spans="1:115" s="354" customFormat="1" ht="56.1" hidden="1" customHeight="1" x14ac:dyDescent="0.2">
      <c r="A137" s="77" t="s">
        <v>2492</v>
      </c>
      <c r="B137" s="77" t="s">
        <v>2493</v>
      </c>
      <c r="C137" s="481">
        <v>221</v>
      </c>
      <c r="D137" s="481"/>
      <c r="E137" s="481" t="s">
        <v>2481</v>
      </c>
      <c r="F137" s="482" t="s">
        <v>53</v>
      </c>
      <c r="G137" s="482" t="s">
        <v>329</v>
      </c>
      <c r="H137" s="484" t="s">
        <v>456</v>
      </c>
      <c r="I137" s="484" t="s">
        <v>369</v>
      </c>
      <c r="J137" s="495" t="s">
        <v>480</v>
      </c>
      <c r="K137" s="495"/>
      <c r="L137" s="484" t="s">
        <v>58</v>
      </c>
      <c r="M137" s="484" t="s">
        <v>2493</v>
      </c>
      <c r="N137" s="484"/>
      <c r="O137" s="484" t="s">
        <v>81</v>
      </c>
      <c r="P137" s="484" t="s">
        <v>334</v>
      </c>
      <c r="Q137" s="484"/>
      <c r="R137" s="484" t="s">
        <v>71</v>
      </c>
      <c r="S137" s="484" t="s">
        <v>63</v>
      </c>
      <c r="T137" s="484" t="s">
        <v>63</v>
      </c>
      <c r="U137" s="485">
        <f>'[1]Hemel Hempstead'!$CK$16</f>
        <v>19136.934537342702</v>
      </c>
      <c r="V137" s="485"/>
      <c r="W137" s="484" t="s">
        <v>226</v>
      </c>
      <c r="X137" s="484"/>
      <c r="Y137" s="485">
        <f t="shared" si="16"/>
        <v>19136.934537342702</v>
      </c>
      <c r="Z137" s="484" t="s">
        <v>82</v>
      </c>
      <c r="AA137" s="496"/>
      <c r="AB137" s="496"/>
      <c r="AC137" s="496"/>
      <c r="AD137" s="496"/>
      <c r="AE137" s="496"/>
      <c r="AF137" s="487"/>
      <c r="AG137" s="496"/>
      <c r="AH137" s="496"/>
      <c r="AI137" s="496"/>
      <c r="AJ137" s="496"/>
      <c r="AK137" s="496"/>
      <c r="AL137" s="496"/>
      <c r="AM137" s="496" t="s">
        <v>66</v>
      </c>
      <c r="AN137" s="496"/>
      <c r="AO137" s="496"/>
      <c r="AP137" s="496"/>
      <c r="AQ137" s="496"/>
      <c r="AR137" s="496"/>
      <c r="AS137" s="496"/>
      <c r="AT137" s="496"/>
      <c r="AU137" s="496"/>
      <c r="AV137" s="496"/>
      <c r="AW137" s="496"/>
      <c r="AX137" s="496"/>
      <c r="AY137" s="496"/>
      <c r="AZ137" s="496"/>
      <c r="BA137" s="496"/>
      <c r="BB137" s="496"/>
      <c r="BC137" s="496"/>
      <c r="BD137" s="496"/>
      <c r="BE137" s="496"/>
      <c r="BF137" s="80">
        <f t="shared" si="26"/>
        <v>234</v>
      </c>
      <c r="BG137" s="76">
        <f t="shared" si="25"/>
        <v>81.781771527105562</v>
      </c>
      <c r="BH137" s="487" t="str">
        <f t="shared" si="24"/>
        <v/>
      </c>
      <c r="BI137" s="487" t="str">
        <f t="shared" si="24"/>
        <v/>
      </c>
      <c r="BJ137" s="487" t="str">
        <f t="shared" si="23"/>
        <v/>
      </c>
      <c r="BK137" s="487" t="str">
        <f t="shared" si="23"/>
        <v/>
      </c>
      <c r="BL137" s="487" t="str">
        <f t="shared" si="23"/>
        <v/>
      </c>
      <c r="BM137" s="487" t="str">
        <f t="shared" ref="BM137:CB158" si="28">IF(AF137="yes",(AF$2*$BG137),"")</f>
        <v/>
      </c>
      <c r="BN137" s="487" t="str">
        <f t="shared" si="28"/>
        <v/>
      </c>
      <c r="BO137" s="487" t="str">
        <f t="shared" si="28"/>
        <v/>
      </c>
      <c r="BP137" s="487" t="str">
        <f t="shared" si="28"/>
        <v/>
      </c>
      <c r="BQ137" s="487" t="str">
        <f t="shared" si="28"/>
        <v/>
      </c>
      <c r="BR137" s="487" t="str">
        <f t="shared" si="28"/>
        <v/>
      </c>
      <c r="BS137" s="487" t="str">
        <f t="shared" si="28"/>
        <v/>
      </c>
      <c r="BT137" s="487">
        <f t="shared" si="28"/>
        <v>19136.934537342702</v>
      </c>
      <c r="BU137" s="487" t="str">
        <f t="shared" si="28"/>
        <v/>
      </c>
      <c r="BV137" s="487" t="str">
        <f t="shared" si="28"/>
        <v/>
      </c>
      <c r="BW137" s="487" t="str">
        <f t="shared" si="28"/>
        <v/>
      </c>
      <c r="BX137" s="487" t="str">
        <f t="shared" si="22"/>
        <v/>
      </c>
      <c r="BY137" s="487" t="str">
        <f t="shared" si="22"/>
        <v/>
      </c>
      <c r="BZ137" s="487" t="str">
        <f t="shared" si="22"/>
        <v/>
      </c>
      <c r="CA137" s="487" t="str">
        <f t="shared" si="22"/>
        <v/>
      </c>
      <c r="CB137" s="487" t="str">
        <f t="shared" si="22"/>
        <v/>
      </c>
      <c r="CC137" s="487" t="str">
        <f t="shared" si="22"/>
        <v/>
      </c>
      <c r="CD137" s="487" t="str">
        <f t="shared" si="22"/>
        <v/>
      </c>
      <c r="CE137" s="487" t="str">
        <f t="shared" si="22"/>
        <v/>
      </c>
      <c r="CF137" s="487" t="str">
        <f t="shared" si="22"/>
        <v/>
      </c>
      <c r="CG137" s="487" t="str">
        <f t="shared" si="22"/>
        <v/>
      </c>
      <c r="CH137" s="487" t="str">
        <f t="shared" si="27"/>
        <v/>
      </c>
      <c r="CI137" s="487" t="str">
        <f t="shared" si="27"/>
        <v/>
      </c>
      <c r="CJ137" s="487" t="str">
        <f t="shared" si="27"/>
        <v/>
      </c>
      <c r="CK137" s="487" t="str">
        <f t="shared" si="27"/>
        <v/>
      </c>
      <c r="CL137" s="487" t="str">
        <f t="shared" si="27"/>
        <v/>
      </c>
      <c r="CM137" s="487"/>
      <c r="CN137" s="487"/>
      <c r="CO137" s="487"/>
      <c r="CP137" s="487"/>
      <c r="CQ137" s="487"/>
      <c r="CR137" s="487"/>
      <c r="CS137" s="487"/>
      <c r="CT137" s="487"/>
      <c r="CU137" s="487"/>
      <c r="CV137" s="487"/>
      <c r="CW137" s="487"/>
      <c r="CX137" s="487"/>
      <c r="CY137" s="487"/>
      <c r="CZ137" s="487"/>
      <c r="DA137" s="487"/>
      <c r="DB137" s="487"/>
      <c r="DC137" s="487"/>
      <c r="DD137" s="487"/>
      <c r="DE137" s="487"/>
      <c r="DF137" s="487"/>
      <c r="DG137" s="487"/>
      <c r="DH137" s="487"/>
      <c r="DI137" s="484"/>
      <c r="DJ137" s="484"/>
      <c r="DK137" s="484"/>
    </row>
    <row r="138" spans="1:115" s="354" customFormat="1" ht="56.1" hidden="1" customHeight="1" x14ac:dyDescent="0.2">
      <c r="A138" s="494"/>
      <c r="B138" s="494"/>
      <c r="C138" s="481">
        <v>222</v>
      </c>
      <c r="D138" s="481"/>
      <c r="E138" s="481" t="s">
        <v>2481</v>
      </c>
      <c r="F138" s="482" t="s">
        <v>53</v>
      </c>
      <c r="G138" s="482" t="s">
        <v>329</v>
      </c>
      <c r="H138" s="484" t="s">
        <v>456</v>
      </c>
      <c r="I138" s="484" t="s">
        <v>369</v>
      </c>
      <c r="J138" s="495" t="s">
        <v>479</v>
      </c>
      <c r="K138" s="495"/>
      <c r="L138" s="484" t="s">
        <v>58</v>
      </c>
      <c r="M138" s="484" t="s">
        <v>26</v>
      </c>
      <c r="N138" s="484"/>
      <c r="O138" s="484" t="s">
        <v>81</v>
      </c>
      <c r="P138" s="484" t="s">
        <v>334</v>
      </c>
      <c r="Q138" s="484"/>
      <c r="R138" s="484" t="s">
        <v>159</v>
      </c>
      <c r="S138" s="484" t="s">
        <v>63</v>
      </c>
      <c r="T138" s="484" t="s">
        <v>63</v>
      </c>
      <c r="U138" s="485">
        <f>'[1]Hemel Hempstead'!$BL$16</f>
        <v>40877.249544133752</v>
      </c>
      <c r="V138" s="485"/>
      <c r="W138" s="484" t="s">
        <v>226</v>
      </c>
      <c r="X138" s="484"/>
      <c r="Y138" s="485">
        <f t="shared" si="16"/>
        <v>40877.249544133752</v>
      </c>
      <c r="Z138" s="484" t="s">
        <v>82</v>
      </c>
      <c r="AA138" s="496"/>
      <c r="AB138" s="496"/>
      <c r="AC138" s="496"/>
      <c r="AD138" s="496"/>
      <c r="AE138" s="496"/>
      <c r="AF138" s="487"/>
      <c r="AG138" s="496"/>
      <c r="AH138" s="496"/>
      <c r="AI138" s="496"/>
      <c r="AJ138" s="496" t="s">
        <v>66</v>
      </c>
      <c r="AK138" s="496"/>
      <c r="AL138" s="496"/>
      <c r="AM138" s="496"/>
      <c r="AN138" s="496"/>
      <c r="AO138" s="496"/>
      <c r="AP138" s="496"/>
      <c r="AQ138" s="496"/>
      <c r="AR138" s="496"/>
      <c r="AS138" s="496"/>
      <c r="AT138" s="496"/>
      <c r="AU138" s="496"/>
      <c r="AV138" s="496"/>
      <c r="AW138" s="496"/>
      <c r="AX138" s="496"/>
      <c r="AY138" s="496"/>
      <c r="AZ138" s="496"/>
      <c r="BA138" s="496"/>
      <c r="BB138" s="496"/>
      <c r="BC138" s="496"/>
      <c r="BD138" s="496"/>
      <c r="BE138" s="496"/>
      <c r="BF138" s="80">
        <f t="shared" si="26"/>
        <v>500</v>
      </c>
      <c r="BG138" s="76">
        <f t="shared" si="25"/>
        <v>81.754499088267508</v>
      </c>
      <c r="BH138" s="487" t="str">
        <f t="shared" si="24"/>
        <v/>
      </c>
      <c r="BI138" s="487" t="str">
        <f t="shared" si="24"/>
        <v/>
      </c>
      <c r="BJ138" s="487" t="str">
        <f t="shared" si="24"/>
        <v/>
      </c>
      <c r="BK138" s="487" t="str">
        <f t="shared" si="24"/>
        <v/>
      </c>
      <c r="BL138" s="487" t="str">
        <f t="shared" si="24"/>
        <v/>
      </c>
      <c r="BM138" s="487" t="str">
        <f t="shared" si="28"/>
        <v/>
      </c>
      <c r="BN138" s="487" t="str">
        <f t="shared" si="28"/>
        <v/>
      </c>
      <c r="BO138" s="487" t="str">
        <f t="shared" si="28"/>
        <v/>
      </c>
      <c r="BP138" s="487" t="str">
        <f t="shared" si="28"/>
        <v/>
      </c>
      <c r="BQ138" s="487">
        <f t="shared" si="28"/>
        <v>40877.249544133752</v>
      </c>
      <c r="BR138" s="487" t="str">
        <f t="shared" si="28"/>
        <v/>
      </c>
      <c r="BS138" s="487" t="str">
        <f t="shared" si="28"/>
        <v/>
      </c>
      <c r="BT138" s="487" t="str">
        <f t="shared" si="28"/>
        <v/>
      </c>
      <c r="BU138" s="487" t="str">
        <f t="shared" si="28"/>
        <v/>
      </c>
      <c r="BV138" s="487" t="str">
        <f t="shared" si="28"/>
        <v/>
      </c>
      <c r="BW138" s="487" t="str">
        <f t="shared" si="28"/>
        <v/>
      </c>
      <c r="BX138" s="487" t="str">
        <f t="shared" si="22"/>
        <v/>
      </c>
      <c r="BY138" s="487" t="str">
        <f t="shared" si="22"/>
        <v/>
      </c>
      <c r="BZ138" s="487" t="str">
        <f t="shared" si="22"/>
        <v/>
      </c>
      <c r="CA138" s="487" t="str">
        <f t="shared" si="22"/>
        <v/>
      </c>
      <c r="CB138" s="487" t="str">
        <f t="shared" si="22"/>
        <v/>
      </c>
      <c r="CC138" s="487" t="str">
        <f t="shared" si="22"/>
        <v/>
      </c>
      <c r="CD138" s="487" t="str">
        <f t="shared" si="22"/>
        <v/>
      </c>
      <c r="CE138" s="487" t="str">
        <f t="shared" si="22"/>
        <v/>
      </c>
      <c r="CF138" s="487" t="str">
        <f t="shared" si="22"/>
        <v/>
      </c>
      <c r="CG138" s="487" t="str">
        <f t="shared" si="22"/>
        <v/>
      </c>
      <c r="CH138" s="487" t="str">
        <f t="shared" si="27"/>
        <v/>
      </c>
      <c r="CI138" s="487" t="str">
        <f t="shared" si="27"/>
        <v/>
      </c>
      <c r="CJ138" s="487" t="str">
        <f t="shared" si="27"/>
        <v/>
      </c>
      <c r="CK138" s="487" t="str">
        <f t="shared" si="27"/>
        <v/>
      </c>
      <c r="CL138" s="487" t="str">
        <f t="shared" si="27"/>
        <v/>
      </c>
      <c r="CM138" s="487"/>
      <c r="CN138" s="487"/>
      <c r="CO138" s="487"/>
      <c r="CP138" s="487"/>
      <c r="CQ138" s="487"/>
      <c r="CR138" s="487"/>
      <c r="CS138" s="487"/>
      <c r="CT138" s="487"/>
      <c r="CU138" s="487"/>
      <c r="CV138" s="487"/>
      <c r="CW138" s="487"/>
      <c r="CX138" s="487"/>
      <c r="CY138" s="487"/>
      <c r="CZ138" s="487"/>
      <c r="DA138" s="487"/>
      <c r="DB138" s="487"/>
      <c r="DC138" s="487"/>
      <c r="DD138" s="487"/>
      <c r="DE138" s="487"/>
      <c r="DF138" s="487"/>
      <c r="DG138" s="487"/>
      <c r="DH138" s="487"/>
      <c r="DI138" s="484"/>
      <c r="DJ138" s="484"/>
      <c r="DK138" s="484"/>
    </row>
    <row r="139" spans="1:115" s="354" customFormat="1" ht="56.1" hidden="1" customHeight="1" x14ac:dyDescent="0.2">
      <c r="A139" s="494"/>
      <c r="B139" s="494"/>
      <c r="C139" s="481">
        <v>223</v>
      </c>
      <c r="D139" s="481"/>
      <c r="E139" s="481" t="s">
        <v>2481</v>
      </c>
      <c r="F139" s="482" t="s">
        <v>53</v>
      </c>
      <c r="G139" s="482" t="s">
        <v>329</v>
      </c>
      <c r="H139" s="484" t="s">
        <v>456</v>
      </c>
      <c r="I139" s="484" t="s">
        <v>369</v>
      </c>
      <c r="J139" s="495" t="s">
        <v>481</v>
      </c>
      <c r="K139" s="495"/>
      <c r="L139" s="484" t="s">
        <v>58</v>
      </c>
      <c r="M139" s="484" t="s">
        <v>27</v>
      </c>
      <c r="N139" s="484"/>
      <c r="O139" s="484" t="s">
        <v>81</v>
      </c>
      <c r="P139" s="484" t="s">
        <v>334</v>
      </c>
      <c r="Q139" s="484"/>
      <c r="R139" s="484" t="s">
        <v>390</v>
      </c>
      <c r="S139" s="484" t="s">
        <v>63</v>
      </c>
      <c r="T139" s="484" t="s">
        <v>63</v>
      </c>
      <c r="U139" s="485">
        <f>'[1]Hemel Hempstead'!$BG$16</f>
        <v>61312.289808847534</v>
      </c>
      <c r="V139" s="485"/>
      <c r="W139" s="484" t="s">
        <v>226</v>
      </c>
      <c r="X139" s="484"/>
      <c r="Y139" s="485">
        <f t="shared" si="16"/>
        <v>61312.289808847534</v>
      </c>
      <c r="Z139" s="484" t="s">
        <v>82</v>
      </c>
      <c r="AA139" s="496"/>
      <c r="AB139" s="496"/>
      <c r="AC139" s="496"/>
      <c r="AD139" s="496"/>
      <c r="AE139" s="496"/>
      <c r="AF139" s="487"/>
      <c r="AG139" s="496"/>
      <c r="AH139" s="496"/>
      <c r="AI139" s="496"/>
      <c r="AJ139" s="496"/>
      <c r="AK139" s="496" t="s">
        <v>66</v>
      </c>
      <c r="AL139" s="496"/>
      <c r="AM139" s="496"/>
      <c r="AN139" s="496"/>
      <c r="AO139" s="496"/>
      <c r="AP139" s="496"/>
      <c r="AQ139" s="496"/>
      <c r="AR139" s="496"/>
      <c r="AS139" s="496"/>
      <c r="AT139" s="496"/>
      <c r="AU139" s="496"/>
      <c r="AV139" s="496"/>
      <c r="AW139" s="496"/>
      <c r="AX139" s="496"/>
      <c r="AY139" s="496"/>
      <c r="AZ139" s="496"/>
      <c r="BA139" s="496"/>
      <c r="BB139" s="496"/>
      <c r="BC139" s="496"/>
      <c r="BD139" s="496"/>
      <c r="BE139" s="496"/>
      <c r="BF139" s="80">
        <f t="shared" si="26"/>
        <v>750</v>
      </c>
      <c r="BG139" s="76">
        <f t="shared" si="25"/>
        <v>81.749719745130051</v>
      </c>
      <c r="BH139" s="487" t="str">
        <f t="shared" si="24"/>
        <v/>
      </c>
      <c r="BI139" s="487" t="str">
        <f t="shared" si="24"/>
        <v/>
      </c>
      <c r="BJ139" s="487" t="str">
        <f t="shared" si="24"/>
        <v/>
      </c>
      <c r="BK139" s="487" t="str">
        <f t="shared" si="24"/>
        <v/>
      </c>
      <c r="BL139" s="487" t="str">
        <f t="shared" si="24"/>
        <v/>
      </c>
      <c r="BM139" s="487" t="str">
        <f t="shared" si="28"/>
        <v/>
      </c>
      <c r="BN139" s="487" t="str">
        <f t="shared" si="28"/>
        <v/>
      </c>
      <c r="BO139" s="487" t="str">
        <f t="shared" si="28"/>
        <v/>
      </c>
      <c r="BP139" s="487" t="str">
        <f t="shared" si="28"/>
        <v/>
      </c>
      <c r="BQ139" s="487" t="str">
        <f t="shared" si="28"/>
        <v/>
      </c>
      <c r="BR139" s="487">
        <f t="shared" si="28"/>
        <v>61312.289808847541</v>
      </c>
      <c r="BS139" s="487" t="str">
        <f t="shared" si="28"/>
        <v/>
      </c>
      <c r="BT139" s="487" t="str">
        <f t="shared" si="28"/>
        <v/>
      </c>
      <c r="BU139" s="487" t="str">
        <f t="shared" si="28"/>
        <v/>
      </c>
      <c r="BV139" s="487" t="str">
        <f t="shared" si="28"/>
        <v/>
      </c>
      <c r="BW139" s="487" t="str">
        <f t="shared" si="28"/>
        <v/>
      </c>
      <c r="BX139" s="487" t="str">
        <f t="shared" si="22"/>
        <v/>
      </c>
      <c r="BY139" s="487" t="str">
        <f t="shared" si="22"/>
        <v/>
      </c>
      <c r="BZ139" s="487" t="str">
        <f t="shared" si="22"/>
        <v/>
      </c>
      <c r="CA139" s="487" t="str">
        <f t="shared" si="22"/>
        <v/>
      </c>
      <c r="CB139" s="487" t="str">
        <f t="shared" si="22"/>
        <v/>
      </c>
      <c r="CC139" s="487" t="str">
        <f t="shared" si="22"/>
        <v/>
      </c>
      <c r="CD139" s="487" t="str">
        <f t="shared" si="22"/>
        <v/>
      </c>
      <c r="CE139" s="487" t="str">
        <f t="shared" si="22"/>
        <v/>
      </c>
      <c r="CF139" s="487" t="str">
        <f t="shared" si="22"/>
        <v/>
      </c>
      <c r="CG139" s="487" t="str">
        <f t="shared" si="22"/>
        <v/>
      </c>
      <c r="CH139" s="487" t="str">
        <f t="shared" si="27"/>
        <v/>
      </c>
      <c r="CI139" s="487" t="str">
        <f t="shared" si="27"/>
        <v/>
      </c>
      <c r="CJ139" s="487" t="str">
        <f t="shared" si="27"/>
        <v/>
      </c>
      <c r="CK139" s="487" t="str">
        <f t="shared" si="27"/>
        <v/>
      </c>
      <c r="CL139" s="487" t="str">
        <f t="shared" si="27"/>
        <v/>
      </c>
      <c r="CM139" s="487"/>
      <c r="CN139" s="487"/>
      <c r="CO139" s="487"/>
      <c r="CP139" s="487"/>
      <c r="CQ139" s="487"/>
      <c r="CR139" s="487"/>
      <c r="CS139" s="487"/>
      <c r="CT139" s="487"/>
      <c r="CU139" s="487"/>
      <c r="CV139" s="487"/>
      <c r="CW139" s="487"/>
      <c r="CX139" s="487"/>
      <c r="CY139" s="487"/>
      <c r="CZ139" s="487"/>
      <c r="DA139" s="487"/>
      <c r="DB139" s="487"/>
      <c r="DC139" s="487"/>
      <c r="DD139" s="487"/>
      <c r="DE139" s="487"/>
      <c r="DF139" s="487"/>
      <c r="DG139" s="487"/>
      <c r="DH139" s="487"/>
      <c r="DI139" s="484"/>
      <c r="DJ139" s="484"/>
      <c r="DK139" s="484"/>
    </row>
    <row r="140" spans="1:115" s="354" customFormat="1" ht="56.1" hidden="1" customHeight="1" x14ac:dyDescent="0.2">
      <c r="A140" s="494"/>
      <c r="B140" s="494"/>
      <c r="C140" s="481">
        <v>224</v>
      </c>
      <c r="D140" s="481"/>
      <c r="E140" s="481" t="s">
        <v>2481</v>
      </c>
      <c r="F140" s="482" t="s">
        <v>53</v>
      </c>
      <c r="G140" s="482" t="s">
        <v>329</v>
      </c>
      <c r="H140" s="484" t="s">
        <v>456</v>
      </c>
      <c r="I140" s="484" t="s">
        <v>369</v>
      </c>
      <c r="J140" s="495" t="s">
        <v>476</v>
      </c>
      <c r="K140" s="495"/>
      <c r="L140" s="484" t="s">
        <v>58</v>
      </c>
      <c r="M140" s="484" t="s">
        <v>127</v>
      </c>
      <c r="N140" s="484"/>
      <c r="O140" s="484" t="s">
        <v>81</v>
      </c>
      <c r="P140" s="484" t="s">
        <v>334</v>
      </c>
      <c r="Q140" s="484"/>
      <c r="R140" s="484" t="s">
        <v>187</v>
      </c>
      <c r="S140" s="484" t="s">
        <v>63</v>
      </c>
      <c r="T140" s="484" t="s">
        <v>63</v>
      </c>
      <c r="U140" s="485">
        <f>'[1]Hemel Hempstead'!$BQ$16</f>
        <v>28614.409958917553</v>
      </c>
      <c r="V140" s="485"/>
      <c r="W140" s="484" t="s">
        <v>226</v>
      </c>
      <c r="X140" s="484"/>
      <c r="Y140" s="485">
        <f t="shared" ref="Y140:Y177" si="29">U140</f>
        <v>28614.409958917553</v>
      </c>
      <c r="Z140" s="484" t="s">
        <v>82</v>
      </c>
      <c r="AA140" s="496"/>
      <c r="AB140" s="496"/>
      <c r="AC140" s="496"/>
      <c r="AD140" s="496"/>
      <c r="AE140" s="496"/>
      <c r="AF140" s="487"/>
      <c r="AG140" s="496"/>
      <c r="AH140" s="496"/>
      <c r="AI140" s="496"/>
      <c r="AJ140" s="496"/>
      <c r="AK140" s="496"/>
      <c r="AL140" s="496"/>
      <c r="AM140" s="496"/>
      <c r="AN140" s="496" t="s">
        <v>66</v>
      </c>
      <c r="AO140" s="496"/>
      <c r="AP140" s="496"/>
      <c r="AQ140" s="496"/>
      <c r="AR140" s="496"/>
      <c r="AS140" s="496"/>
      <c r="AT140" s="496"/>
      <c r="AU140" s="496"/>
      <c r="AV140" s="496"/>
      <c r="AW140" s="496"/>
      <c r="AX140" s="496"/>
      <c r="AY140" s="496"/>
      <c r="AZ140" s="496"/>
      <c r="BA140" s="496"/>
      <c r="BB140" s="496"/>
      <c r="BC140" s="496"/>
      <c r="BD140" s="496"/>
      <c r="BE140" s="496"/>
      <c r="BF140" s="80">
        <f t="shared" si="26"/>
        <v>350</v>
      </c>
      <c r="BG140" s="76">
        <f t="shared" si="25"/>
        <v>81.755457025478719</v>
      </c>
      <c r="BH140" s="487" t="str">
        <f t="shared" si="24"/>
        <v/>
      </c>
      <c r="BI140" s="487" t="str">
        <f t="shared" si="24"/>
        <v/>
      </c>
      <c r="BJ140" s="487" t="str">
        <f t="shared" si="24"/>
        <v/>
      </c>
      <c r="BK140" s="487" t="str">
        <f t="shared" si="24"/>
        <v/>
      </c>
      <c r="BL140" s="487" t="str">
        <f t="shared" si="24"/>
        <v/>
      </c>
      <c r="BM140" s="487" t="str">
        <f t="shared" si="28"/>
        <v/>
      </c>
      <c r="BN140" s="487" t="str">
        <f t="shared" si="28"/>
        <v/>
      </c>
      <c r="BO140" s="487" t="str">
        <f t="shared" si="28"/>
        <v/>
      </c>
      <c r="BP140" s="487" t="str">
        <f t="shared" si="28"/>
        <v/>
      </c>
      <c r="BQ140" s="487" t="str">
        <f t="shared" si="28"/>
        <v/>
      </c>
      <c r="BR140" s="487" t="str">
        <f t="shared" si="28"/>
        <v/>
      </c>
      <c r="BS140" s="487" t="str">
        <f t="shared" si="28"/>
        <v/>
      </c>
      <c r="BT140" s="487" t="str">
        <f t="shared" si="28"/>
        <v/>
      </c>
      <c r="BU140" s="487">
        <f t="shared" si="28"/>
        <v>28614.409958917553</v>
      </c>
      <c r="BV140" s="487" t="str">
        <f t="shared" si="28"/>
        <v/>
      </c>
      <c r="BW140" s="487" t="str">
        <f t="shared" si="28"/>
        <v/>
      </c>
      <c r="BX140" s="487" t="str">
        <f t="shared" si="22"/>
        <v/>
      </c>
      <c r="BY140" s="487" t="str">
        <f t="shared" si="22"/>
        <v/>
      </c>
      <c r="BZ140" s="487" t="str">
        <f t="shared" si="22"/>
        <v/>
      </c>
      <c r="CA140" s="487" t="str">
        <f t="shared" si="22"/>
        <v/>
      </c>
      <c r="CB140" s="487" t="str">
        <f t="shared" si="22"/>
        <v/>
      </c>
      <c r="CC140" s="487" t="str">
        <f t="shared" si="22"/>
        <v/>
      </c>
      <c r="CD140" s="487" t="str">
        <f t="shared" si="22"/>
        <v/>
      </c>
      <c r="CE140" s="487" t="str">
        <f t="shared" si="22"/>
        <v/>
      </c>
      <c r="CF140" s="487" t="str">
        <f t="shared" si="22"/>
        <v/>
      </c>
      <c r="CG140" s="487" t="str">
        <f t="shared" si="22"/>
        <v/>
      </c>
      <c r="CH140" s="487" t="str">
        <f t="shared" si="27"/>
        <v/>
      </c>
      <c r="CI140" s="487" t="str">
        <f t="shared" si="27"/>
        <v/>
      </c>
      <c r="CJ140" s="487" t="str">
        <f t="shared" si="27"/>
        <v/>
      </c>
      <c r="CK140" s="487" t="str">
        <f t="shared" si="27"/>
        <v/>
      </c>
      <c r="CL140" s="487" t="str">
        <f t="shared" si="27"/>
        <v/>
      </c>
      <c r="CM140" s="487"/>
      <c r="CN140" s="487"/>
      <c r="CO140" s="487"/>
      <c r="CP140" s="487"/>
      <c r="CQ140" s="487"/>
      <c r="CR140" s="487"/>
      <c r="CS140" s="487"/>
      <c r="CT140" s="487"/>
      <c r="CU140" s="487"/>
      <c r="CV140" s="487"/>
      <c r="CW140" s="487"/>
      <c r="CX140" s="487"/>
      <c r="CY140" s="487"/>
      <c r="CZ140" s="487"/>
      <c r="DA140" s="487"/>
      <c r="DB140" s="487"/>
      <c r="DC140" s="487"/>
      <c r="DD140" s="487"/>
      <c r="DE140" s="487"/>
      <c r="DF140" s="487"/>
      <c r="DG140" s="487"/>
      <c r="DH140" s="487"/>
      <c r="DI140" s="484"/>
      <c r="DJ140" s="484"/>
      <c r="DK140" s="484"/>
    </row>
    <row r="141" spans="1:115" s="354" customFormat="1" ht="56.1" hidden="1" customHeight="1" x14ac:dyDescent="0.2">
      <c r="A141" s="494"/>
      <c r="B141" s="494"/>
      <c r="C141" s="481">
        <v>225</v>
      </c>
      <c r="D141" s="481"/>
      <c r="E141" s="481" t="s">
        <v>2481</v>
      </c>
      <c r="F141" s="482" t="s">
        <v>53</v>
      </c>
      <c r="G141" s="482" t="s">
        <v>329</v>
      </c>
      <c r="H141" s="484" t="s">
        <v>456</v>
      </c>
      <c r="I141" s="484" t="s">
        <v>369</v>
      </c>
      <c r="J141" s="495" t="s">
        <v>468</v>
      </c>
      <c r="K141" s="495"/>
      <c r="L141" s="484" t="s">
        <v>58</v>
      </c>
      <c r="M141" s="484" t="s">
        <v>31</v>
      </c>
      <c r="N141" s="484"/>
      <c r="O141" s="484" t="s">
        <v>81</v>
      </c>
      <c r="P141" s="484" t="s">
        <v>334</v>
      </c>
      <c r="Q141" s="484"/>
      <c r="R141" s="484" t="s">
        <v>392</v>
      </c>
      <c r="S141" s="484" t="s">
        <v>63</v>
      </c>
      <c r="T141" s="484" t="s">
        <v>63</v>
      </c>
      <c r="U141" s="485">
        <f>'[1]Hemel Hempstead'!$BV$16</f>
        <v>7362.4970431627389</v>
      </c>
      <c r="V141" s="485"/>
      <c r="W141" s="484" t="s">
        <v>226</v>
      </c>
      <c r="X141" s="484"/>
      <c r="Y141" s="485">
        <f t="shared" si="29"/>
        <v>7362.4970431627389</v>
      </c>
      <c r="Z141" s="484" t="s">
        <v>82</v>
      </c>
      <c r="AA141" s="496"/>
      <c r="AB141" s="496"/>
      <c r="AC141" s="496"/>
      <c r="AD141" s="496"/>
      <c r="AE141" s="496"/>
      <c r="AF141" s="487"/>
      <c r="AG141" s="496"/>
      <c r="AH141" s="496"/>
      <c r="AI141" s="496"/>
      <c r="AJ141" s="496"/>
      <c r="AK141" s="496"/>
      <c r="AL141" s="496"/>
      <c r="AM141" s="496"/>
      <c r="AN141" s="496"/>
      <c r="AO141" s="496" t="s">
        <v>66</v>
      </c>
      <c r="AP141" s="496"/>
      <c r="AQ141" s="496"/>
      <c r="AR141" s="496"/>
      <c r="AS141" s="496"/>
      <c r="AT141" s="496"/>
      <c r="AU141" s="496"/>
      <c r="AV141" s="496"/>
      <c r="AW141" s="496"/>
      <c r="AX141" s="496"/>
      <c r="AY141" s="496"/>
      <c r="AZ141" s="496"/>
      <c r="BA141" s="496"/>
      <c r="BB141" s="496"/>
      <c r="BC141" s="496"/>
      <c r="BD141" s="496"/>
      <c r="BE141" s="496"/>
      <c r="BF141" s="80">
        <f t="shared" si="26"/>
        <v>90</v>
      </c>
      <c r="BG141" s="76">
        <f t="shared" si="25"/>
        <v>81.805522701808215</v>
      </c>
      <c r="BH141" s="487" t="str">
        <f t="shared" si="24"/>
        <v/>
      </c>
      <c r="BI141" s="487" t="str">
        <f t="shared" si="24"/>
        <v/>
      </c>
      <c r="BJ141" s="487" t="str">
        <f t="shared" si="24"/>
        <v/>
      </c>
      <c r="BK141" s="487" t="str">
        <f t="shared" si="24"/>
        <v/>
      </c>
      <c r="BL141" s="487" t="str">
        <f t="shared" si="24"/>
        <v/>
      </c>
      <c r="BM141" s="487" t="str">
        <f t="shared" si="28"/>
        <v/>
      </c>
      <c r="BN141" s="487" t="str">
        <f t="shared" si="28"/>
        <v/>
      </c>
      <c r="BO141" s="487" t="str">
        <f t="shared" si="28"/>
        <v/>
      </c>
      <c r="BP141" s="487" t="str">
        <f t="shared" si="28"/>
        <v/>
      </c>
      <c r="BQ141" s="487" t="str">
        <f t="shared" si="28"/>
        <v/>
      </c>
      <c r="BR141" s="487" t="str">
        <f t="shared" si="28"/>
        <v/>
      </c>
      <c r="BS141" s="487" t="str">
        <f t="shared" si="28"/>
        <v/>
      </c>
      <c r="BT141" s="487" t="str">
        <f t="shared" si="28"/>
        <v/>
      </c>
      <c r="BU141" s="487" t="str">
        <f t="shared" si="28"/>
        <v/>
      </c>
      <c r="BV141" s="487">
        <f t="shared" si="28"/>
        <v>7362.4970431627389</v>
      </c>
      <c r="BW141" s="487" t="str">
        <f t="shared" si="28"/>
        <v/>
      </c>
      <c r="BX141" s="487" t="str">
        <f t="shared" si="22"/>
        <v/>
      </c>
      <c r="BY141" s="487" t="str">
        <f t="shared" si="22"/>
        <v/>
      </c>
      <c r="BZ141" s="487" t="str">
        <f t="shared" si="22"/>
        <v/>
      </c>
      <c r="CA141" s="487" t="str">
        <f t="shared" si="22"/>
        <v/>
      </c>
      <c r="CB141" s="487" t="str">
        <f t="shared" si="22"/>
        <v/>
      </c>
      <c r="CC141" s="487" t="str">
        <f t="shared" si="22"/>
        <v/>
      </c>
      <c r="CD141" s="487" t="str">
        <f t="shared" si="22"/>
        <v/>
      </c>
      <c r="CE141" s="487" t="str">
        <f t="shared" si="22"/>
        <v/>
      </c>
      <c r="CF141" s="487" t="str">
        <f t="shared" si="22"/>
        <v/>
      </c>
      <c r="CG141" s="487" t="str">
        <f t="shared" si="22"/>
        <v/>
      </c>
      <c r="CH141" s="487" t="str">
        <f t="shared" si="27"/>
        <v/>
      </c>
      <c r="CI141" s="487" t="str">
        <f t="shared" si="27"/>
        <v/>
      </c>
      <c r="CJ141" s="487" t="str">
        <f t="shared" si="27"/>
        <v/>
      </c>
      <c r="CK141" s="487" t="str">
        <f t="shared" si="27"/>
        <v/>
      </c>
      <c r="CL141" s="487" t="str">
        <f t="shared" si="27"/>
        <v/>
      </c>
      <c r="CM141" s="487"/>
      <c r="CN141" s="487"/>
      <c r="CO141" s="487"/>
      <c r="CP141" s="487"/>
      <c r="CQ141" s="487"/>
      <c r="CR141" s="487"/>
      <c r="CS141" s="487"/>
      <c r="CT141" s="487"/>
      <c r="CU141" s="487"/>
      <c r="CV141" s="487"/>
      <c r="CW141" s="487"/>
      <c r="CX141" s="487"/>
      <c r="CY141" s="487"/>
      <c r="CZ141" s="487"/>
      <c r="DA141" s="487"/>
      <c r="DB141" s="487"/>
      <c r="DC141" s="487"/>
      <c r="DD141" s="487"/>
      <c r="DE141" s="487"/>
      <c r="DF141" s="487"/>
      <c r="DG141" s="487"/>
      <c r="DH141" s="487"/>
      <c r="DI141" s="484"/>
      <c r="DJ141" s="484"/>
      <c r="DK141" s="484"/>
    </row>
    <row r="142" spans="1:115" s="354" customFormat="1" ht="56.1" hidden="1" customHeight="1" x14ac:dyDescent="0.2">
      <c r="A142" s="494"/>
      <c r="B142" s="494"/>
      <c r="C142" s="481">
        <v>226</v>
      </c>
      <c r="D142" s="481"/>
      <c r="E142" s="481" t="s">
        <v>2481</v>
      </c>
      <c r="F142" s="482" t="s">
        <v>53</v>
      </c>
      <c r="G142" s="482" t="s">
        <v>329</v>
      </c>
      <c r="H142" s="484" t="s">
        <v>456</v>
      </c>
      <c r="I142" s="484" t="s">
        <v>369</v>
      </c>
      <c r="J142" s="495" t="s">
        <v>471</v>
      </c>
      <c r="K142" s="495"/>
      <c r="L142" s="484" t="s">
        <v>58</v>
      </c>
      <c r="M142" s="484" t="s">
        <v>327</v>
      </c>
      <c r="N142" s="484"/>
      <c r="O142" s="484" t="s">
        <v>81</v>
      </c>
      <c r="P142" s="484" t="s">
        <v>334</v>
      </c>
      <c r="Q142" s="484"/>
      <c r="R142" s="484" t="s">
        <v>377</v>
      </c>
      <c r="S142" s="484" t="s">
        <v>63</v>
      </c>
      <c r="T142" s="484" t="s">
        <v>63</v>
      </c>
      <c r="U142" s="485">
        <f>'[1]Hemel Hempstead'!$CA$16</f>
        <v>6542.2167403967242</v>
      </c>
      <c r="V142" s="485"/>
      <c r="W142" s="484" t="s">
        <v>226</v>
      </c>
      <c r="X142" s="484"/>
      <c r="Y142" s="485">
        <f t="shared" si="29"/>
        <v>6542.2167403967242</v>
      </c>
      <c r="Z142" s="484" t="s">
        <v>82</v>
      </c>
      <c r="AA142" s="496"/>
      <c r="AB142" s="496"/>
      <c r="AC142" s="496"/>
      <c r="AD142" s="496"/>
      <c r="AE142" s="496"/>
      <c r="AF142" s="487"/>
      <c r="AG142" s="496"/>
      <c r="AH142" s="496"/>
      <c r="AI142" s="496"/>
      <c r="AJ142" s="496"/>
      <c r="AK142" s="496"/>
      <c r="AL142" s="496"/>
      <c r="AM142" s="496"/>
      <c r="AN142" s="496"/>
      <c r="AO142" s="496"/>
      <c r="AP142" s="496" t="s">
        <v>66</v>
      </c>
      <c r="AQ142" s="496"/>
      <c r="AR142" s="496"/>
      <c r="AS142" s="496"/>
      <c r="AT142" s="496"/>
      <c r="AU142" s="496"/>
      <c r="AV142" s="496"/>
      <c r="AW142" s="496"/>
      <c r="AX142" s="496"/>
      <c r="AY142" s="496"/>
      <c r="AZ142" s="496"/>
      <c r="BA142" s="496"/>
      <c r="BB142" s="496"/>
      <c r="BC142" s="496"/>
      <c r="BD142" s="496"/>
      <c r="BE142" s="496"/>
      <c r="BF142" s="80">
        <f t="shared" si="26"/>
        <v>80</v>
      </c>
      <c r="BG142" s="76">
        <f t="shared" si="25"/>
        <v>81.777709254959049</v>
      </c>
      <c r="BH142" s="487" t="str">
        <f t="shared" si="24"/>
        <v/>
      </c>
      <c r="BI142" s="487" t="str">
        <f t="shared" si="24"/>
        <v/>
      </c>
      <c r="BJ142" s="487" t="str">
        <f t="shared" si="24"/>
        <v/>
      </c>
      <c r="BK142" s="487" t="str">
        <f t="shared" si="24"/>
        <v/>
      </c>
      <c r="BL142" s="487" t="str">
        <f t="shared" si="24"/>
        <v/>
      </c>
      <c r="BM142" s="487" t="str">
        <f t="shared" si="28"/>
        <v/>
      </c>
      <c r="BN142" s="487" t="str">
        <f t="shared" si="28"/>
        <v/>
      </c>
      <c r="BO142" s="487" t="str">
        <f t="shared" si="28"/>
        <v/>
      </c>
      <c r="BP142" s="487" t="str">
        <f t="shared" si="28"/>
        <v/>
      </c>
      <c r="BQ142" s="487" t="str">
        <f t="shared" si="28"/>
        <v/>
      </c>
      <c r="BR142" s="487" t="str">
        <f t="shared" si="28"/>
        <v/>
      </c>
      <c r="BS142" s="487" t="str">
        <f t="shared" si="28"/>
        <v/>
      </c>
      <c r="BT142" s="487" t="str">
        <f t="shared" si="28"/>
        <v/>
      </c>
      <c r="BU142" s="487" t="str">
        <f t="shared" si="28"/>
        <v/>
      </c>
      <c r="BV142" s="487" t="str">
        <f t="shared" si="28"/>
        <v/>
      </c>
      <c r="BW142" s="487">
        <f t="shared" si="28"/>
        <v>6542.2167403967242</v>
      </c>
      <c r="BX142" s="487" t="str">
        <f t="shared" si="22"/>
        <v/>
      </c>
      <c r="BY142" s="487" t="str">
        <f t="shared" si="22"/>
        <v/>
      </c>
      <c r="BZ142" s="487" t="str">
        <f t="shared" si="22"/>
        <v/>
      </c>
      <c r="CA142" s="487" t="str">
        <f t="shared" si="22"/>
        <v/>
      </c>
      <c r="CB142" s="487" t="str">
        <f t="shared" si="22"/>
        <v/>
      </c>
      <c r="CC142" s="487" t="str">
        <f t="shared" si="22"/>
        <v/>
      </c>
      <c r="CD142" s="487" t="str">
        <f t="shared" si="22"/>
        <v/>
      </c>
      <c r="CE142" s="487" t="str">
        <f t="shared" si="22"/>
        <v/>
      </c>
      <c r="CF142" s="487" t="str">
        <f t="shared" si="22"/>
        <v/>
      </c>
      <c r="CG142" s="487" t="str">
        <f t="shared" si="22"/>
        <v/>
      </c>
      <c r="CH142" s="487" t="str">
        <f t="shared" si="27"/>
        <v/>
      </c>
      <c r="CI142" s="487" t="str">
        <f t="shared" si="27"/>
        <v/>
      </c>
      <c r="CJ142" s="487" t="str">
        <f t="shared" si="27"/>
        <v/>
      </c>
      <c r="CK142" s="487" t="str">
        <f t="shared" si="27"/>
        <v/>
      </c>
      <c r="CL142" s="487" t="str">
        <f t="shared" si="27"/>
        <v/>
      </c>
      <c r="CM142" s="487"/>
      <c r="CN142" s="487"/>
      <c r="CO142" s="487"/>
      <c r="CP142" s="487"/>
      <c r="CQ142" s="487"/>
      <c r="CR142" s="487"/>
      <c r="CS142" s="487"/>
      <c r="CT142" s="487"/>
      <c r="CU142" s="487"/>
      <c r="CV142" s="487"/>
      <c r="CW142" s="487"/>
      <c r="CX142" s="487"/>
      <c r="CY142" s="487"/>
      <c r="CZ142" s="487"/>
      <c r="DA142" s="487"/>
      <c r="DB142" s="487"/>
      <c r="DC142" s="487"/>
      <c r="DD142" s="487"/>
      <c r="DE142" s="487"/>
      <c r="DF142" s="487"/>
      <c r="DG142" s="487"/>
      <c r="DH142" s="487"/>
      <c r="DI142" s="484"/>
      <c r="DJ142" s="484"/>
      <c r="DK142" s="484"/>
    </row>
    <row r="143" spans="1:115" s="354" customFormat="1" ht="56.1" hidden="1" customHeight="1" x14ac:dyDescent="0.2">
      <c r="A143" s="494"/>
      <c r="B143" s="494"/>
      <c r="C143" s="481">
        <v>227</v>
      </c>
      <c r="D143" s="481"/>
      <c r="E143" s="481" t="s">
        <v>2481</v>
      </c>
      <c r="F143" s="482" t="s">
        <v>53</v>
      </c>
      <c r="G143" s="482" t="s">
        <v>329</v>
      </c>
      <c r="H143" s="484" t="s">
        <v>456</v>
      </c>
      <c r="I143" s="484" t="s">
        <v>369</v>
      </c>
      <c r="J143" s="495" t="s">
        <v>465</v>
      </c>
      <c r="K143" s="495"/>
      <c r="L143" s="484" t="s">
        <v>58</v>
      </c>
      <c r="M143" s="484" t="s">
        <v>328</v>
      </c>
      <c r="N143" s="484"/>
      <c r="O143" s="484" t="s">
        <v>81</v>
      </c>
      <c r="P143" s="484" t="s">
        <v>334</v>
      </c>
      <c r="Q143" s="484"/>
      <c r="R143" s="484" t="s">
        <v>395</v>
      </c>
      <c r="S143" s="484" t="s">
        <v>63</v>
      </c>
      <c r="T143" s="484" t="s">
        <v>63</v>
      </c>
      <c r="U143" s="485">
        <f>'[1]Hemel Hempstead'!$CF$16</f>
        <v>16349.866620361554</v>
      </c>
      <c r="V143" s="485"/>
      <c r="W143" s="484" t="s">
        <v>226</v>
      </c>
      <c r="X143" s="484"/>
      <c r="Y143" s="485">
        <f t="shared" si="29"/>
        <v>16349.866620361554</v>
      </c>
      <c r="Z143" s="484" t="s">
        <v>82</v>
      </c>
      <c r="AA143" s="496"/>
      <c r="AB143" s="496"/>
      <c r="AC143" s="496"/>
      <c r="AD143" s="496"/>
      <c r="AE143" s="496"/>
      <c r="AF143" s="487"/>
      <c r="AG143" s="496"/>
      <c r="AH143" s="496"/>
      <c r="AI143" s="496"/>
      <c r="AJ143" s="496"/>
      <c r="AK143" s="496"/>
      <c r="AL143" s="496" t="s">
        <v>66</v>
      </c>
      <c r="AM143" s="496"/>
      <c r="AN143" s="496"/>
      <c r="AO143" s="496"/>
      <c r="AP143" s="496"/>
      <c r="AQ143" s="496"/>
      <c r="AR143" s="496"/>
      <c r="AS143" s="496"/>
      <c r="AT143" s="496"/>
      <c r="AU143" s="496"/>
      <c r="AV143" s="496"/>
      <c r="AW143" s="496"/>
      <c r="AX143" s="496"/>
      <c r="AY143" s="496"/>
      <c r="AZ143" s="496"/>
      <c r="BA143" s="496"/>
      <c r="BB143" s="496"/>
      <c r="BC143" s="496"/>
      <c r="BD143" s="496"/>
      <c r="BE143" s="496"/>
      <c r="BF143" s="80">
        <f t="shared" si="26"/>
        <v>200</v>
      </c>
      <c r="BG143" s="76">
        <f t="shared" si="25"/>
        <v>81.749333101807764</v>
      </c>
      <c r="BH143" s="487" t="str">
        <f t="shared" si="24"/>
        <v/>
      </c>
      <c r="BI143" s="487" t="str">
        <f t="shared" si="24"/>
        <v/>
      </c>
      <c r="BJ143" s="487" t="str">
        <f t="shared" si="24"/>
        <v/>
      </c>
      <c r="BK143" s="487" t="str">
        <f t="shared" si="24"/>
        <v/>
      </c>
      <c r="BL143" s="487" t="str">
        <f t="shared" si="24"/>
        <v/>
      </c>
      <c r="BM143" s="487" t="str">
        <f t="shared" si="28"/>
        <v/>
      </c>
      <c r="BN143" s="487" t="str">
        <f t="shared" si="28"/>
        <v/>
      </c>
      <c r="BO143" s="487" t="str">
        <f t="shared" si="28"/>
        <v/>
      </c>
      <c r="BP143" s="487" t="str">
        <f t="shared" si="28"/>
        <v/>
      </c>
      <c r="BQ143" s="487" t="str">
        <f t="shared" si="28"/>
        <v/>
      </c>
      <c r="BR143" s="487" t="str">
        <f t="shared" si="28"/>
        <v/>
      </c>
      <c r="BS143" s="487">
        <f t="shared" si="28"/>
        <v>16349.866620361552</v>
      </c>
      <c r="BT143" s="487" t="str">
        <f t="shared" si="28"/>
        <v/>
      </c>
      <c r="BU143" s="487" t="str">
        <f t="shared" si="28"/>
        <v/>
      </c>
      <c r="BV143" s="487" t="str">
        <f t="shared" si="28"/>
        <v/>
      </c>
      <c r="BW143" s="487" t="str">
        <f t="shared" si="28"/>
        <v/>
      </c>
      <c r="BX143" s="487" t="str">
        <f t="shared" si="22"/>
        <v/>
      </c>
      <c r="BY143" s="487" t="str">
        <f t="shared" si="22"/>
        <v/>
      </c>
      <c r="BZ143" s="487" t="str">
        <f t="shared" si="22"/>
        <v/>
      </c>
      <c r="CA143" s="487" t="str">
        <f t="shared" si="22"/>
        <v/>
      </c>
      <c r="CB143" s="487" t="str">
        <f t="shared" si="22"/>
        <v/>
      </c>
      <c r="CC143" s="487" t="str">
        <f t="shared" si="22"/>
        <v/>
      </c>
      <c r="CD143" s="487" t="str">
        <f t="shared" si="22"/>
        <v/>
      </c>
      <c r="CE143" s="487" t="str">
        <f t="shared" si="22"/>
        <v/>
      </c>
      <c r="CF143" s="487" t="str">
        <f t="shared" si="22"/>
        <v/>
      </c>
      <c r="CG143" s="487" t="str">
        <f t="shared" si="22"/>
        <v/>
      </c>
      <c r="CH143" s="487" t="str">
        <f t="shared" si="27"/>
        <v/>
      </c>
      <c r="CI143" s="487" t="str">
        <f t="shared" si="27"/>
        <v/>
      </c>
      <c r="CJ143" s="487" t="str">
        <f t="shared" si="27"/>
        <v/>
      </c>
      <c r="CK143" s="487" t="str">
        <f t="shared" si="27"/>
        <v/>
      </c>
      <c r="CL143" s="487" t="str">
        <f t="shared" si="27"/>
        <v/>
      </c>
      <c r="CM143" s="487"/>
      <c r="CN143" s="487"/>
      <c r="CO143" s="487"/>
      <c r="CP143" s="487"/>
      <c r="CQ143" s="487"/>
      <c r="CR143" s="487"/>
      <c r="CS143" s="487"/>
      <c r="CT143" s="487"/>
      <c r="CU143" s="487"/>
      <c r="CV143" s="487"/>
      <c r="CW143" s="487"/>
      <c r="CX143" s="487"/>
      <c r="CY143" s="487"/>
      <c r="CZ143" s="487"/>
      <c r="DA143" s="487"/>
      <c r="DB143" s="487"/>
      <c r="DC143" s="487"/>
      <c r="DD143" s="487"/>
      <c r="DE143" s="487"/>
      <c r="DF143" s="487"/>
      <c r="DG143" s="487"/>
      <c r="DH143" s="487"/>
      <c r="DI143" s="484"/>
      <c r="DJ143" s="484"/>
      <c r="DK143" s="484"/>
    </row>
    <row r="144" spans="1:115" s="354" customFormat="1" ht="56.1" hidden="1" customHeight="1" x14ac:dyDescent="0.2">
      <c r="A144" s="494"/>
      <c r="B144" s="494"/>
      <c r="C144" s="481">
        <v>242</v>
      </c>
      <c r="D144" s="481"/>
      <c r="E144" s="481" t="s">
        <v>2481</v>
      </c>
      <c r="F144" s="482" t="s">
        <v>53</v>
      </c>
      <c r="G144" s="482" t="s">
        <v>329</v>
      </c>
      <c r="H144" s="484" t="s">
        <v>482</v>
      </c>
      <c r="I144" s="484" t="s">
        <v>483</v>
      </c>
      <c r="J144" s="495" t="s">
        <v>494</v>
      </c>
      <c r="K144" s="495"/>
      <c r="L144" s="484" t="s">
        <v>58</v>
      </c>
      <c r="M144" s="484" t="s">
        <v>347</v>
      </c>
      <c r="N144" s="484"/>
      <c r="O144" s="484" t="s">
        <v>81</v>
      </c>
      <c r="P144" s="484" t="s">
        <v>334</v>
      </c>
      <c r="Q144" s="484"/>
      <c r="R144" s="484" t="s">
        <v>225</v>
      </c>
      <c r="S144" s="484" t="s">
        <v>63</v>
      </c>
      <c r="T144" s="484" t="s">
        <v>63</v>
      </c>
      <c r="U144" s="485">
        <v>1344786</v>
      </c>
      <c r="V144" s="485"/>
      <c r="W144" s="484" t="s">
        <v>226</v>
      </c>
      <c r="X144" s="484"/>
      <c r="Y144" s="485">
        <f t="shared" si="29"/>
        <v>1344786</v>
      </c>
      <c r="Z144" s="484" t="s">
        <v>82</v>
      </c>
      <c r="AA144" s="496"/>
      <c r="AB144" s="496"/>
      <c r="AC144" s="496"/>
      <c r="AD144" s="496"/>
      <c r="AE144" s="496"/>
      <c r="AF144" s="496"/>
      <c r="AG144" s="496"/>
      <c r="AH144" s="496"/>
      <c r="AI144" s="496"/>
      <c r="AJ144" s="496"/>
      <c r="AK144" s="496"/>
      <c r="AL144" s="496"/>
      <c r="AM144" s="496"/>
      <c r="AN144" s="496"/>
      <c r="AO144" s="496"/>
      <c r="AP144" s="496"/>
      <c r="AQ144" s="487" t="s">
        <v>66</v>
      </c>
      <c r="AR144" s="496"/>
      <c r="AS144" s="496"/>
      <c r="AT144" s="496"/>
      <c r="AU144" s="496"/>
      <c r="AV144" s="496"/>
      <c r="AW144" s="496"/>
      <c r="AX144" s="496"/>
      <c r="AY144" s="496"/>
      <c r="AZ144" s="496"/>
      <c r="BA144" s="496"/>
      <c r="BB144" s="496"/>
      <c r="BC144" s="496"/>
      <c r="BD144" s="496"/>
      <c r="BE144" s="496"/>
      <c r="BF144" s="80">
        <f t="shared" si="26"/>
        <v>2385</v>
      </c>
      <c r="BG144" s="76">
        <f t="shared" si="25"/>
        <v>563.85157232704398</v>
      </c>
      <c r="BH144" s="487" t="str">
        <f t="shared" si="24"/>
        <v/>
      </c>
      <c r="BI144" s="487" t="str">
        <f t="shared" si="24"/>
        <v/>
      </c>
      <c r="BJ144" s="487" t="str">
        <f t="shared" si="24"/>
        <v/>
      </c>
      <c r="BK144" s="487" t="str">
        <f t="shared" si="24"/>
        <v/>
      </c>
      <c r="BL144" s="487" t="str">
        <f t="shared" si="24"/>
        <v/>
      </c>
      <c r="BM144" s="487" t="str">
        <f t="shared" si="28"/>
        <v/>
      </c>
      <c r="BN144" s="487" t="str">
        <f t="shared" si="28"/>
        <v/>
      </c>
      <c r="BO144" s="487" t="str">
        <f t="shared" si="28"/>
        <v/>
      </c>
      <c r="BP144" s="487" t="str">
        <f t="shared" si="28"/>
        <v/>
      </c>
      <c r="BQ144" s="487" t="str">
        <f t="shared" si="28"/>
        <v/>
      </c>
      <c r="BR144" s="487" t="str">
        <f t="shared" si="28"/>
        <v/>
      </c>
      <c r="BS144" s="487" t="str">
        <f t="shared" si="28"/>
        <v/>
      </c>
      <c r="BT144" s="487" t="str">
        <f t="shared" si="28"/>
        <v/>
      </c>
      <c r="BU144" s="487" t="str">
        <f t="shared" si="28"/>
        <v/>
      </c>
      <c r="BV144" s="487" t="str">
        <f t="shared" si="28"/>
        <v/>
      </c>
      <c r="BW144" s="487" t="str">
        <f t="shared" si="28"/>
        <v/>
      </c>
      <c r="BX144" s="487">
        <f t="shared" si="22"/>
        <v>1344786</v>
      </c>
      <c r="BY144" s="487" t="str">
        <f t="shared" si="22"/>
        <v/>
      </c>
      <c r="BZ144" s="487" t="str">
        <f t="shared" si="22"/>
        <v/>
      </c>
      <c r="CA144" s="487" t="str">
        <f t="shared" si="22"/>
        <v/>
      </c>
      <c r="CB144" s="487" t="str">
        <f t="shared" si="22"/>
        <v/>
      </c>
      <c r="CC144" s="487" t="str">
        <f t="shared" si="22"/>
        <v/>
      </c>
      <c r="CD144" s="487" t="str">
        <f t="shared" si="22"/>
        <v/>
      </c>
      <c r="CE144" s="487" t="str">
        <f t="shared" si="22"/>
        <v/>
      </c>
      <c r="CF144" s="487" t="str">
        <f t="shared" si="22"/>
        <v/>
      </c>
      <c r="CG144" s="487" t="str">
        <f t="shared" si="22"/>
        <v/>
      </c>
      <c r="CH144" s="487" t="str">
        <f t="shared" si="27"/>
        <v/>
      </c>
      <c r="CI144" s="487" t="str">
        <f t="shared" si="27"/>
        <v/>
      </c>
      <c r="CJ144" s="487" t="str">
        <f t="shared" si="27"/>
        <v/>
      </c>
      <c r="CK144" s="487" t="str">
        <f t="shared" si="27"/>
        <v/>
      </c>
      <c r="CL144" s="487" t="str">
        <f t="shared" si="27"/>
        <v/>
      </c>
      <c r="CM144" s="487"/>
      <c r="CN144" s="487"/>
      <c r="CO144" s="487"/>
      <c r="CP144" s="487"/>
      <c r="CQ144" s="487"/>
      <c r="CR144" s="487"/>
      <c r="CS144" s="487"/>
      <c r="CT144" s="487"/>
      <c r="CU144" s="487"/>
      <c r="CV144" s="487"/>
      <c r="CW144" s="487"/>
      <c r="CX144" s="487"/>
      <c r="CY144" s="487"/>
      <c r="CZ144" s="487"/>
      <c r="DA144" s="487"/>
      <c r="DB144" s="487"/>
      <c r="DC144" s="487"/>
      <c r="DD144" s="487"/>
      <c r="DE144" s="487"/>
      <c r="DF144" s="487"/>
      <c r="DG144" s="487"/>
      <c r="DH144" s="487"/>
      <c r="DI144" s="484"/>
      <c r="DJ144" s="484" t="s">
        <v>485</v>
      </c>
      <c r="DK144" s="484" t="s">
        <v>336</v>
      </c>
    </row>
    <row r="145" spans="1:115" s="354" customFormat="1" ht="56.1" hidden="1" customHeight="1" x14ac:dyDescent="0.2">
      <c r="A145" s="494"/>
      <c r="B145" s="494"/>
      <c r="C145" s="481">
        <v>243</v>
      </c>
      <c r="D145" s="481"/>
      <c r="E145" s="481" t="s">
        <v>2481</v>
      </c>
      <c r="F145" s="482" t="s">
        <v>53</v>
      </c>
      <c r="G145" s="482" t="s">
        <v>329</v>
      </c>
      <c r="H145" s="484" t="s">
        <v>482</v>
      </c>
      <c r="I145" s="484" t="s">
        <v>483</v>
      </c>
      <c r="J145" s="495" t="s">
        <v>495</v>
      </c>
      <c r="K145" s="495"/>
      <c r="L145" s="484" t="s">
        <v>496</v>
      </c>
      <c r="M145" s="484" t="s">
        <v>173</v>
      </c>
      <c r="N145" s="484"/>
      <c r="O145" s="484" t="s">
        <v>81</v>
      </c>
      <c r="P145" s="484" t="s">
        <v>334</v>
      </c>
      <c r="Q145" s="484"/>
      <c r="R145" s="484" t="s">
        <v>62</v>
      </c>
      <c r="S145" s="484" t="s">
        <v>63</v>
      </c>
      <c r="T145" s="484" t="s">
        <v>63</v>
      </c>
      <c r="U145" s="485">
        <v>845777</v>
      </c>
      <c r="V145" s="485"/>
      <c r="W145" s="484" t="s">
        <v>226</v>
      </c>
      <c r="X145" s="484"/>
      <c r="Y145" s="485">
        <f t="shared" si="29"/>
        <v>845777</v>
      </c>
      <c r="Z145" s="484" t="s">
        <v>82</v>
      </c>
      <c r="AA145" s="487" t="s">
        <v>66</v>
      </c>
      <c r="AB145" s="496"/>
      <c r="AC145" s="496"/>
      <c r="AD145" s="496"/>
      <c r="AE145" s="496"/>
      <c r="AF145" s="496"/>
      <c r="AG145" s="496"/>
      <c r="AH145" s="496"/>
      <c r="AI145" s="496"/>
      <c r="AJ145" s="496"/>
      <c r="AK145" s="496"/>
      <c r="AL145" s="496"/>
      <c r="AM145" s="496"/>
      <c r="AN145" s="496"/>
      <c r="AO145" s="496"/>
      <c r="AP145" s="496"/>
      <c r="AQ145" s="496"/>
      <c r="AR145" s="496"/>
      <c r="AS145" s="496"/>
      <c r="AT145" s="496"/>
      <c r="AU145" s="496"/>
      <c r="AV145" s="496"/>
      <c r="AW145" s="496"/>
      <c r="AX145" s="496"/>
      <c r="AY145" s="496"/>
      <c r="AZ145" s="496"/>
      <c r="BA145" s="496"/>
      <c r="BB145" s="496"/>
      <c r="BC145" s="496"/>
      <c r="BD145" s="496"/>
      <c r="BE145" s="496"/>
      <c r="BF145" s="80">
        <f t="shared" si="26"/>
        <v>1500</v>
      </c>
      <c r="BG145" s="76">
        <f t="shared" si="25"/>
        <v>563.85133333333329</v>
      </c>
      <c r="BH145" s="487">
        <f t="shared" si="24"/>
        <v>845776.99999999988</v>
      </c>
      <c r="BI145" s="487" t="str">
        <f t="shared" si="24"/>
        <v/>
      </c>
      <c r="BJ145" s="487" t="str">
        <f t="shared" si="24"/>
        <v/>
      </c>
      <c r="BK145" s="487" t="str">
        <f t="shared" si="24"/>
        <v/>
      </c>
      <c r="BL145" s="487" t="str">
        <f t="shared" si="24"/>
        <v/>
      </c>
      <c r="BM145" s="487" t="str">
        <f t="shared" si="28"/>
        <v/>
      </c>
      <c r="BN145" s="487" t="str">
        <f t="shared" si="28"/>
        <v/>
      </c>
      <c r="BO145" s="487" t="str">
        <f t="shared" si="28"/>
        <v/>
      </c>
      <c r="BP145" s="487" t="str">
        <f t="shared" si="28"/>
        <v/>
      </c>
      <c r="BQ145" s="487" t="str">
        <f t="shared" si="28"/>
        <v/>
      </c>
      <c r="BR145" s="487" t="str">
        <f t="shared" si="28"/>
        <v/>
      </c>
      <c r="BS145" s="487" t="str">
        <f t="shared" si="28"/>
        <v/>
      </c>
      <c r="BT145" s="487" t="str">
        <f t="shared" si="28"/>
        <v/>
      </c>
      <c r="BU145" s="487" t="str">
        <f t="shared" si="28"/>
        <v/>
      </c>
      <c r="BV145" s="487" t="str">
        <f t="shared" si="28"/>
        <v/>
      </c>
      <c r="BW145" s="487" t="str">
        <f t="shared" si="28"/>
        <v/>
      </c>
      <c r="BX145" s="487" t="str">
        <f t="shared" si="22"/>
        <v/>
      </c>
      <c r="BY145" s="487" t="str">
        <f t="shared" si="22"/>
        <v/>
      </c>
      <c r="BZ145" s="487" t="str">
        <f t="shared" si="22"/>
        <v/>
      </c>
      <c r="CA145" s="487" t="str">
        <f t="shared" si="22"/>
        <v/>
      </c>
      <c r="CB145" s="487" t="str">
        <f t="shared" si="22"/>
        <v/>
      </c>
      <c r="CC145" s="487" t="str">
        <f t="shared" si="22"/>
        <v/>
      </c>
      <c r="CD145" s="487" t="str">
        <f t="shared" si="22"/>
        <v/>
      </c>
      <c r="CE145" s="487" t="str">
        <f t="shared" si="22"/>
        <v/>
      </c>
      <c r="CF145" s="487" t="str">
        <f t="shared" si="22"/>
        <v/>
      </c>
      <c r="CG145" s="487" t="str">
        <f t="shared" si="22"/>
        <v/>
      </c>
      <c r="CH145" s="487" t="str">
        <f t="shared" si="27"/>
        <v/>
      </c>
      <c r="CI145" s="487" t="str">
        <f t="shared" si="27"/>
        <v/>
      </c>
      <c r="CJ145" s="487" t="str">
        <f t="shared" si="27"/>
        <v/>
      </c>
      <c r="CK145" s="487" t="str">
        <f t="shared" si="27"/>
        <v/>
      </c>
      <c r="CL145" s="487" t="str">
        <f t="shared" si="27"/>
        <v/>
      </c>
      <c r="CM145" s="487"/>
      <c r="CN145" s="487"/>
      <c r="CO145" s="487"/>
      <c r="CP145" s="487"/>
      <c r="CQ145" s="487"/>
      <c r="CR145" s="487"/>
      <c r="CS145" s="487"/>
      <c r="CT145" s="487"/>
      <c r="CU145" s="487"/>
      <c r="CV145" s="487"/>
      <c r="CW145" s="487"/>
      <c r="CX145" s="487"/>
      <c r="CY145" s="487"/>
      <c r="CZ145" s="487"/>
      <c r="DA145" s="487"/>
      <c r="DB145" s="487"/>
      <c r="DC145" s="487"/>
      <c r="DD145" s="487"/>
      <c r="DE145" s="487"/>
      <c r="DF145" s="487"/>
      <c r="DG145" s="487"/>
      <c r="DH145" s="487"/>
      <c r="DI145" s="484"/>
      <c r="DJ145" s="484" t="s">
        <v>485</v>
      </c>
      <c r="DK145" s="484" t="s">
        <v>336</v>
      </c>
    </row>
    <row r="146" spans="1:115" s="354" customFormat="1" ht="56.1" hidden="1" customHeight="1" x14ac:dyDescent="0.2">
      <c r="A146" s="494"/>
      <c r="B146" s="494"/>
      <c r="C146" s="481">
        <v>244</v>
      </c>
      <c r="D146" s="481"/>
      <c r="E146" s="481" t="s">
        <v>2481</v>
      </c>
      <c r="F146" s="482" t="s">
        <v>53</v>
      </c>
      <c r="G146" s="482" t="s">
        <v>329</v>
      </c>
      <c r="H146" s="484" t="s">
        <v>482</v>
      </c>
      <c r="I146" s="484" t="s">
        <v>483</v>
      </c>
      <c r="J146" s="495" t="s">
        <v>497</v>
      </c>
      <c r="K146" s="495"/>
      <c r="L146" s="484" t="s">
        <v>496</v>
      </c>
      <c r="M146" s="484" t="s">
        <v>498</v>
      </c>
      <c r="N146" s="484"/>
      <c r="O146" s="484" t="s">
        <v>81</v>
      </c>
      <c r="P146" s="484" t="s">
        <v>334</v>
      </c>
      <c r="Q146" s="484"/>
      <c r="R146" s="484" t="s">
        <v>225</v>
      </c>
      <c r="S146" s="484" t="s">
        <v>63</v>
      </c>
      <c r="T146" s="484" t="s">
        <v>63</v>
      </c>
      <c r="U146" s="485">
        <v>253733</v>
      </c>
      <c r="V146" s="485"/>
      <c r="W146" s="484" t="s">
        <v>226</v>
      </c>
      <c r="X146" s="484"/>
      <c r="Y146" s="485">
        <f t="shared" si="29"/>
        <v>253733</v>
      </c>
      <c r="Z146" s="484" t="s">
        <v>82</v>
      </c>
      <c r="AA146" s="496"/>
      <c r="AB146" s="496"/>
      <c r="AC146" s="487" t="s">
        <v>66</v>
      </c>
      <c r="AD146" s="496"/>
      <c r="AE146" s="496"/>
      <c r="AF146" s="496"/>
      <c r="AG146" s="496"/>
      <c r="AH146" s="496"/>
      <c r="AI146" s="496"/>
      <c r="AJ146" s="496"/>
      <c r="AK146" s="496"/>
      <c r="AL146" s="496"/>
      <c r="AM146" s="496"/>
      <c r="AN146" s="496"/>
      <c r="AO146" s="496"/>
      <c r="AP146" s="496"/>
      <c r="AQ146" s="496"/>
      <c r="AR146" s="496"/>
      <c r="AS146" s="496"/>
      <c r="AT146" s="496"/>
      <c r="AU146" s="496"/>
      <c r="AV146" s="496"/>
      <c r="AW146" s="496"/>
      <c r="AX146" s="496"/>
      <c r="AY146" s="496"/>
      <c r="AZ146" s="496"/>
      <c r="BA146" s="496"/>
      <c r="BB146" s="496"/>
      <c r="BC146" s="496"/>
      <c r="BD146" s="496"/>
      <c r="BE146" s="496"/>
      <c r="BF146" s="80">
        <f t="shared" si="26"/>
        <v>450</v>
      </c>
      <c r="BG146" s="76">
        <f t="shared" si="25"/>
        <v>563.85111111111109</v>
      </c>
      <c r="BH146" s="487" t="str">
        <f t="shared" si="24"/>
        <v/>
      </c>
      <c r="BI146" s="487" t="str">
        <f t="shared" si="24"/>
        <v/>
      </c>
      <c r="BJ146" s="487">
        <f t="shared" si="24"/>
        <v>253733</v>
      </c>
      <c r="BK146" s="487" t="str">
        <f t="shared" si="24"/>
        <v/>
      </c>
      <c r="BL146" s="487" t="str">
        <f t="shared" si="24"/>
        <v/>
      </c>
      <c r="BM146" s="487" t="str">
        <f t="shared" si="28"/>
        <v/>
      </c>
      <c r="BN146" s="487" t="str">
        <f t="shared" si="28"/>
        <v/>
      </c>
      <c r="BO146" s="487" t="str">
        <f t="shared" si="28"/>
        <v/>
      </c>
      <c r="BP146" s="487" t="str">
        <f t="shared" si="28"/>
        <v/>
      </c>
      <c r="BQ146" s="487" t="str">
        <f t="shared" si="28"/>
        <v/>
      </c>
      <c r="BR146" s="487" t="str">
        <f t="shared" si="28"/>
        <v/>
      </c>
      <c r="BS146" s="487" t="str">
        <f t="shared" si="28"/>
        <v/>
      </c>
      <c r="BT146" s="487" t="str">
        <f t="shared" si="28"/>
        <v/>
      </c>
      <c r="BU146" s="487" t="str">
        <f t="shared" si="28"/>
        <v/>
      </c>
      <c r="BV146" s="487" t="str">
        <f t="shared" si="28"/>
        <v/>
      </c>
      <c r="BW146" s="487" t="str">
        <f t="shared" si="28"/>
        <v/>
      </c>
      <c r="BX146" s="487" t="str">
        <f t="shared" si="22"/>
        <v/>
      </c>
      <c r="BY146" s="487" t="str">
        <f t="shared" si="22"/>
        <v/>
      </c>
      <c r="BZ146" s="487" t="str">
        <f t="shared" si="22"/>
        <v/>
      </c>
      <c r="CA146" s="487" t="str">
        <f t="shared" si="22"/>
        <v/>
      </c>
      <c r="CB146" s="487" t="str">
        <f t="shared" si="22"/>
        <v/>
      </c>
      <c r="CC146" s="487" t="str">
        <f t="shared" si="22"/>
        <v/>
      </c>
      <c r="CD146" s="487" t="str">
        <f t="shared" si="22"/>
        <v/>
      </c>
      <c r="CE146" s="487" t="str">
        <f t="shared" si="22"/>
        <v/>
      </c>
      <c r="CF146" s="487" t="str">
        <f t="shared" si="22"/>
        <v/>
      </c>
      <c r="CG146" s="487" t="str">
        <f t="shared" si="22"/>
        <v/>
      </c>
      <c r="CH146" s="487" t="str">
        <f t="shared" si="27"/>
        <v/>
      </c>
      <c r="CI146" s="487" t="str">
        <f t="shared" si="27"/>
        <v/>
      </c>
      <c r="CJ146" s="487" t="str">
        <f t="shared" si="27"/>
        <v/>
      </c>
      <c r="CK146" s="487" t="str">
        <f t="shared" si="27"/>
        <v/>
      </c>
      <c r="CL146" s="487" t="str">
        <f t="shared" si="27"/>
        <v/>
      </c>
      <c r="CM146" s="487"/>
      <c r="CN146" s="487"/>
      <c r="CO146" s="487"/>
      <c r="CP146" s="487"/>
      <c r="CQ146" s="487"/>
      <c r="CR146" s="487"/>
      <c r="CS146" s="487"/>
      <c r="CT146" s="487"/>
      <c r="CU146" s="487"/>
      <c r="CV146" s="487"/>
      <c r="CW146" s="487"/>
      <c r="CX146" s="487"/>
      <c r="CY146" s="487"/>
      <c r="CZ146" s="487"/>
      <c r="DA146" s="487"/>
      <c r="DB146" s="487"/>
      <c r="DC146" s="487"/>
      <c r="DD146" s="487"/>
      <c r="DE146" s="487"/>
      <c r="DF146" s="487"/>
      <c r="DG146" s="487"/>
      <c r="DH146" s="487"/>
      <c r="DI146" s="484"/>
      <c r="DJ146" s="484" t="s">
        <v>485</v>
      </c>
      <c r="DK146" s="484" t="s">
        <v>336</v>
      </c>
    </row>
    <row r="147" spans="1:115" s="354" customFormat="1" ht="56.1" hidden="1" customHeight="1" x14ac:dyDescent="0.2">
      <c r="A147" s="494"/>
      <c r="B147" s="494"/>
      <c r="C147" s="481">
        <v>245</v>
      </c>
      <c r="D147" s="481"/>
      <c r="E147" s="481" t="s">
        <v>2481</v>
      </c>
      <c r="F147" s="482" t="s">
        <v>53</v>
      </c>
      <c r="G147" s="482" t="s">
        <v>329</v>
      </c>
      <c r="H147" s="484" t="s">
        <v>482</v>
      </c>
      <c r="I147" s="484" t="s">
        <v>483</v>
      </c>
      <c r="J147" s="495" t="s">
        <v>492</v>
      </c>
      <c r="K147" s="495"/>
      <c r="L147" s="484" t="s">
        <v>496</v>
      </c>
      <c r="M147" s="484" t="s">
        <v>20</v>
      </c>
      <c r="N147" s="484"/>
      <c r="O147" s="484" t="s">
        <v>81</v>
      </c>
      <c r="P147" s="484" t="s">
        <v>334</v>
      </c>
      <c r="Q147" s="484"/>
      <c r="R147" s="484" t="s">
        <v>225</v>
      </c>
      <c r="S147" s="484" t="s">
        <v>63</v>
      </c>
      <c r="T147" s="484" t="s">
        <v>63</v>
      </c>
      <c r="U147" s="485">
        <v>197348</v>
      </c>
      <c r="V147" s="485"/>
      <c r="W147" s="484" t="s">
        <v>226</v>
      </c>
      <c r="X147" s="484"/>
      <c r="Y147" s="485">
        <f t="shared" si="29"/>
        <v>197348</v>
      </c>
      <c r="Z147" s="484" t="s">
        <v>82</v>
      </c>
      <c r="AA147" s="496"/>
      <c r="AB147" s="496"/>
      <c r="AC147" s="496"/>
      <c r="AD147" s="487" t="s">
        <v>66</v>
      </c>
      <c r="AE147" s="496"/>
      <c r="AF147" s="496"/>
      <c r="AG147" s="496"/>
      <c r="AH147" s="496"/>
      <c r="AI147" s="496"/>
      <c r="AJ147" s="496"/>
      <c r="AK147" s="496"/>
      <c r="AL147" s="496"/>
      <c r="AM147" s="496"/>
      <c r="AN147" s="496"/>
      <c r="AO147" s="496"/>
      <c r="AP147" s="496"/>
      <c r="AQ147" s="496"/>
      <c r="AR147" s="496"/>
      <c r="AS147" s="496"/>
      <c r="AT147" s="496"/>
      <c r="AU147" s="496"/>
      <c r="AV147" s="496"/>
      <c r="AW147" s="496"/>
      <c r="AX147" s="496"/>
      <c r="AY147" s="496"/>
      <c r="AZ147" s="496"/>
      <c r="BA147" s="496"/>
      <c r="BB147" s="496"/>
      <c r="BC147" s="496"/>
      <c r="BD147" s="496"/>
      <c r="BE147" s="496"/>
      <c r="BF147" s="80">
        <f t="shared" si="26"/>
        <v>350</v>
      </c>
      <c r="BG147" s="76">
        <f t="shared" si="25"/>
        <v>563.85142857142853</v>
      </c>
      <c r="BH147" s="487" t="str">
        <f t="shared" si="24"/>
        <v/>
      </c>
      <c r="BI147" s="487" t="str">
        <f t="shared" si="24"/>
        <v/>
      </c>
      <c r="BJ147" s="487" t="str">
        <f t="shared" si="24"/>
        <v/>
      </c>
      <c r="BK147" s="487">
        <f t="shared" si="24"/>
        <v>197347.99999999997</v>
      </c>
      <c r="BL147" s="487" t="str">
        <f t="shared" si="24"/>
        <v/>
      </c>
      <c r="BM147" s="487" t="str">
        <f t="shared" si="28"/>
        <v/>
      </c>
      <c r="BN147" s="487" t="str">
        <f t="shared" si="28"/>
        <v/>
      </c>
      <c r="BO147" s="487" t="str">
        <f t="shared" si="28"/>
        <v/>
      </c>
      <c r="BP147" s="487" t="str">
        <f t="shared" si="28"/>
        <v/>
      </c>
      <c r="BQ147" s="487" t="str">
        <f t="shared" si="28"/>
        <v/>
      </c>
      <c r="BR147" s="487" t="str">
        <f t="shared" si="28"/>
        <v/>
      </c>
      <c r="BS147" s="487" t="str">
        <f t="shared" si="28"/>
        <v/>
      </c>
      <c r="BT147" s="487" t="str">
        <f t="shared" si="28"/>
        <v/>
      </c>
      <c r="BU147" s="487" t="str">
        <f t="shared" si="28"/>
        <v/>
      </c>
      <c r="BV147" s="487" t="str">
        <f t="shared" si="28"/>
        <v/>
      </c>
      <c r="BW147" s="487" t="str">
        <f t="shared" si="28"/>
        <v/>
      </c>
      <c r="BX147" s="487" t="str">
        <f t="shared" si="22"/>
        <v/>
      </c>
      <c r="BY147" s="487" t="str">
        <f t="shared" si="22"/>
        <v/>
      </c>
      <c r="BZ147" s="487" t="str">
        <f t="shared" si="22"/>
        <v/>
      </c>
      <c r="CA147" s="487" t="str">
        <f t="shared" si="22"/>
        <v/>
      </c>
      <c r="CB147" s="487" t="str">
        <f t="shared" si="22"/>
        <v/>
      </c>
      <c r="CC147" s="487" t="str">
        <f t="shared" si="22"/>
        <v/>
      </c>
      <c r="CD147" s="487" t="str">
        <f t="shared" si="22"/>
        <v/>
      </c>
      <c r="CE147" s="487" t="str">
        <f t="shared" si="22"/>
        <v/>
      </c>
      <c r="CF147" s="487" t="str">
        <f t="shared" si="22"/>
        <v/>
      </c>
      <c r="CG147" s="487" t="str">
        <f t="shared" si="22"/>
        <v/>
      </c>
      <c r="CH147" s="487" t="str">
        <f t="shared" si="27"/>
        <v/>
      </c>
      <c r="CI147" s="487" t="str">
        <f t="shared" si="27"/>
        <v/>
      </c>
      <c r="CJ147" s="487" t="str">
        <f t="shared" si="27"/>
        <v/>
      </c>
      <c r="CK147" s="487" t="str">
        <f t="shared" si="27"/>
        <v/>
      </c>
      <c r="CL147" s="487" t="str">
        <f t="shared" si="27"/>
        <v/>
      </c>
      <c r="CM147" s="487"/>
      <c r="CN147" s="487"/>
      <c r="CO147" s="487"/>
      <c r="CP147" s="487"/>
      <c r="CQ147" s="487"/>
      <c r="CR147" s="487"/>
      <c r="CS147" s="487"/>
      <c r="CT147" s="487"/>
      <c r="CU147" s="487"/>
      <c r="CV147" s="487"/>
      <c r="CW147" s="487"/>
      <c r="CX147" s="487"/>
      <c r="CY147" s="487"/>
      <c r="CZ147" s="487"/>
      <c r="DA147" s="487"/>
      <c r="DB147" s="487"/>
      <c r="DC147" s="487"/>
      <c r="DD147" s="487"/>
      <c r="DE147" s="487"/>
      <c r="DF147" s="487"/>
      <c r="DG147" s="487"/>
      <c r="DH147" s="487"/>
      <c r="DI147" s="484"/>
      <c r="DJ147" s="484" t="s">
        <v>485</v>
      </c>
      <c r="DK147" s="484" t="s">
        <v>336</v>
      </c>
    </row>
    <row r="148" spans="1:115" s="354" customFormat="1" ht="56.1" hidden="1" customHeight="1" x14ac:dyDescent="0.2">
      <c r="A148" s="77" t="s">
        <v>2490</v>
      </c>
      <c r="B148" s="77" t="s">
        <v>18</v>
      </c>
      <c r="C148" s="481">
        <v>246</v>
      </c>
      <c r="D148" s="481"/>
      <c r="E148" s="481" t="s">
        <v>2481</v>
      </c>
      <c r="F148" s="482" t="s">
        <v>53</v>
      </c>
      <c r="G148" s="482" t="s">
        <v>329</v>
      </c>
      <c r="H148" s="484" t="s">
        <v>482</v>
      </c>
      <c r="I148" s="484" t="s">
        <v>483</v>
      </c>
      <c r="J148" s="495" t="s">
        <v>489</v>
      </c>
      <c r="K148" s="495"/>
      <c r="L148" s="484" t="s">
        <v>496</v>
      </c>
      <c r="M148" s="484" t="s">
        <v>18</v>
      </c>
      <c r="N148" s="484"/>
      <c r="O148" s="484" t="s">
        <v>81</v>
      </c>
      <c r="P148" s="484" t="s">
        <v>334</v>
      </c>
      <c r="Q148" s="484"/>
      <c r="R148" s="484" t="s">
        <v>225</v>
      </c>
      <c r="S148" s="484" t="s">
        <v>63</v>
      </c>
      <c r="T148" s="484" t="s">
        <v>63</v>
      </c>
      <c r="U148" s="485">
        <v>112770</v>
      </c>
      <c r="V148" s="485"/>
      <c r="W148" s="484" t="s">
        <v>226</v>
      </c>
      <c r="X148" s="484"/>
      <c r="Y148" s="485">
        <f t="shared" si="29"/>
        <v>112770</v>
      </c>
      <c r="Z148" s="484" t="s">
        <v>82</v>
      </c>
      <c r="AA148" s="496"/>
      <c r="AB148" s="487" t="s">
        <v>66</v>
      </c>
      <c r="AC148" s="496"/>
      <c r="AD148" s="496"/>
      <c r="AE148" s="496"/>
      <c r="AF148" s="496"/>
      <c r="AG148" s="496"/>
      <c r="AH148" s="496"/>
      <c r="AI148" s="496"/>
      <c r="AJ148" s="496"/>
      <c r="AK148" s="496"/>
      <c r="AL148" s="496"/>
      <c r="AM148" s="496"/>
      <c r="AN148" s="496"/>
      <c r="AO148" s="496"/>
      <c r="AP148" s="496"/>
      <c r="AQ148" s="496"/>
      <c r="AR148" s="496"/>
      <c r="AS148" s="496"/>
      <c r="AT148" s="496"/>
      <c r="AU148" s="496"/>
      <c r="AV148" s="496"/>
      <c r="AW148" s="496"/>
      <c r="AX148" s="496"/>
      <c r="AY148" s="496"/>
      <c r="AZ148" s="496"/>
      <c r="BA148" s="496"/>
      <c r="BB148" s="496"/>
      <c r="BC148" s="496"/>
      <c r="BD148" s="496"/>
      <c r="BE148" s="496"/>
      <c r="BF148" s="80">
        <f t="shared" si="26"/>
        <v>200</v>
      </c>
      <c r="BG148" s="76">
        <f t="shared" si="25"/>
        <v>563.85</v>
      </c>
      <c r="BH148" s="487" t="str">
        <f t="shared" si="24"/>
        <v/>
      </c>
      <c r="BI148" s="487">
        <f t="shared" si="24"/>
        <v>112770</v>
      </c>
      <c r="BJ148" s="487" t="str">
        <f t="shared" si="24"/>
        <v/>
      </c>
      <c r="BK148" s="487" t="str">
        <f t="shared" si="24"/>
        <v/>
      </c>
      <c r="BL148" s="487" t="str">
        <f t="shared" si="24"/>
        <v/>
      </c>
      <c r="BM148" s="487" t="str">
        <f t="shared" si="28"/>
        <v/>
      </c>
      <c r="BN148" s="487" t="str">
        <f t="shared" si="28"/>
        <v/>
      </c>
      <c r="BO148" s="487" t="str">
        <f t="shared" si="28"/>
        <v/>
      </c>
      <c r="BP148" s="487" t="str">
        <f t="shared" si="28"/>
        <v/>
      </c>
      <c r="BQ148" s="487" t="str">
        <f t="shared" si="28"/>
        <v/>
      </c>
      <c r="BR148" s="487" t="str">
        <f t="shared" si="28"/>
        <v/>
      </c>
      <c r="BS148" s="487" t="str">
        <f t="shared" si="28"/>
        <v/>
      </c>
      <c r="BT148" s="487" t="str">
        <f t="shared" si="28"/>
        <v/>
      </c>
      <c r="BU148" s="487" t="str">
        <f t="shared" si="28"/>
        <v/>
      </c>
      <c r="BV148" s="487" t="str">
        <f t="shared" si="28"/>
        <v/>
      </c>
      <c r="BW148" s="487" t="str">
        <f t="shared" si="28"/>
        <v/>
      </c>
      <c r="BX148" s="487" t="str">
        <f t="shared" si="22"/>
        <v/>
      </c>
      <c r="BY148" s="487" t="str">
        <f t="shared" si="22"/>
        <v/>
      </c>
      <c r="BZ148" s="487" t="str">
        <f t="shared" si="22"/>
        <v/>
      </c>
      <c r="CA148" s="487" t="str">
        <f t="shared" si="22"/>
        <v/>
      </c>
      <c r="CB148" s="487" t="str">
        <f t="shared" si="22"/>
        <v/>
      </c>
      <c r="CC148" s="487" t="str">
        <f t="shared" si="22"/>
        <v/>
      </c>
      <c r="CD148" s="487" t="str">
        <f t="shared" si="22"/>
        <v/>
      </c>
      <c r="CE148" s="487" t="str">
        <f t="shared" si="22"/>
        <v/>
      </c>
      <c r="CF148" s="487" t="str">
        <f t="shared" si="22"/>
        <v/>
      </c>
      <c r="CG148" s="487" t="str">
        <f t="shared" si="22"/>
        <v/>
      </c>
      <c r="CH148" s="487" t="str">
        <f t="shared" si="27"/>
        <v/>
      </c>
      <c r="CI148" s="487" t="str">
        <f t="shared" si="27"/>
        <v/>
      </c>
      <c r="CJ148" s="487" t="str">
        <f t="shared" si="27"/>
        <v/>
      </c>
      <c r="CK148" s="487" t="str">
        <f t="shared" si="27"/>
        <v/>
      </c>
      <c r="CL148" s="487" t="str">
        <f t="shared" si="27"/>
        <v/>
      </c>
      <c r="CM148" s="487"/>
      <c r="CN148" s="487"/>
      <c r="CO148" s="487"/>
      <c r="CP148" s="487"/>
      <c r="CQ148" s="487"/>
      <c r="CR148" s="487"/>
      <c r="CS148" s="487"/>
      <c r="CT148" s="487"/>
      <c r="CU148" s="487"/>
      <c r="CV148" s="487"/>
      <c r="CW148" s="487"/>
      <c r="CX148" s="487"/>
      <c r="CY148" s="487"/>
      <c r="CZ148" s="487"/>
      <c r="DA148" s="487"/>
      <c r="DB148" s="487"/>
      <c r="DC148" s="487"/>
      <c r="DD148" s="487"/>
      <c r="DE148" s="487"/>
      <c r="DF148" s="487"/>
      <c r="DG148" s="487"/>
      <c r="DH148" s="487"/>
      <c r="DI148" s="484"/>
      <c r="DJ148" s="484" t="s">
        <v>485</v>
      </c>
      <c r="DK148" s="484" t="s">
        <v>336</v>
      </c>
    </row>
    <row r="149" spans="1:115" s="354" customFormat="1" ht="56.1" hidden="1" customHeight="1" x14ac:dyDescent="0.2">
      <c r="A149" s="494"/>
      <c r="B149" s="494"/>
      <c r="C149" s="481">
        <v>247</v>
      </c>
      <c r="D149" s="481"/>
      <c r="E149" s="481" t="s">
        <v>2481</v>
      </c>
      <c r="F149" s="482" t="s">
        <v>53</v>
      </c>
      <c r="G149" s="482" t="s">
        <v>329</v>
      </c>
      <c r="H149" s="484" t="s">
        <v>482</v>
      </c>
      <c r="I149" s="484" t="s">
        <v>483</v>
      </c>
      <c r="J149" s="495" t="s">
        <v>492</v>
      </c>
      <c r="K149" s="495"/>
      <c r="L149" s="484" t="s">
        <v>496</v>
      </c>
      <c r="M149" s="484" t="s">
        <v>21</v>
      </c>
      <c r="N149" s="484"/>
      <c r="O149" s="484" t="s">
        <v>81</v>
      </c>
      <c r="P149" s="484" t="s">
        <v>334</v>
      </c>
      <c r="Q149" s="484"/>
      <c r="R149" s="484" t="s">
        <v>225</v>
      </c>
      <c r="S149" s="484" t="s">
        <v>63</v>
      </c>
      <c r="T149" s="484" t="s">
        <v>63</v>
      </c>
      <c r="U149" s="485">
        <v>169155</v>
      </c>
      <c r="V149" s="485"/>
      <c r="W149" s="484" t="s">
        <v>226</v>
      </c>
      <c r="X149" s="484"/>
      <c r="Y149" s="485">
        <f t="shared" si="29"/>
        <v>169155</v>
      </c>
      <c r="Z149" s="484" t="s">
        <v>82</v>
      </c>
      <c r="AA149" s="496"/>
      <c r="AB149" s="496"/>
      <c r="AC149" s="496"/>
      <c r="AD149" s="496"/>
      <c r="AE149" s="487" t="s">
        <v>66</v>
      </c>
      <c r="AF149" s="496"/>
      <c r="AG149" s="496"/>
      <c r="AH149" s="496"/>
      <c r="AI149" s="496"/>
      <c r="AJ149" s="496"/>
      <c r="AK149" s="496"/>
      <c r="AL149" s="496"/>
      <c r="AM149" s="496"/>
      <c r="AN149" s="496"/>
      <c r="AO149" s="496"/>
      <c r="AP149" s="496"/>
      <c r="AQ149" s="496"/>
      <c r="AR149" s="496"/>
      <c r="AS149" s="496"/>
      <c r="AT149" s="496"/>
      <c r="AU149" s="496"/>
      <c r="AV149" s="496"/>
      <c r="AW149" s="496"/>
      <c r="AX149" s="496"/>
      <c r="AY149" s="496"/>
      <c r="AZ149" s="496"/>
      <c r="BA149" s="496"/>
      <c r="BB149" s="496"/>
      <c r="BC149" s="496"/>
      <c r="BD149" s="496"/>
      <c r="BE149" s="496"/>
      <c r="BF149" s="80">
        <f t="shared" si="26"/>
        <v>300</v>
      </c>
      <c r="BG149" s="76">
        <f t="shared" si="25"/>
        <v>563.85</v>
      </c>
      <c r="BH149" s="487" t="str">
        <f t="shared" si="24"/>
        <v/>
      </c>
      <c r="BI149" s="487" t="str">
        <f t="shared" si="24"/>
        <v/>
      </c>
      <c r="BJ149" s="487" t="str">
        <f t="shared" si="24"/>
        <v/>
      </c>
      <c r="BK149" s="487" t="str">
        <f t="shared" si="24"/>
        <v/>
      </c>
      <c r="BL149" s="487">
        <f t="shared" si="24"/>
        <v>169155</v>
      </c>
      <c r="BM149" s="487" t="str">
        <f t="shared" si="28"/>
        <v/>
      </c>
      <c r="BN149" s="487" t="str">
        <f t="shared" si="28"/>
        <v/>
      </c>
      <c r="BO149" s="487" t="str">
        <f t="shared" si="28"/>
        <v/>
      </c>
      <c r="BP149" s="487" t="str">
        <f t="shared" si="28"/>
        <v/>
      </c>
      <c r="BQ149" s="487" t="str">
        <f t="shared" si="28"/>
        <v/>
      </c>
      <c r="BR149" s="487" t="str">
        <f t="shared" si="28"/>
        <v/>
      </c>
      <c r="BS149" s="487" t="str">
        <f t="shared" si="28"/>
        <v/>
      </c>
      <c r="BT149" s="487" t="str">
        <f t="shared" si="28"/>
        <v/>
      </c>
      <c r="BU149" s="487" t="str">
        <f t="shared" si="28"/>
        <v/>
      </c>
      <c r="BV149" s="487" t="str">
        <f t="shared" si="28"/>
        <v/>
      </c>
      <c r="BW149" s="487" t="str">
        <f t="shared" si="28"/>
        <v/>
      </c>
      <c r="BX149" s="487" t="str">
        <f t="shared" si="22"/>
        <v/>
      </c>
      <c r="BY149" s="487" t="str">
        <f t="shared" si="22"/>
        <v/>
      </c>
      <c r="BZ149" s="487" t="str">
        <f t="shared" si="22"/>
        <v/>
      </c>
      <c r="CA149" s="487" t="str">
        <f t="shared" si="22"/>
        <v/>
      </c>
      <c r="CB149" s="487" t="str">
        <f t="shared" si="22"/>
        <v/>
      </c>
      <c r="CC149" s="487" t="str">
        <f t="shared" si="22"/>
        <v/>
      </c>
      <c r="CD149" s="487" t="str">
        <f t="shared" si="22"/>
        <v/>
      </c>
      <c r="CE149" s="487" t="str">
        <f t="shared" si="22"/>
        <v/>
      </c>
      <c r="CF149" s="487" t="str">
        <f t="shared" si="22"/>
        <v/>
      </c>
      <c r="CG149" s="487" t="str">
        <f t="shared" si="22"/>
        <v/>
      </c>
      <c r="CH149" s="487" t="str">
        <f t="shared" si="27"/>
        <v/>
      </c>
      <c r="CI149" s="487" t="str">
        <f t="shared" si="27"/>
        <v/>
      </c>
      <c r="CJ149" s="487" t="str">
        <f t="shared" si="27"/>
        <v/>
      </c>
      <c r="CK149" s="487" t="str">
        <f t="shared" si="27"/>
        <v/>
      </c>
      <c r="CL149" s="487" t="str">
        <f t="shared" si="27"/>
        <v/>
      </c>
      <c r="CM149" s="487"/>
      <c r="CN149" s="487"/>
      <c r="CO149" s="487"/>
      <c r="CP149" s="487"/>
      <c r="CQ149" s="487"/>
      <c r="CR149" s="487"/>
      <c r="CS149" s="487"/>
      <c r="CT149" s="487"/>
      <c r="CU149" s="487"/>
      <c r="CV149" s="487"/>
      <c r="CW149" s="487"/>
      <c r="CX149" s="487"/>
      <c r="CY149" s="487"/>
      <c r="CZ149" s="487"/>
      <c r="DA149" s="487"/>
      <c r="DB149" s="487"/>
      <c r="DC149" s="487"/>
      <c r="DD149" s="487"/>
      <c r="DE149" s="487"/>
      <c r="DF149" s="487"/>
      <c r="DG149" s="487"/>
      <c r="DH149" s="487"/>
      <c r="DI149" s="484"/>
      <c r="DJ149" s="484" t="s">
        <v>485</v>
      </c>
      <c r="DK149" s="484" t="s">
        <v>336</v>
      </c>
    </row>
    <row r="150" spans="1:115" s="354" customFormat="1" ht="56.1" hidden="1" customHeight="1" x14ac:dyDescent="0.2">
      <c r="A150" s="494"/>
      <c r="B150" s="494"/>
      <c r="C150" s="481">
        <v>248</v>
      </c>
      <c r="D150" s="481"/>
      <c r="E150" s="481" t="s">
        <v>2481</v>
      </c>
      <c r="F150" s="482" t="s">
        <v>53</v>
      </c>
      <c r="G150" s="482" t="s">
        <v>329</v>
      </c>
      <c r="H150" s="484" t="s">
        <v>482</v>
      </c>
      <c r="I150" s="484" t="s">
        <v>483</v>
      </c>
      <c r="J150" s="495" t="s">
        <v>491</v>
      </c>
      <c r="K150" s="495"/>
      <c r="L150" s="484" t="s">
        <v>496</v>
      </c>
      <c r="M150" s="484" t="s">
        <v>323</v>
      </c>
      <c r="N150" s="484"/>
      <c r="O150" s="484" t="s">
        <v>81</v>
      </c>
      <c r="P150" s="484" t="s">
        <v>334</v>
      </c>
      <c r="Q150" s="484"/>
      <c r="R150" s="484" t="s">
        <v>225</v>
      </c>
      <c r="S150" s="484" t="s">
        <v>63</v>
      </c>
      <c r="T150" s="484" t="s">
        <v>63</v>
      </c>
      <c r="U150" s="485">
        <v>56385</v>
      </c>
      <c r="V150" s="485"/>
      <c r="W150" s="484" t="s">
        <v>226</v>
      </c>
      <c r="X150" s="484"/>
      <c r="Y150" s="485">
        <f t="shared" si="29"/>
        <v>56385</v>
      </c>
      <c r="Z150" s="484" t="s">
        <v>82</v>
      </c>
      <c r="AA150" s="496"/>
      <c r="AB150" s="496"/>
      <c r="AC150" s="496"/>
      <c r="AD150" s="496"/>
      <c r="AE150" s="496"/>
      <c r="AF150" s="496"/>
      <c r="AG150" s="487" t="s">
        <v>66</v>
      </c>
      <c r="AH150" s="496"/>
      <c r="AI150" s="496"/>
      <c r="AJ150" s="496"/>
      <c r="AK150" s="496"/>
      <c r="AL150" s="496"/>
      <c r="AM150" s="496"/>
      <c r="AN150" s="496"/>
      <c r="AO150" s="496"/>
      <c r="AP150" s="496"/>
      <c r="AQ150" s="496"/>
      <c r="AR150" s="496"/>
      <c r="AS150" s="496"/>
      <c r="AT150" s="496"/>
      <c r="AU150" s="496"/>
      <c r="AV150" s="496"/>
      <c r="AW150" s="496"/>
      <c r="AX150" s="496"/>
      <c r="AY150" s="496"/>
      <c r="AZ150" s="496"/>
      <c r="BA150" s="496"/>
      <c r="BB150" s="496"/>
      <c r="BC150" s="496"/>
      <c r="BD150" s="496"/>
      <c r="BE150" s="496"/>
      <c r="BF150" s="80">
        <f t="shared" si="26"/>
        <v>100</v>
      </c>
      <c r="BG150" s="76">
        <f t="shared" si="25"/>
        <v>563.85</v>
      </c>
      <c r="BH150" s="487" t="str">
        <f t="shared" si="24"/>
        <v/>
      </c>
      <c r="BI150" s="487" t="str">
        <f t="shared" si="24"/>
        <v/>
      </c>
      <c r="BJ150" s="487" t="str">
        <f t="shared" si="24"/>
        <v/>
      </c>
      <c r="BK150" s="487" t="str">
        <f t="shared" si="24"/>
        <v/>
      </c>
      <c r="BL150" s="487" t="str">
        <f t="shared" si="24"/>
        <v/>
      </c>
      <c r="BM150" s="487" t="str">
        <f t="shared" si="28"/>
        <v/>
      </c>
      <c r="BN150" s="487">
        <f t="shared" si="28"/>
        <v>56385</v>
      </c>
      <c r="BO150" s="487" t="str">
        <f t="shared" si="28"/>
        <v/>
      </c>
      <c r="BP150" s="487" t="str">
        <f t="shared" si="28"/>
        <v/>
      </c>
      <c r="BQ150" s="487" t="str">
        <f t="shared" si="28"/>
        <v/>
      </c>
      <c r="BR150" s="487" t="str">
        <f t="shared" si="28"/>
        <v/>
      </c>
      <c r="BS150" s="487" t="str">
        <f t="shared" si="28"/>
        <v/>
      </c>
      <c r="BT150" s="487" t="str">
        <f t="shared" si="28"/>
        <v/>
      </c>
      <c r="BU150" s="487" t="str">
        <f t="shared" si="28"/>
        <v/>
      </c>
      <c r="BV150" s="487" t="str">
        <f t="shared" si="28"/>
        <v/>
      </c>
      <c r="BW150" s="487" t="str">
        <f t="shared" si="28"/>
        <v/>
      </c>
      <c r="BX150" s="487" t="str">
        <f t="shared" si="22"/>
        <v/>
      </c>
      <c r="BY150" s="487" t="str">
        <f t="shared" si="22"/>
        <v/>
      </c>
      <c r="BZ150" s="487" t="str">
        <f t="shared" si="22"/>
        <v/>
      </c>
      <c r="CA150" s="487" t="str">
        <f t="shared" si="22"/>
        <v/>
      </c>
      <c r="CB150" s="487" t="str">
        <f t="shared" si="22"/>
        <v/>
      </c>
      <c r="CC150" s="487" t="str">
        <f t="shared" si="22"/>
        <v/>
      </c>
      <c r="CD150" s="487" t="str">
        <f t="shared" si="22"/>
        <v/>
      </c>
      <c r="CE150" s="487" t="str">
        <f t="shared" si="22"/>
        <v/>
      </c>
      <c r="CF150" s="487" t="str">
        <f t="shared" si="22"/>
        <v/>
      </c>
      <c r="CG150" s="487" t="str">
        <f t="shared" si="22"/>
        <v/>
      </c>
      <c r="CH150" s="487" t="str">
        <f t="shared" si="27"/>
        <v/>
      </c>
      <c r="CI150" s="487" t="str">
        <f t="shared" si="27"/>
        <v/>
      </c>
      <c r="CJ150" s="487" t="str">
        <f t="shared" si="27"/>
        <v/>
      </c>
      <c r="CK150" s="487" t="str">
        <f t="shared" si="27"/>
        <v/>
      </c>
      <c r="CL150" s="487" t="str">
        <f t="shared" si="27"/>
        <v/>
      </c>
      <c r="CM150" s="487"/>
      <c r="CN150" s="487"/>
      <c r="CO150" s="487"/>
      <c r="CP150" s="487"/>
      <c r="CQ150" s="487"/>
      <c r="CR150" s="487"/>
      <c r="CS150" s="487"/>
      <c r="CT150" s="487"/>
      <c r="CU150" s="487"/>
      <c r="CV150" s="487"/>
      <c r="CW150" s="487"/>
      <c r="CX150" s="487"/>
      <c r="CY150" s="487"/>
      <c r="CZ150" s="487"/>
      <c r="DA150" s="487"/>
      <c r="DB150" s="487"/>
      <c r="DC150" s="487"/>
      <c r="DD150" s="487"/>
      <c r="DE150" s="487"/>
      <c r="DF150" s="487"/>
      <c r="DG150" s="487"/>
      <c r="DH150" s="487"/>
      <c r="DI150" s="484"/>
      <c r="DJ150" s="484" t="s">
        <v>485</v>
      </c>
      <c r="DK150" s="484" t="s">
        <v>336</v>
      </c>
    </row>
    <row r="151" spans="1:115" s="354" customFormat="1" ht="56.1" hidden="1" customHeight="1" x14ac:dyDescent="0.2">
      <c r="A151" s="494"/>
      <c r="B151" s="494"/>
      <c r="C151" s="481">
        <v>249</v>
      </c>
      <c r="D151" s="481"/>
      <c r="E151" s="481" t="s">
        <v>2481</v>
      </c>
      <c r="F151" s="482" t="s">
        <v>53</v>
      </c>
      <c r="G151" s="482" t="s">
        <v>329</v>
      </c>
      <c r="H151" s="484" t="s">
        <v>482</v>
      </c>
      <c r="I151" s="484" t="s">
        <v>483</v>
      </c>
      <c r="J151" s="495" t="s">
        <v>487</v>
      </c>
      <c r="K151" s="495"/>
      <c r="L151" s="484" t="s">
        <v>496</v>
      </c>
      <c r="M151" s="484" t="s">
        <v>324</v>
      </c>
      <c r="N151" s="484"/>
      <c r="O151" s="484" t="s">
        <v>81</v>
      </c>
      <c r="P151" s="484" t="s">
        <v>334</v>
      </c>
      <c r="Q151" s="484"/>
      <c r="R151" s="484" t="s">
        <v>225</v>
      </c>
      <c r="S151" s="484" t="s">
        <v>63</v>
      </c>
      <c r="T151" s="484" t="s">
        <v>63</v>
      </c>
      <c r="U151" s="485">
        <v>219902</v>
      </c>
      <c r="V151" s="485"/>
      <c r="W151" s="484" t="s">
        <v>226</v>
      </c>
      <c r="X151" s="484"/>
      <c r="Y151" s="485">
        <f t="shared" si="29"/>
        <v>219902</v>
      </c>
      <c r="Z151" s="484" t="s">
        <v>82</v>
      </c>
      <c r="AA151" s="496"/>
      <c r="AB151" s="496"/>
      <c r="AC151" s="496"/>
      <c r="AD151" s="496"/>
      <c r="AE151" s="496"/>
      <c r="AF151" s="496"/>
      <c r="AG151" s="496"/>
      <c r="AH151" s="487" t="s">
        <v>66</v>
      </c>
      <c r="AI151" s="496"/>
      <c r="AJ151" s="496"/>
      <c r="AK151" s="496"/>
      <c r="AL151" s="496"/>
      <c r="AM151" s="496"/>
      <c r="AN151" s="496"/>
      <c r="AO151" s="496"/>
      <c r="AP151" s="496"/>
      <c r="AQ151" s="496"/>
      <c r="AR151" s="496"/>
      <c r="AS151" s="496"/>
      <c r="AT151" s="496"/>
      <c r="AU151" s="496"/>
      <c r="AV151" s="496"/>
      <c r="AW151" s="496"/>
      <c r="AX151" s="496"/>
      <c r="AY151" s="496"/>
      <c r="AZ151" s="496"/>
      <c r="BA151" s="496"/>
      <c r="BB151" s="496"/>
      <c r="BC151" s="496"/>
      <c r="BD151" s="496"/>
      <c r="BE151" s="496"/>
      <c r="BF151" s="80">
        <f t="shared" si="26"/>
        <v>390</v>
      </c>
      <c r="BG151" s="76">
        <f t="shared" si="25"/>
        <v>563.85128205128206</v>
      </c>
      <c r="BH151" s="487" t="str">
        <f t="shared" si="24"/>
        <v/>
      </c>
      <c r="BI151" s="487" t="str">
        <f t="shared" si="24"/>
        <v/>
      </c>
      <c r="BJ151" s="487" t="str">
        <f t="shared" si="24"/>
        <v/>
      </c>
      <c r="BK151" s="487" t="str">
        <f t="shared" si="24"/>
        <v/>
      </c>
      <c r="BL151" s="487" t="str">
        <f t="shared" si="24"/>
        <v/>
      </c>
      <c r="BM151" s="487" t="str">
        <f t="shared" si="28"/>
        <v/>
      </c>
      <c r="BN151" s="487" t="str">
        <f t="shared" si="28"/>
        <v/>
      </c>
      <c r="BO151" s="487">
        <f t="shared" si="28"/>
        <v>219902</v>
      </c>
      <c r="BP151" s="487" t="str">
        <f t="shared" si="28"/>
        <v/>
      </c>
      <c r="BQ151" s="487" t="str">
        <f t="shared" si="28"/>
        <v/>
      </c>
      <c r="BR151" s="487" t="str">
        <f t="shared" si="28"/>
        <v/>
      </c>
      <c r="BS151" s="487" t="str">
        <f t="shared" si="28"/>
        <v/>
      </c>
      <c r="BT151" s="487" t="str">
        <f t="shared" si="28"/>
        <v/>
      </c>
      <c r="BU151" s="487" t="str">
        <f t="shared" si="28"/>
        <v/>
      </c>
      <c r="BV151" s="487" t="str">
        <f t="shared" si="28"/>
        <v/>
      </c>
      <c r="BW151" s="487" t="str">
        <f t="shared" si="28"/>
        <v/>
      </c>
      <c r="BX151" s="487" t="str">
        <f t="shared" si="22"/>
        <v/>
      </c>
      <c r="BY151" s="487" t="str">
        <f t="shared" si="22"/>
        <v/>
      </c>
      <c r="BZ151" s="487" t="str">
        <f t="shared" si="22"/>
        <v/>
      </c>
      <c r="CA151" s="487" t="str">
        <f t="shared" si="22"/>
        <v/>
      </c>
      <c r="CB151" s="487" t="str">
        <f t="shared" si="22"/>
        <v/>
      </c>
      <c r="CC151" s="487" t="str">
        <f t="shared" si="22"/>
        <v/>
      </c>
      <c r="CD151" s="487" t="str">
        <f t="shared" si="22"/>
        <v/>
      </c>
      <c r="CE151" s="487" t="str">
        <f t="shared" si="22"/>
        <v/>
      </c>
      <c r="CF151" s="487" t="str">
        <f t="shared" si="22"/>
        <v/>
      </c>
      <c r="CG151" s="487" t="str">
        <f t="shared" si="22"/>
        <v/>
      </c>
      <c r="CH151" s="487" t="str">
        <f t="shared" si="27"/>
        <v/>
      </c>
      <c r="CI151" s="487" t="str">
        <f t="shared" si="27"/>
        <v/>
      </c>
      <c r="CJ151" s="487" t="str">
        <f t="shared" si="27"/>
        <v/>
      </c>
      <c r="CK151" s="487" t="str">
        <f t="shared" si="27"/>
        <v/>
      </c>
      <c r="CL151" s="487" t="str">
        <f t="shared" si="27"/>
        <v/>
      </c>
      <c r="CM151" s="487"/>
      <c r="CN151" s="487"/>
      <c r="CO151" s="487"/>
      <c r="CP151" s="487"/>
      <c r="CQ151" s="487"/>
      <c r="CR151" s="487"/>
      <c r="CS151" s="487"/>
      <c r="CT151" s="487"/>
      <c r="CU151" s="487"/>
      <c r="CV151" s="487"/>
      <c r="CW151" s="487"/>
      <c r="CX151" s="487"/>
      <c r="CY151" s="487"/>
      <c r="CZ151" s="487"/>
      <c r="DA151" s="487"/>
      <c r="DB151" s="487"/>
      <c r="DC151" s="487"/>
      <c r="DD151" s="487"/>
      <c r="DE151" s="487"/>
      <c r="DF151" s="487"/>
      <c r="DG151" s="487"/>
      <c r="DH151" s="487"/>
      <c r="DI151" s="484"/>
      <c r="DJ151" s="484" t="s">
        <v>485</v>
      </c>
      <c r="DK151" s="484" t="s">
        <v>336</v>
      </c>
    </row>
    <row r="152" spans="1:115" s="354" customFormat="1" ht="56.1" hidden="1" customHeight="1" x14ac:dyDescent="0.2">
      <c r="A152" s="77" t="s">
        <v>2491</v>
      </c>
      <c r="B152" s="77" t="s">
        <v>22</v>
      </c>
      <c r="C152" s="481">
        <v>250</v>
      </c>
      <c r="D152" s="481"/>
      <c r="E152" s="481" t="s">
        <v>2481</v>
      </c>
      <c r="F152" s="482" t="s">
        <v>53</v>
      </c>
      <c r="G152" s="482" t="s">
        <v>329</v>
      </c>
      <c r="H152" s="484" t="s">
        <v>482</v>
      </c>
      <c r="I152" s="484" t="s">
        <v>483</v>
      </c>
      <c r="J152" s="495" t="s">
        <v>497</v>
      </c>
      <c r="K152" s="495"/>
      <c r="L152" s="484" t="s">
        <v>496</v>
      </c>
      <c r="M152" s="484" t="s">
        <v>22</v>
      </c>
      <c r="N152" s="484"/>
      <c r="O152" s="484" t="s">
        <v>81</v>
      </c>
      <c r="P152" s="484" t="s">
        <v>334</v>
      </c>
      <c r="Q152" s="484"/>
      <c r="R152" s="484" t="s">
        <v>225</v>
      </c>
      <c r="S152" s="484" t="s">
        <v>63</v>
      </c>
      <c r="T152" s="484" t="s">
        <v>63</v>
      </c>
      <c r="U152" s="485">
        <v>270649</v>
      </c>
      <c r="V152" s="485"/>
      <c r="W152" s="484" t="s">
        <v>226</v>
      </c>
      <c r="X152" s="484"/>
      <c r="Y152" s="485">
        <f t="shared" si="29"/>
        <v>270649</v>
      </c>
      <c r="Z152" s="484" t="s">
        <v>82</v>
      </c>
      <c r="AA152" s="496"/>
      <c r="AB152" s="496"/>
      <c r="AC152" s="496"/>
      <c r="AD152" s="496"/>
      <c r="AE152" s="496"/>
      <c r="AF152" s="487" t="s">
        <v>66</v>
      </c>
      <c r="AG152" s="496"/>
      <c r="AH152" s="496"/>
      <c r="AI152" s="496"/>
      <c r="AJ152" s="496"/>
      <c r="AK152" s="496"/>
      <c r="AL152" s="496"/>
      <c r="AM152" s="496"/>
      <c r="AN152" s="496"/>
      <c r="AO152" s="496"/>
      <c r="AP152" s="496"/>
      <c r="AQ152" s="496"/>
      <c r="AR152" s="496"/>
      <c r="AS152" s="496"/>
      <c r="AT152" s="496"/>
      <c r="AU152" s="496"/>
      <c r="AV152" s="496"/>
      <c r="AW152" s="496"/>
      <c r="AX152" s="496"/>
      <c r="AY152" s="496"/>
      <c r="AZ152" s="496"/>
      <c r="BA152" s="496"/>
      <c r="BB152" s="496"/>
      <c r="BC152" s="496"/>
      <c r="BD152" s="496"/>
      <c r="BE152" s="496"/>
      <c r="BF152" s="80">
        <f t="shared" si="26"/>
        <v>480</v>
      </c>
      <c r="BG152" s="76">
        <f t="shared" si="25"/>
        <v>563.85208333333333</v>
      </c>
      <c r="BH152" s="487" t="str">
        <f t="shared" si="24"/>
        <v/>
      </c>
      <c r="BI152" s="487" t="str">
        <f t="shared" si="24"/>
        <v/>
      </c>
      <c r="BJ152" s="487" t="str">
        <f t="shared" si="24"/>
        <v/>
      </c>
      <c r="BK152" s="487" t="str">
        <f t="shared" si="24"/>
        <v/>
      </c>
      <c r="BL152" s="487" t="str">
        <f t="shared" si="24"/>
        <v/>
      </c>
      <c r="BM152" s="487">
        <f t="shared" si="28"/>
        <v>270649</v>
      </c>
      <c r="BN152" s="487" t="str">
        <f t="shared" si="28"/>
        <v/>
      </c>
      <c r="BO152" s="487" t="str">
        <f t="shared" si="28"/>
        <v/>
      </c>
      <c r="BP152" s="487" t="str">
        <f t="shared" si="28"/>
        <v/>
      </c>
      <c r="BQ152" s="487" t="str">
        <f t="shared" si="28"/>
        <v/>
      </c>
      <c r="BR152" s="487" t="str">
        <f t="shared" si="28"/>
        <v/>
      </c>
      <c r="BS152" s="487" t="str">
        <f t="shared" si="28"/>
        <v/>
      </c>
      <c r="BT152" s="487" t="str">
        <f t="shared" si="28"/>
        <v/>
      </c>
      <c r="BU152" s="487" t="str">
        <f t="shared" si="28"/>
        <v/>
      </c>
      <c r="BV152" s="487" t="str">
        <f t="shared" si="28"/>
        <v/>
      </c>
      <c r="BW152" s="487" t="str">
        <f t="shared" si="28"/>
        <v/>
      </c>
      <c r="BX152" s="487" t="str">
        <f t="shared" si="22"/>
        <v/>
      </c>
      <c r="BY152" s="487" t="str">
        <f t="shared" si="22"/>
        <v/>
      </c>
      <c r="BZ152" s="487" t="str">
        <f t="shared" si="22"/>
        <v/>
      </c>
      <c r="CA152" s="487" t="str">
        <f t="shared" si="22"/>
        <v/>
      </c>
      <c r="CB152" s="487" t="str">
        <f t="shared" si="22"/>
        <v/>
      </c>
      <c r="CC152" s="487" t="str">
        <f t="shared" si="22"/>
        <v/>
      </c>
      <c r="CD152" s="487" t="str">
        <f t="shared" si="22"/>
        <v/>
      </c>
      <c r="CE152" s="487" t="str">
        <f t="shared" si="22"/>
        <v/>
      </c>
      <c r="CF152" s="487" t="str">
        <f t="shared" si="22"/>
        <v/>
      </c>
      <c r="CG152" s="487" t="str">
        <f t="shared" si="22"/>
        <v/>
      </c>
      <c r="CH152" s="487" t="str">
        <f t="shared" si="27"/>
        <v/>
      </c>
      <c r="CI152" s="487" t="str">
        <f t="shared" si="27"/>
        <v/>
      </c>
      <c r="CJ152" s="487" t="str">
        <f t="shared" si="27"/>
        <v/>
      </c>
      <c r="CK152" s="487" t="str">
        <f t="shared" si="27"/>
        <v/>
      </c>
      <c r="CL152" s="487" t="str">
        <f t="shared" si="27"/>
        <v/>
      </c>
      <c r="CM152" s="487"/>
      <c r="CN152" s="487"/>
      <c r="CO152" s="487"/>
      <c r="CP152" s="487"/>
      <c r="CQ152" s="487"/>
      <c r="CR152" s="487"/>
      <c r="CS152" s="487"/>
      <c r="CT152" s="487"/>
      <c r="CU152" s="487"/>
      <c r="CV152" s="487"/>
      <c r="CW152" s="487"/>
      <c r="CX152" s="487"/>
      <c r="CY152" s="487"/>
      <c r="CZ152" s="487"/>
      <c r="DA152" s="487"/>
      <c r="DB152" s="487"/>
      <c r="DC152" s="487"/>
      <c r="DD152" s="487"/>
      <c r="DE152" s="487"/>
      <c r="DF152" s="487"/>
      <c r="DG152" s="487"/>
      <c r="DH152" s="487"/>
      <c r="DI152" s="484"/>
      <c r="DJ152" s="484" t="s">
        <v>485</v>
      </c>
      <c r="DK152" s="484" t="s">
        <v>336</v>
      </c>
    </row>
    <row r="153" spans="1:115" s="354" customFormat="1" ht="56.1" hidden="1" customHeight="1" x14ac:dyDescent="0.2">
      <c r="A153" s="494"/>
      <c r="B153" s="494"/>
      <c r="C153" s="481">
        <v>251</v>
      </c>
      <c r="D153" s="481"/>
      <c r="E153" s="481" t="s">
        <v>2481</v>
      </c>
      <c r="F153" s="482" t="s">
        <v>53</v>
      </c>
      <c r="G153" s="482" t="s">
        <v>329</v>
      </c>
      <c r="H153" s="484" t="s">
        <v>482</v>
      </c>
      <c r="I153" s="484" t="s">
        <v>483</v>
      </c>
      <c r="J153" s="495" t="s">
        <v>497</v>
      </c>
      <c r="K153" s="495"/>
      <c r="L153" s="484" t="s">
        <v>58</v>
      </c>
      <c r="M153" s="484" t="s">
        <v>207</v>
      </c>
      <c r="N153" s="484"/>
      <c r="O153" s="484" t="s">
        <v>81</v>
      </c>
      <c r="P153" s="484" t="s">
        <v>334</v>
      </c>
      <c r="Q153" s="484"/>
      <c r="R153" s="484" t="s">
        <v>225</v>
      </c>
      <c r="S153" s="484" t="s">
        <v>63</v>
      </c>
      <c r="T153" s="484" t="s">
        <v>63</v>
      </c>
      <c r="U153" s="485">
        <f>'[2]Hemel Hempstead'!$Z$9</f>
        <v>281926</v>
      </c>
      <c r="V153" s="485"/>
      <c r="W153" s="484" t="s">
        <v>226</v>
      </c>
      <c r="X153" s="484"/>
      <c r="Y153" s="485">
        <f t="shared" si="29"/>
        <v>281926</v>
      </c>
      <c r="Z153" s="484" t="s">
        <v>82</v>
      </c>
      <c r="AA153" s="496"/>
      <c r="AB153" s="496"/>
      <c r="AC153" s="496"/>
      <c r="AD153" s="496"/>
      <c r="AE153" s="496"/>
      <c r="AF153" s="487"/>
      <c r="AG153" s="496"/>
      <c r="AH153" s="496"/>
      <c r="AI153" s="496" t="s">
        <v>66</v>
      </c>
      <c r="AJ153" s="496"/>
      <c r="AK153" s="496"/>
      <c r="AL153" s="496"/>
      <c r="AM153" s="496"/>
      <c r="AN153" s="496"/>
      <c r="AO153" s="496"/>
      <c r="AP153" s="496"/>
      <c r="AQ153" s="496"/>
      <c r="AR153" s="496"/>
      <c r="AS153" s="496"/>
      <c r="AT153" s="496"/>
      <c r="AU153" s="496"/>
      <c r="AV153" s="496"/>
      <c r="AW153" s="496"/>
      <c r="AX153" s="496"/>
      <c r="AY153" s="496"/>
      <c r="AZ153" s="496"/>
      <c r="BA153" s="496"/>
      <c r="BB153" s="496"/>
      <c r="BC153" s="496"/>
      <c r="BD153" s="496"/>
      <c r="BE153" s="496"/>
      <c r="BF153" s="80">
        <f t="shared" si="26"/>
        <v>500</v>
      </c>
      <c r="BG153" s="76">
        <f t="shared" si="25"/>
        <v>563.85199999999998</v>
      </c>
      <c r="BH153" s="487" t="str">
        <f t="shared" si="24"/>
        <v/>
      </c>
      <c r="BI153" s="487" t="str">
        <f t="shared" si="24"/>
        <v/>
      </c>
      <c r="BJ153" s="487" t="str">
        <f t="shared" si="24"/>
        <v/>
      </c>
      <c r="BK153" s="487" t="str">
        <f t="shared" si="24"/>
        <v/>
      </c>
      <c r="BL153" s="487" t="str">
        <f t="shared" si="24"/>
        <v/>
      </c>
      <c r="BM153" s="487" t="str">
        <f t="shared" si="28"/>
        <v/>
      </c>
      <c r="BN153" s="487" t="str">
        <f t="shared" si="28"/>
        <v/>
      </c>
      <c r="BO153" s="487" t="str">
        <f t="shared" si="28"/>
        <v/>
      </c>
      <c r="BP153" s="487">
        <f t="shared" si="28"/>
        <v>281926</v>
      </c>
      <c r="BQ153" s="487" t="str">
        <f t="shared" si="28"/>
        <v/>
      </c>
      <c r="BR153" s="487" t="str">
        <f t="shared" si="28"/>
        <v/>
      </c>
      <c r="BS153" s="487" t="str">
        <f t="shared" si="28"/>
        <v/>
      </c>
      <c r="BT153" s="487" t="str">
        <f t="shared" si="28"/>
        <v/>
      </c>
      <c r="BU153" s="487" t="str">
        <f t="shared" si="28"/>
        <v/>
      </c>
      <c r="BV153" s="487" t="str">
        <f t="shared" si="28"/>
        <v/>
      </c>
      <c r="BW153" s="487" t="str">
        <f t="shared" si="28"/>
        <v/>
      </c>
      <c r="BX153" s="487" t="str">
        <f t="shared" si="22"/>
        <v/>
      </c>
      <c r="BY153" s="487" t="str">
        <f t="shared" si="22"/>
        <v/>
      </c>
      <c r="BZ153" s="487" t="str">
        <f t="shared" si="22"/>
        <v/>
      </c>
      <c r="CA153" s="487" t="str">
        <f t="shared" si="22"/>
        <v/>
      </c>
      <c r="CB153" s="487" t="str">
        <f t="shared" si="22"/>
        <v/>
      </c>
      <c r="CC153" s="487" t="str">
        <f t="shared" si="22"/>
        <v/>
      </c>
      <c r="CD153" s="487" t="str">
        <f t="shared" si="22"/>
        <v/>
      </c>
      <c r="CE153" s="487" t="str">
        <f t="shared" si="22"/>
        <v/>
      </c>
      <c r="CF153" s="487" t="str">
        <f t="shared" si="22"/>
        <v/>
      </c>
      <c r="CG153" s="487" t="str">
        <f t="shared" ref="CG153:CL216" si="30">IF(AZ153="yes",(AZ$2*$BG153),"")</f>
        <v/>
      </c>
      <c r="CH153" s="487" t="str">
        <f t="shared" si="27"/>
        <v/>
      </c>
      <c r="CI153" s="487" t="str">
        <f t="shared" si="27"/>
        <v/>
      </c>
      <c r="CJ153" s="487" t="str">
        <f t="shared" si="27"/>
        <v/>
      </c>
      <c r="CK153" s="487" t="str">
        <f t="shared" si="27"/>
        <v/>
      </c>
      <c r="CL153" s="487" t="str">
        <f t="shared" si="27"/>
        <v/>
      </c>
      <c r="CM153" s="487"/>
      <c r="CN153" s="487"/>
      <c r="CO153" s="487"/>
      <c r="CP153" s="487"/>
      <c r="CQ153" s="487"/>
      <c r="CR153" s="487"/>
      <c r="CS153" s="487"/>
      <c r="CT153" s="487"/>
      <c r="CU153" s="487"/>
      <c r="CV153" s="487"/>
      <c r="CW153" s="487"/>
      <c r="CX153" s="487"/>
      <c r="CY153" s="487"/>
      <c r="CZ153" s="487"/>
      <c r="DA153" s="487"/>
      <c r="DB153" s="487"/>
      <c r="DC153" s="487"/>
      <c r="DD153" s="487"/>
      <c r="DE153" s="487"/>
      <c r="DF153" s="487"/>
      <c r="DG153" s="487"/>
      <c r="DH153" s="487"/>
      <c r="DI153" s="484"/>
      <c r="DJ153" s="484"/>
      <c r="DK153" s="484"/>
    </row>
    <row r="154" spans="1:115" s="354" customFormat="1" ht="56.1" hidden="1" customHeight="1" x14ac:dyDescent="0.2">
      <c r="A154" s="77" t="s">
        <v>2492</v>
      </c>
      <c r="B154" s="77" t="s">
        <v>2493</v>
      </c>
      <c r="C154" s="481">
        <v>252</v>
      </c>
      <c r="D154" s="481"/>
      <c r="E154" s="481" t="s">
        <v>2481</v>
      </c>
      <c r="F154" s="482" t="s">
        <v>53</v>
      </c>
      <c r="G154" s="482" t="s">
        <v>329</v>
      </c>
      <c r="H154" s="484" t="s">
        <v>482</v>
      </c>
      <c r="I154" s="484" t="s">
        <v>483</v>
      </c>
      <c r="J154" s="495" t="s">
        <v>486</v>
      </c>
      <c r="K154" s="495"/>
      <c r="L154" s="484" t="s">
        <v>58</v>
      </c>
      <c r="M154" s="484" t="s">
        <v>2493</v>
      </c>
      <c r="N154" s="484"/>
      <c r="O154" s="484" t="s">
        <v>81</v>
      </c>
      <c r="P154" s="484" t="s">
        <v>334</v>
      </c>
      <c r="Q154" s="484"/>
      <c r="R154" s="484" t="s">
        <v>225</v>
      </c>
      <c r="S154" s="484" t="s">
        <v>63</v>
      </c>
      <c r="T154" s="484" t="s">
        <v>63</v>
      </c>
      <c r="U154" s="485">
        <f>'[2]Hemel Hempstead'!$AX$9</f>
        <v>132035</v>
      </c>
      <c r="V154" s="485"/>
      <c r="W154" s="484" t="s">
        <v>226</v>
      </c>
      <c r="X154" s="484"/>
      <c r="Y154" s="485">
        <f t="shared" si="29"/>
        <v>132035</v>
      </c>
      <c r="Z154" s="484" t="s">
        <v>82</v>
      </c>
      <c r="AA154" s="496"/>
      <c r="AB154" s="496"/>
      <c r="AC154" s="496"/>
      <c r="AD154" s="496"/>
      <c r="AE154" s="496"/>
      <c r="AF154" s="487"/>
      <c r="AG154" s="496"/>
      <c r="AH154" s="496"/>
      <c r="AI154" s="496"/>
      <c r="AJ154" s="496"/>
      <c r="AK154" s="496"/>
      <c r="AL154" s="496"/>
      <c r="AM154" s="496" t="s">
        <v>66</v>
      </c>
      <c r="AN154" s="496"/>
      <c r="AO154" s="496"/>
      <c r="AP154" s="496"/>
      <c r="AQ154" s="496"/>
      <c r="AR154" s="496"/>
      <c r="AS154" s="496"/>
      <c r="AT154" s="496"/>
      <c r="AU154" s="496"/>
      <c r="AV154" s="496"/>
      <c r="AW154" s="496"/>
      <c r="AX154" s="496"/>
      <c r="AY154" s="496"/>
      <c r="AZ154" s="496"/>
      <c r="BA154" s="496"/>
      <c r="BB154" s="496"/>
      <c r="BC154" s="496"/>
      <c r="BD154" s="496"/>
      <c r="BE154" s="496"/>
      <c r="BF154" s="80">
        <f t="shared" si="26"/>
        <v>234</v>
      </c>
      <c r="BG154" s="76">
        <f t="shared" si="25"/>
        <v>564.25213675213672</v>
      </c>
      <c r="BH154" s="487" t="str">
        <f t="shared" si="24"/>
        <v/>
      </c>
      <c r="BI154" s="487" t="str">
        <f t="shared" si="24"/>
        <v/>
      </c>
      <c r="BJ154" s="487" t="str">
        <f t="shared" si="24"/>
        <v/>
      </c>
      <c r="BK154" s="487" t="str">
        <f t="shared" si="24"/>
        <v/>
      </c>
      <c r="BL154" s="487" t="str">
        <f t="shared" si="24"/>
        <v/>
      </c>
      <c r="BM154" s="487" t="str">
        <f t="shared" si="28"/>
        <v/>
      </c>
      <c r="BN154" s="487" t="str">
        <f t="shared" si="28"/>
        <v/>
      </c>
      <c r="BO154" s="487" t="str">
        <f t="shared" si="28"/>
        <v/>
      </c>
      <c r="BP154" s="487" t="str">
        <f t="shared" si="28"/>
        <v/>
      </c>
      <c r="BQ154" s="487" t="str">
        <f t="shared" si="28"/>
        <v/>
      </c>
      <c r="BR154" s="487" t="str">
        <f t="shared" si="28"/>
        <v/>
      </c>
      <c r="BS154" s="487" t="str">
        <f t="shared" si="28"/>
        <v/>
      </c>
      <c r="BT154" s="487">
        <f t="shared" si="28"/>
        <v>132035</v>
      </c>
      <c r="BU154" s="487" t="str">
        <f t="shared" si="28"/>
        <v/>
      </c>
      <c r="BV154" s="487" t="str">
        <f t="shared" si="28"/>
        <v/>
      </c>
      <c r="BW154" s="487" t="str">
        <f t="shared" si="28"/>
        <v/>
      </c>
      <c r="BX154" s="487" t="str">
        <f t="shared" si="28"/>
        <v/>
      </c>
      <c r="BY154" s="487" t="str">
        <f t="shared" si="28"/>
        <v/>
      </c>
      <c r="BZ154" s="487" t="str">
        <f t="shared" si="28"/>
        <v/>
      </c>
      <c r="CA154" s="487" t="str">
        <f t="shared" si="28"/>
        <v/>
      </c>
      <c r="CB154" s="487" t="str">
        <f t="shared" si="28"/>
        <v/>
      </c>
      <c r="CC154" s="487" t="str">
        <f t="shared" ref="CC154:CF217" si="31">IF(AV154="yes",(AV$2*$BG154),"")</f>
        <v/>
      </c>
      <c r="CD154" s="487" t="str">
        <f t="shared" si="31"/>
        <v/>
      </c>
      <c r="CE154" s="487" t="str">
        <f t="shared" si="31"/>
        <v/>
      </c>
      <c r="CF154" s="487" t="str">
        <f t="shared" si="31"/>
        <v/>
      </c>
      <c r="CG154" s="487" t="str">
        <f t="shared" si="30"/>
        <v/>
      </c>
      <c r="CH154" s="487" t="str">
        <f t="shared" si="27"/>
        <v/>
      </c>
      <c r="CI154" s="487" t="str">
        <f t="shared" si="27"/>
        <v/>
      </c>
      <c r="CJ154" s="487" t="str">
        <f t="shared" si="27"/>
        <v/>
      </c>
      <c r="CK154" s="487" t="str">
        <f t="shared" si="27"/>
        <v/>
      </c>
      <c r="CL154" s="487" t="str">
        <f t="shared" si="27"/>
        <v/>
      </c>
      <c r="CM154" s="487"/>
      <c r="CN154" s="487"/>
      <c r="CO154" s="487"/>
      <c r="CP154" s="487"/>
      <c r="CQ154" s="487"/>
      <c r="CR154" s="487"/>
      <c r="CS154" s="487"/>
      <c r="CT154" s="487"/>
      <c r="CU154" s="487"/>
      <c r="CV154" s="487"/>
      <c r="CW154" s="487"/>
      <c r="CX154" s="487"/>
      <c r="CY154" s="487"/>
      <c r="CZ154" s="487"/>
      <c r="DA154" s="487"/>
      <c r="DB154" s="487"/>
      <c r="DC154" s="487"/>
      <c r="DD154" s="487"/>
      <c r="DE154" s="487"/>
      <c r="DF154" s="487"/>
      <c r="DG154" s="487"/>
      <c r="DH154" s="487"/>
      <c r="DI154" s="484"/>
      <c r="DJ154" s="484"/>
      <c r="DK154" s="484"/>
    </row>
    <row r="155" spans="1:115" s="354" customFormat="1" ht="56.1" hidden="1" customHeight="1" x14ac:dyDescent="0.2">
      <c r="A155" s="494"/>
      <c r="B155" s="494"/>
      <c r="C155" s="481">
        <v>253</v>
      </c>
      <c r="D155" s="481"/>
      <c r="E155" s="481" t="s">
        <v>2481</v>
      </c>
      <c r="F155" s="482" t="s">
        <v>53</v>
      </c>
      <c r="G155" s="482" t="s">
        <v>329</v>
      </c>
      <c r="H155" s="484" t="s">
        <v>482</v>
      </c>
      <c r="I155" s="484" t="s">
        <v>483</v>
      </c>
      <c r="J155" s="495" t="s">
        <v>497</v>
      </c>
      <c r="K155" s="495"/>
      <c r="L155" s="484" t="s">
        <v>58</v>
      </c>
      <c r="M155" s="484" t="s">
        <v>26</v>
      </c>
      <c r="N155" s="484"/>
      <c r="O155" s="484" t="s">
        <v>81</v>
      </c>
      <c r="P155" s="484" t="s">
        <v>334</v>
      </c>
      <c r="Q155" s="484"/>
      <c r="R155" s="484" t="s">
        <v>225</v>
      </c>
      <c r="S155" s="484" t="s">
        <v>63</v>
      </c>
      <c r="T155" s="484" t="s">
        <v>63</v>
      </c>
      <c r="U155" s="485">
        <f>'[2]Hemel Hempstead'!$AI$9</f>
        <v>281926</v>
      </c>
      <c r="V155" s="485"/>
      <c r="W155" s="484" t="s">
        <v>226</v>
      </c>
      <c r="X155" s="484"/>
      <c r="Y155" s="485">
        <f t="shared" si="29"/>
        <v>281926</v>
      </c>
      <c r="Z155" s="484" t="s">
        <v>82</v>
      </c>
      <c r="AA155" s="496"/>
      <c r="AB155" s="496"/>
      <c r="AC155" s="496"/>
      <c r="AD155" s="496"/>
      <c r="AE155" s="496"/>
      <c r="AF155" s="487"/>
      <c r="AG155" s="496"/>
      <c r="AH155" s="496"/>
      <c r="AI155" s="496"/>
      <c r="AJ155" s="496" t="s">
        <v>66</v>
      </c>
      <c r="AK155" s="496"/>
      <c r="AL155" s="496"/>
      <c r="AM155" s="496"/>
      <c r="AN155" s="496"/>
      <c r="AO155" s="496"/>
      <c r="AP155" s="496"/>
      <c r="AQ155" s="496"/>
      <c r="AR155" s="496"/>
      <c r="AS155" s="496"/>
      <c r="AT155" s="496"/>
      <c r="AU155" s="496"/>
      <c r="AV155" s="496"/>
      <c r="AW155" s="496"/>
      <c r="AX155" s="496"/>
      <c r="AY155" s="496"/>
      <c r="AZ155" s="496"/>
      <c r="BA155" s="496"/>
      <c r="BB155" s="496"/>
      <c r="BC155" s="496"/>
      <c r="BD155" s="496"/>
      <c r="BE155" s="496"/>
      <c r="BF155" s="80">
        <f t="shared" si="26"/>
        <v>500</v>
      </c>
      <c r="BG155" s="76">
        <f t="shared" si="25"/>
        <v>563.85199999999998</v>
      </c>
      <c r="BH155" s="487" t="str">
        <f t="shared" si="24"/>
        <v/>
      </c>
      <c r="BI155" s="487" t="str">
        <f t="shared" si="24"/>
        <v/>
      </c>
      <c r="BJ155" s="487" t="str">
        <f t="shared" si="24"/>
        <v/>
      </c>
      <c r="BK155" s="487" t="str">
        <f t="shared" si="24"/>
        <v/>
      </c>
      <c r="BL155" s="487" t="str">
        <f t="shared" si="24"/>
        <v/>
      </c>
      <c r="BM155" s="487" t="str">
        <f t="shared" si="28"/>
        <v/>
      </c>
      <c r="BN155" s="487" t="str">
        <f t="shared" si="28"/>
        <v/>
      </c>
      <c r="BO155" s="487" t="str">
        <f t="shared" si="28"/>
        <v/>
      </c>
      <c r="BP155" s="487" t="str">
        <f t="shared" si="28"/>
        <v/>
      </c>
      <c r="BQ155" s="487">
        <f t="shared" si="28"/>
        <v>281926</v>
      </c>
      <c r="BR155" s="487" t="str">
        <f t="shared" si="28"/>
        <v/>
      </c>
      <c r="BS155" s="487" t="str">
        <f t="shared" si="28"/>
        <v/>
      </c>
      <c r="BT155" s="487" t="str">
        <f t="shared" si="28"/>
        <v/>
      </c>
      <c r="BU155" s="487" t="str">
        <f t="shared" si="28"/>
        <v/>
      </c>
      <c r="BV155" s="487" t="str">
        <f t="shared" si="28"/>
        <v/>
      </c>
      <c r="BW155" s="487" t="str">
        <f t="shared" si="28"/>
        <v/>
      </c>
      <c r="BX155" s="487" t="str">
        <f t="shared" si="28"/>
        <v/>
      </c>
      <c r="BY155" s="487" t="str">
        <f t="shared" si="28"/>
        <v/>
      </c>
      <c r="BZ155" s="487" t="str">
        <f t="shared" si="28"/>
        <v/>
      </c>
      <c r="CA155" s="487" t="str">
        <f t="shared" si="28"/>
        <v/>
      </c>
      <c r="CB155" s="487" t="str">
        <f t="shared" si="28"/>
        <v/>
      </c>
      <c r="CC155" s="487" t="str">
        <f t="shared" si="31"/>
        <v/>
      </c>
      <c r="CD155" s="487" t="str">
        <f t="shared" si="31"/>
        <v/>
      </c>
      <c r="CE155" s="487" t="str">
        <f t="shared" si="31"/>
        <v/>
      </c>
      <c r="CF155" s="487" t="str">
        <f t="shared" si="31"/>
        <v/>
      </c>
      <c r="CG155" s="487" t="str">
        <f t="shared" si="30"/>
        <v/>
      </c>
      <c r="CH155" s="487" t="str">
        <f t="shared" si="27"/>
        <v/>
      </c>
      <c r="CI155" s="487" t="str">
        <f t="shared" si="27"/>
        <v/>
      </c>
      <c r="CJ155" s="487" t="str">
        <f t="shared" si="27"/>
        <v/>
      </c>
      <c r="CK155" s="487" t="str">
        <f t="shared" si="27"/>
        <v/>
      </c>
      <c r="CL155" s="487" t="str">
        <f t="shared" si="27"/>
        <v/>
      </c>
      <c r="CM155" s="487"/>
      <c r="CN155" s="487"/>
      <c r="CO155" s="487"/>
      <c r="CP155" s="487"/>
      <c r="CQ155" s="487"/>
      <c r="CR155" s="487"/>
      <c r="CS155" s="487"/>
      <c r="CT155" s="487"/>
      <c r="CU155" s="487"/>
      <c r="CV155" s="487"/>
      <c r="CW155" s="487"/>
      <c r="CX155" s="487"/>
      <c r="CY155" s="487"/>
      <c r="CZ155" s="487"/>
      <c r="DA155" s="487"/>
      <c r="DB155" s="487"/>
      <c r="DC155" s="487"/>
      <c r="DD155" s="487"/>
      <c r="DE155" s="487"/>
      <c r="DF155" s="487"/>
      <c r="DG155" s="487"/>
      <c r="DH155" s="487"/>
      <c r="DI155" s="484"/>
      <c r="DJ155" s="484"/>
      <c r="DK155" s="484"/>
    </row>
    <row r="156" spans="1:115" s="354" customFormat="1" ht="56.1" hidden="1" customHeight="1" x14ac:dyDescent="0.2">
      <c r="A156" s="494"/>
      <c r="B156" s="494"/>
      <c r="C156" s="481">
        <v>254</v>
      </c>
      <c r="D156" s="481"/>
      <c r="E156" s="481" t="s">
        <v>2481</v>
      </c>
      <c r="F156" s="482" t="s">
        <v>53</v>
      </c>
      <c r="G156" s="482" t="s">
        <v>329</v>
      </c>
      <c r="H156" s="484" t="s">
        <v>482</v>
      </c>
      <c r="I156" s="484" t="s">
        <v>483</v>
      </c>
      <c r="J156" s="495" t="s">
        <v>499</v>
      </c>
      <c r="K156" s="495"/>
      <c r="L156" s="484" t="s">
        <v>58</v>
      </c>
      <c r="M156" s="484" t="s">
        <v>27</v>
      </c>
      <c r="N156" s="484"/>
      <c r="O156" s="484" t="s">
        <v>81</v>
      </c>
      <c r="P156" s="484" t="s">
        <v>334</v>
      </c>
      <c r="Q156" s="484"/>
      <c r="R156" s="484" t="s">
        <v>225</v>
      </c>
      <c r="S156" s="484" t="s">
        <v>63</v>
      </c>
      <c r="T156" s="484" t="s">
        <v>63</v>
      </c>
      <c r="U156" s="485">
        <f>'[2]Hemel Hempstead'!$AF$9</f>
        <v>422889</v>
      </c>
      <c r="V156" s="485"/>
      <c r="W156" s="484" t="s">
        <v>226</v>
      </c>
      <c r="X156" s="484"/>
      <c r="Y156" s="485">
        <f t="shared" si="29"/>
        <v>422889</v>
      </c>
      <c r="Z156" s="484" t="s">
        <v>82</v>
      </c>
      <c r="AA156" s="496"/>
      <c r="AB156" s="496"/>
      <c r="AC156" s="496"/>
      <c r="AD156" s="496"/>
      <c r="AE156" s="496"/>
      <c r="AF156" s="487"/>
      <c r="AG156" s="496"/>
      <c r="AH156" s="496"/>
      <c r="AI156" s="496"/>
      <c r="AJ156" s="496"/>
      <c r="AK156" s="496" t="s">
        <v>66</v>
      </c>
      <c r="AL156" s="496"/>
      <c r="AM156" s="496"/>
      <c r="AN156" s="496"/>
      <c r="AO156" s="496"/>
      <c r="AP156" s="496"/>
      <c r="AQ156" s="496"/>
      <c r="AR156" s="496"/>
      <c r="AS156" s="496"/>
      <c r="AT156" s="496"/>
      <c r="AU156" s="496"/>
      <c r="AV156" s="496"/>
      <c r="AW156" s="496"/>
      <c r="AX156" s="496"/>
      <c r="AY156" s="496"/>
      <c r="AZ156" s="496"/>
      <c r="BA156" s="496"/>
      <c r="BB156" s="496"/>
      <c r="BC156" s="496"/>
      <c r="BD156" s="496"/>
      <c r="BE156" s="496"/>
      <c r="BF156" s="80">
        <f t="shared" si="26"/>
        <v>750</v>
      </c>
      <c r="BG156" s="76">
        <f t="shared" si="25"/>
        <v>563.85199999999998</v>
      </c>
      <c r="BH156" s="487" t="str">
        <f t="shared" si="24"/>
        <v/>
      </c>
      <c r="BI156" s="487" t="str">
        <f t="shared" si="24"/>
        <v/>
      </c>
      <c r="BJ156" s="487" t="str">
        <f t="shared" si="24"/>
        <v/>
      </c>
      <c r="BK156" s="487" t="str">
        <f t="shared" si="24"/>
        <v/>
      </c>
      <c r="BL156" s="487" t="str">
        <f t="shared" si="24"/>
        <v/>
      </c>
      <c r="BM156" s="487" t="str">
        <f t="shared" si="28"/>
        <v/>
      </c>
      <c r="BN156" s="487" t="str">
        <f t="shared" si="28"/>
        <v/>
      </c>
      <c r="BO156" s="487" t="str">
        <f t="shared" si="28"/>
        <v/>
      </c>
      <c r="BP156" s="487" t="str">
        <f t="shared" si="28"/>
        <v/>
      </c>
      <c r="BQ156" s="487" t="str">
        <f t="shared" si="28"/>
        <v/>
      </c>
      <c r="BR156" s="487">
        <f t="shared" si="28"/>
        <v>422889</v>
      </c>
      <c r="BS156" s="487" t="str">
        <f t="shared" si="28"/>
        <v/>
      </c>
      <c r="BT156" s="487" t="str">
        <f t="shared" si="28"/>
        <v/>
      </c>
      <c r="BU156" s="487" t="str">
        <f t="shared" si="28"/>
        <v/>
      </c>
      <c r="BV156" s="487" t="str">
        <f t="shared" si="28"/>
        <v/>
      </c>
      <c r="BW156" s="487" t="str">
        <f t="shared" si="28"/>
        <v/>
      </c>
      <c r="BX156" s="487" t="str">
        <f t="shared" si="28"/>
        <v/>
      </c>
      <c r="BY156" s="487" t="str">
        <f t="shared" si="28"/>
        <v/>
      </c>
      <c r="BZ156" s="487" t="str">
        <f t="shared" si="28"/>
        <v/>
      </c>
      <c r="CA156" s="487" t="str">
        <f t="shared" si="28"/>
        <v/>
      </c>
      <c r="CB156" s="487" t="str">
        <f t="shared" si="28"/>
        <v/>
      </c>
      <c r="CC156" s="487" t="str">
        <f t="shared" si="31"/>
        <v/>
      </c>
      <c r="CD156" s="487" t="str">
        <f t="shared" si="31"/>
        <v/>
      </c>
      <c r="CE156" s="487" t="str">
        <f t="shared" si="31"/>
        <v/>
      </c>
      <c r="CF156" s="487" t="str">
        <f t="shared" si="31"/>
        <v/>
      </c>
      <c r="CG156" s="487" t="str">
        <f t="shared" si="30"/>
        <v/>
      </c>
      <c r="CH156" s="487" t="str">
        <f t="shared" si="27"/>
        <v/>
      </c>
      <c r="CI156" s="487" t="str">
        <f t="shared" si="27"/>
        <v/>
      </c>
      <c r="CJ156" s="487" t="str">
        <f t="shared" si="27"/>
        <v/>
      </c>
      <c r="CK156" s="487" t="str">
        <f t="shared" si="27"/>
        <v/>
      </c>
      <c r="CL156" s="487" t="str">
        <f t="shared" si="27"/>
        <v/>
      </c>
      <c r="CM156" s="487"/>
      <c r="CN156" s="487"/>
      <c r="CO156" s="487"/>
      <c r="CP156" s="487"/>
      <c r="CQ156" s="487"/>
      <c r="CR156" s="487"/>
      <c r="CS156" s="487"/>
      <c r="CT156" s="487"/>
      <c r="CU156" s="487"/>
      <c r="CV156" s="487"/>
      <c r="CW156" s="487"/>
      <c r="CX156" s="487"/>
      <c r="CY156" s="487"/>
      <c r="CZ156" s="487"/>
      <c r="DA156" s="487"/>
      <c r="DB156" s="487"/>
      <c r="DC156" s="487"/>
      <c r="DD156" s="487"/>
      <c r="DE156" s="487"/>
      <c r="DF156" s="487"/>
      <c r="DG156" s="487"/>
      <c r="DH156" s="487"/>
      <c r="DI156" s="484"/>
      <c r="DJ156" s="484"/>
      <c r="DK156" s="484"/>
    </row>
    <row r="157" spans="1:115" s="354" customFormat="1" ht="56.1" hidden="1" customHeight="1" x14ac:dyDescent="0.2">
      <c r="A157" s="494"/>
      <c r="B157" s="494"/>
      <c r="C157" s="481">
        <v>255</v>
      </c>
      <c r="D157" s="481"/>
      <c r="E157" s="481" t="s">
        <v>2481</v>
      </c>
      <c r="F157" s="482" t="s">
        <v>53</v>
      </c>
      <c r="G157" s="482" t="s">
        <v>329</v>
      </c>
      <c r="H157" s="484" t="s">
        <v>482</v>
      </c>
      <c r="I157" s="484" t="s">
        <v>483</v>
      </c>
      <c r="J157" s="495" t="s">
        <v>492</v>
      </c>
      <c r="K157" s="495"/>
      <c r="L157" s="484" t="s">
        <v>58</v>
      </c>
      <c r="M157" s="484" t="s">
        <v>127</v>
      </c>
      <c r="N157" s="484"/>
      <c r="O157" s="484" t="s">
        <v>81</v>
      </c>
      <c r="P157" s="484" t="s">
        <v>334</v>
      </c>
      <c r="Q157" s="484"/>
      <c r="R157" s="484" t="s">
        <v>225</v>
      </c>
      <c r="S157" s="484" t="s">
        <v>63</v>
      </c>
      <c r="T157" s="484" t="s">
        <v>63</v>
      </c>
      <c r="U157" s="485">
        <f>'[2]Hemel Hempstead'!$AL$9</f>
        <v>197348</v>
      </c>
      <c r="V157" s="485"/>
      <c r="W157" s="484" t="s">
        <v>226</v>
      </c>
      <c r="X157" s="484"/>
      <c r="Y157" s="485">
        <f t="shared" si="29"/>
        <v>197348</v>
      </c>
      <c r="Z157" s="484" t="s">
        <v>82</v>
      </c>
      <c r="AA157" s="496"/>
      <c r="AB157" s="496"/>
      <c r="AC157" s="496"/>
      <c r="AD157" s="496"/>
      <c r="AE157" s="496"/>
      <c r="AF157" s="487"/>
      <c r="AG157" s="496"/>
      <c r="AH157" s="496"/>
      <c r="AI157" s="496"/>
      <c r="AJ157" s="496"/>
      <c r="AK157" s="496"/>
      <c r="AL157" s="496"/>
      <c r="AM157" s="496"/>
      <c r="AN157" s="496" t="s">
        <v>66</v>
      </c>
      <c r="AO157" s="496"/>
      <c r="AP157" s="496"/>
      <c r="AQ157" s="496"/>
      <c r="AR157" s="496"/>
      <c r="AS157" s="496"/>
      <c r="AT157" s="496"/>
      <c r="AU157" s="496"/>
      <c r="AV157" s="496"/>
      <c r="AW157" s="496"/>
      <c r="AX157" s="496"/>
      <c r="AY157" s="496"/>
      <c r="AZ157" s="496"/>
      <c r="BA157" s="496"/>
      <c r="BB157" s="496"/>
      <c r="BC157" s="496"/>
      <c r="BD157" s="496"/>
      <c r="BE157" s="496"/>
      <c r="BF157" s="80">
        <f t="shared" si="26"/>
        <v>350</v>
      </c>
      <c r="BG157" s="76">
        <f t="shared" si="25"/>
        <v>563.85142857142853</v>
      </c>
      <c r="BH157" s="487" t="str">
        <f t="shared" si="24"/>
        <v/>
      </c>
      <c r="BI157" s="487" t="str">
        <f t="shared" si="24"/>
        <v/>
      </c>
      <c r="BJ157" s="487" t="str">
        <f t="shared" si="24"/>
        <v/>
      </c>
      <c r="BK157" s="487" t="str">
        <f t="shared" si="24"/>
        <v/>
      </c>
      <c r="BL157" s="487" t="str">
        <f t="shared" si="24"/>
        <v/>
      </c>
      <c r="BM157" s="487" t="str">
        <f t="shared" si="28"/>
        <v/>
      </c>
      <c r="BN157" s="487" t="str">
        <f t="shared" si="28"/>
        <v/>
      </c>
      <c r="BO157" s="487" t="str">
        <f t="shared" si="28"/>
        <v/>
      </c>
      <c r="BP157" s="487" t="str">
        <f t="shared" si="28"/>
        <v/>
      </c>
      <c r="BQ157" s="487" t="str">
        <f t="shared" si="28"/>
        <v/>
      </c>
      <c r="BR157" s="487" t="str">
        <f t="shared" si="28"/>
        <v/>
      </c>
      <c r="BS157" s="487" t="str">
        <f t="shared" si="28"/>
        <v/>
      </c>
      <c r="BT157" s="487" t="str">
        <f t="shared" si="28"/>
        <v/>
      </c>
      <c r="BU157" s="487">
        <f t="shared" si="28"/>
        <v>197347.99999999997</v>
      </c>
      <c r="BV157" s="487" t="str">
        <f t="shared" si="28"/>
        <v/>
      </c>
      <c r="BW157" s="487" t="str">
        <f t="shared" si="28"/>
        <v/>
      </c>
      <c r="BX157" s="487" t="str">
        <f t="shared" si="28"/>
        <v/>
      </c>
      <c r="BY157" s="487" t="str">
        <f t="shared" si="28"/>
        <v/>
      </c>
      <c r="BZ157" s="487" t="str">
        <f t="shared" si="28"/>
        <v/>
      </c>
      <c r="CA157" s="487" t="str">
        <f t="shared" si="28"/>
        <v/>
      </c>
      <c r="CB157" s="487" t="str">
        <f t="shared" si="28"/>
        <v/>
      </c>
      <c r="CC157" s="487" t="str">
        <f t="shared" si="31"/>
        <v/>
      </c>
      <c r="CD157" s="487" t="str">
        <f t="shared" si="31"/>
        <v/>
      </c>
      <c r="CE157" s="487" t="str">
        <f t="shared" si="31"/>
        <v/>
      </c>
      <c r="CF157" s="487" t="str">
        <f t="shared" si="31"/>
        <v/>
      </c>
      <c r="CG157" s="487" t="str">
        <f t="shared" si="30"/>
        <v/>
      </c>
      <c r="CH157" s="487" t="str">
        <f t="shared" si="27"/>
        <v/>
      </c>
      <c r="CI157" s="487" t="str">
        <f t="shared" si="27"/>
        <v/>
      </c>
      <c r="CJ157" s="487" t="str">
        <f t="shared" si="27"/>
        <v/>
      </c>
      <c r="CK157" s="487" t="str">
        <f t="shared" si="27"/>
        <v/>
      </c>
      <c r="CL157" s="487" t="str">
        <f t="shared" si="27"/>
        <v/>
      </c>
      <c r="CM157" s="487"/>
      <c r="CN157" s="487"/>
      <c r="CO157" s="487"/>
      <c r="CP157" s="487"/>
      <c r="CQ157" s="487"/>
      <c r="CR157" s="487"/>
      <c r="CS157" s="487"/>
      <c r="CT157" s="487"/>
      <c r="CU157" s="487"/>
      <c r="CV157" s="487"/>
      <c r="CW157" s="487"/>
      <c r="CX157" s="487"/>
      <c r="CY157" s="487"/>
      <c r="CZ157" s="487"/>
      <c r="DA157" s="487"/>
      <c r="DB157" s="487"/>
      <c r="DC157" s="487"/>
      <c r="DD157" s="487"/>
      <c r="DE157" s="487"/>
      <c r="DF157" s="487"/>
      <c r="DG157" s="487"/>
      <c r="DH157" s="487"/>
      <c r="DI157" s="484"/>
      <c r="DJ157" s="484"/>
      <c r="DK157" s="484"/>
    </row>
    <row r="158" spans="1:115" s="354" customFormat="1" ht="56.1" hidden="1" customHeight="1" x14ac:dyDescent="0.2">
      <c r="A158" s="494"/>
      <c r="B158" s="494"/>
      <c r="C158" s="481">
        <v>256</v>
      </c>
      <c r="D158" s="481"/>
      <c r="E158" s="481" t="s">
        <v>2481</v>
      </c>
      <c r="F158" s="482" t="s">
        <v>53</v>
      </c>
      <c r="G158" s="482" t="s">
        <v>329</v>
      </c>
      <c r="H158" s="484" t="s">
        <v>482</v>
      </c>
      <c r="I158" s="484" t="s">
        <v>483</v>
      </c>
      <c r="J158" s="495" t="s">
        <v>491</v>
      </c>
      <c r="K158" s="495"/>
      <c r="L158" s="484" t="s">
        <v>58</v>
      </c>
      <c r="M158" s="484" t="s">
        <v>31</v>
      </c>
      <c r="N158" s="484"/>
      <c r="O158" s="484" t="s">
        <v>81</v>
      </c>
      <c r="P158" s="484" t="s">
        <v>334</v>
      </c>
      <c r="Q158" s="484"/>
      <c r="R158" s="484" t="s">
        <v>225</v>
      </c>
      <c r="S158" s="484" t="s">
        <v>63</v>
      </c>
      <c r="T158" s="484" t="s">
        <v>63</v>
      </c>
      <c r="U158" s="485">
        <f>'[2]Hemel Hempstead'!$AO$9</f>
        <v>50747</v>
      </c>
      <c r="V158" s="485"/>
      <c r="W158" s="484" t="s">
        <v>226</v>
      </c>
      <c r="X158" s="484"/>
      <c r="Y158" s="485">
        <f t="shared" si="29"/>
        <v>50747</v>
      </c>
      <c r="Z158" s="484" t="s">
        <v>82</v>
      </c>
      <c r="AA158" s="496"/>
      <c r="AB158" s="496"/>
      <c r="AC158" s="496"/>
      <c r="AD158" s="496"/>
      <c r="AE158" s="496"/>
      <c r="AF158" s="487"/>
      <c r="AG158" s="496"/>
      <c r="AH158" s="496"/>
      <c r="AI158" s="496"/>
      <c r="AJ158" s="496"/>
      <c r="AK158" s="496"/>
      <c r="AL158" s="496"/>
      <c r="AM158" s="496"/>
      <c r="AN158" s="496"/>
      <c r="AO158" s="496" t="s">
        <v>66</v>
      </c>
      <c r="AP158" s="496"/>
      <c r="AQ158" s="496"/>
      <c r="AR158" s="496"/>
      <c r="AS158" s="496"/>
      <c r="AT158" s="496"/>
      <c r="AU158" s="496"/>
      <c r="AV158" s="496"/>
      <c r="AW158" s="496"/>
      <c r="AX158" s="496"/>
      <c r="AY158" s="496"/>
      <c r="AZ158" s="496"/>
      <c r="BA158" s="496"/>
      <c r="BB158" s="496"/>
      <c r="BC158" s="496"/>
      <c r="BD158" s="496"/>
      <c r="BE158" s="496"/>
      <c r="BF158" s="80">
        <f t="shared" si="26"/>
        <v>90</v>
      </c>
      <c r="BG158" s="76">
        <f t="shared" si="25"/>
        <v>563.85555555555561</v>
      </c>
      <c r="BH158" s="487" t="str">
        <f t="shared" si="24"/>
        <v/>
      </c>
      <c r="BI158" s="487" t="str">
        <f t="shared" si="24"/>
        <v/>
      </c>
      <c r="BJ158" s="487" t="str">
        <f t="shared" si="24"/>
        <v/>
      </c>
      <c r="BK158" s="487" t="str">
        <f t="shared" si="24"/>
        <v/>
      </c>
      <c r="BL158" s="487" t="str">
        <f t="shared" si="24"/>
        <v/>
      </c>
      <c r="BM158" s="487" t="str">
        <f t="shared" si="28"/>
        <v/>
      </c>
      <c r="BN158" s="487" t="str">
        <f t="shared" si="28"/>
        <v/>
      </c>
      <c r="BO158" s="487" t="str">
        <f t="shared" si="28"/>
        <v/>
      </c>
      <c r="BP158" s="487" t="str">
        <f t="shared" si="28"/>
        <v/>
      </c>
      <c r="BQ158" s="487" t="str">
        <f t="shared" ref="BQ158:CB179" si="32">IF(AJ158="yes",(AJ$2*$BG158),"")</f>
        <v/>
      </c>
      <c r="BR158" s="487" t="str">
        <f t="shared" si="32"/>
        <v/>
      </c>
      <c r="BS158" s="487" t="str">
        <f t="shared" si="32"/>
        <v/>
      </c>
      <c r="BT158" s="487" t="str">
        <f t="shared" si="32"/>
        <v/>
      </c>
      <c r="BU158" s="487" t="str">
        <f t="shared" si="32"/>
        <v/>
      </c>
      <c r="BV158" s="487">
        <f t="shared" si="32"/>
        <v>50747.000000000007</v>
      </c>
      <c r="BW158" s="487" t="str">
        <f t="shared" si="32"/>
        <v/>
      </c>
      <c r="BX158" s="487" t="str">
        <f t="shared" si="32"/>
        <v/>
      </c>
      <c r="BY158" s="487" t="str">
        <f t="shared" si="32"/>
        <v/>
      </c>
      <c r="BZ158" s="487" t="str">
        <f t="shared" si="32"/>
        <v/>
      </c>
      <c r="CA158" s="487" t="str">
        <f t="shared" si="32"/>
        <v/>
      </c>
      <c r="CB158" s="487" t="str">
        <f t="shared" si="32"/>
        <v/>
      </c>
      <c r="CC158" s="487" t="str">
        <f t="shared" si="31"/>
        <v/>
      </c>
      <c r="CD158" s="487" t="str">
        <f t="shared" si="31"/>
        <v/>
      </c>
      <c r="CE158" s="487" t="str">
        <f t="shared" si="31"/>
        <v/>
      </c>
      <c r="CF158" s="487" t="str">
        <f t="shared" si="31"/>
        <v/>
      </c>
      <c r="CG158" s="487" t="str">
        <f t="shared" si="30"/>
        <v/>
      </c>
      <c r="CH158" s="487" t="str">
        <f t="shared" si="27"/>
        <v/>
      </c>
      <c r="CI158" s="487" t="str">
        <f t="shared" si="27"/>
        <v/>
      </c>
      <c r="CJ158" s="487" t="str">
        <f t="shared" si="27"/>
        <v/>
      </c>
      <c r="CK158" s="487" t="str">
        <f t="shared" si="27"/>
        <v/>
      </c>
      <c r="CL158" s="487" t="str">
        <f t="shared" si="27"/>
        <v/>
      </c>
      <c r="CM158" s="487"/>
      <c r="CN158" s="487"/>
      <c r="CO158" s="487"/>
      <c r="CP158" s="487"/>
      <c r="CQ158" s="487"/>
      <c r="CR158" s="487"/>
      <c r="CS158" s="487"/>
      <c r="CT158" s="487"/>
      <c r="CU158" s="487"/>
      <c r="CV158" s="487"/>
      <c r="CW158" s="487"/>
      <c r="CX158" s="487"/>
      <c r="CY158" s="487"/>
      <c r="CZ158" s="487"/>
      <c r="DA158" s="487"/>
      <c r="DB158" s="487"/>
      <c r="DC158" s="487"/>
      <c r="DD158" s="487"/>
      <c r="DE158" s="487"/>
      <c r="DF158" s="487"/>
      <c r="DG158" s="487"/>
      <c r="DH158" s="487"/>
      <c r="DI158" s="484"/>
      <c r="DJ158" s="484"/>
      <c r="DK158" s="484"/>
    </row>
    <row r="159" spans="1:115" s="354" customFormat="1" ht="56.1" hidden="1" customHeight="1" x14ac:dyDescent="0.2">
      <c r="A159" s="494"/>
      <c r="B159" s="494"/>
      <c r="C159" s="481">
        <v>257</v>
      </c>
      <c r="D159" s="481"/>
      <c r="E159" s="481" t="s">
        <v>2481</v>
      </c>
      <c r="F159" s="482" t="s">
        <v>53</v>
      </c>
      <c r="G159" s="482" t="s">
        <v>329</v>
      </c>
      <c r="H159" s="484" t="s">
        <v>482</v>
      </c>
      <c r="I159" s="484" t="s">
        <v>483</v>
      </c>
      <c r="J159" s="495" t="s">
        <v>491</v>
      </c>
      <c r="K159" s="495"/>
      <c r="L159" s="484" t="s">
        <v>58</v>
      </c>
      <c r="M159" s="484" t="s">
        <v>327</v>
      </c>
      <c r="N159" s="484"/>
      <c r="O159" s="484" t="s">
        <v>81</v>
      </c>
      <c r="P159" s="484" t="s">
        <v>334</v>
      </c>
      <c r="Q159" s="484"/>
      <c r="R159" s="484" t="s">
        <v>225</v>
      </c>
      <c r="S159" s="484" t="s">
        <v>63</v>
      </c>
      <c r="T159" s="484" t="s">
        <v>63</v>
      </c>
      <c r="U159" s="485">
        <f>'[2]Hemel Hempstead'!$AR$9</f>
        <v>45108</v>
      </c>
      <c r="V159" s="485"/>
      <c r="W159" s="484" t="s">
        <v>226</v>
      </c>
      <c r="X159" s="484"/>
      <c r="Y159" s="485">
        <f t="shared" si="29"/>
        <v>45108</v>
      </c>
      <c r="Z159" s="484" t="s">
        <v>82</v>
      </c>
      <c r="AA159" s="496"/>
      <c r="AB159" s="496"/>
      <c r="AC159" s="496"/>
      <c r="AD159" s="496"/>
      <c r="AE159" s="496"/>
      <c r="AF159" s="487"/>
      <c r="AG159" s="496"/>
      <c r="AH159" s="496"/>
      <c r="AI159" s="496"/>
      <c r="AJ159" s="496"/>
      <c r="AK159" s="496"/>
      <c r="AL159" s="496"/>
      <c r="AM159" s="496"/>
      <c r="AN159" s="496"/>
      <c r="AO159" s="496"/>
      <c r="AP159" s="496" t="s">
        <v>66</v>
      </c>
      <c r="AQ159" s="496"/>
      <c r="AR159" s="496"/>
      <c r="AS159" s="496"/>
      <c r="AT159" s="496"/>
      <c r="AU159" s="496"/>
      <c r="AV159" s="496"/>
      <c r="AW159" s="496"/>
      <c r="AX159" s="496"/>
      <c r="AY159" s="496"/>
      <c r="AZ159" s="496"/>
      <c r="BA159" s="496"/>
      <c r="BB159" s="496"/>
      <c r="BC159" s="496"/>
      <c r="BD159" s="496"/>
      <c r="BE159" s="496"/>
      <c r="BF159" s="80">
        <f t="shared" si="26"/>
        <v>80</v>
      </c>
      <c r="BG159" s="76">
        <f t="shared" si="25"/>
        <v>563.85</v>
      </c>
      <c r="BH159" s="487" t="str">
        <f t="shared" si="24"/>
        <v/>
      </c>
      <c r="BI159" s="487" t="str">
        <f t="shared" si="24"/>
        <v/>
      </c>
      <c r="BJ159" s="487" t="str">
        <f t="shared" si="24"/>
        <v/>
      </c>
      <c r="BK159" s="487" t="str">
        <f t="shared" si="24"/>
        <v/>
      </c>
      <c r="BL159" s="487" t="str">
        <f t="shared" si="24"/>
        <v/>
      </c>
      <c r="BM159" s="487" t="str">
        <f t="shared" si="24"/>
        <v/>
      </c>
      <c r="BN159" s="487" t="str">
        <f t="shared" si="24"/>
        <v/>
      </c>
      <c r="BO159" s="487" t="str">
        <f t="shared" si="24"/>
        <v/>
      </c>
      <c r="BP159" s="487" t="str">
        <f t="shared" si="24"/>
        <v/>
      </c>
      <c r="BQ159" s="487" t="str">
        <f t="shared" si="32"/>
        <v/>
      </c>
      <c r="BR159" s="487" t="str">
        <f t="shared" si="32"/>
        <v/>
      </c>
      <c r="BS159" s="487" t="str">
        <f t="shared" si="32"/>
        <v/>
      </c>
      <c r="BT159" s="487" t="str">
        <f t="shared" si="32"/>
        <v/>
      </c>
      <c r="BU159" s="487" t="str">
        <f t="shared" si="32"/>
        <v/>
      </c>
      <c r="BV159" s="487" t="str">
        <f t="shared" si="32"/>
        <v/>
      </c>
      <c r="BW159" s="487">
        <f t="shared" si="32"/>
        <v>45108</v>
      </c>
      <c r="BX159" s="487" t="str">
        <f t="shared" si="32"/>
        <v/>
      </c>
      <c r="BY159" s="487" t="str">
        <f t="shared" si="32"/>
        <v/>
      </c>
      <c r="BZ159" s="487" t="str">
        <f t="shared" si="32"/>
        <v/>
      </c>
      <c r="CA159" s="487" t="str">
        <f t="shared" si="32"/>
        <v/>
      </c>
      <c r="CB159" s="487" t="str">
        <f t="shared" si="32"/>
        <v/>
      </c>
      <c r="CC159" s="487" t="str">
        <f t="shared" si="31"/>
        <v/>
      </c>
      <c r="CD159" s="487" t="str">
        <f t="shared" si="31"/>
        <v/>
      </c>
      <c r="CE159" s="487" t="str">
        <f t="shared" si="31"/>
        <v/>
      </c>
      <c r="CF159" s="487" t="str">
        <f t="shared" si="31"/>
        <v/>
      </c>
      <c r="CG159" s="487" t="str">
        <f t="shared" si="30"/>
        <v/>
      </c>
      <c r="CH159" s="487" t="str">
        <f t="shared" si="27"/>
        <v/>
      </c>
      <c r="CI159" s="487" t="str">
        <f t="shared" si="27"/>
        <v/>
      </c>
      <c r="CJ159" s="487" t="str">
        <f t="shared" si="27"/>
        <v/>
      </c>
      <c r="CK159" s="487" t="str">
        <f t="shared" si="27"/>
        <v/>
      </c>
      <c r="CL159" s="487" t="str">
        <f t="shared" si="27"/>
        <v/>
      </c>
      <c r="CM159" s="487"/>
      <c r="CN159" s="487"/>
      <c r="CO159" s="487"/>
      <c r="CP159" s="487"/>
      <c r="CQ159" s="487"/>
      <c r="CR159" s="487"/>
      <c r="CS159" s="487"/>
      <c r="CT159" s="487"/>
      <c r="CU159" s="487"/>
      <c r="CV159" s="487"/>
      <c r="CW159" s="487"/>
      <c r="CX159" s="487"/>
      <c r="CY159" s="487"/>
      <c r="CZ159" s="487"/>
      <c r="DA159" s="487"/>
      <c r="DB159" s="487"/>
      <c r="DC159" s="487"/>
      <c r="DD159" s="487"/>
      <c r="DE159" s="487"/>
      <c r="DF159" s="487"/>
      <c r="DG159" s="487"/>
      <c r="DH159" s="487"/>
      <c r="DI159" s="484"/>
      <c r="DJ159" s="484"/>
      <c r="DK159" s="484"/>
    </row>
    <row r="160" spans="1:115" s="354" customFormat="1" ht="56.1" hidden="1" customHeight="1" x14ac:dyDescent="0.2">
      <c r="A160" s="494"/>
      <c r="B160" s="494"/>
      <c r="C160" s="481">
        <v>258</v>
      </c>
      <c r="D160" s="481"/>
      <c r="E160" s="481" t="s">
        <v>2481</v>
      </c>
      <c r="F160" s="482" t="s">
        <v>53</v>
      </c>
      <c r="G160" s="482" t="s">
        <v>329</v>
      </c>
      <c r="H160" s="484" t="s">
        <v>482</v>
      </c>
      <c r="I160" s="484" t="s">
        <v>483</v>
      </c>
      <c r="J160" s="495" t="s">
        <v>489</v>
      </c>
      <c r="K160" s="495"/>
      <c r="L160" s="484" t="s">
        <v>58</v>
      </c>
      <c r="M160" s="484" t="s">
        <v>328</v>
      </c>
      <c r="N160" s="484"/>
      <c r="O160" s="484" t="s">
        <v>81</v>
      </c>
      <c r="P160" s="484" t="s">
        <v>334</v>
      </c>
      <c r="Q160" s="484"/>
      <c r="R160" s="484" t="s">
        <v>225</v>
      </c>
      <c r="S160" s="484" t="s">
        <v>63</v>
      </c>
      <c r="T160" s="484" t="s">
        <v>63</v>
      </c>
      <c r="U160" s="485">
        <f>'[2]Hemel Hempstead'!$AU$9</f>
        <v>112770</v>
      </c>
      <c r="V160" s="485"/>
      <c r="W160" s="484" t="s">
        <v>226</v>
      </c>
      <c r="X160" s="484"/>
      <c r="Y160" s="485">
        <f t="shared" si="29"/>
        <v>112770</v>
      </c>
      <c r="Z160" s="484" t="s">
        <v>82</v>
      </c>
      <c r="AA160" s="496"/>
      <c r="AB160" s="496"/>
      <c r="AC160" s="496"/>
      <c r="AD160" s="496"/>
      <c r="AE160" s="496"/>
      <c r="AF160" s="487"/>
      <c r="AG160" s="496"/>
      <c r="AH160" s="496"/>
      <c r="AI160" s="496"/>
      <c r="AJ160" s="496"/>
      <c r="AK160" s="496"/>
      <c r="AL160" s="496" t="s">
        <v>66</v>
      </c>
      <c r="AM160" s="496"/>
      <c r="AN160" s="496"/>
      <c r="AO160" s="496"/>
      <c r="AP160" s="496"/>
      <c r="AQ160" s="496"/>
      <c r="AR160" s="496"/>
      <c r="AS160" s="496"/>
      <c r="AT160" s="496"/>
      <c r="AU160" s="496"/>
      <c r="AV160" s="496"/>
      <c r="AW160" s="496"/>
      <c r="AX160" s="496"/>
      <c r="AY160" s="496"/>
      <c r="AZ160" s="496"/>
      <c r="BA160" s="496"/>
      <c r="BB160" s="496"/>
      <c r="BC160" s="496"/>
      <c r="BD160" s="496"/>
      <c r="BE160" s="496"/>
      <c r="BF160" s="80">
        <f t="shared" si="26"/>
        <v>200</v>
      </c>
      <c r="BG160" s="76">
        <f t="shared" si="25"/>
        <v>563.85</v>
      </c>
      <c r="BH160" s="487" t="str">
        <f t="shared" si="24"/>
        <v/>
      </c>
      <c r="BI160" s="487" t="str">
        <f t="shared" si="24"/>
        <v/>
      </c>
      <c r="BJ160" s="487" t="str">
        <f t="shared" si="24"/>
        <v/>
      </c>
      <c r="BK160" s="487" t="str">
        <f t="shared" si="24"/>
        <v/>
      </c>
      <c r="BL160" s="487" t="str">
        <f t="shared" si="24"/>
        <v/>
      </c>
      <c r="BM160" s="487" t="str">
        <f t="shared" si="24"/>
        <v/>
      </c>
      <c r="BN160" s="487" t="str">
        <f t="shared" si="24"/>
        <v/>
      </c>
      <c r="BO160" s="487" t="str">
        <f t="shared" si="24"/>
        <v/>
      </c>
      <c r="BP160" s="487" t="str">
        <f t="shared" si="24"/>
        <v/>
      </c>
      <c r="BQ160" s="487" t="str">
        <f t="shared" si="32"/>
        <v/>
      </c>
      <c r="BR160" s="487" t="str">
        <f t="shared" si="32"/>
        <v/>
      </c>
      <c r="BS160" s="487">
        <f t="shared" si="32"/>
        <v>112770</v>
      </c>
      <c r="BT160" s="487" t="str">
        <f t="shared" si="32"/>
        <v/>
      </c>
      <c r="BU160" s="487" t="str">
        <f t="shared" si="32"/>
        <v/>
      </c>
      <c r="BV160" s="487" t="str">
        <f t="shared" si="32"/>
        <v/>
      </c>
      <c r="BW160" s="487" t="str">
        <f t="shared" si="32"/>
        <v/>
      </c>
      <c r="BX160" s="487" t="str">
        <f t="shared" si="32"/>
        <v/>
      </c>
      <c r="BY160" s="487" t="str">
        <f t="shared" si="32"/>
        <v/>
      </c>
      <c r="BZ160" s="487" t="str">
        <f t="shared" si="32"/>
        <v/>
      </c>
      <c r="CA160" s="487" t="str">
        <f t="shared" si="32"/>
        <v/>
      </c>
      <c r="CB160" s="487" t="str">
        <f t="shared" si="32"/>
        <v/>
      </c>
      <c r="CC160" s="487" t="str">
        <f t="shared" si="31"/>
        <v/>
      </c>
      <c r="CD160" s="487" t="str">
        <f t="shared" si="31"/>
        <v/>
      </c>
      <c r="CE160" s="487" t="str">
        <f t="shared" si="31"/>
        <v/>
      </c>
      <c r="CF160" s="487" t="str">
        <f t="shared" si="31"/>
        <v/>
      </c>
      <c r="CG160" s="487" t="str">
        <f t="shared" si="30"/>
        <v/>
      </c>
      <c r="CH160" s="487" t="str">
        <f t="shared" si="27"/>
        <v/>
      </c>
      <c r="CI160" s="487" t="str">
        <f t="shared" si="27"/>
        <v/>
      </c>
      <c r="CJ160" s="487" t="str">
        <f t="shared" si="27"/>
        <v/>
      </c>
      <c r="CK160" s="487" t="str">
        <f t="shared" si="27"/>
        <v/>
      </c>
      <c r="CL160" s="487" t="str">
        <f t="shared" si="27"/>
        <v/>
      </c>
      <c r="CM160" s="487"/>
      <c r="CN160" s="487"/>
      <c r="CO160" s="487"/>
      <c r="CP160" s="487"/>
      <c r="CQ160" s="487"/>
      <c r="CR160" s="487"/>
      <c r="CS160" s="487"/>
      <c r="CT160" s="487"/>
      <c r="CU160" s="487"/>
      <c r="CV160" s="487"/>
      <c r="CW160" s="487"/>
      <c r="CX160" s="487"/>
      <c r="CY160" s="487"/>
      <c r="CZ160" s="487"/>
      <c r="DA160" s="487"/>
      <c r="DB160" s="487"/>
      <c r="DC160" s="487"/>
      <c r="DD160" s="487"/>
      <c r="DE160" s="487"/>
      <c r="DF160" s="487"/>
      <c r="DG160" s="487"/>
      <c r="DH160" s="487"/>
      <c r="DI160" s="484"/>
      <c r="DJ160" s="484"/>
      <c r="DK160" s="484"/>
    </row>
    <row r="161" spans="1:115" s="354" customFormat="1" ht="56.1" hidden="1" customHeight="1" x14ac:dyDescent="0.2">
      <c r="A161" s="494"/>
      <c r="B161" s="494"/>
      <c r="C161" s="481">
        <v>273</v>
      </c>
      <c r="D161" s="481"/>
      <c r="E161" s="481" t="s">
        <v>2481</v>
      </c>
      <c r="F161" s="482" t="s">
        <v>53</v>
      </c>
      <c r="G161" s="482" t="s">
        <v>329</v>
      </c>
      <c r="H161" s="484" t="s">
        <v>500</v>
      </c>
      <c r="I161" s="484" t="s">
        <v>501</v>
      </c>
      <c r="J161" s="495" t="s">
        <v>510</v>
      </c>
      <c r="K161" s="495"/>
      <c r="L161" s="484" t="s">
        <v>58</v>
      </c>
      <c r="M161" s="484" t="s">
        <v>347</v>
      </c>
      <c r="N161" s="484"/>
      <c r="O161" s="484" t="s">
        <v>81</v>
      </c>
      <c r="P161" s="484" t="s">
        <v>334</v>
      </c>
      <c r="Q161" s="484"/>
      <c r="R161" s="484" t="s">
        <v>225</v>
      </c>
      <c r="S161" s="484" t="s">
        <v>63</v>
      </c>
      <c r="T161" s="484" t="s">
        <v>63</v>
      </c>
      <c r="U161" s="485">
        <v>1212833</v>
      </c>
      <c r="V161" s="485"/>
      <c r="W161" s="484" t="s">
        <v>226</v>
      </c>
      <c r="X161" s="484"/>
      <c r="Y161" s="485">
        <f t="shared" si="29"/>
        <v>1212833</v>
      </c>
      <c r="Z161" s="484" t="s">
        <v>82</v>
      </c>
      <c r="AA161" s="496"/>
      <c r="AB161" s="496"/>
      <c r="AC161" s="496"/>
      <c r="AD161" s="496"/>
      <c r="AE161" s="496"/>
      <c r="AF161" s="496"/>
      <c r="AG161" s="496"/>
      <c r="AH161" s="496"/>
      <c r="AI161" s="496"/>
      <c r="AJ161" s="496"/>
      <c r="AK161" s="496"/>
      <c r="AL161" s="496"/>
      <c r="AM161" s="496"/>
      <c r="AN161" s="496"/>
      <c r="AO161" s="496"/>
      <c r="AP161" s="496"/>
      <c r="AQ161" s="487" t="s">
        <v>66</v>
      </c>
      <c r="AR161" s="496"/>
      <c r="AS161" s="496"/>
      <c r="AT161" s="496"/>
      <c r="AU161" s="496"/>
      <c r="AV161" s="496"/>
      <c r="AW161" s="496"/>
      <c r="AX161" s="496"/>
      <c r="AY161" s="496"/>
      <c r="AZ161" s="496"/>
      <c r="BA161" s="496"/>
      <c r="BB161" s="496"/>
      <c r="BC161" s="496"/>
      <c r="BD161" s="496"/>
      <c r="BE161" s="496"/>
      <c r="BF161" s="80">
        <f t="shared" si="26"/>
        <v>2385</v>
      </c>
      <c r="BG161" s="76">
        <f t="shared" si="25"/>
        <v>508.52536687631027</v>
      </c>
      <c r="BH161" s="487" t="str">
        <f t="shared" si="24"/>
        <v/>
      </c>
      <c r="BI161" s="487" t="str">
        <f t="shared" si="24"/>
        <v/>
      </c>
      <c r="BJ161" s="487" t="str">
        <f t="shared" si="24"/>
        <v/>
      </c>
      <c r="BK161" s="487" t="str">
        <f t="shared" si="24"/>
        <v/>
      </c>
      <c r="BL161" s="487" t="str">
        <f t="shared" si="24"/>
        <v/>
      </c>
      <c r="BM161" s="487" t="str">
        <f t="shared" si="24"/>
        <v/>
      </c>
      <c r="BN161" s="487" t="str">
        <f t="shared" si="24"/>
        <v/>
      </c>
      <c r="BO161" s="487" t="str">
        <f t="shared" si="24"/>
        <v/>
      </c>
      <c r="BP161" s="487" t="str">
        <f t="shared" si="24"/>
        <v/>
      </c>
      <c r="BQ161" s="487" t="str">
        <f t="shared" si="32"/>
        <v/>
      </c>
      <c r="BR161" s="487" t="str">
        <f t="shared" si="32"/>
        <v/>
      </c>
      <c r="BS161" s="487" t="str">
        <f t="shared" si="32"/>
        <v/>
      </c>
      <c r="BT161" s="487" t="str">
        <f t="shared" si="32"/>
        <v/>
      </c>
      <c r="BU161" s="487" t="str">
        <f t="shared" si="32"/>
        <v/>
      </c>
      <c r="BV161" s="487" t="str">
        <f t="shared" si="32"/>
        <v/>
      </c>
      <c r="BW161" s="487" t="str">
        <f t="shared" si="32"/>
        <v/>
      </c>
      <c r="BX161" s="487">
        <f t="shared" si="32"/>
        <v>1212833</v>
      </c>
      <c r="BY161" s="487" t="str">
        <f t="shared" si="32"/>
        <v/>
      </c>
      <c r="BZ161" s="487" t="str">
        <f t="shared" si="32"/>
        <v/>
      </c>
      <c r="CA161" s="487" t="str">
        <f t="shared" si="32"/>
        <v/>
      </c>
      <c r="CB161" s="487" t="str">
        <f t="shared" si="32"/>
        <v/>
      </c>
      <c r="CC161" s="487" t="str">
        <f t="shared" si="31"/>
        <v/>
      </c>
      <c r="CD161" s="487" t="str">
        <f t="shared" si="31"/>
        <v/>
      </c>
      <c r="CE161" s="487" t="str">
        <f t="shared" si="31"/>
        <v/>
      </c>
      <c r="CF161" s="487" t="str">
        <f t="shared" si="31"/>
        <v/>
      </c>
      <c r="CG161" s="487" t="str">
        <f t="shared" si="30"/>
        <v/>
      </c>
      <c r="CH161" s="487" t="str">
        <f t="shared" si="27"/>
        <v/>
      </c>
      <c r="CI161" s="487" t="str">
        <f t="shared" si="27"/>
        <v/>
      </c>
      <c r="CJ161" s="487" t="str">
        <f t="shared" si="27"/>
        <v/>
      </c>
      <c r="CK161" s="487" t="str">
        <f t="shared" si="27"/>
        <v/>
      </c>
      <c r="CL161" s="487" t="str">
        <f t="shared" si="27"/>
        <v/>
      </c>
      <c r="CM161" s="487"/>
      <c r="CN161" s="487"/>
      <c r="CO161" s="487"/>
      <c r="CP161" s="487"/>
      <c r="CQ161" s="487"/>
      <c r="CR161" s="487"/>
      <c r="CS161" s="487"/>
      <c r="CT161" s="487"/>
      <c r="CU161" s="487"/>
      <c r="CV161" s="487"/>
      <c r="CW161" s="487"/>
      <c r="CX161" s="487"/>
      <c r="CY161" s="487"/>
      <c r="CZ161" s="487"/>
      <c r="DA161" s="487"/>
      <c r="DB161" s="487"/>
      <c r="DC161" s="487"/>
      <c r="DD161" s="487"/>
      <c r="DE161" s="487"/>
      <c r="DF161" s="487"/>
      <c r="DG161" s="487"/>
      <c r="DH161" s="487"/>
      <c r="DI161" s="484"/>
      <c r="DJ161" s="484"/>
      <c r="DK161" s="484"/>
    </row>
    <row r="162" spans="1:115" s="354" customFormat="1" ht="56.1" hidden="1" customHeight="1" x14ac:dyDescent="0.2">
      <c r="A162" s="494"/>
      <c r="B162" s="494"/>
      <c r="C162" s="481">
        <v>274</v>
      </c>
      <c r="D162" s="481"/>
      <c r="E162" s="481" t="s">
        <v>2481</v>
      </c>
      <c r="F162" s="482" t="s">
        <v>53</v>
      </c>
      <c r="G162" s="482" t="s">
        <v>329</v>
      </c>
      <c r="H162" s="484" t="s">
        <v>500</v>
      </c>
      <c r="I162" s="484" t="s">
        <v>501</v>
      </c>
      <c r="J162" s="495" t="s">
        <v>511</v>
      </c>
      <c r="K162" s="495"/>
      <c r="L162" s="484" t="s">
        <v>58</v>
      </c>
      <c r="M162" s="484" t="s">
        <v>173</v>
      </c>
      <c r="N162" s="484"/>
      <c r="O162" s="484" t="s">
        <v>60</v>
      </c>
      <c r="P162" s="484" t="s">
        <v>334</v>
      </c>
      <c r="Q162" s="484"/>
      <c r="R162" s="484" t="s">
        <v>62</v>
      </c>
      <c r="S162" s="484" t="s">
        <v>63</v>
      </c>
      <c r="T162" s="484" t="s">
        <v>63</v>
      </c>
      <c r="U162" s="485">
        <v>762788</v>
      </c>
      <c r="V162" s="485"/>
      <c r="W162" s="484" t="s">
        <v>226</v>
      </c>
      <c r="X162" s="484"/>
      <c r="Y162" s="485">
        <f t="shared" si="29"/>
        <v>762788</v>
      </c>
      <c r="Z162" s="484" t="s">
        <v>82</v>
      </c>
      <c r="AA162" s="487" t="s">
        <v>66</v>
      </c>
      <c r="AB162" s="496"/>
      <c r="AC162" s="496"/>
      <c r="AD162" s="496"/>
      <c r="AE162" s="496"/>
      <c r="AF162" s="496"/>
      <c r="AG162" s="496"/>
      <c r="AH162" s="496"/>
      <c r="AI162" s="496"/>
      <c r="AJ162" s="496"/>
      <c r="AK162" s="496"/>
      <c r="AL162" s="496"/>
      <c r="AM162" s="496"/>
      <c r="AN162" s="496"/>
      <c r="AO162" s="496"/>
      <c r="AP162" s="496"/>
      <c r="AQ162" s="496"/>
      <c r="AR162" s="496"/>
      <c r="AS162" s="496"/>
      <c r="AT162" s="496"/>
      <c r="AU162" s="496"/>
      <c r="AV162" s="496"/>
      <c r="AW162" s="496"/>
      <c r="AX162" s="496"/>
      <c r="AY162" s="496"/>
      <c r="AZ162" s="496"/>
      <c r="BA162" s="496"/>
      <c r="BB162" s="496"/>
      <c r="BC162" s="496"/>
      <c r="BD162" s="496"/>
      <c r="BE162" s="496"/>
      <c r="BF162" s="80">
        <f t="shared" si="26"/>
        <v>1500</v>
      </c>
      <c r="BG162" s="76">
        <f t="shared" si="25"/>
        <v>508.52533333333332</v>
      </c>
      <c r="BH162" s="487">
        <f t="shared" si="24"/>
        <v>762788</v>
      </c>
      <c r="BI162" s="487" t="str">
        <f t="shared" si="24"/>
        <v/>
      </c>
      <c r="BJ162" s="487" t="str">
        <f t="shared" si="24"/>
        <v/>
      </c>
      <c r="BK162" s="487" t="str">
        <f t="shared" si="24"/>
        <v/>
      </c>
      <c r="BL162" s="487" t="str">
        <f t="shared" si="24"/>
        <v/>
      </c>
      <c r="BM162" s="487" t="str">
        <f t="shared" si="24"/>
        <v/>
      </c>
      <c r="BN162" s="487" t="str">
        <f t="shared" si="24"/>
        <v/>
      </c>
      <c r="BO162" s="487" t="str">
        <f t="shared" si="24"/>
        <v/>
      </c>
      <c r="BP162" s="487" t="str">
        <f t="shared" si="24"/>
        <v/>
      </c>
      <c r="BQ162" s="487" t="str">
        <f t="shared" si="32"/>
        <v/>
      </c>
      <c r="BR162" s="487" t="str">
        <f t="shared" si="32"/>
        <v/>
      </c>
      <c r="BS162" s="487" t="str">
        <f t="shared" si="32"/>
        <v/>
      </c>
      <c r="BT162" s="487" t="str">
        <f t="shared" si="32"/>
        <v/>
      </c>
      <c r="BU162" s="487" t="str">
        <f t="shared" si="32"/>
        <v/>
      </c>
      <c r="BV162" s="487" t="str">
        <f t="shared" si="32"/>
        <v/>
      </c>
      <c r="BW162" s="487" t="str">
        <f t="shared" si="32"/>
        <v/>
      </c>
      <c r="BX162" s="487" t="str">
        <f t="shared" si="32"/>
        <v/>
      </c>
      <c r="BY162" s="487" t="str">
        <f t="shared" si="32"/>
        <v/>
      </c>
      <c r="BZ162" s="487" t="str">
        <f t="shared" si="32"/>
        <v/>
      </c>
      <c r="CA162" s="487" t="str">
        <f t="shared" si="32"/>
        <v/>
      </c>
      <c r="CB162" s="487" t="str">
        <f t="shared" si="32"/>
        <v/>
      </c>
      <c r="CC162" s="487" t="str">
        <f t="shared" si="31"/>
        <v/>
      </c>
      <c r="CD162" s="487" t="str">
        <f t="shared" si="31"/>
        <v/>
      </c>
      <c r="CE162" s="487" t="str">
        <f t="shared" si="31"/>
        <v/>
      </c>
      <c r="CF162" s="487" t="str">
        <f t="shared" si="31"/>
        <v/>
      </c>
      <c r="CG162" s="487" t="str">
        <f t="shared" si="30"/>
        <v/>
      </c>
      <c r="CH162" s="487" t="str">
        <f t="shared" si="27"/>
        <v/>
      </c>
      <c r="CI162" s="487" t="str">
        <f t="shared" si="27"/>
        <v/>
      </c>
      <c r="CJ162" s="487" t="str">
        <f t="shared" si="27"/>
        <v/>
      </c>
      <c r="CK162" s="487" t="str">
        <f t="shared" si="27"/>
        <v/>
      </c>
      <c r="CL162" s="487" t="str">
        <f t="shared" si="27"/>
        <v/>
      </c>
      <c r="CM162" s="487"/>
      <c r="CN162" s="487"/>
      <c r="CO162" s="487"/>
      <c r="CP162" s="487"/>
      <c r="CQ162" s="487"/>
      <c r="CR162" s="487"/>
      <c r="CS162" s="487"/>
      <c r="CT162" s="487"/>
      <c r="CU162" s="487"/>
      <c r="CV162" s="487"/>
      <c r="CW162" s="487"/>
      <c r="CX162" s="487"/>
      <c r="CY162" s="487"/>
      <c r="CZ162" s="487"/>
      <c r="DA162" s="487"/>
      <c r="DB162" s="487"/>
      <c r="DC162" s="487"/>
      <c r="DD162" s="487"/>
      <c r="DE162" s="487"/>
      <c r="DF162" s="487"/>
      <c r="DG162" s="487"/>
      <c r="DH162" s="487"/>
      <c r="DI162" s="484"/>
      <c r="DJ162" s="484"/>
      <c r="DK162" s="484"/>
    </row>
    <row r="163" spans="1:115" s="354" customFormat="1" ht="56.1" hidden="1" customHeight="1" x14ac:dyDescent="0.2">
      <c r="A163" s="494"/>
      <c r="B163" s="494"/>
      <c r="C163" s="481">
        <v>275</v>
      </c>
      <c r="D163" s="481"/>
      <c r="E163" s="481" t="s">
        <v>2481</v>
      </c>
      <c r="F163" s="482" t="s">
        <v>53</v>
      </c>
      <c r="G163" s="482" t="s">
        <v>329</v>
      </c>
      <c r="H163" s="484" t="s">
        <v>500</v>
      </c>
      <c r="I163" s="484" t="s">
        <v>501</v>
      </c>
      <c r="J163" s="495" t="s">
        <v>512</v>
      </c>
      <c r="K163" s="495"/>
      <c r="L163" s="484" t="s">
        <v>58</v>
      </c>
      <c r="M163" s="484" t="s">
        <v>319</v>
      </c>
      <c r="N163" s="484"/>
      <c r="O163" s="484" t="s">
        <v>81</v>
      </c>
      <c r="P163" s="484" t="s">
        <v>334</v>
      </c>
      <c r="Q163" s="484"/>
      <c r="R163" s="484" t="s">
        <v>181</v>
      </c>
      <c r="S163" s="484" t="s">
        <v>63</v>
      </c>
      <c r="T163" s="484" t="s">
        <v>63</v>
      </c>
      <c r="U163" s="485">
        <v>228836</v>
      </c>
      <c r="V163" s="485"/>
      <c r="W163" s="484" t="s">
        <v>226</v>
      </c>
      <c r="X163" s="484"/>
      <c r="Y163" s="485">
        <f t="shared" si="29"/>
        <v>228836</v>
      </c>
      <c r="Z163" s="484" t="s">
        <v>82</v>
      </c>
      <c r="AA163" s="496"/>
      <c r="AB163" s="496"/>
      <c r="AC163" s="487" t="s">
        <v>66</v>
      </c>
      <c r="AD163" s="496"/>
      <c r="AE163" s="496"/>
      <c r="AF163" s="496"/>
      <c r="AG163" s="496"/>
      <c r="AH163" s="496"/>
      <c r="AI163" s="496"/>
      <c r="AJ163" s="496"/>
      <c r="AK163" s="496"/>
      <c r="AL163" s="496"/>
      <c r="AM163" s="496"/>
      <c r="AN163" s="496"/>
      <c r="AO163" s="496"/>
      <c r="AP163" s="496"/>
      <c r="AQ163" s="496"/>
      <c r="AR163" s="496"/>
      <c r="AS163" s="496"/>
      <c r="AT163" s="496"/>
      <c r="AU163" s="496"/>
      <c r="AV163" s="496"/>
      <c r="AW163" s="496"/>
      <c r="AX163" s="496"/>
      <c r="AY163" s="496"/>
      <c r="AZ163" s="496"/>
      <c r="BA163" s="496"/>
      <c r="BB163" s="496"/>
      <c r="BC163" s="496"/>
      <c r="BD163" s="496"/>
      <c r="BE163" s="496"/>
      <c r="BF163" s="80">
        <f t="shared" si="26"/>
        <v>450</v>
      </c>
      <c r="BG163" s="76">
        <f t="shared" si="25"/>
        <v>508.52444444444444</v>
      </c>
      <c r="BH163" s="487" t="str">
        <f t="shared" si="24"/>
        <v/>
      </c>
      <c r="BI163" s="487" t="str">
        <f t="shared" si="24"/>
        <v/>
      </c>
      <c r="BJ163" s="487">
        <f t="shared" si="24"/>
        <v>228836</v>
      </c>
      <c r="BK163" s="487" t="str">
        <f t="shared" si="24"/>
        <v/>
      </c>
      <c r="BL163" s="487" t="str">
        <f t="shared" si="24"/>
        <v/>
      </c>
      <c r="BM163" s="487" t="str">
        <f t="shared" si="24"/>
        <v/>
      </c>
      <c r="BN163" s="487" t="str">
        <f t="shared" si="24"/>
        <v/>
      </c>
      <c r="BO163" s="487" t="str">
        <f t="shared" si="24"/>
        <v/>
      </c>
      <c r="BP163" s="487" t="str">
        <f t="shared" si="24"/>
        <v/>
      </c>
      <c r="BQ163" s="487" t="str">
        <f t="shared" si="32"/>
        <v/>
      </c>
      <c r="BR163" s="487" t="str">
        <f t="shared" si="32"/>
        <v/>
      </c>
      <c r="BS163" s="487" t="str">
        <f t="shared" si="32"/>
        <v/>
      </c>
      <c r="BT163" s="487" t="str">
        <f t="shared" si="32"/>
        <v/>
      </c>
      <c r="BU163" s="487" t="str">
        <f t="shared" si="32"/>
        <v/>
      </c>
      <c r="BV163" s="487" t="str">
        <f t="shared" si="32"/>
        <v/>
      </c>
      <c r="BW163" s="487" t="str">
        <f t="shared" si="32"/>
        <v/>
      </c>
      <c r="BX163" s="487" t="str">
        <f t="shared" si="32"/>
        <v/>
      </c>
      <c r="BY163" s="487" t="str">
        <f t="shared" si="32"/>
        <v/>
      </c>
      <c r="BZ163" s="487" t="str">
        <f t="shared" si="32"/>
        <v/>
      </c>
      <c r="CA163" s="487" t="str">
        <f t="shared" si="32"/>
        <v/>
      </c>
      <c r="CB163" s="487" t="str">
        <f t="shared" si="32"/>
        <v/>
      </c>
      <c r="CC163" s="487" t="str">
        <f t="shared" si="31"/>
        <v/>
      </c>
      <c r="CD163" s="487" t="str">
        <f t="shared" si="31"/>
        <v/>
      </c>
      <c r="CE163" s="487" t="str">
        <f t="shared" si="31"/>
        <v/>
      </c>
      <c r="CF163" s="487" t="str">
        <f t="shared" si="31"/>
        <v/>
      </c>
      <c r="CG163" s="487" t="str">
        <f t="shared" si="30"/>
        <v/>
      </c>
      <c r="CH163" s="487" t="str">
        <f t="shared" si="27"/>
        <v/>
      </c>
      <c r="CI163" s="487" t="str">
        <f t="shared" si="27"/>
        <v/>
      </c>
      <c r="CJ163" s="487" t="str">
        <f t="shared" si="27"/>
        <v/>
      </c>
      <c r="CK163" s="487" t="str">
        <f t="shared" si="27"/>
        <v/>
      </c>
      <c r="CL163" s="487" t="str">
        <f t="shared" si="27"/>
        <v/>
      </c>
      <c r="CM163" s="487"/>
      <c r="CN163" s="487"/>
      <c r="CO163" s="487"/>
      <c r="CP163" s="487"/>
      <c r="CQ163" s="487"/>
      <c r="CR163" s="487"/>
      <c r="CS163" s="487"/>
      <c r="CT163" s="487"/>
      <c r="CU163" s="487"/>
      <c r="CV163" s="487"/>
      <c r="CW163" s="487"/>
      <c r="CX163" s="487"/>
      <c r="CY163" s="487"/>
      <c r="CZ163" s="487"/>
      <c r="DA163" s="487"/>
      <c r="DB163" s="487"/>
      <c r="DC163" s="487"/>
      <c r="DD163" s="487"/>
      <c r="DE163" s="487"/>
      <c r="DF163" s="487"/>
      <c r="DG163" s="487"/>
      <c r="DH163" s="487"/>
      <c r="DI163" s="484"/>
      <c r="DJ163" s="484"/>
      <c r="DK163" s="484"/>
    </row>
    <row r="164" spans="1:115" s="354" customFormat="1" ht="56.1" hidden="1" customHeight="1" x14ac:dyDescent="0.2">
      <c r="A164" s="494"/>
      <c r="B164" s="494"/>
      <c r="C164" s="481">
        <v>276</v>
      </c>
      <c r="D164" s="481"/>
      <c r="E164" s="481" t="s">
        <v>2481</v>
      </c>
      <c r="F164" s="482" t="s">
        <v>53</v>
      </c>
      <c r="G164" s="482" t="s">
        <v>329</v>
      </c>
      <c r="H164" s="484" t="s">
        <v>500</v>
      </c>
      <c r="I164" s="484" t="s">
        <v>501</v>
      </c>
      <c r="J164" s="495" t="s">
        <v>513</v>
      </c>
      <c r="K164" s="495"/>
      <c r="L164" s="484" t="s">
        <v>58</v>
      </c>
      <c r="M164" s="484" t="s">
        <v>20</v>
      </c>
      <c r="N164" s="484"/>
      <c r="O164" s="484" t="s">
        <v>81</v>
      </c>
      <c r="P164" s="484" t="s">
        <v>334</v>
      </c>
      <c r="Q164" s="484"/>
      <c r="R164" s="484" t="s">
        <v>375</v>
      </c>
      <c r="S164" s="484" t="s">
        <v>63</v>
      </c>
      <c r="T164" s="484" t="s">
        <v>63</v>
      </c>
      <c r="U164" s="485">
        <v>177984</v>
      </c>
      <c r="V164" s="485"/>
      <c r="W164" s="484" t="s">
        <v>226</v>
      </c>
      <c r="X164" s="484"/>
      <c r="Y164" s="485">
        <f t="shared" si="29"/>
        <v>177984</v>
      </c>
      <c r="Z164" s="484" t="s">
        <v>82</v>
      </c>
      <c r="AA164" s="496"/>
      <c r="AB164" s="496"/>
      <c r="AC164" s="496"/>
      <c r="AD164" s="487" t="s">
        <v>66</v>
      </c>
      <c r="AE164" s="496"/>
      <c r="AF164" s="496"/>
      <c r="AG164" s="496"/>
      <c r="AH164" s="496"/>
      <c r="AI164" s="496"/>
      <c r="AJ164" s="496"/>
      <c r="AK164" s="496"/>
      <c r="AL164" s="496"/>
      <c r="AM164" s="496"/>
      <c r="AN164" s="496"/>
      <c r="AO164" s="496"/>
      <c r="AP164" s="496"/>
      <c r="AQ164" s="496"/>
      <c r="AR164" s="496"/>
      <c r="AS164" s="496"/>
      <c r="AT164" s="496"/>
      <c r="AU164" s="496"/>
      <c r="AV164" s="496"/>
      <c r="AW164" s="496"/>
      <c r="AX164" s="496"/>
      <c r="AY164" s="496"/>
      <c r="AZ164" s="496"/>
      <c r="BA164" s="496"/>
      <c r="BB164" s="496"/>
      <c r="BC164" s="496"/>
      <c r="BD164" s="496"/>
      <c r="BE164" s="496"/>
      <c r="BF164" s="80">
        <f t="shared" si="26"/>
        <v>350</v>
      </c>
      <c r="BG164" s="76">
        <f t="shared" si="25"/>
        <v>508.52571428571429</v>
      </c>
      <c r="BH164" s="487" t="str">
        <f t="shared" si="24"/>
        <v/>
      </c>
      <c r="BI164" s="487" t="str">
        <f t="shared" si="24"/>
        <v/>
      </c>
      <c r="BJ164" s="487" t="str">
        <f t="shared" si="24"/>
        <v/>
      </c>
      <c r="BK164" s="487">
        <f t="shared" si="24"/>
        <v>177984</v>
      </c>
      <c r="BL164" s="487" t="str">
        <f t="shared" si="24"/>
        <v/>
      </c>
      <c r="BM164" s="487" t="str">
        <f t="shared" si="24"/>
        <v/>
      </c>
      <c r="BN164" s="487" t="str">
        <f t="shared" si="24"/>
        <v/>
      </c>
      <c r="BO164" s="487" t="str">
        <f t="shared" si="24"/>
        <v/>
      </c>
      <c r="BP164" s="487" t="str">
        <f t="shared" si="24"/>
        <v/>
      </c>
      <c r="BQ164" s="487" t="str">
        <f t="shared" si="32"/>
        <v/>
      </c>
      <c r="BR164" s="487" t="str">
        <f t="shared" si="32"/>
        <v/>
      </c>
      <c r="BS164" s="487" t="str">
        <f t="shared" si="32"/>
        <v/>
      </c>
      <c r="BT164" s="487" t="str">
        <f t="shared" si="32"/>
        <v/>
      </c>
      <c r="BU164" s="487" t="str">
        <f t="shared" si="32"/>
        <v/>
      </c>
      <c r="BV164" s="487" t="str">
        <f t="shared" si="32"/>
        <v/>
      </c>
      <c r="BW164" s="487" t="str">
        <f t="shared" si="32"/>
        <v/>
      </c>
      <c r="BX164" s="487" t="str">
        <f t="shared" si="32"/>
        <v/>
      </c>
      <c r="BY164" s="487" t="str">
        <f t="shared" si="32"/>
        <v/>
      </c>
      <c r="BZ164" s="487" t="str">
        <f t="shared" si="32"/>
        <v/>
      </c>
      <c r="CA164" s="487" t="str">
        <f t="shared" si="32"/>
        <v/>
      </c>
      <c r="CB164" s="487" t="str">
        <f t="shared" si="32"/>
        <v/>
      </c>
      <c r="CC164" s="487" t="str">
        <f t="shared" si="31"/>
        <v/>
      </c>
      <c r="CD164" s="487" t="str">
        <f t="shared" si="31"/>
        <v/>
      </c>
      <c r="CE164" s="487" t="str">
        <f t="shared" si="31"/>
        <v/>
      </c>
      <c r="CF164" s="487" t="str">
        <f t="shared" si="31"/>
        <v/>
      </c>
      <c r="CG164" s="487" t="str">
        <f t="shared" si="30"/>
        <v/>
      </c>
      <c r="CH164" s="487" t="str">
        <f t="shared" si="27"/>
        <v/>
      </c>
      <c r="CI164" s="487" t="str">
        <f t="shared" si="27"/>
        <v/>
      </c>
      <c r="CJ164" s="487" t="str">
        <f t="shared" si="27"/>
        <v/>
      </c>
      <c r="CK164" s="487" t="str">
        <f t="shared" si="27"/>
        <v/>
      </c>
      <c r="CL164" s="487" t="str">
        <f t="shared" si="27"/>
        <v/>
      </c>
      <c r="CM164" s="487"/>
      <c r="CN164" s="487"/>
      <c r="CO164" s="487"/>
      <c r="CP164" s="487"/>
      <c r="CQ164" s="487"/>
      <c r="CR164" s="487"/>
      <c r="CS164" s="487"/>
      <c r="CT164" s="487"/>
      <c r="CU164" s="487"/>
      <c r="CV164" s="487"/>
      <c r="CW164" s="487"/>
      <c r="CX164" s="487"/>
      <c r="CY164" s="487"/>
      <c r="CZ164" s="487"/>
      <c r="DA164" s="487"/>
      <c r="DB164" s="487"/>
      <c r="DC164" s="487"/>
      <c r="DD164" s="487"/>
      <c r="DE164" s="487"/>
      <c r="DF164" s="487"/>
      <c r="DG164" s="487"/>
      <c r="DH164" s="487"/>
      <c r="DI164" s="484"/>
      <c r="DJ164" s="484"/>
      <c r="DK164" s="484"/>
    </row>
    <row r="165" spans="1:115" s="354" customFormat="1" ht="56.1" hidden="1" customHeight="1" x14ac:dyDescent="0.2">
      <c r="A165" s="77" t="s">
        <v>2490</v>
      </c>
      <c r="B165" s="77" t="s">
        <v>18</v>
      </c>
      <c r="C165" s="481">
        <v>277</v>
      </c>
      <c r="D165" s="481"/>
      <c r="E165" s="481" t="s">
        <v>2481</v>
      </c>
      <c r="F165" s="482" t="s">
        <v>53</v>
      </c>
      <c r="G165" s="482" t="s">
        <v>329</v>
      </c>
      <c r="H165" s="484" t="s">
        <v>500</v>
      </c>
      <c r="I165" s="484" t="s">
        <v>501</v>
      </c>
      <c r="J165" s="495" t="s">
        <v>505</v>
      </c>
      <c r="K165" s="495"/>
      <c r="L165" s="484" t="s">
        <v>58</v>
      </c>
      <c r="M165" s="484" t="s">
        <v>18</v>
      </c>
      <c r="N165" s="484"/>
      <c r="O165" s="484" t="s">
        <v>81</v>
      </c>
      <c r="P165" s="484" t="s">
        <v>334</v>
      </c>
      <c r="Q165" s="484"/>
      <c r="R165" s="484" t="s">
        <v>377</v>
      </c>
      <c r="S165" s="484" t="s">
        <v>63</v>
      </c>
      <c r="T165" s="484" t="s">
        <v>63</v>
      </c>
      <c r="U165" s="485">
        <v>101705</v>
      </c>
      <c r="V165" s="485"/>
      <c r="W165" s="484" t="s">
        <v>226</v>
      </c>
      <c r="X165" s="484"/>
      <c r="Y165" s="485">
        <f t="shared" si="29"/>
        <v>101705</v>
      </c>
      <c r="Z165" s="484" t="s">
        <v>82</v>
      </c>
      <c r="AA165" s="496"/>
      <c r="AB165" s="487" t="s">
        <v>66</v>
      </c>
      <c r="AC165" s="496"/>
      <c r="AD165" s="496"/>
      <c r="AE165" s="496"/>
      <c r="AF165" s="496"/>
      <c r="AG165" s="496"/>
      <c r="AH165" s="496"/>
      <c r="AI165" s="496"/>
      <c r="AJ165" s="496"/>
      <c r="AK165" s="496"/>
      <c r="AL165" s="496"/>
      <c r="AM165" s="496"/>
      <c r="AN165" s="496"/>
      <c r="AO165" s="496"/>
      <c r="AP165" s="496"/>
      <c r="AQ165" s="496"/>
      <c r="AR165" s="496"/>
      <c r="AS165" s="496"/>
      <c r="AT165" s="496"/>
      <c r="AU165" s="496"/>
      <c r="AV165" s="496"/>
      <c r="AW165" s="496"/>
      <c r="AX165" s="496"/>
      <c r="AY165" s="496"/>
      <c r="AZ165" s="496"/>
      <c r="BA165" s="496"/>
      <c r="BB165" s="496"/>
      <c r="BC165" s="496"/>
      <c r="BD165" s="496"/>
      <c r="BE165" s="496"/>
      <c r="BF165" s="80">
        <f t="shared" si="26"/>
        <v>200</v>
      </c>
      <c r="BG165" s="76">
        <f t="shared" si="25"/>
        <v>508.52499999999998</v>
      </c>
      <c r="BH165" s="487" t="str">
        <f t="shared" si="24"/>
        <v/>
      </c>
      <c r="BI165" s="487">
        <f t="shared" si="24"/>
        <v>101705</v>
      </c>
      <c r="BJ165" s="487" t="str">
        <f t="shared" si="24"/>
        <v/>
      </c>
      <c r="BK165" s="487" t="str">
        <f t="shared" si="24"/>
        <v/>
      </c>
      <c r="BL165" s="487" t="str">
        <f t="shared" si="24"/>
        <v/>
      </c>
      <c r="BM165" s="487" t="str">
        <f t="shared" si="24"/>
        <v/>
      </c>
      <c r="BN165" s="487" t="str">
        <f t="shared" si="24"/>
        <v/>
      </c>
      <c r="BO165" s="487" t="str">
        <f t="shared" si="24"/>
        <v/>
      </c>
      <c r="BP165" s="487" t="str">
        <f t="shared" si="24"/>
        <v/>
      </c>
      <c r="BQ165" s="487" t="str">
        <f t="shared" si="32"/>
        <v/>
      </c>
      <c r="BR165" s="487" t="str">
        <f t="shared" si="32"/>
        <v/>
      </c>
      <c r="BS165" s="487" t="str">
        <f t="shared" si="32"/>
        <v/>
      </c>
      <c r="BT165" s="487" t="str">
        <f t="shared" si="32"/>
        <v/>
      </c>
      <c r="BU165" s="487" t="str">
        <f t="shared" si="32"/>
        <v/>
      </c>
      <c r="BV165" s="487" t="str">
        <f t="shared" si="32"/>
        <v/>
      </c>
      <c r="BW165" s="487" t="str">
        <f t="shared" si="32"/>
        <v/>
      </c>
      <c r="BX165" s="487" t="str">
        <f t="shared" si="32"/>
        <v/>
      </c>
      <c r="BY165" s="487" t="str">
        <f t="shared" si="32"/>
        <v/>
      </c>
      <c r="BZ165" s="487" t="str">
        <f t="shared" si="32"/>
        <v/>
      </c>
      <c r="CA165" s="487" t="str">
        <f t="shared" si="32"/>
        <v/>
      </c>
      <c r="CB165" s="487" t="str">
        <f t="shared" si="32"/>
        <v/>
      </c>
      <c r="CC165" s="487" t="str">
        <f t="shared" si="31"/>
        <v/>
      </c>
      <c r="CD165" s="487" t="str">
        <f t="shared" si="31"/>
        <v/>
      </c>
      <c r="CE165" s="487" t="str">
        <f t="shared" si="31"/>
        <v/>
      </c>
      <c r="CF165" s="487" t="str">
        <f t="shared" si="31"/>
        <v/>
      </c>
      <c r="CG165" s="487" t="str">
        <f t="shared" si="30"/>
        <v/>
      </c>
      <c r="CH165" s="487" t="str">
        <f t="shared" si="27"/>
        <v/>
      </c>
      <c r="CI165" s="487" t="str">
        <f t="shared" si="27"/>
        <v/>
      </c>
      <c r="CJ165" s="487" t="str">
        <f t="shared" si="27"/>
        <v/>
      </c>
      <c r="CK165" s="487" t="str">
        <f t="shared" si="27"/>
        <v/>
      </c>
      <c r="CL165" s="487" t="str">
        <f t="shared" si="27"/>
        <v/>
      </c>
      <c r="CM165" s="487"/>
      <c r="CN165" s="487"/>
      <c r="CO165" s="487"/>
      <c r="CP165" s="487"/>
      <c r="CQ165" s="487"/>
      <c r="CR165" s="487"/>
      <c r="CS165" s="487"/>
      <c r="CT165" s="487"/>
      <c r="CU165" s="487"/>
      <c r="CV165" s="487"/>
      <c r="CW165" s="487"/>
      <c r="CX165" s="487"/>
      <c r="CY165" s="487"/>
      <c r="CZ165" s="487"/>
      <c r="DA165" s="487"/>
      <c r="DB165" s="487"/>
      <c r="DC165" s="487"/>
      <c r="DD165" s="487"/>
      <c r="DE165" s="487"/>
      <c r="DF165" s="487"/>
      <c r="DG165" s="487"/>
      <c r="DH165" s="487"/>
      <c r="DI165" s="484"/>
      <c r="DJ165" s="484"/>
      <c r="DK165" s="484"/>
    </row>
    <row r="166" spans="1:115" s="354" customFormat="1" ht="56.1" hidden="1" customHeight="1" x14ac:dyDescent="0.2">
      <c r="A166" s="494"/>
      <c r="B166" s="494"/>
      <c r="C166" s="481">
        <v>278</v>
      </c>
      <c r="D166" s="481"/>
      <c r="E166" s="481" t="s">
        <v>2481</v>
      </c>
      <c r="F166" s="482" t="s">
        <v>53</v>
      </c>
      <c r="G166" s="482" t="s">
        <v>329</v>
      </c>
      <c r="H166" s="484" t="s">
        <v>500</v>
      </c>
      <c r="I166" s="484" t="s">
        <v>501</v>
      </c>
      <c r="J166" s="495" t="s">
        <v>508</v>
      </c>
      <c r="K166" s="495"/>
      <c r="L166" s="484" t="s">
        <v>58</v>
      </c>
      <c r="M166" s="484" t="s">
        <v>21</v>
      </c>
      <c r="N166" s="484"/>
      <c r="O166" s="484" t="s">
        <v>81</v>
      </c>
      <c r="P166" s="484" t="s">
        <v>334</v>
      </c>
      <c r="Q166" s="484"/>
      <c r="R166" s="484" t="s">
        <v>204</v>
      </c>
      <c r="S166" s="484" t="s">
        <v>63</v>
      </c>
      <c r="T166" s="484" t="s">
        <v>63</v>
      </c>
      <c r="U166" s="485">
        <v>152558</v>
      </c>
      <c r="V166" s="485"/>
      <c r="W166" s="484" t="s">
        <v>226</v>
      </c>
      <c r="X166" s="484"/>
      <c r="Y166" s="485">
        <f t="shared" si="29"/>
        <v>152558</v>
      </c>
      <c r="Z166" s="484" t="s">
        <v>82</v>
      </c>
      <c r="AA166" s="496"/>
      <c r="AB166" s="496"/>
      <c r="AC166" s="496"/>
      <c r="AD166" s="496"/>
      <c r="AE166" s="487" t="s">
        <v>66</v>
      </c>
      <c r="AF166" s="496"/>
      <c r="AG166" s="496"/>
      <c r="AH166" s="496"/>
      <c r="AI166" s="496"/>
      <c r="AJ166" s="496"/>
      <c r="AK166" s="496"/>
      <c r="AL166" s="496"/>
      <c r="AM166" s="496"/>
      <c r="AN166" s="496"/>
      <c r="AO166" s="496"/>
      <c r="AP166" s="496"/>
      <c r="AQ166" s="496"/>
      <c r="AR166" s="496"/>
      <c r="AS166" s="496"/>
      <c r="AT166" s="496"/>
      <c r="AU166" s="496"/>
      <c r="AV166" s="496"/>
      <c r="AW166" s="496"/>
      <c r="AX166" s="496"/>
      <c r="AY166" s="496"/>
      <c r="AZ166" s="496"/>
      <c r="BA166" s="496"/>
      <c r="BB166" s="496"/>
      <c r="BC166" s="496"/>
      <c r="BD166" s="496"/>
      <c r="BE166" s="496"/>
      <c r="BF166" s="80">
        <f t="shared" si="26"/>
        <v>300</v>
      </c>
      <c r="BG166" s="76">
        <f t="shared" si="25"/>
        <v>508.52666666666664</v>
      </c>
      <c r="BH166" s="487" t="str">
        <f t="shared" si="24"/>
        <v/>
      </c>
      <c r="BI166" s="487" t="str">
        <f t="shared" si="24"/>
        <v/>
      </c>
      <c r="BJ166" s="487" t="str">
        <f t="shared" si="24"/>
        <v/>
      </c>
      <c r="BK166" s="487" t="str">
        <f t="shared" si="24"/>
        <v/>
      </c>
      <c r="BL166" s="487">
        <f t="shared" si="24"/>
        <v>152558</v>
      </c>
      <c r="BM166" s="487" t="str">
        <f t="shared" si="24"/>
        <v/>
      </c>
      <c r="BN166" s="487" t="str">
        <f t="shared" si="24"/>
        <v/>
      </c>
      <c r="BO166" s="487" t="str">
        <f t="shared" si="24"/>
        <v/>
      </c>
      <c r="BP166" s="487" t="str">
        <f t="shared" si="24"/>
        <v/>
      </c>
      <c r="BQ166" s="487" t="str">
        <f t="shared" si="32"/>
        <v/>
      </c>
      <c r="BR166" s="487" t="str">
        <f t="shared" si="32"/>
        <v/>
      </c>
      <c r="BS166" s="487" t="str">
        <f t="shared" si="32"/>
        <v/>
      </c>
      <c r="BT166" s="487" t="str">
        <f t="shared" si="32"/>
        <v/>
      </c>
      <c r="BU166" s="487" t="str">
        <f t="shared" si="32"/>
        <v/>
      </c>
      <c r="BV166" s="487" t="str">
        <f t="shared" si="32"/>
        <v/>
      </c>
      <c r="BW166" s="487" t="str">
        <f t="shared" si="32"/>
        <v/>
      </c>
      <c r="BX166" s="487" t="str">
        <f t="shared" si="32"/>
        <v/>
      </c>
      <c r="BY166" s="487" t="str">
        <f t="shared" si="32"/>
        <v/>
      </c>
      <c r="BZ166" s="487" t="str">
        <f t="shared" si="32"/>
        <v/>
      </c>
      <c r="CA166" s="487" t="str">
        <f t="shared" si="32"/>
        <v/>
      </c>
      <c r="CB166" s="487" t="str">
        <f t="shared" si="32"/>
        <v/>
      </c>
      <c r="CC166" s="487" t="str">
        <f t="shared" si="31"/>
        <v/>
      </c>
      <c r="CD166" s="487" t="str">
        <f t="shared" si="31"/>
        <v/>
      </c>
      <c r="CE166" s="487" t="str">
        <f t="shared" si="31"/>
        <v/>
      </c>
      <c r="CF166" s="487" t="str">
        <f t="shared" si="31"/>
        <v/>
      </c>
      <c r="CG166" s="487" t="str">
        <f t="shared" si="30"/>
        <v/>
      </c>
      <c r="CH166" s="487" t="str">
        <f t="shared" si="27"/>
        <v/>
      </c>
      <c r="CI166" s="487" t="str">
        <f t="shared" si="27"/>
        <v/>
      </c>
      <c r="CJ166" s="487" t="str">
        <f t="shared" si="27"/>
        <v/>
      </c>
      <c r="CK166" s="487" t="str">
        <f t="shared" si="27"/>
        <v/>
      </c>
      <c r="CL166" s="487" t="str">
        <f t="shared" si="27"/>
        <v/>
      </c>
      <c r="CM166" s="487"/>
      <c r="CN166" s="487"/>
      <c r="CO166" s="487"/>
      <c r="CP166" s="487"/>
      <c r="CQ166" s="487"/>
      <c r="CR166" s="487"/>
      <c r="CS166" s="487"/>
      <c r="CT166" s="487"/>
      <c r="CU166" s="487"/>
      <c r="CV166" s="487"/>
      <c r="CW166" s="487"/>
      <c r="CX166" s="487"/>
      <c r="CY166" s="487"/>
      <c r="CZ166" s="487"/>
      <c r="DA166" s="487"/>
      <c r="DB166" s="487"/>
      <c r="DC166" s="487"/>
      <c r="DD166" s="487"/>
      <c r="DE166" s="487"/>
      <c r="DF166" s="487"/>
      <c r="DG166" s="487"/>
      <c r="DH166" s="487"/>
      <c r="DI166" s="484"/>
      <c r="DJ166" s="484"/>
      <c r="DK166" s="484"/>
    </row>
    <row r="167" spans="1:115" s="354" customFormat="1" ht="56.1" hidden="1" customHeight="1" x14ac:dyDescent="0.2">
      <c r="A167" s="494"/>
      <c r="B167" s="494"/>
      <c r="C167" s="481">
        <v>279</v>
      </c>
      <c r="D167" s="481"/>
      <c r="E167" s="481" t="s">
        <v>2481</v>
      </c>
      <c r="F167" s="482" t="s">
        <v>53</v>
      </c>
      <c r="G167" s="482" t="s">
        <v>329</v>
      </c>
      <c r="H167" s="484" t="s">
        <v>500</v>
      </c>
      <c r="I167" s="484" t="s">
        <v>501</v>
      </c>
      <c r="J167" s="495" t="s">
        <v>507</v>
      </c>
      <c r="K167" s="495"/>
      <c r="L167" s="484" t="s">
        <v>58</v>
      </c>
      <c r="M167" s="484" t="s">
        <v>323</v>
      </c>
      <c r="N167" s="484"/>
      <c r="O167" s="484" t="s">
        <v>81</v>
      </c>
      <c r="P167" s="484" t="s">
        <v>334</v>
      </c>
      <c r="Q167" s="484"/>
      <c r="R167" s="484" t="s">
        <v>380</v>
      </c>
      <c r="S167" s="484" t="s">
        <v>63</v>
      </c>
      <c r="T167" s="484" t="s">
        <v>63</v>
      </c>
      <c r="U167" s="485">
        <v>50853</v>
      </c>
      <c r="V167" s="485"/>
      <c r="W167" s="484" t="s">
        <v>226</v>
      </c>
      <c r="X167" s="484"/>
      <c r="Y167" s="485">
        <f t="shared" si="29"/>
        <v>50853</v>
      </c>
      <c r="Z167" s="484" t="s">
        <v>82</v>
      </c>
      <c r="AA167" s="496"/>
      <c r="AB167" s="496"/>
      <c r="AC167" s="496"/>
      <c r="AD167" s="496"/>
      <c r="AE167" s="496"/>
      <c r="AF167" s="496"/>
      <c r="AG167" s="487" t="s">
        <v>66</v>
      </c>
      <c r="AH167" s="496"/>
      <c r="AI167" s="496"/>
      <c r="AJ167" s="496"/>
      <c r="AK167" s="496"/>
      <c r="AL167" s="496"/>
      <c r="AM167" s="496"/>
      <c r="AN167" s="496"/>
      <c r="AO167" s="496"/>
      <c r="AP167" s="496"/>
      <c r="AQ167" s="496"/>
      <c r="AR167" s="496"/>
      <c r="AS167" s="496"/>
      <c r="AT167" s="496"/>
      <c r="AU167" s="496"/>
      <c r="AV167" s="496"/>
      <c r="AW167" s="496"/>
      <c r="AX167" s="496"/>
      <c r="AY167" s="496"/>
      <c r="AZ167" s="496"/>
      <c r="BA167" s="496"/>
      <c r="BB167" s="496"/>
      <c r="BC167" s="496"/>
      <c r="BD167" s="496"/>
      <c r="BE167" s="496"/>
      <c r="BF167" s="80">
        <f t="shared" si="26"/>
        <v>100</v>
      </c>
      <c r="BG167" s="76">
        <f t="shared" si="25"/>
        <v>508.53</v>
      </c>
      <c r="BH167" s="487" t="str">
        <f t="shared" si="24"/>
        <v/>
      </c>
      <c r="BI167" s="487" t="str">
        <f t="shared" si="24"/>
        <v/>
      </c>
      <c r="BJ167" s="487" t="str">
        <f t="shared" si="24"/>
        <v/>
      </c>
      <c r="BK167" s="487" t="str">
        <f t="shared" si="24"/>
        <v/>
      </c>
      <c r="BL167" s="487" t="str">
        <f t="shared" si="24"/>
        <v/>
      </c>
      <c r="BM167" s="487" t="str">
        <f t="shared" si="24"/>
        <v/>
      </c>
      <c r="BN167" s="487">
        <f t="shared" si="24"/>
        <v>50853</v>
      </c>
      <c r="BO167" s="487" t="str">
        <f t="shared" si="24"/>
        <v/>
      </c>
      <c r="BP167" s="487" t="str">
        <f t="shared" si="24"/>
        <v/>
      </c>
      <c r="BQ167" s="487" t="str">
        <f t="shared" si="32"/>
        <v/>
      </c>
      <c r="BR167" s="487" t="str">
        <f t="shared" si="32"/>
        <v/>
      </c>
      <c r="BS167" s="487" t="str">
        <f t="shared" si="32"/>
        <v/>
      </c>
      <c r="BT167" s="487" t="str">
        <f t="shared" si="32"/>
        <v/>
      </c>
      <c r="BU167" s="487" t="str">
        <f t="shared" si="32"/>
        <v/>
      </c>
      <c r="BV167" s="487" t="str">
        <f t="shared" si="32"/>
        <v/>
      </c>
      <c r="BW167" s="487" t="str">
        <f t="shared" si="32"/>
        <v/>
      </c>
      <c r="BX167" s="487" t="str">
        <f t="shared" si="32"/>
        <v/>
      </c>
      <c r="BY167" s="487" t="str">
        <f t="shared" si="32"/>
        <v/>
      </c>
      <c r="BZ167" s="487" t="str">
        <f t="shared" si="32"/>
        <v/>
      </c>
      <c r="CA167" s="487" t="str">
        <f t="shared" si="32"/>
        <v/>
      </c>
      <c r="CB167" s="487" t="str">
        <f t="shared" si="32"/>
        <v/>
      </c>
      <c r="CC167" s="487" t="str">
        <f t="shared" si="31"/>
        <v/>
      </c>
      <c r="CD167" s="487" t="str">
        <f t="shared" si="31"/>
        <v/>
      </c>
      <c r="CE167" s="487" t="str">
        <f t="shared" si="31"/>
        <v/>
      </c>
      <c r="CF167" s="487" t="str">
        <f t="shared" si="31"/>
        <v/>
      </c>
      <c r="CG167" s="487" t="str">
        <f t="shared" si="30"/>
        <v/>
      </c>
      <c r="CH167" s="487" t="str">
        <f t="shared" si="27"/>
        <v/>
      </c>
      <c r="CI167" s="487" t="str">
        <f t="shared" si="27"/>
        <v/>
      </c>
      <c r="CJ167" s="487" t="str">
        <f t="shared" si="27"/>
        <v/>
      </c>
      <c r="CK167" s="487" t="str">
        <f t="shared" si="27"/>
        <v/>
      </c>
      <c r="CL167" s="487" t="str">
        <f t="shared" si="27"/>
        <v/>
      </c>
      <c r="CM167" s="487"/>
      <c r="CN167" s="487"/>
      <c r="CO167" s="487"/>
      <c r="CP167" s="487"/>
      <c r="CQ167" s="487"/>
      <c r="CR167" s="487"/>
      <c r="CS167" s="487"/>
      <c r="CT167" s="487"/>
      <c r="CU167" s="487"/>
      <c r="CV167" s="487"/>
      <c r="CW167" s="487"/>
      <c r="CX167" s="487"/>
      <c r="CY167" s="487"/>
      <c r="CZ167" s="487"/>
      <c r="DA167" s="487"/>
      <c r="DB167" s="487"/>
      <c r="DC167" s="487"/>
      <c r="DD167" s="487"/>
      <c r="DE167" s="487"/>
      <c r="DF167" s="487"/>
      <c r="DG167" s="487"/>
      <c r="DH167" s="487"/>
      <c r="DI167" s="484"/>
      <c r="DJ167" s="484"/>
      <c r="DK167" s="484"/>
    </row>
    <row r="168" spans="1:115" s="354" customFormat="1" ht="56.1" hidden="1" customHeight="1" x14ac:dyDescent="0.2">
      <c r="A168" s="494"/>
      <c r="B168" s="494"/>
      <c r="C168" s="481">
        <v>280</v>
      </c>
      <c r="D168" s="481"/>
      <c r="E168" s="481" t="s">
        <v>2481</v>
      </c>
      <c r="F168" s="482" t="s">
        <v>53</v>
      </c>
      <c r="G168" s="482" t="s">
        <v>329</v>
      </c>
      <c r="H168" s="484" t="s">
        <v>500</v>
      </c>
      <c r="I168" s="484" t="s">
        <v>501</v>
      </c>
      <c r="J168" s="495" t="s">
        <v>502</v>
      </c>
      <c r="K168" s="495"/>
      <c r="L168" s="484" t="s">
        <v>58</v>
      </c>
      <c r="M168" s="484" t="s">
        <v>324</v>
      </c>
      <c r="N168" s="484"/>
      <c r="O168" s="484" t="s">
        <v>81</v>
      </c>
      <c r="P168" s="484" t="s">
        <v>334</v>
      </c>
      <c r="Q168" s="484"/>
      <c r="R168" s="484" t="s">
        <v>382</v>
      </c>
      <c r="S168" s="484" t="s">
        <v>63</v>
      </c>
      <c r="T168" s="484" t="s">
        <v>63</v>
      </c>
      <c r="U168" s="485">
        <v>198325</v>
      </c>
      <c r="V168" s="485"/>
      <c r="W168" s="484" t="s">
        <v>226</v>
      </c>
      <c r="X168" s="484"/>
      <c r="Y168" s="485">
        <f t="shared" si="29"/>
        <v>198325</v>
      </c>
      <c r="Z168" s="484" t="s">
        <v>82</v>
      </c>
      <c r="AA168" s="496"/>
      <c r="AB168" s="496"/>
      <c r="AC168" s="496"/>
      <c r="AD168" s="496"/>
      <c r="AE168" s="496"/>
      <c r="AF168" s="496"/>
      <c r="AG168" s="496"/>
      <c r="AH168" s="487" t="s">
        <v>66</v>
      </c>
      <c r="AI168" s="496"/>
      <c r="AJ168" s="496"/>
      <c r="AK168" s="496"/>
      <c r="AL168" s="496"/>
      <c r="AM168" s="496"/>
      <c r="AN168" s="496"/>
      <c r="AO168" s="496"/>
      <c r="AP168" s="496"/>
      <c r="AQ168" s="496"/>
      <c r="AR168" s="496"/>
      <c r="AS168" s="496"/>
      <c r="AT168" s="496"/>
      <c r="AU168" s="496"/>
      <c r="AV168" s="496"/>
      <c r="AW168" s="496"/>
      <c r="AX168" s="496"/>
      <c r="AY168" s="496"/>
      <c r="AZ168" s="496"/>
      <c r="BA168" s="496"/>
      <c r="BB168" s="496"/>
      <c r="BC168" s="496"/>
      <c r="BD168" s="496"/>
      <c r="BE168" s="496"/>
      <c r="BF168" s="80">
        <f t="shared" si="26"/>
        <v>390</v>
      </c>
      <c r="BG168" s="76">
        <f t="shared" si="25"/>
        <v>508.52564102564105</v>
      </c>
      <c r="BH168" s="487" t="str">
        <f t="shared" si="24"/>
        <v/>
      </c>
      <c r="BI168" s="487" t="str">
        <f t="shared" si="24"/>
        <v/>
      </c>
      <c r="BJ168" s="487" t="str">
        <f t="shared" si="24"/>
        <v/>
      </c>
      <c r="BK168" s="487" t="str">
        <f t="shared" si="24"/>
        <v/>
      </c>
      <c r="BL168" s="487" t="str">
        <f t="shared" si="24"/>
        <v/>
      </c>
      <c r="BM168" s="487" t="str">
        <f t="shared" si="24"/>
        <v/>
      </c>
      <c r="BN168" s="487" t="str">
        <f t="shared" si="24"/>
        <v/>
      </c>
      <c r="BO168" s="487">
        <f t="shared" si="24"/>
        <v>198325</v>
      </c>
      <c r="BP168" s="487" t="str">
        <f t="shared" si="24"/>
        <v/>
      </c>
      <c r="BQ168" s="487" t="str">
        <f t="shared" si="32"/>
        <v/>
      </c>
      <c r="BR168" s="487" t="str">
        <f t="shared" si="32"/>
        <v/>
      </c>
      <c r="BS168" s="487" t="str">
        <f t="shared" si="32"/>
        <v/>
      </c>
      <c r="BT168" s="487" t="str">
        <f t="shared" si="32"/>
        <v/>
      </c>
      <c r="BU168" s="487" t="str">
        <f t="shared" si="32"/>
        <v/>
      </c>
      <c r="BV168" s="487" t="str">
        <f t="shared" si="32"/>
        <v/>
      </c>
      <c r="BW168" s="487" t="str">
        <f t="shared" si="32"/>
        <v/>
      </c>
      <c r="BX168" s="487" t="str">
        <f t="shared" si="32"/>
        <v/>
      </c>
      <c r="BY168" s="487" t="str">
        <f t="shared" si="32"/>
        <v/>
      </c>
      <c r="BZ168" s="487" t="str">
        <f t="shared" si="32"/>
        <v/>
      </c>
      <c r="CA168" s="487" t="str">
        <f t="shared" si="32"/>
        <v/>
      </c>
      <c r="CB168" s="487" t="str">
        <f t="shared" si="32"/>
        <v/>
      </c>
      <c r="CC168" s="487" t="str">
        <f t="shared" si="31"/>
        <v/>
      </c>
      <c r="CD168" s="487" t="str">
        <f t="shared" si="31"/>
        <v/>
      </c>
      <c r="CE168" s="487" t="str">
        <f t="shared" si="31"/>
        <v/>
      </c>
      <c r="CF168" s="487" t="str">
        <f t="shared" si="31"/>
        <v/>
      </c>
      <c r="CG168" s="487" t="str">
        <f t="shared" si="30"/>
        <v/>
      </c>
      <c r="CH168" s="487" t="str">
        <f t="shared" si="27"/>
        <v/>
      </c>
      <c r="CI168" s="487" t="str">
        <f t="shared" si="27"/>
        <v/>
      </c>
      <c r="CJ168" s="487" t="str">
        <f t="shared" si="27"/>
        <v/>
      </c>
      <c r="CK168" s="487" t="str">
        <f t="shared" si="27"/>
        <v/>
      </c>
      <c r="CL168" s="487" t="str">
        <f t="shared" si="27"/>
        <v/>
      </c>
      <c r="CM168" s="487"/>
      <c r="CN168" s="487"/>
      <c r="CO168" s="487"/>
      <c r="CP168" s="487"/>
      <c r="CQ168" s="487"/>
      <c r="CR168" s="487"/>
      <c r="CS168" s="487"/>
      <c r="CT168" s="487"/>
      <c r="CU168" s="487"/>
      <c r="CV168" s="487"/>
      <c r="CW168" s="487"/>
      <c r="CX168" s="487"/>
      <c r="CY168" s="487"/>
      <c r="CZ168" s="487"/>
      <c r="DA168" s="487"/>
      <c r="DB168" s="487"/>
      <c r="DC168" s="487"/>
      <c r="DD168" s="487"/>
      <c r="DE168" s="487"/>
      <c r="DF168" s="487"/>
      <c r="DG168" s="487"/>
      <c r="DH168" s="487"/>
      <c r="DI168" s="484"/>
      <c r="DJ168" s="484"/>
      <c r="DK168" s="484"/>
    </row>
    <row r="169" spans="1:115" s="354" customFormat="1" ht="56.1" hidden="1" customHeight="1" x14ac:dyDescent="0.2">
      <c r="A169" s="77" t="s">
        <v>2491</v>
      </c>
      <c r="B169" s="77" t="s">
        <v>22</v>
      </c>
      <c r="C169" s="481">
        <v>281</v>
      </c>
      <c r="D169" s="481"/>
      <c r="E169" s="481" t="s">
        <v>2481</v>
      </c>
      <c r="F169" s="482" t="s">
        <v>53</v>
      </c>
      <c r="G169" s="482" t="s">
        <v>329</v>
      </c>
      <c r="H169" s="484" t="s">
        <v>500</v>
      </c>
      <c r="I169" s="484" t="s">
        <v>501</v>
      </c>
      <c r="J169" s="495" t="s">
        <v>512</v>
      </c>
      <c r="K169" s="495"/>
      <c r="L169" s="484" t="s">
        <v>58</v>
      </c>
      <c r="M169" s="484" t="s">
        <v>22</v>
      </c>
      <c r="N169" s="484"/>
      <c r="O169" s="484" t="s">
        <v>81</v>
      </c>
      <c r="P169" s="484" t="s">
        <v>334</v>
      </c>
      <c r="Q169" s="484"/>
      <c r="R169" s="484" t="s">
        <v>187</v>
      </c>
      <c r="S169" s="484" t="s">
        <v>63</v>
      </c>
      <c r="T169" s="484" t="s">
        <v>63</v>
      </c>
      <c r="U169" s="485">
        <v>244092</v>
      </c>
      <c r="V169" s="485"/>
      <c r="W169" s="484" t="s">
        <v>226</v>
      </c>
      <c r="X169" s="484"/>
      <c r="Y169" s="485">
        <f t="shared" si="29"/>
        <v>244092</v>
      </c>
      <c r="Z169" s="484" t="s">
        <v>82</v>
      </c>
      <c r="AA169" s="496"/>
      <c r="AB169" s="496"/>
      <c r="AC169" s="496"/>
      <c r="AD169" s="496"/>
      <c r="AE169" s="496"/>
      <c r="AF169" s="487" t="s">
        <v>66</v>
      </c>
      <c r="AG169" s="496"/>
      <c r="AH169" s="496"/>
      <c r="AI169" s="496"/>
      <c r="AJ169" s="496"/>
      <c r="AK169" s="496"/>
      <c r="AL169" s="496"/>
      <c r="AM169" s="496"/>
      <c r="AN169" s="496"/>
      <c r="AO169" s="496"/>
      <c r="AP169" s="496"/>
      <c r="AQ169" s="496"/>
      <c r="AR169" s="496"/>
      <c r="AS169" s="496"/>
      <c r="AT169" s="496"/>
      <c r="AU169" s="496"/>
      <c r="AV169" s="496"/>
      <c r="AW169" s="496"/>
      <c r="AX169" s="496"/>
      <c r="AY169" s="496"/>
      <c r="AZ169" s="496"/>
      <c r="BA169" s="496"/>
      <c r="BB169" s="496"/>
      <c r="BC169" s="496"/>
      <c r="BD169" s="496"/>
      <c r="BE169" s="496"/>
      <c r="BF169" s="80">
        <f t="shared" si="26"/>
        <v>480</v>
      </c>
      <c r="BG169" s="76">
        <f t="shared" si="25"/>
        <v>508.52499999999998</v>
      </c>
      <c r="BH169" s="487" t="str">
        <f t="shared" si="24"/>
        <v/>
      </c>
      <c r="BI169" s="487" t="str">
        <f t="shared" si="24"/>
        <v/>
      </c>
      <c r="BJ169" s="487" t="str">
        <f t="shared" si="24"/>
        <v/>
      </c>
      <c r="BK169" s="487" t="str">
        <f t="shared" si="24"/>
        <v/>
      </c>
      <c r="BL169" s="487" t="str">
        <f t="shared" si="24"/>
        <v/>
      </c>
      <c r="BM169" s="487">
        <f t="shared" si="24"/>
        <v>244092</v>
      </c>
      <c r="BN169" s="487" t="str">
        <f t="shared" si="24"/>
        <v/>
      </c>
      <c r="BO169" s="487" t="str">
        <f t="shared" si="24"/>
        <v/>
      </c>
      <c r="BP169" s="487" t="str">
        <f t="shared" si="24"/>
        <v/>
      </c>
      <c r="BQ169" s="487" t="str">
        <f t="shared" si="32"/>
        <v/>
      </c>
      <c r="BR169" s="487" t="str">
        <f t="shared" si="32"/>
        <v/>
      </c>
      <c r="BS169" s="487" t="str">
        <f t="shared" si="32"/>
        <v/>
      </c>
      <c r="BT169" s="487" t="str">
        <f t="shared" si="32"/>
        <v/>
      </c>
      <c r="BU169" s="487" t="str">
        <f t="shared" si="32"/>
        <v/>
      </c>
      <c r="BV169" s="487" t="str">
        <f t="shared" si="32"/>
        <v/>
      </c>
      <c r="BW169" s="487" t="str">
        <f t="shared" si="32"/>
        <v/>
      </c>
      <c r="BX169" s="487" t="str">
        <f t="shared" si="32"/>
        <v/>
      </c>
      <c r="BY169" s="487" t="str">
        <f t="shared" si="32"/>
        <v/>
      </c>
      <c r="BZ169" s="487" t="str">
        <f t="shared" si="32"/>
        <v/>
      </c>
      <c r="CA169" s="487" t="str">
        <f t="shared" si="32"/>
        <v/>
      </c>
      <c r="CB169" s="487" t="str">
        <f t="shared" si="32"/>
        <v/>
      </c>
      <c r="CC169" s="487" t="str">
        <f t="shared" si="31"/>
        <v/>
      </c>
      <c r="CD169" s="487" t="str">
        <f t="shared" si="31"/>
        <v/>
      </c>
      <c r="CE169" s="487" t="str">
        <f t="shared" si="31"/>
        <v/>
      </c>
      <c r="CF169" s="487" t="str">
        <f t="shared" si="31"/>
        <v/>
      </c>
      <c r="CG169" s="487" t="str">
        <f t="shared" si="30"/>
        <v/>
      </c>
      <c r="CH169" s="487" t="str">
        <f t="shared" si="27"/>
        <v/>
      </c>
      <c r="CI169" s="487" t="str">
        <f t="shared" si="27"/>
        <v/>
      </c>
      <c r="CJ169" s="487" t="str">
        <f t="shared" si="27"/>
        <v/>
      </c>
      <c r="CK169" s="487" t="str">
        <f t="shared" si="27"/>
        <v/>
      </c>
      <c r="CL169" s="487" t="str">
        <f t="shared" si="27"/>
        <v/>
      </c>
      <c r="CM169" s="487"/>
      <c r="CN169" s="487"/>
      <c r="CO169" s="487"/>
      <c r="CP169" s="487"/>
      <c r="CQ169" s="487"/>
      <c r="CR169" s="487"/>
      <c r="CS169" s="487"/>
      <c r="CT169" s="487"/>
      <c r="CU169" s="487"/>
      <c r="CV169" s="487"/>
      <c r="CW169" s="487"/>
      <c r="CX169" s="487"/>
      <c r="CY169" s="487"/>
      <c r="CZ169" s="487"/>
      <c r="DA169" s="487"/>
      <c r="DB169" s="487"/>
      <c r="DC169" s="487"/>
      <c r="DD169" s="487"/>
      <c r="DE169" s="487"/>
      <c r="DF169" s="487"/>
      <c r="DG169" s="487"/>
      <c r="DH169" s="487"/>
      <c r="DI169" s="484"/>
      <c r="DJ169" s="484"/>
      <c r="DK169" s="484"/>
    </row>
    <row r="170" spans="1:115" s="354" customFormat="1" ht="56.1" hidden="1" customHeight="1" x14ac:dyDescent="0.2">
      <c r="A170" s="494"/>
      <c r="B170" s="494"/>
      <c r="C170" s="481">
        <v>282</v>
      </c>
      <c r="D170" s="481"/>
      <c r="E170" s="481" t="s">
        <v>2481</v>
      </c>
      <c r="F170" s="482" t="s">
        <v>53</v>
      </c>
      <c r="G170" s="482" t="s">
        <v>329</v>
      </c>
      <c r="H170" s="484" t="s">
        <v>500</v>
      </c>
      <c r="I170" s="484" t="s">
        <v>501</v>
      </c>
      <c r="J170" s="495" t="s">
        <v>514</v>
      </c>
      <c r="K170" s="495"/>
      <c r="L170" s="484" t="s">
        <v>58</v>
      </c>
      <c r="M170" s="484" t="s">
        <v>207</v>
      </c>
      <c r="N170" s="484"/>
      <c r="O170" s="484" t="s">
        <v>81</v>
      </c>
      <c r="P170" s="484" t="s">
        <v>334</v>
      </c>
      <c r="Q170" s="484"/>
      <c r="R170" s="484" t="s">
        <v>208</v>
      </c>
      <c r="S170" s="484" t="s">
        <v>63</v>
      </c>
      <c r="T170" s="484" t="s">
        <v>63</v>
      </c>
      <c r="U170" s="485">
        <f>'[2]Hemel Hempstead'!$Z$12</f>
        <v>254263</v>
      </c>
      <c r="V170" s="485"/>
      <c r="W170" s="484" t="s">
        <v>226</v>
      </c>
      <c r="X170" s="484"/>
      <c r="Y170" s="485">
        <f t="shared" si="29"/>
        <v>254263</v>
      </c>
      <c r="Z170" s="484" t="s">
        <v>82</v>
      </c>
      <c r="AA170" s="496"/>
      <c r="AB170" s="496"/>
      <c r="AC170" s="496"/>
      <c r="AD170" s="496"/>
      <c r="AE170" s="496"/>
      <c r="AF170" s="487"/>
      <c r="AG170" s="496"/>
      <c r="AH170" s="496"/>
      <c r="AI170" s="496" t="s">
        <v>66</v>
      </c>
      <c r="AJ170" s="496"/>
      <c r="AK170" s="496"/>
      <c r="AL170" s="496"/>
      <c r="AM170" s="496"/>
      <c r="AN170" s="496"/>
      <c r="AO170" s="496"/>
      <c r="AP170" s="496"/>
      <c r="AQ170" s="496"/>
      <c r="AR170" s="496"/>
      <c r="AS170" s="496"/>
      <c r="AT170" s="496"/>
      <c r="AU170" s="496"/>
      <c r="AV170" s="496"/>
      <c r="AW170" s="496"/>
      <c r="AX170" s="496"/>
      <c r="AY170" s="496"/>
      <c r="AZ170" s="496"/>
      <c r="BA170" s="496"/>
      <c r="BB170" s="496"/>
      <c r="BC170" s="496"/>
      <c r="BD170" s="496"/>
      <c r="BE170" s="496"/>
      <c r="BF170" s="80">
        <f t="shared" si="26"/>
        <v>500</v>
      </c>
      <c r="BG170" s="76">
        <f t="shared" si="25"/>
        <v>508.52600000000001</v>
      </c>
      <c r="BH170" s="487" t="str">
        <f t="shared" si="24"/>
        <v/>
      </c>
      <c r="BI170" s="487" t="str">
        <f t="shared" si="24"/>
        <v/>
      </c>
      <c r="BJ170" s="487" t="str">
        <f t="shared" si="24"/>
        <v/>
      </c>
      <c r="BK170" s="487" t="str">
        <f t="shared" si="24"/>
        <v/>
      </c>
      <c r="BL170" s="487" t="str">
        <f t="shared" si="24"/>
        <v/>
      </c>
      <c r="BM170" s="487" t="str">
        <f t="shared" si="24"/>
        <v/>
      </c>
      <c r="BN170" s="487" t="str">
        <f t="shared" si="24"/>
        <v/>
      </c>
      <c r="BO170" s="487" t="str">
        <f t="shared" si="24"/>
        <v/>
      </c>
      <c r="BP170" s="487">
        <f t="shared" si="24"/>
        <v>254263</v>
      </c>
      <c r="BQ170" s="487" t="str">
        <f t="shared" si="32"/>
        <v/>
      </c>
      <c r="BR170" s="487" t="str">
        <f t="shared" si="32"/>
        <v/>
      </c>
      <c r="BS170" s="487" t="str">
        <f t="shared" si="32"/>
        <v/>
      </c>
      <c r="BT170" s="487" t="str">
        <f t="shared" si="32"/>
        <v/>
      </c>
      <c r="BU170" s="487" t="str">
        <f t="shared" si="32"/>
        <v/>
      </c>
      <c r="BV170" s="487" t="str">
        <f t="shared" si="32"/>
        <v/>
      </c>
      <c r="BW170" s="487" t="str">
        <f t="shared" si="32"/>
        <v/>
      </c>
      <c r="BX170" s="487" t="str">
        <f t="shared" si="32"/>
        <v/>
      </c>
      <c r="BY170" s="487" t="str">
        <f t="shared" si="32"/>
        <v/>
      </c>
      <c r="BZ170" s="487" t="str">
        <f t="shared" si="32"/>
        <v/>
      </c>
      <c r="CA170" s="487" t="str">
        <f t="shared" si="32"/>
        <v/>
      </c>
      <c r="CB170" s="487" t="str">
        <f t="shared" si="32"/>
        <v/>
      </c>
      <c r="CC170" s="487" t="str">
        <f t="shared" si="31"/>
        <v/>
      </c>
      <c r="CD170" s="487" t="str">
        <f t="shared" si="31"/>
        <v/>
      </c>
      <c r="CE170" s="487" t="str">
        <f t="shared" si="31"/>
        <v/>
      </c>
      <c r="CF170" s="487" t="str">
        <f t="shared" si="31"/>
        <v/>
      </c>
      <c r="CG170" s="487" t="str">
        <f t="shared" si="30"/>
        <v/>
      </c>
      <c r="CH170" s="487" t="str">
        <f t="shared" si="27"/>
        <v/>
      </c>
      <c r="CI170" s="487" t="str">
        <f t="shared" si="27"/>
        <v/>
      </c>
      <c r="CJ170" s="487" t="str">
        <f t="shared" si="27"/>
        <v/>
      </c>
      <c r="CK170" s="487" t="str">
        <f t="shared" si="27"/>
        <v/>
      </c>
      <c r="CL170" s="487" t="str">
        <f t="shared" si="27"/>
        <v/>
      </c>
      <c r="CM170" s="487"/>
      <c r="CN170" s="487"/>
      <c r="CO170" s="487"/>
      <c r="CP170" s="487"/>
      <c r="CQ170" s="487"/>
      <c r="CR170" s="487"/>
      <c r="CS170" s="487"/>
      <c r="CT170" s="487"/>
      <c r="CU170" s="487"/>
      <c r="CV170" s="487"/>
      <c r="CW170" s="487"/>
      <c r="CX170" s="487"/>
      <c r="CY170" s="487"/>
      <c r="CZ170" s="487"/>
      <c r="DA170" s="487"/>
      <c r="DB170" s="487"/>
      <c r="DC170" s="487"/>
      <c r="DD170" s="487"/>
      <c r="DE170" s="487"/>
      <c r="DF170" s="487"/>
      <c r="DG170" s="487"/>
      <c r="DH170" s="487"/>
      <c r="DI170" s="484"/>
      <c r="DJ170" s="484"/>
      <c r="DK170" s="484"/>
    </row>
    <row r="171" spans="1:115" s="354" customFormat="1" ht="56.1" hidden="1" customHeight="1" x14ac:dyDescent="0.2">
      <c r="A171" s="77" t="s">
        <v>2492</v>
      </c>
      <c r="B171" s="77" t="s">
        <v>2493</v>
      </c>
      <c r="C171" s="481">
        <v>283</v>
      </c>
      <c r="D171" s="481"/>
      <c r="E171" s="481" t="s">
        <v>2481</v>
      </c>
      <c r="F171" s="482" t="s">
        <v>53</v>
      </c>
      <c r="G171" s="482" t="s">
        <v>329</v>
      </c>
      <c r="H171" s="484" t="s">
        <v>500</v>
      </c>
      <c r="I171" s="484" t="s">
        <v>501</v>
      </c>
      <c r="J171" s="495" t="s">
        <v>503</v>
      </c>
      <c r="K171" s="495"/>
      <c r="L171" s="484" t="s">
        <v>58</v>
      </c>
      <c r="M171" s="484" t="s">
        <v>2493</v>
      </c>
      <c r="N171" s="484"/>
      <c r="O171" s="484" t="s">
        <v>81</v>
      </c>
      <c r="P171" s="484" t="s">
        <v>334</v>
      </c>
      <c r="Q171" s="484"/>
      <c r="R171" s="484" t="s">
        <v>71</v>
      </c>
      <c r="S171" s="484" t="s">
        <v>63</v>
      </c>
      <c r="T171" s="484" t="s">
        <v>63</v>
      </c>
      <c r="U171" s="485">
        <f>'[2]Hemel Hempstead'!$AX$12</f>
        <v>119080</v>
      </c>
      <c r="V171" s="485"/>
      <c r="W171" s="484" t="s">
        <v>226</v>
      </c>
      <c r="X171" s="484"/>
      <c r="Y171" s="485">
        <f t="shared" si="29"/>
        <v>119080</v>
      </c>
      <c r="Z171" s="484" t="s">
        <v>82</v>
      </c>
      <c r="AA171" s="496"/>
      <c r="AB171" s="496"/>
      <c r="AC171" s="496"/>
      <c r="AD171" s="496"/>
      <c r="AE171" s="496"/>
      <c r="AF171" s="487"/>
      <c r="AG171" s="496"/>
      <c r="AH171" s="496"/>
      <c r="AI171" s="496"/>
      <c r="AJ171" s="496"/>
      <c r="AK171" s="496"/>
      <c r="AL171" s="496"/>
      <c r="AM171" s="496" t="s">
        <v>66</v>
      </c>
      <c r="AN171" s="496"/>
      <c r="AO171" s="496"/>
      <c r="AP171" s="496"/>
      <c r="AQ171" s="496"/>
      <c r="AR171" s="496"/>
      <c r="AS171" s="496"/>
      <c r="AT171" s="496"/>
      <c r="AU171" s="496"/>
      <c r="AV171" s="496"/>
      <c r="AW171" s="496"/>
      <c r="AX171" s="496"/>
      <c r="AY171" s="496"/>
      <c r="AZ171" s="496"/>
      <c r="BA171" s="496"/>
      <c r="BB171" s="496"/>
      <c r="BC171" s="496"/>
      <c r="BD171" s="496"/>
      <c r="BE171" s="496"/>
      <c r="BF171" s="80">
        <f t="shared" si="26"/>
        <v>234</v>
      </c>
      <c r="BG171" s="76">
        <f t="shared" si="25"/>
        <v>508.88888888888891</v>
      </c>
      <c r="BH171" s="487" t="str">
        <f t="shared" si="24"/>
        <v/>
      </c>
      <c r="BI171" s="487" t="str">
        <f t="shared" si="24"/>
        <v/>
      </c>
      <c r="BJ171" s="487" t="str">
        <f t="shared" si="24"/>
        <v/>
      </c>
      <c r="BK171" s="487" t="str">
        <f t="shared" si="24"/>
        <v/>
      </c>
      <c r="BL171" s="487" t="str">
        <f t="shared" si="24"/>
        <v/>
      </c>
      <c r="BM171" s="487" t="str">
        <f t="shared" si="24"/>
        <v/>
      </c>
      <c r="BN171" s="487" t="str">
        <f t="shared" ref="BN171:BV214" si="33">IF(AG171="yes",(AG$2*$BG171),"")</f>
        <v/>
      </c>
      <c r="BO171" s="487" t="str">
        <f t="shared" si="33"/>
        <v/>
      </c>
      <c r="BP171" s="487" t="str">
        <f t="shared" si="33"/>
        <v/>
      </c>
      <c r="BQ171" s="487" t="str">
        <f t="shared" si="32"/>
        <v/>
      </c>
      <c r="BR171" s="487" t="str">
        <f t="shared" si="32"/>
        <v/>
      </c>
      <c r="BS171" s="487" t="str">
        <f t="shared" si="32"/>
        <v/>
      </c>
      <c r="BT171" s="487">
        <f t="shared" si="32"/>
        <v>119080</v>
      </c>
      <c r="BU171" s="487" t="str">
        <f t="shared" si="32"/>
        <v/>
      </c>
      <c r="BV171" s="487" t="str">
        <f t="shared" si="32"/>
        <v/>
      </c>
      <c r="BW171" s="487" t="str">
        <f t="shared" si="32"/>
        <v/>
      </c>
      <c r="BX171" s="487" t="str">
        <f t="shared" si="32"/>
        <v/>
      </c>
      <c r="BY171" s="487" t="str">
        <f t="shared" si="32"/>
        <v/>
      </c>
      <c r="BZ171" s="487" t="str">
        <f t="shared" si="32"/>
        <v/>
      </c>
      <c r="CA171" s="487" t="str">
        <f t="shared" si="32"/>
        <v/>
      </c>
      <c r="CB171" s="487" t="str">
        <f t="shared" si="32"/>
        <v/>
      </c>
      <c r="CC171" s="487" t="str">
        <f t="shared" si="31"/>
        <v/>
      </c>
      <c r="CD171" s="487" t="str">
        <f t="shared" si="31"/>
        <v/>
      </c>
      <c r="CE171" s="487" t="str">
        <f t="shared" si="31"/>
        <v/>
      </c>
      <c r="CF171" s="487" t="str">
        <f t="shared" si="31"/>
        <v/>
      </c>
      <c r="CG171" s="487" t="str">
        <f t="shared" si="30"/>
        <v/>
      </c>
      <c r="CH171" s="487" t="str">
        <f t="shared" si="27"/>
        <v/>
      </c>
      <c r="CI171" s="487" t="str">
        <f t="shared" si="27"/>
        <v/>
      </c>
      <c r="CJ171" s="487" t="str">
        <f t="shared" si="27"/>
        <v/>
      </c>
      <c r="CK171" s="487" t="str">
        <f t="shared" si="27"/>
        <v/>
      </c>
      <c r="CL171" s="487" t="str">
        <f t="shared" si="27"/>
        <v/>
      </c>
      <c r="CM171" s="487"/>
      <c r="CN171" s="487"/>
      <c r="CO171" s="487"/>
      <c r="CP171" s="487"/>
      <c r="CQ171" s="487"/>
      <c r="CR171" s="487"/>
      <c r="CS171" s="487"/>
      <c r="CT171" s="487"/>
      <c r="CU171" s="487"/>
      <c r="CV171" s="487"/>
      <c r="CW171" s="487"/>
      <c r="CX171" s="487"/>
      <c r="CY171" s="487"/>
      <c r="CZ171" s="487"/>
      <c r="DA171" s="487"/>
      <c r="DB171" s="487"/>
      <c r="DC171" s="487"/>
      <c r="DD171" s="487"/>
      <c r="DE171" s="487"/>
      <c r="DF171" s="487"/>
      <c r="DG171" s="487"/>
      <c r="DH171" s="487"/>
      <c r="DI171" s="484"/>
      <c r="DJ171" s="484"/>
      <c r="DK171" s="484"/>
    </row>
    <row r="172" spans="1:115" s="354" customFormat="1" ht="56.1" hidden="1" customHeight="1" x14ac:dyDescent="0.2">
      <c r="A172" s="494"/>
      <c r="B172" s="494"/>
      <c r="C172" s="481">
        <v>284</v>
      </c>
      <c r="D172" s="481"/>
      <c r="E172" s="481" t="s">
        <v>2481</v>
      </c>
      <c r="F172" s="482" t="s">
        <v>53</v>
      </c>
      <c r="G172" s="482" t="s">
        <v>329</v>
      </c>
      <c r="H172" s="484" t="s">
        <v>500</v>
      </c>
      <c r="I172" s="484" t="s">
        <v>501</v>
      </c>
      <c r="J172" s="495" t="s">
        <v>514</v>
      </c>
      <c r="K172" s="495"/>
      <c r="L172" s="484" t="s">
        <v>58</v>
      </c>
      <c r="M172" s="484" t="s">
        <v>26</v>
      </c>
      <c r="N172" s="484"/>
      <c r="O172" s="484" t="s">
        <v>60</v>
      </c>
      <c r="P172" s="484" t="s">
        <v>334</v>
      </c>
      <c r="Q172" s="484"/>
      <c r="R172" s="484" t="s">
        <v>159</v>
      </c>
      <c r="S172" s="484" t="s">
        <v>63</v>
      </c>
      <c r="T172" s="484" t="s">
        <v>63</v>
      </c>
      <c r="U172" s="485">
        <f>'[2]Hemel Hempstead'!$AI$12</f>
        <v>254263</v>
      </c>
      <c r="V172" s="485"/>
      <c r="W172" s="484" t="s">
        <v>226</v>
      </c>
      <c r="X172" s="484"/>
      <c r="Y172" s="485">
        <f t="shared" si="29"/>
        <v>254263</v>
      </c>
      <c r="Z172" s="484" t="s">
        <v>82</v>
      </c>
      <c r="AA172" s="496"/>
      <c r="AB172" s="496"/>
      <c r="AC172" s="496"/>
      <c r="AD172" s="496"/>
      <c r="AE172" s="496"/>
      <c r="AF172" s="487"/>
      <c r="AG172" s="496"/>
      <c r="AH172" s="496"/>
      <c r="AI172" s="496"/>
      <c r="AJ172" s="496" t="s">
        <v>66</v>
      </c>
      <c r="AK172" s="496"/>
      <c r="AL172" s="496"/>
      <c r="AM172" s="496"/>
      <c r="AN172" s="496"/>
      <c r="AO172" s="496"/>
      <c r="AP172" s="496"/>
      <c r="AQ172" s="496"/>
      <c r="AR172" s="496"/>
      <c r="AS172" s="496"/>
      <c r="AT172" s="496"/>
      <c r="AU172" s="496"/>
      <c r="AV172" s="496"/>
      <c r="AW172" s="496"/>
      <c r="AX172" s="496"/>
      <c r="AY172" s="496"/>
      <c r="AZ172" s="496"/>
      <c r="BA172" s="496"/>
      <c r="BB172" s="496"/>
      <c r="BC172" s="496"/>
      <c r="BD172" s="496"/>
      <c r="BE172" s="496"/>
      <c r="BF172" s="80">
        <f t="shared" si="26"/>
        <v>500</v>
      </c>
      <c r="BG172" s="76">
        <f t="shared" si="25"/>
        <v>508.52600000000001</v>
      </c>
      <c r="BH172" s="487" t="str">
        <f t="shared" ref="BH172:BM214" si="34">IF(AA172="yes",(AA$2*$BG172),"")</f>
        <v/>
      </c>
      <c r="BI172" s="487" t="str">
        <f t="shared" si="34"/>
        <v/>
      </c>
      <c r="BJ172" s="487" t="str">
        <f t="shared" si="34"/>
        <v/>
      </c>
      <c r="BK172" s="487" t="str">
        <f t="shared" si="34"/>
        <v/>
      </c>
      <c r="BL172" s="487" t="str">
        <f t="shared" si="34"/>
        <v/>
      </c>
      <c r="BM172" s="487" t="str">
        <f t="shared" si="34"/>
        <v/>
      </c>
      <c r="BN172" s="487" t="str">
        <f t="shared" si="33"/>
        <v/>
      </c>
      <c r="BO172" s="487" t="str">
        <f t="shared" si="33"/>
        <v/>
      </c>
      <c r="BP172" s="487" t="str">
        <f t="shared" si="33"/>
        <v/>
      </c>
      <c r="BQ172" s="487">
        <f t="shared" si="32"/>
        <v>254263</v>
      </c>
      <c r="BR172" s="487" t="str">
        <f t="shared" si="32"/>
        <v/>
      </c>
      <c r="BS172" s="487" t="str">
        <f t="shared" si="32"/>
        <v/>
      </c>
      <c r="BT172" s="487" t="str">
        <f t="shared" si="32"/>
        <v/>
      </c>
      <c r="BU172" s="487" t="str">
        <f t="shared" si="32"/>
        <v/>
      </c>
      <c r="BV172" s="487" t="str">
        <f t="shared" si="32"/>
        <v/>
      </c>
      <c r="BW172" s="487" t="str">
        <f t="shared" si="32"/>
        <v/>
      </c>
      <c r="BX172" s="487" t="str">
        <f t="shared" si="32"/>
        <v/>
      </c>
      <c r="BY172" s="487" t="str">
        <f t="shared" si="32"/>
        <v/>
      </c>
      <c r="BZ172" s="487" t="str">
        <f t="shared" si="32"/>
        <v/>
      </c>
      <c r="CA172" s="487" t="str">
        <f t="shared" si="32"/>
        <v/>
      </c>
      <c r="CB172" s="487" t="str">
        <f t="shared" si="32"/>
        <v/>
      </c>
      <c r="CC172" s="487" t="str">
        <f t="shared" si="31"/>
        <v/>
      </c>
      <c r="CD172" s="487" t="str">
        <f t="shared" si="31"/>
        <v/>
      </c>
      <c r="CE172" s="487" t="str">
        <f t="shared" si="31"/>
        <v/>
      </c>
      <c r="CF172" s="487" t="str">
        <f t="shared" si="31"/>
        <v/>
      </c>
      <c r="CG172" s="487" t="str">
        <f t="shared" si="30"/>
        <v/>
      </c>
      <c r="CH172" s="487" t="str">
        <f t="shared" si="27"/>
        <v/>
      </c>
      <c r="CI172" s="487" t="str">
        <f t="shared" si="27"/>
        <v/>
      </c>
      <c r="CJ172" s="487" t="str">
        <f t="shared" si="27"/>
        <v/>
      </c>
      <c r="CK172" s="487" t="str">
        <f t="shared" si="27"/>
        <v/>
      </c>
      <c r="CL172" s="487" t="str">
        <f t="shared" si="27"/>
        <v/>
      </c>
      <c r="CM172" s="487"/>
      <c r="CN172" s="487"/>
      <c r="CO172" s="487"/>
      <c r="CP172" s="487"/>
      <c r="CQ172" s="487"/>
      <c r="CR172" s="487"/>
      <c r="CS172" s="487"/>
      <c r="CT172" s="487"/>
      <c r="CU172" s="487"/>
      <c r="CV172" s="487"/>
      <c r="CW172" s="487"/>
      <c r="CX172" s="487"/>
      <c r="CY172" s="487"/>
      <c r="CZ172" s="487"/>
      <c r="DA172" s="487"/>
      <c r="DB172" s="487"/>
      <c r="DC172" s="487"/>
      <c r="DD172" s="487"/>
      <c r="DE172" s="487"/>
      <c r="DF172" s="487"/>
      <c r="DG172" s="487"/>
      <c r="DH172" s="487"/>
      <c r="DI172" s="484"/>
      <c r="DJ172" s="484"/>
      <c r="DK172" s="484"/>
    </row>
    <row r="173" spans="1:115" s="354" customFormat="1" ht="56.1" hidden="1" customHeight="1" x14ac:dyDescent="0.2">
      <c r="A173" s="494"/>
      <c r="B173" s="494"/>
      <c r="C173" s="481">
        <v>285</v>
      </c>
      <c r="D173" s="481"/>
      <c r="E173" s="481" t="s">
        <v>2481</v>
      </c>
      <c r="F173" s="482" t="s">
        <v>53</v>
      </c>
      <c r="G173" s="482" t="s">
        <v>329</v>
      </c>
      <c r="H173" s="484" t="s">
        <v>500</v>
      </c>
      <c r="I173" s="484" t="s">
        <v>501</v>
      </c>
      <c r="J173" s="495" t="s">
        <v>506</v>
      </c>
      <c r="K173" s="495"/>
      <c r="L173" s="484" t="s">
        <v>58</v>
      </c>
      <c r="M173" s="484" t="s">
        <v>27</v>
      </c>
      <c r="N173" s="484"/>
      <c r="O173" s="484" t="s">
        <v>60</v>
      </c>
      <c r="P173" s="484" t="s">
        <v>334</v>
      </c>
      <c r="Q173" s="484"/>
      <c r="R173" s="484" t="s">
        <v>390</v>
      </c>
      <c r="S173" s="484" t="s">
        <v>63</v>
      </c>
      <c r="T173" s="484" t="s">
        <v>63</v>
      </c>
      <c r="U173" s="485">
        <f>'[2]Hemel Hempstead'!$AF$12</f>
        <v>381394</v>
      </c>
      <c r="V173" s="485"/>
      <c r="W173" s="484" t="s">
        <v>226</v>
      </c>
      <c r="X173" s="484"/>
      <c r="Y173" s="485">
        <f t="shared" si="29"/>
        <v>381394</v>
      </c>
      <c r="Z173" s="484" t="s">
        <v>82</v>
      </c>
      <c r="AA173" s="496"/>
      <c r="AB173" s="496"/>
      <c r="AC173" s="496"/>
      <c r="AD173" s="496"/>
      <c r="AE173" s="496"/>
      <c r="AF173" s="487"/>
      <c r="AG173" s="496"/>
      <c r="AH173" s="496"/>
      <c r="AI173" s="496"/>
      <c r="AJ173" s="496"/>
      <c r="AK173" s="496" t="s">
        <v>66</v>
      </c>
      <c r="AL173" s="496"/>
      <c r="AM173" s="496"/>
      <c r="AN173" s="496"/>
      <c r="AO173" s="496"/>
      <c r="AP173" s="496"/>
      <c r="AQ173" s="496"/>
      <c r="AR173" s="496"/>
      <c r="AS173" s="496"/>
      <c r="AT173" s="496"/>
      <c r="AU173" s="496"/>
      <c r="AV173" s="496"/>
      <c r="AW173" s="496"/>
      <c r="AX173" s="496"/>
      <c r="AY173" s="496"/>
      <c r="AZ173" s="496"/>
      <c r="BA173" s="496"/>
      <c r="BB173" s="496"/>
      <c r="BC173" s="496"/>
      <c r="BD173" s="496"/>
      <c r="BE173" s="496"/>
      <c r="BF173" s="80">
        <f t="shared" si="26"/>
        <v>750</v>
      </c>
      <c r="BG173" s="76">
        <f t="shared" si="25"/>
        <v>508.52533333333332</v>
      </c>
      <c r="BH173" s="487" t="str">
        <f t="shared" si="34"/>
        <v/>
      </c>
      <c r="BI173" s="487" t="str">
        <f t="shared" si="34"/>
        <v/>
      </c>
      <c r="BJ173" s="487" t="str">
        <f t="shared" si="34"/>
        <v/>
      </c>
      <c r="BK173" s="487" t="str">
        <f t="shared" si="34"/>
        <v/>
      </c>
      <c r="BL173" s="487" t="str">
        <f t="shared" si="34"/>
        <v/>
      </c>
      <c r="BM173" s="487" t="str">
        <f t="shared" si="34"/>
        <v/>
      </c>
      <c r="BN173" s="487" t="str">
        <f t="shared" si="33"/>
        <v/>
      </c>
      <c r="BO173" s="487" t="str">
        <f t="shared" si="33"/>
        <v/>
      </c>
      <c r="BP173" s="487" t="str">
        <f t="shared" si="33"/>
        <v/>
      </c>
      <c r="BQ173" s="487" t="str">
        <f t="shared" si="32"/>
        <v/>
      </c>
      <c r="BR173" s="487">
        <f t="shared" si="32"/>
        <v>381394</v>
      </c>
      <c r="BS173" s="487" t="str">
        <f t="shared" si="32"/>
        <v/>
      </c>
      <c r="BT173" s="487" t="str">
        <f t="shared" si="32"/>
        <v/>
      </c>
      <c r="BU173" s="487" t="str">
        <f t="shared" si="32"/>
        <v/>
      </c>
      <c r="BV173" s="487" t="str">
        <f t="shared" si="32"/>
        <v/>
      </c>
      <c r="BW173" s="487" t="str">
        <f t="shared" si="32"/>
        <v/>
      </c>
      <c r="BX173" s="487" t="str">
        <f t="shared" si="32"/>
        <v/>
      </c>
      <c r="BY173" s="487" t="str">
        <f t="shared" si="32"/>
        <v/>
      </c>
      <c r="BZ173" s="487" t="str">
        <f t="shared" si="32"/>
        <v/>
      </c>
      <c r="CA173" s="487" t="str">
        <f t="shared" si="32"/>
        <v/>
      </c>
      <c r="CB173" s="487" t="str">
        <f t="shared" si="32"/>
        <v/>
      </c>
      <c r="CC173" s="487" t="str">
        <f t="shared" si="31"/>
        <v/>
      </c>
      <c r="CD173" s="487" t="str">
        <f t="shared" si="31"/>
        <v/>
      </c>
      <c r="CE173" s="487" t="str">
        <f t="shared" si="31"/>
        <v/>
      </c>
      <c r="CF173" s="487" t="str">
        <f t="shared" si="31"/>
        <v/>
      </c>
      <c r="CG173" s="487" t="str">
        <f t="shared" si="30"/>
        <v/>
      </c>
      <c r="CH173" s="487" t="str">
        <f t="shared" si="27"/>
        <v/>
      </c>
      <c r="CI173" s="487" t="str">
        <f t="shared" si="27"/>
        <v/>
      </c>
      <c r="CJ173" s="487" t="str">
        <f t="shared" si="27"/>
        <v/>
      </c>
      <c r="CK173" s="487" t="str">
        <f t="shared" si="27"/>
        <v/>
      </c>
      <c r="CL173" s="487" t="str">
        <f t="shared" si="27"/>
        <v/>
      </c>
      <c r="CM173" s="487"/>
      <c r="CN173" s="487"/>
      <c r="CO173" s="487"/>
      <c r="CP173" s="487"/>
      <c r="CQ173" s="487"/>
      <c r="CR173" s="487"/>
      <c r="CS173" s="487"/>
      <c r="CT173" s="487"/>
      <c r="CU173" s="487"/>
      <c r="CV173" s="487"/>
      <c r="CW173" s="487"/>
      <c r="CX173" s="487"/>
      <c r="CY173" s="487"/>
      <c r="CZ173" s="487"/>
      <c r="DA173" s="487"/>
      <c r="DB173" s="487"/>
      <c r="DC173" s="487"/>
      <c r="DD173" s="487"/>
      <c r="DE173" s="487"/>
      <c r="DF173" s="487"/>
      <c r="DG173" s="487"/>
      <c r="DH173" s="487"/>
      <c r="DI173" s="484"/>
      <c r="DJ173" s="484"/>
      <c r="DK173" s="484"/>
    </row>
    <row r="174" spans="1:115" s="354" customFormat="1" ht="56.1" hidden="1" customHeight="1" x14ac:dyDescent="0.2">
      <c r="A174" s="494"/>
      <c r="B174" s="494"/>
      <c r="C174" s="481">
        <v>286</v>
      </c>
      <c r="D174" s="481"/>
      <c r="E174" s="481" t="s">
        <v>2481</v>
      </c>
      <c r="F174" s="482" t="s">
        <v>53</v>
      </c>
      <c r="G174" s="482" t="s">
        <v>329</v>
      </c>
      <c r="H174" s="484" t="s">
        <v>500</v>
      </c>
      <c r="I174" s="484" t="s">
        <v>501</v>
      </c>
      <c r="J174" s="495" t="s">
        <v>513</v>
      </c>
      <c r="K174" s="495"/>
      <c r="L174" s="484" t="s">
        <v>58</v>
      </c>
      <c r="M174" s="484" t="s">
        <v>127</v>
      </c>
      <c r="N174" s="484"/>
      <c r="O174" s="484" t="s">
        <v>81</v>
      </c>
      <c r="P174" s="484" t="s">
        <v>334</v>
      </c>
      <c r="Q174" s="484"/>
      <c r="R174" s="484" t="s">
        <v>187</v>
      </c>
      <c r="S174" s="484" t="s">
        <v>63</v>
      </c>
      <c r="T174" s="484" t="s">
        <v>63</v>
      </c>
      <c r="U174" s="485">
        <f>'[2]Hemel Hempstead'!$AL$12</f>
        <v>177984</v>
      </c>
      <c r="V174" s="485"/>
      <c r="W174" s="484" t="s">
        <v>226</v>
      </c>
      <c r="X174" s="484"/>
      <c r="Y174" s="485">
        <f t="shared" si="29"/>
        <v>177984</v>
      </c>
      <c r="Z174" s="484" t="s">
        <v>82</v>
      </c>
      <c r="AA174" s="496"/>
      <c r="AB174" s="496"/>
      <c r="AC174" s="496"/>
      <c r="AD174" s="496"/>
      <c r="AE174" s="496"/>
      <c r="AF174" s="487"/>
      <c r="AG174" s="496"/>
      <c r="AH174" s="496"/>
      <c r="AI174" s="496"/>
      <c r="AJ174" s="496"/>
      <c r="AK174" s="496"/>
      <c r="AL174" s="496"/>
      <c r="AM174" s="496"/>
      <c r="AN174" s="496" t="s">
        <v>66</v>
      </c>
      <c r="AO174" s="496"/>
      <c r="AP174" s="496"/>
      <c r="AQ174" s="496"/>
      <c r="AR174" s="496"/>
      <c r="AS174" s="496"/>
      <c r="AT174" s="496"/>
      <c r="AU174" s="496"/>
      <c r="AV174" s="496"/>
      <c r="AW174" s="496"/>
      <c r="AX174" s="496"/>
      <c r="AY174" s="496"/>
      <c r="AZ174" s="496"/>
      <c r="BA174" s="496"/>
      <c r="BB174" s="496"/>
      <c r="BC174" s="496"/>
      <c r="BD174" s="496"/>
      <c r="BE174" s="496"/>
      <c r="BF174" s="80">
        <f t="shared" si="26"/>
        <v>350</v>
      </c>
      <c r="BG174" s="76">
        <f t="shared" si="25"/>
        <v>508.52571428571429</v>
      </c>
      <c r="BH174" s="487" t="str">
        <f t="shared" si="34"/>
        <v/>
      </c>
      <c r="BI174" s="487" t="str">
        <f t="shared" si="34"/>
        <v/>
      </c>
      <c r="BJ174" s="487" t="str">
        <f t="shared" si="34"/>
        <v/>
      </c>
      <c r="BK174" s="487" t="str">
        <f t="shared" si="34"/>
        <v/>
      </c>
      <c r="BL174" s="487" t="str">
        <f t="shared" si="34"/>
        <v/>
      </c>
      <c r="BM174" s="487" t="str">
        <f t="shared" si="34"/>
        <v/>
      </c>
      <c r="BN174" s="487" t="str">
        <f t="shared" si="33"/>
        <v/>
      </c>
      <c r="BO174" s="487" t="str">
        <f t="shared" si="33"/>
        <v/>
      </c>
      <c r="BP174" s="487" t="str">
        <f t="shared" si="33"/>
        <v/>
      </c>
      <c r="BQ174" s="487" t="str">
        <f t="shared" si="32"/>
        <v/>
      </c>
      <c r="BR174" s="487" t="str">
        <f t="shared" si="32"/>
        <v/>
      </c>
      <c r="BS174" s="487" t="str">
        <f t="shared" si="32"/>
        <v/>
      </c>
      <c r="BT174" s="487" t="str">
        <f t="shared" si="32"/>
        <v/>
      </c>
      <c r="BU174" s="487">
        <f t="shared" si="32"/>
        <v>177984</v>
      </c>
      <c r="BV174" s="487" t="str">
        <f t="shared" si="32"/>
        <v/>
      </c>
      <c r="BW174" s="487" t="str">
        <f t="shared" si="32"/>
        <v/>
      </c>
      <c r="BX174" s="487" t="str">
        <f t="shared" si="32"/>
        <v/>
      </c>
      <c r="BY174" s="487" t="str">
        <f t="shared" si="32"/>
        <v/>
      </c>
      <c r="BZ174" s="487" t="str">
        <f t="shared" si="32"/>
        <v/>
      </c>
      <c r="CA174" s="487" t="str">
        <f t="shared" si="32"/>
        <v/>
      </c>
      <c r="CB174" s="487" t="str">
        <f t="shared" si="32"/>
        <v/>
      </c>
      <c r="CC174" s="487" t="str">
        <f t="shared" si="31"/>
        <v/>
      </c>
      <c r="CD174" s="487" t="str">
        <f t="shared" si="31"/>
        <v/>
      </c>
      <c r="CE174" s="487" t="str">
        <f t="shared" si="31"/>
        <v/>
      </c>
      <c r="CF174" s="487" t="str">
        <f t="shared" si="31"/>
        <v/>
      </c>
      <c r="CG174" s="487" t="str">
        <f t="shared" si="30"/>
        <v/>
      </c>
      <c r="CH174" s="487" t="str">
        <f t="shared" si="27"/>
        <v/>
      </c>
      <c r="CI174" s="487" t="str">
        <f t="shared" si="27"/>
        <v/>
      </c>
      <c r="CJ174" s="487" t="str">
        <f t="shared" si="27"/>
        <v/>
      </c>
      <c r="CK174" s="487" t="str">
        <f t="shared" si="27"/>
        <v/>
      </c>
      <c r="CL174" s="487" t="str">
        <f t="shared" si="27"/>
        <v/>
      </c>
      <c r="CM174" s="487"/>
      <c r="CN174" s="487"/>
      <c r="CO174" s="487"/>
      <c r="CP174" s="487"/>
      <c r="CQ174" s="487"/>
      <c r="CR174" s="487"/>
      <c r="CS174" s="487"/>
      <c r="CT174" s="487"/>
      <c r="CU174" s="487"/>
      <c r="CV174" s="487"/>
      <c r="CW174" s="487"/>
      <c r="CX174" s="487"/>
      <c r="CY174" s="487"/>
      <c r="CZ174" s="487"/>
      <c r="DA174" s="487"/>
      <c r="DB174" s="487"/>
      <c r="DC174" s="487"/>
      <c r="DD174" s="487"/>
      <c r="DE174" s="487"/>
      <c r="DF174" s="487"/>
      <c r="DG174" s="487"/>
      <c r="DH174" s="487"/>
      <c r="DI174" s="484"/>
      <c r="DJ174" s="484"/>
      <c r="DK174" s="484"/>
    </row>
    <row r="175" spans="1:115" s="354" customFormat="1" ht="56.1" hidden="1" customHeight="1" x14ac:dyDescent="0.2">
      <c r="A175" s="494"/>
      <c r="B175" s="494"/>
      <c r="C175" s="481">
        <v>287</v>
      </c>
      <c r="D175" s="481"/>
      <c r="E175" s="481" t="s">
        <v>2481</v>
      </c>
      <c r="F175" s="482" t="s">
        <v>53</v>
      </c>
      <c r="G175" s="482" t="s">
        <v>329</v>
      </c>
      <c r="H175" s="484" t="s">
        <v>500</v>
      </c>
      <c r="I175" s="484" t="s">
        <v>501</v>
      </c>
      <c r="J175" s="495" t="s">
        <v>507</v>
      </c>
      <c r="K175" s="495"/>
      <c r="L175" s="484" t="s">
        <v>58</v>
      </c>
      <c r="M175" s="484" t="s">
        <v>31</v>
      </c>
      <c r="N175" s="484"/>
      <c r="O175" s="484" t="s">
        <v>81</v>
      </c>
      <c r="P175" s="484" t="s">
        <v>334</v>
      </c>
      <c r="Q175" s="484"/>
      <c r="R175" s="484" t="s">
        <v>392</v>
      </c>
      <c r="S175" s="484" t="s">
        <v>63</v>
      </c>
      <c r="T175" s="484" t="s">
        <v>63</v>
      </c>
      <c r="U175" s="485">
        <f>'[2]Hemel Hempstead'!$AO$12</f>
        <v>45767</v>
      </c>
      <c r="V175" s="485"/>
      <c r="W175" s="484" t="s">
        <v>226</v>
      </c>
      <c r="X175" s="484"/>
      <c r="Y175" s="485">
        <f t="shared" si="29"/>
        <v>45767</v>
      </c>
      <c r="Z175" s="484" t="s">
        <v>82</v>
      </c>
      <c r="AA175" s="496"/>
      <c r="AB175" s="496"/>
      <c r="AC175" s="496"/>
      <c r="AD175" s="496"/>
      <c r="AE175" s="496"/>
      <c r="AF175" s="487"/>
      <c r="AG175" s="496"/>
      <c r="AH175" s="496"/>
      <c r="AI175" s="496"/>
      <c r="AJ175" s="496"/>
      <c r="AK175" s="496"/>
      <c r="AL175" s="496"/>
      <c r="AM175" s="496"/>
      <c r="AN175" s="496"/>
      <c r="AO175" s="496" t="s">
        <v>66</v>
      </c>
      <c r="AP175" s="496"/>
      <c r="AQ175" s="496"/>
      <c r="AR175" s="496"/>
      <c r="AS175" s="496"/>
      <c r="AT175" s="496"/>
      <c r="AU175" s="496"/>
      <c r="AV175" s="496"/>
      <c r="AW175" s="496"/>
      <c r="AX175" s="496"/>
      <c r="AY175" s="496"/>
      <c r="AZ175" s="496"/>
      <c r="BA175" s="496"/>
      <c r="BB175" s="496"/>
      <c r="BC175" s="496"/>
      <c r="BD175" s="496"/>
      <c r="BE175" s="496"/>
      <c r="BF175" s="80">
        <f t="shared" si="26"/>
        <v>90</v>
      </c>
      <c r="BG175" s="76">
        <f t="shared" si="25"/>
        <v>508.52222222222224</v>
      </c>
      <c r="BH175" s="487" t="str">
        <f t="shared" si="34"/>
        <v/>
      </c>
      <c r="BI175" s="487" t="str">
        <f t="shared" si="34"/>
        <v/>
      </c>
      <c r="BJ175" s="487" t="str">
        <f t="shared" si="34"/>
        <v/>
      </c>
      <c r="BK175" s="487" t="str">
        <f t="shared" si="34"/>
        <v/>
      </c>
      <c r="BL175" s="487" t="str">
        <f t="shared" si="34"/>
        <v/>
      </c>
      <c r="BM175" s="487" t="str">
        <f t="shared" si="34"/>
        <v/>
      </c>
      <c r="BN175" s="487" t="str">
        <f t="shared" si="33"/>
        <v/>
      </c>
      <c r="BO175" s="487" t="str">
        <f t="shared" si="33"/>
        <v/>
      </c>
      <c r="BP175" s="487" t="str">
        <f t="shared" si="33"/>
        <v/>
      </c>
      <c r="BQ175" s="487" t="str">
        <f t="shared" si="32"/>
        <v/>
      </c>
      <c r="BR175" s="487" t="str">
        <f t="shared" si="32"/>
        <v/>
      </c>
      <c r="BS175" s="487" t="str">
        <f t="shared" si="32"/>
        <v/>
      </c>
      <c r="BT175" s="487" t="str">
        <f t="shared" si="32"/>
        <v/>
      </c>
      <c r="BU175" s="487" t="str">
        <f t="shared" si="32"/>
        <v/>
      </c>
      <c r="BV175" s="487">
        <f t="shared" si="32"/>
        <v>45767</v>
      </c>
      <c r="BW175" s="487" t="str">
        <f t="shared" si="32"/>
        <v/>
      </c>
      <c r="BX175" s="487" t="str">
        <f t="shared" si="32"/>
        <v/>
      </c>
      <c r="BY175" s="487" t="str">
        <f t="shared" si="32"/>
        <v/>
      </c>
      <c r="BZ175" s="487" t="str">
        <f t="shared" si="32"/>
        <v/>
      </c>
      <c r="CA175" s="487" t="str">
        <f t="shared" si="32"/>
        <v/>
      </c>
      <c r="CB175" s="487" t="str">
        <f t="shared" si="32"/>
        <v/>
      </c>
      <c r="CC175" s="487" t="str">
        <f t="shared" si="31"/>
        <v/>
      </c>
      <c r="CD175" s="487" t="str">
        <f t="shared" si="31"/>
        <v/>
      </c>
      <c r="CE175" s="487" t="str">
        <f t="shared" si="31"/>
        <v/>
      </c>
      <c r="CF175" s="487" t="str">
        <f t="shared" si="31"/>
        <v/>
      </c>
      <c r="CG175" s="487" t="str">
        <f t="shared" si="30"/>
        <v/>
      </c>
      <c r="CH175" s="487" t="str">
        <f t="shared" si="27"/>
        <v/>
      </c>
      <c r="CI175" s="487" t="str">
        <f t="shared" si="27"/>
        <v/>
      </c>
      <c r="CJ175" s="487" t="str">
        <f t="shared" si="27"/>
        <v/>
      </c>
      <c r="CK175" s="487" t="str">
        <f t="shared" si="27"/>
        <v/>
      </c>
      <c r="CL175" s="487" t="str">
        <f t="shared" si="27"/>
        <v/>
      </c>
      <c r="CM175" s="487"/>
      <c r="CN175" s="487"/>
      <c r="CO175" s="487"/>
      <c r="CP175" s="487"/>
      <c r="CQ175" s="487"/>
      <c r="CR175" s="487"/>
      <c r="CS175" s="487"/>
      <c r="CT175" s="487"/>
      <c r="CU175" s="487"/>
      <c r="CV175" s="487"/>
      <c r="CW175" s="487"/>
      <c r="CX175" s="487"/>
      <c r="CY175" s="487"/>
      <c r="CZ175" s="487"/>
      <c r="DA175" s="487"/>
      <c r="DB175" s="487"/>
      <c r="DC175" s="487"/>
      <c r="DD175" s="487"/>
      <c r="DE175" s="487"/>
      <c r="DF175" s="487"/>
      <c r="DG175" s="487"/>
      <c r="DH175" s="487"/>
      <c r="DI175" s="484"/>
      <c r="DJ175" s="484"/>
      <c r="DK175" s="484"/>
    </row>
    <row r="176" spans="1:115" s="354" customFormat="1" ht="56.1" hidden="1" customHeight="1" x14ac:dyDescent="0.2">
      <c r="A176" s="494"/>
      <c r="B176" s="494"/>
      <c r="C176" s="481">
        <v>288</v>
      </c>
      <c r="D176" s="481"/>
      <c r="E176" s="481" t="s">
        <v>2481</v>
      </c>
      <c r="F176" s="482" t="s">
        <v>53</v>
      </c>
      <c r="G176" s="482" t="s">
        <v>329</v>
      </c>
      <c r="H176" s="484" t="s">
        <v>500</v>
      </c>
      <c r="I176" s="484" t="s">
        <v>501</v>
      </c>
      <c r="J176" s="495" t="s">
        <v>509</v>
      </c>
      <c r="K176" s="495"/>
      <c r="L176" s="484" t="s">
        <v>58</v>
      </c>
      <c r="M176" s="484" t="s">
        <v>327</v>
      </c>
      <c r="N176" s="484"/>
      <c r="O176" s="484" t="s">
        <v>81</v>
      </c>
      <c r="P176" s="484" t="s">
        <v>334</v>
      </c>
      <c r="Q176" s="484"/>
      <c r="R176" s="484" t="s">
        <v>377</v>
      </c>
      <c r="S176" s="484" t="s">
        <v>63</v>
      </c>
      <c r="T176" s="484" t="s">
        <v>63</v>
      </c>
      <c r="U176" s="485">
        <f>'[2]Hemel Hempstead'!$AR$12</f>
        <v>40682</v>
      </c>
      <c r="V176" s="485"/>
      <c r="W176" s="484" t="s">
        <v>226</v>
      </c>
      <c r="X176" s="484"/>
      <c r="Y176" s="485">
        <f t="shared" si="29"/>
        <v>40682</v>
      </c>
      <c r="Z176" s="484" t="s">
        <v>82</v>
      </c>
      <c r="AA176" s="496"/>
      <c r="AB176" s="496"/>
      <c r="AC176" s="496"/>
      <c r="AD176" s="496"/>
      <c r="AE176" s="496"/>
      <c r="AF176" s="487"/>
      <c r="AG176" s="496"/>
      <c r="AH176" s="496"/>
      <c r="AI176" s="496"/>
      <c r="AJ176" s="496"/>
      <c r="AK176" s="496"/>
      <c r="AL176" s="496"/>
      <c r="AM176" s="496"/>
      <c r="AN176" s="496"/>
      <c r="AO176" s="496"/>
      <c r="AP176" s="496" t="s">
        <v>66</v>
      </c>
      <c r="AQ176" s="496"/>
      <c r="AR176" s="496"/>
      <c r="AS176" s="496"/>
      <c r="AT176" s="496"/>
      <c r="AU176" s="496"/>
      <c r="AV176" s="496"/>
      <c r="AW176" s="496"/>
      <c r="AX176" s="496"/>
      <c r="AY176" s="496"/>
      <c r="AZ176" s="496"/>
      <c r="BA176" s="496"/>
      <c r="BB176" s="496"/>
      <c r="BC176" s="496"/>
      <c r="BD176" s="496"/>
      <c r="BE176" s="496"/>
      <c r="BF176" s="80">
        <f t="shared" si="26"/>
        <v>80</v>
      </c>
      <c r="BG176" s="76">
        <f t="shared" si="25"/>
        <v>508.52499999999998</v>
      </c>
      <c r="BH176" s="487" t="str">
        <f t="shared" si="34"/>
        <v/>
      </c>
      <c r="BI176" s="487" t="str">
        <f t="shared" si="34"/>
        <v/>
      </c>
      <c r="BJ176" s="487" t="str">
        <f t="shared" si="34"/>
        <v/>
      </c>
      <c r="BK176" s="487" t="str">
        <f t="shared" si="34"/>
        <v/>
      </c>
      <c r="BL176" s="487" t="str">
        <f t="shared" si="34"/>
        <v/>
      </c>
      <c r="BM176" s="487" t="str">
        <f t="shared" si="34"/>
        <v/>
      </c>
      <c r="BN176" s="487" t="str">
        <f t="shared" si="33"/>
        <v/>
      </c>
      <c r="BO176" s="487" t="str">
        <f t="shared" si="33"/>
        <v/>
      </c>
      <c r="BP176" s="487" t="str">
        <f t="shared" si="33"/>
        <v/>
      </c>
      <c r="BQ176" s="487" t="str">
        <f t="shared" si="32"/>
        <v/>
      </c>
      <c r="BR176" s="487" t="str">
        <f t="shared" si="32"/>
        <v/>
      </c>
      <c r="BS176" s="487" t="str">
        <f t="shared" si="32"/>
        <v/>
      </c>
      <c r="BT176" s="487" t="str">
        <f t="shared" si="32"/>
        <v/>
      </c>
      <c r="BU176" s="487" t="str">
        <f t="shared" si="32"/>
        <v/>
      </c>
      <c r="BV176" s="487" t="str">
        <f t="shared" si="32"/>
        <v/>
      </c>
      <c r="BW176" s="487">
        <f t="shared" si="32"/>
        <v>40682</v>
      </c>
      <c r="BX176" s="487" t="str">
        <f t="shared" si="32"/>
        <v/>
      </c>
      <c r="BY176" s="487" t="str">
        <f t="shared" si="32"/>
        <v/>
      </c>
      <c r="BZ176" s="487" t="str">
        <f t="shared" si="32"/>
        <v/>
      </c>
      <c r="CA176" s="487" t="str">
        <f t="shared" si="32"/>
        <v/>
      </c>
      <c r="CB176" s="487" t="str">
        <f t="shared" si="32"/>
        <v/>
      </c>
      <c r="CC176" s="487" t="str">
        <f t="shared" si="31"/>
        <v/>
      </c>
      <c r="CD176" s="487" t="str">
        <f t="shared" si="31"/>
        <v/>
      </c>
      <c r="CE176" s="487" t="str">
        <f t="shared" si="31"/>
        <v/>
      </c>
      <c r="CF176" s="487" t="str">
        <f t="shared" si="31"/>
        <v/>
      </c>
      <c r="CG176" s="487" t="str">
        <f t="shared" si="30"/>
        <v/>
      </c>
      <c r="CH176" s="487" t="str">
        <f t="shared" si="27"/>
        <v/>
      </c>
      <c r="CI176" s="487" t="str">
        <f t="shared" si="27"/>
        <v/>
      </c>
      <c r="CJ176" s="487" t="str">
        <f t="shared" si="27"/>
        <v/>
      </c>
      <c r="CK176" s="487" t="str">
        <f t="shared" si="27"/>
        <v/>
      </c>
      <c r="CL176" s="487" t="str">
        <f t="shared" si="27"/>
        <v/>
      </c>
      <c r="CM176" s="487"/>
      <c r="CN176" s="487"/>
      <c r="CO176" s="487"/>
      <c r="CP176" s="487"/>
      <c r="CQ176" s="487"/>
      <c r="CR176" s="487"/>
      <c r="CS176" s="487"/>
      <c r="CT176" s="487"/>
      <c r="CU176" s="487"/>
      <c r="CV176" s="487"/>
      <c r="CW176" s="487"/>
      <c r="CX176" s="487"/>
      <c r="CY176" s="487"/>
      <c r="CZ176" s="487"/>
      <c r="DA176" s="487"/>
      <c r="DB176" s="487"/>
      <c r="DC176" s="487"/>
      <c r="DD176" s="487"/>
      <c r="DE176" s="487"/>
      <c r="DF176" s="487"/>
      <c r="DG176" s="487"/>
      <c r="DH176" s="487"/>
      <c r="DI176" s="484"/>
      <c r="DJ176" s="484"/>
      <c r="DK176" s="484"/>
    </row>
    <row r="177" spans="1:115" s="354" customFormat="1" ht="56.1" hidden="1" customHeight="1" x14ac:dyDescent="0.2">
      <c r="A177" s="494"/>
      <c r="B177" s="494"/>
      <c r="C177" s="481">
        <v>289</v>
      </c>
      <c r="D177" s="481"/>
      <c r="E177" s="481" t="s">
        <v>2481</v>
      </c>
      <c r="F177" s="482" t="s">
        <v>53</v>
      </c>
      <c r="G177" s="482" t="s">
        <v>329</v>
      </c>
      <c r="H177" s="484" t="s">
        <v>500</v>
      </c>
      <c r="I177" s="484" t="s">
        <v>501</v>
      </c>
      <c r="J177" s="495" t="s">
        <v>505</v>
      </c>
      <c r="K177" s="495"/>
      <c r="L177" s="484" t="s">
        <v>58</v>
      </c>
      <c r="M177" s="484" t="s">
        <v>328</v>
      </c>
      <c r="N177" s="484"/>
      <c r="O177" s="484" t="s">
        <v>81</v>
      </c>
      <c r="P177" s="484" t="s">
        <v>334</v>
      </c>
      <c r="Q177" s="484"/>
      <c r="R177" s="484" t="s">
        <v>395</v>
      </c>
      <c r="S177" s="484" t="s">
        <v>63</v>
      </c>
      <c r="T177" s="484" t="s">
        <v>63</v>
      </c>
      <c r="U177" s="485">
        <f>'[2]Hemel Hempstead'!$AU$12</f>
        <v>101705</v>
      </c>
      <c r="V177" s="485"/>
      <c r="W177" s="484" t="s">
        <v>226</v>
      </c>
      <c r="X177" s="484"/>
      <c r="Y177" s="485">
        <f t="shared" si="29"/>
        <v>101705</v>
      </c>
      <c r="Z177" s="484" t="s">
        <v>82</v>
      </c>
      <c r="AA177" s="496"/>
      <c r="AB177" s="496"/>
      <c r="AC177" s="496"/>
      <c r="AD177" s="496"/>
      <c r="AE177" s="496"/>
      <c r="AF177" s="487"/>
      <c r="AG177" s="496"/>
      <c r="AH177" s="496"/>
      <c r="AI177" s="496"/>
      <c r="AJ177" s="496"/>
      <c r="AK177" s="496"/>
      <c r="AL177" s="496" t="s">
        <v>66</v>
      </c>
      <c r="AM177" s="496"/>
      <c r="AN177" s="496"/>
      <c r="AO177" s="496"/>
      <c r="AP177" s="496"/>
      <c r="AQ177" s="496"/>
      <c r="AR177" s="496"/>
      <c r="AS177" s="496"/>
      <c r="AT177" s="496"/>
      <c r="AU177" s="496"/>
      <c r="AV177" s="496"/>
      <c r="AW177" s="496"/>
      <c r="AX177" s="496"/>
      <c r="AY177" s="496"/>
      <c r="AZ177" s="496"/>
      <c r="BA177" s="496"/>
      <c r="BB177" s="496"/>
      <c r="BC177" s="496"/>
      <c r="BD177" s="496"/>
      <c r="BE177" s="496"/>
      <c r="BF177" s="80">
        <f t="shared" si="26"/>
        <v>200</v>
      </c>
      <c r="BG177" s="76">
        <f t="shared" si="25"/>
        <v>508.52499999999998</v>
      </c>
      <c r="BH177" s="487" t="str">
        <f t="shared" si="34"/>
        <v/>
      </c>
      <c r="BI177" s="487" t="str">
        <f t="shared" si="34"/>
        <v/>
      </c>
      <c r="BJ177" s="487" t="str">
        <f t="shared" si="34"/>
        <v/>
      </c>
      <c r="BK177" s="487" t="str">
        <f t="shared" si="34"/>
        <v/>
      </c>
      <c r="BL177" s="487" t="str">
        <f t="shared" si="34"/>
        <v/>
      </c>
      <c r="BM177" s="487" t="str">
        <f t="shared" si="34"/>
        <v/>
      </c>
      <c r="BN177" s="487" t="str">
        <f t="shared" si="33"/>
        <v/>
      </c>
      <c r="BO177" s="487" t="str">
        <f t="shared" si="33"/>
        <v/>
      </c>
      <c r="BP177" s="487" t="str">
        <f t="shared" si="33"/>
        <v/>
      </c>
      <c r="BQ177" s="487" t="str">
        <f t="shared" si="32"/>
        <v/>
      </c>
      <c r="BR177" s="487" t="str">
        <f t="shared" si="32"/>
        <v/>
      </c>
      <c r="BS177" s="487">
        <f t="shared" si="32"/>
        <v>101705</v>
      </c>
      <c r="BT177" s="487" t="str">
        <f t="shared" si="32"/>
        <v/>
      </c>
      <c r="BU177" s="487" t="str">
        <f t="shared" si="32"/>
        <v/>
      </c>
      <c r="BV177" s="487" t="str">
        <f t="shared" si="32"/>
        <v/>
      </c>
      <c r="BW177" s="487" t="str">
        <f t="shared" si="32"/>
        <v/>
      </c>
      <c r="BX177" s="487" t="str">
        <f t="shared" si="32"/>
        <v/>
      </c>
      <c r="BY177" s="487" t="str">
        <f t="shared" si="32"/>
        <v/>
      </c>
      <c r="BZ177" s="487" t="str">
        <f t="shared" si="32"/>
        <v/>
      </c>
      <c r="CA177" s="487" t="str">
        <f t="shared" si="32"/>
        <v/>
      </c>
      <c r="CB177" s="487" t="str">
        <f t="shared" si="32"/>
        <v/>
      </c>
      <c r="CC177" s="487" t="str">
        <f t="shared" si="31"/>
        <v/>
      </c>
      <c r="CD177" s="487" t="str">
        <f t="shared" si="31"/>
        <v/>
      </c>
      <c r="CE177" s="487" t="str">
        <f t="shared" si="31"/>
        <v/>
      </c>
      <c r="CF177" s="487" t="str">
        <f t="shared" si="31"/>
        <v/>
      </c>
      <c r="CG177" s="487" t="str">
        <f t="shared" si="30"/>
        <v/>
      </c>
      <c r="CH177" s="487" t="str">
        <f t="shared" si="27"/>
        <v/>
      </c>
      <c r="CI177" s="487" t="str">
        <f t="shared" si="27"/>
        <v/>
      </c>
      <c r="CJ177" s="487" t="str">
        <f t="shared" si="27"/>
        <v/>
      </c>
      <c r="CK177" s="487" t="str">
        <f t="shared" si="27"/>
        <v/>
      </c>
      <c r="CL177" s="487" t="str">
        <f t="shared" si="27"/>
        <v/>
      </c>
      <c r="CM177" s="487"/>
      <c r="CN177" s="487"/>
      <c r="CO177" s="487"/>
      <c r="CP177" s="487"/>
      <c r="CQ177" s="487"/>
      <c r="CR177" s="487"/>
      <c r="CS177" s="487"/>
      <c r="CT177" s="487"/>
      <c r="CU177" s="487"/>
      <c r="CV177" s="487"/>
      <c r="CW177" s="487"/>
      <c r="CX177" s="487"/>
      <c r="CY177" s="487"/>
      <c r="CZ177" s="487"/>
      <c r="DA177" s="487"/>
      <c r="DB177" s="487"/>
      <c r="DC177" s="487"/>
      <c r="DD177" s="487"/>
      <c r="DE177" s="487"/>
      <c r="DF177" s="487"/>
      <c r="DG177" s="487"/>
      <c r="DH177" s="487"/>
      <c r="DI177" s="484"/>
      <c r="DJ177" s="484"/>
      <c r="DK177" s="484"/>
    </row>
    <row r="178" spans="1:115" s="354" customFormat="1" ht="56.1" hidden="1" customHeight="1" x14ac:dyDescent="0.2">
      <c r="A178" s="494"/>
      <c r="B178" s="494"/>
      <c r="C178" s="481">
        <v>402</v>
      </c>
      <c r="D178" s="481"/>
      <c r="E178" s="481" t="s">
        <v>2481</v>
      </c>
      <c r="F178" s="482" t="s">
        <v>53</v>
      </c>
      <c r="G178" s="482" t="s">
        <v>515</v>
      </c>
      <c r="H178" s="484" t="s">
        <v>548</v>
      </c>
      <c r="I178" s="484" t="s">
        <v>536</v>
      </c>
      <c r="J178" s="484" t="s">
        <v>536</v>
      </c>
      <c r="K178" s="484"/>
      <c r="L178" s="484" t="s">
        <v>58</v>
      </c>
      <c r="M178" s="484" t="s">
        <v>554</v>
      </c>
      <c r="N178" s="484"/>
      <c r="O178" s="497" t="s">
        <v>60</v>
      </c>
      <c r="P178" s="484" t="s">
        <v>334</v>
      </c>
      <c r="Q178" s="484"/>
      <c r="R178" s="484" t="s">
        <v>62</v>
      </c>
      <c r="S178" s="484" t="s">
        <v>63</v>
      </c>
      <c r="T178" s="484" t="s">
        <v>63</v>
      </c>
      <c r="U178" s="485">
        <v>455500.80000000005</v>
      </c>
      <c r="V178" s="485"/>
      <c r="W178" s="484" t="s">
        <v>64</v>
      </c>
      <c r="X178" s="484"/>
      <c r="Y178" s="485">
        <v>455500.80000000005</v>
      </c>
      <c r="Z178" s="484" t="s">
        <v>82</v>
      </c>
      <c r="AA178" s="487" t="s">
        <v>66</v>
      </c>
      <c r="AB178" s="496"/>
      <c r="AC178" s="496"/>
      <c r="AD178" s="496"/>
      <c r="AE178" s="496"/>
      <c r="AF178" s="487"/>
      <c r="AG178" s="496"/>
      <c r="AH178" s="496"/>
      <c r="AI178" s="496"/>
      <c r="AJ178" s="496"/>
      <c r="AK178" s="496"/>
      <c r="AL178" s="496"/>
      <c r="AM178" s="496"/>
      <c r="AN178" s="496"/>
      <c r="AO178" s="496"/>
      <c r="AP178" s="496"/>
      <c r="AQ178" s="496"/>
      <c r="AR178" s="496"/>
      <c r="AS178" s="496"/>
      <c r="AT178" s="496"/>
      <c r="AU178" s="496"/>
      <c r="AV178" s="496"/>
      <c r="AW178" s="496"/>
      <c r="AX178" s="496"/>
      <c r="AY178" s="496"/>
      <c r="AZ178" s="496"/>
      <c r="BA178" s="496"/>
      <c r="BB178" s="496"/>
      <c r="BC178" s="496"/>
      <c r="BD178" s="496"/>
      <c r="BE178" s="496"/>
      <c r="BF178" s="80">
        <f t="shared" si="26"/>
        <v>1500</v>
      </c>
      <c r="BG178" s="76">
        <f t="shared" si="25"/>
        <v>303.66720000000004</v>
      </c>
      <c r="BH178" s="487">
        <f t="shared" si="34"/>
        <v>455500.80000000005</v>
      </c>
      <c r="BI178" s="487" t="str">
        <f t="shared" si="34"/>
        <v/>
      </c>
      <c r="BJ178" s="487" t="str">
        <f t="shared" si="34"/>
        <v/>
      </c>
      <c r="BK178" s="487" t="str">
        <f t="shared" si="34"/>
        <v/>
      </c>
      <c r="BL178" s="487" t="str">
        <f t="shared" si="34"/>
        <v/>
      </c>
      <c r="BM178" s="487" t="str">
        <f t="shared" si="34"/>
        <v/>
      </c>
      <c r="BN178" s="487" t="str">
        <f t="shared" si="33"/>
        <v/>
      </c>
      <c r="BO178" s="487" t="str">
        <f t="shared" si="33"/>
        <v/>
      </c>
      <c r="BP178" s="487" t="str">
        <f t="shared" si="33"/>
        <v/>
      </c>
      <c r="BQ178" s="487" t="str">
        <f t="shared" si="32"/>
        <v/>
      </c>
      <c r="BR178" s="487" t="str">
        <f t="shared" si="32"/>
        <v/>
      </c>
      <c r="BS178" s="487" t="str">
        <f t="shared" si="32"/>
        <v/>
      </c>
      <c r="BT178" s="487" t="str">
        <f t="shared" si="32"/>
        <v/>
      </c>
      <c r="BU178" s="487" t="str">
        <f t="shared" si="32"/>
        <v/>
      </c>
      <c r="BV178" s="487" t="str">
        <f t="shared" si="32"/>
        <v/>
      </c>
      <c r="BW178" s="487" t="str">
        <f t="shared" si="32"/>
        <v/>
      </c>
      <c r="BX178" s="487" t="str">
        <f t="shared" si="32"/>
        <v/>
      </c>
      <c r="BY178" s="487" t="str">
        <f t="shared" si="32"/>
        <v/>
      </c>
      <c r="BZ178" s="487" t="str">
        <f t="shared" si="32"/>
        <v/>
      </c>
      <c r="CA178" s="487" t="str">
        <f t="shared" si="32"/>
        <v/>
      </c>
      <c r="CB178" s="487" t="str">
        <f t="shared" si="32"/>
        <v/>
      </c>
      <c r="CC178" s="487" t="str">
        <f t="shared" si="31"/>
        <v/>
      </c>
      <c r="CD178" s="487" t="str">
        <f t="shared" si="31"/>
        <v/>
      </c>
      <c r="CE178" s="487" t="str">
        <f t="shared" si="31"/>
        <v/>
      </c>
      <c r="CF178" s="487" t="str">
        <f t="shared" si="31"/>
        <v/>
      </c>
      <c r="CG178" s="487" t="str">
        <f t="shared" si="30"/>
        <v/>
      </c>
      <c r="CH178" s="487" t="str">
        <f t="shared" si="27"/>
        <v/>
      </c>
      <c r="CI178" s="487" t="str">
        <f t="shared" si="27"/>
        <v/>
      </c>
      <c r="CJ178" s="487" t="str">
        <f t="shared" si="27"/>
        <v/>
      </c>
      <c r="CK178" s="487" t="str">
        <f t="shared" si="27"/>
        <v/>
      </c>
      <c r="CL178" s="487" t="str">
        <f t="shared" si="27"/>
        <v/>
      </c>
      <c r="CM178" s="487"/>
      <c r="CN178" s="487"/>
      <c r="CO178" s="487"/>
      <c r="CP178" s="487"/>
      <c r="CQ178" s="487"/>
      <c r="CR178" s="487"/>
      <c r="CS178" s="487"/>
      <c r="CT178" s="487"/>
      <c r="CU178" s="487"/>
      <c r="CV178" s="487"/>
      <c r="CW178" s="487"/>
      <c r="CX178" s="487"/>
      <c r="CY178" s="487"/>
      <c r="CZ178" s="487"/>
      <c r="DA178" s="487"/>
      <c r="DB178" s="487"/>
      <c r="DC178" s="487"/>
      <c r="DD178" s="487"/>
      <c r="DE178" s="487"/>
      <c r="DF178" s="487"/>
      <c r="DG178" s="487"/>
      <c r="DH178" s="487"/>
      <c r="DI178" s="484"/>
      <c r="DJ178" s="484"/>
      <c r="DK178" s="484"/>
    </row>
    <row r="179" spans="1:115" s="354" customFormat="1" ht="56.1" hidden="1" customHeight="1" x14ac:dyDescent="0.2">
      <c r="A179" s="494"/>
      <c r="B179" s="494"/>
      <c r="C179" s="481">
        <v>403</v>
      </c>
      <c r="D179" s="481"/>
      <c r="E179" s="481" t="s">
        <v>2481</v>
      </c>
      <c r="F179" s="482" t="s">
        <v>53</v>
      </c>
      <c r="G179" s="482" t="s">
        <v>515</v>
      </c>
      <c r="H179" s="484" t="s">
        <v>518</v>
      </c>
      <c r="I179" s="484" t="s">
        <v>520</v>
      </c>
      <c r="J179" s="484" t="s">
        <v>520</v>
      </c>
      <c r="K179" s="484"/>
      <c r="L179" s="484" t="s">
        <v>58</v>
      </c>
      <c r="M179" s="484" t="s">
        <v>554</v>
      </c>
      <c r="N179" s="484"/>
      <c r="O179" s="497" t="s">
        <v>60</v>
      </c>
      <c r="P179" s="484" t="s">
        <v>334</v>
      </c>
      <c r="Q179" s="484"/>
      <c r="R179" s="484" t="s">
        <v>62</v>
      </c>
      <c r="S179" s="484" t="s">
        <v>63</v>
      </c>
      <c r="T179" s="484" t="s">
        <v>63</v>
      </c>
      <c r="U179" s="485">
        <v>1195689.6000000001</v>
      </c>
      <c r="V179" s="485"/>
      <c r="W179" s="484" t="s">
        <v>64</v>
      </c>
      <c r="X179" s="484"/>
      <c r="Y179" s="485">
        <v>1195689.6000000001</v>
      </c>
      <c r="Z179" s="484" t="s">
        <v>82</v>
      </c>
      <c r="AA179" s="487" t="s">
        <v>66</v>
      </c>
      <c r="AB179" s="496"/>
      <c r="AC179" s="496"/>
      <c r="AD179" s="496"/>
      <c r="AE179" s="496"/>
      <c r="AF179" s="487"/>
      <c r="AG179" s="496"/>
      <c r="AH179" s="496"/>
      <c r="AI179" s="496"/>
      <c r="AJ179" s="496"/>
      <c r="AK179" s="496"/>
      <c r="AL179" s="496"/>
      <c r="AM179" s="496"/>
      <c r="AN179" s="496"/>
      <c r="AO179" s="496"/>
      <c r="AP179" s="496"/>
      <c r="AQ179" s="496"/>
      <c r="AR179" s="496"/>
      <c r="AS179" s="496"/>
      <c r="AT179" s="496"/>
      <c r="AU179" s="496"/>
      <c r="AV179" s="496"/>
      <c r="AW179" s="496"/>
      <c r="AX179" s="496"/>
      <c r="AY179" s="496"/>
      <c r="AZ179" s="496"/>
      <c r="BA179" s="496"/>
      <c r="BB179" s="496"/>
      <c r="BC179" s="496"/>
      <c r="BD179" s="496"/>
      <c r="BE179" s="496"/>
      <c r="BF179" s="80">
        <f t="shared" si="26"/>
        <v>1500</v>
      </c>
      <c r="BG179" s="76">
        <f t="shared" si="25"/>
        <v>797.1264000000001</v>
      </c>
      <c r="BH179" s="487">
        <f t="shared" si="34"/>
        <v>1195689.6000000001</v>
      </c>
      <c r="BI179" s="487" t="str">
        <f t="shared" si="34"/>
        <v/>
      </c>
      <c r="BJ179" s="487" t="str">
        <f t="shared" si="34"/>
        <v/>
      </c>
      <c r="BK179" s="487" t="str">
        <f t="shared" si="34"/>
        <v/>
      </c>
      <c r="BL179" s="487" t="str">
        <f t="shared" si="34"/>
        <v/>
      </c>
      <c r="BM179" s="487" t="str">
        <f t="shared" si="34"/>
        <v/>
      </c>
      <c r="BN179" s="487" t="str">
        <f t="shared" si="33"/>
        <v/>
      </c>
      <c r="BO179" s="487" t="str">
        <f t="shared" si="33"/>
        <v/>
      </c>
      <c r="BP179" s="487" t="str">
        <f t="shared" si="33"/>
        <v/>
      </c>
      <c r="BQ179" s="487" t="str">
        <f t="shared" si="32"/>
        <v/>
      </c>
      <c r="BR179" s="487" t="str">
        <f t="shared" si="32"/>
        <v/>
      </c>
      <c r="BS179" s="487" t="str">
        <f t="shared" si="32"/>
        <v/>
      </c>
      <c r="BT179" s="487" t="str">
        <f t="shared" ref="BT179:CB207" si="35">IF(AM179="yes",(AM$2*$BG179),"")</f>
        <v/>
      </c>
      <c r="BU179" s="487" t="str">
        <f t="shared" si="35"/>
        <v/>
      </c>
      <c r="BV179" s="487" t="str">
        <f t="shared" si="35"/>
        <v/>
      </c>
      <c r="BW179" s="487" t="str">
        <f t="shared" si="35"/>
        <v/>
      </c>
      <c r="BX179" s="487" t="str">
        <f t="shared" si="35"/>
        <v/>
      </c>
      <c r="BY179" s="487" t="str">
        <f t="shared" si="35"/>
        <v/>
      </c>
      <c r="BZ179" s="487" t="str">
        <f t="shared" si="35"/>
        <v/>
      </c>
      <c r="CA179" s="487" t="str">
        <f t="shared" si="35"/>
        <v/>
      </c>
      <c r="CB179" s="487" t="str">
        <f t="shared" si="35"/>
        <v/>
      </c>
      <c r="CC179" s="487" t="str">
        <f t="shared" si="31"/>
        <v/>
      </c>
      <c r="CD179" s="487" t="str">
        <f t="shared" si="31"/>
        <v/>
      </c>
      <c r="CE179" s="487" t="str">
        <f t="shared" si="31"/>
        <v/>
      </c>
      <c r="CF179" s="487" t="str">
        <f t="shared" si="31"/>
        <v/>
      </c>
      <c r="CG179" s="487" t="str">
        <f t="shared" si="30"/>
        <v/>
      </c>
      <c r="CH179" s="487" t="str">
        <f t="shared" si="27"/>
        <v/>
      </c>
      <c r="CI179" s="487" t="str">
        <f t="shared" si="27"/>
        <v/>
      </c>
      <c r="CJ179" s="487" t="str">
        <f t="shared" si="27"/>
        <v/>
      </c>
      <c r="CK179" s="487" t="str">
        <f t="shared" si="27"/>
        <v/>
      </c>
      <c r="CL179" s="487" t="str">
        <f t="shared" si="27"/>
        <v/>
      </c>
      <c r="CM179" s="487"/>
      <c r="CN179" s="487"/>
      <c r="CO179" s="487"/>
      <c r="CP179" s="487"/>
      <c r="CQ179" s="487"/>
      <c r="CR179" s="487"/>
      <c r="CS179" s="487"/>
      <c r="CT179" s="487"/>
      <c r="CU179" s="487"/>
      <c r="CV179" s="487"/>
      <c r="CW179" s="487"/>
      <c r="CX179" s="487"/>
      <c r="CY179" s="487"/>
      <c r="CZ179" s="487"/>
      <c r="DA179" s="487"/>
      <c r="DB179" s="487"/>
      <c r="DC179" s="487"/>
      <c r="DD179" s="487"/>
      <c r="DE179" s="487"/>
      <c r="DF179" s="487"/>
      <c r="DG179" s="487"/>
      <c r="DH179" s="487"/>
      <c r="DI179" s="484"/>
      <c r="DJ179" s="484"/>
      <c r="DK179" s="484"/>
    </row>
    <row r="180" spans="1:115" s="354" customFormat="1" ht="56.1" hidden="1" customHeight="1" x14ac:dyDescent="0.2">
      <c r="A180" s="494"/>
      <c r="B180" s="494"/>
      <c r="C180" s="481">
        <v>404</v>
      </c>
      <c r="D180" s="481"/>
      <c r="E180" s="481" t="s">
        <v>2481</v>
      </c>
      <c r="F180" s="482" t="s">
        <v>53</v>
      </c>
      <c r="G180" s="482" t="s">
        <v>515</v>
      </c>
      <c r="H180" s="484" t="s">
        <v>521</v>
      </c>
      <c r="I180" s="484" t="s">
        <v>522</v>
      </c>
      <c r="J180" s="484" t="s">
        <v>522</v>
      </c>
      <c r="K180" s="484"/>
      <c r="L180" s="484" t="s">
        <v>58</v>
      </c>
      <c r="M180" s="484" t="s">
        <v>554</v>
      </c>
      <c r="N180" s="484"/>
      <c r="O180" s="497" t="s">
        <v>60</v>
      </c>
      <c r="P180" s="484" t="s">
        <v>334</v>
      </c>
      <c r="Q180" s="484"/>
      <c r="R180" s="484" t="s">
        <v>62</v>
      </c>
      <c r="S180" s="484" t="s">
        <v>63</v>
      </c>
      <c r="T180" s="484" t="s">
        <v>63</v>
      </c>
      <c r="U180" s="485">
        <v>1670169.6000000001</v>
      </c>
      <c r="V180" s="485"/>
      <c r="W180" s="484" t="s">
        <v>64</v>
      </c>
      <c r="X180" s="484"/>
      <c r="Y180" s="485">
        <v>1670169.6000000001</v>
      </c>
      <c r="Z180" s="484" t="s">
        <v>82</v>
      </c>
      <c r="AA180" s="487" t="s">
        <v>66</v>
      </c>
      <c r="AB180" s="496"/>
      <c r="AC180" s="496"/>
      <c r="AD180" s="496"/>
      <c r="AE180" s="496"/>
      <c r="AF180" s="487"/>
      <c r="AG180" s="496"/>
      <c r="AH180" s="496"/>
      <c r="AI180" s="496"/>
      <c r="AJ180" s="496"/>
      <c r="AK180" s="496"/>
      <c r="AL180" s="496"/>
      <c r="AM180" s="496"/>
      <c r="AN180" s="496"/>
      <c r="AO180" s="496"/>
      <c r="AP180" s="496"/>
      <c r="AQ180" s="496"/>
      <c r="AR180" s="496"/>
      <c r="AS180" s="496"/>
      <c r="AT180" s="496"/>
      <c r="AU180" s="496"/>
      <c r="AV180" s="496"/>
      <c r="AW180" s="496"/>
      <c r="AX180" s="496"/>
      <c r="AY180" s="496"/>
      <c r="AZ180" s="496"/>
      <c r="BA180" s="496"/>
      <c r="BB180" s="496"/>
      <c r="BC180" s="496"/>
      <c r="BD180" s="496"/>
      <c r="BE180" s="496"/>
      <c r="BF180" s="80">
        <f t="shared" si="26"/>
        <v>1500</v>
      </c>
      <c r="BG180" s="76">
        <f t="shared" si="25"/>
        <v>1113.4464</v>
      </c>
      <c r="BH180" s="487">
        <f t="shared" si="34"/>
        <v>1670169.6000000001</v>
      </c>
      <c r="BI180" s="487" t="str">
        <f t="shared" si="34"/>
        <v/>
      </c>
      <c r="BJ180" s="487" t="str">
        <f t="shared" si="34"/>
        <v/>
      </c>
      <c r="BK180" s="487" t="str">
        <f t="shared" si="34"/>
        <v/>
      </c>
      <c r="BL180" s="487" t="str">
        <f t="shared" si="34"/>
        <v/>
      </c>
      <c r="BM180" s="487" t="str">
        <f t="shared" si="34"/>
        <v/>
      </c>
      <c r="BN180" s="487" t="str">
        <f t="shared" si="33"/>
        <v/>
      </c>
      <c r="BO180" s="487" t="str">
        <f t="shared" si="33"/>
        <v/>
      </c>
      <c r="BP180" s="487" t="str">
        <f t="shared" si="33"/>
        <v/>
      </c>
      <c r="BQ180" s="487" t="str">
        <f t="shared" si="33"/>
        <v/>
      </c>
      <c r="BR180" s="487" t="str">
        <f t="shared" si="33"/>
        <v/>
      </c>
      <c r="BS180" s="487" t="str">
        <f t="shared" si="33"/>
        <v/>
      </c>
      <c r="BT180" s="487" t="str">
        <f t="shared" si="35"/>
        <v/>
      </c>
      <c r="BU180" s="487" t="str">
        <f t="shared" si="35"/>
        <v/>
      </c>
      <c r="BV180" s="487" t="str">
        <f t="shared" si="35"/>
        <v/>
      </c>
      <c r="BW180" s="487" t="str">
        <f t="shared" si="35"/>
        <v/>
      </c>
      <c r="BX180" s="487" t="str">
        <f t="shared" si="35"/>
        <v/>
      </c>
      <c r="BY180" s="487" t="str">
        <f t="shared" si="35"/>
        <v/>
      </c>
      <c r="BZ180" s="487" t="str">
        <f t="shared" si="35"/>
        <v/>
      </c>
      <c r="CA180" s="487" t="str">
        <f t="shared" si="35"/>
        <v/>
      </c>
      <c r="CB180" s="487" t="str">
        <f t="shared" si="35"/>
        <v/>
      </c>
      <c r="CC180" s="487" t="str">
        <f t="shared" si="31"/>
        <v/>
      </c>
      <c r="CD180" s="487" t="str">
        <f t="shared" si="31"/>
        <v/>
      </c>
      <c r="CE180" s="487" t="str">
        <f t="shared" si="31"/>
        <v/>
      </c>
      <c r="CF180" s="487" t="str">
        <f t="shared" si="31"/>
        <v/>
      </c>
      <c r="CG180" s="487" t="str">
        <f t="shared" si="30"/>
        <v/>
      </c>
      <c r="CH180" s="487" t="str">
        <f t="shared" si="27"/>
        <v/>
      </c>
      <c r="CI180" s="487" t="str">
        <f t="shared" si="27"/>
        <v/>
      </c>
      <c r="CJ180" s="487" t="str">
        <f t="shared" si="27"/>
        <v/>
      </c>
      <c r="CK180" s="487" t="str">
        <f t="shared" si="27"/>
        <v/>
      </c>
      <c r="CL180" s="487" t="str">
        <f t="shared" si="27"/>
        <v/>
      </c>
      <c r="CM180" s="487"/>
      <c r="CN180" s="487"/>
      <c r="CO180" s="487"/>
      <c r="CP180" s="487"/>
      <c r="CQ180" s="487"/>
      <c r="CR180" s="487"/>
      <c r="CS180" s="487"/>
      <c r="CT180" s="487"/>
      <c r="CU180" s="487"/>
      <c r="CV180" s="487"/>
      <c r="CW180" s="487"/>
      <c r="CX180" s="487"/>
      <c r="CY180" s="487"/>
      <c r="CZ180" s="487"/>
      <c r="DA180" s="487"/>
      <c r="DB180" s="487"/>
      <c r="DC180" s="487"/>
      <c r="DD180" s="487"/>
      <c r="DE180" s="487"/>
      <c r="DF180" s="487"/>
      <c r="DG180" s="487"/>
      <c r="DH180" s="487"/>
      <c r="DI180" s="484"/>
      <c r="DJ180" s="484"/>
      <c r="DK180" s="484"/>
    </row>
    <row r="181" spans="1:115" s="354" customFormat="1" ht="56.1" hidden="1" customHeight="1" x14ac:dyDescent="0.2">
      <c r="A181" s="494"/>
      <c r="B181" s="494"/>
      <c r="C181" s="481">
        <v>405</v>
      </c>
      <c r="D181" s="481"/>
      <c r="E181" s="481" t="s">
        <v>2481</v>
      </c>
      <c r="F181" s="482" t="s">
        <v>53</v>
      </c>
      <c r="G181" s="482" t="s">
        <v>515</v>
      </c>
      <c r="H181" s="484" t="s">
        <v>523</v>
      </c>
      <c r="I181" s="484" t="s">
        <v>555</v>
      </c>
      <c r="J181" s="484" t="s">
        <v>555</v>
      </c>
      <c r="K181" s="484"/>
      <c r="L181" s="484" t="s">
        <v>58</v>
      </c>
      <c r="M181" s="484" t="s">
        <v>554</v>
      </c>
      <c r="N181" s="484"/>
      <c r="O181" s="484" t="s">
        <v>388</v>
      </c>
      <c r="P181" s="484" t="s">
        <v>525</v>
      </c>
      <c r="Q181" s="484"/>
      <c r="R181" s="484" t="s">
        <v>62</v>
      </c>
      <c r="S181" s="484" t="s">
        <v>63</v>
      </c>
      <c r="T181" s="484" t="s">
        <v>63</v>
      </c>
      <c r="U181" s="485">
        <v>43494</v>
      </c>
      <c r="V181" s="485"/>
      <c r="W181" s="484" t="s">
        <v>64</v>
      </c>
      <c r="X181" s="484"/>
      <c r="Y181" s="485">
        <v>43494</v>
      </c>
      <c r="Z181" s="484" t="s">
        <v>82</v>
      </c>
      <c r="AA181" s="487" t="s">
        <v>66</v>
      </c>
      <c r="AB181" s="496"/>
      <c r="AC181" s="496"/>
      <c r="AD181" s="496"/>
      <c r="AE181" s="496"/>
      <c r="AF181" s="487"/>
      <c r="AG181" s="496"/>
      <c r="AH181" s="496"/>
      <c r="AI181" s="496"/>
      <c r="AJ181" s="496"/>
      <c r="AK181" s="496"/>
      <c r="AL181" s="496"/>
      <c r="AM181" s="496"/>
      <c r="AN181" s="496"/>
      <c r="AO181" s="496"/>
      <c r="AP181" s="496"/>
      <c r="AQ181" s="496"/>
      <c r="AR181" s="496"/>
      <c r="AS181" s="496"/>
      <c r="AT181" s="496"/>
      <c r="AU181" s="496"/>
      <c r="AV181" s="496"/>
      <c r="AW181" s="496"/>
      <c r="AX181" s="496"/>
      <c r="AY181" s="496"/>
      <c r="AZ181" s="496"/>
      <c r="BA181" s="496"/>
      <c r="BB181" s="496"/>
      <c r="BC181" s="496"/>
      <c r="BD181" s="496"/>
      <c r="BE181" s="496"/>
      <c r="BF181" s="80">
        <f t="shared" si="26"/>
        <v>1500</v>
      </c>
      <c r="BG181" s="76">
        <f t="shared" si="25"/>
        <v>28.995999999999999</v>
      </c>
      <c r="BH181" s="487">
        <f t="shared" si="34"/>
        <v>43494</v>
      </c>
      <c r="BI181" s="487" t="str">
        <f t="shared" si="34"/>
        <v/>
      </c>
      <c r="BJ181" s="487" t="str">
        <f t="shared" si="34"/>
        <v/>
      </c>
      <c r="BK181" s="487" t="str">
        <f t="shared" si="34"/>
        <v/>
      </c>
      <c r="BL181" s="487" t="str">
        <f t="shared" si="34"/>
        <v/>
      </c>
      <c r="BM181" s="487" t="str">
        <f t="shared" si="34"/>
        <v/>
      </c>
      <c r="BN181" s="487" t="str">
        <f t="shared" si="33"/>
        <v/>
      </c>
      <c r="BO181" s="487" t="str">
        <f t="shared" si="33"/>
        <v/>
      </c>
      <c r="BP181" s="487" t="str">
        <f t="shared" si="33"/>
        <v/>
      </c>
      <c r="BQ181" s="487" t="str">
        <f t="shared" si="33"/>
        <v/>
      </c>
      <c r="BR181" s="487" t="str">
        <f t="shared" si="33"/>
        <v/>
      </c>
      <c r="BS181" s="487" t="str">
        <f t="shared" si="33"/>
        <v/>
      </c>
      <c r="BT181" s="487" t="str">
        <f t="shared" si="35"/>
        <v/>
      </c>
      <c r="BU181" s="487" t="str">
        <f t="shared" si="35"/>
        <v/>
      </c>
      <c r="BV181" s="487" t="str">
        <f t="shared" si="35"/>
        <v/>
      </c>
      <c r="BW181" s="487" t="str">
        <f t="shared" si="35"/>
        <v/>
      </c>
      <c r="BX181" s="487" t="str">
        <f t="shared" si="35"/>
        <v/>
      </c>
      <c r="BY181" s="487" t="str">
        <f t="shared" si="35"/>
        <v/>
      </c>
      <c r="BZ181" s="487" t="str">
        <f t="shared" si="35"/>
        <v/>
      </c>
      <c r="CA181" s="487" t="str">
        <f t="shared" si="35"/>
        <v/>
      </c>
      <c r="CB181" s="487" t="str">
        <f t="shared" si="35"/>
        <v/>
      </c>
      <c r="CC181" s="487" t="str">
        <f t="shared" si="31"/>
        <v/>
      </c>
      <c r="CD181" s="487" t="str">
        <f t="shared" si="31"/>
        <v/>
      </c>
      <c r="CE181" s="487" t="str">
        <f t="shared" si="31"/>
        <v/>
      </c>
      <c r="CF181" s="487" t="str">
        <f t="shared" si="31"/>
        <v/>
      </c>
      <c r="CG181" s="487" t="str">
        <f t="shared" si="30"/>
        <v/>
      </c>
      <c r="CH181" s="487" t="str">
        <f t="shared" si="27"/>
        <v/>
      </c>
      <c r="CI181" s="487" t="str">
        <f t="shared" si="27"/>
        <v/>
      </c>
      <c r="CJ181" s="487" t="str">
        <f t="shared" si="27"/>
        <v/>
      </c>
      <c r="CK181" s="487" t="str">
        <f t="shared" si="27"/>
        <v/>
      </c>
      <c r="CL181" s="487" t="str">
        <f t="shared" si="27"/>
        <v/>
      </c>
      <c r="CM181" s="487"/>
      <c r="CN181" s="487"/>
      <c r="CO181" s="487"/>
      <c r="CP181" s="487"/>
      <c r="CQ181" s="487"/>
      <c r="CR181" s="487"/>
      <c r="CS181" s="487"/>
      <c r="CT181" s="487"/>
      <c r="CU181" s="487"/>
      <c r="CV181" s="487"/>
      <c r="CW181" s="487"/>
      <c r="CX181" s="487"/>
      <c r="CY181" s="487"/>
      <c r="CZ181" s="487"/>
      <c r="DA181" s="487"/>
      <c r="DB181" s="487"/>
      <c r="DC181" s="487"/>
      <c r="DD181" s="487"/>
      <c r="DE181" s="487"/>
      <c r="DF181" s="487"/>
      <c r="DG181" s="487"/>
      <c r="DH181" s="487"/>
      <c r="DI181" s="484"/>
      <c r="DJ181" s="484"/>
      <c r="DK181" s="484"/>
    </row>
    <row r="182" spans="1:115" s="354" customFormat="1" ht="56.1" hidden="1" customHeight="1" x14ac:dyDescent="0.2">
      <c r="A182" s="494"/>
      <c r="B182" s="494"/>
      <c r="C182" s="481">
        <v>406</v>
      </c>
      <c r="D182" s="481"/>
      <c r="E182" s="481" t="s">
        <v>2481</v>
      </c>
      <c r="F182" s="482" t="s">
        <v>53</v>
      </c>
      <c r="G182" s="482" t="s">
        <v>515</v>
      </c>
      <c r="H182" s="484" t="s">
        <v>539</v>
      </c>
      <c r="I182" s="484" t="s">
        <v>555</v>
      </c>
      <c r="J182" s="484" t="s">
        <v>555</v>
      </c>
      <c r="K182" s="484"/>
      <c r="L182" s="484" t="s">
        <v>58</v>
      </c>
      <c r="M182" s="484" t="s">
        <v>554</v>
      </c>
      <c r="N182" s="484"/>
      <c r="O182" s="484" t="s">
        <v>388</v>
      </c>
      <c r="P182" s="484" t="s">
        <v>525</v>
      </c>
      <c r="Q182" s="484"/>
      <c r="R182" s="484" t="s">
        <v>62</v>
      </c>
      <c r="S182" s="484" t="s">
        <v>63</v>
      </c>
      <c r="T182" s="484" t="s">
        <v>63</v>
      </c>
      <c r="U182" s="485">
        <v>105440</v>
      </c>
      <c r="V182" s="485"/>
      <c r="W182" s="484" t="s">
        <v>64</v>
      </c>
      <c r="X182" s="484"/>
      <c r="Y182" s="485">
        <v>105440</v>
      </c>
      <c r="Z182" s="484" t="s">
        <v>82</v>
      </c>
      <c r="AA182" s="487" t="s">
        <v>66</v>
      </c>
      <c r="AB182" s="496"/>
      <c r="AC182" s="496"/>
      <c r="AD182" s="496"/>
      <c r="AE182" s="496"/>
      <c r="AF182" s="487"/>
      <c r="AG182" s="496"/>
      <c r="AH182" s="496"/>
      <c r="AI182" s="496"/>
      <c r="AJ182" s="496"/>
      <c r="AK182" s="496"/>
      <c r="AL182" s="496"/>
      <c r="AM182" s="496"/>
      <c r="AN182" s="496"/>
      <c r="AO182" s="496"/>
      <c r="AP182" s="496"/>
      <c r="AQ182" s="496"/>
      <c r="AR182" s="496"/>
      <c r="AS182" s="496"/>
      <c r="AT182" s="496"/>
      <c r="AU182" s="496"/>
      <c r="AV182" s="496"/>
      <c r="AW182" s="496"/>
      <c r="AX182" s="496"/>
      <c r="AY182" s="496"/>
      <c r="AZ182" s="496"/>
      <c r="BA182" s="496"/>
      <c r="BB182" s="496"/>
      <c r="BC182" s="496"/>
      <c r="BD182" s="496"/>
      <c r="BE182" s="496"/>
      <c r="BF182" s="80">
        <f t="shared" si="26"/>
        <v>1500</v>
      </c>
      <c r="BG182" s="76">
        <f t="shared" si="25"/>
        <v>70.293333333333337</v>
      </c>
      <c r="BH182" s="487">
        <f t="shared" si="34"/>
        <v>105440</v>
      </c>
      <c r="BI182" s="487" t="str">
        <f t="shared" si="34"/>
        <v/>
      </c>
      <c r="BJ182" s="487" t="str">
        <f t="shared" si="34"/>
        <v/>
      </c>
      <c r="BK182" s="487" t="str">
        <f t="shared" si="34"/>
        <v/>
      </c>
      <c r="BL182" s="487" t="str">
        <f t="shared" si="34"/>
        <v/>
      </c>
      <c r="BM182" s="487" t="str">
        <f t="shared" si="34"/>
        <v/>
      </c>
      <c r="BN182" s="487" t="str">
        <f t="shared" si="33"/>
        <v/>
      </c>
      <c r="BO182" s="487" t="str">
        <f t="shared" si="33"/>
        <v/>
      </c>
      <c r="BP182" s="487" t="str">
        <f t="shared" si="33"/>
        <v/>
      </c>
      <c r="BQ182" s="487" t="str">
        <f t="shared" si="33"/>
        <v/>
      </c>
      <c r="BR182" s="487" t="str">
        <f t="shared" si="33"/>
        <v/>
      </c>
      <c r="BS182" s="487" t="str">
        <f t="shared" si="33"/>
        <v/>
      </c>
      <c r="BT182" s="487" t="str">
        <f t="shared" si="35"/>
        <v/>
      </c>
      <c r="BU182" s="487" t="str">
        <f t="shared" si="35"/>
        <v/>
      </c>
      <c r="BV182" s="487" t="str">
        <f t="shared" si="35"/>
        <v/>
      </c>
      <c r="BW182" s="487" t="str">
        <f t="shared" si="35"/>
        <v/>
      </c>
      <c r="BX182" s="487" t="str">
        <f t="shared" si="35"/>
        <v/>
      </c>
      <c r="BY182" s="487" t="str">
        <f t="shared" si="35"/>
        <v/>
      </c>
      <c r="BZ182" s="487" t="str">
        <f t="shared" si="35"/>
        <v/>
      </c>
      <c r="CA182" s="487" t="str">
        <f t="shared" si="35"/>
        <v/>
      </c>
      <c r="CB182" s="487" t="str">
        <f t="shared" si="35"/>
        <v/>
      </c>
      <c r="CC182" s="487" t="str">
        <f t="shared" si="31"/>
        <v/>
      </c>
      <c r="CD182" s="487" t="str">
        <f t="shared" si="31"/>
        <v/>
      </c>
      <c r="CE182" s="487" t="str">
        <f t="shared" si="31"/>
        <v/>
      </c>
      <c r="CF182" s="487" t="str">
        <f t="shared" si="31"/>
        <v/>
      </c>
      <c r="CG182" s="487" t="str">
        <f t="shared" si="30"/>
        <v/>
      </c>
      <c r="CH182" s="487" t="str">
        <f t="shared" si="27"/>
        <v/>
      </c>
      <c r="CI182" s="487" t="str">
        <f t="shared" si="27"/>
        <v/>
      </c>
      <c r="CJ182" s="487" t="str">
        <f t="shared" si="27"/>
        <v/>
      </c>
      <c r="CK182" s="487" t="str">
        <f t="shared" si="27"/>
        <v/>
      </c>
      <c r="CL182" s="487" t="str">
        <f t="shared" si="27"/>
        <v/>
      </c>
      <c r="CM182" s="487"/>
      <c r="CN182" s="487"/>
      <c r="CO182" s="487"/>
      <c r="CP182" s="487"/>
      <c r="CQ182" s="487"/>
      <c r="CR182" s="487"/>
      <c r="CS182" s="487"/>
      <c r="CT182" s="487"/>
      <c r="CU182" s="487"/>
      <c r="CV182" s="487"/>
      <c r="CW182" s="487"/>
      <c r="CX182" s="487"/>
      <c r="CY182" s="487"/>
      <c r="CZ182" s="487"/>
      <c r="DA182" s="487"/>
      <c r="DB182" s="487"/>
      <c r="DC182" s="487"/>
      <c r="DD182" s="487"/>
      <c r="DE182" s="487"/>
      <c r="DF182" s="487"/>
      <c r="DG182" s="487"/>
      <c r="DH182" s="487"/>
      <c r="DI182" s="484"/>
      <c r="DJ182" s="484"/>
      <c r="DK182" s="484"/>
    </row>
    <row r="183" spans="1:115" s="354" customFormat="1" ht="56.1" hidden="1" customHeight="1" x14ac:dyDescent="0.2">
      <c r="A183" s="494"/>
      <c r="B183" s="494"/>
      <c r="C183" s="481">
        <v>407</v>
      </c>
      <c r="D183" s="481"/>
      <c r="E183" s="481" t="s">
        <v>2481</v>
      </c>
      <c r="F183" s="482" t="s">
        <v>53</v>
      </c>
      <c r="G183" s="482" t="s">
        <v>515</v>
      </c>
      <c r="H183" s="484" t="s">
        <v>528</v>
      </c>
      <c r="I183" s="484" t="s">
        <v>556</v>
      </c>
      <c r="J183" s="484" t="s">
        <v>556</v>
      </c>
      <c r="K183" s="484"/>
      <c r="L183" s="484" t="s">
        <v>58</v>
      </c>
      <c r="M183" s="484" t="s">
        <v>554</v>
      </c>
      <c r="N183" s="484"/>
      <c r="O183" s="484" t="s">
        <v>388</v>
      </c>
      <c r="P183" s="484" t="s">
        <v>525</v>
      </c>
      <c r="Q183" s="484"/>
      <c r="R183" s="484" t="s">
        <v>62</v>
      </c>
      <c r="S183" s="484" t="s">
        <v>63</v>
      </c>
      <c r="T183" s="484" t="s">
        <v>63</v>
      </c>
      <c r="U183" s="485">
        <v>553560</v>
      </c>
      <c r="V183" s="485"/>
      <c r="W183" s="484" t="s">
        <v>64</v>
      </c>
      <c r="X183" s="484"/>
      <c r="Y183" s="485">
        <v>553560</v>
      </c>
      <c r="Z183" s="484" t="s">
        <v>82</v>
      </c>
      <c r="AA183" s="487" t="s">
        <v>66</v>
      </c>
      <c r="AB183" s="496"/>
      <c r="AC183" s="496"/>
      <c r="AD183" s="496"/>
      <c r="AE183" s="496"/>
      <c r="AF183" s="487"/>
      <c r="AG183" s="496"/>
      <c r="AH183" s="496"/>
      <c r="AI183" s="496"/>
      <c r="AJ183" s="496"/>
      <c r="AK183" s="496"/>
      <c r="AL183" s="496"/>
      <c r="AM183" s="496"/>
      <c r="AN183" s="496"/>
      <c r="AO183" s="496"/>
      <c r="AP183" s="496"/>
      <c r="AQ183" s="496"/>
      <c r="AR183" s="496"/>
      <c r="AS183" s="496"/>
      <c r="AT183" s="496"/>
      <c r="AU183" s="496"/>
      <c r="AV183" s="496"/>
      <c r="AW183" s="496"/>
      <c r="AX183" s="496"/>
      <c r="AY183" s="496"/>
      <c r="AZ183" s="496"/>
      <c r="BA183" s="496"/>
      <c r="BB183" s="496"/>
      <c r="BC183" s="496"/>
      <c r="BD183" s="496"/>
      <c r="BE183" s="496"/>
      <c r="BF183" s="80">
        <f t="shared" si="26"/>
        <v>1500</v>
      </c>
      <c r="BG183" s="76">
        <f t="shared" si="25"/>
        <v>369.04</v>
      </c>
      <c r="BH183" s="487">
        <f t="shared" si="34"/>
        <v>553560</v>
      </c>
      <c r="BI183" s="487" t="str">
        <f t="shared" si="34"/>
        <v/>
      </c>
      <c r="BJ183" s="487" t="str">
        <f t="shared" si="34"/>
        <v/>
      </c>
      <c r="BK183" s="487" t="str">
        <f t="shared" si="34"/>
        <v/>
      </c>
      <c r="BL183" s="487" t="str">
        <f t="shared" si="34"/>
        <v/>
      </c>
      <c r="BM183" s="487" t="str">
        <f t="shared" si="34"/>
        <v/>
      </c>
      <c r="BN183" s="487" t="str">
        <f t="shared" si="33"/>
        <v/>
      </c>
      <c r="BO183" s="487" t="str">
        <f t="shared" si="33"/>
        <v/>
      </c>
      <c r="BP183" s="487" t="str">
        <f t="shared" si="33"/>
        <v/>
      </c>
      <c r="BQ183" s="487" t="str">
        <f t="shared" si="33"/>
        <v/>
      </c>
      <c r="BR183" s="487" t="str">
        <f t="shared" si="33"/>
        <v/>
      </c>
      <c r="BS183" s="487" t="str">
        <f t="shared" si="33"/>
        <v/>
      </c>
      <c r="BT183" s="487" t="str">
        <f t="shared" si="35"/>
        <v/>
      </c>
      <c r="BU183" s="487" t="str">
        <f t="shared" si="35"/>
        <v/>
      </c>
      <c r="BV183" s="487" t="str">
        <f t="shared" si="35"/>
        <v/>
      </c>
      <c r="BW183" s="487" t="str">
        <f t="shared" si="35"/>
        <v/>
      </c>
      <c r="BX183" s="487" t="str">
        <f t="shared" si="35"/>
        <v/>
      </c>
      <c r="BY183" s="487" t="str">
        <f t="shared" si="35"/>
        <v/>
      </c>
      <c r="BZ183" s="487" t="str">
        <f t="shared" si="35"/>
        <v/>
      </c>
      <c r="CA183" s="487" t="str">
        <f t="shared" si="35"/>
        <v/>
      </c>
      <c r="CB183" s="487" t="str">
        <f t="shared" si="35"/>
        <v/>
      </c>
      <c r="CC183" s="487" t="str">
        <f t="shared" si="31"/>
        <v/>
      </c>
      <c r="CD183" s="487" t="str">
        <f t="shared" si="31"/>
        <v/>
      </c>
      <c r="CE183" s="487" t="str">
        <f t="shared" si="31"/>
        <v/>
      </c>
      <c r="CF183" s="487" t="str">
        <f t="shared" si="31"/>
        <v/>
      </c>
      <c r="CG183" s="487" t="str">
        <f t="shared" si="30"/>
        <v/>
      </c>
      <c r="CH183" s="487" t="str">
        <f t="shared" si="27"/>
        <v/>
      </c>
      <c r="CI183" s="487" t="str">
        <f t="shared" si="27"/>
        <v/>
      </c>
      <c r="CJ183" s="487" t="str">
        <f t="shared" si="27"/>
        <v/>
      </c>
      <c r="CK183" s="487" t="str">
        <f t="shared" si="27"/>
        <v/>
      </c>
      <c r="CL183" s="487" t="str">
        <f t="shared" si="27"/>
        <v/>
      </c>
      <c r="CM183" s="487"/>
      <c r="CN183" s="487"/>
      <c r="CO183" s="487"/>
      <c r="CP183" s="487"/>
      <c r="CQ183" s="487"/>
      <c r="CR183" s="487"/>
      <c r="CS183" s="487"/>
      <c r="CT183" s="487"/>
      <c r="CU183" s="487"/>
      <c r="CV183" s="487"/>
      <c r="CW183" s="487"/>
      <c r="CX183" s="487"/>
      <c r="CY183" s="487"/>
      <c r="CZ183" s="487"/>
      <c r="DA183" s="487"/>
      <c r="DB183" s="487"/>
      <c r="DC183" s="487"/>
      <c r="DD183" s="487"/>
      <c r="DE183" s="487"/>
      <c r="DF183" s="487"/>
      <c r="DG183" s="487"/>
      <c r="DH183" s="487"/>
      <c r="DI183" s="484"/>
      <c r="DJ183" s="484"/>
      <c r="DK183" s="484"/>
    </row>
    <row r="184" spans="1:115" s="354" customFormat="1" ht="56.1" hidden="1" customHeight="1" x14ac:dyDescent="0.2">
      <c r="A184" s="494"/>
      <c r="B184" s="494"/>
      <c r="C184" s="481">
        <v>408</v>
      </c>
      <c r="D184" s="481"/>
      <c r="E184" s="481" t="s">
        <v>2481</v>
      </c>
      <c r="F184" s="482" t="s">
        <v>53</v>
      </c>
      <c r="G184" s="482" t="s">
        <v>515</v>
      </c>
      <c r="H184" s="484" t="s">
        <v>530</v>
      </c>
      <c r="I184" s="484" t="s">
        <v>557</v>
      </c>
      <c r="J184" s="484" t="s">
        <v>557</v>
      </c>
      <c r="K184" s="484"/>
      <c r="L184" s="484" t="s">
        <v>58</v>
      </c>
      <c r="M184" s="484" t="s">
        <v>554</v>
      </c>
      <c r="N184" s="484"/>
      <c r="O184" s="484" t="s">
        <v>388</v>
      </c>
      <c r="P184" s="484" t="s">
        <v>525</v>
      </c>
      <c r="Q184" s="484"/>
      <c r="R184" s="484" t="s">
        <v>62</v>
      </c>
      <c r="S184" s="484" t="s">
        <v>63</v>
      </c>
      <c r="T184" s="484" t="s">
        <v>63</v>
      </c>
      <c r="U184" s="485">
        <v>434940</v>
      </c>
      <c r="V184" s="485"/>
      <c r="W184" s="484" t="s">
        <v>64</v>
      </c>
      <c r="X184" s="484"/>
      <c r="Y184" s="485">
        <v>434940</v>
      </c>
      <c r="Z184" s="484" t="s">
        <v>82</v>
      </c>
      <c r="AA184" s="487" t="s">
        <v>66</v>
      </c>
      <c r="AB184" s="496"/>
      <c r="AC184" s="496"/>
      <c r="AD184" s="496"/>
      <c r="AE184" s="496"/>
      <c r="AF184" s="487"/>
      <c r="AG184" s="496"/>
      <c r="AH184" s="496"/>
      <c r="AI184" s="496"/>
      <c r="AJ184" s="496"/>
      <c r="AK184" s="496"/>
      <c r="AL184" s="496"/>
      <c r="AM184" s="496"/>
      <c r="AN184" s="496"/>
      <c r="AO184" s="496"/>
      <c r="AP184" s="496"/>
      <c r="AQ184" s="496"/>
      <c r="AR184" s="496"/>
      <c r="AS184" s="496"/>
      <c r="AT184" s="496"/>
      <c r="AU184" s="496"/>
      <c r="AV184" s="496"/>
      <c r="AW184" s="496"/>
      <c r="AX184" s="496"/>
      <c r="AY184" s="496"/>
      <c r="AZ184" s="496"/>
      <c r="BA184" s="496"/>
      <c r="BB184" s="496"/>
      <c r="BC184" s="496"/>
      <c r="BD184" s="496"/>
      <c r="BE184" s="496"/>
      <c r="BF184" s="80">
        <f t="shared" si="26"/>
        <v>1500</v>
      </c>
      <c r="BG184" s="76">
        <f t="shared" si="25"/>
        <v>289.95999999999998</v>
      </c>
      <c r="BH184" s="487">
        <f t="shared" si="34"/>
        <v>434939.99999999994</v>
      </c>
      <c r="BI184" s="487" t="str">
        <f t="shared" si="34"/>
        <v/>
      </c>
      <c r="BJ184" s="487" t="str">
        <f t="shared" si="34"/>
        <v/>
      </c>
      <c r="BK184" s="487" t="str">
        <f t="shared" si="34"/>
        <v/>
      </c>
      <c r="BL184" s="487" t="str">
        <f t="shared" si="34"/>
        <v/>
      </c>
      <c r="BM184" s="487" t="str">
        <f t="shared" si="34"/>
        <v/>
      </c>
      <c r="BN184" s="487" t="str">
        <f t="shared" si="33"/>
        <v/>
      </c>
      <c r="BO184" s="487" t="str">
        <f t="shared" si="33"/>
        <v/>
      </c>
      <c r="BP184" s="487" t="str">
        <f t="shared" si="33"/>
        <v/>
      </c>
      <c r="BQ184" s="487" t="str">
        <f t="shared" si="33"/>
        <v/>
      </c>
      <c r="BR184" s="487" t="str">
        <f t="shared" si="33"/>
        <v/>
      </c>
      <c r="BS184" s="487" t="str">
        <f t="shared" si="33"/>
        <v/>
      </c>
      <c r="BT184" s="487" t="str">
        <f t="shared" si="35"/>
        <v/>
      </c>
      <c r="BU184" s="487" t="str">
        <f t="shared" si="35"/>
        <v/>
      </c>
      <c r="BV184" s="487" t="str">
        <f t="shared" si="35"/>
        <v/>
      </c>
      <c r="BW184" s="487" t="str">
        <f t="shared" si="35"/>
        <v/>
      </c>
      <c r="BX184" s="487" t="str">
        <f t="shared" si="35"/>
        <v/>
      </c>
      <c r="BY184" s="487" t="str">
        <f t="shared" si="35"/>
        <v/>
      </c>
      <c r="BZ184" s="487" t="str">
        <f t="shared" si="35"/>
        <v/>
      </c>
      <c r="CA184" s="487" t="str">
        <f t="shared" si="35"/>
        <v/>
      </c>
      <c r="CB184" s="487" t="str">
        <f t="shared" si="35"/>
        <v/>
      </c>
      <c r="CC184" s="487" t="str">
        <f t="shared" si="31"/>
        <v/>
      </c>
      <c r="CD184" s="487" t="str">
        <f t="shared" si="31"/>
        <v/>
      </c>
      <c r="CE184" s="487" t="str">
        <f t="shared" si="31"/>
        <v/>
      </c>
      <c r="CF184" s="487" t="str">
        <f t="shared" si="31"/>
        <v/>
      </c>
      <c r="CG184" s="487" t="str">
        <f t="shared" si="30"/>
        <v/>
      </c>
      <c r="CH184" s="487" t="str">
        <f t="shared" si="30"/>
        <v/>
      </c>
      <c r="CI184" s="487" t="str">
        <f t="shared" si="30"/>
        <v/>
      </c>
      <c r="CJ184" s="487" t="str">
        <f t="shared" si="30"/>
        <v/>
      </c>
      <c r="CK184" s="487" t="str">
        <f t="shared" si="30"/>
        <v/>
      </c>
      <c r="CL184" s="487" t="str">
        <f t="shared" si="30"/>
        <v/>
      </c>
      <c r="CM184" s="487"/>
      <c r="CN184" s="487"/>
      <c r="CO184" s="487"/>
      <c r="CP184" s="487"/>
      <c r="CQ184" s="487"/>
      <c r="CR184" s="487"/>
      <c r="CS184" s="487"/>
      <c r="CT184" s="487"/>
      <c r="CU184" s="487"/>
      <c r="CV184" s="487"/>
      <c r="CW184" s="487"/>
      <c r="CX184" s="487"/>
      <c r="CY184" s="487"/>
      <c r="CZ184" s="487"/>
      <c r="DA184" s="487"/>
      <c r="DB184" s="487"/>
      <c r="DC184" s="487"/>
      <c r="DD184" s="487"/>
      <c r="DE184" s="487"/>
      <c r="DF184" s="487"/>
      <c r="DG184" s="487"/>
      <c r="DH184" s="487"/>
      <c r="DI184" s="484"/>
      <c r="DJ184" s="484"/>
      <c r="DK184" s="484"/>
    </row>
    <row r="185" spans="1:115" s="354" customFormat="1" ht="56.1" hidden="1" customHeight="1" x14ac:dyDescent="0.2">
      <c r="A185" s="494"/>
      <c r="B185" s="494"/>
      <c r="C185" s="481">
        <v>409</v>
      </c>
      <c r="D185" s="481"/>
      <c r="E185" s="481" t="s">
        <v>2481</v>
      </c>
      <c r="F185" s="482" t="s">
        <v>53</v>
      </c>
      <c r="G185" s="482" t="s">
        <v>515</v>
      </c>
      <c r="H185" s="484" t="s">
        <v>533</v>
      </c>
      <c r="I185" s="484" t="s">
        <v>534</v>
      </c>
      <c r="J185" s="484" t="s">
        <v>534</v>
      </c>
      <c r="K185" s="484"/>
      <c r="L185" s="484" t="s">
        <v>58</v>
      </c>
      <c r="M185" s="484" t="s">
        <v>554</v>
      </c>
      <c r="N185" s="484"/>
      <c r="O185" s="484" t="s">
        <v>60</v>
      </c>
      <c r="P185" s="484" t="s">
        <v>334</v>
      </c>
      <c r="Q185" s="484"/>
      <c r="R185" s="484" t="s">
        <v>62</v>
      </c>
      <c r="S185" s="484" t="s">
        <v>63</v>
      </c>
      <c r="T185" s="484" t="s">
        <v>63</v>
      </c>
      <c r="U185" s="485">
        <v>266895</v>
      </c>
      <c r="V185" s="485"/>
      <c r="W185" s="484" t="s">
        <v>64</v>
      </c>
      <c r="X185" s="484"/>
      <c r="Y185" s="485">
        <v>266895</v>
      </c>
      <c r="Z185" s="484" t="s">
        <v>82</v>
      </c>
      <c r="AA185" s="487" t="s">
        <v>66</v>
      </c>
      <c r="AB185" s="496"/>
      <c r="AC185" s="496"/>
      <c r="AD185" s="496"/>
      <c r="AE185" s="496"/>
      <c r="AF185" s="487"/>
      <c r="AG185" s="496"/>
      <c r="AH185" s="496"/>
      <c r="AI185" s="496"/>
      <c r="AJ185" s="496"/>
      <c r="AK185" s="496"/>
      <c r="AL185" s="496"/>
      <c r="AM185" s="496"/>
      <c r="AN185" s="496"/>
      <c r="AO185" s="496"/>
      <c r="AP185" s="496"/>
      <c r="AQ185" s="496"/>
      <c r="AR185" s="496"/>
      <c r="AS185" s="496"/>
      <c r="AT185" s="496"/>
      <c r="AU185" s="496"/>
      <c r="AV185" s="496"/>
      <c r="AW185" s="496"/>
      <c r="AX185" s="496"/>
      <c r="AY185" s="496"/>
      <c r="AZ185" s="496"/>
      <c r="BA185" s="496"/>
      <c r="BB185" s="496"/>
      <c r="BC185" s="496"/>
      <c r="BD185" s="496"/>
      <c r="BE185" s="496"/>
      <c r="BF185" s="80">
        <f t="shared" si="26"/>
        <v>1500</v>
      </c>
      <c r="BG185" s="76">
        <f t="shared" si="25"/>
        <v>177.93</v>
      </c>
      <c r="BH185" s="487">
        <f t="shared" si="34"/>
        <v>266895</v>
      </c>
      <c r="BI185" s="487" t="str">
        <f t="shared" si="34"/>
        <v/>
      </c>
      <c r="BJ185" s="487" t="str">
        <f t="shared" si="34"/>
        <v/>
      </c>
      <c r="BK185" s="487" t="str">
        <f t="shared" si="34"/>
        <v/>
      </c>
      <c r="BL185" s="487" t="str">
        <f t="shared" si="34"/>
        <v/>
      </c>
      <c r="BM185" s="487" t="str">
        <f t="shared" si="34"/>
        <v/>
      </c>
      <c r="BN185" s="487" t="str">
        <f t="shared" si="33"/>
        <v/>
      </c>
      <c r="BO185" s="487" t="str">
        <f t="shared" si="33"/>
        <v/>
      </c>
      <c r="BP185" s="487" t="str">
        <f t="shared" si="33"/>
        <v/>
      </c>
      <c r="BQ185" s="487" t="str">
        <f t="shared" si="33"/>
        <v/>
      </c>
      <c r="BR185" s="487" t="str">
        <f t="shared" si="33"/>
        <v/>
      </c>
      <c r="BS185" s="487" t="str">
        <f t="shared" si="33"/>
        <v/>
      </c>
      <c r="BT185" s="487" t="str">
        <f t="shared" si="35"/>
        <v/>
      </c>
      <c r="BU185" s="487" t="str">
        <f t="shared" si="35"/>
        <v/>
      </c>
      <c r="BV185" s="487" t="str">
        <f t="shared" si="35"/>
        <v/>
      </c>
      <c r="BW185" s="487" t="str">
        <f t="shared" si="35"/>
        <v/>
      </c>
      <c r="BX185" s="487" t="str">
        <f t="shared" si="35"/>
        <v/>
      </c>
      <c r="BY185" s="487" t="str">
        <f t="shared" si="35"/>
        <v/>
      </c>
      <c r="BZ185" s="487" t="str">
        <f t="shared" si="35"/>
        <v/>
      </c>
      <c r="CA185" s="487" t="str">
        <f t="shared" si="35"/>
        <v/>
      </c>
      <c r="CB185" s="487" t="str">
        <f t="shared" si="35"/>
        <v/>
      </c>
      <c r="CC185" s="487" t="str">
        <f t="shared" si="31"/>
        <v/>
      </c>
      <c r="CD185" s="487" t="str">
        <f t="shared" si="31"/>
        <v/>
      </c>
      <c r="CE185" s="487" t="str">
        <f t="shared" si="31"/>
        <v/>
      </c>
      <c r="CF185" s="487" t="str">
        <f t="shared" si="31"/>
        <v/>
      </c>
      <c r="CG185" s="487" t="str">
        <f t="shared" si="30"/>
        <v/>
      </c>
      <c r="CH185" s="487" t="str">
        <f t="shared" si="30"/>
        <v/>
      </c>
      <c r="CI185" s="487" t="str">
        <f t="shared" si="30"/>
        <v/>
      </c>
      <c r="CJ185" s="487" t="str">
        <f t="shared" si="30"/>
        <v/>
      </c>
      <c r="CK185" s="487" t="str">
        <f t="shared" si="30"/>
        <v/>
      </c>
      <c r="CL185" s="487" t="str">
        <f t="shared" si="30"/>
        <v/>
      </c>
      <c r="CM185" s="487"/>
      <c r="CN185" s="487"/>
      <c r="CO185" s="487"/>
      <c r="CP185" s="487"/>
      <c r="CQ185" s="487"/>
      <c r="CR185" s="487"/>
      <c r="CS185" s="487"/>
      <c r="CT185" s="487"/>
      <c r="CU185" s="487"/>
      <c r="CV185" s="487"/>
      <c r="CW185" s="487"/>
      <c r="CX185" s="487"/>
      <c r="CY185" s="487"/>
      <c r="CZ185" s="487"/>
      <c r="DA185" s="487"/>
      <c r="DB185" s="487"/>
      <c r="DC185" s="487"/>
      <c r="DD185" s="487"/>
      <c r="DE185" s="487"/>
      <c r="DF185" s="487"/>
      <c r="DG185" s="487"/>
      <c r="DH185" s="487"/>
      <c r="DI185" s="484"/>
      <c r="DJ185" s="484"/>
      <c r="DK185" s="484"/>
    </row>
    <row r="186" spans="1:115" s="354" customFormat="1" ht="56.1" hidden="1" customHeight="1" x14ac:dyDescent="0.2">
      <c r="A186" s="494"/>
      <c r="B186" s="494"/>
      <c r="C186" s="481">
        <v>410</v>
      </c>
      <c r="D186" s="481"/>
      <c r="E186" s="481" t="s">
        <v>2481</v>
      </c>
      <c r="F186" s="482" t="s">
        <v>53</v>
      </c>
      <c r="G186" s="482" t="s">
        <v>515</v>
      </c>
      <c r="H186" s="484" t="s">
        <v>548</v>
      </c>
      <c r="I186" s="484" t="s">
        <v>536</v>
      </c>
      <c r="J186" s="484" t="s">
        <v>536</v>
      </c>
      <c r="K186" s="484"/>
      <c r="L186" s="484" t="s">
        <v>58</v>
      </c>
      <c r="M186" s="484" t="s">
        <v>319</v>
      </c>
      <c r="N186" s="484"/>
      <c r="O186" s="497" t="s">
        <v>60</v>
      </c>
      <c r="P186" s="484" t="s">
        <v>334</v>
      </c>
      <c r="Q186" s="484"/>
      <c r="R186" s="484" t="s">
        <v>181</v>
      </c>
      <c r="S186" s="484" t="s">
        <v>63</v>
      </c>
      <c r="T186" s="484" t="s">
        <v>63</v>
      </c>
      <c r="U186" s="485">
        <v>136650.23999999999</v>
      </c>
      <c r="V186" s="485"/>
      <c r="W186" s="484" t="s">
        <v>64</v>
      </c>
      <c r="X186" s="484"/>
      <c r="Y186" s="485">
        <v>136650.23999999999</v>
      </c>
      <c r="Z186" s="484" t="s">
        <v>82</v>
      </c>
      <c r="AA186" s="496"/>
      <c r="AB186" s="496"/>
      <c r="AC186" s="487" t="s">
        <v>66</v>
      </c>
      <c r="AD186" s="496"/>
      <c r="AE186" s="496"/>
      <c r="AF186" s="487"/>
      <c r="AG186" s="496"/>
      <c r="AH186" s="496"/>
      <c r="AI186" s="496"/>
      <c r="AJ186" s="496"/>
      <c r="AK186" s="496"/>
      <c r="AL186" s="496"/>
      <c r="AM186" s="496"/>
      <c r="AN186" s="496"/>
      <c r="AO186" s="496"/>
      <c r="AP186" s="496"/>
      <c r="AQ186" s="496"/>
      <c r="AR186" s="496"/>
      <c r="AS186" s="496"/>
      <c r="AT186" s="496"/>
      <c r="AU186" s="496"/>
      <c r="AV186" s="496"/>
      <c r="AW186" s="496"/>
      <c r="AX186" s="496"/>
      <c r="AY186" s="496"/>
      <c r="AZ186" s="496"/>
      <c r="BA186" s="496"/>
      <c r="BB186" s="496"/>
      <c r="BC186" s="496"/>
      <c r="BD186" s="496"/>
      <c r="BE186" s="496"/>
      <c r="BF186" s="80">
        <f t="shared" si="26"/>
        <v>450</v>
      </c>
      <c r="BG186" s="76">
        <f t="shared" si="25"/>
        <v>303.66719999999998</v>
      </c>
      <c r="BH186" s="487" t="str">
        <f t="shared" si="34"/>
        <v/>
      </c>
      <c r="BI186" s="487" t="str">
        <f t="shared" si="34"/>
        <v/>
      </c>
      <c r="BJ186" s="487">
        <f t="shared" si="34"/>
        <v>136650.23999999999</v>
      </c>
      <c r="BK186" s="487" t="str">
        <f t="shared" si="34"/>
        <v/>
      </c>
      <c r="BL186" s="487" t="str">
        <f t="shared" si="34"/>
        <v/>
      </c>
      <c r="BM186" s="487" t="str">
        <f t="shared" si="34"/>
        <v/>
      </c>
      <c r="BN186" s="487" t="str">
        <f t="shared" si="33"/>
        <v/>
      </c>
      <c r="BO186" s="487" t="str">
        <f t="shared" si="33"/>
        <v/>
      </c>
      <c r="BP186" s="487" t="str">
        <f t="shared" si="33"/>
        <v/>
      </c>
      <c r="BQ186" s="487" t="str">
        <f t="shared" si="33"/>
        <v/>
      </c>
      <c r="BR186" s="487" t="str">
        <f t="shared" si="33"/>
        <v/>
      </c>
      <c r="BS186" s="487" t="str">
        <f t="shared" si="33"/>
        <v/>
      </c>
      <c r="BT186" s="487" t="str">
        <f t="shared" si="35"/>
        <v/>
      </c>
      <c r="BU186" s="487" t="str">
        <f t="shared" si="35"/>
        <v/>
      </c>
      <c r="BV186" s="487" t="str">
        <f t="shared" si="35"/>
        <v/>
      </c>
      <c r="BW186" s="487" t="str">
        <f t="shared" si="35"/>
        <v/>
      </c>
      <c r="BX186" s="487" t="str">
        <f t="shared" si="35"/>
        <v/>
      </c>
      <c r="BY186" s="487" t="str">
        <f t="shared" si="35"/>
        <v/>
      </c>
      <c r="BZ186" s="487" t="str">
        <f t="shared" si="35"/>
        <v/>
      </c>
      <c r="CA186" s="487" t="str">
        <f t="shared" si="35"/>
        <v/>
      </c>
      <c r="CB186" s="487" t="str">
        <f t="shared" si="35"/>
        <v/>
      </c>
      <c r="CC186" s="487" t="str">
        <f t="shared" si="31"/>
        <v/>
      </c>
      <c r="CD186" s="487" t="str">
        <f t="shared" si="31"/>
        <v/>
      </c>
      <c r="CE186" s="487" t="str">
        <f t="shared" si="31"/>
        <v/>
      </c>
      <c r="CF186" s="487" t="str">
        <f t="shared" si="31"/>
        <v/>
      </c>
      <c r="CG186" s="487" t="str">
        <f t="shared" si="30"/>
        <v/>
      </c>
      <c r="CH186" s="487" t="str">
        <f t="shared" si="30"/>
        <v/>
      </c>
      <c r="CI186" s="487" t="str">
        <f t="shared" si="30"/>
        <v/>
      </c>
      <c r="CJ186" s="487" t="str">
        <f t="shared" si="30"/>
        <v/>
      </c>
      <c r="CK186" s="487" t="str">
        <f t="shared" si="30"/>
        <v/>
      </c>
      <c r="CL186" s="487" t="str">
        <f t="shared" si="30"/>
        <v/>
      </c>
      <c r="CM186" s="487"/>
      <c r="CN186" s="487"/>
      <c r="CO186" s="487"/>
      <c r="CP186" s="487"/>
      <c r="CQ186" s="487"/>
      <c r="CR186" s="487"/>
      <c r="CS186" s="487"/>
      <c r="CT186" s="487"/>
      <c r="CU186" s="487"/>
      <c r="CV186" s="487"/>
      <c r="CW186" s="487"/>
      <c r="CX186" s="487"/>
      <c r="CY186" s="487"/>
      <c r="CZ186" s="487"/>
      <c r="DA186" s="487"/>
      <c r="DB186" s="487"/>
      <c r="DC186" s="487"/>
      <c r="DD186" s="487"/>
      <c r="DE186" s="487"/>
      <c r="DF186" s="487"/>
      <c r="DG186" s="487"/>
      <c r="DH186" s="487"/>
      <c r="DI186" s="484"/>
      <c r="DJ186" s="484"/>
      <c r="DK186" s="484"/>
    </row>
    <row r="187" spans="1:115" s="354" customFormat="1" ht="56.1" hidden="1" customHeight="1" x14ac:dyDescent="0.2">
      <c r="A187" s="494"/>
      <c r="B187" s="494"/>
      <c r="C187" s="481">
        <v>411</v>
      </c>
      <c r="D187" s="481"/>
      <c r="E187" s="481" t="s">
        <v>2481</v>
      </c>
      <c r="F187" s="482" t="s">
        <v>53</v>
      </c>
      <c r="G187" s="482" t="s">
        <v>515</v>
      </c>
      <c r="H187" s="484" t="s">
        <v>518</v>
      </c>
      <c r="I187" s="484" t="s">
        <v>520</v>
      </c>
      <c r="J187" s="484" t="s">
        <v>520</v>
      </c>
      <c r="K187" s="484"/>
      <c r="L187" s="484" t="s">
        <v>58</v>
      </c>
      <c r="M187" s="484" t="s">
        <v>319</v>
      </c>
      <c r="N187" s="484"/>
      <c r="O187" s="497" t="s">
        <v>8</v>
      </c>
      <c r="P187" s="484" t="s">
        <v>334</v>
      </c>
      <c r="Q187" s="484"/>
      <c r="R187" s="484" t="s">
        <v>181</v>
      </c>
      <c r="S187" s="484" t="s">
        <v>63</v>
      </c>
      <c r="T187" s="484" t="s">
        <v>63</v>
      </c>
      <c r="U187" s="485">
        <v>358706.88</v>
      </c>
      <c r="V187" s="485"/>
      <c r="W187" s="484" t="s">
        <v>64</v>
      </c>
      <c r="X187" s="484"/>
      <c r="Y187" s="485">
        <v>358706.88</v>
      </c>
      <c r="Z187" s="484" t="s">
        <v>82</v>
      </c>
      <c r="AA187" s="496"/>
      <c r="AB187" s="496"/>
      <c r="AC187" s="487" t="s">
        <v>66</v>
      </c>
      <c r="AD187" s="496"/>
      <c r="AE187" s="496"/>
      <c r="AF187" s="487"/>
      <c r="AG187" s="496"/>
      <c r="AH187" s="496"/>
      <c r="AI187" s="496"/>
      <c r="AJ187" s="496"/>
      <c r="AK187" s="496"/>
      <c r="AL187" s="496"/>
      <c r="AM187" s="496"/>
      <c r="AN187" s="496"/>
      <c r="AO187" s="496"/>
      <c r="AP187" s="496"/>
      <c r="AQ187" s="496"/>
      <c r="AR187" s="496"/>
      <c r="AS187" s="496"/>
      <c r="AT187" s="496"/>
      <c r="AU187" s="496"/>
      <c r="AV187" s="496"/>
      <c r="AW187" s="496"/>
      <c r="AX187" s="496"/>
      <c r="AY187" s="496"/>
      <c r="AZ187" s="496"/>
      <c r="BA187" s="496"/>
      <c r="BB187" s="496"/>
      <c r="BC187" s="496"/>
      <c r="BD187" s="496"/>
      <c r="BE187" s="496"/>
      <c r="BF187" s="80">
        <f t="shared" si="26"/>
        <v>450</v>
      </c>
      <c r="BG187" s="76">
        <f t="shared" ref="BG187:BG191" si="36">Y187/BF187</f>
        <v>797.12639999999999</v>
      </c>
      <c r="BH187" s="487" t="str">
        <f t="shared" si="34"/>
        <v/>
      </c>
      <c r="BI187" s="487" t="str">
        <f t="shared" si="34"/>
        <v/>
      </c>
      <c r="BJ187" s="487">
        <f t="shared" si="34"/>
        <v>358706.88</v>
      </c>
      <c r="BK187" s="487" t="str">
        <f t="shared" si="34"/>
        <v/>
      </c>
      <c r="BL187" s="487" t="str">
        <f t="shared" si="34"/>
        <v/>
      </c>
      <c r="BM187" s="487" t="str">
        <f t="shared" si="34"/>
        <v/>
      </c>
      <c r="BN187" s="487" t="str">
        <f t="shared" si="33"/>
        <v/>
      </c>
      <c r="BO187" s="487" t="str">
        <f t="shared" si="33"/>
        <v/>
      </c>
      <c r="BP187" s="487" t="str">
        <f t="shared" si="33"/>
        <v/>
      </c>
      <c r="BQ187" s="487" t="str">
        <f t="shared" si="33"/>
        <v/>
      </c>
      <c r="BR187" s="487" t="str">
        <f t="shared" si="33"/>
        <v/>
      </c>
      <c r="BS187" s="487" t="str">
        <f t="shared" si="33"/>
        <v/>
      </c>
      <c r="BT187" s="487" t="str">
        <f t="shared" si="35"/>
        <v/>
      </c>
      <c r="BU187" s="487" t="str">
        <f t="shared" si="35"/>
        <v/>
      </c>
      <c r="BV187" s="487" t="str">
        <f t="shared" si="35"/>
        <v/>
      </c>
      <c r="BW187" s="487" t="str">
        <f t="shared" si="35"/>
        <v/>
      </c>
      <c r="BX187" s="487" t="str">
        <f t="shared" si="35"/>
        <v/>
      </c>
      <c r="BY187" s="487" t="str">
        <f t="shared" si="35"/>
        <v/>
      </c>
      <c r="BZ187" s="487" t="str">
        <f t="shared" si="35"/>
        <v/>
      </c>
      <c r="CA187" s="487" t="str">
        <f t="shared" si="35"/>
        <v/>
      </c>
      <c r="CB187" s="487" t="str">
        <f t="shared" si="35"/>
        <v/>
      </c>
      <c r="CC187" s="487" t="str">
        <f t="shared" si="31"/>
        <v/>
      </c>
      <c r="CD187" s="487" t="str">
        <f t="shared" si="31"/>
        <v/>
      </c>
      <c r="CE187" s="487" t="str">
        <f t="shared" si="31"/>
        <v/>
      </c>
      <c r="CF187" s="487" t="str">
        <f t="shared" si="31"/>
        <v/>
      </c>
      <c r="CG187" s="487" t="str">
        <f t="shared" si="30"/>
        <v/>
      </c>
      <c r="CH187" s="487" t="str">
        <f t="shared" si="30"/>
        <v/>
      </c>
      <c r="CI187" s="487" t="str">
        <f t="shared" si="30"/>
        <v/>
      </c>
      <c r="CJ187" s="487" t="str">
        <f t="shared" si="30"/>
        <v/>
      </c>
      <c r="CK187" s="487" t="str">
        <f t="shared" si="30"/>
        <v/>
      </c>
      <c r="CL187" s="487" t="str">
        <f t="shared" si="30"/>
        <v/>
      </c>
      <c r="CM187" s="487"/>
      <c r="CN187" s="487"/>
      <c r="CO187" s="487"/>
      <c r="CP187" s="487"/>
      <c r="CQ187" s="487"/>
      <c r="CR187" s="487"/>
      <c r="CS187" s="487"/>
      <c r="CT187" s="487"/>
      <c r="CU187" s="487"/>
      <c r="CV187" s="487"/>
      <c r="CW187" s="487"/>
      <c r="CX187" s="487"/>
      <c r="CY187" s="487"/>
      <c r="CZ187" s="487"/>
      <c r="DA187" s="487"/>
      <c r="DB187" s="487"/>
      <c r="DC187" s="487"/>
      <c r="DD187" s="487"/>
      <c r="DE187" s="487"/>
      <c r="DF187" s="487"/>
      <c r="DG187" s="487"/>
      <c r="DH187" s="487"/>
      <c r="DI187" s="484"/>
      <c r="DJ187" s="484"/>
      <c r="DK187" s="484"/>
    </row>
    <row r="188" spans="1:115" s="354" customFormat="1" ht="56.1" hidden="1" customHeight="1" x14ac:dyDescent="0.2">
      <c r="A188" s="494"/>
      <c r="B188" s="494"/>
      <c r="C188" s="481">
        <v>412</v>
      </c>
      <c r="D188" s="481"/>
      <c r="E188" s="481" t="s">
        <v>2481</v>
      </c>
      <c r="F188" s="482" t="s">
        <v>53</v>
      </c>
      <c r="G188" s="482" t="s">
        <v>515</v>
      </c>
      <c r="H188" s="484" t="s">
        <v>521</v>
      </c>
      <c r="I188" s="484" t="s">
        <v>522</v>
      </c>
      <c r="J188" s="484" t="s">
        <v>522</v>
      </c>
      <c r="K188" s="484"/>
      <c r="L188" s="484" t="s">
        <v>58</v>
      </c>
      <c r="M188" s="484" t="s">
        <v>319</v>
      </c>
      <c r="N188" s="484"/>
      <c r="O188" s="497" t="s">
        <v>8</v>
      </c>
      <c r="P188" s="484" t="s">
        <v>334</v>
      </c>
      <c r="Q188" s="484"/>
      <c r="R188" s="484" t="s">
        <v>181</v>
      </c>
      <c r="S188" s="484" t="s">
        <v>63</v>
      </c>
      <c r="T188" s="484" t="s">
        <v>63</v>
      </c>
      <c r="U188" s="485">
        <v>501050.88000000006</v>
      </c>
      <c r="V188" s="485"/>
      <c r="W188" s="484" t="s">
        <v>64</v>
      </c>
      <c r="X188" s="484"/>
      <c r="Y188" s="485">
        <v>501050.88000000006</v>
      </c>
      <c r="Z188" s="484" t="s">
        <v>82</v>
      </c>
      <c r="AA188" s="496"/>
      <c r="AB188" s="496"/>
      <c r="AC188" s="487" t="s">
        <v>66</v>
      </c>
      <c r="AD188" s="496"/>
      <c r="AE188" s="496"/>
      <c r="AF188" s="487"/>
      <c r="AG188" s="496"/>
      <c r="AH188" s="496"/>
      <c r="AI188" s="496"/>
      <c r="AJ188" s="496"/>
      <c r="AK188" s="496"/>
      <c r="AL188" s="496"/>
      <c r="AM188" s="496"/>
      <c r="AN188" s="496"/>
      <c r="AO188" s="496"/>
      <c r="AP188" s="496"/>
      <c r="AQ188" s="496"/>
      <c r="AR188" s="496"/>
      <c r="AS188" s="496"/>
      <c r="AT188" s="496"/>
      <c r="AU188" s="496"/>
      <c r="AV188" s="496"/>
      <c r="AW188" s="496"/>
      <c r="AX188" s="496"/>
      <c r="AY188" s="496"/>
      <c r="AZ188" s="496"/>
      <c r="BA188" s="496"/>
      <c r="BB188" s="496"/>
      <c r="BC188" s="496"/>
      <c r="BD188" s="496"/>
      <c r="BE188" s="496"/>
      <c r="BF188" s="80">
        <f t="shared" si="26"/>
        <v>450</v>
      </c>
      <c r="BG188" s="76">
        <f t="shared" si="36"/>
        <v>1113.4464</v>
      </c>
      <c r="BH188" s="487" t="str">
        <f t="shared" si="34"/>
        <v/>
      </c>
      <c r="BI188" s="487" t="str">
        <f t="shared" si="34"/>
        <v/>
      </c>
      <c r="BJ188" s="487">
        <f t="shared" si="34"/>
        <v>501050.88</v>
      </c>
      <c r="BK188" s="487" t="str">
        <f t="shared" si="34"/>
        <v/>
      </c>
      <c r="BL188" s="487" t="str">
        <f t="shared" si="34"/>
        <v/>
      </c>
      <c r="BM188" s="487" t="str">
        <f t="shared" si="34"/>
        <v/>
      </c>
      <c r="BN188" s="487" t="str">
        <f t="shared" si="33"/>
        <v/>
      </c>
      <c r="BO188" s="487" t="str">
        <f t="shared" si="33"/>
        <v/>
      </c>
      <c r="BP188" s="487" t="str">
        <f t="shared" si="33"/>
        <v/>
      </c>
      <c r="BQ188" s="487" t="str">
        <f t="shared" si="33"/>
        <v/>
      </c>
      <c r="BR188" s="487" t="str">
        <f t="shared" si="33"/>
        <v/>
      </c>
      <c r="BS188" s="487" t="str">
        <f t="shared" si="33"/>
        <v/>
      </c>
      <c r="BT188" s="487" t="str">
        <f t="shared" si="35"/>
        <v/>
      </c>
      <c r="BU188" s="487" t="str">
        <f t="shared" si="35"/>
        <v/>
      </c>
      <c r="BV188" s="487" t="str">
        <f t="shared" si="35"/>
        <v/>
      </c>
      <c r="BW188" s="487" t="str">
        <f t="shared" si="35"/>
        <v/>
      </c>
      <c r="BX188" s="487" t="str">
        <f t="shared" si="35"/>
        <v/>
      </c>
      <c r="BY188" s="487" t="str">
        <f t="shared" si="35"/>
        <v/>
      </c>
      <c r="BZ188" s="487" t="str">
        <f t="shared" si="35"/>
        <v/>
      </c>
      <c r="CA188" s="487" t="str">
        <f t="shared" si="35"/>
        <v/>
      </c>
      <c r="CB188" s="487" t="str">
        <f t="shared" si="35"/>
        <v/>
      </c>
      <c r="CC188" s="487" t="str">
        <f t="shared" si="31"/>
        <v/>
      </c>
      <c r="CD188" s="487" t="str">
        <f t="shared" si="31"/>
        <v/>
      </c>
      <c r="CE188" s="487" t="str">
        <f t="shared" si="31"/>
        <v/>
      </c>
      <c r="CF188" s="487" t="str">
        <f t="shared" si="31"/>
        <v/>
      </c>
      <c r="CG188" s="487" t="str">
        <f t="shared" si="30"/>
        <v/>
      </c>
      <c r="CH188" s="487" t="str">
        <f t="shared" si="30"/>
        <v/>
      </c>
      <c r="CI188" s="487" t="str">
        <f t="shared" si="30"/>
        <v/>
      </c>
      <c r="CJ188" s="487" t="str">
        <f t="shared" si="30"/>
        <v/>
      </c>
      <c r="CK188" s="487" t="str">
        <f t="shared" si="30"/>
        <v/>
      </c>
      <c r="CL188" s="487" t="str">
        <f t="shared" si="30"/>
        <v/>
      </c>
      <c r="CM188" s="487"/>
      <c r="CN188" s="487"/>
      <c r="CO188" s="487"/>
      <c r="CP188" s="487"/>
      <c r="CQ188" s="487"/>
      <c r="CR188" s="487"/>
      <c r="CS188" s="487"/>
      <c r="CT188" s="487"/>
      <c r="CU188" s="487"/>
      <c r="CV188" s="487"/>
      <c r="CW188" s="487"/>
      <c r="CX188" s="487"/>
      <c r="CY188" s="487"/>
      <c r="CZ188" s="487"/>
      <c r="DA188" s="487"/>
      <c r="DB188" s="487"/>
      <c r="DC188" s="487"/>
      <c r="DD188" s="487"/>
      <c r="DE188" s="487"/>
      <c r="DF188" s="487"/>
      <c r="DG188" s="487"/>
      <c r="DH188" s="487"/>
      <c r="DI188" s="484"/>
      <c r="DJ188" s="484"/>
      <c r="DK188" s="484"/>
    </row>
    <row r="189" spans="1:115" s="354" customFormat="1" ht="56.1" hidden="1" customHeight="1" x14ac:dyDescent="0.2">
      <c r="A189" s="494"/>
      <c r="B189" s="494"/>
      <c r="C189" s="481">
        <v>413</v>
      </c>
      <c r="D189" s="481"/>
      <c r="E189" s="481" t="s">
        <v>2481</v>
      </c>
      <c r="F189" s="482" t="s">
        <v>53</v>
      </c>
      <c r="G189" s="482" t="s">
        <v>515</v>
      </c>
      <c r="H189" s="484" t="s">
        <v>523</v>
      </c>
      <c r="I189" s="484" t="s">
        <v>540</v>
      </c>
      <c r="J189" s="484" t="s">
        <v>540</v>
      </c>
      <c r="K189" s="484"/>
      <c r="L189" s="484" t="s">
        <v>58</v>
      </c>
      <c r="M189" s="484" t="s">
        <v>319</v>
      </c>
      <c r="N189" s="484"/>
      <c r="O189" s="484" t="s">
        <v>388</v>
      </c>
      <c r="P189" s="484" t="s">
        <v>525</v>
      </c>
      <c r="Q189" s="484"/>
      <c r="R189" s="484" t="s">
        <v>181</v>
      </c>
      <c r="S189" s="484" t="s">
        <v>63</v>
      </c>
      <c r="T189" s="484" t="s">
        <v>63</v>
      </c>
      <c r="U189" s="485">
        <v>43494</v>
      </c>
      <c r="V189" s="485"/>
      <c r="W189" s="484" t="s">
        <v>64</v>
      </c>
      <c r="X189" s="484"/>
      <c r="Y189" s="485">
        <v>43494</v>
      </c>
      <c r="Z189" s="484" t="s">
        <v>82</v>
      </c>
      <c r="AA189" s="496"/>
      <c r="AB189" s="496"/>
      <c r="AC189" s="487" t="s">
        <v>66</v>
      </c>
      <c r="AD189" s="496"/>
      <c r="AE189" s="496"/>
      <c r="AF189" s="487"/>
      <c r="AG189" s="496"/>
      <c r="AH189" s="496"/>
      <c r="AI189" s="496"/>
      <c r="AJ189" s="496"/>
      <c r="AK189" s="496"/>
      <c r="AL189" s="496"/>
      <c r="AM189" s="496"/>
      <c r="AN189" s="496"/>
      <c r="AO189" s="496"/>
      <c r="AP189" s="496"/>
      <c r="AQ189" s="496"/>
      <c r="AR189" s="496"/>
      <c r="AS189" s="496"/>
      <c r="AT189" s="496"/>
      <c r="AU189" s="496"/>
      <c r="AV189" s="496"/>
      <c r="AW189" s="496"/>
      <c r="AX189" s="496"/>
      <c r="AY189" s="496"/>
      <c r="AZ189" s="496"/>
      <c r="BA189" s="496"/>
      <c r="BB189" s="496"/>
      <c r="BC189" s="496"/>
      <c r="BD189" s="496"/>
      <c r="BE189" s="496"/>
      <c r="BF189" s="80">
        <f t="shared" si="26"/>
        <v>450</v>
      </c>
      <c r="BG189" s="76">
        <f t="shared" si="36"/>
        <v>96.653333333333336</v>
      </c>
      <c r="BH189" s="487" t="str">
        <f t="shared" si="34"/>
        <v/>
      </c>
      <c r="BI189" s="487" t="str">
        <f t="shared" si="34"/>
        <v/>
      </c>
      <c r="BJ189" s="487">
        <f t="shared" si="34"/>
        <v>43494</v>
      </c>
      <c r="BK189" s="487" t="str">
        <f t="shared" si="34"/>
        <v/>
      </c>
      <c r="BL189" s="487" t="str">
        <f t="shared" si="34"/>
        <v/>
      </c>
      <c r="BM189" s="487" t="str">
        <f t="shared" si="34"/>
        <v/>
      </c>
      <c r="BN189" s="487" t="str">
        <f t="shared" si="33"/>
        <v/>
      </c>
      <c r="BO189" s="487" t="str">
        <f t="shared" si="33"/>
        <v/>
      </c>
      <c r="BP189" s="487" t="str">
        <f t="shared" si="33"/>
        <v/>
      </c>
      <c r="BQ189" s="487" t="str">
        <f t="shared" si="33"/>
        <v/>
      </c>
      <c r="BR189" s="487" t="str">
        <f t="shared" si="33"/>
        <v/>
      </c>
      <c r="BS189" s="487" t="str">
        <f t="shared" si="33"/>
        <v/>
      </c>
      <c r="BT189" s="487" t="str">
        <f t="shared" si="35"/>
        <v/>
      </c>
      <c r="BU189" s="487" t="str">
        <f t="shared" si="35"/>
        <v/>
      </c>
      <c r="BV189" s="487" t="str">
        <f t="shared" si="35"/>
        <v/>
      </c>
      <c r="BW189" s="487" t="str">
        <f t="shared" si="35"/>
        <v/>
      </c>
      <c r="BX189" s="487" t="str">
        <f t="shared" si="35"/>
        <v/>
      </c>
      <c r="BY189" s="487" t="str">
        <f t="shared" si="35"/>
        <v/>
      </c>
      <c r="BZ189" s="487" t="str">
        <f t="shared" si="35"/>
        <v/>
      </c>
      <c r="CA189" s="487" t="str">
        <f t="shared" si="35"/>
        <v/>
      </c>
      <c r="CB189" s="487" t="str">
        <f t="shared" si="35"/>
        <v/>
      </c>
      <c r="CC189" s="487" t="str">
        <f t="shared" si="31"/>
        <v/>
      </c>
      <c r="CD189" s="487" t="str">
        <f t="shared" si="31"/>
        <v/>
      </c>
      <c r="CE189" s="487" t="str">
        <f t="shared" si="31"/>
        <v/>
      </c>
      <c r="CF189" s="487" t="str">
        <f t="shared" si="31"/>
        <v/>
      </c>
      <c r="CG189" s="487" t="str">
        <f t="shared" si="30"/>
        <v/>
      </c>
      <c r="CH189" s="487" t="str">
        <f t="shared" si="30"/>
        <v/>
      </c>
      <c r="CI189" s="487" t="str">
        <f t="shared" si="30"/>
        <v/>
      </c>
      <c r="CJ189" s="487" t="str">
        <f t="shared" si="30"/>
        <v/>
      </c>
      <c r="CK189" s="487" t="str">
        <f t="shared" si="30"/>
        <v/>
      </c>
      <c r="CL189" s="487" t="str">
        <f t="shared" si="30"/>
        <v/>
      </c>
      <c r="CM189" s="487"/>
      <c r="CN189" s="487"/>
      <c r="CO189" s="487"/>
      <c r="CP189" s="487"/>
      <c r="CQ189" s="487"/>
      <c r="CR189" s="487"/>
      <c r="CS189" s="487"/>
      <c r="CT189" s="487"/>
      <c r="CU189" s="487"/>
      <c r="CV189" s="487"/>
      <c r="CW189" s="487"/>
      <c r="CX189" s="487"/>
      <c r="CY189" s="487"/>
      <c r="CZ189" s="487"/>
      <c r="DA189" s="487"/>
      <c r="DB189" s="487"/>
      <c r="DC189" s="487"/>
      <c r="DD189" s="487"/>
      <c r="DE189" s="487"/>
      <c r="DF189" s="487"/>
      <c r="DG189" s="487"/>
      <c r="DH189" s="487"/>
      <c r="DI189" s="484"/>
      <c r="DJ189" s="484"/>
      <c r="DK189" s="484"/>
    </row>
    <row r="190" spans="1:115" s="354" customFormat="1" ht="56.1" hidden="1" customHeight="1" x14ac:dyDescent="0.2">
      <c r="A190" s="494"/>
      <c r="B190" s="494"/>
      <c r="C190" s="481">
        <v>414</v>
      </c>
      <c r="D190" s="481"/>
      <c r="E190" s="481" t="s">
        <v>2481</v>
      </c>
      <c r="F190" s="482" t="s">
        <v>53</v>
      </c>
      <c r="G190" s="482" t="s">
        <v>515</v>
      </c>
      <c r="H190" s="484" t="s">
        <v>539</v>
      </c>
      <c r="I190" s="484" t="s">
        <v>541</v>
      </c>
      <c r="J190" s="484" t="s">
        <v>541</v>
      </c>
      <c r="K190" s="484"/>
      <c r="L190" s="484" t="s">
        <v>58</v>
      </c>
      <c r="M190" s="484" t="s">
        <v>319</v>
      </c>
      <c r="N190" s="484"/>
      <c r="O190" s="484" t="s">
        <v>388</v>
      </c>
      <c r="P190" s="484" t="s">
        <v>525</v>
      </c>
      <c r="Q190" s="484"/>
      <c r="R190" s="484" t="s">
        <v>181</v>
      </c>
      <c r="S190" s="484" t="s">
        <v>63</v>
      </c>
      <c r="T190" s="484" t="s">
        <v>63</v>
      </c>
      <c r="U190" s="485">
        <v>105440</v>
      </c>
      <c r="V190" s="485"/>
      <c r="W190" s="484" t="s">
        <v>64</v>
      </c>
      <c r="X190" s="484"/>
      <c r="Y190" s="485">
        <v>105440</v>
      </c>
      <c r="Z190" s="484" t="s">
        <v>82</v>
      </c>
      <c r="AA190" s="496"/>
      <c r="AB190" s="496"/>
      <c r="AC190" s="487" t="s">
        <v>66</v>
      </c>
      <c r="AD190" s="496"/>
      <c r="AE190" s="496"/>
      <c r="AF190" s="487"/>
      <c r="AG190" s="496"/>
      <c r="AH190" s="496"/>
      <c r="AI190" s="496"/>
      <c r="AJ190" s="496"/>
      <c r="AK190" s="496"/>
      <c r="AL190" s="496"/>
      <c r="AM190" s="496"/>
      <c r="AN190" s="496"/>
      <c r="AO190" s="496"/>
      <c r="AP190" s="496"/>
      <c r="AQ190" s="496"/>
      <c r="AR190" s="496"/>
      <c r="AS190" s="496"/>
      <c r="AT190" s="496"/>
      <c r="AU190" s="496"/>
      <c r="AV190" s="496"/>
      <c r="AW190" s="496"/>
      <c r="AX190" s="496"/>
      <c r="AY190" s="496"/>
      <c r="AZ190" s="496"/>
      <c r="BA190" s="496"/>
      <c r="BB190" s="496"/>
      <c r="BC190" s="496"/>
      <c r="BD190" s="496"/>
      <c r="BE190" s="496"/>
      <c r="BF190" s="80">
        <f t="shared" si="26"/>
        <v>450</v>
      </c>
      <c r="BG190" s="76">
        <f t="shared" si="36"/>
        <v>234.3111111111111</v>
      </c>
      <c r="BH190" s="487" t="str">
        <f t="shared" si="34"/>
        <v/>
      </c>
      <c r="BI190" s="487" t="str">
        <f t="shared" si="34"/>
        <v/>
      </c>
      <c r="BJ190" s="487">
        <f t="shared" si="34"/>
        <v>105440</v>
      </c>
      <c r="BK190" s="487" t="str">
        <f t="shared" si="34"/>
        <v/>
      </c>
      <c r="BL190" s="487" t="str">
        <f t="shared" si="34"/>
        <v/>
      </c>
      <c r="BM190" s="487" t="str">
        <f t="shared" si="34"/>
        <v/>
      </c>
      <c r="BN190" s="487" t="str">
        <f t="shared" si="33"/>
        <v/>
      </c>
      <c r="BO190" s="487" t="str">
        <f t="shared" si="33"/>
        <v/>
      </c>
      <c r="BP190" s="487" t="str">
        <f t="shared" si="33"/>
        <v/>
      </c>
      <c r="BQ190" s="487" t="str">
        <f t="shared" si="33"/>
        <v/>
      </c>
      <c r="BR190" s="487" t="str">
        <f t="shared" si="33"/>
        <v/>
      </c>
      <c r="BS190" s="487" t="str">
        <f t="shared" si="33"/>
        <v/>
      </c>
      <c r="BT190" s="487" t="str">
        <f t="shared" si="35"/>
        <v/>
      </c>
      <c r="BU190" s="487" t="str">
        <f t="shared" si="35"/>
        <v/>
      </c>
      <c r="BV190" s="487" t="str">
        <f t="shared" si="35"/>
        <v/>
      </c>
      <c r="BW190" s="487" t="str">
        <f t="shared" si="35"/>
        <v/>
      </c>
      <c r="BX190" s="487" t="str">
        <f t="shared" si="35"/>
        <v/>
      </c>
      <c r="BY190" s="487" t="str">
        <f t="shared" si="35"/>
        <v/>
      </c>
      <c r="BZ190" s="487" t="str">
        <f t="shared" si="35"/>
        <v/>
      </c>
      <c r="CA190" s="487" t="str">
        <f t="shared" si="35"/>
        <v/>
      </c>
      <c r="CB190" s="487" t="str">
        <f t="shared" si="35"/>
        <v/>
      </c>
      <c r="CC190" s="487" t="str">
        <f t="shared" si="31"/>
        <v/>
      </c>
      <c r="CD190" s="487" t="str">
        <f t="shared" si="31"/>
        <v/>
      </c>
      <c r="CE190" s="487" t="str">
        <f t="shared" si="31"/>
        <v/>
      </c>
      <c r="CF190" s="487" t="str">
        <f t="shared" si="31"/>
        <v/>
      </c>
      <c r="CG190" s="487" t="str">
        <f t="shared" si="30"/>
        <v/>
      </c>
      <c r="CH190" s="487" t="str">
        <f t="shared" si="30"/>
        <v/>
      </c>
      <c r="CI190" s="487" t="str">
        <f t="shared" si="30"/>
        <v/>
      </c>
      <c r="CJ190" s="487" t="str">
        <f t="shared" si="30"/>
        <v/>
      </c>
      <c r="CK190" s="487" t="str">
        <f t="shared" si="30"/>
        <v/>
      </c>
      <c r="CL190" s="487" t="str">
        <f t="shared" si="30"/>
        <v/>
      </c>
      <c r="CM190" s="487"/>
      <c r="CN190" s="487"/>
      <c r="CO190" s="487"/>
      <c r="CP190" s="487"/>
      <c r="CQ190" s="487"/>
      <c r="CR190" s="487"/>
      <c r="CS190" s="487"/>
      <c r="CT190" s="487"/>
      <c r="CU190" s="487"/>
      <c r="CV190" s="487"/>
      <c r="CW190" s="487"/>
      <c r="CX190" s="487"/>
      <c r="CY190" s="487"/>
      <c r="CZ190" s="487"/>
      <c r="DA190" s="487"/>
      <c r="DB190" s="487"/>
      <c r="DC190" s="487"/>
      <c r="DD190" s="487"/>
      <c r="DE190" s="487"/>
      <c r="DF190" s="487"/>
      <c r="DG190" s="487"/>
      <c r="DH190" s="487"/>
      <c r="DI190" s="484"/>
      <c r="DJ190" s="484"/>
      <c r="DK190" s="484"/>
    </row>
    <row r="191" spans="1:115" s="354" customFormat="1" ht="56.1" hidden="1" customHeight="1" x14ac:dyDescent="0.2">
      <c r="A191" s="494"/>
      <c r="B191" s="494"/>
      <c r="C191" s="481">
        <v>415</v>
      </c>
      <c r="D191" s="481"/>
      <c r="E191" s="481" t="s">
        <v>2481</v>
      </c>
      <c r="F191" s="482" t="s">
        <v>53</v>
      </c>
      <c r="G191" s="482" t="s">
        <v>515</v>
      </c>
      <c r="H191" s="484" t="s">
        <v>528</v>
      </c>
      <c r="I191" s="484" t="s">
        <v>558</v>
      </c>
      <c r="J191" s="484" t="s">
        <v>558</v>
      </c>
      <c r="K191" s="484"/>
      <c r="L191" s="484" t="s">
        <v>58</v>
      </c>
      <c r="M191" s="484" t="s">
        <v>319</v>
      </c>
      <c r="N191" s="484"/>
      <c r="O191" s="484" t="s">
        <v>388</v>
      </c>
      <c r="P191" s="484" t="s">
        <v>525</v>
      </c>
      <c r="Q191" s="484"/>
      <c r="R191" s="484" t="s">
        <v>181</v>
      </c>
      <c r="S191" s="484" t="s">
        <v>63</v>
      </c>
      <c r="T191" s="484" t="s">
        <v>63</v>
      </c>
      <c r="U191" s="485">
        <v>63872.307692307688</v>
      </c>
      <c r="V191" s="485"/>
      <c r="W191" s="484" t="s">
        <v>64</v>
      </c>
      <c r="X191" s="484"/>
      <c r="Y191" s="485">
        <v>63872.307692307688</v>
      </c>
      <c r="Z191" s="484" t="s">
        <v>82</v>
      </c>
      <c r="AA191" s="496"/>
      <c r="AB191" s="496"/>
      <c r="AC191" s="487" t="s">
        <v>66</v>
      </c>
      <c r="AD191" s="496"/>
      <c r="AE191" s="496"/>
      <c r="AF191" s="487"/>
      <c r="AG191" s="496"/>
      <c r="AH191" s="496"/>
      <c r="AI191" s="496"/>
      <c r="AJ191" s="496"/>
      <c r="AK191" s="496"/>
      <c r="AL191" s="496"/>
      <c r="AM191" s="496"/>
      <c r="AN191" s="496"/>
      <c r="AO191" s="496"/>
      <c r="AP191" s="496"/>
      <c r="AQ191" s="496"/>
      <c r="AR191" s="496"/>
      <c r="AS191" s="496"/>
      <c r="AT191" s="496"/>
      <c r="AU191" s="496"/>
      <c r="AV191" s="496"/>
      <c r="AW191" s="496"/>
      <c r="AX191" s="496"/>
      <c r="AY191" s="496"/>
      <c r="AZ191" s="496"/>
      <c r="BA191" s="496"/>
      <c r="BB191" s="496"/>
      <c r="BC191" s="496"/>
      <c r="BD191" s="496"/>
      <c r="BE191" s="496"/>
      <c r="BF191" s="80">
        <f t="shared" si="26"/>
        <v>450</v>
      </c>
      <c r="BG191" s="76">
        <f t="shared" si="36"/>
        <v>141.93846153846152</v>
      </c>
      <c r="BH191" s="487" t="str">
        <f t="shared" si="34"/>
        <v/>
      </c>
      <c r="BI191" s="487" t="str">
        <f t="shared" si="34"/>
        <v/>
      </c>
      <c r="BJ191" s="487">
        <f t="shared" si="34"/>
        <v>63872.307692307688</v>
      </c>
      <c r="BK191" s="487" t="str">
        <f t="shared" si="34"/>
        <v/>
      </c>
      <c r="BL191" s="487" t="str">
        <f t="shared" si="34"/>
        <v/>
      </c>
      <c r="BM191" s="487" t="str">
        <f t="shared" si="34"/>
        <v/>
      </c>
      <c r="BN191" s="487" t="str">
        <f t="shared" si="33"/>
        <v/>
      </c>
      <c r="BO191" s="487" t="str">
        <f t="shared" si="33"/>
        <v/>
      </c>
      <c r="BP191" s="487" t="str">
        <f t="shared" si="33"/>
        <v/>
      </c>
      <c r="BQ191" s="487" t="str">
        <f t="shared" si="33"/>
        <v/>
      </c>
      <c r="BR191" s="487" t="str">
        <f t="shared" si="33"/>
        <v/>
      </c>
      <c r="BS191" s="487" t="str">
        <f t="shared" si="33"/>
        <v/>
      </c>
      <c r="BT191" s="487" t="str">
        <f t="shared" si="35"/>
        <v/>
      </c>
      <c r="BU191" s="487" t="str">
        <f t="shared" si="35"/>
        <v/>
      </c>
      <c r="BV191" s="487" t="str">
        <f t="shared" si="35"/>
        <v/>
      </c>
      <c r="BW191" s="487" t="str">
        <f t="shared" si="35"/>
        <v/>
      </c>
      <c r="BX191" s="487" t="str">
        <f t="shared" si="35"/>
        <v/>
      </c>
      <c r="BY191" s="487" t="str">
        <f t="shared" si="35"/>
        <v/>
      </c>
      <c r="BZ191" s="487" t="str">
        <f t="shared" si="35"/>
        <v/>
      </c>
      <c r="CA191" s="487" t="str">
        <f t="shared" si="35"/>
        <v/>
      </c>
      <c r="CB191" s="487" t="str">
        <f t="shared" si="35"/>
        <v/>
      </c>
      <c r="CC191" s="487" t="str">
        <f t="shared" si="31"/>
        <v/>
      </c>
      <c r="CD191" s="487" t="str">
        <f t="shared" si="31"/>
        <v/>
      </c>
      <c r="CE191" s="487" t="str">
        <f t="shared" si="31"/>
        <v/>
      </c>
      <c r="CF191" s="487" t="str">
        <f t="shared" si="31"/>
        <v/>
      </c>
      <c r="CG191" s="487" t="str">
        <f t="shared" si="30"/>
        <v/>
      </c>
      <c r="CH191" s="487" t="str">
        <f t="shared" si="30"/>
        <v/>
      </c>
      <c r="CI191" s="487" t="str">
        <f t="shared" si="30"/>
        <v/>
      </c>
      <c r="CJ191" s="487" t="str">
        <f t="shared" si="30"/>
        <v/>
      </c>
      <c r="CK191" s="487" t="str">
        <f t="shared" si="30"/>
        <v/>
      </c>
      <c r="CL191" s="487" t="str">
        <f t="shared" si="30"/>
        <v/>
      </c>
      <c r="CM191" s="487"/>
      <c r="CN191" s="487"/>
      <c r="CO191" s="487"/>
      <c r="CP191" s="487"/>
      <c r="CQ191" s="487"/>
      <c r="CR191" s="487"/>
      <c r="CS191" s="487"/>
      <c r="CT191" s="487"/>
      <c r="CU191" s="487"/>
      <c r="CV191" s="487"/>
      <c r="CW191" s="487"/>
      <c r="CX191" s="487"/>
      <c r="CY191" s="487"/>
      <c r="CZ191" s="487"/>
      <c r="DA191" s="487"/>
      <c r="DB191" s="487"/>
      <c r="DC191" s="487"/>
      <c r="DD191" s="487"/>
      <c r="DE191" s="487"/>
      <c r="DF191" s="487"/>
      <c r="DG191" s="487"/>
      <c r="DH191" s="487"/>
      <c r="DI191" s="484"/>
      <c r="DJ191" s="484"/>
      <c r="DK191" s="484"/>
    </row>
    <row r="192" spans="1:115" s="354" customFormat="1" ht="56.1" hidden="1" customHeight="1" x14ac:dyDescent="0.2">
      <c r="A192" s="494"/>
      <c r="B192" s="494"/>
      <c r="C192" s="481">
        <v>416</v>
      </c>
      <c r="D192" s="481"/>
      <c r="E192" s="481" t="s">
        <v>2481</v>
      </c>
      <c r="F192" s="482" t="s">
        <v>53</v>
      </c>
      <c r="G192" s="482" t="s">
        <v>515</v>
      </c>
      <c r="H192" s="484" t="s">
        <v>530</v>
      </c>
      <c r="I192" s="484" t="s">
        <v>532</v>
      </c>
      <c r="J192" s="484" t="s">
        <v>532</v>
      </c>
      <c r="K192" s="484"/>
      <c r="L192" s="484" t="s">
        <v>58</v>
      </c>
      <c r="M192" s="484" t="s">
        <v>319</v>
      </c>
      <c r="N192" s="484"/>
      <c r="O192" s="484" t="s">
        <v>8</v>
      </c>
      <c r="P192" s="484" t="s">
        <v>525</v>
      </c>
      <c r="Q192" s="484"/>
      <c r="R192" s="484" t="s">
        <v>181</v>
      </c>
      <c r="S192" s="484" t="s">
        <v>63</v>
      </c>
      <c r="T192" s="484" t="s">
        <v>63</v>
      </c>
      <c r="U192" s="485">
        <v>0</v>
      </c>
      <c r="V192" s="485"/>
      <c r="W192" s="484" t="s">
        <v>64</v>
      </c>
      <c r="X192" s="484"/>
      <c r="Y192" s="485">
        <v>0</v>
      </c>
      <c r="Z192" s="484" t="s">
        <v>82</v>
      </c>
      <c r="AA192" s="496"/>
      <c r="AB192" s="496"/>
      <c r="AC192" s="487" t="s">
        <v>66</v>
      </c>
      <c r="AD192" s="496"/>
      <c r="AE192" s="496"/>
      <c r="AF192" s="487"/>
      <c r="AG192" s="496"/>
      <c r="AH192" s="496"/>
      <c r="AI192" s="496"/>
      <c r="AJ192" s="496"/>
      <c r="AK192" s="496"/>
      <c r="AL192" s="496"/>
      <c r="AM192" s="496"/>
      <c r="AN192" s="496"/>
      <c r="AO192" s="496"/>
      <c r="AP192" s="496"/>
      <c r="AQ192" s="496"/>
      <c r="AR192" s="496"/>
      <c r="AS192" s="496"/>
      <c r="AT192" s="496"/>
      <c r="AU192" s="496"/>
      <c r="AV192" s="496"/>
      <c r="AW192" s="496"/>
      <c r="AX192" s="496"/>
      <c r="AY192" s="496"/>
      <c r="AZ192" s="496"/>
      <c r="BA192" s="496"/>
      <c r="BB192" s="496"/>
      <c r="BC192" s="496"/>
      <c r="BD192" s="496"/>
      <c r="BE192" s="496"/>
      <c r="BF192" s="80">
        <f t="shared" si="26"/>
        <v>450</v>
      </c>
      <c r="BG192" s="76"/>
      <c r="BH192" s="487" t="str">
        <f t="shared" si="34"/>
        <v/>
      </c>
      <c r="BI192" s="487" t="str">
        <f t="shared" si="34"/>
        <v/>
      </c>
      <c r="BJ192" s="487">
        <f t="shared" si="34"/>
        <v>0</v>
      </c>
      <c r="BK192" s="487" t="str">
        <f t="shared" si="34"/>
        <v/>
      </c>
      <c r="BL192" s="487" t="str">
        <f t="shared" si="34"/>
        <v/>
      </c>
      <c r="BM192" s="487" t="str">
        <f t="shared" si="34"/>
        <v/>
      </c>
      <c r="BN192" s="487" t="str">
        <f t="shared" si="33"/>
        <v/>
      </c>
      <c r="BO192" s="487" t="str">
        <f t="shared" si="33"/>
        <v/>
      </c>
      <c r="BP192" s="487" t="str">
        <f t="shared" si="33"/>
        <v/>
      </c>
      <c r="BQ192" s="487" t="str">
        <f t="shared" si="33"/>
        <v/>
      </c>
      <c r="BR192" s="487" t="str">
        <f t="shared" si="33"/>
        <v/>
      </c>
      <c r="BS192" s="487" t="str">
        <f t="shared" si="33"/>
        <v/>
      </c>
      <c r="BT192" s="487" t="str">
        <f t="shared" si="35"/>
        <v/>
      </c>
      <c r="BU192" s="487" t="str">
        <f t="shared" si="35"/>
        <v/>
      </c>
      <c r="BV192" s="487" t="str">
        <f t="shared" si="35"/>
        <v/>
      </c>
      <c r="BW192" s="487" t="str">
        <f t="shared" si="35"/>
        <v/>
      </c>
      <c r="BX192" s="487" t="str">
        <f t="shared" si="35"/>
        <v/>
      </c>
      <c r="BY192" s="487" t="str">
        <f t="shared" si="35"/>
        <v/>
      </c>
      <c r="BZ192" s="487" t="str">
        <f t="shared" si="35"/>
        <v/>
      </c>
      <c r="CA192" s="487" t="str">
        <f t="shared" si="35"/>
        <v/>
      </c>
      <c r="CB192" s="487" t="str">
        <f t="shared" si="35"/>
        <v/>
      </c>
      <c r="CC192" s="487" t="str">
        <f t="shared" si="31"/>
        <v/>
      </c>
      <c r="CD192" s="487" t="str">
        <f t="shared" si="31"/>
        <v/>
      </c>
      <c r="CE192" s="487" t="str">
        <f t="shared" si="31"/>
        <v/>
      </c>
      <c r="CF192" s="487" t="str">
        <f t="shared" si="31"/>
        <v/>
      </c>
      <c r="CG192" s="487" t="str">
        <f t="shared" si="30"/>
        <v/>
      </c>
      <c r="CH192" s="487" t="str">
        <f t="shared" si="30"/>
        <v/>
      </c>
      <c r="CI192" s="487" t="str">
        <f t="shared" si="30"/>
        <v/>
      </c>
      <c r="CJ192" s="487" t="str">
        <f t="shared" si="30"/>
        <v/>
      </c>
      <c r="CK192" s="487" t="str">
        <f t="shared" si="30"/>
        <v/>
      </c>
      <c r="CL192" s="487" t="str">
        <f t="shared" si="30"/>
        <v/>
      </c>
      <c r="CM192" s="487"/>
      <c r="CN192" s="487"/>
      <c r="CO192" s="487"/>
      <c r="CP192" s="487"/>
      <c r="CQ192" s="487"/>
      <c r="CR192" s="487"/>
      <c r="CS192" s="487"/>
      <c r="CT192" s="487"/>
      <c r="CU192" s="487"/>
      <c r="CV192" s="487"/>
      <c r="CW192" s="487"/>
      <c r="CX192" s="487"/>
      <c r="CY192" s="487"/>
      <c r="CZ192" s="487"/>
      <c r="DA192" s="487"/>
      <c r="DB192" s="487"/>
      <c r="DC192" s="487"/>
      <c r="DD192" s="487"/>
      <c r="DE192" s="487"/>
      <c r="DF192" s="487"/>
      <c r="DG192" s="487"/>
      <c r="DH192" s="487"/>
      <c r="DI192" s="484"/>
      <c r="DJ192" s="484"/>
      <c r="DK192" s="484"/>
    </row>
    <row r="193" spans="1:115" s="354" customFormat="1" ht="56.1" hidden="1" customHeight="1" x14ac:dyDescent="0.2">
      <c r="A193" s="494"/>
      <c r="B193" s="494"/>
      <c r="C193" s="481">
        <v>417</v>
      </c>
      <c r="D193" s="481"/>
      <c r="E193" s="481" t="s">
        <v>2481</v>
      </c>
      <c r="F193" s="482" t="s">
        <v>53</v>
      </c>
      <c r="G193" s="482" t="s">
        <v>515</v>
      </c>
      <c r="H193" s="484" t="s">
        <v>533</v>
      </c>
      <c r="I193" s="484" t="s">
        <v>534</v>
      </c>
      <c r="J193" s="484" t="s">
        <v>534</v>
      </c>
      <c r="K193" s="484"/>
      <c r="L193" s="484" t="s">
        <v>58</v>
      </c>
      <c r="M193" s="484" t="s">
        <v>319</v>
      </c>
      <c r="N193" s="484"/>
      <c r="O193" s="484" t="s">
        <v>81</v>
      </c>
      <c r="P193" s="484" t="s">
        <v>334</v>
      </c>
      <c r="Q193" s="484"/>
      <c r="R193" s="484" t="s">
        <v>181</v>
      </c>
      <c r="S193" s="484" t="s">
        <v>63</v>
      </c>
      <c r="T193" s="484" t="s">
        <v>63</v>
      </c>
      <c r="U193" s="485">
        <v>80068.5</v>
      </c>
      <c r="V193" s="485"/>
      <c r="W193" s="484" t="s">
        <v>64</v>
      </c>
      <c r="X193" s="484"/>
      <c r="Y193" s="485">
        <v>80068.5</v>
      </c>
      <c r="Z193" s="484" t="s">
        <v>82</v>
      </c>
      <c r="AA193" s="496"/>
      <c r="AB193" s="496"/>
      <c r="AC193" s="487" t="s">
        <v>66</v>
      </c>
      <c r="AD193" s="496"/>
      <c r="AE193" s="496"/>
      <c r="AF193" s="487"/>
      <c r="AG193" s="496"/>
      <c r="AH193" s="496"/>
      <c r="AI193" s="496"/>
      <c r="AJ193" s="496"/>
      <c r="AK193" s="496"/>
      <c r="AL193" s="496"/>
      <c r="AM193" s="496"/>
      <c r="AN193" s="496"/>
      <c r="AO193" s="496"/>
      <c r="AP193" s="496"/>
      <c r="AQ193" s="496"/>
      <c r="AR193" s="496"/>
      <c r="AS193" s="496"/>
      <c r="AT193" s="496"/>
      <c r="AU193" s="496"/>
      <c r="AV193" s="496"/>
      <c r="AW193" s="496"/>
      <c r="AX193" s="496"/>
      <c r="AY193" s="496"/>
      <c r="AZ193" s="496"/>
      <c r="BA193" s="496"/>
      <c r="BB193" s="496"/>
      <c r="BC193" s="496"/>
      <c r="BD193" s="496"/>
      <c r="BE193" s="496"/>
      <c r="BF193" s="80">
        <f t="shared" si="26"/>
        <v>450</v>
      </c>
      <c r="BG193" s="76">
        <f t="shared" ref="BG193:BG199" si="37">Y193/BF193</f>
        <v>177.93</v>
      </c>
      <c r="BH193" s="487" t="str">
        <f t="shared" si="34"/>
        <v/>
      </c>
      <c r="BI193" s="487" t="str">
        <f t="shared" si="34"/>
        <v/>
      </c>
      <c r="BJ193" s="487">
        <f t="shared" si="34"/>
        <v>80068.5</v>
      </c>
      <c r="BK193" s="487" t="str">
        <f t="shared" si="34"/>
        <v/>
      </c>
      <c r="BL193" s="487" t="str">
        <f t="shared" si="34"/>
        <v/>
      </c>
      <c r="BM193" s="487" t="str">
        <f t="shared" si="34"/>
        <v/>
      </c>
      <c r="BN193" s="487" t="str">
        <f t="shared" si="33"/>
        <v/>
      </c>
      <c r="BO193" s="487" t="str">
        <f t="shared" si="33"/>
        <v/>
      </c>
      <c r="BP193" s="487" t="str">
        <f t="shared" si="33"/>
        <v/>
      </c>
      <c r="BQ193" s="487" t="str">
        <f t="shared" si="33"/>
        <v/>
      </c>
      <c r="BR193" s="487" t="str">
        <f t="shared" si="33"/>
        <v/>
      </c>
      <c r="BS193" s="487" t="str">
        <f t="shared" si="33"/>
        <v/>
      </c>
      <c r="BT193" s="487" t="str">
        <f t="shared" si="35"/>
        <v/>
      </c>
      <c r="BU193" s="487" t="str">
        <f t="shared" si="35"/>
        <v/>
      </c>
      <c r="BV193" s="487" t="str">
        <f t="shared" si="35"/>
        <v/>
      </c>
      <c r="BW193" s="487" t="str">
        <f t="shared" si="35"/>
        <v/>
      </c>
      <c r="BX193" s="487" t="str">
        <f t="shared" si="35"/>
        <v/>
      </c>
      <c r="BY193" s="487" t="str">
        <f t="shared" si="35"/>
        <v/>
      </c>
      <c r="BZ193" s="487" t="str">
        <f t="shared" si="35"/>
        <v/>
      </c>
      <c r="CA193" s="487" t="str">
        <f t="shared" si="35"/>
        <v/>
      </c>
      <c r="CB193" s="487" t="str">
        <f t="shared" si="35"/>
        <v/>
      </c>
      <c r="CC193" s="487" t="str">
        <f t="shared" si="31"/>
        <v/>
      </c>
      <c r="CD193" s="487" t="str">
        <f t="shared" si="31"/>
        <v/>
      </c>
      <c r="CE193" s="487" t="str">
        <f t="shared" si="31"/>
        <v/>
      </c>
      <c r="CF193" s="487" t="str">
        <f t="shared" si="31"/>
        <v/>
      </c>
      <c r="CG193" s="487" t="str">
        <f t="shared" si="30"/>
        <v/>
      </c>
      <c r="CH193" s="487" t="str">
        <f t="shared" si="30"/>
        <v/>
      </c>
      <c r="CI193" s="487" t="str">
        <f t="shared" si="30"/>
        <v/>
      </c>
      <c r="CJ193" s="487" t="str">
        <f t="shared" si="30"/>
        <v/>
      </c>
      <c r="CK193" s="487" t="str">
        <f t="shared" si="30"/>
        <v/>
      </c>
      <c r="CL193" s="487" t="str">
        <f t="shared" si="30"/>
        <v/>
      </c>
      <c r="CM193" s="487"/>
      <c r="CN193" s="487"/>
      <c r="CO193" s="487"/>
      <c r="CP193" s="487"/>
      <c r="CQ193" s="487"/>
      <c r="CR193" s="487"/>
      <c r="CS193" s="487"/>
      <c r="CT193" s="487"/>
      <c r="CU193" s="487"/>
      <c r="CV193" s="487"/>
      <c r="CW193" s="487"/>
      <c r="CX193" s="487"/>
      <c r="CY193" s="487"/>
      <c r="CZ193" s="487"/>
      <c r="DA193" s="487"/>
      <c r="DB193" s="487"/>
      <c r="DC193" s="487"/>
      <c r="DD193" s="487"/>
      <c r="DE193" s="487"/>
      <c r="DF193" s="487"/>
      <c r="DG193" s="487"/>
      <c r="DH193" s="487"/>
      <c r="DI193" s="484"/>
      <c r="DJ193" s="484"/>
      <c r="DK193" s="484"/>
    </row>
    <row r="194" spans="1:115" s="354" customFormat="1" ht="56.1" hidden="1" customHeight="1" x14ac:dyDescent="0.2">
      <c r="A194" s="494"/>
      <c r="B194" s="494"/>
      <c r="C194" s="481">
        <v>418</v>
      </c>
      <c r="D194" s="481"/>
      <c r="E194" s="481" t="s">
        <v>2481</v>
      </c>
      <c r="F194" s="482" t="s">
        <v>53</v>
      </c>
      <c r="G194" s="482" t="s">
        <v>515</v>
      </c>
      <c r="H194" s="484" t="s">
        <v>548</v>
      </c>
      <c r="I194" s="484" t="s">
        <v>536</v>
      </c>
      <c r="J194" s="484" t="s">
        <v>536</v>
      </c>
      <c r="K194" s="484"/>
      <c r="L194" s="484" t="s">
        <v>58</v>
      </c>
      <c r="M194" s="484" t="s">
        <v>20</v>
      </c>
      <c r="N194" s="484"/>
      <c r="O194" s="484" t="s">
        <v>60</v>
      </c>
      <c r="P194" s="484" t="s">
        <v>334</v>
      </c>
      <c r="Q194" s="484"/>
      <c r="R194" s="484" t="s">
        <v>559</v>
      </c>
      <c r="S194" s="484" t="s">
        <v>63</v>
      </c>
      <c r="T194" s="484" t="s">
        <v>63</v>
      </c>
      <c r="U194" s="485">
        <v>106283.52</v>
      </c>
      <c r="V194" s="485"/>
      <c r="W194" s="484" t="s">
        <v>64</v>
      </c>
      <c r="X194" s="484"/>
      <c r="Y194" s="485">
        <v>106283.52</v>
      </c>
      <c r="Z194" s="484" t="s">
        <v>82</v>
      </c>
      <c r="AA194" s="496"/>
      <c r="AB194" s="496"/>
      <c r="AC194" s="496"/>
      <c r="AD194" s="487" t="s">
        <v>66</v>
      </c>
      <c r="AE194" s="496"/>
      <c r="AF194" s="487"/>
      <c r="AG194" s="496"/>
      <c r="AH194" s="496"/>
      <c r="AI194" s="496"/>
      <c r="AJ194" s="496"/>
      <c r="AK194" s="496"/>
      <c r="AL194" s="496"/>
      <c r="AM194" s="496"/>
      <c r="AN194" s="496"/>
      <c r="AO194" s="496"/>
      <c r="AP194" s="496"/>
      <c r="AQ194" s="496"/>
      <c r="AR194" s="496"/>
      <c r="AS194" s="496"/>
      <c r="AT194" s="496"/>
      <c r="AU194" s="496"/>
      <c r="AV194" s="496"/>
      <c r="AW194" s="496"/>
      <c r="AX194" s="496"/>
      <c r="AY194" s="496"/>
      <c r="AZ194" s="496"/>
      <c r="BA194" s="496"/>
      <c r="BB194" s="496"/>
      <c r="BC194" s="496"/>
      <c r="BD194" s="496"/>
      <c r="BE194" s="496"/>
      <c r="BF194" s="80">
        <f t="shared" si="26"/>
        <v>350</v>
      </c>
      <c r="BG194" s="76">
        <f t="shared" si="37"/>
        <v>303.66720000000004</v>
      </c>
      <c r="BH194" s="487" t="str">
        <f t="shared" si="34"/>
        <v/>
      </c>
      <c r="BI194" s="487" t="str">
        <f t="shared" si="34"/>
        <v/>
      </c>
      <c r="BJ194" s="487" t="str">
        <f t="shared" si="34"/>
        <v/>
      </c>
      <c r="BK194" s="487">
        <f t="shared" si="34"/>
        <v>106283.52000000002</v>
      </c>
      <c r="BL194" s="487" t="str">
        <f t="shared" si="34"/>
        <v/>
      </c>
      <c r="BM194" s="487" t="str">
        <f t="shared" si="34"/>
        <v/>
      </c>
      <c r="BN194" s="487" t="str">
        <f t="shared" si="33"/>
        <v/>
      </c>
      <c r="BO194" s="487" t="str">
        <f t="shared" si="33"/>
        <v/>
      </c>
      <c r="BP194" s="487" t="str">
        <f t="shared" si="33"/>
        <v/>
      </c>
      <c r="BQ194" s="487" t="str">
        <f t="shared" si="33"/>
        <v/>
      </c>
      <c r="BR194" s="487" t="str">
        <f t="shared" si="33"/>
        <v/>
      </c>
      <c r="BS194" s="487" t="str">
        <f t="shared" si="33"/>
        <v/>
      </c>
      <c r="BT194" s="487" t="str">
        <f t="shared" si="35"/>
        <v/>
      </c>
      <c r="BU194" s="487" t="str">
        <f t="shared" si="35"/>
        <v/>
      </c>
      <c r="BV194" s="487" t="str">
        <f t="shared" si="35"/>
        <v/>
      </c>
      <c r="BW194" s="487" t="str">
        <f t="shared" si="35"/>
        <v/>
      </c>
      <c r="BX194" s="487" t="str">
        <f t="shared" si="35"/>
        <v/>
      </c>
      <c r="BY194" s="487" t="str">
        <f t="shared" si="35"/>
        <v/>
      </c>
      <c r="BZ194" s="487" t="str">
        <f t="shared" si="35"/>
        <v/>
      </c>
      <c r="CA194" s="487" t="str">
        <f t="shared" si="35"/>
        <v/>
      </c>
      <c r="CB194" s="487" t="str">
        <f t="shared" si="35"/>
        <v/>
      </c>
      <c r="CC194" s="487" t="str">
        <f t="shared" si="31"/>
        <v/>
      </c>
      <c r="CD194" s="487" t="str">
        <f t="shared" si="31"/>
        <v/>
      </c>
      <c r="CE194" s="487" t="str">
        <f t="shared" si="31"/>
        <v/>
      </c>
      <c r="CF194" s="487" t="str">
        <f t="shared" si="31"/>
        <v/>
      </c>
      <c r="CG194" s="487" t="str">
        <f t="shared" si="30"/>
        <v/>
      </c>
      <c r="CH194" s="487" t="str">
        <f t="shared" si="30"/>
        <v/>
      </c>
      <c r="CI194" s="487" t="str">
        <f t="shared" si="30"/>
        <v/>
      </c>
      <c r="CJ194" s="487" t="str">
        <f t="shared" si="30"/>
        <v/>
      </c>
      <c r="CK194" s="487" t="str">
        <f t="shared" si="30"/>
        <v/>
      </c>
      <c r="CL194" s="487" t="str">
        <f t="shared" si="30"/>
        <v/>
      </c>
      <c r="CM194" s="487"/>
      <c r="CN194" s="487"/>
      <c r="CO194" s="487"/>
      <c r="CP194" s="487"/>
      <c r="CQ194" s="487"/>
      <c r="CR194" s="487"/>
      <c r="CS194" s="487"/>
      <c r="CT194" s="487"/>
      <c r="CU194" s="487"/>
      <c r="CV194" s="487"/>
      <c r="CW194" s="487"/>
      <c r="CX194" s="487"/>
      <c r="CY194" s="487"/>
      <c r="CZ194" s="487"/>
      <c r="DA194" s="487"/>
      <c r="DB194" s="487"/>
      <c r="DC194" s="487"/>
      <c r="DD194" s="487"/>
      <c r="DE194" s="487"/>
      <c r="DF194" s="487"/>
      <c r="DG194" s="487"/>
      <c r="DH194" s="487"/>
      <c r="DI194" s="484"/>
      <c r="DJ194" s="484"/>
      <c r="DK194" s="484"/>
    </row>
    <row r="195" spans="1:115" s="354" customFormat="1" ht="56.1" hidden="1" customHeight="1" x14ac:dyDescent="0.2">
      <c r="A195" s="494"/>
      <c r="B195" s="494"/>
      <c r="C195" s="481">
        <v>419</v>
      </c>
      <c r="D195" s="481"/>
      <c r="E195" s="481" t="s">
        <v>2481</v>
      </c>
      <c r="F195" s="482" t="s">
        <v>53</v>
      </c>
      <c r="G195" s="482" t="s">
        <v>515</v>
      </c>
      <c r="H195" s="484" t="s">
        <v>518</v>
      </c>
      <c r="I195" s="484" t="s">
        <v>520</v>
      </c>
      <c r="J195" s="484" t="s">
        <v>520</v>
      </c>
      <c r="K195" s="484"/>
      <c r="L195" s="484" t="s">
        <v>58</v>
      </c>
      <c r="M195" s="484" t="s">
        <v>20</v>
      </c>
      <c r="N195" s="484"/>
      <c r="O195" s="484" t="s">
        <v>8</v>
      </c>
      <c r="P195" s="484" t="s">
        <v>334</v>
      </c>
      <c r="Q195" s="484"/>
      <c r="R195" s="484" t="s">
        <v>559</v>
      </c>
      <c r="S195" s="484" t="s">
        <v>63</v>
      </c>
      <c r="T195" s="484" t="s">
        <v>63</v>
      </c>
      <c r="U195" s="485">
        <v>278994.24</v>
      </c>
      <c r="V195" s="485"/>
      <c r="W195" s="484" t="s">
        <v>64</v>
      </c>
      <c r="X195" s="484"/>
      <c r="Y195" s="485">
        <v>278994.24</v>
      </c>
      <c r="Z195" s="484" t="s">
        <v>82</v>
      </c>
      <c r="AA195" s="496"/>
      <c r="AB195" s="496"/>
      <c r="AC195" s="496"/>
      <c r="AD195" s="487" t="s">
        <v>66</v>
      </c>
      <c r="AE195" s="496"/>
      <c r="AF195" s="487"/>
      <c r="AG195" s="496"/>
      <c r="AH195" s="496"/>
      <c r="AI195" s="496"/>
      <c r="AJ195" s="496"/>
      <c r="AK195" s="496"/>
      <c r="AL195" s="496"/>
      <c r="AM195" s="496"/>
      <c r="AN195" s="496"/>
      <c r="AO195" s="496"/>
      <c r="AP195" s="496"/>
      <c r="AQ195" s="496"/>
      <c r="AR195" s="496"/>
      <c r="AS195" s="496"/>
      <c r="AT195" s="496"/>
      <c r="AU195" s="496"/>
      <c r="AV195" s="496"/>
      <c r="AW195" s="496"/>
      <c r="AX195" s="496"/>
      <c r="AY195" s="496"/>
      <c r="AZ195" s="496"/>
      <c r="BA195" s="496"/>
      <c r="BB195" s="496"/>
      <c r="BC195" s="496"/>
      <c r="BD195" s="496"/>
      <c r="BE195" s="496"/>
      <c r="BF195" s="80">
        <f t="shared" ref="BF195:BF258" si="38">SUMIF(AA195:BE195,"YES",$AA$2:$BE$2)</f>
        <v>350</v>
      </c>
      <c r="BG195" s="76">
        <f t="shared" si="37"/>
        <v>797.12639999999999</v>
      </c>
      <c r="BH195" s="487" t="str">
        <f t="shared" si="34"/>
        <v/>
      </c>
      <c r="BI195" s="487" t="str">
        <f t="shared" si="34"/>
        <v/>
      </c>
      <c r="BJ195" s="487" t="str">
        <f t="shared" si="34"/>
        <v/>
      </c>
      <c r="BK195" s="487">
        <f t="shared" si="34"/>
        <v>278994.24</v>
      </c>
      <c r="BL195" s="487" t="str">
        <f t="shared" si="34"/>
        <v/>
      </c>
      <c r="BM195" s="487" t="str">
        <f t="shared" si="34"/>
        <v/>
      </c>
      <c r="BN195" s="487" t="str">
        <f t="shared" si="33"/>
        <v/>
      </c>
      <c r="BO195" s="487" t="str">
        <f t="shared" si="33"/>
        <v/>
      </c>
      <c r="BP195" s="487" t="str">
        <f t="shared" si="33"/>
        <v/>
      </c>
      <c r="BQ195" s="487" t="str">
        <f t="shared" si="33"/>
        <v/>
      </c>
      <c r="BR195" s="487" t="str">
        <f t="shared" si="33"/>
        <v/>
      </c>
      <c r="BS195" s="487" t="str">
        <f t="shared" si="33"/>
        <v/>
      </c>
      <c r="BT195" s="487" t="str">
        <f t="shared" si="35"/>
        <v/>
      </c>
      <c r="BU195" s="487" t="str">
        <f t="shared" si="35"/>
        <v/>
      </c>
      <c r="BV195" s="487" t="str">
        <f t="shared" si="35"/>
        <v/>
      </c>
      <c r="BW195" s="487" t="str">
        <f t="shared" si="35"/>
        <v/>
      </c>
      <c r="BX195" s="487" t="str">
        <f t="shared" si="35"/>
        <v/>
      </c>
      <c r="BY195" s="487" t="str">
        <f t="shared" si="35"/>
        <v/>
      </c>
      <c r="BZ195" s="487" t="str">
        <f t="shared" si="35"/>
        <v/>
      </c>
      <c r="CA195" s="487" t="str">
        <f t="shared" si="35"/>
        <v/>
      </c>
      <c r="CB195" s="487" t="str">
        <f t="shared" si="35"/>
        <v/>
      </c>
      <c r="CC195" s="487" t="str">
        <f t="shared" si="31"/>
        <v/>
      </c>
      <c r="CD195" s="487" t="str">
        <f t="shared" si="31"/>
        <v/>
      </c>
      <c r="CE195" s="487" t="str">
        <f t="shared" si="31"/>
        <v/>
      </c>
      <c r="CF195" s="487" t="str">
        <f t="shared" si="31"/>
        <v/>
      </c>
      <c r="CG195" s="487" t="str">
        <f t="shared" si="30"/>
        <v/>
      </c>
      <c r="CH195" s="487" t="str">
        <f t="shared" si="30"/>
        <v/>
      </c>
      <c r="CI195" s="487" t="str">
        <f t="shared" si="30"/>
        <v/>
      </c>
      <c r="CJ195" s="487" t="str">
        <f t="shared" si="30"/>
        <v/>
      </c>
      <c r="CK195" s="487" t="str">
        <f t="shared" si="30"/>
        <v/>
      </c>
      <c r="CL195" s="487" t="str">
        <f t="shared" si="30"/>
        <v/>
      </c>
      <c r="CM195" s="487"/>
      <c r="CN195" s="487"/>
      <c r="CO195" s="487"/>
      <c r="CP195" s="487"/>
      <c r="CQ195" s="487"/>
      <c r="CR195" s="487"/>
      <c r="CS195" s="487"/>
      <c r="CT195" s="487"/>
      <c r="CU195" s="487"/>
      <c r="CV195" s="487"/>
      <c r="CW195" s="487"/>
      <c r="CX195" s="487"/>
      <c r="CY195" s="487"/>
      <c r="CZ195" s="487"/>
      <c r="DA195" s="487"/>
      <c r="DB195" s="487"/>
      <c r="DC195" s="487"/>
      <c r="DD195" s="487"/>
      <c r="DE195" s="487"/>
      <c r="DF195" s="487"/>
      <c r="DG195" s="487"/>
      <c r="DH195" s="487"/>
      <c r="DI195" s="484"/>
      <c r="DJ195" s="484"/>
      <c r="DK195" s="484"/>
    </row>
    <row r="196" spans="1:115" s="354" customFormat="1" ht="56.1" hidden="1" customHeight="1" x14ac:dyDescent="0.2">
      <c r="A196" s="494"/>
      <c r="B196" s="494"/>
      <c r="C196" s="481">
        <v>420</v>
      </c>
      <c r="D196" s="481"/>
      <c r="E196" s="481" t="s">
        <v>2481</v>
      </c>
      <c r="F196" s="482" t="s">
        <v>53</v>
      </c>
      <c r="G196" s="482" t="s">
        <v>515</v>
      </c>
      <c r="H196" s="484" t="s">
        <v>521</v>
      </c>
      <c r="I196" s="484" t="s">
        <v>522</v>
      </c>
      <c r="J196" s="484" t="s">
        <v>522</v>
      </c>
      <c r="K196" s="484"/>
      <c r="L196" s="484" t="s">
        <v>58</v>
      </c>
      <c r="M196" s="484" t="s">
        <v>20</v>
      </c>
      <c r="N196" s="484"/>
      <c r="O196" s="484" t="s">
        <v>8</v>
      </c>
      <c r="P196" s="484" t="s">
        <v>334</v>
      </c>
      <c r="Q196" s="484"/>
      <c r="R196" s="484" t="s">
        <v>559</v>
      </c>
      <c r="S196" s="484" t="s">
        <v>63</v>
      </c>
      <c r="T196" s="484" t="s">
        <v>63</v>
      </c>
      <c r="U196" s="485">
        <v>389706.24000000005</v>
      </c>
      <c r="V196" s="485"/>
      <c r="W196" s="484" t="s">
        <v>64</v>
      </c>
      <c r="X196" s="484"/>
      <c r="Y196" s="485">
        <v>389706.24000000005</v>
      </c>
      <c r="Z196" s="484" t="s">
        <v>82</v>
      </c>
      <c r="AA196" s="496"/>
      <c r="AB196" s="496"/>
      <c r="AC196" s="496"/>
      <c r="AD196" s="487" t="s">
        <v>66</v>
      </c>
      <c r="AE196" s="496"/>
      <c r="AF196" s="487"/>
      <c r="AG196" s="496"/>
      <c r="AH196" s="496"/>
      <c r="AI196" s="496"/>
      <c r="AJ196" s="496"/>
      <c r="AK196" s="496"/>
      <c r="AL196" s="496"/>
      <c r="AM196" s="496"/>
      <c r="AN196" s="496"/>
      <c r="AO196" s="496"/>
      <c r="AP196" s="496"/>
      <c r="AQ196" s="496"/>
      <c r="AR196" s="496"/>
      <c r="AS196" s="496"/>
      <c r="AT196" s="496"/>
      <c r="AU196" s="496"/>
      <c r="AV196" s="496"/>
      <c r="AW196" s="496"/>
      <c r="AX196" s="496"/>
      <c r="AY196" s="496"/>
      <c r="AZ196" s="496"/>
      <c r="BA196" s="496"/>
      <c r="BB196" s="496"/>
      <c r="BC196" s="496"/>
      <c r="BD196" s="496"/>
      <c r="BE196" s="496"/>
      <c r="BF196" s="80">
        <f t="shared" si="38"/>
        <v>350</v>
      </c>
      <c r="BG196" s="76">
        <f t="shared" si="37"/>
        <v>1113.4464</v>
      </c>
      <c r="BH196" s="487" t="str">
        <f t="shared" si="34"/>
        <v/>
      </c>
      <c r="BI196" s="487" t="str">
        <f t="shared" si="34"/>
        <v/>
      </c>
      <c r="BJ196" s="487" t="str">
        <f t="shared" si="34"/>
        <v/>
      </c>
      <c r="BK196" s="487">
        <f t="shared" si="34"/>
        <v>389706.23999999999</v>
      </c>
      <c r="BL196" s="487" t="str">
        <f t="shared" si="34"/>
        <v/>
      </c>
      <c r="BM196" s="487" t="str">
        <f t="shared" si="34"/>
        <v/>
      </c>
      <c r="BN196" s="487" t="str">
        <f t="shared" si="33"/>
        <v/>
      </c>
      <c r="BO196" s="487" t="str">
        <f t="shared" si="33"/>
        <v/>
      </c>
      <c r="BP196" s="487" t="str">
        <f t="shared" si="33"/>
        <v/>
      </c>
      <c r="BQ196" s="487" t="str">
        <f t="shared" si="33"/>
        <v/>
      </c>
      <c r="BR196" s="487" t="str">
        <f t="shared" si="33"/>
        <v/>
      </c>
      <c r="BS196" s="487" t="str">
        <f t="shared" si="33"/>
        <v/>
      </c>
      <c r="BT196" s="487" t="str">
        <f t="shared" si="35"/>
        <v/>
      </c>
      <c r="BU196" s="487" t="str">
        <f t="shared" si="35"/>
        <v/>
      </c>
      <c r="BV196" s="487" t="str">
        <f t="shared" si="35"/>
        <v/>
      </c>
      <c r="BW196" s="487" t="str">
        <f t="shared" si="35"/>
        <v/>
      </c>
      <c r="BX196" s="487" t="str">
        <f t="shared" si="35"/>
        <v/>
      </c>
      <c r="BY196" s="487" t="str">
        <f t="shared" si="35"/>
        <v/>
      </c>
      <c r="BZ196" s="487" t="str">
        <f t="shared" si="35"/>
        <v/>
      </c>
      <c r="CA196" s="487" t="str">
        <f t="shared" si="35"/>
        <v/>
      </c>
      <c r="CB196" s="487" t="str">
        <f t="shared" si="35"/>
        <v/>
      </c>
      <c r="CC196" s="487" t="str">
        <f t="shared" si="31"/>
        <v/>
      </c>
      <c r="CD196" s="487" t="str">
        <f t="shared" si="31"/>
        <v/>
      </c>
      <c r="CE196" s="487" t="str">
        <f t="shared" si="31"/>
        <v/>
      </c>
      <c r="CF196" s="487" t="str">
        <f t="shared" si="31"/>
        <v/>
      </c>
      <c r="CG196" s="487" t="str">
        <f t="shared" si="30"/>
        <v/>
      </c>
      <c r="CH196" s="487" t="str">
        <f t="shared" si="30"/>
        <v/>
      </c>
      <c r="CI196" s="487" t="str">
        <f t="shared" si="30"/>
        <v/>
      </c>
      <c r="CJ196" s="487" t="str">
        <f t="shared" si="30"/>
        <v/>
      </c>
      <c r="CK196" s="487" t="str">
        <f t="shared" si="30"/>
        <v/>
      </c>
      <c r="CL196" s="487" t="str">
        <f t="shared" si="30"/>
        <v/>
      </c>
      <c r="CM196" s="487"/>
      <c r="CN196" s="487"/>
      <c r="CO196" s="487"/>
      <c r="CP196" s="487"/>
      <c r="CQ196" s="487"/>
      <c r="CR196" s="487"/>
      <c r="CS196" s="487"/>
      <c r="CT196" s="487"/>
      <c r="CU196" s="487"/>
      <c r="CV196" s="487"/>
      <c r="CW196" s="487"/>
      <c r="CX196" s="487"/>
      <c r="CY196" s="487"/>
      <c r="CZ196" s="487"/>
      <c r="DA196" s="487"/>
      <c r="DB196" s="487"/>
      <c r="DC196" s="487"/>
      <c r="DD196" s="487"/>
      <c r="DE196" s="487"/>
      <c r="DF196" s="487"/>
      <c r="DG196" s="487"/>
      <c r="DH196" s="487"/>
      <c r="DI196" s="484"/>
      <c r="DJ196" s="484"/>
      <c r="DK196" s="484"/>
    </row>
    <row r="197" spans="1:115" s="354" customFormat="1" ht="56.1" hidden="1" customHeight="1" x14ac:dyDescent="0.2">
      <c r="A197" s="494"/>
      <c r="B197" s="494"/>
      <c r="C197" s="481">
        <v>421</v>
      </c>
      <c r="D197" s="481"/>
      <c r="E197" s="481" t="s">
        <v>2481</v>
      </c>
      <c r="F197" s="482" t="s">
        <v>53</v>
      </c>
      <c r="G197" s="482" t="s">
        <v>515</v>
      </c>
      <c r="H197" s="484" t="s">
        <v>523</v>
      </c>
      <c r="I197" s="484" t="s">
        <v>540</v>
      </c>
      <c r="J197" s="484" t="s">
        <v>540</v>
      </c>
      <c r="K197" s="484"/>
      <c r="L197" s="484" t="s">
        <v>58</v>
      </c>
      <c r="M197" s="484" t="s">
        <v>20</v>
      </c>
      <c r="N197" s="484"/>
      <c r="O197" s="484" t="s">
        <v>388</v>
      </c>
      <c r="P197" s="484" t="s">
        <v>525</v>
      </c>
      <c r="Q197" s="484"/>
      <c r="R197" s="484" t="s">
        <v>559</v>
      </c>
      <c r="S197" s="484" t="s">
        <v>63</v>
      </c>
      <c r="T197" s="484" t="s">
        <v>63</v>
      </c>
      <c r="U197" s="485">
        <v>43494</v>
      </c>
      <c r="V197" s="485"/>
      <c r="W197" s="484" t="s">
        <v>64</v>
      </c>
      <c r="X197" s="484"/>
      <c r="Y197" s="485">
        <v>43494</v>
      </c>
      <c r="Z197" s="484" t="s">
        <v>82</v>
      </c>
      <c r="AA197" s="496"/>
      <c r="AB197" s="496"/>
      <c r="AC197" s="496"/>
      <c r="AD197" s="487" t="s">
        <v>66</v>
      </c>
      <c r="AE197" s="496"/>
      <c r="AF197" s="487"/>
      <c r="AG197" s="496"/>
      <c r="AH197" s="496"/>
      <c r="AI197" s="496"/>
      <c r="AJ197" s="496"/>
      <c r="AK197" s="496"/>
      <c r="AL197" s="496"/>
      <c r="AM197" s="496"/>
      <c r="AN197" s="496"/>
      <c r="AO197" s="496"/>
      <c r="AP197" s="496"/>
      <c r="AQ197" s="496"/>
      <c r="AR197" s="496"/>
      <c r="AS197" s="496"/>
      <c r="AT197" s="496"/>
      <c r="AU197" s="496"/>
      <c r="AV197" s="496"/>
      <c r="AW197" s="496"/>
      <c r="AX197" s="496"/>
      <c r="AY197" s="496"/>
      <c r="AZ197" s="496"/>
      <c r="BA197" s="496"/>
      <c r="BB197" s="496"/>
      <c r="BC197" s="496"/>
      <c r="BD197" s="496"/>
      <c r="BE197" s="496"/>
      <c r="BF197" s="80">
        <f t="shared" si="38"/>
        <v>350</v>
      </c>
      <c r="BG197" s="76">
        <f t="shared" si="37"/>
        <v>124.26857142857143</v>
      </c>
      <c r="BH197" s="487" t="str">
        <f t="shared" si="34"/>
        <v/>
      </c>
      <c r="BI197" s="487" t="str">
        <f t="shared" si="34"/>
        <v/>
      </c>
      <c r="BJ197" s="487" t="str">
        <f t="shared" si="34"/>
        <v/>
      </c>
      <c r="BK197" s="487">
        <f t="shared" si="34"/>
        <v>43494</v>
      </c>
      <c r="BL197" s="487" t="str">
        <f t="shared" si="34"/>
        <v/>
      </c>
      <c r="BM197" s="487" t="str">
        <f t="shared" si="34"/>
        <v/>
      </c>
      <c r="BN197" s="487" t="str">
        <f t="shared" si="33"/>
        <v/>
      </c>
      <c r="BO197" s="487" t="str">
        <f t="shared" si="33"/>
        <v/>
      </c>
      <c r="BP197" s="487" t="str">
        <f t="shared" si="33"/>
        <v/>
      </c>
      <c r="BQ197" s="487" t="str">
        <f t="shared" si="33"/>
        <v/>
      </c>
      <c r="BR197" s="487" t="str">
        <f t="shared" si="33"/>
        <v/>
      </c>
      <c r="BS197" s="487" t="str">
        <f t="shared" si="33"/>
        <v/>
      </c>
      <c r="BT197" s="487" t="str">
        <f t="shared" si="35"/>
        <v/>
      </c>
      <c r="BU197" s="487" t="str">
        <f t="shared" si="35"/>
        <v/>
      </c>
      <c r="BV197" s="487" t="str">
        <f t="shared" si="35"/>
        <v/>
      </c>
      <c r="BW197" s="487" t="str">
        <f t="shared" si="35"/>
        <v/>
      </c>
      <c r="BX197" s="487" t="str">
        <f t="shared" si="35"/>
        <v/>
      </c>
      <c r="BY197" s="487" t="str">
        <f t="shared" si="35"/>
        <v/>
      </c>
      <c r="BZ197" s="487" t="str">
        <f t="shared" si="35"/>
        <v/>
      </c>
      <c r="CA197" s="487" t="str">
        <f t="shared" si="35"/>
        <v/>
      </c>
      <c r="CB197" s="487" t="str">
        <f t="shared" si="35"/>
        <v/>
      </c>
      <c r="CC197" s="487" t="str">
        <f t="shared" si="31"/>
        <v/>
      </c>
      <c r="CD197" s="487" t="str">
        <f t="shared" si="31"/>
        <v/>
      </c>
      <c r="CE197" s="487" t="str">
        <f t="shared" si="31"/>
        <v/>
      </c>
      <c r="CF197" s="487" t="str">
        <f t="shared" si="31"/>
        <v/>
      </c>
      <c r="CG197" s="487" t="str">
        <f t="shared" si="30"/>
        <v/>
      </c>
      <c r="CH197" s="487" t="str">
        <f t="shared" si="30"/>
        <v/>
      </c>
      <c r="CI197" s="487" t="str">
        <f t="shared" si="30"/>
        <v/>
      </c>
      <c r="CJ197" s="487" t="str">
        <f t="shared" si="30"/>
        <v/>
      </c>
      <c r="CK197" s="487" t="str">
        <f t="shared" si="30"/>
        <v/>
      </c>
      <c r="CL197" s="487" t="str">
        <f t="shared" si="30"/>
        <v/>
      </c>
      <c r="CM197" s="487"/>
      <c r="CN197" s="487"/>
      <c r="CO197" s="487"/>
      <c r="CP197" s="487"/>
      <c r="CQ197" s="487"/>
      <c r="CR197" s="487"/>
      <c r="CS197" s="487"/>
      <c r="CT197" s="487"/>
      <c r="CU197" s="487"/>
      <c r="CV197" s="487"/>
      <c r="CW197" s="487"/>
      <c r="CX197" s="487"/>
      <c r="CY197" s="487"/>
      <c r="CZ197" s="487"/>
      <c r="DA197" s="487"/>
      <c r="DB197" s="487"/>
      <c r="DC197" s="487"/>
      <c r="DD197" s="487"/>
      <c r="DE197" s="487"/>
      <c r="DF197" s="487"/>
      <c r="DG197" s="487"/>
      <c r="DH197" s="487"/>
      <c r="DI197" s="484"/>
      <c r="DJ197" s="484"/>
      <c r="DK197" s="484"/>
    </row>
    <row r="198" spans="1:115" s="354" customFormat="1" ht="56.1" hidden="1" customHeight="1" x14ac:dyDescent="0.2">
      <c r="A198" s="494"/>
      <c r="B198" s="494"/>
      <c r="C198" s="481">
        <v>422</v>
      </c>
      <c r="D198" s="481"/>
      <c r="E198" s="481" t="s">
        <v>2481</v>
      </c>
      <c r="F198" s="482" t="s">
        <v>53</v>
      </c>
      <c r="G198" s="482" t="s">
        <v>515</v>
      </c>
      <c r="H198" s="484" t="s">
        <v>539</v>
      </c>
      <c r="I198" s="484" t="s">
        <v>541</v>
      </c>
      <c r="J198" s="484" t="s">
        <v>541</v>
      </c>
      <c r="K198" s="484"/>
      <c r="L198" s="484" t="s">
        <v>58</v>
      </c>
      <c r="M198" s="484" t="s">
        <v>20</v>
      </c>
      <c r="N198" s="484"/>
      <c r="O198" s="484" t="s">
        <v>388</v>
      </c>
      <c r="P198" s="484" t="s">
        <v>525</v>
      </c>
      <c r="Q198" s="484"/>
      <c r="R198" s="484" t="s">
        <v>559</v>
      </c>
      <c r="S198" s="484" t="s">
        <v>63</v>
      </c>
      <c r="T198" s="484" t="s">
        <v>63</v>
      </c>
      <c r="U198" s="485">
        <v>105440</v>
      </c>
      <c r="V198" s="485"/>
      <c r="W198" s="484" t="s">
        <v>64</v>
      </c>
      <c r="X198" s="484"/>
      <c r="Y198" s="485">
        <v>105440</v>
      </c>
      <c r="Z198" s="484" t="s">
        <v>82</v>
      </c>
      <c r="AA198" s="496"/>
      <c r="AB198" s="496"/>
      <c r="AC198" s="496"/>
      <c r="AD198" s="487" t="s">
        <v>66</v>
      </c>
      <c r="AE198" s="496"/>
      <c r="AF198" s="487"/>
      <c r="AG198" s="496"/>
      <c r="AH198" s="496"/>
      <c r="AI198" s="496"/>
      <c r="AJ198" s="496"/>
      <c r="AK198" s="496"/>
      <c r="AL198" s="496"/>
      <c r="AM198" s="496"/>
      <c r="AN198" s="496"/>
      <c r="AO198" s="496"/>
      <c r="AP198" s="496"/>
      <c r="AQ198" s="496"/>
      <c r="AR198" s="496"/>
      <c r="AS198" s="496"/>
      <c r="AT198" s="496"/>
      <c r="AU198" s="496"/>
      <c r="AV198" s="496"/>
      <c r="AW198" s="496"/>
      <c r="AX198" s="496"/>
      <c r="AY198" s="496"/>
      <c r="AZ198" s="496"/>
      <c r="BA198" s="496"/>
      <c r="BB198" s="496"/>
      <c r="BC198" s="496"/>
      <c r="BD198" s="496"/>
      <c r="BE198" s="496"/>
      <c r="BF198" s="80">
        <f t="shared" si="38"/>
        <v>350</v>
      </c>
      <c r="BG198" s="76">
        <f t="shared" si="37"/>
        <v>301.25714285714287</v>
      </c>
      <c r="BH198" s="487" t="str">
        <f t="shared" si="34"/>
        <v/>
      </c>
      <c r="BI198" s="487" t="str">
        <f t="shared" si="34"/>
        <v/>
      </c>
      <c r="BJ198" s="487" t="str">
        <f t="shared" si="34"/>
        <v/>
      </c>
      <c r="BK198" s="487">
        <f t="shared" si="34"/>
        <v>105440</v>
      </c>
      <c r="BL198" s="487" t="str">
        <f t="shared" si="34"/>
        <v/>
      </c>
      <c r="BM198" s="487" t="str">
        <f t="shared" si="34"/>
        <v/>
      </c>
      <c r="BN198" s="487" t="str">
        <f t="shared" si="33"/>
        <v/>
      </c>
      <c r="BO198" s="487" t="str">
        <f t="shared" si="33"/>
        <v/>
      </c>
      <c r="BP198" s="487" t="str">
        <f t="shared" si="33"/>
        <v/>
      </c>
      <c r="BQ198" s="487" t="str">
        <f t="shared" si="33"/>
        <v/>
      </c>
      <c r="BR198" s="487" t="str">
        <f t="shared" si="33"/>
        <v/>
      </c>
      <c r="BS198" s="487" t="str">
        <f t="shared" si="33"/>
        <v/>
      </c>
      <c r="BT198" s="487" t="str">
        <f t="shared" si="35"/>
        <v/>
      </c>
      <c r="BU198" s="487" t="str">
        <f t="shared" si="35"/>
        <v/>
      </c>
      <c r="BV198" s="487" t="str">
        <f t="shared" si="35"/>
        <v/>
      </c>
      <c r="BW198" s="487" t="str">
        <f t="shared" si="35"/>
        <v/>
      </c>
      <c r="BX198" s="487" t="str">
        <f t="shared" si="35"/>
        <v/>
      </c>
      <c r="BY198" s="487" t="str">
        <f t="shared" si="35"/>
        <v/>
      </c>
      <c r="BZ198" s="487" t="str">
        <f t="shared" si="35"/>
        <v/>
      </c>
      <c r="CA198" s="487" t="str">
        <f t="shared" si="35"/>
        <v/>
      </c>
      <c r="CB198" s="487" t="str">
        <f t="shared" si="35"/>
        <v/>
      </c>
      <c r="CC198" s="487" t="str">
        <f t="shared" si="31"/>
        <v/>
      </c>
      <c r="CD198" s="487" t="str">
        <f t="shared" si="31"/>
        <v/>
      </c>
      <c r="CE198" s="487" t="str">
        <f t="shared" si="31"/>
        <v/>
      </c>
      <c r="CF198" s="487" t="str">
        <f t="shared" si="31"/>
        <v/>
      </c>
      <c r="CG198" s="487" t="str">
        <f t="shared" si="30"/>
        <v/>
      </c>
      <c r="CH198" s="487" t="str">
        <f t="shared" si="30"/>
        <v/>
      </c>
      <c r="CI198" s="487" t="str">
        <f t="shared" si="30"/>
        <v/>
      </c>
      <c r="CJ198" s="487" t="str">
        <f t="shared" si="30"/>
        <v/>
      </c>
      <c r="CK198" s="487" t="str">
        <f t="shared" si="30"/>
        <v/>
      </c>
      <c r="CL198" s="487" t="str">
        <f t="shared" si="30"/>
        <v/>
      </c>
      <c r="CM198" s="487"/>
      <c r="CN198" s="487"/>
      <c r="CO198" s="487"/>
      <c r="CP198" s="487"/>
      <c r="CQ198" s="487"/>
      <c r="CR198" s="487"/>
      <c r="CS198" s="487"/>
      <c r="CT198" s="487"/>
      <c r="CU198" s="487"/>
      <c r="CV198" s="487"/>
      <c r="CW198" s="487"/>
      <c r="CX198" s="487"/>
      <c r="CY198" s="487"/>
      <c r="CZ198" s="487"/>
      <c r="DA198" s="487"/>
      <c r="DB198" s="487"/>
      <c r="DC198" s="487"/>
      <c r="DD198" s="487"/>
      <c r="DE198" s="487"/>
      <c r="DF198" s="487"/>
      <c r="DG198" s="487"/>
      <c r="DH198" s="487"/>
      <c r="DI198" s="484"/>
      <c r="DJ198" s="484"/>
      <c r="DK198" s="484"/>
    </row>
    <row r="199" spans="1:115" s="354" customFormat="1" ht="56.1" hidden="1" customHeight="1" x14ac:dyDescent="0.2">
      <c r="A199" s="494"/>
      <c r="B199" s="494"/>
      <c r="C199" s="481">
        <v>423</v>
      </c>
      <c r="D199" s="481"/>
      <c r="E199" s="481" t="s">
        <v>2481</v>
      </c>
      <c r="F199" s="482" t="s">
        <v>53</v>
      </c>
      <c r="G199" s="482" t="s">
        <v>515</v>
      </c>
      <c r="H199" s="484" t="s">
        <v>528</v>
      </c>
      <c r="I199" s="484" t="s">
        <v>560</v>
      </c>
      <c r="J199" s="484" t="s">
        <v>561</v>
      </c>
      <c r="K199" s="484"/>
      <c r="L199" s="484" t="s">
        <v>58</v>
      </c>
      <c r="M199" s="484" t="s">
        <v>20</v>
      </c>
      <c r="N199" s="484"/>
      <c r="O199" s="484" t="s">
        <v>388</v>
      </c>
      <c r="P199" s="484" t="s">
        <v>525</v>
      </c>
      <c r="Q199" s="484"/>
      <c r="R199" s="484" t="s">
        <v>559</v>
      </c>
      <c r="S199" s="484" t="s">
        <v>63</v>
      </c>
      <c r="T199" s="484" t="s">
        <v>63</v>
      </c>
      <c r="U199" s="485">
        <v>49678.461538461539</v>
      </c>
      <c r="V199" s="485"/>
      <c r="W199" s="484" t="s">
        <v>64</v>
      </c>
      <c r="X199" s="484"/>
      <c r="Y199" s="485">
        <v>49678.461538461539</v>
      </c>
      <c r="Z199" s="484" t="s">
        <v>82</v>
      </c>
      <c r="AA199" s="496"/>
      <c r="AB199" s="496"/>
      <c r="AC199" s="496"/>
      <c r="AD199" s="487" t="s">
        <v>66</v>
      </c>
      <c r="AE199" s="496"/>
      <c r="AF199" s="487"/>
      <c r="AG199" s="496"/>
      <c r="AH199" s="496"/>
      <c r="AI199" s="496"/>
      <c r="AJ199" s="496"/>
      <c r="AK199" s="496"/>
      <c r="AL199" s="496"/>
      <c r="AM199" s="496"/>
      <c r="AN199" s="496"/>
      <c r="AO199" s="496"/>
      <c r="AP199" s="496"/>
      <c r="AQ199" s="496"/>
      <c r="AR199" s="496"/>
      <c r="AS199" s="496"/>
      <c r="AT199" s="496"/>
      <c r="AU199" s="496"/>
      <c r="AV199" s="496"/>
      <c r="AW199" s="496"/>
      <c r="AX199" s="496"/>
      <c r="AY199" s="496"/>
      <c r="AZ199" s="496"/>
      <c r="BA199" s="496"/>
      <c r="BB199" s="496"/>
      <c r="BC199" s="496"/>
      <c r="BD199" s="496"/>
      <c r="BE199" s="496"/>
      <c r="BF199" s="80">
        <f t="shared" si="38"/>
        <v>350</v>
      </c>
      <c r="BG199" s="76">
        <f t="shared" si="37"/>
        <v>141.93846153846155</v>
      </c>
      <c r="BH199" s="487" t="str">
        <f t="shared" si="34"/>
        <v/>
      </c>
      <c r="BI199" s="487" t="str">
        <f t="shared" si="34"/>
        <v/>
      </c>
      <c r="BJ199" s="487" t="str">
        <f t="shared" si="34"/>
        <v/>
      </c>
      <c r="BK199" s="487">
        <f t="shared" si="34"/>
        <v>49678.461538461546</v>
      </c>
      <c r="BL199" s="487" t="str">
        <f t="shared" si="34"/>
        <v/>
      </c>
      <c r="BM199" s="487" t="str">
        <f t="shared" si="34"/>
        <v/>
      </c>
      <c r="BN199" s="487" t="str">
        <f t="shared" si="33"/>
        <v/>
      </c>
      <c r="BO199" s="487" t="str">
        <f t="shared" si="33"/>
        <v/>
      </c>
      <c r="BP199" s="487" t="str">
        <f t="shared" si="33"/>
        <v/>
      </c>
      <c r="BQ199" s="487" t="str">
        <f t="shared" si="33"/>
        <v/>
      </c>
      <c r="BR199" s="487" t="str">
        <f t="shared" si="33"/>
        <v/>
      </c>
      <c r="BS199" s="487" t="str">
        <f t="shared" si="33"/>
        <v/>
      </c>
      <c r="BT199" s="487" t="str">
        <f t="shared" si="35"/>
        <v/>
      </c>
      <c r="BU199" s="487" t="str">
        <f t="shared" si="35"/>
        <v/>
      </c>
      <c r="BV199" s="487" t="str">
        <f t="shared" si="35"/>
        <v/>
      </c>
      <c r="BW199" s="487" t="str">
        <f t="shared" si="35"/>
        <v/>
      </c>
      <c r="BX199" s="487" t="str">
        <f t="shared" si="35"/>
        <v/>
      </c>
      <c r="BY199" s="487" t="str">
        <f t="shared" si="35"/>
        <v/>
      </c>
      <c r="BZ199" s="487" t="str">
        <f t="shared" si="35"/>
        <v/>
      </c>
      <c r="CA199" s="487" t="str">
        <f t="shared" si="35"/>
        <v/>
      </c>
      <c r="CB199" s="487" t="str">
        <f t="shared" si="35"/>
        <v/>
      </c>
      <c r="CC199" s="487" t="str">
        <f t="shared" si="31"/>
        <v/>
      </c>
      <c r="CD199" s="487" t="str">
        <f t="shared" si="31"/>
        <v/>
      </c>
      <c r="CE199" s="487" t="str">
        <f t="shared" si="31"/>
        <v/>
      </c>
      <c r="CF199" s="487" t="str">
        <f t="shared" si="31"/>
        <v/>
      </c>
      <c r="CG199" s="487" t="str">
        <f t="shared" si="30"/>
        <v/>
      </c>
      <c r="CH199" s="487" t="str">
        <f t="shared" si="30"/>
        <v/>
      </c>
      <c r="CI199" s="487" t="str">
        <f t="shared" si="30"/>
        <v/>
      </c>
      <c r="CJ199" s="487" t="str">
        <f t="shared" si="30"/>
        <v/>
      </c>
      <c r="CK199" s="487" t="str">
        <f t="shared" si="30"/>
        <v/>
      </c>
      <c r="CL199" s="487" t="str">
        <f t="shared" si="30"/>
        <v/>
      </c>
      <c r="CM199" s="487"/>
      <c r="CN199" s="487"/>
      <c r="CO199" s="487"/>
      <c r="CP199" s="487"/>
      <c r="CQ199" s="487"/>
      <c r="CR199" s="487"/>
      <c r="CS199" s="487"/>
      <c r="CT199" s="487"/>
      <c r="CU199" s="487"/>
      <c r="CV199" s="487"/>
      <c r="CW199" s="487"/>
      <c r="CX199" s="487"/>
      <c r="CY199" s="487"/>
      <c r="CZ199" s="487"/>
      <c r="DA199" s="487"/>
      <c r="DB199" s="487"/>
      <c r="DC199" s="487"/>
      <c r="DD199" s="487"/>
      <c r="DE199" s="487"/>
      <c r="DF199" s="487"/>
      <c r="DG199" s="487"/>
      <c r="DH199" s="487"/>
      <c r="DI199" s="484"/>
      <c r="DJ199" s="484"/>
      <c r="DK199" s="484"/>
    </row>
    <row r="200" spans="1:115" s="354" customFormat="1" ht="56.1" hidden="1" customHeight="1" x14ac:dyDescent="0.2">
      <c r="A200" s="494"/>
      <c r="B200" s="494"/>
      <c r="C200" s="481">
        <v>424</v>
      </c>
      <c r="D200" s="481"/>
      <c r="E200" s="481" t="s">
        <v>2481</v>
      </c>
      <c r="F200" s="482" t="s">
        <v>53</v>
      </c>
      <c r="G200" s="482" t="s">
        <v>515</v>
      </c>
      <c r="H200" s="484" t="s">
        <v>530</v>
      </c>
      <c r="I200" s="484" t="s">
        <v>532</v>
      </c>
      <c r="J200" s="484" t="s">
        <v>532</v>
      </c>
      <c r="K200" s="484"/>
      <c r="L200" s="484" t="s">
        <v>58</v>
      </c>
      <c r="M200" s="484" t="s">
        <v>20</v>
      </c>
      <c r="N200" s="484"/>
      <c r="O200" s="484" t="s">
        <v>8</v>
      </c>
      <c r="P200" s="484" t="s">
        <v>525</v>
      </c>
      <c r="Q200" s="484"/>
      <c r="R200" s="484" t="s">
        <v>559</v>
      </c>
      <c r="S200" s="484" t="s">
        <v>63</v>
      </c>
      <c r="T200" s="484" t="s">
        <v>63</v>
      </c>
      <c r="U200" s="485">
        <v>0</v>
      </c>
      <c r="V200" s="485"/>
      <c r="W200" s="484" t="s">
        <v>64</v>
      </c>
      <c r="X200" s="484"/>
      <c r="Y200" s="485">
        <v>0</v>
      </c>
      <c r="Z200" s="484" t="s">
        <v>82</v>
      </c>
      <c r="AA200" s="496"/>
      <c r="AB200" s="496"/>
      <c r="AC200" s="496"/>
      <c r="AD200" s="487" t="s">
        <v>66</v>
      </c>
      <c r="AE200" s="496"/>
      <c r="AF200" s="487"/>
      <c r="AG200" s="496"/>
      <c r="AH200" s="496"/>
      <c r="AI200" s="496"/>
      <c r="AJ200" s="496"/>
      <c r="AK200" s="496"/>
      <c r="AL200" s="496"/>
      <c r="AM200" s="496"/>
      <c r="AN200" s="496"/>
      <c r="AO200" s="496"/>
      <c r="AP200" s="496"/>
      <c r="AQ200" s="496"/>
      <c r="AR200" s="496"/>
      <c r="AS200" s="496"/>
      <c r="AT200" s="496"/>
      <c r="AU200" s="496"/>
      <c r="AV200" s="496"/>
      <c r="AW200" s="496"/>
      <c r="AX200" s="496"/>
      <c r="AY200" s="496"/>
      <c r="AZ200" s="496"/>
      <c r="BA200" s="496"/>
      <c r="BB200" s="496"/>
      <c r="BC200" s="496"/>
      <c r="BD200" s="496"/>
      <c r="BE200" s="496"/>
      <c r="BF200" s="80">
        <f t="shared" si="38"/>
        <v>350</v>
      </c>
      <c r="BG200" s="76"/>
      <c r="BH200" s="487" t="str">
        <f t="shared" si="34"/>
        <v/>
      </c>
      <c r="BI200" s="487" t="str">
        <f t="shared" si="34"/>
        <v/>
      </c>
      <c r="BJ200" s="487" t="str">
        <f t="shared" si="34"/>
        <v/>
      </c>
      <c r="BK200" s="487">
        <f t="shared" si="34"/>
        <v>0</v>
      </c>
      <c r="BL200" s="487" t="str">
        <f t="shared" si="34"/>
        <v/>
      </c>
      <c r="BM200" s="487" t="str">
        <f t="shared" si="34"/>
        <v/>
      </c>
      <c r="BN200" s="487" t="str">
        <f t="shared" si="33"/>
        <v/>
      </c>
      <c r="BO200" s="487" t="str">
        <f t="shared" si="33"/>
        <v/>
      </c>
      <c r="BP200" s="487" t="str">
        <f t="shared" si="33"/>
        <v/>
      </c>
      <c r="BQ200" s="487" t="str">
        <f t="shared" si="33"/>
        <v/>
      </c>
      <c r="BR200" s="487" t="str">
        <f t="shared" si="33"/>
        <v/>
      </c>
      <c r="BS200" s="487" t="str">
        <f t="shared" si="33"/>
        <v/>
      </c>
      <c r="BT200" s="487" t="str">
        <f t="shared" si="35"/>
        <v/>
      </c>
      <c r="BU200" s="487" t="str">
        <f t="shared" si="35"/>
        <v/>
      </c>
      <c r="BV200" s="487" t="str">
        <f t="shared" si="35"/>
        <v/>
      </c>
      <c r="BW200" s="487" t="str">
        <f t="shared" si="35"/>
        <v/>
      </c>
      <c r="BX200" s="487" t="str">
        <f t="shared" si="35"/>
        <v/>
      </c>
      <c r="BY200" s="487" t="str">
        <f t="shared" si="35"/>
        <v/>
      </c>
      <c r="BZ200" s="487" t="str">
        <f t="shared" si="35"/>
        <v/>
      </c>
      <c r="CA200" s="487" t="str">
        <f t="shared" si="35"/>
        <v/>
      </c>
      <c r="CB200" s="487" t="str">
        <f t="shared" si="35"/>
        <v/>
      </c>
      <c r="CC200" s="487" t="str">
        <f t="shared" si="31"/>
        <v/>
      </c>
      <c r="CD200" s="487" t="str">
        <f t="shared" si="31"/>
        <v/>
      </c>
      <c r="CE200" s="487" t="str">
        <f t="shared" si="31"/>
        <v/>
      </c>
      <c r="CF200" s="487" t="str">
        <f t="shared" si="31"/>
        <v/>
      </c>
      <c r="CG200" s="487" t="str">
        <f t="shared" si="30"/>
        <v/>
      </c>
      <c r="CH200" s="487" t="str">
        <f t="shared" si="30"/>
        <v/>
      </c>
      <c r="CI200" s="487" t="str">
        <f t="shared" si="30"/>
        <v/>
      </c>
      <c r="CJ200" s="487" t="str">
        <f t="shared" si="30"/>
        <v/>
      </c>
      <c r="CK200" s="487" t="str">
        <f t="shared" si="30"/>
        <v/>
      </c>
      <c r="CL200" s="487" t="str">
        <f t="shared" si="30"/>
        <v/>
      </c>
      <c r="CM200" s="487"/>
      <c r="CN200" s="487"/>
      <c r="CO200" s="487"/>
      <c r="CP200" s="487"/>
      <c r="CQ200" s="487"/>
      <c r="CR200" s="487"/>
      <c r="CS200" s="487"/>
      <c r="CT200" s="487"/>
      <c r="CU200" s="487"/>
      <c r="CV200" s="487"/>
      <c r="CW200" s="487"/>
      <c r="CX200" s="487"/>
      <c r="CY200" s="487"/>
      <c r="CZ200" s="487"/>
      <c r="DA200" s="487"/>
      <c r="DB200" s="487"/>
      <c r="DC200" s="487"/>
      <c r="DD200" s="487"/>
      <c r="DE200" s="487"/>
      <c r="DF200" s="487"/>
      <c r="DG200" s="487"/>
      <c r="DH200" s="487"/>
      <c r="DI200" s="484"/>
      <c r="DJ200" s="484"/>
      <c r="DK200" s="484"/>
    </row>
    <row r="201" spans="1:115" s="354" customFormat="1" ht="56.1" hidden="1" customHeight="1" x14ac:dyDescent="0.2">
      <c r="A201" s="494"/>
      <c r="B201" s="494"/>
      <c r="C201" s="481">
        <v>425</v>
      </c>
      <c r="D201" s="481"/>
      <c r="E201" s="481" t="s">
        <v>2481</v>
      </c>
      <c r="F201" s="482" t="s">
        <v>53</v>
      </c>
      <c r="G201" s="482" t="s">
        <v>515</v>
      </c>
      <c r="H201" s="484" t="s">
        <v>533</v>
      </c>
      <c r="I201" s="484" t="s">
        <v>534</v>
      </c>
      <c r="J201" s="484" t="s">
        <v>534</v>
      </c>
      <c r="K201" s="484"/>
      <c r="L201" s="484" t="s">
        <v>58</v>
      </c>
      <c r="M201" s="484" t="s">
        <v>20</v>
      </c>
      <c r="N201" s="484"/>
      <c r="O201" s="484" t="s">
        <v>81</v>
      </c>
      <c r="P201" s="484" t="s">
        <v>334</v>
      </c>
      <c r="Q201" s="484"/>
      <c r="R201" s="484" t="s">
        <v>559</v>
      </c>
      <c r="S201" s="484" t="s">
        <v>63</v>
      </c>
      <c r="T201" s="484" t="s">
        <v>63</v>
      </c>
      <c r="U201" s="485">
        <v>62275.5</v>
      </c>
      <c r="V201" s="485"/>
      <c r="W201" s="484" t="s">
        <v>64</v>
      </c>
      <c r="X201" s="484"/>
      <c r="Y201" s="485">
        <v>62275.5</v>
      </c>
      <c r="Z201" s="484" t="s">
        <v>82</v>
      </c>
      <c r="AA201" s="496"/>
      <c r="AB201" s="496"/>
      <c r="AC201" s="496"/>
      <c r="AD201" s="487" t="s">
        <v>66</v>
      </c>
      <c r="AE201" s="496"/>
      <c r="AF201" s="487"/>
      <c r="AG201" s="496"/>
      <c r="AH201" s="496"/>
      <c r="AI201" s="496"/>
      <c r="AJ201" s="496"/>
      <c r="AK201" s="496"/>
      <c r="AL201" s="496"/>
      <c r="AM201" s="496"/>
      <c r="AN201" s="496"/>
      <c r="AO201" s="496"/>
      <c r="AP201" s="496"/>
      <c r="AQ201" s="496"/>
      <c r="AR201" s="496"/>
      <c r="AS201" s="496"/>
      <c r="AT201" s="496"/>
      <c r="AU201" s="496"/>
      <c r="AV201" s="496"/>
      <c r="AW201" s="496"/>
      <c r="AX201" s="496"/>
      <c r="AY201" s="496"/>
      <c r="AZ201" s="496"/>
      <c r="BA201" s="496"/>
      <c r="BB201" s="496"/>
      <c r="BC201" s="496"/>
      <c r="BD201" s="496"/>
      <c r="BE201" s="496"/>
      <c r="BF201" s="80">
        <f t="shared" si="38"/>
        <v>350</v>
      </c>
      <c r="BG201" s="76">
        <f t="shared" ref="BG201:BG207" si="39">Y201/BF201</f>
        <v>177.93</v>
      </c>
      <c r="BH201" s="487" t="str">
        <f t="shared" si="34"/>
        <v/>
      </c>
      <c r="BI201" s="487" t="str">
        <f t="shared" si="34"/>
        <v/>
      </c>
      <c r="BJ201" s="487" t="str">
        <f t="shared" si="34"/>
        <v/>
      </c>
      <c r="BK201" s="487">
        <f t="shared" si="34"/>
        <v>62275.5</v>
      </c>
      <c r="BL201" s="487" t="str">
        <f t="shared" si="34"/>
        <v/>
      </c>
      <c r="BM201" s="487" t="str">
        <f t="shared" si="34"/>
        <v/>
      </c>
      <c r="BN201" s="487" t="str">
        <f t="shared" si="33"/>
        <v/>
      </c>
      <c r="BO201" s="487" t="str">
        <f t="shared" si="33"/>
        <v/>
      </c>
      <c r="BP201" s="487" t="str">
        <f t="shared" si="33"/>
        <v/>
      </c>
      <c r="BQ201" s="487" t="str">
        <f t="shared" si="33"/>
        <v/>
      </c>
      <c r="BR201" s="487" t="str">
        <f t="shared" si="33"/>
        <v/>
      </c>
      <c r="BS201" s="487" t="str">
        <f t="shared" si="33"/>
        <v/>
      </c>
      <c r="BT201" s="487" t="str">
        <f t="shared" si="35"/>
        <v/>
      </c>
      <c r="BU201" s="487" t="str">
        <f t="shared" si="35"/>
        <v/>
      </c>
      <c r="BV201" s="487" t="str">
        <f t="shared" si="35"/>
        <v/>
      </c>
      <c r="BW201" s="487" t="str">
        <f t="shared" si="35"/>
        <v/>
      </c>
      <c r="BX201" s="487" t="str">
        <f t="shared" si="35"/>
        <v/>
      </c>
      <c r="BY201" s="487" t="str">
        <f t="shared" si="35"/>
        <v/>
      </c>
      <c r="BZ201" s="487" t="str">
        <f t="shared" si="35"/>
        <v/>
      </c>
      <c r="CA201" s="487" t="str">
        <f t="shared" si="35"/>
        <v/>
      </c>
      <c r="CB201" s="487" t="str">
        <f t="shared" si="35"/>
        <v/>
      </c>
      <c r="CC201" s="487" t="str">
        <f t="shared" si="31"/>
        <v/>
      </c>
      <c r="CD201" s="487" t="str">
        <f t="shared" si="31"/>
        <v/>
      </c>
      <c r="CE201" s="487" t="str">
        <f t="shared" si="31"/>
        <v/>
      </c>
      <c r="CF201" s="487" t="str">
        <f t="shared" si="31"/>
        <v/>
      </c>
      <c r="CG201" s="487" t="str">
        <f t="shared" si="30"/>
        <v/>
      </c>
      <c r="CH201" s="487" t="str">
        <f t="shared" si="30"/>
        <v/>
      </c>
      <c r="CI201" s="487" t="str">
        <f t="shared" si="30"/>
        <v/>
      </c>
      <c r="CJ201" s="487" t="str">
        <f t="shared" si="30"/>
        <v/>
      </c>
      <c r="CK201" s="487" t="str">
        <f t="shared" si="30"/>
        <v/>
      </c>
      <c r="CL201" s="487" t="str">
        <f t="shared" si="30"/>
        <v/>
      </c>
      <c r="CM201" s="487"/>
      <c r="CN201" s="487"/>
      <c r="CO201" s="487"/>
      <c r="CP201" s="487"/>
      <c r="CQ201" s="487"/>
      <c r="CR201" s="487"/>
      <c r="CS201" s="487"/>
      <c r="CT201" s="487"/>
      <c r="CU201" s="487"/>
      <c r="CV201" s="487"/>
      <c r="CW201" s="487"/>
      <c r="CX201" s="487"/>
      <c r="CY201" s="487"/>
      <c r="CZ201" s="487"/>
      <c r="DA201" s="487"/>
      <c r="DB201" s="487"/>
      <c r="DC201" s="487"/>
      <c r="DD201" s="487"/>
      <c r="DE201" s="487"/>
      <c r="DF201" s="487"/>
      <c r="DG201" s="487"/>
      <c r="DH201" s="487"/>
      <c r="DI201" s="484"/>
      <c r="DJ201" s="484"/>
      <c r="DK201" s="484"/>
    </row>
    <row r="202" spans="1:115" s="354" customFormat="1" ht="56.1" hidden="1" customHeight="1" x14ac:dyDescent="0.2">
      <c r="A202" s="77" t="s">
        <v>2490</v>
      </c>
      <c r="B202" s="77" t="s">
        <v>18</v>
      </c>
      <c r="C202" s="481">
        <v>426</v>
      </c>
      <c r="D202" s="481"/>
      <c r="E202" s="481" t="s">
        <v>2481</v>
      </c>
      <c r="F202" s="482" t="s">
        <v>53</v>
      </c>
      <c r="G202" s="482" t="s">
        <v>515</v>
      </c>
      <c r="H202" s="484" t="s">
        <v>548</v>
      </c>
      <c r="I202" s="484" t="s">
        <v>536</v>
      </c>
      <c r="J202" s="484" t="s">
        <v>536</v>
      </c>
      <c r="K202" s="484"/>
      <c r="L202" s="484" t="s">
        <v>58</v>
      </c>
      <c r="M202" s="484" t="s">
        <v>18</v>
      </c>
      <c r="N202" s="484"/>
      <c r="O202" s="497" t="s">
        <v>60</v>
      </c>
      <c r="P202" s="484" t="s">
        <v>334</v>
      </c>
      <c r="Q202" s="484"/>
      <c r="R202" s="484" t="s">
        <v>377</v>
      </c>
      <c r="S202" s="484" t="s">
        <v>63</v>
      </c>
      <c r="T202" s="484" t="s">
        <v>63</v>
      </c>
      <c r="U202" s="485">
        <v>60733.439999999995</v>
      </c>
      <c r="V202" s="485"/>
      <c r="W202" s="484" t="s">
        <v>64</v>
      </c>
      <c r="X202" s="484"/>
      <c r="Y202" s="485">
        <v>60733.439999999995</v>
      </c>
      <c r="Z202" s="484" t="s">
        <v>82</v>
      </c>
      <c r="AA202" s="496"/>
      <c r="AB202" s="487" t="s">
        <v>66</v>
      </c>
      <c r="AC202" s="496"/>
      <c r="AD202" s="496"/>
      <c r="AE202" s="496"/>
      <c r="AF202" s="487"/>
      <c r="AG202" s="496"/>
      <c r="AH202" s="496"/>
      <c r="AI202" s="496"/>
      <c r="AJ202" s="496"/>
      <c r="AK202" s="496"/>
      <c r="AL202" s="496"/>
      <c r="AM202" s="496"/>
      <c r="AN202" s="496"/>
      <c r="AO202" s="496"/>
      <c r="AP202" s="496"/>
      <c r="AQ202" s="496"/>
      <c r="AR202" s="496"/>
      <c r="AS202" s="496"/>
      <c r="AT202" s="496"/>
      <c r="AU202" s="496"/>
      <c r="AV202" s="496"/>
      <c r="AW202" s="496"/>
      <c r="AX202" s="496"/>
      <c r="AY202" s="496"/>
      <c r="AZ202" s="496"/>
      <c r="BA202" s="496"/>
      <c r="BB202" s="496"/>
      <c r="BC202" s="496"/>
      <c r="BD202" s="496"/>
      <c r="BE202" s="496"/>
      <c r="BF202" s="80">
        <f t="shared" si="38"/>
        <v>200</v>
      </c>
      <c r="BG202" s="76">
        <f t="shared" si="39"/>
        <v>303.66719999999998</v>
      </c>
      <c r="BH202" s="487" t="str">
        <f t="shared" si="34"/>
        <v/>
      </c>
      <c r="BI202" s="487">
        <f t="shared" si="34"/>
        <v>60733.439999999995</v>
      </c>
      <c r="BJ202" s="487" t="str">
        <f t="shared" si="34"/>
        <v/>
      </c>
      <c r="BK202" s="487" t="str">
        <f t="shared" si="34"/>
        <v/>
      </c>
      <c r="BL202" s="487" t="str">
        <f t="shared" si="34"/>
        <v/>
      </c>
      <c r="BM202" s="487" t="str">
        <f t="shared" si="34"/>
        <v/>
      </c>
      <c r="BN202" s="487" t="str">
        <f t="shared" si="33"/>
        <v/>
      </c>
      <c r="BO202" s="487" t="str">
        <f t="shared" si="33"/>
        <v/>
      </c>
      <c r="BP202" s="487" t="str">
        <f t="shared" si="33"/>
        <v/>
      </c>
      <c r="BQ202" s="487" t="str">
        <f t="shared" si="33"/>
        <v/>
      </c>
      <c r="BR202" s="487" t="str">
        <f t="shared" si="33"/>
        <v/>
      </c>
      <c r="BS202" s="487" t="str">
        <f t="shared" si="33"/>
        <v/>
      </c>
      <c r="BT202" s="487" t="str">
        <f t="shared" si="35"/>
        <v/>
      </c>
      <c r="BU202" s="487" t="str">
        <f t="shared" si="35"/>
        <v/>
      </c>
      <c r="BV202" s="487" t="str">
        <f t="shared" si="35"/>
        <v/>
      </c>
      <c r="BW202" s="487" t="str">
        <f t="shared" si="35"/>
        <v/>
      </c>
      <c r="BX202" s="487" t="str">
        <f t="shared" si="35"/>
        <v/>
      </c>
      <c r="BY202" s="487" t="str">
        <f t="shared" si="35"/>
        <v/>
      </c>
      <c r="BZ202" s="487" t="str">
        <f t="shared" si="35"/>
        <v/>
      </c>
      <c r="CA202" s="487" t="str">
        <f t="shared" si="35"/>
        <v/>
      </c>
      <c r="CB202" s="487" t="str">
        <f t="shared" si="35"/>
        <v/>
      </c>
      <c r="CC202" s="487" t="str">
        <f t="shared" si="31"/>
        <v/>
      </c>
      <c r="CD202" s="487" t="str">
        <f t="shared" si="31"/>
        <v/>
      </c>
      <c r="CE202" s="487" t="str">
        <f t="shared" si="31"/>
        <v/>
      </c>
      <c r="CF202" s="487" t="str">
        <f t="shared" si="31"/>
        <v/>
      </c>
      <c r="CG202" s="487" t="str">
        <f t="shared" si="30"/>
        <v/>
      </c>
      <c r="CH202" s="487" t="str">
        <f t="shared" si="30"/>
        <v/>
      </c>
      <c r="CI202" s="487" t="str">
        <f t="shared" si="30"/>
        <v/>
      </c>
      <c r="CJ202" s="487" t="str">
        <f t="shared" si="30"/>
        <v/>
      </c>
      <c r="CK202" s="487" t="str">
        <f t="shared" si="30"/>
        <v/>
      </c>
      <c r="CL202" s="487" t="str">
        <f t="shared" si="30"/>
        <v/>
      </c>
      <c r="CM202" s="487"/>
      <c r="CN202" s="487"/>
      <c r="CO202" s="487"/>
      <c r="CP202" s="487"/>
      <c r="CQ202" s="487"/>
      <c r="CR202" s="487"/>
      <c r="CS202" s="487"/>
      <c r="CT202" s="487"/>
      <c r="CU202" s="487"/>
      <c r="CV202" s="487"/>
      <c r="CW202" s="487"/>
      <c r="CX202" s="487"/>
      <c r="CY202" s="487"/>
      <c r="CZ202" s="487"/>
      <c r="DA202" s="487"/>
      <c r="DB202" s="487"/>
      <c r="DC202" s="487"/>
      <c r="DD202" s="487"/>
      <c r="DE202" s="487"/>
      <c r="DF202" s="487"/>
      <c r="DG202" s="487"/>
      <c r="DH202" s="487"/>
      <c r="DI202" s="484"/>
      <c r="DJ202" s="484"/>
      <c r="DK202" s="484"/>
    </row>
    <row r="203" spans="1:115" s="354" customFormat="1" ht="56.1" hidden="1" customHeight="1" x14ac:dyDescent="0.2">
      <c r="A203" s="77" t="s">
        <v>2490</v>
      </c>
      <c r="B203" s="77" t="s">
        <v>18</v>
      </c>
      <c r="C203" s="481">
        <v>427</v>
      </c>
      <c r="D203" s="481"/>
      <c r="E203" s="481" t="s">
        <v>2481</v>
      </c>
      <c r="F203" s="482" t="s">
        <v>53</v>
      </c>
      <c r="G203" s="482" t="s">
        <v>515</v>
      </c>
      <c r="H203" s="484" t="s">
        <v>518</v>
      </c>
      <c r="I203" s="484" t="s">
        <v>520</v>
      </c>
      <c r="J203" s="484" t="s">
        <v>520</v>
      </c>
      <c r="K203" s="484"/>
      <c r="L203" s="484" t="s">
        <v>58</v>
      </c>
      <c r="M203" s="484" t="s">
        <v>18</v>
      </c>
      <c r="N203" s="484"/>
      <c r="O203" s="497" t="s">
        <v>8</v>
      </c>
      <c r="P203" s="484" t="s">
        <v>334</v>
      </c>
      <c r="Q203" s="484"/>
      <c r="R203" s="484" t="s">
        <v>377</v>
      </c>
      <c r="S203" s="484" t="s">
        <v>63</v>
      </c>
      <c r="T203" s="484" t="s">
        <v>63</v>
      </c>
      <c r="U203" s="485">
        <v>159425.28</v>
      </c>
      <c r="V203" s="485"/>
      <c r="W203" s="484" t="s">
        <v>64</v>
      </c>
      <c r="X203" s="484"/>
      <c r="Y203" s="485">
        <v>159425.28</v>
      </c>
      <c r="Z203" s="484" t="s">
        <v>82</v>
      </c>
      <c r="AA203" s="496"/>
      <c r="AB203" s="487" t="s">
        <v>66</v>
      </c>
      <c r="AC203" s="496"/>
      <c r="AD203" s="496"/>
      <c r="AE203" s="496"/>
      <c r="AF203" s="487"/>
      <c r="AG203" s="496"/>
      <c r="AH203" s="496"/>
      <c r="AI203" s="496"/>
      <c r="AJ203" s="496"/>
      <c r="AK203" s="496"/>
      <c r="AL203" s="496"/>
      <c r="AM203" s="496"/>
      <c r="AN203" s="496"/>
      <c r="AO203" s="496"/>
      <c r="AP203" s="496"/>
      <c r="AQ203" s="496"/>
      <c r="AR203" s="496"/>
      <c r="AS203" s="496"/>
      <c r="AT203" s="496"/>
      <c r="AU203" s="496"/>
      <c r="AV203" s="496"/>
      <c r="AW203" s="496"/>
      <c r="AX203" s="496"/>
      <c r="AY203" s="496"/>
      <c r="AZ203" s="496"/>
      <c r="BA203" s="496"/>
      <c r="BB203" s="496"/>
      <c r="BC203" s="496"/>
      <c r="BD203" s="496"/>
      <c r="BE203" s="496"/>
      <c r="BF203" s="80">
        <f t="shared" si="38"/>
        <v>200</v>
      </c>
      <c r="BG203" s="76">
        <f t="shared" si="39"/>
        <v>797.12639999999999</v>
      </c>
      <c r="BH203" s="487" t="str">
        <f t="shared" si="34"/>
        <v/>
      </c>
      <c r="BI203" s="487">
        <f t="shared" si="34"/>
        <v>159425.28</v>
      </c>
      <c r="BJ203" s="487" t="str">
        <f t="shared" si="34"/>
        <v/>
      </c>
      <c r="BK203" s="487" t="str">
        <f t="shared" si="34"/>
        <v/>
      </c>
      <c r="BL203" s="487" t="str">
        <f t="shared" si="34"/>
        <v/>
      </c>
      <c r="BM203" s="487" t="str">
        <f t="shared" si="34"/>
        <v/>
      </c>
      <c r="BN203" s="487" t="str">
        <f t="shared" si="33"/>
        <v/>
      </c>
      <c r="BO203" s="487" t="str">
        <f t="shared" si="33"/>
        <v/>
      </c>
      <c r="BP203" s="487" t="str">
        <f t="shared" si="33"/>
        <v/>
      </c>
      <c r="BQ203" s="487" t="str">
        <f t="shared" si="33"/>
        <v/>
      </c>
      <c r="BR203" s="487" t="str">
        <f t="shared" si="33"/>
        <v/>
      </c>
      <c r="BS203" s="487" t="str">
        <f t="shared" si="33"/>
        <v/>
      </c>
      <c r="BT203" s="487" t="str">
        <f t="shared" si="35"/>
        <v/>
      </c>
      <c r="BU203" s="487" t="str">
        <f t="shared" si="35"/>
        <v/>
      </c>
      <c r="BV203" s="487" t="str">
        <f t="shared" si="35"/>
        <v/>
      </c>
      <c r="BW203" s="487" t="str">
        <f t="shared" si="35"/>
        <v/>
      </c>
      <c r="BX203" s="487" t="str">
        <f t="shared" si="35"/>
        <v/>
      </c>
      <c r="BY203" s="487" t="str">
        <f t="shared" si="35"/>
        <v/>
      </c>
      <c r="BZ203" s="487" t="str">
        <f t="shared" si="35"/>
        <v/>
      </c>
      <c r="CA203" s="487" t="str">
        <f t="shared" si="35"/>
        <v/>
      </c>
      <c r="CB203" s="487" t="str">
        <f t="shared" si="35"/>
        <v/>
      </c>
      <c r="CC203" s="487" t="str">
        <f t="shared" si="31"/>
        <v/>
      </c>
      <c r="CD203" s="487" t="str">
        <f t="shared" si="31"/>
        <v/>
      </c>
      <c r="CE203" s="487" t="str">
        <f t="shared" si="31"/>
        <v/>
      </c>
      <c r="CF203" s="487" t="str">
        <f t="shared" si="31"/>
        <v/>
      </c>
      <c r="CG203" s="487" t="str">
        <f t="shared" si="30"/>
        <v/>
      </c>
      <c r="CH203" s="487" t="str">
        <f t="shared" si="30"/>
        <v/>
      </c>
      <c r="CI203" s="487" t="str">
        <f t="shared" si="30"/>
        <v/>
      </c>
      <c r="CJ203" s="487" t="str">
        <f t="shared" si="30"/>
        <v/>
      </c>
      <c r="CK203" s="487" t="str">
        <f t="shared" si="30"/>
        <v/>
      </c>
      <c r="CL203" s="487" t="str">
        <f t="shared" si="30"/>
        <v/>
      </c>
      <c r="CM203" s="487"/>
      <c r="CN203" s="487"/>
      <c r="CO203" s="487"/>
      <c r="CP203" s="487"/>
      <c r="CQ203" s="487"/>
      <c r="CR203" s="487"/>
      <c r="CS203" s="487"/>
      <c r="CT203" s="487"/>
      <c r="CU203" s="487"/>
      <c r="CV203" s="487"/>
      <c r="CW203" s="487"/>
      <c r="CX203" s="487"/>
      <c r="CY203" s="487"/>
      <c r="CZ203" s="487"/>
      <c r="DA203" s="487"/>
      <c r="DB203" s="487"/>
      <c r="DC203" s="487"/>
      <c r="DD203" s="487"/>
      <c r="DE203" s="487"/>
      <c r="DF203" s="487"/>
      <c r="DG203" s="487"/>
      <c r="DH203" s="487"/>
      <c r="DI203" s="484"/>
      <c r="DJ203" s="484"/>
      <c r="DK203" s="484"/>
    </row>
    <row r="204" spans="1:115" s="354" customFormat="1" ht="56.1" hidden="1" customHeight="1" x14ac:dyDescent="0.2">
      <c r="A204" s="77" t="s">
        <v>2490</v>
      </c>
      <c r="B204" s="77" t="s">
        <v>18</v>
      </c>
      <c r="C204" s="481">
        <v>428</v>
      </c>
      <c r="D204" s="481"/>
      <c r="E204" s="481" t="s">
        <v>2481</v>
      </c>
      <c r="F204" s="482" t="s">
        <v>53</v>
      </c>
      <c r="G204" s="482" t="s">
        <v>515</v>
      </c>
      <c r="H204" s="484" t="s">
        <v>521</v>
      </c>
      <c r="I204" s="484" t="s">
        <v>522</v>
      </c>
      <c r="J204" s="484" t="s">
        <v>522</v>
      </c>
      <c r="K204" s="484"/>
      <c r="L204" s="484" t="s">
        <v>58</v>
      </c>
      <c r="M204" s="484" t="s">
        <v>18</v>
      </c>
      <c r="N204" s="484"/>
      <c r="O204" s="497" t="s">
        <v>8</v>
      </c>
      <c r="P204" s="484" t="s">
        <v>334</v>
      </c>
      <c r="Q204" s="484"/>
      <c r="R204" s="484" t="s">
        <v>377</v>
      </c>
      <c r="S204" s="484" t="s">
        <v>63</v>
      </c>
      <c r="T204" s="484" t="s">
        <v>63</v>
      </c>
      <c r="U204" s="485">
        <v>222689.28</v>
      </c>
      <c r="V204" s="485"/>
      <c r="W204" s="484" t="s">
        <v>64</v>
      </c>
      <c r="X204" s="484"/>
      <c r="Y204" s="485">
        <v>222689.28</v>
      </c>
      <c r="Z204" s="484" t="s">
        <v>82</v>
      </c>
      <c r="AA204" s="496"/>
      <c r="AB204" s="487" t="s">
        <v>66</v>
      </c>
      <c r="AC204" s="496"/>
      <c r="AD204" s="496"/>
      <c r="AE204" s="496"/>
      <c r="AF204" s="487"/>
      <c r="AG204" s="496"/>
      <c r="AH204" s="496"/>
      <c r="AI204" s="496"/>
      <c r="AJ204" s="496"/>
      <c r="AK204" s="496"/>
      <c r="AL204" s="496"/>
      <c r="AM204" s="496"/>
      <c r="AN204" s="496"/>
      <c r="AO204" s="496"/>
      <c r="AP204" s="496"/>
      <c r="AQ204" s="496"/>
      <c r="AR204" s="496"/>
      <c r="AS204" s="496"/>
      <c r="AT204" s="496"/>
      <c r="AU204" s="496"/>
      <c r="AV204" s="496"/>
      <c r="AW204" s="496"/>
      <c r="AX204" s="496"/>
      <c r="AY204" s="496"/>
      <c r="AZ204" s="496"/>
      <c r="BA204" s="496"/>
      <c r="BB204" s="496"/>
      <c r="BC204" s="496"/>
      <c r="BD204" s="496"/>
      <c r="BE204" s="496"/>
      <c r="BF204" s="80">
        <f t="shared" si="38"/>
        <v>200</v>
      </c>
      <c r="BG204" s="76">
        <f t="shared" si="39"/>
        <v>1113.4464</v>
      </c>
      <c r="BH204" s="487" t="str">
        <f t="shared" si="34"/>
        <v/>
      </c>
      <c r="BI204" s="487">
        <f t="shared" si="34"/>
        <v>222689.28</v>
      </c>
      <c r="BJ204" s="487" t="str">
        <f t="shared" si="34"/>
        <v/>
      </c>
      <c r="BK204" s="487" t="str">
        <f t="shared" si="34"/>
        <v/>
      </c>
      <c r="BL204" s="487" t="str">
        <f t="shared" si="34"/>
        <v/>
      </c>
      <c r="BM204" s="487" t="str">
        <f t="shared" si="34"/>
        <v/>
      </c>
      <c r="BN204" s="487" t="str">
        <f t="shared" si="33"/>
        <v/>
      </c>
      <c r="BO204" s="487" t="str">
        <f t="shared" si="33"/>
        <v/>
      </c>
      <c r="BP204" s="487" t="str">
        <f t="shared" si="33"/>
        <v/>
      </c>
      <c r="BQ204" s="487" t="str">
        <f t="shared" si="33"/>
        <v/>
      </c>
      <c r="BR204" s="487" t="str">
        <f t="shared" si="33"/>
        <v/>
      </c>
      <c r="BS204" s="487" t="str">
        <f t="shared" si="33"/>
        <v/>
      </c>
      <c r="BT204" s="487" t="str">
        <f t="shared" si="35"/>
        <v/>
      </c>
      <c r="BU204" s="487" t="str">
        <f t="shared" si="35"/>
        <v/>
      </c>
      <c r="BV204" s="487" t="str">
        <f t="shared" si="35"/>
        <v/>
      </c>
      <c r="BW204" s="487" t="str">
        <f t="shared" si="35"/>
        <v/>
      </c>
      <c r="BX204" s="487" t="str">
        <f t="shared" si="35"/>
        <v/>
      </c>
      <c r="BY204" s="487" t="str">
        <f t="shared" si="35"/>
        <v/>
      </c>
      <c r="BZ204" s="487" t="str">
        <f t="shared" si="35"/>
        <v/>
      </c>
      <c r="CA204" s="487" t="str">
        <f t="shared" si="35"/>
        <v/>
      </c>
      <c r="CB204" s="487" t="str">
        <f t="shared" si="35"/>
        <v/>
      </c>
      <c r="CC204" s="487" t="str">
        <f t="shared" si="31"/>
        <v/>
      </c>
      <c r="CD204" s="487" t="str">
        <f t="shared" si="31"/>
        <v/>
      </c>
      <c r="CE204" s="487" t="str">
        <f t="shared" si="31"/>
        <v/>
      </c>
      <c r="CF204" s="487" t="str">
        <f t="shared" si="31"/>
        <v/>
      </c>
      <c r="CG204" s="487" t="str">
        <f t="shared" si="30"/>
        <v/>
      </c>
      <c r="CH204" s="487" t="str">
        <f t="shared" si="30"/>
        <v/>
      </c>
      <c r="CI204" s="487" t="str">
        <f t="shared" si="30"/>
        <v/>
      </c>
      <c r="CJ204" s="487" t="str">
        <f t="shared" si="30"/>
        <v/>
      </c>
      <c r="CK204" s="487" t="str">
        <f t="shared" si="30"/>
        <v/>
      </c>
      <c r="CL204" s="487" t="str">
        <f t="shared" si="30"/>
        <v/>
      </c>
      <c r="CM204" s="487"/>
      <c r="CN204" s="487"/>
      <c r="CO204" s="487"/>
      <c r="CP204" s="487"/>
      <c r="CQ204" s="487"/>
      <c r="CR204" s="487"/>
      <c r="CS204" s="487"/>
      <c r="CT204" s="487"/>
      <c r="CU204" s="487"/>
      <c r="CV204" s="487"/>
      <c r="CW204" s="487"/>
      <c r="CX204" s="487"/>
      <c r="CY204" s="487"/>
      <c r="CZ204" s="487"/>
      <c r="DA204" s="487"/>
      <c r="DB204" s="487"/>
      <c r="DC204" s="487"/>
      <c r="DD204" s="487"/>
      <c r="DE204" s="487"/>
      <c r="DF204" s="487"/>
      <c r="DG204" s="487"/>
      <c r="DH204" s="487"/>
      <c r="DI204" s="484"/>
      <c r="DJ204" s="484"/>
      <c r="DK204" s="484"/>
    </row>
    <row r="205" spans="1:115" s="354" customFormat="1" ht="56.1" hidden="1" customHeight="1" x14ac:dyDescent="0.2">
      <c r="A205" s="77" t="s">
        <v>2490</v>
      </c>
      <c r="B205" s="77" t="s">
        <v>18</v>
      </c>
      <c r="C205" s="481">
        <v>429</v>
      </c>
      <c r="D205" s="481"/>
      <c r="E205" s="481" t="s">
        <v>2481</v>
      </c>
      <c r="F205" s="482" t="s">
        <v>53</v>
      </c>
      <c r="G205" s="482" t="s">
        <v>515</v>
      </c>
      <c r="H205" s="484" t="s">
        <v>523</v>
      </c>
      <c r="I205" s="484" t="s">
        <v>540</v>
      </c>
      <c r="J205" s="484" t="s">
        <v>562</v>
      </c>
      <c r="K205" s="484"/>
      <c r="L205" s="484" t="s">
        <v>58</v>
      </c>
      <c r="M205" s="484" t="s">
        <v>18</v>
      </c>
      <c r="N205" s="484"/>
      <c r="O205" s="484" t="s">
        <v>388</v>
      </c>
      <c r="P205" s="484" t="s">
        <v>525</v>
      </c>
      <c r="Q205" s="484"/>
      <c r="R205" s="484" t="s">
        <v>377</v>
      </c>
      <c r="S205" s="484" t="s">
        <v>63</v>
      </c>
      <c r="T205" s="484" t="s">
        <v>63</v>
      </c>
      <c r="U205" s="485">
        <v>43494</v>
      </c>
      <c r="V205" s="485"/>
      <c r="W205" s="484" t="s">
        <v>64</v>
      </c>
      <c r="X205" s="484"/>
      <c r="Y205" s="485">
        <v>43494</v>
      </c>
      <c r="Z205" s="484" t="s">
        <v>82</v>
      </c>
      <c r="AA205" s="496"/>
      <c r="AB205" s="487" t="s">
        <v>66</v>
      </c>
      <c r="AC205" s="496"/>
      <c r="AD205" s="496"/>
      <c r="AE205" s="496"/>
      <c r="AF205" s="487"/>
      <c r="AG205" s="496"/>
      <c r="AH205" s="496"/>
      <c r="AI205" s="496"/>
      <c r="AJ205" s="496"/>
      <c r="AK205" s="496"/>
      <c r="AL205" s="496"/>
      <c r="AM205" s="496"/>
      <c r="AN205" s="496"/>
      <c r="AO205" s="496"/>
      <c r="AP205" s="496"/>
      <c r="AQ205" s="496"/>
      <c r="AR205" s="496"/>
      <c r="AS205" s="496"/>
      <c r="AT205" s="496"/>
      <c r="AU205" s="496"/>
      <c r="AV205" s="496"/>
      <c r="AW205" s="496"/>
      <c r="AX205" s="496"/>
      <c r="AY205" s="496"/>
      <c r="AZ205" s="496"/>
      <c r="BA205" s="496"/>
      <c r="BB205" s="496"/>
      <c r="BC205" s="496"/>
      <c r="BD205" s="496"/>
      <c r="BE205" s="496"/>
      <c r="BF205" s="80">
        <f t="shared" si="38"/>
        <v>200</v>
      </c>
      <c r="BG205" s="76">
        <f t="shared" si="39"/>
        <v>217.47</v>
      </c>
      <c r="BH205" s="487" t="str">
        <f t="shared" si="34"/>
        <v/>
      </c>
      <c r="BI205" s="487">
        <f t="shared" si="34"/>
        <v>43494</v>
      </c>
      <c r="BJ205" s="487" t="str">
        <f t="shared" si="34"/>
        <v/>
      </c>
      <c r="BK205" s="487" t="str">
        <f t="shared" si="34"/>
        <v/>
      </c>
      <c r="BL205" s="487" t="str">
        <f t="shared" si="34"/>
        <v/>
      </c>
      <c r="BM205" s="487" t="str">
        <f t="shared" si="34"/>
        <v/>
      </c>
      <c r="BN205" s="487" t="str">
        <f t="shared" si="33"/>
        <v/>
      </c>
      <c r="BO205" s="487" t="str">
        <f t="shared" si="33"/>
        <v/>
      </c>
      <c r="BP205" s="487" t="str">
        <f t="shared" si="33"/>
        <v/>
      </c>
      <c r="BQ205" s="487" t="str">
        <f t="shared" si="33"/>
        <v/>
      </c>
      <c r="BR205" s="487" t="str">
        <f t="shared" si="33"/>
        <v/>
      </c>
      <c r="BS205" s="487" t="str">
        <f t="shared" si="33"/>
        <v/>
      </c>
      <c r="BT205" s="487" t="str">
        <f t="shared" si="35"/>
        <v/>
      </c>
      <c r="BU205" s="487" t="str">
        <f t="shared" si="35"/>
        <v/>
      </c>
      <c r="BV205" s="487" t="str">
        <f t="shared" si="35"/>
        <v/>
      </c>
      <c r="BW205" s="487" t="str">
        <f t="shared" si="35"/>
        <v/>
      </c>
      <c r="BX205" s="487" t="str">
        <f t="shared" si="35"/>
        <v/>
      </c>
      <c r="BY205" s="487" t="str">
        <f t="shared" si="35"/>
        <v/>
      </c>
      <c r="BZ205" s="487" t="str">
        <f t="shared" si="35"/>
        <v/>
      </c>
      <c r="CA205" s="487" t="str">
        <f t="shared" si="35"/>
        <v/>
      </c>
      <c r="CB205" s="487" t="str">
        <f t="shared" si="35"/>
        <v/>
      </c>
      <c r="CC205" s="487" t="str">
        <f t="shared" si="31"/>
        <v/>
      </c>
      <c r="CD205" s="487" t="str">
        <f t="shared" si="31"/>
        <v/>
      </c>
      <c r="CE205" s="487" t="str">
        <f t="shared" si="31"/>
        <v/>
      </c>
      <c r="CF205" s="487" t="str">
        <f t="shared" si="31"/>
        <v/>
      </c>
      <c r="CG205" s="487" t="str">
        <f t="shared" si="30"/>
        <v/>
      </c>
      <c r="CH205" s="487" t="str">
        <f t="shared" si="30"/>
        <v/>
      </c>
      <c r="CI205" s="487" t="str">
        <f t="shared" si="30"/>
        <v/>
      </c>
      <c r="CJ205" s="487" t="str">
        <f t="shared" si="30"/>
        <v/>
      </c>
      <c r="CK205" s="487" t="str">
        <f t="shared" si="30"/>
        <v/>
      </c>
      <c r="CL205" s="487" t="str">
        <f t="shared" si="30"/>
        <v/>
      </c>
      <c r="CM205" s="487"/>
      <c r="CN205" s="487"/>
      <c r="CO205" s="487"/>
      <c r="CP205" s="487"/>
      <c r="CQ205" s="487"/>
      <c r="CR205" s="487"/>
      <c r="CS205" s="487"/>
      <c r="CT205" s="487"/>
      <c r="CU205" s="487"/>
      <c r="CV205" s="487"/>
      <c r="CW205" s="487"/>
      <c r="CX205" s="487"/>
      <c r="CY205" s="487"/>
      <c r="CZ205" s="487"/>
      <c r="DA205" s="487"/>
      <c r="DB205" s="487"/>
      <c r="DC205" s="487"/>
      <c r="DD205" s="487"/>
      <c r="DE205" s="487"/>
      <c r="DF205" s="487"/>
      <c r="DG205" s="487"/>
      <c r="DH205" s="487"/>
      <c r="DI205" s="484"/>
      <c r="DJ205" s="484"/>
      <c r="DK205" s="484"/>
    </row>
    <row r="206" spans="1:115" s="354" customFormat="1" ht="56.1" hidden="1" customHeight="1" x14ac:dyDescent="0.2">
      <c r="A206" s="77" t="s">
        <v>2490</v>
      </c>
      <c r="B206" s="77" t="s">
        <v>18</v>
      </c>
      <c r="C206" s="481">
        <v>430</v>
      </c>
      <c r="D206" s="481"/>
      <c r="E206" s="481" t="s">
        <v>2481</v>
      </c>
      <c r="F206" s="482" t="s">
        <v>53</v>
      </c>
      <c r="G206" s="482" t="s">
        <v>515</v>
      </c>
      <c r="H206" s="484" t="s">
        <v>539</v>
      </c>
      <c r="I206" s="484" t="s">
        <v>541</v>
      </c>
      <c r="J206" s="484" t="s">
        <v>563</v>
      </c>
      <c r="K206" s="484"/>
      <c r="L206" s="484" t="s">
        <v>58</v>
      </c>
      <c r="M206" s="484" t="s">
        <v>18</v>
      </c>
      <c r="N206" s="484"/>
      <c r="O206" s="484" t="s">
        <v>388</v>
      </c>
      <c r="P206" s="484" t="s">
        <v>525</v>
      </c>
      <c r="Q206" s="484"/>
      <c r="R206" s="484" t="s">
        <v>377</v>
      </c>
      <c r="S206" s="484" t="s">
        <v>63</v>
      </c>
      <c r="T206" s="484" t="s">
        <v>63</v>
      </c>
      <c r="U206" s="485">
        <v>105440</v>
      </c>
      <c r="V206" s="485"/>
      <c r="W206" s="484" t="s">
        <v>64</v>
      </c>
      <c r="X206" s="484"/>
      <c r="Y206" s="485">
        <v>105440</v>
      </c>
      <c r="Z206" s="484" t="s">
        <v>82</v>
      </c>
      <c r="AA206" s="496"/>
      <c r="AB206" s="487" t="s">
        <v>66</v>
      </c>
      <c r="AC206" s="496"/>
      <c r="AD206" s="496"/>
      <c r="AE206" s="496"/>
      <c r="AF206" s="487"/>
      <c r="AG206" s="496"/>
      <c r="AH206" s="496"/>
      <c r="AI206" s="496"/>
      <c r="AJ206" s="496"/>
      <c r="AK206" s="496"/>
      <c r="AL206" s="496"/>
      <c r="AM206" s="496"/>
      <c r="AN206" s="496"/>
      <c r="AO206" s="496"/>
      <c r="AP206" s="496"/>
      <c r="AQ206" s="496"/>
      <c r="AR206" s="496"/>
      <c r="AS206" s="496"/>
      <c r="AT206" s="496"/>
      <c r="AU206" s="496"/>
      <c r="AV206" s="496"/>
      <c r="AW206" s="496"/>
      <c r="AX206" s="496"/>
      <c r="AY206" s="496"/>
      <c r="AZ206" s="496"/>
      <c r="BA206" s="496"/>
      <c r="BB206" s="496"/>
      <c r="BC206" s="496"/>
      <c r="BD206" s="496"/>
      <c r="BE206" s="496"/>
      <c r="BF206" s="80">
        <f t="shared" si="38"/>
        <v>200</v>
      </c>
      <c r="BG206" s="76">
        <f t="shared" si="39"/>
        <v>527.20000000000005</v>
      </c>
      <c r="BH206" s="487" t="str">
        <f t="shared" si="34"/>
        <v/>
      </c>
      <c r="BI206" s="487">
        <f t="shared" si="34"/>
        <v>105440.00000000001</v>
      </c>
      <c r="BJ206" s="487" t="str">
        <f t="shared" si="34"/>
        <v/>
      </c>
      <c r="BK206" s="487" t="str">
        <f t="shared" si="34"/>
        <v/>
      </c>
      <c r="BL206" s="487" t="str">
        <f t="shared" si="34"/>
        <v/>
      </c>
      <c r="BM206" s="487" t="str">
        <f t="shared" si="34"/>
        <v/>
      </c>
      <c r="BN206" s="487" t="str">
        <f t="shared" si="33"/>
        <v/>
      </c>
      <c r="BO206" s="487" t="str">
        <f t="shared" si="33"/>
        <v/>
      </c>
      <c r="BP206" s="487" t="str">
        <f t="shared" si="33"/>
        <v/>
      </c>
      <c r="BQ206" s="487" t="str">
        <f t="shared" si="33"/>
        <v/>
      </c>
      <c r="BR206" s="487" t="str">
        <f t="shared" si="33"/>
        <v/>
      </c>
      <c r="BS206" s="487" t="str">
        <f t="shared" si="33"/>
        <v/>
      </c>
      <c r="BT206" s="487" t="str">
        <f t="shared" si="35"/>
        <v/>
      </c>
      <c r="BU206" s="487" t="str">
        <f t="shared" si="35"/>
        <v/>
      </c>
      <c r="BV206" s="487" t="str">
        <f t="shared" si="35"/>
        <v/>
      </c>
      <c r="BW206" s="487" t="str">
        <f t="shared" si="35"/>
        <v/>
      </c>
      <c r="BX206" s="487" t="str">
        <f t="shared" si="35"/>
        <v/>
      </c>
      <c r="BY206" s="487" t="str">
        <f t="shared" si="35"/>
        <v/>
      </c>
      <c r="BZ206" s="487" t="str">
        <f t="shared" si="35"/>
        <v/>
      </c>
      <c r="CA206" s="487" t="str">
        <f t="shared" si="35"/>
        <v/>
      </c>
      <c r="CB206" s="487" t="str">
        <f t="shared" si="35"/>
        <v/>
      </c>
      <c r="CC206" s="487" t="str">
        <f t="shared" si="31"/>
        <v/>
      </c>
      <c r="CD206" s="487" t="str">
        <f t="shared" si="31"/>
        <v/>
      </c>
      <c r="CE206" s="487" t="str">
        <f t="shared" si="31"/>
        <v/>
      </c>
      <c r="CF206" s="487" t="str">
        <f t="shared" si="31"/>
        <v/>
      </c>
      <c r="CG206" s="487" t="str">
        <f t="shared" si="30"/>
        <v/>
      </c>
      <c r="CH206" s="487" t="str">
        <f t="shared" si="30"/>
        <v/>
      </c>
      <c r="CI206" s="487" t="str">
        <f t="shared" si="30"/>
        <v/>
      </c>
      <c r="CJ206" s="487" t="str">
        <f t="shared" si="30"/>
        <v/>
      </c>
      <c r="CK206" s="487" t="str">
        <f t="shared" si="30"/>
        <v/>
      </c>
      <c r="CL206" s="487" t="str">
        <f t="shared" si="30"/>
        <v/>
      </c>
      <c r="CM206" s="487"/>
      <c r="CN206" s="487"/>
      <c r="CO206" s="487"/>
      <c r="CP206" s="487"/>
      <c r="CQ206" s="487"/>
      <c r="CR206" s="487"/>
      <c r="CS206" s="487"/>
      <c r="CT206" s="487"/>
      <c r="CU206" s="487"/>
      <c r="CV206" s="487"/>
      <c r="CW206" s="487"/>
      <c r="CX206" s="487"/>
      <c r="CY206" s="487"/>
      <c r="CZ206" s="487"/>
      <c r="DA206" s="487"/>
      <c r="DB206" s="487"/>
      <c r="DC206" s="487"/>
      <c r="DD206" s="487"/>
      <c r="DE206" s="487"/>
      <c r="DF206" s="487"/>
      <c r="DG206" s="487"/>
      <c r="DH206" s="487"/>
      <c r="DI206" s="484"/>
      <c r="DJ206" s="484"/>
      <c r="DK206" s="484"/>
    </row>
    <row r="207" spans="1:115" s="354" customFormat="1" ht="56.1" hidden="1" customHeight="1" x14ac:dyDescent="0.2">
      <c r="A207" s="77" t="s">
        <v>2490</v>
      </c>
      <c r="B207" s="77" t="s">
        <v>18</v>
      </c>
      <c r="C207" s="481">
        <v>431</v>
      </c>
      <c r="D207" s="481"/>
      <c r="E207" s="481" t="s">
        <v>2481</v>
      </c>
      <c r="F207" s="482" t="s">
        <v>53</v>
      </c>
      <c r="G207" s="482" t="s">
        <v>515</v>
      </c>
      <c r="H207" s="484" t="s">
        <v>528</v>
      </c>
      <c r="I207" s="484" t="s">
        <v>560</v>
      </c>
      <c r="J207" s="484" t="s">
        <v>561</v>
      </c>
      <c r="K207" s="484"/>
      <c r="L207" s="484" t="s">
        <v>58</v>
      </c>
      <c r="M207" s="484" t="s">
        <v>18</v>
      </c>
      <c r="N207" s="484"/>
      <c r="O207" s="484" t="s">
        <v>551</v>
      </c>
      <c r="P207" s="484" t="s">
        <v>525</v>
      </c>
      <c r="Q207" s="484"/>
      <c r="R207" s="484" t="s">
        <v>377</v>
      </c>
      <c r="S207" s="484" t="s">
        <v>63</v>
      </c>
      <c r="T207" s="484" t="s">
        <v>63</v>
      </c>
      <c r="U207" s="485">
        <v>28387.692307692309</v>
      </c>
      <c r="V207" s="485"/>
      <c r="W207" s="484" t="s">
        <v>64</v>
      </c>
      <c r="X207" s="484"/>
      <c r="Y207" s="485">
        <v>28387.692307692309</v>
      </c>
      <c r="Z207" s="484" t="s">
        <v>82</v>
      </c>
      <c r="AA207" s="496"/>
      <c r="AB207" s="487" t="s">
        <v>66</v>
      </c>
      <c r="AC207" s="496"/>
      <c r="AD207" s="496"/>
      <c r="AE207" s="496"/>
      <c r="AF207" s="487"/>
      <c r="AG207" s="496"/>
      <c r="AH207" s="496"/>
      <c r="AI207" s="496"/>
      <c r="AJ207" s="496"/>
      <c r="AK207" s="496"/>
      <c r="AL207" s="496"/>
      <c r="AM207" s="496"/>
      <c r="AN207" s="496"/>
      <c r="AO207" s="496"/>
      <c r="AP207" s="496"/>
      <c r="AQ207" s="496"/>
      <c r="AR207" s="496"/>
      <c r="AS207" s="496"/>
      <c r="AT207" s="496"/>
      <c r="AU207" s="496"/>
      <c r="AV207" s="496"/>
      <c r="AW207" s="496"/>
      <c r="AX207" s="496"/>
      <c r="AY207" s="496"/>
      <c r="AZ207" s="496"/>
      <c r="BA207" s="496"/>
      <c r="BB207" s="496"/>
      <c r="BC207" s="496"/>
      <c r="BD207" s="496"/>
      <c r="BE207" s="496"/>
      <c r="BF207" s="80">
        <f t="shared" si="38"/>
        <v>200</v>
      </c>
      <c r="BG207" s="76">
        <f t="shared" si="39"/>
        <v>141.93846153846155</v>
      </c>
      <c r="BH207" s="487" t="str">
        <f t="shared" si="34"/>
        <v/>
      </c>
      <c r="BI207" s="487">
        <f t="shared" si="34"/>
        <v>28387.692307692312</v>
      </c>
      <c r="BJ207" s="487" t="str">
        <f t="shared" si="34"/>
        <v/>
      </c>
      <c r="BK207" s="487" t="str">
        <f t="shared" si="34"/>
        <v/>
      </c>
      <c r="BL207" s="487" t="str">
        <f t="shared" si="34"/>
        <v/>
      </c>
      <c r="BM207" s="487" t="str">
        <f t="shared" si="34"/>
        <v/>
      </c>
      <c r="BN207" s="487" t="str">
        <f t="shared" si="33"/>
        <v/>
      </c>
      <c r="BO207" s="487" t="str">
        <f t="shared" si="33"/>
        <v/>
      </c>
      <c r="BP207" s="487" t="str">
        <f t="shared" si="33"/>
        <v/>
      </c>
      <c r="BQ207" s="487" t="str">
        <f t="shared" si="33"/>
        <v/>
      </c>
      <c r="BR207" s="487" t="str">
        <f t="shared" si="33"/>
        <v/>
      </c>
      <c r="BS207" s="487" t="str">
        <f t="shared" si="33"/>
        <v/>
      </c>
      <c r="BT207" s="487" t="str">
        <f t="shared" si="35"/>
        <v/>
      </c>
      <c r="BU207" s="487" t="str">
        <f t="shared" si="35"/>
        <v/>
      </c>
      <c r="BV207" s="487" t="str">
        <f t="shared" si="35"/>
        <v/>
      </c>
      <c r="BW207" s="487" t="str">
        <f t="shared" ref="BW207:CE238" si="40">IF(AP207="yes",(AP$2*$BG207),"")</f>
        <v/>
      </c>
      <c r="BX207" s="487" t="str">
        <f t="shared" si="40"/>
        <v/>
      </c>
      <c r="BY207" s="487" t="str">
        <f t="shared" si="40"/>
        <v/>
      </c>
      <c r="BZ207" s="487" t="str">
        <f t="shared" si="40"/>
        <v/>
      </c>
      <c r="CA207" s="487" t="str">
        <f t="shared" si="40"/>
        <v/>
      </c>
      <c r="CB207" s="487" t="str">
        <f t="shared" si="40"/>
        <v/>
      </c>
      <c r="CC207" s="487" t="str">
        <f t="shared" si="31"/>
        <v/>
      </c>
      <c r="CD207" s="487" t="str">
        <f t="shared" si="31"/>
        <v/>
      </c>
      <c r="CE207" s="487" t="str">
        <f t="shared" si="31"/>
        <v/>
      </c>
      <c r="CF207" s="487" t="str">
        <f t="shared" si="31"/>
        <v/>
      </c>
      <c r="CG207" s="487" t="str">
        <f t="shared" si="30"/>
        <v/>
      </c>
      <c r="CH207" s="487" t="str">
        <f t="shared" si="30"/>
        <v/>
      </c>
      <c r="CI207" s="487" t="str">
        <f t="shared" si="30"/>
        <v/>
      </c>
      <c r="CJ207" s="487" t="str">
        <f t="shared" si="30"/>
        <v/>
      </c>
      <c r="CK207" s="487" t="str">
        <f t="shared" si="30"/>
        <v/>
      </c>
      <c r="CL207" s="487" t="str">
        <f t="shared" si="30"/>
        <v/>
      </c>
      <c r="CM207" s="487"/>
      <c r="CN207" s="487"/>
      <c r="CO207" s="487"/>
      <c r="CP207" s="487"/>
      <c r="CQ207" s="487"/>
      <c r="CR207" s="487"/>
      <c r="CS207" s="487"/>
      <c r="CT207" s="487"/>
      <c r="CU207" s="487"/>
      <c r="CV207" s="487"/>
      <c r="CW207" s="487"/>
      <c r="CX207" s="487"/>
      <c r="CY207" s="487"/>
      <c r="CZ207" s="487"/>
      <c r="DA207" s="487"/>
      <c r="DB207" s="487"/>
      <c r="DC207" s="487"/>
      <c r="DD207" s="487"/>
      <c r="DE207" s="487"/>
      <c r="DF207" s="487"/>
      <c r="DG207" s="487"/>
      <c r="DH207" s="487"/>
      <c r="DI207" s="484"/>
      <c r="DJ207" s="484"/>
      <c r="DK207" s="484"/>
    </row>
    <row r="208" spans="1:115" s="354" customFormat="1" ht="56.1" hidden="1" customHeight="1" x14ac:dyDescent="0.2">
      <c r="A208" s="77" t="s">
        <v>2490</v>
      </c>
      <c r="B208" s="77" t="s">
        <v>18</v>
      </c>
      <c r="C208" s="481">
        <v>432</v>
      </c>
      <c r="D208" s="481"/>
      <c r="E208" s="481" t="s">
        <v>2481</v>
      </c>
      <c r="F208" s="482" t="s">
        <v>53</v>
      </c>
      <c r="G208" s="482" t="s">
        <v>515</v>
      </c>
      <c r="H208" s="484" t="s">
        <v>530</v>
      </c>
      <c r="I208" s="484" t="s">
        <v>532</v>
      </c>
      <c r="J208" s="484" t="s">
        <v>532</v>
      </c>
      <c r="K208" s="484"/>
      <c r="L208" s="484" t="s">
        <v>58</v>
      </c>
      <c r="M208" s="484" t="s">
        <v>18</v>
      </c>
      <c r="N208" s="484"/>
      <c r="O208" s="484" t="s">
        <v>8</v>
      </c>
      <c r="P208" s="484" t="s">
        <v>525</v>
      </c>
      <c r="Q208" s="484"/>
      <c r="R208" s="484" t="s">
        <v>377</v>
      </c>
      <c r="S208" s="484" t="s">
        <v>63</v>
      </c>
      <c r="T208" s="484" t="s">
        <v>63</v>
      </c>
      <c r="U208" s="485">
        <v>0</v>
      </c>
      <c r="V208" s="485"/>
      <c r="W208" s="484" t="s">
        <v>64</v>
      </c>
      <c r="X208" s="484"/>
      <c r="Y208" s="485">
        <v>0</v>
      </c>
      <c r="Z208" s="484" t="s">
        <v>82</v>
      </c>
      <c r="AA208" s="496"/>
      <c r="AB208" s="487" t="s">
        <v>66</v>
      </c>
      <c r="AC208" s="496"/>
      <c r="AD208" s="496"/>
      <c r="AE208" s="496"/>
      <c r="AF208" s="487"/>
      <c r="AG208" s="496"/>
      <c r="AH208" s="496"/>
      <c r="AI208" s="496"/>
      <c r="AJ208" s="496"/>
      <c r="AK208" s="496"/>
      <c r="AL208" s="496"/>
      <c r="AM208" s="496"/>
      <c r="AN208" s="496"/>
      <c r="AO208" s="496"/>
      <c r="AP208" s="496"/>
      <c r="AQ208" s="496"/>
      <c r="AR208" s="496"/>
      <c r="AS208" s="496"/>
      <c r="AT208" s="496"/>
      <c r="AU208" s="496"/>
      <c r="AV208" s="496"/>
      <c r="AW208" s="496"/>
      <c r="AX208" s="496"/>
      <c r="AY208" s="496"/>
      <c r="AZ208" s="496"/>
      <c r="BA208" s="496"/>
      <c r="BB208" s="496"/>
      <c r="BC208" s="496"/>
      <c r="BD208" s="496"/>
      <c r="BE208" s="496"/>
      <c r="BF208" s="80">
        <f t="shared" si="38"/>
        <v>200</v>
      </c>
      <c r="BG208" s="76"/>
      <c r="BH208" s="487" t="str">
        <f t="shared" si="34"/>
        <v/>
      </c>
      <c r="BI208" s="487">
        <f t="shared" si="34"/>
        <v>0</v>
      </c>
      <c r="BJ208" s="487" t="str">
        <f t="shared" si="34"/>
        <v/>
      </c>
      <c r="BK208" s="487" t="str">
        <f t="shared" si="34"/>
        <v/>
      </c>
      <c r="BL208" s="487" t="str">
        <f t="shared" si="34"/>
        <v/>
      </c>
      <c r="BM208" s="487" t="str">
        <f t="shared" si="34"/>
        <v/>
      </c>
      <c r="BN208" s="487" t="str">
        <f t="shared" si="33"/>
        <v/>
      </c>
      <c r="BO208" s="487" t="str">
        <f t="shared" si="33"/>
        <v/>
      </c>
      <c r="BP208" s="487" t="str">
        <f t="shared" si="33"/>
        <v/>
      </c>
      <c r="BQ208" s="487" t="str">
        <f t="shared" si="33"/>
        <v/>
      </c>
      <c r="BR208" s="487" t="str">
        <f t="shared" si="33"/>
        <v/>
      </c>
      <c r="BS208" s="487" t="str">
        <f t="shared" si="33"/>
        <v/>
      </c>
      <c r="BT208" s="487" t="str">
        <f t="shared" si="33"/>
        <v/>
      </c>
      <c r="BU208" s="487" t="str">
        <f t="shared" si="33"/>
        <v/>
      </c>
      <c r="BV208" s="487" t="str">
        <f t="shared" si="33"/>
        <v/>
      </c>
      <c r="BW208" s="487" t="str">
        <f t="shared" si="40"/>
        <v/>
      </c>
      <c r="BX208" s="487" t="str">
        <f t="shared" si="40"/>
        <v/>
      </c>
      <c r="BY208" s="487" t="str">
        <f t="shared" si="40"/>
        <v/>
      </c>
      <c r="BZ208" s="487" t="str">
        <f t="shared" si="40"/>
        <v/>
      </c>
      <c r="CA208" s="487" t="str">
        <f t="shared" si="40"/>
        <v/>
      </c>
      <c r="CB208" s="487" t="str">
        <f t="shared" si="40"/>
        <v/>
      </c>
      <c r="CC208" s="487" t="str">
        <f t="shared" si="31"/>
        <v/>
      </c>
      <c r="CD208" s="487" t="str">
        <f t="shared" si="31"/>
        <v/>
      </c>
      <c r="CE208" s="487" t="str">
        <f t="shared" si="31"/>
        <v/>
      </c>
      <c r="CF208" s="487" t="str">
        <f t="shared" si="31"/>
        <v/>
      </c>
      <c r="CG208" s="487" t="str">
        <f t="shared" si="30"/>
        <v/>
      </c>
      <c r="CH208" s="487" t="str">
        <f t="shared" si="30"/>
        <v/>
      </c>
      <c r="CI208" s="487" t="str">
        <f t="shared" si="30"/>
        <v/>
      </c>
      <c r="CJ208" s="487" t="str">
        <f t="shared" si="30"/>
        <v/>
      </c>
      <c r="CK208" s="487" t="str">
        <f t="shared" si="30"/>
        <v/>
      </c>
      <c r="CL208" s="487" t="str">
        <f t="shared" si="30"/>
        <v/>
      </c>
      <c r="CM208" s="487"/>
      <c r="CN208" s="487"/>
      <c r="CO208" s="487"/>
      <c r="CP208" s="487"/>
      <c r="CQ208" s="487"/>
      <c r="CR208" s="487"/>
      <c r="CS208" s="487"/>
      <c r="CT208" s="487"/>
      <c r="CU208" s="487"/>
      <c r="CV208" s="487"/>
      <c r="CW208" s="487"/>
      <c r="CX208" s="487"/>
      <c r="CY208" s="487"/>
      <c r="CZ208" s="487"/>
      <c r="DA208" s="487"/>
      <c r="DB208" s="487"/>
      <c r="DC208" s="487"/>
      <c r="DD208" s="487"/>
      <c r="DE208" s="487"/>
      <c r="DF208" s="487"/>
      <c r="DG208" s="487"/>
      <c r="DH208" s="487"/>
      <c r="DI208" s="484"/>
      <c r="DJ208" s="484"/>
      <c r="DK208" s="484"/>
    </row>
    <row r="209" spans="1:115" s="354" customFormat="1" ht="56.1" hidden="1" customHeight="1" x14ac:dyDescent="0.2">
      <c r="A209" s="77" t="s">
        <v>2490</v>
      </c>
      <c r="B209" s="77" t="s">
        <v>18</v>
      </c>
      <c r="C209" s="481">
        <v>433</v>
      </c>
      <c r="D209" s="481"/>
      <c r="E209" s="481" t="s">
        <v>2481</v>
      </c>
      <c r="F209" s="482" t="s">
        <v>53</v>
      </c>
      <c r="G209" s="482" t="s">
        <v>515</v>
      </c>
      <c r="H209" s="484" t="s">
        <v>533</v>
      </c>
      <c r="I209" s="484" t="s">
        <v>534</v>
      </c>
      <c r="J209" s="484" t="s">
        <v>534</v>
      </c>
      <c r="K209" s="484"/>
      <c r="L209" s="484" t="s">
        <v>58</v>
      </c>
      <c r="M209" s="484" t="s">
        <v>18</v>
      </c>
      <c r="N209" s="484"/>
      <c r="O209" s="484" t="s">
        <v>81</v>
      </c>
      <c r="P209" s="484" t="s">
        <v>334</v>
      </c>
      <c r="Q209" s="484"/>
      <c r="R209" s="484" t="s">
        <v>377</v>
      </c>
      <c r="S209" s="484" t="s">
        <v>63</v>
      </c>
      <c r="T209" s="484" t="s">
        <v>63</v>
      </c>
      <c r="U209" s="485">
        <v>35586</v>
      </c>
      <c r="V209" s="485"/>
      <c r="W209" s="484" t="s">
        <v>64</v>
      </c>
      <c r="X209" s="484"/>
      <c r="Y209" s="485">
        <v>35586</v>
      </c>
      <c r="Z209" s="484" t="s">
        <v>82</v>
      </c>
      <c r="AA209" s="496"/>
      <c r="AB209" s="487" t="s">
        <v>66</v>
      </c>
      <c r="AC209" s="496"/>
      <c r="AD209" s="496"/>
      <c r="AE209" s="496"/>
      <c r="AF209" s="487"/>
      <c r="AG209" s="496"/>
      <c r="AH209" s="496"/>
      <c r="AI209" s="496"/>
      <c r="AJ209" s="496"/>
      <c r="AK209" s="496"/>
      <c r="AL209" s="496"/>
      <c r="AM209" s="496"/>
      <c r="AN209" s="496"/>
      <c r="AO209" s="496"/>
      <c r="AP209" s="496"/>
      <c r="AQ209" s="496"/>
      <c r="AR209" s="496"/>
      <c r="AS209" s="496"/>
      <c r="AT209" s="496"/>
      <c r="AU209" s="496"/>
      <c r="AV209" s="496"/>
      <c r="AW209" s="496"/>
      <c r="AX209" s="496"/>
      <c r="AY209" s="496"/>
      <c r="AZ209" s="496"/>
      <c r="BA209" s="496"/>
      <c r="BB209" s="496"/>
      <c r="BC209" s="496"/>
      <c r="BD209" s="496"/>
      <c r="BE209" s="496"/>
      <c r="BF209" s="80">
        <f t="shared" si="38"/>
        <v>200</v>
      </c>
      <c r="BG209" s="76">
        <f t="shared" ref="BG209:BG215" si="41">Y209/BF209</f>
        <v>177.93</v>
      </c>
      <c r="BH209" s="487" t="str">
        <f t="shared" si="34"/>
        <v/>
      </c>
      <c r="BI209" s="487">
        <f t="shared" si="34"/>
        <v>35586</v>
      </c>
      <c r="BJ209" s="487" t="str">
        <f t="shared" si="34"/>
        <v/>
      </c>
      <c r="BK209" s="487" t="str">
        <f t="shared" si="34"/>
        <v/>
      </c>
      <c r="BL209" s="487" t="str">
        <f t="shared" si="34"/>
        <v/>
      </c>
      <c r="BM209" s="487" t="str">
        <f t="shared" si="34"/>
        <v/>
      </c>
      <c r="BN209" s="487" t="str">
        <f t="shared" si="33"/>
        <v/>
      </c>
      <c r="BO209" s="487" t="str">
        <f t="shared" si="33"/>
        <v/>
      </c>
      <c r="BP209" s="487" t="str">
        <f t="shared" si="33"/>
        <v/>
      </c>
      <c r="BQ209" s="487" t="str">
        <f t="shared" si="33"/>
        <v/>
      </c>
      <c r="BR209" s="487" t="str">
        <f t="shared" si="33"/>
        <v/>
      </c>
      <c r="BS209" s="487" t="str">
        <f t="shared" si="33"/>
        <v/>
      </c>
      <c r="BT209" s="487" t="str">
        <f t="shared" si="33"/>
        <v/>
      </c>
      <c r="BU209" s="487" t="str">
        <f t="shared" si="33"/>
        <v/>
      </c>
      <c r="BV209" s="487" t="str">
        <f t="shared" si="33"/>
        <v/>
      </c>
      <c r="BW209" s="487" t="str">
        <f t="shared" si="40"/>
        <v/>
      </c>
      <c r="BX209" s="487" t="str">
        <f t="shared" si="40"/>
        <v/>
      </c>
      <c r="BY209" s="487" t="str">
        <f t="shared" si="40"/>
        <v/>
      </c>
      <c r="BZ209" s="487" t="str">
        <f t="shared" si="40"/>
        <v/>
      </c>
      <c r="CA209" s="487" t="str">
        <f t="shared" si="40"/>
        <v/>
      </c>
      <c r="CB209" s="487" t="str">
        <f t="shared" si="40"/>
        <v/>
      </c>
      <c r="CC209" s="487" t="str">
        <f t="shared" si="31"/>
        <v/>
      </c>
      <c r="CD209" s="487" t="str">
        <f t="shared" si="31"/>
        <v/>
      </c>
      <c r="CE209" s="487" t="str">
        <f t="shared" si="31"/>
        <v/>
      </c>
      <c r="CF209" s="487" t="str">
        <f t="shared" si="31"/>
        <v/>
      </c>
      <c r="CG209" s="487" t="str">
        <f t="shared" si="30"/>
        <v/>
      </c>
      <c r="CH209" s="487" t="str">
        <f t="shared" si="30"/>
        <v/>
      </c>
      <c r="CI209" s="487" t="str">
        <f t="shared" si="30"/>
        <v/>
      </c>
      <c r="CJ209" s="487" t="str">
        <f t="shared" si="30"/>
        <v/>
      </c>
      <c r="CK209" s="487" t="str">
        <f t="shared" si="30"/>
        <v/>
      </c>
      <c r="CL209" s="487" t="str">
        <f t="shared" si="30"/>
        <v/>
      </c>
      <c r="CM209" s="487"/>
      <c r="CN209" s="487"/>
      <c r="CO209" s="487"/>
      <c r="CP209" s="487"/>
      <c r="CQ209" s="487"/>
      <c r="CR209" s="487"/>
      <c r="CS209" s="487"/>
      <c r="CT209" s="487"/>
      <c r="CU209" s="487"/>
      <c r="CV209" s="487"/>
      <c r="CW209" s="487"/>
      <c r="CX209" s="487"/>
      <c r="CY209" s="487"/>
      <c r="CZ209" s="487"/>
      <c r="DA209" s="487"/>
      <c r="DB209" s="487"/>
      <c r="DC209" s="487"/>
      <c r="DD209" s="487"/>
      <c r="DE209" s="487"/>
      <c r="DF209" s="487"/>
      <c r="DG209" s="487"/>
      <c r="DH209" s="487"/>
      <c r="DI209" s="484"/>
      <c r="DJ209" s="484"/>
      <c r="DK209" s="484"/>
    </row>
    <row r="210" spans="1:115" s="354" customFormat="1" ht="56.1" hidden="1" customHeight="1" x14ac:dyDescent="0.2">
      <c r="A210" s="494"/>
      <c r="B210" s="494"/>
      <c r="C210" s="481">
        <v>434</v>
      </c>
      <c r="D210" s="481"/>
      <c r="E210" s="481" t="s">
        <v>2481</v>
      </c>
      <c r="F210" s="482" t="s">
        <v>53</v>
      </c>
      <c r="G210" s="482" t="s">
        <v>515</v>
      </c>
      <c r="H210" s="484" t="s">
        <v>548</v>
      </c>
      <c r="I210" s="484" t="s">
        <v>536</v>
      </c>
      <c r="J210" s="484" t="s">
        <v>536</v>
      </c>
      <c r="K210" s="484"/>
      <c r="L210" s="484" t="s">
        <v>58</v>
      </c>
      <c r="M210" s="484" t="s">
        <v>21</v>
      </c>
      <c r="N210" s="484"/>
      <c r="O210" s="497" t="s">
        <v>8</v>
      </c>
      <c r="P210" s="484" t="s">
        <v>334</v>
      </c>
      <c r="Q210" s="484"/>
      <c r="R210" s="484" t="s">
        <v>71</v>
      </c>
      <c r="S210" s="484" t="s">
        <v>63</v>
      </c>
      <c r="T210" s="484" t="s">
        <v>63</v>
      </c>
      <c r="U210" s="485">
        <v>91100.160000000003</v>
      </c>
      <c r="V210" s="485"/>
      <c r="W210" s="484" t="s">
        <v>64</v>
      </c>
      <c r="X210" s="484"/>
      <c r="Y210" s="485">
        <v>91100.160000000003</v>
      </c>
      <c r="Z210" s="484" t="s">
        <v>82</v>
      </c>
      <c r="AA210" s="496"/>
      <c r="AB210" s="496"/>
      <c r="AC210" s="496"/>
      <c r="AD210" s="496"/>
      <c r="AE210" s="487" t="s">
        <v>66</v>
      </c>
      <c r="AF210" s="487"/>
      <c r="AG210" s="496"/>
      <c r="AH210" s="496"/>
      <c r="AI210" s="496"/>
      <c r="AJ210" s="496"/>
      <c r="AK210" s="496"/>
      <c r="AL210" s="496"/>
      <c r="AM210" s="496"/>
      <c r="AN210" s="496"/>
      <c r="AO210" s="496"/>
      <c r="AP210" s="496"/>
      <c r="AQ210" s="496"/>
      <c r="AR210" s="496"/>
      <c r="AS210" s="496"/>
      <c r="AT210" s="496"/>
      <c r="AU210" s="496"/>
      <c r="AV210" s="496"/>
      <c r="AW210" s="496"/>
      <c r="AX210" s="496"/>
      <c r="AY210" s="496"/>
      <c r="AZ210" s="496"/>
      <c r="BA210" s="496"/>
      <c r="BB210" s="496"/>
      <c r="BC210" s="496"/>
      <c r="BD210" s="496"/>
      <c r="BE210" s="496"/>
      <c r="BF210" s="80">
        <f t="shared" si="38"/>
        <v>300</v>
      </c>
      <c r="BG210" s="76">
        <f t="shared" si="41"/>
        <v>303.66720000000004</v>
      </c>
      <c r="BH210" s="487" t="str">
        <f t="shared" si="34"/>
        <v/>
      </c>
      <c r="BI210" s="487" t="str">
        <f t="shared" si="34"/>
        <v/>
      </c>
      <c r="BJ210" s="487" t="str">
        <f t="shared" si="34"/>
        <v/>
      </c>
      <c r="BK210" s="487" t="str">
        <f t="shared" si="34"/>
        <v/>
      </c>
      <c r="BL210" s="487">
        <f t="shared" si="34"/>
        <v>91100.160000000018</v>
      </c>
      <c r="BM210" s="487" t="str">
        <f t="shared" si="34"/>
        <v/>
      </c>
      <c r="BN210" s="487" t="str">
        <f t="shared" si="33"/>
        <v/>
      </c>
      <c r="BO210" s="487" t="str">
        <f t="shared" si="33"/>
        <v/>
      </c>
      <c r="BP210" s="487" t="str">
        <f t="shared" si="33"/>
        <v/>
      </c>
      <c r="BQ210" s="487" t="str">
        <f t="shared" si="33"/>
        <v/>
      </c>
      <c r="BR210" s="487" t="str">
        <f t="shared" si="33"/>
        <v/>
      </c>
      <c r="BS210" s="487" t="str">
        <f t="shared" si="33"/>
        <v/>
      </c>
      <c r="BT210" s="487" t="str">
        <f t="shared" si="33"/>
        <v/>
      </c>
      <c r="BU210" s="487" t="str">
        <f t="shared" si="33"/>
        <v/>
      </c>
      <c r="BV210" s="487" t="str">
        <f t="shared" si="33"/>
        <v/>
      </c>
      <c r="BW210" s="487" t="str">
        <f t="shared" si="40"/>
        <v/>
      </c>
      <c r="BX210" s="487" t="str">
        <f t="shared" si="40"/>
        <v/>
      </c>
      <c r="BY210" s="487" t="str">
        <f t="shared" si="40"/>
        <v/>
      </c>
      <c r="BZ210" s="487" t="str">
        <f t="shared" si="40"/>
        <v/>
      </c>
      <c r="CA210" s="487" t="str">
        <f t="shared" si="40"/>
        <v/>
      </c>
      <c r="CB210" s="487" t="str">
        <f t="shared" si="40"/>
        <v/>
      </c>
      <c r="CC210" s="487" t="str">
        <f t="shared" si="31"/>
        <v/>
      </c>
      <c r="CD210" s="487" t="str">
        <f t="shared" si="31"/>
        <v/>
      </c>
      <c r="CE210" s="487" t="str">
        <f t="shared" si="31"/>
        <v/>
      </c>
      <c r="CF210" s="487" t="str">
        <f t="shared" si="31"/>
        <v/>
      </c>
      <c r="CG210" s="487" t="str">
        <f t="shared" si="30"/>
        <v/>
      </c>
      <c r="CH210" s="487" t="str">
        <f t="shared" si="30"/>
        <v/>
      </c>
      <c r="CI210" s="487" t="str">
        <f t="shared" si="30"/>
        <v/>
      </c>
      <c r="CJ210" s="487" t="str">
        <f t="shared" si="30"/>
        <v/>
      </c>
      <c r="CK210" s="487" t="str">
        <f t="shared" si="30"/>
        <v/>
      </c>
      <c r="CL210" s="487" t="str">
        <f t="shared" si="30"/>
        <v/>
      </c>
      <c r="CM210" s="487"/>
      <c r="CN210" s="487"/>
      <c r="CO210" s="487"/>
      <c r="CP210" s="487"/>
      <c r="CQ210" s="487"/>
      <c r="CR210" s="487"/>
      <c r="CS210" s="487"/>
      <c r="CT210" s="487"/>
      <c r="CU210" s="487"/>
      <c r="CV210" s="487"/>
      <c r="CW210" s="487"/>
      <c r="CX210" s="487"/>
      <c r="CY210" s="487"/>
      <c r="CZ210" s="487"/>
      <c r="DA210" s="487"/>
      <c r="DB210" s="487"/>
      <c r="DC210" s="487"/>
      <c r="DD210" s="487"/>
      <c r="DE210" s="487"/>
      <c r="DF210" s="487"/>
      <c r="DG210" s="487"/>
      <c r="DH210" s="487"/>
      <c r="DI210" s="484"/>
      <c r="DJ210" s="484"/>
      <c r="DK210" s="484"/>
    </row>
    <row r="211" spans="1:115" s="354" customFormat="1" ht="56.1" hidden="1" customHeight="1" x14ac:dyDescent="0.2">
      <c r="A211" s="494"/>
      <c r="B211" s="494"/>
      <c r="C211" s="481">
        <v>435</v>
      </c>
      <c r="D211" s="481"/>
      <c r="E211" s="481" t="s">
        <v>2481</v>
      </c>
      <c r="F211" s="482" t="s">
        <v>53</v>
      </c>
      <c r="G211" s="482" t="s">
        <v>515</v>
      </c>
      <c r="H211" s="484" t="s">
        <v>518</v>
      </c>
      <c r="I211" s="484" t="s">
        <v>520</v>
      </c>
      <c r="J211" s="484" t="s">
        <v>520</v>
      </c>
      <c r="K211" s="484"/>
      <c r="L211" s="484" t="s">
        <v>58</v>
      </c>
      <c r="M211" s="484" t="s">
        <v>21</v>
      </c>
      <c r="N211" s="484"/>
      <c r="O211" s="497" t="s">
        <v>81</v>
      </c>
      <c r="P211" s="484" t="s">
        <v>334</v>
      </c>
      <c r="Q211" s="484"/>
      <c r="R211" s="484" t="s">
        <v>71</v>
      </c>
      <c r="S211" s="484" t="s">
        <v>63</v>
      </c>
      <c r="T211" s="484" t="s">
        <v>63</v>
      </c>
      <c r="U211" s="485">
        <v>239137.92000000001</v>
      </c>
      <c r="V211" s="485"/>
      <c r="W211" s="484" t="s">
        <v>64</v>
      </c>
      <c r="X211" s="484"/>
      <c r="Y211" s="485">
        <v>239137.92000000001</v>
      </c>
      <c r="Z211" s="484" t="s">
        <v>82</v>
      </c>
      <c r="AA211" s="496"/>
      <c r="AB211" s="496"/>
      <c r="AC211" s="496"/>
      <c r="AD211" s="496"/>
      <c r="AE211" s="487" t="s">
        <v>66</v>
      </c>
      <c r="AF211" s="487"/>
      <c r="AG211" s="496"/>
      <c r="AH211" s="496"/>
      <c r="AI211" s="496"/>
      <c r="AJ211" s="496"/>
      <c r="AK211" s="496"/>
      <c r="AL211" s="496"/>
      <c r="AM211" s="496"/>
      <c r="AN211" s="496"/>
      <c r="AO211" s="496"/>
      <c r="AP211" s="496"/>
      <c r="AQ211" s="496"/>
      <c r="AR211" s="496"/>
      <c r="AS211" s="496"/>
      <c r="AT211" s="496"/>
      <c r="AU211" s="496"/>
      <c r="AV211" s="496"/>
      <c r="AW211" s="496"/>
      <c r="AX211" s="496"/>
      <c r="AY211" s="496"/>
      <c r="AZ211" s="496"/>
      <c r="BA211" s="496"/>
      <c r="BB211" s="496"/>
      <c r="BC211" s="496"/>
      <c r="BD211" s="496"/>
      <c r="BE211" s="496"/>
      <c r="BF211" s="80">
        <f t="shared" si="38"/>
        <v>300</v>
      </c>
      <c r="BG211" s="76">
        <f t="shared" si="41"/>
        <v>797.12639999999999</v>
      </c>
      <c r="BH211" s="487" t="str">
        <f t="shared" si="34"/>
        <v/>
      </c>
      <c r="BI211" s="487" t="str">
        <f t="shared" si="34"/>
        <v/>
      </c>
      <c r="BJ211" s="487" t="str">
        <f t="shared" si="34"/>
        <v/>
      </c>
      <c r="BK211" s="487" t="str">
        <f t="shared" si="34"/>
        <v/>
      </c>
      <c r="BL211" s="487">
        <f t="shared" si="34"/>
        <v>239137.91999999998</v>
      </c>
      <c r="BM211" s="487" t="str">
        <f t="shared" si="34"/>
        <v/>
      </c>
      <c r="BN211" s="487" t="str">
        <f t="shared" si="33"/>
        <v/>
      </c>
      <c r="BO211" s="487" t="str">
        <f t="shared" si="33"/>
        <v/>
      </c>
      <c r="BP211" s="487" t="str">
        <f t="shared" si="33"/>
        <v/>
      </c>
      <c r="BQ211" s="487" t="str">
        <f t="shared" si="33"/>
        <v/>
      </c>
      <c r="BR211" s="487" t="str">
        <f t="shared" si="33"/>
        <v/>
      </c>
      <c r="BS211" s="487" t="str">
        <f t="shared" si="33"/>
        <v/>
      </c>
      <c r="BT211" s="487" t="str">
        <f t="shared" si="33"/>
        <v/>
      </c>
      <c r="BU211" s="487" t="str">
        <f t="shared" si="33"/>
        <v/>
      </c>
      <c r="BV211" s="487" t="str">
        <f t="shared" si="33"/>
        <v/>
      </c>
      <c r="BW211" s="487" t="str">
        <f t="shared" si="40"/>
        <v/>
      </c>
      <c r="BX211" s="487" t="str">
        <f t="shared" si="40"/>
        <v/>
      </c>
      <c r="BY211" s="487" t="str">
        <f t="shared" si="40"/>
        <v/>
      </c>
      <c r="BZ211" s="487" t="str">
        <f t="shared" si="40"/>
        <v/>
      </c>
      <c r="CA211" s="487" t="str">
        <f t="shared" si="40"/>
        <v/>
      </c>
      <c r="CB211" s="487" t="str">
        <f t="shared" si="40"/>
        <v/>
      </c>
      <c r="CC211" s="487" t="str">
        <f t="shared" si="31"/>
        <v/>
      </c>
      <c r="CD211" s="487" t="str">
        <f t="shared" si="31"/>
        <v/>
      </c>
      <c r="CE211" s="487" t="str">
        <f t="shared" si="31"/>
        <v/>
      </c>
      <c r="CF211" s="487" t="str">
        <f t="shared" si="31"/>
        <v/>
      </c>
      <c r="CG211" s="487" t="str">
        <f t="shared" si="30"/>
        <v/>
      </c>
      <c r="CH211" s="487" t="str">
        <f t="shared" si="30"/>
        <v/>
      </c>
      <c r="CI211" s="487" t="str">
        <f t="shared" si="30"/>
        <v/>
      </c>
      <c r="CJ211" s="487" t="str">
        <f t="shared" si="30"/>
        <v/>
      </c>
      <c r="CK211" s="487" t="str">
        <f t="shared" si="30"/>
        <v/>
      </c>
      <c r="CL211" s="487" t="str">
        <f t="shared" si="30"/>
        <v/>
      </c>
      <c r="CM211" s="487"/>
      <c r="CN211" s="487"/>
      <c r="CO211" s="487"/>
      <c r="CP211" s="487"/>
      <c r="CQ211" s="487"/>
      <c r="CR211" s="487"/>
      <c r="CS211" s="487"/>
      <c r="CT211" s="487"/>
      <c r="CU211" s="487"/>
      <c r="CV211" s="487"/>
      <c r="CW211" s="487"/>
      <c r="CX211" s="487"/>
      <c r="CY211" s="487"/>
      <c r="CZ211" s="487"/>
      <c r="DA211" s="487"/>
      <c r="DB211" s="487"/>
      <c r="DC211" s="487"/>
      <c r="DD211" s="487"/>
      <c r="DE211" s="487"/>
      <c r="DF211" s="487"/>
      <c r="DG211" s="487"/>
      <c r="DH211" s="487"/>
      <c r="DI211" s="484"/>
      <c r="DJ211" s="484"/>
      <c r="DK211" s="484"/>
    </row>
    <row r="212" spans="1:115" s="354" customFormat="1" ht="56.1" hidden="1" customHeight="1" x14ac:dyDescent="0.2">
      <c r="A212" s="494"/>
      <c r="B212" s="494"/>
      <c r="C212" s="481">
        <v>436</v>
      </c>
      <c r="D212" s="481"/>
      <c r="E212" s="481" t="s">
        <v>2481</v>
      </c>
      <c r="F212" s="482" t="s">
        <v>53</v>
      </c>
      <c r="G212" s="482" t="s">
        <v>515</v>
      </c>
      <c r="H212" s="484" t="s">
        <v>521</v>
      </c>
      <c r="I212" s="484" t="s">
        <v>522</v>
      </c>
      <c r="J212" s="484" t="s">
        <v>522</v>
      </c>
      <c r="K212" s="484"/>
      <c r="L212" s="484" t="s">
        <v>58</v>
      </c>
      <c r="M212" s="484" t="s">
        <v>21</v>
      </c>
      <c r="N212" s="484"/>
      <c r="O212" s="497" t="s">
        <v>81</v>
      </c>
      <c r="P212" s="484" t="s">
        <v>334</v>
      </c>
      <c r="Q212" s="484"/>
      <c r="R212" s="484" t="s">
        <v>71</v>
      </c>
      <c r="S212" s="484" t="s">
        <v>63</v>
      </c>
      <c r="T212" s="484" t="s">
        <v>63</v>
      </c>
      <c r="U212" s="485">
        <v>334033.91999999998</v>
      </c>
      <c r="V212" s="485"/>
      <c r="W212" s="484" t="s">
        <v>64</v>
      </c>
      <c r="X212" s="484"/>
      <c r="Y212" s="485">
        <v>334033.91999999998</v>
      </c>
      <c r="Z212" s="484" t="s">
        <v>82</v>
      </c>
      <c r="AA212" s="496"/>
      <c r="AB212" s="496"/>
      <c r="AC212" s="496"/>
      <c r="AD212" s="496"/>
      <c r="AE212" s="487" t="s">
        <v>66</v>
      </c>
      <c r="AF212" s="487"/>
      <c r="AG212" s="496"/>
      <c r="AH212" s="496"/>
      <c r="AI212" s="496"/>
      <c r="AJ212" s="496"/>
      <c r="AK212" s="496"/>
      <c r="AL212" s="496"/>
      <c r="AM212" s="496"/>
      <c r="AN212" s="496"/>
      <c r="AO212" s="496"/>
      <c r="AP212" s="496"/>
      <c r="AQ212" s="496"/>
      <c r="AR212" s="496"/>
      <c r="AS212" s="496"/>
      <c r="AT212" s="496"/>
      <c r="AU212" s="496"/>
      <c r="AV212" s="496"/>
      <c r="AW212" s="496"/>
      <c r="AX212" s="496"/>
      <c r="AY212" s="496"/>
      <c r="AZ212" s="496"/>
      <c r="BA212" s="496"/>
      <c r="BB212" s="496"/>
      <c r="BC212" s="496"/>
      <c r="BD212" s="496"/>
      <c r="BE212" s="496"/>
      <c r="BF212" s="80">
        <f t="shared" si="38"/>
        <v>300</v>
      </c>
      <c r="BG212" s="76">
        <f t="shared" si="41"/>
        <v>1113.4464</v>
      </c>
      <c r="BH212" s="487" t="str">
        <f t="shared" si="34"/>
        <v/>
      </c>
      <c r="BI212" s="487" t="str">
        <f t="shared" si="34"/>
        <v/>
      </c>
      <c r="BJ212" s="487" t="str">
        <f t="shared" si="34"/>
        <v/>
      </c>
      <c r="BK212" s="487" t="str">
        <f t="shared" si="34"/>
        <v/>
      </c>
      <c r="BL212" s="487">
        <f t="shared" si="34"/>
        <v>334033.91999999998</v>
      </c>
      <c r="BM212" s="487" t="str">
        <f t="shared" si="34"/>
        <v/>
      </c>
      <c r="BN212" s="487" t="str">
        <f t="shared" si="33"/>
        <v/>
      </c>
      <c r="BO212" s="487" t="str">
        <f t="shared" si="33"/>
        <v/>
      </c>
      <c r="BP212" s="487" t="str">
        <f t="shared" si="33"/>
        <v/>
      </c>
      <c r="BQ212" s="487" t="str">
        <f t="shared" si="33"/>
        <v/>
      </c>
      <c r="BR212" s="487" t="str">
        <f t="shared" si="33"/>
        <v/>
      </c>
      <c r="BS212" s="487" t="str">
        <f t="shared" si="33"/>
        <v/>
      </c>
      <c r="BT212" s="487" t="str">
        <f t="shared" si="33"/>
        <v/>
      </c>
      <c r="BU212" s="487" t="str">
        <f t="shared" si="33"/>
        <v/>
      </c>
      <c r="BV212" s="487" t="str">
        <f t="shared" si="33"/>
        <v/>
      </c>
      <c r="BW212" s="487" t="str">
        <f t="shared" si="40"/>
        <v/>
      </c>
      <c r="BX212" s="487" t="str">
        <f t="shared" si="40"/>
        <v/>
      </c>
      <c r="BY212" s="487" t="str">
        <f t="shared" si="40"/>
        <v/>
      </c>
      <c r="BZ212" s="487" t="str">
        <f t="shared" si="40"/>
        <v/>
      </c>
      <c r="CA212" s="487" t="str">
        <f t="shared" si="40"/>
        <v/>
      </c>
      <c r="CB212" s="487" t="str">
        <f t="shared" si="40"/>
        <v/>
      </c>
      <c r="CC212" s="487" t="str">
        <f t="shared" si="31"/>
        <v/>
      </c>
      <c r="CD212" s="487" t="str">
        <f t="shared" si="31"/>
        <v/>
      </c>
      <c r="CE212" s="487" t="str">
        <f t="shared" si="31"/>
        <v/>
      </c>
      <c r="CF212" s="487" t="str">
        <f t="shared" si="31"/>
        <v/>
      </c>
      <c r="CG212" s="487" t="str">
        <f t="shared" si="30"/>
        <v/>
      </c>
      <c r="CH212" s="487" t="str">
        <f t="shared" si="30"/>
        <v/>
      </c>
      <c r="CI212" s="487" t="str">
        <f t="shared" si="30"/>
        <v/>
      </c>
      <c r="CJ212" s="487" t="str">
        <f t="shared" si="30"/>
        <v/>
      </c>
      <c r="CK212" s="487" t="str">
        <f t="shared" si="30"/>
        <v/>
      </c>
      <c r="CL212" s="487" t="str">
        <f t="shared" si="30"/>
        <v/>
      </c>
      <c r="CM212" s="487"/>
      <c r="CN212" s="487"/>
      <c r="CO212" s="487"/>
      <c r="CP212" s="487"/>
      <c r="CQ212" s="487"/>
      <c r="CR212" s="487"/>
      <c r="CS212" s="487"/>
      <c r="CT212" s="487"/>
      <c r="CU212" s="487"/>
      <c r="CV212" s="487"/>
      <c r="CW212" s="487"/>
      <c r="CX212" s="487"/>
      <c r="CY212" s="487"/>
      <c r="CZ212" s="487"/>
      <c r="DA212" s="487"/>
      <c r="DB212" s="487"/>
      <c r="DC212" s="487"/>
      <c r="DD212" s="487"/>
      <c r="DE212" s="487"/>
      <c r="DF212" s="487"/>
      <c r="DG212" s="487"/>
      <c r="DH212" s="487"/>
      <c r="DI212" s="484"/>
      <c r="DJ212" s="484"/>
      <c r="DK212" s="484"/>
    </row>
    <row r="213" spans="1:115" s="354" customFormat="1" ht="56.1" hidden="1" customHeight="1" x14ac:dyDescent="0.2">
      <c r="A213" s="494"/>
      <c r="B213" s="494"/>
      <c r="C213" s="481">
        <v>437</v>
      </c>
      <c r="D213" s="481"/>
      <c r="E213" s="481" t="s">
        <v>2481</v>
      </c>
      <c r="F213" s="482" t="s">
        <v>53</v>
      </c>
      <c r="G213" s="482" t="s">
        <v>515</v>
      </c>
      <c r="H213" s="484" t="s">
        <v>523</v>
      </c>
      <c r="I213" s="484" t="s">
        <v>540</v>
      </c>
      <c r="J213" s="484" t="s">
        <v>540</v>
      </c>
      <c r="K213" s="484"/>
      <c r="L213" s="484" t="s">
        <v>58</v>
      </c>
      <c r="M213" s="484" t="s">
        <v>21</v>
      </c>
      <c r="N213" s="484"/>
      <c r="O213" s="484" t="s">
        <v>388</v>
      </c>
      <c r="P213" s="484" t="s">
        <v>525</v>
      </c>
      <c r="Q213" s="484"/>
      <c r="R213" s="484" t="s">
        <v>71</v>
      </c>
      <c r="S213" s="484" t="s">
        <v>63</v>
      </c>
      <c r="T213" s="484" t="s">
        <v>63</v>
      </c>
      <c r="U213" s="485">
        <v>43494</v>
      </c>
      <c r="V213" s="485"/>
      <c r="W213" s="484" t="s">
        <v>64</v>
      </c>
      <c r="X213" s="484"/>
      <c r="Y213" s="485">
        <v>43494</v>
      </c>
      <c r="Z213" s="484" t="s">
        <v>82</v>
      </c>
      <c r="AA213" s="496"/>
      <c r="AB213" s="496"/>
      <c r="AC213" s="496"/>
      <c r="AD213" s="496"/>
      <c r="AE213" s="487" t="s">
        <v>66</v>
      </c>
      <c r="AF213" s="487"/>
      <c r="AG213" s="496"/>
      <c r="AH213" s="496"/>
      <c r="AI213" s="496"/>
      <c r="AJ213" s="496"/>
      <c r="AK213" s="496"/>
      <c r="AL213" s="496"/>
      <c r="AM213" s="496"/>
      <c r="AN213" s="496"/>
      <c r="AO213" s="496"/>
      <c r="AP213" s="496"/>
      <c r="AQ213" s="496"/>
      <c r="AR213" s="496"/>
      <c r="AS213" s="496"/>
      <c r="AT213" s="496"/>
      <c r="AU213" s="496"/>
      <c r="AV213" s="496"/>
      <c r="AW213" s="496"/>
      <c r="AX213" s="496"/>
      <c r="AY213" s="496"/>
      <c r="AZ213" s="496"/>
      <c r="BA213" s="496"/>
      <c r="BB213" s="496"/>
      <c r="BC213" s="496"/>
      <c r="BD213" s="496"/>
      <c r="BE213" s="496"/>
      <c r="BF213" s="80">
        <f t="shared" si="38"/>
        <v>300</v>
      </c>
      <c r="BG213" s="76">
        <f t="shared" si="41"/>
        <v>144.97999999999999</v>
      </c>
      <c r="BH213" s="487" t="str">
        <f t="shared" si="34"/>
        <v/>
      </c>
      <c r="BI213" s="487" t="str">
        <f t="shared" si="34"/>
        <v/>
      </c>
      <c r="BJ213" s="487" t="str">
        <f t="shared" si="34"/>
        <v/>
      </c>
      <c r="BK213" s="487" t="str">
        <f t="shared" si="34"/>
        <v/>
      </c>
      <c r="BL213" s="487">
        <f t="shared" si="34"/>
        <v>43494</v>
      </c>
      <c r="BM213" s="487" t="str">
        <f t="shared" si="34"/>
        <v/>
      </c>
      <c r="BN213" s="487" t="str">
        <f t="shared" si="33"/>
        <v/>
      </c>
      <c r="BO213" s="487" t="str">
        <f t="shared" si="33"/>
        <v/>
      </c>
      <c r="BP213" s="487" t="str">
        <f t="shared" si="33"/>
        <v/>
      </c>
      <c r="BQ213" s="487" t="str">
        <f t="shared" si="33"/>
        <v/>
      </c>
      <c r="BR213" s="487" t="str">
        <f t="shared" si="33"/>
        <v/>
      </c>
      <c r="BS213" s="487" t="str">
        <f t="shared" si="33"/>
        <v/>
      </c>
      <c r="BT213" s="487" t="str">
        <f t="shared" si="33"/>
        <v/>
      </c>
      <c r="BU213" s="487" t="str">
        <f t="shared" si="33"/>
        <v/>
      </c>
      <c r="BV213" s="487" t="str">
        <f t="shared" si="33"/>
        <v/>
      </c>
      <c r="BW213" s="487" t="str">
        <f t="shared" si="40"/>
        <v/>
      </c>
      <c r="BX213" s="487" t="str">
        <f t="shared" si="40"/>
        <v/>
      </c>
      <c r="BY213" s="487" t="str">
        <f t="shared" si="40"/>
        <v/>
      </c>
      <c r="BZ213" s="487" t="str">
        <f t="shared" si="40"/>
        <v/>
      </c>
      <c r="CA213" s="487" t="str">
        <f t="shared" si="40"/>
        <v/>
      </c>
      <c r="CB213" s="487" t="str">
        <f t="shared" si="40"/>
        <v/>
      </c>
      <c r="CC213" s="487" t="str">
        <f t="shared" si="31"/>
        <v/>
      </c>
      <c r="CD213" s="487" t="str">
        <f t="shared" si="31"/>
        <v/>
      </c>
      <c r="CE213" s="487" t="str">
        <f t="shared" si="31"/>
        <v/>
      </c>
      <c r="CF213" s="487" t="str">
        <f t="shared" si="31"/>
        <v/>
      </c>
      <c r="CG213" s="487" t="str">
        <f t="shared" si="30"/>
        <v/>
      </c>
      <c r="CH213" s="487" t="str">
        <f t="shared" si="30"/>
        <v/>
      </c>
      <c r="CI213" s="487" t="str">
        <f t="shared" si="30"/>
        <v/>
      </c>
      <c r="CJ213" s="487" t="str">
        <f t="shared" si="30"/>
        <v/>
      </c>
      <c r="CK213" s="487" t="str">
        <f t="shared" si="30"/>
        <v/>
      </c>
      <c r="CL213" s="487" t="str">
        <f t="shared" si="30"/>
        <v/>
      </c>
      <c r="CM213" s="487"/>
      <c r="CN213" s="487"/>
      <c r="CO213" s="487"/>
      <c r="CP213" s="487"/>
      <c r="CQ213" s="487"/>
      <c r="CR213" s="487"/>
      <c r="CS213" s="487"/>
      <c r="CT213" s="487"/>
      <c r="CU213" s="487"/>
      <c r="CV213" s="487"/>
      <c r="CW213" s="487"/>
      <c r="CX213" s="487"/>
      <c r="CY213" s="487"/>
      <c r="CZ213" s="487"/>
      <c r="DA213" s="487"/>
      <c r="DB213" s="487"/>
      <c r="DC213" s="487"/>
      <c r="DD213" s="487"/>
      <c r="DE213" s="487"/>
      <c r="DF213" s="487"/>
      <c r="DG213" s="487"/>
      <c r="DH213" s="487"/>
      <c r="DI213" s="484"/>
      <c r="DJ213" s="484"/>
      <c r="DK213" s="484"/>
    </row>
    <row r="214" spans="1:115" s="354" customFormat="1" ht="56.1" hidden="1" customHeight="1" x14ac:dyDescent="0.2">
      <c r="A214" s="494"/>
      <c r="B214" s="494"/>
      <c r="C214" s="481">
        <v>438</v>
      </c>
      <c r="D214" s="481"/>
      <c r="E214" s="481" t="s">
        <v>2481</v>
      </c>
      <c r="F214" s="482" t="s">
        <v>53</v>
      </c>
      <c r="G214" s="482" t="s">
        <v>515</v>
      </c>
      <c r="H214" s="484" t="s">
        <v>539</v>
      </c>
      <c r="I214" s="484" t="s">
        <v>541</v>
      </c>
      <c r="J214" s="484" t="s">
        <v>541</v>
      </c>
      <c r="K214" s="484"/>
      <c r="L214" s="484" t="s">
        <v>58</v>
      </c>
      <c r="M214" s="484" t="s">
        <v>21</v>
      </c>
      <c r="N214" s="484"/>
      <c r="O214" s="484" t="s">
        <v>388</v>
      </c>
      <c r="P214" s="484" t="s">
        <v>525</v>
      </c>
      <c r="Q214" s="484"/>
      <c r="R214" s="484" t="s">
        <v>71</v>
      </c>
      <c r="S214" s="484" t="s">
        <v>63</v>
      </c>
      <c r="T214" s="484" t="s">
        <v>63</v>
      </c>
      <c r="U214" s="485">
        <v>105440</v>
      </c>
      <c r="V214" s="485"/>
      <c r="W214" s="484" t="s">
        <v>64</v>
      </c>
      <c r="X214" s="484"/>
      <c r="Y214" s="485">
        <v>105440</v>
      </c>
      <c r="Z214" s="484" t="s">
        <v>82</v>
      </c>
      <c r="AA214" s="496"/>
      <c r="AB214" s="496"/>
      <c r="AC214" s="496"/>
      <c r="AD214" s="496"/>
      <c r="AE214" s="487" t="s">
        <v>66</v>
      </c>
      <c r="AF214" s="487"/>
      <c r="AG214" s="496"/>
      <c r="AH214" s="496"/>
      <c r="AI214" s="496"/>
      <c r="AJ214" s="496"/>
      <c r="AK214" s="496"/>
      <c r="AL214" s="496"/>
      <c r="AM214" s="496"/>
      <c r="AN214" s="496"/>
      <c r="AO214" s="496"/>
      <c r="AP214" s="496"/>
      <c r="AQ214" s="496"/>
      <c r="AR214" s="496"/>
      <c r="AS214" s="496"/>
      <c r="AT214" s="496"/>
      <c r="AU214" s="496"/>
      <c r="AV214" s="496"/>
      <c r="AW214" s="496"/>
      <c r="AX214" s="496"/>
      <c r="AY214" s="496"/>
      <c r="AZ214" s="496"/>
      <c r="BA214" s="496"/>
      <c r="BB214" s="496"/>
      <c r="BC214" s="496"/>
      <c r="BD214" s="496"/>
      <c r="BE214" s="496"/>
      <c r="BF214" s="80">
        <f t="shared" si="38"/>
        <v>300</v>
      </c>
      <c r="BG214" s="76">
        <f t="shared" si="41"/>
        <v>351.46666666666664</v>
      </c>
      <c r="BH214" s="487" t="str">
        <f t="shared" si="34"/>
        <v/>
      </c>
      <c r="BI214" s="487" t="str">
        <f t="shared" si="34"/>
        <v/>
      </c>
      <c r="BJ214" s="487" t="str">
        <f t="shared" si="34"/>
        <v/>
      </c>
      <c r="BK214" s="487" t="str">
        <f t="shared" ref="BK214:BS242" si="42">IF(AD214="yes",(AD$2*$BG214),"")</f>
        <v/>
      </c>
      <c r="BL214" s="487">
        <f t="shared" si="42"/>
        <v>105439.99999999999</v>
      </c>
      <c r="BM214" s="487" t="str">
        <f t="shared" si="42"/>
        <v/>
      </c>
      <c r="BN214" s="487" t="str">
        <f t="shared" si="33"/>
        <v/>
      </c>
      <c r="BO214" s="487" t="str">
        <f t="shared" si="33"/>
        <v/>
      </c>
      <c r="BP214" s="487" t="str">
        <f t="shared" si="33"/>
        <v/>
      </c>
      <c r="BQ214" s="487" t="str">
        <f t="shared" si="33"/>
        <v/>
      </c>
      <c r="BR214" s="487" t="str">
        <f t="shared" si="33"/>
        <v/>
      </c>
      <c r="BS214" s="487" t="str">
        <f t="shared" si="33"/>
        <v/>
      </c>
      <c r="BT214" s="487" t="str">
        <f t="shared" ref="BT214:CE253" si="43">IF(AM214="yes",(AM$2*$BG214),"")</f>
        <v/>
      </c>
      <c r="BU214" s="487" t="str">
        <f t="shared" si="43"/>
        <v/>
      </c>
      <c r="BV214" s="487" t="str">
        <f t="shared" si="43"/>
        <v/>
      </c>
      <c r="BW214" s="487" t="str">
        <f t="shared" si="40"/>
        <v/>
      </c>
      <c r="BX214" s="487" t="str">
        <f t="shared" si="40"/>
        <v/>
      </c>
      <c r="BY214" s="487" t="str">
        <f t="shared" si="40"/>
        <v/>
      </c>
      <c r="BZ214" s="487" t="str">
        <f t="shared" si="40"/>
        <v/>
      </c>
      <c r="CA214" s="487" t="str">
        <f t="shared" si="40"/>
        <v/>
      </c>
      <c r="CB214" s="487" t="str">
        <f t="shared" si="40"/>
        <v/>
      </c>
      <c r="CC214" s="487" t="str">
        <f t="shared" si="31"/>
        <v/>
      </c>
      <c r="CD214" s="487" t="str">
        <f t="shared" si="31"/>
        <v/>
      </c>
      <c r="CE214" s="487" t="str">
        <f t="shared" si="31"/>
        <v/>
      </c>
      <c r="CF214" s="487" t="str">
        <f t="shared" si="31"/>
        <v/>
      </c>
      <c r="CG214" s="487" t="str">
        <f t="shared" si="30"/>
        <v/>
      </c>
      <c r="CH214" s="487" t="str">
        <f t="shared" si="30"/>
        <v/>
      </c>
      <c r="CI214" s="487" t="str">
        <f t="shared" si="30"/>
        <v/>
      </c>
      <c r="CJ214" s="487" t="str">
        <f t="shared" si="30"/>
        <v/>
      </c>
      <c r="CK214" s="487" t="str">
        <f t="shared" si="30"/>
        <v/>
      </c>
      <c r="CL214" s="487" t="str">
        <f t="shared" si="30"/>
        <v/>
      </c>
      <c r="CM214" s="487"/>
      <c r="CN214" s="487"/>
      <c r="CO214" s="487"/>
      <c r="CP214" s="487"/>
      <c r="CQ214" s="487"/>
      <c r="CR214" s="487"/>
      <c r="CS214" s="487"/>
      <c r="CT214" s="487"/>
      <c r="CU214" s="487"/>
      <c r="CV214" s="487"/>
      <c r="CW214" s="487"/>
      <c r="CX214" s="487"/>
      <c r="CY214" s="487"/>
      <c r="CZ214" s="487"/>
      <c r="DA214" s="487"/>
      <c r="DB214" s="487"/>
      <c r="DC214" s="487"/>
      <c r="DD214" s="487"/>
      <c r="DE214" s="487"/>
      <c r="DF214" s="487"/>
      <c r="DG214" s="487"/>
      <c r="DH214" s="487"/>
      <c r="DI214" s="484"/>
      <c r="DJ214" s="484"/>
      <c r="DK214" s="484"/>
    </row>
    <row r="215" spans="1:115" s="354" customFormat="1" ht="56.1" hidden="1" customHeight="1" x14ac:dyDescent="0.2">
      <c r="A215" s="494"/>
      <c r="B215" s="494"/>
      <c r="C215" s="481">
        <v>439</v>
      </c>
      <c r="D215" s="481"/>
      <c r="E215" s="481" t="s">
        <v>2481</v>
      </c>
      <c r="F215" s="482" t="s">
        <v>53</v>
      </c>
      <c r="G215" s="482" t="s">
        <v>515</v>
      </c>
      <c r="H215" s="484" t="s">
        <v>528</v>
      </c>
      <c r="I215" s="484" t="s">
        <v>560</v>
      </c>
      <c r="J215" s="484" t="s">
        <v>561</v>
      </c>
      <c r="K215" s="484"/>
      <c r="L215" s="484" t="s">
        <v>58</v>
      </c>
      <c r="M215" s="484" t="s">
        <v>21</v>
      </c>
      <c r="N215" s="484"/>
      <c r="O215" s="484" t="s">
        <v>551</v>
      </c>
      <c r="P215" s="484" t="s">
        <v>525</v>
      </c>
      <c r="Q215" s="484"/>
      <c r="R215" s="484" t="s">
        <v>71</v>
      </c>
      <c r="S215" s="484" t="s">
        <v>63</v>
      </c>
      <c r="T215" s="484" t="s">
        <v>63</v>
      </c>
      <c r="U215" s="485">
        <v>42581.538461538461</v>
      </c>
      <c r="V215" s="485"/>
      <c r="W215" s="484" t="s">
        <v>64</v>
      </c>
      <c r="X215" s="484"/>
      <c r="Y215" s="485">
        <v>42581.538461538461</v>
      </c>
      <c r="Z215" s="484" t="s">
        <v>82</v>
      </c>
      <c r="AA215" s="496"/>
      <c r="AB215" s="496"/>
      <c r="AC215" s="496"/>
      <c r="AD215" s="496"/>
      <c r="AE215" s="487" t="s">
        <v>66</v>
      </c>
      <c r="AF215" s="487"/>
      <c r="AG215" s="496"/>
      <c r="AH215" s="496"/>
      <c r="AI215" s="496"/>
      <c r="AJ215" s="496"/>
      <c r="AK215" s="496"/>
      <c r="AL215" s="496"/>
      <c r="AM215" s="496"/>
      <c r="AN215" s="496"/>
      <c r="AO215" s="496"/>
      <c r="AP215" s="496"/>
      <c r="AQ215" s="496"/>
      <c r="AR215" s="496"/>
      <c r="AS215" s="496"/>
      <c r="AT215" s="496"/>
      <c r="AU215" s="496"/>
      <c r="AV215" s="496"/>
      <c r="AW215" s="496"/>
      <c r="AX215" s="496"/>
      <c r="AY215" s="496"/>
      <c r="AZ215" s="496"/>
      <c r="BA215" s="496"/>
      <c r="BB215" s="496"/>
      <c r="BC215" s="496"/>
      <c r="BD215" s="496"/>
      <c r="BE215" s="496"/>
      <c r="BF215" s="80">
        <f t="shared" si="38"/>
        <v>300</v>
      </c>
      <c r="BG215" s="76">
        <f t="shared" si="41"/>
        <v>141.93846153846152</v>
      </c>
      <c r="BH215" s="487" t="str">
        <f t="shared" ref="BH215:BW256" si="44">IF(AA215="yes",(AA$2*$BG215),"")</f>
        <v/>
      </c>
      <c r="BI215" s="487" t="str">
        <f t="shared" si="44"/>
        <v/>
      </c>
      <c r="BJ215" s="487" t="str">
        <f t="shared" si="44"/>
        <v/>
      </c>
      <c r="BK215" s="487" t="str">
        <f t="shared" si="42"/>
        <v/>
      </c>
      <c r="BL215" s="487">
        <f t="shared" si="42"/>
        <v>42581.538461538454</v>
      </c>
      <c r="BM215" s="487" t="str">
        <f t="shared" si="42"/>
        <v/>
      </c>
      <c r="BN215" s="487" t="str">
        <f t="shared" si="42"/>
        <v/>
      </c>
      <c r="BO215" s="487" t="str">
        <f t="shared" si="42"/>
        <v/>
      </c>
      <c r="BP215" s="487" t="str">
        <f t="shared" si="42"/>
        <v/>
      </c>
      <c r="BQ215" s="487" t="str">
        <f t="shared" si="42"/>
        <v/>
      </c>
      <c r="BR215" s="487" t="str">
        <f t="shared" si="42"/>
        <v/>
      </c>
      <c r="BS215" s="487" t="str">
        <f t="shared" si="42"/>
        <v/>
      </c>
      <c r="BT215" s="487" t="str">
        <f t="shared" si="43"/>
        <v/>
      </c>
      <c r="BU215" s="487" t="str">
        <f t="shared" si="43"/>
        <v/>
      </c>
      <c r="BV215" s="487" t="str">
        <f t="shared" si="43"/>
        <v/>
      </c>
      <c r="BW215" s="487" t="str">
        <f t="shared" si="40"/>
        <v/>
      </c>
      <c r="BX215" s="487" t="str">
        <f t="shared" si="40"/>
        <v/>
      </c>
      <c r="BY215" s="487" t="str">
        <f t="shared" si="40"/>
        <v/>
      </c>
      <c r="BZ215" s="487" t="str">
        <f t="shared" si="40"/>
        <v/>
      </c>
      <c r="CA215" s="487" t="str">
        <f t="shared" si="40"/>
        <v/>
      </c>
      <c r="CB215" s="487" t="str">
        <f t="shared" si="40"/>
        <v/>
      </c>
      <c r="CC215" s="487" t="str">
        <f t="shared" si="31"/>
        <v/>
      </c>
      <c r="CD215" s="487" t="str">
        <f t="shared" si="31"/>
        <v/>
      </c>
      <c r="CE215" s="487" t="str">
        <f t="shared" si="31"/>
        <v/>
      </c>
      <c r="CF215" s="487" t="str">
        <f t="shared" si="31"/>
        <v/>
      </c>
      <c r="CG215" s="487" t="str">
        <f t="shared" si="30"/>
        <v/>
      </c>
      <c r="CH215" s="487" t="str">
        <f t="shared" si="30"/>
        <v/>
      </c>
      <c r="CI215" s="487" t="str">
        <f t="shared" si="30"/>
        <v/>
      </c>
      <c r="CJ215" s="487" t="str">
        <f t="shared" si="30"/>
        <v/>
      </c>
      <c r="CK215" s="487" t="str">
        <f t="shared" si="30"/>
        <v/>
      </c>
      <c r="CL215" s="487" t="str">
        <f t="shared" si="30"/>
        <v/>
      </c>
      <c r="CM215" s="487"/>
      <c r="CN215" s="487"/>
      <c r="CO215" s="487"/>
      <c r="CP215" s="487"/>
      <c r="CQ215" s="487"/>
      <c r="CR215" s="487"/>
      <c r="CS215" s="487"/>
      <c r="CT215" s="487"/>
      <c r="CU215" s="487"/>
      <c r="CV215" s="487"/>
      <c r="CW215" s="487"/>
      <c r="CX215" s="487"/>
      <c r="CY215" s="487"/>
      <c r="CZ215" s="487"/>
      <c r="DA215" s="487"/>
      <c r="DB215" s="487"/>
      <c r="DC215" s="487"/>
      <c r="DD215" s="487"/>
      <c r="DE215" s="487"/>
      <c r="DF215" s="487"/>
      <c r="DG215" s="487"/>
      <c r="DH215" s="487"/>
      <c r="DI215" s="484"/>
      <c r="DJ215" s="484"/>
      <c r="DK215" s="484"/>
    </row>
    <row r="216" spans="1:115" s="354" customFormat="1" ht="56.1" hidden="1" customHeight="1" x14ac:dyDescent="0.2">
      <c r="A216" s="494"/>
      <c r="B216" s="494"/>
      <c r="C216" s="481">
        <v>440</v>
      </c>
      <c r="D216" s="481"/>
      <c r="E216" s="481" t="s">
        <v>2481</v>
      </c>
      <c r="F216" s="482" t="s">
        <v>53</v>
      </c>
      <c r="G216" s="482" t="s">
        <v>515</v>
      </c>
      <c r="H216" s="484" t="s">
        <v>530</v>
      </c>
      <c r="I216" s="484" t="s">
        <v>532</v>
      </c>
      <c r="J216" s="484" t="s">
        <v>532</v>
      </c>
      <c r="K216" s="484"/>
      <c r="L216" s="484" t="s">
        <v>58</v>
      </c>
      <c r="M216" s="484" t="s">
        <v>21</v>
      </c>
      <c r="N216" s="484"/>
      <c r="O216" s="484" t="s">
        <v>8</v>
      </c>
      <c r="P216" s="484" t="s">
        <v>525</v>
      </c>
      <c r="Q216" s="484"/>
      <c r="R216" s="484" t="s">
        <v>71</v>
      </c>
      <c r="S216" s="484" t="s">
        <v>63</v>
      </c>
      <c r="T216" s="484" t="s">
        <v>63</v>
      </c>
      <c r="U216" s="485">
        <v>0</v>
      </c>
      <c r="V216" s="485"/>
      <c r="W216" s="484" t="s">
        <v>64</v>
      </c>
      <c r="X216" s="484"/>
      <c r="Y216" s="485">
        <v>0</v>
      </c>
      <c r="Z216" s="484" t="s">
        <v>82</v>
      </c>
      <c r="AA216" s="496"/>
      <c r="AB216" s="496"/>
      <c r="AC216" s="496"/>
      <c r="AD216" s="496"/>
      <c r="AE216" s="487" t="s">
        <v>66</v>
      </c>
      <c r="AF216" s="487"/>
      <c r="AG216" s="496"/>
      <c r="AH216" s="496"/>
      <c r="AI216" s="496"/>
      <c r="AJ216" s="496"/>
      <c r="AK216" s="496"/>
      <c r="AL216" s="496"/>
      <c r="AM216" s="496"/>
      <c r="AN216" s="496"/>
      <c r="AO216" s="496"/>
      <c r="AP216" s="496"/>
      <c r="AQ216" s="496"/>
      <c r="AR216" s="496"/>
      <c r="AS216" s="496"/>
      <c r="AT216" s="496"/>
      <c r="AU216" s="496"/>
      <c r="AV216" s="496"/>
      <c r="AW216" s="496"/>
      <c r="AX216" s="496"/>
      <c r="AY216" s="496"/>
      <c r="AZ216" s="496"/>
      <c r="BA216" s="496"/>
      <c r="BB216" s="496"/>
      <c r="BC216" s="496"/>
      <c r="BD216" s="496"/>
      <c r="BE216" s="496"/>
      <c r="BF216" s="80">
        <f t="shared" si="38"/>
        <v>300</v>
      </c>
      <c r="BG216" s="76"/>
      <c r="BH216" s="487" t="str">
        <f t="shared" si="44"/>
        <v/>
      </c>
      <c r="BI216" s="487" t="str">
        <f t="shared" si="44"/>
        <v/>
      </c>
      <c r="BJ216" s="487" t="str">
        <f t="shared" si="44"/>
        <v/>
      </c>
      <c r="BK216" s="487" t="str">
        <f t="shared" si="42"/>
        <v/>
      </c>
      <c r="BL216" s="487">
        <f t="shared" si="42"/>
        <v>0</v>
      </c>
      <c r="BM216" s="487" t="str">
        <f t="shared" si="42"/>
        <v/>
      </c>
      <c r="BN216" s="487" t="str">
        <f t="shared" si="42"/>
        <v/>
      </c>
      <c r="BO216" s="487" t="str">
        <f t="shared" si="42"/>
        <v/>
      </c>
      <c r="BP216" s="487" t="str">
        <f t="shared" si="42"/>
        <v/>
      </c>
      <c r="BQ216" s="487" t="str">
        <f t="shared" si="42"/>
        <v/>
      </c>
      <c r="BR216" s="487" t="str">
        <f t="shared" si="42"/>
        <v/>
      </c>
      <c r="BS216" s="487" t="str">
        <f t="shared" si="42"/>
        <v/>
      </c>
      <c r="BT216" s="487" t="str">
        <f t="shared" si="43"/>
        <v/>
      </c>
      <c r="BU216" s="487" t="str">
        <f t="shared" si="43"/>
        <v/>
      </c>
      <c r="BV216" s="487" t="str">
        <f t="shared" si="43"/>
        <v/>
      </c>
      <c r="BW216" s="487" t="str">
        <f t="shared" si="40"/>
        <v/>
      </c>
      <c r="BX216" s="487" t="str">
        <f t="shared" si="40"/>
        <v/>
      </c>
      <c r="BY216" s="487" t="str">
        <f t="shared" si="40"/>
        <v/>
      </c>
      <c r="BZ216" s="487" t="str">
        <f t="shared" si="40"/>
        <v/>
      </c>
      <c r="CA216" s="487" t="str">
        <f t="shared" si="40"/>
        <v/>
      </c>
      <c r="CB216" s="487" t="str">
        <f t="shared" si="40"/>
        <v/>
      </c>
      <c r="CC216" s="487" t="str">
        <f t="shared" si="31"/>
        <v/>
      </c>
      <c r="CD216" s="487" t="str">
        <f t="shared" si="31"/>
        <v/>
      </c>
      <c r="CE216" s="487" t="str">
        <f t="shared" si="31"/>
        <v/>
      </c>
      <c r="CF216" s="487" t="str">
        <f t="shared" si="31"/>
        <v/>
      </c>
      <c r="CG216" s="487" t="str">
        <f t="shared" si="30"/>
        <v/>
      </c>
      <c r="CH216" s="487" t="str">
        <f t="shared" si="30"/>
        <v/>
      </c>
      <c r="CI216" s="487" t="str">
        <f t="shared" si="30"/>
        <v/>
      </c>
      <c r="CJ216" s="487" t="str">
        <f t="shared" si="30"/>
        <v/>
      </c>
      <c r="CK216" s="487" t="str">
        <f t="shared" si="30"/>
        <v/>
      </c>
      <c r="CL216" s="487" t="str">
        <f t="shared" si="30"/>
        <v/>
      </c>
      <c r="CM216" s="487"/>
      <c r="CN216" s="487"/>
      <c r="CO216" s="487"/>
      <c r="CP216" s="487"/>
      <c r="CQ216" s="487"/>
      <c r="CR216" s="487"/>
      <c r="CS216" s="487"/>
      <c r="CT216" s="487"/>
      <c r="CU216" s="487"/>
      <c r="CV216" s="487"/>
      <c r="CW216" s="487"/>
      <c r="CX216" s="487"/>
      <c r="CY216" s="487"/>
      <c r="CZ216" s="487"/>
      <c r="DA216" s="487"/>
      <c r="DB216" s="487"/>
      <c r="DC216" s="487"/>
      <c r="DD216" s="487"/>
      <c r="DE216" s="487"/>
      <c r="DF216" s="487"/>
      <c r="DG216" s="487"/>
      <c r="DH216" s="487"/>
      <c r="DI216" s="484"/>
      <c r="DJ216" s="484"/>
      <c r="DK216" s="484"/>
    </row>
    <row r="217" spans="1:115" s="354" customFormat="1" ht="54.6" hidden="1" customHeight="1" x14ac:dyDescent="0.2">
      <c r="A217" s="494"/>
      <c r="B217" s="494"/>
      <c r="C217" s="481">
        <v>441</v>
      </c>
      <c r="D217" s="481"/>
      <c r="E217" s="481" t="s">
        <v>2481</v>
      </c>
      <c r="F217" s="482" t="s">
        <v>53</v>
      </c>
      <c r="G217" s="482" t="s">
        <v>515</v>
      </c>
      <c r="H217" s="484" t="s">
        <v>533</v>
      </c>
      <c r="I217" s="484" t="s">
        <v>534</v>
      </c>
      <c r="J217" s="484" t="s">
        <v>534</v>
      </c>
      <c r="K217" s="484"/>
      <c r="L217" s="484" t="s">
        <v>58</v>
      </c>
      <c r="M217" s="484" t="s">
        <v>21</v>
      </c>
      <c r="N217" s="484"/>
      <c r="O217" s="484" t="s">
        <v>81</v>
      </c>
      <c r="P217" s="484" t="s">
        <v>334</v>
      </c>
      <c r="Q217" s="484"/>
      <c r="R217" s="484" t="s">
        <v>71</v>
      </c>
      <c r="S217" s="484" t="s">
        <v>63</v>
      </c>
      <c r="T217" s="484" t="s">
        <v>63</v>
      </c>
      <c r="U217" s="485">
        <v>53379</v>
      </c>
      <c r="V217" s="485"/>
      <c r="W217" s="484" t="s">
        <v>64</v>
      </c>
      <c r="X217" s="484"/>
      <c r="Y217" s="485">
        <v>53379</v>
      </c>
      <c r="Z217" s="484" t="s">
        <v>82</v>
      </c>
      <c r="AA217" s="496"/>
      <c r="AB217" s="496"/>
      <c r="AC217" s="496"/>
      <c r="AD217" s="496"/>
      <c r="AE217" s="487" t="s">
        <v>66</v>
      </c>
      <c r="AF217" s="487"/>
      <c r="AG217" s="496"/>
      <c r="AH217" s="496"/>
      <c r="AI217" s="496"/>
      <c r="AJ217" s="496"/>
      <c r="AK217" s="496"/>
      <c r="AL217" s="496"/>
      <c r="AM217" s="496"/>
      <c r="AN217" s="496"/>
      <c r="AO217" s="496"/>
      <c r="AP217" s="496"/>
      <c r="AQ217" s="496"/>
      <c r="AR217" s="496"/>
      <c r="AS217" s="496"/>
      <c r="AT217" s="496"/>
      <c r="AU217" s="496"/>
      <c r="AV217" s="496"/>
      <c r="AW217" s="496"/>
      <c r="AX217" s="496"/>
      <c r="AY217" s="496"/>
      <c r="AZ217" s="496"/>
      <c r="BA217" s="496"/>
      <c r="BB217" s="496"/>
      <c r="BC217" s="496"/>
      <c r="BD217" s="496"/>
      <c r="BE217" s="496"/>
      <c r="BF217" s="80">
        <f t="shared" si="38"/>
        <v>300</v>
      </c>
      <c r="BG217" s="76">
        <f t="shared" ref="BG217:BG222" si="45">Y217/BF217</f>
        <v>177.93</v>
      </c>
      <c r="BH217" s="487" t="str">
        <f t="shared" si="44"/>
        <v/>
      </c>
      <c r="BI217" s="487" t="str">
        <f t="shared" si="44"/>
        <v/>
      </c>
      <c r="BJ217" s="487" t="str">
        <f t="shared" si="44"/>
        <v/>
      </c>
      <c r="BK217" s="487" t="str">
        <f t="shared" si="42"/>
        <v/>
      </c>
      <c r="BL217" s="487">
        <f t="shared" si="42"/>
        <v>53379</v>
      </c>
      <c r="BM217" s="487" t="str">
        <f t="shared" si="42"/>
        <v/>
      </c>
      <c r="BN217" s="487" t="str">
        <f t="shared" si="42"/>
        <v/>
      </c>
      <c r="BO217" s="487" t="str">
        <f t="shared" si="42"/>
        <v/>
      </c>
      <c r="BP217" s="487" t="str">
        <f t="shared" si="42"/>
        <v/>
      </c>
      <c r="BQ217" s="487" t="str">
        <f t="shared" si="42"/>
        <v/>
      </c>
      <c r="BR217" s="487" t="str">
        <f t="shared" si="42"/>
        <v/>
      </c>
      <c r="BS217" s="487" t="str">
        <f t="shared" si="42"/>
        <v/>
      </c>
      <c r="BT217" s="487" t="str">
        <f t="shared" si="43"/>
        <v/>
      </c>
      <c r="BU217" s="487" t="str">
        <f t="shared" si="43"/>
        <v/>
      </c>
      <c r="BV217" s="487" t="str">
        <f t="shared" si="43"/>
        <v/>
      </c>
      <c r="BW217" s="487" t="str">
        <f t="shared" si="40"/>
        <v/>
      </c>
      <c r="BX217" s="487" t="str">
        <f t="shared" si="40"/>
        <v/>
      </c>
      <c r="BY217" s="487" t="str">
        <f t="shared" si="40"/>
        <v/>
      </c>
      <c r="BZ217" s="487" t="str">
        <f t="shared" si="40"/>
        <v/>
      </c>
      <c r="CA217" s="487" t="str">
        <f t="shared" si="40"/>
        <v/>
      </c>
      <c r="CB217" s="487" t="str">
        <f t="shared" si="40"/>
        <v/>
      </c>
      <c r="CC217" s="487" t="str">
        <f t="shared" si="31"/>
        <v/>
      </c>
      <c r="CD217" s="487" t="str">
        <f t="shared" si="31"/>
        <v/>
      </c>
      <c r="CE217" s="487" t="str">
        <f t="shared" si="31"/>
        <v/>
      </c>
      <c r="CF217" s="487" t="str">
        <f t="shared" ref="CF217:CL253" si="46">IF(AY217="yes",(AY$2*$BG217),"")</f>
        <v/>
      </c>
      <c r="CG217" s="487" t="str">
        <f t="shared" si="46"/>
        <v/>
      </c>
      <c r="CH217" s="487" t="str">
        <f t="shared" si="46"/>
        <v/>
      </c>
      <c r="CI217" s="487" t="str">
        <f t="shared" si="46"/>
        <v/>
      </c>
      <c r="CJ217" s="487" t="str">
        <f t="shared" si="46"/>
        <v/>
      </c>
      <c r="CK217" s="487" t="str">
        <f t="shared" si="46"/>
        <v/>
      </c>
      <c r="CL217" s="487" t="str">
        <f t="shared" si="46"/>
        <v/>
      </c>
      <c r="CM217" s="487"/>
      <c r="CN217" s="487"/>
      <c r="CO217" s="487"/>
      <c r="CP217" s="487"/>
      <c r="CQ217" s="487"/>
      <c r="CR217" s="487"/>
      <c r="CS217" s="487"/>
      <c r="CT217" s="487"/>
      <c r="CU217" s="487"/>
      <c r="CV217" s="487"/>
      <c r="CW217" s="487"/>
      <c r="CX217" s="487"/>
      <c r="CY217" s="487"/>
      <c r="CZ217" s="487"/>
      <c r="DA217" s="487"/>
      <c r="DB217" s="487"/>
      <c r="DC217" s="487"/>
      <c r="DD217" s="487"/>
      <c r="DE217" s="487"/>
      <c r="DF217" s="487"/>
      <c r="DG217" s="487"/>
      <c r="DH217" s="487"/>
      <c r="DI217" s="484"/>
      <c r="DJ217" s="484"/>
      <c r="DK217" s="484"/>
    </row>
    <row r="218" spans="1:115" s="354" customFormat="1" ht="56.1" hidden="1" customHeight="1" x14ac:dyDescent="0.2">
      <c r="A218" s="494"/>
      <c r="B218" s="494"/>
      <c r="C218" s="481">
        <v>442</v>
      </c>
      <c r="D218" s="481"/>
      <c r="E218" s="481" t="s">
        <v>2481</v>
      </c>
      <c r="F218" s="482" t="s">
        <v>53</v>
      </c>
      <c r="G218" s="482" t="s">
        <v>515</v>
      </c>
      <c r="H218" s="484" t="s">
        <v>548</v>
      </c>
      <c r="I218" s="484" t="s">
        <v>536</v>
      </c>
      <c r="J218" s="484" t="s">
        <v>536</v>
      </c>
      <c r="K218" s="484"/>
      <c r="L218" s="484" t="s">
        <v>58</v>
      </c>
      <c r="M218" s="484" t="s">
        <v>323</v>
      </c>
      <c r="N218" s="484"/>
      <c r="O218" s="497" t="s">
        <v>60</v>
      </c>
      <c r="P218" s="484" t="s">
        <v>334</v>
      </c>
      <c r="Q218" s="484"/>
      <c r="R218" s="484" t="s">
        <v>380</v>
      </c>
      <c r="S218" s="484" t="s">
        <v>63</v>
      </c>
      <c r="T218" s="484" t="s">
        <v>63</v>
      </c>
      <c r="U218" s="485">
        <v>30366.719999999998</v>
      </c>
      <c r="V218" s="485"/>
      <c r="W218" s="484" t="s">
        <v>64</v>
      </c>
      <c r="X218" s="484"/>
      <c r="Y218" s="485">
        <v>30366.719999999998</v>
      </c>
      <c r="Z218" s="484" t="s">
        <v>82</v>
      </c>
      <c r="AA218" s="496"/>
      <c r="AB218" s="496"/>
      <c r="AC218" s="496"/>
      <c r="AD218" s="496"/>
      <c r="AE218" s="496"/>
      <c r="AF218" s="487"/>
      <c r="AG218" s="487" t="s">
        <v>66</v>
      </c>
      <c r="AH218" s="496"/>
      <c r="AI218" s="496"/>
      <c r="AJ218" s="496"/>
      <c r="AK218" s="496"/>
      <c r="AL218" s="496"/>
      <c r="AM218" s="496"/>
      <c r="AN218" s="496"/>
      <c r="AO218" s="496"/>
      <c r="AP218" s="496"/>
      <c r="AQ218" s="496"/>
      <c r="AR218" s="496"/>
      <c r="AS218" s="496"/>
      <c r="AT218" s="496"/>
      <c r="AU218" s="496"/>
      <c r="AV218" s="496"/>
      <c r="AW218" s="496"/>
      <c r="AX218" s="496"/>
      <c r="AY218" s="496"/>
      <c r="AZ218" s="496"/>
      <c r="BA218" s="496"/>
      <c r="BB218" s="496"/>
      <c r="BC218" s="496"/>
      <c r="BD218" s="496"/>
      <c r="BE218" s="496"/>
      <c r="BF218" s="80">
        <f t="shared" si="38"/>
        <v>100</v>
      </c>
      <c r="BG218" s="76">
        <f t="shared" si="45"/>
        <v>303.66719999999998</v>
      </c>
      <c r="BH218" s="487" t="str">
        <f t="shared" si="44"/>
        <v/>
      </c>
      <c r="BI218" s="487" t="str">
        <f t="shared" si="44"/>
        <v/>
      </c>
      <c r="BJ218" s="487" t="str">
        <f t="shared" si="44"/>
        <v/>
      </c>
      <c r="BK218" s="487" t="str">
        <f t="shared" si="42"/>
        <v/>
      </c>
      <c r="BL218" s="487" t="str">
        <f t="shared" si="42"/>
        <v/>
      </c>
      <c r="BM218" s="487" t="str">
        <f t="shared" si="42"/>
        <v/>
      </c>
      <c r="BN218" s="487">
        <f t="shared" si="42"/>
        <v>30366.719999999998</v>
      </c>
      <c r="BO218" s="487" t="str">
        <f t="shared" si="42"/>
        <v/>
      </c>
      <c r="BP218" s="487" t="str">
        <f t="shared" si="42"/>
        <v/>
      </c>
      <c r="BQ218" s="487" t="str">
        <f t="shared" si="42"/>
        <v/>
      </c>
      <c r="BR218" s="487" t="str">
        <f t="shared" si="42"/>
        <v/>
      </c>
      <c r="BS218" s="487" t="str">
        <f t="shared" si="42"/>
        <v/>
      </c>
      <c r="BT218" s="487" t="str">
        <f t="shared" si="43"/>
        <v/>
      </c>
      <c r="BU218" s="487" t="str">
        <f t="shared" si="43"/>
        <v/>
      </c>
      <c r="BV218" s="487" t="str">
        <f t="shared" si="43"/>
        <v/>
      </c>
      <c r="BW218" s="487" t="str">
        <f t="shared" si="40"/>
        <v/>
      </c>
      <c r="BX218" s="487" t="str">
        <f t="shared" si="40"/>
        <v/>
      </c>
      <c r="BY218" s="487" t="str">
        <f t="shared" si="40"/>
        <v/>
      </c>
      <c r="BZ218" s="487" t="str">
        <f t="shared" si="40"/>
        <v/>
      </c>
      <c r="CA218" s="487" t="str">
        <f t="shared" si="40"/>
        <v/>
      </c>
      <c r="CB218" s="487" t="str">
        <f t="shared" si="40"/>
        <v/>
      </c>
      <c r="CC218" s="487" t="str">
        <f t="shared" si="40"/>
        <v/>
      </c>
      <c r="CD218" s="487" t="str">
        <f t="shared" si="40"/>
        <v/>
      </c>
      <c r="CE218" s="487" t="str">
        <f t="shared" si="40"/>
        <v/>
      </c>
      <c r="CF218" s="487" t="str">
        <f t="shared" si="46"/>
        <v/>
      </c>
      <c r="CG218" s="487" t="str">
        <f t="shared" si="46"/>
        <v/>
      </c>
      <c r="CH218" s="487" t="str">
        <f t="shared" si="46"/>
        <v/>
      </c>
      <c r="CI218" s="487" t="str">
        <f t="shared" si="46"/>
        <v/>
      </c>
      <c r="CJ218" s="487" t="str">
        <f t="shared" si="46"/>
        <v/>
      </c>
      <c r="CK218" s="487" t="str">
        <f t="shared" si="46"/>
        <v/>
      </c>
      <c r="CL218" s="487" t="str">
        <f t="shared" si="46"/>
        <v/>
      </c>
      <c r="CM218" s="487"/>
      <c r="CN218" s="487"/>
      <c r="CO218" s="487"/>
      <c r="CP218" s="487"/>
      <c r="CQ218" s="487"/>
      <c r="CR218" s="487"/>
      <c r="CS218" s="487"/>
      <c r="CT218" s="487"/>
      <c r="CU218" s="487"/>
      <c r="CV218" s="487"/>
      <c r="CW218" s="487"/>
      <c r="CX218" s="487"/>
      <c r="CY218" s="487"/>
      <c r="CZ218" s="487"/>
      <c r="DA218" s="487"/>
      <c r="DB218" s="487"/>
      <c r="DC218" s="487"/>
      <c r="DD218" s="487"/>
      <c r="DE218" s="487"/>
      <c r="DF218" s="487"/>
      <c r="DG218" s="487"/>
      <c r="DH218" s="487"/>
      <c r="DI218" s="484"/>
      <c r="DJ218" s="484"/>
      <c r="DK218" s="484"/>
    </row>
    <row r="219" spans="1:115" s="354" customFormat="1" ht="56.1" hidden="1" customHeight="1" x14ac:dyDescent="0.2">
      <c r="A219" s="494"/>
      <c r="B219" s="494"/>
      <c r="C219" s="481">
        <v>443</v>
      </c>
      <c r="D219" s="481"/>
      <c r="E219" s="481" t="s">
        <v>2481</v>
      </c>
      <c r="F219" s="482" t="s">
        <v>53</v>
      </c>
      <c r="G219" s="482" t="s">
        <v>515</v>
      </c>
      <c r="H219" s="484" t="s">
        <v>518</v>
      </c>
      <c r="I219" s="484" t="s">
        <v>520</v>
      </c>
      <c r="J219" s="484" t="s">
        <v>520</v>
      </c>
      <c r="K219" s="484"/>
      <c r="L219" s="484" t="s">
        <v>58</v>
      </c>
      <c r="M219" s="484" t="s">
        <v>323</v>
      </c>
      <c r="N219" s="484"/>
      <c r="O219" s="497" t="s">
        <v>81</v>
      </c>
      <c r="P219" s="484" t="s">
        <v>334</v>
      </c>
      <c r="Q219" s="484"/>
      <c r="R219" s="484" t="s">
        <v>380</v>
      </c>
      <c r="S219" s="484" t="s">
        <v>63</v>
      </c>
      <c r="T219" s="484" t="s">
        <v>63</v>
      </c>
      <c r="U219" s="485">
        <v>79712.639999999999</v>
      </c>
      <c r="V219" s="485"/>
      <c r="W219" s="484" t="s">
        <v>64</v>
      </c>
      <c r="X219" s="484"/>
      <c r="Y219" s="485">
        <v>79712.639999999999</v>
      </c>
      <c r="Z219" s="484" t="s">
        <v>82</v>
      </c>
      <c r="AA219" s="496"/>
      <c r="AB219" s="496"/>
      <c r="AC219" s="496"/>
      <c r="AD219" s="496"/>
      <c r="AE219" s="496"/>
      <c r="AF219" s="487"/>
      <c r="AG219" s="487" t="s">
        <v>66</v>
      </c>
      <c r="AH219" s="496"/>
      <c r="AI219" s="496"/>
      <c r="AJ219" s="496"/>
      <c r="AK219" s="496"/>
      <c r="AL219" s="496"/>
      <c r="AM219" s="496"/>
      <c r="AN219" s="496"/>
      <c r="AO219" s="496"/>
      <c r="AP219" s="496"/>
      <c r="AQ219" s="496"/>
      <c r="AR219" s="496"/>
      <c r="AS219" s="496"/>
      <c r="AT219" s="496"/>
      <c r="AU219" s="496"/>
      <c r="AV219" s="496"/>
      <c r="AW219" s="496"/>
      <c r="AX219" s="496"/>
      <c r="AY219" s="496"/>
      <c r="AZ219" s="496"/>
      <c r="BA219" s="496"/>
      <c r="BB219" s="496"/>
      <c r="BC219" s="496"/>
      <c r="BD219" s="496"/>
      <c r="BE219" s="496"/>
      <c r="BF219" s="80">
        <f t="shared" si="38"/>
        <v>100</v>
      </c>
      <c r="BG219" s="76">
        <f t="shared" si="45"/>
        <v>797.12639999999999</v>
      </c>
      <c r="BH219" s="487" t="str">
        <f t="shared" si="44"/>
        <v/>
      </c>
      <c r="BI219" s="487" t="str">
        <f t="shared" si="44"/>
        <v/>
      </c>
      <c r="BJ219" s="487" t="str">
        <f t="shared" si="44"/>
        <v/>
      </c>
      <c r="BK219" s="487" t="str">
        <f t="shared" si="42"/>
        <v/>
      </c>
      <c r="BL219" s="487" t="str">
        <f t="shared" si="42"/>
        <v/>
      </c>
      <c r="BM219" s="487" t="str">
        <f t="shared" si="42"/>
        <v/>
      </c>
      <c r="BN219" s="487">
        <f t="shared" si="42"/>
        <v>79712.639999999999</v>
      </c>
      <c r="BO219" s="487" t="str">
        <f t="shared" si="42"/>
        <v/>
      </c>
      <c r="BP219" s="487" t="str">
        <f t="shared" si="42"/>
        <v/>
      </c>
      <c r="BQ219" s="487" t="str">
        <f t="shared" si="42"/>
        <v/>
      </c>
      <c r="BR219" s="487" t="str">
        <f t="shared" si="42"/>
        <v/>
      </c>
      <c r="BS219" s="487" t="str">
        <f t="shared" si="42"/>
        <v/>
      </c>
      <c r="BT219" s="487" t="str">
        <f t="shared" si="43"/>
        <v/>
      </c>
      <c r="BU219" s="487" t="str">
        <f t="shared" si="43"/>
        <v/>
      </c>
      <c r="BV219" s="487" t="str">
        <f t="shared" si="43"/>
        <v/>
      </c>
      <c r="BW219" s="487" t="str">
        <f t="shared" si="40"/>
        <v/>
      </c>
      <c r="BX219" s="487" t="str">
        <f t="shared" si="40"/>
        <v/>
      </c>
      <c r="BY219" s="487" t="str">
        <f t="shared" si="40"/>
        <v/>
      </c>
      <c r="BZ219" s="487" t="str">
        <f t="shared" si="40"/>
        <v/>
      </c>
      <c r="CA219" s="487" t="str">
        <f t="shared" si="40"/>
        <v/>
      </c>
      <c r="CB219" s="487" t="str">
        <f t="shared" si="40"/>
        <v/>
      </c>
      <c r="CC219" s="487" t="str">
        <f t="shared" si="40"/>
        <v/>
      </c>
      <c r="CD219" s="487" t="str">
        <f t="shared" si="40"/>
        <v/>
      </c>
      <c r="CE219" s="487" t="str">
        <f t="shared" si="40"/>
        <v/>
      </c>
      <c r="CF219" s="487" t="str">
        <f t="shared" si="46"/>
        <v/>
      </c>
      <c r="CG219" s="487" t="str">
        <f t="shared" si="46"/>
        <v/>
      </c>
      <c r="CH219" s="487" t="str">
        <f t="shared" si="46"/>
        <v/>
      </c>
      <c r="CI219" s="487" t="str">
        <f t="shared" si="46"/>
        <v/>
      </c>
      <c r="CJ219" s="487" t="str">
        <f t="shared" si="46"/>
        <v/>
      </c>
      <c r="CK219" s="487" t="str">
        <f t="shared" si="46"/>
        <v/>
      </c>
      <c r="CL219" s="487" t="str">
        <f t="shared" si="46"/>
        <v/>
      </c>
      <c r="CM219" s="487"/>
      <c r="CN219" s="487"/>
      <c r="CO219" s="487"/>
      <c r="CP219" s="487"/>
      <c r="CQ219" s="487"/>
      <c r="CR219" s="487"/>
      <c r="CS219" s="487"/>
      <c r="CT219" s="487"/>
      <c r="CU219" s="487"/>
      <c r="CV219" s="487"/>
      <c r="CW219" s="487"/>
      <c r="CX219" s="487"/>
      <c r="CY219" s="487"/>
      <c r="CZ219" s="487"/>
      <c r="DA219" s="487"/>
      <c r="DB219" s="487"/>
      <c r="DC219" s="487"/>
      <c r="DD219" s="487"/>
      <c r="DE219" s="487"/>
      <c r="DF219" s="487"/>
      <c r="DG219" s="487"/>
      <c r="DH219" s="487"/>
      <c r="DI219" s="484"/>
      <c r="DJ219" s="484"/>
      <c r="DK219" s="484"/>
    </row>
    <row r="220" spans="1:115" s="354" customFormat="1" ht="56.1" hidden="1" customHeight="1" x14ac:dyDescent="0.2">
      <c r="A220" s="494"/>
      <c r="B220" s="494"/>
      <c r="C220" s="481">
        <v>444</v>
      </c>
      <c r="D220" s="481"/>
      <c r="E220" s="481" t="s">
        <v>2481</v>
      </c>
      <c r="F220" s="482" t="s">
        <v>53</v>
      </c>
      <c r="G220" s="482" t="s">
        <v>515</v>
      </c>
      <c r="H220" s="484" t="s">
        <v>521</v>
      </c>
      <c r="I220" s="484" t="s">
        <v>522</v>
      </c>
      <c r="J220" s="484" t="s">
        <v>522</v>
      </c>
      <c r="K220" s="484"/>
      <c r="L220" s="484" t="s">
        <v>58</v>
      </c>
      <c r="M220" s="484" t="s">
        <v>323</v>
      </c>
      <c r="N220" s="484"/>
      <c r="O220" s="497" t="s">
        <v>81</v>
      </c>
      <c r="P220" s="484" t="s">
        <v>334</v>
      </c>
      <c r="Q220" s="484"/>
      <c r="R220" s="484" t="s">
        <v>380</v>
      </c>
      <c r="S220" s="484" t="s">
        <v>63</v>
      </c>
      <c r="T220" s="484" t="s">
        <v>63</v>
      </c>
      <c r="U220" s="485">
        <v>111344.64</v>
      </c>
      <c r="V220" s="485"/>
      <c r="W220" s="484" t="s">
        <v>64</v>
      </c>
      <c r="X220" s="484"/>
      <c r="Y220" s="485">
        <v>111344.64</v>
      </c>
      <c r="Z220" s="484" t="s">
        <v>82</v>
      </c>
      <c r="AA220" s="496"/>
      <c r="AB220" s="496"/>
      <c r="AC220" s="496"/>
      <c r="AD220" s="496"/>
      <c r="AE220" s="496"/>
      <c r="AF220" s="487"/>
      <c r="AG220" s="487" t="s">
        <v>66</v>
      </c>
      <c r="AH220" s="496"/>
      <c r="AI220" s="496"/>
      <c r="AJ220" s="496"/>
      <c r="AK220" s="496"/>
      <c r="AL220" s="496"/>
      <c r="AM220" s="496"/>
      <c r="AN220" s="496"/>
      <c r="AO220" s="496"/>
      <c r="AP220" s="496"/>
      <c r="AQ220" s="496"/>
      <c r="AR220" s="496"/>
      <c r="AS220" s="496"/>
      <c r="AT220" s="496"/>
      <c r="AU220" s="496"/>
      <c r="AV220" s="496"/>
      <c r="AW220" s="496"/>
      <c r="AX220" s="496"/>
      <c r="AY220" s="496"/>
      <c r="AZ220" s="496"/>
      <c r="BA220" s="496"/>
      <c r="BB220" s="496"/>
      <c r="BC220" s="496"/>
      <c r="BD220" s="496"/>
      <c r="BE220" s="496"/>
      <c r="BF220" s="80">
        <f t="shared" si="38"/>
        <v>100</v>
      </c>
      <c r="BG220" s="76">
        <f t="shared" si="45"/>
        <v>1113.4464</v>
      </c>
      <c r="BH220" s="487" t="str">
        <f t="shared" si="44"/>
        <v/>
      </c>
      <c r="BI220" s="487" t="str">
        <f t="shared" si="44"/>
        <v/>
      </c>
      <c r="BJ220" s="487" t="str">
        <f t="shared" si="44"/>
        <v/>
      </c>
      <c r="BK220" s="487" t="str">
        <f t="shared" si="42"/>
        <v/>
      </c>
      <c r="BL220" s="487" t="str">
        <f t="shared" si="42"/>
        <v/>
      </c>
      <c r="BM220" s="487" t="str">
        <f t="shared" si="42"/>
        <v/>
      </c>
      <c r="BN220" s="487">
        <f t="shared" si="42"/>
        <v>111344.64</v>
      </c>
      <c r="BO220" s="487" t="str">
        <f t="shared" si="42"/>
        <v/>
      </c>
      <c r="BP220" s="487" t="str">
        <f t="shared" si="42"/>
        <v/>
      </c>
      <c r="BQ220" s="487" t="str">
        <f t="shared" si="42"/>
        <v/>
      </c>
      <c r="BR220" s="487" t="str">
        <f t="shared" si="42"/>
        <v/>
      </c>
      <c r="BS220" s="487" t="str">
        <f t="shared" si="42"/>
        <v/>
      </c>
      <c r="BT220" s="487" t="str">
        <f t="shared" si="43"/>
        <v/>
      </c>
      <c r="BU220" s="487" t="str">
        <f t="shared" si="43"/>
        <v/>
      </c>
      <c r="BV220" s="487" t="str">
        <f t="shared" si="43"/>
        <v/>
      </c>
      <c r="BW220" s="487" t="str">
        <f t="shared" si="40"/>
        <v/>
      </c>
      <c r="BX220" s="487" t="str">
        <f t="shared" si="40"/>
        <v/>
      </c>
      <c r="BY220" s="487" t="str">
        <f t="shared" si="40"/>
        <v/>
      </c>
      <c r="BZ220" s="487" t="str">
        <f t="shared" si="40"/>
        <v/>
      </c>
      <c r="CA220" s="487" t="str">
        <f t="shared" si="40"/>
        <v/>
      </c>
      <c r="CB220" s="487" t="str">
        <f t="shared" si="40"/>
        <v/>
      </c>
      <c r="CC220" s="487" t="str">
        <f t="shared" si="40"/>
        <v/>
      </c>
      <c r="CD220" s="487" t="str">
        <f t="shared" si="40"/>
        <v/>
      </c>
      <c r="CE220" s="487" t="str">
        <f t="shared" si="40"/>
        <v/>
      </c>
      <c r="CF220" s="487" t="str">
        <f t="shared" si="46"/>
        <v/>
      </c>
      <c r="CG220" s="487" t="str">
        <f t="shared" si="46"/>
        <v/>
      </c>
      <c r="CH220" s="487" t="str">
        <f t="shared" si="46"/>
        <v/>
      </c>
      <c r="CI220" s="487" t="str">
        <f t="shared" si="46"/>
        <v/>
      </c>
      <c r="CJ220" s="487" t="str">
        <f t="shared" si="46"/>
        <v/>
      </c>
      <c r="CK220" s="487" t="str">
        <f t="shared" si="46"/>
        <v/>
      </c>
      <c r="CL220" s="487" t="str">
        <f t="shared" si="46"/>
        <v/>
      </c>
      <c r="CM220" s="487"/>
      <c r="CN220" s="487"/>
      <c r="CO220" s="487"/>
      <c r="CP220" s="487"/>
      <c r="CQ220" s="487"/>
      <c r="CR220" s="487"/>
      <c r="CS220" s="487"/>
      <c r="CT220" s="487"/>
      <c r="CU220" s="487"/>
      <c r="CV220" s="487"/>
      <c r="CW220" s="487"/>
      <c r="CX220" s="487"/>
      <c r="CY220" s="487"/>
      <c r="CZ220" s="487"/>
      <c r="DA220" s="487"/>
      <c r="DB220" s="487"/>
      <c r="DC220" s="487"/>
      <c r="DD220" s="487"/>
      <c r="DE220" s="487"/>
      <c r="DF220" s="487"/>
      <c r="DG220" s="487"/>
      <c r="DH220" s="487"/>
      <c r="DI220" s="484"/>
      <c r="DJ220" s="484"/>
      <c r="DK220" s="484"/>
    </row>
    <row r="221" spans="1:115" s="354" customFormat="1" ht="56.1" hidden="1" customHeight="1" x14ac:dyDescent="0.2">
      <c r="A221" s="494"/>
      <c r="B221" s="494"/>
      <c r="C221" s="481">
        <v>445</v>
      </c>
      <c r="D221" s="481"/>
      <c r="E221" s="481" t="s">
        <v>2481</v>
      </c>
      <c r="F221" s="482" t="s">
        <v>53</v>
      </c>
      <c r="G221" s="482" t="s">
        <v>515</v>
      </c>
      <c r="H221" s="484" t="s">
        <v>523</v>
      </c>
      <c r="I221" s="484" t="s">
        <v>540</v>
      </c>
      <c r="J221" s="484" t="s">
        <v>540</v>
      </c>
      <c r="K221" s="484"/>
      <c r="L221" s="484" t="s">
        <v>58</v>
      </c>
      <c r="M221" s="484" t="s">
        <v>323</v>
      </c>
      <c r="N221" s="484"/>
      <c r="O221" s="484" t="s">
        <v>388</v>
      </c>
      <c r="P221" s="484" t="s">
        <v>525</v>
      </c>
      <c r="Q221" s="484"/>
      <c r="R221" s="484" t="s">
        <v>380</v>
      </c>
      <c r="S221" s="484" t="s">
        <v>63</v>
      </c>
      <c r="T221" s="484" t="s">
        <v>63</v>
      </c>
      <c r="U221" s="485">
        <v>43494</v>
      </c>
      <c r="V221" s="485"/>
      <c r="W221" s="484" t="s">
        <v>64</v>
      </c>
      <c r="X221" s="484"/>
      <c r="Y221" s="485">
        <v>43494</v>
      </c>
      <c r="Z221" s="484" t="s">
        <v>82</v>
      </c>
      <c r="AA221" s="496"/>
      <c r="AB221" s="496"/>
      <c r="AC221" s="496"/>
      <c r="AD221" s="496"/>
      <c r="AE221" s="496"/>
      <c r="AF221" s="487"/>
      <c r="AG221" s="487" t="s">
        <v>66</v>
      </c>
      <c r="AH221" s="496"/>
      <c r="AI221" s="496"/>
      <c r="AJ221" s="496"/>
      <c r="AK221" s="496"/>
      <c r="AL221" s="496"/>
      <c r="AM221" s="496"/>
      <c r="AN221" s="496"/>
      <c r="AO221" s="496"/>
      <c r="AP221" s="496"/>
      <c r="AQ221" s="496"/>
      <c r="AR221" s="496"/>
      <c r="AS221" s="496"/>
      <c r="AT221" s="496"/>
      <c r="AU221" s="496"/>
      <c r="AV221" s="496"/>
      <c r="AW221" s="496"/>
      <c r="AX221" s="496"/>
      <c r="AY221" s="496"/>
      <c r="AZ221" s="496"/>
      <c r="BA221" s="496"/>
      <c r="BB221" s="496"/>
      <c r="BC221" s="496"/>
      <c r="BD221" s="496"/>
      <c r="BE221" s="496"/>
      <c r="BF221" s="80">
        <f t="shared" si="38"/>
        <v>100</v>
      </c>
      <c r="BG221" s="76">
        <f t="shared" si="45"/>
        <v>434.94</v>
      </c>
      <c r="BH221" s="487" t="str">
        <f t="shared" si="44"/>
        <v/>
      </c>
      <c r="BI221" s="487" t="str">
        <f t="shared" si="44"/>
        <v/>
      </c>
      <c r="BJ221" s="487" t="str">
        <f t="shared" si="44"/>
        <v/>
      </c>
      <c r="BK221" s="487" t="str">
        <f t="shared" si="42"/>
        <v/>
      </c>
      <c r="BL221" s="487" t="str">
        <f t="shared" si="42"/>
        <v/>
      </c>
      <c r="BM221" s="487" t="str">
        <f t="shared" si="42"/>
        <v/>
      </c>
      <c r="BN221" s="487">
        <f t="shared" si="42"/>
        <v>43494</v>
      </c>
      <c r="BO221" s="487" t="str">
        <f t="shared" si="42"/>
        <v/>
      </c>
      <c r="BP221" s="487" t="str">
        <f t="shared" si="42"/>
        <v/>
      </c>
      <c r="BQ221" s="487" t="str">
        <f t="shared" si="42"/>
        <v/>
      </c>
      <c r="BR221" s="487" t="str">
        <f t="shared" si="42"/>
        <v/>
      </c>
      <c r="BS221" s="487" t="str">
        <f t="shared" si="42"/>
        <v/>
      </c>
      <c r="BT221" s="487" t="str">
        <f t="shared" si="43"/>
        <v/>
      </c>
      <c r="BU221" s="487" t="str">
        <f t="shared" si="43"/>
        <v/>
      </c>
      <c r="BV221" s="487" t="str">
        <f t="shared" si="43"/>
        <v/>
      </c>
      <c r="BW221" s="487" t="str">
        <f t="shared" si="40"/>
        <v/>
      </c>
      <c r="BX221" s="487" t="str">
        <f t="shared" si="40"/>
        <v/>
      </c>
      <c r="BY221" s="487" t="str">
        <f t="shared" si="40"/>
        <v/>
      </c>
      <c r="BZ221" s="487" t="str">
        <f t="shared" si="40"/>
        <v/>
      </c>
      <c r="CA221" s="487" t="str">
        <f t="shared" si="40"/>
        <v/>
      </c>
      <c r="CB221" s="487" t="str">
        <f t="shared" si="40"/>
        <v/>
      </c>
      <c r="CC221" s="487" t="str">
        <f t="shared" si="40"/>
        <v/>
      </c>
      <c r="CD221" s="487" t="str">
        <f t="shared" si="40"/>
        <v/>
      </c>
      <c r="CE221" s="487" t="str">
        <f t="shared" si="40"/>
        <v/>
      </c>
      <c r="CF221" s="487" t="str">
        <f t="shared" si="46"/>
        <v/>
      </c>
      <c r="CG221" s="487" t="str">
        <f t="shared" si="46"/>
        <v/>
      </c>
      <c r="CH221" s="487" t="str">
        <f t="shared" si="46"/>
        <v/>
      </c>
      <c r="CI221" s="487" t="str">
        <f t="shared" si="46"/>
        <v/>
      </c>
      <c r="CJ221" s="487" t="str">
        <f t="shared" si="46"/>
        <v/>
      </c>
      <c r="CK221" s="487" t="str">
        <f t="shared" si="46"/>
        <v/>
      </c>
      <c r="CL221" s="487" t="str">
        <f t="shared" si="46"/>
        <v/>
      </c>
      <c r="CM221" s="487"/>
      <c r="CN221" s="487"/>
      <c r="CO221" s="487"/>
      <c r="CP221" s="487"/>
      <c r="CQ221" s="487"/>
      <c r="CR221" s="487"/>
      <c r="CS221" s="487"/>
      <c r="CT221" s="487"/>
      <c r="CU221" s="487"/>
      <c r="CV221" s="487"/>
      <c r="CW221" s="487"/>
      <c r="CX221" s="487"/>
      <c r="CY221" s="487"/>
      <c r="CZ221" s="487"/>
      <c r="DA221" s="487"/>
      <c r="DB221" s="487"/>
      <c r="DC221" s="487"/>
      <c r="DD221" s="487"/>
      <c r="DE221" s="487"/>
      <c r="DF221" s="487"/>
      <c r="DG221" s="487"/>
      <c r="DH221" s="487"/>
      <c r="DI221" s="484"/>
      <c r="DJ221" s="484"/>
      <c r="DK221" s="484"/>
    </row>
    <row r="222" spans="1:115" s="354" customFormat="1" ht="56.1" hidden="1" customHeight="1" x14ac:dyDescent="0.2">
      <c r="A222" s="494"/>
      <c r="B222" s="494"/>
      <c r="C222" s="481">
        <v>446</v>
      </c>
      <c r="D222" s="481"/>
      <c r="E222" s="481" t="s">
        <v>2481</v>
      </c>
      <c r="F222" s="482" t="s">
        <v>53</v>
      </c>
      <c r="G222" s="482" t="s">
        <v>515</v>
      </c>
      <c r="H222" s="484" t="s">
        <v>539</v>
      </c>
      <c r="I222" s="484" t="s">
        <v>541</v>
      </c>
      <c r="J222" s="484" t="s">
        <v>541</v>
      </c>
      <c r="K222" s="484"/>
      <c r="L222" s="484" t="s">
        <v>58</v>
      </c>
      <c r="M222" s="484" t="s">
        <v>323</v>
      </c>
      <c r="N222" s="484"/>
      <c r="O222" s="484" t="s">
        <v>388</v>
      </c>
      <c r="P222" s="484" t="s">
        <v>525</v>
      </c>
      <c r="Q222" s="484"/>
      <c r="R222" s="484" t="s">
        <v>380</v>
      </c>
      <c r="S222" s="484" t="s">
        <v>63</v>
      </c>
      <c r="T222" s="484" t="s">
        <v>63</v>
      </c>
      <c r="U222" s="485">
        <v>105440</v>
      </c>
      <c r="V222" s="485"/>
      <c r="W222" s="484" t="s">
        <v>64</v>
      </c>
      <c r="X222" s="484"/>
      <c r="Y222" s="485">
        <v>105440</v>
      </c>
      <c r="Z222" s="484" t="s">
        <v>82</v>
      </c>
      <c r="AA222" s="496"/>
      <c r="AB222" s="496"/>
      <c r="AC222" s="496"/>
      <c r="AD222" s="496"/>
      <c r="AE222" s="496"/>
      <c r="AF222" s="487"/>
      <c r="AG222" s="487" t="s">
        <v>66</v>
      </c>
      <c r="AH222" s="496"/>
      <c r="AI222" s="496"/>
      <c r="AJ222" s="496"/>
      <c r="AK222" s="496"/>
      <c r="AL222" s="496"/>
      <c r="AM222" s="496"/>
      <c r="AN222" s="496"/>
      <c r="AO222" s="496"/>
      <c r="AP222" s="496"/>
      <c r="AQ222" s="496"/>
      <c r="AR222" s="496"/>
      <c r="AS222" s="496"/>
      <c r="AT222" s="496"/>
      <c r="AU222" s="496"/>
      <c r="AV222" s="496"/>
      <c r="AW222" s="496"/>
      <c r="AX222" s="496"/>
      <c r="AY222" s="496"/>
      <c r="AZ222" s="496"/>
      <c r="BA222" s="496"/>
      <c r="BB222" s="496"/>
      <c r="BC222" s="496"/>
      <c r="BD222" s="496"/>
      <c r="BE222" s="496"/>
      <c r="BF222" s="80">
        <f t="shared" si="38"/>
        <v>100</v>
      </c>
      <c r="BG222" s="76">
        <f t="shared" si="45"/>
        <v>1054.4000000000001</v>
      </c>
      <c r="BH222" s="487" t="str">
        <f t="shared" si="44"/>
        <v/>
      </c>
      <c r="BI222" s="487" t="str">
        <f t="shared" si="44"/>
        <v/>
      </c>
      <c r="BJ222" s="487" t="str">
        <f t="shared" si="44"/>
        <v/>
      </c>
      <c r="BK222" s="487" t="str">
        <f t="shared" si="42"/>
        <v/>
      </c>
      <c r="BL222" s="487" t="str">
        <f t="shared" si="42"/>
        <v/>
      </c>
      <c r="BM222" s="487" t="str">
        <f t="shared" si="42"/>
        <v/>
      </c>
      <c r="BN222" s="487">
        <f t="shared" si="42"/>
        <v>105440.00000000001</v>
      </c>
      <c r="BO222" s="487" t="str">
        <f t="shared" si="42"/>
        <v/>
      </c>
      <c r="BP222" s="487" t="str">
        <f t="shared" si="42"/>
        <v/>
      </c>
      <c r="BQ222" s="487" t="str">
        <f t="shared" si="42"/>
        <v/>
      </c>
      <c r="BR222" s="487" t="str">
        <f t="shared" si="42"/>
        <v/>
      </c>
      <c r="BS222" s="487" t="str">
        <f t="shared" si="42"/>
        <v/>
      </c>
      <c r="BT222" s="487" t="str">
        <f t="shared" si="43"/>
        <v/>
      </c>
      <c r="BU222" s="487" t="str">
        <f t="shared" si="43"/>
        <v/>
      </c>
      <c r="BV222" s="487" t="str">
        <f t="shared" si="43"/>
        <v/>
      </c>
      <c r="BW222" s="487" t="str">
        <f t="shared" si="40"/>
        <v/>
      </c>
      <c r="BX222" s="487" t="str">
        <f t="shared" si="40"/>
        <v/>
      </c>
      <c r="BY222" s="487" t="str">
        <f t="shared" si="40"/>
        <v/>
      </c>
      <c r="BZ222" s="487" t="str">
        <f t="shared" si="40"/>
        <v/>
      </c>
      <c r="CA222" s="487" t="str">
        <f t="shared" si="40"/>
        <v/>
      </c>
      <c r="CB222" s="487" t="str">
        <f t="shared" si="40"/>
        <v/>
      </c>
      <c r="CC222" s="487" t="str">
        <f t="shared" si="40"/>
        <v/>
      </c>
      <c r="CD222" s="487" t="str">
        <f t="shared" si="40"/>
        <v/>
      </c>
      <c r="CE222" s="487" t="str">
        <f t="shared" si="40"/>
        <v/>
      </c>
      <c r="CF222" s="487" t="str">
        <f t="shared" si="46"/>
        <v/>
      </c>
      <c r="CG222" s="487" t="str">
        <f t="shared" si="46"/>
        <v/>
      </c>
      <c r="CH222" s="487" t="str">
        <f t="shared" si="46"/>
        <v/>
      </c>
      <c r="CI222" s="487" t="str">
        <f t="shared" si="46"/>
        <v/>
      </c>
      <c r="CJ222" s="487" t="str">
        <f t="shared" si="46"/>
        <v/>
      </c>
      <c r="CK222" s="487" t="str">
        <f t="shared" si="46"/>
        <v/>
      </c>
      <c r="CL222" s="487" t="str">
        <f t="shared" si="46"/>
        <v/>
      </c>
      <c r="CM222" s="487"/>
      <c r="CN222" s="487"/>
      <c r="CO222" s="487"/>
      <c r="CP222" s="487"/>
      <c r="CQ222" s="487"/>
      <c r="CR222" s="487"/>
      <c r="CS222" s="487"/>
      <c r="CT222" s="487"/>
      <c r="CU222" s="487"/>
      <c r="CV222" s="487"/>
      <c r="CW222" s="487"/>
      <c r="CX222" s="487"/>
      <c r="CY222" s="487"/>
      <c r="CZ222" s="487"/>
      <c r="DA222" s="487"/>
      <c r="DB222" s="487"/>
      <c r="DC222" s="487"/>
      <c r="DD222" s="487"/>
      <c r="DE222" s="487"/>
      <c r="DF222" s="487"/>
      <c r="DG222" s="487"/>
      <c r="DH222" s="487"/>
      <c r="DI222" s="484"/>
      <c r="DJ222" s="484"/>
      <c r="DK222" s="484"/>
    </row>
    <row r="223" spans="1:115" s="354" customFormat="1" ht="56.1" hidden="1" customHeight="1" x14ac:dyDescent="0.2">
      <c r="A223" s="494"/>
      <c r="B223" s="494"/>
      <c r="C223" s="481">
        <v>447</v>
      </c>
      <c r="D223" s="481"/>
      <c r="E223" s="481" t="s">
        <v>2481</v>
      </c>
      <c r="F223" s="482" t="s">
        <v>53</v>
      </c>
      <c r="G223" s="482" t="s">
        <v>515</v>
      </c>
      <c r="H223" s="484" t="s">
        <v>528</v>
      </c>
      <c r="I223" s="484" t="s">
        <v>529</v>
      </c>
      <c r="J223" s="484" t="s">
        <v>529</v>
      </c>
      <c r="K223" s="484"/>
      <c r="L223" s="484" t="s">
        <v>58</v>
      </c>
      <c r="M223" s="484" t="s">
        <v>323</v>
      </c>
      <c r="N223" s="484"/>
      <c r="O223" s="484" t="s">
        <v>8</v>
      </c>
      <c r="P223" s="484" t="s">
        <v>525</v>
      </c>
      <c r="Q223" s="484"/>
      <c r="R223" s="484" t="s">
        <v>380</v>
      </c>
      <c r="S223" s="484" t="s">
        <v>63</v>
      </c>
      <c r="T223" s="484" t="s">
        <v>63</v>
      </c>
      <c r="U223" s="485">
        <v>0</v>
      </c>
      <c r="V223" s="485"/>
      <c r="W223" s="484" t="s">
        <v>64</v>
      </c>
      <c r="X223" s="484"/>
      <c r="Y223" s="485">
        <v>0</v>
      </c>
      <c r="Z223" s="484" t="s">
        <v>82</v>
      </c>
      <c r="AA223" s="496"/>
      <c r="AB223" s="496"/>
      <c r="AC223" s="496"/>
      <c r="AD223" s="496"/>
      <c r="AE223" s="496"/>
      <c r="AF223" s="487"/>
      <c r="AG223" s="487" t="s">
        <v>66</v>
      </c>
      <c r="AH223" s="496"/>
      <c r="AI223" s="496"/>
      <c r="AJ223" s="496"/>
      <c r="AK223" s="496"/>
      <c r="AL223" s="496"/>
      <c r="AM223" s="496"/>
      <c r="AN223" s="496"/>
      <c r="AO223" s="496"/>
      <c r="AP223" s="496"/>
      <c r="AQ223" s="496"/>
      <c r="AR223" s="496"/>
      <c r="AS223" s="496"/>
      <c r="AT223" s="496"/>
      <c r="AU223" s="496"/>
      <c r="AV223" s="496"/>
      <c r="AW223" s="496"/>
      <c r="AX223" s="496"/>
      <c r="AY223" s="496"/>
      <c r="AZ223" s="496"/>
      <c r="BA223" s="496"/>
      <c r="BB223" s="496"/>
      <c r="BC223" s="496"/>
      <c r="BD223" s="496"/>
      <c r="BE223" s="496"/>
      <c r="BF223" s="80">
        <f t="shared" si="38"/>
        <v>100</v>
      </c>
      <c r="BG223" s="76"/>
      <c r="BH223" s="487" t="str">
        <f t="shared" si="44"/>
        <v/>
      </c>
      <c r="BI223" s="487" t="str">
        <f t="shared" si="44"/>
        <v/>
      </c>
      <c r="BJ223" s="487" t="str">
        <f t="shared" si="44"/>
        <v/>
      </c>
      <c r="BK223" s="487" t="str">
        <f t="shared" si="42"/>
        <v/>
      </c>
      <c r="BL223" s="487" t="str">
        <f t="shared" si="42"/>
        <v/>
      </c>
      <c r="BM223" s="487" t="str">
        <f t="shared" si="42"/>
        <v/>
      </c>
      <c r="BN223" s="487">
        <f t="shared" si="42"/>
        <v>0</v>
      </c>
      <c r="BO223" s="487" t="str">
        <f t="shared" si="42"/>
        <v/>
      </c>
      <c r="BP223" s="487" t="str">
        <f t="shared" si="42"/>
        <v/>
      </c>
      <c r="BQ223" s="487" t="str">
        <f t="shared" si="42"/>
        <v/>
      </c>
      <c r="BR223" s="487" t="str">
        <f t="shared" si="42"/>
        <v/>
      </c>
      <c r="BS223" s="487" t="str">
        <f t="shared" si="42"/>
        <v/>
      </c>
      <c r="BT223" s="487" t="str">
        <f t="shared" si="43"/>
        <v/>
      </c>
      <c r="BU223" s="487" t="str">
        <f t="shared" si="43"/>
        <v/>
      </c>
      <c r="BV223" s="487" t="str">
        <f t="shared" si="43"/>
        <v/>
      </c>
      <c r="BW223" s="487" t="str">
        <f t="shared" si="40"/>
        <v/>
      </c>
      <c r="BX223" s="487" t="str">
        <f t="shared" si="40"/>
        <v/>
      </c>
      <c r="BY223" s="487" t="str">
        <f t="shared" si="40"/>
        <v/>
      </c>
      <c r="BZ223" s="487" t="str">
        <f t="shared" si="40"/>
        <v/>
      </c>
      <c r="CA223" s="487" t="str">
        <f t="shared" si="40"/>
        <v/>
      </c>
      <c r="CB223" s="487" t="str">
        <f t="shared" si="40"/>
        <v/>
      </c>
      <c r="CC223" s="487" t="str">
        <f t="shared" si="40"/>
        <v/>
      </c>
      <c r="CD223" s="487" t="str">
        <f t="shared" si="40"/>
        <v/>
      </c>
      <c r="CE223" s="487" t="str">
        <f t="shared" si="40"/>
        <v/>
      </c>
      <c r="CF223" s="487" t="str">
        <f t="shared" si="46"/>
        <v/>
      </c>
      <c r="CG223" s="487" t="str">
        <f t="shared" si="46"/>
        <v/>
      </c>
      <c r="CH223" s="487" t="str">
        <f t="shared" si="46"/>
        <v/>
      </c>
      <c r="CI223" s="487" t="str">
        <f t="shared" si="46"/>
        <v/>
      </c>
      <c r="CJ223" s="487" t="str">
        <f t="shared" si="46"/>
        <v/>
      </c>
      <c r="CK223" s="487" t="str">
        <f t="shared" si="46"/>
        <v/>
      </c>
      <c r="CL223" s="487" t="str">
        <f t="shared" si="46"/>
        <v/>
      </c>
      <c r="CM223" s="487"/>
      <c r="CN223" s="487"/>
      <c r="CO223" s="487"/>
      <c r="CP223" s="487"/>
      <c r="CQ223" s="487"/>
      <c r="CR223" s="487"/>
      <c r="CS223" s="487"/>
      <c r="CT223" s="487"/>
      <c r="CU223" s="487"/>
      <c r="CV223" s="487"/>
      <c r="CW223" s="487"/>
      <c r="CX223" s="487"/>
      <c r="CY223" s="487"/>
      <c r="CZ223" s="487"/>
      <c r="DA223" s="487"/>
      <c r="DB223" s="487"/>
      <c r="DC223" s="487"/>
      <c r="DD223" s="487"/>
      <c r="DE223" s="487"/>
      <c r="DF223" s="487"/>
      <c r="DG223" s="487"/>
      <c r="DH223" s="487"/>
      <c r="DI223" s="484"/>
      <c r="DJ223" s="484"/>
      <c r="DK223" s="484"/>
    </row>
    <row r="224" spans="1:115" s="354" customFormat="1" ht="56.1" hidden="1" customHeight="1" x14ac:dyDescent="0.2">
      <c r="A224" s="494"/>
      <c r="B224" s="494"/>
      <c r="C224" s="481">
        <v>448</v>
      </c>
      <c r="D224" s="481"/>
      <c r="E224" s="481" t="s">
        <v>2481</v>
      </c>
      <c r="F224" s="482" t="s">
        <v>53</v>
      </c>
      <c r="G224" s="482" t="s">
        <v>515</v>
      </c>
      <c r="H224" s="484" t="s">
        <v>530</v>
      </c>
      <c r="I224" s="484" t="s">
        <v>532</v>
      </c>
      <c r="J224" s="484" t="s">
        <v>532</v>
      </c>
      <c r="K224" s="484"/>
      <c r="L224" s="484" t="s">
        <v>58</v>
      </c>
      <c r="M224" s="484" t="s">
        <v>323</v>
      </c>
      <c r="N224" s="484"/>
      <c r="O224" s="484" t="s">
        <v>8</v>
      </c>
      <c r="P224" s="484" t="s">
        <v>525</v>
      </c>
      <c r="Q224" s="484"/>
      <c r="R224" s="484" t="s">
        <v>380</v>
      </c>
      <c r="S224" s="484" t="s">
        <v>63</v>
      </c>
      <c r="T224" s="484" t="s">
        <v>63</v>
      </c>
      <c r="U224" s="485">
        <v>0</v>
      </c>
      <c r="V224" s="485"/>
      <c r="W224" s="484" t="s">
        <v>64</v>
      </c>
      <c r="X224" s="484"/>
      <c r="Y224" s="485">
        <v>0</v>
      </c>
      <c r="Z224" s="484" t="s">
        <v>82</v>
      </c>
      <c r="AA224" s="496"/>
      <c r="AB224" s="496"/>
      <c r="AC224" s="496"/>
      <c r="AD224" s="496"/>
      <c r="AE224" s="496"/>
      <c r="AF224" s="487"/>
      <c r="AG224" s="487" t="s">
        <v>66</v>
      </c>
      <c r="AH224" s="496"/>
      <c r="AI224" s="496"/>
      <c r="AJ224" s="496"/>
      <c r="AK224" s="496"/>
      <c r="AL224" s="496"/>
      <c r="AM224" s="496"/>
      <c r="AN224" s="496"/>
      <c r="AO224" s="496"/>
      <c r="AP224" s="496"/>
      <c r="AQ224" s="496"/>
      <c r="AR224" s="496"/>
      <c r="AS224" s="496"/>
      <c r="AT224" s="496"/>
      <c r="AU224" s="496"/>
      <c r="AV224" s="496"/>
      <c r="AW224" s="496"/>
      <c r="AX224" s="496"/>
      <c r="AY224" s="496"/>
      <c r="AZ224" s="496"/>
      <c r="BA224" s="496"/>
      <c r="BB224" s="496"/>
      <c r="BC224" s="496"/>
      <c r="BD224" s="496"/>
      <c r="BE224" s="496"/>
      <c r="BF224" s="80">
        <f t="shared" si="38"/>
        <v>100</v>
      </c>
      <c r="BG224" s="76"/>
      <c r="BH224" s="487" t="str">
        <f t="shared" si="44"/>
        <v/>
      </c>
      <c r="BI224" s="487" t="str">
        <f t="shared" si="44"/>
        <v/>
      </c>
      <c r="BJ224" s="487" t="str">
        <f t="shared" si="44"/>
        <v/>
      </c>
      <c r="BK224" s="487" t="str">
        <f t="shared" si="42"/>
        <v/>
      </c>
      <c r="BL224" s="487" t="str">
        <f t="shared" si="42"/>
        <v/>
      </c>
      <c r="BM224" s="487" t="str">
        <f t="shared" si="42"/>
        <v/>
      </c>
      <c r="BN224" s="487">
        <f t="shared" si="42"/>
        <v>0</v>
      </c>
      <c r="BO224" s="487" t="str">
        <f t="shared" si="42"/>
        <v/>
      </c>
      <c r="BP224" s="487" t="str">
        <f t="shared" si="42"/>
        <v/>
      </c>
      <c r="BQ224" s="487" t="str">
        <f t="shared" si="42"/>
        <v/>
      </c>
      <c r="BR224" s="487" t="str">
        <f t="shared" si="42"/>
        <v/>
      </c>
      <c r="BS224" s="487" t="str">
        <f t="shared" si="42"/>
        <v/>
      </c>
      <c r="BT224" s="487" t="str">
        <f t="shared" si="43"/>
        <v/>
      </c>
      <c r="BU224" s="487" t="str">
        <f t="shared" si="43"/>
        <v/>
      </c>
      <c r="BV224" s="487" t="str">
        <f t="shared" si="43"/>
        <v/>
      </c>
      <c r="BW224" s="487" t="str">
        <f t="shared" si="40"/>
        <v/>
      </c>
      <c r="BX224" s="487" t="str">
        <f t="shared" si="40"/>
        <v/>
      </c>
      <c r="BY224" s="487" t="str">
        <f t="shared" si="40"/>
        <v/>
      </c>
      <c r="BZ224" s="487" t="str">
        <f t="shared" si="40"/>
        <v/>
      </c>
      <c r="CA224" s="487" t="str">
        <f t="shared" si="40"/>
        <v/>
      </c>
      <c r="CB224" s="487" t="str">
        <f t="shared" si="40"/>
        <v/>
      </c>
      <c r="CC224" s="487" t="str">
        <f t="shared" si="40"/>
        <v/>
      </c>
      <c r="CD224" s="487" t="str">
        <f t="shared" si="40"/>
        <v/>
      </c>
      <c r="CE224" s="487" t="str">
        <f t="shared" si="40"/>
        <v/>
      </c>
      <c r="CF224" s="487" t="str">
        <f t="shared" si="46"/>
        <v/>
      </c>
      <c r="CG224" s="487" t="str">
        <f t="shared" si="46"/>
        <v/>
      </c>
      <c r="CH224" s="487" t="str">
        <f t="shared" si="46"/>
        <v/>
      </c>
      <c r="CI224" s="487" t="str">
        <f t="shared" si="46"/>
        <v/>
      </c>
      <c r="CJ224" s="487" t="str">
        <f t="shared" si="46"/>
        <v/>
      </c>
      <c r="CK224" s="487" t="str">
        <f t="shared" si="46"/>
        <v/>
      </c>
      <c r="CL224" s="487" t="str">
        <f t="shared" si="46"/>
        <v/>
      </c>
      <c r="CM224" s="487"/>
      <c r="CN224" s="487"/>
      <c r="CO224" s="487"/>
      <c r="CP224" s="487"/>
      <c r="CQ224" s="487"/>
      <c r="CR224" s="487"/>
      <c r="CS224" s="487"/>
      <c r="CT224" s="487"/>
      <c r="CU224" s="487"/>
      <c r="CV224" s="487"/>
      <c r="CW224" s="487"/>
      <c r="CX224" s="487"/>
      <c r="CY224" s="487"/>
      <c r="CZ224" s="487"/>
      <c r="DA224" s="487"/>
      <c r="DB224" s="487"/>
      <c r="DC224" s="487"/>
      <c r="DD224" s="487"/>
      <c r="DE224" s="487"/>
      <c r="DF224" s="487"/>
      <c r="DG224" s="487"/>
      <c r="DH224" s="487"/>
      <c r="DI224" s="484"/>
      <c r="DJ224" s="484"/>
      <c r="DK224" s="484"/>
    </row>
    <row r="225" spans="1:115" s="354" customFormat="1" ht="56.1" hidden="1" customHeight="1" x14ac:dyDescent="0.2">
      <c r="A225" s="494"/>
      <c r="B225" s="494"/>
      <c r="C225" s="481">
        <v>449</v>
      </c>
      <c r="D225" s="481"/>
      <c r="E225" s="481" t="s">
        <v>2481</v>
      </c>
      <c r="F225" s="482" t="s">
        <v>53</v>
      </c>
      <c r="G225" s="482" t="s">
        <v>515</v>
      </c>
      <c r="H225" s="484" t="s">
        <v>533</v>
      </c>
      <c r="I225" s="484" t="s">
        <v>534</v>
      </c>
      <c r="J225" s="484" t="s">
        <v>534</v>
      </c>
      <c r="K225" s="484"/>
      <c r="L225" s="484" t="s">
        <v>58</v>
      </c>
      <c r="M225" s="484" t="s">
        <v>323</v>
      </c>
      <c r="N225" s="484"/>
      <c r="O225" s="484" t="s">
        <v>81</v>
      </c>
      <c r="P225" s="484" t="s">
        <v>334</v>
      </c>
      <c r="Q225" s="484"/>
      <c r="R225" s="484" t="s">
        <v>380</v>
      </c>
      <c r="S225" s="484" t="s">
        <v>63</v>
      </c>
      <c r="T225" s="484" t="s">
        <v>63</v>
      </c>
      <c r="U225" s="485">
        <v>17793</v>
      </c>
      <c r="V225" s="485"/>
      <c r="W225" s="484" t="s">
        <v>64</v>
      </c>
      <c r="X225" s="484"/>
      <c r="Y225" s="485">
        <v>17793</v>
      </c>
      <c r="Z225" s="484" t="s">
        <v>82</v>
      </c>
      <c r="AA225" s="496"/>
      <c r="AB225" s="496"/>
      <c r="AC225" s="496"/>
      <c r="AD225" s="496"/>
      <c r="AE225" s="496"/>
      <c r="AF225" s="487"/>
      <c r="AG225" s="487" t="s">
        <v>66</v>
      </c>
      <c r="AH225" s="496"/>
      <c r="AI225" s="496"/>
      <c r="AJ225" s="496"/>
      <c r="AK225" s="496"/>
      <c r="AL225" s="496"/>
      <c r="AM225" s="496"/>
      <c r="AN225" s="496"/>
      <c r="AO225" s="496"/>
      <c r="AP225" s="496"/>
      <c r="AQ225" s="496"/>
      <c r="AR225" s="496"/>
      <c r="AS225" s="496"/>
      <c r="AT225" s="496"/>
      <c r="AU225" s="496"/>
      <c r="AV225" s="496"/>
      <c r="AW225" s="496"/>
      <c r="AX225" s="496"/>
      <c r="AY225" s="496"/>
      <c r="AZ225" s="496"/>
      <c r="BA225" s="496"/>
      <c r="BB225" s="496"/>
      <c r="BC225" s="496"/>
      <c r="BD225" s="496"/>
      <c r="BE225" s="496"/>
      <c r="BF225" s="80">
        <f t="shared" si="38"/>
        <v>100</v>
      </c>
      <c r="BG225" s="76">
        <f t="shared" ref="BG225:BG231" si="47">Y225/BF225</f>
        <v>177.93</v>
      </c>
      <c r="BH225" s="487" t="str">
        <f t="shared" si="44"/>
        <v/>
      </c>
      <c r="BI225" s="487" t="str">
        <f t="shared" si="44"/>
        <v/>
      </c>
      <c r="BJ225" s="487" t="str">
        <f t="shared" si="44"/>
        <v/>
      </c>
      <c r="BK225" s="487" t="str">
        <f t="shared" si="42"/>
        <v/>
      </c>
      <c r="BL225" s="487" t="str">
        <f t="shared" si="42"/>
        <v/>
      </c>
      <c r="BM225" s="487" t="str">
        <f t="shared" si="42"/>
        <v/>
      </c>
      <c r="BN225" s="487">
        <f t="shared" si="42"/>
        <v>17793</v>
      </c>
      <c r="BO225" s="487" t="str">
        <f t="shared" si="42"/>
        <v/>
      </c>
      <c r="BP225" s="487" t="str">
        <f t="shared" si="42"/>
        <v/>
      </c>
      <c r="BQ225" s="487" t="str">
        <f t="shared" si="42"/>
        <v/>
      </c>
      <c r="BR225" s="487" t="str">
        <f t="shared" si="42"/>
        <v/>
      </c>
      <c r="BS225" s="487" t="str">
        <f t="shared" si="42"/>
        <v/>
      </c>
      <c r="BT225" s="487" t="str">
        <f t="shared" si="43"/>
        <v/>
      </c>
      <c r="BU225" s="487" t="str">
        <f t="shared" si="43"/>
        <v/>
      </c>
      <c r="BV225" s="487" t="str">
        <f t="shared" si="43"/>
        <v/>
      </c>
      <c r="BW225" s="487" t="str">
        <f t="shared" si="40"/>
        <v/>
      </c>
      <c r="BX225" s="487" t="str">
        <f t="shared" si="40"/>
        <v/>
      </c>
      <c r="BY225" s="487" t="str">
        <f t="shared" si="40"/>
        <v/>
      </c>
      <c r="BZ225" s="487" t="str">
        <f t="shared" si="40"/>
        <v/>
      </c>
      <c r="CA225" s="487" t="str">
        <f t="shared" si="40"/>
        <v/>
      </c>
      <c r="CB225" s="487" t="str">
        <f t="shared" si="40"/>
        <v/>
      </c>
      <c r="CC225" s="487" t="str">
        <f t="shared" si="40"/>
        <v/>
      </c>
      <c r="CD225" s="487" t="str">
        <f t="shared" si="40"/>
        <v/>
      </c>
      <c r="CE225" s="487" t="str">
        <f t="shared" si="40"/>
        <v/>
      </c>
      <c r="CF225" s="487" t="str">
        <f t="shared" si="46"/>
        <v/>
      </c>
      <c r="CG225" s="487" t="str">
        <f t="shared" si="46"/>
        <v/>
      </c>
      <c r="CH225" s="487" t="str">
        <f t="shared" si="46"/>
        <v/>
      </c>
      <c r="CI225" s="487" t="str">
        <f t="shared" si="46"/>
        <v/>
      </c>
      <c r="CJ225" s="487" t="str">
        <f t="shared" si="46"/>
        <v/>
      </c>
      <c r="CK225" s="487" t="str">
        <f t="shared" si="46"/>
        <v/>
      </c>
      <c r="CL225" s="487" t="str">
        <f t="shared" si="46"/>
        <v/>
      </c>
      <c r="CM225" s="487"/>
      <c r="CN225" s="487"/>
      <c r="CO225" s="487"/>
      <c r="CP225" s="487"/>
      <c r="CQ225" s="487"/>
      <c r="CR225" s="487"/>
      <c r="CS225" s="487"/>
      <c r="CT225" s="487"/>
      <c r="CU225" s="487"/>
      <c r="CV225" s="487"/>
      <c r="CW225" s="487"/>
      <c r="CX225" s="487"/>
      <c r="CY225" s="487"/>
      <c r="CZ225" s="487"/>
      <c r="DA225" s="487"/>
      <c r="DB225" s="487"/>
      <c r="DC225" s="487"/>
      <c r="DD225" s="487"/>
      <c r="DE225" s="487"/>
      <c r="DF225" s="487"/>
      <c r="DG225" s="487"/>
      <c r="DH225" s="487"/>
      <c r="DI225" s="484"/>
      <c r="DJ225" s="484"/>
      <c r="DK225" s="484"/>
    </row>
    <row r="226" spans="1:115" s="354" customFormat="1" ht="56.1" hidden="1" customHeight="1" x14ac:dyDescent="0.2">
      <c r="A226" s="494"/>
      <c r="B226" s="494"/>
      <c r="C226" s="481">
        <v>450</v>
      </c>
      <c r="D226" s="481"/>
      <c r="E226" s="481" t="s">
        <v>2481</v>
      </c>
      <c r="F226" s="482" t="s">
        <v>53</v>
      </c>
      <c r="G226" s="482" t="s">
        <v>515</v>
      </c>
      <c r="H226" s="484" t="s">
        <v>548</v>
      </c>
      <c r="I226" s="484" t="s">
        <v>536</v>
      </c>
      <c r="J226" s="484" t="s">
        <v>536</v>
      </c>
      <c r="K226" s="484"/>
      <c r="L226" s="484" t="s">
        <v>58</v>
      </c>
      <c r="M226" s="484" t="s">
        <v>324</v>
      </c>
      <c r="N226" s="484"/>
      <c r="O226" s="497" t="s">
        <v>60</v>
      </c>
      <c r="P226" s="484" t="s">
        <v>334</v>
      </c>
      <c r="Q226" s="484"/>
      <c r="R226" s="484" t="s">
        <v>382</v>
      </c>
      <c r="S226" s="484" t="s">
        <v>63</v>
      </c>
      <c r="T226" s="484" t="s">
        <v>63</v>
      </c>
      <c r="U226" s="485">
        <v>118430.208</v>
      </c>
      <c r="V226" s="485"/>
      <c r="W226" s="484" t="s">
        <v>64</v>
      </c>
      <c r="X226" s="484"/>
      <c r="Y226" s="485">
        <v>118430.208</v>
      </c>
      <c r="Z226" s="484" t="s">
        <v>82</v>
      </c>
      <c r="AA226" s="496"/>
      <c r="AB226" s="496"/>
      <c r="AC226" s="496"/>
      <c r="AD226" s="496"/>
      <c r="AE226" s="496"/>
      <c r="AF226" s="487"/>
      <c r="AG226" s="496"/>
      <c r="AH226" s="487" t="s">
        <v>66</v>
      </c>
      <c r="AI226" s="496"/>
      <c r="AJ226" s="496"/>
      <c r="AK226" s="496"/>
      <c r="AL226" s="496"/>
      <c r="AM226" s="496"/>
      <c r="AN226" s="496"/>
      <c r="AO226" s="496"/>
      <c r="AP226" s="496"/>
      <c r="AQ226" s="496"/>
      <c r="AR226" s="496"/>
      <c r="AS226" s="496"/>
      <c r="AT226" s="496"/>
      <c r="AU226" s="496"/>
      <c r="AV226" s="496"/>
      <c r="AW226" s="496"/>
      <c r="AX226" s="496"/>
      <c r="AY226" s="496"/>
      <c r="AZ226" s="496"/>
      <c r="BA226" s="496"/>
      <c r="BB226" s="496"/>
      <c r="BC226" s="496"/>
      <c r="BD226" s="496"/>
      <c r="BE226" s="496"/>
      <c r="BF226" s="80">
        <f t="shared" si="38"/>
        <v>390</v>
      </c>
      <c r="BG226" s="76">
        <f t="shared" si="47"/>
        <v>303.66719999999998</v>
      </c>
      <c r="BH226" s="487" t="str">
        <f t="shared" si="44"/>
        <v/>
      </c>
      <c r="BI226" s="487" t="str">
        <f t="shared" si="44"/>
        <v/>
      </c>
      <c r="BJ226" s="487" t="str">
        <f t="shared" si="44"/>
        <v/>
      </c>
      <c r="BK226" s="487" t="str">
        <f t="shared" si="42"/>
        <v/>
      </c>
      <c r="BL226" s="487" t="str">
        <f t="shared" si="42"/>
        <v/>
      </c>
      <c r="BM226" s="487" t="str">
        <f t="shared" si="42"/>
        <v/>
      </c>
      <c r="BN226" s="487" t="str">
        <f t="shared" si="42"/>
        <v/>
      </c>
      <c r="BO226" s="487">
        <f t="shared" si="42"/>
        <v>118430.208</v>
      </c>
      <c r="BP226" s="487" t="str">
        <f t="shared" si="42"/>
        <v/>
      </c>
      <c r="BQ226" s="487" t="str">
        <f t="shared" si="42"/>
        <v/>
      </c>
      <c r="BR226" s="487" t="str">
        <f t="shared" si="42"/>
        <v/>
      </c>
      <c r="BS226" s="487" t="str">
        <f t="shared" si="42"/>
        <v/>
      </c>
      <c r="BT226" s="487" t="str">
        <f t="shared" si="43"/>
        <v/>
      </c>
      <c r="BU226" s="487" t="str">
        <f t="shared" si="43"/>
        <v/>
      </c>
      <c r="BV226" s="487" t="str">
        <f t="shared" si="43"/>
        <v/>
      </c>
      <c r="BW226" s="487" t="str">
        <f t="shared" si="40"/>
        <v/>
      </c>
      <c r="BX226" s="487" t="str">
        <f t="shared" si="40"/>
        <v/>
      </c>
      <c r="BY226" s="487" t="str">
        <f t="shared" si="40"/>
        <v/>
      </c>
      <c r="BZ226" s="487" t="str">
        <f t="shared" si="40"/>
        <v/>
      </c>
      <c r="CA226" s="487" t="str">
        <f t="shared" si="40"/>
        <v/>
      </c>
      <c r="CB226" s="487" t="str">
        <f t="shared" si="40"/>
        <v/>
      </c>
      <c r="CC226" s="487" t="str">
        <f t="shared" si="40"/>
        <v/>
      </c>
      <c r="CD226" s="487" t="str">
        <f t="shared" si="40"/>
        <v/>
      </c>
      <c r="CE226" s="487" t="str">
        <f t="shared" si="40"/>
        <v/>
      </c>
      <c r="CF226" s="487" t="str">
        <f t="shared" si="46"/>
        <v/>
      </c>
      <c r="CG226" s="487" t="str">
        <f t="shared" si="46"/>
        <v/>
      </c>
      <c r="CH226" s="487" t="str">
        <f t="shared" si="46"/>
        <v/>
      </c>
      <c r="CI226" s="487" t="str">
        <f t="shared" si="46"/>
        <v/>
      </c>
      <c r="CJ226" s="487" t="str">
        <f t="shared" si="46"/>
        <v/>
      </c>
      <c r="CK226" s="487" t="str">
        <f t="shared" si="46"/>
        <v/>
      </c>
      <c r="CL226" s="487" t="str">
        <f t="shared" si="46"/>
        <v/>
      </c>
      <c r="CM226" s="487"/>
      <c r="CN226" s="487"/>
      <c r="CO226" s="487"/>
      <c r="CP226" s="487"/>
      <c r="CQ226" s="487"/>
      <c r="CR226" s="487"/>
      <c r="CS226" s="487"/>
      <c r="CT226" s="487"/>
      <c r="CU226" s="487"/>
      <c r="CV226" s="487"/>
      <c r="CW226" s="487"/>
      <c r="CX226" s="487"/>
      <c r="CY226" s="487"/>
      <c r="CZ226" s="487"/>
      <c r="DA226" s="487"/>
      <c r="DB226" s="487"/>
      <c r="DC226" s="487"/>
      <c r="DD226" s="487"/>
      <c r="DE226" s="487"/>
      <c r="DF226" s="487"/>
      <c r="DG226" s="487"/>
      <c r="DH226" s="487"/>
      <c r="DI226" s="484"/>
      <c r="DJ226" s="484"/>
      <c r="DK226" s="484"/>
    </row>
    <row r="227" spans="1:115" s="354" customFormat="1" ht="56.1" hidden="1" customHeight="1" x14ac:dyDescent="0.2">
      <c r="A227" s="494"/>
      <c r="B227" s="494"/>
      <c r="C227" s="481">
        <v>451</v>
      </c>
      <c r="D227" s="481"/>
      <c r="E227" s="481" t="s">
        <v>2481</v>
      </c>
      <c r="F227" s="482" t="s">
        <v>53</v>
      </c>
      <c r="G227" s="482" t="s">
        <v>515</v>
      </c>
      <c r="H227" s="484" t="s">
        <v>518</v>
      </c>
      <c r="I227" s="484" t="s">
        <v>520</v>
      </c>
      <c r="J227" s="484" t="s">
        <v>520</v>
      </c>
      <c r="K227" s="484"/>
      <c r="L227" s="484" t="s">
        <v>58</v>
      </c>
      <c r="M227" s="484" t="s">
        <v>324</v>
      </c>
      <c r="N227" s="484"/>
      <c r="O227" s="497" t="s">
        <v>8</v>
      </c>
      <c r="P227" s="484" t="s">
        <v>334</v>
      </c>
      <c r="Q227" s="484"/>
      <c r="R227" s="484" t="s">
        <v>382</v>
      </c>
      <c r="S227" s="484" t="s">
        <v>63</v>
      </c>
      <c r="T227" s="484" t="s">
        <v>63</v>
      </c>
      <c r="U227" s="485">
        <v>310879.29600000003</v>
      </c>
      <c r="V227" s="485"/>
      <c r="W227" s="484" t="s">
        <v>64</v>
      </c>
      <c r="X227" s="484"/>
      <c r="Y227" s="485">
        <v>310879.29600000003</v>
      </c>
      <c r="Z227" s="484" t="s">
        <v>82</v>
      </c>
      <c r="AA227" s="496"/>
      <c r="AB227" s="496"/>
      <c r="AC227" s="496"/>
      <c r="AD227" s="496"/>
      <c r="AE227" s="496"/>
      <c r="AF227" s="487"/>
      <c r="AG227" s="496"/>
      <c r="AH227" s="487" t="s">
        <v>66</v>
      </c>
      <c r="AI227" s="496"/>
      <c r="AJ227" s="496"/>
      <c r="AK227" s="496"/>
      <c r="AL227" s="496"/>
      <c r="AM227" s="496"/>
      <c r="AN227" s="496"/>
      <c r="AO227" s="496"/>
      <c r="AP227" s="496"/>
      <c r="AQ227" s="496"/>
      <c r="AR227" s="496"/>
      <c r="AS227" s="496"/>
      <c r="AT227" s="496"/>
      <c r="AU227" s="496"/>
      <c r="AV227" s="496"/>
      <c r="AW227" s="496"/>
      <c r="AX227" s="496"/>
      <c r="AY227" s="496"/>
      <c r="AZ227" s="496"/>
      <c r="BA227" s="496"/>
      <c r="BB227" s="496"/>
      <c r="BC227" s="496"/>
      <c r="BD227" s="496"/>
      <c r="BE227" s="496"/>
      <c r="BF227" s="80">
        <f t="shared" si="38"/>
        <v>390</v>
      </c>
      <c r="BG227" s="76">
        <f t="shared" si="47"/>
        <v>797.1264000000001</v>
      </c>
      <c r="BH227" s="487" t="str">
        <f t="shared" si="44"/>
        <v/>
      </c>
      <c r="BI227" s="487" t="str">
        <f t="shared" si="44"/>
        <v/>
      </c>
      <c r="BJ227" s="487" t="str">
        <f t="shared" si="44"/>
        <v/>
      </c>
      <c r="BK227" s="487" t="str">
        <f t="shared" si="42"/>
        <v/>
      </c>
      <c r="BL227" s="487" t="str">
        <f t="shared" si="42"/>
        <v/>
      </c>
      <c r="BM227" s="487" t="str">
        <f t="shared" si="42"/>
        <v/>
      </c>
      <c r="BN227" s="487" t="str">
        <f t="shared" si="42"/>
        <v/>
      </c>
      <c r="BO227" s="487">
        <f t="shared" si="42"/>
        <v>310879.29600000003</v>
      </c>
      <c r="BP227" s="487" t="str">
        <f t="shared" si="42"/>
        <v/>
      </c>
      <c r="BQ227" s="487" t="str">
        <f t="shared" si="42"/>
        <v/>
      </c>
      <c r="BR227" s="487" t="str">
        <f t="shared" si="42"/>
        <v/>
      </c>
      <c r="BS227" s="487" t="str">
        <f t="shared" si="42"/>
        <v/>
      </c>
      <c r="BT227" s="487" t="str">
        <f t="shared" si="43"/>
        <v/>
      </c>
      <c r="BU227" s="487" t="str">
        <f t="shared" si="43"/>
        <v/>
      </c>
      <c r="BV227" s="487" t="str">
        <f t="shared" si="43"/>
        <v/>
      </c>
      <c r="BW227" s="487" t="str">
        <f t="shared" si="40"/>
        <v/>
      </c>
      <c r="BX227" s="487" t="str">
        <f t="shared" si="40"/>
        <v/>
      </c>
      <c r="BY227" s="487" t="str">
        <f t="shared" si="40"/>
        <v/>
      </c>
      <c r="BZ227" s="487" t="str">
        <f t="shared" si="40"/>
        <v/>
      </c>
      <c r="CA227" s="487" t="str">
        <f t="shared" si="40"/>
        <v/>
      </c>
      <c r="CB227" s="487" t="str">
        <f t="shared" si="40"/>
        <v/>
      </c>
      <c r="CC227" s="487" t="str">
        <f t="shared" si="40"/>
        <v/>
      </c>
      <c r="CD227" s="487" t="str">
        <f t="shared" si="40"/>
        <v/>
      </c>
      <c r="CE227" s="487" t="str">
        <f t="shared" si="40"/>
        <v/>
      </c>
      <c r="CF227" s="487" t="str">
        <f t="shared" si="46"/>
        <v/>
      </c>
      <c r="CG227" s="487" t="str">
        <f t="shared" si="46"/>
        <v/>
      </c>
      <c r="CH227" s="487" t="str">
        <f t="shared" si="46"/>
        <v/>
      </c>
      <c r="CI227" s="487" t="str">
        <f t="shared" si="46"/>
        <v/>
      </c>
      <c r="CJ227" s="487" t="str">
        <f t="shared" si="46"/>
        <v/>
      </c>
      <c r="CK227" s="487" t="str">
        <f t="shared" si="46"/>
        <v/>
      </c>
      <c r="CL227" s="487" t="str">
        <f t="shared" si="46"/>
        <v/>
      </c>
      <c r="CM227" s="487"/>
      <c r="CN227" s="487"/>
      <c r="CO227" s="487"/>
      <c r="CP227" s="487"/>
      <c r="CQ227" s="487"/>
      <c r="CR227" s="487"/>
      <c r="CS227" s="487"/>
      <c r="CT227" s="487"/>
      <c r="CU227" s="487"/>
      <c r="CV227" s="487"/>
      <c r="CW227" s="487"/>
      <c r="CX227" s="487"/>
      <c r="CY227" s="487"/>
      <c r="CZ227" s="487"/>
      <c r="DA227" s="487"/>
      <c r="DB227" s="487"/>
      <c r="DC227" s="487"/>
      <c r="DD227" s="487"/>
      <c r="DE227" s="487"/>
      <c r="DF227" s="487"/>
      <c r="DG227" s="487"/>
      <c r="DH227" s="487"/>
      <c r="DI227" s="484"/>
      <c r="DJ227" s="484"/>
      <c r="DK227" s="484"/>
    </row>
    <row r="228" spans="1:115" s="354" customFormat="1" ht="56.1" hidden="1" customHeight="1" x14ac:dyDescent="0.2">
      <c r="A228" s="494"/>
      <c r="B228" s="494"/>
      <c r="C228" s="481">
        <v>452</v>
      </c>
      <c r="D228" s="481"/>
      <c r="E228" s="481" t="s">
        <v>2481</v>
      </c>
      <c r="F228" s="482" t="s">
        <v>53</v>
      </c>
      <c r="G228" s="482" t="s">
        <v>515</v>
      </c>
      <c r="H228" s="484" t="s">
        <v>521</v>
      </c>
      <c r="I228" s="484" t="s">
        <v>522</v>
      </c>
      <c r="J228" s="484" t="s">
        <v>522</v>
      </c>
      <c r="K228" s="484"/>
      <c r="L228" s="484" t="s">
        <v>58</v>
      </c>
      <c r="M228" s="484" t="s">
        <v>324</v>
      </c>
      <c r="N228" s="484"/>
      <c r="O228" s="497" t="s">
        <v>8</v>
      </c>
      <c r="P228" s="484" t="s">
        <v>334</v>
      </c>
      <c r="Q228" s="484"/>
      <c r="R228" s="484" t="s">
        <v>382</v>
      </c>
      <c r="S228" s="484" t="s">
        <v>63</v>
      </c>
      <c r="T228" s="484" t="s">
        <v>63</v>
      </c>
      <c r="U228" s="485">
        <v>434244.09600000008</v>
      </c>
      <c r="V228" s="485"/>
      <c r="W228" s="484" t="s">
        <v>64</v>
      </c>
      <c r="X228" s="484"/>
      <c r="Y228" s="485">
        <v>434244.09600000008</v>
      </c>
      <c r="Z228" s="484" t="s">
        <v>82</v>
      </c>
      <c r="AA228" s="496"/>
      <c r="AB228" s="496"/>
      <c r="AC228" s="496"/>
      <c r="AD228" s="496"/>
      <c r="AE228" s="496"/>
      <c r="AF228" s="487"/>
      <c r="AG228" s="496"/>
      <c r="AH228" s="487" t="s">
        <v>66</v>
      </c>
      <c r="AI228" s="496"/>
      <c r="AJ228" s="496"/>
      <c r="AK228" s="496"/>
      <c r="AL228" s="496"/>
      <c r="AM228" s="496"/>
      <c r="AN228" s="496"/>
      <c r="AO228" s="496"/>
      <c r="AP228" s="496"/>
      <c r="AQ228" s="496"/>
      <c r="AR228" s="496"/>
      <c r="AS228" s="496"/>
      <c r="AT228" s="496"/>
      <c r="AU228" s="496"/>
      <c r="AV228" s="496"/>
      <c r="AW228" s="496"/>
      <c r="AX228" s="496"/>
      <c r="AY228" s="496"/>
      <c r="AZ228" s="496"/>
      <c r="BA228" s="496"/>
      <c r="BB228" s="496"/>
      <c r="BC228" s="496"/>
      <c r="BD228" s="496"/>
      <c r="BE228" s="496"/>
      <c r="BF228" s="80">
        <f t="shared" si="38"/>
        <v>390</v>
      </c>
      <c r="BG228" s="76">
        <f t="shared" si="47"/>
        <v>1113.4464000000003</v>
      </c>
      <c r="BH228" s="487" t="str">
        <f t="shared" si="44"/>
        <v/>
      </c>
      <c r="BI228" s="487" t="str">
        <f t="shared" si="44"/>
        <v/>
      </c>
      <c r="BJ228" s="487" t="str">
        <f t="shared" si="44"/>
        <v/>
      </c>
      <c r="BK228" s="487" t="str">
        <f t="shared" si="42"/>
        <v/>
      </c>
      <c r="BL228" s="487" t="str">
        <f t="shared" si="42"/>
        <v/>
      </c>
      <c r="BM228" s="487" t="str">
        <f t="shared" si="42"/>
        <v/>
      </c>
      <c r="BN228" s="487" t="str">
        <f t="shared" si="42"/>
        <v/>
      </c>
      <c r="BO228" s="487">
        <f t="shared" si="42"/>
        <v>434244.09600000008</v>
      </c>
      <c r="BP228" s="487" t="str">
        <f t="shared" si="42"/>
        <v/>
      </c>
      <c r="BQ228" s="487" t="str">
        <f t="shared" si="42"/>
        <v/>
      </c>
      <c r="BR228" s="487" t="str">
        <f t="shared" si="42"/>
        <v/>
      </c>
      <c r="BS228" s="487" t="str">
        <f t="shared" si="42"/>
        <v/>
      </c>
      <c r="BT228" s="487" t="str">
        <f t="shared" si="43"/>
        <v/>
      </c>
      <c r="BU228" s="487" t="str">
        <f t="shared" si="43"/>
        <v/>
      </c>
      <c r="BV228" s="487" t="str">
        <f t="shared" si="43"/>
        <v/>
      </c>
      <c r="BW228" s="487" t="str">
        <f t="shared" si="40"/>
        <v/>
      </c>
      <c r="BX228" s="487" t="str">
        <f t="shared" si="40"/>
        <v/>
      </c>
      <c r="BY228" s="487" t="str">
        <f t="shared" si="40"/>
        <v/>
      </c>
      <c r="BZ228" s="487" t="str">
        <f t="shared" si="40"/>
        <v/>
      </c>
      <c r="CA228" s="487" t="str">
        <f t="shared" si="40"/>
        <v/>
      </c>
      <c r="CB228" s="487" t="str">
        <f t="shared" si="40"/>
        <v/>
      </c>
      <c r="CC228" s="487" t="str">
        <f t="shared" si="40"/>
        <v/>
      </c>
      <c r="CD228" s="487" t="str">
        <f t="shared" si="40"/>
        <v/>
      </c>
      <c r="CE228" s="487" t="str">
        <f t="shared" si="40"/>
        <v/>
      </c>
      <c r="CF228" s="487" t="str">
        <f t="shared" si="46"/>
        <v/>
      </c>
      <c r="CG228" s="487" t="str">
        <f t="shared" si="46"/>
        <v/>
      </c>
      <c r="CH228" s="487" t="str">
        <f t="shared" si="46"/>
        <v/>
      </c>
      <c r="CI228" s="487" t="str">
        <f t="shared" si="46"/>
        <v/>
      </c>
      <c r="CJ228" s="487" t="str">
        <f t="shared" si="46"/>
        <v/>
      </c>
      <c r="CK228" s="487" t="str">
        <f t="shared" si="46"/>
        <v/>
      </c>
      <c r="CL228" s="487" t="str">
        <f t="shared" si="46"/>
        <v/>
      </c>
      <c r="CM228" s="487"/>
      <c r="CN228" s="487"/>
      <c r="CO228" s="487"/>
      <c r="CP228" s="487"/>
      <c r="CQ228" s="487"/>
      <c r="CR228" s="487"/>
      <c r="CS228" s="487"/>
      <c r="CT228" s="487"/>
      <c r="CU228" s="487"/>
      <c r="CV228" s="487"/>
      <c r="CW228" s="487"/>
      <c r="CX228" s="487"/>
      <c r="CY228" s="487"/>
      <c r="CZ228" s="487"/>
      <c r="DA228" s="487"/>
      <c r="DB228" s="487"/>
      <c r="DC228" s="487"/>
      <c r="DD228" s="487"/>
      <c r="DE228" s="487"/>
      <c r="DF228" s="487"/>
      <c r="DG228" s="487"/>
      <c r="DH228" s="487"/>
      <c r="DI228" s="484"/>
      <c r="DJ228" s="484"/>
      <c r="DK228" s="484"/>
    </row>
    <row r="229" spans="1:115" s="354" customFormat="1" ht="56.1" hidden="1" customHeight="1" x14ac:dyDescent="0.2">
      <c r="A229" s="494"/>
      <c r="B229" s="494"/>
      <c r="C229" s="481">
        <v>453</v>
      </c>
      <c r="D229" s="481"/>
      <c r="E229" s="481" t="s">
        <v>2481</v>
      </c>
      <c r="F229" s="482" t="s">
        <v>53</v>
      </c>
      <c r="G229" s="482" t="s">
        <v>515</v>
      </c>
      <c r="H229" s="484" t="s">
        <v>523</v>
      </c>
      <c r="I229" s="484" t="s">
        <v>552</v>
      </c>
      <c r="J229" s="484" t="s">
        <v>552</v>
      </c>
      <c r="K229" s="484"/>
      <c r="L229" s="484" t="s">
        <v>58</v>
      </c>
      <c r="M229" s="484" t="s">
        <v>324</v>
      </c>
      <c r="N229" s="484"/>
      <c r="O229" s="484" t="s">
        <v>388</v>
      </c>
      <c r="P229" s="484" t="s">
        <v>525</v>
      </c>
      <c r="Q229" s="484"/>
      <c r="R229" s="484" t="s">
        <v>382</v>
      </c>
      <c r="S229" s="484" t="s">
        <v>63</v>
      </c>
      <c r="T229" s="484" t="s">
        <v>63</v>
      </c>
      <c r="U229" s="485">
        <v>43494</v>
      </c>
      <c r="V229" s="485"/>
      <c r="W229" s="484" t="s">
        <v>64</v>
      </c>
      <c r="X229" s="484"/>
      <c r="Y229" s="485">
        <v>43494</v>
      </c>
      <c r="Z229" s="484" t="s">
        <v>82</v>
      </c>
      <c r="AA229" s="496"/>
      <c r="AB229" s="496"/>
      <c r="AC229" s="496"/>
      <c r="AD229" s="496"/>
      <c r="AE229" s="496"/>
      <c r="AF229" s="487"/>
      <c r="AG229" s="496"/>
      <c r="AH229" s="487" t="s">
        <v>66</v>
      </c>
      <c r="AI229" s="496"/>
      <c r="AJ229" s="496"/>
      <c r="AK229" s="496"/>
      <c r="AL229" s="496"/>
      <c r="AM229" s="496"/>
      <c r="AN229" s="496"/>
      <c r="AO229" s="496"/>
      <c r="AP229" s="496"/>
      <c r="AQ229" s="496"/>
      <c r="AR229" s="496"/>
      <c r="AS229" s="496"/>
      <c r="AT229" s="496"/>
      <c r="AU229" s="496"/>
      <c r="AV229" s="496"/>
      <c r="AW229" s="496"/>
      <c r="AX229" s="496"/>
      <c r="AY229" s="496"/>
      <c r="AZ229" s="496"/>
      <c r="BA229" s="496"/>
      <c r="BB229" s="496"/>
      <c r="BC229" s="496"/>
      <c r="BD229" s="496"/>
      <c r="BE229" s="496"/>
      <c r="BF229" s="80">
        <f t="shared" si="38"/>
        <v>390</v>
      </c>
      <c r="BG229" s="76">
        <f t="shared" si="47"/>
        <v>111.52307692307693</v>
      </c>
      <c r="BH229" s="487" t="str">
        <f t="shared" si="44"/>
        <v/>
      </c>
      <c r="BI229" s="487" t="str">
        <f t="shared" si="44"/>
        <v/>
      </c>
      <c r="BJ229" s="487" t="str">
        <f t="shared" si="44"/>
        <v/>
      </c>
      <c r="BK229" s="487" t="str">
        <f t="shared" si="42"/>
        <v/>
      </c>
      <c r="BL229" s="487" t="str">
        <f t="shared" si="42"/>
        <v/>
      </c>
      <c r="BM229" s="487" t="str">
        <f t="shared" si="42"/>
        <v/>
      </c>
      <c r="BN229" s="487" t="str">
        <f t="shared" si="42"/>
        <v/>
      </c>
      <c r="BO229" s="487">
        <f t="shared" si="42"/>
        <v>43494</v>
      </c>
      <c r="BP229" s="487" t="str">
        <f t="shared" si="42"/>
        <v/>
      </c>
      <c r="BQ229" s="487" t="str">
        <f t="shared" si="42"/>
        <v/>
      </c>
      <c r="BR229" s="487" t="str">
        <f t="shared" si="42"/>
        <v/>
      </c>
      <c r="BS229" s="487" t="str">
        <f t="shared" si="42"/>
        <v/>
      </c>
      <c r="BT229" s="487" t="str">
        <f t="shared" si="43"/>
        <v/>
      </c>
      <c r="BU229" s="487" t="str">
        <f t="shared" si="43"/>
        <v/>
      </c>
      <c r="BV229" s="487" t="str">
        <f t="shared" si="43"/>
        <v/>
      </c>
      <c r="BW229" s="487" t="str">
        <f t="shared" si="40"/>
        <v/>
      </c>
      <c r="BX229" s="487" t="str">
        <f t="shared" si="40"/>
        <v/>
      </c>
      <c r="BY229" s="487" t="str">
        <f t="shared" si="40"/>
        <v/>
      </c>
      <c r="BZ229" s="487" t="str">
        <f t="shared" si="40"/>
        <v/>
      </c>
      <c r="CA229" s="487" t="str">
        <f t="shared" si="40"/>
        <v/>
      </c>
      <c r="CB229" s="487" t="str">
        <f t="shared" si="40"/>
        <v/>
      </c>
      <c r="CC229" s="487" t="str">
        <f t="shared" si="40"/>
        <v/>
      </c>
      <c r="CD229" s="487" t="str">
        <f t="shared" si="40"/>
        <v/>
      </c>
      <c r="CE229" s="487" t="str">
        <f t="shared" si="40"/>
        <v/>
      </c>
      <c r="CF229" s="487" t="str">
        <f t="shared" si="46"/>
        <v/>
      </c>
      <c r="CG229" s="487" t="str">
        <f t="shared" si="46"/>
        <v/>
      </c>
      <c r="CH229" s="487" t="str">
        <f t="shared" si="46"/>
        <v/>
      </c>
      <c r="CI229" s="487" t="str">
        <f t="shared" si="46"/>
        <v/>
      </c>
      <c r="CJ229" s="487" t="str">
        <f t="shared" si="46"/>
        <v/>
      </c>
      <c r="CK229" s="487" t="str">
        <f t="shared" si="46"/>
        <v/>
      </c>
      <c r="CL229" s="487" t="str">
        <f t="shared" si="46"/>
        <v/>
      </c>
      <c r="CM229" s="487"/>
      <c r="CN229" s="487"/>
      <c r="CO229" s="487"/>
      <c r="CP229" s="487"/>
      <c r="CQ229" s="487"/>
      <c r="CR229" s="487"/>
      <c r="CS229" s="487"/>
      <c r="CT229" s="487"/>
      <c r="CU229" s="487"/>
      <c r="CV229" s="487"/>
      <c r="CW229" s="487"/>
      <c r="CX229" s="487"/>
      <c r="CY229" s="487"/>
      <c r="CZ229" s="487"/>
      <c r="DA229" s="487"/>
      <c r="DB229" s="487"/>
      <c r="DC229" s="487"/>
      <c r="DD229" s="487"/>
      <c r="DE229" s="487"/>
      <c r="DF229" s="487"/>
      <c r="DG229" s="487"/>
      <c r="DH229" s="487"/>
      <c r="DI229" s="484"/>
      <c r="DJ229" s="484"/>
      <c r="DK229" s="484"/>
    </row>
    <row r="230" spans="1:115" s="354" customFormat="1" ht="56.1" hidden="1" customHeight="1" x14ac:dyDescent="0.2">
      <c r="A230" s="494"/>
      <c r="B230" s="494"/>
      <c r="C230" s="481">
        <v>454</v>
      </c>
      <c r="D230" s="481"/>
      <c r="E230" s="481" t="s">
        <v>2481</v>
      </c>
      <c r="F230" s="482" t="s">
        <v>53</v>
      </c>
      <c r="G230" s="482" t="s">
        <v>515</v>
      </c>
      <c r="H230" s="484" t="s">
        <v>539</v>
      </c>
      <c r="I230" s="484" t="s">
        <v>564</v>
      </c>
      <c r="J230" s="484" t="s">
        <v>565</v>
      </c>
      <c r="K230" s="484"/>
      <c r="L230" s="484" t="s">
        <v>58</v>
      </c>
      <c r="M230" s="484" t="s">
        <v>324</v>
      </c>
      <c r="N230" s="484"/>
      <c r="O230" s="484" t="s">
        <v>551</v>
      </c>
      <c r="P230" s="484" t="s">
        <v>525</v>
      </c>
      <c r="Q230" s="484"/>
      <c r="R230" s="484" t="s">
        <v>382</v>
      </c>
      <c r="S230" s="484" t="s">
        <v>63</v>
      </c>
      <c r="T230" s="484" t="s">
        <v>63</v>
      </c>
      <c r="U230" s="485">
        <v>47266.206896551725</v>
      </c>
      <c r="V230" s="485"/>
      <c r="W230" s="484" t="s">
        <v>64</v>
      </c>
      <c r="X230" s="484"/>
      <c r="Y230" s="485">
        <v>47266.206896551725</v>
      </c>
      <c r="Z230" s="484" t="s">
        <v>82</v>
      </c>
      <c r="AA230" s="496"/>
      <c r="AB230" s="496"/>
      <c r="AC230" s="496"/>
      <c r="AD230" s="496"/>
      <c r="AE230" s="496"/>
      <c r="AF230" s="487"/>
      <c r="AG230" s="496"/>
      <c r="AH230" s="487" t="s">
        <v>66</v>
      </c>
      <c r="AI230" s="496"/>
      <c r="AJ230" s="496"/>
      <c r="AK230" s="496"/>
      <c r="AL230" s="496"/>
      <c r="AM230" s="496"/>
      <c r="AN230" s="496"/>
      <c r="AO230" s="496"/>
      <c r="AP230" s="496"/>
      <c r="AQ230" s="496"/>
      <c r="AR230" s="496"/>
      <c r="AS230" s="496"/>
      <c r="AT230" s="496"/>
      <c r="AU230" s="496"/>
      <c r="AV230" s="496"/>
      <c r="AW230" s="496"/>
      <c r="AX230" s="496"/>
      <c r="AY230" s="496"/>
      <c r="AZ230" s="496"/>
      <c r="BA230" s="496"/>
      <c r="BB230" s="496"/>
      <c r="BC230" s="496"/>
      <c r="BD230" s="496"/>
      <c r="BE230" s="496"/>
      <c r="BF230" s="80">
        <f t="shared" si="38"/>
        <v>390</v>
      </c>
      <c r="BG230" s="76">
        <f t="shared" si="47"/>
        <v>121.19540229885058</v>
      </c>
      <c r="BH230" s="487" t="str">
        <f t="shared" si="44"/>
        <v/>
      </c>
      <c r="BI230" s="487" t="str">
        <f t="shared" si="44"/>
        <v/>
      </c>
      <c r="BJ230" s="487" t="str">
        <f t="shared" si="44"/>
        <v/>
      </c>
      <c r="BK230" s="487" t="str">
        <f t="shared" si="42"/>
        <v/>
      </c>
      <c r="BL230" s="487" t="str">
        <f t="shared" si="42"/>
        <v/>
      </c>
      <c r="BM230" s="487" t="str">
        <f t="shared" si="42"/>
        <v/>
      </c>
      <c r="BN230" s="487" t="str">
        <f t="shared" si="42"/>
        <v/>
      </c>
      <c r="BO230" s="487">
        <f t="shared" si="42"/>
        <v>47266.206896551725</v>
      </c>
      <c r="BP230" s="487" t="str">
        <f t="shared" si="42"/>
        <v/>
      </c>
      <c r="BQ230" s="487" t="str">
        <f t="shared" si="42"/>
        <v/>
      </c>
      <c r="BR230" s="487" t="str">
        <f t="shared" si="42"/>
        <v/>
      </c>
      <c r="BS230" s="487" t="str">
        <f t="shared" si="42"/>
        <v/>
      </c>
      <c r="BT230" s="487" t="str">
        <f t="shared" si="43"/>
        <v/>
      </c>
      <c r="BU230" s="487" t="str">
        <f t="shared" si="43"/>
        <v/>
      </c>
      <c r="BV230" s="487" t="str">
        <f t="shared" si="43"/>
        <v/>
      </c>
      <c r="BW230" s="487" t="str">
        <f t="shared" si="40"/>
        <v/>
      </c>
      <c r="BX230" s="487" t="str">
        <f t="shared" si="40"/>
        <v/>
      </c>
      <c r="BY230" s="487" t="str">
        <f t="shared" si="40"/>
        <v/>
      </c>
      <c r="BZ230" s="487" t="str">
        <f t="shared" si="40"/>
        <v/>
      </c>
      <c r="CA230" s="487" t="str">
        <f t="shared" si="40"/>
        <v/>
      </c>
      <c r="CB230" s="487" t="str">
        <f t="shared" si="40"/>
        <v/>
      </c>
      <c r="CC230" s="487" t="str">
        <f t="shared" si="40"/>
        <v/>
      </c>
      <c r="CD230" s="487" t="str">
        <f t="shared" si="40"/>
        <v/>
      </c>
      <c r="CE230" s="487" t="str">
        <f t="shared" si="40"/>
        <v/>
      </c>
      <c r="CF230" s="487" t="str">
        <f t="shared" si="46"/>
        <v/>
      </c>
      <c r="CG230" s="487" t="str">
        <f t="shared" si="46"/>
        <v/>
      </c>
      <c r="CH230" s="487" t="str">
        <f t="shared" si="46"/>
        <v/>
      </c>
      <c r="CI230" s="487" t="str">
        <f t="shared" si="46"/>
        <v/>
      </c>
      <c r="CJ230" s="487" t="str">
        <f t="shared" si="46"/>
        <v/>
      </c>
      <c r="CK230" s="487" t="str">
        <f t="shared" si="46"/>
        <v/>
      </c>
      <c r="CL230" s="487" t="str">
        <f t="shared" si="46"/>
        <v/>
      </c>
      <c r="CM230" s="487"/>
      <c r="CN230" s="487"/>
      <c r="CO230" s="487"/>
      <c r="CP230" s="487"/>
      <c r="CQ230" s="487"/>
      <c r="CR230" s="487"/>
      <c r="CS230" s="487"/>
      <c r="CT230" s="487"/>
      <c r="CU230" s="487"/>
      <c r="CV230" s="487"/>
      <c r="CW230" s="487"/>
      <c r="CX230" s="487"/>
      <c r="CY230" s="487"/>
      <c r="CZ230" s="487"/>
      <c r="DA230" s="487"/>
      <c r="DB230" s="487"/>
      <c r="DC230" s="487"/>
      <c r="DD230" s="487"/>
      <c r="DE230" s="487"/>
      <c r="DF230" s="487"/>
      <c r="DG230" s="487"/>
      <c r="DH230" s="487"/>
      <c r="DI230" s="484"/>
      <c r="DJ230" s="484"/>
      <c r="DK230" s="484"/>
    </row>
    <row r="231" spans="1:115" s="354" customFormat="1" ht="56.1" hidden="1" customHeight="1" x14ac:dyDescent="0.2">
      <c r="A231" s="494"/>
      <c r="B231" s="494"/>
      <c r="C231" s="481">
        <v>455</v>
      </c>
      <c r="D231" s="481"/>
      <c r="E231" s="481" t="s">
        <v>2481</v>
      </c>
      <c r="F231" s="482" t="s">
        <v>53</v>
      </c>
      <c r="G231" s="482" t="s">
        <v>515</v>
      </c>
      <c r="H231" s="484" t="s">
        <v>528</v>
      </c>
      <c r="I231" s="484" t="s">
        <v>558</v>
      </c>
      <c r="J231" s="484" t="s">
        <v>558</v>
      </c>
      <c r="K231" s="484"/>
      <c r="L231" s="484" t="s">
        <v>58</v>
      </c>
      <c r="M231" s="484" t="s">
        <v>324</v>
      </c>
      <c r="N231" s="484"/>
      <c r="O231" s="484" t="s">
        <v>388</v>
      </c>
      <c r="P231" s="484" t="s">
        <v>525</v>
      </c>
      <c r="Q231" s="484"/>
      <c r="R231" s="484" t="s">
        <v>382</v>
      </c>
      <c r="S231" s="484" t="s">
        <v>63</v>
      </c>
      <c r="T231" s="484" t="s">
        <v>63</v>
      </c>
      <c r="U231" s="485">
        <v>82715.862068965522</v>
      </c>
      <c r="V231" s="485"/>
      <c r="W231" s="484" t="s">
        <v>64</v>
      </c>
      <c r="X231" s="484"/>
      <c r="Y231" s="485">
        <v>82715.862068965522</v>
      </c>
      <c r="Z231" s="484" t="s">
        <v>82</v>
      </c>
      <c r="AA231" s="496"/>
      <c r="AB231" s="496"/>
      <c r="AC231" s="496"/>
      <c r="AD231" s="496"/>
      <c r="AE231" s="496"/>
      <c r="AF231" s="487"/>
      <c r="AG231" s="496"/>
      <c r="AH231" s="487" t="s">
        <v>66</v>
      </c>
      <c r="AI231" s="496"/>
      <c r="AJ231" s="496"/>
      <c r="AK231" s="496"/>
      <c r="AL231" s="496"/>
      <c r="AM231" s="496"/>
      <c r="AN231" s="496"/>
      <c r="AO231" s="496"/>
      <c r="AP231" s="496"/>
      <c r="AQ231" s="496"/>
      <c r="AR231" s="496"/>
      <c r="AS231" s="496"/>
      <c r="AT231" s="496"/>
      <c r="AU231" s="496"/>
      <c r="AV231" s="496"/>
      <c r="AW231" s="496"/>
      <c r="AX231" s="496"/>
      <c r="AY231" s="496"/>
      <c r="AZ231" s="496"/>
      <c r="BA231" s="496"/>
      <c r="BB231" s="496"/>
      <c r="BC231" s="496"/>
      <c r="BD231" s="496"/>
      <c r="BE231" s="496"/>
      <c r="BF231" s="80">
        <f t="shared" si="38"/>
        <v>390</v>
      </c>
      <c r="BG231" s="76">
        <f t="shared" si="47"/>
        <v>212.09195402298852</v>
      </c>
      <c r="BH231" s="487" t="str">
        <f t="shared" si="44"/>
        <v/>
      </c>
      <c r="BI231" s="487" t="str">
        <f t="shared" si="44"/>
        <v/>
      </c>
      <c r="BJ231" s="487" t="str">
        <f t="shared" si="44"/>
        <v/>
      </c>
      <c r="BK231" s="487" t="str">
        <f t="shared" si="42"/>
        <v/>
      </c>
      <c r="BL231" s="487" t="str">
        <f t="shared" si="42"/>
        <v/>
      </c>
      <c r="BM231" s="487" t="str">
        <f t="shared" si="42"/>
        <v/>
      </c>
      <c r="BN231" s="487" t="str">
        <f t="shared" si="42"/>
        <v/>
      </c>
      <c r="BO231" s="487">
        <f t="shared" si="42"/>
        <v>82715.862068965522</v>
      </c>
      <c r="BP231" s="487" t="str">
        <f t="shared" si="42"/>
        <v/>
      </c>
      <c r="BQ231" s="487" t="str">
        <f t="shared" si="42"/>
        <v/>
      </c>
      <c r="BR231" s="487" t="str">
        <f t="shared" si="42"/>
        <v/>
      </c>
      <c r="BS231" s="487" t="str">
        <f t="shared" si="42"/>
        <v/>
      </c>
      <c r="BT231" s="487" t="str">
        <f t="shared" si="43"/>
        <v/>
      </c>
      <c r="BU231" s="487" t="str">
        <f t="shared" si="43"/>
        <v/>
      </c>
      <c r="BV231" s="487" t="str">
        <f t="shared" si="43"/>
        <v/>
      </c>
      <c r="BW231" s="487" t="str">
        <f t="shared" si="40"/>
        <v/>
      </c>
      <c r="BX231" s="487" t="str">
        <f t="shared" si="40"/>
        <v/>
      </c>
      <c r="BY231" s="487" t="str">
        <f t="shared" si="40"/>
        <v/>
      </c>
      <c r="BZ231" s="487" t="str">
        <f t="shared" si="40"/>
        <v/>
      </c>
      <c r="CA231" s="487" t="str">
        <f t="shared" si="40"/>
        <v/>
      </c>
      <c r="CB231" s="487" t="str">
        <f t="shared" si="40"/>
        <v/>
      </c>
      <c r="CC231" s="487" t="str">
        <f t="shared" si="40"/>
        <v/>
      </c>
      <c r="CD231" s="487" t="str">
        <f t="shared" si="40"/>
        <v/>
      </c>
      <c r="CE231" s="487" t="str">
        <f t="shared" si="40"/>
        <v/>
      </c>
      <c r="CF231" s="487" t="str">
        <f t="shared" si="46"/>
        <v/>
      </c>
      <c r="CG231" s="487" t="str">
        <f t="shared" si="46"/>
        <v/>
      </c>
      <c r="CH231" s="487" t="str">
        <f t="shared" si="46"/>
        <v/>
      </c>
      <c r="CI231" s="487" t="str">
        <f t="shared" si="46"/>
        <v/>
      </c>
      <c r="CJ231" s="487" t="str">
        <f t="shared" si="46"/>
        <v/>
      </c>
      <c r="CK231" s="487" t="str">
        <f t="shared" si="46"/>
        <v/>
      </c>
      <c r="CL231" s="487" t="str">
        <f t="shared" si="46"/>
        <v/>
      </c>
      <c r="CM231" s="487"/>
      <c r="CN231" s="487"/>
      <c r="CO231" s="487"/>
      <c r="CP231" s="487"/>
      <c r="CQ231" s="487"/>
      <c r="CR231" s="487"/>
      <c r="CS231" s="487"/>
      <c r="CT231" s="487"/>
      <c r="CU231" s="487"/>
      <c r="CV231" s="487"/>
      <c r="CW231" s="487"/>
      <c r="CX231" s="487"/>
      <c r="CY231" s="487"/>
      <c r="CZ231" s="487"/>
      <c r="DA231" s="487"/>
      <c r="DB231" s="487"/>
      <c r="DC231" s="487"/>
      <c r="DD231" s="487"/>
      <c r="DE231" s="487"/>
      <c r="DF231" s="487"/>
      <c r="DG231" s="487"/>
      <c r="DH231" s="487"/>
      <c r="DI231" s="484"/>
      <c r="DJ231" s="484"/>
      <c r="DK231" s="484"/>
    </row>
    <row r="232" spans="1:115" s="354" customFormat="1" ht="56.1" hidden="1" customHeight="1" x14ac:dyDescent="0.2">
      <c r="A232" s="494"/>
      <c r="B232" s="494"/>
      <c r="C232" s="481">
        <v>456</v>
      </c>
      <c r="D232" s="481"/>
      <c r="E232" s="481" t="s">
        <v>2481</v>
      </c>
      <c r="F232" s="482" t="s">
        <v>53</v>
      </c>
      <c r="G232" s="482" t="s">
        <v>515</v>
      </c>
      <c r="H232" s="484" t="s">
        <v>530</v>
      </c>
      <c r="I232" s="484" t="s">
        <v>532</v>
      </c>
      <c r="J232" s="484" t="s">
        <v>532</v>
      </c>
      <c r="K232" s="484"/>
      <c r="L232" s="484" t="s">
        <v>58</v>
      </c>
      <c r="M232" s="484" t="s">
        <v>324</v>
      </c>
      <c r="N232" s="484"/>
      <c r="O232" s="484" t="s">
        <v>8</v>
      </c>
      <c r="P232" s="484" t="s">
        <v>525</v>
      </c>
      <c r="Q232" s="484"/>
      <c r="R232" s="484" t="s">
        <v>382</v>
      </c>
      <c r="S232" s="484" t="s">
        <v>63</v>
      </c>
      <c r="T232" s="484" t="s">
        <v>63</v>
      </c>
      <c r="U232" s="485">
        <v>0</v>
      </c>
      <c r="V232" s="485"/>
      <c r="W232" s="484" t="s">
        <v>64</v>
      </c>
      <c r="X232" s="484"/>
      <c r="Y232" s="485">
        <v>0</v>
      </c>
      <c r="Z232" s="484" t="s">
        <v>82</v>
      </c>
      <c r="AA232" s="496"/>
      <c r="AB232" s="496"/>
      <c r="AC232" s="496"/>
      <c r="AD232" s="496"/>
      <c r="AE232" s="496"/>
      <c r="AF232" s="487"/>
      <c r="AG232" s="496"/>
      <c r="AH232" s="487" t="s">
        <v>66</v>
      </c>
      <c r="AI232" s="496"/>
      <c r="AJ232" s="496"/>
      <c r="AK232" s="496"/>
      <c r="AL232" s="496"/>
      <c r="AM232" s="496"/>
      <c r="AN232" s="496"/>
      <c r="AO232" s="496"/>
      <c r="AP232" s="496"/>
      <c r="AQ232" s="496"/>
      <c r="AR232" s="496"/>
      <c r="AS232" s="496"/>
      <c r="AT232" s="496"/>
      <c r="AU232" s="496"/>
      <c r="AV232" s="496"/>
      <c r="AW232" s="496"/>
      <c r="AX232" s="496"/>
      <c r="AY232" s="496"/>
      <c r="AZ232" s="496"/>
      <c r="BA232" s="496"/>
      <c r="BB232" s="496"/>
      <c r="BC232" s="496"/>
      <c r="BD232" s="496"/>
      <c r="BE232" s="496"/>
      <c r="BF232" s="80">
        <f t="shared" si="38"/>
        <v>390</v>
      </c>
      <c r="BG232" s="76"/>
      <c r="BH232" s="487" t="str">
        <f t="shared" si="44"/>
        <v/>
      </c>
      <c r="BI232" s="487" t="str">
        <f t="shared" si="44"/>
        <v/>
      </c>
      <c r="BJ232" s="487" t="str">
        <f t="shared" si="44"/>
        <v/>
      </c>
      <c r="BK232" s="487" t="str">
        <f t="shared" si="42"/>
        <v/>
      </c>
      <c r="BL232" s="487" t="str">
        <f t="shared" si="42"/>
        <v/>
      </c>
      <c r="BM232" s="487" t="str">
        <f t="shared" si="42"/>
        <v/>
      </c>
      <c r="BN232" s="487" t="str">
        <f t="shared" si="42"/>
        <v/>
      </c>
      <c r="BO232" s="487">
        <f t="shared" si="42"/>
        <v>0</v>
      </c>
      <c r="BP232" s="487" t="str">
        <f t="shared" si="42"/>
        <v/>
      </c>
      <c r="BQ232" s="487" t="str">
        <f t="shared" si="42"/>
        <v/>
      </c>
      <c r="BR232" s="487" t="str">
        <f t="shared" si="42"/>
        <v/>
      </c>
      <c r="BS232" s="487" t="str">
        <f t="shared" si="42"/>
        <v/>
      </c>
      <c r="BT232" s="487" t="str">
        <f t="shared" si="43"/>
        <v/>
      </c>
      <c r="BU232" s="487" t="str">
        <f t="shared" si="43"/>
        <v/>
      </c>
      <c r="BV232" s="487" t="str">
        <f t="shared" si="43"/>
        <v/>
      </c>
      <c r="BW232" s="487" t="str">
        <f t="shared" si="40"/>
        <v/>
      </c>
      <c r="BX232" s="487" t="str">
        <f t="shared" si="40"/>
        <v/>
      </c>
      <c r="BY232" s="487" t="str">
        <f t="shared" si="40"/>
        <v/>
      </c>
      <c r="BZ232" s="487" t="str">
        <f t="shared" si="40"/>
        <v/>
      </c>
      <c r="CA232" s="487" t="str">
        <f t="shared" si="40"/>
        <v/>
      </c>
      <c r="CB232" s="487" t="str">
        <f t="shared" si="40"/>
        <v/>
      </c>
      <c r="CC232" s="487" t="str">
        <f t="shared" si="40"/>
        <v/>
      </c>
      <c r="CD232" s="487" t="str">
        <f t="shared" si="40"/>
        <v/>
      </c>
      <c r="CE232" s="487" t="str">
        <f t="shared" si="40"/>
        <v/>
      </c>
      <c r="CF232" s="487" t="str">
        <f t="shared" si="46"/>
        <v/>
      </c>
      <c r="CG232" s="487" t="str">
        <f t="shared" si="46"/>
        <v/>
      </c>
      <c r="CH232" s="487" t="str">
        <f t="shared" si="46"/>
        <v/>
      </c>
      <c r="CI232" s="487" t="str">
        <f t="shared" si="46"/>
        <v/>
      </c>
      <c r="CJ232" s="487" t="str">
        <f t="shared" si="46"/>
        <v/>
      </c>
      <c r="CK232" s="487" t="str">
        <f t="shared" si="46"/>
        <v/>
      </c>
      <c r="CL232" s="487" t="str">
        <f t="shared" si="46"/>
        <v/>
      </c>
      <c r="CM232" s="487"/>
      <c r="CN232" s="487"/>
      <c r="CO232" s="487"/>
      <c r="CP232" s="487"/>
      <c r="CQ232" s="487"/>
      <c r="CR232" s="487"/>
      <c r="CS232" s="487"/>
      <c r="CT232" s="487"/>
      <c r="CU232" s="487"/>
      <c r="CV232" s="487"/>
      <c r="CW232" s="487"/>
      <c r="CX232" s="487"/>
      <c r="CY232" s="487"/>
      <c r="CZ232" s="487"/>
      <c r="DA232" s="487"/>
      <c r="DB232" s="487"/>
      <c r="DC232" s="487"/>
      <c r="DD232" s="487"/>
      <c r="DE232" s="487"/>
      <c r="DF232" s="487"/>
      <c r="DG232" s="487"/>
      <c r="DH232" s="487"/>
      <c r="DI232" s="484"/>
      <c r="DJ232" s="484"/>
      <c r="DK232" s="484"/>
    </row>
    <row r="233" spans="1:115" s="354" customFormat="1" ht="56.1" hidden="1" customHeight="1" x14ac:dyDescent="0.2">
      <c r="A233" s="494"/>
      <c r="B233" s="494"/>
      <c r="C233" s="481">
        <v>457</v>
      </c>
      <c r="D233" s="481"/>
      <c r="E233" s="481" t="s">
        <v>2481</v>
      </c>
      <c r="F233" s="482" t="s">
        <v>53</v>
      </c>
      <c r="G233" s="482" t="s">
        <v>515</v>
      </c>
      <c r="H233" s="484" t="s">
        <v>533</v>
      </c>
      <c r="I233" s="484" t="s">
        <v>534</v>
      </c>
      <c r="J233" s="484" t="s">
        <v>534</v>
      </c>
      <c r="K233" s="484"/>
      <c r="L233" s="484" t="s">
        <v>58</v>
      </c>
      <c r="M233" s="484" t="s">
        <v>324</v>
      </c>
      <c r="N233" s="484"/>
      <c r="O233" s="484" t="s">
        <v>81</v>
      </c>
      <c r="P233" s="484" t="s">
        <v>334</v>
      </c>
      <c r="Q233" s="484"/>
      <c r="R233" s="484" t="s">
        <v>382</v>
      </c>
      <c r="S233" s="484" t="s">
        <v>63</v>
      </c>
      <c r="T233" s="484" t="s">
        <v>63</v>
      </c>
      <c r="U233" s="485">
        <v>69392.7</v>
      </c>
      <c r="V233" s="485"/>
      <c r="W233" s="484" t="s">
        <v>64</v>
      </c>
      <c r="X233" s="484"/>
      <c r="Y233" s="485">
        <v>69392.7</v>
      </c>
      <c r="Z233" s="484" t="s">
        <v>82</v>
      </c>
      <c r="AA233" s="496"/>
      <c r="AB233" s="496"/>
      <c r="AC233" s="496"/>
      <c r="AD233" s="496"/>
      <c r="AE233" s="496"/>
      <c r="AF233" s="487"/>
      <c r="AG233" s="496"/>
      <c r="AH233" s="487" t="s">
        <v>66</v>
      </c>
      <c r="AI233" s="496"/>
      <c r="AJ233" s="496"/>
      <c r="AK233" s="496"/>
      <c r="AL233" s="496"/>
      <c r="AM233" s="496"/>
      <c r="AN233" s="496"/>
      <c r="AO233" s="496"/>
      <c r="AP233" s="496"/>
      <c r="AQ233" s="496"/>
      <c r="AR233" s="496"/>
      <c r="AS233" s="496"/>
      <c r="AT233" s="496"/>
      <c r="AU233" s="496"/>
      <c r="AV233" s="496"/>
      <c r="AW233" s="496"/>
      <c r="AX233" s="496"/>
      <c r="AY233" s="496"/>
      <c r="AZ233" s="496"/>
      <c r="BA233" s="496"/>
      <c r="BB233" s="496"/>
      <c r="BC233" s="496"/>
      <c r="BD233" s="496"/>
      <c r="BE233" s="496"/>
      <c r="BF233" s="80">
        <f t="shared" si="38"/>
        <v>390</v>
      </c>
      <c r="BG233" s="76">
        <f t="shared" ref="BG233:BG239" si="48">Y233/BF233</f>
        <v>177.92999999999998</v>
      </c>
      <c r="BH233" s="487" t="str">
        <f t="shared" si="44"/>
        <v/>
      </c>
      <c r="BI233" s="487" t="str">
        <f t="shared" si="44"/>
        <v/>
      </c>
      <c r="BJ233" s="487" t="str">
        <f t="shared" si="44"/>
        <v/>
      </c>
      <c r="BK233" s="487" t="str">
        <f t="shared" si="42"/>
        <v/>
      </c>
      <c r="BL233" s="487" t="str">
        <f t="shared" si="42"/>
        <v/>
      </c>
      <c r="BM233" s="487" t="str">
        <f t="shared" si="42"/>
        <v/>
      </c>
      <c r="BN233" s="487" t="str">
        <f t="shared" si="42"/>
        <v/>
      </c>
      <c r="BO233" s="487">
        <f t="shared" si="42"/>
        <v>69392.7</v>
      </c>
      <c r="BP233" s="487" t="str">
        <f t="shared" si="42"/>
        <v/>
      </c>
      <c r="BQ233" s="487" t="str">
        <f t="shared" si="42"/>
        <v/>
      </c>
      <c r="BR233" s="487" t="str">
        <f t="shared" si="42"/>
        <v/>
      </c>
      <c r="BS233" s="487" t="str">
        <f t="shared" si="42"/>
        <v/>
      </c>
      <c r="BT233" s="487" t="str">
        <f t="shared" si="43"/>
        <v/>
      </c>
      <c r="BU233" s="487" t="str">
        <f t="shared" si="43"/>
        <v/>
      </c>
      <c r="BV233" s="487" t="str">
        <f t="shared" si="43"/>
        <v/>
      </c>
      <c r="BW233" s="487" t="str">
        <f t="shared" si="40"/>
        <v/>
      </c>
      <c r="BX233" s="487" t="str">
        <f t="shared" si="40"/>
        <v/>
      </c>
      <c r="BY233" s="487" t="str">
        <f t="shared" si="40"/>
        <v/>
      </c>
      <c r="BZ233" s="487" t="str">
        <f t="shared" si="40"/>
        <v/>
      </c>
      <c r="CA233" s="487" t="str">
        <f t="shared" si="40"/>
        <v/>
      </c>
      <c r="CB233" s="487" t="str">
        <f t="shared" si="40"/>
        <v/>
      </c>
      <c r="CC233" s="487" t="str">
        <f t="shared" si="40"/>
        <v/>
      </c>
      <c r="CD233" s="487" t="str">
        <f t="shared" si="40"/>
        <v/>
      </c>
      <c r="CE233" s="487" t="str">
        <f t="shared" si="40"/>
        <v/>
      </c>
      <c r="CF233" s="487" t="str">
        <f t="shared" si="46"/>
        <v/>
      </c>
      <c r="CG233" s="487" t="str">
        <f t="shared" si="46"/>
        <v/>
      </c>
      <c r="CH233" s="487" t="str">
        <f t="shared" si="46"/>
        <v/>
      </c>
      <c r="CI233" s="487" t="str">
        <f t="shared" si="46"/>
        <v/>
      </c>
      <c r="CJ233" s="487" t="str">
        <f t="shared" si="46"/>
        <v/>
      </c>
      <c r="CK233" s="487" t="str">
        <f t="shared" si="46"/>
        <v/>
      </c>
      <c r="CL233" s="487" t="str">
        <f t="shared" si="46"/>
        <v/>
      </c>
      <c r="CM233" s="487"/>
      <c r="CN233" s="487"/>
      <c r="CO233" s="487"/>
      <c r="CP233" s="487"/>
      <c r="CQ233" s="487"/>
      <c r="CR233" s="487"/>
      <c r="CS233" s="487"/>
      <c r="CT233" s="487"/>
      <c r="CU233" s="487"/>
      <c r="CV233" s="487"/>
      <c r="CW233" s="487"/>
      <c r="CX233" s="487"/>
      <c r="CY233" s="487"/>
      <c r="CZ233" s="487"/>
      <c r="DA233" s="487"/>
      <c r="DB233" s="487"/>
      <c r="DC233" s="487"/>
      <c r="DD233" s="487"/>
      <c r="DE233" s="487"/>
      <c r="DF233" s="487"/>
      <c r="DG233" s="487"/>
      <c r="DH233" s="487"/>
      <c r="DI233" s="484"/>
      <c r="DJ233" s="484"/>
      <c r="DK233" s="484"/>
    </row>
    <row r="234" spans="1:115" s="354" customFormat="1" ht="56.1" hidden="1" customHeight="1" x14ac:dyDescent="0.2">
      <c r="A234" s="77" t="s">
        <v>2491</v>
      </c>
      <c r="B234" s="77" t="s">
        <v>22</v>
      </c>
      <c r="C234" s="481">
        <v>458</v>
      </c>
      <c r="D234" s="481"/>
      <c r="E234" s="481" t="s">
        <v>2481</v>
      </c>
      <c r="F234" s="482" t="s">
        <v>53</v>
      </c>
      <c r="G234" s="482" t="s">
        <v>515</v>
      </c>
      <c r="H234" s="484" t="s">
        <v>548</v>
      </c>
      <c r="I234" s="484" t="s">
        <v>536</v>
      </c>
      <c r="J234" s="484" t="s">
        <v>536</v>
      </c>
      <c r="K234" s="484"/>
      <c r="L234" s="484" t="s">
        <v>58</v>
      </c>
      <c r="M234" s="484" t="s">
        <v>22</v>
      </c>
      <c r="N234" s="484"/>
      <c r="O234" s="497" t="s">
        <v>60</v>
      </c>
      <c r="P234" s="484" t="s">
        <v>334</v>
      </c>
      <c r="Q234" s="484"/>
      <c r="R234" s="484" t="s">
        <v>187</v>
      </c>
      <c r="S234" s="484" t="s">
        <v>63</v>
      </c>
      <c r="T234" s="484" t="s">
        <v>63</v>
      </c>
      <c r="U234" s="485">
        <v>145760.25599999999</v>
      </c>
      <c r="V234" s="485"/>
      <c r="W234" s="484" t="s">
        <v>64</v>
      </c>
      <c r="X234" s="484"/>
      <c r="Y234" s="485">
        <v>145760.25599999999</v>
      </c>
      <c r="Z234" s="484" t="s">
        <v>82</v>
      </c>
      <c r="AA234" s="496"/>
      <c r="AB234" s="496"/>
      <c r="AC234" s="496"/>
      <c r="AD234" s="496"/>
      <c r="AE234" s="496"/>
      <c r="AF234" s="487" t="s">
        <v>66</v>
      </c>
      <c r="AG234" s="496"/>
      <c r="AH234" s="496"/>
      <c r="AI234" s="496"/>
      <c r="AJ234" s="496"/>
      <c r="AK234" s="496"/>
      <c r="AL234" s="496"/>
      <c r="AM234" s="496"/>
      <c r="AN234" s="496"/>
      <c r="AO234" s="496"/>
      <c r="AP234" s="496"/>
      <c r="AQ234" s="496"/>
      <c r="AR234" s="496"/>
      <c r="AS234" s="496"/>
      <c r="AT234" s="496"/>
      <c r="AU234" s="496"/>
      <c r="AV234" s="496"/>
      <c r="AW234" s="496"/>
      <c r="AX234" s="496"/>
      <c r="AY234" s="496"/>
      <c r="AZ234" s="496"/>
      <c r="BA234" s="496"/>
      <c r="BB234" s="496"/>
      <c r="BC234" s="496"/>
      <c r="BD234" s="496"/>
      <c r="BE234" s="496"/>
      <c r="BF234" s="80">
        <f t="shared" si="38"/>
        <v>480</v>
      </c>
      <c r="BG234" s="76">
        <f t="shared" si="48"/>
        <v>303.66719999999998</v>
      </c>
      <c r="BH234" s="487" t="str">
        <f t="shared" si="44"/>
        <v/>
      </c>
      <c r="BI234" s="487" t="str">
        <f t="shared" si="44"/>
        <v/>
      </c>
      <c r="BJ234" s="487" t="str">
        <f t="shared" si="44"/>
        <v/>
      </c>
      <c r="BK234" s="487" t="str">
        <f t="shared" si="42"/>
        <v/>
      </c>
      <c r="BL234" s="487" t="str">
        <f t="shared" si="42"/>
        <v/>
      </c>
      <c r="BM234" s="487">
        <f t="shared" si="42"/>
        <v>145760.25599999999</v>
      </c>
      <c r="BN234" s="487" t="str">
        <f t="shared" si="42"/>
        <v/>
      </c>
      <c r="BO234" s="487" t="str">
        <f t="shared" si="42"/>
        <v/>
      </c>
      <c r="BP234" s="487" t="str">
        <f t="shared" si="42"/>
        <v/>
      </c>
      <c r="BQ234" s="487" t="str">
        <f t="shared" si="42"/>
        <v/>
      </c>
      <c r="BR234" s="487" t="str">
        <f t="shared" si="42"/>
        <v/>
      </c>
      <c r="BS234" s="487" t="str">
        <f t="shared" si="42"/>
        <v/>
      </c>
      <c r="BT234" s="487" t="str">
        <f t="shared" si="43"/>
        <v/>
      </c>
      <c r="BU234" s="487" t="str">
        <f t="shared" si="43"/>
        <v/>
      </c>
      <c r="BV234" s="487" t="str">
        <f t="shared" si="43"/>
        <v/>
      </c>
      <c r="BW234" s="487" t="str">
        <f t="shared" si="40"/>
        <v/>
      </c>
      <c r="BX234" s="487" t="str">
        <f t="shared" si="40"/>
        <v/>
      </c>
      <c r="BY234" s="487" t="str">
        <f t="shared" si="40"/>
        <v/>
      </c>
      <c r="BZ234" s="487" t="str">
        <f t="shared" si="40"/>
        <v/>
      </c>
      <c r="CA234" s="487" t="str">
        <f t="shared" si="40"/>
        <v/>
      </c>
      <c r="CB234" s="487" t="str">
        <f t="shared" si="40"/>
        <v/>
      </c>
      <c r="CC234" s="487" t="str">
        <f t="shared" si="40"/>
        <v/>
      </c>
      <c r="CD234" s="487" t="str">
        <f t="shared" si="40"/>
        <v/>
      </c>
      <c r="CE234" s="487" t="str">
        <f t="shared" si="40"/>
        <v/>
      </c>
      <c r="CF234" s="487" t="str">
        <f t="shared" si="46"/>
        <v/>
      </c>
      <c r="CG234" s="487" t="str">
        <f t="shared" si="46"/>
        <v/>
      </c>
      <c r="CH234" s="487" t="str">
        <f t="shared" si="46"/>
        <v/>
      </c>
      <c r="CI234" s="487" t="str">
        <f t="shared" si="46"/>
        <v/>
      </c>
      <c r="CJ234" s="487" t="str">
        <f t="shared" si="46"/>
        <v/>
      </c>
      <c r="CK234" s="487" t="str">
        <f t="shared" si="46"/>
        <v/>
      </c>
      <c r="CL234" s="487" t="str">
        <f t="shared" si="46"/>
        <v/>
      </c>
      <c r="CM234" s="487"/>
      <c r="CN234" s="487"/>
      <c r="CO234" s="487"/>
      <c r="CP234" s="487"/>
      <c r="CQ234" s="487"/>
      <c r="CR234" s="487"/>
      <c r="CS234" s="487"/>
      <c r="CT234" s="487"/>
      <c r="CU234" s="487"/>
      <c r="CV234" s="487"/>
      <c r="CW234" s="487"/>
      <c r="CX234" s="487"/>
      <c r="CY234" s="487"/>
      <c r="CZ234" s="487"/>
      <c r="DA234" s="487"/>
      <c r="DB234" s="487"/>
      <c r="DC234" s="487"/>
      <c r="DD234" s="487"/>
      <c r="DE234" s="487"/>
      <c r="DF234" s="487"/>
      <c r="DG234" s="487"/>
      <c r="DH234" s="487"/>
      <c r="DI234" s="484"/>
      <c r="DJ234" s="484"/>
      <c r="DK234" s="484"/>
    </row>
    <row r="235" spans="1:115" s="354" customFormat="1" ht="56.1" hidden="1" customHeight="1" x14ac:dyDescent="0.2">
      <c r="A235" s="77" t="s">
        <v>2491</v>
      </c>
      <c r="B235" s="77" t="s">
        <v>22</v>
      </c>
      <c r="C235" s="481">
        <v>459</v>
      </c>
      <c r="D235" s="481"/>
      <c r="E235" s="481" t="s">
        <v>2481</v>
      </c>
      <c r="F235" s="482" t="s">
        <v>53</v>
      </c>
      <c r="G235" s="482" t="s">
        <v>515</v>
      </c>
      <c r="H235" s="484" t="s">
        <v>518</v>
      </c>
      <c r="I235" s="484" t="s">
        <v>520</v>
      </c>
      <c r="J235" s="484" t="s">
        <v>520</v>
      </c>
      <c r="K235" s="484"/>
      <c r="L235" s="484" t="s">
        <v>58</v>
      </c>
      <c r="M235" s="484" t="s">
        <v>22</v>
      </c>
      <c r="N235" s="484"/>
      <c r="O235" s="497" t="s">
        <v>8</v>
      </c>
      <c r="P235" s="484" t="s">
        <v>334</v>
      </c>
      <c r="Q235" s="484"/>
      <c r="R235" s="484" t="s">
        <v>187</v>
      </c>
      <c r="S235" s="484" t="s">
        <v>63</v>
      </c>
      <c r="T235" s="484" t="s">
        <v>63</v>
      </c>
      <c r="U235" s="485">
        <v>382620.67199999996</v>
      </c>
      <c r="V235" s="485"/>
      <c r="W235" s="484" t="s">
        <v>64</v>
      </c>
      <c r="X235" s="484"/>
      <c r="Y235" s="485">
        <v>382620.67199999996</v>
      </c>
      <c r="Z235" s="484" t="s">
        <v>82</v>
      </c>
      <c r="AA235" s="496"/>
      <c r="AB235" s="496"/>
      <c r="AC235" s="496"/>
      <c r="AD235" s="496"/>
      <c r="AE235" s="496"/>
      <c r="AF235" s="487" t="s">
        <v>66</v>
      </c>
      <c r="AG235" s="496"/>
      <c r="AH235" s="496"/>
      <c r="AI235" s="496"/>
      <c r="AJ235" s="496"/>
      <c r="AK235" s="496"/>
      <c r="AL235" s="496"/>
      <c r="AM235" s="496"/>
      <c r="AN235" s="496"/>
      <c r="AO235" s="496"/>
      <c r="AP235" s="496"/>
      <c r="AQ235" s="496"/>
      <c r="AR235" s="496"/>
      <c r="AS235" s="496"/>
      <c r="AT235" s="496"/>
      <c r="AU235" s="496"/>
      <c r="AV235" s="496"/>
      <c r="AW235" s="496"/>
      <c r="AX235" s="496"/>
      <c r="AY235" s="496"/>
      <c r="AZ235" s="496"/>
      <c r="BA235" s="496"/>
      <c r="BB235" s="496"/>
      <c r="BC235" s="496"/>
      <c r="BD235" s="496"/>
      <c r="BE235" s="496"/>
      <c r="BF235" s="80">
        <f t="shared" si="38"/>
        <v>480</v>
      </c>
      <c r="BG235" s="76">
        <f t="shared" si="48"/>
        <v>797.12639999999988</v>
      </c>
      <c r="BH235" s="487" t="str">
        <f t="shared" si="44"/>
        <v/>
      </c>
      <c r="BI235" s="487" t="str">
        <f t="shared" si="44"/>
        <v/>
      </c>
      <c r="BJ235" s="487" t="str">
        <f t="shared" si="44"/>
        <v/>
      </c>
      <c r="BK235" s="487" t="str">
        <f t="shared" si="42"/>
        <v/>
      </c>
      <c r="BL235" s="487" t="str">
        <f t="shared" si="42"/>
        <v/>
      </c>
      <c r="BM235" s="487">
        <f t="shared" si="42"/>
        <v>382620.67199999996</v>
      </c>
      <c r="BN235" s="487" t="str">
        <f t="shared" si="42"/>
        <v/>
      </c>
      <c r="BO235" s="487" t="str">
        <f t="shared" si="42"/>
        <v/>
      </c>
      <c r="BP235" s="487" t="str">
        <f t="shared" si="42"/>
        <v/>
      </c>
      <c r="BQ235" s="487" t="str">
        <f t="shared" si="42"/>
        <v/>
      </c>
      <c r="BR235" s="487" t="str">
        <f t="shared" si="42"/>
        <v/>
      </c>
      <c r="BS235" s="487" t="str">
        <f t="shared" si="42"/>
        <v/>
      </c>
      <c r="BT235" s="487" t="str">
        <f t="shared" si="43"/>
        <v/>
      </c>
      <c r="BU235" s="487" t="str">
        <f t="shared" si="43"/>
        <v/>
      </c>
      <c r="BV235" s="487" t="str">
        <f t="shared" si="43"/>
        <v/>
      </c>
      <c r="BW235" s="487" t="str">
        <f t="shared" si="40"/>
        <v/>
      </c>
      <c r="BX235" s="487" t="str">
        <f t="shared" si="40"/>
        <v/>
      </c>
      <c r="BY235" s="487" t="str">
        <f t="shared" si="40"/>
        <v/>
      </c>
      <c r="BZ235" s="487" t="str">
        <f t="shared" si="40"/>
        <v/>
      </c>
      <c r="CA235" s="487" t="str">
        <f t="shared" si="40"/>
        <v/>
      </c>
      <c r="CB235" s="487" t="str">
        <f t="shared" si="40"/>
        <v/>
      </c>
      <c r="CC235" s="487" t="str">
        <f t="shared" si="40"/>
        <v/>
      </c>
      <c r="CD235" s="487" t="str">
        <f t="shared" si="40"/>
        <v/>
      </c>
      <c r="CE235" s="487" t="str">
        <f t="shared" si="40"/>
        <v/>
      </c>
      <c r="CF235" s="487" t="str">
        <f t="shared" si="46"/>
        <v/>
      </c>
      <c r="CG235" s="487" t="str">
        <f t="shared" si="46"/>
        <v/>
      </c>
      <c r="CH235" s="487" t="str">
        <f t="shared" si="46"/>
        <v/>
      </c>
      <c r="CI235" s="487" t="str">
        <f t="shared" si="46"/>
        <v/>
      </c>
      <c r="CJ235" s="487" t="str">
        <f t="shared" si="46"/>
        <v/>
      </c>
      <c r="CK235" s="487" t="str">
        <f t="shared" si="46"/>
        <v/>
      </c>
      <c r="CL235" s="487" t="str">
        <f t="shared" si="46"/>
        <v/>
      </c>
      <c r="CM235" s="487"/>
      <c r="CN235" s="487"/>
      <c r="CO235" s="487"/>
      <c r="CP235" s="487"/>
      <c r="CQ235" s="487"/>
      <c r="CR235" s="487"/>
      <c r="CS235" s="487"/>
      <c r="CT235" s="487"/>
      <c r="CU235" s="487"/>
      <c r="CV235" s="487"/>
      <c r="CW235" s="487"/>
      <c r="CX235" s="487"/>
      <c r="CY235" s="487"/>
      <c r="CZ235" s="487"/>
      <c r="DA235" s="487"/>
      <c r="DB235" s="487"/>
      <c r="DC235" s="487"/>
      <c r="DD235" s="487"/>
      <c r="DE235" s="487"/>
      <c r="DF235" s="487"/>
      <c r="DG235" s="487"/>
      <c r="DH235" s="487"/>
      <c r="DI235" s="484"/>
      <c r="DJ235" s="484"/>
      <c r="DK235" s="484"/>
    </row>
    <row r="236" spans="1:115" s="354" customFormat="1" ht="56.1" hidden="1" customHeight="1" x14ac:dyDescent="0.2">
      <c r="A236" s="77" t="s">
        <v>2491</v>
      </c>
      <c r="B236" s="77" t="s">
        <v>22</v>
      </c>
      <c r="C236" s="481">
        <v>460</v>
      </c>
      <c r="D236" s="481"/>
      <c r="E236" s="481" t="s">
        <v>2481</v>
      </c>
      <c r="F236" s="482" t="s">
        <v>53</v>
      </c>
      <c r="G236" s="482" t="s">
        <v>515</v>
      </c>
      <c r="H236" s="484" t="s">
        <v>521</v>
      </c>
      <c r="I236" s="484" t="s">
        <v>522</v>
      </c>
      <c r="J236" s="484" t="s">
        <v>522</v>
      </c>
      <c r="K236" s="484"/>
      <c r="L236" s="484" t="s">
        <v>58</v>
      </c>
      <c r="M236" s="484" t="s">
        <v>22</v>
      </c>
      <c r="N236" s="484"/>
      <c r="O236" s="497" t="s">
        <v>81</v>
      </c>
      <c r="P236" s="484" t="s">
        <v>334</v>
      </c>
      <c r="Q236" s="484"/>
      <c r="R236" s="484" t="s">
        <v>187</v>
      </c>
      <c r="S236" s="484" t="s">
        <v>63</v>
      </c>
      <c r="T236" s="484" t="s">
        <v>63</v>
      </c>
      <c r="U236" s="485">
        <v>534454.272</v>
      </c>
      <c r="V236" s="485"/>
      <c r="W236" s="484" t="s">
        <v>64</v>
      </c>
      <c r="X236" s="484"/>
      <c r="Y236" s="485">
        <v>534454.272</v>
      </c>
      <c r="Z236" s="484" t="s">
        <v>82</v>
      </c>
      <c r="AA236" s="496"/>
      <c r="AB236" s="496"/>
      <c r="AC236" s="496"/>
      <c r="AD236" s="496"/>
      <c r="AE236" s="496"/>
      <c r="AF236" s="487" t="s">
        <v>66</v>
      </c>
      <c r="AG236" s="496"/>
      <c r="AH236" s="496"/>
      <c r="AI236" s="496"/>
      <c r="AJ236" s="496"/>
      <c r="AK236" s="496"/>
      <c r="AL236" s="496"/>
      <c r="AM236" s="496"/>
      <c r="AN236" s="496"/>
      <c r="AO236" s="496"/>
      <c r="AP236" s="496"/>
      <c r="AQ236" s="496"/>
      <c r="AR236" s="496"/>
      <c r="AS236" s="496"/>
      <c r="AT236" s="496"/>
      <c r="AU236" s="496"/>
      <c r="AV236" s="496"/>
      <c r="AW236" s="496"/>
      <c r="AX236" s="496"/>
      <c r="AY236" s="496"/>
      <c r="AZ236" s="496"/>
      <c r="BA236" s="496"/>
      <c r="BB236" s="496"/>
      <c r="BC236" s="496"/>
      <c r="BD236" s="496"/>
      <c r="BE236" s="496"/>
      <c r="BF236" s="80">
        <f t="shared" si="38"/>
        <v>480</v>
      </c>
      <c r="BG236" s="76">
        <f t="shared" si="48"/>
        <v>1113.4464</v>
      </c>
      <c r="BH236" s="487" t="str">
        <f t="shared" si="44"/>
        <v/>
      </c>
      <c r="BI236" s="487" t="str">
        <f t="shared" si="44"/>
        <v/>
      </c>
      <c r="BJ236" s="487" t="str">
        <f t="shared" si="44"/>
        <v/>
      </c>
      <c r="BK236" s="487" t="str">
        <f t="shared" si="42"/>
        <v/>
      </c>
      <c r="BL236" s="487" t="str">
        <f t="shared" si="42"/>
        <v/>
      </c>
      <c r="BM236" s="487">
        <f t="shared" si="42"/>
        <v>534454.272</v>
      </c>
      <c r="BN236" s="487" t="str">
        <f t="shared" si="42"/>
        <v/>
      </c>
      <c r="BO236" s="487" t="str">
        <f t="shared" si="42"/>
        <v/>
      </c>
      <c r="BP236" s="487" t="str">
        <f t="shared" si="42"/>
        <v/>
      </c>
      <c r="BQ236" s="487" t="str">
        <f t="shared" si="42"/>
        <v/>
      </c>
      <c r="BR236" s="487" t="str">
        <f t="shared" si="42"/>
        <v/>
      </c>
      <c r="BS236" s="487" t="str">
        <f t="shared" si="42"/>
        <v/>
      </c>
      <c r="BT236" s="487" t="str">
        <f t="shared" si="43"/>
        <v/>
      </c>
      <c r="BU236" s="487" t="str">
        <f t="shared" si="43"/>
        <v/>
      </c>
      <c r="BV236" s="487" t="str">
        <f t="shared" si="43"/>
        <v/>
      </c>
      <c r="BW236" s="487" t="str">
        <f t="shared" si="40"/>
        <v/>
      </c>
      <c r="BX236" s="487" t="str">
        <f t="shared" si="40"/>
        <v/>
      </c>
      <c r="BY236" s="487" t="str">
        <f t="shared" si="40"/>
        <v/>
      </c>
      <c r="BZ236" s="487" t="str">
        <f t="shared" si="40"/>
        <v/>
      </c>
      <c r="CA236" s="487" t="str">
        <f t="shared" si="40"/>
        <v/>
      </c>
      <c r="CB236" s="487" t="str">
        <f t="shared" si="40"/>
        <v/>
      </c>
      <c r="CC236" s="487" t="str">
        <f t="shared" si="40"/>
        <v/>
      </c>
      <c r="CD236" s="487" t="str">
        <f t="shared" si="40"/>
        <v/>
      </c>
      <c r="CE236" s="487" t="str">
        <f t="shared" si="40"/>
        <v/>
      </c>
      <c r="CF236" s="487" t="str">
        <f t="shared" si="46"/>
        <v/>
      </c>
      <c r="CG236" s="487" t="str">
        <f t="shared" si="46"/>
        <v/>
      </c>
      <c r="CH236" s="487" t="str">
        <f t="shared" si="46"/>
        <v/>
      </c>
      <c r="CI236" s="487" t="str">
        <f t="shared" si="46"/>
        <v/>
      </c>
      <c r="CJ236" s="487" t="str">
        <f t="shared" si="46"/>
        <v/>
      </c>
      <c r="CK236" s="487" t="str">
        <f t="shared" si="46"/>
        <v/>
      </c>
      <c r="CL236" s="487" t="str">
        <f t="shared" si="46"/>
        <v/>
      </c>
      <c r="CM236" s="487"/>
      <c r="CN236" s="487"/>
      <c r="CO236" s="487"/>
      <c r="CP236" s="487"/>
      <c r="CQ236" s="487"/>
      <c r="CR236" s="487"/>
      <c r="CS236" s="487"/>
      <c r="CT236" s="487"/>
      <c r="CU236" s="487"/>
      <c r="CV236" s="487"/>
      <c r="CW236" s="487"/>
      <c r="CX236" s="487"/>
      <c r="CY236" s="487"/>
      <c r="CZ236" s="487"/>
      <c r="DA236" s="487"/>
      <c r="DB236" s="487"/>
      <c r="DC236" s="487"/>
      <c r="DD236" s="487"/>
      <c r="DE236" s="487"/>
      <c r="DF236" s="487"/>
      <c r="DG236" s="487"/>
      <c r="DH236" s="487"/>
      <c r="DI236" s="484"/>
      <c r="DJ236" s="484"/>
      <c r="DK236" s="484"/>
    </row>
    <row r="237" spans="1:115" s="354" customFormat="1" ht="56.1" hidden="1" customHeight="1" x14ac:dyDescent="0.2">
      <c r="A237" s="77" t="s">
        <v>2491</v>
      </c>
      <c r="B237" s="77" t="s">
        <v>22</v>
      </c>
      <c r="C237" s="481">
        <v>461</v>
      </c>
      <c r="D237" s="481"/>
      <c r="E237" s="481" t="s">
        <v>2481</v>
      </c>
      <c r="F237" s="482" t="s">
        <v>53</v>
      </c>
      <c r="G237" s="482" t="s">
        <v>515</v>
      </c>
      <c r="H237" s="484" t="s">
        <v>523</v>
      </c>
      <c r="I237" s="484" t="s">
        <v>552</v>
      </c>
      <c r="J237" s="484" t="s">
        <v>566</v>
      </c>
      <c r="K237" s="484"/>
      <c r="L237" s="484" t="s">
        <v>58</v>
      </c>
      <c r="M237" s="484" t="s">
        <v>22</v>
      </c>
      <c r="N237" s="484"/>
      <c r="O237" s="484" t="s">
        <v>388</v>
      </c>
      <c r="P237" s="484" t="s">
        <v>525</v>
      </c>
      <c r="Q237" s="484"/>
      <c r="R237" s="484" t="s">
        <v>187</v>
      </c>
      <c r="S237" s="484" t="s">
        <v>63</v>
      </c>
      <c r="T237" s="484" t="s">
        <v>63</v>
      </c>
      <c r="U237" s="485">
        <v>43494</v>
      </c>
      <c r="V237" s="485"/>
      <c r="W237" s="484" t="s">
        <v>64</v>
      </c>
      <c r="X237" s="484"/>
      <c r="Y237" s="485">
        <v>43494</v>
      </c>
      <c r="Z237" s="484" t="s">
        <v>82</v>
      </c>
      <c r="AA237" s="496"/>
      <c r="AB237" s="496"/>
      <c r="AC237" s="496"/>
      <c r="AD237" s="496"/>
      <c r="AE237" s="496"/>
      <c r="AF237" s="487" t="s">
        <v>66</v>
      </c>
      <c r="AG237" s="496"/>
      <c r="AH237" s="496"/>
      <c r="AI237" s="496"/>
      <c r="AJ237" s="496"/>
      <c r="AK237" s="496"/>
      <c r="AL237" s="496"/>
      <c r="AM237" s="496"/>
      <c r="AN237" s="496"/>
      <c r="AO237" s="496"/>
      <c r="AP237" s="496"/>
      <c r="AQ237" s="496"/>
      <c r="AR237" s="496"/>
      <c r="AS237" s="496"/>
      <c r="AT237" s="496"/>
      <c r="AU237" s="496"/>
      <c r="AV237" s="496"/>
      <c r="AW237" s="496"/>
      <c r="AX237" s="496"/>
      <c r="AY237" s="496"/>
      <c r="AZ237" s="496"/>
      <c r="BA237" s="496"/>
      <c r="BB237" s="496"/>
      <c r="BC237" s="496"/>
      <c r="BD237" s="496"/>
      <c r="BE237" s="496"/>
      <c r="BF237" s="80">
        <f t="shared" si="38"/>
        <v>480</v>
      </c>
      <c r="BG237" s="76">
        <f t="shared" si="48"/>
        <v>90.612499999999997</v>
      </c>
      <c r="BH237" s="487" t="str">
        <f t="shared" si="44"/>
        <v/>
      </c>
      <c r="BI237" s="487" t="str">
        <f t="shared" si="44"/>
        <v/>
      </c>
      <c r="BJ237" s="487" t="str">
        <f t="shared" si="44"/>
        <v/>
      </c>
      <c r="BK237" s="487" t="str">
        <f t="shared" si="42"/>
        <v/>
      </c>
      <c r="BL237" s="487" t="str">
        <f t="shared" si="42"/>
        <v/>
      </c>
      <c r="BM237" s="487">
        <f t="shared" si="42"/>
        <v>43494</v>
      </c>
      <c r="BN237" s="487" t="str">
        <f t="shared" si="42"/>
        <v/>
      </c>
      <c r="BO237" s="487" t="str">
        <f t="shared" si="42"/>
        <v/>
      </c>
      <c r="BP237" s="487" t="str">
        <f t="shared" si="42"/>
        <v/>
      </c>
      <c r="BQ237" s="487" t="str">
        <f t="shared" si="42"/>
        <v/>
      </c>
      <c r="BR237" s="487" t="str">
        <f t="shared" si="42"/>
        <v/>
      </c>
      <c r="BS237" s="487" t="str">
        <f t="shared" si="42"/>
        <v/>
      </c>
      <c r="BT237" s="487" t="str">
        <f t="shared" si="43"/>
        <v/>
      </c>
      <c r="BU237" s="487" t="str">
        <f t="shared" si="43"/>
        <v/>
      </c>
      <c r="BV237" s="487" t="str">
        <f t="shared" si="43"/>
        <v/>
      </c>
      <c r="BW237" s="487" t="str">
        <f t="shared" si="40"/>
        <v/>
      </c>
      <c r="BX237" s="487" t="str">
        <f t="shared" si="40"/>
        <v/>
      </c>
      <c r="BY237" s="487" t="str">
        <f t="shared" si="40"/>
        <v/>
      </c>
      <c r="BZ237" s="487" t="str">
        <f t="shared" si="40"/>
        <v/>
      </c>
      <c r="CA237" s="487" t="str">
        <f t="shared" si="40"/>
        <v/>
      </c>
      <c r="CB237" s="487" t="str">
        <f t="shared" si="40"/>
        <v/>
      </c>
      <c r="CC237" s="487" t="str">
        <f t="shared" si="40"/>
        <v/>
      </c>
      <c r="CD237" s="487" t="str">
        <f t="shared" si="40"/>
        <v/>
      </c>
      <c r="CE237" s="487" t="str">
        <f t="shared" si="40"/>
        <v/>
      </c>
      <c r="CF237" s="487" t="str">
        <f t="shared" si="46"/>
        <v/>
      </c>
      <c r="CG237" s="487" t="str">
        <f t="shared" si="46"/>
        <v/>
      </c>
      <c r="CH237" s="487" t="str">
        <f t="shared" si="46"/>
        <v/>
      </c>
      <c r="CI237" s="487" t="str">
        <f t="shared" si="46"/>
        <v/>
      </c>
      <c r="CJ237" s="487" t="str">
        <f t="shared" si="46"/>
        <v/>
      </c>
      <c r="CK237" s="487" t="str">
        <f t="shared" si="46"/>
        <v/>
      </c>
      <c r="CL237" s="487" t="str">
        <f t="shared" si="46"/>
        <v/>
      </c>
      <c r="CM237" s="487"/>
      <c r="CN237" s="487"/>
      <c r="CO237" s="487"/>
      <c r="CP237" s="487"/>
      <c r="CQ237" s="487"/>
      <c r="CR237" s="487"/>
      <c r="CS237" s="487"/>
      <c r="CT237" s="487"/>
      <c r="CU237" s="487"/>
      <c r="CV237" s="487"/>
      <c r="CW237" s="487"/>
      <c r="CX237" s="487"/>
      <c r="CY237" s="487"/>
      <c r="CZ237" s="487"/>
      <c r="DA237" s="487"/>
      <c r="DB237" s="487"/>
      <c r="DC237" s="487"/>
      <c r="DD237" s="487"/>
      <c r="DE237" s="487"/>
      <c r="DF237" s="487"/>
      <c r="DG237" s="487"/>
      <c r="DH237" s="487"/>
      <c r="DI237" s="484"/>
      <c r="DJ237" s="484"/>
      <c r="DK237" s="484"/>
    </row>
    <row r="238" spans="1:115" s="354" customFormat="1" ht="56.1" hidden="1" customHeight="1" x14ac:dyDescent="0.2">
      <c r="A238" s="77" t="s">
        <v>2491</v>
      </c>
      <c r="B238" s="77" t="s">
        <v>22</v>
      </c>
      <c r="C238" s="481">
        <v>462</v>
      </c>
      <c r="D238" s="481"/>
      <c r="E238" s="481" t="s">
        <v>2481</v>
      </c>
      <c r="F238" s="482" t="s">
        <v>53</v>
      </c>
      <c r="G238" s="482" t="s">
        <v>515</v>
      </c>
      <c r="H238" s="484" t="s">
        <v>539</v>
      </c>
      <c r="I238" s="484" t="s">
        <v>567</v>
      </c>
      <c r="J238" s="484" t="s">
        <v>553</v>
      </c>
      <c r="K238" s="484"/>
      <c r="L238" s="484" t="s">
        <v>58</v>
      </c>
      <c r="M238" s="484" t="s">
        <v>22</v>
      </c>
      <c r="N238" s="484"/>
      <c r="O238" s="484" t="s">
        <v>388</v>
      </c>
      <c r="P238" s="484" t="s">
        <v>525</v>
      </c>
      <c r="Q238" s="484"/>
      <c r="R238" s="484" t="s">
        <v>187</v>
      </c>
      <c r="S238" s="484" t="s">
        <v>63</v>
      </c>
      <c r="T238" s="484" t="s">
        <v>63</v>
      </c>
      <c r="U238" s="485">
        <v>58173.793103448275</v>
      </c>
      <c r="V238" s="485"/>
      <c r="W238" s="484" t="s">
        <v>64</v>
      </c>
      <c r="X238" s="484"/>
      <c r="Y238" s="485">
        <v>58173.793103448275</v>
      </c>
      <c r="Z238" s="484" t="s">
        <v>82</v>
      </c>
      <c r="AA238" s="496"/>
      <c r="AB238" s="496"/>
      <c r="AC238" s="496"/>
      <c r="AD238" s="496"/>
      <c r="AE238" s="496"/>
      <c r="AF238" s="487" t="s">
        <v>66</v>
      </c>
      <c r="AG238" s="496"/>
      <c r="AH238" s="496"/>
      <c r="AI238" s="496"/>
      <c r="AJ238" s="496"/>
      <c r="AK238" s="496"/>
      <c r="AL238" s="496"/>
      <c r="AM238" s="496"/>
      <c r="AN238" s="496"/>
      <c r="AO238" s="496"/>
      <c r="AP238" s="496"/>
      <c r="AQ238" s="496"/>
      <c r="AR238" s="496"/>
      <c r="AS238" s="496"/>
      <c r="AT238" s="496"/>
      <c r="AU238" s="496"/>
      <c r="AV238" s="496"/>
      <c r="AW238" s="496"/>
      <c r="AX238" s="496"/>
      <c r="AY238" s="496"/>
      <c r="AZ238" s="496"/>
      <c r="BA238" s="496"/>
      <c r="BB238" s="496"/>
      <c r="BC238" s="496"/>
      <c r="BD238" s="496"/>
      <c r="BE238" s="496"/>
      <c r="BF238" s="80">
        <f t="shared" si="38"/>
        <v>480</v>
      </c>
      <c r="BG238" s="76">
        <f t="shared" si="48"/>
        <v>121.19540229885057</v>
      </c>
      <c r="BH238" s="487" t="str">
        <f t="shared" si="44"/>
        <v/>
      </c>
      <c r="BI238" s="487" t="str">
        <f t="shared" si="44"/>
        <v/>
      </c>
      <c r="BJ238" s="487" t="str">
        <f t="shared" si="44"/>
        <v/>
      </c>
      <c r="BK238" s="487" t="str">
        <f t="shared" si="42"/>
        <v/>
      </c>
      <c r="BL238" s="487" t="str">
        <f t="shared" si="42"/>
        <v/>
      </c>
      <c r="BM238" s="487">
        <f t="shared" si="42"/>
        <v>58173.793103448275</v>
      </c>
      <c r="BN238" s="487" t="str">
        <f t="shared" si="42"/>
        <v/>
      </c>
      <c r="BO238" s="487" t="str">
        <f t="shared" si="42"/>
        <v/>
      </c>
      <c r="BP238" s="487" t="str">
        <f t="shared" si="42"/>
        <v/>
      </c>
      <c r="BQ238" s="487" t="str">
        <f t="shared" si="42"/>
        <v/>
      </c>
      <c r="BR238" s="487" t="str">
        <f t="shared" si="42"/>
        <v/>
      </c>
      <c r="BS238" s="487" t="str">
        <f t="shared" si="42"/>
        <v/>
      </c>
      <c r="BT238" s="487" t="str">
        <f t="shared" si="43"/>
        <v/>
      </c>
      <c r="BU238" s="487" t="str">
        <f t="shared" si="43"/>
        <v/>
      </c>
      <c r="BV238" s="487" t="str">
        <f t="shared" si="43"/>
        <v/>
      </c>
      <c r="BW238" s="487" t="str">
        <f t="shared" si="40"/>
        <v/>
      </c>
      <c r="BX238" s="487" t="str">
        <f t="shared" si="40"/>
        <v/>
      </c>
      <c r="BY238" s="487" t="str">
        <f t="shared" si="40"/>
        <v/>
      </c>
      <c r="BZ238" s="487" t="str">
        <f t="shared" si="40"/>
        <v/>
      </c>
      <c r="CA238" s="487" t="str">
        <f t="shared" si="40"/>
        <v/>
      </c>
      <c r="CB238" s="487" t="str">
        <f t="shared" si="40"/>
        <v/>
      </c>
      <c r="CC238" s="487" t="str">
        <f t="shared" si="40"/>
        <v/>
      </c>
      <c r="CD238" s="487" t="str">
        <f t="shared" si="40"/>
        <v/>
      </c>
      <c r="CE238" s="487" t="str">
        <f t="shared" si="40"/>
        <v/>
      </c>
      <c r="CF238" s="487" t="str">
        <f t="shared" si="46"/>
        <v/>
      </c>
      <c r="CG238" s="487" t="str">
        <f t="shared" si="46"/>
        <v/>
      </c>
      <c r="CH238" s="487" t="str">
        <f t="shared" si="46"/>
        <v/>
      </c>
      <c r="CI238" s="487" t="str">
        <f t="shared" si="46"/>
        <v/>
      </c>
      <c r="CJ238" s="487" t="str">
        <f t="shared" si="46"/>
        <v/>
      </c>
      <c r="CK238" s="487" t="str">
        <f t="shared" si="46"/>
        <v/>
      </c>
      <c r="CL238" s="487" t="str">
        <f t="shared" si="46"/>
        <v/>
      </c>
      <c r="CM238" s="487"/>
      <c r="CN238" s="487"/>
      <c r="CO238" s="487"/>
      <c r="CP238" s="487"/>
      <c r="CQ238" s="487"/>
      <c r="CR238" s="487"/>
      <c r="CS238" s="487"/>
      <c r="CT238" s="487"/>
      <c r="CU238" s="487"/>
      <c r="CV238" s="487"/>
      <c r="CW238" s="487"/>
      <c r="CX238" s="487"/>
      <c r="CY238" s="487"/>
      <c r="CZ238" s="487"/>
      <c r="DA238" s="487"/>
      <c r="DB238" s="487"/>
      <c r="DC238" s="487"/>
      <c r="DD238" s="487"/>
      <c r="DE238" s="487"/>
      <c r="DF238" s="487"/>
      <c r="DG238" s="487"/>
      <c r="DH238" s="487"/>
      <c r="DI238" s="484"/>
      <c r="DJ238" s="484"/>
      <c r="DK238" s="484"/>
    </row>
    <row r="239" spans="1:115" s="354" customFormat="1" ht="56.1" hidden="1" customHeight="1" x14ac:dyDescent="0.2">
      <c r="A239" s="77" t="s">
        <v>2491</v>
      </c>
      <c r="B239" s="77" t="s">
        <v>22</v>
      </c>
      <c r="C239" s="481">
        <v>463</v>
      </c>
      <c r="D239" s="481"/>
      <c r="E239" s="481" t="s">
        <v>2481</v>
      </c>
      <c r="F239" s="482" t="s">
        <v>53</v>
      </c>
      <c r="G239" s="482" t="s">
        <v>515</v>
      </c>
      <c r="H239" s="484" t="s">
        <v>528</v>
      </c>
      <c r="I239" s="484" t="s">
        <v>568</v>
      </c>
      <c r="J239" s="484" t="s">
        <v>568</v>
      </c>
      <c r="K239" s="484"/>
      <c r="L239" s="484" t="s">
        <v>58</v>
      </c>
      <c r="M239" s="484" t="s">
        <v>22</v>
      </c>
      <c r="N239" s="484"/>
      <c r="O239" s="484" t="s">
        <v>551</v>
      </c>
      <c r="P239" s="484" t="s">
        <v>525</v>
      </c>
      <c r="Q239" s="484"/>
      <c r="R239" s="484" t="s">
        <v>187</v>
      </c>
      <c r="S239" s="484" t="s">
        <v>63</v>
      </c>
      <c r="T239" s="484" t="s">
        <v>63</v>
      </c>
      <c r="U239" s="485">
        <v>101804.13793103448</v>
      </c>
      <c r="V239" s="485"/>
      <c r="W239" s="484" t="s">
        <v>64</v>
      </c>
      <c r="X239" s="484"/>
      <c r="Y239" s="485">
        <v>101804.13793103448</v>
      </c>
      <c r="Z239" s="484" t="s">
        <v>82</v>
      </c>
      <c r="AA239" s="496"/>
      <c r="AB239" s="496"/>
      <c r="AC239" s="496"/>
      <c r="AD239" s="496"/>
      <c r="AE239" s="496"/>
      <c r="AF239" s="487" t="s">
        <v>66</v>
      </c>
      <c r="AG239" s="496"/>
      <c r="AH239" s="496"/>
      <c r="AI239" s="496"/>
      <c r="AJ239" s="496"/>
      <c r="AK239" s="496"/>
      <c r="AL239" s="496"/>
      <c r="AM239" s="496"/>
      <c r="AN239" s="496"/>
      <c r="AO239" s="496"/>
      <c r="AP239" s="496"/>
      <c r="AQ239" s="496"/>
      <c r="AR239" s="496"/>
      <c r="AS239" s="496"/>
      <c r="AT239" s="496"/>
      <c r="AU239" s="496"/>
      <c r="AV239" s="496"/>
      <c r="AW239" s="496"/>
      <c r="AX239" s="496"/>
      <c r="AY239" s="496"/>
      <c r="AZ239" s="496"/>
      <c r="BA239" s="496"/>
      <c r="BB239" s="496"/>
      <c r="BC239" s="496"/>
      <c r="BD239" s="496"/>
      <c r="BE239" s="496"/>
      <c r="BF239" s="80">
        <f t="shared" si="38"/>
        <v>480</v>
      </c>
      <c r="BG239" s="76">
        <f t="shared" si="48"/>
        <v>212.09195402298849</v>
      </c>
      <c r="BH239" s="487" t="str">
        <f t="shared" si="44"/>
        <v/>
      </c>
      <c r="BI239" s="487" t="str">
        <f t="shared" si="44"/>
        <v/>
      </c>
      <c r="BJ239" s="487" t="str">
        <f t="shared" si="44"/>
        <v/>
      </c>
      <c r="BK239" s="487" t="str">
        <f t="shared" si="42"/>
        <v/>
      </c>
      <c r="BL239" s="487" t="str">
        <f t="shared" si="42"/>
        <v/>
      </c>
      <c r="BM239" s="487">
        <f t="shared" si="42"/>
        <v>101804.13793103448</v>
      </c>
      <c r="BN239" s="487" t="str">
        <f t="shared" si="42"/>
        <v/>
      </c>
      <c r="BO239" s="487" t="str">
        <f t="shared" si="42"/>
        <v/>
      </c>
      <c r="BP239" s="487" t="str">
        <f t="shared" si="42"/>
        <v/>
      </c>
      <c r="BQ239" s="487" t="str">
        <f t="shared" si="42"/>
        <v/>
      </c>
      <c r="BR239" s="487" t="str">
        <f t="shared" si="42"/>
        <v/>
      </c>
      <c r="BS239" s="487" t="str">
        <f t="shared" si="42"/>
        <v/>
      </c>
      <c r="BT239" s="487" t="str">
        <f t="shared" si="43"/>
        <v/>
      </c>
      <c r="BU239" s="487" t="str">
        <f t="shared" si="43"/>
        <v/>
      </c>
      <c r="BV239" s="487" t="str">
        <f t="shared" si="43"/>
        <v/>
      </c>
      <c r="BW239" s="487" t="str">
        <f t="shared" si="43"/>
        <v/>
      </c>
      <c r="BX239" s="487" t="str">
        <f t="shared" si="43"/>
        <v/>
      </c>
      <c r="BY239" s="487" t="str">
        <f t="shared" si="43"/>
        <v/>
      </c>
      <c r="BZ239" s="487" t="str">
        <f t="shared" si="43"/>
        <v/>
      </c>
      <c r="CA239" s="487" t="str">
        <f t="shared" si="43"/>
        <v/>
      </c>
      <c r="CB239" s="487" t="str">
        <f t="shared" si="43"/>
        <v/>
      </c>
      <c r="CC239" s="487" t="str">
        <f t="shared" si="43"/>
        <v/>
      </c>
      <c r="CD239" s="487" t="str">
        <f t="shared" si="43"/>
        <v/>
      </c>
      <c r="CE239" s="487" t="str">
        <f t="shared" si="43"/>
        <v/>
      </c>
      <c r="CF239" s="487" t="str">
        <f t="shared" si="46"/>
        <v/>
      </c>
      <c r="CG239" s="487" t="str">
        <f t="shared" si="46"/>
        <v/>
      </c>
      <c r="CH239" s="487" t="str">
        <f t="shared" si="46"/>
        <v/>
      </c>
      <c r="CI239" s="487" t="str">
        <f t="shared" si="46"/>
        <v/>
      </c>
      <c r="CJ239" s="487" t="str">
        <f t="shared" si="46"/>
        <v/>
      </c>
      <c r="CK239" s="487" t="str">
        <f t="shared" si="46"/>
        <v/>
      </c>
      <c r="CL239" s="487" t="str">
        <f t="shared" si="46"/>
        <v/>
      </c>
      <c r="CM239" s="487"/>
      <c r="CN239" s="487"/>
      <c r="CO239" s="487"/>
      <c r="CP239" s="487"/>
      <c r="CQ239" s="487"/>
      <c r="CR239" s="487"/>
      <c r="CS239" s="487"/>
      <c r="CT239" s="487"/>
      <c r="CU239" s="487"/>
      <c r="CV239" s="487"/>
      <c r="CW239" s="487"/>
      <c r="CX239" s="487"/>
      <c r="CY239" s="487"/>
      <c r="CZ239" s="487"/>
      <c r="DA239" s="487"/>
      <c r="DB239" s="487"/>
      <c r="DC239" s="487"/>
      <c r="DD239" s="487"/>
      <c r="DE239" s="487"/>
      <c r="DF239" s="487"/>
      <c r="DG239" s="487"/>
      <c r="DH239" s="487"/>
      <c r="DI239" s="484"/>
      <c r="DJ239" s="484"/>
      <c r="DK239" s="484"/>
    </row>
    <row r="240" spans="1:115" s="354" customFormat="1" ht="56.1" hidden="1" customHeight="1" x14ac:dyDescent="0.2">
      <c r="A240" s="77" t="s">
        <v>2491</v>
      </c>
      <c r="B240" s="77" t="s">
        <v>22</v>
      </c>
      <c r="C240" s="481">
        <v>464</v>
      </c>
      <c r="D240" s="481"/>
      <c r="E240" s="481" t="s">
        <v>2481</v>
      </c>
      <c r="F240" s="482" t="s">
        <v>53</v>
      </c>
      <c r="G240" s="482" t="s">
        <v>515</v>
      </c>
      <c r="H240" s="484" t="s">
        <v>530</v>
      </c>
      <c r="I240" s="484" t="s">
        <v>532</v>
      </c>
      <c r="J240" s="484" t="s">
        <v>532</v>
      </c>
      <c r="K240" s="484"/>
      <c r="L240" s="484" t="s">
        <v>58</v>
      </c>
      <c r="M240" s="484" t="s">
        <v>22</v>
      </c>
      <c r="N240" s="484"/>
      <c r="O240" s="484" t="s">
        <v>8</v>
      </c>
      <c r="P240" s="484" t="s">
        <v>525</v>
      </c>
      <c r="Q240" s="484"/>
      <c r="R240" s="484" t="s">
        <v>187</v>
      </c>
      <c r="S240" s="484" t="s">
        <v>63</v>
      </c>
      <c r="T240" s="484" t="s">
        <v>63</v>
      </c>
      <c r="U240" s="485">
        <v>0</v>
      </c>
      <c r="V240" s="485"/>
      <c r="W240" s="484" t="s">
        <v>64</v>
      </c>
      <c r="X240" s="484"/>
      <c r="Y240" s="485">
        <v>0</v>
      </c>
      <c r="Z240" s="484" t="s">
        <v>82</v>
      </c>
      <c r="AA240" s="496"/>
      <c r="AB240" s="496"/>
      <c r="AC240" s="496"/>
      <c r="AD240" s="496"/>
      <c r="AE240" s="496"/>
      <c r="AF240" s="487" t="s">
        <v>66</v>
      </c>
      <c r="AG240" s="496"/>
      <c r="AH240" s="496"/>
      <c r="AI240" s="496"/>
      <c r="AJ240" s="496"/>
      <c r="AK240" s="496"/>
      <c r="AL240" s="496"/>
      <c r="AM240" s="496"/>
      <c r="AN240" s="496"/>
      <c r="AO240" s="496"/>
      <c r="AP240" s="496"/>
      <c r="AQ240" s="496"/>
      <c r="AR240" s="496"/>
      <c r="AS240" s="496"/>
      <c r="AT240" s="496"/>
      <c r="AU240" s="496"/>
      <c r="AV240" s="496"/>
      <c r="AW240" s="496"/>
      <c r="AX240" s="496"/>
      <c r="AY240" s="496"/>
      <c r="AZ240" s="496"/>
      <c r="BA240" s="496"/>
      <c r="BB240" s="496"/>
      <c r="BC240" s="496"/>
      <c r="BD240" s="496"/>
      <c r="BE240" s="496"/>
      <c r="BF240" s="80">
        <f t="shared" si="38"/>
        <v>480</v>
      </c>
      <c r="BG240" s="76"/>
      <c r="BH240" s="487" t="str">
        <f t="shared" si="44"/>
        <v/>
      </c>
      <c r="BI240" s="487" t="str">
        <f t="shared" si="44"/>
        <v/>
      </c>
      <c r="BJ240" s="487" t="str">
        <f t="shared" si="44"/>
        <v/>
      </c>
      <c r="BK240" s="487" t="str">
        <f t="shared" si="42"/>
        <v/>
      </c>
      <c r="BL240" s="487" t="str">
        <f t="shared" si="42"/>
        <v/>
      </c>
      <c r="BM240" s="487">
        <f t="shared" si="42"/>
        <v>0</v>
      </c>
      <c r="BN240" s="487" t="str">
        <f t="shared" si="42"/>
        <v/>
      </c>
      <c r="BO240" s="487" t="str">
        <f t="shared" si="42"/>
        <v/>
      </c>
      <c r="BP240" s="487" t="str">
        <f t="shared" si="42"/>
        <v/>
      </c>
      <c r="BQ240" s="487" t="str">
        <f t="shared" si="42"/>
        <v/>
      </c>
      <c r="BR240" s="487" t="str">
        <f t="shared" si="42"/>
        <v/>
      </c>
      <c r="BS240" s="487" t="str">
        <f t="shared" si="42"/>
        <v/>
      </c>
      <c r="BT240" s="487" t="str">
        <f t="shared" si="43"/>
        <v/>
      </c>
      <c r="BU240" s="487" t="str">
        <f t="shared" si="43"/>
        <v/>
      </c>
      <c r="BV240" s="487" t="str">
        <f t="shared" si="43"/>
        <v/>
      </c>
      <c r="BW240" s="487" t="str">
        <f t="shared" si="43"/>
        <v/>
      </c>
      <c r="BX240" s="487" t="str">
        <f t="shared" si="43"/>
        <v/>
      </c>
      <c r="BY240" s="487" t="str">
        <f t="shared" si="43"/>
        <v/>
      </c>
      <c r="BZ240" s="487" t="str">
        <f t="shared" si="43"/>
        <v/>
      </c>
      <c r="CA240" s="487" t="str">
        <f t="shared" si="43"/>
        <v/>
      </c>
      <c r="CB240" s="487" t="str">
        <f t="shared" si="43"/>
        <v/>
      </c>
      <c r="CC240" s="487" t="str">
        <f t="shared" si="43"/>
        <v/>
      </c>
      <c r="CD240" s="487" t="str">
        <f t="shared" si="43"/>
        <v/>
      </c>
      <c r="CE240" s="487" t="str">
        <f t="shared" si="43"/>
        <v/>
      </c>
      <c r="CF240" s="487" t="str">
        <f t="shared" si="46"/>
        <v/>
      </c>
      <c r="CG240" s="487" t="str">
        <f t="shared" si="46"/>
        <v/>
      </c>
      <c r="CH240" s="487" t="str">
        <f t="shared" si="46"/>
        <v/>
      </c>
      <c r="CI240" s="487" t="str">
        <f t="shared" si="46"/>
        <v/>
      </c>
      <c r="CJ240" s="487" t="str">
        <f t="shared" si="46"/>
        <v/>
      </c>
      <c r="CK240" s="487" t="str">
        <f t="shared" si="46"/>
        <v/>
      </c>
      <c r="CL240" s="487" t="str">
        <f t="shared" si="46"/>
        <v/>
      </c>
      <c r="CM240" s="487"/>
      <c r="CN240" s="487"/>
      <c r="CO240" s="487"/>
      <c r="CP240" s="487"/>
      <c r="CQ240" s="487"/>
      <c r="CR240" s="487"/>
      <c r="CS240" s="487"/>
      <c r="CT240" s="487"/>
      <c r="CU240" s="487"/>
      <c r="CV240" s="487"/>
      <c r="CW240" s="487"/>
      <c r="CX240" s="487"/>
      <c r="CY240" s="487"/>
      <c r="CZ240" s="487"/>
      <c r="DA240" s="487"/>
      <c r="DB240" s="487"/>
      <c r="DC240" s="487"/>
      <c r="DD240" s="487"/>
      <c r="DE240" s="487"/>
      <c r="DF240" s="487"/>
      <c r="DG240" s="487"/>
      <c r="DH240" s="487"/>
      <c r="DI240" s="484"/>
      <c r="DJ240" s="484"/>
      <c r="DK240" s="484"/>
    </row>
    <row r="241" spans="1:115" s="354" customFormat="1" ht="56.1" hidden="1" customHeight="1" x14ac:dyDescent="0.2">
      <c r="A241" s="77" t="s">
        <v>2491</v>
      </c>
      <c r="B241" s="77" t="s">
        <v>22</v>
      </c>
      <c r="C241" s="481">
        <v>465</v>
      </c>
      <c r="D241" s="481"/>
      <c r="E241" s="481" t="s">
        <v>2481</v>
      </c>
      <c r="F241" s="482" t="s">
        <v>53</v>
      </c>
      <c r="G241" s="482" t="s">
        <v>515</v>
      </c>
      <c r="H241" s="484" t="s">
        <v>533</v>
      </c>
      <c r="I241" s="484" t="s">
        <v>534</v>
      </c>
      <c r="J241" s="484" t="s">
        <v>534</v>
      </c>
      <c r="K241" s="484"/>
      <c r="L241" s="484" t="s">
        <v>58</v>
      </c>
      <c r="M241" s="484" t="s">
        <v>22</v>
      </c>
      <c r="N241" s="484"/>
      <c r="O241" s="484" t="s">
        <v>81</v>
      </c>
      <c r="P241" s="484" t="s">
        <v>334</v>
      </c>
      <c r="Q241" s="484"/>
      <c r="R241" s="484" t="s">
        <v>187</v>
      </c>
      <c r="S241" s="484" t="s">
        <v>63</v>
      </c>
      <c r="T241" s="484" t="s">
        <v>63</v>
      </c>
      <c r="U241" s="485">
        <v>85406.399999999994</v>
      </c>
      <c r="V241" s="485"/>
      <c r="W241" s="484" t="s">
        <v>64</v>
      </c>
      <c r="X241" s="484"/>
      <c r="Y241" s="485">
        <v>85406.399999999994</v>
      </c>
      <c r="Z241" s="484" t="s">
        <v>82</v>
      </c>
      <c r="AA241" s="496"/>
      <c r="AB241" s="496"/>
      <c r="AC241" s="496"/>
      <c r="AD241" s="496"/>
      <c r="AE241" s="496"/>
      <c r="AF241" s="487" t="s">
        <v>66</v>
      </c>
      <c r="AG241" s="496"/>
      <c r="AH241" s="496"/>
      <c r="AI241" s="496"/>
      <c r="AJ241" s="496"/>
      <c r="AK241" s="496"/>
      <c r="AL241" s="496"/>
      <c r="AM241" s="496"/>
      <c r="AN241" s="496"/>
      <c r="AO241" s="496"/>
      <c r="AP241" s="496"/>
      <c r="AQ241" s="496"/>
      <c r="AR241" s="496"/>
      <c r="AS241" s="496"/>
      <c r="AT241" s="496"/>
      <c r="AU241" s="496"/>
      <c r="AV241" s="496"/>
      <c r="AW241" s="496"/>
      <c r="AX241" s="496"/>
      <c r="AY241" s="496"/>
      <c r="AZ241" s="496"/>
      <c r="BA241" s="496"/>
      <c r="BB241" s="496"/>
      <c r="BC241" s="496"/>
      <c r="BD241" s="496"/>
      <c r="BE241" s="496"/>
      <c r="BF241" s="80">
        <f t="shared" si="38"/>
        <v>480</v>
      </c>
      <c r="BG241" s="76">
        <f t="shared" ref="BG241:BG255" si="49">Y241/BF241</f>
        <v>177.92999999999998</v>
      </c>
      <c r="BH241" s="487" t="str">
        <f t="shared" si="44"/>
        <v/>
      </c>
      <c r="BI241" s="487" t="str">
        <f t="shared" si="44"/>
        <v/>
      </c>
      <c r="BJ241" s="487" t="str">
        <f t="shared" si="44"/>
        <v/>
      </c>
      <c r="BK241" s="487" t="str">
        <f t="shared" si="42"/>
        <v/>
      </c>
      <c r="BL241" s="487" t="str">
        <f t="shared" si="42"/>
        <v/>
      </c>
      <c r="BM241" s="487">
        <f t="shared" si="42"/>
        <v>85406.399999999994</v>
      </c>
      <c r="BN241" s="487" t="str">
        <f t="shared" si="42"/>
        <v/>
      </c>
      <c r="BO241" s="487" t="str">
        <f t="shared" si="42"/>
        <v/>
      </c>
      <c r="BP241" s="487" t="str">
        <f t="shared" si="42"/>
        <v/>
      </c>
      <c r="BQ241" s="487" t="str">
        <f t="shared" si="42"/>
        <v/>
      </c>
      <c r="BR241" s="487" t="str">
        <f t="shared" si="42"/>
        <v/>
      </c>
      <c r="BS241" s="487" t="str">
        <f t="shared" si="42"/>
        <v/>
      </c>
      <c r="BT241" s="487" t="str">
        <f t="shared" si="43"/>
        <v/>
      </c>
      <c r="BU241" s="487" t="str">
        <f t="shared" si="43"/>
        <v/>
      </c>
      <c r="BV241" s="487" t="str">
        <f t="shared" si="43"/>
        <v/>
      </c>
      <c r="BW241" s="487" t="str">
        <f t="shared" si="43"/>
        <v/>
      </c>
      <c r="BX241" s="487" t="str">
        <f t="shared" si="43"/>
        <v/>
      </c>
      <c r="BY241" s="487" t="str">
        <f t="shared" si="43"/>
        <v/>
      </c>
      <c r="BZ241" s="487" t="str">
        <f t="shared" si="43"/>
        <v/>
      </c>
      <c r="CA241" s="487" t="str">
        <f t="shared" si="43"/>
        <v/>
      </c>
      <c r="CB241" s="487" t="str">
        <f t="shared" si="43"/>
        <v/>
      </c>
      <c r="CC241" s="487" t="str">
        <f t="shared" si="43"/>
        <v/>
      </c>
      <c r="CD241" s="487" t="str">
        <f t="shared" si="43"/>
        <v/>
      </c>
      <c r="CE241" s="487" t="str">
        <f t="shared" si="43"/>
        <v/>
      </c>
      <c r="CF241" s="487" t="str">
        <f t="shared" si="46"/>
        <v/>
      </c>
      <c r="CG241" s="487" t="str">
        <f t="shared" si="46"/>
        <v/>
      </c>
      <c r="CH241" s="487" t="str">
        <f t="shared" si="46"/>
        <v/>
      </c>
      <c r="CI241" s="487" t="str">
        <f t="shared" si="46"/>
        <v/>
      </c>
      <c r="CJ241" s="487" t="str">
        <f t="shared" si="46"/>
        <v/>
      </c>
      <c r="CK241" s="487" t="str">
        <f t="shared" si="46"/>
        <v/>
      </c>
      <c r="CL241" s="487" t="str">
        <f t="shared" si="46"/>
        <v/>
      </c>
      <c r="CM241" s="487"/>
      <c r="CN241" s="487"/>
      <c r="CO241" s="487"/>
      <c r="CP241" s="487"/>
      <c r="CQ241" s="487"/>
      <c r="CR241" s="487"/>
      <c r="CS241" s="487"/>
      <c r="CT241" s="487"/>
      <c r="CU241" s="487"/>
      <c r="CV241" s="487"/>
      <c r="CW241" s="487"/>
      <c r="CX241" s="487"/>
      <c r="CY241" s="487"/>
      <c r="CZ241" s="487"/>
      <c r="DA241" s="487"/>
      <c r="DB241" s="487"/>
      <c r="DC241" s="487"/>
      <c r="DD241" s="487"/>
      <c r="DE241" s="487"/>
      <c r="DF241" s="487"/>
      <c r="DG241" s="487"/>
      <c r="DH241" s="487"/>
      <c r="DI241" s="484"/>
      <c r="DJ241" s="484"/>
      <c r="DK241" s="484"/>
    </row>
    <row r="242" spans="1:115" s="354" customFormat="1" ht="56.1" hidden="1" customHeight="1" x14ac:dyDescent="0.2">
      <c r="A242" s="494"/>
      <c r="B242" s="494"/>
      <c r="C242" s="481">
        <v>466</v>
      </c>
      <c r="D242" s="481"/>
      <c r="E242" s="481" t="s">
        <v>2481</v>
      </c>
      <c r="F242" s="482" t="s">
        <v>53</v>
      </c>
      <c r="G242" s="482" t="s">
        <v>515</v>
      </c>
      <c r="H242" s="484" t="s">
        <v>548</v>
      </c>
      <c r="I242" s="484" t="s">
        <v>536</v>
      </c>
      <c r="J242" s="484" t="s">
        <v>536</v>
      </c>
      <c r="K242" s="484"/>
      <c r="L242" s="484" t="s">
        <v>58</v>
      </c>
      <c r="M242" s="484" t="s">
        <v>207</v>
      </c>
      <c r="N242" s="484"/>
      <c r="O242" s="497" t="s">
        <v>60</v>
      </c>
      <c r="P242" s="484" t="s">
        <v>334</v>
      </c>
      <c r="Q242" s="484"/>
      <c r="R242" s="484" t="s">
        <v>208</v>
      </c>
      <c r="S242" s="484" t="s">
        <v>63</v>
      </c>
      <c r="T242" s="484" t="s">
        <v>63</v>
      </c>
      <c r="U242" s="485">
        <v>151833.60000000001</v>
      </c>
      <c r="V242" s="485"/>
      <c r="W242" s="484" t="s">
        <v>64</v>
      </c>
      <c r="X242" s="484"/>
      <c r="Y242" s="485">
        <v>151833.60000000001</v>
      </c>
      <c r="Z242" s="484" t="s">
        <v>82</v>
      </c>
      <c r="AA242" s="496"/>
      <c r="AB242" s="496"/>
      <c r="AC242" s="496"/>
      <c r="AD242" s="496"/>
      <c r="AE242" s="496"/>
      <c r="AF242" s="487"/>
      <c r="AG242" s="496"/>
      <c r="AH242" s="496"/>
      <c r="AI242" s="487" t="s">
        <v>66</v>
      </c>
      <c r="AJ242" s="496"/>
      <c r="AK242" s="496"/>
      <c r="AL242" s="496"/>
      <c r="AM242" s="496"/>
      <c r="AN242" s="496"/>
      <c r="AO242" s="496"/>
      <c r="AP242" s="496"/>
      <c r="AQ242" s="496"/>
      <c r="AR242" s="496"/>
      <c r="AS242" s="496"/>
      <c r="AT242" s="496"/>
      <c r="AU242" s="496"/>
      <c r="AV242" s="496"/>
      <c r="AW242" s="496"/>
      <c r="AX242" s="496"/>
      <c r="AY242" s="496"/>
      <c r="AZ242" s="496"/>
      <c r="BA242" s="496"/>
      <c r="BB242" s="496"/>
      <c r="BC242" s="496"/>
      <c r="BD242" s="496"/>
      <c r="BE242" s="496"/>
      <c r="BF242" s="80">
        <f t="shared" si="38"/>
        <v>500</v>
      </c>
      <c r="BG242" s="76">
        <f t="shared" si="49"/>
        <v>303.66720000000004</v>
      </c>
      <c r="BH242" s="487" t="str">
        <f t="shared" si="44"/>
        <v/>
      </c>
      <c r="BI242" s="487" t="str">
        <f t="shared" si="44"/>
        <v/>
      </c>
      <c r="BJ242" s="487" t="str">
        <f t="shared" si="44"/>
        <v/>
      </c>
      <c r="BK242" s="487" t="str">
        <f t="shared" si="42"/>
        <v/>
      </c>
      <c r="BL242" s="487" t="str">
        <f t="shared" si="42"/>
        <v/>
      </c>
      <c r="BM242" s="487" t="str">
        <f t="shared" si="42"/>
        <v/>
      </c>
      <c r="BN242" s="487" t="str">
        <f t="shared" si="42"/>
        <v/>
      </c>
      <c r="BO242" s="487" t="str">
        <f t="shared" si="42"/>
        <v/>
      </c>
      <c r="BP242" s="487">
        <f t="shared" si="42"/>
        <v>151833.60000000001</v>
      </c>
      <c r="BQ242" s="487" t="str">
        <f t="shared" si="42"/>
        <v/>
      </c>
      <c r="BR242" s="487" t="str">
        <f t="shared" si="42"/>
        <v/>
      </c>
      <c r="BS242" s="487" t="str">
        <f t="shared" si="42"/>
        <v/>
      </c>
      <c r="BT242" s="487" t="str">
        <f t="shared" si="43"/>
        <v/>
      </c>
      <c r="BU242" s="487" t="str">
        <f t="shared" si="43"/>
        <v/>
      </c>
      <c r="BV242" s="487" t="str">
        <f t="shared" si="43"/>
        <v/>
      </c>
      <c r="BW242" s="487" t="str">
        <f t="shared" si="43"/>
        <v/>
      </c>
      <c r="BX242" s="487" t="str">
        <f t="shared" si="43"/>
        <v/>
      </c>
      <c r="BY242" s="487" t="str">
        <f t="shared" si="43"/>
        <v/>
      </c>
      <c r="BZ242" s="487" t="str">
        <f t="shared" si="43"/>
        <v/>
      </c>
      <c r="CA242" s="487" t="str">
        <f t="shared" si="43"/>
        <v/>
      </c>
      <c r="CB242" s="487" t="str">
        <f t="shared" si="43"/>
        <v/>
      </c>
      <c r="CC242" s="487" t="str">
        <f t="shared" si="43"/>
        <v/>
      </c>
      <c r="CD242" s="487" t="str">
        <f t="shared" si="43"/>
        <v/>
      </c>
      <c r="CE242" s="487" t="str">
        <f t="shared" si="43"/>
        <v/>
      </c>
      <c r="CF242" s="487" t="str">
        <f t="shared" si="46"/>
        <v/>
      </c>
      <c r="CG242" s="487" t="str">
        <f t="shared" si="46"/>
        <v/>
      </c>
      <c r="CH242" s="487" t="str">
        <f t="shared" si="46"/>
        <v/>
      </c>
      <c r="CI242" s="487" t="str">
        <f t="shared" si="46"/>
        <v/>
      </c>
      <c r="CJ242" s="487" t="str">
        <f t="shared" si="46"/>
        <v/>
      </c>
      <c r="CK242" s="487" t="str">
        <f t="shared" si="46"/>
        <v/>
      </c>
      <c r="CL242" s="487" t="str">
        <f t="shared" si="46"/>
        <v/>
      </c>
      <c r="CM242" s="487"/>
      <c r="CN242" s="487"/>
      <c r="CO242" s="487"/>
      <c r="CP242" s="487"/>
      <c r="CQ242" s="487"/>
      <c r="CR242" s="487"/>
      <c r="CS242" s="487"/>
      <c r="CT242" s="487"/>
      <c r="CU242" s="487"/>
      <c r="CV242" s="487"/>
      <c r="CW242" s="487"/>
      <c r="CX242" s="487"/>
      <c r="CY242" s="487"/>
      <c r="CZ242" s="487"/>
      <c r="DA242" s="487"/>
      <c r="DB242" s="487"/>
      <c r="DC242" s="487"/>
      <c r="DD242" s="487"/>
      <c r="DE242" s="487"/>
      <c r="DF242" s="487"/>
      <c r="DG242" s="487"/>
      <c r="DH242" s="487"/>
      <c r="DI242" s="484"/>
      <c r="DJ242" s="484"/>
      <c r="DK242" s="484"/>
    </row>
    <row r="243" spans="1:115" s="354" customFormat="1" ht="56.1" hidden="1" customHeight="1" x14ac:dyDescent="0.2">
      <c r="A243" s="494"/>
      <c r="B243" s="494"/>
      <c r="C243" s="481">
        <v>467</v>
      </c>
      <c r="D243" s="481"/>
      <c r="E243" s="481" t="s">
        <v>2481</v>
      </c>
      <c r="F243" s="482" t="s">
        <v>53</v>
      </c>
      <c r="G243" s="482" t="s">
        <v>515</v>
      </c>
      <c r="H243" s="484" t="s">
        <v>518</v>
      </c>
      <c r="I243" s="484" t="s">
        <v>520</v>
      </c>
      <c r="J243" s="484" t="s">
        <v>520</v>
      </c>
      <c r="K243" s="484"/>
      <c r="L243" s="484" t="s">
        <v>58</v>
      </c>
      <c r="M243" s="484" t="s">
        <v>207</v>
      </c>
      <c r="N243" s="484"/>
      <c r="O243" s="497" t="s">
        <v>60</v>
      </c>
      <c r="P243" s="484" t="s">
        <v>334</v>
      </c>
      <c r="Q243" s="484"/>
      <c r="R243" s="484" t="s">
        <v>208</v>
      </c>
      <c r="S243" s="484" t="s">
        <v>63</v>
      </c>
      <c r="T243" s="484" t="s">
        <v>63</v>
      </c>
      <c r="U243" s="485">
        <v>398563.2</v>
      </c>
      <c r="V243" s="485"/>
      <c r="W243" s="484" t="s">
        <v>64</v>
      </c>
      <c r="X243" s="484"/>
      <c r="Y243" s="485">
        <v>398563.2</v>
      </c>
      <c r="Z243" s="484" t="s">
        <v>82</v>
      </c>
      <c r="AA243" s="496"/>
      <c r="AB243" s="496"/>
      <c r="AC243" s="496"/>
      <c r="AD243" s="496"/>
      <c r="AE243" s="496"/>
      <c r="AF243" s="487"/>
      <c r="AG243" s="496"/>
      <c r="AH243" s="496"/>
      <c r="AI243" s="487" t="s">
        <v>66</v>
      </c>
      <c r="AJ243" s="496"/>
      <c r="AK243" s="496"/>
      <c r="AL243" s="496"/>
      <c r="AM243" s="496"/>
      <c r="AN243" s="496"/>
      <c r="AO243" s="496"/>
      <c r="AP243" s="496"/>
      <c r="AQ243" s="496"/>
      <c r="AR243" s="496"/>
      <c r="AS243" s="496"/>
      <c r="AT243" s="496"/>
      <c r="AU243" s="496"/>
      <c r="AV243" s="496"/>
      <c r="AW243" s="496"/>
      <c r="AX243" s="496"/>
      <c r="AY243" s="496"/>
      <c r="AZ243" s="496"/>
      <c r="BA243" s="496"/>
      <c r="BB243" s="496"/>
      <c r="BC243" s="496"/>
      <c r="BD243" s="496"/>
      <c r="BE243" s="496"/>
      <c r="BF243" s="80">
        <f t="shared" si="38"/>
        <v>500</v>
      </c>
      <c r="BG243" s="76">
        <f t="shared" si="49"/>
        <v>797.12639999999999</v>
      </c>
      <c r="BH243" s="487" t="str">
        <f t="shared" si="44"/>
        <v/>
      </c>
      <c r="BI243" s="487" t="str">
        <f t="shared" si="44"/>
        <v/>
      </c>
      <c r="BJ243" s="487" t="str">
        <f t="shared" si="44"/>
        <v/>
      </c>
      <c r="BK243" s="487" t="str">
        <f t="shared" si="44"/>
        <v/>
      </c>
      <c r="BL243" s="487" t="str">
        <f t="shared" si="44"/>
        <v/>
      </c>
      <c r="BM243" s="487" t="str">
        <f t="shared" si="44"/>
        <v/>
      </c>
      <c r="BN243" s="487" t="str">
        <f t="shared" si="44"/>
        <v/>
      </c>
      <c r="BO243" s="487" t="str">
        <f t="shared" si="44"/>
        <v/>
      </c>
      <c r="BP243" s="487">
        <f t="shared" si="44"/>
        <v>398563.2</v>
      </c>
      <c r="BQ243" s="487" t="str">
        <f t="shared" si="44"/>
        <v/>
      </c>
      <c r="BR243" s="487" t="str">
        <f t="shared" si="44"/>
        <v/>
      </c>
      <c r="BS243" s="487" t="str">
        <f t="shared" si="44"/>
        <v/>
      </c>
      <c r="BT243" s="487" t="str">
        <f t="shared" si="43"/>
        <v/>
      </c>
      <c r="BU243" s="487" t="str">
        <f t="shared" si="43"/>
        <v/>
      </c>
      <c r="BV243" s="487" t="str">
        <f t="shared" si="43"/>
        <v/>
      </c>
      <c r="BW243" s="487" t="str">
        <f t="shared" si="43"/>
        <v/>
      </c>
      <c r="BX243" s="487" t="str">
        <f t="shared" si="43"/>
        <v/>
      </c>
      <c r="BY243" s="487" t="str">
        <f t="shared" si="43"/>
        <v/>
      </c>
      <c r="BZ243" s="487" t="str">
        <f t="shared" si="43"/>
        <v/>
      </c>
      <c r="CA243" s="487" t="str">
        <f t="shared" si="43"/>
        <v/>
      </c>
      <c r="CB243" s="487" t="str">
        <f t="shared" si="43"/>
        <v/>
      </c>
      <c r="CC243" s="487" t="str">
        <f t="shared" si="43"/>
        <v/>
      </c>
      <c r="CD243" s="487" t="str">
        <f t="shared" si="43"/>
        <v/>
      </c>
      <c r="CE243" s="487" t="str">
        <f t="shared" si="43"/>
        <v/>
      </c>
      <c r="CF243" s="487" t="str">
        <f t="shared" si="46"/>
        <v/>
      </c>
      <c r="CG243" s="487" t="str">
        <f t="shared" si="46"/>
        <v/>
      </c>
      <c r="CH243" s="487" t="str">
        <f t="shared" si="46"/>
        <v/>
      </c>
      <c r="CI243" s="487" t="str">
        <f t="shared" si="46"/>
        <v/>
      </c>
      <c r="CJ243" s="487" t="str">
        <f t="shared" si="46"/>
        <v/>
      </c>
      <c r="CK243" s="487" t="str">
        <f t="shared" si="46"/>
        <v/>
      </c>
      <c r="CL243" s="487" t="str">
        <f t="shared" si="46"/>
        <v/>
      </c>
      <c r="CM243" s="487"/>
      <c r="CN243" s="487"/>
      <c r="CO243" s="487"/>
      <c r="CP243" s="487"/>
      <c r="CQ243" s="487"/>
      <c r="CR243" s="487"/>
      <c r="CS243" s="487"/>
      <c r="CT243" s="487"/>
      <c r="CU243" s="487"/>
      <c r="CV243" s="487"/>
      <c r="CW243" s="487"/>
      <c r="CX243" s="487"/>
      <c r="CY243" s="487"/>
      <c r="CZ243" s="487"/>
      <c r="DA243" s="487"/>
      <c r="DB243" s="487"/>
      <c r="DC243" s="487"/>
      <c r="DD243" s="487"/>
      <c r="DE243" s="487"/>
      <c r="DF243" s="487"/>
      <c r="DG243" s="487"/>
      <c r="DH243" s="487"/>
      <c r="DI243" s="484"/>
      <c r="DJ243" s="484"/>
      <c r="DK243" s="484"/>
    </row>
    <row r="244" spans="1:115" s="354" customFormat="1" ht="56.1" hidden="1" customHeight="1" x14ac:dyDescent="0.2">
      <c r="A244" s="494"/>
      <c r="B244" s="494"/>
      <c r="C244" s="481">
        <v>468</v>
      </c>
      <c r="D244" s="481"/>
      <c r="E244" s="481" t="s">
        <v>2481</v>
      </c>
      <c r="F244" s="482" t="s">
        <v>53</v>
      </c>
      <c r="G244" s="482" t="s">
        <v>515</v>
      </c>
      <c r="H244" s="484" t="s">
        <v>521</v>
      </c>
      <c r="I244" s="484" t="s">
        <v>522</v>
      </c>
      <c r="J244" s="484" t="s">
        <v>522</v>
      </c>
      <c r="K244" s="484"/>
      <c r="L244" s="484" t="s">
        <v>58</v>
      </c>
      <c r="M244" s="484" t="s">
        <v>207</v>
      </c>
      <c r="N244" s="484"/>
      <c r="O244" s="497" t="s">
        <v>60</v>
      </c>
      <c r="P244" s="484" t="s">
        <v>334</v>
      </c>
      <c r="Q244" s="484"/>
      <c r="R244" s="484" t="s">
        <v>208</v>
      </c>
      <c r="S244" s="484" t="s">
        <v>63</v>
      </c>
      <c r="T244" s="484" t="s">
        <v>63</v>
      </c>
      <c r="U244" s="485">
        <v>556723.19999999995</v>
      </c>
      <c r="V244" s="485"/>
      <c r="W244" s="484" t="s">
        <v>64</v>
      </c>
      <c r="X244" s="484"/>
      <c r="Y244" s="485">
        <v>556723.19999999995</v>
      </c>
      <c r="Z244" s="484" t="s">
        <v>82</v>
      </c>
      <c r="AA244" s="496"/>
      <c r="AB244" s="496"/>
      <c r="AC244" s="496"/>
      <c r="AD244" s="496"/>
      <c r="AE244" s="496"/>
      <c r="AF244" s="487"/>
      <c r="AG244" s="496"/>
      <c r="AH244" s="496"/>
      <c r="AI244" s="487" t="s">
        <v>66</v>
      </c>
      <c r="AJ244" s="496"/>
      <c r="AK244" s="496"/>
      <c r="AL244" s="496"/>
      <c r="AM244" s="496"/>
      <c r="AN244" s="496"/>
      <c r="AO244" s="496"/>
      <c r="AP244" s="496"/>
      <c r="AQ244" s="496"/>
      <c r="AR244" s="496"/>
      <c r="AS244" s="496"/>
      <c r="AT244" s="496"/>
      <c r="AU244" s="496"/>
      <c r="AV244" s="496"/>
      <c r="AW244" s="496"/>
      <c r="AX244" s="496"/>
      <c r="AY244" s="496"/>
      <c r="AZ244" s="496"/>
      <c r="BA244" s="496"/>
      <c r="BB244" s="496"/>
      <c r="BC244" s="496"/>
      <c r="BD244" s="496"/>
      <c r="BE244" s="496"/>
      <c r="BF244" s="80">
        <f t="shared" si="38"/>
        <v>500</v>
      </c>
      <c r="BG244" s="76">
        <f t="shared" si="49"/>
        <v>1113.4463999999998</v>
      </c>
      <c r="BH244" s="487" t="str">
        <f t="shared" si="44"/>
        <v/>
      </c>
      <c r="BI244" s="487" t="str">
        <f t="shared" si="44"/>
        <v/>
      </c>
      <c r="BJ244" s="487" t="str">
        <f t="shared" si="44"/>
        <v/>
      </c>
      <c r="BK244" s="487" t="str">
        <f t="shared" si="44"/>
        <v/>
      </c>
      <c r="BL244" s="487" t="str">
        <f t="shared" si="44"/>
        <v/>
      </c>
      <c r="BM244" s="487" t="str">
        <f t="shared" si="44"/>
        <v/>
      </c>
      <c r="BN244" s="487" t="str">
        <f t="shared" si="44"/>
        <v/>
      </c>
      <c r="BO244" s="487" t="str">
        <f t="shared" si="44"/>
        <v/>
      </c>
      <c r="BP244" s="487">
        <f t="shared" si="44"/>
        <v>556723.19999999995</v>
      </c>
      <c r="BQ244" s="487" t="str">
        <f t="shared" si="44"/>
        <v/>
      </c>
      <c r="BR244" s="487" t="str">
        <f t="shared" si="44"/>
        <v/>
      </c>
      <c r="BS244" s="487" t="str">
        <f t="shared" si="44"/>
        <v/>
      </c>
      <c r="BT244" s="487" t="str">
        <f t="shared" si="43"/>
        <v/>
      </c>
      <c r="BU244" s="487" t="str">
        <f t="shared" si="43"/>
        <v/>
      </c>
      <c r="BV244" s="487" t="str">
        <f t="shared" si="43"/>
        <v/>
      </c>
      <c r="BW244" s="487" t="str">
        <f t="shared" si="43"/>
        <v/>
      </c>
      <c r="BX244" s="487" t="str">
        <f t="shared" si="43"/>
        <v/>
      </c>
      <c r="BY244" s="487" t="str">
        <f t="shared" si="43"/>
        <v/>
      </c>
      <c r="BZ244" s="487" t="str">
        <f t="shared" si="43"/>
        <v/>
      </c>
      <c r="CA244" s="487" t="str">
        <f t="shared" si="43"/>
        <v/>
      </c>
      <c r="CB244" s="487" t="str">
        <f t="shared" si="43"/>
        <v/>
      </c>
      <c r="CC244" s="487" t="str">
        <f t="shared" si="43"/>
        <v/>
      </c>
      <c r="CD244" s="487" t="str">
        <f t="shared" si="43"/>
        <v/>
      </c>
      <c r="CE244" s="487" t="str">
        <f t="shared" si="43"/>
        <v/>
      </c>
      <c r="CF244" s="487" t="str">
        <f t="shared" si="46"/>
        <v/>
      </c>
      <c r="CG244" s="487" t="str">
        <f t="shared" si="46"/>
        <v/>
      </c>
      <c r="CH244" s="487" t="str">
        <f t="shared" si="46"/>
        <v/>
      </c>
      <c r="CI244" s="487" t="str">
        <f t="shared" si="46"/>
        <v/>
      </c>
      <c r="CJ244" s="487" t="str">
        <f t="shared" si="46"/>
        <v/>
      </c>
      <c r="CK244" s="487" t="str">
        <f t="shared" si="46"/>
        <v/>
      </c>
      <c r="CL244" s="487" t="str">
        <f t="shared" si="46"/>
        <v/>
      </c>
      <c r="CM244" s="487"/>
      <c r="CN244" s="487"/>
      <c r="CO244" s="487"/>
      <c r="CP244" s="487"/>
      <c r="CQ244" s="487"/>
      <c r="CR244" s="487"/>
      <c r="CS244" s="487"/>
      <c r="CT244" s="487"/>
      <c r="CU244" s="487"/>
      <c r="CV244" s="487"/>
      <c r="CW244" s="487"/>
      <c r="CX244" s="487"/>
      <c r="CY244" s="487"/>
      <c r="CZ244" s="487"/>
      <c r="DA244" s="487"/>
      <c r="DB244" s="487"/>
      <c r="DC244" s="487"/>
      <c r="DD244" s="487"/>
      <c r="DE244" s="487"/>
      <c r="DF244" s="487"/>
      <c r="DG244" s="487"/>
      <c r="DH244" s="487"/>
      <c r="DI244" s="484"/>
      <c r="DJ244" s="484"/>
      <c r="DK244" s="484"/>
    </row>
    <row r="245" spans="1:115" s="354" customFormat="1" ht="56.1" hidden="1" customHeight="1" x14ac:dyDescent="0.2">
      <c r="A245" s="494"/>
      <c r="B245" s="494"/>
      <c r="C245" s="481">
        <v>469</v>
      </c>
      <c r="D245" s="481"/>
      <c r="E245" s="481" t="s">
        <v>2481</v>
      </c>
      <c r="F245" s="482" t="s">
        <v>53</v>
      </c>
      <c r="G245" s="482" t="s">
        <v>515</v>
      </c>
      <c r="H245" s="484" t="s">
        <v>523</v>
      </c>
      <c r="I245" s="484" t="s">
        <v>540</v>
      </c>
      <c r="J245" s="484" t="s">
        <v>540</v>
      </c>
      <c r="K245" s="484"/>
      <c r="L245" s="484" t="s">
        <v>58</v>
      </c>
      <c r="M245" s="484" t="s">
        <v>207</v>
      </c>
      <c r="N245" s="484"/>
      <c r="O245" s="484" t="s">
        <v>388</v>
      </c>
      <c r="P245" s="484" t="s">
        <v>525</v>
      </c>
      <c r="Q245" s="484"/>
      <c r="R245" s="484" t="s">
        <v>208</v>
      </c>
      <c r="S245" s="484" t="s">
        <v>63</v>
      </c>
      <c r="T245" s="484" t="s">
        <v>63</v>
      </c>
      <c r="U245" s="485">
        <v>43494</v>
      </c>
      <c r="V245" s="485"/>
      <c r="W245" s="484" t="s">
        <v>64</v>
      </c>
      <c r="X245" s="484"/>
      <c r="Y245" s="485">
        <v>43494</v>
      </c>
      <c r="Z245" s="484" t="s">
        <v>82</v>
      </c>
      <c r="AA245" s="496"/>
      <c r="AB245" s="496"/>
      <c r="AC245" s="496"/>
      <c r="AD245" s="496"/>
      <c r="AE245" s="496"/>
      <c r="AF245" s="487"/>
      <c r="AG245" s="496"/>
      <c r="AH245" s="496"/>
      <c r="AI245" s="487" t="s">
        <v>66</v>
      </c>
      <c r="AJ245" s="496"/>
      <c r="AK245" s="496"/>
      <c r="AL245" s="496"/>
      <c r="AM245" s="496"/>
      <c r="AN245" s="496"/>
      <c r="AO245" s="496"/>
      <c r="AP245" s="496"/>
      <c r="AQ245" s="496"/>
      <c r="AR245" s="496"/>
      <c r="AS245" s="496"/>
      <c r="AT245" s="496"/>
      <c r="AU245" s="496"/>
      <c r="AV245" s="496"/>
      <c r="AW245" s="496"/>
      <c r="AX245" s="496"/>
      <c r="AY245" s="496"/>
      <c r="AZ245" s="496"/>
      <c r="BA245" s="496"/>
      <c r="BB245" s="496"/>
      <c r="BC245" s="496"/>
      <c r="BD245" s="496"/>
      <c r="BE245" s="496"/>
      <c r="BF245" s="80">
        <f t="shared" si="38"/>
        <v>500</v>
      </c>
      <c r="BG245" s="76">
        <f t="shared" si="49"/>
        <v>86.988</v>
      </c>
      <c r="BH245" s="487" t="str">
        <f t="shared" si="44"/>
        <v/>
      </c>
      <c r="BI245" s="487" t="str">
        <f t="shared" si="44"/>
        <v/>
      </c>
      <c r="BJ245" s="487" t="str">
        <f t="shared" si="44"/>
        <v/>
      </c>
      <c r="BK245" s="487" t="str">
        <f t="shared" si="44"/>
        <v/>
      </c>
      <c r="BL245" s="487" t="str">
        <f t="shared" si="44"/>
        <v/>
      </c>
      <c r="BM245" s="487" t="str">
        <f t="shared" si="44"/>
        <v/>
      </c>
      <c r="BN245" s="487" t="str">
        <f t="shared" si="44"/>
        <v/>
      </c>
      <c r="BO245" s="487" t="str">
        <f t="shared" si="44"/>
        <v/>
      </c>
      <c r="BP245" s="487">
        <f t="shared" si="44"/>
        <v>43494</v>
      </c>
      <c r="BQ245" s="487" t="str">
        <f t="shared" si="44"/>
        <v/>
      </c>
      <c r="BR245" s="487" t="str">
        <f t="shared" si="44"/>
        <v/>
      </c>
      <c r="BS245" s="487" t="str">
        <f t="shared" si="44"/>
        <v/>
      </c>
      <c r="BT245" s="487" t="str">
        <f t="shared" si="43"/>
        <v/>
      </c>
      <c r="BU245" s="487" t="str">
        <f t="shared" si="43"/>
        <v/>
      </c>
      <c r="BV245" s="487" t="str">
        <f t="shared" si="43"/>
        <v/>
      </c>
      <c r="BW245" s="487" t="str">
        <f t="shared" si="43"/>
        <v/>
      </c>
      <c r="BX245" s="487" t="str">
        <f t="shared" si="43"/>
        <v/>
      </c>
      <c r="BY245" s="487" t="str">
        <f t="shared" si="43"/>
        <v/>
      </c>
      <c r="BZ245" s="487" t="str">
        <f t="shared" si="43"/>
        <v/>
      </c>
      <c r="CA245" s="487" t="str">
        <f t="shared" si="43"/>
        <v/>
      </c>
      <c r="CB245" s="487" t="str">
        <f t="shared" si="43"/>
        <v/>
      </c>
      <c r="CC245" s="487" t="str">
        <f t="shared" si="43"/>
        <v/>
      </c>
      <c r="CD245" s="487" t="str">
        <f t="shared" si="43"/>
        <v/>
      </c>
      <c r="CE245" s="487" t="str">
        <f t="shared" si="43"/>
        <v/>
      </c>
      <c r="CF245" s="487" t="str">
        <f t="shared" si="46"/>
        <v/>
      </c>
      <c r="CG245" s="487" t="str">
        <f t="shared" si="46"/>
        <v/>
      </c>
      <c r="CH245" s="487" t="str">
        <f t="shared" si="46"/>
        <v/>
      </c>
      <c r="CI245" s="487" t="str">
        <f t="shared" si="46"/>
        <v/>
      </c>
      <c r="CJ245" s="487" t="str">
        <f t="shared" si="46"/>
        <v/>
      </c>
      <c r="CK245" s="487" t="str">
        <f t="shared" si="46"/>
        <v/>
      </c>
      <c r="CL245" s="487" t="str">
        <f t="shared" si="46"/>
        <v/>
      </c>
      <c r="CM245" s="487"/>
      <c r="CN245" s="487"/>
      <c r="CO245" s="487"/>
      <c r="CP245" s="487"/>
      <c r="CQ245" s="487"/>
      <c r="CR245" s="487"/>
      <c r="CS245" s="487"/>
      <c r="CT245" s="487"/>
      <c r="CU245" s="487"/>
      <c r="CV245" s="487"/>
      <c r="CW245" s="487"/>
      <c r="CX245" s="487"/>
      <c r="CY245" s="487"/>
      <c r="CZ245" s="487"/>
      <c r="DA245" s="487"/>
      <c r="DB245" s="487"/>
      <c r="DC245" s="487"/>
      <c r="DD245" s="487"/>
      <c r="DE245" s="487"/>
      <c r="DF245" s="487"/>
      <c r="DG245" s="487"/>
      <c r="DH245" s="487"/>
      <c r="DI245" s="484"/>
      <c r="DJ245" s="484"/>
      <c r="DK245" s="484"/>
    </row>
    <row r="246" spans="1:115" s="354" customFormat="1" ht="56.1" hidden="1" customHeight="1" x14ac:dyDescent="0.2">
      <c r="A246" s="494"/>
      <c r="B246" s="494"/>
      <c r="C246" s="481">
        <v>470</v>
      </c>
      <c r="D246" s="481"/>
      <c r="E246" s="481" t="s">
        <v>2481</v>
      </c>
      <c r="F246" s="482" t="s">
        <v>53</v>
      </c>
      <c r="G246" s="482" t="s">
        <v>515</v>
      </c>
      <c r="H246" s="484" t="s">
        <v>539</v>
      </c>
      <c r="I246" s="484" t="s">
        <v>541</v>
      </c>
      <c r="J246" s="484" t="s">
        <v>541</v>
      </c>
      <c r="K246" s="484"/>
      <c r="L246" s="484" t="s">
        <v>58</v>
      </c>
      <c r="M246" s="484" t="s">
        <v>207</v>
      </c>
      <c r="N246" s="484"/>
      <c r="O246" s="484" t="s">
        <v>388</v>
      </c>
      <c r="P246" s="484" t="s">
        <v>525</v>
      </c>
      <c r="Q246" s="484"/>
      <c r="R246" s="484" t="s">
        <v>208</v>
      </c>
      <c r="S246" s="484" t="s">
        <v>63</v>
      </c>
      <c r="T246" s="484" t="s">
        <v>63</v>
      </c>
      <c r="U246" s="485">
        <v>105440</v>
      </c>
      <c r="V246" s="485"/>
      <c r="W246" s="484" t="s">
        <v>64</v>
      </c>
      <c r="X246" s="484"/>
      <c r="Y246" s="485">
        <v>105440</v>
      </c>
      <c r="Z246" s="484" t="s">
        <v>82</v>
      </c>
      <c r="AA246" s="496"/>
      <c r="AB246" s="496"/>
      <c r="AC246" s="496"/>
      <c r="AD246" s="496"/>
      <c r="AE246" s="496"/>
      <c r="AF246" s="487"/>
      <c r="AG246" s="496"/>
      <c r="AH246" s="496"/>
      <c r="AI246" s="487" t="s">
        <v>66</v>
      </c>
      <c r="AJ246" s="496"/>
      <c r="AK246" s="496"/>
      <c r="AL246" s="496"/>
      <c r="AM246" s="496"/>
      <c r="AN246" s="496"/>
      <c r="AO246" s="496"/>
      <c r="AP246" s="496"/>
      <c r="AQ246" s="496"/>
      <c r="AR246" s="496"/>
      <c r="AS246" s="496"/>
      <c r="AT246" s="496"/>
      <c r="AU246" s="496"/>
      <c r="AV246" s="496"/>
      <c r="AW246" s="496"/>
      <c r="AX246" s="496"/>
      <c r="AY246" s="496"/>
      <c r="AZ246" s="496"/>
      <c r="BA246" s="496"/>
      <c r="BB246" s="496"/>
      <c r="BC246" s="496"/>
      <c r="BD246" s="496"/>
      <c r="BE246" s="496"/>
      <c r="BF246" s="80">
        <f t="shared" si="38"/>
        <v>500</v>
      </c>
      <c r="BG246" s="76">
        <f t="shared" si="49"/>
        <v>210.88</v>
      </c>
      <c r="BH246" s="487" t="str">
        <f t="shared" si="44"/>
        <v/>
      </c>
      <c r="BI246" s="487" t="str">
        <f t="shared" si="44"/>
        <v/>
      </c>
      <c r="BJ246" s="487" t="str">
        <f t="shared" si="44"/>
        <v/>
      </c>
      <c r="BK246" s="487" t="str">
        <f t="shared" si="44"/>
        <v/>
      </c>
      <c r="BL246" s="487" t="str">
        <f t="shared" si="44"/>
        <v/>
      </c>
      <c r="BM246" s="487" t="str">
        <f t="shared" si="44"/>
        <v/>
      </c>
      <c r="BN246" s="487" t="str">
        <f t="shared" si="44"/>
        <v/>
      </c>
      <c r="BO246" s="487" t="str">
        <f t="shared" si="44"/>
        <v/>
      </c>
      <c r="BP246" s="487">
        <f t="shared" si="44"/>
        <v>105440</v>
      </c>
      <c r="BQ246" s="487" t="str">
        <f t="shared" si="44"/>
        <v/>
      </c>
      <c r="BR246" s="487" t="str">
        <f t="shared" si="44"/>
        <v/>
      </c>
      <c r="BS246" s="487" t="str">
        <f t="shared" si="44"/>
        <v/>
      </c>
      <c r="BT246" s="487" t="str">
        <f t="shared" si="43"/>
        <v/>
      </c>
      <c r="BU246" s="487" t="str">
        <f t="shared" si="43"/>
        <v/>
      </c>
      <c r="BV246" s="487" t="str">
        <f t="shared" si="43"/>
        <v/>
      </c>
      <c r="BW246" s="487" t="str">
        <f t="shared" si="43"/>
        <v/>
      </c>
      <c r="BX246" s="487" t="str">
        <f t="shared" si="43"/>
        <v/>
      </c>
      <c r="BY246" s="487" t="str">
        <f t="shared" si="43"/>
        <v/>
      </c>
      <c r="BZ246" s="487" t="str">
        <f t="shared" si="43"/>
        <v/>
      </c>
      <c r="CA246" s="487" t="str">
        <f t="shared" si="43"/>
        <v/>
      </c>
      <c r="CB246" s="487" t="str">
        <f t="shared" si="43"/>
        <v/>
      </c>
      <c r="CC246" s="487" t="str">
        <f t="shared" si="43"/>
        <v/>
      </c>
      <c r="CD246" s="487" t="str">
        <f t="shared" si="43"/>
        <v/>
      </c>
      <c r="CE246" s="487" t="str">
        <f t="shared" si="43"/>
        <v/>
      </c>
      <c r="CF246" s="487" t="str">
        <f t="shared" si="46"/>
        <v/>
      </c>
      <c r="CG246" s="487" t="str">
        <f t="shared" si="46"/>
        <v/>
      </c>
      <c r="CH246" s="487" t="str">
        <f t="shared" si="46"/>
        <v/>
      </c>
      <c r="CI246" s="487" t="str">
        <f t="shared" si="46"/>
        <v/>
      </c>
      <c r="CJ246" s="487" t="str">
        <f t="shared" si="46"/>
        <v/>
      </c>
      <c r="CK246" s="487" t="str">
        <f t="shared" si="46"/>
        <v/>
      </c>
      <c r="CL246" s="487" t="str">
        <f t="shared" si="46"/>
        <v/>
      </c>
      <c r="CM246" s="487"/>
      <c r="CN246" s="487"/>
      <c r="CO246" s="487"/>
      <c r="CP246" s="487"/>
      <c r="CQ246" s="487"/>
      <c r="CR246" s="487"/>
      <c r="CS246" s="487"/>
      <c r="CT246" s="487"/>
      <c r="CU246" s="487"/>
      <c r="CV246" s="487"/>
      <c r="CW246" s="487"/>
      <c r="CX246" s="487"/>
      <c r="CY246" s="487"/>
      <c r="CZ246" s="487"/>
      <c r="DA246" s="487"/>
      <c r="DB246" s="487"/>
      <c r="DC246" s="487"/>
      <c r="DD246" s="487"/>
      <c r="DE246" s="487"/>
      <c r="DF246" s="487"/>
      <c r="DG246" s="487"/>
      <c r="DH246" s="487"/>
      <c r="DI246" s="484"/>
      <c r="DJ246" s="484"/>
      <c r="DK246" s="484"/>
    </row>
    <row r="247" spans="1:115" s="354" customFormat="1" ht="56.1" hidden="1" customHeight="1" x14ac:dyDescent="0.2">
      <c r="A247" s="494"/>
      <c r="B247" s="494"/>
      <c r="C247" s="481">
        <v>471</v>
      </c>
      <c r="D247" s="481"/>
      <c r="E247" s="481" t="s">
        <v>2481</v>
      </c>
      <c r="F247" s="482" t="s">
        <v>53</v>
      </c>
      <c r="G247" s="482" t="s">
        <v>515</v>
      </c>
      <c r="H247" s="484" t="s">
        <v>528</v>
      </c>
      <c r="I247" s="484" t="s">
        <v>568</v>
      </c>
      <c r="J247" s="484" t="s">
        <v>568</v>
      </c>
      <c r="K247" s="484"/>
      <c r="L247" s="484" t="s">
        <v>58</v>
      </c>
      <c r="M247" s="484" t="s">
        <v>207</v>
      </c>
      <c r="N247" s="484"/>
      <c r="O247" s="484" t="s">
        <v>551</v>
      </c>
      <c r="P247" s="484" t="s">
        <v>525</v>
      </c>
      <c r="Q247" s="484"/>
      <c r="R247" s="484" t="s">
        <v>208</v>
      </c>
      <c r="S247" s="484" t="s">
        <v>63</v>
      </c>
      <c r="T247" s="484" t="s">
        <v>63</v>
      </c>
      <c r="U247" s="485">
        <v>92260</v>
      </c>
      <c r="V247" s="485"/>
      <c r="W247" s="484" t="s">
        <v>64</v>
      </c>
      <c r="X247" s="484"/>
      <c r="Y247" s="485">
        <v>92260</v>
      </c>
      <c r="Z247" s="484" t="s">
        <v>82</v>
      </c>
      <c r="AA247" s="496"/>
      <c r="AB247" s="496"/>
      <c r="AC247" s="496"/>
      <c r="AD247" s="496"/>
      <c r="AE247" s="496"/>
      <c r="AF247" s="487"/>
      <c r="AG247" s="496"/>
      <c r="AH247" s="496"/>
      <c r="AI247" s="487" t="s">
        <v>66</v>
      </c>
      <c r="AJ247" s="496"/>
      <c r="AK247" s="496"/>
      <c r="AL247" s="496"/>
      <c r="AM247" s="496"/>
      <c r="AN247" s="496"/>
      <c r="AO247" s="496"/>
      <c r="AP247" s="496"/>
      <c r="AQ247" s="496"/>
      <c r="AR247" s="496"/>
      <c r="AS247" s="496"/>
      <c r="AT247" s="496"/>
      <c r="AU247" s="496"/>
      <c r="AV247" s="496"/>
      <c r="AW247" s="496"/>
      <c r="AX247" s="496"/>
      <c r="AY247" s="496"/>
      <c r="AZ247" s="496"/>
      <c r="BA247" s="496"/>
      <c r="BB247" s="496"/>
      <c r="BC247" s="496"/>
      <c r="BD247" s="496"/>
      <c r="BE247" s="496"/>
      <c r="BF247" s="80">
        <f t="shared" si="38"/>
        <v>500</v>
      </c>
      <c r="BG247" s="76">
        <f t="shared" si="49"/>
        <v>184.52</v>
      </c>
      <c r="BH247" s="487" t="str">
        <f t="shared" si="44"/>
        <v/>
      </c>
      <c r="BI247" s="487" t="str">
        <f t="shared" si="44"/>
        <v/>
      </c>
      <c r="BJ247" s="487" t="str">
        <f t="shared" si="44"/>
        <v/>
      </c>
      <c r="BK247" s="487" t="str">
        <f t="shared" si="44"/>
        <v/>
      </c>
      <c r="BL247" s="487" t="str">
        <f t="shared" si="44"/>
        <v/>
      </c>
      <c r="BM247" s="487" t="str">
        <f t="shared" si="44"/>
        <v/>
      </c>
      <c r="BN247" s="487" t="str">
        <f t="shared" si="44"/>
        <v/>
      </c>
      <c r="BO247" s="487" t="str">
        <f t="shared" si="44"/>
        <v/>
      </c>
      <c r="BP247" s="487">
        <f t="shared" si="44"/>
        <v>92260</v>
      </c>
      <c r="BQ247" s="487" t="str">
        <f t="shared" si="44"/>
        <v/>
      </c>
      <c r="BR247" s="487" t="str">
        <f t="shared" si="44"/>
        <v/>
      </c>
      <c r="BS247" s="487" t="str">
        <f t="shared" si="44"/>
        <v/>
      </c>
      <c r="BT247" s="487" t="str">
        <f t="shared" si="43"/>
        <v/>
      </c>
      <c r="BU247" s="487" t="str">
        <f t="shared" si="43"/>
        <v/>
      </c>
      <c r="BV247" s="487" t="str">
        <f t="shared" si="43"/>
        <v/>
      </c>
      <c r="BW247" s="487" t="str">
        <f t="shared" si="43"/>
        <v/>
      </c>
      <c r="BX247" s="487" t="str">
        <f t="shared" si="43"/>
        <v/>
      </c>
      <c r="BY247" s="487" t="str">
        <f t="shared" si="43"/>
        <v/>
      </c>
      <c r="BZ247" s="487" t="str">
        <f t="shared" si="43"/>
        <v/>
      </c>
      <c r="CA247" s="487" t="str">
        <f t="shared" si="43"/>
        <v/>
      </c>
      <c r="CB247" s="487" t="str">
        <f t="shared" si="43"/>
        <v/>
      </c>
      <c r="CC247" s="487" t="str">
        <f t="shared" si="43"/>
        <v/>
      </c>
      <c r="CD247" s="487" t="str">
        <f t="shared" si="43"/>
        <v/>
      </c>
      <c r="CE247" s="487" t="str">
        <f t="shared" si="43"/>
        <v/>
      </c>
      <c r="CF247" s="487" t="str">
        <f t="shared" si="46"/>
        <v/>
      </c>
      <c r="CG247" s="487" t="str">
        <f t="shared" si="46"/>
        <v/>
      </c>
      <c r="CH247" s="487" t="str">
        <f t="shared" si="46"/>
        <v/>
      </c>
      <c r="CI247" s="487" t="str">
        <f t="shared" si="46"/>
        <v/>
      </c>
      <c r="CJ247" s="487" t="str">
        <f t="shared" si="46"/>
        <v/>
      </c>
      <c r="CK247" s="487" t="str">
        <f t="shared" si="46"/>
        <v/>
      </c>
      <c r="CL247" s="487" t="str">
        <f t="shared" si="46"/>
        <v/>
      </c>
      <c r="CM247" s="487"/>
      <c r="CN247" s="487"/>
      <c r="CO247" s="487"/>
      <c r="CP247" s="487"/>
      <c r="CQ247" s="487"/>
      <c r="CR247" s="487"/>
      <c r="CS247" s="487"/>
      <c r="CT247" s="487"/>
      <c r="CU247" s="487"/>
      <c r="CV247" s="487"/>
      <c r="CW247" s="487"/>
      <c r="CX247" s="487"/>
      <c r="CY247" s="487"/>
      <c r="CZ247" s="487"/>
      <c r="DA247" s="487"/>
      <c r="DB247" s="487"/>
      <c r="DC247" s="487"/>
      <c r="DD247" s="487"/>
      <c r="DE247" s="487"/>
      <c r="DF247" s="487"/>
      <c r="DG247" s="487"/>
      <c r="DH247" s="487"/>
      <c r="DI247" s="484"/>
      <c r="DJ247" s="484"/>
      <c r="DK247" s="484"/>
    </row>
    <row r="248" spans="1:115" s="354" customFormat="1" ht="56.1" hidden="1" customHeight="1" x14ac:dyDescent="0.2">
      <c r="A248" s="494"/>
      <c r="B248" s="494"/>
      <c r="C248" s="481">
        <v>472</v>
      </c>
      <c r="D248" s="481"/>
      <c r="E248" s="481" t="s">
        <v>2481</v>
      </c>
      <c r="F248" s="482" t="s">
        <v>53</v>
      </c>
      <c r="G248" s="482" t="s">
        <v>515</v>
      </c>
      <c r="H248" s="484" t="s">
        <v>530</v>
      </c>
      <c r="I248" s="484" t="s">
        <v>569</v>
      </c>
      <c r="J248" s="484" t="s">
        <v>569</v>
      </c>
      <c r="K248" s="484"/>
      <c r="L248" s="484" t="s">
        <v>58</v>
      </c>
      <c r="M248" s="484" t="s">
        <v>207</v>
      </c>
      <c r="N248" s="484"/>
      <c r="O248" s="484" t="s">
        <v>551</v>
      </c>
      <c r="P248" s="484" t="s">
        <v>525</v>
      </c>
      <c r="Q248" s="484"/>
      <c r="R248" s="484" t="s">
        <v>208</v>
      </c>
      <c r="S248" s="484" t="s">
        <v>63</v>
      </c>
      <c r="T248" s="484" t="s">
        <v>63</v>
      </c>
      <c r="U248" s="485">
        <v>108735</v>
      </c>
      <c r="V248" s="485"/>
      <c r="W248" s="484" t="s">
        <v>64</v>
      </c>
      <c r="X248" s="484"/>
      <c r="Y248" s="485">
        <v>108735</v>
      </c>
      <c r="Z248" s="484" t="s">
        <v>82</v>
      </c>
      <c r="AA248" s="496"/>
      <c r="AB248" s="496"/>
      <c r="AC248" s="496"/>
      <c r="AD248" s="496"/>
      <c r="AE248" s="496"/>
      <c r="AF248" s="487"/>
      <c r="AG248" s="496"/>
      <c r="AH248" s="496"/>
      <c r="AI248" s="487" t="s">
        <v>66</v>
      </c>
      <c r="AJ248" s="496"/>
      <c r="AK248" s="496"/>
      <c r="AL248" s="496"/>
      <c r="AM248" s="496"/>
      <c r="AN248" s="496"/>
      <c r="AO248" s="496"/>
      <c r="AP248" s="496"/>
      <c r="AQ248" s="496"/>
      <c r="AR248" s="496"/>
      <c r="AS248" s="496"/>
      <c r="AT248" s="496"/>
      <c r="AU248" s="496"/>
      <c r="AV248" s="496"/>
      <c r="AW248" s="496"/>
      <c r="AX248" s="496"/>
      <c r="AY248" s="496"/>
      <c r="AZ248" s="496"/>
      <c r="BA248" s="496"/>
      <c r="BB248" s="496"/>
      <c r="BC248" s="496"/>
      <c r="BD248" s="496"/>
      <c r="BE248" s="496"/>
      <c r="BF248" s="80">
        <f t="shared" si="38"/>
        <v>500</v>
      </c>
      <c r="BG248" s="76">
        <f t="shared" si="49"/>
        <v>217.47</v>
      </c>
      <c r="BH248" s="487" t="str">
        <f t="shared" si="44"/>
        <v/>
      </c>
      <c r="BI248" s="487" t="str">
        <f t="shared" si="44"/>
        <v/>
      </c>
      <c r="BJ248" s="487" t="str">
        <f t="shared" si="44"/>
        <v/>
      </c>
      <c r="BK248" s="487" t="str">
        <f t="shared" si="44"/>
        <v/>
      </c>
      <c r="BL248" s="487" t="str">
        <f t="shared" si="44"/>
        <v/>
      </c>
      <c r="BM248" s="487" t="str">
        <f t="shared" si="44"/>
        <v/>
      </c>
      <c r="BN248" s="487" t="str">
        <f t="shared" si="44"/>
        <v/>
      </c>
      <c r="BO248" s="487" t="str">
        <f t="shared" si="44"/>
        <v/>
      </c>
      <c r="BP248" s="487">
        <f t="shared" si="44"/>
        <v>108735</v>
      </c>
      <c r="BQ248" s="487" t="str">
        <f t="shared" si="44"/>
        <v/>
      </c>
      <c r="BR248" s="487" t="str">
        <f t="shared" si="44"/>
        <v/>
      </c>
      <c r="BS248" s="487" t="str">
        <f t="shared" si="44"/>
        <v/>
      </c>
      <c r="BT248" s="487" t="str">
        <f t="shared" si="43"/>
        <v/>
      </c>
      <c r="BU248" s="487" t="str">
        <f t="shared" si="43"/>
        <v/>
      </c>
      <c r="BV248" s="487" t="str">
        <f t="shared" si="43"/>
        <v/>
      </c>
      <c r="BW248" s="487" t="str">
        <f t="shared" si="43"/>
        <v/>
      </c>
      <c r="BX248" s="487" t="str">
        <f t="shared" si="43"/>
        <v/>
      </c>
      <c r="BY248" s="487" t="str">
        <f t="shared" si="43"/>
        <v/>
      </c>
      <c r="BZ248" s="487" t="str">
        <f t="shared" si="43"/>
        <v/>
      </c>
      <c r="CA248" s="487" t="str">
        <f t="shared" si="43"/>
        <v/>
      </c>
      <c r="CB248" s="487" t="str">
        <f t="shared" si="43"/>
        <v/>
      </c>
      <c r="CC248" s="487" t="str">
        <f t="shared" si="43"/>
        <v/>
      </c>
      <c r="CD248" s="487" t="str">
        <f t="shared" si="43"/>
        <v/>
      </c>
      <c r="CE248" s="487" t="str">
        <f t="shared" si="43"/>
        <v/>
      </c>
      <c r="CF248" s="487" t="str">
        <f t="shared" si="46"/>
        <v/>
      </c>
      <c r="CG248" s="487" t="str">
        <f t="shared" si="46"/>
        <v/>
      </c>
      <c r="CH248" s="487" t="str">
        <f t="shared" si="46"/>
        <v/>
      </c>
      <c r="CI248" s="487" t="str">
        <f t="shared" si="46"/>
        <v/>
      </c>
      <c r="CJ248" s="487" t="str">
        <f t="shared" si="46"/>
        <v/>
      </c>
      <c r="CK248" s="487" t="str">
        <f t="shared" si="46"/>
        <v/>
      </c>
      <c r="CL248" s="487" t="str">
        <f t="shared" si="46"/>
        <v/>
      </c>
      <c r="CM248" s="487"/>
      <c r="CN248" s="487"/>
      <c r="CO248" s="487"/>
      <c r="CP248" s="487"/>
      <c r="CQ248" s="487"/>
      <c r="CR248" s="487"/>
      <c r="CS248" s="487"/>
      <c r="CT248" s="487"/>
      <c r="CU248" s="487"/>
      <c r="CV248" s="487"/>
      <c r="CW248" s="487"/>
      <c r="CX248" s="487"/>
      <c r="CY248" s="487"/>
      <c r="CZ248" s="487"/>
      <c r="DA248" s="487"/>
      <c r="DB248" s="487"/>
      <c r="DC248" s="487"/>
      <c r="DD248" s="487"/>
      <c r="DE248" s="487"/>
      <c r="DF248" s="487"/>
      <c r="DG248" s="487"/>
      <c r="DH248" s="487"/>
      <c r="DI248" s="484"/>
      <c r="DJ248" s="484"/>
      <c r="DK248" s="484"/>
    </row>
    <row r="249" spans="1:115" s="354" customFormat="1" ht="56.1" hidden="1" customHeight="1" x14ac:dyDescent="0.2">
      <c r="A249" s="494"/>
      <c r="B249" s="494"/>
      <c r="C249" s="481">
        <v>473</v>
      </c>
      <c r="D249" s="481"/>
      <c r="E249" s="481" t="s">
        <v>2481</v>
      </c>
      <c r="F249" s="482" t="s">
        <v>53</v>
      </c>
      <c r="G249" s="482" t="s">
        <v>515</v>
      </c>
      <c r="H249" s="484" t="s">
        <v>533</v>
      </c>
      <c r="I249" s="484" t="s">
        <v>534</v>
      </c>
      <c r="J249" s="484" t="s">
        <v>534</v>
      </c>
      <c r="K249" s="484"/>
      <c r="L249" s="484" t="s">
        <v>58</v>
      </c>
      <c r="M249" s="484" t="s">
        <v>207</v>
      </c>
      <c r="N249" s="484"/>
      <c r="O249" s="484" t="s">
        <v>81</v>
      </c>
      <c r="P249" s="484" t="s">
        <v>334</v>
      </c>
      <c r="Q249" s="484"/>
      <c r="R249" s="484" t="s">
        <v>208</v>
      </c>
      <c r="S249" s="484" t="s">
        <v>63</v>
      </c>
      <c r="T249" s="484" t="s">
        <v>63</v>
      </c>
      <c r="U249" s="485">
        <v>88965</v>
      </c>
      <c r="V249" s="485"/>
      <c r="W249" s="484" t="s">
        <v>64</v>
      </c>
      <c r="X249" s="484"/>
      <c r="Y249" s="485">
        <v>88965</v>
      </c>
      <c r="Z249" s="484" t="s">
        <v>82</v>
      </c>
      <c r="AA249" s="496"/>
      <c r="AB249" s="496"/>
      <c r="AC249" s="496"/>
      <c r="AD249" s="496"/>
      <c r="AE249" s="496"/>
      <c r="AF249" s="487"/>
      <c r="AG249" s="496"/>
      <c r="AH249" s="496"/>
      <c r="AI249" s="487" t="s">
        <v>66</v>
      </c>
      <c r="AJ249" s="496"/>
      <c r="AK249" s="496"/>
      <c r="AL249" s="496"/>
      <c r="AM249" s="496"/>
      <c r="AN249" s="496"/>
      <c r="AO249" s="496"/>
      <c r="AP249" s="496"/>
      <c r="AQ249" s="496"/>
      <c r="AR249" s="496"/>
      <c r="AS249" s="496"/>
      <c r="AT249" s="496"/>
      <c r="AU249" s="496"/>
      <c r="AV249" s="496"/>
      <c r="AW249" s="496"/>
      <c r="AX249" s="496"/>
      <c r="AY249" s="496"/>
      <c r="AZ249" s="496"/>
      <c r="BA249" s="496"/>
      <c r="BB249" s="496"/>
      <c r="BC249" s="496"/>
      <c r="BD249" s="496"/>
      <c r="BE249" s="496"/>
      <c r="BF249" s="80">
        <f t="shared" si="38"/>
        <v>500</v>
      </c>
      <c r="BG249" s="76">
        <f t="shared" si="49"/>
        <v>177.93</v>
      </c>
      <c r="BH249" s="487" t="str">
        <f t="shared" si="44"/>
        <v/>
      </c>
      <c r="BI249" s="487" t="str">
        <f t="shared" si="44"/>
        <v/>
      </c>
      <c r="BJ249" s="487" t="str">
        <f t="shared" si="44"/>
        <v/>
      </c>
      <c r="BK249" s="487" t="str">
        <f t="shared" si="44"/>
        <v/>
      </c>
      <c r="BL249" s="487" t="str">
        <f t="shared" si="44"/>
        <v/>
      </c>
      <c r="BM249" s="487" t="str">
        <f t="shared" si="44"/>
        <v/>
      </c>
      <c r="BN249" s="487" t="str">
        <f t="shared" si="44"/>
        <v/>
      </c>
      <c r="BO249" s="487" t="str">
        <f t="shared" si="44"/>
        <v/>
      </c>
      <c r="BP249" s="487">
        <f t="shared" si="44"/>
        <v>88965</v>
      </c>
      <c r="BQ249" s="487" t="str">
        <f t="shared" si="44"/>
        <v/>
      </c>
      <c r="BR249" s="487" t="str">
        <f t="shared" si="44"/>
        <v/>
      </c>
      <c r="BS249" s="487" t="str">
        <f t="shared" si="44"/>
        <v/>
      </c>
      <c r="BT249" s="487" t="str">
        <f t="shared" si="43"/>
        <v/>
      </c>
      <c r="BU249" s="487" t="str">
        <f t="shared" si="43"/>
        <v/>
      </c>
      <c r="BV249" s="487" t="str">
        <f t="shared" si="43"/>
        <v/>
      </c>
      <c r="BW249" s="487" t="str">
        <f t="shared" si="43"/>
        <v/>
      </c>
      <c r="BX249" s="487" t="str">
        <f t="shared" si="43"/>
        <v/>
      </c>
      <c r="BY249" s="487" t="str">
        <f t="shared" si="43"/>
        <v/>
      </c>
      <c r="BZ249" s="487" t="str">
        <f t="shared" si="43"/>
        <v/>
      </c>
      <c r="CA249" s="487" t="str">
        <f t="shared" si="43"/>
        <v/>
      </c>
      <c r="CB249" s="487" t="str">
        <f t="shared" si="43"/>
        <v/>
      </c>
      <c r="CC249" s="487" t="str">
        <f t="shared" si="43"/>
        <v/>
      </c>
      <c r="CD249" s="487" t="str">
        <f t="shared" si="43"/>
        <v/>
      </c>
      <c r="CE249" s="487" t="str">
        <f t="shared" si="43"/>
        <v/>
      </c>
      <c r="CF249" s="487" t="str">
        <f t="shared" si="46"/>
        <v/>
      </c>
      <c r="CG249" s="487" t="str">
        <f t="shared" si="46"/>
        <v/>
      </c>
      <c r="CH249" s="487" t="str">
        <f t="shared" si="46"/>
        <v/>
      </c>
      <c r="CI249" s="487" t="str">
        <f t="shared" si="46"/>
        <v/>
      </c>
      <c r="CJ249" s="487" t="str">
        <f t="shared" si="46"/>
        <v/>
      </c>
      <c r="CK249" s="487" t="str">
        <f t="shared" si="46"/>
        <v/>
      </c>
      <c r="CL249" s="487" t="str">
        <f t="shared" si="46"/>
        <v/>
      </c>
      <c r="CM249" s="487"/>
      <c r="CN249" s="487"/>
      <c r="CO249" s="487"/>
      <c r="CP249" s="487"/>
      <c r="CQ249" s="487"/>
      <c r="CR249" s="487"/>
      <c r="CS249" s="487"/>
      <c r="CT249" s="487"/>
      <c r="CU249" s="487"/>
      <c r="CV249" s="487"/>
      <c r="CW249" s="487"/>
      <c r="CX249" s="487"/>
      <c r="CY249" s="487"/>
      <c r="CZ249" s="487"/>
      <c r="DA249" s="487"/>
      <c r="DB249" s="487"/>
      <c r="DC249" s="487"/>
      <c r="DD249" s="487"/>
      <c r="DE249" s="487"/>
      <c r="DF249" s="487"/>
      <c r="DG249" s="487"/>
      <c r="DH249" s="487"/>
      <c r="DI249" s="484"/>
      <c r="DJ249" s="484"/>
      <c r="DK249" s="484"/>
    </row>
    <row r="250" spans="1:115" s="354" customFormat="1" ht="56.1" hidden="1" customHeight="1" x14ac:dyDescent="0.2">
      <c r="A250" s="77" t="s">
        <v>2492</v>
      </c>
      <c r="B250" s="77" t="s">
        <v>2493</v>
      </c>
      <c r="C250" s="481">
        <v>474</v>
      </c>
      <c r="D250" s="481"/>
      <c r="E250" s="481" t="s">
        <v>2481</v>
      </c>
      <c r="F250" s="482" t="s">
        <v>53</v>
      </c>
      <c r="G250" s="482" t="s">
        <v>515</v>
      </c>
      <c r="H250" s="484" t="s">
        <v>548</v>
      </c>
      <c r="I250" s="484" t="s">
        <v>536</v>
      </c>
      <c r="J250" s="484" t="s">
        <v>536</v>
      </c>
      <c r="K250" s="484"/>
      <c r="L250" s="484" t="s">
        <v>58</v>
      </c>
      <c r="M250" s="484" t="s">
        <v>2493</v>
      </c>
      <c r="N250" s="484"/>
      <c r="O250" s="497" t="s">
        <v>60</v>
      </c>
      <c r="P250" s="484" t="s">
        <v>334</v>
      </c>
      <c r="Q250" s="484"/>
      <c r="R250" s="484" t="s">
        <v>570</v>
      </c>
      <c r="S250" s="484" t="s">
        <v>63</v>
      </c>
      <c r="T250" s="484" t="s">
        <v>63</v>
      </c>
      <c r="U250" s="485">
        <v>71058.124799999991</v>
      </c>
      <c r="V250" s="485"/>
      <c r="W250" s="484" t="s">
        <v>64</v>
      </c>
      <c r="X250" s="484"/>
      <c r="Y250" s="485">
        <v>71058.124799999991</v>
      </c>
      <c r="Z250" s="484" t="s">
        <v>82</v>
      </c>
      <c r="AA250" s="496"/>
      <c r="AB250" s="496"/>
      <c r="AC250" s="496"/>
      <c r="AD250" s="496"/>
      <c r="AE250" s="496"/>
      <c r="AF250" s="487"/>
      <c r="AG250" s="496"/>
      <c r="AH250" s="496"/>
      <c r="AI250" s="496"/>
      <c r="AJ250" s="496"/>
      <c r="AK250" s="496"/>
      <c r="AL250" s="496"/>
      <c r="AM250" s="487" t="s">
        <v>66</v>
      </c>
      <c r="AN250" s="496"/>
      <c r="AO250" s="496"/>
      <c r="AP250" s="496"/>
      <c r="AQ250" s="496"/>
      <c r="AR250" s="496"/>
      <c r="AS250" s="496"/>
      <c r="AT250" s="496"/>
      <c r="AU250" s="496"/>
      <c r="AV250" s="496"/>
      <c r="AW250" s="496"/>
      <c r="AX250" s="496"/>
      <c r="AY250" s="496"/>
      <c r="AZ250" s="496"/>
      <c r="BA250" s="496"/>
      <c r="BB250" s="496"/>
      <c r="BC250" s="496"/>
      <c r="BD250" s="496"/>
      <c r="BE250" s="496"/>
      <c r="BF250" s="80">
        <f t="shared" si="38"/>
        <v>234</v>
      </c>
      <c r="BG250" s="76">
        <f t="shared" si="49"/>
        <v>303.66719999999998</v>
      </c>
      <c r="BH250" s="487" t="str">
        <f t="shared" si="44"/>
        <v/>
      </c>
      <c r="BI250" s="487" t="str">
        <f t="shared" si="44"/>
        <v/>
      </c>
      <c r="BJ250" s="487" t="str">
        <f t="shared" si="44"/>
        <v/>
      </c>
      <c r="BK250" s="487" t="str">
        <f t="shared" si="44"/>
        <v/>
      </c>
      <c r="BL250" s="487" t="str">
        <f t="shared" si="44"/>
        <v/>
      </c>
      <c r="BM250" s="487" t="str">
        <f t="shared" si="44"/>
        <v/>
      </c>
      <c r="BN250" s="487" t="str">
        <f t="shared" si="44"/>
        <v/>
      </c>
      <c r="BO250" s="487" t="str">
        <f t="shared" si="44"/>
        <v/>
      </c>
      <c r="BP250" s="487" t="str">
        <f t="shared" si="44"/>
        <v/>
      </c>
      <c r="BQ250" s="487" t="str">
        <f t="shared" si="44"/>
        <v/>
      </c>
      <c r="BR250" s="487" t="str">
        <f t="shared" si="44"/>
        <v/>
      </c>
      <c r="BS250" s="487" t="str">
        <f t="shared" si="44"/>
        <v/>
      </c>
      <c r="BT250" s="487">
        <f t="shared" si="43"/>
        <v>71058.124799999991</v>
      </c>
      <c r="BU250" s="487" t="str">
        <f t="shared" si="43"/>
        <v/>
      </c>
      <c r="BV250" s="487" t="str">
        <f t="shared" si="43"/>
        <v/>
      </c>
      <c r="BW250" s="487" t="str">
        <f t="shared" si="43"/>
        <v/>
      </c>
      <c r="BX250" s="487" t="str">
        <f t="shared" si="43"/>
        <v/>
      </c>
      <c r="BY250" s="487" t="str">
        <f t="shared" si="43"/>
        <v/>
      </c>
      <c r="BZ250" s="487" t="str">
        <f t="shared" si="43"/>
        <v/>
      </c>
      <c r="CA250" s="487" t="str">
        <f t="shared" si="43"/>
        <v/>
      </c>
      <c r="CB250" s="487" t="str">
        <f t="shared" si="43"/>
        <v/>
      </c>
      <c r="CC250" s="487" t="str">
        <f t="shared" si="43"/>
        <v/>
      </c>
      <c r="CD250" s="487" t="str">
        <f t="shared" si="43"/>
        <v/>
      </c>
      <c r="CE250" s="487" t="str">
        <f t="shared" si="43"/>
        <v/>
      </c>
      <c r="CF250" s="487" t="str">
        <f t="shared" si="46"/>
        <v/>
      </c>
      <c r="CG250" s="487" t="str">
        <f t="shared" si="46"/>
        <v/>
      </c>
      <c r="CH250" s="487" t="str">
        <f t="shared" si="46"/>
        <v/>
      </c>
      <c r="CI250" s="487" t="str">
        <f t="shared" si="46"/>
        <v/>
      </c>
      <c r="CJ250" s="487" t="str">
        <f t="shared" si="46"/>
        <v/>
      </c>
      <c r="CK250" s="487" t="str">
        <f t="shared" si="46"/>
        <v/>
      </c>
      <c r="CL250" s="487" t="str">
        <f t="shared" si="46"/>
        <v/>
      </c>
      <c r="CM250" s="487"/>
      <c r="CN250" s="487"/>
      <c r="CO250" s="487"/>
      <c r="CP250" s="487"/>
      <c r="CQ250" s="487"/>
      <c r="CR250" s="487"/>
      <c r="CS250" s="487"/>
      <c r="CT250" s="487"/>
      <c r="CU250" s="487"/>
      <c r="CV250" s="487"/>
      <c r="CW250" s="487"/>
      <c r="CX250" s="487"/>
      <c r="CY250" s="487"/>
      <c r="CZ250" s="487"/>
      <c r="DA250" s="487"/>
      <c r="DB250" s="487"/>
      <c r="DC250" s="487"/>
      <c r="DD250" s="487"/>
      <c r="DE250" s="487"/>
      <c r="DF250" s="487"/>
      <c r="DG250" s="487"/>
      <c r="DH250" s="487"/>
      <c r="DI250" s="484"/>
      <c r="DJ250" s="484"/>
      <c r="DK250" s="484"/>
    </row>
    <row r="251" spans="1:115" s="354" customFormat="1" ht="56.1" hidden="1" customHeight="1" x14ac:dyDescent="0.2">
      <c r="A251" s="77" t="s">
        <v>2492</v>
      </c>
      <c r="B251" s="77" t="s">
        <v>2493</v>
      </c>
      <c r="C251" s="481">
        <v>475</v>
      </c>
      <c r="D251" s="481"/>
      <c r="E251" s="481" t="s">
        <v>2481</v>
      </c>
      <c r="F251" s="482" t="s">
        <v>53</v>
      </c>
      <c r="G251" s="482" t="s">
        <v>515</v>
      </c>
      <c r="H251" s="484" t="s">
        <v>518</v>
      </c>
      <c r="I251" s="484" t="s">
        <v>520</v>
      </c>
      <c r="J251" s="484" t="s">
        <v>520</v>
      </c>
      <c r="K251" s="484"/>
      <c r="L251" s="484" t="s">
        <v>58</v>
      </c>
      <c r="M251" s="484" t="s">
        <v>2493</v>
      </c>
      <c r="N251" s="484"/>
      <c r="O251" s="497" t="s">
        <v>8</v>
      </c>
      <c r="P251" s="484" t="s">
        <v>334</v>
      </c>
      <c r="Q251" s="484"/>
      <c r="R251" s="484" t="s">
        <v>570</v>
      </c>
      <c r="S251" s="484" t="s">
        <v>63</v>
      </c>
      <c r="T251" s="484" t="s">
        <v>63</v>
      </c>
      <c r="U251" s="485">
        <v>186527.57759999999</v>
      </c>
      <c r="V251" s="485"/>
      <c r="W251" s="484" t="s">
        <v>64</v>
      </c>
      <c r="X251" s="484"/>
      <c r="Y251" s="485">
        <v>186527.57759999999</v>
      </c>
      <c r="Z251" s="484" t="s">
        <v>82</v>
      </c>
      <c r="AA251" s="496"/>
      <c r="AB251" s="496"/>
      <c r="AC251" s="496"/>
      <c r="AD251" s="496"/>
      <c r="AE251" s="496"/>
      <c r="AF251" s="487"/>
      <c r="AG251" s="496"/>
      <c r="AH251" s="496"/>
      <c r="AI251" s="496"/>
      <c r="AJ251" s="496"/>
      <c r="AK251" s="496"/>
      <c r="AL251" s="496"/>
      <c r="AM251" s="487" t="s">
        <v>66</v>
      </c>
      <c r="AN251" s="496"/>
      <c r="AO251" s="496"/>
      <c r="AP251" s="496"/>
      <c r="AQ251" s="496"/>
      <c r="AR251" s="496"/>
      <c r="AS251" s="496"/>
      <c r="AT251" s="496"/>
      <c r="AU251" s="496"/>
      <c r="AV251" s="496"/>
      <c r="AW251" s="496"/>
      <c r="AX251" s="496"/>
      <c r="AY251" s="496"/>
      <c r="AZ251" s="496"/>
      <c r="BA251" s="496"/>
      <c r="BB251" s="496"/>
      <c r="BC251" s="496"/>
      <c r="BD251" s="496"/>
      <c r="BE251" s="496"/>
      <c r="BF251" s="80">
        <f t="shared" si="38"/>
        <v>234</v>
      </c>
      <c r="BG251" s="76">
        <f t="shared" si="49"/>
        <v>797.12639999999999</v>
      </c>
      <c r="BH251" s="487" t="str">
        <f t="shared" si="44"/>
        <v/>
      </c>
      <c r="BI251" s="487" t="str">
        <f t="shared" si="44"/>
        <v/>
      </c>
      <c r="BJ251" s="487" t="str">
        <f t="shared" si="44"/>
        <v/>
      </c>
      <c r="BK251" s="487" t="str">
        <f t="shared" si="44"/>
        <v/>
      </c>
      <c r="BL251" s="487" t="str">
        <f t="shared" si="44"/>
        <v/>
      </c>
      <c r="BM251" s="487" t="str">
        <f t="shared" si="44"/>
        <v/>
      </c>
      <c r="BN251" s="487" t="str">
        <f t="shared" si="44"/>
        <v/>
      </c>
      <c r="BO251" s="487" t="str">
        <f t="shared" si="44"/>
        <v/>
      </c>
      <c r="BP251" s="487" t="str">
        <f t="shared" si="44"/>
        <v/>
      </c>
      <c r="BQ251" s="487" t="str">
        <f t="shared" si="44"/>
        <v/>
      </c>
      <c r="BR251" s="487" t="str">
        <f t="shared" si="44"/>
        <v/>
      </c>
      <c r="BS251" s="487" t="str">
        <f t="shared" si="44"/>
        <v/>
      </c>
      <c r="BT251" s="487">
        <f t="shared" si="43"/>
        <v>186527.57759999999</v>
      </c>
      <c r="BU251" s="487" t="str">
        <f t="shared" si="43"/>
        <v/>
      </c>
      <c r="BV251" s="487" t="str">
        <f t="shared" si="43"/>
        <v/>
      </c>
      <c r="BW251" s="487" t="str">
        <f t="shared" si="43"/>
        <v/>
      </c>
      <c r="BX251" s="487" t="str">
        <f t="shared" si="43"/>
        <v/>
      </c>
      <c r="BY251" s="487" t="str">
        <f t="shared" si="43"/>
        <v/>
      </c>
      <c r="BZ251" s="487" t="str">
        <f t="shared" si="43"/>
        <v/>
      </c>
      <c r="CA251" s="487" t="str">
        <f t="shared" si="43"/>
        <v/>
      </c>
      <c r="CB251" s="487" t="str">
        <f t="shared" si="43"/>
        <v/>
      </c>
      <c r="CC251" s="487" t="str">
        <f t="shared" si="43"/>
        <v/>
      </c>
      <c r="CD251" s="487" t="str">
        <f t="shared" si="43"/>
        <v/>
      </c>
      <c r="CE251" s="487" t="str">
        <f t="shared" si="43"/>
        <v/>
      </c>
      <c r="CF251" s="487" t="str">
        <f t="shared" si="46"/>
        <v/>
      </c>
      <c r="CG251" s="487" t="str">
        <f t="shared" si="46"/>
        <v/>
      </c>
      <c r="CH251" s="487" t="str">
        <f t="shared" si="46"/>
        <v/>
      </c>
      <c r="CI251" s="487" t="str">
        <f t="shared" si="46"/>
        <v/>
      </c>
      <c r="CJ251" s="487" t="str">
        <f t="shared" si="46"/>
        <v/>
      </c>
      <c r="CK251" s="487" t="str">
        <f t="shared" si="46"/>
        <v/>
      </c>
      <c r="CL251" s="487" t="str">
        <f t="shared" si="46"/>
        <v/>
      </c>
      <c r="CM251" s="487"/>
      <c r="CN251" s="487"/>
      <c r="CO251" s="487"/>
      <c r="CP251" s="487"/>
      <c r="CQ251" s="487"/>
      <c r="CR251" s="487"/>
      <c r="CS251" s="487"/>
      <c r="CT251" s="487"/>
      <c r="CU251" s="487"/>
      <c r="CV251" s="487"/>
      <c r="CW251" s="487"/>
      <c r="CX251" s="487"/>
      <c r="CY251" s="487"/>
      <c r="CZ251" s="487"/>
      <c r="DA251" s="487"/>
      <c r="DB251" s="487"/>
      <c r="DC251" s="487"/>
      <c r="DD251" s="487"/>
      <c r="DE251" s="487"/>
      <c r="DF251" s="487"/>
      <c r="DG251" s="487"/>
      <c r="DH251" s="487"/>
      <c r="DI251" s="484"/>
      <c r="DJ251" s="484"/>
      <c r="DK251" s="484"/>
    </row>
    <row r="252" spans="1:115" s="354" customFormat="1" ht="56.1" hidden="1" customHeight="1" x14ac:dyDescent="0.2">
      <c r="A252" s="77" t="s">
        <v>2492</v>
      </c>
      <c r="B252" s="77" t="s">
        <v>2493</v>
      </c>
      <c r="C252" s="481">
        <v>476</v>
      </c>
      <c r="D252" s="481"/>
      <c r="E252" s="481" t="s">
        <v>2481</v>
      </c>
      <c r="F252" s="482" t="s">
        <v>53</v>
      </c>
      <c r="G252" s="482" t="s">
        <v>515</v>
      </c>
      <c r="H252" s="484" t="s">
        <v>521</v>
      </c>
      <c r="I252" s="484" t="s">
        <v>522</v>
      </c>
      <c r="J252" s="484" t="s">
        <v>522</v>
      </c>
      <c r="K252" s="484"/>
      <c r="L252" s="484" t="s">
        <v>58</v>
      </c>
      <c r="M252" s="484" t="s">
        <v>2493</v>
      </c>
      <c r="N252" s="484"/>
      <c r="O252" s="497" t="s">
        <v>8</v>
      </c>
      <c r="P252" s="484" t="s">
        <v>334</v>
      </c>
      <c r="Q252" s="484"/>
      <c r="R252" s="484" t="s">
        <v>570</v>
      </c>
      <c r="S252" s="484" t="s">
        <v>63</v>
      </c>
      <c r="T252" s="484" t="s">
        <v>63</v>
      </c>
      <c r="U252" s="485">
        <v>260546.45759999999</v>
      </c>
      <c r="V252" s="485"/>
      <c r="W252" s="484" t="s">
        <v>64</v>
      </c>
      <c r="X252" s="484"/>
      <c r="Y252" s="485">
        <v>260546.45759999999</v>
      </c>
      <c r="Z252" s="484" t="s">
        <v>82</v>
      </c>
      <c r="AA252" s="496"/>
      <c r="AB252" s="496"/>
      <c r="AC252" s="496"/>
      <c r="AD252" s="496"/>
      <c r="AE252" s="496"/>
      <c r="AF252" s="487"/>
      <c r="AG252" s="496"/>
      <c r="AH252" s="496"/>
      <c r="AI252" s="496"/>
      <c r="AJ252" s="496"/>
      <c r="AK252" s="496"/>
      <c r="AL252" s="496"/>
      <c r="AM252" s="487" t="s">
        <v>66</v>
      </c>
      <c r="AN252" s="496"/>
      <c r="AO252" s="496"/>
      <c r="AP252" s="496"/>
      <c r="AQ252" s="496"/>
      <c r="AR252" s="496"/>
      <c r="AS252" s="496"/>
      <c r="AT252" s="496"/>
      <c r="AU252" s="496"/>
      <c r="AV252" s="496"/>
      <c r="AW252" s="496"/>
      <c r="AX252" s="496"/>
      <c r="AY252" s="496"/>
      <c r="AZ252" s="496"/>
      <c r="BA252" s="496"/>
      <c r="BB252" s="496"/>
      <c r="BC252" s="496"/>
      <c r="BD252" s="496"/>
      <c r="BE252" s="496"/>
      <c r="BF252" s="80">
        <f t="shared" si="38"/>
        <v>234</v>
      </c>
      <c r="BG252" s="76">
        <f t="shared" si="49"/>
        <v>1113.4464</v>
      </c>
      <c r="BH252" s="487" t="str">
        <f t="shared" si="44"/>
        <v/>
      </c>
      <c r="BI252" s="487" t="str">
        <f t="shared" si="44"/>
        <v/>
      </c>
      <c r="BJ252" s="487" t="str">
        <f t="shared" si="44"/>
        <v/>
      </c>
      <c r="BK252" s="487" t="str">
        <f t="shared" si="44"/>
        <v/>
      </c>
      <c r="BL252" s="487" t="str">
        <f t="shared" si="44"/>
        <v/>
      </c>
      <c r="BM252" s="487" t="str">
        <f t="shared" si="44"/>
        <v/>
      </c>
      <c r="BN252" s="487" t="str">
        <f t="shared" si="44"/>
        <v/>
      </c>
      <c r="BO252" s="487" t="str">
        <f t="shared" si="44"/>
        <v/>
      </c>
      <c r="BP252" s="487" t="str">
        <f t="shared" si="44"/>
        <v/>
      </c>
      <c r="BQ252" s="487" t="str">
        <f t="shared" si="44"/>
        <v/>
      </c>
      <c r="BR252" s="487" t="str">
        <f t="shared" si="44"/>
        <v/>
      </c>
      <c r="BS252" s="487" t="str">
        <f t="shared" si="44"/>
        <v/>
      </c>
      <c r="BT252" s="487">
        <f t="shared" si="43"/>
        <v>260546.45760000002</v>
      </c>
      <c r="BU252" s="487" t="str">
        <f t="shared" si="43"/>
        <v/>
      </c>
      <c r="BV252" s="487" t="str">
        <f t="shared" si="43"/>
        <v/>
      </c>
      <c r="BW252" s="487" t="str">
        <f t="shared" si="43"/>
        <v/>
      </c>
      <c r="BX252" s="487" t="str">
        <f t="shared" si="43"/>
        <v/>
      </c>
      <c r="BY252" s="487" t="str">
        <f t="shared" si="43"/>
        <v/>
      </c>
      <c r="BZ252" s="487" t="str">
        <f t="shared" si="43"/>
        <v/>
      </c>
      <c r="CA252" s="487" t="str">
        <f t="shared" si="43"/>
        <v/>
      </c>
      <c r="CB252" s="487" t="str">
        <f t="shared" si="43"/>
        <v/>
      </c>
      <c r="CC252" s="487" t="str">
        <f t="shared" si="43"/>
        <v/>
      </c>
      <c r="CD252" s="487" t="str">
        <f t="shared" si="43"/>
        <v/>
      </c>
      <c r="CE252" s="487" t="str">
        <f t="shared" si="43"/>
        <v/>
      </c>
      <c r="CF252" s="487" t="str">
        <f t="shared" si="46"/>
        <v/>
      </c>
      <c r="CG252" s="487" t="str">
        <f t="shared" si="46"/>
        <v/>
      </c>
      <c r="CH252" s="487" t="str">
        <f t="shared" si="46"/>
        <v/>
      </c>
      <c r="CI252" s="487" t="str">
        <f t="shared" si="46"/>
        <v/>
      </c>
      <c r="CJ252" s="487" t="str">
        <f t="shared" si="46"/>
        <v/>
      </c>
      <c r="CK252" s="487" t="str">
        <f t="shared" si="46"/>
        <v/>
      </c>
      <c r="CL252" s="487" t="str">
        <f t="shared" si="46"/>
        <v/>
      </c>
      <c r="CM252" s="487"/>
      <c r="CN252" s="487"/>
      <c r="CO252" s="487"/>
      <c r="CP252" s="487"/>
      <c r="CQ252" s="487"/>
      <c r="CR252" s="487"/>
      <c r="CS252" s="487"/>
      <c r="CT252" s="487"/>
      <c r="CU252" s="487"/>
      <c r="CV252" s="487"/>
      <c r="CW252" s="487"/>
      <c r="CX252" s="487"/>
      <c r="CY252" s="487"/>
      <c r="CZ252" s="487"/>
      <c r="DA252" s="487"/>
      <c r="DB252" s="487"/>
      <c r="DC252" s="487"/>
      <c r="DD252" s="487"/>
      <c r="DE252" s="487"/>
      <c r="DF252" s="487"/>
      <c r="DG252" s="487"/>
      <c r="DH252" s="487"/>
      <c r="DI252" s="484"/>
      <c r="DJ252" s="484"/>
      <c r="DK252" s="484"/>
    </row>
    <row r="253" spans="1:115" s="354" customFormat="1" ht="56.1" hidden="1" customHeight="1" x14ac:dyDescent="0.2">
      <c r="A253" s="77" t="s">
        <v>2492</v>
      </c>
      <c r="B253" s="77" t="s">
        <v>2493</v>
      </c>
      <c r="C253" s="481">
        <v>477</v>
      </c>
      <c r="D253" s="481"/>
      <c r="E253" s="481" t="s">
        <v>2481</v>
      </c>
      <c r="F253" s="482" t="s">
        <v>53</v>
      </c>
      <c r="G253" s="482" t="s">
        <v>515</v>
      </c>
      <c r="H253" s="484" t="s">
        <v>523</v>
      </c>
      <c r="I253" s="484" t="s">
        <v>540</v>
      </c>
      <c r="J253" s="484" t="s">
        <v>540</v>
      </c>
      <c r="K253" s="484"/>
      <c r="L253" s="484" t="s">
        <v>58</v>
      </c>
      <c r="M253" s="484" t="s">
        <v>2493</v>
      </c>
      <c r="N253" s="484"/>
      <c r="O253" s="484" t="s">
        <v>388</v>
      </c>
      <c r="P253" s="484" t="s">
        <v>525</v>
      </c>
      <c r="Q253" s="484"/>
      <c r="R253" s="484" t="s">
        <v>570</v>
      </c>
      <c r="S253" s="484" t="s">
        <v>63</v>
      </c>
      <c r="T253" s="484" t="s">
        <v>63</v>
      </c>
      <c r="U253" s="485">
        <v>43494</v>
      </c>
      <c r="V253" s="485"/>
      <c r="W253" s="484" t="s">
        <v>64</v>
      </c>
      <c r="X253" s="484"/>
      <c r="Y253" s="485">
        <v>43494</v>
      </c>
      <c r="Z253" s="484" t="s">
        <v>82</v>
      </c>
      <c r="AA253" s="496"/>
      <c r="AB253" s="496"/>
      <c r="AC253" s="496"/>
      <c r="AD253" s="496"/>
      <c r="AE253" s="496"/>
      <c r="AF253" s="487"/>
      <c r="AG253" s="496"/>
      <c r="AH253" s="496"/>
      <c r="AI253" s="496"/>
      <c r="AJ253" s="496"/>
      <c r="AK253" s="496"/>
      <c r="AL253" s="496"/>
      <c r="AM253" s="487" t="s">
        <v>66</v>
      </c>
      <c r="AN253" s="496"/>
      <c r="AO253" s="496"/>
      <c r="AP253" s="496"/>
      <c r="AQ253" s="496"/>
      <c r="AR253" s="496"/>
      <c r="AS253" s="496"/>
      <c r="AT253" s="496"/>
      <c r="AU253" s="496"/>
      <c r="AV253" s="496"/>
      <c r="AW253" s="496"/>
      <c r="AX253" s="496"/>
      <c r="AY253" s="496"/>
      <c r="AZ253" s="496"/>
      <c r="BA253" s="496"/>
      <c r="BB253" s="496"/>
      <c r="BC253" s="496"/>
      <c r="BD253" s="496"/>
      <c r="BE253" s="496"/>
      <c r="BF253" s="80">
        <f t="shared" si="38"/>
        <v>234</v>
      </c>
      <c r="BG253" s="76">
        <f t="shared" si="49"/>
        <v>185.87179487179486</v>
      </c>
      <c r="BH253" s="487" t="str">
        <f t="shared" si="44"/>
        <v/>
      </c>
      <c r="BI253" s="487" t="str">
        <f t="shared" si="44"/>
        <v/>
      </c>
      <c r="BJ253" s="487" t="str">
        <f t="shared" si="44"/>
        <v/>
      </c>
      <c r="BK253" s="487" t="str">
        <f t="shared" si="44"/>
        <v/>
      </c>
      <c r="BL253" s="487" t="str">
        <f t="shared" si="44"/>
        <v/>
      </c>
      <c r="BM253" s="487" t="str">
        <f t="shared" si="44"/>
        <v/>
      </c>
      <c r="BN253" s="487" t="str">
        <f t="shared" si="44"/>
        <v/>
      </c>
      <c r="BO253" s="487" t="str">
        <f t="shared" si="44"/>
        <v/>
      </c>
      <c r="BP253" s="487" t="str">
        <f t="shared" si="44"/>
        <v/>
      </c>
      <c r="BQ253" s="487" t="str">
        <f t="shared" si="44"/>
        <v/>
      </c>
      <c r="BR253" s="487" t="str">
        <f t="shared" si="44"/>
        <v/>
      </c>
      <c r="BS253" s="487" t="str">
        <f t="shared" si="44"/>
        <v/>
      </c>
      <c r="BT253" s="487">
        <f t="shared" si="43"/>
        <v>43494</v>
      </c>
      <c r="BU253" s="487" t="str">
        <f t="shared" si="43"/>
        <v/>
      </c>
      <c r="BV253" s="487" t="str">
        <f t="shared" si="43"/>
        <v/>
      </c>
      <c r="BW253" s="487" t="str">
        <f t="shared" si="43"/>
        <v/>
      </c>
      <c r="BX253" s="487" t="str">
        <f t="shared" si="43"/>
        <v/>
      </c>
      <c r="BY253" s="487" t="str">
        <f t="shared" si="43"/>
        <v/>
      </c>
      <c r="BZ253" s="487" t="str">
        <f t="shared" si="43"/>
        <v/>
      </c>
      <c r="CA253" s="487" t="str">
        <f t="shared" si="43"/>
        <v/>
      </c>
      <c r="CB253" s="487" t="str">
        <f t="shared" si="43"/>
        <v/>
      </c>
      <c r="CC253" s="487" t="str">
        <f t="shared" si="43"/>
        <v/>
      </c>
      <c r="CD253" s="487" t="str">
        <f t="shared" si="43"/>
        <v/>
      </c>
      <c r="CE253" s="487" t="str">
        <f t="shared" si="43"/>
        <v/>
      </c>
      <c r="CF253" s="487" t="str">
        <f t="shared" si="46"/>
        <v/>
      </c>
      <c r="CG253" s="487" t="str">
        <f t="shared" si="46"/>
        <v/>
      </c>
      <c r="CH253" s="487" t="str">
        <f t="shared" si="46"/>
        <v/>
      </c>
      <c r="CI253" s="487" t="str">
        <f t="shared" ref="CI253:CL316" si="50">IF(BB253="yes",(BB$2*$BG253),"")</f>
        <v/>
      </c>
      <c r="CJ253" s="487" t="str">
        <f t="shared" si="50"/>
        <v/>
      </c>
      <c r="CK253" s="487" t="str">
        <f t="shared" si="50"/>
        <v/>
      </c>
      <c r="CL253" s="487" t="str">
        <f t="shared" si="50"/>
        <v/>
      </c>
      <c r="CM253" s="487"/>
      <c r="CN253" s="487"/>
      <c r="CO253" s="487"/>
      <c r="CP253" s="487"/>
      <c r="CQ253" s="487"/>
      <c r="CR253" s="487"/>
      <c r="CS253" s="487"/>
      <c r="CT253" s="487"/>
      <c r="CU253" s="487"/>
      <c r="CV253" s="487"/>
      <c r="CW253" s="487"/>
      <c r="CX253" s="487"/>
      <c r="CY253" s="487"/>
      <c r="CZ253" s="487"/>
      <c r="DA253" s="487"/>
      <c r="DB253" s="487"/>
      <c r="DC253" s="487"/>
      <c r="DD253" s="487"/>
      <c r="DE253" s="487"/>
      <c r="DF253" s="487"/>
      <c r="DG253" s="487"/>
      <c r="DH253" s="487"/>
      <c r="DI253" s="484"/>
      <c r="DJ253" s="484"/>
      <c r="DK253" s="484"/>
    </row>
    <row r="254" spans="1:115" s="354" customFormat="1" ht="56.1" hidden="1" customHeight="1" x14ac:dyDescent="0.2">
      <c r="A254" s="77" t="s">
        <v>2492</v>
      </c>
      <c r="B254" s="77" t="s">
        <v>2493</v>
      </c>
      <c r="C254" s="481">
        <v>478</v>
      </c>
      <c r="D254" s="481"/>
      <c r="E254" s="481" t="s">
        <v>2481</v>
      </c>
      <c r="F254" s="482" t="s">
        <v>53</v>
      </c>
      <c r="G254" s="482" t="s">
        <v>515</v>
      </c>
      <c r="H254" s="484" t="s">
        <v>539</v>
      </c>
      <c r="I254" s="484" t="s">
        <v>541</v>
      </c>
      <c r="J254" s="484" t="s">
        <v>541</v>
      </c>
      <c r="K254" s="484"/>
      <c r="L254" s="484" t="s">
        <v>58</v>
      </c>
      <c r="M254" s="484" t="s">
        <v>2493</v>
      </c>
      <c r="N254" s="484"/>
      <c r="O254" s="484" t="s">
        <v>388</v>
      </c>
      <c r="P254" s="484" t="s">
        <v>525</v>
      </c>
      <c r="Q254" s="484"/>
      <c r="R254" s="484" t="s">
        <v>570</v>
      </c>
      <c r="S254" s="484" t="s">
        <v>63</v>
      </c>
      <c r="T254" s="484" t="s">
        <v>63</v>
      </c>
      <c r="U254" s="485">
        <v>105440</v>
      </c>
      <c r="V254" s="485"/>
      <c r="W254" s="484" t="s">
        <v>64</v>
      </c>
      <c r="X254" s="484"/>
      <c r="Y254" s="485">
        <v>105440</v>
      </c>
      <c r="Z254" s="484" t="s">
        <v>82</v>
      </c>
      <c r="AA254" s="496"/>
      <c r="AB254" s="496"/>
      <c r="AC254" s="496"/>
      <c r="AD254" s="496"/>
      <c r="AE254" s="496"/>
      <c r="AF254" s="487"/>
      <c r="AG254" s="496"/>
      <c r="AH254" s="496"/>
      <c r="AI254" s="496"/>
      <c r="AJ254" s="496"/>
      <c r="AK254" s="496"/>
      <c r="AL254" s="496"/>
      <c r="AM254" s="487" t="s">
        <v>66</v>
      </c>
      <c r="AN254" s="496"/>
      <c r="AO254" s="496"/>
      <c r="AP254" s="496"/>
      <c r="AQ254" s="496"/>
      <c r="AR254" s="496"/>
      <c r="AS254" s="496"/>
      <c r="AT254" s="496"/>
      <c r="AU254" s="496"/>
      <c r="AV254" s="496"/>
      <c r="AW254" s="496"/>
      <c r="AX254" s="496"/>
      <c r="AY254" s="496"/>
      <c r="AZ254" s="496"/>
      <c r="BA254" s="496"/>
      <c r="BB254" s="496"/>
      <c r="BC254" s="496"/>
      <c r="BD254" s="496"/>
      <c r="BE254" s="496"/>
      <c r="BF254" s="80">
        <f t="shared" si="38"/>
        <v>234</v>
      </c>
      <c r="BG254" s="76">
        <f t="shared" si="49"/>
        <v>450.59829059829059</v>
      </c>
      <c r="BH254" s="487" t="str">
        <f t="shared" si="44"/>
        <v/>
      </c>
      <c r="BI254" s="487" t="str">
        <f t="shared" si="44"/>
        <v/>
      </c>
      <c r="BJ254" s="487" t="str">
        <f t="shared" si="44"/>
        <v/>
      </c>
      <c r="BK254" s="487" t="str">
        <f t="shared" si="44"/>
        <v/>
      </c>
      <c r="BL254" s="487" t="str">
        <f t="shared" si="44"/>
        <v/>
      </c>
      <c r="BM254" s="487" t="str">
        <f t="shared" si="44"/>
        <v/>
      </c>
      <c r="BN254" s="487" t="str">
        <f t="shared" si="44"/>
        <v/>
      </c>
      <c r="BO254" s="487" t="str">
        <f t="shared" si="44"/>
        <v/>
      </c>
      <c r="BP254" s="487" t="str">
        <f t="shared" si="44"/>
        <v/>
      </c>
      <c r="BQ254" s="487" t="str">
        <f t="shared" si="44"/>
        <v/>
      </c>
      <c r="BR254" s="487" t="str">
        <f t="shared" si="44"/>
        <v/>
      </c>
      <c r="BS254" s="487" t="str">
        <f t="shared" si="44"/>
        <v/>
      </c>
      <c r="BT254" s="487">
        <f t="shared" si="44"/>
        <v>105440</v>
      </c>
      <c r="BU254" s="487" t="str">
        <f t="shared" si="44"/>
        <v/>
      </c>
      <c r="BV254" s="487" t="str">
        <f t="shared" si="44"/>
        <v/>
      </c>
      <c r="BW254" s="487" t="str">
        <f t="shared" si="44"/>
        <v/>
      </c>
      <c r="BX254" s="487" t="str">
        <f t="shared" ref="BX254:CH277" si="51">IF(AQ254="yes",(AQ$2*$BG254),"")</f>
        <v/>
      </c>
      <c r="BY254" s="487" t="str">
        <f t="shared" si="51"/>
        <v/>
      </c>
      <c r="BZ254" s="487" t="str">
        <f t="shared" si="51"/>
        <v/>
      </c>
      <c r="CA254" s="487" t="str">
        <f t="shared" si="51"/>
        <v/>
      </c>
      <c r="CB254" s="487" t="str">
        <f t="shared" si="51"/>
        <v/>
      </c>
      <c r="CC254" s="487" t="str">
        <f t="shared" si="51"/>
        <v/>
      </c>
      <c r="CD254" s="487" t="str">
        <f t="shared" si="51"/>
        <v/>
      </c>
      <c r="CE254" s="487" t="str">
        <f t="shared" si="51"/>
        <v/>
      </c>
      <c r="CF254" s="487" t="str">
        <f t="shared" si="51"/>
        <v/>
      </c>
      <c r="CG254" s="487" t="str">
        <f t="shared" si="51"/>
        <v/>
      </c>
      <c r="CH254" s="487" t="str">
        <f t="shared" si="51"/>
        <v/>
      </c>
      <c r="CI254" s="487" t="str">
        <f t="shared" si="50"/>
        <v/>
      </c>
      <c r="CJ254" s="487" t="str">
        <f t="shared" si="50"/>
        <v/>
      </c>
      <c r="CK254" s="487" t="str">
        <f t="shared" si="50"/>
        <v/>
      </c>
      <c r="CL254" s="487" t="str">
        <f t="shared" si="50"/>
        <v/>
      </c>
      <c r="CM254" s="487"/>
      <c r="CN254" s="487"/>
      <c r="CO254" s="487"/>
      <c r="CP254" s="487"/>
      <c r="CQ254" s="487"/>
      <c r="CR254" s="487"/>
      <c r="CS254" s="487"/>
      <c r="CT254" s="487"/>
      <c r="CU254" s="487"/>
      <c r="CV254" s="487"/>
      <c r="CW254" s="487"/>
      <c r="CX254" s="487"/>
      <c r="CY254" s="487"/>
      <c r="CZ254" s="487"/>
      <c r="DA254" s="487"/>
      <c r="DB254" s="487"/>
      <c r="DC254" s="487"/>
      <c r="DD254" s="487"/>
      <c r="DE254" s="487"/>
      <c r="DF254" s="487"/>
      <c r="DG254" s="487"/>
      <c r="DH254" s="487"/>
      <c r="DI254" s="484"/>
      <c r="DJ254" s="484"/>
      <c r="DK254" s="484"/>
    </row>
    <row r="255" spans="1:115" s="354" customFormat="1" ht="56.1" hidden="1" customHeight="1" x14ac:dyDescent="0.2">
      <c r="A255" s="77" t="s">
        <v>2492</v>
      </c>
      <c r="B255" s="77" t="s">
        <v>2493</v>
      </c>
      <c r="C255" s="481">
        <v>479</v>
      </c>
      <c r="D255" s="481"/>
      <c r="E255" s="481" t="s">
        <v>2481</v>
      </c>
      <c r="F255" s="482" t="s">
        <v>53</v>
      </c>
      <c r="G255" s="482" t="s">
        <v>515</v>
      </c>
      <c r="H255" s="484" t="s">
        <v>528</v>
      </c>
      <c r="I255" s="484" t="s">
        <v>542</v>
      </c>
      <c r="J255" s="484" t="s">
        <v>542</v>
      </c>
      <c r="K255" s="484"/>
      <c r="L255" s="484" t="s">
        <v>58</v>
      </c>
      <c r="M255" s="484" t="s">
        <v>2493</v>
      </c>
      <c r="N255" s="484"/>
      <c r="O255" s="484" t="s">
        <v>388</v>
      </c>
      <c r="P255" s="484" t="s">
        <v>525</v>
      </c>
      <c r="Q255" s="484"/>
      <c r="R255" s="484" t="s">
        <v>570</v>
      </c>
      <c r="S255" s="484" t="s">
        <v>63</v>
      </c>
      <c r="T255" s="484" t="s">
        <v>63</v>
      </c>
      <c r="U255" s="485">
        <v>184520</v>
      </c>
      <c r="V255" s="485"/>
      <c r="W255" s="484" t="s">
        <v>64</v>
      </c>
      <c r="X255" s="484"/>
      <c r="Y255" s="485">
        <v>184520</v>
      </c>
      <c r="Z255" s="484" t="s">
        <v>82</v>
      </c>
      <c r="AA255" s="496"/>
      <c r="AB255" s="496"/>
      <c r="AC255" s="496"/>
      <c r="AD255" s="496"/>
      <c r="AE255" s="496"/>
      <c r="AF255" s="487"/>
      <c r="AG255" s="496"/>
      <c r="AH255" s="496"/>
      <c r="AI255" s="496"/>
      <c r="AJ255" s="496"/>
      <c r="AK255" s="496"/>
      <c r="AL255" s="496"/>
      <c r="AM255" s="487" t="s">
        <v>66</v>
      </c>
      <c r="AN255" s="496"/>
      <c r="AO255" s="496"/>
      <c r="AP255" s="496"/>
      <c r="AQ255" s="496"/>
      <c r="AR255" s="496"/>
      <c r="AS255" s="496"/>
      <c r="AT255" s="496"/>
      <c r="AU255" s="496"/>
      <c r="AV255" s="496"/>
      <c r="AW255" s="496"/>
      <c r="AX255" s="496"/>
      <c r="AY255" s="496"/>
      <c r="AZ255" s="496"/>
      <c r="BA255" s="496"/>
      <c r="BB255" s="496"/>
      <c r="BC255" s="496"/>
      <c r="BD255" s="496"/>
      <c r="BE255" s="496"/>
      <c r="BF255" s="80">
        <f t="shared" si="38"/>
        <v>234</v>
      </c>
      <c r="BG255" s="76">
        <f t="shared" si="49"/>
        <v>788.54700854700855</v>
      </c>
      <c r="BH255" s="487" t="str">
        <f t="shared" si="44"/>
        <v/>
      </c>
      <c r="BI255" s="487" t="str">
        <f t="shared" si="44"/>
        <v/>
      </c>
      <c r="BJ255" s="487" t="str">
        <f t="shared" si="44"/>
        <v/>
      </c>
      <c r="BK255" s="487" t="str">
        <f t="shared" si="44"/>
        <v/>
      </c>
      <c r="BL255" s="487" t="str">
        <f t="shared" si="44"/>
        <v/>
      </c>
      <c r="BM255" s="487" t="str">
        <f t="shared" si="44"/>
        <v/>
      </c>
      <c r="BN255" s="487" t="str">
        <f t="shared" si="44"/>
        <v/>
      </c>
      <c r="BO255" s="487" t="str">
        <f t="shared" si="44"/>
        <v/>
      </c>
      <c r="BP255" s="487" t="str">
        <f t="shared" si="44"/>
        <v/>
      </c>
      <c r="BQ255" s="487" t="str">
        <f t="shared" si="44"/>
        <v/>
      </c>
      <c r="BR255" s="487" t="str">
        <f t="shared" si="44"/>
        <v/>
      </c>
      <c r="BS255" s="487" t="str">
        <f t="shared" si="44"/>
        <v/>
      </c>
      <c r="BT255" s="487">
        <f t="shared" si="44"/>
        <v>184520</v>
      </c>
      <c r="BU255" s="487" t="str">
        <f t="shared" si="44"/>
        <v/>
      </c>
      <c r="BV255" s="487" t="str">
        <f t="shared" si="44"/>
        <v/>
      </c>
      <c r="BW255" s="487" t="str">
        <f t="shared" si="44"/>
        <v/>
      </c>
      <c r="BX255" s="487" t="str">
        <f t="shared" si="51"/>
        <v/>
      </c>
      <c r="BY255" s="487" t="str">
        <f t="shared" si="51"/>
        <v/>
      </c>
      <c r="BZ255" s="487" t="str">
        <f t="shared" si="51"/>
        <v/>
      </c>
      <c r="CA255" s="487" t="str">
        <f t="shared" si="51"/>
        <v/>
      </c>
      <c r="CB255" s="487" t="str">
        <f t="shared" si="51"/>
        <v/>
      </c>
      <c r="CC255" s="487" t="str">
        <f t="shared" si="51"/>
        <v/>
      </c>
      <c r="CD255" s="487" t="str">
        <f t="shared" si="51"/>
        <v/>
      </c>
      <c r="CE255" s="487" t="str">
        <f t="shared" si="51"/>
        <v/>
      </c>
      <c r="CF255" s="487" t="str">
        <f t="shared" si="51"/>
        <v/>
      </c>
      <c r="CG255" s="487" t="str">
        <f t="shared" si="51"/>
        <v/>
      </c>
      <c r="CH255" s="487" t="str">
        <f t="shared" si="51"/>
        <v/>
      </c>
      <c r="CI255" s="487" t="str">
        <f t="shared" si="50"/>
        <v/>
      </c>
      <c r="CJ255" s="487" t="str">
        <f t="shared" si="50"/>
        <v/>
      </c>
      <c r="CK255" s="487" t="str">
        <f t="shared" si="50"/>
        <v/>
      </c>
      <c r="CL255" s="487" t="str">
        <f t="shared" si="50"/>
        <v/>
      </c>
      <c r="CM255" s="487"/>
      <c r="CN255" s="487"/>
      <c r="CO255" s="487"/>
      <c r="CP255" s="487"/>
      <c r="CQ255" s="487"/>
      <c r="CR255" s="487"/>
      <c r="CS255" s="487"/>
      <c r="CT255" s="487"/>
      <c r="CU255" s="487"/>
      <c r="CV255" s="487"/>
      <c r="CW255" s="487"/>
      <c r="CX255" s="487"/>
      <c r="CY255" s="487"/>
      <c r="CZ255" s="487"/>
      <c r="DA255" s="487"/>
      <c r="DB255" s="487"/>
      <c r="DC255" s="487"/>
      <c r="DD255" s="487"/>
      <c r="DE255" s="487"/>
      <c r="DF255" s="487"/>
      <c r="DG255" s="487"/>
      <c r="DH255" s="487"/>
      <c r="DI255" s="484"/>
      <c r="DJ255" s="484"/>
      <c r="DK255" s="484"/>
    </row>
    <row r="256" spans="1:115" s="354" customFormat="1" ht="56.1" hidden="1" customHeight="1" x14ac:dyDescent="0.2">
      <c r="A256" s="77" t="s">
        <v>2492</v>
      </c>
      <c r="B256" s="77" t="s">
        <v>2493</v>
      </c>
      <c r="C256" s="481">
        <v>480</v>
      </c>
      <c r="D256" s="481"/>
      <c r="E256" s="481" t="s">
        <v>2481</v>
      </c>
      <c r="F256" s="482" t="s">
        <v>53</v>
      </c>
      <c r="G256" s="482" t="s">
        <v>515</v>
      </c>
      <c r="H256" s="484" t="s">
        <v>530</v>
      </c>
      <c r="I256" s="484" t="s">
        <v>532</v>
      </c>
      <c r="J256" s="484" t="s">
        <v>532</v>
      </c>
      <c r="K256" s="484"/>
      <c r="L256" s="484" t="s">
        <v>58</v>
      </c>
      <c r="M256" s="484" t="s">
        <v>2493</v>
      </c>
      <c r="N256" s="484"/>
      <c r="O256" s="484" t="s">
        <v>8</v>
      </c>
      <c r="P256" s="484" t="s">
        <v>525</v>
      </c>
      <c r="Q256" s="484"/>
      <c r="R256" s="484" t="s">
        <v>570</v>
      </c>
      <c r="S256" s="484" t="s">
        <v>63</v>
      </c>
      <c r="T256" s="484" t="s">
        <v>63</v>
      </c>
      <c r="U256" s="485">
        <v>0</v>
      </c>
      <c r="V256" s="485"/>
      <c r="W256" s="484" t="s">
        <v>64</v>
      </c>
      <c r="X256" s="484"/>
      <c r="Y256" s="485">
        <v>0</v>
      </c>
      <c r="Z256" s="484" t="s">
        <v>82</v>
      </c>
      <c r="AA256" s="496"/>
      <c r="AB256" s="496"/>
      <c r="AC256" s="496"/>
      <c r="AD256" s="496"/>
      <c r="AE256" s="496"/>
      <c r="AF256" s="487"/>
      <c r="AG256" s="496"/>
      <c r="AH256" s="496"/>
      <c r="AI256" s="496"/>
      <c r="AJ256" s="496"/>
      <c r="AK256" s="496"/>
      <c r="AL256" s="496"/>
      <c r="AM256" s="487" t="s">
        <v>66</v>
      </c>
      <c r="AN256" s="496"/>
      <c r="AO256" s="496"/>
      <c r="AP256" s="496"/>
      <c r="AQ256" s="496"/>
      <c r="AR256" s="496"/>
      <c r="AS256" s="496"/>
      <c r="AT256" s="496"/>
      <c r="AU256" s="496"/>
      <c r="AV256" s="496"/>
      <c r="AW256" s="496"/>
      <c r="AX256" s="496"/>
      <c r="AY256" s="496"/>
      <c r="AZ256" s="496"/>
      <c r="BA256" s="496"/>
      <c r="BB256" s="496"/>
      <c r="BC256" s="496"/>
      <c r="BD256" s="496"/>
      <c r="BE256" s="496"/>
      <c r="BF256" s="80">
        <f t="shared" si="38"/>
        <v>234</v>
      </c>
      <c r="BG256" s="76"/>
      <c r="BH256" s="487" t="str">
        <f t="shared" si="44"/>
        <v/>
      </c>
      <c r="BI256" s="487" t="str">
        <f t="shared" si="44"/>
        <v/>
      </c>
      <c r="BJ256" s="487" t="str">
        <f t="shared" si="44"/>
        <v/>
      </c>
      <c r="BK256" s="487" t="str">
        <f t="shared" si="44"/>
        <v/>
      </c>
      <c r="BL256" s="487" t="str">
        <f t="shared" si="44"/>
        <v/>
      </c>
      <c r="BM256" s="487" t="str">
        <f t="shared" si="44"/>
        <v/>
      </c>
      <c r="BN256" s="487" t="str">
        <f t="shared" si="44"/>
        <v/>
      </c>
      <c r="BO256" s="487" t="str">
        <f t="shared" ref="BO256:BY283" si="52">IF(AH256="yes",(AH$2*$BG256),"")</f>
        <v/>
      </c>
      <c r="BP256" s="487" t="str">
        <f t="shared" si="52"/>
        <v/>
      </c>
      <c r="BQ256" s="487" t="str">
        <f t="shared" si="52"/>
        <v/>
      </c>
      <c r="BR256" s="487" t="str">
        <f t="shared" si="52"/>
        <v/>
      </c>
      <c r="BS256" s="487" t="str">
        <f t="shared" si="52"/>
        <v/>
      </c>
      <c r="BT256" s="487">
        <f t="shared" si="52"/>
        <v>0</v>
      </c>
      <c r="BU256" s="487" t="str">
        <f t="shared" si="52"/>
        <v/>
      </c>
      <c r="BV256" s="487" t="str">
        <f t="shared" si="52"/>
        <v/>
      </c>
      <c r="BW256" s="487" t="str">
        <f t="shared" si="52"/>
        <v/>
      </c>
      <c r="BX256" s="487" t="str">
        <f t="shared" si="51"/>
        <v/>
      </c>
      <c r="BY256" s="487" t="str">
        <f t="shared" si="51"/>
        <v/>
      </c>
      <c r="BZ256" s="487" t="str">
        <f t="shared" si="51"/>
        <v/>
      </c>
      <c r="CA256" s="487" t="str">
        <f t="shared" si="51"/>
        <v/>
      </c>
      <c r="CB256" s="487" t="str">
        <f t="shared" si="51"/>
        <v/>
      </c>
      <c r="CC256" s="487" t="str">
        <f t="shared" si="51"/>
        <v/>
      </c>
      <c r="CD256" s="487" t="str">
        <f t="shared" si="51"/>
        <v/>
      </c>
      <c r="CE256" s="487" t="str">
        <f t="shared" si="51"/>
        <v/>
      </c>
      <c r="CF256" s="487" t="str">
        <f t="shared" si="51"/>
        <v/>
      </c>
      <c r="CG256" s="487" t="str">
        <f t="shared" si="51"/>
        <v/>
      </c>
      <c r="CH256" s="487" t="str">
        <f t="shared" si="51"/>
        <v/>
      </c>
      <c r="CI256" s="487" t="str">
        <f t="shared" si="50"/>
        <v/>
      </c>
      <c r="CJ256" s="487" t="str">
        <f t="shared" si="50"/>
        <v/>
      </c>
      <c r="CK256" s="487" t="str">
        <f t="shared" si="50"/>
        <v/>
      </c>
      <c r="CL256" s="487" t="str">
        <f t="shared" si="50"/>
        <v/>
      </c>
      <c r="CM256" s="487"/>
      <c r="CN256" s="487"/>
      <c r="CO256" s="487"/>
      <c r="CP256" s="487"/>
      <c r="CQ256" s="487"/>
      <c r="CR256" s="487"/>
      <c r="CS256" s="487"/>
      <c r="CT256" s="487"/>
      <c r="CU256" s="487"/>
      <c r="CV256" s="487"/>
      <c r="CW256" s="487"/>
      <c r="CX256" s="487"/>
      <c r="CY256" s="487"/>
      <c r="CZ256" s="487"/>
      <c r="DA256" s="487"/>
      <c r="DB256" s="487"/>
      <c r="DC256" s="487"/>
      <c r="DD256" s="487"/>
      <c r="DE256" s="487"/>
      <c r="DF256" s="487"/>
      <c r="DG256" s="487"/>
      <c r="DH256" s="487"/>
      <c r="DI256" s="484"/>
      <c r="DJ256" s="484"/>
      <c r="DK256" s="484"/>
    </row>
    <row r="257" spans="1:115" s="354" customFormat="1" ht="56.1" hidden="1" customHeight="1" x14ac:dyDescent="0.2">
      <c r="A257" s="77" t="s">
        <v>2492</v>
      </c>
      <c r="B257" s="77" t="s">
        <v>2493</v>
      </c>
      <c r="C257" s="481">
        <v>481</v>
      </c>
      <c r="D257" s="481"/>
      <c r="E257" s="481" t="s">
        <v>2481</v>
      </c>
      <c r="F257" s="482" t="s">
        <v>53</v>
      </c>
      <c r="G257" s="482" t="s">
        <v>515</v>
      </c>
      <c r="H257" s="484" t="s">
        <v>533</v>
      </c>
      <c r="I257" s="484" t="s">
        <v>534</v>
      </c>
      <c r="J257" s="484" t="s">
        <v>534</v>
      </c>
      <c r="K257" s="484"/>
      <c r="L257" s="484" t="s">
        <v>58</v>
      </c>
      <c r="M257" s="484" t="s">
        <v>2493</v>
      </c>
      <c r="N257" s="484"/>
      <c r="O257" s="484" t="s">
        <v>81</v>
      </c>
      <c r="P257" s="484" t="s">
        <v>334</v>
      </c>
      <c r="Q257" s="484"/>
      <c r="R257" s="484" t="s">
        <v>570</v>
      </c>
      <c r="S257" s="484" t="s">
        <v>63</v>
      </c>
      <c r="T257" s="484" t="s">
        <v>63</v>
      </c>
      <c r="U257" s="485">
        <v>41635.620000000003</v>
      </c>
      <c r="V257" s="485"/>
      <c r="W257" s="484" t="s">
        <v>64</v>
      </c>
      <c r="X257" s="484"/>
      <c r="Y257" s="485">
        <v>41635.620000000003</v>
      </c>
      <c r="Z257" s="484" t="s">
        <v>82</v>
      </c>
      <c r="AA257" s="496"/>
      <c r="AB257" s="496"/>
      <c r="AC257" s="496"/>
      <c r="AD257" s="496"/>
      <c r="AE257" s="496"/>
      <c r="AF257" s="487"/>
      <c r="AG257" s="496"/>
      <c r="AH257" s="496"/>
      <c r="AI257" s="496"/>
      <c r="AJ257" s="496"/>
      <c r="AK257" s="496"/>
      <c r="AL257" s="496"/>
      <c r="AM257" s="487" t="s">
        <v>66</v>
      </c>
      <c r="AN257" s="496"/>
      <c r="AO257" s="496"/>
      <c r="AP257" s="496"/>
      <c r="AQ257" s="496"/>
      <c r="AR257" s="496"/>
      <c r="AS257" s="496"/>
      <c r="AT257" s="496"/>
      <c r="AU257" s="496"/>
      <c r="AV257" s="496"/>
      <c r="AW257" s="496"/>
      <c r="AX257" s="496"/>
      <c r="AY257" s="496"/>
      <c r="AZ257" s="496"/>
      <c r="BA257" s="496"/>
      <c r="BB257" s="496"/>
      <c r="BC257" s="496"/>
      <c r="BD257" s="496"/>
      <c r="BE257" s="496"/>
      <c r="BF257" s="80">
        <f t="shared" si="38"/>
        <v>234</v>
      </c>
      <c r="BG257" s="76">
        <f t="shared" ref="BG257:BG279" si="53">Y257/BF257</f>
        <v>177.93</v>
      </c>
      <c r="BH257" s="487" t="str">
        <f t="shared" ref="BH257:BP291" si="54">IF(AA257="yes",(AA$2*$BG257),"")</f>
        <v/>
      </c>
      <c r="BI257" s="487" t="str">
        <f t="shared" si="54"/>
        <v/>
      </c>
      <c r="BJ257" s="487" t="str">
        <f t="shared" si="54"/>
        <v/>
      </c>
      <c r="BK257" s="487" t="str">
        <f t="shared" si="54"/>
        <v/>
      </c>
      <c r="BL257" s="487" t="str">
        <f t="shared" si="54"/>
        <v/>
      </c>
      <c r="BM257" s="487" t="str">
        <f t="shared" si="54"/>
        <v/>
      </c>
      <c r="BN257" s="487" t="str">
        <f t="shared" si="54"/>
        <v/>
      </c>
      <c r="BO257" s="487" t="str">
        <f t="shared" si="52"/>
        <v/>
      </c>
      <c r="BP257" s="487" t="str">
        <f t="shared" si="52"/>
        <v/>
      </c>
      <c r="BQ257" s="487" t="str">
        <f t="shared" si="52"/>
        <v/>
      </c>
      <c r="BR257" s="487" t="str">
        <f t="shared" si="52"/>
        <v/>
      </c>
      <c r="BS257" s="487" t="str">
        <f t="shared" si="52"/>
        <v/>
      </c>
      <c r="BT257" s="487">
        <f t="shared" si="52"/>
        <v>41635.620000000003</v>
      </c>
      <c r="BU257" s="487" t="str">
        <f t="shared" si="52"/>
        <v/>
      </c>
      <c r="BV257" s="487" t="str">
        <f t="shared" si="52"/>
        <v/>
      </c>
      <c r="BW257" s="487" t="str">
        <f t="shared" si="52"/>
        <v/>
      </c>
      <c r="BX257" s="487" t="str">
        <f t="shared" si="51"/>
        <v/>
      </c>
      <c r="BY257" s="487" t="str">
        <f t="shared" si="51"/>
        <v/>
      </c>
      <c r="BZ257" s="487" t="str">
        <f t="shared" si="51"/>
        <v/>
      </c>
      <c r="CA257" s="487" t="str">
        <f t="shared" si="51"/>
        <v/>
      </c>
      <c r="CB257" s="487" t="str">
        <f t="shared" si="51"/>
        <v/>
      </c>
      <c r="CC257" s="487" t="str">
        <f t="shared" si="51"/>
        <v/>
      </c>
      <c r="CD257" s="487" t="str">
        <f t="shared" si="51"/>
        <v/>
      </c>
      <c r="CE257" s="487" t="str">
        <f t="shared" si="51"/>
        <v/>
      </c>
      <c r="CF257" s="487" t="str">
        <f t="shared" si="51"/>
        <v/>
      </c>
      <c r="CG257" s="487" t="str">
        <f t="shared" si="51"/>
        <v/>
      </c>
      <c r="CH257" s="487" t="str">
        <f t="shared" si="51"/>
        <v/>
      </c>
      <c r="CI257" s="487" t="str">
        <f t="shared" si="50"/>
        <v/>
      </c>
      <c r="CJ257" s="487" t="str">
        <f t="shared" si="50"/>
        <v/>
      </c>
      <c r="CK257" s="487" t="str">
        <f t="shared" si="50"/>
        <v/>
      </c>
      <c r="CL257" s="487" t="str">
        <f t="shared" si="50"/>
        <v/>
      </c>
      <c r="CM257" s="487"/>
      <c r="CN257" s="487"/>
      <c r="CO257" s="487"/>
      <c r="CP257" s="487"/>
      <c r="CQ257" s="487"/>
      <c r="CR257" s="487"/>
      <c r="CS257" s="487"/>
      <c r="CT257" s="487"/>
      <c r="CU257" s="487"/>
      <c r="CV257" s="487"/>
      <c r="CW257" s="487"/>
      <c r="CX257" s="487"/>
      <c r="CY257" s="487"/>
      <c r="CZ257" s="487"/>
      <c r="DA257" s="487"/>
      <c r="DB257" s="487"/>
      <c r="DC257" s="487"/>
      <c r="DD257" s="487"/>
      <c r="DE257" s="487"/>
      <c r="DF257" s="487"/>
      <c r="DG257" s="487"/>
      <c r="DH257" s="487"/>
      <c r="DI257" s="484"/>
      <c r="DJ257" s="484"/>
      <c r="DK257" s="484"/>
    </row>
    <row r="258" spans="1:115" s="354" customFormat="1" ht="56.1" hidden="1" customHeight="1" x14ac:dyDescent="0.2">
      <c r="A258" s="494"/>
      <c r="B258" s="494"/>
      <c r="C258" s="481">
        <v>482</v>
      </c>
      <c r="D258" s="481"/>
      <c r="E258" s="481" t="s">
        <v>2481</v>
      </c>
      <c r="F258" s="482" t="s">
        <v>53</v>
      </c>
      <c r="G258" s="482" t="s">
        <v>515</v>
      </c>
      <c r="H258" s="484" t="s">
        <v>548</v>
      </c>
      <c r="I258" s="484" t="s">
        <v>536</v>
      </c>
      <c r="J258" s="484" t="s">
        <v>536</v>
      </c>
      <c r="K258" s="484"/>
      <c r="L258" s="484" t="s">
        <v>58</v>
      </c>
      <c r="M258" s="484" t="s">
        <v>26</v>
      </c>
      <c r="N258" s="484"/>
      <c r="O258" s="497" t="s">
        <v>60</v>
      </c>
      <c r="P258" s="484" t="s">
        <v>334</v>
      </c>
      <c r="Q258" s="484"/>
      <c r="R258" s="484" t="s">
        <v>382</v>
      </c>
      <c r="S258" s="484" t="s">
        <v>63</v>
      </c>
      <c r="T258" s="484" t="s">
        <v>63</v>
      </c>
      <c r="U258" s="485">
        <v>151833.60000000001</v>
      </c>
      <c r="V258" s="485"/>
      <c r="W258" s="484" t="s">
        <v>64</v>
      </c>
      <c r="X258" s="484"/>
      <c r="Y258" s="485">
        <v>151833.60000000001</v>
      </c>
      <c r="Z258" s="484" t="s">
        <v>82</v>
      </c>
      <c r="AA258" s="496"/>
      <c r="AB258" s="496"/>
      <c r="AC258" s="496"/>
      <c r="AD258" s="496"/>
      <c r="AE258" s="496"/>
      <c r="AF258" s="487"/>
      <c r="AG258" s="496"/>
      <c r="AH258" s="496"/>
      <c r="AI258" s="496"/>
      <c r="AJ258" s="487" t="s">
        <v>66</v>
      </c>
      <c r="AK258" s="496"/>
      <c r="AL258" s="496"/>
      <c r="AM258" s="496"/>
      <c r="AN258" s="496"/>
      <c r="AO258" s="496"/>
      <c r="AP258" s="496"/>
      <c r="AQ258" s="496"/>
      <c r="AR258" s="496"/>
      <c r="AS258" s="496"/>
      <c r="AT258" s="496"/>
      <c r="AU258" s="496"/>
      <c r="AV258" s="496"/>
      <c r="AW258" s="496"/>
      <c r="AX258" s="496"/>
      <c r="AY258" s="496"/>
      <c r="AZ258" s="496"/>
      <c r="BA258" s="496"/>
      <c r="BB258" s="496"/>
      <c r="BC258" s="496"/>
      <c r="BD258" s="496"/>
      <c r="BE258" s="496"/>
      <c r="BF258" s="80">
        <f t="shared" si="38"/>
        <v>500</v>
      </c>
      <c r="BG258" s="76">
        <f t="shared" si="53"/>
        <v>303.66720000000004</v>
      </c>
      <c r="BH258" s="487" t="str">
        <f t="shared" si="54"/>
        <v/>
      </c>
      <c r="BI258" s="487" t="str">
        <f t="shared" si="54"/>
        <v/>
      </c>
      <c r="BJ258" s="487" t="str">
        <f t="shared" si="54"/>
        <v/>
      </c>
      <c r="BK258" s="487" t="str">
        <f t="shared" si="54"/>
        <v/>
      </c>
      <c r="BL258" s="487" t="str">
        <f t="shared" si="54"/>
        <v/>
      </c>
      <c r="BM258" s="487" t="str">
        <f t="shared" si="54"/>
        <v/>
      </c>
      <c r="BN258" s="487" t="str">
        <f t="shared" si="54"/>
        <v/>
      </c>
      <c r="BO258" s="487" t="str">
        <f t="shared" si="52"/>
        <v/>
      </c>
      <c r="BP258" s="487" t="str">
        <f t="shared" si="52"/>
        <v/>
      </c>
      <c r="BQ258" s="487">
        <f t="shared" si="52"/>
        <v>151833.60000000001</v>
      </c>
      <c r="BR258" s="487" t="str">
        <f t="shared" si="52"/>
        <v/>
      </c>
      <c r="BS258" s="487" t="str">
        <f t="shared" si="52"/>
        <v/>
      </c>
      <c r="BT258" s="487" t="str">
        <f t="shared" si="52"/>
        <v/>
      </c>
      <c r="BU258" s="487" t="str">
        <f t="shared" si="52"/>
        <v/>
      </c>
      <c r="BV258" s="487" t="str">
        <f t="shared" si="52"/>
        <v/>
      </c>
      <c r="BW258" s="487" t="str">
        <f t="shared" si="52"/>
        <v/>
      </c>
      <c r="BX258" s="487" t="str">
        <f t="shared" si="51"/>
        <v/>
      </c>
      <c r="BY258" s="487" t="str">
        <f t="shared" si="51"/>
        <v/>
      </c>
      <c r="BZ258" s="487" t="str">
        <f t="shared" si="51"/>
        <v/>
      </c>
      <c r="CA258" s="487" t="str">
        <f t="shared" si="51"/>
        <v/>
      </c>
      <c r="CB258" s="487" t="str">
        <f t="shared" si="51"/>
        <v/>
      </c>
      <c r="CC258" s="487" t="str">
        <f t="shared" si="51"/>
        <v/>
      </c>
      <c r="CD258" s="487" t="str">
        <f t="shared" si="51"/>
        <v/>
      </c>
      <c r="CE258" s="487" t="str">
        <f t="shared" si="51"/>
        <v/>
      </c>
      <c r="CF258" s="487" t="str">
        <f t="shared" si="51"/>
        <v/>
      </c>
      <c r="CG258" s="487" t="str">
        <f t="shared" si="51"/>
        <v/>
      </c>
      <c r="CH258" s="487" t="str">
        <f t="shared" si="51"/>
        <v/>
      </c>
      <c r="CI258" s="487" t="str">
        <f t="shared" si="50"/>
        <v/>
      </c>
      <c r="CJ258" s="487" t="str">
        <f t="shared" si="50"/>
        <v/>
      </c>
      <c r="CK258" s="487" t="str">
        <f t="shared" si="50"/>
        <v/>
      </c>
      <c r="CL258" s="487" t="str">
        <f t="shared" si="50"/>
        <v/>
      </c>
      <c r="CM258" s="487"/>
      <c r="CN258" s="487"/>
      <c r="CO258" s="487"/>
      <c r="CP258" s="487"/>
      <c r="CQ258" s="487"/>
      <c r="CR258" s="487"/>
      <c r="CS258" s="487"/>
      <c r="CT258" s="487"/>
      <c r="CU258" s="487"/>
      <c r="CV258" s="487"/>
      <c r="CW258" s="487"/>
      <c r="CX258" s="487"/>
      <c r="CY258" s="487"/>
      <c r="CZ258" s="487"/>
      <c r="DA258" s="487"/>
      <c r="DB258" s="487"/>
      <c r="DC258" s="487"/>
      <c r="DD258" s="487"/>
      <c r="DE258" s="487"/>
      <c r="DF258" s="487"/>
      <c r="DG258" s="487"/>
      <c r="DH258" s="487"/>
      <c r="DI258" s="484"/>
      <c r="DJ258" s="484"/>
      <c r="DK258" s="484"/>
    </row>
    <row r="259" spans="1:115" s="354" customFormat="1" ht="56.1" hidden="1" customHeight="1" x14ac:dyDescent="0.2">
      <c r="A259" s="494"/>
      <c r="B259" s="494"/>
      <c r="C259" s="481">
        <v>483</v>
      </c>
      <c r="D259" s="481"/>
      <c r="E259" s="481" t="s">
        <v>2481</v>
      </c>
      <c r="F259" s="482" t="s">
        <v>53</v>
      </c>
      <c r="G259" s="482" t="s">
        <v>515</v>
      </c>
      <c r="H259" s="484" t="s">
        <v>518</v>
      </c>
      <c r="I259" s="484" t="s">
        <v>520</v>
      </c>
      <c r="J259" s="484" t="s">
        <v>520</v>
      </c>
      <c r="K259" s="484"/>
      <c r="L259" s="484" t="s">
        <v>58</v>
      </c>
      <c r="M259" s="484" t="s">
        <v>26</v>
      </c>
      <c r="N259" s="484"/>
      <c r="O259" s="497" t="s">
        <v>60</v>
      </c>
      <c r="P259" s="484" t="s">
        <v>334</v>
      </c>
      <c r="Q259" s="484"/>
      <c r="R259" s="484" t="s">
        <v>382</v>
      </c>
      <c r="S259" s="484" t="s">
        <v>63</v>
      </c>
      <c r="T259" s="484" t="s">
        <v>63</v>
      </c>
      <c r="U259" s="485">
        <v>398563.2</v>
      </c>
      <c r="V259" s="485"/>
      <c r="W259" s="484" t="s">
        <v>64</v>
      </c>
      <c r="X259" s="484"/>
      <c r="Y259" s="485">
        <v>398563.2</v>
      </c>
      <c r="Z259" s="484" t="s">
        <v>82</v>
      </c>
      <c r="AA259" s="496"/>
      <c r="AB259" s="496"/>
      <c r="AC259" s="496"/>
      <c r="AD259" s="496"/>
      <c r="AE259" s="496"/>
      <c r="AF259" s="487"/>
      <c r="AG259" s="496"/>
      <c r="AH259" s="496"/>
      <c r="AI259" s="496"/>
      <c r="AJ259" s="487" t="s">
        <v>66</v>
      </c>
      <c r="AK259" s="496"/>
      <c r="AL259" s="496"/>
      <c r="AM259" s="496"/>
      <c r="AN259" s="496"/>
      <c r="AO259" s="496"/>
      <c r="AP259" s="496"/>
      <c r="AQ259" s="496"/>
      <c r="AR259" s="496"/>
      <c r="AS259" s="496"/>
      <c r="AT259" s="496"/>
      <c r="AU259" s="496"/>
      <c r="AV259" s="496"/>
      <c r="AW259" s="496"/>
      <c r="AX259" s="496"/>
      <c r="AY259" s="496"/>
      <c r="AZ259" s="496"/>
      <c r="BA259" s="496"/>
      <c r="BB259" s="496"/>
      <c r="BC259" s="496"/>
      <c r="BD259" s="496"/>
      <c r="BE259" s="496"/>
      <c r="BF259" s="80">
        <f t="shared" ref="BF259:BF322" si="55">SUMIF(AA259:BE259,"YES",$AA$2:$BE$2)</f>
        <v>500</v>
      </c>
      <c r="BG259" s="76">
        <f t="shared" si="53"/>
        <v>797.12639999999999</v>
      </c>
      <c r="BH259" s="487" t="str">
        <f t="shared" si="54"/>
        <v/>
      </c>
      <c r="BI259" s="487" t="str">
        <f t="shared" si="54"/>
        <v/>
      </c>
      <c r="BJ259" s="487" t="str">
        <f t="shared" si="54"/>
        <v/>
      </c>
      <c r="BK259" s="487" t="str">
        <f t="shared" si="54"/>
        <v/>
      </c>
      <c r="BL259" s="487" t="str">
        <f t="shared" si="54"/>
        <v/>
      </c>
      <c r="BM259" s="487" t="str">
        <f t="shared" si="54"/>
        <v/>
      </c>
      <c r="BN259" s="487" t="str">
        <f t="shared" si="54"/>
        <v/>
      </c>
      <c r="BO259" s="487" t="str">
        <f t="shared" si="52"/>
        <v/>
      </c>
      <c r="BP259" s="487" t="str">
        <f t="shared" si="52"/>
        <v/>
      </c>
      <c r="BQ259" s="487">
        <f t="shared" si="52"/>
        <v>398563.2</v>
      </c>
      <c r="BR259" s="487" t="str">
        <f t="shared" si="52"/>
        <v/>
      </c>
      <c r="BS259" s="487" t="str">
        <f t="shared" si="52"/>
        <v/>
      </c>
      <c r="BT259" s="487" t="str">
        <f t="shared" si="52"/>
        <v/>
      </c>
      <c r="BU259" s="487" t="str">
        <f t="shared" si="52"/>
        <v/>
      </c>
      <c r="BV259" s="487" t="str">
        <f t="shared" si="52"/>
        <v/>
      </c>
      <c r="BW259" s="487" t="str">
        <f t="shared" si="52"/>
        <v/>
      </c>
      <c r="BX259" s="487" t="str">
        <f t="shared" si="51"/>
        <v/>
      </c>
      <c r="BY259" s="487" t="str">
        <f t="shared" si="51"/>
        <v/>
      </c>
      <c r="BZ259" s="487" t="str">
        <f t="shared" si="51"/>
        <v/>
      </c>
      <c r="CA259" s="487" t="str">
        <f t="shared" si="51"/>
        <v/>
      </c>
      <c r="CB259" s="487" t="str">
        <f t="shared" si="51"/>
        <v/>
      </c>
      <c r="CC259" s="487" t="str">
        <f t="shared" si="51"/>
        <v/>
      </c>
      <c r="CD259" s="487" t="str">
        <f t="shared" si="51"/>
        <v/>
      </c>
      <c r="CE259" s="487" t="str">
        <f t="shared" si="51"/>
        <v/>
      </c>
      <c r="CF259" s="487" t="str">
        <f t="shared" si="51"/>
        <v/>
      </c>
      <c r="CG259" s="487" t="str">
        <f t="shared" si="51"/>
        <v/>
      </c>
      <c r="CH259" s="487" t="str">
        <f t="shared" si="51"/>
        <v/>
      </c>
      <c r="CI259" s="487" t="str">
        <f t="shared" si="50"/>
        <v/>
      </c>
      <c r="CJ259" s="487" t="str">
        <f t="shared" si="50"/>
        <v/>
      </c>
      <c r="CK259" s="487" t="str">
        <f t="shared" si="50"/>
        <v/>
      </c>
      <c r="CL259" s="487" t="str">
        <f t="shared" si="50"/>
        <v/>
      </c>
      <c r="CM259" s="487"/>
      <c r="CN259" s="487"/>
      <c r="CO259" s="487"/>
      <c r="CP259" s="487"/>
      <c r="CQ259" s="487"/>
      <c r="CR259" s="487"/>
      <c r="CS259" s="487"/>
      <c r="CT259" s="487"/>
      <c r="CU259" s="487"/>
      <c r="CV259" s="487"/>
      <c r="CW259" s="487"/>
      <c r="CX259" s="487"/>
      <c r="CY259" s="487"/>
      <c r="CZ259" s="487"/>
      <c r="DA259" s="487"/>
      <c r="DB259" s="487"/>
      <c r="DC259" s="487"/>
      <c r="DD259" s="487"/>
      <c r="DE259" s="487"/>
      <c r="DF259" s="487"/>
      <c r="DG259" s="487"/>
      <c r="DH259" s="487"/>
      <c r="DI259" s="484"/>
      <c r="DJ259" s="484"/>
      <c r="DK259" s="484"/>
    </row>
    <row r="260" spans="1:115" s="354" customFormat="1" ht="56.1" hidden="1" customHeight="1" x14ac:dyDescent="0.2">
      <c r="A260" s="494"/>
      <c r="B260" s="494"/>
      <c r="C260" s="481">
        <v>484</v>
      </c>
      <c r="D260" s="481"/>
      <c r="E260" s="481" t="s">
        <v>2481</v>
      </c>
      <c r="F260" s="482" t="s">
        <v>53</v>
      </c>
      <c r="G260" s="482" t="s">
        <v>515</v>
      </c>
      <c r="H260" s="484" t="s">
        <v>521</v>
      </c>
      <c r="I260" s="484" t="s">
        <v>522</v>
      </c>
      <c r="J260" s="484" t="s">
        <v>522</v>
      </c>
      <c r="K260" s="484"/>
      <c r="L260" s="484" t="s">
        <v>58</v>
      </c>
      <c r="M260" s="484" t="s">
        <v>26</v>
      </c>
      <c r="N260" s="484"/>
      <c r="O260" s="497" t="s">
        <v>60</v>
      </c>
      <c r="P260" s="484" t="s">
        <v>334</v>
      </c>
      <c r="Q260" s="484"/>
      <c r="R260" s="484" t="s">
        <v>382</v>
      </c>
      <c r="S260" s="484" t="s">
        <v>63</v>
      </c>
      <c r="T260" s="484" t="s">
        <v>63</v>
      </c>
      <c r="U260" s="485">
        <v>556723.19999999995</v>
      </c>
      <c r="V260" s="485"/>
      <c r="W260" s="484" t="s">
        <v>64</v>
      </c>
      <c r="X260" s="484"/>
      <c r="Y260" s="485">
        <v>556723.19999999995</v>
      </c>
      <c r="Z260" s="484" t="s">
        <v>82</v>
      </c>
      <c r="AA260" s="496"/>
      <c r="AB260" s="496"/>
      <c r="AC260" s="496"/>
      <c r="AD260" s="496"/>
      <c r="AE260" s="496"/>
      <c r="AF260" s="487"/>
      <c r="AG260" s="496"/>
      <c r="AH260" s="496"/>
      <c r="AI260" s="496"/>
      <c r="AJ260" s="487" t="s">
        <v>66</v>
      </c>
      <c r="AK260" s="496"/>
      <c r="AL260" s="496"/>
      <c r="AM260" s="496"/>
      <c r="AN260" s="496"/>
      <c r="AO260" s="496"/>
      <c r="AP260" s="496"/>
      <c r="AQ260" s="496"/>
      <c r="AR260" s="496"/>
      <c r="AS260" s="496"/>
      <c r="AT260" s="496"/>
      <c r="AU260" s="496"/>
      <c r="AV260" s="496"/>
      <c r="AW260" s="496"/>
      <c r="AX260" s="496"/>
      <c r="AY260" s="496"/>
      <c r="AZ260" s="496"/>
      <c r="BA260" s="496"/>
      <c r="BB260" s="496"/>
      <c r="BC260" s="496"/>
      <c r="BD260" s="496"/>
      <c r="BE260" s="496"/>
      <c r="BF260" s="80">
        <f t="shared" si="55"/>
        <v>500</v>
      </c>
      <c r="BG260" s="76">
        <f t="shared" si="53"/>
        <v>1113.4463999999998</v>
      </c>
      <c r="BH260" s="487" t="str">
        <f t="shared" si="54"/>
        <v/>
      </c>
      <c r="BI260" s="487" t="str">
        <f t="shared" si="54"/>
        <v/>
      </c>
      <c r="BJ260" s="487" t="str">
        <f t="shared" si="54"/>
        <v/>
      </c>
      <c r="BK260" s="487" t="str">
        <f t="shared" si="54"/>
        <v/>
      </c>
      <c r="BL260" s="487" t="str">
        <f t="shared" si="54"/>
        <v/>
      </c>
      <c r="BM260" s="487" t="str">
        <f t="shared" si="54"/>
        <v/>
      </c>
      <c r="BN260" s="487" t="str">
        <f t="shared" si="54"/>
        <v/>
      </c>
      <c r="BO260" s="487" t="str">
        <f t="shared" si="52"/>
        <v/>
      </c>
      <c r="BP260" s="487" t="str">
        <f t="shared" si="52"/>
        <v/>
      </c>
      <c r="BQ260" s="487">
        <f t="shared" si="52"/>
        <v>556723.19999999995</v>
      </c>
      <c r="BR260" s="487" t="str">
        <f t="shared" si="52"/>
        <v/>
      </c>
      <c r="BS260" s="487" t="str">
        <f t="shared" si="52"/>
        <v/>
      </c>
      <c r="BT260" s="487" t="str">
        <f t="shared" si="52"/>
        <v/>
      </c>
      <c r="BU260" s="487" t="str">
        <f t="shared" si="52"/>
        <v/>
      </c>
      <c r="BV260" s="487" t="str">
        <f t="shared" si="52"/>
        <v/>
      </c>
      <c r="BW260" s="487" t="str">
        <f t="shared" si="52"/>
        <v/>
      </c>
      <c r="BX260" s="487" t="str">
        <f t="shared" si="51"/>
        <v/>
      </c>
      <c r="BY260" s="487" t="str">
        <f t="shared" si="51"/>
        <v/>
      </c>
      <c r="BZ260" s="487" t="str">
        <f t="shared" si="51"/>
        <v/>
      </c>
      <c r="CA260" s="487" t="str">
        <f t="shared" si="51"/>
        <v/>
      </c>
      <c r="CB260" s="487" t="str">
        <f t="shared" si="51"/>
        <v/>
      </c>
      <c r="CC260" s="487" t="str">
        <f t="shared" si="51"/>
        <v/>
      </c>
      <c r="CD260" s="487" t="str">
        <f t="shared" si="51"/>
        <v/>
      </c>
      <c r="CE260" s="487" t="str">
        <f t="shared" si="51"/>
        <v/>
      </c>
      <c r="CF260" s="487" t="str">
        <f t="shared" si="51"/>
        <v/>
      </c>
      <c r="CG260" s="487" t="str">
        <f t="shared" si="51"/>
        <v/>
      </c>
      <c r="CH260" s="487" t="str">
        <f t="shared" si="51"/>
        <v/>
      </c>
      <c r="CI260" s="487" t="str">
        <f t="shared" si="50"/>
        <v/>
      </c>
      <c r="CJ260" s="487" t="str">
        <f t="shared" si="50"/>
        <v/>
      </c>
      <c r="CK260" s="487" t="str">
        <f t="shared" si="50"/>
        <v/>
      </c>
      <c r="CL260" s="487" t="str">
        <f t="shared" si="50"/>
        <v/>
      </c>
      <c r="CM260" s="487"/>
      <c r="CN260" s="487"/>
      <c r="CO260" s="487"/>
      <c r="CP260" s="487"/>
      <c r="CQ260" s="487"/>
      <c r="CR260" s="487"/>
      <c r="CS260" s="487"/>
      <c r="CT260" s="487"/>
      <c r="CU260" s="487"/>
      <c r="CV260" s="487"/>
      <c r="CW260" s="487"/>
      <c r="CX260" s="487"/>
      <c r="CY260" s="487"/>
      <c r="CZ260" s="487"/>
      <c r="DA260" s="487"/>
      <c r="DB260" s="487"/>
      <c r="DC260" s="487"/>
      <c r="DD260" s="487"/>
      <c r="DE260" s="487"/>
      <c r="DF260" s="487"/>
      <c r="DG260" s="487"/>
      <c r="DH260" s="487"/>
      <c r="DI260" s="484"/>
      <c r="DJ260" s="484"/>
      <c r="DK260" s="484"/>
    </row>
    <row r="261" spans="1:115" s="354" customFormat="1" ht="56.1" hidden="1" customHeight="1" x14ac:dyDescent="0.2">
      <c r="A261" s="494"/>
      <c r="B261" s="494"/>
      <c r="C261" s="481">
        <v>485</v>
      </c>
      <c r="D261" s="481"/>
      <c r="E261" s="481" t="s">
        <v>2481</v>
      </c>
      <c r="F261" s="482" t="s">
        <v>53</v>
      </c>
      <c r="G261" s="482" t="s">
        <v>515</v>
      </c>
      <c r="H261" s="484" t="s">
        <v>523</v>
      </c>
      <c r="I261" s="484" t="s">
        <v>537</v>
      </c>
      <c r="J261" s="484" t="s">
        <v>537</v>
      </c>
      <c r="K261" s="484"/>
      <c r="L261" s="484" t="s">
        <v>58</v>
      </c>
      <c r="M261" s="484" t="s">
        <v>26</v>
      </c>
      <c r="N261" s="484"/>
      <c r="O261" s="484" t="s">
        <v>388</v>
      </c>
      <c r="P261" s="484" t="s">
        <v>525</v>
      </c>
      <c r="Q261" s="484"/>
      <c r="R261" s="484" t="s">
        <v>382</v>
      </c>
      <c r="S261" s="484" t="s">
        <v>63</v>
      </c>
      <c r="T261" s="484" t="s">
        <v>63</v>
      </c>
      <c r="U261" s="485">
        <v>43494</v>
      </c>
      <c r="V261" s="485"/>
      <c r="W261" s="484" t="s">
        <v>64</v>
      </c>
      <c r="X261" s="484"/>
      <c r="Y261" s="485">
        <v>43494</v>
      </c>
      <c r="Z261" s="484" t="s">
        <v>82</v>
      </c>
      <c r="AA261" s="496"/>
      <c r="AB261" s="496"/>
      <c r="AC261" s="496"/>
      <c r="AD261" s="496"/>
      <c r="AE261" s="496"/>
      <c r="AF261" s="487"/>
      <c r="AG261" s="496"/>
      <c r="AH261" s="496"/>
      <c r="AI261" s="496"/>
      <c r="AJ261" s="487" t="s">
        <v>66</v>
      </c>
      <c r="AK261" s="496"/>
      <c r="AL261" s="496"/>
      <c r="AM261" s="496"/>
      <c r="AN261" s="496"/>
      <c r="AO261" s="496"/>
      <c r="AP261" s="496"/>
      <c r="AQ261" s="496"/>
      <c r="AR261" s="496"/>
      <c r="AS261" s="496"/>
      <c r="AT261" s="496"/>
      <c r="AU261" s="496"/>
      <c r="AV261" s="496"/>
      <c r="AW261" s="496"/>
      <c r="AX261" s="496"/>
      <c r="AY261" s="496"/>
      <c r="AZ261" s="496"/>
      <c r="BA261" s="496"/>
      <c r="BB261" s="496"/>
      <c r="BC261" s="496"/>
      <c r="BD261" s="496"/>
      <c r="BE261" s="496"/>
      <c r="BF261" s="80">
        <f t="shared" si="55"/>
        <v>500</v>
      </c>
      <c r="BG261" s="76">
        <f t="shared" si="53"/>
        <v>86.988</v>
      </c>
      <c r="BH261" s="487" t="str">
        <f t="shared" si="54"/>
        <v/>
      </c>
      <c r="BI261" s="487" t="str">
        <f t="shared" si="54"/>
        <v/>
      </c>
      <c r="BJ261" s="487" t="str">
        <f t="shared" si="54"/>
        <v/>
      </c>
      <c r="BK261" s="487" t="str">
        <f t="shared" si="54"/>
        <v/>
      </c>
      <c r="BL261" s="487" t="str">
        <f t="shared" si="54"/>
        <v/>
      </c>
      <c r="BM261" s="487" t="str">
        <f t="shared" si="54"/>
        <v/>
      </c>
      <c r="BN261" s="487" t="str">
        <f t="shared" si="54"/>
        <v/>
      </c>
      <c r="BO261" s="487" t="str">
        <f t="shared" si="52"/>
        <v/>
      </c>
      <c r="BP261" s="487" t="str">
        <f t="shared" si="52"/>
        <v/>
      </c>
      <c r="BQ261" s="487">
        <f t="shared" si="52"/>
        <v>43494</v>
      </c>
      <c r="BR261" s="487" t="str">
        <f t="shared" si="52"/>
        <v/>
      </c>
      <c r="BS261" s="487" t="str">
        <f t="shared" si="52"/>
        <v/>
      </c>
      <c r="BT261" s="487" t="str">
        <f t="shared" si="52"/>
        <v/>
      </c>
      <c r="BU261" s="487" t="str">
        <f t="shared" si="52"/>
        <v/>
      </c>
      <c r="BV261" s="487" t="str">
        <f t="shared" si="52"/>
        <v/>
      </c>
      <c r="BW261" s="487" t="str">
        <f t="shared" si="52"/>
        <v/>
      </c>
      <c r="BX261" s="487" t="str">
        <f t="shared" si="51"/>
        <v/>
      </c>
      <c r="BY261" s="487" t="str">
        <f t="shared" si="51"/>
        <v/>
      </c>
      <c r="BZ261" s="487" t="str">
        <f t="shared" si="51"/>
        <v/>
      </c>
      <c r="CA261" s="487" t="str">
        <f t="shared" si="51"/>
        <v/>
      </c>
      <c r="CB261" s="487" t="str">
        <f t="shared" si="51"/>
        <v/>
      </c>
      <c r="CC261" s="487" t="str">
        <f t="shared" si="51"/>
        <v/>
      </c>
      <c r="CD261" s="487" t="str">
        <f t="shared" si="51"/>
        <v/>
      </c>
      <c r="CE261" s="487" t="str">
        <f t="shared" si="51"/>
        <v/>
      </c>
      <c r="CF261" s="487" t="str">
        <f t="shared" si="51"/>
        <v/>
      </c>
      <c r="CG261" s="487" t="str">
        <f t="shared" si="51"/>
        <v/>
      </c>
      <c r="CH261" s="487" t="str">
        <f t="shared" si="51"/>
        <v/>
      </c>
      <c r="CI261" s="487" t="str">
        <f t="shared" si="50"/>
        <v/>
      </c>
      <c r="CJ261" s="487" t="str">
        <f t="shared" si="50"/>
        <v/>
      </c>
      <c r="CK261" s="487" t="str">
        <f t="shared" si="50"/>
        <v/>
      </c>
      <c r="CL261" s="487" t="str">
        <f t="shared" si="50"/>
        <v/>
      </c>
      <c r="CM261" s="487"/>
      <c r="CN261" s="487"/>
      <c r="CO261" s="487"/>
      <c r="CP261" s="487"/>
      <c r="CQ261" s="487"/>
      <c r="CR261" s="487"/>
      <c r="CS261" s="487"/>
      <c r="CT261" s="487"/>
      <c r="CU261" s="487"/>
      <c r="CV261" s="487"/>
      <c r="CW261" s="487"/>
      <c r="CX261" s="487"/>
      <c r="CY261" s="487"/>
      <c r="CZ261" s="487"/>
      <c r="DA261" s="487"/>
      <c r="DB261" s="487"/>
      <c r="DC261" s="487"/>
      <c r="DD261" s="487"/>
      <c r="DE261" s="487"/>
      <c r="DF261" s="487"/>
      <c r="DG261" s="487"/>
      <c r="DH261" s="487"/>
      <c r="DI261" s="484"/>
      <c r="DJ261" s="484"/>
      <c r="DK261" s="484"/>
    </row>
    <row r="262" spans="1:115" s="354" customFormat="1" ht="56.1" hidden="1" customHeight="1" x14ac:dyDescent="0.2">
      <c r="A262" s="494"/>
      <c r="B262" s="494"/>
      <c r="C262" s="481">
        <v>486</v>
      </c>
      <c r="D262" s="481"/>
      <c r="E262" s="481" t="s">
        <v>2481</v>
      </c>
      <c r="F262" s="482" t="s">
        <v>53</v>
      </c>
      <c r="G262" s="482" t="s">
        <v>515</v>
      </c>
      <c r="H262" s="484" t="s">
        <v>539</v>
      </c>
      <c r="I262" s="484" t="s">
        <v>538</v>
      </c>
      <c r="J262" s="484" t="s">
        <v>538</v>
      </c>
      <c r="K262" s="484"/>
      <c r="L262" s="484" t="s">
        <v>58</v>
      </c>
      <c r="M262" s="484" t="s">
        <v>26</v>
      </c>
      <c r="N262" s="484"/>
      <c r="O262" s="484" t="s">
        <v>388</v>
      </c>
      <c r="P262" s="484" t="s">
        <v>525</v>
      </c>
      <c r="Q262" s="484"/>
      <c r="R262" s="484" t="s">
        <v>382</v>
      </c>
      <c r="S262" s="484" t="s">
        <v>63</v>
      </c>
      <c r="T262" s="484" t="s">
        <v>63</v>
      </c>
      <c r="U262" s="485">
        <v>105440</v>
      </c>
      <c r="V262" s="485"/>
      <c r="W262" s="484" t="s">
        <v>64</v>
      </c>
      <c r="X262" s="484"/>
      <c r="Y262" s="485">
        <v>105440</v>
      </c>
      <c r="Z262" s="484" t="s">
        <v>82</v>
      </c>
      <c r="AA262" s="496"/>
      <c r="AB262" s="496"/>
      <c r="AC262" s="496"/>
      <c r="AD262" s="496"/>
      <c r="AE262" s="496"/>
      <c r="AF262" s="487"/>
      <c r="AG262" s="496"/>
      <c r="AH262" s="496"/>
      <c r="AI262" s="496"/>
      <c r="AJ262" s="487" t="s">
        <v>66</v>
      </c>
      <c r="AK262" s="496"/>
      <c r="AL262" s="496"/>
      <c r="AM262" s="496"/>
      <c r="AN262" s="496"/>
      <c r="AO262" s="496"/>
      <c r="AP262" s="496"/>
      <c r="AQ262" s="496"/>
      <c r="AR262" s="496"/>
      <c r="AS262" s="496"/>
      <c r="AT262" s="496"/>
      <c r="AU262" s="496"/>
      <c r="AV262" s="496"/>
      <c r="AW262" s="496"/>
      <c r="AX262" s="496"/>
      <c r="AY262" s="496"/>
      <c r="AZ262" s="496"/>
      <c r="BA262" s="496"/>
      <c r="BB262" s="496"/>
      <c r="BC262" s="496"/>
      <c r="BD262" s="496"/>
      <c r="BE262" s="496"/>
      <c r="BF262" s="80">
        <f t="shared" si="55"/>
        <v>500</v>
      </c>
      <c r="BG262" s="76">
        <f t="shared" si="53"/>
        <v>210.88</v>
      </c>
      <c r="BH262" s="487" t="str">
        <f t="shared" si="54"/>
        <v/>
      </c>
      <c r="BI262" s="487" t="str">
        <f t="shared" si="54"/>
        <v/>
      </c>
      <c r="BJ262" s="487" t="str">
        <f t="shared" si="54"/>
        <v/>
      </c>
      <c r="BK262" s="487" t="str">
        <f t="shared" si="54"/>
        <v/>
      </c>
      <c r="BL262" s="487" t="str">
        <f t="shared" si="54"/>
        <v/>
      </c>
      <c r="BM262" s="487" t="str">
        <f t="shared" si="54"/>
        <v/>
      </c>
      <c r="BN262" s="487" t="str">
        <f t="shared" si="54"/>
        <v/>
      </c>
      <c r="BO262" s="487" t="str">
        <f t="shared" si="52"/>
        <v/>
      </c>
      <c r="BP262" s="487" t="str">
        <f t="shared" si="52"/>
        <v/>
      </c>
      <c r="BQ262" s="487">
        <f t="shared" si="52"/>
        <v>105440</v>
      </c>
      <c r="BR262" s="487" t="str">
        <f t="shared" si="52"/>
        <v/>
      </c>
      <c r="BS262" s="487" t="str">
        <f t="shared" si="52"/>
        <v/>
      </c>
      <c r="BT262" s="487" t="str">
        <f t="shared" si="52"/>
        <v/>
      </c>
      <c r="BU262" s="487" t="str">
        <f t="shared" si="52"/>
        <v/>
      </c>
      <c r="BV262" s="487" t="str">
        <f t="shared" si="52"/>
        <v/>
      </c>
      <c r="BW262" s="487" t="str">
        <f t="shared" si="52"/>
        <v/>
      </c>
      <c r="BX262" s="487" t="str">
        <f t="shared" si="51"/>
        <v/>
      </c>
      <c r="BY262" s="487" t="str">
        <f t="shared" si="51"/>
        <v/>
      </c>
      <c r="BZ262" s="487" t="str">
        <f t="shared" si="51"/>
        <v/>
      </c>
      <c r="CA262" s="487" t="str">
        <f t="shared" si="51"/>
        <v/>
      </c>
      <c r="CB262" s="487" t="str">
        <f t="shared" si="51"/>
        <v/>
      </c>
      <c r="CC262" s="487" t="str">
        <f t="shared" si="51"/>
        <v/>
      </c>
      <c r="CD262" s="487" t="str">
        <f t="shared" si="51"/>
        <v/>
      </c>
      <c r="CE262" s="487" t="str">
        <f t="shared" si="51"/>
        <v/>
      </c>
      <c r="CF262" s="487" t="str">
        <f t="shared" si="51"/>
        <v/>
      </c>
      <c r="CG262" s="487" t="str">
        <f t="shared" si="51"/>
        <v/>
      </c>
      <c r="CH262" s="487" t="str">
        <f t="shared" si="51"/>
        <v/>
      </c>
      <c r="CI262" s="487" t="str">
        <f t="shared" si="50"/>
        <v/>
      </c>
      <c r="CJ262" s="487" t="str">
        <f t="shared" si="50"/>
        <v/>
      </c>
      <c r="CK262" s="487" t="str">
        <f t="shared" si="50"/>
        <v/>
      </c>
      <c r="CL262" s="487" t="str">
        <f t="shared" si="50"/>
        <v/>
      </c>
      <c r="CM262" s="487"/>
      <c r="CN262" s="487"/>
      <c r="CO262" s="487"/>
      <c r="CP262" s="487"/>
      <c r="CQ262" s="487"/>
      <c r="CR262" s="487"/>
      <c r="CS262" s="487"/>
      <c r="CT262" s="487"/>
      <c r="CU262" s="487"/>
      <c r="CV262" s="487"/>
      <c r="CW262" s="487"/>
      <c r="CX262" s="487"/>
      <c r="CY262" s="487"/>
      <c r="CZ262" s="487"/>
      <c r="DA262" s="487"/>
      <c r="DB262" s="487"/>
      <c r="DC262" s="487"/>
      <c r="DD262" s="487"/>
      <c r="DE262" s="487"/>
      <c r="DF262" s="487"/>
      <c r="DG262" s="487"/>
      <c r="DH262" s="487"/>
      <c r="DI262" s="484"/>
      <c r="DJ262" s="484"/>
      <c r="DK262" s="484"/>
    </row>
    <row r="263" spans="1:115" s="354" customFormat="1" ht="56.1" hidden="1" customHeight="1" x14ac:dyDescent="0.2">
      <c r="A263" s="494"/>
      <c r="B263" s="494"/>
      <c r="C263" s="481">
        <v>487</v>
      </c>
      <c r="D263" s="481"/>
      <c r="E263" s="481" t="s">
        <v>2481</v>
      </c>
      <c r="F263" s="482" t="s">
        <v>53</v>
      </c>
      <c r="G263" s="482" t="s">
        <v>515</v>
      </c>
      <c r="H263" s="484" t="s">
        <v>528</v>
      </c>
      <c r="I263" s="484" t="s">
        <v>571</v>
      </c>
      <c r="J263" s="484" t="s">
        <v>572</v>
      </c>
      <c r="K263" s="484"/>
      <c r="L263" s="484" t="s">
        <v>58</v>
      </c>
      <c r="M263" s="484" t="s">
        <v>26</v>
      </c>
      <c r="N263" s="484"/>
      <c r="O263" s="484" t="s">
        <v>388</v>
      </c>
      <c r="P263" s="484" t="s">
        <v>525</v>
      </c>
      <c r="Q263" s="484"/>
      <c r="R263" s="484" t="s">
        <v>382</v>
      </c>
      <c r="S263" s="484" t="s">
        <v>63</v>
      </c>
      <c r="T263" s="484" t="s">
        <v>63</v>
      </c>
      <c r="U263" s="485">
        <v>92260</v>
      </c>
      <c r="V263" s="485"/>
      <c r="W263" s="484" t="s">
        <v>64</v>
      </c>
      <c r="X263" s="484"/>
      <c r="Y263" s="485">
        <v>92260</v>
      </c>
      <c r="Z263" s="484" t="s">
        <v>82</v>
      </c>
      <c r="AA263" s="496"/>
      <c r="AB263" s="496"/>
      <c r="AC263" s="496"/>
      <c r="AD263" s="496"/>
      <c r="AE263" s="496"/>
      <c r="AF263" s="487"/>
      <c r="AG263" s="496"/>
      <c r="AH263" s="496"/>
      <c r="AI263" s="496"/>
      <c r="AJ263" s="487" t="s">
        <v>66</v>
      </c>
      <c r="AK263" s="496"/>
      <c r="AL263" s="496"/>
      <c r="AM263" s="496"/>
      <c r="AN263" s="496"/>
      <c r="AO263" s="496"/>
      <c r="AP263" s="496"/>
      <c r="AQ263" s="496"/>
      <c r="AR263" s="496"/>
      <c r="AS263" s="496"/>
      <c r="AT263" s="496"/>
      <c r="AU263" s="496"/>
      <c r="AV263" s="496"/>
      <c r="AW263" s="496"/>
      <c r="AX263" s="496"/>
      <c r="AY263" s="496"/>
      <c r="AZ263" s="496"/>
      <c r="BA263" s="496"/>
      <c r="BB263" s="496"/>
      <c r="BC263" s="496"/>
      <c r="BD263" s="496"/>
      <c r="BE263" s="496"/>
      <c r="BF263" s="80">
        <f t="shared" si="55"/>
        <v>500</v>
      </c>
      <c r="BG263" s="76">
        <f t="shared" si="53"/>
        <v>184.52</v>
      </c>
      <c r="BH263" s="487" t="str">
        <f t="shared" si="54"/>
        <v/>
      </c>
      <c r="BI263" s="487" t="str">
        <f t="shared" si="54"/>
        <v/>
      </c>
      <c r="BJ263" s="487" t="str">
        <f t="shared" si="54"/>
        <v/>
      </c>
      <c r="BK263" s="487" t="str">
        <f t="shared" si="54"/>
        <v/>
      </c>
      <c r="BL263" s="487" t="str">
        <f t="shared" si="54"/>
        <v/>
      </c>
      <c r="BM263" s="487" t="str">
        <f t="shared" si="54"/>
        <v/>
      </c>
      <c r="BN263" s="487" t="str">
        <f t="shared" si="54"/>
        <v/>
      </c>
      <c r="BO263" s="487" t="str">
        <f t="shared" si="52"/>
        <v/>
      </c>
      <c r="BP263" s="487" t="str">
        <f t="shared" si="52"/>
        <v/>
      </c>
      <c r="BQ263" s="487">
        <f t="shared" si="52"/>
        <v>92260</v>
      </c>
      <c r="BR263" s="487" t="str">
        <f t="shared" si="52"/>
        <v/>
      </c>
      <c r="BS263" s="487" t="str">
        <f t="shared" si="52"/>
        <v/>
      </c>
      <c r="BT263" s="487" t="str">
        <f t="shared" si="52"/>
        <v/>
      </c>
      <c r="BU263" s="487" t="str">
        <f t="shared" si="52"/>
        <v/>
      </c>
      <c r="BV263" s="487" t="str">
        <f t="shared" si="52"/>
        <v/>
      </c>
      <c r="BW263" s="487" t="str">
        <f t="shared" si="52"/>
        <v/>
      </c>
      <c r="BX263" s="487" t="str">
        <f t="shared" si="51"/>
        <v/>
      </c>
      <c r="BY263" s="487" t="str">
        <f t="shared" si="51"/>
        <v/>
      </c>
      <c r="BZ263" s="487" t="str">
        <f t="shared" si="51"/>
        <v/>
      </c>
      <c r="CA263" s="487" t="str">
        <f t="shared" si="51"/>
        <v/>
      </c>
      <c r="CB263" s="487" t="str">
        <f t="shared" si="51"/>
        <v/>
      </c>
      <c r="CC263" s="487" t="str">
        <f t="shared" si="51"/>
        <v/>
      </c>
      <c r="CD263" s="487" t="str">
        <f t="shared" si="51"/>
        <v/>
      </c>
      <c r="CE263" s="487" t="str">
        <f t="shared" si="51"/>
        <v/>
      </c>
      <c r="CF263" s="487" t="str">
        <f t="shared" si="51"/>
        <v/>
      </c>
      <c r="CG263" s="487" t="str">
        <f t="shared" si="51"/>
        <v/>
      </c>
      <c r="CH263" s="487" t="str">
        <f t="shared" si="51"/>
        <v/>
      </c>
      <c r="CI263" s="487" t="str">
        <f t="shared" si="50"/>
        <v/>
      </c>
      <c r="CJ263" s="487" t="str">
        <f t="shared" si="50"/>
        <v/>
      </c>
      <c r="CK263" s="487" t="str">
        <f t="shared" si="50"/>
        <v/>
      </c>
      <c r="CL263" s="487" t="str">
        <f t="shared" si="50"/>
        <v/>
      </c>
      <c r="CM263" s="487"/>
      <c r="CN263" s="487"/>
      <c r="CO263" s="487"/>
      <c r="CP263" s="487"/>
      <c r="CQ263" s="487"/>
      <c r="CR263" s="487"/>
      <c r="CS263" s="487"/>
      <c r="CT263" s="487"/>
      <c r="CU263" s="487"/>
      <c r="CV263" s="487"/>
      <c r="CW263" s="487"/>
      <c r="CX263" s="487"/>
      <c r="CY263" s="487"/>
      <c r="CZ263" s="487"/>
      <c r="DA263" s="487"/>
      <c r="DB263" s="487"/>
      <c r="DC263" s="487"/>
      <c r="DD263" s="487"/>
      <c r="DE263" s="487"/>
      <c r="DF263" s="487"/>
      <c r="DG263" s="487"/>
      <c r="DH263" s="487"/>
      <c r="DI263" s="484"/>
      <c r="DJ263" s="484"/>
      <c r="DK263" s="484"/>
    </row>
    <row r="264" spans="1:115" s="354" customFormat="1" ht="56.1" hidden="1" customHeight="1" x14ac:dyDescent="0.2">
      <c r="A264" s="494"/>
      <c r="B264" s="494"/>
      <c r="C264" s="481">
        <v>488</v>
      </c>
      <c r="D264" s="481"/>
      <c r="E264" s="481" t="s">
        <v>2481</v>
      </c>
      <c r="F264" s="482" t="s">
        <v>53</v>
      </c>
      <c r="G264" s="482" t="s">
        <v>515</v>
      </c>
      <c r="H264" s="484" t="s">
        <v>530</v>
      </c>
      <c r="I264" s="484" t="s">
        <v>573</v>
      </c>
      <c r="J264" s="484" t="s">
        <v>573</v>
      </c>
      <c r="K264" s="484"/>
      <c r="L264" s="484" t="s">
        <v>58</v>
      </c>
      <c r="M264" s="484" t="s">
        <v>26</v>
      </c>
      <c r="N264" s="484"/>
      <c r="O264" s="484" t="s">
        <v>388</v>
      </c>
      <c r="P264" s="484" t="s">
        <v>525</v>
      </c>
      <c r="Q264" s="484"/>
      <c r="R264" s="484" t="s">
        <v>382</v>
      </c>
      <c r="S264" s="484" t="s">
        <v>63</v>
      </c>
      <c r="T264" s="484" t="s">
        <v>63</v>
      </c>
      <c r="U264" s="485">
        <v>108735</v>
      </c>
      <c r="V264" s="485"/>
      <c r="W264" s="484" t="s">
        <v>64</v>
      </c>
      <c r="X264" s="484"/>
      <c r="Y264" s="485">
        <v>108735</v>
      </c>
      <c r="Z264" s="484" t="s">
        <v>82</v>
      </c>
      <c r="AA264" s="496"/>
      <c r="AB264" s="496"/>
      <c r="AC264" s="496"/>
      <c r="AD264" s="496"/>
      <c r="AE264" s="496"/>
      <c r="AF264" s="487"/>
      <c r="AG264" s="496"/>
      <c r="AH264" s="496"/>
      <c r="AI264" s="496"/>
      <c r="AJ264" s="487" t="s">
        <v>66</v>
      </c>
      <c r="AK264" s="496"/>
      <c r="AL264" s="496"/>
      <c r="AM264" s="496"/>
      <c r="AN264" s="496"/>
      <c r="AO264" s="496"/>
      <c r="AP264" s="496"/>
      <c r="AQ264" s="496"/>
      <c r="AR264" s="496"/>
      <c r="AS264" s="496"/>
      <c r="AT264" s="496"/>
      <c r="AU264" s="496"/>
      <c r="AV264" s="496"/>
      <c r="AW264" s="496"/>
      <c r="AX264" s="496"/>
      <c r="AY264" s="496"/>
      <c r="AZ264" s="496"/>
      <c r="BA264" s="496"/>
      <c r="BB264" s="496"/>
      <c r="BC264" s="496"/>
      <c r="BD264" s="496"/>
      <c r="BE264" s="496"/>
      <c r="BF264" s="80">
        <f t="shared" si="55"/>
        <v>500</v>
      </c>
      <c r="BG264" s="76">
        <f t="shared" si="53"/>
        <v>217.47</v>
      </c>
      <c r="BH264" s="487" t="str">
        <f t="shared" si="54"/>
        <v/>
      </c>
      <c r="BI264" s="487" t="str">
        <f t="shared" si="54"/>
        <v/>
      </c>
      <c r="BJ264" s="487" t="str">
        <f t="shared" si="54"/>
        <v/>
      </c>
      <c r="BK264" s="487" t="str">
        <f t="shared" si="54"/>
        <v/>
      </c>
      <c r="BL264" s="487" t="str">
        <f t="shared" si="54"/>
        <v/>
      </c>
      <c r="BM264" s="487" t="str">
        <f t="shared" si="54"/>
        <v/>
      </c>
      <c r="BN264" s="487" t="str">
        <f t="shared" si="54"/>
        <v/>
      </c>
      <c r="BO264" s="487" t="str">
        <f t="shared" si="52"/>
        <v/>
      </c>
      <c r="BP264" s="487" t="str">
        <f t="shared" si="52"/>
        <v/>
      </c>
      <c r="BQ264" s="487">
        <f t="shared" si="52"/>
        <v>108735</v>
      </c>
      <c r="BR264" s="487" t="str">
        <f t="shared" si="52"/>
        <v/>
      </c>
      <c r="BS264" s="487" t="str">
        <f t="shared" si="52"/>
        <v/>
      </c>
      <c r="BT264" s="487" t="str">
        <f t="shared" si="52"/>
        <v/>
      </c>
      <c r="BU264" s="487" t="str">
        <f t="shared" si="52"/>
        <v/>
      </c>
      <c r="BV264" s="487" t="str">
        <f t="shared" si="52"/>
        <v/>
      </c>
      <c r="BW264" s="487" t="str">
        <f t="shared" si="52"/>
        <v/>
      </c>
      <c r="BX264" s="487" t="str">
        <f t="shared" si="51"/>
        <v/>
      </c>
      <c r="BY264" s="487" t="str">
        <f t="shared" si="51"/>
        <v/>
      </c>
      <c r="BZ264" s="487" t="str">
        <f t="shared" si="51"/>
        <v/>
      </c>
      <c r="CA264" s="487" t="str">
        <f t="shared" si="51"/>
        <v/>
      </c>
      <c r="CB264" s="487" t="str">
        <f t="shared" si="51"/>
        <v/>
      </c>
      <c r="CC264" s="487" t="str">
        <f t="shared" si="51"/>
        <v/>
      </c>
      <c r="CD264" s="487" t="str">
        <f t="shared" si="51"/>
        <v/>
      </c>
      <c r="CE264" s="487" t="str">
        <f t="shared" si="51"/>
        <v/>
      </c>
      <c r="CF264" s="487" t="str">
        <f t="shared" si="51"/>
        <v/>
      </c>
      <c r="CG264" s="487" t="str">
        <f t="shared" si="51"/>
        <v/>
      </c>
      <c r="CH264" s="487" t="str">
        <f t="shared" si="51"/>
        <v/>
      </c>
      <c r="CI264" s="487" t="str">
        <f t="shared" si="50"/>
        <v/>
      </c>
      <c r="CJ264" s="487" t="str">
        <f t="shared" si="50"/>
        <v/>
      </c>
      <c r="CK264" s="487" t="str">
        <f t="shared" si="50"/>
        <v/>
      </c>
      <c r="CL264" s="487" t="str">
        <f t="shared" si="50"/>
        <v/>
      </c>
      <c r="CM264" s="487"/>
      <c r="CN264" s="487"/>
      <c r="CO264" s="487"/>
      <c r="CP264" s="487"/>
      <c r="CQ264" s="487"/>
      <c r="CR264" s="487"/>
      <c r="CS264" s="487"/>
      <c r="CT264" s="487"/>
      <c r="CU264" s="487"/>
      <c r="CV264" s="487"/>
      <c r="CW264" s="487"/>
      <c r="CX264" s="487"/>
      <c r="CY264" s="487"/>
      <c r="CZ264" s="487"/>
      <c r="DA264" s="487"/>
      <c r="DB264" s="487"/>
      <c r="DC264" s="487"/>
      <c r="DD264" s="487"/>
      <c r="DE264" s="487"/>
      <c r="DF264" s="487"/>
      <c r="DG264" s="487"/>
      <c r="DH264" s="487"/>
      <c r="DI264" s="484"/>
      <c r="DJ264" s="484"/>
      <c r="DK264" s="484"/>
    </row>
    <row r="265" spans="1:115" s="354" customFormat="1" ht="56.1" hidden="1" customHeight="1" x14ac:dyDescent="0.2">
      <c r="A265" s="494"/>
      <c r="B265" s="494"/>
      <c r="C265" s="481">
        <v>489</v>
      </c>
      <c r="D265" s="481"/>
      <c r="E265" s="481" t="s">
        <v>2481</v>
      </c>
      <c r="F265" s="482" t="s">
        <v>53</v>
      </c>
      <c r="G265" s="482" t="s">
        <v>515</v>
      </c>
      <c r="H265" s="484" t="s">
        <v>533</v>
      </c>
      <c r="I265" s="484" t="s">
        <v>534</v>
      </c>
      <c r="J265" s="484" t="s">
        <v>534</v>
      </c>
      <c r="K265" s="484"/>
      <c r="L265" s="484" t="s">
        <v>58</v>
      </c>
      <c r="M265" s="484" t="s">
        <v>26</v>
      </c>
      <c r="N265" s="484"/>
      <c r="O265" s="484" t="s">
        <v>81</v>
      </c>
      <c r="P265" s="484" t="s">
        <v>334</v>
      </c>
      <c r="Q265" s="484"/>
      <c r="R265" s="484" t="s">
        <v>382</v>
      </c>
      <c r="S265" s="484" t="s">
        <v>63</v>
      </c>
      <c r="T265" s="484" t="s">
        <v>63</v>
      </c>
      <c r="U265" s="485">
        <v>88965</v>
      </c>
      <c r="V265" s="485"/>
      <c r="W265" s="484" t="s">
        <v>64</v>
      </c>
      <c r="X265" s="484"/>
      <c r="Y265" s="485">
        <v>88965</v>
      </c>
      <c r="Z265" s="484" t="s">
        <v>82</v>
      </c>
      <c r="AA265" s="496"/>
      <c r="AB265" s="496"/>
      <c r="AC265" s="496"/>
      <c r="AD265" s="496"/>
      <c r="AE265" s="496"/>
      <c r="AF265" s="487"/>
      <c r="AG265" s="496"/>
      <c r="AH265" s="496"/>
      <c r="AI265" s="496"/>
      <c r="AJ265" s="487" t="s">
        <v>66</v>
      </c>
      <c r="AK265" s="496"/>
      <c r="AL265" s="496"/>
      <c r="AM265" s="496"/>
      <c r="AN265" s="496"/>
      <c r="AO265" s="496"/>
      <c r="AP265" s="496"/>
      <c r="AQ265" s="496"/>
      <c r="AR265" s="496"/>
      <c r="AS265" s="496"/>
      <c r="AT265" s="496"/>
      <c r="AU265" s="496"/>
      <c r="AV265" s="496"/>
      <c r="AW265" s="496"/>
      <c r="AX265" s="496"/>
      <c r="AY265" s="496"/>
      <c r="AZ265" s="496"/>
      <c r="BA265" s="496"/>
      <c r="BB265" s="496"/>
      <c r="BC265" s="496"/>
      <c r="BD265" s="496"/>
      <c r="BE265" s="496"/>
      <c r="BF265" s="80">
        <f t="shared" si="55"/>
        <v>500</v>
      </c>
      <c r="BG265" s="76">
        <f t="shared" si="53"/>
        <v>177.93</v>
      </c>
      <c r="BH265" s="487" t="str">
        <f t="shared" si="54"/>
        <v/>
      </c>
      <c r="BI265" s="487" t="str">
        <f t="shared" si="54"/>
        <v/>
      </c>
      <c r="BJ265" s="487" t="str">
        <f t="shared" si="54"/>
        <v/>
      </c>
      <c r="BK265" s="487" t="str">
        <f t="shared" si="54"/>
        <v/>
      </c>
      <c r="BL265" s="487" t="str">
        <f t="shared" si="54"/>
        <v/>
      </c>
      <c r="BM265" s="487" t="str">
        <f t="shared" si="54"/>
        <v/>
      </c>
      <c r="BN265" s="487" t="str">
        <f t="shared" si="54"/>
        <v/>
      </c>
      <c r="BO265" s="487" t="str">
        <f t="shared" si="52"/>
        <v/>
      </c>
      <c r="BP265" s="487" t="str">
        <f t="shared" si="52"/>
        <v/>
      </c>
      <c r="BQ265" s="487">
        <f t="shared" si="52"/>
        <v>88965</v>
      </c>
      <c r="BR265" s="487" t="str">
        <f t="shared" si="52"/>
        <v/>
      </c>
      <c r="BS265" s="487" t="str">
        <f t="shared" si="52"/>
        <v/>
      </c>
      <c r="BT265" s="487" t="str">
        <f t="shared" si="52"/>
        <v/>
      </c>
      <c r="BU265" s="487" t="str">
        <f t="shared" si="52"/>
        <v/>
      </c>
      <c r="BV265" s="487" t="str">
        <f t="shared" si="52"/>
        <v/>
      </c>
      <c r="BW265" s="487" t="str">
        <f t="shared" si="52"/>
        <v/>
      </c>
      <c r="BX265" s="487" t="str">
        <f t="shared" si="51"/>
        <v/>
      </c>
      <c r="BY265" s="487" t="str">
        <f t="shared" si="51"/>
        <v/>
      </c>
      <c r="BZ265" s="487" t="str">
        <f t="shared" si="51"/>
        <v/>
      </c>
      <c r="CA265" s="487" t="str">
        <f t="shared" si="51"/>
        <v/>
      </c>
      <c r="CB265" s="487" t="str">
        <f t="shared" si="51"/>
        <v/>
      </c>
      <c r="CC265" s="487" t="str">
        <f t="shared" si="51"/>
        <v/>
      </c>
      <c r="CD265" s="487" t="str">
        <f t="shared" si="51"/>
        <v/>
      </c>
      <c r="CE265" s="487" t="str">
        <f t="shared" si="51"/>
        <v/>
      </c>
      <c r="CF265" s="487" t="str">
        <f t="shared" si="51"/>
        <v/>
      </c>
      <c r="CG265" s="487" t="str">
        <f t="shared" si="51"/>
        <v/>
      </c>
      <c r="CH265" s="487" t="str">
        <f t="shared" si="51"/>
        <v/>
      </c>
      <c r="CI265" s="487" t="str">
        <f t="shared" si="50"/>
        <v/>
      </c>
      <c r="CJ265" s="487" t="str">
        <f t="shared" si="50"/>
        <v/>
      </c>
      <c r="CK265" s="487" t="str">
        <f t="shared" si="50"/>
        <v/>
      </c>
      <c r="CL265" s="487" t="str">
        <f t="shared" si="50"/>
        <v/>
      </c>
      <c r="CM265" s="487"/>
      <c r="CN265" s="487"/>
      <c r="CO265" s="487"/>
      <c r="CP265" s="487"/>
      <c r="CQ265" s="487"/>
      <c r="CR265" s="487"/>
      <c r="CS265" s="487"/>
      <c r="CT265" s="487"/>
      <c r="CU265" s="487"/>
      <c r="CV265" s="487"/>
      <c r="CW265" s="487"/>
      <c r="CX265" s="487"/>
      <c r="CY265" s="487"/>
      <c r="CZ265" s="487"/>
      <c r="DA265" s="487"/>
      <c r="DB265" s="487"/>
      <c r="DC265" s="487"/>
      <c r="DD265" s="487"/>
      <c r="DE265" s="487"/>
      <c r="DF265" s="487"/>
      <c r="DG265" s="487"/>
      <c r="DH265" s="487"/>
      <c r="DI265" s="484"/>
      <c r="DJ265" s="484"/>
      <c r="DK265" s="484"/>
    </row>
    <row r="266" spans="1:115" s="354" customFormat="1" ht="56.1" hidden="1" customHeight="1" x14ac:dyDescent="0.2">
      <c r="A266" s="494"/>
      <c r="B266" s="494"/>
      <c r="C266" s="481">
        <v>490</v>
      </c>
      <c r="D266" s="481"/>
      <c r="E266" s="481" t="s">
        <v>2481</v>
      </c>
      <c r="F266" s="482" t="s">
        <v>53</v>
      </c>
      <c r="G266" s="482" t="s">
        <v>515</v>
      </c>
      <c r="H266" s="484" t="s">
        <v>548</v>
      </c>
      <c r="I266" s="484" t="s">
        <v>536</v>
      </c>
      <c r="J266" s="484" t="s">
        <v>536</v>
      </c>
      <c r="K266" s="484"/>
      <c r="L266" s="484" t="s">
        <v>58</v>
      </c>
      <c r="M266" s="484" t="s">
        <v>574</v>
      </c>
      <c r="N266" s="484"/>
      <c r="O266" s="497" t="s">
        <v>60</v>
      </c>
      <c r="P266" s="484" t="s">
        <v>334</v>
      </c>
      <c r="Q266" s="484"/>
      <c r="R266" s="484" t="s">
        <v>390</v>
      </c>
      <c r="S266" s="484" t="s">
        <v>63</v>
      </c>
      <c r="T266" s="484" t="s">
        <v>63</v>
      </c>
      <c r="U266" s="485">
        <v>71058.124799999991</v>
      </c>
      <c r="V266" s="485"/>
      <c r="W266" s="484" t="s">
        <v>64</v>
      </c>
      <c r="X266" s="484"/>
      <c r="Y266" s="485">
        <v>71058.124799999991</v>
      </c>
      <c r="Z266" s="484" t="s">
        <v>82</v>
      </c>
      <c r="AA266" s="496"/>
      <c r="AB266" s="496"/>
      <c r="AC266" s="496"/>
      <c r="AD266" s="496"/>
      <c r="AE266" s="496"/>
      <c r="AF266" s="487"/>
      <c r="AG266" s="496"/>
      <c r="AH266" s="496"/>
      <c r="AI266" s="496"/>
      <c r="AJ266" s="496"/>
      <c r="AK266" s="487" t="s">
        <v>66</v>
      </c>
      <c r="AL266" s="496"/>
      <c r="AM266" s="496"/>
      <c r="AN266" s="496"/>
      <c r="AO266" s="496"/>
      <c r="AP266" s="496"/>
      <c r="AQ266" s="496"/>
      <c r="AR266" s="496"/>
      <c r="AS266" s="496"/>
      <c r="AT266" s="496"/>
      <c r="AU266" s="496"/>
      <c r="AV266" s="496"/>
      <c r="AW266" s="496"/>
      <c r="AX266" s="496"/>
      <c r="AY266" s="496"/>
      <c r="AZ266" s="496"/>
      <c r="BA266" s="496"/>
      <c r="BB266" s="496"/>
      <c r="BC266" s="496"/>
      <c r="BD266" s="496"/>
      <c r="BE266" s="496"/>
      <c r="BF266" s="80">
        <f t="shared" si="55"/>
        <v>750</v>
      </c>
      <c r="BG266" s="76">
        <f t="shared" si="53"/>
        <v>94.744166399999983</v>
      </c>
      <c r="BH266" s="487" t="str">
        <f t="shared" si="54"/>
        <v/>
      </c>
      <c r="BI266" s="487" t="str">
        <f t="shared" si="54"/>
        <v/>
      </c>
      <c r="BJ266" s="487" t="str">
        <f t="shared" si="54"/>
        <v/>
      </c>
      <c r="BK266" s="487" t="str">
        <f t="shared" si="54"/>
        <v/>
      </c>
      <c r="BL266" s="487" t="str">
        <f t="shared" si="54"/>
        <v/>
      </c>
      <c r="BM266" s="487" t="str">
        <f t="shared" si="54"/>
        <v/>
      </c>
      <c r="BN266" s="487" t="str">
        <f t="shared" si="54"/>
        <v/>
      </c>
      <c r="BO266" s="487" t="str">
        <f t="shared" si="52"/>
        <v/>
      </c>
      <c r="BP266" s="487" t="str">
        <f t="shared" si="52"/>
        <v/>
      </c>
      <c r="BQ266" s="487" t="str">
        <f t="shared" si="52"/>
        <v/>
      </c>
      <c r="BR266" s="487">
        <f t="shared" si="52"/>
        <v>71058.124799999991</v>
      </c>
      <c r="BS266" s="487" t="str">
        <f t="shared" si="52"/>
        <v/>
      </c>
      <c r="BT266" s="487" t="str">
        <f t="shared" si="52"/>
        <v/>
      </c>
      <c r="BU266" s="487" t="str">
        <f t="shared" si="52"/>
        <v/>
      </c>
      <c r="BV266" s="487" t="str">
        <f t="shared" si="52"/>
        <v/>
      </c>
      <c r="BW266" s="487" t="str">
        <f t="shared" si="52"/>
        <v/>
      </c>
      <c r="BX266" s="487" t="str">
        <f t="shared" si="51"/>
        <v/>
      </c>
      <c r="BY266" s="487" t="str">
        <f t="shared" si="51"/>
        <v/>
      </c>
      <c r="BZ266" s="487" t="str">
        <f t="shared" si="51"/>
        <v/>
      </c>
      <c r="CA266" s="487" t="str">
        <f t="shared" si="51"/>
        <v/>
      </c>
      <c r="CB266" s="487" t="str">
        <f t="shared" si="51"/>
        <v/>
      </c>
      <c r="CC266" s="487" t="str">
        <f t="shared" si="51"/>
        <v/>
      </c>
      <c r="CD266" s="487" t="str">
        <f t="shared" si="51"/>
        <v/>
      </c>
      <c r="CE266" s="487" t="str">
        <f t="shared" si="51"/>
        <v/>
      </c>
      <c r="CF266" s="487" t="str">
        <f t="shared" si="51"/>
        <v/>
      </c>
      <c r="CG266" s="487" t="str">
        <f t="shared" si="51"/>
        <v/>
      </c>
      <c r="CH266" s="487" t="str">
        <f t="shared" si="51"/>
        <v/>
      </c>
      <c r="CI266" s="487" t="str">
        <f t="shared" si="50"/>
        <v/>
      </c>
      <c r="CJ266" s="487" t="str">
        <f t="shared" si="50"/>
        <v/>
      </c>
      <c r="CK266" s="487" t="str">
        <f t="shared" si="50"/>
        <v/>
      </c>
      <c r="CL266" s="487" t="str">
        <f t="shared" si="50"/>
        <v/>
      </c>
      <c r="CM266" s="487"/>
      <c r="CN266" s="487"/>
      <c r="CO266" s="487"/>
      <c r="CP266" s="487"/>
      <c r="CQ266" s="487"/>
      <c r="CR266" s="487"/>
      <c r="CS266" s="487"/>
      <c r="CT266" s="487"/>
      <c r="CU266" s="487"/>
      <c r="CV266" s="487"/>
      <c r="CW266" s="487"/>
      <c r="CX266" s="487"/>
      <c r="CY266" s="487"/>
      <c r="CZ266" s="487"/>
      <c r="DA266" s="487"/>
      <c r="DB266" s="487"/>
      <c r="DC266" s="487"/>
      <c r="DD266" s="487"/>
      <c r="DE266" s="487"/>
      <c r="DF266" s="487"/>
      <c r="DG266" s="487"/>
      <c r="DH266" s="487"/>
      <c r="DI266" s="484"/>
      <c r="DJ266" s="484"/>
      <c r="DK266" s="484"/>
    </row>
    <row r="267" spans="1:115" s="354" customFormat="1" ht="56.1" hidden="1" customHeight="1" x14ac:dyDescent="0.2">
      <c r="A267" s="494"/>
      <c r="B267" s="494"/>
      <c r="C267" s="481">
        <v>491</v>
      </c>
      <c r="D267" s="481"/>
      <c r="E267" s="481" t="s">
        <v>2481</v>
      </c>
      <c r="F267" s="482" t="s">
        <v>53</v>
      </c>
      <c r="G267" s="482" t="s">
        <v>515</v>
      </c>
      <c r="H267" s="484" t="s">
        <v>518</v>
      </c>
      <c r="I267" s="484" t="s">
        <v>520</v>
      </c>
      <c r="J267" s="484" t="s">
        <v>520</v>
      </c>
      <c r="K267" s="484"/>
      <c r="L267" s="484" t="s">
        <v>58</v>
      </c>
      <c r="M267" s="484" t="s">
        <v>574</v>
      </c>
      <c r="N267" s="484"/>
      <c r="O267" s="497" t="s">
        <v>60</v>
      </c>
      <c r="P267" s="484" t="s">
        <v>334</v>
      </c>
      <c r="Q267" s="484"/>
      <c r="R267" s="484" t="s">
        <v>390</v>
      </c>
      <c r="S267" s="484" t="s">
        <v>63</v>
      </c>
      <c r="T267" s="484" t="s">
        <v>63</v>
      </c>
      <c r="U267" s="485">
        <v>186527.57759999999</v>
      </c>
      <c r="V267" s="485"/>
      <c r="W267" s="484" t="s">
        <v>64</v>
      </c>
      <c r="X267" s="484"/>
      <c r="Y267" s="485">
        <v>186527.57759999999</v>
      </c>
      <c r="Z267" s="484" t="s">
        <v>82</v>
      </c>
      <c r="AA267" s="496"/>
      <c r="AB267" s="496"/>
      <c r="AC267" s="496"/>
      <c r="AD267" s="496"/>
      <c r="AE267" s="496"/>
      <c r="AF267" s="487"/>
      <c r="AG267" s="496"/>
      <c r="AH267" s="496"/>
      <c r="AI267" s="496"/>
      <c r="AJ267" s="496"/>
      <c r="AK267" s="487" t="s">
        <v>66</v>
      </c>
      <c r="AL267" s="496"/>
      <c r="AM267" s="496"/>
      <c r="AN267" s="496"/>
      <c r="AO267" s="496"/>
      <c r="AP267" s="496"/>
      <c r="AQ267" s="496"/>
      <c r="AR267" s="496"/>
      <c r="AS267" s="496"/>
      <c r="AT267" s="496"/>
      <c r="AU267" s="496"/>
      <c r="AV267" s="496"/>
      <c r="AW267" s="496"/>
      <c r="AX267" s="496"/>
      <c r="AY267" s="496"/>
      <c r="AZ267" s="496"/>
      <c r="BA267" s="496"/>
      <c r="BB267" s="496"/>
      <c r="BC267" s="496"/>
      <c r="BD267" s="496"/>
      <c r="BE267" s="496"/>
      <c r="BF267" s="80">
        <f t="shared" si="55"/>
        <v>750</v>
      </c>
      <c r="BG267" s="76">
        <f t="shared" si="53"/>
        <v>248.70343679999999</v>
      </c>
      <c r="BH267" s="487" t="str">
        <f t="shared" si="54"/>
        <v/>
      </c>
      <c r="BI267" s="487" t="str">
        <f t="shared" si="54"/>
        <v/>
      </c>
      <c r="BJ267" s="487" t="str">
        <f t="shared" si="54"/>
        <v/>
      </c>
      <c r="BK267" s="487" t="str">
        <f t="shared" si="54"/>
        <v/>
      </c>
      <c r="BL267" s="487" t="str">
        <f t="shared" si="54"/>
        <v/>
      </c>
      <c r="BM267" s="487" t="str">
        <f t="shared" si="54"/>
        <v/>
      </c>
      <c r="BN267" s="487" t="str">
        <f t="shared" si="54"/>
        <v/>
      </c>
      <c r="BO267" s="487" t="str">
        <f t="shared" si="52"/>
        <v/>
      </c>
      <c r="BP267" s="487" t="str">
        <f t="shared" si="52"/>
        <v/>
      </c>
      <c r="BQ267" s="487" t="str">
        <f t="shared" si="52"/>
        <v/>
      </c>
      <c r="BR267" s="487">
        <f t="shared" si="52"/>
        <v>186527.57759999999</v>
      </c>
      <c r="BS267" s="487" t="str">
        <f t="shared" si="52"/>
        <v/>
      </c>
      <c r="BT267" s="487" t="str">
        <f t="shared" si="52"/>
        <v/>
      </c>
      <c r="BU267" s="487" t="str">
        <f t="shared" si="52"/>
        <v/>
      </c>
      <c r="BV267" s="487" t="str">
        <f t="shared" si="52"/>
        <v/>
      </c>
      <c r="BW267" s="487" t="str">
        <f t="shared" si="52"/>
        <v/>
      </c>
      <c r="BX267" s="487" t="str">
        <f t="shared" si="51"/>
        <v/>
      </c>
      <c r="BY267" s="487" t="str">
        <f t="shared" si="51"/>
        <v/>
      </c>
      <c r="BZ267" s="487" t="str">
        <f t="shared" si="51"/>
        <v/>
      </c>
      <c r="CA267" s="487" t="str">
        <f t="shared" si="51"/>
        <v/>
      </c>
      <c r="CB267" s="487" t="str">
        <f t="shared" si="51"/>
        <v/>
      </c>
      <c r="CC267" s="487" t="str">
        <f t="shared" si="51"/>
        <v/>
      </c>
      <c r="CD267" s="487" t="str">
        <f t="shared" si="51"/>
        <v/>
      </c>
      <c r="CE267" s="487" t="str">
        <f t="shared" si="51"/>
        <v/>
      </c>
      <c r="CF267" s="487" t="str">
        <f t="shared" si="51"/>
        <v/>
      </c>
      <c r="CG267" s="487" t="str">
        <f t="shared" si="51"/>
        <v/>
      </c>
      <c r="CH267" s="487" t="str">
        <f t="shared" si="51"/>
        <v/>
      </c>
      <c r="CI267" s="487" t="str">
        <f t="shared" si="50"/>
        <v/>
      </c>
      <c r="CJ267" s="487" t="str">
        <f t="shared" si="50"/>
        <v/>
      </c>
      <c r="CK267" s="487" t="str">
        <f t="shared" si="50"/>
        <v/>
      </c>
      <c r="CL267" s="487" t="str">
        <f t="shared" si="50"/>
        <v/>
      </c>
      <c r="CM267" s="487"/>
      <c r="CN267" s="487"/>
      <c r="CO267" s="487"/>
      <c r="CP267" s="487"/>
      <c r="CQ267" s="487"/>
      <c r="CR267" s="487"/>
      <c r="CS267" s="487"/>
      <c r="CT267" s="487"/>
      <c r="CU267" s="487"/>
      <c r="CV267" s="487"/>
      <c r="CW267" s="487"/>
      <c r="CX267" s="487"/>
      <c r="CY267" s="487"/>
      <c r="CZ267" s="487"/>
      <c r="DA267" s="487"/>
      <c r="DB267" s="487"/>
      <c r="DC267" s="487"/>
      <c r="DD267" s="487"/>
      <c r="DE267" s="487"/>
      <c r="DF267" s="487"/>
      <c r="DG267" s="487"/>
      <c r="DH267" s="487"/>
      <c r="DI267" s="484"/>
      <c r="DJ267" s="484"/>
      <c r="DK267" s="484"/>
    </row>
    <row r="268" spans="1:115" s="354" customFormat="1" ht="56.1" hidden="1" customHeight="1" x14ac:dyDescent="0.2">
      <c r="A268" s="494"/>
      <c r="B268" s="494"/>
      <c r="C268" s="481">
        <v>492</v>
      </c>
      <c r="D268" s="481"/>
      <c r="E268" s="481" t="s">
        <v>2481</v>
      </c>
      <c r="F268" s="482" t="s">
        <v>53</v>
      </c>
      <c r="G268" s="482" t="s">
        <v>515</v>
      </c>
      <c r="H268" s="484" t="s">
        <v>521</v>
      </c>
      <c r="I268" s="484" t="s">
        <v>522</v>
      </c>
      <c r="J268" s="484" t="s">
        <v>522</v>
      </c>
      <c r="K268" s="484"/>
      <c r="L268" s="484" t="s">
        <v>58</v>
      </c>
      <c r="M268" s="484" t="s">
        <v>574</v>
      </c>
      <c r="N268" s="484"/>
      <c r="O268" s="497" t="s">
        <v>60</v>
      </c>
      <c r="P268" s="484" t="s">
        <v>334</v>
      </c>
      <c r="Q268" s="484"/>
      <c r="R268" s="484" t="s">
        <v>390</v>
      </c>
      <c r="S268" s="484" t="s">
        <v>63</v>
      </c>
      <c r="T268" s="484" t="s">
        <v>63</v>
      </c>
      <c r="U268" s="485">
        <v>260546.45759999999</v>
      </c>
      <c r="V268" s="485"/>
      <c r="W268" s="484" t="s">
        <v>64</v>
      </c>
      <c r="X268" s="484"/>
      <c r="Y268" s="485">
        <v>260546.45759999999</v>
      </c>
      <c r="Z268" s="484" t="s">
        <v>82</v>
      </c>
      <c r="AA268" s="496"/>
      <c r="AB268" s="496"/>
      <c r="AC268" s="496"/>
      <c r="AD268" s="496"/>
      <c r="AE268" s="496"/>
      <c r="AF268" s="487"/>
      <c r="AG268" s="496"/>
      <c r="AH268" s="496"/>
      <c r="AI268" s="496"/>
      <c r="AJ268" s="496"/>
      <c r="AK268" s="487" t="s">
        <v>66</v>
      </c>
      <c r="AL268" s="496"/>
      <c r="AM268" s="496"/>
      <c r="AN268" s="496"/>
      <c r="AO268" s="496"/>
      <c r="AP268" s="496"/>
      <c r="AQ268" s="496"/>
      <c r="AR268" s="496"/>
      <c r="AS268" s="496"/>
      <c r="AT268" s="496"/>
      <c r="AU268" s="496"/>
      <c r="AV268" s="496"/>
      <c r="AW268" s="496"/>
      <c r="AX268" s="496"/>
      <c r="AY268" s="496"/>
      <c r="AZ268" s="496"/>
      <c r="BA268" s="496"/>
      <c r="BB268" s="496"/>
      <c r="BC268" s="496"/>
      <c r="BD268" s="496"/>
      <c r="BE268" s="496"/>
      <c r="BF268" s="80">
        <f t="shared" si="55"/>
        <v>750</v>
      </c>
      <c r="BG268" s="76">
        <f t="shared" si="53"/>
        <v>347.39527679999998</v>
      </c>
      <c r="BH268" s="487" t="str">
        <f t="shared" si="54"/>
        <v/>
      </c>
      <c r="BI268" s="487" t="str">
        <f t="shared" si="54"/>
        <v/>
      </c>
      <c r="BJ268" s="487" t="str">
        <f t="shared" si="54"/>
        <v/>
      </c>
      <c r="BK268" s="487" t="str">
        <f t="shared" si="54"/>
        <v/>
      </c>
      <c r="BL268" s="487" t="str">
        <f t="shared" si="54"/>
        <v/>
      </c>
      <c r="BM268" s="487" t="str">
        <f t="shared" si="54"/>
        <v/>
      </c>
      <c r="BN268" s="487" t="str">
        <f t="shared" si="54"/>
        <v/>
      </c>
      <c r="BO268" s="487" t="str">
        <f t="shared" si="52"/>
        <v/>
      </c>
      <c r="BP268" s="487" t="str">
        <f t="shared" si="52"/>
        <v/>
      </c>
      <c r="BQ268" s="487" t="str">
        <f t="shared" si="52"/>
        <v/>
      </c>
      <c r="BR268" s="487">
        <f t="shared" si="52"/>
        <v>260546.45759999999</v>
      </c>
      <c r="BS268" s="487" t="str">
        <f t="shared" si="52"/>
        <v/>
      </c>
      <c r="BT268" s="487" t="str">
        <f t="shared" si="52"/>
        <v/>
      </c>
      <c r="BU268" s="487" t="str">
        <f t="shared" si="52"/>
        <v/>
      </c>
      <c r="BV268" s="487" t="str">
        <f t="shared" si="52"/>
        <v/>
      </c>
      <c r="BW268" s="487" t="str">
        <f t="shared" si="52"/>
        <v/>
      </c>
      <c r="BX268" s="487" t="str">
        <f t="shared" si="51"/>
        <v/>
      </c>
      <c r="BY268" s="487" t="str">
        <f t="shared" si="51"/>
        <v/>
      </c>
      <c r="BZ268" s="487" t="str">
        <f t="shared" si="51"/>
        <v/>
      </c>
      <c r="CA268" s="487" t="str">
        <f t="shared" si="51"/>
        <v/>
      </c>
      <c r="CB268" s="487" t="str">
        <f t="shared" si="51"/>
        <v/>
      </c>
      <c r="CC268" s="487" t="str">
        <f t="shared" si="51"/>
        <v/>
      </c>
      <c r="CD268" s="487" t="str">
        <f t="shared" si="51"/>
        <v/>
      </c>
      <c r="CE268" s="487" t="str">
        <f t="shared" si="51"/>
        <v/>
      </c>
      <c r="CF268" s="487" t="str">
        <f t="shared" si="51"/>
        <v/>
      </c>
      <c r="CG268" s="487" t="str">
        <f t="shared" si="51"/>
        <v/>
      </c>
      <c r="CH268" s="487" t="str">
        <f t="shared" si="51"/>
        <v/>
      </c>
      <c r="CI268" s="487" t="str">
        <f t="shared" si="50"/>
        <v/>
      </c>
      <c r="CJ268" s="487" t="str">
        <f t="shared" si="50"/>
        <v/>
      </c>
      <c r="CK268" s="487" t="str">
        <f t="shared" si="50"/>
        <v/>
      </c>
      <c r="CL268" s="487" t="str">
        <f t="shared" si="50"/>
        <v/>
      </c>
      <c r="CM268" s="487"/>
      <c r="CN268" s="487"/>
      <c r="CO268" s="487"/>
      <c r="CP268" s="487"/>
      <c r="CQ268" s="487"/>
      <c r="CR268" s="487"/>
      <c r="CS268" s="487"/>
      <c r="CT268" s="487"/>
      <c r="CU268" s="487"/>
      <c r="CV268" s="487"/>
      <c r="CW268" s="487"/>
      <c r="CX268" s="487"/>
      <c r="CY268" s="487"/>
      <c r="CZ268" s="487"/>
      <c r="DA268" s="487"/>
      <c r="DB268" s="487"/>
      <c r="DC268" s="487"/>
      <c r="DD268" s="487"/>
      <c r="DE268" s="487"/>
      <c r="DF268" s="487"/>
      <c r="DG268" s="487"/>
      <c r="DH268" s="487"/>
      <c r="DI268" s="484"/>
      <c r="DJ268" s="484"/>
      <c r="DK268" s="484"/>
    </row>
    <row r="269" spans="1:115" s="354" customFormat="1" ht="56.1" hidden="1" customHeight="1" x14ac:dyDescent="0.2">
      <c r="A269" s="494"/>
      <c r="B269" s="494"/>
      <c r="C269" s="481">
        <v>493</v>
      </c>
      <c r="D269" s="481"/>
      <c r="E269" s="481" t="s">
        <v>2481</v>
      </c>
      <c r="F269" s="482" t="s">
        <v>53</v>
      </c>
      <c r="G269" s="482" t="s">
        <v>515</v>
      </c>
      <c r="H269" s="484" t="s">
        <v>523</v>
      </c>
      <c r="I269" s="484" t="s">
        <v>537</v>
      </c>
      <c r="J269" s="484" t="s">
        <v>537</v>
      </c>
      <c r="K269" s="484"/>
      <c r="L269" s="484" t="s">
        <v>58</v>
      </c>
      <c r="M269" s="484" t="s">
        <v>574</v>
      </c>
      <c r="N269" s="484"/>
      <c r="O269" s="484" t="s">
        <v>388</v>
      </c>
      <c r="P269" s="484" t="s">
        <v>525</v>
      </c>
      <c r="Q269" s="484"/>
      <c r="R269" s="484" t="s">
        <v>390</v>
      </c>
      <c r="S269" s="484" t="s">
        <v>63</v>
      </c>
      <c r="T269" s="484" t="s">
        <v>63</v>
      </c>
      <c r="U269" s="485">
        <v>43494</v>
      </c>
      <c r="V269" s="485"/>
      <c r="W269" s="484" t="s">
        <v>64</v>
      </c>
      <c r="X269" s="484"/>
      <c r="Y269" s="485">
        <v>43494</v>
      </c>
      <c r="Z269" s="484" t="s">
        <v>82</v>
      </c>
      <c r="AA269" s="496"/>
      <c r="AB269" s="496"/>
      <c r="AC269" s="496"/>
      <c r="AD269" s="496"/>
      <c r="AE269" s="496"/>
      <c r="AF269" s="487"/>
      <c r="AG269" s="496"/>
      <c r="AH269" s="496"/>
      <c r="AI269" s="496"/>
      <c r="AJ269" s="496"/>
      <c r="AK269" s="487" t="s">
        <v>66</v>
      </c>
      <c r="AL269" s="496"/>
      <c r="AM269" s="496"/>
      <c r="AN269" s="496"/>
      <c r="AO269" s="496"/>
      <c r="AP269" s="496"/>
      <c r="AQ269" s="496"/>
      <c r="AR269" s="496"/>
      <c r="AS269" s="496"/>
      <c r="AT269" s="496"/>
      <c r="AU269" s="496"/>
      <c r="AV269" s="496"/>
      <c r="AW269" s="496"/>
      <c r="AX269" s="496"/>
      <c r="AY269" s="496"/>
      <c r="AZ269" s="496"/>
      <c r="BA269" s="496"/>
      <c r="BB269" s="496"/>
      <c r="BC269" s="496"/>
      <c r="BD269" s="496"/>
      <c r="BE269" s="496"/>
      <c r="BF269" s="80">
        <f t="shared" si="55"/>
        <v>750</v>
      </c>
      <c r="BG269" s="76">
        <f t="shared" si="53"/>
        <v>57.991999999999997</v>
      </c>
      <c r="BH269" s="487" t="str">
        <f t="shared" si="54"/>
        <v/>
      </c>
      <c r="BI269" s="487" t="str">
        <f t="shared" si="54"/>
        <v/>
      </c>
      <c r="BJ269" s="487" t="str">
        <f t="shared" si="54"/>
        <v/>
      </c>
      <c r="BK269" s="487" t="str">
        <f t="shared" si="54"/>
        <v/>
      </c>
      <c r="BL269" s="487" t="str">
        <f t="shared" si="54"/>
        <v/>
      </c>
      <c r="BM269" s="487" t="str">
        <f t="shared" si="54"/>
        <v/>
      </c>
      <c r="BN269" s="487" t="str">
        <f t="shared" si="54"/>
        <v/>
      </c>
      <c r="BO269" s="487" t="str">
        <f t="shared" si="52"/>
        <v/>
      </c>
      <c r="BP269" s="487" t="str">
        <f t="shared" si="52"/>
        <v/>
      </c>
      <c r="BQ269" s="487" t="str">
        <f t="shared" si="52"/>
        <v/>
      </c>
      <c r="BR269" s="487">
        <f t="shared" si="52"/>
        <v>43494</v>
      </c>
      <c r="BS269" s="487" t="str">
        <f t="shared" si="52"/>
        <v/>
      </c>
      <c r="BT269" s="487" t="str">
        <f t="shared" si="52"/>
        <v/>
      </c>
      <c r="BU269" s="487" t="str">
        <f t="shared" si="52"/>
        <v/>
      </c>
      <c r="BV269" s="487" t="str">
        <f t="shared" si="52"/>
        <v/>
      </c>
      <c r="BW269" s="487" t="str">
        <f t="shared" si="52"/>
        <v/>
      </c>
      <c r="BX269" s="487" t="str">
        <f t="shared" si="51"/>
        <v/>
      </c>
      <c r="BY269" s="487" t="str">
        <f t="shared" si="51"/>
        <v/>
      </c>
      <c r="BZ269" s="487" t="str">
        <f t="shared" si="51"/>
        <v/>
      </c>
      <c r="CA269" s="487" t="str">
        <f t="shared" si="51"/>
        <v/>
      </c>
      <c r="CB269" s="487" t="str">
        <f t="shared" si="51"/>
        <v/>
      </c>
      <c r="CC269" s="487" t="str">
        <f t="shared" si="51"/>
        <v/>
      </c>
      <c r="CD269" s="487" t="str">
        <f t="shared" si="51"/>
        <v/>
      </c>
      <c r="CE269" s="487" t="str">
        <f t="shared" si="51"/>
        <v/>
      </c>
      <c r="CF269" s="487" t="str">
        <f t="shared" si="51"/>
        <v/>
      </c>
      <c r="CG269" s="487" t="str">
        <f t="shared" si="51"/>
        <v/>
      </c>
      <c r="CH269" s="487" t="str">
        <f t="shared" si="51"/>
        <v/>
      </c>
      <c r="CI269" s="487" t="str">
        <f t="shared" si="50"/>
        <v/>
      </c>
      <c r="CJ269" s="487" t="str">
        <f t="shared" si="50"/>
        <v/>
      </c>
      <c r="CK269" s="487" t="str">
        <f t="shared" si="50"/>
        <v/>
      </c>
      <c r="CL269" s="487" t="str">
        <f t="shared" si="50"/>
        <v/>
      </c>
      <c r="CM269" s="487"/>
      <c r="CN269" s="487"/>
      <c r="CO269" s="487"/>
      <c r="CP269" s="487"/>
      <c r="CQ269" s="487"/>
      <c r="CR269" s="487"/>
      <c r="CS269" s="487"/>
      <c r="CT269" s="487"/>
      <c r="CU269" s="487"/>
      <c r="CV269" s="487"/>
      <c r="CW269" s="487"/>
      <c r="CX269" s="487"/>
      <c r="CY269" s="487"/>
      <c r="CZ269" s="487"/>
      <c r="DA269" s="487"/>
      <c r="DB269" s="487"/>
      <c r="DC269" s="487"/>
      <c r="DD269" s="487"/>
      <c r="DE269" s="487"/>
      <c r="DF269" s="487"/>
      <c r="DG269" s="487"/>
      <c r="DH269" s="487"/>
      <c r="DI269" s="484"/>
      <c r="DJ269" s="484"/>
      <c r="DK269" s="484"/>
    </row>
    <row r="270" spans="1:115" s="354" customFormat="1" ht="56.1" hidden="1" customHeight="1" x14ac:dyDescent="0.2">
      <c r="A270" s="494"/>
      <c r="B270" s="494"/>
      <c r="C270" s="481">
        <v>494</v>
      </c>
      <c r="D270" s="481"/>
      <c r="E270" s="481" t="s">
        <v>2481</v>
      </c>
      <c r="F270" s="482" t="s">
        <v>53</v>
      </c>
      <c r="G270" s="482" t="s">
        <v>515</v>
      </c>
      <c r="H270" s="484" t="s">
        <v>539</v>
      </c>
      <c r="I270" s="484" t="s">
        <v>538</v>
      </c>
      <c r="J270" s="484" t="s">
        <v>538</v>
      </c>
      <c r="K270" s="484"/>
      <c r="L270" s="484" t="s">
        <v>58</v>
      </c>
      <c r="M270" s="484" t="s">
        <v>574</v>
      </c>
      <c r="N270" s="484"/>
      <c r="O270" s="484" t="s">
        <v>388</v>
      </c>
      <c r="P270" s="484" t="s">
        <v>525</v>
      </c>
      <c r="Q270" s="484"/>
      <c r="R270" s="484" t="s">
        <v>390</v>
      </c>
      <c r="S270" s="484" t="s">
        <v>63</v>
      </c>
      <c r="T270" s="484" t="s">
        <v>63</v>
      </c>
      <c r="U270" s="485">
        <v>105440</v>
      </c>
      <c r="V270" s="485"/>
      <c r="W270" s="484" t="s">
        <v>64</v>
      </c>
      <c r="X270" s="484"/>
      <c r="Y270" s="485">
        <v>105440</v>
      </c>
      <c r="Z270" s="484" t="s">
        <v>82</v>
      </c>
      <c r="AA270" s="496"/>
      <c r="AB270" s="496"/>
      <c r="AC270" s="496"/>
      <c r="AD270" s="496"/>
      <c r="AE270" s="496"/>
      <c r="AF270" s="487"/>
      <c r="AG270" s="496"/>
      <c r="AH270" s="496"/>
      <c r="AI270" s="496"/>
      <c r="AJ270" s="496"/>
      <c r="AK270" s="487" t="s">
        <v>66</v>
      </c>
      <c r="AL270" s="496"/>
      <c r="AM270" s="496"/>
      <c r="AN270" s="496"/>
      <c r="AO270" s="496"/>
      <c r="AP270" s="496"/>
      <c r="AQ270" s="496"/>
      <c r="AR270" s="496"/>
      <c r="AS270" s="496"/>
      <c r="AT270" s="496"/>
      <c r="AU270" s="496"/>
      <c r="AV270" s="496"/>
      <c r="AW270" s="496"/>
      <c r="AX270" s="496"/>
      <c r="AY270" s="496"/>
      <c r="AZ270" s="496"/>
      <c r="BA270" s="496"/>
      <c r="BB270" s="496"/>
      <c r="BC270" s="496"/>
      <c r="BD270" s="496"/>
      <c r="BE270" s="496"/>
      <c r="BF270" s="80">
        <f t="shared" si="55"/>
        <v>750</v>
      </c>
      <c r="BG270" s="76">
        <f t="shared" si="53"/>
        <v>140.58666666666667</v>
      </c>
      <c r="BH270" s="487" t="str">
        <f t="shared" si="54"/>
        <v/>
      </c>
      <c r="BI270" s="487" t="str">
        <f t="shared" si="54"/>
        <v/>
      </c>
      <c r="BJ270" s="487" t="str">
        <f t="shared" si="54"/>
        <v/>
      </c>
      <c r="BK270" s="487" t="str">
        <f t="shared" si="54"/>
        <v/>
      </c>
      <c r="BL270" s="487" t="str">
        <f t="shared" si="54"/>
        <v/>
      </c>
      <c r="BM270" s="487" t="str">
        <f t="shared" si="54"/>
        <v/>
      </c>
      <c r="BN270" s="487" t="str">
        <f t="shared" si="54"/>
        <v/>
      </c>
      <c r="BO270" s="487" t="str">
        <f t="shared" si="52"/>
        <v/>
      </c>
      <c r="BP270" s="487" t="str">
        <f t="shared" si="52"/>
        <v/>
      </c>
      <c r="BQ270" s="487" t="str">
        <f t="shared" si="52"/>
        <v/>
      </c>
      <c r="BR270" s="487">
        <f t="shared" si="52"/>
        <v>105440</v>
      </c>
      <c r="BS270" s="487" t="str">
        <f t="shared" si="52"/>
        <v/>
      </c>
      <c r="BT270" s="487" t="str">
        <f t="shared" si="52"/>
        <v/>
      </c>
      <c r="BU270" s="487" t="str">
        <f t="shared" si="52"/>
        <v/>
      </c>
      <c r="BV270" s="487" t="str">
        <f t="shared" si="52"/>
        <v/>
      </c>
      <c r="BW270" s="487" t="str">
        <f t="shared" si="52"/>
        <v/>
      </c>
      <c r="BX270" s="487" t="str">
        <f t="shared" si="51"/>
        <v/>
      </c>
      <c r="BY270" s="487" t="str">
        <f t="shared" si="51"/>
        <v/>
      </c>
      <c r="BZ270" s="487" t="str">
        <f t="shared" si="51"/>
        <v/>
      </c>
      <c r="CA270" s="487" t="str">
        <f t="shared" si="51"/>
        <v/>
      </c>
      <c r="CB270" s="487" t="str">
        <f t="shared" si="51"/>
        <v/>
      </c>
      <c r="CC270" s="487" t="str">
        <f t="shared" si="51"/>
        <v/>
      </c>
      <c r="CD270" s="487" t="str">
        <f t="shared" si="51"/>
        <v/>
      </c>
      <c r="CE270" s="487" t="str">
        <f t="shared" si="51"/>
        <v/>
      </c>
      <c r="CF270" s="487" t="str">
        <f t="shared" si="51"/>
        <v/>
      </c>
      <c r="CG270" s="487" t="str">
        <f t="shared" si="51"/>
        <v/>
      </c>
      <c r="CH270" s="487" t="str">
        <f t="shared" si="51"/>
        <v/>
      </c>
      <c r="CI270" s="487" t="str">
        <f t="shared" si="50"/>
        <v/>
      </c>
      <c r="CJ270" s="487" t="str">
        <f t="shared" si="50"/>
        <v/>
      </c>
      <c r="CK270" s="487" t="str">
        <f t="shared" si="50"/>
        <v/>
      </c>
      <c r="CL270" s="487" t="str">
        <f t="shared" si="50"/>
        <v/>
      </c>
      <c r="CM270" s="487"/>
      <c r="CN270" s="487"/>
      <c r="CO270" s="487"/>
      <c r="CP270" s="487"/>
      <c r="CQ270" s="487"/>
      <c r="CR270" s="487"/>
      <c r="CS270" s="487"/>
      <c r="CT270" s="487"/>
      <c r="CU270" s="487"/>
      <c r="CV270" s="487"/>
      <c r="CW270" s="487"/>
      <c r="CX270" s="487"/>
      <c r="CY270" s="487"/>
      <c r="CZ270" s="487"/>
      <c r="DA270" s="487"/>
      <c r="DB270" s="487"/>
      <c r="DC270" s="487"/>
      <c r="DD270" s="487"/>
      <c r="DE270" s="487"/>
      <c r="DF270" s="487"/>
      <c r="DG270" s="487"/>
      <c r="DH270" s="487"/>
      <c r="DI270" s="484"/>
      <c r="DJ270" s="484"/>
      <c r="DK270" s="484"/>
    </row>
    <row r="271" spans="1:115" s="354" customFormat="1" ht="56.1" hidden="1" customHeight="1" x14ac:dyDescent="0.2">
      <c r="A271" s="494"/>
      <c r="B271" s="494"/>
      <c r="C271" s="481">
        <v>495</v>
      </c>
      <c r="D271" s="481"/>
      <c r="E271" s="481" t="s">
        <v>2481</v>
      </c>
      <c r="F271" s="482" t="s">
        <v>53</v>
      </c>
      <c r="G271" s="482" t="s">
        <v>515</v>
      </c>
      <c r="H271" s="484" t="s">
        <v>528</v>
      </c>
      <c r="I271" s="484" t="s">
        <v>575</v>
      </c>
      <c r="J271" s="484" t="s">
        <v>575</v>
      </c>
      <c r="K271" s="484"/>
      <c r="L271" s="484" t="s">
        <v>58</v>
      </c>
      <c r="M271" s="484" t="s">
        <v>574</v>
      </c>
      <c r="N271" s="484"/>
      <c r="O271" s="484" t="s">
        <v>388</v>
      </c>
      <c r="P271" s="484" t="s">
        <v>525</v>
      </c>
      <c r="Q271" s="484"/>
      <c r="R271" s="484" t="s">
        <v>390</v>
      </c>
      <c r="S271" s="484" t="s">
        <v>63</v>
      </c>
      <c r="T271" s="484" t="s">
        <v>63</v>
      </c>
      <c r="U271" s="485">
        <v>369040</v>
      </c>
      <c r="V271" s="485"/>
      <c r="W271" s="484" t="s">
        <v>64</v>
      </c>
      <c r="X271" s="484"/>
      <c r="Y271" s="485">
        <v>369040</v>
      </c>
      <c r="Z271" s="484" t="s">
        <v>82</v>
      </c>
      <c r="AA271" s="496"/>
      <c r="AB271" s="496"/>
      <c r="AC271" s="496"/>
      <c r="AD271" s="496"/>
      <c r="AE271" s="496"/>
      <c r="AF271" s="487"/>
      <c r="AG271" s="496"/>
      <c r="AH271" s="496"/>
      <c r="AI271" s="496"/>
      <c r="AJ271" s="496"/>
      <c r="AK271" s="487" t="s">
        <v>66</v>
      </c>
      <c r="AL271" s="496"/>
      <c r="AM271" s="496"/>
      <c r="AN271" s="496"/>
      <c r="AO271" s="496"/>
      <c r="AP271" s="496"/>
      <c r="AQ271" s="496"/>
      <c r="AR271" s="496"/>
      <c r="AS271" s="496"/>
      <c r="AT271" s="496"/>
      <c r="AU271" s="496"/>
      <c r="AV271" s="496"/>
      <c r="AW271" s="496"/>
      <c r="AX271" s="496"/>
      <c r="AY271" s="496"/>
      <c r="AZ271" s="496"/>
      <c r="BA271" s="496"/>
      <c r="BB271" s="496"/>
      <c r="BC271" s="496"/>
      <c r="BD271" s="496"/>
      <c r="BE271" s="496"/>
      <c r="BF271" s="80">
        <f t="shared" si="55"/>
        <v>750</v>
      </c>
      <c r="BG271" s="76">
        <f t="shared" si="53"/>
        <v>492.05333333333334</v>
      </c>
      <c r="BH271" s="487" t="str">
        <f t="shared" si="54"/>
        <v/>
      </c>
      <c r="BI271" s="487" t="str">
        <f t="shared" si="54"/>
        <v/>
      </c>
      <c r="BJ271" s="487" t="str">
        <f t="shared" si="54"/>
        <v/>
      </c>
      <c r="BK271" s="487" t="str">
        <f t="shared" si="54"/>
        <v/>
      </c>
      <c r="BL271" s="487" t="str">
        <f t="shared" si="54"/>
        <v/>
      </c>
      <c r="BM271" s="487" t="str">
        <f t="shared" si="54"/>
        <v/>
      </c>
      <c r="BN271" s="487" t="str">
        <f t="shared" si="54"/>
        <v/>
      </c>
      <c r="BO271" s="487" t="str">
        <f t="shared" si="52"/>
        <v/>
      </c>
      <c r="BP271" s="487" t="str">
        <f t="shared" si="52"/>
        <v/>
      </c>
      <c r="BQ271" s="487" t="str">
        <f t="shared" si="52"/>
        <v/>
      </c>
      <c r="BR271" s="487">
        <f t="shared" si="52"/>
        <v>369040</v>
      </c>
      <c r="BS271" s="487" t="str">
        <f t="shared" si="52"/>
        <v/>
      </c>
      <c r="BT271" s="487" t="str">
        <f t="shared" si="52"/>
        <v/>
      </c>
      <c r="BU271" s="487" t="str">
        <f t="shared" si="52"/>
        <v/>
      </c>
      <c r="BV271" s="487" t="str">
        <f t="shared" si="52"/>
        <v/>
      </c>
      <c r="BW271" s="487" t="str">
        <f t="shared" si="52"/>
        <v/>
      </c>
      <c r="BX271" s="487" t="str">
        <f t="shared" si="51"/>
        <v/>
      </c>
      <c r="BY271" s="487" t="str">
        <f t="shared" si="51"/>
        <v/>
      </c>
      <c r="BZ271" s="487" t="str">
        <f t="shared" si="51"/>
        <v/>
      </c>
      <c r="CA271" s="487" t="str">
        <f t="shared" si="51"/>
        <v/>
      </c>
      <c r="CB271" s="487" t="str">
        <f t="shared" si="51"/>
        <v/>
      </c>
      <c r="CC271" s="487" t="str">
        <f t="shared" si="51"/>
        <v/>
      </c>
      <c r="CD271" s="487" t="str">
        <f t="shared" si="51"/>
        <v/>
      </c>
      <c r="CE271" s="487" t="str">
        <f t="shared" si="51"/>
        <v/>
      </c>
      <c r="CF271" s="487" t="str">
        <f t="shared" si="51"/>
        <v/>
      </c>
      <c r="CG271" s="487" t="str">
        <f t="shared" si="51"/>
        <v/>
      </c>
      <c r="CH271" s="487" t="str">
        <f t="shared" si="51"/>
        <v/>
      </c>
      <c r="CI271" s="487" t="str">
        <f t="shared" si="50"/>
        <v/>
      </c>
      <c r="CJ271" s="487" t="str">
        <f t="shared" si="50"/>
        <v/>
      </c>
      <c r="CK271" s="487" t="str">
        <f t="shared" si="50"/>
        <v/>
      </c>
      <c r="CL271" s="487" t="str">
        <f t="shared" si="50"/>
        <v/>
      </c>
      <c r="CM271" s="487"/>
      <c r="CN271" s="487"/>
      <c r="CO271" s="487"/>
      <c r="CP271" s="487"/>
      <c r="CQ271" s="487"/>
      <c r="CR271" s="487"/>
      <c r="CS271" s="487"/>
      <c r="CT271" s="487"/>
      <c r="CU271" s="487"/>
      <c r="CV271" s="487"/>
      <c r="CW271" s="487"/>
      <c r="CX271" s="487"/>
      <c r="CY271" s="487"/>
      <c r="CZ271" s="487"/>
      <c r="DA271" s="487"/>
      <c r="DB271" s="487"/>
      <c r="DC271" s="487"/>
      <c r="DD271" s="487"/>
      <c r="DE271" s="487"/>
      <c r="DF271" s="487"/>
      <c r="DG271" s="487"/>
      <c r="DH271" s="487"/>
      <c r="DI271" s="484"/>
      <c r="DJ271" s="484"/>
      <c r="DK271" s="484"/>
    </row>
    <row r="272" spans="1:115" s="354" customFormat="1" ht="56.1" hidden="1" customHeight="1" x14ac:dyDescent="0.2">
      <c r="A272" s="494"/>
      <c r="B272" s="494"/>
      <c r="C272" s="481">
        <v>496</v>
      </c>
      <c r="D272" s="481"/>
      <c r="E272" s="481" t="s">
        <v>2481</v>
      </c>
      <c r="F272" s="482" t="s">
        <v>53</v>
      </c>
      <c r="G272" s="482" t="s">
        <v>515</v>
      </c>
      <c r="H272" s="484" t="s">
        <v>530</v>
      </c>
      <c r="I272" s="484" t="s">
        <v>576</v>
      </c>
      <c r="J272" s="484" t="s">
        <v>576</v>
      </c>
      <c r="K272" s="484"/>
      <c r="L272" s="484" t="s">
        <v>58</v>
      </c>
      <c r="M272" s="484" t="s">
        <v>574</v>
      </c>
      <c r="N272" s="484"/>
      <c r="O272" s="484" t="s">
        <v>388</v>
      </c>
      <c r="P272" s="484" t="s">
        <v>525</v>
      </c>
      <c r="Q272" s="484"/>
      <c r="R272" s="484" t="s">
        <v>390</v>
      </c>
      <c r="S272" s="484" t="s">
        <v>63</v>
      </c>
      <c r="T272" s="484" t="s">
        <v>63</v>
      </c>
      <c r="U272" s="485">
        <v>217470</v>
      </c>
      <c r="V272" s="485"/>
      <c r="W272" s="484" t="s">
        <v>64</v>
      </c>
      <c r="X272" s="484"/>
      <c r="Y272" s="485">
        <v>217470</v>
      </c>
      <c r="Z272" s="484" t="s">
        <v>82</v>
      </c>
      <c r="AA272" s="496"/>
      <c r="AB272" s="496"/>
      <c r="AC272" s="496"/>
      <c r="AD272" s="496"/>
      <c r="AE272" s="496"/>
      <c r="AF272" s="487"/>
      <c r="AG272" s="496"/>
      <c r="AH272" s="496"/>
      <c r="AI272" s="496"/>
      <c r="AJ272" s="496"/>
      <c r="AK272" s="487" t="s">
        <v>66</v>
      </c>
      <c r="AL272" s="496"/>
      <c r="AM272" s="496"/>
      <c r="AN272" s="496"/>
      <c r="AO272" s="496"/>
      <c r="AP272" s="496"/>
      <c r="AQ272" s="496"/>
      <c r="AR272" s="496"/>
      <c r="AS272" s="496"/>
      <c r="AT272" s="496"/>
      <c r="AU272" s="496"/>
      <c r="AV272" s="496"/>
      <c r="AW272" s="496"/>
      <c r="AX272" s="496"/>
      <c r="AY272" s="496"/>
      <c r="AZ272" s="496"/>
      <c r="BA272" s="496"/>
      <c r="BB272" s="496"/>
      <c r="BC272" s="496"/>
      <c r="BD272" s="496"/>
      <c r="BE272" s="496"/>
      <c r="BF272" s="80">
        <f t="shared" si="55"/>
        <v>750</v>
      </c>
      <c r="BG272" s="76">
        <f t="shared" si="53"/>
        <v>289.95999999999998</v>
      </c>
      <c r="BH272" s="487" t="str">
        <f t="shared" si="54"/>
        <v/>
      </c>
      <c r="BI272" s="487" t="str">
        <f t="shared" si="54"/>
        <v/>
      </c>
      <c r="BJ272" s="487" t="str">
        <f t="shared" si="54"/>
        <v/>
      </c>
      <c r="BK272" s="487" t="str">
        <f t="shared" si="54"/>
        <v/>
      </c>
      <c r="BL272" s="487" t="str">
        <f t="shared" si="54"/>
        <v/>
      </c>
      <c r="BM272" s="487" t="str">
        <f t="shared" si="54"/>
        <v/>
      </c>
      <c r="BN272" s="487" t="str">
        <f t="shared" si="54"/>
        <v/>
      </c>
      <c r="BO272" s="487" t="str">
        <f t="shared" si="52"/>
        <v/>
      </c>
      <c r="BP272" s="487" t="str">
        <f t="shared" si="52"/>
        <v/>
      </c>
      <c r="BQ272" s="487" t="str">
        <f t="shared" si="52"/>
        <v/>
      </c>
      <c r="BR272" s="487">
        <f t="shared" si="52"/>
        <v>217469.99999999997</v>
      </c>
      <c r="BS272" s="487" t="str">
        <f t="shared" si="52"/>
        <v/>
      </c>
      <c r="BT272" s="487" t="str">
        <f t="shared" si="52"/>
        <v/>
      </c>
      <c r="BU272" s="487" t="str">
        <f t="shared" si="52"/>
        <v/>
      </c>
      <c r="BV272" s="487" t="str">
        <f t="shared" si="52"/>
        <v/>
      </c>
      <c r="BW272" s="487" t="str">
        <f t="shared" si="52"/>
        <v/>
      </c>
      <c r="BX272" s="487" t="str">
        <f t="shared" si="51"/>
        <v/>
      </c>
      <c r="BY272" s="487" t="str">
        <f t="shared" si="51"/>
        <v/>
      </c>
      <c r="BZ272" s="487" t="str">
        <f t="shared" si="51"/>
        <v/>
      </c>
      <c r="CA272" s="487" t="str">
        <f t="shared" si="51"/>
        <v/>
      </c>
      <c r="CB272" s="487" t="str">
        <f t="shared" si="51"/>
        <v/>
      </c>
      <c r="CC272" s="487" t="str">
        <f t="shared" si="51"/>
        <v/>
      </c>
      <c r="CD272" s="487" t="str">
        <f t="shared" si="51"/>
        <v/>
      </c>
      <c r="CE272" s="487" t="str">
        <f t="shared" si="51"/>
        <v/>
      </c>
      <c r="CF272" s="487" t="str">
        <f t="shared" si="51"/>
        <v/>
      </c>
      <c r="CG272" s="487" t="str">
        <f t="shared" si="51"/>
        <v/>
      </c>
      <c r="CH272" s="487" t="str">
        <f t="shared" si="51"/>
        <v/>
      </c>
      <c r="CI272" s="487" t="str">
        <f t="shared" si="50"/>
        <v/>
      </c>
      <c r="CJ272" s="487" t="str">
        <f t="shared" si="50"/>
        <v/>
      </c>
      <c r="CK272" s="487" t="str">
        <f t="shared" si="50"/>
        <v/>
      </c>
      <c r="CL272" s="487" t="str">
        <f t="shared" si="50"/>
        <v/>
      </c>
      <c r="CM272" s="487"/>
      <c r="CN272" s="487"/>
      <c r="CO272" s="487"/>
      <c r="CP272" s="487"/>
      <c r="CQ272" s="487"/>
      <c r="CR272" s="487"/>
      <c r="CS272" s="487"/>
      <c r="CT272" s="487"/>
      <c r="CU272" s="487"/>
      <c r="CV272" s="487"/>
      <c r="CW272" s="487"/>
      <c r="CX272" s="487"/>
      <c r="CY272" s="487"/>
      <c r="CZ272" s="487"/>
      <c r="DA272" s="487"/>
      <c r="DB272" s="487"/>
      <c r="DC272" s="487"/>
      <c r="DD272" s="487"/>
      <c r="DE272" s="487"/>
      <c r="DF272" s="487"/>
      <c r="DG272" s="487"/>
      <c r="DH272" s="487"/>
      <c r="DI272" s="484"/>
      <c r="DJ272" s="484"/>
      <c r="DK272" s="484"/>
    </row>
    <row r="273" spans="1:115" s="354" customFormat="1" ht="56.1" hidden="1" customHeight="1" x14ac:dyDescent="0.2">
      <c r="A273" s="494"/>
      <c r="B273" s="494"/>
      <c r="C273" s="481">
        <v>497</v>
      </c>
      <c r="D273" s="481"/>
      <c r="E273" s="481" t="s">
        <v>2481</v>
      </c>
      <c r="F273" s="482" t="s">
        <v>53</v>
      </c>
      <c r="G273" s="482" t="s">
        <v>515</v>
      </c>
      <c r="H273" s="484" t="s">
        <v>533</v>
      </c>
      <c r="I273" s="484" t="s">
        <v>534</v>
      </c>
      <c r="J273" s="484" t="s">
        <v>534</v>
      </c>
      <c r="K273" s="484"/>
      <c r="L273" s="484" t="s">
        <v>58</v>
      </c>
      <c r="M273" s="484" t="s">
        <v>574</v>
      </c>
      <c r="N273" s="484"/>
      <c r="O273" s="484" t="s">
        <v>60</v>
      </c>
      <c r="P273" s="484" t="s">
        <v>334</v>
      </c>
      <c r="Q273" s="484"/>
      <c r="R273" s="484" t="s">
        <v>390</v>
      </c>
      <c r="S273" s="484" t="s">
        <v>63</v>
      </c>
      <c r="T273" s="484" t="s">
        <v>63</v>
      </c>
      <c r="U273" s="485">
        <v>41635.620000000003</v>
      </c>
      <c r="V273" s="485"/>
      <c r="W273" s="484" t="s">
        <v>64</v>
      </c>
      <c r="X273" s="484"/>
      <c r="Y273" s="485">
        <v>41635.620000000003</v>
      </c>
      <c r="Z273" s="484" t="s">
        <v>82</v>
      </c>
      <c r="AA273" s="496"/>
      <c r="AB273" s="496"/>
      <c r="AC273" s="496"/>
      <c r="AD273" s="496"/>
      <c r="AE273" s="496"/>
      <c r="AF273" s="487"/>
      <c r="AG273" s="496"/>
      <c r="AH273" s="496"/>
      <c r="AI273" s="496"/>
      <c r="AJ273" s="496"/>
      <c r="AK273" s="487" t="s">
        <v>66</v>
      </c>
      <c r="AL273" s="496"/>
      <c r="AM273" s="496"/>
      <c r="AN273" s="496"/>
      <c r="AO273" s="496"/>
      <c r="AP273" s="496"/>
      <c r="AQ273" s="496"/>
      <c r="AR273" s="496"/>
      <c r="AS273" s="496"/>
      <c r="AT273" s="496"/>
      <c r="AU273" s="496"/>
      <c r="AV273" s="496"/>
      <c r="AW273" s="496"/>
      <c r="AX273" s="496"/>
      <c r="AY273" s="496"/>
      <c r="AZ273" s="496"/>
      <c r="BA273" s="496"/>
      <c r="BB273" s="496"/>
      <c r="BC273" s="496"/>
      <c r="BD273" s="496"/>
      <c r="BE273" s="496"/>
      <c r="BF273" s="80">
        <f t="shared" si="55"/>
        <v>750</v>
      </c>
      <c r="BG273" s="76">
        <f t="shared" si="53"/>
        <v>55.514160000000004</v>
      </c>
      <c r="BH273" s="487" t="str">
        <f t="shared" si="54"/>
        <v/>
      </c>
      <c r="BI273" s="487" t="str">
        <f t="shared" si="54"/>
        <v/>
      </c>
      <c r="BJ273" s="487" t="str">
        <f t="shared" si="54"/>
        <v/>
      </c>
      <c r="BK273" s="487" t="str">
        <f t="shared" si="54"/>
        <v/>
      </c>
      <c r="BL273" s="487" t="str">
        <f t="shared" si="54"/>
        <v/>
      </c>
      <c r="BM273" s="487" t="str">
        <f t="shared" si="54"/>
        <v/>
      </c>
      <c r="BN273" s="487" t="str">
        <f t="shared" si="54"/>
        <v/>
      </c>
      <c r="BO273" s="487" t="str">
        <f t="shared" si="52"/>
        <v/>
      </c>
      <c r="BP273" s="487" t="str">
        <f t="shared" si="52"/>
        <v/>
      </c>
      <c r="BQ273" s="487" t="str">
        <f t="shared" si="52"/>
        <v/>
      </c>
      <c r="BR273" s="487">
        <f t="shared" si="52"/>
        <v>41635.620000000003</v>
      </c>
      <c r="BS273" s="487" t="str">
        <f t="shared" si="52"/>
        <v/>
      </c>
      <c r="BT273" s="487" t="str">
        <f t="shared" si="52"/>
        <v/>
      </c>
      <c r="BU273" s="487" t="str">
        <f t="shared" si="52"/>
        <v/>
      </c>
      <c r="BV273" s="487" t="str">
        <f t="shared" si="52"/>
        <v/>
      </c>
      <c r="BW273" s="487" t="str">
        <f t="shared" si="52"/>
        <v/>
      </c>
      <c r="BX273" s="487" t="str">
        <f t="shared" si="51"/>
        <v/>
      </c>
      <c r="BY273" s="487" t="str">
        <f t="shared" si="51"/>
        <v/>
      </c>
      <c r="BZ273" s="487" t="str">
        <f t="shared" si="51"/>
        <v/>
      </c>
      <c r="CA273" s="487" t="str">
        <f t="shared" si="51"/>
        <v/>
      </c>
      <c r="CB273" s="487" t="str">
        <f t="shared" si="51"/>
        <v/>
      </c>
      <c r="CC273" s="487" t="str">
        <f t="shared" si="51"/>
        <v/>
      </c>
      <c r="CD273" s="487" t="str">
        <f t="shared" si="51"/>
        <v/>
      </c>
      <c r="CE273" s="487" t="str">
        <f t="shared" si="51"/>
        <v/>
      </c>
      <c r="CF273" s="487" t="str">
        <f t="shared" si="51"/>
        <v/>
      </c>
      <c r="CG273" s="487" t="str">
        <f t="shared" si="51"/>
        <v/>
      </c>
      <c r="CH273" s="487" t="str">
        <f t="shared" si="51"/>
        <v/>
      </c>
      <c r="CI273" s="487" t="str">
        <f t="shared" si="50"/>
        <v/>
      </c>
      <c r="CJ273" s="487" t="str">
        <f t="shared" si="50"/>
        <v/>
      </c>
      <c r="CK273" s="487" t="str">
        <f t="shared" si="50"/>
        <v/>
      </c>
      <c r="CL273" s="487" t="str">
        <f t="shared" si="50"/>
        <v/>
      </c>
      <c r="CM273" s="487"/>
      <c r="CN273" s="487"/>
      <c r="CO273" s="487"/>
      <c r="CP273" s="487"/>
      <c r="CQ273" s="487"/>
      <c r="CR273" s="487"/>
      <c r="CS273" s="487"/>
      <c r="CT273" s="487"/>
      <c r="CU273" s="487"/>
      <c r="CV273" s="487"/>
      <c r="CW273" s="487"/>
      <c r="CX273" s="487"/>
      <c r="CY273" s="487"/>
      <c r="CZ273" s="487"/>
      <c r="DA273" s="487"/>
      <c r="DB273" s="487"/>
      <c r="DC273" s="487"/>
      <c r="DD273" s="487"/>
      <c r="DE273" s="487"/>
      <c r="DF273" s="487"/>
      <c r="DG273" s="487"/>
      <c r="DH273" s="487"/>
      <c r="DI273" s="484"/>
      <c r="DJ273" s="484"/>
      <c r="DK273" s="484"/>
    </row>
    <row r="274" spans="1:115" s="354" customFormat="1" ht="56.1" hidden="1" customHeight="1" x14ac:dyDescent="0.2">
      <c r="A274" s="494"/>
      <c r="B274" s="494"/>
      <c r="C274" s="481">
        <v>498</v>
      </c>
      <c r="D274" s="481"/>
      <c r="E274" s="481" t="s">
        <v>2481</v>
      </c>
      <c r="F274" s="482" t="s">
        <v>53</v>
      </c>
      <c r="G274" s="482" t="s">
        <v>515</v>
      </c>
      <c r="H274" s="484" t="s">
        <v>548</v>
      </c>
      <c r="I274" s="484" t="s">
        <v>536</v>
      </c>
      <c r="J274" s="484" t="s">
        <v>536</v>
      </c>
      <c r="K274" s="484"/>
      <c r="L274" s="484" t="s">
        <v>58</v>
      </c>
      <c r="M274" s="484" t="s">
        <v>127</v>
      </c>
      <c r="N274" s="484"/>
      <c r="O274" s="497" t="s">
        <v>60</v>
      </c>
      <c r="P274" s="484" t="s">
        <v>334</v>
      </c>
      <c r="Q274" s="484"/>
      <c r="R274" s="484" t="s">
        <v>187</v>
      </c>
      <c r="S274" s="484" t="s">
        <v>63</v>
      </c>
      <c r="T274" s="484" t="s">
        <v>63</v>
      </c>
      <c r="U274" s="485">
        <v>106283.52</v>
      </c>
      <c r="V274" s="485"/>
      <c r="W274" s="484" t="s">
        <v>64</v>
      </c>
      <c r="X274" s="484"/>
      <c r="Y274" s="485">
        <v>106283.52</v>
      </c>
      <c r="Z274" s="484" t="s">
        <v>82</v>
      </c>
      <c r="AA274" s="496"/>
      <c r="AB274" s="496"/>
      <c r="AC274" s="496"/>
      <c r="AD274" s="496"/>
      <c r="AE274" s="496"/>
      <c r="AF274" s="487"/>
      <c r="AG274" s="496"/>
      <c r="AH274" s="496"/>
      <c r="AI274" s="496"/>
      <c r="AJ274" s="496"/>
      <c r="AK274" s="496"/>
      <c r="AL274" s="496"/>
      <c r="AM274" s="496"/>
      <c r="AN274" s="487" t="s">
        <v>66</v>
      </c>
      <c r="AO274" s="496"/>
      <c r="AP274" s="496"/>
      <c r="AQ274" s="496"/>
      <c r="AR274" s="496"/>
      <c r="AS274" s="496"/>
      <c r="AT274" s="496"/>
      <c r="AU274" s="496"/>
      <c r="AV274" s="496"/>
      <c r="AW274" s="496"/>
      <c r="AX274" s="496"/>
      <c r="AY274" s="496"/>
      <c r="AZ274" s="496"/>
      <c r="BA274" s="496"/>
      <c r="BB274" s="496"/>
      <c r="BC274" s="496"/>
      <c r="BD274" s="496"/>
      <c r="BE274" s="496"/>
      <c r="BF274" s="80">
        <f t="shared" si="55"/>
        <v>350</v>
      </c>
      <c r="BG274" s="76">
        <f t="shared" si="53"/>
        <v>303.66720000000004</v>
      </c>
      <c r="BH274" s="487" t="str">
        <f t="shared" si="54"/>
        <v/>
      </c>
      <c r="BI274" s="487" t="str">
        <f t="shared" si="54"/>
        <v/>
      </c>
      <c r="BJ274" s="487" t="str">
        <f t="shared" si="54"/>
        <v/>
      </c>
      <c r="BK274" s="487" t="str">
        <f t="shared" si="54"/>
        <v/>
      </c>
      <c r="BL274" s="487" t="str">
        <f t="shared" si="54"/>
        <v/>
      </c>
      <c r="BM274" s="487" t="str">
        <f t="shared" si="54"/>
        <v/>
      </c>
      <c r="BN274" s="487" t="str">
        <f t="shared" si="54"/>
        <v/>
      </c>
      <c r="BO274" s="487" t="str">
        <f t="shared" si="52"/>
        <v/>
      </c>
      <c r="BP274" s="487" t="str">
        <f t="shared" si="52"/>
        <v/>
      </c>
      <c r="BQ274" s="487" t="str">
        <f t="shared" si="52"/>
        <v/>
      </c>
      <c r="BR274" s="487" t="str">
        <f t="shared" si="52"/>
        <v/>
      </c>
      <c r="BS274" s="487" t="str">
        <f t="shared" si="52"/>
        <v/>
      </c>
      <c r="BT274" s="487" t="str">
        <f t="shared" si="52"/>
        <v/>
      </c>
      <c r="BU274" s="487">
        <f t="shared" si="52"/>
        <v>106283.52000000002</v>
      </c>
      <c r="BV274" s="487" t="str">
        <f t="shared" si="52"/>
        <v/>
      </c>
      <c r="BW274" s="487" t="str">
        <f t="shared" si="52"/>
        <v/>
      </c>
      <c r="BX274" s="487" t="str">
        <f t="shared" si="51"/>
        <v/>
      </c>
      <c r="BY274" s="487" t="str">
        <f t="shared" si="51"/>
        <v/>
      </c>
      <c r="BZ274" s="487" t="str">
        <f t="shared" si="51"/>
        <v/>
      </c>
      <c r="CA274" s="487" t="str">
        <f t="shared" si="51"/>
        <v/>
      </c>
      <c r="CB274" s="487" t="str">
        <f t="shared" si="51"/>
        <v/>
      </c>
      <c r="CC274" s="487" t="str">
        <f t="shared" si="51"/>
        <v/>
      </c>
      <c r="CD274" s="487" t="str">
        <f t="shared" si="51"/>
        <v/>
      </c>
      <c r="CE274" s="487" t="str">
        <f t="shared" si="51"/>
        <v/>
      </c>
      <c r="CF274" s="487" t="str">
        <f t="shared" si="51"/>
        <v/>
      </c>
      <c r="CG274" s="487" t="str">
        <f t="shared" si="51"/>
        <v/>
      </c>
      <c r="CH274" s="487" t="str">
        <f t="shared" si="51"/>
        <v/>
      </c>
      <c r="CI274" s="487" t="str">
        <f t="shared" si="50"/>
        <v/>
      </c>
      <c r="CJ274" s="487" t="str">
        <f t="shared" si="50"/>
        <v/>
      </c>
      <c r="CK274" s="487" t="str">
        <f t="shared" si="50"/>
        <v/>
      </c>
      <c r="CL274" s="487" t="str">
        <f t="shared" si="50"/>
        <v/>
      </c>
      <c r="CM274" s="487"/>
      <c r="CN274" s="487"/>
      <c r="CO274" s="487"/>
      <c r="CP274" s="487"/>
      <c r="CQ274" s="487"/>
      <c r="CR274" s="487"/>
      <c r="CS274" s="487"/>
      <c r="CT274" s="487"/>
      <c r="CU274" s="487"/>
      <c r="CV274" s="487"/>
      <c r="CW274" s="487"/>
      <c r="CX274" s="487"/>
      <c r="CY274" s="487"/>
      <c r="CZ274" s="487"/>
      <c r="DA274" s="487"/>
      <c r="DB274" s="487"/>
      <c r="DC274" s="487"/>
      <c r="DD274" s="487"/>
      <c r="DE274" s="487"/>
      <c r="DF274" s="487"/>
      <c r="DG274" s="487"/>
      <c r="DH274" s="487"/>
      <c r="DI274" s="484"/>
      <c r="DJ274" s="484"/>
      <c r="DK274" s="484"/>
    </row>
    <row r="275" spans="1:115" s="354" customFormat="1" ht="56.1" hidden="1" customHeight="1" x14ac:dyDescent="0.2">
      <c r="A275" s="494"/>
      <c r="B275" s="494"/>
      <c r="C275" s="481">
        <v>499</v>
      </c>
      <c r="D275" s="481"/>
      <c r="E275" s="481" t="s">
        <v>2481</v>
      </c>
      <c r="F275" s="482" t="s">
        <v>53</v>
      </c>
      <c r="G275" s="482" t="s">
        <v>515</v>
      </c>
      <c r="H275" s="484" t="s">
        <v>518</v>
      </c>
      <c r="I275" s="484" t="s">
        <v>520</v>
      </c>
      <c r="J275" s="484" t="s">
        <v>520</v>
      </c>
      <c r="K275" s="484"/>
      <c r="L275" s="484" t="s">
        <v>58</v>
      </c>
      <c r="M275" s="484" t="s">
        <v>127</v>
      </c>
      <c r="N275" s="484"/>
      <c r="O275" s="497" t="s">
        <v>60</v>
      </c>
      <c r="P275" s="484" t="s">
        <v>334</v>
      </c>
      <c r="Q275" s="484"/>
      <c r="R275" s="484" t="s">
        <v>187</v>
      </c>
      <c r="S275" s="484" t="s">
        <v>63</v>
      </c>
      <c r="T275" s="484" t="s">
        <v>63</v>
      </c>
      <c r="U275" s="485">
        <v>278994.24</v>
      </c>
      <c r="V275" s="485"/>
      <c r="W275" s="484" t="s">
        <v>64</v>
      </c>
      <c r="X275" s="484"/>
      <c r="Y275" s="485">
        <v>278994.24</v>
      </c>
      <c r="Z275" s="484" t="s">
        <v>82</v>
      </c>
      <c r="AA275" s="496"/>
      <c r="AB275" s="496"/>
      <c r="AC275" s="496"/>
      <c r="AD275" s="496"/>
      <c r="AE275" s="496"/>
      <c r="AF275" s="487"/>
      <c r="AG275" s="496"/>
      <c r="AH275" s="496"/>
      <c r="AI275" s="496"/>
      <c r="AJ275" s="496"/>
      <c r="AK275" s="496"/>
      <c r="AL275" s="496"/>
      <c r="AM275" s="496"/>
      <c r="AN275" s="487" t="s">
        <v>66</v>
      </c>
      <c r="AO275" s="496"/>
      <c r="AP275" s="496"/>
      <c r="AQ275" s="496"/>
      <c r="AR275" s="496"/>
      <c r="AS275" s="496"/>
      <c r="AT275" s="496"/>
      <c r="AU275" s="496"/>
      <c r="AV275" s="496"/>
      <c r="AW275" s="496"/>
      <c r="AX275" s="496"/>
      <c r="AY275" s="496"/>
      <c r="AZ275" s="496"/>
      <c r="BA275" s="496"/>
      <c r="BB275" s="496"/>
      <c r="BC275" s="496"/>
      <c r="BD275" s="496"/>
      <c r="BE275" s="496"/>
      <c r="BF275" s="80">
        <f t="shared" si="55"/>
        <v>350</v>
      </c>
      <c r="BG275" s="76">
        <f t="shared" si="53"/>
        <v>797.12639999999999</v>
      </c>
      <c r="BH275" s="487" t="str">
        <f t="shared" si="54"/>
        <v/>
      </c>
      <c r="BI275" s="487" t="str">
        <f t="shared" si="54"/>
        <v/>
      </c>
      <c r="BJ275" s="487" t="str">
        <f t="shared" si="54"/>
        <v/>
      </c>
      <c r="BK275" s="487" t="str">
        <f t="shared" si="54"/>
        <v/>
      </c>
      <c r="BL275" s="487" t="str">
        <f t="shared" si="54"/>
        <v/>
      </c>
      <c r="BM275" s="487" t="str">
        <f t="shared" si="54"/>
        <v/>
      </c>
      <c r="BN275" s="487" t="str">
        <f t="shared" si="54"/>
        <v/>
      </c>
      <c r="BO275" s="487" t="str">
        <f t="shared" si="52"/>
        <v/>
      </c>
      <c r="BP275" s="487" t="str">
        <f t="shared" si="52"/>
        <v/>
      </c>
      <c r="BQ275" s="487" t="str">
        <f t="shared" si="52"/>
        <v/>
      </c>
      <c r="BR275" s="487" t="str">
        <f t="shared" si="52"/>
        <v/>
      </c>
      <c r="BS275" s="487" t="str">
        <f t="shared" si="52"/>
        <v/>
      </c>
      <c r="BT275" s="487" t="str">
        <f t="shared" si="52"/>
        <v/>
      </c>
      <c r="BU275" s="487">
        <f t="shared" si="52"/>
        <v>278994.24</v>
      </c>
      <c r="BV275" s="487" t="str">
        <f t="shared" si="52"/>
        <v/>
      </c>
      <c r="BW275" s="487" t="str">
        <f t="shared" si="52"/>
        <v/>
      </c>
      <c r="BX275" s="487" t="str">
        <f t="shared" si="51"/>
        <v/>
      </c>
      <c r="BY275" s="487" t="str">
        <f t="shared" si="51"/>
        <v/>
      </c>
      <c r="BZ275" s="487" t="str">
        <f t="shared" si="51"/>
        <v/>
      </c>
      <c r="CA275" s="487" t="str">
        <f t="shared" si="51"/>
        <v/>
      </c>
      <c r="CB275" s="487" t="str">
        <f t="shared" si="51"/>
        <v/>
      </c>
      <c r="CC275" s="487" t="str">
        <f t="shared" si="51"/>
        <v/>
      </c>
      <c r="CD275" s="487" t="str">
        <f t="shared" si="51"/>
        <v/>
      </c>
      <c r="CE275" s="487" t="str">
        <f t="shared" si="51"/>
        <v/>
      </c>
      <c r="CF275" s="487" t="str">
        <f t="shared" si="51"/>
        <v/>
      </c>
      <c r="CG275" s="487" t="str">
        <f t="shared" si="51"/>
        <v/>
      </c>
      <c r="CH275" s="487" t="str">
        <f t="shared" si="51"/>
        <v/>
      </c>
      <c r="CI275" s="487" t="str">
        <f t="shared" si="50"/>
        <v/>
      </c>
      <c r="CJ275" s="487" t="str">
        <f t="shared" si="50"/>
        <v/>
      </c>
      <c r="CK275" s="487" t="str">
        <f t="shared" si="50"/>
        <v/>
      </c>
      <c r="CL275" s="487" t="str">
        <f t="shared" si="50"/>
        <v/>
      </c>
      <c r="CM275" s="487"/>
      <c r="CN275" s="487"/>
      <c r="CO275" s="487"/>
      <c r="CP275" s="487"/>
      <c r="CQ275" s="487"/>
      <c r="CR275" s="487"/>
      <c r="CS275" s="487"/>
      <c r="CT275" s="487"/>
      <c r="CU275" s="487"/>
      <c r="CV275" s="487"/>
      <c r="CW275" s="487"/>
      <c r="CX275" s="487"/>
      <c r="CY275" s="487"/>
      <c r="CZ275" s="487"/>
      <c r="DA275" s="487"/>
      <c r="DB275" s="487"/>
      <c r="DC275" s="487"/>
      <c r="DD275" s="487"/>
      <c r="DE275" s="487"/>
      <c r="DF275" s="487"/>
      <c r="DG275" s="487"/>
      <c r="DH275" s="487"/>
      <c r="DI275" s="484"/>
      <c r="DJ275" s="484"/>
      <c r="DK275" s="484"/>
    </row>
    <row r="276" spans="1:115" s="354" customFormat="1" ht="56.1" hidden="1" customHeight="1" x14ac:dyDescent="0.2">
      <c r="A276" s="494"/>
      <c r="B276" s="494"/>
      <c r="C276" s="481">
        <v>500</v>
      </c>
      <c r="D276" s="481"/>
      <c r="E276" s="481" t="s">
        <v>2481</v>
      </c>
      <c r="F276" s="482" t="s">
        <v>53</v>
      </c>
      <c r="G276" s="482" t="s">
        <v>515</v>
      </c>
      <c r="H276" s="484" t="s">
        <v>521</v>
      </c>
      <c r="I276" s="484" t="s">
        <v>522</v>
      </c>
      <c r="J276" s="484" t="s">
        <v>522</v>
      </c>
      <c r="K276" s="484"/>
      <c r="L276" s="484" t="s">
        <v>58</v>
      </c>
      <c r="M276" s="484" t="s">
        <v>127</v>
      </c>
      <c r="N276" s="484"/>
      <c r="O276" s="497" t="s">
        <v>60</v>
      </c>
      <c r="P276" s="484" t="s">
        <v>334</v>
      </c>
      <c r="Q276" s="484"/>
      <c r="R276" s="484" t="s">
        <v>187</v>
      </c>
      <c r="S276" s="484" t="s">
        <v>63</v>
      </c>
      <c r="T276" s="484" t="s">
        <v>63</v>
      </c>
      <c r="U276" s="485">
        <v>389706.24000000005</v>
      </c>
      <c r="V276" s="485"/>
      <c r="W276" s="484" t="s">
        <v>64</v>
      </c>
      <c r="X276" s="484"/>
      <c r="Y276" s="485">
        <v>389706.24000000005</v>
      </c>
      <c r="Z276" s="484" t="s">
        <v>82</v>
      </c>
      <c r="AA276" s="496"/>
      <c r="AB276" s="496"/>
      <c r="AC276" s="496"/>
      <c r="AD276" s="496"/>
      <c r="AE276" s="496"/>
      <c r="AF276" s="487"/>
      <c r="AG276" s="496"/>
      <c r="AH276" s="496"/>
      <c r="AI276" s="496"/>
      <c r="AJ276" s="496"/>
      <c r="AK276" s="496"/>
      <c r="AL276" s="496"/>
      <c r="AM276" s="496"/>
      <c r="AN276" s="487" t="s">
        <v>66</v>
      </c>
      <c r="AO276" s="496"/>
      <c r="AP276" s="496"/>
      <c r="AQ276" s="496"/>
      <c r="AR276" s="496"/>
      <c r="AS276" s="496"/>
      <c r="AT276" s="496"/>
      <c r="AU276" s="496"/>
      <c r="AV276" s="496"/>
      <c r="AW276" s="496"/>
      <c r="AX276" s="496"/>
      <c r="AY276" s="496"/>
      <c r="AZ276" s="496"/>
      <c r="BA276" s="496"/>
      <c r="BB276" s="496"/>
      <c r="BC276" s="496"/>
      <c r="BD276" s="496"/>
      <c r="BE276" s="496"/>
      <c r="BF276" s="80">
        <f t="shared" si="55"/>
        <v>350</v>
      </c>
      <c r="BG276" s="76">
        <f t="shared" si="53"/>
        <v>1113.4464</v>
      </c>
      <c r="BH276" s="487" t="str">
        <f t="shared" si="54"/>
        <v/>
      </c>
      <c r="BI276" s="487" t="str">
        <f t="shared" si="54"/>
        <v/>
      </c>
      <c r="BJ276" s="487" t="str">
        <f t="shared" si="54"/>
        <v/>
      </c>
      <c r="BK276" s="487" t="str">
        <f t="shared" si="54"/>
        <v/>
      </c>
      <c r="BL276" s="487" t="str">
        <f t="shared" si="54"/>
        <v/>
      </c>
      <c r="BM276" s="487" t="str">
        <f t="shared" si="54"/>
        <v/>
      </c>
      <c r="BN276" s="487" t="str">
        <f t="shared" si="54"/>
        <v/>
      </c>
      <c r="BO276" s="487" t="str">
        <f t="shared" si="52"/>
        <v/>
      </c>
      <c r="BP276" s="487" t="str">
        <f t="shared" si="52"/>
        <v/>
      </c>
      <c r="BQ276" s="487" t="str">
        <f t="shared" si="52"/>
        <v/>
      </c>
      <c r="BR276" s="487" t="str">
        <f t="shared" si="52"/>
        <v/>
      </c>
      <c r="BS276" s="487" t="str">
        <f t="shared" si="52"/>
        <v/>
      </c>
      <c r="BT276" s="487" t="str">
        <f t="shared" si="52"/>
        <v/>
      </c>
      <c r="BU276" s="487">
        <f t="shared" si="52"/>
        <v>389706.23999999999</v>
      </c>
      <c r="BV276" s="487" t="str">
        <f t="shared" si="52"/>
        <v/>
      </c>
      <c r="BW276" s="487" t="str">
        <f t="shared" si="52"/>
        <v/>
      </c>
      <c r="BX276" s="487" t="str">
        <f t="shared" si="51"/>
        <v/>
      </c>
      <c r="BY276" s="487" t="str">
        <f t="shared" si="51"/>
        <v/>
      </c>
      <c r="BZ276" s="487" t="str">
        <f t="shared" si="51"/>
        <v/>
      </c>
      <c r="CA276" s="487" t="str">
        <f t="shared" si="51"/>
        <v/>
      </c>
      <c r="CB276" s="487" t="str">
        <f t="shared" si="51"/>
        <v/>
      </c>
      <c r="CC276" s="487" t="str">
        <f t="shared" si="51"/>
        <v/>
      </c>
      <c r="CD276" s="487" t="str">
        <f t="shared" si="51"/>
        <v/>
      </c>
      <c r="CE276" s="487" t="str">
        <f t="shared" si="51"/>
        <v/>
      </c>
      <c r="CF276" s="487" t="str">
        <f t="shared" si="51"/>
        <v/>
      </c>
      <c r="CG276" s="487" t="str">
        <f t="shared" si="51"/>
        <v/>
      </c>
      <c r="CH276" s="487" t="str">
        <f t="shared" si="51"/>
        <v/>
      </c>
      <c r="CI276" s="487" t="str">
        <f t="shared" si="50"/>
        <v/>
      </c>
      <c r="CJ276" s="487" t="str">
        <f t="shared" si="50"/>
        <v/>
      </c>
      <c r="CK276" s="487" t="str">
        <f t="shared" si="50"/>
        <v/>
      </c>
      <c r="CL276" s="487" t="str">
        <f t="shared" si="50"/>
        <v/>
      </c>
      <c r="CM276" s="487"/>
      <c r="CN276" s="487"/>
      <c r="CO276" s="487"/>
      <c r="CP276" s="487"/>
      <c r="CQ276" s="487"/>
      <c r="CR276" s="487"/>
      <c r="CS276" s="487"/>
      <c r="CT276" s="487"/>
      <c r="CU276" s="487"/>
      <c r="CV276" s="487"/>
      <c r="CW276" s="487"/>
      <c r="CX276" s="487"/>
      <c r="CY276" s="487"/>
      <c r="CZ276" s="487"/>
      <c r="DA276" s="487"/>
      <c r="DB276" s="487"/>
      <c r="DC276" s="487"/>
      <c r="DD276" s="487"/>
      <c r="DE276" s="487"/>
      <c r="DF276" s="487"/>
      <c r="DG276" s="487"/>
      <c r="DH276" s="487"/>
      <c r="DI276" s="484"/>
      <c r="DJ276" s="484"/>
      <c r="DK276" s="484"/>
    </row>
    <row r="277" spans="1:115" s="354" customFormat="1" ht="56.1" hidden="1" customHeight="1" x14ac:dyDescent="0.2">
      <c r="A277" s="494"/>
      <c r="B277" s="494"/>
      <c r="C277" s="481">
        <v>501</v>
      </c>
      <c r="D277" s="481"/>
      <c r="E277" s="481" t="s">
        <v>2481</v>
      </c>
      <c r="F277" s="482" t="s">
        <v>53</v>
      </c>
      <c r="G277" s="482" t="s">
        <v>515</v>
      </c>
      <c r="H277" s="484" t="s">
        <v>523</v>
      </c>
      <c r="I277" s="484" t="s">
        <v>537</v>
      </c>
      <c r="J277" s="484" t="s">
        <v>537</v>
      </c>
      <c r="K277" s="484"/>
      <c r="L277" s="484" t="s">
        <v>58</v>
      </c>
      <c r="M277" s="484" t="s">
        <v>127</v>
      </c>
      <c r="N277" s="484"/>
      <c r="O277" s="484" t="s">
        <v>388</v>
      </c>
      <c r="P277" s="484" t="s">
        <v>525</v>
      </c>
      <c r="Q277" s="484"/>
      <c r="R277" s="484" t="s">
        <v>187</v>
      </c>
      <c r="S277" s="484" t="s">
        <v>63</v>
      </c>
      <c r="T277" s="484" t="s">
        <v>63</v>
      </c>
      <c r="U277" s="485">
        <v>43494</v>
      </c>
      <c r="V277" s="485"/>
      <c r="W277" s="484" t="s">
        <v>64</v>
      </c>
      <c r="X277" s="484"/>
      <c r="Y277" s="485">
        <v>43494</v>
      </c>
      <c r="Z277" s="484" t="s">
        <v>82</v>
      </c>
      <c r="AA277" s="496"/>
      <c r="AB277" s="496"/>
      <c r="AC277" s="496"/>
      <c r="AD277" s="496"/>
      <c r="AE277" s="496"/>
      <c r="AF277" s="487"/>
      <c r="AG277" s="496"/>
      <c r="AH277" s="496"/>
      <c r="AI277" s="496"/>
      <c r="AJ277" s="496"/>
      <c r="AK277" s="496"/>
      <c r="AL277" s="496"/>
      <c r="AM277" s="496"/>
      <c r="AN277" s="487" t="s">
        <v>66</v>
      </c>
      <c r="AO277" s="496"/>
      <c r="AP277" s="496"/>
      <c r="AQ277" s="496"/>
      <c r="AR277" s="496"/>
      <c r="AS277" s="496"/>
      <c r="AT277" s="496"/>
      <c r="AU277" s="496"/>
      <c r="AV277" s="496"/>
      <c r="AW277" s="496"/>
      <c r="AX277" s="496"/>
      <c r="AY277" s="496"/>
      <c r="AZ277" s="496"/>
      <c r="BA277" s="496"/>
      <c r="BB277" s="496"/>
      <c r="BC277" s="496"/>
      <c r="BD277" s="496"/>
      <c r="BE277" s="496"/>
      <c r="BF277" s="80">
        <f t="shared" si="55"/>
        <v>350</v>
      </c>
      <c r="BG277" s="76">
        <f t="shared" si="53"/>
        <v>124.26857142857143</v>
      </c>
      <c r="BH277" s="487" t="str">
        <f t="shared" si="54"/>
        <v/>
      </c>
      <c r="BI277" s="487" t="str">
        <f t="shared" si="54"/>
        <v/>
      </c>
      <c r="BJ277" s="487" t="str">
        <f t="shared" si="54"/>
        <v/>
      </c>
      <c r="BK277" s="487" t="str">
        <f t="shared" si="54"/>
        <v/>
      </c>
      <c r="BL277" s="487" t="str">
        <f t="shared" si="54"/>
        <v/>
      </c>
      <c r="BM277" s="487" t="str">
        <f t="shared" si="54"/>
        <v/>
      </c>
      <c r="BN277" s="487" t="str">
        <f t="shared" si="54"/>
        <v/>
      </c>
      <c r="BO277" s="487" t="str">
        <f t="shared" si="52"/>
        <v/>
      </c>
      <c r="BP277" s="487" t="str">
        <f t="shared" si="52"/>
        <v/>
      </c>
      <c r="BQ277" s="487" t="str">
        <f t="shared" si="52"/>
        <v/>
      </c>
      <c r="BR277" s="487" t="str">
        <f t="shared" si="52"/>
        <v/>
      </c>
      <c r="BS277" s="487" t="str">
        <f t="shared" si="52"/>
        <v/>
      </c>
      <c r="BT277" s="487" t="str">
        <f t="shared" si="52"/>
        <v/>
      </c>
      <c r="BU277" s="487">
        <f t="shared" si="52"/>
        <v>43494</v>
      </c>
      <c r="BV277" s="487" t="str">
        <f t="shared" si="52"/>
        <v/>
      </c>
      <c r="BW277" s="487" t="str">
        <f t="shared" si="52"/>
        <v/>
      </c>
      <c r="BX277" s="487" t="str">
        <f t="shared" si="51"/>
        <v/>
      </c>
      <c r="BY277" s="487" t="str">
        <f t="shared" si="51"/>
        <v/>
      </c>
      <c r="BZ277" s="487" t="str">
        <f t="shared" ref="BZ277:CH305" si="56">IF(AS277="yes",(AS$2*$BG277),"")</f>
        <v/>
      </c>
      <c r="CA277" s="487" t="str">
        <f t="shared" si="56"/>
        <v/>
      </c>
      <c r="CB277" s="487" t="str">
        <f t="shared" si="56"/>
        <v/>
      </c>
      <c r="CC277" s="487" t="str">
        <f t="shared" si="56"/>
        <v/>
      </c>
      <c r="CD277" s="487" t="str">
        <f t="shared" si="56"/>
        <v/>
      </c>
      <c r="CE277" s="487" t="str">
        <f t="shared" si="56"/>
        <v/>
      </c>
      <c r="CF277" s="487" t="str">
        <f t="shared" si="56"/>
        <v/>
      </c>
      <c r="CG277" s="487" t="str">
        <f t="shared" si="56"/>
        <v/>
      </c>
      <c r="CH277" s="487" t="str">
        <f t="shared" si="56"/>
        <v/>
      </c>
      <c r="CI277" s="487" t="str">
        <f t="shared" si="50"/>
        <v/>
      </c>
      <c r="CJ277" s="487" t="str">
        <f t="shared" si="50"/>
        <v/>
      </c>
      <c r="CK277" s="487" t="str">
        <f t="shared" si="50"/>
        <v/>
      </c>
      <c r="CL277" s="487" t="str">
        <f t="shared" si="50"/>
        <v/>
      </c>
      <c r="CM277" s="487"/>
      <c r="CN277" s="487"/>
      <c r="CO277" s="487"/>
      <c r="CP277" s="487"/>
      <c r="CQ277" s="487"/>
      <c r="CR277" s="487"/>
      <c r="CS277" s="487"/>
      <c r="CT277" s="487"/>
      <c r="CU277" s="487"/>
      <c r="CV277" s="487"/>
      <c r="CW277" s="487"/>
      <c r="CX277" s="487"/>
      <c r="CY277" s="487"/>
      <c r="CZ277" s="487"/>
      <c r="DA277" s="487"/>
      <c r="DB277" s="487"/>
      <c r="DC277" s="487"/>
      <c r="DD277" s="487"/>
      <c r="DE277" s="487"/>
      <c r="DF277" s="487"/>
      <c r="DG277" s="487"/>
      <c r="DH277" s="487"/>
      <c r="DI277" s="484"/>
      <c r="DJ277" s="484"/>
      <c r="DK277" s="484"/>
    </row>
    <row r="278" spans="1:115" s="354" customFormat="1" ht="56.1" hidden="1" customHeight="1" x14ac:dyDescent="0.2">
      <c r="A278" s="494"/>
      <c r="B278" s="494"/>
      <c r="C278" s="481">
        <v>502</v>
      </c>
      <c r="D278" s="481"/>
      <c r="E278" s="481" t="s">
        <v>2481</v>
      </c>
      <c r="F278" s="482" t="s">
        <v>53</v>
      </c>
      <c r="G278" s="482" t="s">
        <v>515</v>
      </c>
      <c r="H278" s="484" t="s">
        <v>539</v>
      </c>
      <c r="I278" s="484" t="s">
        <v>538</v>
      </c>
      <c r="J278" s="484" t="s">
        <v>538</v>
      </c>
      <c r="K278" s="484"/>
      <c r="L278" s="484" t="s">
        <v>58</v>
      </c>
      <c r="M278" s="484" t="s">
        <v>127</v>
      </c>
      <c r="N278" s="484"/>
      <c r="O278" s="484" t="s">
        <v>388</v>
      </c>
      <c r="P278" s="484" t="s">
        <v>525</v>
      </c>
      <c r="Q278" s="484"/>
      <c r="R278" s="484" t="s">
        <v>187</v>
      </c>
      <c r="S278" s="484" t="s">
        <v>63</v>
      </c>
      <c r="T278" s="484" t="s">
        <v>63</v>
      </c>
      <c r="U278" s="485">
        <v>105440</v>
      </c>
      <c r="V278" s="485"/>
      <c r="W278" s="484" t="s">
        <v>64</v>
      </c>
      <c r="X278" s="484"/>
      <c r="Y278" s="485">
        <v>105440</v>
      </c>
      <c r="Z278" s="484" t="s">
        <v>82</v>
      </c>
      <c r="AA278" s="496"/>
      <c r="AB278" s="496"/>
      <c r="AC278" s="496"/>
      <c r="AD278" s="496"/>
      <c r="AE278" s="496"/>
      <c r="AF278" s="487"/>
      <c r="AG278" s="496"/>
      <c r="AH278" s="496"/>
      <c r="AI278" s="496"/>
      <c r="AJ278" s="496"/>
      <c r="AK278" s="496"/>
      <c r="AL278" s="496"/>
      <c r="AM278" s="496"/>
      <c r="AN278" s="487" t="s">
        <v>66</v>
      </c>
      <c r="AO278" s="496"/>
      <c r="AP278" s="496"/>
      <c r="AQ278" s="496"/>
      <c r="AR278" s="496"/>
      <c r="AS278" s="496"/>
      <c r="AT278" s="496"/>
      <c r="AU278" s="496"/>
      <c r="AV278" s="496"/>
      <c r="AW278" s="496"/>
      <c r="AX278" s="496"/>
      <c r="AY278" s="496"/>
      <c r="AZ278" s="496"/>
      <c r="BA278" s="496"/>
      <c r="BB278" s="496"/>
      <c r="BC278" s="496"/>
      <c r="BD278" s="496"/>
      <c r="BE278" s="496"/>
      <c r="BF278" s="80">
        <f t="shared" si="55"/>
        <v>350</v>
      </c>
      <c r="BG278" s="76">
        <f t="shared" si="53"/>
        <v>301.25714285714287</v>
      </c>
      <c r="BH278" s="487" t="str">
        <f t="shared" si="54"/>
        <v/>
      </c>
      <c r="BI278" s="487" t="str">
        <f t="shared" si="54"/>
        <v/>
      </c>
      <c r="BJ278" s="487" t="str">
        <f t="shared" si="54"/>
        <v/>
      </c>
      <c r="BK278" s="487" t="str">
        <f t="shared" si="54"/>
        <v/>
      </c>
      <c r="BL278" s="487" t="str">
        <f t="shared" si="54"/>
        <v/>
      </c>
      <c r="BM278" s="487" t="str">
        <f t="shared" si="54"/>
        <v/>
      </c>
      <c r="BN278" s="487" t="str">
        <f t="shared" si="54"/>
        <v/>
      </c>
      <c r="BO278" s="487" t="str">
        <f t="shared" si="52"/>
        <v/>
      </c>
      <c r="BP278" s="487" t="str">
        <f t="shared" si="52"/>
        <v/>
      </c>
      <c r="BQ278" s="487" t="str">
        <f t="shared" si="52"/>
        <v/>
      </c>
      <c r="BR278" s="487" t="str">
        <f t="shared" si="52"/>
        <v/>
      </c>
      <c r="BS278" s="487" t="str">
        <f t="shared" si="52"/>
        <v/>
      </c>
      <c r="BT278" s="487" t="str">
        <f t="shared" si="52"/>
        <v/>
      </c>
      <c r="BU278" s="487">
        <f t="shared" si="52"/>
        <v>105440</v>
      </c>
      <c r="BV278" s="487" t="str">
        <f t="shared" si="52"/>
        <v/>
      </c>
      <c r="BW278" s="487" t="str">
        <f t="shared" si="52"/>
        <v/>
      </c>
      <c r="BX278" s="487" t="str">
        <f t="shared" si="52"/>
        <v/>
      </c>
      <c r="BY278" s="487" t="str">
        <f t="shared" si="52"/>
        <v/>
      </c>
      <c r="BZ278" s="487" t="str">
        <f t="shared" si="56"/>
        <v/>
      </c>
      <c r="CA278" s="487" t="str">
        <f t="shared" si="56"/>
        <v/>
      </c>
      <c r="CB278" s="487" t="str">
        <f t="shared" si="56"/>
        <v/>
      </c>
      <c r="CC278" s="487" t="str">
        <f t="shared" si="56"/>
        <v/>
      </c>
      <c r="CD278" s="487" t="str">
        <f t="shared" si="56"/>
        <v/>
      </c>
      <c r="CE278" s="487" t="str">
        <f t="shared" si="56"/>
        <v/>
      </c>
      <c r="CF278" s="487" t="str">
        <f t="shared" si="56"/>
        <v/>
      </c>
      <c r="CG278" s="487" t="str">
        <f t="shared" si="56"/>
        <v/>
      </c>
      <c r="CH278" s="487" t="str">
        <f t="shared" si="56"/>
        <v/>
      </c>
      <c r="CI278" s="487" t="str">
        <f t="shared" si="50"/>
        <v/>
      </c>
      <c r="CJ278" s="487" t="str">
        <f t="shared" si="50"/>
        <v/>
      </c>
      <c r="CK278" s="487" t="str">
        <f t="shared" si="50"/>
        <v/>
      </c>
      <c r="CL278" s="487" t="str">
        <f t="shared" si="50"/>
        <v/>
      </c>
      <c r="CM278" s="487"/>
      <c r="CN278" s="487"/>
      <c r="CO278" s="487"/>
      <c r="CP278" s="487"/>
      <c r="CQ278" s="487"/>
      <c r="CR278" s="487"/>
      <c r="CS278" s="487"/>
      <c r="CT278" s="487"/>
      <c r="CU278" s="487"/>
      <c r="CV278" s="487"/>
      <c r="CW278" s="487"/>
      <c r="CX278" s="487"/>
      <c r="CY278" s="487"/>
      <c r="CZ278" s="487"/>
      <c r="DA278" s="487"/>
      <c r="DB278" s="487"/>
      <c r="DC278" s="487"/>
      <c r="DD278" s="487"/>
      <c r="DE278" s="487"/>
      <c r="DF278" s="487"/>
      <c r="DG278" s="487"/>
      <c r="DH278" s="487"/>
      <c r="DI278" s="484"/>
      <c r="DJ278" s="484"/>
      <c r="DK278" s="484"/>
    </row>
    <row r="279" spans="1:115" s="354" customFormat="1" ht="56.1" hidden="1" customHeight="1" x14ac:dyDescent="0.2">
      <c r="A279" s="494"/>
      <c r="B279" s="494"/>
      <c r="C279" s="481">
        <v>503</v>
      </c>
      <c r="D279" s="481"/>
      <c r="E279" s="481" t="s">
        <v>2481</v>
      </c>
      <c r="F279" s="482" t="s">
        <v>53</v>
      </c>
      <c r="G279" s="482" t="s">
        <v>515</v>
      </c>
      <c r="H279" s="484" t="s">
        <v>528</v>
      </c>
      <c r="I279" s="484" t="s">
        <v>577</v>
      </c>
      <c r="J279" s="484" t="s">
        <v>577</v>
      </c>
      <c r="K279" s="484"/>
      <c r="L279" s="484" t="s">
        <v>58</v>
      </c>
      <c r="M279" s="484" t="s">
        <v>127</v>
      </c>
      <c r="N279" s="484"/>
      <c r="O279" s="484" t="s">
        <v>388</v>
      </c>
      <c r="P279" s="484" t="s">
        <v>525</v>
      </c>
      <c r="Q279" s="484"/>
      <c r="R279" s="484" t="s">
        <v>187</v>
      </c>
      <c r="S279" s="484" t="s">
        <v>63</v>
      </c>
      <c r="T279" s="484" t="s">
        <v>63</v>
      </c>
      <c r="U279" s="485">
        <v>184520</v>
      </c>
      <c r="V279" s="485"/>
      <c r="W279" s="484" t="s">
        <v>64</v>
      </c>
      <c r="X279" s="484"/>
      <c r="Y279" s="485">
        <v>184520</v>
      </c>
      <c r="Z279" s="484" t="s">
        <v>82</v>
      </c>
      <c r="AA279" s="496"/>
      <c r="AB279" s="496"/>
      <c r="AC279" s="496"/>
      <c r="AD279" s="496"/>
      <c r="AE279" s="496"/>
      <c r="AF279" s="487"/>
      <c r="AG279" s="496"/>
      <c r="AH279" s="496"/>
      <c r="AI279" s="496"/>
      <c r="AJ279" s="496"/>
      <c r="AK279" s="496"/>
      <c r="AL279" s="496"/>
      <c r="AM279" s="496"/>
      <c r="AN279" s="487" t="s">
        <v>66</v>
      </c>
      <c r="AO279" s="496"/>
      <c r="AP279" s="496"/>
      <c r="AQ279" s="496"/>
      <c r="AR279" s="496"/>
      <c r="AS279" s="496"/>
      <c r="AT279" s="496"/>
      <c r="AU279" s="496"/>
      <c r="AV279" s="496"/>
      <c r="AW279" s="496"/>
      <c r="AX279" s="496"/>
      <c r="AY279" s="496"/>
      <c r="AZ279" s="496"/>
      <c r="BA279" s="496"/>
      <c r="BB279" s="496"/>
      <c r="BC279" s="496"/>
      <c r="BD279" s="496"/>
      <c r="BE279" s="496"/>
      <c r="BF279" s="80">
        <f t="shared" si="55"/>
        <v>350</v>
      </c>
      <c r="BG279" s="76">
        <f t="shared" si="53"/>
        <v>527.20000000000005</v>
      </c>
      <c r="BH279" s="487" t="str">
        <f t="shared" si="54"/>
        <v/>
      </c>
      <c r="BI279" s="487" t="str">
        <f t="shared" si="54"/>
        <v/>
      </c>
      <c r="BJ279" s="487" t="str">
        <f t="shared" si="54"/>
        <v/>
      </c>
      <c r="BK279" s="487" t="str">
        <f t="shared" si="54"/>
        <v/>
      </c>
      <c r="BL279" s="487" t="str">
        <f t="shared" si="54"/>
        <v/>
      </c>
      <c r="BM279" s="487" t="str">
        <f t="shared" si="54"/>
        <v/>
      </c>
      <c r="BN279" s="487" t="str">
        <f t="shared" si="54"/>
        <v/>
      </c>
      <c r="BO279" s="487" t="str">
        <f t="shared" si="52"/>
        <v/>
      </c>
      <c r="BP279" s="487" t="str">
        <f t="shared" si="52"/>
        <v/>
      </c>
      <c r="BQ279" s="487" t="str">
        <f t="shared" si="52"/>
        <v/>
      </c>
      <c r="BR279" s="487" t="str">
        <f t="shared" si="52"/>
        <v/>
      </c>
      <c r="BS279" s="487" t="str">
        <f t="shared" si="52"/>
        <v/>
      </c>
      <c r="BT279" s="487" t="str">
        <f t="shared" si="52"/>
        <v/>
      </c>
      <c r="BU279" s="487">
        <f t="shared" si="52"/>
        <v>184520.00000000003</v>
      </c>
      <c r="BV279" s="487" t="str">
        <f t="shared" si="52"/>
        <v/>
      </c>
      <c r="BW279" s="487" t="str">
        <f t="shared" si="52"/>
        <v/>
      </c>
      <c r="BX279" s="487" t="str">
        <f t="shared" si="52"/>
        <v/>
      </c>
      <c r="BY279" s="487" t="str">
        <f t="shared" si="52"/>
        <v/>
      </c>
      <c r="BZ279" s="487" t="str">
        <f t="shared" si="56"/>
        <v/>
      </c>
      <c r="CA279" s="487" t="str">
        <f t="shared" si="56"/>
        <v/>
      </c>
      <c r="CB279" s="487" t="str">
        <f t="shared" si="56"/>
        <v/>
      </c>
      <c r="CC279" s="487" t="str">
        <f t="shared" si="56"/>
        <v/>
      </c>
      <c r="CD279" s="487" t="str">
        <f t="shared" si="56"/>
        <v/>
      </c>
      <c r="CE279" s="487" t="str">
        <f t="shared" si="56"/>
        <v/>
      </c>
      <c r="CF279" s="487" t="str">
        <f t="shared" si="56"/>
        <v/>
      </c>
      <c r="CG279" s="487" t="str">
        <f t="shared" si="56"/>
        <v/>
      </c>
      <c r="CH279" s="487" t="str">
        <f t="shared" si="56"/>
        <v/>
      </c>
      <c r="CI279" s="487" t="str">
        <f t="shared" si="50"/>
        <v/>
      </c>
      <c r="CJ279" s="487" t="str">
        <f t="shared" si="50"/>
        <v/>
      </c>
      <c r="CK279" s="487" t="str">
        <f t="shared" si="50"/>
        <v/>
      </c>
      <c r="CL279" s="487" t="str">
        <f t="shared" si="50"/>
        <v/>
      </c>
      <c r="CM279" s="487"/>
      <c r="CN279" s="487"/>
      <c r="CO279" s="487"/>
      <c r="CP279" s="487"/>
      <c r="CQ279" s="487"/>
      <c r="CR279" s="487"/>
      <c r="CS279" s="487"/>
      <c r="CT279" s="487"/>
      <c r="CU279" s="487"/>
      <c r="CV279" s="487"/>
      <c r="CW279" s="487"/>
      <c r="CX279" s="487"/>
      <c r="CY279" s="487"/>
      <c r="CZ279" s="487"/>
      <c r="DA279" s="487"/>
      <c r="DB279" s="487"/>
      <c r="DC279" s="487"/>
      <c r="DD279" s="487"/>
      <c r="DE279" s="487"/>
      <c r="DF279" s="487"/>
      <c r="DG279" s="487"/>
      <c r="DH279" s="487"/>
      <c r="DI279" s="484"/>
      <c r="DJ279" s="484"/>
      <c r="DK279" s="484"/>
    </row>
    <row r="280" spans="1:115" s="354" customFormat="1" ht="56.1" hidden="1" customHeight="1" x14ac:dyDescent="0.2">
      <c r="A280" s="494"/>
      <c r="B280" s="494"/>
      <c r="C280" s="481">
        <v>504</v>
      </c>
      <c r="D280" s="481"/>
      <c r="E280" s="481" t="s">
        <v>2481</v>
      </c>
      <c r="F280" s="482" t="s">
        <v>53</v>
      </c>
      <c r="G280" s="482" t="s">
        <v>515</v>
      </c>
      <c r="H280" s="484" t="s">
        <v>530</v>
      </c>
      <c r="I280" s="484" t="s">
        <v>532</v>
      </c>
      <c r="J280" s="484" t="s">
        <v>532</v>
      </c>
      <c r="K280" s="484"/>
      <c r="L280" s="484" t="s">
        <v>58</v>
      </c>
      <c r="M280" s="484" t="s">
        <v>127</v>
      </c>
      <c r="N280" s="484"/>
      <c r="O280" s="484" t="s">
        <v>8</v>
      </c>
      <c r="P280" s="484" t="s">
        <v>525</v>
      </c>
      <c r="Q280" s="484"/>
      <c r="R280" s="484" t="s">
        <v>187</v>
      </c>
      <c r="S280" s="484" t="s">
        <v>63</v>
      </c>
      <c r="T280" s="484" t="s">
        <v>63</v>
      </c>
      <c r="U280" s="485">
        <v>0</v>
      </c>
      <c r="V280" s="485"/>
      <c r="W280" s="484" t="s">
        <v>64</v>
      </c>
      <c r="X280" s="484"/>
      <c r="Y280" s="485">
        <v>0</v>
      </c>
      <c r="Z280" s="484" t="s">
        <v>82</v>
      </c>
      <c r="AA280" s="496"/>
      <c r="AB280" s="496"/>
      <c r="AC280" s="496"/>
      <c r="AD280" s="496"/>
      <c r="AE280" s="496"/>
      <c r="AF280" s="487"/>
      <c r="AG280" s="496"/>
      <c r="AH280" s="496"/>
      <c r="AI280" s="496"/>
      <c r="AJ280" s="496"/>
      <c r="AK280" s="496"/>
      <c r="AL280" s="496"/>
      <c r="AM280" s="496"/>
      <c r="AN280" s="487" t="s">
        <v>66</v>
      </c>
      <c r="AO280" s="496"/>
      <c r="AP280" s="496"/>
      <c r="AQ280" s="496"/>
      <c r="AR280" s="496"/>
      <c r="AS280" s="496"/>
      <c r="AT280" s="496"/>
      <c r="AU280" s="496"/>
      <c r="AV280" s="496"/>
      <c r="AW280" s="496"/>
      <c r="AX280" s="496"/>
      <c r="AY280" s="496"/>
      <c r="AZ280" s="496"/>
      <c r="BA280" s="496"/>
      <c r="BB280" s="496"/>
      <c r="BC280" s="496"/>
      <c r="BD280" s="496"/>
      <c r="BE280" s="496"/>
      <c r="BF280" s="80">
        <f t="shared" si="55"/>
        <v>350</v>
      </c>
      <c r="BG280" s="76"/>
      <c r="BH280" s="487" t="str">
        <f t="shared" si="54"/>
        <v/>
      </c>
      <c r="BI280" s="487" t="str">
        <f t="shared" si="54"/>
        <v/>
      </c>
      <c r="BJ280" s="487" t="str">
        <f t="shared" si="54"/>
        <v/>
      </c>
      <c r="BK280" s="487" t="str">
        <f t="shared" si="54"/>
        <v/>
      </c>
      <c r="BL280" s="487" t="str">
        <f t="shared" si="54"/>
        <v/>
      </c>
      <c r="BM280" s="487" t="str">
        <f t="shared" si="54"/>
        <v/>
      </c>
      <c r="BN280" s="487" t="str">
        <f t="shared" si="54"/>
        <v/>
      </c>
      <c r="BO280" s="487" t="str">
        <f t="shared" si="52"/>
        <v/>
      </c>
      <c r="BP280" s="487" t="str">
        <f t="shared" si="52"/>
        <v/>
      </c>
      <c r="BQ280" s="487" t="str">
        <f t="shared" si="52"/>
        <v/>
      </c>
      <c r="BR280" s="487" t="str">
        <f t="shared" si="52"/>
        <v/>
      </c>
      <c r="BS280" s="487" t="str">
        <f t="shared" si="52"/>
        <v/>
      </c>
      <c r="BT280" s="487" t="str">
        <f t="shared" si="52"/>
        <v/>
      </c>
      <c r="BU280" s="487">
        <f t="shared" si="52"/>
        <v>0</v>
      </c>
      <c r="BV280" s="487" t="str">
        <f t="shared" si="52"/>
        <v/>
      </c>
      <c r="BW280" s="487" t="str">
        <f t="shared" si="52"/>
        <v/>
      </c>
      <c r="BX280" s="487" t="str">
        <f t="shared" si="52"/>
        <v/>
      </c>
      <c r="BY280" s="487" t="str">
        <f t="shared" si="52"/>
        <v/>
      </c>
      <c r="BZ280" s="487" t="str">
        <f t="shared" si="56"/>
        <v/>
      </c>
      <c r="CA280" s="487" t="str">
        <f t="shared" si="56"/>
        <v/>
      </c>
      <c r="CB280" s="487" t="str">
        <f t="shared" si="56"/>
        <v/>
      </c>
      <c r="CC280" s="487" t="str">
        <f t="shared" si="56"/>
        <v/>
      </c>
      <c r="CD280" s="487" t="str">
        <f t="shared" si="56"/>
        <v/>
      </c>
      <c r="CE280" s="487" t="str">
        <f t="shared" si="56"/>
        <v/>
      </c>
      <c r="CF280" s="487" t="str">
        <f t="shared" si="56"/>
        <v/>
      </c>
      <c r="CG280" s="487" t="str">
        <f t="shared" si="56"/>
        <v/>
      </c>
      <c r="CH280" s="487" t="str">
        <f t="shared" si="56"/>
        <v/>
      </c>
      <c r="CI280" s="487" t="str">
        <f t="shared" si="50"/>
        <v/>
      </c>
      <c r="CJ280" s="487" t="str">
        <f t="shared" si="50"/>
        <v/>
      </c>
      <c r="CK280" s="487" t="str">
        <f t="shared" si="50"/>
        <v/>
      </c>
      <c r="CL280" s="487" t="str">
        <f t="shared" si="50"/>
        <v/>
      </c>
      <c r="CM280" s="487"/>
      <c r="CN280" s="487"/>
      <c r="CO280" s="487"/>
      <c r="CP280" s="487"/>
      <c r="CQ280" s="487"/>
      <c r="CR280" s="487"/>
      <c r="CS280" s="487"/>
      <c r="CT280" s="487"/>
      <c r="CU280" s="487"/>
      <c r="CV280" s="487"/>
      <c r="CW280" s="487"/>
      <c r="CX280" s="487"/>
      <c r="CY280" s="487"/>
      <c r="CZ280" s="487"/>
      <c r="DA280" s="487"/>
      <c r="DB280" s="487"/>
      <c r="DC280" s="487"/>
      <c r="DD280" s="487"/>
      <c r="DE280" s="487"/>
      <c r="DF280" s="487"/>
      <c r="DG280" s="487"/>
      <c r="DH280" s="487"/>
      <c r="DI280" s="484"/>
      <c r="DJ280" s="484"/>
      <c r="DK280" s="484"/>
    </row>
    <row r="281" spans="1:115" s="354" customFormat="1" ht="56.1" hidden="1" customHeight="1" x14ac:dyDescent="0.2">
      <c r="A281" s="494"/>
      <c r="B281" s="494"/>
      <c r="C281" s="481">
        <v>505</v>
      </c>
      <c r="D281" s="481"/>
      <c r="E281" s="481" t="s">
        <v>2481</v>
      </c>
      <c r="F281" s="482" t="s">
        <v>53</v>
      </c>
      <c r="G281" s="482" t="s">
        <v>515</v>
      </c>
      <c r="H281" s="484" t="s">
        <v>533</v>
      </c>
      <c r="I281" s="484" t="s">
        <v>534</v>
      </c>
      <c r="J281" s="484" t="s">
        <v>534</v>
      </c>
      <c r="K281" s="484"/>
      <c r="L281" s="484" t="s">
        <v>58</v>
      </c>
      <c r="M281" s="484" t="s">
        <v>127</v>
      </c>
      <c r="N281" s="484"/>
      <c r="O281" s="484" t="s">
        <v>81</v>
      </c>
      <c r="P281" s="484" t="s">
        <v>334</v>
      </c>
      <c r="Q281" s="484"/>
      <c r="R281" s="484" t="s">
        <v>187</v>
      </c>
      <c r="S281" s="484" t="s">
        <v>63</v>
      </c>
      <c r="T281" s="484" t="s">
        <v>63</v>
      </c>
      <c r="U281" s="485">
        <v>62275.5</v>
      </c>
      <c r="V281" s="485"/>
      <c r="W281" s="484" t="s">
        <v>64</v>
      </c>
      <c r="X281" s="484"/>
      <c r="Y281" s="485">
        <v>62275.5</v>
      </c>
      <c r="Z281" s="484" t="s">
        <v>82</v>
      </c>
      <c r="AA281" s="496"/>
      <c r="AB281" s="496"/>
      <c r="AC281" s="496"/>
      <c r="AD281" s="496"/>
      <c r="AE281" s="496"/>
      <c r="AF281" s="487"/>
      <c r="AG281" s="496"/>
      <c r="AH281" s="496"/>
      <c r="AI281" s="496"/>
      <c r="AJ281" s="496"/>
      <c r="AK281" s="496"/>
      <c r="AL281" s="496"/>
      <c r="AM281" s="496"/>
      <c r="AN281" s="487" t="s">
        <v>66</v>
      </c>
      <c r="AO281" s="496"/>
      <c r="AP281" s="496"/>
      <c r="AQ281" s="496"/>
      <c r="AR281" s="496"/>
      <c r="AS281" s="496"/>
      <c r="AT281" s="496"/>
      <c r="AU281" s="496"/>
      <c r="AV281" s="496"/>
      <c r="AW281" s="496"/>
      <c r="AX281" s="496"/>
      <c r="AY281" s="496"/>
      <c r="AZ281" s="496"/>
      <c r="BA281" s="496"/>
      <c r="BB281" s="496"/>
      <c r="BC281" s="496"/>
      <c r="BD281" s="496"/>
      <c r="BE281" s="496"/>
      <c r="BF281" s="80">
        <f t="shared" si="55"/>
        <v>350</v>
      </c>
      <c r="BG281" s="76">
        <f t="shared" ref="BG281:BG286" si="57">Y281/BF281</f>
        <v>177.93</v>
      </c>
      <c r="BH281" s="487" t="str">
        <f t="shared" si="54"/>
        <v/>
      </c>
      <c r="BI281" s="487" t="str">
        <f t="shared" si="54"/>
        <v/>
      </c>
      <c r="BJ281" s="487" t="str">
        <f t="shared" si="54"/>
        <v/>
      </c>
      <c r="BK281" s="487" t="str">
        <f t="shared" si="54"/>
        <v/>
      </c>
      <c r="BL281" s="487" t="str">
        <f t="shared" si="54"/>
        <v/>
      </c>
      <c r="BM281" s="487" t="str">
        <f t="shared" si="54"/>
        <v/>
      </c>
      <c r="BN281" s="487" t="str">
        <f t="shared" si="54"/>
        <v/>
      </c>
      <c r="BO281" s="487" t="str">
        <f t="shared" si="52"/>
        <v/>
      </c>
      <c r="BP281" s="487" t="str">
        <f t="shared" si="52"/>
        <v/>
      </c>
      <c r="BQ281" s="487" t="str">
        <f t="shared" si="52"/>
        <v/>
      </c>
      <c r="BR281" s="487" t="str">
        <f t="shared" si="52"/>
        <v/>
      </c>
      <c r="BS281" s="487" t="str">
        <f t="shared" si="52"/>
        <v/>
      </c>
      <c r="BT281" s="487" t="str">
        <f t="shared" si="52"/>
        <v/>
      </c>
      <c r="BU281" s="487">
        <f t="shared" si="52"/>
        <v>62275.5</v>
      </c>
      <c r="BV281" s="487" t="str">
        <f t="shared" si="52"/>
        <v/>
      </c>
      <c r="BW281" s="487" t="str">
        <f t="shared" si="52"/>
        <v/>
      </c>
      <c r="BX281" s="487" t="str">
        <f t="shared" si="52"/>
        <v/>
      </c>
      <c r="BY281" s="487" t="str">
        <f t="shared" si="52"/>
        <v/>
      </c>
      <c r="BZ281" s="487" t="str">
        <f t="shared" si="56"/>
        <v/>
      </c>
      <c r="CA281" s="487" t="str">
        <f t="shared" si="56"/>
        <v/>
      </c>
      <c r="CB281" s="487" t="str">
        <f t="shared" si="56"/>
        <v/>
      </c>
      <c r="CC281" s="487" t="str">
        <f t="shared" si="56"/>
        <v/>
      </c>
      <c r="CD281" s="487" t="str">
        <f t="shared" si="56"/>
        <v/>
      </c>
      <c r="CE281" s="487" t="str">
        <f t="shared" si="56"/>
        <v/>
      </c>
      <c r="CF281" s="487" t="str">
        <f t="shared" si="56"/>
        <v/>
      </c>
      <c r="CG281" s="487" t="str">
        <f t="shared" si="56"/>
        <v/>
      </c>
      <c r="CH281" s="487" t="str">
        <f t="shared" si="56"/>
        <v/>
      </c>
      <c r="CI281" s="487" t="str">
        <f t="shared" si="50"/>
        <v/>
      </c>
      <c r="CJ281" s="487" t="str">
        <f t="shared" si="50"/>
        <v/>
      </c>
      <c r="CK281" s="487" t="str">
        <f t="shared" si="50"/>
        <v/>
      </c>
      <c r="CL281" s="487" t="str">
        <f t="shared" si="50"/>
        <v/>
      </c>
      <c r="CM281" s="487"/>
      <c r="CN281" s="487"/>
      <c r="CO281" s="487"/>
      <c r="CP281" s="487"/>
      <c r="CQ281" s="487"/>
      <c r="CR281" s="487"/>
      <c r="CS281" s="487"/>
      <c r="CT281" s="487"/>
      <c r="CU281" s="487"/>
      <c r="CV281" s="487"/>
      <c r="CW281" s="487"/>
      <c r="CX281" s="487"/>
      <c r="CY281" s="487"/>
      <c r="CZ281" s="487"/>
      <c r="DA281" s="487"/>
      <c r="DB281" s="487"/>
      <c r="DC281" s="487"/>
      <c r="DD281" s="487"/>
      <c r="DE281" s="487"/>
      <c r="DF281" s="487"/>
      <c r="DG281" s="487"/>
      <c r="DH281" s="487"/>
      <c r="DI281" s="484"/>
      <c r="DJ281" s="484"/>
      <c r="DK281" s="484"/>
    </row>
    <row r="282" spans="1:115" s="354" customFormat="1" ht="56.1" hidden="1" customHeight="1" x14ac:dyDescent="0.2">
      <c r="A282" s="494"/>
      <c r="B282" s="494"/>
      <c r="C282" s="481">
        <v>506</v>
      </c>
      <c r="D282" s="481"/>
      <c r="E282" s="481" t="s">
        <v>2481</v>
      </c>
      <c r="F282" s="482" t="s">
        <v>53</v>
      </c>
      <c r="G282" s="482" t="s">
        <v>515</v>
      </c>
      <c r="H282" s="484" t="s">
        <v>548</v>
      </c>
      <c r="I282" s="484" t="s">
        <v>536</v>
      </c>
      <c r="J282" s="484" t="s">
        <v>536</v>
      </c>
      <c r="K282" s="484"/>
      <c r="L282" s="484" t="s">
        <v>58</v>
      </c>
      <c r="M282" s="484" t="s">
        <v>578</v>
      </c>
      <c r="N282" s="484"/>
      <c r="O282" s="497" t="s">
        <v>60</v>
      </c>
      <c r="P282" s="484" t="s">
        <v>334</v>
      </c>
      <c r="Q282" s="484"/>
      <c r="R282" s="484" t="s">
        <v>392</v>
      </c>
      <c r="S282" s="484" t="s">
        <v>63</v>
      </c>
      <c r="T282" s="484" t="s">
        <v>63</v>
      </c>
      <c r="U282" s="485">
        <v>27330.047999999999</v>
      </c>
      <c r="V282" s="485"/>
      <c r="W282" s="484" t="s">
        <v>64</v>
      </c>
      <c r="X282" s="484"/>
      <c r="Y282" s="485">
        <v>27330.047999999999</v>
      </c>
      <c r="Z282" s="484" t="s">
        <v>82</v>
      </c>
      <c r="AA282" s="496"/>
      <c r="AB282" s="496"/>
      <c r="AC282" s="496"/>
      <c r="AD282" s="496"/>
      <c r="AE282" s="496"/>
      <c r="AF282" s="487"/>
      <c r="AG282" s="496"/>
      <c r="AH282" s="496"/>
      <c r="AI282" s="496"/>
      <c r="AJ282" s="496"/>
      <c r="AK282" s="496"/>
      <c r="AL282" s="496"/>
      <c r="AM282" s="496"/>
      <c r="AN282" s="496"/>
      <c r="AO282" s="496" t="s">
        <v>66</v>
      </c>
      <c r="AP282" s="496"/>
      <c r="AQ282" s="496"/>
      <c r="AR282" s="496"/>
      <c r="AS282" s="496"/>
      <c r="AT282" s="496"/>
      <c r="AU282" s="496"/>
      <c r="AV282" s="496"/>
      <c r="AW282" s="496"/>
      <c r="AX282" s="496"/>
      <c r="AY282" s="496"/>
      <c r="AZ282" s="496"/>
      <c r="BA282" s="496"/>
      <c r="BB282" s="496"/>
      <c r="BC282" s="496"/>
      <c r="BD282" s="496"/>
      <c r="BE282" s="496"/>
      <c r="BF282" s="80">
        <f t="shared" si="55"/>
        <v>90</v>
      </c>
      <c r="BG282" s="76">
        <f t="shared" si="57"/>
        <v>303.66719999999998</v>
      </c>
      <c r="BH282" s="487" t="str">
        <f t="shared" si="54"/>
        <v/>
      </c>
      <c r="BI282" s="487" t="str">
        <f t="shared" si="54"/>
        <v/>
      </c>
      <c r="BJ282" s="487" t="str">
        <f t="shared" si="54"/>
        <v/>
      </c>
      <c r="BK282" s="487" t="str">
        <f t="shared" si="54"/>
        <v/>
      </c>
      <c r="BL282" s="487" t="str">
        <f t="shared" si="54"/>
        <v/>
      </c>
      <c r="BM282" s="487" t="str">
        <f t="shared" si="54"/>
        <v/>
      </c>
      <c r="BN282" s="487" t="str">
        <f t="shared" si="54"/>
        <v/>
      </c>
      <c r="BO282" s="487" t="str">
        <f t="shared" si="52"/>
        <v/>
      </c>
      <c r="BP282" s="487" t="str">
        <f t="shared" si="52"/>
        <v/>
      </c>
      <c r="BQ282" s="487" t="str">
        <f t="shared" si="52"/>
        <v/>
      </c>
      <c r="BR282" s="487" t="str">
        <f t="shared" si="52"/>
        <v/>
      </c>
      <c r="BS282" s="487" t="str">
        <f t="shared" si="52"/>
        <v/>
      </c>
      <c r="BT282" s="487" t="str">
        <f t="shared" si="52"/>
        <v/>
      </c>
      <c r="BU282" s="487" t="str">
        <f t="shared" si="52"/>
        <v/>
      </c>
      <c r="BV282" s="487">
        <f t="shared" si="52"/>
        <v>27330.047999999999</v>
      </c>
      <c r="BW282" s="487" t="str">
        <f t="shared" si="52"/>
        <v/>
      </c>
      <c r="BX282" s="487" t="str">
        <f t="shared" si="52"/>
        <v/>
      </c>
      <c r="BY282" s="487" t="str">
        <f t="shared" si="52"/>
        <v/>
      </c>
      <c r="BZ282" s="487" t="str">
        <f t="shared" si="56"/>
        <v/>
      </c>
      <c r="CA282" s="487" t="str">
        <f t="shared" si="56"/>
        <v/>
      </c>
      <c r="CB282" s="487" t="str">
        <f t="shared" si="56"/>
        <v/>
      </c>
      <c r="CC282" s="487" t="str">
        <f t="shared" si="56"/>
        <v/>
      </c>
      <c r="CD282" s="487" t="str">
        <f t="shared" si="56"/>
        <v/>
      </c>
      <c r="CE282" s="487" t="str">
        <f t="shared" si="56"/>
        <v/>
      </c>
      <c r="CF282" s="487" t="str">
        <f t="shared" si="56"/>
        <v/>
      </c>
      <c r="CG282" s="487" t="str">
        <f t="shared" si="56"/>
        <v/>
      </c>
      <c r="CH282" s="487" t="str">
        <f t="shared" si="56"/>
        <v/>
      </c>
      <c r="CI282" s="487" t="str">
        <f t="shared" si="50"/>
        <v/>
      </c>
      <c r="CJ282" s="487" t="str">
        <f t="shared" si="50"/>
        <v/>
      </c>
      <c r="CK282" s="487" t="str">
        <f t="shared" si="50"/>
        <v/>
      </c>
      <c r="CL282" s="487" t="str">
        <f t="shared" si="50"/>
        <v/>
      </c>
      <c r="CM282" s="487"/>
      <c r="CN282" s="487"/>
      <c r="CO282" s="487"/>
      <c r="CP282" s="487"/>
      <c r="CQ282" s="487"/>
      <c r="CR282" s="487"/>
      <c r="CS282" s="487"/>
      <c r="CT282" s="487"/>
      <c r="CU282" s="487"/>
      <c r="CV282" s="487"/>
      <c r="CW282" s="487"/>
      <c r="CX282" s="487"/>
      <c r="CY282" s="487"/>
      <c r="CZ282" s="487"/>
      <c r="DA282" s="487"/>
      <c r="DB282" s="487"/>
      <c r="DC282" s="487"/>
      <c r="DD282" s="487"/>
      <c r="DE282" s="487"/>
      <c r="DF282" s="487"/>
      <c r="DG282" s="487"/>
      <c r="DH282" s="487"/>
      <c r="DI282" s="484"/>
      <c r="DJ282" s="484"/>
      <c r="DK282" s="484"/>
    </row>
    <row r="283" spans="1:115" s="354" customFormat="1" ht="56.1" hidden="1" customHeight="1" x14ac:dyDescent="0.2">
      <c r="A283" s="494"/>
      <c r="B283" s="494"/>
      <c r="C283" s="481">
        <v>507</v>
      </c>
      <c r="D283" s="481"/>
      <c r="E283" s="481" t="s">
        <v>2481</v>
      </c>
      <c r="F283" s="482" t="s">
        <v>53</v>
      </c>
      <c r="G283" s="482" t="s">
        <v>515</v>
      </c>
      <c r="H283" s="484" t="s">
        <v>518</v>
      </c>
      <c r="I283" s="484" t="s">
        <v>520</v>
      </c>
      <c r="J283" s="484" t="s">
        <v>520</v>
      </c>
      <c r="K283" s="484"/>
      <c r="L283" s="484" t="s">
        <v>58</v>
      </c>
      <c r="M283" s="484" t="s">
        <v>578</v>
      </c>
      <c r="N283" s="484"/>
      <c r="O283" s="497" t="s">
        <v>8</v>
      </c>
      <c r="P283" s="484" t="s">
        <v>334</v>
      </c>
      <c r="Q283" s="484"/>
      <c r="R283" s="484" t="s">
        <v>392</v>
      </c>
      <c r="S283" s="484" t="s">
        <v>63</v>
      </c>
      <c r="T283" s="484" t="s">
        <v>63</v>
      </c>
      <c r="U283" s="485">
        <v>71741.375999999989</v>
      </c>
      <c r="V283" s="485"/>
      <c r="W283" s="484" t="s">
        <v>64</v>
      </c>
      <c r="X283" s="484"/>
      <c r="Y283" s="485">
        <v>71741.375999999989</v>
      </c>
      <c r="Z283" s="484" t="s">
        <v>82</v>
      </c>
      <c r="AA283" s="496"/>
      <c r="AB283" s="496"/>
      <c r="AC283" s="496"/>
      <c r="AD283" s="496"/>
      <c r="AE283" s="496"/>
      <c r="AF283" s="487"/>
      <c r="AG283" s="496"/>
      <c r="AH283" s="496"/>
      <c r="AI283" s="496"/>
      <c r="AJ283" s="496"/>
      <c r="AK283" s="496"/>
      <c r="AL283" s="496"/>
      <c r="AM283" s="496"/>
      <c r="AN283" s="496"/>
      <c r="AO283" s="496" t="s">
        <v>66</v>
      </c>
      <c r="AP283" s="496"/>
      <c r="AQ283" s="496"/>
      <c r="AR283" s="496"/>
      <c r="AS283" s="496"/>
      <c r="AT283" s="496"/>
      <c r="AU283" s="496"/>
      <c r="AV283" s="496"/>
      <c r="AW283" s="496"/>
      <c r="AX283" s="496"/>
      <c r="AY283" s="496"/>
      <c r="AZ283" s="496"/>
      <c r="BA283" s="496"/>
      <c r="BB283" s="496"/>
      <c r="BC283" s="496"/>
      <c r="BD283" s="496"/>
      <c r="BE283" s="496"/>
      <c r="BF283" s="80">
        <f t="shared" si="55"/>
        <v>90</v>
      </c>
      <c r="BG283" s="76">
        <f t="shared" si="57"/>
        <v>797.12639999999988</v>
      </c>
      <c r="BH283" s="487" t="str">
        <f t="shared" si="54"/>
        <v/>
      </c>
      <c r="BI283" s="487" t="str">
        <f t="shared" si="54"/>
        <v/>
      </c>
      <c r="BJ283" s="487" t="str">
        <f t="shared" si="54"/>
        <v/>
      </c>
      <c r="BK283" s="487" t="str">
        <f t="shared" si="54"/>
        <v/>
      </c>
      <c r="BL283" s="487" t="str">
        <f t="shared" si="54"/>
        <v/>
      </c>
      <c r="BM283" s="487" t="str">
        <f t="shared" si="54"/>
        <v/>
      </c>
      <c r="BN283" s="487" t="str">
        <f t="shared" si="54"/>
        <v/>
      </c>
      <c r="BO283" s="487" t="str">
        <f t="shared" si="52"/>
        <v/>
      </c>
      <c r="BP283" s="487" t="str">
        <f t="shared" si="52"/>
        <v/>
      </c>
      <c r="BQ283" s="487" t="str">
        <f t="shared" ref="BQ283:CB309" si="58">IF(AJ283="yes",(AJ$2*$BG283),"")</f>
        <v/>
      </c>
      <c r="BR283" s="487" t="str">
        <f t="shared" si="58"/>
        <v/>
      </c>
      <c r="BS283" s="487" t="str">
        <f t="shared" si="58"/>
        <v/>
      </c>
      <c r="BT283" s="487" t="str">
        <f t="shared" si="58"/>
        <v/>
      </c>
      <c r="BU283" s="487" t="str">
        <f t="shared" si="58"/>
        <v/>
      </c>
      <c r="BV283" s="487">
        <f t="shared" si="58"/>
        <v>71741.375999999989</v>
      </c>
      <c r="BW283" s="487" t="str">
        <f t="shared" si="58"/>
        <v/>
      </c>
      <c r="BX283" s="487" t="str">
        <f t="shared" si="58"/>
        <v/>
      </c>
      <c r="BY283" s="487" t="str">
        <f t="shared" si="58"/>
        <v/>
      </c>
      <c r="BZ283" s="487" t="str">
        <f t="shared" si="56"/>
        <v/>
      </c>
      <c r="CA283" s="487" t="str">
        <f t="shared" si="56"/>
        <v/>
      </c>
      <c r="CB283" s="487" t="str">
        <f t="shared" si="56"/>
        <v/>
      </c>
      <c r="CC283" s="487" t="str">
        <f t="shared" si="56"/>
        <v/>
      </c>
      <c r="CD283" s="487" t="str">
        <f t="shared" si="56"/>
        <v/>
      </c>
      <c r="CE283" s="487" t="str">
        <f t="shared" si="56"/>
        <v/>
      </c>
      <c r="CF283" s="487" t="str">
        <f t="shared" si="56"/>
        <v/>
      </c>
      <c r="CG283" s="487" t="str">
        <f t="shared" si="56"/>
        <v/>
      </c>
      <c r="CH283" s="487" t="str">
        <f t="shared" si="56"/>
        <v/>
      </c>
      <c r="CI283" s="487" t="str">
        <f t="shared" si="50"/>
        <v/>
      </c>
      <c r="CJ283" s="487" t="str">
        <f t="shared" si="50"/>
        <v/>
      </c>
      <c r="CK283" s="487" t="str">
        <f t="shared" si="50"/>
        <v/>
      </c>
      <c r="CL283" s="487" t="str">
        <f t="shared" si="50"/>
        <v/>
      </c>
      <c r="CM283" s="487"/>
      <c r="CN283" s="487"/>
      <c r="CO283" s="487"/>
      <c r="CP283" s="487"/>
      <c r="CQ283" s="487"/>
      <c r="CR283" s="487"/>
      <c r="CS283" s="487"/>
      <c r="CT283" s="487"/>
      <c r="CU283" s="487"/>
      <c r="CV283" s="487"/>
      <c r="CW283" s="487"/>
      <c r="CX283" s="487"/>
      <c r="CY283" s="487"/>
      <c r="CZ283" s="487"/>
      <c r="DA283" s="487"/>
      <c r="DB283" s="487"/>
      <c r="DC283" s="487"/>
      <c r="DD283" s="487"/>
      <c r="DE283" s="487"/>
      <c r="DF283" s="487"/>
      <c r="DG283" s="487"/>
      <c r="DH283" s="487"/>
      <c r="DI283" s="484"/>
      <c r="DJ283" s="484"/>
      <c r="DK283" s="484"/>
    </row>
    <row r="284" spans="1:115" s="354" customFormat="1" ht="56.1" hidden="1" customHeight="1" x14ac:dyDescent="0.2">
      <c r="A284" s="494"/>
      <c r="B284" s="494"/>
      <c r="C284" s="481">
        <v>508</v>
      </c>
      <c r="D284" s="481"/>
      <c r="E284" s="481" t="s">
        <v>2481</v>
      </c>
      <c r="F284" s="482" t="s">
        <v>53</v>
      </c>
      <c r="G284" s="482" t="s">
        <v>515</v>
      </c>
      <c r="H284" s="484" t="s">
        <v>521</v>
      </c>
      <c r="I284" s="484" t="s">
        <v>522</v>
      </c>
      <c r="J284" s="484" t="s">
        <v>522</v>
      </c>
      <c r="K284" s="484"/>
      <c r="L284" s="484" t="s">
        <v>58</v>
      </c>
      <c r="M284" s="484" t="s">
        <v>578</v>
      </c>
      <c r="N284" s="484"/>
      <c r="O284" s="497" t="s">
        <v>8</v>
      </c>
      <c r="P284" s="484" t="s">
        <v>334</v>
      </c>
      <c r="Q284" s="484"/>
      <c r="R284" s="484" t="s">
        <v>392</v>
      </c>
      <c r="S284" s="484" t="s">
        <v>63</v>
      </c>
      <c r="T284" s="484" t="s">
        <v>63</v>
      </c>
      <c r="U284" s="485">
        <v>100210.17600000001</v>
      </c>
      <c r="V284" s="485"/>
      <c r="W284" s="484" t="s">
        <v>64</v>
      </c>
      <c r="X284" s="484"/>
      <c r="Y284" s="485">
        <v>100210.17600000001</v>
      </c>
      <c r="Z284" s="484" t="s">
        <v>82</v>
      </c>
      <c r="AA284" s="496"/>
      <c r="AB284" s="496"/>
      <c r="AC284" s="496"/>
      <c r="AD284" s="496"/>
      <c r="AE284" s="496"/>
      <c r="AF284" s="487"/>
      <c r="AG284" s="496"/>
      <c r="AH284" s="496"/>
      <c r="AI284" s="496"/>
      <c r="AJ284" s="496"/>
      <c r="AK284" s="496"/>
      <c r="AL284" s="496"/>
      <c r="AM284" s="496"/>
      <c r="AN284" s="496"/>
      <c r="AO284" s="496" t="s">
        <v>66</v>
      </c>
      <c r="AP284" s="496"/>
      <c r="AQ284" s="496"/>
      <c r="AR284" s="496"/>
      <c r="AS284" s="496"/>
      <c r="AT284" s="496"/>
      <c r="AU284" s="496"/>
      <c r="AV284" s="496"/>
      <c r="AW284" s="496"/>
      <c r="AX284" s="496"/>
      <c r="AY284" s="496"/>
      <c r="AZ284" s="496"/>
      <c r="BA284" s="496"/>
      <c r="BB284" s="496"/>
      <c r="BC284" s="496"/>
      <c r="BD284" s="496"/>
      <c r="BE284" s="496"/>
      <c r="BF284" s="80">
        <f t="shared" si="55"/>
        <v>90</v>
      </c>
      <c r="BG284" s="76">
        <f t="shared" si="57"/>
        <v>1113.4464</v>
      </c>
      <c r="BH284" s="487" t="str">
        <f t="shared" si="54"/>
        <v/>
      </c>
      <c r="BI284" s="487" t="str">
        <f t="shared" si="54"/>
        <v/>
      </c>
      <c r="BJ284" s="487" t="str">
        <f t="shared" si="54"/>
        <v/>
      </c>
      <c r="BK284" s="487" t="str">
        <f t="shared" si="54"/>
        <v/>
      </c>
      <c r="BL284" s="487" t="str">
        <f t="shared" si="54"/>
        <v/>
      </c>
      <c r="BM284" s="487" t="str">
        <f t="shared" si="54"/>
        <v/>
      </c>
      <c r="BN284" s="487" t="str">
        <f t="shared" si="54"/>
        <v/>
      </c>
      <c r="BO284" s="487" t="str">
        <f t="shared" si="54"/>
        <v/>
      </c>
      <c r="BP284" s="487" t="str">
        <f t="shared" si="54"/>
        <v/>
      </c>
      <c r="BQ284" s="487" t="str">
        <f t="shared" si="58"/>
        <v/>
      </c>
      <c r="BR284" s="487" t="str">
        <f t="shared" si="58"/>
        <v/>
      </c>
      <c r="BS284" s="487" t="str">
        <f t="shared" si="58"/>
        <v/>
      </c>
      <c r="BT284" s="487" t="str">
        <f t="shared" si="58"/>
        <v/>
      </c>
      <c r="BU284" s="487" t="str">
        <f t="shared" si="58"/>
        <v/>
      </c>
      <c r="BV284" s="487">
        <f t="shared" si="58"/>
        <v>100210.17600000001</v>
      </c>
      <c r="BW284" s="487" t="str">
        <f t="shared" si="58"/>
        <v/>
      </c>
      <c r="BX284" s="487" t="str">
        <f t="shared" si="58"/>
        <v/>
      </c>
      <c r="BY284" s="487" t="str">
        <f t="shared" si="58"/>
        <v/>
      </c>
      <c r="BZ284" s="487" t="str">
        <f t="shared" si="56"/>
        <v/>
      </c>
      <c r="CA284" s="487" t="str">
        <f t="shared" si="56"/>
        <v/>
      </c>
      <c r="CB284" s="487" t="str">
        <f t="shared" si="56"/>
        <v/>
      </c>
      <c r="CC284" s="487" t="str">
        <f t="shared" si="56"/>
        <v/>
      </c>
      <c r="CD284" s="487" t="str">
        <f t="shared" si="56"/>
        <v/>
      </c>
      <c r="CE284" s="487" t="str">
        <f t="shared" si="56"/>
        <v/>
      </c>
      <c r="CF284" s="487" t="str">
        <f t="shared" si="56"/>
        <v/>
      </c>
      <c r="CG284" s="487" t="str">
        <f t="shared" si="56"/>
        <v/>
      </c>
      <c r="CH284" s="487" t="str">
        <f t="shared" si="56"/>
        <v/>
      </c>
      <c r="CI284" s="487" t="str">
        <f t="shared" si="50"/>
        <v/>
      </c>
      <c r="CJ284" s="487" t="str">
        <f t="shared" si="50"/>
        <v/>
      </c>
      <c r="CK284" s="487" t="str">
        <f t="shared" si="50"/>
        <v/>
      </c>
      <c r="CL284" s="487" t="str">
        <f t="shared" si="50"/>
        <v/>
      </c>
      <c r="CM284" s="487"/>
      <c r="CN284" s="487"/>
      <c r="CO284" s="487"/>
      <c r="CP284" s="487"/>
      <c r="CQ284" s="487"/>
      <c r="CR284" s="487"/>
      <c r="CS284" s="487"/>
      <c r="CT284" s="487"/>
      <c r="CU284" s="487"/>
      <c r="CV284" s="487"/>
      <c r="CW284" s="487"/>
      <c r="CX284" s="487"/>
      <c r="CY284" s="487"/>
      <c r="CZ284" s="487"/>
      <c r="DA284" s="487"/>
      <c r="DB284" s="487"/>
      <c r="DC284" s="487"/>
      <c r="DD284" s="487"/>
      <c r="DE284" s="487"/>
      <c r="DF284" s="487"/>
      <c r="DG284" s="487"/>
      <c r="DH284" s="487"/>
      <c r="DI284" s="484"/>
      <c r="DJ284" s="484"/>
      <c r="DK284" s="484"/>
    </row>
    <row r="285" spans="1:115" s="354" customFormat="1" ht="56.1" hidden="1" customHeight="1" x14ac:dyDescent="0.2">
      <c r="A285" s="494"/>
      <c r="B285" s="494"/>
      <c r="C285" s="481">
        <v>509</v>
      </c>
      <c r="D285" s="481"/>
      <c r="E285" s="481" t="s">
        <v>2481</v>
      </c>
      <c r="F285" s="482" t="s">
        <v>53</v>
      </c>
      <c r="G285" s="482" t="s">
        <v>515</v>
      </c>
      <c r="H285" s="484" t="s">
        <v>523</v>
      </c>
      <c r="I285" s="484" t="s">
        <v>537</v>
      </c>
      <c r="J285" s="484" t="s">
        <v>537</v>
      </c>
      <c r="K285" s="484"/>
      <c r="L285" s="484" t="s">
        <v>58</v>
      </c>
      <c r="M285" s="484" t="s">
        <v>578</v>
      </c>
      <c r="N285" s="484"/>
      <c r="O285" s="484" t="s">
        <v>388</v>
      </c>
      <c r="P285" s="484" t="s">
        <v>525</v>
      </c>
      <c r="Q285" s="484"/>
      <c r="R285" s="484" t="s">
        <v>392</v>
      </c>
      <c r="S285" s="484" t="s">
        <v>63</v>
      </c>
      <c r="T285" s="484" t="s">
        <v>63</v>
      </c>
      <c r="U285" s="485">
        <v>43494</v>
      </c>
      <c r="V285" s="485"/>
      <c r="W285" s="484" t="s">
        <v>64</v>
      </c>
      <c r="X285" s="484"/>
      <c r="Y285" s="485">
        <v>43494</v>
      </c>
      <c r="Z285" s="484" t="s">
        <v>82</v>
      </c>
      <c r="AA285" s="496"/>
      <c r="AB285" s="496"/>
      <c r="AC285" s="496"/>
      <c r="AD285" s="496"/>
      <c r="AE285" s="496"/>
      <c r="AF285" s="487"/>
      <c r="AG285" s="496"/>
      <c r="AH285" s="496"/>
      <c r="AI285" s="496"/>
      <c r="AJ285" s="496"/>
      <c r="AK285" s="496"/>
      <c r="AL285" s="496"/>
      <c r="AM285" s="496"/>
      <c r="AN285" s="496"/>
      <c r="AO285" s="496" t="s">
        <v>66</v>
      </c>
      <c r="AP285" s="496"/>
      <c r="AQ285" s="496"/>
      <c r="AR285" s="496"/>
      <c r="AS285" s="496"/>
      <c r="AT285" s="496"/>
      <c r="AU285" s="496"/>
      <c r="AV285" s="496"/>
      <c r="AW285" s="496"/>
      <c r="AX285" s="496"/>
      <c r="AY285" s="496"/>
      <c r="AZ285" s="496"/>
      <c r="BA285" s="496"/>
      <c r="BB285" s="496"/>
      <c r="BC285" s="496"/>
      <c r="BD285" s="496"/>
      <c r="BE285" s="496"/>
      <c r="BF285" s="80">
        <f t="shared" si="55"/>
        <v>90</v>
      </c>
      <c r="BG285" s="76">
        <f t="shared" si="57"/>
        <v>483.26666666666665</v>
      </c>
      <c r="BH285" s="487" t="str">
        <f t="shared" si="54"/>
        <v/>
      </c>
      <c r="BI285" s="487" t="str">
        <f t="shared" si="54"/>
        <v/>
      </c>
      <c r="BJ285" s="487" t="str">
        <f t="shared" si="54"/>
        <v/>
      </c>
      <c r="BK285" s="487" t="str">
        <f t="shared" si="54"/>
        <v/>
      </c>
      <c r="BL285" s="487" t="str">
        <f t="shared" si="54"/>
        <v/>
      </c>
      <c r="BM285" s="487" t="str">
        <f t="shared" si="54"/>
        <v/>
      </c>
      <c r="BN285" s="487" t="str">
        <f t="shared" si="54"/>
        <v/>
      </c>
      <c r="BO285" s="487" t="str">
        <f t="shared" si="54"/>
        <v/>
      </c>
      <c r="BP285" s="487" t="str">
        <f t="shared" si="54"/>
        <v/>
      </c>
      <c r="BQ285" s="487" t="str">
        <f t="shared" si="58"/>
        <v/>
      </c>
      <c r="BR285" s="487" t="str">
        <f t="shared" si="58"/>
        <v/>
      </c>
      <c r="BS285" s="487" t="str">
        <f t="shared" si="58"/>
        <v/>
      </c>
      <c r="BT285" s="487" t="str">
        <f t="shared" si="58"/>
        <v/>
      </c>
      <c r="BU285" s="487" t="str">
        <f t="shared" si="58"/>
        <v/>
      </c>
      <c r="BV285" s="487">
        <f t="shared" si="58"/>
        <v>43494</v>
      </c>
      <c r="BW285" s="487" t="str">
        <f t="shared" si="58"/>
        <v/>
      </c>
      <c r="BX285" s="487" t="str">
        <f t="shared" si="58"/>
        <v/>
      </c>
      <c r="BY285" s="487" t="str">
        <f t="shared" si="58"/>
        <v/>
      </c>
      <c r="BZ285" s="487" t="str">
        <f t="shared" si="56"/>
        <v/>
      </c>
      <c r="CA285" s="487" t="str">
        <f t="shared" si="56"/>
        <v/>
      </c>
      <c r="CB285" s="487" t="str">
        <f t="shared" si="56"/>
        <v/>
      </c>
      <c r="CC285" s="487" t="str">
        <f t="shared" si="56"/>
        <v/>
      </c>
      <c r="CD285" s="487" t="str">
        <f t="shared" si="56"/>
        <v/>
      </c>
      <c r="CE285" s="487" t="str">
        <f t="shared" si="56"/>
        <v/>
      </c>
      <c r="CF285" s="487" t="str">
        <f t="shared" si="56"/>
        <v/>
      </c>
      <c r="CG285" s="487" t="str">
        <f t="shared" si="56"/>
        <v/>
      </c>
      <c r="CH285" s="487" t="str">
        <f t="shared" si="56"/>
        <v/>
      </c>
      <c r="CI285" s="487" t="str">
        <f t="shared" si="50"/>
        <v/>
      </c>
      <c r="CJ285" s="487" t="str">
        <f t="shared" si="50"/>
        <v/>
      </c>
      <c r="CK285" s="487" t="str">
        <f t="shared" si="50"/>
        <v/>
      </c>
      <c r="CL285" s="487" t="str">
        <f t="shared" si="50"/>
        <v/>
      </c>
      <c r="CM285" s="487"/>
      <c r="CN285" s="487"/>
      <c r="CO285" s="487"/>
      <c r="CP285" s="487"/>
      <c r="CQ285" s="487"/>
      <c r="CR285" s="487"/>
      <c r="CS285" s="487"/>
      <c r="CT285" s="487"/>
      <c r="CU285" s="487"/>
      <c r="CV285" s="487"/>
      <c r="CW285" s="487"/>
      <c r="CX285" s="487"/>
      <c r="CY285" s="487"/>
      <c r="CZ285" s="487"/>
      <c r="DA285" s="487"/>
      <c r="DB285" s="487"/>
      <c r="DC285" s="487"/>
      <c r="DD285" s="487"/>
      <c r="DE285" s="487"/>
      <c r="DF285" s="487"/>
      <c r="DG285" s="487"/>
      <c r="DH285" s="487"/>
      <c r="DI285" s="484"/>
      <c r="DJ285" s="484"/>
      <c r="DK285" s="484"/>
    </row>
    <row r="286" spans="1:115" s="354" customFormat="1" ht="56.1" hidden="1" customHeight="1" x14ac:dyDescent="0.2">
      <c r="A286" s="494"/>
      <c r="B286" s="494"/>
      <c r="C286" s="481">
        <v>510</v>
      </c>
      <c r="D286" s="481"/>
      <c r="E286" s="481" t="s">
        <v>2481</v>
      </c>
      <c r="F286" s="482" t="s">
        <v>53</v>
      </c>
      <c r="G286" s="482" t="s">
        <v>515</v>
      </c>
      <c r="H286" s="484" t="s">
        <v>539</v>
      </c>
      <c r="I286" s="484" t="s">
        <v>538</v>
      </c>
      <c r="J286" s="484" t="s">
        <v>538</v>
      </c>
      <c r="K286" s="484"/>
      <c r="L286" s="484" t="s">
        <v>58</v>
      </c>
      <c r="M286" s="484" t="s">
        <v>578</v>
      </c>
      <c r="N286" s="484"/>
      <c r="O286" s="484" t="s">
        <v>388</v>
      </c>
      <c r="P286" s="484" t="s">
        <v>525</v>
      </c>
      <c r="Q286" s="484"/>
      <c r="R286" s="484" t="s">
        <v>392</v>
      </c>
      <c r="S286" s="484" t="s">
        <v>63</v>
      </c>
      <c r="T286" s="484" t="s">
        <v>63</v>
      </c>
      <c r="U286" s="485">
        <v>105440</v>
      </c>
      <c r="V286" s="485"/>
      <c r="W286" s="484" t="s">
        <v>64</v>
      </c>
      <c r="X286" s="484"/>
      <c r="Y286" s="485">
        <v>105440</v>
      </c>
      <c r="Z286" s="484" t="s">
        <v>82</v>
      </c>
      <c r="AA286" s="496"/>
      <c r="AB286" s="496"/>
      <c r="AC286" s="496"/>
      <c r="AD286" s="496"/>
      <c r="AE286" s="496"/>
      <c r="AF286" s="487"/>
      <c r="AG286" s="496"/>
      <c r="AH286" s="496"/>
      <c r="AI286" s="496"/>
      <c r="AJ286" s="496"/>
      <c r="AK286" s="496"/>
      <c r="AL286" s="496"/>
      <c r="AM286" s="496"/>
      <c r="AN286" s="496"/>
      <c r="AO286" s="496" t="s">
        <v>66</v>
      </c>
      <c r="AP286" s="496"/>
      <c r="AQ286" s="496"/>
      <c r="AR286" s="496"/>
      <c r="AS286" s="496"/>
      <c r="AT286" s="496"/>
      <c r="AU286" s="496"/>
      <c r="AV286" s="496"/>
      <c r="AW286" s="496"/>
      <c r="AX286" s="496"/>
      <c r="AY286" s="496"/>
      <c r="AZ286" s="496"/>
      <c r="BA286" s="496"/>
      <c r="BB286" s="496"/>
      <c r="BC286" s="496"/>
      <c r="BD286" s="496"/>
      <c r="BE286" s="496"/>
      <c r="BF286" s="80">
        <f t="shared" si="55"/>
        <v>90</v>
      </c>
      <c r="BG286" s="76">
        <f t="shared" si="57"/>
        <v>1171.5555555555557</v>
      </c>
      <c r="BH286" s="487" t="str">
        <f t="shared" si="54"/>
        <v/>
      </c>
      <c r="BI286" s="487" t="str">
        <f t="shared" si="54"/>
        <v/>
      </c>
      <c r="BJ286" s="487" t="str">
        <f t="shared" si="54"/>
        <v/>
      </c>
      <c r="BK286" s="487" t="str">
        <f t="shared" si="54"/>
        <v/>
      </c>
      <c r="BL286" s="487" t="str">
        <f t="shared" si="54"/>
        <v/>
      </c>
      <c r="BM286" s="487" t="str">
        <f t="shared" si="54"/>
        <v/>
      </c>
      <c r="BN286" s="487" t="str">
        <f t="shared" si="54"/>
        <v/>
      </c>
      <c r="BO286" s="487" t="str">
        <f t="shared" si="54"/>
        <v/>
      </c>
      <c r="BP286" s="487" t="str">
        <f t="shared" si="54"/>
        <v/>
      </c>
      <c r="BQ286" s="487" t="str">
        <f t="shared" si="58"/>
        <v/>
      </c>
      <c r="BR286" s="487" t="str">
        <f t="shared" si="58"/>
        <v/>
      </c>
      <c r="BS286" s="487" t="str">
        <f t="shared" si="58"/>
        <v/>
      </c>
      <c r="BT286" s="487" t="str">
        <f t="shared" si="58"/>
        <v/>
      </c>
      <c r="BU286" s="487" t="str">
        <f t="shared" si="58"/>
        <v/>
      </c>
      <c r="BV286" s="487">
        <f t="shared" si="58"/>
        <v>105440.00000000001</v>
      </c>
      <c r="BW286" s="487" t="str">
        <f t="shared" si="58"/>
        <v/>
      </c>
      <c r="BX286" s="487" t="str">
        <f t="shared" si="58"/>
        <v/>
      </c>
      <c r="BY286" s="487" t="str">
        <f t="shared" si="58"/>
        <v/>
      </c>
      <c r="BZ286" s="487" t="str">
        <f t="shared" si="56"/>
        <v/>
      </c>
      <c r="CA286" s="487" t="str">
        <f t="shared" si="56"/>
        <v/>
      </c>
      <c r="CB286" s="487" t="str">
        <f t="shared" si="56"/>
        <v/>
      </c>
      <c r="CC286" s="487" t="str">
        <f t="shared" si="56"/>
        <v/>
      </c>
      <c r="CD286" s="487" t="str">
        <f t="shared" si="56"/>
        <v/>
      </c>
      <c r="CE286" s="487" t="str">
        <f t="shared" si="56"/>
        <v/>
      </c>
      <c r="CF286" s="487" t="str">
        <f t="shared" si="56"/>
        <v/>
      </c>
      <c r="CG286" s="487" t="str">
        <f t="shared" si="56"/>
        <v/>
      </c>
      <c r="CH286" s="487" t="str">
        <f t="shared" si="56"/>
        <v/>
      </c>
      <c r="CI286" s="487" t="str">
        <f t="shared" si="50"/>
        <v/>
      </c>
      <c r="CJ286" s="487" t="str">
        <f t="shared" si="50"/>
        <v/>
      </c>
      <c r="CK286" s="487" t="str">
        <f t="shared" si="50"/>
        <v/>
      </c>
      <c r="CL286" s="487" t="str">
        <f t="shared" si="50"/>
        <v/>
      </c>
      <c r="CM286" s="487"/>
      <c r="CN286" s="487"/>
      <c r="CO286" s="487"/>
      <c r="CP286" s="487"/>
      <c r="CQ286" s="487"/>
      <c r="CR286" s="487"/>
      <c r="CS286" s="487"/>
      <c r="CT286" s="487"/>
      <c r="CU286" s="487"/>
      <c r="CV286" s="487"/>
      <c r="CW286" s="487"/>
      <c r="CX286" s="487"/>
      <c r="CY286" s="487"/>
      <c r="CZ286" s="487"/>
      <c r="DA286" s="487"/>
      <c r="DB286" s="487"/>
      <c r="DC286" s="487"/>
      <c r="DD286" s="487"/>
      <c r="DE286" s="487"/>
      <c r="DF286" s="487"/>
      <c r="DG286" s="487"/>
      <c r="DH286" s="487"/>
      <c r="DI286" s="484"/>
      <c r="DJ286" s="484"/>
      <c r="DK286" s="484"/>
    </row>
    <row r="287" spans="1:115" s="354" customFormat="1" ht="56.1" hidden="1" customHeight="1" x14ac:dyDescent="0.2">
      <c r="A287" s="494"/>
      <c r="B287" s="494"/>
      <c r="C287" s="481">
        <v>511</v>
      </c>
      <c r="D287" s="481"/>
      <c r="E287" s="481" t="s">
        <v>2481</v>
      </c>
      <c r="F287" s="482" t="s">
        <v>53</v>
      </c>
      <c r="G287" s="482" t="s">
        <v>515</v>
      </c>
      <c r="H287" s="484" t="s">
        <v>528</v>
      </c>
      <c r="I287" s="484" t="s">
        <v>529</v>
      </c>
      <c r="J287" s="484" t="s">
        <v>529</v>
      </c>
      <c r="K287" s="484"/>
      <c r="L287" s="484" t="s">
        <v>58</v>
      </c>
      <c r="M287" s="484" t="s">
        <v>578</v>
      </c>
      <c r="N287" s="484"/>
      <c r="O287" s="484" t="s">
        <v>8</v>
      </c>
      <c r="P287" s="484" t="s">
        <v>525</v>
      </c>
      <c r="Q287" s="484"/>
      <c r="R287" s="484" t="s">
        <v>392</v>
      </c>
      <c r="S287" s="484" t="s">
        <v>63</v>
      </c>
      <c r="T287" s="484" t="s">
        <v>63</v>
      </c>
      <c r="U287" s="485">
        <v>0</v>
      </c>
      <c r="V287" s="485"/>
      <c r="W287" s="484" t="s">
        <v>64</v>
      </c>
      <c r="X287" s="484"/>
      <c r="Y287" s="485">
        <v>0</v>
      </c>
      <c r="Z287" s="484" t="s">
        <v>82</v>
      </c>
      <c r="AA287" s="496"/>
      <c r="AB287" s="496"/>
      <c r="AC287" s="496"/>
      <c r="AD287" s="496"/>
      <c r="AE287" s="496"/>
      <c r="AF287" s="487"/>
      <c r="AG287" s="496"/>
      <c r="AH287" s="496"/>
      <c r="AI287" s="496"/>
      <c r="AJ287" s="496"/>
      <c r="AK287" s="496"/>
      <c r="AL287" s="496"/>
      <c r="AM287" s="496"/>
      <c r="AN287" s="496"/>
      <c r="AO287" s="496" t="s">
        <v>66</v>
      </c>
      <c r="AP287" s="496"/>
      <c r="AQ287" s="496"/>
      <c r="AR287" s="496"/>
      <c r="AS287" s="496"/>
      <c r="AT287" s="496"/>
      <c r="AU287" s="496"/>
      <c r="AV287" s="496"/>
      <c r="AW287" s="496"/>
      <c r="AX287" s="496"/>
      <c r="AY287" s="496"/>
      <c r="AZ287" s="496"/>
      <c r="BA287" s="496"/>
      <c r="BB287" s="496"/>
      <c r="BC287" s="496"/>
      <c r="BD287" s="496"/>
      <c r="BE287" s="496"/>
      <c r="BF287" s="80">
        <f t="shared" si="55"/>
        <v>90</v>
      </c>
      <c r="BG287" s="76"/>
      <c r="BH287" s="487" t="str">
        <f t="shared" si="54"/>
        <v/>
      </c>
      <c r="BI287" s="487" t="str">
        <f t="shared" si="54"/>
        <v/>
      </c>
      <c r="BJ287" s="487" t="str">
        <f t="shared" si="54"/>
        <v/>
      </c>
      <c r="BK287" s="487" t="str">
        <f t="shared" si="54"/>
        <v/>
      </c>
      <c r="BL287" s="487" t="str">
        <f t="shared" si="54"/>
        <v/>
      </c>
      <c r="BM287" s="487" t="str">
        <f t="shared" si="54"/>
        <v/>
      </c>
      <c r="BN287" s="487" t="str">
        <f t="shared" si="54"/>
        <v/>
      </c>
      <c r="BO287" s="487" t="str">
        <f t="shared" si="54"/>
        <v/>
      </c>
      <c r="BP287" s="487" t="str">
        <f t="shared" si="54"/>
        <v/>
      </c>
      <c r="BQ287" s="487" t="str">
        <f t="shared" si="58"/>
        <v/>
      </c>
      <c r="BR287" s="487" t="str">
        <f t="shared" si="58"/>
        <v/>
      </c>
      <c r="BS287" s="487" t="str">
        <f t="shared" si="58"/>
        <v/>
      </c>
      <c r="BT287" s="487" t="str">
        <f t="shared" si="58"/>
        <v/>
      </c>
      <c r="BU287" s="487" t="str">
        <f t="shared" si="58"/>
        <v/>
      </c>
      <c r="BV287" s="487">
        <f t="shared" si="58"/>
        <v>0</v>
      </c>
      <c r="BW287" s="487" t="str">
        <f t="shared" si="58"/>
        <v/>
      </c>
      <c r="BX287" s="487" t="str">
        <f t="shared" si="58"/>
        <v/>
      </c>
      <c r="BY287" s="487" t="str">
        <f t="shared" si="58"/>
        <v/>
      </c>
      <c r="BZ287" s="487" t="str">
        <f t="shared" si="56"/>
        <v/>
      </c>
      <c r="CA287" s="487" t="str">
        <f t="shared" si="56"/>
        <v/>
      </c>
      <c r="CB287" s="487" t="str">
        <f t="shared" si="56"/>
        <v/>
      </c>
      <c r="CC287" s="487" t="str">
        <f t="shared" si="56"/>
        <v/>
      </c>
      <c r="CD287" s="487" t="str">
        <f t="shared" si="56"/>
        <v/>
      </c>
      <c r="CE287" s="487" t="str">
        <f t="shared" si="56"/>
        <v/>
      </c>
      <c r="CF287" s="487" t="str">
        <f t="shared" si="56"/>
        <v/>
      </c>
      <c r="CG287" s="487" t="str">
        <f t="shared" si="56"/>
        <v/>
      </c>
      <c r="CH287" s="487" t="str">
        <f t="shared" si="56"/>
        <v/>
      </c>
      <c r="CI287" s="487" t="str">
        <f t="shared" si="50"/>
        <v/>
      </c>
      <c r="CJ287" s="487" t="str">
        <f t="shared" si="50"/>
        <v/>
      </c>
      <c r="CK287" s="487" t="str">
        <f t="shared" si="50"/>
        <v/>
      </c>
      <c r="CL287" s="487" t="str">
        <f t="shared" si="50"/>
        <v/>
      </c>
      <c r="CM287" s="487"/>
      <c r="CN287" s="487"/>
      <c r="CO287" s="487"/>
      <c r="CP287" s="487"/>
      <c r="CQ287" s="487"/>
      <c r="CR287" s="487"/>
      <c r="CS287" s="487"/>
      <c r="CT287" s="487"/>
      <c r="CU287" s="487"/>
      <c r="CV287" s="487"/>
      <c r="CW287" s="487"/>
      <c r="CX287" s="487"/>
      <c r="CY287" s="487"/>
      <c r="CZ287" s="487"/>
      <c r="DA287" s="487"/>
      <c r="DB287" s="487"/>
      <c r="DC287" s="487"/>
      <c r="DD287" s="487"/>
      <c r="DE287" s="487"/>
      <c r="DF287" s="487"/>
      <c r="DG287" s="487"/>
      <c r="DH287" s="487"/>
      <c r="DI287" s="484"/>
      <c r="DJ287" s="484"/>
      <c r="DK287" s="484"/>
    </row>
    <row r="288" spans="1:115" s="354" customFormat="1" ht="56.1" hidden="1" customHeight="1" x14ac:dyDescent="0.2">
      <c r="A288" s="494"/>
      <c r="B288" s="494"/>
      <c r="C288" s="481">
        <v>512</v>
      </c>
      <c r="D288" s="481"/>
      <c r="E288" s="481" t="s">
        <v>2481</v>
      </c>
      <c r="F288" s="482" t="s">
        <v>53</v>
      </c>
      <c r="G288" s="482" t="s">
        <v>515</v>
      </c>
      <c r="H288" s="484" t="s">
        <v>530</v>
      </c>
      <c r="I288" s="484" t="s">
        <v>532</v>
      </c>
      <c r="J288" s="484" t="s">
        <v>532</v>
      </c>
      <c r="K288" s="484"/>
      <c r="L288" s="484" t="s">
        <v>58</v>
      </c>
      <c r="M288" s="484" t="s">
        <v>578</v>
      </c>
      <c r="N288" s="484"/>
      <c r="O288" s="484" t="s">
        <v>8</v>
      </c>
      <c r="P288" s="484" t="s">
        <v>525</v>
      </c>
      <c r="Q288" s="484"/>
      <c r="R288" s="484" t="s">
        <v>392</v>
      </c>
      <c r="S288" s="484" t="s">
        <v>63</v>
      </c>
      <c r="T288" s="484" t="s">
        <v>63</v>
      </c>
      <c r="U288" s="485">
        <v>0</v>
      </c>
      <c r="V288" s="485"/>
      <c r="W288" s="484" t="s">
        <v>64</v>
      </c>
      <c r="X288" s="484"/>
      <c r="Y288" s="485">
        <v>0</v>
      </c>
      <c r="Z288" s="484" t="s">
        <v>82</v>
      </c>
      <c r="AA288" s="496"/>
      <c r="AB288" s="496"/>
      <c r="AC288" s="496"/>
      <c r="AD288" s="496"/>
      <c r="AE288" s="496"/>
      <c r="AF288" s="487"/>
      <c r="AG288" s="496"/>
      <c r="AH288" s="496"/>
      <c r="AI288" s="496"/>
      <c r="AJ288" s="496"/>
      <c r="AK288" s="496"/>
      <c r="AL288" s="496"/>
      <c r="AM288" s="496"/>
      <c r="AN288" s="496"/>
      <c r="AO288" s="496" t="s">
        <v>66</v>
      </c>
      <c r="AP288" s="496"/>
      <c r="AQ288" s="496"/>
      <c r="AR288" s="496"/>
      <c r="AS288" s="496"/>
      <c r="AT288" s="496"/>
      <c r="AU288" s="496"/>
      <c r="AV288" s="496"/>
      <c r="AW288" s="496"/>
      <c r="AX288" s="496"/>
      <c r="AY288" s="496"/>
      <c r="AZ288" s="496"/>
      <c r="BA288" s="496"/>
      <c r="BB288" s="496"/>
      <c r="BC288" s="496"/>
      <c r="BD288" s="496"/>
      <c r="BE288" s="496"/>
      <c r="BF288" s="80">
        <f t="shared" si="55"/>
        <v>90</v>
      </c>
      <c r="BG288" s="76"/>
      <c r="BH288" s="487" t="str">
        <f t="shared" si="54"/>
        <v/>
      </c>
      <c r="BI288" s="487" t="str">
        <f t="shared" si="54"/>
        <v/>
      </c>
      <c r="BJ288" s="487" t="str">
        <f t="shared" si="54"/>
        <v/>
      </c>
      <c r="BK288" s="487" t="str">
        <f t="shared" si="54"/>
        <v/>
      </c>
      <c r="BL288" s="487" t="str">
        <f t="shared" si="54"/>
        <v/>
      </c>
      <c r="BM288" s="487" t="str">
        <f t="shared" si="54"/>
        <v/>
      </c>
      <c r="BN288" s="487" t="str">
        <f t="shared" si="54"/>
        <v/>
      </c>
      <c r="BO288" s="487" t="str">
        <f t="shared" si="54"/>
        <v/>
      </c>
      <c r="BP288" s="487" t="str">
        <f t="shared" si="54"/>
        <v/>
      </c>
      <c r="BQ288" s="487" t="str">
        <f t="shared" si="58"/>
        <v/>
      </c>
      <c r="BR288" s="487" t="str">
        <f t="shared" si="58"/>
        <v/>
      </c>
      <c r="BS288" s="487" t="str">
        <f t="shared" si="58"/>
        <v/>
      </c>
      <c r="BT288" s="487" t="str">
        <f t="shared" si="58"/>
        <v/>
      </c>
      <c r="BU288" s="487" t="str">
        <f t="shared" si="58"/>
        <v/>
      </c>
      <c r="BV288" s="487">
        <f t="shared" si="58"/>
        <v>0</v>
      </c>
      <c r="BW288" s="487" t="str">
        <f t="shared" si="58"/>
        <v/>
      </c>
      <c r="BX288" s="487" t="str">
        <f t="shared" si="58"/>
        <v/>
      </c>
      <c r="BY288" s="487" t="str">
        <f t="shared" si="58"/>
        <v/>
      </c>
      <c r="BZ288" s="487" t="str">
        <f t="shared" si="56"/>
        <v/>
      </c>
      <c r="CA288" s="487" t="str">
        <f t="shared" si="56"/>
        <v/>
      </c>
      <c r="CB288" s="487" t="str">
        <f t="shared" si="56"/>
        <v/>
      </c>
      <c r="CC288" s="487" t="str">
        <f t="shared" si="56"/>
        <v/>
      </c>
      <c r="CD288" s="487" t="str">
        <f t="shared" si="56"/>
        <v/>
      </c>
      <c r="CE288" s="487" t="str">
        <f t="shared" si="56"/>
        <v/>
      </c>
      <c r="CF288" s="487" t="str">
        <f t="shared" si="56"/>
        <v/>
      </c>
      <c r="CG288" s="487" t="str">
        <f t="shared" si="56"/>
        <v/>
      </c>
      <c r="CH288" s="487" t="str">
        <f t="shared" si="56"/>
        <v/>
      </c>
      <c r="CI288" s="487" t="str">
        <f t="shared" si="50"/>
        <v/>
      </c>
      <c r="CJ288" s="487" t="str">
        <f t="shared" si="50"/>
        <v/>
      </c>
      <c r="CK288" s="487" t="str">
        <f t="shared" si="50"/>
        <v/>
      </c>
      <c r="CL288" s="487" t="str">
        <f t="shared" si="50"/>
        <v/>
      </c>
      <c r="CM288" s="487"/>
      <c r="CN288" s="487"/>
      <c r="CO288" s="487"/>
      <c r="CP288" s="487"/>
      <c r="CQ288" s="487"/>
      <c r="CR288" s="487"/>
      <c r="CS288" s="487"/>
      <c r="CT288" s="487"/>
      <c r="CU288" s="487"/>
      <c r="CV288" s="487"/>
      <c r="CW288" s="487"/>
      <c r="CX288" s="487"/>
      <c r="CY288" s="487"/>
      <c r="CZ288" s="487"/>
      <c r="DA288" s="487"/>
      <c r="DB288" s="487"/>
      <c r="DC288" s="487"/>
      <c r="DD288" s="487"/>
      <c r="DE288" s="487"/>
      <c r="DF288" s="487"/>
      <c r="DG288" s="487"/>
      <c r="DH288" s="487"/>
      <c r="DI288" s="484"/>
      <c r="DJ288" s="484"/>
      <c r="DK288" s="484"/>
    </row>
    <row r="289" spans="1:115" s="354" customFormat="1" ht="56.1" hidden="1" customHeight="1" x14ac:dyDescent="0.2">
      <c r="A289" s="494"/>
      <c r="B289" s="494"/>
      <c r="C289" s="481">
        <v>513</v>
      </c>
      <c r="D289" s="481"/>
      <c r="E289" s="481" t="s">
        <v>2481</v>
      </c>
      <c r="F289" s="482" t="s">
        <v>53</v>
      </c>
      <c r="G289" s="482" t="s">
        <v>515</v>
      </c>
      <c r="H289" s="484" t="s">
        <v>533</v>
      </c>
      <c r="I289" s="484" t="s">
        <v>534</v>
      </c>
      <c r="J289" s="484" t="s">
        <v>534</v>
      </c>
      <c r="K289" s="484"/>
      <c r="L289" s="484" t="s">
        <v>58</v>
      </c>
      <c r="M289" s="484" t="s">
        <v>578</v>
      </c>
      <c r="N289" s="484"/>
      <c r="O289" s="484" t="s">
        <v>81</v>
      </c>
      <c r="P289" s="484" t="s">
        <v>334</v>
      </c>
      <c r="Q289" s="484"/>
      <c r="R289" s="484" t="s">
        <v>392</v>
      </c>
      <c r="S289" s="484" t="s">
        <v>63</v>
      </c>
      <c r="T289" s="484" t="s">
        <v>63</v>
      </c>
      <c r="U289" s="485">
        <v>16013.7</v>
      </c>
      <c r="V289" s="485"/>
      <c r="W289" s="484" t="s">
        <v>64</v>
      </c>
      <c r="X289" s="484"/>
      <c r="Y289" s="485">
        <v>16013.7</v>
      </c>
      <c r="Z289" s="484" t="s">
        <v>82</v>
      </c>
      <c r="AA289" s="496"/>
      <c r="AB289" s="496"/>
      <c r="AC289" s="496"/>
      <c r="AD289" s="496"/>
      <c r="AE289" s="496"/>
      <c r="AF289" s="487"/>
      <c r="AG289" s="496"/>
      <c r="AH289" s="496"/>
      <c r="AI289" s="496"/>
      <c r="AJ289" s="496"/>
      <c r="AK289" s="496"/>
      <c r="AL289" s="496"/>
      <c r="AM289" s="496"/>
      <c r="AN289" s="496"/>
      <c r="AO289" s="496" t="s">
        <v>66</v>
      </c>
      <c r="AP289" s="496"/>
      <c r="AQ289" s="496"/>
      <c r="AR289" s="496"/>
      <c r="AS289" s="496"/>
      <c r="AT289" s="496"/>
      <c r="AU289" s="496"/>
      <c r="AV289" s="496"/>
      <c r="AW289" s="496"/>
      <c r="AX289" s="496"/>
      <c r="AY289" s="496"/>
      <c r="AZ289" s="496"/>
      <c r="BA289" s="496"/>
      <c r="BB289" s="496"/>
      <c r="BC289" s="496"/>
      <c r="BD289" s="496"/>
      <c r="BE289" s="496"/>
      <c r="BF289" s="80">
        <f t="shared" si="55"/>
        <v>90</v>
      </c>
      <c r="BG289" s="76">
        <f t="shared" ref="BG289:BG294" si="59">Y289/BF289</f>
        <v>177.93</v>
      </c>
      <c r="BH289" s="487" t="str">
        <f t="shared" si="54"/>
        <v/>
      </c>
      <c r="BI289" s="487" t="str">
        <f t="shared" si="54"/>
        <v/>
      </c>
      <c r="BJ289" s="487" t="str">
        <f t="shared" si="54"/>
        <v/>
      </c>
      <c r="BK289" s="487" t="str">
        <f t="shared" si="54"/>
        <v/>
      </c>
      <c r="BL289" s="487" t="str">
        <f t="shared" si="54"/>
        <v/>
      </c>
      <c r="BM289" s="487" t="str">
        <f t="shared" si="54"/>
        <v/>
      </c>
      <c r="BN289" s="487" t="str">
        <f t="shared" si="54"/>
        <v/>
      </c>
      <c r="BO289" s="487" t="str">
        <f t="shared" si="54"/>
        <v/>
      </c>
      <c r="BP289" s="487" t="str">
        <f t="shared" si="54"/>
        <v/>
      </c>
      <c r="BQ289" s="487" t="str">
        <f t="shared" si="58"/>
        <v/>
      </c>
      <c r="BR289" s="487" t="str">
        <f t="shared" si="58"/>
        <v/>
      </c>
      <c r="BS289" s="487" t="str">
        <f t="shared" si="58"/>
        <v/>
      </c>
      <c r="BT289" s="487" t="str">
        <f t="shared" si="58"/>
        <v/>
      </c>
      <c r="BU289" s="487" t="str">
        <f t="shared" si="58"/>
        <v/>
      </c>
      <c r="BV289" s="487">
        <f t="shared" si="58"/>
        <v>16013.7</v>
      </c>
      <c r="BW289" s="487" t="str">
        <f t="shared" si="58"/>
        <v/>
      </c>
      <c r="BX289" s="487" t="str">
        <f t="shared" si="58"/>
        <v/>
      </c>
      <c r="BY289" s="487" t="str">
        <f t="shared" si="58"/>
        <v/>
      </c>
      <c r="BZ289" s="487" t="str">
        <f t="shared" si="56"/>
        <v/>
      </c>
      <c r="CA289" s="487" t="str">
        <f t="shared" si="56"/>
        <v/>
      </c>
      <c r="CB289" s="487" t="str">
        <f t="shared" si="56"/>
        <v/>
      </c>
      <c r="CC289" s="487" t="str">
        <f t="shared" si="56"/>
        <v/>
      </c>
      <c r="CD289" s="487" t="str">
        <f t="shared" si="56"/>
        <v/>
      </c>
      <c r="CE289" s="487" t="str">
        <f t="shared" si="56"/>
        <v/>
      </c>
      <c r="CF289" s="487" t="str">
        <f t="shared" si="56"/>
        <v/>
      </c>
      <c r="CG289" s="487" t="str">
        <f t="shared" si="56"/>
        <v/>
      </c>
      <c r="CH289" s="487" t="str">
        <f t="shared" si="56"/>
        <v/>
      </c>
      <c r="CI289" s="487" t="str">
        <f t="shared" si="50"/>
        <v/>
      </c>
      <c r="CJ289" s="487" t="str">
        <f t="shared" si="50"/>
        <v/>
      </c>
      <c r="CK289" s="487" t="str">
        <f t="shared" si="50"/>
        <v/>
      </c>
      <c r="CL289" s="487" t="str">
        <f t="shared" si="50"/>
        <v/>
      </c>
      <c r="CM289" s="487"/>
      <c r="CN289" s="487"/>
      <c r="CO289" s="487"/>
      <c r="CP289" s="487"/>
      <c r="CQ289" s="487"/>
      <c r="CR289" s="487"/>
      <c r="CS289" s="487"/>
      <c r="CT289" s="487"/>
      <c r="CU289" s="487"/>
      <c r="CV289" s="487"/>
      <c r="CW289" s="487"/>
      <c r="CX289" s="487"/>
      <c r="CY289" s="487"/>
      <c r="CZ289" s="487"/>
      <c r="DA289" s="487"/>
      <c r="DB289" s="487"/>
      <c r="DC289" s="487"/>
      <c r="DD289" s="487"/>
      <c r="DE289" s="487"/>
      <c r="DF289" s="487"/>
      <c r="DG289" s="487"/>
      <c r="DH289" s="487"/>
      <c r="DI289" s="484"/>
      <c r="DJ289" s="484"/>
      <c r="DK289" s="484"/>
    </row>
    <row r="290" spans="1:115" s="354" customFormat="1" ht="56.1" hidden="1" customHeight="1" x14ac:dyDescent="0.2">
      <c r="A290" s="494"/>
      <c r="B290" s="494"/>
      <c r="C290" s="481">
        <v>514</v>
      </c>
      <c r="D290" s="481"/>
      <c r="E290" s="481" t="s">
        <v>2481</v>
      </c>
      <c r="F290" s="482" t="s">
        <v>53</v>
      </c>
      <c r="G290" s="482" t="s">
        <v>515</v>
      </c>
      <c r="H290" s="484" t="s">
        <v>548</v>
      </c>
      <c r="I290" s="484" t="s">
        <v>536</v>
      </c>
      <c r="J290" s="484" t="s">
        <v>536</v>
      </c>
      <c r="K290" s="484"/>
      <c r="L290" s="484" t="s">
        <v>58</v>
      </c>
      <c r="M290" s="484" t="s">
        <v>327</v>
      </c>
      <c r="N290" s="484"/>
      <c r="O290" s="497" t="s">
        <v>60</v>
      </c>
      <c r="P290" s="484" t="s">
        <v>334</v>
      </c>
      <c r="Q290" s="484"/>
      <c r="R290" s="484" t="s">
        <v>377</v>
      </c>
      <c r="S290" s="484" t="s">
        <v>63</v>
      </c>
      <c r="T290" s="484" t="s">
        <v>63</v>
      </c>
      <c r="U290" s="485">
        <v>24293.376</v>
      </c>
      <c r="V290" s="485"/>
      <c r="W290" s="484" t="s">
        <v>64</v>
      </c>
      <c r="X290" s="484"/>
      <c r="Y290" s="485">
        <v>24293.376</v>
      </c>
      <c r="Z290" s="484" t="s">
        <v>82</v>
      </c>
      <c r="AA290" s="496"/>
      <c r="AB290" s="496"/>
      <c r="AC290" s="496"/>
      <c r="AD290" s="496"/>
      <c r="AE290" s="496"/>
      <c r="AF290" s="487"/>
      <c r="AG290" s="496"/>
      <c r="AH290" s="496"/>
      <c r="AI290" s="496"/>
      <c r="AJ290" s="496"/>
      <c r="AK290" s="496"/>
      <c r="AL290" s="496"/>
      <c r="AM290" s="496"/>
      <c r="AN290" s="496"/>
      <c r="AO290" s="496"/>
      <c r="AP290" s="487" t="s">
        <v>66</v>
      </c>
      <c r="AQ290" s="496"/>
      <c r="AR290" s="496"/>
      <c r="AS290" s="496"/>
      <c r="AT290" s="496"/>
      <c r="AU290" s="496"/>
      <c r="AV290" s="496"/>
      <c r="AW290" s="496"/>
      <c r="AX290" s="496"/>
      <c r="AY290" s="496"/>
      <c r="AZ290" s="496"/>
      <c r="BA290" s="496"/>
      <c r="BB290" s="496"/>
      <c r="BC290" s="496"/>
      <c r="BD290" s="496"/>
      <c r="BE290" s="496"/>
      <c r="BF290" s="80">
        <f t="shared" si="55"/>
        <v>80</v>
      </c>
      <c r="BG290" s="76">
        <f t="shared" si="59"/>
        <v>303.66719999999998</v>
      </c>
      <c r="BH290" s="487" t="str">
        <f t="shared" si="54"/>
        <v/>
      </c>
      <c r="BI290" s="487" t="str">
        <f t="shared" si="54"/>
        <v/>
      </c>
      <c r="BJ290" s="487" t="str">
        <f t="shared" si="54"/>
        <v/>
      </c>
      <c r="BK290" s="487" t="str">
        <f t="shared" si="54"/>
        <v/>
      </c>
      <c r="BL290" s="487" t="str">
        <f t="shared" si="54"/>
        <v/>
      </c>
      <c r="BM290" s="487" t="str">
        <f t="shared" si="54"/>
        <v/>
      </c>
      <c r="BN290" s="487" t="str">
        <f t="shared" si="54"/>
        <v/>
      </c>
      <c r="BO290" s="487" t="str">
        <f t="shared" si="54"/>
        <v/>
      </c>
      <c r="BP290" s="487" t="str">
        <f t="shared" si="54"/>
        <v/>
      </c>
      <c r="BQ290" s="487" t="str">
        <f t="shared" si="58"/>
        <v/>
      </c>
      <c r="BR290" s="487" t="str">
        <f t="shared" si="58"/>
        <v/>
      </c>
      <c r="BS290" s="487" t="str">
        <f t="shared" si="58"/>
        <v/>
      </c>
      <c r="BT290" s="487" t="str">
        <f t="shared" si="58"/>
        <v/>
      </c>
      <c r="BU290" s="487" t="str">
        <f t="shared" si="58"/>
        <v/>
      </c>
      <c r="BV290" s="487" t="str">
        <f t="shared" si="58"/>
        <v/>
      </c>
      <c r="BW290" s="487">
        <f t="shared" si="58"/>
        <v>24293.375999999997</v>
      </c>
      <c r="BX290" s="487" t="str">
        <f t="shared" si="58"/>
        <v/>
      </c>
      <c r="BY290" s="487" t="str">
        <f t="shared" si="58"/>
        <v/>
      </c>
      <c r="BZ290" s="487" t="str">
        <f t="shared" si="56"/>
        <v/>
      </c>
      <c r="CA290" s="487" t="str">
        <f t="shared" si="56"/>
        <v/>
      </c>
      <c r="CB290" s="487" t="str">
        <f t="shared" si="56"/>
        <v/>
      </c>
      <c r="CC290" s="487" t="str">
        <f t="shared" si="56"/>
        <v/>
      </c>
      <c r="CD290" s="487" t="str">
        <f t="shared" si="56"/>
        <v/>
      </c>
      <c r="CE290" s="487" t="str">
        <f t="shared" si="56"/>
        <v/>
      </c>
      <c r="CF290" s="487" t="str">
        <f t="shared" si="56"/>
        <v/>
      </c>
      <c r="CG290" s="487" t="str">
        <f t="shared" si="56"/>
        <v/>
      </c>
      <c r="CH290" s="487" t="str">
        <f t="shared" si="56"/>
        <v/>
      </c>
      <c r="CI290" s="487" t="str">
        <f t="shared" si="50"/>
        <v/>
      </c>
      <c r="CJ290" s="487" t="str">
        <f t="shared" si="50"/>
        <v/>
      </c>
      <c r="CK290" s="487" t="str">
        <f t="shared" si="50"/>
        <v/>
      </c>
      <c r="CL290" s="487" t="str">
        <f t="shared" si="50"/>
        <v/>
      </c>
      <c r="CM290" s="487"/>
      <c r="CN290" s="487"/>
      <c r="CO290" s="487"/>
      <c r="CP290" s="487"/>
      <c r="CQ290" s="487"/>
      <c r="CR290" s="487"/>
      <c r="CS290" s="487"/>
      <c r="CT290" s="487"/>
      <c r="CU290" s="487"/>
      <c r="CV290" s="487"/>
      <c r="CW290" s="487"/>
      <c r="CX290" s="487"/>
      <c r="CY290" s="487"/>
      <c r="CZ290" s="487"/>
      <c r="DA290" s="487"/>
      <c r="DB290" s="487"/>
      <c r="DC290" s="487"/>
      <c r="DD290" s="487"/>
      <c r="DE290" s="487"/>
      <c r="DF290" s="487"/>
      <c r="DG290" s="487"/>
      <c r="DH290" s="487"/>
      <c r="DI290" s="484"/>
      <c r="DJ290" s="484"/>
      <c r="DK290" s="484"/>
    </row>
    <row r="291" spans="1:115" s="354" customFormat="1" ht="56.1" hidden="1" customHeight="1" x14ac:dyDescent="0.2">
      <c r="A291" s="494"/>
      <c r="B291" s="494"/>
      <c r="C291" s="481">
        <v>515</v>
      </c>
      <c r="D291" s="481"/>
      <c r="E291" s="481" t="s">
        <v>2481</v>
      </c>
      <c r="F291" s="482" t="s">
        <v>53</v>
      </c>
      <c r="G291" s="482" t="s">
        <v>515</v>
      </c>
      <c r="H291" s="484" t="s">
        <v>518</v>
      </c>
      <c r="I291" s="484" t="s">
        <v>520</v>
      </c>
      <c r="J291" s="484" t="s">
        <v>520</v>
      </c>
      <c r="K291" s="484"/>
      <c r="L291" s="484" t="s">
        <v>58</v>
      </c>
      <c r="M291" s="484" t="s">
        <v>327</v>
      </c>
      <c r="N291" s="484"/>
      <c r="O291" s="497" t="s">
        <v>8</v>
      </c>
      <c r="P291" s="484" t="s">
        <v>334</v>
      </c>
      <c r="Q291" s="484"/>
      <c r="R291" s="484" t="s">
        <v>377</v>
      </c>
      <c r="S291" s="484" t="s">
        <v>63</v>
      </c>
      <c r="T291" s="484" t="s">
        <v>63</v>
      </c>
      <c r="U291" s="485">
        <v>63770.112000000001</v>
      </c>
      <c r="V291" s="485"/>
      <c r="W291" s="484" t="s">
        <v>64</v>
      </c>
      <c r="X291" s="484"/>
      <c r="Y291" s="485">
        <v>63770.112000000001</v>
      </c>
      <c r="Z291" s="484" t="s">
        <v>82</v>
      </c>
      <c r="AA291" s="496"/>
      <c r="AB291" s="496"/>
      <c r="AC291" s="496"/>
      <c r="AD291" s="496"/>
      <c r="AE291" s="496"/>
      <c r="AF291" s="487"/>
      <c r="AG291" s="496"/>
      <c r="AH291" s="496"/>
      <c r="AI291" s="496"/>
      <c r="AJ291" s="496"/>
      <c r="AK291" s="496"/>
      <c r="AL291" s="496"/>
      <c r="AM291" s="496"/>
      <c r="AN291" s="496"/>
      <c r="AO291" s="496"/>
      <c r="AP291" s="487" t="s">
        <v>66</v>
      </c>
      <c r="AQ291" s="496"/>
      <c r="AR291" s="496"/>
      <c r="AS291" s="496"/>
      <c r="AT291" s="496"/>
      <c r="AU291" s="496"/>
      <c r="AV291" s="496"/>
      <c r="AW291" s="496"/>
      <c r="AX291" s="496"/>
      <c r="AY291" s="496"/>
      <c r="AZ291" s="496"/>
      <c r="BA291" s="496"/>
      <c r="BB291" s="496"/>
      <c r="BC291" s="496"/>
      <c r="BD291" s="496"/>
      <c r="BE291" s="496"/>
      <c r="BF291" s="80">
        <f t="shared" si="55"/>
        <v>80</v>
      </c>
      <c r="BG291" s="76">
        <f t="shared" si="59"/>
        <v>797.12639999999999</v>
      </c>
      <c r="BH291" s="487" t="str">
        <f t="shared" si="54"/>
        <v/>
      </c>
      <c r="BI291" s="487" t="str">
        <f t="shared" si="54"/>
        <v/>
      </c>
      <c r="BJ291" s="487" t="str">
        <f t="shared" si="54"/>
        <v/>
      </c>
      <c r="BK291" s="487" t="str">
        <f t="shared" ref="BK291:BZ318" si="60">IF(AD291="yes",(AD$2*$BG291),"")</f>
        <v/>
      </c>
      <c r="BL291" s="487" t="str">
        <f t="shared" si="60"/>
        <v/>
      </c>
      <c r="BM291" s="487" t="str">
        <f t="shared" si="60"/>
        <v/>
      </c>
      <c r="BN291" s="487" t="str">
        <f t="shared" si="60"/>
        <v/>
      </c>
      <c r="BO291" s="487" t="str">
        <f t="shared" si="60"/>
        <v/>
      </c>
      <c r="BP291" s="487" t="str">
        <f t="shared" si="60"/>
        <v/>
      </c>
      <c r="BQ291" s="487" t="str">
        <f t="shared" si="58"/>
        <v/>
      </c>
      <c r="BR291" s="487" t="str">
        <f t="shared" si="58"/>
        <v/>
      </c>
      <c r="BS291" s="487" t="str">
        <f t="shared" si="58"/>
        <v/>
      </c>
      <c r="BT291" s="487" t="str">
        <f t="shared" si="58"/>
        <v/>
      </c>
      <c r="BU291" s="487" t="str">
        <f t="shared" si="58"/>
        <v/>
      </c>
      <c r="BV291" s="487" t="str">
        <f t="shared" si="58"/>
        <v/>
      </c>
      <c r="BW291" s="487">
        <f t="shared" si="58"/>
        <v>63770.112000000001</v>
      </c>
      <c r="BX291" s="487" t="str">
        <f t="shared" si="58"/>
        <v/>
      </c>
      <c r="BY291" s="487" t="str">
        <f t="shared" si="58"/>
        <v/>
      </c>
      <c r="BZ291" s="487" t="str">
        <f t="shared" si="56"/>
        <v/>
      </c>
      <c r="CA291" s="487" t="str">
        <f t="shared" si="56"/>
        <v/>
      </c>
      <c r="CB291" s="487" t="str">
        <f t="shared" si="56"/>
        <v/>
      </c>
      <c r="CC291" s="487" t="str">
        <f t="shared" si="56"/>
        <v/>
      </c>
      <c r="CD291" s="487" t="str">
        <f t="shared" si="56"/>
        <v/>
      </c>
      <c r="CE291" s="487" t="str">
        <f t="shared" si="56"/>
        <v/>
      </c>
      <c r="CF291" s="487" t="str">
        <f t="shared" si="56"/>
        <v/>
      </c>
      <c r="CG291" s="487" t="str">
        <f t="shared" si="56"/>
        <v/>
      </c>
      <c r="CH291" s="487" t="str">
        <f t="shared" si="56"/>
        <v/>
      </c>
      <c r="CI291" s="487" t="str">
        <f t="shared" si="50"/>
        <v/>
      </c>
      <c r="CJ291" s="487" t="str">
        <f t="shared" si="50"/>
        <v/>
      </c>
      <c r="CK291" s="487" t="str">
        <f t="shared" si="50"/>
        <v/>
      </c>
      <c r="CL291" s="487" t="str">
        <f t="shared" si="50"/>
        <v/>
      </c>
      <c r="CM291" s="487"/>
      <c r="CN291" s="487"/>
      <c r="CO291" s="487"/>
      <c r="CP291" s="487"/>
      <c r="CQ291" s="487"/>
      <c r="CR291" s="487"/>
      <c r="CS291" s="487"/>
      <c r="CT291" s="487"/>
      <c r="CU291" s="487"/>
      <c r="CV291" s="487"/>
      <c r="CW291" s="487"/>
      <c r="CX291" s="487"/>
      <c r="CY291" s="487"/>
      <c r="CZ291" s="487"/>
      <c r="DA291" s="487"/>
      <c r="DB291" s="487"/>
      <c r="DC291" s="487"/>
      <c r="DD291" s="487"/>
      <c r="DE291" s="487"/>
      <c r="DF291" s="487"/>
      <c r="DG291" s="487"/>
      <c r="DH291" s="487"/>
      <c r="DI291" s="484"/>
      <c r="DJ291" s="484"/>
      <c r="DK291" s="484"/>
    </row>
    <row r="292" spans="1:115" s="354" customFormat="1" ht="56.1" hidden="1" customHeight="1" x14ac:dyDescent="0.2">
      <c r="A292" s="494"/>
      <c r="B292" s="494"/>
      <c r="C292" s="481">
        <v>516</v>
      </c>
      <c r="D292" s="481"/>
      <c r="E292" s="481" t="s">
        <v>2481</v>
      </c>
      <c r="F292" s="482" t="s">
        <v>53</v>
      </c>
      <c r="G292" s="482" t="s">
        <v>515</v>
      </c>
      <c r="H292" s="484" t="s">
        <v>521</v>
      </c>
      <c r="I292" s="484" t="s">
        <v>522</v>
      </c>
      <c r="J292" s="484" t="s">
        <v>522</v>
      </c>
      <c r="K292" s="484"/>
      <c r="L292" s="484" t="s">
        <v>58</v>
      </c>
      <c r="M292" s="484" t="s">
        <v>327</v>
      </c>
      <c r="N292" s="484"/>
      <c r="O292" s="497" t="s">
        <v>8</v>
      </c>
      <c r="P292" s="484" t="s">
        <v>334</v>
      </c>
      <c r="Q292" s="484"/>
      <c r="R292" s="484" t="s">
        <v>377</v>
      </c>
      <c r="S292" s="484" t="s">
        <v>63</v>
      </c>
      <c r="T292" s="484" t="s">
        <v>63</v>
      </c>
      <c r="U292" s="485">
        <v>89075.712000000014</v>
      </c>
      <c r="V292" s="485"/>
      <c r="W292" s="484" t="s">
        <v>64</v>
      </c>
      <c r="X292" s="484"/>
      <c r="Y292" s="485">
        <v>89075.712000000014</v>
      </c>
      <c r="Z292" s="484" t="s">
        <v>82</v>
      </c>
      <c r="AA292" s="496"/>
      <c r="AB292" s="496"/>
      <c r="AC292" s="496"/>
      <c r="AD292" s="496"/>
      <c r="AE292" s="496"/>
      <c r="AF292" s="487"/>
      <c r="AG292" s="496"/>
      <c r="AH292" s="496"/>
      <c r="AI292" s="496"/>
      <c r="AJ292" s="496"/>
      <c r="AK292" s="496"/>
      <c r="AL292" s="496"/>
      <c r="AM292" s="496"/>
      <c r="AN292" s="496"/>
      <c r="AO292" s="496"/>
      <c r="AP292" s="487" t="s">
        <v>66</v>
      </c>
      <c r="AQ292" s="496"/>
      <c r="AR292" s="496"/>
      <c r="AS292" s="496"/>
      <c r="AT292" s="496"/>
      <c r="AU292" s="496"/>
      <c r="AV292" s="496"/>
      <c r="AW292" s="496"/>
      <c r="AX292" s="496"/>
      <c r="AY292" s="496"/>
      <c r="AZ292" s="496"/>
      <c r="BA292" s="496"/>
      <c r="BB292" s="496"/>
      <c r="BC292" s="496"/>
      <c r="BD292" s="496"/>
      <c r="BE292" s="496"/>
      <c r="BF292" s="80">
        <f t="shared" si="55"/>
        <v>80</v>
      </c>
      <c r="BG292" s="76">
        <f t="shared" si="59"/>
        <v>1113.4464000000003</v>
      </c>
      <c r="BH292" s="487" t="str">
        <f t="shared" ref="BH292:BW329" si="61">IF(AA292="yes",(AA$2*$BG292),"")</f>
        <v/>
      </c>
      <c r="BI292" s="487" t="str">
        <f t="shared" si="61"/>
        <v/>
      </c>
      <c r="BJ292" s="487" t="str">
        <f t="shared" si="61"/>
        <v/>
      </c>
      <c r="BK292" s="487" t="str">
        <f t="shared" si="60"/>
        <v/>
      </c>
      <c r="BL292" s="487" t="str">
        <f t="shared" si="60"/>
        <v/>
      </c>
      <c r="BM292" s="487" t="str">
        <f t="shared" si="60"/>
        <v/>
      </c>
      <c r="BN292" s="487" t="str">
        <f t="shared" si="60"/>
        <v/>
      </c>
      <c r="BO292" s="487" t="str">
        <f t="shared" si="60"/>
        <v/>
      </c>
      <c r="BP292" s="487" t="str">
        <f t="shared" si="60"/>
        <v/>
      </c>
      <c r="BQ292" s="487" t="str">
        <f t="shared" si="58"/>
        <v/>
      </c>
      <c r="BR292" s="487" t="str">
        <f t="shared" si="58"/>
        <v/>
      </c>
      <c r="BS292" s="487" t="str">
        <f t="shared" si="58"/>
        <v/>
      </c>
      <c r="BT292" s="487" t="str">
        <f t="shared" si="58"/>
        <v/>
      </c>
      <c r="BU292" s="487" t="str">
        <f t="shared" si="58"/>
        <v/>
      </c>
      <c r="BV292" s="487" t="str">
        <f t="shared" si="58"/>
        <v/>
      </c>
      <c r="BW292" s="487">
        <f t="shared" si="58"/>
        <v>89075.712000000029</v>
      </c>
      <c r="BX292" s="487" t="str">
        <f t="shared" si="58"/>
        <v/>
      </c>
      <c r="BY292" s="487" t="str">
        <f t="shared" si="58"/>
        <v/>
      </c>
      <c r="BZ292" s="487" t="str">
        <f t="shared" si="56"/>
        <v/>
      </c>
      <c r="CA292" s="487" t="str">
        <f t="shared" si="56"/>
        <v/>
      </c>
      <c r="CB292" s="487" t="str">
        <f t="shared" si="56"/>
        <v/>
      </c>
      <c r="CC292" s="487" t="str">
        <f t="shared" si="56"/>
        <v/>
      </c>
      <c r="CD292" s="487" t="str">
        <f t="shared" si="56"/>
        <v/>
      </c>
      <c r="CE292" s="487" t="str">
        <f t="shared" si="56"/>
        <v/>
      </c>
      <c r="CF292" s="487" t="str">
        <f t="shared" si="56"/>
        <v/>
      </c>
      <c r="CG292" s="487" t="str">
        <f t="shared" si="56"/>
        <v/>
      </c>
      <c r="CH292" s="487" t="str">
        <f t="shared" si="56"/>
        <v/>
      </c>
      <c r="CI292" s="487" t="str">
        <f t="shared" si="50"/>
        <v/>
      </c>
      <c r="CJ292" s="487" t="str">
        <f t="shared" si="50"/>
        <v/>
      </c>
      <c r="CK292" s="487" t="str">
        <f t="shared" si="50"/>
        <v/>
      </c>
      <c r="CL292" s="487" t="str">
        <f t="shared" si="50"/>
        <v/>
      </c>
      <c r="CM292" s="487"/>
      <c r="CN292" s="487"/>
      <c r="CO292" s="487"/>
      <c r="CP292" s="487"/>
      <c r="CQ292" s="487"/>
      <c r="CR292" s="487"/>
      <c r="CS292" s="487"/>
      <c r="CT292" s="487"/>
      <c r="CU292" s="487"/>
      <c r="CV292" s="487"/>
      <c r="CW292" s="487"/>
      <c r="CX292" s="487"/>
      <c r="CY292" s="487"/>
      <c r="CZ292" s="487"/>
      <c r="DA292" s="487"/>
      <c r="DB292" s="487"/>
      <c r="DC292" s="487"/>
      <c r="DD292" s="487"/>
      <c r="DE292" s="487"/>
      <c r="DF292" s="487"/>
      <c r="DG292" s="487"/>
      <c r="DH292" s="487"/>
      <c r="DI292" s="484"/>
      <c r="DJ292" s="484"/>
      <c r="DK292" s="484"/>
    </row>
    <row r="293" spans="1:115" s="354" customFormat="1" ht="56.1" hidden="1" customHeight="1" x14ac:dyDescent="0.2">
      <c r="A293" s="494"/>
      <c r="B293" s="494"/>
      <c r="C293" s="481">
        <v>517</v>
      </c>
      <c r="D293" s="481"/>
      <c r="E293" s="481" t="s">
        <v>2481</v>
      </c>
      <c r="F293" s="482" t="s">
        <v>53</v>
      </c>
      <c r="G293" s="482" t="s">
        <v>515</v>
      </c>
      <c r="H293" s="484" t="s">
        <v>523</v>
      </c>
      <c r="I293" s="484" t="s">
        <v>537</v>
      </c>
      <c r="J293" s="484" t="s">
        <v>537</v>
      </c>
      <c r="K293" s="484"/>
      <c r="L293" s="484" t="s">
        <v>58</v>
      </c>
      <c r="M293" s="484" t="s">
        <v>327</v>
      </c>
      <c r="N293" s="484"/>
      <c r="O293" s="484" t="s">
        <v>388</v>
      </c>
      <c r="P293" s="484" t="s">
        <v>525</v>
      </c>
      <c r="Q293" s="484"/>
      <c r="R293" s="484" t="s">
        <v>377</v>
      </c>
      <c r="S293" s="484" t="s">
        <v>63</v>
      </c>
      <c r="T293" s="484" t="s">
        <v>63</v>
      </c>
      <c r="U293" s="485">
        <v>43494</v>
      </c>
      <c r="V293" s="485"/>
      <c r="W293" s="484" t="s">
        <v>64</v>
      </c>
      <c r="X293" s="484"/>
      <c r="Y293" s="485">
        <v>43494</v>
      </c>
      <c r="Z293" s="484" t="s">
        <v>82</v>
      </c>
      <c r="AA293" s="496"/>
      <c r="AB293" s="496"/>
      <c r="AC293" s="496"/>
      <c r="AD293" s="496"/>
      <c r="AE293" s="496"/>
      <c r="AF293" s="487"/>
      <c r="AG293" s="496"/>
      <c r="AH293" s="496"/>
      <c r="AI293" s="496"/>
      <c r="AJ293" s="496"/>
      <c r="AK293" s="496"/>
      <c r="AL293" s="496"/>
      <c r="AM293" s="496"/>
      <c r="AN293" s="496"/>
      <c r="AO293" s="496"/>
      <c r="AP293" s="487" t="s">
        <v>66</v>
      </c>
      <c r="AQ293" s="496"/>
      <c r="AR293" s="496"/>
      <c r="AS293" s="496"/>
      <c r="AT293" s="496"/>
      <c r="AU293" s="496"/>
      <c r="AV293" s="496"/>
      <c r="AW293" s="496"/>
      <c r="AX293" s="496"/>
      <c r="AY293" s="496"/>
      <c r="AZ293" s="496"/>
      <c r="BA293" s="496"/>
      <c r="BB293" s="496"/>
      <c r="BC293" s="496"/>
      <c r="BD293" s="496"/>
      <c r="BE293" s="496"/>
      <c r="BF293" s="80">
        <f t="shared" si="55"/>
        <v>80</v>
      </c>
      <c r="BG293" s="76">
        <f t="shared" si="59"/>
        <v>543.67499999999995</v>
      </c>
      <c r="BH293" s="487" t="str">
        <f t="shared" si="61"/>
        <v/>
      </c>
      <c r="BI293" s="487" t="str">
        <f t="shared" si="61"/>
        <v/>
      </c>
      <c r="BJ293" s="487" t="str">
        <f t="shared" si="61"/>
        <v/>
      </c>
      <c r="BK293" s="487" t="str">
        <f t="shared" si="60"/>
        <v/>
      </c>
      <c r="BL293" s="487" t="str">
        <f t="shared" si="60"/>
        <v/>
      </c>
      <c r="BM293" s="487" t="str">
        <f t="shared" si="60"/>
        <v/>
      </c>
      <c r="BN293" s="487" t="str">
        <f t="shared" si="60"/>
        <v/>
      </c>
      <c r="BO293" s="487" t="str">
        <f t="shared" si="60"/>
        <v/>
      </c>
      <c r="BP293" s="487" t="str">
        <f t="shared" si="60"/>
        <v/>
      </c>
      <c r="BQ293" s="487" t="str">
        <f t="shared" si="58"/>
        <v/>
      </c>
      <c r="BR293" s="487" t="str">
        <f t="shared" si="58"/>
        <v/>
      </c>
      <c r="BS293" s="487" t="str">
        <f t="shared" si="58"/>
        <v/>
      </c>
      <c r="BT293" s="487" t="str">
        <f t="shared" si="58"/>
        <v/>
      </c>
      <c r="BU293" s="487" t="str">
        <f t="shared" si="58"/>
        <v/>
      </c>
      <c r="BV293" s="487" t="str">
        <f t="shared" si="58"/>
        <v/>
      </c>
      <c r="BW293" s="487">
        <f t="shared" si="58"/>
        <v>43494</v>
      </c>
      <c r="BX293" s="487" t="str">
        <f t="shared" si="58"/>
        <v/>
      </c>
      <c r="BY293" s="487" t="str">
        <f t="shared" si="58"/>
        <v/>
      </c>
      <c r="BZ293" s="487" t="str">
        <f t="shared" si="56"/>
        <v/>
      </c>
      <c r="CA293" s="487" t="str">
        <f t="shared" si="56"/>
        <v/>
      </c>
      <c r="CB293" s="487" t="str">
        <f t="shared" si="56"/>
        <v/>
      </c>
      <c r="CC293" s="487" t="str">
        <f t="shared" si="56"/>
        <v/>
      </c>
      <c r="CD293" s="487" t="str">
        <f t="shared" si="56"/>
        <v/>
      </c>
      <c r="CE293" s="487" t="str">
        <f t="shared" si="56"/>
        <v/>
      </c>
      <c r="CF293" s="487" t="str">
        <f t="shared" si="56"/>
        <v/>
      </c>
      <c r="CG293" s="487" t="str">
        <f t="shared" si="56"/>
        <v/>
      </c>
      <c r="CH293" s="487" t="str">
        <f t="shared" si="56"/>
        <v/>
      </c>
      <c r="CI293" s="487" t="str">
        <f t="shared" si="50"/>
        <v/>
      </c>
      <c r="CJ293" s="487" t="str">
        <f t="shared" si="50"/>
        <v/>
      </c>
      <c r="CK293" s="487" t="str">
        <f t="shared" si="50"/>
        <v/>
      </c>
      <c r="CL293" s="487" t="str">
        <f t="shared" si="50"/>
        <v/>
      </c>
      <c r="CM293" s="487"/>
      <c r="CN293" s="487"/>
      <c r="CO293" s="487"/>
      <c r="CP293" s="487"/>
      <c r="CQ293" s="487"/>
      <c r="CR293" s="487"/>
      <c r="CS293" s="487"/>
      <c r="CT293" s="487"/>
      <c r="CU293" s="487"/>
      <c r="CV293" s="487"/>
      <c r="CW293" s="487"/>
      <c r="CX293" s="487"/>
      <c r="CY293" s="487"/>
      <c r="CZ293" s="487"/>
      <c r="DA293" s="487"/>
      <c r="DB293" s="487"/>
      <c r="DC293" s="487"/>
      <c r="DD293" s="487"/>
      <c r="DE293" s="487"/>
      <c r="DF293" s="487"/>
      <c r="DG293" s="487"/>
      <c r="DH293" s="487"/>
      <c r="DI293" s="484"/>
      <c r="DJ293" s="484"/>
      <c r="DK293" s="484"/>
    </row>
    <row r="294" spans="1:115" s="354" customFormat="1" ht="56.1" hidden="1" customHeight="1" x14ac:dyDescent="0.2">
      <c r="A294" s="494"/>
      <c r="B294" s="494"/>
      <c r="C294" s="481">
        <v>518</v>
      </c>
      <c r="D294" s="481"/>
      <c r="E294" s="481" t="s">
        <v>2481</v>
      </c>
      <c r="F294" s="482" t="s">
        <v>53</v>
      </c>
      <c r="G294" s="482" t="s">
        <v>515</v>
      </c>
      <c r="H294" s="484" t="s">
        <v>539</v>
      </c>
      <c r="I294" s="484" t="s">
        <v>538</v>
      </c>
      <c r="J294" s="484" t="s">
        <v>538</v>
      </c>
      <c r="K294" s="484"/>
      <c r="L294" s="484" t="s">
        <v>58</v>
      </c>
      <c r="M294" s="484" t="s">
        <v>327</v>
      </c>
      <c r="N294" s="484"/>
      <c r="O294" s="484" t="s">
        <v>388</v>
      </c>
      <c r="P294" s="484" t="s">
        <v>525</v>
      </c>
      <c r="Q294" s="484"/>
      <c r="R294" s="484" t="s">
        <v>377</v>
      </c>
      <c r="S294" s="484" t="s">
        <v>63</v>
      </c>
      <c r="T294" s="484" t="s">
        <v>63</v>
      </c>
      <c r="U294" s="485">
        <v>105440</v>
      </c>
      <c r="V294" s="485"/>
      <c r="W294" s="484" t="s">
        <v>64</v>
      </c>
      <c r="X294" s="484"/>
      <c r="Y294" s="485">
        <v>105440</v>
      </c>
      <c r="Z294" s="484" t="s">
        <v>82</v>
      </c>
      <c r="AA294" s="496"/>
      <c r="AB294" s="496"/>
      <c r="AC294" s="496"/>
      <c r="AD294" s="496"/>
      <c r="AE294" s="496"/>
      <c r="AF294" s="487"/>
      <c r="AG294" s="496"/>
      <c r="AH294" s="496"/>
      <c r="AI294" s="496"/>
      <c r="AJ294" s="496"/>
      <c r="AK294" s="496"/>
      <c r="AL294" s="496"/>
      <c r="AM294" s="496"/>
      <c r="AN294" s="496"/>
      <c r="AO294" s="496"/>
      <c r="AP294" s="487" t="s">
        <v>66</v>
      </c>
      <c r="AQ294" s="496"/>
      <c r="AR294" s="496"/>
      <c r="AS294" s="496"/>
      <c r="AT294" s="496"/>
      <c r="AU294" s="496"/>
      <c r="AV294" s="496"/>
      <c r="AW294" s="496"/>
      <c r="AX294" s="496"/>
      <c r="AY294" s="496"/>
      <c r="AZ294" s="496"/>
      <c r="BA294" s="496"/>
      <c r="BB294" s="496"/>
      <c r="BC294" s="496"/>
      <c r="BD294" s="496"/>
      <c r="BE294" s="496"/>
      <c r="BF294" s="80">
        <f t="shared" si="55"/>
        <v>80</v>
      </c>
      <c r="BG294" s="76">
        <f t="shared" si="59"/>
        <v>1318</v>
      </c>
      <c r="BH294" s="487" t="str">
        <f t="shared" si="61"/>
        <v/>
      </c>
      <c r="BI294" s="487" t="str">
        <f t="shared" si="61"/>
        <v/>
      </c>
      <c r="BJ294" s="487" t="str">
        <f t="shared" si="61"/>
        <v/>
      </c>
      <c r="BK294" s="487" t="str">
        <f t="shared" si="60"/>
        <v/>
      </c>
      <c r="BL294" s="487" t="str">
        <f t="shared" si="60"/>
        <v/>
      </c>
      <c r="BM294" s="487" t="str">
        <f t="shared" si="60"/>
        <v/>
      </c>
      <c r="BN294" s="487" t="str">
        <f t="shared" si="60"/>
        <v/>
      </c>
      <c r="BO294" s="487" t="str">
        <f t="shared" si="60"/>
        <v/>
      </c>
      <c r="BP294" s="487" t="str">
        <f t="shared" si="60"/>
        <v/>
      </c>
      <c r="BQ294" s="487" t="str">
        <f t="shared" si="58"/>
        <v/>
      </c>
      <c r="BR294" s="487" t="str">
        <f t="shared" si="58"/>
        <v/>
      </c>
      <c r="BS294" s="487" t="str">
        <f t="shared" si="58"/>
        <v/>
      </c>
      <c r="BT294" s="487" t="str">
        <f t="shared" si="58"/>
        <v/>
      </c>
      <c r="BU294" s="487" t="str">
        <f t="shared" si="58"/>
        <v/>
      </c>
      <c r="BV294" s="487" t="str">
        <f t="shared" si="58"/>
        <v/>
      </c>
      <c r="BW294" s="487">
        <f t="shared" si="58"/>
        <v>105440</v>
      </c>
      <c r="BX294" s="487" t="str">
        <f t="shared" si="58"/>
        <v/>
      </c>
      <c r="BY294" s="487" t="str">
        <f t="shared" si="58"/>
        <v/>
      </c>
      <c r="BZ294" s="487" t="str">
        <f t="shared" si="56"/>
        <v/>
      </c>
      <c r="CA294" s="487" t="str">
        <f t="shared" si="56"/>
        <v/>
      </c>
      <c r="CB294" s="487" t="str">
        <f t="shared" si="56"/>
        <v/>
      </c>
      <c r="CC294" s="487" t="str">
        <f t="shared" si="56"/>
        <v/>
      </c>
      <c r="CD294" s="487" t="str">
        <f t="shared" si="56"/>
        <v/>
      </c>
      <c r="CE294" s="487" t="str">
        <f t="shared" si="56"/>
        <v/>
      </c>
      <c r="CF294" s="487" t="str">
        <f t="shared" si="56"/>
        <v/>
      </c>
      <c r="CG294" s="487" t="str">
        <f t="shared" si="56"/>
        <v/>
      </c>
      <c r="CH294" s="487" t="str">
        <f t="shared" si="56"/>
        <v/>
      </c>
      <c r="CI294" s="487" t="str">
        <f t="shared" si="50"/>
        <v/>
      </c>
      <c r="CJ294" s="487" t="str">
        <f t="shared" si="50"/>
        <v/>
      </c>
      <c r="CK294" s="487" t="str">
        <f t="shared" si="50"/>
        <v/>
      </c>
      <c r="CL294" s="487" t="str">
        <f t="shared" si="50"/>
        <v/>
      </c>
      <c r="CM294" s="487"/>
      <c r="CN294" s="487"/>
      <c r="CO294" s="487"/>
      <c r="CP294" s="487"/>
      <c r="CQ294" s="487"/>
      <c r="CR294" s="487"/>
      <c r="CS294" s="487"/>
      <c r="CT294" s="487"/>
      <c r="CU294" s="487"/>
      <c r="CV294" s="487"/>
      <c r="CW294" s="487"/>
      <c r="CX294" s="487"/>
      <c r="CY294" s="487"/>
      <c r="CZ294" s="487"/>
      <c r="DA294" s="487"/>
      <c r="DB294" s="487"/>
      <c r="DC294" s="487"/>
      <c r="DD294" s="487"/>
      <c r="DE294" s="487"/>
      <c r="DF294" s="487"/>
      <c r="DG294" s="487"/>
      <c r="DH294" s="487"/>
      <c r="DI294" s="484"/>
      <c r="DJ294" s="484"/>
      <c r="DK294" s="484"/>
    </row>
    <row r="295" spans="1:115" s="354" customFormat="1" ht="56.1" hidden="1" customHeight="1" x14ac:dyDescent="0.2">
      <c r="A295" s="494"/>
      <c r="B295" s="494"/>
      <c r="C295" s="481">
        <v>519</v>
      </c>
      <c r="D295" s="481"/>
      <c r="E295" s="481" t="s">
        <v>2481</v>
      </c>
      <c r="F295" s="482" t="s">
        <v>53</v>
      </c>
      <c r="G295" s="482" t="s">
        <v>515</v>
      </c>
      <c r="H295" s="484" t="s">
        <v>528</v>
      </c>
      <c r="I295" s="484" t="s">
        <v>529</v>
      </c>
      <c r="J295" s="484" t="s">
        <v>529</v>
      </c>
      <c r="K295" s="484"/>
      <c r="L295" s="484" t="s">
        <v>58</v>
      </c>
      <c r="M295" s="484" t="s">
        <v>327</v>
      </c>
      <c r="N295" s="484"/>
      <c r="O295" s="484" t="s">
        <v>8</v>
      </c>
      <c r="P295" s="484" t="s">
        <v>525</v>
      </c>
      <c r="Q295" s="484"/>
      <c r="R295" s="484" t="s">
        <v>377</v>
      </c>
      <c r="S295" s="484" t="s">
        <v>63</v>
      </c>
      <c r="T295" s="484" t="s">
        <v>63</v>
      </c>
      <c r="U295" s="485">
        <v>0</v>
      </c>
      <c r="V295" s="485"/>
      <c r="W295" s="484" t="s">
        <v>64</v>
      </c>
      <c r="X295" s="484"/>
      <c r="Y295" s="485">
        <v>0</v>
      </c>
      <c r="Z295" s="484" t="s">
        <v>82</v>
      </c>
      <c r="AA295" s="496"/>
      <c r="AB295" s="496"/>
      <c r="AC295" s="496"/>
      <c r="AD295" s="496"/>
      <c r="AE295" s="496"/>
      <c r="AF295" s="487"/>
      <c r="AG295" s="496"/>
      <c r="AH295" s="496"/>
      <c r="AI295" s="496"/>
      <c r="AJ295" s="496"/>
      <c r="AK295" s="496"/>
      <c r="AL295" s="496"/>
      <c r="AM295" s="496"/>
      <c r="AN295" s="496"/>
      <c r="AO295" s="496"/>
      <c r="AP295" s="487" t="s">
        <v>66</v>
      </c>
      <c r="AQ295" s="496"/>
      <c r="AR295" s="496"/>
      <c r="AS295" s="496"/>
      <c r="AT295" s="496"/>
      <c r="AU295" s="496"/>
      <c r="AV295" s="496"/>
      <c r="AW295" s="496"/>
      <c r="AX295" s="496"/>
      <c r="AY295" s="496"/>
      <c r="AZ295" s="496"/>
      <c r="BA295" s="496"/>
      <c r="BB295" s="496"/>
      <c r="BC295" s="496"/>
      <c r="BD295" s="496"/>
      <c r="BE295" s="496"/>
      <c r="BF295" s="80">
        <f t="shared" si="55"/>
        <v>80</v>
      </c>
      <c r="BG295" s="76"/>
      <c r="BH295" s="487" t="str">
        <f t="shared" si="61"/>
        <v/>
      </c>
      <c r="BI295" s="487" t="str">
        <f t="shared" si="61"/>
        <v/>
      </c>
      <c r="BJ295" s="487" t="str">
        <f t="shared" si="61"/>
        <v/>
      </c>
      <c r="BK295" s="487" t="str">
        <f t="shared" si="60"/>
        <v/>
      </c>
      <c r="BL295" s="487" t="str">
        <f t="shared" si="60"/>
        <v/>
      </c>
      <c r="BM295" s="487" t="str">
        <f t="shared" si="60"/>
        <v/>
      </c>
      <c r="BN295" s="487" t="str">
        <f t="shared" si="60"/>
        <v/>
      </c>
      <c r="BO295" s="487" t="str">
        <f t="shared" si="60"/>
        <v/>
      </c>
      <c r="BP295" s="487" t="str">
        <f t="shared" si="60"/>
        <v/>
      </c>
      <c r="BQ295" s="487" t="str">
        <f t="shared" si="58"/>
        <v/>
      </c>
      <c r="BR295" s="487" t="str">
        <f t="shared" si="58"/>
        <v/>
      </c>
      <c r="BS295" s="487" t="str">
        <f t="shared" si="58"/>
        <v/>
      </c>
      <c r="BT295" s="487" t="str">
        <f t="shared" si="58"/>
        <v/>
      </c>
      <c r="BU295" s="487" t="str">
        <f t="shared" si="58"/>
        <v/>
      </c>
      <c r="BV295" s="487" t="str">
        <f t="shared" si="58"/>
        <v/>
      </c>
      <c r="BW295" s="487">
        <f t="shared" si="58"/>
        <v>0</v>
      </c>
      <c r="BX295" s="487" t="str">
        <f t="shared" si="58"/>
        <v/>
      </c>
      <c r="BY295" s="487" t="str">
        <f t="shared" si="58"/>
        <v/>
      </c>
      <c r="BZ295" s="487" t="str">
        <f t="shared" si="56"/>
        <v/>
      </c>
      <c r="CA295" s="487" t="str">
        <f t="shared" si="56"/>
        <v/>
      </c>
      <c r="CB295" s="487" t="str">
        <f t="shared" si="56"/>
        <v/>
      </c>
      <c r="CC295" s="487" t="str">
        <f t="shared" si="56"/>
        <v/>
      </c>
      <c r="CD295" s="487" t="str">
        <f t="shared" si="56"/>
        <v/>
      </c>
      <c r="CE295" s="487" t="str">
        <f t="shared" si="56"/>
        <v/>
      </c>
      <c r="CF295" s="487" t="str">
        <f t="shared" si="56"/>
        <v/>
      </c>
      <c r="CG295" s="487" t="str">
        <f t="shared" si="56"/>
        <v/>
      </c>
      <c r="CH295" s="487" t="str">
        <f t="shared" si="56"/>
        <v/>
      </c>
      <c r="CI295" s="487" t="str">
        <f t="shared" si="50"/>
        <v/>
      </c>
      <c r="CJ295" s="487" t="str">
        <f t="shared" si="50"/>
        <v/>
      </c>
      <c r="CK295" s="487" t="str">
        <f t="shared" si="50"/>
        <v/>
      </c>
      <c r="CL295" s="487" t="str">
        <f t="shared" si="50"/>
        <v/>
      </c>
      <c r="CM295" s="487"/>
      <c r="CN295" s="487"/>
      <c r="CO295" s="487"/>
      <c r="CP295" s="487"/>
      <c r="CQ295" s="487"/>
      <c r="CR295" s="487"/>
      <c r="CS295" s="487"/>
      <c r="CT295" s="487"/>
      <c r="CU295" s="487"/>
      <c r="CV295" s="487"/>
      <c r="CW295" s="487"/>
      <c r="CX295" s="487"/>
      <c r="CY295" s="487"/>
      <c r="CZ295" s="487"/>
      <c r="DA295" s="487"/>
      <c r="DB295" s="487"/>
      <c r="DC295" s="487"/>
      <c r="DD295" s="487"/>
      <c r="DE295" s="487"/>
      <c r="DF295" s="487"/>
      <c r="DG295" s="487"/>
      <c r="DH295" s="487"/>
      <c r="DI295" s="484"/>
      <c r="DJ295" s="484"/>
      <c r="DK295" s="484"/>
    </row>
    <row r="296" spans="1:115" s="354" customFormat="1" ht="56.1" hidden="1" customHeight="1" x14ac:dyDescent="0.2">
      <c r="A296" s="494"/>
      <c r="B296" s="494"/>
      <c r="C296" s="481">
        <v>520</v>
      </c>
      <c r="D296" s="481"/>
      <c r="E296" s="481" t="s">
        <v>2481</v>
      </c>
      <c r="F296" s="482" t="s">
        <v>53</v>
      </c>
      <c r="G296" s="482" t="s">
        <v>515</v>
      </c>
      <c r="H296" s="484" t="s">
        <v>530</v>
      </c>
      <c r="I296" s="484" t="s">
        <v>532</v>
      </c>
      <c r="J296" s="484" t="s">
        <v>532</v>
      </c>
      <c r="K296" s="484"/>
      <c r="L296" s="484" t="s">
        <v>58</v>
      </c>
      <c r="M296" s="484" t="s">
        <v>327</v>
      </c>
      <c r="N296" s="484"/>
      <c r="O296" s="484" t="s">
        <v>8</v>
      </c>
      <c r="P296" s="484" t="s">
        <v>525</v>
      </c>
      <c r="Q296" s="484"/>
      <c r="R296" s="484" t="s">
        <v>377</v>
      </c>
      <c r="S296" s="484" t="s">
        <v>63</v>
      </c>
      <c r="T296" s="484" t="s">
        <v>63</v>
      </c>
      <c r="U296" s="485">
        <v>0</v>
      </c>
      <c r="V296" s="485"/>
      <c r="W296" s="484" t="s">
        <v>64</v>
      </c>
      <c r="X296" s="484"/>
      <c r="Y296" s="485">
        <v>0</v>
      </c>
      <c r="Z296" s="484" t="s">
        <v>82</v>
      </c>
      <c r="AA296" s="496"/>
      <c r="AB296" s="496"/>
      <c r="AC296" s="496"/>
      <c r="AD296" s="496"/>
      <c r="AE296" s="496"/>
      <c r="AF296" s="487"/>
      <c r="AG296" s="496"/>
      <c r="AH296" s="496"/>
      <c r="AI296" s="496"/>
      <c r="AJ296" s="496"/>
      <c r="AK296" s="496"/>
      <c r="AL296" s="496"/>
      <c r="AM296" s="496"/>
      <c r="AN296" s="496"/>
      <c r="AO296" s="496"/>
      <c r="AP296" s="487" t="s">
        <v>66</v>
      </c>
      <c r="AQ296" s="496"/>
      <c r="AR296" s="496"/>
      <c r="AS296" s="496"/>
      <c r="AT296" s="496"/>
      <c r="AU296" s="496"/>
      <c r="AV296" s="496"/>
      <c r="AW296" s="496"/>
      <c r="AX296" s="496"/>
      <c r="AY296" s="496"/>
      <c r="AZ296" s="496"/>
      <c r="BA296" s="496"/>
      <c r="BB296" s="496"/>
      <c r="BC296" s="496"/>
      <c r="BD296" s="496"/>
      <c r="BE296" s="496"/>
      <c r="BF296" s="80">
        <f t="shared" si="55"/>
        <v>80</v>
      </c>
      <c r="BG296" s="76"/>
      <c r="BH296" s="487" t="str">
        <f t="shared" si="61"/>
        <v/>
      </c>
      <c r="BI296" s="487" t="str">
        <f t="shared" si="61"/>
        <v/>
      </c>
      <c r="BJ296" s="487" t="str">
        <f t="shared" si="61"/>
        <v/>
      </c>
      <c r="BK296" s="487" t="str">
        <f t="shared" si="60"/>
        <v/>
      </c>
      <c r="BL296" s="487" t="str">
        <f t="shared" si="60"/>
        <v/>
      </c>
      <c r="BM296" s="487" t="str">
        <f t="shared" si="60"/>
        <v/>
      </c>
      <c r="BN296" s="487" t="str">
        <f t="shared" si="60"/>
        <v/>
      </c>
      <c r="BO296" s="487" t="str">
        <f t="shared" si="60"/>
        <v/>
      </c>
      <c r="BP296" s="487" t="str">
        <f t="shared" si="60"/>
        <v/>
      </c>
      <c r="BQ296" s="487" t="str">
        <f t="shared" si="58"/>
        <v/>
      </c>
      <c r="BR296" s="487" t="str">
        <f t="shared" si="58"/>
        <v/>
      </c>
      <c r="BS296" s="487" t="str">
        <f t="shared" si="58"/>
        <v/>
      </c>
      <c r="BT296" s="487" t="str">
        <f t="shared" si="58"/>
        <v/>
      </c>
      <c r="BU296" s="487" t="str">
        <f t="shared" si="58"/>
        <v/>
      </c>
      <c r="BV296" s="487" t="str">
        <f t="shared" si="58"/>
        <v/>
      </c>
      <c r="BW296" s="487">
        <f t="shared" si="58"/>
        <v>0</v>
      </c>
      <c r="BX296" s="487" t="str">
        <f t="shared" si="58"/>
        <v/>
      </c>
      <c r="BY296" s="487" t="str">
        <f t="shared" si="58"/>
        <v/>
      </c>
      <c r="BZ296" s="487" t="str">
        <f t="shared" si="56"/>
        <v/>
      </c>
      <c r="CA296" s="487" t="str">
        <f t="shared" si="56"/>
        <v/>
      </c>
      <c r="CB296" s="487" t="str">
        <f t="shared" si="56"/>
        <v/>
      </c>
      <c r="CC296" s="487" t="str">
        <f t="shared" si="56"/>
        <v/>
      </c>
      <c r="CD296" s="487" t="str">
        <f t="shared" si="56"/>
        <v/>
      </c>
      <c r="CE296" s="487" t="str">
        <f t="shared" si="56"/>
        <v/>
      </c>
      <c r="CF296" s="487" t="str">
        <f t="shared" si="56"/>
        <v/>
      </c>
      <c r="CG296" s="487" t="str">
        <f t="shared" si="56"/>
        <v/>
      </c>
      <c r="CH296" s="487" t="str">
        <f t="shared" si="56"/>
        <v/>
      </c>
      <c r="CI296" s="487" t="str">
        <f t="shared" si="50"/>
        <v/>
      </c>
      <c r="CJ296" s="487" t="str">
        <f t="shared" si="50"/>
        <v/>
      </c>
      <c r="CK296" s="487" t="str">
        <f t="shared" si="50"/>
        <v/>
      </c>
      <c r="CL296" s="487" t="str">
        <f t="shared" si="50"/>
        <v/>
      </c>
      <c r="CM296" s="487"/>
      <c r="CN296" s="487"/>
      <c r="CO296" s="487"/>
      <c r="CP296" s="487"/>
      <c r="CQ296" s="487"/>
      <c r="CR296" s="487"/>
      <c r="CS296" s="487"/>
      <c r="CT296" s="487"/>
      <c r="CU296" s="487"/>
      <c r="CV296" s="487"/>
      <c r="CW296" s="487"/>
      <c r="CX296" s="487"/>
      <c r="CY296" s="487"/>
      <c r="CZ296" s="487"/>
      <c r="DA296" s="487"/>
      <c r="DB296" s="487"/>
      <c r="DC296" s="487"/>
      <c r="DD296" s="487"/>
      <c r="DE296" s="487"/>
      <c r="DF296" s="487"/>
      <c r="DG296" s="487"/>
      <c r="DH296" s="487"/>
      <c r="DI296" s="484"/>
      <c r="DJ296" s="484"/>
      <c r="DK296" s="484"/>
    </row>
    <row r="297" spans="1:115" s="354" customFormat="1" ht="56.1" hidden="1" customHeight="1" x14ac:dyDescent="0.2">
      <c r="A297" s="494"/>
      <c r="B297" s="494"/>
      <c r="C297" s="481">
        <v>521</v>
      </c>
      <c r="D297" s="481"/>
      <c r="E297" s="481" t="s">
        <v>2481</v>
      </c>
      <c r="F297" s="482" t="s">
        <v>53</v>
      </c>
      <c r="G297" s="482" t="s">
        <v>515</v>
      </c>
      <c r="H297" s="484" t="s">
        <v>533</v>
      </c>
      <c r="I297" s="484" t="s">
        <v>534</v>
      </c>
      <c r="J297" s="484" t="s">
        <v>534</v>
      </c>
      <c r="K297" s="484"/>
      <c r="L297" s="484" t="s">
        <v>58</v>
      </c>
      <c r="M297" s="484" t="s">
        <v>327</v>
      </c>
      <c r="N297" s="484"/>
      <c r="O297" s="484" t="s">
        <v>81</v>
      </c>
      <c r="P297" s="484" t="s">
        <v>334</v>
      </c>
      <c r="Q297" s="484"/>
      <c r="R297" s="484" t="s">
        <v>377</v>
      </c>
      <c r="S297" s="484" t="s">
        <v>63</v>
      </c>
      <c r="T297" s="484" t="s">
        <v>63</v>
      </c>
      <c r="U297" s="485">
        <v>14234.4</v>
      </c>
      <c r="V297" s="485"/>
      <c r="W297" s="484" t="s">
        <v>64</v>
      </c>
      <c r="X297" s="484"/>
      <c r="Y297" s="485">
        <v>14234.4</v>
      </c>
      <c r="Z297" s="484" t="s">
        <v>82</v>
      </c>
      <c r="AA297" s="496"/>
      <c r="AB297" s="496"/>
      <c r="AC297" s="496"/>
      <c r="AD297" s="496"/>
      <c r="AE297" s="496"/>
      <c r="AF297" s="487"/>
      <c r="AG297" s="496"/>
      <c r="AH297" s="496"/>
      <c r="AI297" s="496"/>
      <c r="AJ297" s="496"/>
      <c r="AK297" s="496"/>
      <c r="AL297" s="496"/>
      <c r="AM297" s="496"/>
      <c r="AN297" s="496"/>
      <c r="AO297" s="496"/>
      <c r="AP297" s="487" t="s">
        <v>66</v>
      </c>
      <c r="AQ297" s="496"/>
      <c r="AR297" s="496"/>
      <c r="AS297" s="496"/>
      <c r="AT297" s="496"/>
      <c r="AU297" s="496"/>
      <c r="AV297" s="496"/>
      <c r="AW297" s="496"/>
      <c r="AX297" s="496"/>
      <c r="AY297" s="496"/>
      <c r="AZ297" s="496"/>
      <c r="BA297" s="496"/>
      <c r="BB297" s="496"/>
      <c r="BC297" s="496"/>
      <c r="BD297" s="496"/>
      <c r="BE297" s="496"/>
      <c r="BF297" s="80">
        <f t="shared" si="55"/>
        <v>80</v>
      </c>
      <c r="BG297" s="76">
        <f t="shared" ref="BG297:BG303" si="62">Y297/BF297</f>
        <v>177.93</v>
      </c>
      <c r="BH297" s="487" t="str">
        <f t="shared" si="61"/>
        <v/>
      </c>
      <c r="BI297" s="487" t="str">
        <f t="shared" si="61"/>
        <v/>
      </c>
      <c r="BJ297" s="487" t="str">
        <f t="shared" si="61"/>
        <v/>
      </c>
      <c r="BK297" s="487" t="str">
        <f t="shared" si="60"/>
        <v/>
      </c>
      <c r="BL297" s="487" t="str">
        <f t="shared" si="60"/>
        <v/>
      </c>
      <c r="BM297" s="487" t="str">
        <f t="shared" si="60"/>
        <v/>
      </c>
      <c r="BN297" s="487" t="str">
        <f t="shared" si="60"/>
        <v/>
      </c>
      <c r="BO297" s="487" t="str">
        <f t="shared" si="60"/>
        <v/>
      </c>
      <c r="BP297" s="487" t="str">
        <f t="shared" si="60"/>
        <v/>
      </c>
      <c r="BQ297" s="487" t="str">
        <f t="shared" si="58"/>
        <v/>
      </c>
      <c r="BR297" s="487" t="str">
        <f t="shared" si="58"/>
        <v/>
      </c>
      <c r="BS297" s="487" t="str">
        <f t="shared" si="58"/>
        <v/>
      </c>
      <c r="BT297" s="487" t="str">
        <f t="shared" si="58"/>
        <v/>
      </c>
      <c r="BU297" s="487" t="str">
        <f t="shared" si="58"/>
        <v/>
      </c>
      <c r="BV297" s="487" t="str">
        <f t="shared" si="58"/>
        <v/>
      </c>
      <c r="BW297" s="487">
        <f t="shared" si="58"/>
        <v>14234.400000000001</v>
      </c>
      <c r="BX297" s="487" t="str">
        <f t="shared" si="58"/>
        <v/>
      </c>
      <c r="BY297" s="487" t="str">
        <f t="shared" si="58"/>
        <v/>
      </c>
      <c r="BZ297" s="487" t="str">
        <f t="shared" si="56"/>
        <v/>
      </c>
      <c r="CA297" s="487" t="str">
        <f t="shared" si="56"/>
        <v/>
      </c>
      <c r="CB297" s="487" t="str">
        <f t="shared" si="56"/>
        <v/>
      </c>
      <c r="CC297" s="487" t="str">
        <f t="shared" si="56"/>
        <v/>
      </c>
      <c r="CD297" s="487" t="str">
        <f t="shared" si="56"/>
        <v/>
      </c>
      <c r="CE297" s="487" t="str">
        <f t="shared" si="56"/>
        <v/>
      </c>
      <c r="CF297" s="487" t="str">
        <f t="shared" si="56"/>
        <v/>
      </c>
      <c r="CG297" s="487" t="str">
        <f t="shared" si="56"/>
        <v/>
      </c>
      <c r="CH297" s="487" t="str">
        <f t="shared" si="56"/>
        <v/>
      </c>
      <c r="CI297" s="487" t="str">
        <f t="shared" si="50"/>
        <v/>
      </c>
      <c r="CJ297" s="487" t="str">
        <f t="shared" si="50"/>
        <v/>
      </c>
      <c r="CK297" s="487" t="str">
        <f t="shared" si="50"/>
        <v/>
      </c>
      <c r="CL297" s="487" t="str">
        <f t="shared" si="50"/>
        <v/>
      </c>
      <c r="CM297" s="487"/>
      <c r="CN297" s="487"/>
      <c r="CO297" s="487"/>
      <c r="CP297" s="487"/>
      <c r="CQ297" s="487"/>
      <c r="CR297" s="487"/>
      <c r="CS297" s="487"/>
      <c r="CT297" s="487"/>
      <c r="CU297" s="487"/>
      <c r="CV297" s="487"/>
      <c r="CW297" s="487"/>
      <c r="CX297" s="487"/>
      <c r="CY297" s="487"/>
      <c r="CZ297" s="487"/>
      <c r="DA297" s="487"/>
      <c r="DB297" s="487"/>
      <c r="DC297" s="487"/>
      <c r="DD297" s="487"/>
      <c r="DE297" s="487"/>
      <c r="DF297" s="487"/>
      <c r="DG297" s="487"/>
      <c r="DH297" s="487"/>
      <c r="DI297" s="484"/>
      <c r="DJ297" s="484"/>
      <c r="DK297" s="484"/>
    </row>
    <row r="298" spans="1:115" s="354" customFormat="1" ht="56.1" hidden="1" customHeight="1" x14ac:dyDescent="0.2">
      <c r="A298" s="494"/>
      <c r="B298" s="494"/>
      <c r="C298" s="481">
        <v>522</v>
      </c>
      <c r="D298" s="481"/>
      <c r="E298" s="481" t="s">
        <v>2481</v>
      </c>
      <c r="F298" s="482" t="s">
        <v>53</v>
      </c>
      <c r="G298" s="482" t="s">
        <v>515</v>
      </c>
      <c r="H298" s="484" t="s">
        <v>548</v>
      </c>
      <c r="I298" s="484" t="s">
        <v>536</v>
      </c>
      <c r="J298" s="484" t="s">
        <v>536</v>
      </c>
      <c r="K298" s="484"/>
      <c r="L298" s="484" t="s">
        <v>58</v>
      </c>
      <c r="M298" s="484" t="s">
        <v>328</v>
      </c>
      <c r="N298" s="484"/>
      <c r="O298" s="497" t="s">
        <v>60</v>
      </c>
      <c r="P298" s="484" t="s">
        <v>334</v>
      </c>
      <c r="Q298" s="484"/>
      <c r="R298" s="484" t="s">
        <v>395</v>
      </c>
      <c r="S298" s="484" t="s">
        <v>63</v>
      </c>
      <c r="T298" s="484" t="s">
        <v>63</v>
      </c>
      <c r="U298" s="485">
        <v>60733.439999999995</v>
      </c>
      <c r="V298" s="485"/>
      <c r="W298" s="484" t="s">
        <v>64</v>
      </c>
      <c r="X298" s="484"/>
      <c r="Y298" s="485">
        <v>60733.439999999995</v>
      </c>
      <c r="Z298" s="484" t="s">
        <v>82</v>
      </c>
      <c r="AA298" s="496"/>
      <c r="AB298" s="496"/>
      <c r="AC298" s="496"/>
      <c r="AD298" s="496"/>
      <c r="AE298" s="496"/>
      <c r="AF298" s="487"/>
      <c r="AG298" s="496"/>
      <c r="AH298" s="496"/>
      <c r="AI298" s="496"/>
      <c r="AJ298" s="496"/>
      <c r="AK298" s="496"/>
      <c r="AL298" s="487" t="s">
        <v>66</v>
      </c>
      <c r="AM298" s="496"/>
      <c r="AN298" s="496"/>
      <c r="AO298" s="496"/>
      <c r="AP298" s="496"/>
      <c r="AQ298" s="496"/>
      <c r="AR298" s="496"/>
      <c r="AS298" s="496"/>
      <c r="AT298" s="496"/>
      <c r="AU298" s="496"/>
      <c r="AV298" s="496"/>
      <c r="AW298" s="496"/>
      <c r="AX298" s="496"/>
      <c r="AY298" s="496"/>
      <c r="AZ298" s="496"/>
      <c r="BA298" s="496"/>
      <c r="BB298" s="496"/>
      <c r="BC298" s="496"/>
      <c r="BD298" s="496"/>
      <c r="BE298" s="496"/>
      <c r="BF298" s="80">
        <f t="shared" si="55"/>
        <v>200</v>
      </c>
      <c r="BG298" s="76">
        <f t="shared" si="62"/>
        <v>303.66719999999998</v>
      </c>
      <c r="BH298" s="487" t="str">
        <f t="shared" si="61"/>
        <v/>
      </c>
      <c r="BI298" s="487" t="str">
        <f t="shared" si="61"/>
        <v/>
      </c>
      <c r="BJ298" s="487" t="str">
        <f t="shared" si="61"/>
        <v/>
      </c>
      <c r="BK298" s="487" t="str">
        <f t="shared" si="60"/>
        <v/>
      </c>
      <c r="BL298" s="487" t="str">
        <f t="shared" si="60"/>
        <v/>
      </c>
      <c r="BM298" s="487" t="str">
        <f t="shared" si="60"/>
        <v/>
      </c>
      <c r="BN298" s="487" t="str">
        <f t="shared" si="60"/>
        <v/>
      </c>
      <c r="BO298" s="487" t="str">
        <f t="shared" si="60"/>
        <v/>
      </c>
      <c r="BP298" s="487" t="str">
        <f t="shared" si="60"/>
        <v/>
      </c>
      <c r="BQ298" s="487" t="str">
        <f t="shared" si="58"/>
        <v/>
      </c>
      <c r="BR298" s="487" t="str">
        <f t="shared" si="58"/>
        <v/>
      </c>
      <c r="BS298" s="487">
        <f t="shared" si="58"/>
        <v>60733.439999999995</v>
      </c>
      <c r="BT298" s="487" t="str">
        <f t="shared" si="58"/>
        <v/>
      </c>
      <c r="BU298" s="487" t="str">
        <f t="shared" si="58"/>
        <v/>
      </c>
      <c r="BV298" s="487" t="str">
        <f t="shared" si="58"/>
        <v/>
      </c>
      <c r="BW298" s="487" t="str">
        <f t="shared" si="58"/>
        <v/>
      </c>
      <c r="BX298" s="487" t="str">
        <f t="shared" si="58"/>
        <v/>
      </c>
      <c r="BY298" s="487" t="str">
        <f t="shared" si="58"/>
        <v/>
      </c>
      <c r="BZ298" s="487" t="str">
        <f t="shared" si="56"/>
        <v/>
      </c>
      <c r="CA298" s="487" t="str">
        <f t="shared" si="56"/>
        <v/>
      </c>
      <c r="CB298" s="487" t="str">
        <f t="shared" si="56"/>
        <v/>
      </c>
      <c r="CC298" s="487" t="str">
        <f t="shared" si="56"/>
        <v/>
      </c>
      <c r="CD298" s="487" t="str">
        <f t="shared" si="56"/>
        <v/>
      </c>
      <c r="CE298" s="487" t="str">
        <f t="shared" si="56"/>
        <v/>
      </c>
      <c r="CF298" s="487" t="str">
        <f t="shared" si="56"/>
        <v/>
      </c>
      <c r="CG298" s="487" t="str">
        <f t="shared" si="56"/>
        <v/>
      </c>
      <c r="CH298" s="487" t="str">
        <f t="shared" si="56"/>
        <v/>
      </c>
      <c r="CI298" s="487" t="str">
        <f t="shared" si="50"/>
        <v/>
      </c>
      <c r="CJ298" s="487" t="str">
        <f t="shared" si="50"/>
        <v/>
      </c>
      <c r="CK298" s="487" t="str">
        <f t="shared" si="50"/>
        <v/>
      </c>
      <c r="CL298" s="487" t="str">
        <f t="shared" si="50"/>
        <v/>
      </c>
      <c r="CM298" s="487"/>
      <c r="CN298" s="487"/>
      <c r="CO298" s="487"/>
      <c r="CP298" s="487"/>
      <c r="CQ298" s="487"/>
      <c r="CR298" s="487"/>
      <c r="CS298" s="487"/>
      <c r="CT298" s="487"/>
      <c r="CU298" s="487"/>
      <c r="CV298" s="487"/>
      <c r="CW298" s="487"/>
      <c r="CX298" s="487"/>
      <c r="CY298" s="487"/>
      <c r="CZ298" s="487"/>
      <c r="DA298" s="487"/>
      <c r="DB298" s="487"/>
      <c r="DC298" s="487"/>
      <c r="DD298" s="487"/>
      <c r="DE298" s="487"/>
      <c r="DF298" s="487"/>
      <c r="DG298" s="487"/>
      <c r="DH298" s="487"/>
      <c r="DI298" s="484"/>
      <c r="DJ298" s="484"/>
      <c r="DK298" s="484"/>
    </row>
    <row r="299" spans="1:115" s="354" customFormat="1" ht="56.1" hidden="1" customHeight="1" x14ac:dyDescent="0.2">
      <c r="A299" s="494"/>
      <c r="B299" s="494"/>
      <c r="C299" s="481">
        <v>523</v>
      </c>
      <c r="D299" s="481"/>
      <c r="E299" s="481" t="s">
        <v>2481</v>
      </c>
      <c r="F299" s="482" t="s">
        <v>53</v>
      </c>
      <c r="G299" s="482" t="s">
        <v>515</v>
      </c>
      <c r="H299" s="484" t="s">
        <v>518</v>
      </c>
      <c r="I299" s="484" t="s">
        <v>520</v>
      </c>
      <c r="J299" s="484" t="s">
        <v>520</v>
      </c>
      <c r="K299" s="484"/>
      <c r="L299" s="484" t="s">
        <v>58</v>
      </c>
      <c r="M299" s="484" t="s">
        <v>328</v>
      </c>
      <c r="N299" s="484"/>
      <c r="O299" s="497" t="s">
        <v>8</v>
      </c>
      <c r="P299" s="484" t="s">
        <v>334</v>
      </c>
      <c r="Q299" s="484"/>
      <c r="R299" s="484" t="s">
        <v>395</v>
      </c>
      <c r="S299" s="484" t="s">
        <v>63</v>
      </c>
      <c r="T299" s="484" t="s">
        <v>63</v>
      </c>
      <c r="U299" s="485">
        <v>159425.28</v>
      </c>
      <c r="V299" s="485"/>
      <c r="W299" s="484" t="s">
        <v>64</v>
      </c>
      <c r="X299" s="484"/>
      <c r="Y299" s="485">
        <v>159425.28</v>
      </c>
      <c r="Z299" s="484" t="s">
        <v>82</v>
      </c>
      <c r="AA299" s="496"/>
      <c r="AB299" s="496"/>
      <c r="AC299" s="496"/>
      <c r="AD299" s="496"/>
      <c r="AE299" s="496"/>
      <c r="AF299" s="487"/>
      <c r="AG299" s="496"/>
      <c r="AH299" s="496"/>
      <c r="AI299" s="496"/>
      <c r="AJ299" s="496"/>
      <c r="AK299" s="496"/>
      <c r="AL299" s="487" t="s">
        <v>66</v>
      </c>
      <c r="AM299" s="496"/>
      <c r="AN299" s="496"/>
      <c r="AO299" s="496"/>
      <c r="AP299" s="496"/>
      <c r="AQ299" s="496"/>
      <c r="AR299" s="496"/>
      <c r="AS299" s="496"/>
      <c r="AT299" s="496"/>
      <c r="AU299" s="496"/>
      <c r="AV299" s="496"/>
      <c r="AW299" s="496"/>
      <c r="AX299" s="496"/>
      <c r="AY299" s="496"/>
      <c r="AZ299" s="496"/>
      <c r="BA299" s="496"/>
      <c r="BB299" s="496"/>
      <c r="BC299" s="496"/>
      <c r="BD299" s="496"/>
      <c r="BE299" s="496"/>
      <c r="BF299" s="80">
        <f t="shared" si="55"/>
        <v>200</v>
      </c>
      <c r="BG299" s="76">
        <f t="shared" si="62"/>
        <v>797.12639999999999</v>
      </c>
      <c r="BH299" s="487" t="str">
        <f t="shared" si="61"/>
        <v/>
      </c>
      <c r="BI299" s="487" t="str">
        <f t="shared" si="61"/>
        <v/>
      </c>
      <c r="BJ299" s="487" t="str">
        <f t="shared" si="61"/>
        <v/>
      </c>
      <c r="BK299" s="487" t="str">
        <f t="shared" si="60"/>
        <v/>
      </c>
      <c r="BL299" s="487" t="str">
        <f t="shared" si="60"/>
        <v/>
      </c>
      <c r="BM299" s="487" t="str">
        <f t="shared" si="60"/>
        <v/>
      </c>
      <c r="BN299" s="487" t="str">
        <f t="shared" si="60"/>
        <v/>
      </c>
      <c r="BO299" s="487" t="str">
        <f t="shared" si="60"/>
        <v/>
      </c>
      <c r="BP299" s="487" t="str">
        <f t="shared" si="60"/>
        <v/>
      </c>
      <c r="BQ299" s="487" t="str">
        <f t="shared" si="58"/>
        <v/>
      </c>
      <c r="BR299" s="487" t="str">
        <f t="shared" si="58"/>
        <v/>
      </c>
      <c r="BS299" s="487">
        <f t="shared" si="58"/>
        <v>159425.28</v>
      </c>
      <c r="BT299" s="487" t="str">
        <f t="shared" si="58"/>
        <v/>
      </c>
      <c r="BU299" s="487" t="str">
        <f t="shared" si="58"/>
        <v/>
      </c>
      <c r="BV299" s="487" t="str">
        <f t="shared" si="58"/>
        <v/>
      </c>
      <c r="BW299" s="487" t="str">
        <f t="shared" si="58"/>
        <v/>
      </c>
      <c r="BX299" s="487" t="str">
        <f t="shared" si="58"/>
        <v/>
      </c>
      <c r="BY299" s="487" t="str">
        <f t="shared" si="58"/>
        <v/>
      </c>
      <c r="BZ299" s="487" t="str">
        <f t="shared" si="56"/>
        <v/>
      </c>
      <c r="CA299" s="487" t="str">
        <f t="shared" si="56"/>
        <v/>
      </c>
      <c r="CB299" s="487" t="str">
        <f t="shared" si="56"/>
        <v/>
      </c>
      <c r="CC299" s="487" t="str">
        <f t="shared" si="56"/>
        <v/>
      </c>
      <c r="CD299" s="487" t="str">
        <f t="shared" si="56"/>
        <v/>
      </c>
      <c r="CE299" s="487" t="str">
        <f t="shared" si="56"/>
        <v/>
      </c>
      <c r="CF299" s="487" t="str">
        <f t="shared" si="56"/>
        <v/>
      </c>
      <c r="CG299" s="487" t="str">
        <f t="shared" si="56"/>
        <v/>
      </c>
      <c r="CH299" s="487" t="str">
        <f t="shared" si="56"/>
        <v/>
      </c>
      <c r="CI299" s="487" t="str">
        <f t="shared" si="50"/>
        <v/>
      </c>
      <c r="CJ299" s="487" t="str">
        <f t="shared" si="50"/>
        <v/>
      </c>
      <c r="CK299" s="487" t="str">
        <f t="shared" si="50"/>
        <v/>
      </c>
      <c r="CL299" s="487" t="str">
        <f t="shared" si="50"/>
        <v/>
      </c>
      <c r="CM299" s="487"/>
      <c r="CN299" s="487"/>
      <c r="CO299" s="487"/>
      <c r="CP299" s="487"/>
      <c r="CQ299" s="487"/>
      <c r="CR299" s="487"/>
      <c r="CS299" s="487"/>
      <c r="CT299" s="487"/>
      <c r="CU299" s="487"/>
      <c r="CV299" s="487"/>
      <c r="CW299" s="487"/>
      <c r="CX299" s="487"/>
      <c r="CY299" s="487"/>
      <c r="CZ299" s="487"/>
      <c r="DA299" s="487"/>
      <c r="DB299" s="487"/>
      <c r="DC299" s="487"/>
      <c r="DD299" s="487"/>
      <c r="DE299" s="487"/>
      <c r="DF299" s="487"/>
      <c r="DG299" s="487"/>
      <c r="DH299" s="487"/>
      <c r="DI299" s="484"/>
      <c r="DJ299" s="484"/>
      <c r="DK299" s="484"/>
    </row>
    <row r="300" spans="1:115" s="354" customFormat="1" ht="56.1" hidden="1" customHeight="1" x14ac:dyDescent="0.2">
      <c r="A300" s="494"/>
      <c r="B300" s="494"/>
      <c r="C300" s="481">
        <v>524</v>
      </c>
      <c r="D300" s="481"/>
      <c r="E300" s="481" t="s">
        <v>2481</v>
      </c>
      <c r="F300" s="482" t="s">
        <v>53</v>
      </c>
      <c r="G300" s="482" t="s">
        <v>515</v>
      </c>
      <c r="H300" s="484" t="s">
        <v>521</v>
      </c>
      <c r="I300" s="484" t="s">
        <v>522</v>
      </c>
      <c r="J300" s="484" t="s">
        <v>522</v>
      </c>
      <c r="K300" s="484"/>
      <c r="L300" s="484" t="s">
        <v>58</v>
      </c>
      <c r="M300" s="484" t="s">
        <v>328</v>
      </c>
      <c r="N300" s="484"/>
      <c r="O300" s="497" t="s">
        <v>8</v>
      </c>
      <c r="P300" s="484" t="s">
        <v>334</v>
      </c>
      <c r="Q300" s="484"/>
      <c r="R300" s="484" t="s">
        <v>395</v>
      </c>
      <c r="S300" s="484" t="s">
        <v>63</v>
      </c>
      <c r="T300" s="484" t="s">
        <v>63</v>
      </c>
      <c r="U300" s="485">
        <v>222689.28</v>
      </c>
      <c r="V300" s="485"/>
      <c r="W300" s="484" t="s">
        <v>64</v>
      </c>
      <c r="X300" s="484"/>
      <c r="Y300" s="485">
        <v>222689.28</v>
      </c>
      <c r="Z300" s="484" t="s">
        <v>82</v>
      </c>
      <c r="AA300" s="496"/>
      <c r="AB300" s="496"/>
      <c r="AC300" s="496"/>
      <c r="AD300" s="496"/>
      <c r="AE300" s="496"/>
      <c r="AF300" s="487"/>
      <c r="AG300" s="496"/>
      <c r="AH300" s="496"/>
      <c r="AI300" s="496"/>
      <c r="AJ300" s="496"/>
      <c r="AK300" s="496"/>
      <c r="AL300" s="487" t="s">
        <v>66</v>
      </c>
      <c r="AM300" s="496"/>
      <c r="AN300" s="496"/>
      <c r="AO300" s="496"/>
      <c r="AP300" s="496"/>
      <c r="AQ300" s="496"/>
      <c r="AR300" s="496"/>
      <c r="AS300" s="496"/>
      <c r="AT300" s="496"/>
      <c r="AU300" s="496"/>
      <c r="AV300" s="496"/>
      <c r="AW300" s="496"/>
      <c r="AX300" s="496"/>
      <c r="AY300" s="496"/>
      <c r="AZ300" s="496"/>
      <c r="BA300" s="496"/>
      <c r="BB300" s="496"/>
      <c r="BC300" s="496"/>
      <c r="BD300" s="496"/>
      <c r="BE300" s="496"/>
      <c r="BF300" s="80">
        <f t="shared" si="55"/>
        <v>200</v>
      </c>
      <c r="BG300" s="76">
        <f t="shared" si="62"/>
        <v>1113.4464</v>
      </c>
      <c r="BH300" s="487" t="str">
        <f t="shared" si="61"/>
        <v/>
      </c>
      <c r="BI300" s="487" t="str">
        <f t="shared" si="61"/>
        <v/>
      </c>
      <c r="BJ300" s="487" t="str">
        <f t="shared" si="61"/>
        <v/>
      </c>
      <c r="BK300" s="487" t="str">
        <f t="shared" si="60"/>
        <v/>
      </c>
      <c r="BL300" s="487" t="str">
        <f t="shared" si="60"/>
        <v/>
      </c>
      <c r="BM300" s="487" t="str">
        <f t="shared" si="60"/>
        <v/>
      </c>
      <c r="BN300" s="487" t="str">
        <f t="shared" si="60"/>
        <v/>
      </c>
      <c r="BO300" s="487" t="str">
        <f t="shared" si="60"/>
        <v/>
      </c>
      <c r="BP300" s="487" t="str">
        <f t="shared" si="60"/>
        <v/>
      </c>
      <c r="BQ300" s="487" t="str">
        <f t="shared" si="58"/>
        <v/>
      </c>
      <c r="BR300" s="487" t="str">
        <f t="shared" si="58"/>
        <v/>
      </c>
      <c r="BS300" s="487">
        <f t="shared" si="58"/>
        <v>222689.28</v>
      </c>
      <c r="BT300" s="487" t="str">
        <f t="shared" si="58"/>
        <v/>
      </c>
      <c r="BU300" s="487" t="str">
        <f t="shared" si="58"/>
        <v/>
      </c>
      <c r="BV300" s="487" t="str">
        <f t="shared" si="58"/>
        <v/>
      </c>
      <c r="BW300" s="487" t="str">
        <f t="shared" si="58"/>
        <v/>
      </c>
      <c r="BX300" s="487" t="str">
        <f t="shared" si="58"/>
        <v/>
      </c>
      <c r="BY300" s="487" t="str">
        <f t="shared" si="58"/>
        <v/>
      </c>
      <c r="BZ300" s="487" t="str">
        <f t="shared" si="56"/>
        <v/>
      </c>
      <c r="CA300" s="487" t="str">
        <f t="shared" si="56"/>
        <v/>
      </c>
      <c r="CB300" s="487" t="str">
        <f t="shared" si="56"/>
        <v/>
      </c>
      <c r="CC300" s="487" t="str">
        <f t="shared" si="56"/>
        <v/>
      </c>
      <c r="CD300" s="487" t="str">
        <f t="shared" si="56"/>
        <v/>
      </c>
      <c r="CE300" s="487" t="str">
        <f t="shared" si="56"/>
        <v/>
      </c>
      <c r="CF300" s="487" t="str">
        <f t="shared" si="56"/>
        <v/>
      </c>
      <c r="CG300" s="487" t="str">
        <f t="shared" si="56"/>
        <v/>
      </c>
      <c r="CH300" s="487" t="str">
        <f t="shared" si="56"/>
        <v/>
      </c>
      <c r="CI300" s="487" t="str">
        <f t="shared" si="50"/>
        <v/>
      </c>
      <c r="CJ300" s="487" t="str">
        <f t="shared" si="50"/>
        <v/>
      </c>
      <c r="CK300" s="487" t="str">
        <f t="shared" si="50"/>
        <v/>
      </c>
      <c r="CL300" s="487" t="str">
        <f t="shared" si="50"/>
        <v/>
      </c>
      <c r="CM300" s="487"/>
      <c r="CN300" s="487"/>
      <c r="CO300" s="487"/>
      <c r="CP300" s="487"/>
      <c r="CQ300" s="487"/>
      <c r="CR300" s="487"/>
      <c r="CS300" s="487"/>
      <c r="CT300" s="487"/>
      <c r="CU300" s="487"/>
      <c r="CV300" s="487"/>
      <c r="CW300" s="487"/>
      <c r="CX300" s="487"/>
      <c r="CY300" s="487"/>
      <c r="CZ300" s="487"/>
      <c r="DA300" s="487"/>
      <c r="DB300" s="487"/>
      <c r="DC300" s="487"/>
      <c r="DD300" s="487"/>
      <c r="DE300" s="487"/>
      <c r="DF300" s="487"/>
      <c r="DG300" s="487"/>
      <c r="DH300" s="487"/>
      <c r="DI300" s="484"/>
      <c r="DJ300" s="484"/>
      <c r="DK300" s="484"/>
    </row>
    <row r="301" spans="1:115" s="354" customFormat="1" ht="56.1" hidden="1" customHeight="1" x14ac:dyDescent="0.2">
      <c r="A301" s="494"/>
      <c r="B301" s="494"/>
      <c r="C301" s="481">
        <v>525</v>
      </c>
      <c r="D301" s="481"/>
      <c r="E301" s="481" t="s">
        <v>2481</v>
      </c>
      <c r="F301" s="482" t="s">
        <v>53</v>
      </c>
      <c r="G301" s="482" t="s">
        <v>515</v>
      </c>
      <c r="H301" s="484" t="s">
        <v>523</v>
      </c>
      <c r="I301" s="484" t="s">
        <v>537</v>
      </c>
      <c r="J301" s="484" t="s">
        <v>537</v>
      </c>
      <c r="K301" s="484"/>
      <c r="L301" s="484" t="s">
        <v>58</v>
      </c>
      <c r="M301" s="484" t="s">
        <v>328</v>
      </c>
      <c r="N301" s="484"/>
      <c r="O301" s="484" t="s">
        <v>388</v>
      </c>
      <c r="P301" s="484" t="s">
        <v>525</v>
      </c>
      <c r="Q301" s="484"/>
      <c r="R301" s="484" t="s">
        <v>395</v>
      </c>
      <c r="S301" s="484" t="s">
        <v>63</v>
      </c>
      <c r="T301" s="484" t="s">
        <v>63</v>
      </c>
      <c r="U301" s="485">
        <v>43494</v>
      </c>
      <c r="V301" s="485"/>
      <c r="W301" s="484" t="s">
        <v>64</v>
      </c>
      <c r="X301" s="484"/>
      <c r="Y301" s="485">
        <v>43494</v>
      </c>
      <c r="Z301" s="484" t="s">
        <v>82</v>
      </c>
      <c r="AA301" s="496"/>
      <c r="AB301" s="496"/>
      <c r="AC301" s="496"/>
      <c r="AD301" s="496"/>
      <c r="AE301" s="496"/>
      <c r="AF301" s="487"/>
      <c r="AG301" s="496"/>
      <c r="AH301" s="496"/>
      <c r="AI301" s="496"/>
      <c r="AJ301" s="496"/>
      <c r="AK301" s="496"/>
      <c r="AL301" s="487" t="s">
        <v>66</v>
      </c>
      <c r="AM301" s="496"/>
      <c r="AN301" s="496"/>
      <c r="AO301" s="496"/>
      <c r="AP301" s="496"/>
      <c r="AQ301" s="496"/>
      <c r="AR301" s="496"/>
      <c r="AS301" s="496"/>
      <c r="AT301" s="496"/>
      <c r="AU301" s="496"/>
      <c r="AV301" s="496"/>
      <c r="AW301" s="496"/>
      <c r="AX301" s="496"/>
      <c r="AY301" s="496"/>
      <c r="AZ301" s="496"/>
      <c r="BA301" s="496"/>
      <c r="BB301" s="496"/>
      <c r="BC301" s="496"/>
      <c r="BD301" s="496"/>
      <c r="BE301" s="496"/>
      <c r="BF301" s="80">
        <f t="shared" si="55"/>
        <v>200</v>
      </c>
      <c r="BG301" s="76">
        <f t="shared" si="62"/>
        <v>217.47</v>
      </c>
      <c r="BH301" s="487" t="str">
        <f t="shared" si="61"/>
        <v/>
      </c>
      <c r="BI301" s="487" t="str">
        <f t="shared" si="61"/>
        <v/>
      </c>
      <c r="BJ301" s="487" t="str">
        <f t="shared" si="61"/>
        <v/>
      </c>
      <c r="BK301" s="487" t="str">
        <f t="shared" si="60"/>
        <v/>
      </c>
      <c r="BL301" s="487" t="str">
        <f t="shared" si="60"/>
        <v/>
      </c>
      <c r="BM301" s="487" t="str">
        <f t="shared" si="60"/>
        <v/>
      </c>
      <c r="BN301" s="487" t="str">
        <f t="shared" si="60"/>
        <v/>
      </c>
      <c r="BO301" s="487" t="str">
        <f t="shared" si="60"/>
        <v/>
      </c>
      <c r="BP301" s="487" t="str">
        <f t="shared" si="60"/>
        <v/>
      </c>
      <c r="BQ301" s="487" t="str">
        <f t="shared" si="58"/>
        <v/>
      </c>
      <c r="BR301" s="487" t="str">
        <f t="shared" si="58"/>
        <v/>
      </c>
      <c r="BS301" s="487">
        <f t="shared" si="58"/>
        <v>43494</v>
      </c>
      <c r="BT301" s="487" t="str">
        <f t="shared" si="58"/>
        <v/>
      </c>
      <c r="BU301" s="487" t="str">
        <f t="shared" si="58"/>
        <v/>
      </c>
      <c r="BV301" s="487" t="str">
        <f t="shared" si="58"/>
        <v/>
      </c>
      <c r="BW301" s="487" t="str">
        <f t="shared" si="58"/>
        <v/>
      </c>
      <c r="BX301" s="487" t="str">
        <f t="shared" si="58"/>
        <v/>
      </c>
      <c r="BY301" s="487" t="str">
        <f t="shared" si="58"/>
        <v/>
      </c>
      <c r="BZ301" s="487" t="str">
        <f t="shared" si="56"/>
        <v/>
      </c>
      <c r="CA301" s="487" t="str">
        <f t="shared" si="56"/>
        <v/>
      </c>
      <c r="CB301" s="487" t="str">
        <f t="shared" si="56"/>
        <v/>
      </c>
      <c r="CC301" s="487" t="str">
        <f t="shared" si="56"/>
        <v/>
      </c>
      <c r="CD301" s="487" t="str">
        <f t="shared" si="56"/>
        <v/>
      </c>
      <c r="CE301" s="487" t="str">
        <f t="shared" si="56"/>
        <v/>
      </c>
      <c r="CF301" s="487" t="str">
        <f t="shared" si="56"/>
        <v/>
      </c>
      <c r="CG301" s="487" t="str">
        <f t="shared" si="56"/>
        <v/>
      </c>
      <c r="CH301" s="487" t="str">
        <f t="shared" si="56"/>
        <v/>
      </c>
      <c r="CI301" s="487" t="str">
        <f t="shared" si="50"/>
        <v/>
      </c>
      <c r="CJ301" s="487" t="str">
        <f t="shared" si="50"/>
        <v/>
      </c>
      <c r="CK301" s="487" t="str">
        <f t="shared" si="50"/>
        <v/>
      </c>
      <c r="CL301" s="487" t="str">
        <f t="shared" si="50"/>
        <v/>
      </c>
      <c r="CM301" s="487"/>
      <c r="CN301" s="487"/>
      <c r="CO301" s="487"/>
      <c r="CP301" s="487"/>
      <c r="CQ301" s="487"/>
      <c r="CR301" s="487"/>
      <c r="CS301" s="487"/>
      <c r="CT301" s="487"/>
      <c r="CU301" s="487"/>
      <c r="CV301" s="487"/>
      <c r="CW301" s="487"/>
      <c r="CX301" s="487"/>
      <c r="CY301" s="487"/>
      <c r="CZ301" s="487"/>
      <c r="DA301" s="487"/>
      <c r="DB301" s="487"/>
      <c r="DC301" s="487"/>
      <c r="DD301" s="487"/>
      <c r="DE301" s="487"/>
      <c r="DF301" s="487"/>
      <c r="DG301" s="487"/>
      <c r="DH301" s="487"/>
      <c r="DI301" s="484"/>
      <c r="DJ301" s="484"/>
      <c r="DK301" s="484"/>
    </row>
    <row r="302" spans="1:115" s="354" customFormat="1" ht="56.1" hidden="1" customHeight="1" x14ac:dyDescent="0.2">
      <c r="A302" s="494"/>
      <c r="B302" s="494"/>
      <c r="C302" s="481">
        <v>526</v>
      </c>
      <c r="D302" s="481"/>
      <c r="E302" s="481" t="s">
        <v>2481</v>
      </c>
      <c r="F302" s="482" t="s">
        <v>53</v>
      </c>
      <c r="G302" s="482" t="s">
        <v>515</v>
      </c>
      <c r="H302" s="484" t="s">
        <v>539</v>
      </c>
      <c r="I302" s="484" t="s">
        <v>538</v>
      </c>
      <c r="J302" s="484" t="s">
        <v>538</v>
      </c>
      <c r="K302" s="484"/>
      <c r="L302" s="484" t="s">
        <v>58</v>
      </c>
      <c r="M302" s="484" t="s">
        <v>328</v>
      </c>
      <c r="N302" s="484"/>
      <c r="O302" s="484" t="s">
        <v>388</v>
      </c>
      <c r="P302" s="484" t="s">
        <v>525</v>
      </c>
      <c r="Q302" s="484"/>
      <c r="R302" s="484" t="s">
        <v>395</v>
      </c>
      <c r="S302" s="484" t="s">
        <v>63</v>
      </c>
      <c r="T302" s="484" t="s">
        <v>63</v>
      </c>
      <c r="U302" s="485">
        <v>105440</v>
      </c>
      <c r="V302" s="485"/>
      <c r="W302" s="484" t="s">
        <v>64</v>
      </c>
      <c r="X302" s="484"/>
      <c r="Y302" s="485">
        <v>105440</v>
      </c>
      <c r="Z302" s="484" t="s">
        <v>82</v>
      </c>
      <c r="AA302" s="496"/>
      <c r="AB302" s="496"/>
      <c r="AC302" s="496"/>
      <c r="AD302" s="496"/>
      <c r="AE302" s="496"/>
      <c r="AF302" s="487"/>
      <c r="AG302" s="496"/>
      <c r="AH302" s="496"/>
      <c r="AI302" s="496"/>
      <c r="AJ302" s="496"/>
      <c r="AK302" s="496"/>
      <c r="AL302" s="487" t="s">
        <v>66</v>
      </c>
      <c r="AM302" s="496"/>
      <c r="AN302" s="496"/>
      <c r="AO302" s="496"/>
      <c r="AP302" s="496"/>
      <c r="AQ302" s="496"/>
      <c r="AR302" s="496"/>
      <c r="AS302" s="496"/>
      <c r="AT302" s="496"/>
      <c r="AU302" s="496"/>
      <c r="AV302" s="496"/>
      <c r="AW302" s="496"/>
      <c r="AX302" s="496"/>
      <c r="AY302" s="496"/>
      <c r="AZ302" s="496"/>
      <c r="BA302" s="496"/>
      <c r="BB302" s="496"/>
      <c r="BC302" s="496"/>
      <c r="BD302" s="496"/>
      <c r="BE302" s="496"/>
      <c r="BF302" s="80">
        <f t="shared" si="55"/>
        <v>200</v>
      </c>
      <c r="BG302" s="76">
        <f t="shared" si="62"/>
        <v>527.20000000000005</v>
      </c>
      <c r="BH302" s="487" t="str">
        <f t="shared" si="61"/>
        <v/>
      </c>
      <c r="BI302" s="487" t="str">
        <f t="shared" si="61"/>
        <v/>
      </c>
      <c r="BJ302" s="487" t="str">
        <f t="shared" si="61"/>
        <v/>
      </c>
      <c r="BK302" s="487" t="str">
        <f t="shared" si="60"/>
        <v/>
      </c>
      <c r="BL302" s="487" t="str">
        <f t="shared" si="60"/>
        <v/>
      </c>
      <c r="BM302" s="487" t="str">
        <f t="shared" si="60"/>
        <v/>
      </c>
      <c r="BN302" s="487" t="str">
        <f t="shared" si="60"/>
        <v/>
      </c>
      <c r="BO302" s="487" t="str">
        <f t="shared" si="60"/>
        <v/>
      </c>
      <c r="BP302" s="487" t="str">
        <f t="shared" si="60"/>
        <v/>
      </c>
      <c r="BQ302" s="487" t="str">
        <f t="shared" si="58"/>
        <v/>
      </c>
      <c r="BR302" s="487" t="str">
        <f t="shared" si="58"/>
        <v/>
      </c>
      <c r="BS302" s="487">
        <f t="shared" si="58"/>
        <v>105440.00000000001</v>
      </c>
      <c r="BT302" s="487" t="str">
        <f t="shared" si="58"/>
        <v/>
      </c>
      <c r="BU302" s="487" t="str">
        <f t="shared" si="58"/>
        <v/>
      </c>
      <c r="BV302" s="487" t="str">
        <f t="shared" si="58"/>
        <v/>
      </c>
      <c r="BW302" s="487" t="str">
        <f t="shared" si="58"/>
        <v/>
      </c>
      <c r="BX302" s="487" t="str">
        <f t="shared" si="58"/>
        <v/>
      </c>
      <c r="BY302" s="487" t="str">
        <f t="shared" si="58"/>
        <v/>
      </c>
      <c r="BZ302" s="487" t="str">
        <f t="shared" si="56"/>
        <v/>
      </c>
      <c r="CA302" s="487" t="str">
        <f t="shared" si="56"/>
        <v/>
      </c>
      <c r="CB302" s="487" t="str">
        <f t="shared" si="56"/>
        <v/>
      </c>
      <c r="CC302" s="487" t="str">
        <f t="shared" si="56"/>
        <v/>
      </c>
      <c r="CD302" s="487" t="str">
        <f t="shared" si="56"/>
        <v/>
      </c>
      <c r="CE302" s="487" t="str">
        <f t="shared" si="56"/>
        <v/>
      </c>
      <c r="CF302" s="487" t="str">
        <f t="shared" si="56"/>
        <v/>
      </c>
      <c r="CG302" s="487" t="str">
        <f t="shared" si="56"/>
        <v/>
      </c>
      <c r="CH302" s="487" t="str">
        <f t="shared" si="56"/>
        <v/>
      </c>
      <c r="CI302" s="487" t="str">
        <f t="shared" si="50"/>
        <v/>
      </c>
      <c r="CJ302" s="487" t="str">
        <f t="shared" si="50"/>
        <v/>
      </c>
      <c r="CK302" s="487" t="str">
        <f t="shared" si="50"/>
        <v/>
      </c>
      <c r="CL302" s="487" t="str">
        <f t="shared" si="50"/>
        <v/>
      </c>
      <c r="CM302" s="487"/>
      <c r="CN302" s="487"/>
      <c r="CO302" s="487"/>
      <c r="CP302" s="487"/>
      <c r="CQ302" s="487"/>
      <c r="CR302" s="487"/>
      <c r="CS302" s="487"/>
      <c r="CT302" s="487"/>
      <c r="CU302" s="487"/>
      <c r="CV302" s="487"/>
      <c r="CW302" s="487"/>
      <c r="CX302" s="487"/>
      <c r="CY302" s="487"/>
      <c r="CZ302" s="487"/>
      <c r="DA302" s="487"/>
      <c r="DB302" s="487"/>
      <c r="DC302" s="487"/>
      <c r="DD302" s="487"/>
      <c r="DE302" s="487"/>
      <c r="DF302" s="487"/>
      <c r="DG302" s="487"/>
      <c r="DH302" s="487"/>
      <c r="DI302" s="484"/>
      <c r="DJ302" s="484"/>
      <c r="DK302" s="484"/>
    </row>
    <row r="303" spans="1:115" s="354" customFormat="1" ht="56.1" hidden="1" customHeight="1" x14ac:dyDescent="0.2">
      <c r="A303" s="494"/>
      <c r="B303" s="494"/>
      <c r="C303" s="481">
        <v>527</v>
      </c>
      <c r="D303" s="481"/>
      <c r="E303" s="481" t="s">
        <v>2481</v>
      </c>
      <c r="F303" s="482" t="s">
        <v>53</v>
      </c>
      <c r="G303" s="482" t="s">
        <v>515</v>
      </c>
      <c r="H303" s="484" t="s">
        <v>528</v>
      </c>
      <c r="I303" s="484" t="s">
        <v>529</v>
      </c>
      <c r="J303" s="484" t="s">
        <v>529</v>
      </c>
      <c r="K303" s="484"/>
      <c r="L303" s="484" t="s">
        <v>58</v>
      </c>
      <c r="M303" s="484" t="s">
        <v>328</v>
      </c>
      <c r="N303" s="484"/>
      <c r="O303" s="484" t="s">
        <v>388</v>
      </c>
      <c r="P303" s="484" t="s">
        <v>525</v>
      </c>
      <c r="Q303" s="484"/>
      <c r="R303" s="484" t="s">
        <v>395</v>
      </c>
      <c r="S303" s="484" t="s">
        <v>63</v>
      </c>
      <c r="T303" s="484" t="s">
        <v>63</v>
      </c>
      <c r="U303" s="485">
        <v>184520</v>
      </c>
      <c r="V303" s="485"/>
      <c r="W303" s="484" t="s">
        <v>64</v>
      </c>
      <c r="X303" s="484"/>
      <c r="Y303" s="485">
        <v>184520</v>
      </c>
      <c r="Z303" s="484" t="s">
        <v>82</v>
      </c>
      <c r="AA303" s="496"/>
      <c r="AB303" s="496"/>
      <c r="AC303" s="496"/>
      <c r="AD303" s="496"/>
      <c r="AE303" s="496"/>
      <c r="AF303" s="487"/>
      <c r="AG303" s="496"/>
      <c r="AH303" s="496"/>
      <c r="AI303" s="496"/>
      <c r="AJ303" s="496"/>
      <c r="AK303" s="496"/>
      <c r="AL303" s="487" t="s">
        <v>66</v>
      </c>
      <c r="AM303" s="496"/>
      <c r="AN303" s="496"/>
      <c r="AO303" s="496"/>
      <c r="AP303" s="496"/>
      <c r="AQ303" s="496"/>
      <c r="AR303" s="496"/>
      <c r="AS303" s="496"/>
      <c r="AT303" s="496"/>
      <c r="AU303" s="496"/>
      <c r="AV303" s="496"/>
      <c r="AW303" s="496"/>
      <c r="AX303" s="496"/>
      <c r="AY303" s="496"/>
      <c r="AZ303" s="496"/>
      <c r="BA303" s="496"/>
      <c r="BB303" s="496"/>
      <c r="BC303" s="496"/>
      <c r="BD303" s="496"/>
      <c r="BE303" s="496"/>
      <c r="BF303" s="80">
        <f t="shared" si="55"/>
        <v>200</v>
      </c>
      <c r="BG303" s="76">
        <f t="shared" si="62"/>
        <v>922.6</v>
      </c>
      <c r="BH303" s="487" t="str">
        <f t="shared" si="61"/>
        <v/>
      </c>
      <c r="BI303" s="487" t="str">
        <f t="shared" si="61"/>
        <v/>
      </c>
      <c r="BJ303" s="487" t="str">
        <f t="shared" si="61"/>
        <v/>
      </c>
      <c r="BK303" s="487" t="str">
        <f t="shared" si="60"/>
        <v/>
      </c>
      <c r="BL303" s="487" t="str">
        <f t="shared" si="60"/>
        <v/>
      </c>
      <c r="BM303" s="487" t="str">
        <f t="shared" si="60"/>
        <v/>
      </c>
      <c r="BN303" s="487" t="str">
        <f t="shared" si="60"/>
        <v/>
      </c>
      <c r="BO303" s="487" t="str">
        <f t="shared" si="60"/>
        <v/>
      </c>
      <c r="BP303" s="487" t="str">
        <f t="shared" si="60"/>
        <v/>
      </c>
      <c r="BQ303" s="487" t="str">
        <f t="shared" si="58"/>
        <v/>
      </c>
      <c r="BR303" s="487" t="str">
        <f t="shared" si="58"/>
        <v/>
      </c>
      <c r="BS303" s="487">
        <f t="shared" si="58"/>
        <v>184520</v>
      </c>
      <c r="BT303" s="487" t="str">
        <f t="shared" si="58"/>
        <v/>
      </c>
      <c r="BU303" s="487" t="str">
        <f t="shared" si="58"/>
        <v/>
      </c>
      <c r="BV303" s="487" t="str">
        <f t="shared" si="58"/>
        <v/>
      </c>
      <c r="BW303" s="487" t="str">
        <f t="shared" si="58"/>
        <v/>
      </c>
      <c r="BX303" s="487" t="str">
        <f t="shared" si="58"/>
        <v/>
      </c>
      <c r="BY303" s="487" t="str">
        <f t="shared" si="58"/>
        <v/>
      </c>
      <c r="BZ303" s="487" t="str">
        <f t="shared" si="56"/>
        <v/>
      </c>
      <c r="CA303" s="487" t="str">
        <f t="shared" si="56"/>
        <v/>
      </c>
      <c r="CB303" s="487" t="str">
        <f t="shared" si="56"/>
        <v/>
      </c>
      <c r="CC303" s="487" t="str">
        <f t="shared" si="56"/>
        <v/>
      </c>
      <c r="CD303" s="487" t="str">
        <f t="shared" si="56"/>
        <v/>
      </c>
      <c r="CE303" s="487" t="str">
        <f t="shared" si="56"/>
        <v/>
      </c>
      <c r="CF303" s="487" t="str">
        <f t="shared" si="56"/>
        <v/>
      </c>
      <c r="CG303" s="487" t="str">
        <f t="shared" si="56"/>
        <v/>
      </c>
      <c r="CH303" s="487" t="str">
        <f t="shared" si="56"/>
        <v/>
      </c>
      <c r="CI303" s="487" t="str">
        <f t="shared" si="50"/>
        <v/>
      </c>
      <c r="CJ303" s="487" t="str">
        <f t="shared" si="50"/>
        <v/>
      </c>
      <c r="CK303" s="487" t="str">
        <f t="shared" si="50"/>
        <v/>
      </c>
      <c r="CL303" s="487" t="str">
        <f t="shared" si="50"/>
        <v/>
      </c>
      <c r="CM303" s="487"/>
      <c r="CN303" s="487"/>
      <c r="CO303" s="487"/>
      <c r="CP303" s="487"/>
      <c r="CQ303" s="487"/>
      <c r="CR303" s="487"/>
      <c r="CS303" s="487"/>
      <c r="CT303" s="487"/>
      <c r="CU303" s="487"/>
      <c r="CV303" s="487"/>
      <c r="CW303" s="487"/>
      <c r="CX303" s="487"/>
      <c r="CY303" s="487"/>
      <c r="CZ303" s="487"/>
      <c r="DA303" s="487"/>
      <c r="DB303" s="487"/>
      <c r="DC303" s="487"/>
      <c r="DD303" s="487"/>
      <c r="DE303" s="487"/>
      <c r="DF303" s="487"/>
      <c r="DG303" s="487"/>
      <c r="DH303" s="487"/>
      <c r="DI303" s="484"/>
      <c r="DJ303" s="484"/>
      <c r="DK303" s="484"/>
    </row>
    <row r="304" spans="1:115" s="354" customFormat="1" ht="56.1" hidden="1" customHeight="1" x14ac:dyDescent="0.2">
      <c r="A304" s="494"/>
      <c r="B304" s="494"/>
      <c r="C304" s="481">
        <v>528</v>
      </c>
      <c r="D304" s="481"/>
      <c r="E304" s="481" t="s">
        <v>2481</v>
      </c>
      <c r="F304" s="482" t="s">
        <v>53</v>
      </c>
      <c r="G304" s="482" t="s">
        <v>515</v>
      </c>
      <c r="H304" s="484" t="s">
        <v>530</v>
      </c>
      <c r="I304" s="484" t="s">
        <v>532</v>
      </c>
      <c r="J304" s="484" t="s">
        <v>532</v>
      </c>
      <c r="K304" s="484"/>
      <c r="L304" s="484" t="s">
        <v>58</v>
      </c>
      <c r="M304" s="484" t="s">
        <v>328</v>
      </c>
      <c r="N304" s="484"/>
      <c r="O304" s="484" t="s">
        <v>8</v>
      </c>
      <c r="P304" s="484" t="s">
        <v>525</v>
      </c>
      <c r="Q304" s="484"/>
      <c r="R304" s="484" t="s">
        <v>395</v>
      </c>
      <c r="S304" s="484" t="s">
        <v>63</v>
      </c>
      <c r="T304" s="484" t="s">
        <v>63</v>
      </c>
      <c r="U304" s="485">
        <v>0</v>
      </c>
      <c r="V304" s="485"/>
      <c r="W304" s="484" t="s">
        <v>64</v>
      </c>
      <c r="X304" s="484"/>
      <c r="Y304" s="485">
        <v>0</v>
      </c>
      <c r="Z304" s="484" t="s">
        <v>82</v>
      </c>
      <c r="AA304" s="496"/>
      <c r="AB304" s="496"/>
      <c r="AC304" s="496"/>
      <c r="AD304" s="496"/>
      <c r="AE304" s="496"/>
      <c r="AF304" s="487"/>
      <c r="AG304" s="496"/>
      <c r="AH304" s="496"/>
      <c r="AI304" s="496"/>
      <c r="AJ304" s="496"/>
      <c r="AK304" s="496"/>
      <c r="AL304" s="487" t="s">
        <v>66</v>
      </c>
      <c r="AM304" s="496"/>
      <c r="AN304" s="496"/>
      <c r="AO304" s="496"/>
      <c r="AP304" s="496"/>
      <c r="AQ304" s="496"/>
      <c r="AR304" s="496"/>
      <c r="AS304" s="496"/>
      <c r="AT304" s="496"/>
      <c r="AU304" s="496"/>
      <c r="AV304" s="496"/>
      <c r="AW304" s="496"/>
      <c r="AX304" s="496"/>
      <c r="AY304" s="496"/>
      <c r="AZ304" s="496"/>
      <c r="BA304" s="496"/>
      <c r="BB304" s="496"/>
      <c r="BC304" s="496"/>
      <c r="BD304" s="496"/>
      <c r="BE304" s="496"/>
      <c r="BF304" s="80">
        <f t="shared" si="55"/>
        <v>200</v>
      </c>
      <c r="BG304" s="76"/>
      <c r="BH304" s="487" t="str">
        <f t="shared" si="61"/>
        <v/>
      </c>
      <c r="BI304" s="487" t="str">
        <f t="shared" si="61"/>
        <v/>
      </c>
      <c r="BJ304" s="487" t="str">
        <f t="shared" si="61"/>
        <v/>
      </c>
      <c r="BK304" s="487" t="str">
        <f t="shared" si="60"/>
        <v/>
      </c>
      <c r="BL304" s="487" t="str">
        <f t="shared" si="60"/>
        <v/>
      </c>
      <c r="BM304" s="487" t="str">
        <f t="shared" si="60"/>
        <v/>
      </c>
      <c r="BN304" s="487" t="str">
        <f t="shared" si="60"/>
        <v/>
      </c>
      <c r="BO304" s="487" t="str">
        <f t="shared" si="60"/>
        <v/>
      </c>
      <c r="BP304" s="487" t="str">
        <f t="shared" si="60"/>
        <v/>
      </c>
      <c r="BQ304" s="487" t="str">
        <f t="shared" si="58"/>
        <v/>
      </c>
      <c r="BR304" s="487" t="str">
        <f t="shared" si="58"/>
        <v/>
      </c>
      <c r="BS304" s="487">
        <f t="shared" si="58"/>
        <v>0</v>
      </c>
      <c r="BT304" s="487" t="str">
        <f t="shared" si="58"/>
        <v/>
      </c>
      <c r="BU304" s="487" t="str">
        <f t="shared" si="58"/>
        <v/>
      </c>
      <c r="BV304" s="487" t="str">
        <f t="shared" si="58"/>
        <v/>
      </c>
      <c r="BW304" s="487" t="str">
        <f t="shared" si="58"/>
        <v/>
      </c>
      <c r="BX304" s="487" t="str">
        <f t="shared" si="58"/>
        <v/>
      </c>
      <c r="BY304" s="487" t="str">
        <f t="shared" si="58"/>
        <v/>
      </c>
      <c r="BZ304" s="487" t="str">
        <f t="shared" si="56"/>
        <v/>
      </c>
      <c r="CA304" s="487" t="str">
        <f t="shared" si="56"/>
        <v/>
      </c>
      <c r="CB304" s="487" t="str">
        <f t="shared" si="56"/>
        <v/>
      </c>
      <c r="CC304" s="487" t="str">
        <f t="shared" si="56"/>
        <v/>
      </c>
      <c r="CD304" s="487" t="str">
        <f t="shared" si="56"/>
        <v/>
      </c>
      <c r="CE304" s="487" t="str">
        <f t="shared" si="56"/>
        <v/>
      </c>
      <c r="CF304" s="487" t="str">
        <f t="shared" si="56"/>
        <v/>
      </c>
      <c r="CG304" s="487" t="str">
        <f t="shared" si="56"/>
        <v/>
      </c>
      <c r="CH304" s="487" t="str">
        <f t="shared" si="56"/>
        <v/>
      </c>
      <c r="CI304" s="487" t="str">
        <f t="shared" si="50"/>
        <v/>
      </c>
      <c r="CJ304" s="487" t="str">
        <f t="shared" si="50"/>
        <v/>
      </c>
      <c r="CK304" s="487" t="str">
        <f t="shared" si="50"/>
        <v/>
      </c>
      <c r="CL304" s="487" t="str">
        <f t="shared" si="50"/>
        <v/>
      </c>
      <c r="CM304" s="487"/>
      <c r="CN304" s="487"/>
      <c r="CO304" s="487"/>
      <c r="CP304" s="487"/>
      <c r="CQ304" s="487"/>
      <c r="CR304" s="487"/>
      <c r="CS304" s="487"/>
      <c r="CT304" s="487"/>
      <c r="CU304" s="487"/>
      <c r="CV304" s="487"/>
      <c r="CW304" s="487"/>
      <c r="CX304" s="487"/>
      <c r="CY304" s="487"/>
      <c r="CZ304" s="487"/>
      <c r="DA304" s="487"/>
      <c r="DB304" s="487"/>
      <c r="DC304" s="487"/>
      <c r="DD304" s="487"/>
      <c r="DE304" s="487"/>
      <c r="DF304" s="487"/>
      <c r="DG304" s="487"/>
      <c r="DH304" s="487"/>
      <c r="DI304" s="484"/>
      <c r="DJ304" s="484"/>
      <c r="DK304" s="484"/>
    </row>
    <row r="305" spans="1:115" s="354" customFormat="1" ht="56.1" hidden="1" customHeight="1" x14ac:dyDescent="0.2">
      <c r="A305" s="494"/>
      <c r="B305" s="494"/>
      <c r="C305" s="481">
        <v>529</v>
      </c>
      <c r="D305" s="481"/>
      <c r="E305" s="481" t="s">
        <v>2481</v>
      </c>
      <c r="F305" s="482" t="s">
        <v>53</v>
      </c>
      <c r="G305" s="482" t="s">
        <v>515</v>
      </c>
      <c r="H305" s="484" t="s">
        <v>533</v>
      </c>
      <c r="I305" s="484" t="s">
        <v>534</v>
      </c>
      <c r="J305" s="484" t="s">
        <v>534</v>
      </c>
      <c r="K305" s="484"/>
      <c r="L305" s="484" t="s">
        <v>58</v>
      </c>
      <c r="M305" s="484" t="s">
        <v>328</v>
      </c>
      <c r="N305" s="484"/>
      <c r="O305" s="484" t="s">
        <v>81</v>
      </c>
      <c r="P305" s="484" t="s">
        <v>334</v>
      </c>
      <c r="Q305" s="484"/>
      <c r="R305" s="484" t="s">
        <v>395</v>
      </c>
      <c r="S305" s="484" t="s">
        <v>63</v>
      </c>
      <c r="T305" s="484" t="s">
        <v>63</v>
      </c>
      <c r="U305" s="485">
        <v>35586</v>
      </c>
      <c r="V305" s="485"/>
      <c r="W305" s="484" t="s">
        <v>64</v>
      </c>
      <c r="X305" s="484"/>
      <c r="Y305" s="485">
        <v>35586</v>
      </c>
      <c r="Z305" s="484" t="s">
        <v>82</v>
      </c>
      <c r="AA305" s="496"/>
      <c r="AB305" s="496"/>
      <c r="AC305" s="496"/>
      <c r="AD305" s="496"/>
      <c r="AE305" s="496"/>
      <c r="AF305" s="487"/>
      <c r="AG305" s="496"/>
      <c r="AH305" s="496"/>
      <c r="AI305" s="496"/>
      <c r="AJ305" s="496"/>
      <c r="AK305" s="496"/>
      <c r="AL305" s="487" t="s">
        <v>66</v>
      </c>
      <c r="AM305" s="496"/>
      <c r="AN305" s="496"/>
      <c r="AO305" s="496"/>
      <c r="AP305" s="496"/>
      <c r="AQ305" s="496"/>
      <c r="AR305" s="496"/>
      <c r="AS305" s="496"/>
      <c r="AT305" s="496"/>
      <c r="AU305" s="496"/>
      <c r="AV305" s="496"/>
      <c r="AW305" s="496"/>
      <c r="AX305" s="496"/>
      <c r="AY305" s="496"/>
      <c r="AZ305" s="496"/>
      <c r="BA305" s="496"/>
      <c r="BB305" s="496"/>
      <c r="BC305" s="496"/>
      <c r="BD305" s="496"/>
      <c r="BE305" s="496"/>
      <c r="BF305" s="80">
        <f t="shared" si="55"/>
        <v>200</v>
      </c>
      <c r="BG305" s="76">
        <f>Y305/BF305</f>
        <v>177.93</v>
      </c>
      <c r="BH305" s="487" t="str">
        <f t="shared" si="61"/>
        <v/>
      </c>
      <c r="BI305" s="487" t="str">
        <f t="shared" si="61"/>
        <v/>
      </c>
      <c r="BJ305" s="487" t="str">
        <f t="shared" si="61"/>
        <v/>
      </c>
      <c r="BK305" s="487" t="str">
        <f t="shared" si="60"/>
        <v/>
      </c>
      <c r="BL305" s="487" t="str">
        <f t="shared" si="60"/>
        <v/>
      </c>
      <c r="BM305" s="487" t="str">
        <f t="shared" si="60"/>
        <v/>
      </c>
      <c r="BN305" s="487" t="str">
        <f t="shared" si="60"/>
        <v/>
      </c>
      <c r="BO305" s="487" t="str">
        <f t="shared" si="60"/>
        <v/>
      </c>
      <c r="BP305" s="487" t="str">
        <f t="shared" si="60"/>
        <v/>
      </c>
      <c r="BQ305" s="487" t="str">
        <f t="shared" si="58"/>
        <v/>
      </c>
      <c r="BR305" s="487" t="str">
        <f t="shared" si="58"/>
        <v/>
      </c>
      <c r="BS305" s="487">
        <f t="shared" si="58"/>
        <v>35586</v>
      </c>
      <c r="BT305" s="487" t="str">
        <f t="shared" si="58"/>
        <v/>
      </c>
      <c r="BU305" s="487" t="str">
        <f t="shared" si="58"/>
        <v/>
      </c>
      <c r="BV305" s="487" t="str">
        <f t="shared" si="58"/>
        <v/>
      </c>
      <c r="BW305" s="487" t="str">
        <f t="shared" si="58"/>
        <v/>
      </c>
      <c r="BX305" s="487" t="str">
        <f t="shared" si="58"/>
        <v/>
      </c>
      <c r="BY305" s="487" t="str">
        <f t="shared" si="58"/>
        <v/>
      </c>
      <c r="BZ305" s="487" t="str">
        <f t="shared" si="56"/>
        <v/>
      </c>
      <c r="CA305" s="487" t="str">
        <f t="shared" si="56"/>
        <v/>
      </c>
      <c r="CB305" s="487" t="str">
        <f t="shared" si="56"/>
        <v/>
      </c>
      <c r="CC305" s="487" t="str">
        <f t="shared" ref="CC305:CK337" si="63">IF(AV305="yes",(AV$2*$BG305),"")</f>
        <v/>
      </c>
      <c r="CD305" s="487" t="str">
        <f t="shared" si="63"/>
        <v/>
      </c>
      <c r="CE305" s="487" t="str">
        <f t="shared" si="63"/>
        <v/>
      </c>
      <c r="CF305" s="487" t="str">
        <f t="shared" si="63"/>
        <v/>
      </c>
      <c r="CG305" s="487" t="str">
        <f t="shared" si="63"/>
        <v/>
      </c>
      <c r="CH305" s="487" t="str">
        <f t="shared" si="63"/>
        <v/>
      </c>
      <c r="CI305" s="487" t="str">
        <f t="shared" si="50"/>
        <v/>
      </c>
      <c r="CJ305" s="487" t="str">
        <f t="shared" si="50"/>
        <v/>
      </c>
      <c r="CK305" s="487" t="str">
        <f t="shared" si="50"/>
        <v/>
      </c>
      <c r="CL305" s="487" t="str">
        <f t="shared" si="50"/>
        <v/>
      </c>
      <c r="CM305" s="487"/>
      <c r="CN305" s="487"/>
      <c r="CO305" s="487"/>
      <c r="CP305" s="487"/>
      <c r="CQ305" s="487"/>
      <c r="CR305" s="487"/>
      <c r="CS305" s="487"/>
      <c r="CT305" s="487"/>
      <c r="CU305" s="487"/>
      <c r="CV305" s="487"/>
      <c r="CW305" s="487"/>
      <c r="CX305" s="487"/>
      <c r="CY305" s="487"/>
      <c r="CZ305" s="487"/>
      <c r="DA305" s="487"/>
      <c r="DB305" s="487"/>
      <c r="DC305" s="487"/>
      <c r="DD305" s="487"/>
      <c r="DE305" s="487"/>
      <c r="DF305" s="487"/>
      <c r="DG305" s="487"/>
      <c r="DH305" s="487"/>
      <c r="DI305" s="484"/>
      <c r="DJ305" s="484"/>
      <c r="DK305" s="484"/>
    </row>
    <row r="306" spans="1:115" s="354" customFormat="1" ht="56.1" hidden="1" customHeight="1" x14ac:dyDescent="0.2">
      <c r="A306" s="494"/>
      <c r="B306" s="494"/>
      <c r="C306" s="481">
        <v>530</v>
      </c>
      <c r="D306" s="481"/>
      <c r="E306" s="481" t="s">
        <v>2481</v>
      </c>
      <c r="F306" s="482" t="s">
        <v>53</v>
      </c>
      <c r="G306" s="482" t="s">
        <v>515</v>
      </c>
      <c r="H306" s="484" t="s">
        <v>548</v>
      </c>
      <c r="I306" s="484" t="s">
        <v>536</v>
      </c>
      <c r="J306" s="484" t="s">
        <v>536</v>
      </c>
      <c r="K306" s="484"/>
      <c r="L306" s="484" t="s">
        <v>58</v>
      </c>
      <c r="M306" s="484" t="s">
        <v>310</v>
      </c>
      <c r="N306" s="484"/>
      <c r="O306" s="484" t="s">
        <v>551</v>
      </c>
      <c r="P306" s="484" t="s">
        <v>334</v>
      </c>
      <c r="Q306" s="484"/>
      <c r="R306" s="484" t="s">
        <v>225</v>
      </c>
      <c r="S306" s="484" t="s">
        <v>63</v>
      </c>
      <c r="T306" s="484" t="s">
        <v>63</v>
      </c>
      <c r="U306" s="485">
        <v>724246.272</v>
      </c>
      <c r="V306" s="485"/>
      <c r="W306" s="484" t="s">
        <v>226</v>
      </c>
      <c r="X306" s="484"/>
      <c r="Y306" s="485">
        <v>724246.272</v>
      </c>
      <c r="Z306" s="484" t="s">
        <v>82</v>
      </c>
      <c r="AA306" s="496"/>
      <c r="AB306" s="496"/>
      <c r="AC306" s="496"/>
      <c r="AD306" s="496"/>
      <c r="AE306" s="496"/>
      <c r="AF306" s="487"/>
      <c r="AG306" s="496"/>
      <c r="AH306" s="496"/>
      <c r="AI306" s="496"/>
      <c r="AJ306" s="496"/>
      <c r="AK306" s="496"/>
      <c r="AL306" s="496"/>
      <c r="AM306" s="496"/>
      <c r="AN306" s="496"/>
      <c r="AO306" s="496"/>
      <c r="AP306" s="496"/>
      <c r="AQ306" s="487" t="s">
        <v>66</v>
      </c>
      <c r="AR306" s="496"/>
      <c r="AS306" s="496"/>
      <c r="AT306" s="496"/>
      <c r="AU306" s="496"/>
      <c r="AV306" s="496"/>
      <c r="AW306" s="496"/>
      <c r="AX306" s="496"/>
      <c r="AY306" s="496"/>
      <c r="AZ306" s="496"/>
      <c r="BA306" s="496"/>
      <c r="BB306" s="496"/>
      <c r="BC306" s="496"/>
      <c r="BD306" s="496"/>
      <c r="BE306" s="496"/>
      <c r="BF306" s="80">
        <f t="shared" si="55"/>
        <v>2385</v>
      </c>
      <c r="BG306" s="76">
        <f>Y306/BF306</f>
        <v>303.66719999999998</v>
      </c>
      <c r="BH306" s="487" t="str">
        <f t="shared" si="61"/>
        <v/>
      </c>
      <c r="BI306" s="487" t="str">
        <f t="shared" si="61"/>
        <v/>
      </c>
      <c r="BJ306" s="487" t="str">
        <f t="shared" si="61"/>
        <v/>
      </c>
      <c r="BK306" s="487" t="str">
        <f t="shared" si="60"/>
        <v/>
      </c>
      <c r="BL306" s="487" t="str">
        <f t="shared" si="60"/>
        <v/>
      </c>
      <c r="BM306" s="487" t="str">
        <f t="shared" si="60"/>
        <v/>
      </c>
      <c r="BN306" s="487" t="str">
        <f t="shared" si="60"/>
        <v/>
      </c>
      <c r="BO306" s="487" t="str">
        <f t="shared" si="60"/>
        <v/>
      </c>
      <c r="BP306" s="487" t="str">
        <f t="shared" si="60"/>
        <v/>
      </c>
      <c r="BQ306" s="487" t="str">
        <f t="shared" si="58"/>
        <v/>
      </c>
      <c r="BR306" s="487" t="str">
        <f t="shared" si="58"/>
        <v/>
      </c>
      <c r="BS306" s="487" t="str">
        <f t="shared" si="58"/>
        <v/>
      </c>
      <c r="BT306" s="487" t="str">
        <f t="shared" si="58"/>
        <v/>
      </c>
      <c r="BU306" s="487" t="str">
        <f t="shared" si="58"/>
        <v/>
      </c>
      <c r="BV306" s="487" t="str">
        <f t="shared" si="58"/>
        <v/>
      </c>
      <c r="BW306" s="487" t="str">
        <f t="shared" si="58"/>
        <v/>
      </c>
      <c r="BX306" s="487">
        <f t="shared" si="58"/>
        <v>724246.272</v>
      </c>
      <c r="BY306" s="487" t="str">
        <f t="shared" si="58"/>
        <v/>
      </c>
      <c r="BZ306" s="487" t="str">
        <f t="shared" si="58"/>
        <v/>
      </c>
      <c r="CA306" s="487" t="str">
        <f t="shared" si="58"/>
        <v/>
      </c>
      <c r="CB306" s="487" t="str">
        <f t="shared" si="58"/>
        <v/>
      </c>
      <c r="CC306" s="487" t="str">
        <f t="shared" si="63"/>
        <v/>
      </c>
      <c r="CD306" s="487" t="str">
        <f t="shared" si="63"/>
        <v/>
      </c>
      <c r="CE306" s="487" t="str">
        <f t="shared" si="63"/>
        <v/>
      </c>
      <c r="CF306" s="487" t="str">
        <f t="shared" si="63"/>
        <v/>
      </c>
      <c r="CG306" s="487" t="str">
        <f t="shared" si="63"/>
        <v/>
      </c>
      <c r="CH306" s="487" t="str">
        <f t="shared" si="63"/>
        <v/>
      </c>
      <c r="CI306" s="487" t="str">
        <f t="shared" si="50"/>
        <v/>
      </c>
      <c r="CJ306" s="487" t="str">
        <f t="shared" si="50"/>
        <v/>
      </c>
      <c r="CK306" s="487" t="str">
        <f t="shared" si="50"/>
        <v/>
      </c>
      <c r="CL306" s="487" t="str">
        <f t="shared" si="50"/>
        <v/>
      </c>
      <c r="CM306" s="487"/>
      <c r="CN306" s="487"/>
      <c r="CO306" s="487"/>
      <c r="CP306" s="487"/>
      <c r="CQ306" s="487"/>
      <c r="CR306" s="487"/>
      <c r="CS306" s="487"/>
      <c r="CT306" s="487"/>
      <c r="CU306" s="487"/>
      <c r="CV306" s="487"/>
      <c r="CW306" s="487"/>
      <c r="CX306" s="487"/>
      <c r="CY306" s="487"/>
      <c r="CZ306" s="487"/>
      <c r="DA306" s="487"/>
      <c r="DB306" s="487"/>
      <c r="DC306" s="487"/>
      <c r="DD306" s="487"/>
      <c r="DE306" s="487"/>
      <c r="DF306" s="487"/>
      <c r="DG306" s="487"/>
      <c r="DH306" s="487"/>
      <c r="DI306" s="484"/>
      <c r="DJ306" s="484"/>
      <c r="DK306" s="484"/>
    </row>
    <row r="307" spans="1:115" s="354" customFormat="1" ht="56.1" hidden="1" customHeight="1" x14ac:dyDescent="0.2">
      <c r="A307" s="494"/>
      <c r="B307" s="494"/>
      <c r="C307" s="481">
        <v>531</v>
      </c>
      <c r="D307" s="481"/>
      <c r="E307" s="481" t="s">
        <v>2481</v>
      </c>
      <c r="F307" s="482" t="s">
        <v>53</v>
      </c>
      <c r="G307" s="482" t="s">
        <v>515</v>
      </c>
      <c r="H307" s="484" t="s">
        <v>518</v>
      </c>
      <c r="I307" s="484" t="s">
        <v>520</v>
      </c>
      <c r="J307" s="484" t="s">
        <v>520</v>
      </c>
      <c r="K307" s="484"/>
      <c r="L307" s="484" t="s">
        <v>58</v>
      </c>
      <c r="M307" s="484" t="s">
        <v>310</v>
      </c>
      <c r="N307" s="484"/>
      <c r="O307" s="484" t="s">
        <v>551</v>
      </c>
      <c r="P307" s="484" t="s">
        <v>334</v>
      </c>
      <c r="Q307" s="484"/>
      <c r="R307" s="484" t="s">
        <v>225</v>
      </c>
      <c r="S307" s="484" t="s">
        <v>63</v>
      </c>
      <c r="T307" s="484" t="s">
        <v>63</v>
      </c>
      <c r="U307" s="485">
        <v>1901146.4640000002</v>
      </c>
      <c r="V307" s="485"/>
      <c r="W307" s="484" t="s">
        <v>226</v>
      </c>
      <c r="X307" s="484"/>
      <c r="Y307" s="485">
        <v>1901146.4640000002</v>
      </c>
      <c r="Z307" s="484" t="s">
        <v>82</v>
      </c>
      <c r="AA307" s="496"/>
      <c r="AB307" s="496"/>
      <c r="AC307" s="496"/>
      <c r="AD307" s="496"/>
      <c r="AE307" s="496"/>
      <c r="AF307" s="487"/>
      <c r="AG307" s="496"/>
      <c r="AH307" s="496"/>
      <c r="AI307" s="496"/>
      <c r="AJ307" s="496"/>
      <c r="AK307" s="496"/>
      <c r="AL307" s="496"/>
      <c r="AM307" s="496"/>
      <c r="AN307" s="496"/>
      <c r="AO307" s="496"/>
      <c r="AP307" s="496"/>
      <c r="AQ307" s="487" t="s">
        <v>66</v>
      </c>
      <c r="AR307" s="496"/>
      <c r="AS307" s="496"/>
      <c r="AT307" s="496"/>
      <c r="AU307" s="496"/>
      <c r="AV307" s="496"/>
      <c r="AW307" s="496"/>
      <c r="AX307" s="496"/>
      <c r="AY307" s="496"/>
      <c r="AZ307" s="496"/>
      <c r="BA307" s="496"/>
      <c r="BB307" s="496"/>
      <c r="BC307" s="496"/>
      <c r="BD307" s="496"/>
      <c r="BE307" s="496"/>
      <c r="BF307" s="80">
        <f t="shared" si="55"/>
        <v>2385</v>
      </c>
      <c r="BG307" s="76">
        <f>Y307/BF307</f>
        <v>797.1264000000001</v>
      </c>
      <c r="BH307" s="487" t="str">
        <f t="shared" si="61"/>
        <v/>
      </c>
      <c r="BI307" s="487" t="str">
        <f t="shared" si="61"/>
        <v/>
      </c>
      <c r="BJ307" s="487" t="str">
        <f t="shared" si="61"/>
        <v/>
      </c>
      <c r="BK307" s="487" t="str">
        <f t="shared" si="60"/>
        <v/>
      </c>
      <c r="BL307" s="487" t="str">
        <f t="shared" si="60"/>
        <v/>
      </c>
      <c r="BM307" s="487" t="str">
        <f t="shared" si="60"/>
        <v/>
      </c>
      <c r="BN307" s="487" t="str">
        <f t="shared" si="60"/>
        <v/>
      </c>
      <c r="BO307" s="487" t="str">
        <f t="shared" si="60"/>
        <v/>
      </c>
      <c r="BP307" s="487" t="str">
        <f t="shared" si="60"/>
        <v/>
      </c>
      <c r="BQ307" s="487" t="str">
        <f t="shared" si="58"/>
        <v/>
      </c>
      <c r="BR307" s="487" t="str">
        <f t="shared" si="58"/>
        <v/>
      </c>
      <c r="BS307" s="487" t="str">
        <f t="shared" si="58"/>
        <v/>
      </c>
      <c r="BT307" s="487" t="str">
        <f t="shared" si="58"/>
        <v/>
      </c>
      <c r="BU307" s="487" t="str">
        <f t="shared" si="58"/>
        <v/>
      </c>
      <c r="BV307" s="487" t="str">
        <f t="shared" si="58"/>
        <v/>
      </c>
      <c r="BW307" s="487" t="str">
        <f t="shared" si="58"/>
        <v/>
      </c>
      <c r="BX307" s="487">
        <f t="shared" si="58"/>
        <v>1901146.4640000002</v>
      </c>
      <c r="BY307" s="487" t="str">
        <f t="shared" si="58"/>
        <v/>
      </c>
      <c r="BZ307" s="487" t="str">
        <f t="shared" si="58"/>
        <v/>
      </c>
      <c r="CA307" s="487" t="str">
        <f t="shared" si="58"/>
        <v/>
      </c>
      <c r="CB307" s="487" t="str">
        <f t="shared" si="58"/>
        <v/>
      </c>
      <c r="CC307" s="487" t="str">
        <f t="shared" si="63"/>
        <v/>
      </c>
      <c r="CD307" s="487" t="str">
        <f t="shared" si="63"/>
        <v/>
      </c>
      <c r="CE307" s="487" t="str">
        <f t="shared" si="63"/>
        <v/>
      </c>
      <c r="CF307" s="487" t="str">
        <f t="shared" si="63"/>
        <v/>
      </c>
      <c r="CG307" s="487" t="str">
        <f t="shared" si="63"/>
        <v/>
      </c>
      <c r="CH307" s="487" t="str">
        <f t="shared" si="63"/>
        <v/>
      </c>
      <c r="CI307" s="487" t="str">
        <f t="shared" si="50"/>
        <v/>
      </c>
      <c r="CJ307" s="487" t="str">
        <f t="shared" si="50"/>
        <v/>
      </c>
      <c r="CK307" s="487" t="str">
        <f t="shared" si="50"/>
        <v/>
      </c>
      <c r="CL307" s="487" t="str">
        <f t="shared" si="50"/>
        <v/>
      </c>
      <c r="CM307" s="487"/>
      <c r="CN307" s="487"/>
      <c r="CO307" s="487"/>
      <c r="CP307" s="487"/>
      <c r="CQ307" s="487"/>
      <c r="CR307" s="487"/>
      <c r="CS307" s="487"/>
      <c r="CT307" s="487"/>
      <c r="CU307" s="487"/>
      <c r="CV307" s="487"/>
      <c r="CW307" s="487"/>
      <c r="CX307" s="487"/>
      <c r="CY307" s="487"/>
      <c r="CZ307" s="487"/>
      <c r="DA307" s="487"/>
      <c r="DB307" s="487"/>
      <c r="DC307" s="487"/>
      <c r="DD307" s="487"/>
      <c r="DE307" s="487"/>
      <c r="DF307" s="487"/>
      <c r="DG307" s="487"/>
      <c r="DH307" s="487"/>
      <c r="DI307" s="484"/>
      <c r="DJ307" s="484"/>
      <c r="DK307" s="484"/>
    </row>
    <row r="308" spans="1:115" s="354" customFormat="1" ht="56.1" hidden="1" customHeight="1" x14ac:dyDescent="0.2">
      <c r="A308" s="494"/>
      <c r="B308" s="494"/>
      <c r="C308" s="481">
        <v>532</v>
      </c>
      <c r="D308" s="481"/>
      <c r="E308" s="481" t="s">
        <v>2481</v>
      </c>
      <c r="F308" s="482" t="s">
        <v>53</v>
      </c>
      <c r="G308" s="482" t="s">
        <v>515</v>
      </c>
      <c r="H308" s="484" t="s">
        <v>521</v>
      </c>
      <c r="I308" s="484" t="s">
        <v>522</v>
      </c>
      <c r="J308" s="484" t="s">
        <v>522</v>
      </c>
      <c r="K308" s="484"/>
      <c r="L308" s="484" t="s">
        <v>58</v>
      </c>
      <c r="M308" s="484" t="s">
        <v>310</v>
      </c>
      <c r="N308" s="484"/>
      <c r="O308" s="484" t="s">
        <v>551</v>
      </c>
      <c r="P308" s="484" t="s">
        <v>334</v>
      </c>
      <c r="Q308" s="484"/>
      <c r="R308" s="484" t="s">
        <v>225</v>
      </c>
      <c r="S308" s="484" t="s">
        <v>63</v>
      </c>
      <c r="T308" s="484" t="s">
        <v>63</v>
      </c>
      <c r="U308" s="485">
        <v>2655569.6639999999</v>
      </c>
      <c r="V308" s="485"/>
      <c r="W308" s="484" t="s">
        <v>226</v>
      </c>
      <c r="X308" s="484"/>
      <c r="Y308" s="485">
        <v>2655569.6639999999</v>
      </c>
      <c r="Z308" s="484" t="s">
        <v>82</v>
      </c>
      <c r="AA308" s="496"/>
      <c r="AB308" s="496"/>
      <c r="AC308" s="496"/>
      <c r="AD308" s="496"/>
      <c r="AE308" s="496"/>
      <c r="AF308" s="487"/>
      <c r="AG308" s="496"/>
      <c r="AH308" s="496"/>
      <c r="AI308" s="496"/>
      <c r="AJ308" s="496"/>
      <c r="AK308" s="496"/>
      <c r="AL308" s="496"/>
      <c r="AM308" s="496"/>
      <c r="AN308" s="496"/>
      <c r="AO308" s="496"/>
      <c r="AP308" s="496"/>
      <c r="AQ308" s="487" t="s">
        <v>66</v>
      </c>
      <c r="AR308" s="496"/>
      <c r="AS308" s="496"/>
      <c r="AT308" s="496"/>
      <c r="AU308" s="496"/>
      <c r="AV308" s="496"/>
      <c r="AW308" s="496"/>
      <c r="AX308" s="496"/>
      <c r="AY308" s="496"/>
      <c r="AZ308" s="496"/>
      <c r="BA308" s="496"/>
      <c r="BB308" s="496"/>
      <c r="BC308" s="496"/>
      <c r="BD308" s="496"/>
      <c r="BE308" s="496"/>
      <c r="BF308" s="80">
        <f t="shared" si="55"/>
        <v>2385</v>
      </c>
      <c r="BG308" s="76">
        <f>Y308/BF308</f>
        <v>1113.4464</v>
      </c>
      <c r="BH308" s="487" t="str">
        <f t="shared" si="61"/>
        <v/>
      </c>
      <c r="BI308" s="487" t="str">
        <f t="shared" si="61"/>
        <v/>
      </c>
      <c r="BJ308" s="487" t="str">
        <f t="shared" si="61"/>
        <v/>
      </c>
      <c r="BK308" s="487" t="str">
        <f t="shared" si="60"/>
        <v/>
      </c>
      <c r="BL308" s="487" t="str">
        <f t="shared" si="60"/>
        <v/>
      </c>
      <c r="BM308" s="487" t="str">
        <f t="shared" si="60"/>
        <v/>
      </c>
      <c r="BN308" s="487" t="str">
        <f t="shared" si="60"/>
        <v/>
      </c>
      <c r="BO308" s="487" t="str">
        <f t="shared" si="60"/>
        <v/>
      </c>
      <c r="BP308" s="487" t="str">
        <f t="shared" si="60"/>
        <v/>
      </c>
      <c r="BQ308" s="487" t="str">
        <f t="shared" si="58"/>
        <v/>
      </c>
      <c r="BR308" s="487" t="str">
        <f t="shared" si="58"/>
        <v/>
      </c>
      <c r="BS308" s="487" t="str">
        <f t="shared" si="58"/>
        <v/>
      </c>
      <c r="BT308" s="487" t="str">
        <f t="shared" si="58"/>
        <v/>
      </c>
      <c r="BU308" s="487" t="str">
        <f t="shared" si="58"/>
        <v/>
      </c>
      <c r="BV308" s="487" t="str">
        <f t="shared" si="58"/>
        <v/>
      </c>
      <c r="BW308" s="487" t="str">
        <f t="shared" si="58"/>
        <v/>
      </c>
      <c r="BX308" s="487">
        <f t="shared" si="58"/>
        <v>2655569.6639999999</v>
      </c>
      <c r="BY308" s="487" t="str">
        <f t="shared" si="58"/>
        <v/>
      </c>
      <c r="BZ308" s="487" t="str">
        <f t="shared" si="58"/>
        <v/>
      </c>
      <c r="CA308" s="487" t="str">
        <f t="shared" si="58"/>
        <v/>
      </c>
      <c r="CB308" s="487" t="str">
        <f t="shared" si="58"/>
        <v/>
      </c>
      <c r="CC308" s="487" t="str">
        <f t="shared" si="63"/>
        <v/>
      </c>
      <c r="CD308" s="487" t="str">
        <f t="shared" si="63"/>
        <v/>
      </c>
      <c r="CE308" s="487" t="str">
        <f t="shared" si="63"/>
        <v/>
      </c>
      <c r="CF308" s="487" t="str">
        <f t="shared" si="63"/>
        <v/>
      </c>
      <c r="CG308" s="487" t="str">
        <f t="shared" si="63"/>
        <v/>
      </c>
      <c r="CH308" s="487" t="str">
        <f t="shared" si="63"/>
        <v/>
      </c>
      <c r="CI308" s="487" t="str">
        <f t="shared" si="50"/>
        <v/>
      </c>
      <c r="CJ308" s="487" t="str">
        <f t="shared" si="50"/>
        <v/>
      </c>
      <c r="CK308" s="487" t="str">
        <f t="shared" si="50"/>
        <v/>
      </c>
      <c r="CL308" s="487" t="str">
        <f t="shared" si="50"/>
        <v/>
      </c>
      <c r="CM308" s="487"/>
      <c r="CN308" s="487"/>
      <c r="CO308" s="487"/>
      <c r="CP308" s="487"/>
      <c r="CQ308" s="487"/>
      <c r="CR308" s="487"/>
      <c r="CS308" s="487"/>
      <c r="CT308" s="487"/>
      <c r="CU308" s="487"/>
      <c r="CV308" s="487"/>
      <c r="CW308" s="487"/>
      <c r="CX308" s="487"/>
      <c r="CY308" s="487"/>
      <c r="CZ308" s="487"/>
      <c r="DA308" s="487"/>
      <c r="DB308" s="487"/>
      <c r="DC308" s="487"/>
      <c r="DD308" s="487"/>
      <c r="DE308" s="487"/>
      <c r="DF308" s="487"/>
      <c r="DG308" s="487"/>
      <c r="DH308" s="487"/>
      <c r="DI308" s="484"/>
      <c r="DJ308" s="484"/>
      <c r="DK308" s="484"/>
    </row>
    <row r="309" spans="1:115" s="354" customFormat="1" ht="56.1" hidden="1" customHeight="1" x14ac:dyDescent="0.2">
      <c r="A309" s="494"/>
      <c r="B309" s="494"/>
      <c r="C309" s="481">
        <v>533</v>
      </c>
      <c r="D309" s="481"/>
      <c r="E309" s="481" t="s">
        <v>2481</v>
      </c>
      <c r="F309" s="482" t="s">
        <v>53</v>
      </c>
      <c r="G309" s="482" t="s">
        <v>515</v>
      </c>
      <c r="H309" s="484" t="s">
        <v>523</v>
      </c>
      <c r="I309" s="484" t="s">
        <v>579</v>
      </c>
      <c r="J309" s="484" t="s">
        <v>579</v>
      </c>
      <c r="K309" s="484"/>
      <c r="L309" s="484" t="s">
        <v>58</v>
      </c>
      <c r="M309" s="484" t="s">
        <v>310</v>
      </c>
      <c r="N309" s="484"/>
      <c r="O309" s="484" t="s">
        <v>8</v>
      </c>
      <c r="P309" s="484" t="s">
        <v>525</v>
      </c>
      <c r="Q309" s="484"/>
      <c r="R309" s="484" t="s">
        <v>225</v>
      </c>
      <c r="S309" s="484" t="s">
        <v>63</v>
      </c>
      <c r="T309" s="484" t="s">
        <v>63</v>
      </c>
      <c r="U309" s="485">
        <v>0</v>
      </c>
      <c r="V309" s="485"/>
      <c r="W309" s="484" t="s">
        <v>226</v>
      </c>
      <c r="X309" s="484"/>
      <c r="Y309" s="485">
        <v>0</v>
      </c>
      <c r="Z309" s="484" t="s">
        <v>82</v>
      </c>
      <c r="AA309" s="496"/>
      <c r="AB309" s="496"/>
      <c r="AC309" s="496"/>
      <c r="AD309" s="496"/>
      <c r="AE309" s="496"/>
      <c r="AF309" s="487"/>
      <c r="AG309" s="496"/>
      <c r="AH309" s="496"/>
      <c r="AI309" s="496"/>
      <c r="AJ309" s="496"/>
      <c r="AK309" s="496"/>
      <c r="AL309" s="496"/>
      <c r="AM309" s="496"/>
      <c r="AN309" s="496"/>
      <c r="AO309" s="496"/>
      <c r="AP309" s="496"/>
      <c r="AQ309" s="487" t="s">
        <v>66</v>
      </c>
      <c r="AR309" s="496"/>
      <c r="AS309" s="496"/>
      <c r="AT309" s="496"/>
      <c r="AU309" s="496"/>
      <c r="AV309" s="496"/>
      <c r="AW309" s="496"/>
      <c r="AX309" s="496"/>
      <c r="AY309" s="496"/>
      <c r="AZ309" s="496"/>
      <c r="BA309" s="496"/>
      <c r="BB309" s="496"/>
      <c r="BC309" s="496"/>
      <c r="BD309" s="496"/>
      <c r="BE309" s="496"/>
      <c r="BF309" s="80">
        <f t="shared" si="55"/>
        <v>2385</v>
      </c>
      <c r="BG309" s="76"/>
      <c r="BH309" s="487" t="str">
        <f t="shared" si="61"/>
        <v/>
      </c>
      <c r="BI309" s="487" t="str">
        <f t="shared" si="61"/>
        <v/>
      </c>
      <c r="BJ309" s="487" t="str">
        <f t="shared" si="61"/>
        <v/>
      </c>
      <c r="BK309" s="487" t="str">
        <f t="shared" si="60"/>
        <v/>
      </c>
      <c r="BL309" s="487" t="str">
        <f t="shared" si="60"/>
        <v/>
      </c>
      <c r="BM309" s="487" t="str">
        <f t="shared" si="60"/>
        <v/>
      </c>
      <c r="BN309" s="487" t="str">
        <f t="shared" si="60"/>
        <v/>
      </c>
      <c r="BO309" s="487" t="str">
        <f t="shared" si="60"/>
        <v/>
      </c>
      <c r="BP309" s="487" t="str">
        <f t="shared" si="60"/>
        <v/>
      </c>
      <c r="BQ309" s="487" t="str">
        <f t="shared" si="58"/>
        <v/>
      </c>
      <c r="BR309" s="487" t="str">
        <f t="shared" si="58"/>
        <v/>
      </c>
      <c r="BS309" s="487" t="str">
        <f t="shared" si="58"/>
        <v/>
      </c>
      <c r="BT309" s="487" t="str">
        <f t="shared" si="58"/>
        <v/>
      </c>
      <c r="BU309" s="487" t="str">
        <f t="shared" si="58"/>
        <v/>
      </c>
      <c r="BV309" s="487" t="str">
        <f t="shared" si="58"/>
        <v/>
      </c>
      <c r="BW309" s="487" t="str">
        <f t="shared" si="58"/>
        <v/>
      </c>
      <c r="BX309" s="487">
        <f t="shared" si="58"/>
        <v>0</v>
      </c>
      <c r="BY309" s="487" t="str">
        <f t="shared" si="58"/>
        <v/>
      </c>
      <c r="BZ309" s="487" t="str">
        <f t="shared" si="58"/>
        <v/>
      </c>
      <c r="CA309" s="487" t="str">
        <f t="shared" si="58"/>
        <v/>
      </c>
      <c r="CB309" s="487" t="str">
        <f t="shared" si="58"/>
        <v/>
      </c>
      <c r="CC309" s="487" t="str">
        <f t="shared" si="63"/>
        <v/>
      </c>
      <c r="CD309" s="487" t="str">
        <f t="shared" si="63"/>
        <v/>
      </c>
      <c r="CE309" s="487" t="str">
        <f t="shared" si="63"/>
        <v/>
      </c>
      <c r="CF309" s="487" t="str">
        <f t="shared" si="63"/>
        <v/>
      </c>
      <c r="CG309" s="487" t="str">
        <f t="shared" si="63"/>
        <v/>
      </c>
      <c r="CH309" s="487" t="str">
        <f t="shared" si="63"/>
        <v/>
      </c>
      <c r="CI309" s="487" t="str">
        <f t="shared" si="50"/>
        <v/>
      </c>
      <c r="CJ309" s="487" t="str">
        <f t="shared" si="50"/>
        <v/>
      </c>
      <c r="CK309" s="487" t="str">
        <f t="shared" si="50"/>
        <v/>
      </c>
      <c r="CL309" s="487" t="str">
        <f t="shared" si="50"/>
        <v/>
      </c>
      <c r="CM309" s="487"/>
      <c r="CN309" s="487"/>
      <c r="CO309" s="487"/>
      <c r="CP309" s="487"/>
      <c r="CQ309" s="487"/>
      <c r="CR309" s="487"/>
      <c r="CS309" s="487"/>
      <c r="CT309" s="487"/>
      <c r="CU309" s="487"/>
      <c r="CV309" s="487"/>
      <c r="CW309" s="487"/>
      <c r="CX309" s="487"/>
      <c r="CY309" s="487"/>
      <c r="CZ309" s="487"/>
      <c r="DA309" s="487"/>
      <c r="DB309" s="487"/>
      <c r="DC309" s="487"/>
      <c r="DD309" s="487"/>
      <c r="DE309" s="487"/>
      <c r="DF309" s="487"/>
      <c r="DG309" s="487"/>
      <c r="DH309" s="487"/>
      <c r="DI309" s="484"/>
      <c r="DJ309" s="484"/>
      <c r="DK309" s="484"/>
    </row>
    <row r="310" spans="1:115" s="354" customFormat="1" ht="56.1" hidden="1" customHeight="1" x14ac:dyDescent="0.2">
      <c r="A310" s="494"/>
      <c r="B310" s="494"/>
      <c r="C310" s="481">
        <v>534</v>
      </c>
      <c r="D310" s="481"/>
      <c r="E310" s="481" t="s">
        <v>2481</v>
      </c>
      <c r="F310" s="482" t="s">
        <v>53</v>
      </c>
      <c r="G310" s="482" t="s">
        <v>515</v>
      </c>
      <c r="H310" s="484" t="s">
        <v>539</v>
      </c>
      <c r="I310" s="484" t="s">
        <v>527</v>
      </c>
      <c r="J310" s="484" t="s">
        <v>527</v>
      </c>
      <c r="K310" s="484"/>
      <c r="L310" s="484" t="s">
        <v>58</v>
      </c>
      <c r="M310" s="484" t="s">
        <v>310</v>
      </c>
      <c r="N310" s="484"/>
      <c r="O310" s="484" t="s">
        <v>8</v>
      </c>
      <c r="P310" s="484" t="s">
        <v>525</v>
      </c>
      <c r="Q310" s="484"/>
      <c r="R310" s="484" t="s">
        <v>225</v>
      </c>
      <c r="S310" s="484" t="s">
        <v>63</v>
      </c>
      <c r="T310" s="484" t="s">
        <v>63</v>
      </c>
      <c r="U310" s="485">
        <v>0</v>
      </c>
      <c r="V310" s="485"/>
      <c r="W310" s="484" t="s">
        <v>226</v>
      </c>
      <c r="X310" s="484"/>
      <c r="Y310" s="485">
        <v>0</v>
      </c>
      <c r="Z310" s="484" t="s">
        <v>82</v>
      </c>
      <c r="AA310" s="496"/>
      <c r="AB310" s="496"/>
      <c r="AC310" s="496"/>
      <c r="AD310" s="496"/>
      <c r="AE310" s="496"/>
      <c r="AF310" s="487"/>
      <c r="AG310" s="496"/>
      <c r="AH310" s="496"/>
      <c r="AI310" s="496"/>
      <c r="AJ310" s="496"/>
      <c r="AK310" s="496"/>
      <c r="AL310" s="496"/>
      <c r="AM310" s="496"/>
      <c r="AN310" s="496"/>
      <c r="AO310" s="496"/>
      <c r="AP310" s="496"/>
      <c r="AQ310" s="487" t="s">
        <v>66</v>
      </c>
      <c r="AR310" s="496"/>
      <c r="AS310" s="496"/>
      <c r="AT310" s="496"/>
      <c r="AU310" s="496"/>
      <c r="AV310" s="496"/>
      <c r="AW310" s="496"/>
      <c r="AX310" s="496"/>
      <c r="AY310" s="496"/>
      <c r="AZ310" s="496"/>
      <c r="BA310" s="496"/>
      <c r="BB310" s="496"/>
      <c r="BC310" s="496"/>
      <c r="BD310" s="496"/>
      <c r="BE310" s="496"/>
      <c r="BF310" s="80">
        <f t="shared" si="55"/>
        <v>2385</v>
      </c>
      <c r="BG310" s="76"/>
      <c r="BH310" s="487" t="str">
        <f t="shared" si="61"/>
        <v/>
      </c>
      <c r="BI310" s="487" t="str">
        <f t="shared" si="61"/>
        <v/>
      </c>
      <c r="BJ310" s="487" t="str">
        <f t="shared" si="61"/>
        <v/>
      </c>
      <c r="BK310" s="487" t="str">
        <f t="shared" si="60"/>
        <v/>
      </c>
      <c r="BL310" s="487" t="str">
        <f t="shared" si="60"/>
        <v/>
      </c>
      <c r="BM310" s="487" t="str">
        <f t="shared" si="60"/>
        <v/>
      </c>
      <c r="BN310" s="487" t="str">
        <f t="shared" si="60"/>
        <v/>
      </c>
      <c r="BO310" s="487" t="str">
        <f t="shared" si="60"/>
        <v/>
      </c>
      <c r="BP310" s="487" t="str">
        <f t="shared" si="60"/>
        <v/>
      </c>
      <c r="BQ310" s="487" t="str">
        <f t="shared" si="60"/>
        <v/>
      </c>
      <c r="BR310" s="487" t="str">
        <f t="shared" si="60"/>
        <v/>
      </c>
      <c r="BS310" s="487" t="str">
        <f t="shared" si="60"/>
        <v/>
      </c>
      <c r="BT310" s="487" t="str">
        <f t="shared" si="60"/>
        <v/>
      </c>
      <c r="BU310" s="487" t="str">
        <f t="shared" si="60"/>
        <v/>
      </c>
      <c r="BV310" s="487" t="str">
        <f t="shared" si="60"/>
        <v/>
      </c>
      <c r="BW310" s="487" t="str">
        <f t="shared" si="60"/>
        <v/>
      </c>
      <c r="BX310" s="487">
        <f t="shared" si="60"/>
        <v>0</v>
      </c>
      <c r="BY310" s="487" t="str">
        <f t="shared" si="60"/>
        <v/>
      </c>
      <c r="BZ310" s="487" t="str">
        <f t="shared" si="60"/>
        <v/>
      </c>
      <c r="CA310" s="487" t="str">
        <f t="shared" ref="CA310:CK369" si="64">IF(AT310="yes",(AT$2*$BG310),"")</f>
        <v/>
      </c>
      <c r="CB310" s="487" t="str">
        <f t="shared" si="64"/>
        <v/>
      </c>
      <c r="CC310" s="487" t="str">
        <f t="shared" si="63"/>
        <v/>
      </c>
      <c r="CD310" s="487" t="str">
        <f t="shared" si="63"/>
        <v/>
      </c>
      <c r="CE310" s="487" t="str">
        <f t="shared" si="63"/>
        <v/>
      </c>
      <c r="CF310" s="487" t="str">
        <f t="shared" si="63"/>
        <v/>
      </c>
      <c r="CG310" s="487" t="str">
        <f t="shared" si="63"/>
        <v/>
      </c>
      <c r="CH310" s="487" t="str">
        <f t="shared" si="63"/>
        <v/>
      </c>
      <c r="CI310" s="487" t="str">
        <f t="shared" si="50"/>
        <v/>
      </c>
      <c r="CJ310" s="487" t="str">
        <f t="shared" si="50"/>
        <v/>
      </c>
      <c r="CK310" s="487" t="str">
        <f t="shared" si="50"/>
        <v/>
      </c>
      <c r="CL310" s="487" t="str">
        <f t="shared" si="50"/>
        <v/>
      </c>
      <c r="CM310" s="487"/>
      <c r="CN310" s="487"/>
      <c r="CO310" s="487"/>
      <c r="CP310" s="487"/>
      <c r="CQ310" s="487"/>
      <c r="CR310" s="487"/>
      <c r="CS310" s="487"/>
      <c r="CT310" s="487"/>
      <c r="CU310" s="487"/>
      <c r="CV310" s="487"/>
      <c r="CW310" s="487"/>
      <c r="CX310" s="487"/>
      <c r="CY310" s="487"/>
      <c r="CZ310" s="487"/>
      <c r="DA310" s="487"/>
      <c r="DB310" s="487"/>
      <c r="DC310" s="487"/>
      <c r="DD310" s="487"/>
      <c r="DE310" s="487"/>
      <c r="DF310" s="487"/>
      <c r="DG310" s="487"/>
      <c r="DH310" s="487"/>
      <c r="DI310" s="484"/>
      <c r="DJ310" s="484"/>
      <c r="DK310" s="484"/>
    </row>
    <row r="311" spans="1:115" s="354" customFormat="1" ht="56.1" hidden="1" customHeight="1" x14ac:dyDescent="0.2">
      <c r="A311" s="494"/>
      <c r="B311" s="494"/>
      <c r="C311" s="481">
        <v>535</v>
      </c>
      <c r="D311" s="481"/>
      <c r="E311" s="481" t="s">
        <v>2481</v>
      </c>
      <c r="F311" s="482" t="s">
        <v>53</v>
      </c>
      <c r="G311" s="482" t="s">
        <v>515</v>
      </c>
      <c r="H311" s="484" t="s">
        <v>528</v>
      </c>
      <c r="I311" s="484" t="s">
        <v>529</v>
      </c>
      <c r="J311" s="484" t="s">
        <v>529</v>
      </c>
      <c r="K311" s="484"/>
      <c r="L311" s="484" t="s">
        <v>58</v>
      </c>
      <c r="M311" s="484" t="s">
        <v>310</v>
      </c>
      <c r="N311" s="484"/>
      <c r="O311" s="484" t="s">
        <v>8</v>
      </c>
      <c r="P311" s="484" t="s">
        <v>525</v>
      </c>
      <c r="Q311" s="484"/>
      <c r="R311" s="484" t="s">
        <v>225</v>
      </c>
      <c r="S311" s="484" t="s">
        <v>63</v>
      </c>
      <c r="T311" s="484" t="s">
        <v>63</v>
      </c>
      <c r="U311" s="485">
        <v>0</v>
      </c>
      <c r="V311" s="485"/>
      <c r="W311" s="484" t="s">
        <v>226</v>
      </c>
      <c r="X311" s="484"/>
      <c r="Y311" s="485">
        <v>0</v>
      </c>
      <c r="Z311" s="484" t="s">
        <v>82</v>
      </c>
      <c r="AA311" s="496"/>
      <c r="AB311" s="496"/>
      <c r="AC311" s="496"/>
      <c r="AD311" s="496"/>
      <c r="AE311" s="496"/>
      <c r="AF311" s="487"/>
      <c r="AG311" s="496"/>
      <c r="AH311" s="496"/>
      <c r="AI311" s="496"/>
      <c r="AJ311" s="496"/>
      <c r="AK311" s="496"/>
      <c r="AL311" s="496"/>
      <c r="AM311" s="496"/>
      <c r="AN311" s="496"/>
      <c r="AO311" s="496"/>
      <c r="AP311" s="496"/>
      <c r="AQ311" s="487" t="s">
        <v>66</v>
      </c>
      <c r="AR311" s="496"/>
      <c r="AS311" s="496"/>
      <c r="AT311" s="496"/>
      <c r="AU311" s="496"/>
      <c r="AV311" s="496"/>
      <c r="AW311" s="496"/>
      <c r="AX311" s="496"/>
      <c r="AY311" s="496"/>
      <c r="AZ311" s="496"/>
      <c r="BA311" s="496"/>
      <c r="BB311" s="496"/>
      <c r="BC311" s="496"/>
      <c r="BD311" s="496"/>
      <c r="BE311" s="496"/>
      <c r="BF311" s="80">
        <f t="shared" si="55"/>
        <v>2385</v>
      </c>
      <c r="BG311" s="76"/>
      <c r="BH311" s="487" t="str">
        <f t="shared" si="61"/>
        <v/>
      </c>
      <c r="BI311" s="487" t="str">
        <f t="shared" si="61"/>
        <v/>
      </c>
      <c r="BJ311" s="487" t="str">
        <f t="shared" si="61"/>
        <v/>
      </c>
      <c r="BK311" s="487" t="str">
        <f t="shared" si="60"/>
        <v/>
      </c>
      <c r="BL311" s="487" t="str">
        <f t="shared" si="60"/>
        <v/>
      </c>
      <c r="BM311" s="487" t="str">
        <f t="shared" si="60"/>
        <v/>
      </c>
      <c r="BN311" s="487" t="str">
        <f t="shared" si="60"/>
        <v/>
      </c>
      <c r="BO311" s="487" t="str">
        <f t="shared" si="60"/>
        <v/>
      </c>
      <c r="BP311" s="487" t="str">
        <f t="shared" si="60"/>
        <v/>
      </c>
      <c r="BQ311" s="487" t="str">
        <f t="shared" si="60"/>
        <v/>
      </c>
      <c r="BR311" s="487" t="str">
        <f t="shared" si="60"/>
        <v/>
      </c>
      <c r="BS311" s="487" t="str">
        <f t="shared" si="60"/>
        <v/>
      </c>
      <c r="BT311" s="487" t="str">
        <f t="shared" si="60"/>
        <v/>
      </c>
      <c r="BU311" s="487" t="str">
        <f t="shared" si="60"/>
        <v/>
      </c>
      <c r="BV311" s="487" t="str">
        <f t="shared" si="60"/>
        <v/>
      </c>
      <c r="BW311" s="487" t="str">
        <f t="shared" si="60"/>
        <v/>
      </c>
      <c r="BX311" s="487">
        <f t="shared" si="60"/>
        <v>0</v>
      </c>
      <c r="BY311" s="487" t="str">
        <f t="shared" si="60"/>
        <v/>
      </c>
      <c r="BZ311" s="487" t="str">
        <f t="shared" si="60"/>
        <v/>
      </c>
      <c r="CA311" s="487" t="str">
        <f t="shared" si="64"/>
        <v/>
      </c>
      <c r="CB311" s="487" t="str">
        <f t="shared" si="64"/>
        <v/>
      </c>
      <c r="CC311" s="487" t="str">
        <f t="shared" si="63"/>
        <v/>
      </c>
      <c r="CD311" s="487" t="str">
        <f t="shared" si="63"/>
        <v/>
      </c>
      <c r="CE311" s="487" t="str">
        <f t="shared" si="63"/>
        <v/>
      </c>
      <c r="CF311" s="487" t="str">
        <f t="shared" si="63"/>
        <v/>
      </c>
      <c r="CG311" s="487" t="str">
        <f t="shared" si="63"/>
        <v/>
      </c>
      <c r="CH311" s="487" t="str">
        <f t="shared" si="63"/>
        <v/>
      </c>
      <c r="CI311" s="487" t="str">
        <f t="shared" si="50"/>
        <v/>
      </c>
      <c r="CJ311" s="487" t="str">
        <f t="shared" si="50"/>
        <v/>
      </c>
      <c r="CK311" s="487" t="str">
        <f t="shared" si="50"/>
        <v/>
      </c>
      <c r="CL311" s="487" t="str">
        <f t="shared" si="50"/>
        <v/>
      </c>
      <c r="CM311" s="487"/>
      <c r="CN311" s="487"/>
      <c r="CO311" s="487"/>
      <c r="CP311" s="487"/>
      <c r="CQ311" s="487"/>
      <c r="CR311" s="487"/>
      <c r="CS311" s="487"/>
      <c r="CT311" s="487"/>
      <c r="CU311" s="487"/>
      <c r="CV311" s="487"/>
      <c r="CW311" s="487"/>
      <c r="CX311" s="487"/>
      <c r="CY311" s="487"/>
      <c r="CZ311" s="487"/>
      <c r="DA311" s="487"/>
      <c r="DB311" s="487"/>
      <c r="DC311" s="487"/>
      <c r="DD311" s="487"/>
      <c r="DE311" s="487"/>
      <c r="DF311" s="487"/>
      <c r="DG311" s="487"/>
      <c r="DH311" s="487"/>
      <c r="DI311" s="484"/>
      <c r="DJ311" s="484"/>
      <c r="DK311" s="484"/>
    </row>
    <row r="312" spans="1:115" s="354" customFormat="1" ht="56.1" hidden="1" customHeight="1" x14ac:dyDescent="0.2">
      <c r="A312" s="494"/>
      <c r="B312" s="494"/>
      <c r="C312" s="481">
        <v>536</v>
      </c>
      <c r="D312" s="481"/>
      <c r="E312" s="481" t="s">
        <v>2481</v>
      </c>
      <c r="F312" s="482" t="s">
        <v>53</v>
      </c>
      <c r="G312" s="482" t="s">
        <v>515</v>
      </c>
      <c r="H312" s="484" t="s">
        <v>530</v>
      </c>
      <c r="I312" s="484" t="s">
        <v>532</v>
      </c>
      <c r="J312" s="484" t="s">
        <v>532</v>
      </c>
      <c r="K312" s="484"/>
      <c r="L312" s="484" t="s">
        <v>58</v>
      </c>
      <c r="M312" s="484" t="s">
        <v>310</v>
      </c>
      <c r="N312" s="484"/>
      <c r="O312" s="484" t="s">
        <v>8</v>
      </c>
      <c r="P312" s="484" t="s">
        <v>525</v>
      </c>
      <c r="Q312" s="484"/>
      <c r="R312" s="484" t="s">
        <v>225</v>
      </c>
      <c r="S312" s="484" t="s">
        <v>63</v>
      </c>
      <c r="T312" s="484" t="s">
        <v>63</v>
      </c>
      <c r="U312" s="485">
        <v>0</v>
      </c>
      <c r="V312" s="485"/>
      <c r="W312" s="484" t="s">
        <v>226</v>
      </c>
      <c r="X312" s="484"/>
      <c r="Y312" s="485">
        <v>0</v>
      </c>
      <c r="Z312" s="484" t="s">
        <v>82</v>
      </c>
      <c r="AA312" s="496"/>
      <c r="AB312" s="496"/>
      <c r="AC312" s="496"/>
      <c r="AD312" s="496"/>
      <c r="AE312" s="496"/>
      <c r="AF312" s="487"/>
      <c r="AG312" s="496"/>
      <c r="AH312" s="496"/>
      <c r="AI312" s="496"/>
      <c r="AJ312" s="496"/>
      <c r="AK312" s="496"/>
      <c r="AL312" s="496"/>
      <c r="AM312" s="496"/>
      <c r="AN312" s="496"/>
      <c r="AO312" s="496"/>
      <c r="AP312" s="496"/>
      <c r="AQ312" s="487" t="s">
        <v>66</v>
      </c>
      <c r="AR312" s="496"/>
      <c r="AS312" s="496"/>
      <c r="AT312" s="496"/>
      <c r="AU312" s="496"/>
      <c r="AV312" s="496"/>
      <c r="AW312" s="496"/>
      <c r="AX312" s="496"/>
      <c r="AY312" s="496"/>
      <c r="AZ312" s="496"/>
      <c r="BA312" s="496"/>
      <c r="BB312" s="496"/>
      <c r="BC312" s="496"/>
      <c r="BD312" s="496"/>
      <c r="BE312" s="496"/>
      <c r="BF312" s="80">
        <f t="shared" si="55"/>
        <v>2385</v>
      </c>
      <c r="BG312" s="76"/>
      <c r="BH312" s="487" t="str">
        <f t="shared" si="61"/>
        <v/>
      </c>
      <c r="BI312" s="487" t="str">
        <f t="shared" si="61"/>
        <v/>
      </c>
      <c r="BJ312" s="487" t="str">
        <f t="shared" si="61"/>
        <v/>
      </c>
      <c r="BK312" s="487" t="str">
        <f t="shared" si="60"/>
        <v/>
      </c>
      <c r="BL312" s="487" t="str">
        <f t="shared" si="60"/>
        <v/>
      </c>
      <c r="BM312" s="487" t="str">
        <f t="shared" si="60"/>
        <v/>
      </c>
      <c r="BN312" s="487" t="str">
        <f t="shared" si="60"/>
        <v/>
      </c>
      <c r="BO312" s="487" t="str">
        <f t="shared" si="60"/>
        <v/>
      </c>
      <c r="BP312" s="487" t="str">
        <f t="shared" si="60"/>
        <v/>
      </c>
      <c r="BQ312" s="487" t="str">
        <f t="shared" si="60"/>
        <v/>
      </c>
      <c r="BR312" s="487" t="str">
        <f t="shared" si="60"/>
        <v/>
      </c>
      <c r="BS312" s="487" t="str">
        <f t="shared" si="60"/>
        <v/>
      </c>
      <c r="BT312" s="487" t="str">
        <f t="shared" si="60"/>
        <v/>
      </c>
      <c r="BU312" s="487" t="str">
        <f t="shared" si="60"/>
        <v/>
      </c>
      <c r="BV312" s="487" t="str">
        <f t="shared" si="60"/>
        <v/>
      </c>
      <c r="BW312" s="487" t="str">
        <f t="shared" si="60"/>
        <v/>
      </c>
      <c r="BX312" s="487">
        <f t="shared" si="60"/>
        <v>0</v>
      </c>
      <c r="BY312" s="487" t="str">
        <f t="shared" si="60"/>
        <v/>
      </c>
      <c r="BZ312" s="487" t="str">
        <f t="shared" si="60"/>
        <v/>
      </c>
      <c r="CA312" s="487" t="str">
        <f t="shared" si="64"/>
        <v/>
      </c>
      <c r="CB312" s="487" t="str">
        <f t="shared" si="64"/>
        <v/>
      </c>
      <c r="CC312" s="487" t="str">
        <f t="shared" si="63"/>
        <v/>
      </c>
      <c r="CD312" s="487" t="str">
        <f t="shared" si="63"/>
        <v/>
      </c>
      <c r="CE312" s="487" t="str">
        <f t="shared" si="63"/>
        <v/>
      </c>
      <c r="CF312" s="487" t="str">
        <f t="shared" si="63"/>
        <v/>
      </c>
      <c r="CG312" s="487" t="str">
        <f t="shared" si="63"/>
        <v/>
      </c>
      <c r="CH312" s="487" t="str">
        <f t="shared" si="63"/>
        <v/>
      </c>
      <c r="CI312" s="487" t="str">
        <f t="shared" si="50"/>
        <v/>
      </c>
      <c r="CJ312" s="487" t="str">
        <f t="shared" si="50"/>
        <v/>
      </c>
      <c r="CK312" s="487" t="str">
        <f t="shared" si="50"/>
        <v/>
      </c>
      <c r="CL312" s="487" t="str">
        <f t="shared" si="50"/>
        <v/>
      </c>
      <c r="CM312" s="487"/>
      <c r="CN312" s="487"/>
      <c r="CO312" s="487"/>
      <c r="CP312" s="487"/>
      <c r="CQ312" s="487"/>
      <c r="CR312" s="487"/>
      <c r="CS312" s="487"/>
      <c r="CT312" s="487"/>
      <c r="CU312" s="487"/>
      <c r="CV312" s="487"/>
      <c r="CW312" s="487"/>
      <c r="CX312" s="487"/>
      <c r="CY312" s="487"/>
      <c r="CZ312" s="487"/>
      <c r="DA312" s="487"/>
      <c r="DB312" s="487"/>
      <c r="DC312" s="487"/>
      <c r="DD312" s="487"/>
      <c r="DE312" s="487"/>
      <c r="DF312" s="487"/>
      <c r="DG312" s="487"/>
      <c r="DH312" s="487"/>
      <c r="DI312" s="484"/>
      <c r="DJ312" s="484"/>
      <c r="DK312" s="484"/>
    </row>
    <row r="313" spans="1:115" s="354" customFormat="1" ht="56.1" hidden="1" customHeight="1" x14ac:dyDescent="0.2">
      <c r="A313" s="494"/>
      <c r="B313" s="494"/>
      <c r="C313" s="481">
        <v>537</v>
      </c>
      <c r="D313" s="481"/>
      <c r="E313" s="481" t="s">
        <v>2481</v>
      </c>
      <c r="F313" s="482" t="s">
        <v>53</v>
      </c>
      <c r="G313" s="482" t="s">
        <v>515</v>
      </c>
      <c r="H313" s="484" t="s">
        <v>533</v>
      </c>
      <c r="I313" s="484" t="s">
        <v>534</v>
      </c>
      <c r="J313" s="484" t="s">
        <v>534</v>
      </c>
      <c r="K313" s="484"/>
      <c r="L313" s="484" t="s">
        <v>58</v>
      </c>
      <c r="M313" s="484" t="s">
        <v>310</v>
      </c>
      <c r="N313" s="484"/>
      <c r="O313" s="484" t="s">
        <v>551</v>
      </c>
      <c r="P313" s="484" t="s">
        <v>334</v>
      </c>
      <c r="Q313" s="484"/>
      <c r="R313" s="484" t="s">
        <v>225</v>
      </c>
      <c r="S313" s="484" t="s">
        <v>63</v>
      </c>
      <c r="T313" s="484" t="s">
        <v>63</v>
      </c>
      <c r="U313" s="485">
        <v>424363.05</v>
      </c>
      <c r="V313" s="485"/>
      <c r="W313" s="484" t="s">
        <v>226</v>
      </c>
      <c r="X313" s="484"/>
      <c r="Y313" s="485">
        <v>424363.05</v>
      </c>
      <c r="Z313" s="484" t="s">
        <v>82</v>
      </c>
      <c r="AA313" s="496"/>
      <c r="AB313" s="496"/>
      <c r="AC313" s="496"/>
      <c r="AD313" s="496"/>
      <c r="AE313" s="496"/>
      <c r="AF313" s="487"/>
      <c r="AG313" s="496"/>
      <c r="AH313" s="496"/>
      <c r="AI313" s="496"/>
      <c r="AJ313" s="496"/>
      <c r="AK313" s="496"/>
      <c r="AL313" s="496"/>
      <c r="AM313" s="496"/>
      <c r="AN313" s="496"/>
      <c r="AO313" s="496"/>
      <c r="AP313" s="496"/>
      <c r="AQ313" s="487" t="s">
        <v>66</v>
      </c>
      <c r="AR313" s="496"/>
      <c r="AS313" s="496"/>
      <c r="AT313" s="496"/>
      <c r="AU313" s="496"/>
      <c r="AV313" s="496"/>
      <c r="AW313" s="496"/>
      <c r="AX313" s="496"/>
      <c r="AY313" s="496"/>
      <c r="AZ313" s="496"/>
      <c r="BA313" s="496"/>
      <c r="BB313" s="496"/>
      <c r="BC313" s="496"/>
      <c r="BD313" s="496"/>
      <c r="BE313" s="496"/>
      <c r="BF313" s="80">
        <f t="shared" si="55"/>
        <v>2385</v>
      </c>
      <c r="BG313" s="76">
        <f>Y313/BF313</f>
        <v>177.93</v>
      </c>
      <c r="BH313" s="487" t="str">
        <f t="shared" si="61"/>
        <v/>
      </c>
      <c r="BI313" s="487" t="str">
        <f t="shared" si="61"/>
        <v/>
      </c>
      <c r="BJ313" s="487" t="str">
        <f t="shared" si="61"/>
        <v/>
      </c>
      <c r="BK313" s="487" t="str">
        <f t="shared" si="60"/>
        <v/>
      </c>
      <c r="BL313" s="487" t="str">
        <f t="shared" si="60"/>
        <v/>
      </c>
      <c r="BM313" s="487" t="str">
        <f t="shared" si="60"/>
        <v/>
      </c>
      <c r="BN313" s="487" t="str">
        <f t="shared" si="60"/>
        <v/>
      </c>
      <c r="BO313" s="487" t="str">
        <f t="shared" si="60"/>
        <v/>
      </c>
      <c r="BP313" s="487" t="str">
        <f t="shared" si="60"/>
        <v/>
      </c>
      <c r="BQ313" s="487" t="str">
        <f t="shared" si="60"/>
        <v/>
      </c>
      <c r="BR313" s="487" t="str">
        <f t="shared" si="60"/>
        <v/>
      </c>
      <c r="BS313" s="487" t="str">
        <f t="shared" si="60"/>
        <v/>
      </c>
      <c r="BT313" s="487" t="str">
        <f t="shared" si="60"/>
        <v/>
      </c>
      <c r="BU313" s="487" t="str">
        <f t="shared" si="60"/>
        <v/>
      </c>
      <c r="BV313" s="487" t="str">
        <f t="shared" si="60"/>
        <v/>
      </c>
      <c r="BW313" s="487" t="str">
        <f t="shared" si="60"/>
        <v/>
      </c>
      <c r="BX313" s="487">
        <f t="shared" si="60"/>
        <v>424363.05</v>
      </c>
      <c r="BY313" s="487" t="str">
        <f t="shared" si="60"/>
        <v/>
      </c>
      <c r="BZ313" s="487" t="str">
        <f t="shared" si="60"/>
        <v/>
      </c>
      <c r="CA313" s="487" t="str">
        <f t="shared" si="64"/>
        <v/>
      </c>
      <c r="CB313" s="487" t="str">
        <f t="shared" si="64"/>
        <v/>
      </c>
      <c r="CC313" s="487" t="str">
        <f t="shared" si="63"/>
        <v/>
      </c>
      <c r="CD313" s="487" t="str">
        <f t="shared" si="63"/>
        <v/>
      </c>
      <c r="CE313" s="487" t="str">
        <f t="shared" si="63"/>
        <v/>
      </c>
      <c r="CF313" s="487" t="str">
        <f t="shared" si="63"/>
        <v/>
      </c>
      <c r="CG313" s="487" t="str">
        <f t="shared" si="63"/>
        <v/>
      </c>
      <c r="CH313" s="487" t="str">
        <f t="shared" si="63"/>
        <v/>
      </c>
      <c r="CI313" s="487" t="str">
        <f t="shared" si="50"/>
        <v/>
      </c>
      <c r="CJ313" s="487" t="str">
        <f t="shared" si="50"/>
        <v/>
      </c>
      <c r="CK313" s="487" t="str">
        <f t="shared" si="50"/>
        <v/>
      </c>
      <c r="CL313" s="487" t="str">
        <f t="shared" si="50"/>
        <v/>
      </c>
      <c r="CM313" s="487"/>
      <c r="CN313" s="487"/>
      <c r="CO313" s="487"/>
      <c r="CP313" s="487"/>
      <c r="CQ313" s="487"/>
      <c r="CR313" s="487"/>
      <c r="CS313" s="487"/>
      <c r="CT313" s="487"/>
      <c r="CU313" s="487"/>
      <c r="CV313" s="487"/>
      <c r="CW313" s="487"/>
      <c r="CX313" s="487"/>
      <c r="CY313" s="487"/>
      <c r="CZ313" s="487"/>
      <c r="DA313" s="487"/>
      <c r="DB313" s="487"/>
      <c r="DC313" s="487"/>
      <c r="DD313" s="487"/>
      <c r="DE313" s="487"/>
      <c r="DF313" s="487"/>
      <c r="DG313" s="487"/>
      <c r="DH313" s="487"/>
      <c r="DI313" s="484"/>
      <c r="DJ313" s="484"/>
      <c r="DK313" s="484"/>
    </row>
    <row r="314" spans="1:115" s="354" customFormat="1" ht="56.1" hidden="1" customHeight="1" x14ac:dyDescent="0.2">
      <c r="A314" s="494"/>
      <c r="B314" s="494"/>
      <c r="C314" s="481">
        <v>552</v>
      </c>
      <c r="D314" s="481"/>
      <c r="E314" s="481" t="s">
        <v>2481</v>
      </c>
      <c r="F314" s="482" t="s">
        <v>53</v>
      </c>
      <c r="G314" s="482" t="s">
        <v>515</v>
      </c>
      <c r="H314" s="484" t="s">
        <v>580</v>
      </c>
      <c r="I314" s="484" t="s">
        <v>592</v>
      </c>
      <c r="J314" s="484" t="s">
        <v>604</v>
      </c>
      <c r="K314" s="484"/>
      <c r="L314" s="484" t="s">
        <v>58</v>
      </c>
      <c r="M314" s="484" t="s">
        <v>347</v>
      </c>
      <c r="N314" s="484"/>
      <c r="O314" s="484" t="s">
        <v>81</v>
      </c>
      <c r="P314" s="484" t="s">
        <v>525</v>
      </c>
      <c r="Q314" s="484"/>
      <c r="R314" s="484" t="s">
        <v>584</v>
      </c>
      <c r="S314" s="484" t="s">
        <v>63</v>
      </c>
      <c r="T314" s="484" t="s">
        <v>63</v>
      </c>
      <c r="U314" s="485"/>
      <c r="V314" s="485"/>
      <c r="W314" s="484" t="s">
        <v>585</v>
      </c>
      <c r="X314" s="484"/>
      <c r="Y314" s="485"/>
      <c r="Z314" s="484" t="s">
        <v>65</v>
      </c>
      <c r="AA314" s="496"/>
      <c r="AB314" s="496"/>
      <c r="AC314" s="496"/>
      <c r="AD314" s="496"/>
      <c r="AE314" s="496"/>
      <c r="AF314" s="496"/>
      <c r="AG314" s="496"/>
      <c r="AH314" s="496"/>
      <c r="AI314" s="496"/>
      <c r="AJ314" s="496"/>
      <c r="AK314" s="496"/>
      <c r="AL314" s="496"/>
      <c r="AM314" s="496"/>
      <c r="AN314" s="496"/>
      <c r="AO314" s="496"/>
      <c r="AP314" s="496"/>
      <c r="AQ314" s="496"/>
      <c r="AR314" s="496"/>
      <c r="AS314" s="496"/>
      <c r="AT314" s="496"/>
      <c r="AU314" s="496"/>
      <c r="AV314" s="496"/>
      <c r="AW314" s="496"/>
      <c r="AX314" s="496"/>
      <c r="AY314" s="496"/>
      <c r="AZ314" s="496"/>
      <c r="BA314" s="496"/>
      <c r="BB314" s="496"/>
      <c r="BC314" s="496"/>
      <c r="BD314" s="496"/>
      <c r="BE314" s="496"/>
      <c r="BF314" s="80">
        <f t="shared" si="55"/>
        <v>0</v>
      </c>
      <c r="BG314" s="76"/>
      <c r="BH314" s="487" t="str">
        <f t="shared" si="61"/>
        <v/>
      </c>
      <c r="BI314" s="487" t="str">
        <f t="shared" si="61"/>
        <v/>
      </c>
      <c r="BJ314" s="487" t="str">
        <f t="shared" si="61"/>
        <v/>
      </c>
      <c r="BK314" s="487" t="str">
        <f t="shared" si="60"/>
        <v/>
      </c>
      <c r="BL314" s="487" t="str">
        <f t="shared" si="60"/>
        <v/>
      </c>
      <c r="BM314" s="487" t="str">
        <f t="shared" si="60"/>
        <v/>
      </c>
      <c r="BN314" s="487" t="str">
        <f t="shared" si="60"/>
        <v/>
      </c>
      <c r="BO314" s="487" t="str">
        <f t="shared" si="60"/>
        <v/>
      </c>
      <c r="BP314" s="487" t="str">
        <f t="shared" si="60"/>
        <v/>
      </c>
      <c r="BQ314" s="487" t="str">
        <f t="shared" si="60"/>
        <v/>
      </c>
      <c r="BR314" s="487" t="str">
        <f t="shared" si="60"/>
        <v/>
      </c>
      <c r="BS314" s="487" t="str">
        <f t="shared" si="60"/>
        <v/>
      </c>
      <c r="BT314" s="487" t="str">
        <f t="shared" si="60"/>
        <v/>
      </c>
      <c r="BU314" s="487" t="str">
        <f t="shared" si="60"/>
        <v/>
      </c>
      <c r="BV314" s="487" t="str">
        <f t="shared" si="60"/>
        <v/>
      </c>
      <c r="BW314" s="487" t="str">
        <f t="shared" si="60"/>
        <v/>
      </c>
      <c r="BX314" s="487" t="str">
        <f t="shared" si="60"/>
        <v/>
      </c>
      <c r="BY314" s="487" t="str">
        <f t="shared" si="60"/>
        <v/>
      </c>
      <c r="BZ314" s="487" t="str">
        <f t="shared" si="60"/>
        <v/>
      </c>
      <c r="CA314" s="487" t="str">
        <f t="shared" si="64"/>
        <v/>
      </c>
      <c r="CB314" s="487" t="str">
        <f t="shared" si="64"/>
        <v/>
      </c>
      <c r="CC314" s="487" t="str">
        <f t="shared" si="63"/>
        <v/>
      </c>
      <c r="CD314" s="487" t="str">
        <f t="shared" si="63"/>
        <v/>
      </c>
      <c r="CE314" s="487" t="str">
        <f t="shared" si="63"/>
        <v/>
      </c>
      <c r="CF314" s="487" t="str">
        <f t="shared" si="63"/>
        <v/>
      </c>
      <c r="CG314" s="487" t="str">
        <f t="shared" si="63"/>
        <v/>
      </c>
      <c r="CH314" s="487" t="str">
        <f t="shared" si="63"/>
        <v/>
      </c>
      <c r="CI314" s="487" t="str">
        <f t="shared" si="50"/>
        <v/>
      </c>
      <c r="CJ314" s="487" t="str">
        <f t="shared" si="50"/>
        <v/>
      </c>
      <c r="CK314" s="487" t="str">
        <f t="shared" si="50"/>
        <v/>
      </c>
      <c r="CL314" s="487" t="str">
        <f t="shared" si="50"/>
        <v/>
      </c>
      <c r="CM314" s="487"/>
      <c r="CN314" s="487"/>
      <c r="CO314" s="487"/>
      <c r="CP314" s="487"/>
      <c r="CQ314" s="487"/>
      <c r="CR314" s="487"/>
      <c r="CS314" s="487"/>
      <c r="CT314" s="487"/>
      <c r="CU314" s="487"/>
      <c r="CV314" s="487"/>
      <c r="CW314" s="487"/>
      <c r="CX314" s="487"/>
      <c r="CY314" s="487"/>
      <c r="CZ314" s="487"/>
      <c r="DA314" s="487"/>
      <c r="DB314" s="487"/>
      <c r="DC314" s="487"/>
      <c r="DD314" s="487"/>
      <c r="DE314" s="487"/>
      <c r="DF314" s="487"/>
      <c r="DG314" s="487"/>
      <c r="DH314" s="487"/>
      <c r="DI314" s="484"/>
      <c r="DJ314" s="484" t="s">
        <v>586</v>
      </c>
      <c r="DK314" s="484"/>
    </row>
    <row r="315" spans="1:115" s="354" customFormat="1" ht="56.1" hidden="1" customHeight="1" x14ac:dyDescent="0.2">
      <c r="A315" s="494"/>
      <c r="B315" s="494"/>
      <c r="C315" s="481">
        <v>553</v>
      </c>
      <c r="D315" s="481"/>
      <c r="E315" s="481" t="s">
        <v>2481</v>
      </c>
      <c r="F315" s="482" t="s">
        <v>53</v>
      </c>
      <c r="G315" s="482" t="s">
        <v>515</v>
      </c>
      <c r="H315" s="484" t="s">
        <v>580</v>
      </c>
      <c r="I315" s="484" t="s">
        <v>590</v>
      </c>
      <c r="J315" s="484" t="s">
        <v>605</v>
      </c>
      <c r="K315" s="484"/>
      <c r="L315" s="484" t="s">
        <v>58</v>
      </c>
      <c r="M315" s="484" t="s">
        <v>173</v>
      </c>
      <c r="N315" s="484"/>
      <c r="O315" s="484" t="s">
        <v>60</v>
      </c>
      <c r="P315" s="484" t="s">
        <v>525</v>
      </c>
      <c r="Q315" s="484"/>
      <c r="R315" s="484" t="s">
        <v>584</v>
      </c>
      <c r="S315" s="484" t="s">
        <v>63</v>
      </c>
      <c r="T315" s="484" t="s">
        <v>63</v>
      </c>
      <c r="U315" s="485"/>
      <c r="V315" s="485"/>
      <c r="W315" s="484" t="s">
        <v>585</v>
      </c>
      <c r="X315" s="484"/>
      <c r="Y315" s="485"/>
      <c r="Z315" s="484" t="s">
        <v>65</v>
      </c>
      <c r="AA315" s="487" t="s">
        <v>66</v>
      </c>
      <c r="AB315" s="496"/>
      <c r="AC315" s="496"/>
      <c r="AD315" s="496"/>
      <c r="AE315" s="496"/>
      <c r="AF315" s="496"/>
      <c r="AG315" s="496"/>
      <c r="AH315" s="496"/>
      <c r="AI315" s="496"/>
      <c r="AJ315" s="496"/>
      <c r="AK315" s="496"/>
      <c r="AL315" s="496"/>
      <c r="AM315" s="496"/>
      <c r="AN315" s="496"/>
      <c r="AO315" s="496"/>
      <c r="AP315" s="496"/>
      <c r="AQ315" s="496"/>
      <c r="AR315" s="496"/>
      <c r="AS315" s="496"/>
      <c r="AT315" s="496"/>
      <c r="AU315" s="496"/>
      <c r="AV315" s="496"/>
      <c r="AW315" s="496"/>
      <c r="AX315" s="496"/>
      <c r="AY315" s="496"/>
      <c r="AZ315" s="496"/>
      <c r="BA315" s="496"/>
      <c r="BB315" s="496"/>
      <c r="BC315" s="496"/>
      <c r="BD315" s="496"/>
      <c r="BE315" s="496"/>
      <c r="BF315" s="80">
        <f t="shared" si="55"/>
        <v>1500</v>
      </c>
      <c r="BG315" s="76"/>
      <c r="BH315" s="487">
        <f t="shared" si="61"/>
        <v>0</v>
      </c>
      <c r="BI315" s="487" t="str">
        <f t="shared" si="61"/>
        <v/>
      </c>
      <c r="BJ315" s="487" t="str">
        <f t="shared" si="61"/>
        <v/>
      </c>
      <c r="BK315" s="487" t="str">
        <f t="shared" si="60"/>
        <v/>
      </c>
      <c r="BL315" s="487" t="str">
        <f t="shared" si="60"/>
        <v/>
      </c>
      <c r="BM315" s="487" t="str">
        <f t="shared" si="60"/>
        <v/>
      </c>
      <c r="BN315" s="487" t="str">
        <f t="shared" si="60"/>
        <v/>
      </c>
      <c r="BO315" s="487" t="str">
        <f t="shared" si="60"/>
        <v/>
      </c>
      <c r="BP315" s="487" t="str">
        <f t="shared" si="60"/>
        <v/>
      </c>
      <c r="BQ315" s="487" t="str">
        <f t="shared" si="60"/>
        <v/>
      </c>
      <c r="BR315" s="487" t="str">
        <f t="shared" si="60"/>
        <v/>
      </c>
      <c r="BS315" s="487" t="str">
        <f t="shared" si="60"/>
        <v/>
      </c>
      <c r="BT315" s="487" t="str">
        <f t="shared" si="60"/>
        <v/>
      </c>
      <c r="BU315" s="487" t="str">
        <f t="shared" si="60"/>
        <v/>
      </c>
      <c r="BV315" s="487" t="str">
        <f t="shared" si="60"/>
        <v/>
      </c>
      <c r="BW315" s="487" t="str">
        <f t="shared" si="60"/>
        <v/>
      </c>
      <c r="BX315" s="487" t="str">
        <f t="shared" si="60"/>
        <v/>
      </c>
      <c r="BY315" s="487" t="str">
        <f t="shared" si="60"/>
        <v/>
      </c>
      <c r="BZ315" s="487" t="str">
        <f t="shared" si="60"/>
        <v/>
      </c>
      <c r="CA315" s="487" t="str">
        <f t="shared" si="64"/>
        <v/>
      </c>
      <c r="CB315" s="487" t="str">
        <f t="shared" si="64"/>
        <v/>
      </c>
      <c r="CC315" s="487" t="str">
        <f t="shared" si="63"/>
        <v/>
      </c>
      <c r="CD315" s="487" t="str">
        <f t="shared" si="63"/>
        <v/>
      </c>
      <c r="CE315" s="487" t="str">
        <f t="shared" si="63"/>
        <v/>
      </c>
      <c r="CF315" s="487" t="str">
        <f t="shared" si="63"/>
        <v/>
      </c>
      <c r="CG315" s="487" t="str">
        <f t="shared" si="63"/>
        <v/>
      </c>
      <c r="CH315" s="487" t="str">
        <f t="shared" si="63"/>
        <v/>
      </c>
      <c r="CI315" s="487" t="str">
        <f t="shared" si="50"/>
        <v/>
      </c>
      <c r="CJ315" s="487" t="str">
        <f t="shared" si="50"/>
        <v/>
      </c>
      <c r="CK315" s="487" t="str">
        <f t="shared" si="50"/>
        <v/>
      </c>
      <c r="CL315" s="487" t="str">
        <f t="shared" si="50"/>
        <v/>
      </c>
      <c r="CM315" s="487"/>
      <c r="CN315" s="487"/>
      <c r="CO315" s="487"/>
      <c r="CP315" s="487"/>
      <c r="CQ315" s="487"/>
      <c r="CR315" s="487"/>
      <c r="CS315" s="487"/>
      <c r="CT315" s="487"/>
      <c r="CU315" s="487"/>
      <c r="CV315" s="487"/>
      <c r="CW315" s="487"/>
      <c r="CX315" s="487"/>
      <c r="CY315" s="487"/>
      <c r="CZ315" s="487"/>
      <c r="DA315" s="487"/>
      <c r="DB315" s="487"/>
      <c r="DC315" s="487"/>
      <c r="DD315" s="487"/>
      <c r="DE315" s="487"/>
      <c r="DF315" s="487"/>
      <c r="DG315" s="487"/>
      <c r="DH315" s="487"/>
      <c r="DI315" s="484"/>
      <c r="DJ315" s="484" t="s">
        <v>586</v>
      </c>
      <c r="DK315" s="484"/>
    </row>
    <row r="316" spans="1:115" s="354" customFormat="1" ht="56.1" hidden="1" customHeight="1" x14ac:dyDescent="0.2">
      <c r="A316" s="494"/>
      <c r="B316" s="494"/>
      <c r="C316" s="481">
        <v>554</v>
      </c>
      <c r="D316" s="481"/>
      <c r="E316" s="481" t="s">
        <v>2481</v>
      </c>
      <c r="F316" s="482" t="s">
        <v>53</v>
      </c>
      <c r="G316" s="482" t="s">
        <v>515</v>
      </c>
      <c r="H316" s="484" t="s">
        <v>580</v>
      </c>
      <c r="I316" s="484" t="s">
        <v>587</v>
      </c>
      <c r="J316" s="484" t="s">
        <v>606</v>
      </c>
      <c r="K316" s="484"/>
      <c r="L316" s="484" t="s">
        <v>58</v>
      </c>
      <c r="M316" s="484" t="s">
        <v>319</v>
      </c>
      <c r="N316" s="484"/>
      <c r="O316" s="484" t="s">
        <v>81</v>
      </c>
      <c r="P316" s="484" t="s">
        <v>525</v>
      </c>
      <c r="Q316" s="484"/>
      <c r="R316" s="484" t="s">
        <v>584</v>
      </c>
      <c r="S316" s="484" t="s">
        <v>63</v>
      </c>
      <c r="T316" s="484" t="s">
        <v>63</v>
      </c>
      <c r="U316" s="485"/>
      <c r="V316" s="485"/>
      <c r="W316" s="484" t="s">
        <v>585</v>
      </c>
      <c r="X316" s="484"/>
      <c r="Y316" s="485"/>
      <c r="Z316" s="484" t="s">
        <v>65</v>
      </c>
      <c r="AA316" s="496"/>
      <c r="AB316" s="496"/>
      <c r="AC316" s="487" t="s">
        <v>66</v>
      </c>
      <c r="AD316" s="496"/>
      <c r="AE316" s="496"/>
      <c r="AF316" s="496"/>
      <c r="AG316" s="496"/>
      <c r="AH316" s="496"/>
      <c r="AI316" s="496"/>
      <c r="AJ316" s="496"/>
      <c r="AK316" s="496"/>
      <c r="AL316" s="496"/>
      <c r="AM316" s="496"/>
      <c r="AN316" s="496"/>
      <c r="AO316" s="496"/>
      <c r="AP316" s="496"/>
      <c r="AQ316" s="496"/>
      <c r="AR316" s="496"/>
      <c r="AS316" s="496"/>
      <c r="AT316" s="496"/>
      <c r="AU316" s="496"/>
      <c r="AV316" s="496"/>
      <c r="AW316" s="496"/>
      <c r="AX316" s="496"/>
      <c r="AY316" s="496"/>
      <c r="AZ316" s="496"/>
      <c r="BA316" s="496"/>
      <c r="BB316" s="496"/>
      <c r="BC316" s="496"/>
      <c r="BD316" s="496"/>
      <c r="BE316" s="496"/>
      <c r="BF316" s="80">
        <f t="shared" si="55"/>
        <v>450</v>
      </c>
      <c r="BG316" s="76"/>
      <c r="BH316" s="487" t="str">
        <f t="shared" si="61"/>
        <v/>
      </c>
      <c r="BI316" s="487" t="str">
        <f t="shared" si="61"/>
        <v/>
      </c>
      <c r="BJ316" s="487">
        <f t="shared" si="61"/>
        <v>0</v>
      </c>
      <c r="BK316" s="487" t="str">
        <f t="shared" si="60"/>
        <v/>
      </c>
      <c r="BL316" s="487" t="str">
        <f t="shared" si="60"/>
        <v/>
      </c>
      <c r="BM316" s="487" t="str">
        <f t="shared" si="60"/>
        <v/>
      </c>
      <c r="BN316" s="487" t="str">
        <f t="shared" si="60"/>
        <v/>
      </c>
      <c r="BO316" s="487" t="str">
        <f t="shared" si="60"/>
        <v/>
      </c>
      <c r="BP316" s="487" t="str">
        <f t="shared" si="60"/>
        <v/>
      </c>
      <c r="BQ316" s="487" t="str">
        <f t="shared" si="60"/>
        <v/>
      </c>
      <c r="BR316" s="487" t="str">
        <f t="shared" si="60"/>
        <v/>
      </c>
      <c r="BS316" s="487" t="str">
        <f t="shared" si="60"/>
        <v/>
      </c>
      <c r="BT316" s="487" t="str">
        <f t="shared" si="60"/>
        <v/>
      </c>
      <c r="BU316" s="487" t="str">
        <f t="shared" si="60"/>
        <v/>
      </c>
      <c r="BV316" s="487" t="str">
        <f t="shared" si="60"/>
        <v/>
      </c>
      <c r="BW316" s="487" t="str">
        <f t="shared" si="60"/>
        <v/>
      </c>
      <c r="BX316" s="487" t="str">
        <f t="shared" si="60"/>
        <v/>
      </c>
      <c r="BY316" s="487" t="str">
        <f t="shared" si="60"/>
        <v/>
      </c>
      <c r="BZ316" s="487" t="str">
        <f t="shared" si="60"/>
        <v/>
      </c>
      <c r="CA316" s="487" t="str">
        <f t="shared" si="64"/>
        <v/>
      </c>
      <c r="CB316" s="487" t="str">
        <f t="shared" si="64"/>
        <v/>
      </c>
      <c r="CC316" s="487" t="str">
        <f t="shared" si="63"/>
        <v/>
      </c>
      <c r="CD316" s="487" t="str">
        <f t="shared" si="63"/>
        <v/>
      </c>
      <c r="CE316" s="487" t="str">
        <f t="shared" si="63"/>
        <v/>
      </c>
      <c r="CF316" s="487" t="str">
        <f t="shared" si="63"/>
        <v/>
      </c>
      <c r="CG316" s="487" t="str">
        <f t="shared" si="63"/>
        <v/>
      </c>
      <c r="CH316" s="487" t="str">
        <f t="shared" si="63"/>
        <v/>
      </c>
      <c r="CI316" s="487" t="str">
        <f t="shared" si="50"/>
        <v/>
      </c>
      <c r="CJ316" s="487" t="str">
        <f t="shared" si="50"/>
        <v/>
      </c>
      <c r="CK316" s="487" t="str">
        <f t="shared" si="50"/>
        <v/>
      </c>
      <c r="CL316" s="487" t="str">
        <f t="shared" ref="CL316:CL379" si="65">IF(BE316="yes",(BE$2*$BG316),"")</f>
        <v/>
      </c>
      <c r="CM316" s="487"/>
      <c r="CN316" s="487"/>
      <c r="CO316" s="487"/>
      <c r="CP316" s="487"/>
      <c r="CQ316" s="487"/>
      <c r="CR316" s="487"/>
      <c r="CS316" s="487"/>
      <c r="CT316" s="487"/>
      <c r="CU316" s="487"/>
      <c r="CV316" s="487"/>
      <c r="CW316" s="487"/>
      <c r="CX316" s="487"/>
      <c r="CY316" s="487"/>
      <c r="CZ316" s="487"/>
      <c r="DA316" s="487"/>
      <c r="DB316" s="487"/>
      <c r="DC316" s="487"/>
      <c r="DD316" s="487"/>
      <c r="DE316" s="487"/>
      <c r="DF316" s="487"/>
      <c r="DG316" s="487"/>
      <c r="DH316" s="487"/>
      <c r="DI316" s="484"/>
      <c r="DJ316" s="484" t="s">
        <v>586</v>
      </c>
      <c r="DK316" s="484"/>
    </row>
    <row r="317" spans="1:115" s="354" customFormat="1" ht="56.1" hidden="1" customHeight="1" x14ac:dyDescent="0.2">
      <c r="A317" s="494"/>
      <c r="B317" s="494"/>
      <c r="C317" s="481">
        <v>555</v>
      </c>
      <c r="D317" s="481"/>
      <c r="E317" s="481" t="s">
        <v>2481</v>
      </c>
      <c r="F317" s="482" t="s">
        <v>53</v>
      </c>
      <c r="G317" s="482" t="s">
        <v>515</v>
      </c>
      <c r="H317" s="484" t="s">
        <v>580</v>
      </c>
      <c r="I317" s="484" t="s">
        <v>587</v>
      </c>
      <c r="J317" s="484" t="s">
        <v>607</v>
      </c>
      <c r="K317" s="484"/>
      <c r="L317" s="484" t="s">
        <v>58</v>
      </c>
      <c r="M317" s="484" t="s">
        <v>20</v>
      </c>
      <c r="N317" s="484"/>
      <c r="O317" s="484" t="s">
        <v>81</v>
      </c>
      <c r="P317" s="484" t="s">
        <v>525</v>
      </c>
      <c r="Q317" s="484"/>
      <c r="R317" s="484" t="s">
        <v>584</v>
      </c>
      <c r="S317" s="484" t="s">
        <v>63</v>
      </c>
      <c r="T317" s="484" t="s">
        <v>63</v>
      </c>
      <c r="U317" s="485"/>
      <c r="V317" s="485"/>
      <c r="W317" s="484" t="s">
        <v>585</v>
      </c>
      <c r="X317" s="484"/>
      <c r="Y317" s="485"/>
      <c r="Z317" s="484" t="s">
        <v>65</v>
      </c>
      <c r="AA317" s="496"/>
      <c r="AB317" s="496"/>
      <c r="AC317" s="496"/>
      <c r="AD317" s="487" t="s">
        <v>66</v>
      </c>
      <c r="AE317" s="496"/>
      <c r="AF317" s="496"/>
      <c r="AG317" s="496"/>
      <c r="AH317" s="496"/>
      <c r="AI317" s="496"/>
      <c r="AJ317" s="496"/>
      <c r="AK317" s="496"/>
      <c r="AL317" s="496"/>
      <c r="AM317" s="496"/>
      <c r="AN317" s="496"/>
      <c r="AO317" s="496"/>
      <c r="AP317" s="496"/>
      <c r="AQ317" s="496"/>
      <c r="AR317" s="496"/>
      <c r="AS317" s="496"/>
      <c r="AT317" s="496"/>
      <c r="AU317" s="496"/>
      <c r="AV317" s="496"/>
      <c r="AW317" s="496"/>
      <c r="AX317" s="496"/>
      <c r="AY317" s="496"/>
      <c r="AZ317" s="496"/>
      <c r="BA317" s="496"/>
      <c r="BB317" s="496"/>
      <c r="BC317" s="496"/>
      <c r="BD317" s="496"/>
      <c r="BE317" s="496"/>
      <c r="BF317" s="80">
        <f t="shared" si="55"/>
        <v>350</v>
      </c>
      <c r="BG317" s="76"/>
      <c r="BH317" s="487" t="str">
        <f t="shared" si="61"/>
        <v/>
      </c>
      <c r="BI317" s="487" t="str">
        <f t="shared" si="61"/>
        <v/>
      </c>
      <c r="BJ317" s="487" t="str">
        <f t="shared" si="61"/>
        <v/>
      </c>
      <c r="BK317" s="487">
        <f t="shared" si="60"/>
        <v>0</v>
      </c>
      <c r="BL317" s="487" t="str">
        <f t="shared" si="60"/>
        <v/>
      </c>
      <c r="BM317" s="487" t="str">
        <f t="shared" si="60"/>
        <v/>
      </c>
      <c r="BN317" s="487" t="str">
        <f t="shared" si="60"/>
        <v/>
      </c>
      <c r="BO317" s="487" t="str">
        <f t="shared" si="60"/>
        <v/>
      </c>
      <c r="BP317" s="487" t="str">
        <f t="shared" si="60"/>
        <v/>
      </c>
      <c r="BQ317" s="487" t="str">
        <f t="shared" si="60"/>
        <v/>
      </c>
      <c r="BR317" s="487" t="str">
        <f t="shared" si="60"/>
        <v/>
      </c>
      <c r="BS317" s="487" t="str">
        <f t="shared" si="60"/>
        <v/>
      </c>
      <c r="BT317" s="487" t="str">
        <f t="shared" si="60"/>
        <v/>
      </c>
      <c r="BU317" s="487" t="str">
        <f t="shared" si="60"/>
        <v/>
      </c>
      <c r="BV317" s="487" t="str">
        <f t="shared" si="60"/>
        <v/>
      </c>
      <c r="BW317" s="487" t="str">
        <f t="shared" si="60"/>
        <v/>
      </c>
      <c r="BX317" s="487" t="str">
        <f t="shared" si="60"/>
        <v/>
      </c>
      <c r="BY317" s="487" t="str">
        <f t="shared" si="60"/>
        <v/>
      </c>
      <c r="BZ317" s="487" t="str">
        <f t="shared" si="60"/>
        <v/>
      </c>
      <c r="CA317" s="487" t="str">
        <f t="shared" si="64"/>
        <v/>
      </c>
      <c r="CB317" s="487" t="str">
        <f t="shared" si="64"/>
        <v/>
      </c>
      <c r="CC317" s="487" t="str">
        <f t="shared" si="63"/>
        <v/>
      </c>
      <c r="CD317" s="487" t="str">
        <f t="shared" si="63"/>
        <v/>
      </c>
      <c r="CE317" s="487" t="str">
        <f t="shared" si="63"/>
        <v/>
      </c>
      <c r="CF317" s="487" t="str">
        <f t="shared" si="63"/>
        <v/>
      </c>
      <c r="CG317" s="487" t="str">
        <f t="shared" si="63"/>
        <v/>
      </c>
      <c r="CH317" s="487" t="str">
        <f t="shared" si="63"/>
        <v/>
      </c>
      <c r="CI317" s="487" t="str">
        <f t="shared" si="63"/>
        <v/>
      </c>
      <c r="CJ317" s="487" t="str">
        <f t="shared" si="63"/>
        <v/>
      </c>
      <c r="CK317" s="487" t="str">
        <f t="shared" si="63"/>
        <v/>
      </c>
      <c r="CL317" s="487" t="str">
        <f t="shared" si="65"/>
        <v/>
      </c>
      <c r="CM317" s="487"/>
      <c r="CN317" s="487"/>
      <c r="CO317" s="487"/>
      <c r="CP317" s="487"/>
      <c r="CQ317" s="487"/>
      <c r="CR317" s="487"/>
      <c r="CS317" s="487"/>
      <c r="CT317" s="487"/>
      <c r="CU317" s="487"/>
      <c r="CV317" s="487"/>
      <c r="CW317" s="487"/>
      <c r="CX317" s="487"/>
      <c r="CY317" s="487"/>
      <c r="CZ317" s="487"/>
      <c r="DA317" s="487"/>
      <c r="DB317" s="487"/>
      <c r="DC317" s="487"/>
      <c r="DD317" s="487"/>
      <c r="DE317" s="487"/>
      <c r="DF317" s="487"/>
      <c r="DG317" s="487"/>
      <c r="DH317" s="487"/>
      <c r="DI317" s="484"/>
      <c r="DJ317" s="484" t="s">
        <v>586</v>
      </c>
      <c r="DK317" s="484"/>
    </row>
    <row r="318" spans="1:115" s="354" customFormat="1" ht="56.1" hidden="1" customHeight="1" x14ac:dyDescent="0.2">
      <c r="A318" s="77" t="s">
        <v>2490</v>
      </c>
      <c r="B318" s="77" t="s">
        <v>18</v>
      </c>
      <c r="C318" s="481">
        <v>556</v>
      </c>
      <c r="D318" s="481"/>
      <c r="E318" s="481" t="s">
        <v>2481</v>
      </c>
      <c r="F318" s="482" t="s">
        <v>53</v>
      </c>
      <c r="G318" s="482" t="s">
        <v>515</v>
      </c>
      <c r="H318" s="484" t="s">
        <v>580</v>
      </c>
      <c r="I318" s="484" t="s">
        <v>587</v>
      </c>
      <c r="J318" s="484" t="s">
        <v>608</v>
      </c>
      <c r="K318" s="484"/>
      <c r="L318" s="484" t="s">
        <v>58</v>
      </c>
      <c r="M318" s="484" t="s">
        <v>18</v>
      </c>
      <c r="N318" s="484"/>
      <c r="O318" s="484" t="s">
        <v>81</v>
      </c>
      <c r="P318" s="484" t="s">
        <v>525</v>
      </c>
      <c r="Q318" s="484"/>
      <c r="R318" s="484" t="s">
        <v>584</v>
      </c>
      <c r="S318" s="484" t="s">
        <v>63</v>
      </c>
      <c r="T318" s="484" t="s">
        <v>63</v>
      </c>
      <c r="U318" s="485"/>
      <c r="V318" s="485"/>
      <c r="W318" s="484" t="s">
        <v>585</v>
      </c>
      <c r="X318" s="484"/>
      <c r="Y318" s="485"/>
      <c r="Z318" s="484" t="s">
        <v>65</v>
      </c>
      <c r="AA318" s="496"/>
      <c r="AB318" s="487" t="s">
        <v>66</v>
      </c>
      <c r="AC318" s="496"/>
      <c r="AD318" s="496"/>
      <c r="AE318" s="496"/>
      <c r="AF318" s="496"/>
      <c r="AG318" s="496"/>
      <c r="AH318" s="496"/>
      <c r="AI318" s="496"/>
      <c r="AJ318" s="496"/>
      <c r="AK318" s="496"/>
      <c r="AL318" s="496"/>
      <c r="AM318" s="496"/>
      <c r="AN318" s="496"/>
      <c r="AO318" s="496"/>
      <c r="AP318" s="496"/>
      <c r="AQ318" s="496"/>
      <c r="AR318" s="496"/>
      <c r="AS318" s="496"/>
      <c r="AT318" s="496"/>
      <c r="AU318" s="496"/>
      <c r="AV318" s="496"/>
      <c r="AW318" s="496"/>
      <c r="AX318" s="496"/>
      <c r="AY318" s="496"/>
      <c r="AZ318" s="496"/>
      <c r="BA318" s="496"/>
      <c r="BB318" s="496"/>
      <c r="BC318" s="496"/>
      <c r="BD318" s="496"/>
      <c r="BE318" s="496"/>
      <c r="BF318" s="80">
        <f t="shared" si="55"/>
        <v>200</v>
      </c>
      <c r="BG318" s="76"/>
      <c r="BH318" s="487" t="str">
        <f t="shared" si="61"/>
        <v/>
      </c>
      <c r="BI318" s="487">
        <f t="shared" si="61"/>
        <v>0</v>
      </c>
      <c r="BJ318" s="487" t="str">
        <f t="shared" si="61"/>
        <v/>
      </c>
      <c r="BK318" s="487" t="str">
        <f t="shared" si="60"/>
        <v/>
      </c>
      <c r="BL318" s="487" t="str">
        <f t="shared" si="60"/>
        <v/>
      </c>
      <c r="BM318" s="487" t="str">
        <f t="shared" si="60"/>
        <v/>
      </c>
      <c r="BN318" s="487" t="str">
        <f t="shared" si="60"/>
        <v/>
      </c>
      <c r="BO318" s="487" t="str">
        <f t="shared" si="60"/>
        <v/>
      </c>
      <c r="BP318" s="487" t="str">
        <f t="shared" si="60"/>
        <v/>
      </c>
      <c r="BQ318" s="487" t="str">
        <f t="shared" si="60"/>
        <v/>
      </c>
      <c r="BR318" s="487" t="str">
        <f t="shared" si="60"/>
        <v/>
      </c>
      <c r="BS318" s="487" t="str">
        <f t="shared" si="60"/>
        <v/>
      </c>
      <c r="BT318" s="487" t="str">
        <f t="shared" si="60"/>
        <v/>
      </c>
      <c r="BU318" s="487" t="str">
        <f t="shared" si="60"/>
        <v/>
      </c>
      <c r="BV318" s="487" t="str">
        <f t="shared" si="60"/>
        <v/>
      </c>
      <c r="BW318" s="487" t="str">
        <f t="shared" si="60"/>
        <v/>
      </c>
      <c r="BX318" s="487" t="str">
        <f t="shared" ref="BX318:CB381" si="66">IF(AQ318="yes",(AQ$2*$BG318),"")</f>
        <v/>
      </c>
      <c r="BY318" s="487" t="str">
        <f t="shared" si="66"/>
        <v/>
      </c>
      <c r="BZ318" s="487" t="str">
        <f t="shared" si="66"/>
        <v/>
      </c>
      <c r="CA318" s="487" t="str">
        <f t="shared" si="64"/>
        <v/>
      </c>
      <c r="CB318" s="487" t="str">
        <f t="shared" si="64"/>
        <v/>
      </c>
      <c r="CC318" s="487" t="str">
        <f t="shared" si="63"/>
        <v/>
      </c>
      <c r="CD318" s="487" t="str">
        <f t="shared" si="63"/>
        <v/>
      </c>
      <c r="CE318" s="487" t="str">
        <f t="shared" si="63"/>
        <v/>
      </c>
      <c r="CF318" s="487" t="str">
        <f t="shared" si="63"/>
        <v/>
      </c>
      <c r="CG318" s="487" t="str">
        <f t="shared" si="63"/>
        <v/>
      </c>
      <c r="CH318" s="487" t="str">
        <f t="shared" si="63"/>
        <v/>
      </c>
      <c r="CI318" s="487" t="str">
        <f t="shared" si="63"/>
        <v/>
      </c>
      <c r="CJ318" s="487" t="str">
        <f t="shared" si="63"/>
        <v/>
      </c>
      <c r="CK318" s="487" t="str">
        <f t="shared" si="63"/>
        <v/>
      </c>
      <c r="CL318" s="487" t="str">
        <f t="shared" si="65"/>
        <v/>
      </c>
      <c r="CM318" s="487"/>
      <c r="CN318" s="487"/>
      <c r="CO318" s="487"/>
      <c r="CP318" s="487"/>
      <c r="CQ318" s="487"/>
      <c r="CR318" s="487"/>
      <c r="CS318" s="487"/>
      <c r="CT318" s="487"/>
      <c r="CU318" s="487"/>
      <c r="CV318" s="487"/>
      <c r="CW318" s="487"/>
      <c r="CX318" s="487"/>
      <c r="CY318" s="487"/>
      <c r="CZ318" s="487"/>
      <c r="DA318" s="487"/>
      <c r="DB318" s="487"/>
      <c r="DC318" s="487"/>
      <c r="DD318" s="487"/>
      <c r="DE318" s="487"/>
      <c r="DF318" s="487"/>
      <c r="DG318" s="487"/>
      <c r="DH318" s="487"/>
      <c r="DI318" s="484"/>
      <c r="DJ318" s="484" t="s">
        <v>586</v>
      </c>
      <c r="DK318" s="484"/>
    </row>
    <row r="319" spans="1:115" s="354" customFormat="1" ht="56.1" hidden="1" customHeight="1" x14ac:dyDescent="0.2">
      <c r="A319" s="494"/>
      <c r="B319" s="494"/>
      <c r="C319" s="481">
        <v>557</v>
      </c>
      <c r="D319" s="481"/>
      <c r="E319" s="481" t="s">
        <v>2481</v>
      </c>
      <c r="F319" s="482" t="s">
        <v>53</v>
      </c>
      <c r="G319" s="482" t="s">
        <v>515</v>
      </c>
      <c r="H319" s="484" t="s">
        <v>580</v>
      </c>
      <c r="I319" s="484" t="s">
        <v>609</v>
      </c>
      <c r="J319" s="484" t="s">
        <v>610</v>
      </c>
      <c r="K319" s="484"/>
      <c r="L319" s="484" t="s">
        <v>58</v>
      </c>
      <c r="M319" s="484" t="s">
        <v>21</v>
      </c>
      <c r="N319" s="484"/>
      <c r="O319" s="484" t="s">
        <v>81</v>
      </c>
      <c r="P319" s="484" t="s">
        <v>525</v>
      </c>
      <c r="Q319" s="484"/>
      <c r="R319" s="484" t="s">
        <v>584</v>
      </c>
      <c r="S319" s="484" t="s">
        <v>63</v>
      </c>
      <c r="T319" s="484" t="s">
        <v>63</v>
      </c>
      <c r="U319" s="485"/>
      <c r="V319" s="485"/>
      <c r="W319" s="484" t="s">
        <v>585</v>
      </c>
      <c r="X319" s="484"/>
      <c r="Y319" s="485"/>
      <c r="Z319" s="484" t="s">
        <v>65</v>
      </c>
      <c r="AA319" s="496"/>
      <c r="AB319" s="496"/>
      <c r="AC319" s="496"/>
      <c r="AD319" s="496"/>
      <c r="AE319" s="487" t="s">
        <v>66</v>
      </c>
      <c r="AF319" s="496"/>
      <c r="AG319" s="496"/>
      <c r="AH319" s="496"/>
      <c r="AI319" s="496"/>
      <c r="AJ319" s="496"/>
      <c r="AK319" s="496"/>
      <c r="AL319" s="496"/>
      <c r="AM319" s="496"/>
      <c r="AN319" s="496"/>
      <c r="AO319" s="496"/>
      <c r="AP319" s="496"/>
      <c r="AQ319" s="496"/>
      <c r="AR319" s="496"/>
      <c r="AS319" s="496"/>
      <c r="AT319" s="496"/>
      <c r="AU319" s="496"/>
      <c r="AV319" s="496"/>
      <c r="AW319" s="496"/>
      <c r="AX319" s="496"/>
      <c r="AY319" s="496"/>
      <c r="AZ319" s="496"/>
      <c r="BA319" s="496"/>
      <c r="BB319" s="496"/>
      <c r="BC319" s="496"/>
      <c r="BD319" s="496"/>
      <c r="BE319" s="496"/>
      <c r="BF319" s="80">
        <f t="shared" si="55"/>
        <v>300</v>
      </c>
      <c r="BG319" s="76"/>
      <c r="BH319" s="487" t="str">
        <f t="shared" si="61"/>
        <v/>
      </c>
      <c r="BI319" s="487" t="str">
        <f t="shared" si="61"/>
        <v/>
      </c>
      <c r="BJ319" s="487" t="str">
        <f t="shared" si="61"/>
        <v/>
      </c>
      <c r="BK319" s="487" t="str">
        <f t="shared" si="61"/>
        <v/>
      </c>
      <c r="BL319" s="487">
        <f t="shared" si="61"/>
        <v>0</v>
      </c>
      <c r="BM319" s="487" t="str">
        <f t="shared" si="61"/>
        <v/>
      </c>
      <c r="BN319" s="487" t="str">
        <f t="shared" si="61"/>
        <v/>
      </c>
      <c r="BO319" s="487" t="str">
        <f t="shared" si="61"/>
        <v/>
      </c>
      <c r="BP319" s="487" t="str">
        <f t="shared" si="61"/>
        <v/>
      </c>
      <c r="BQ319" s="487" t="str">
        <f t="shared" si="61"/>
        <v/>
      </c>
      <c r="BR319" s="487" t="str">
        <f t="shared" si="61"/>
        <v/>
      </c>
      <c r="BS319" s="487" t="str">
        <f t="shared" si="61"/>
        <v/>
      </c>
      <c r="BT319" s="487" t="str">
        <f t="shared" si="61"/>
        <v/>
      </c>
      <c r="BU319" s="487" t="str">
        <f t="shared" si="61"/>
        <v/>
      </c>
      <c r="BV319" s="487" t="str">
        <f t="shared" si="61"/>
        <v/>
      </c>
      <c r="BW319" s="487" t="str">
        <f t="shared" si="61"/>
        <v/>
      </c>
      <c r="BX319" s="487" t="str">
        <f t="shared" si="66"/>
        <v/>
      </c>
      <c r="BY319" s="487" t="str">
        <f t="shared" si="66"/>
        <v/>
      </c>
      <c r="BZ319" s="487" t="str">
        <f t="shared" si="66"/>
        <v/>
      </c>
      <c r="CA319" s="487" t="str">
        <f t="shared" si="64"/>
        <v/>
      </c>
      <c r="CB319" s="487" t="str">
        <f t="shared" si="64"/>
        <v/>
      </c>
      <c r="CC319" s="487" t="str">
        <f t="shared" si="63"/>
        <v/>
      </c>
      <c r="CD319" s="487" t="str">
        <f t="shared" si="63"/>
        <v/>
      </c>
      <c r="CE319" s="487" t="str">
        <f t="shared" si="63"/>
        <v/>
      </c>
      <c r="CF319" s="487" t="str">
        <f t="shared" si="63"/>
        <v/>
      </c>
      <c r="CG319" s="487" t="str">
        <f t="shared" si="63"/>
        <v/>
      </c>
      <c r="CH319" s="487" t="str">
        <f t="shared" si="63"/>
        <v/>
      </c>
      <c r="CI319" s="487" t="str">
        <f t="shared" si="63"/>
        <v/>
      </c>
      <c r="CJ319" s="487" t="str">
        <f t="shared" si="63"/>
        <v/>
      </c>
      <c r="CK319" s="487" t="str">
        <f t="shared" si="63"/>
        <v/>
      </c>
      <c r="CL319" s="487" t="str">
        <f t="shared" si="65"/>
        <v/>
      </c>
      <c r="CM319" s="487"/>
      <c r="CN319" s="487"/>
      <c r="CO319" s="487"/>
      <c r="CP319" s="487"/>
      <c r="CQ319" s="487"/>
      <c r="CR319" s="487"/>
      <c r="CS319" s="487"/>
      <c r="CT319" s="487"/>
      <c r="CU319" s="487"/>
      <c r="CV319" s="487"/>
      <c r="CW319" s="487"/>
      <c r="CX319" s="487"/>
      <c r="CY319" s="487"/>
      <c r="CZ319" s="487"/>
      <c r="DA319" s="487"/>
      <c r="DB319" s="487"/>
      <c r="DC319" s="487"/>
      <c r="DD319" s="487"/>
      <c r="DE319" s="487"/>
      <c r="DF319" s="487"/>
      <c r="DG319" s="487"/>
      <c r="DH319" s="487"/>
      <c r="DI319" s="484"/>
      <c r="DJ319" s="484" t="s">
        <v>586</v>
      </c>
      <c r="DK319" s="484"/>
    </row>
    <row r="320" spans="1:115" s="354" customFormat="1" ht="56.1" hidden="1" customHeight="1" x14ac:dyDescent="0.2">
      <c r="A320" s="494"/>
      <c r="B320" s="494"/>
      <c r="C320" s="481">
        <v>558</v>
      </c>
      <c r="D320" s="481"/>
      <c r="E320" s="481" t="s">
        <v>2481</v>
      </c>
      <c r="F320" s="482" t="s">
        <v>53</v>
      </c>
      <c r="G320" s="482" t="s">
        <v>515</v>
      </c>
      <c r="H320" s="484" t="s">
        <v>580</v>
      </c>
      <c r="I320" s="484" t="s">
        <v>609</v>
      </c>
      <c r="J320" s="484" t="s">
        <v>611</v>
      </c>
      <c r="K320" s="484"/>
      <c r="L320" s="484" t="s">
        <v>58</v>
      </c>
      <c r="M320" s="484" t="s">
        <v>323</v>
      </c>
      <c r="N320" s="484"/>
      <c r="O320" s="484" t="s">
        <v>81</v>
      </c>
      <c r="P320" s="484" t="s">
        <v>525</v>
      </c>
      <c r="Q320" s="484"/>
      <c r="R320" s="484" t="s">
        <v>584</v>
      </c>
      <c r="S320" s="484" t="s">
        <v>63</v>
      </c>
      <c r="T320" s="484" t="s">
        <v>63</v>
      </c>
      <c r="U320" s="485"/>
      <c r="V320" s="485"/>
      <c r="W320" s="484" t="s">
        <v>585</v>
      </c>
      <c r="X320" s="484"/>
      <c r="Y320" s="485"/>
      <c r="Z320" s="484" t="s">
        <v>65</v>
      </c>
      <c r="AA320" s="496"/>
      <c r="AB320" s="496"/>
      <c r="AC320" s="496"/>
      <c r="AD320" s="496"/>
      <c r="AE320" s="496"/>
      <c r="AF320" s="496"/>
      <c r="AG320" s="487" t="s">
        <v>66</v>
      </c>
      <c r="AH320" s="496"/>
      <c r="AI320" s="496"/>
      <c r="AJ320" s="496"/>
      <c r="AK320" s="496"/>
      <c r="AL320" s="496"/>
      <c r="AM320" s="496"/>
      <c r="AN320" s="496"/>
      <c r="AO320" s="496"/>
      <c r="AP320" s="496"/>
      <c r="AQ320" s="496"/>
      <c r="AR320" s="496"/>
      <c r="AS320" s="496"/>
      <c r="AT320" s="496"/>
      <c r="AU320" s="496"/>
      <c r="AV320" s="496"/>
      <c r="AW320" s="496"/>
      <c r="AX320" s="496"/>
      <c r="AY320" s="496"/>
      <c r="AZ320" s="496"/>
      <c r="BA320" s="496"/>
      <c r="BB320" s="496"/>
      <c r="BC320" s="496"/>
      <c r="BD320" s="496"/>
      <c r="BE320" s="496"/>
      <c r="BF320" s="80">
        <f t="shared" si="55"/>
        <v>100</v>
      </c>
      <c r="BG320" s="76"/>
      <c r="BH320" s="487" t="str">
        <f t="shared" si="61"/>
        <v/>
      </c>
      <c r="BI320" s="487" t="str">
        <f t="shared" si="61"/>
        <v/>
      </c>
      <c r="BJ320" s="487" t="str">
        <f t="shared" si="61"/>
        <v/>
      </c>
      <c r="BK320" s="487" t="str">
        <f t="shared" si="61"/>
        <v/>
      </c>
      <c r="BL320" s="487" t="str">
        <f t="shared" si="61"/>
        <v/>
      </c>
      <c r="BM320" s="487" t="str">
        <f t="shared" si="61"/>
        <v/>
      </c>
      <c r="BN320" s="487">
        <f t="shared" si="61"/>
        <v>0</v>
      </c>
      <c r="BO320" s="487" t="str">
        <f t="shared" si="61"/>
        <v/>
      </c>
      <c r="BP320" s="487" t="str">
        <f t="shared" si="61"/>
        <v/>
      </c>
      <c r="BQ320" s="487" t="str">
        <f t="shared" si="61"/>
        <v/>
      </c>
      <c r="BR320" s="487" t="str">
        <f t="shared" si="61"/>
        <v/>
      </c>
      <c r="BS320" s="487" t="str">
        <f t="shared" si="61"/>
        <v/>
      </c>
      <c r="BT320" s="487" t="str">
        <f t="shared" si="61"/>
        <v/>
      </c>
      <c r="BU320" s="487" t="str">
        <f t="shared" si="61"/>
        <v/>
      </c>
      <c r="BV320" s="487" t="str">
        <f t="shared" si="61"/>
        <v/>
      </c>
      <c r="BW320" s="487" t="str">
        <f t="shared" si="61"/>
        <v/>
      </c>
      <c r="BX320" s="487" t="str">
        <f t="shared" si="66"/>
        <v/>
      </c>
      <c r="BY320" s="487" t="str">
        <f t="shared" si="66"/>
        <v/>
      </c>
      <c r="BZ320" s="487" t="str">
        <f t="shared" si="66"/>
        <v/>
      </c>
      <c r="CA320" s="487" t="str">
        <f t="shared" si="64"/>
        <v/>
      </c>
      <c r="CB320" s="487" t="str">
        <f t="shared" si="64"/>
        <v/>
      </c>
      <c r="CC320" s="487" t="str">
        <f t="shared" si="63"/>
        <v/>
      </c>
      <c r="CD320" s="487" t="str">
        <f t="shared" si="63"/>
        <v/>
      </c>
      <c r="CE320" s="487" t="str">
        <f t="shared" si="63"/>
        <v/>
      </c>
      <c r="CF320" s="487" t="str">
        <f t="shared" si="63"/>
        <v/>
      </c>
      <c r="CG320" s="487" t="str">
        <f t="shared" si="63"/>
        <v/>
      </c>
      <c r="CH320" s="487" t="str">
        <f t="shared" si="63"/>
        <v/>
      </c>
      <c r="CI320" s="487" t="str">
        <f t="shared" si="63"/>
        <v/>
      </c>
      <c r="CJ320" s="487" t="str">
        <f t="shared" si="63"/>
        <v/>
      </c>
      <c r="CK320" s="487" t="str">
        <f t="shared" si="63"/>
        <v/>
      </c>
      <c r="CL320" s="487" t="str">
        <f t="shared" si="65"/>
        <v/>
      </c>
      <c r="CM320" s="487"/>
      <c r="CN320" s="487"/>
      <c r="CO320" s="487"/>
      <c r="CP320" s="487"/>
      <c r="CQ320" s="487"/>
      <c r="CR320" s="487"/>
      <c r="CS320" s="487"/>
      <c r="CT320" s="487"/>
      <c r="CU320" s="487"/>
      <c r="CV320" s="487"/>
      <c r="CW320" s="487"/>
      <c r="CX320" s="487"/>
      <c r="CY320" s="487"/>
      <c r="CZ320" s="487"/>
      <c r="DA320" s="487"/>
      <c r="DB320" s="487"/>
      <c r="DC320" s="487"/>
      <c r="DD320" s="487"/>
      <c r="DE320" s="487"/>
      <c r="DF320" s="487"/>
      <c r="DG320" s="487"/>
      <c r="DH320" s="487"/>
      <c r="DI320" s="484"/>
      <c r="DJ320" s="484" t="s">
        <v>586</v>
      </c>
      <c r="DK320" s="484"/>
    </row>
    <row r="321" spans="1:115" s="354" customFormat="1" ht="56.1" hidden="1" customHeight="1" x14ac:dyDescent="0.2">
      <c r="A321" s="494"/>
      <c r="B321" s="494"/>
      <c r="C321" s="481">
        <v>559</v>
      </c>
      <c r="D321" s="481"/>
      <c r="E321" s="481" t="s">
        <v>2481</v>
      </c>
      <c r="F321" s="482" t="s">
        <v>53</v>
      </c>
      <c r="G321" s="482" t="s">
        <v>515</v>
      </c>
      <c r="H321" s="484" t="s">
        <v>580</v>
      </c>
      <c r="I321" s="484" t="s">
        <v>609</v>
      </c>
      <c r="J321" s="484" t="s">
        <v>612</v>
      </c>
      <c r="K321" s="484"/>
      <c r="L321" s="484" t="s">
        <v>58</v>
      </c>
      <c r="M321" s="484" t="s">
        <v>324</v>
      </c>
      <c r="N321" s="484"/>
      <c r="O321" s="484" t="s">
        <v>81</v>
      </c>
      <c r="P321" s="484" t="s">
        <v>525</v>
      </c>
      <c r="Q321" s="484"/>
      <c r="R321" s="484" t="s">
        <v>584</v>
      </c>
      <c r="S321" s="484" t="s">
        <v>63</v>
      </c>
      <c r="T321" s="484" t="s">
        <v>63</v>
      </c>
      <c r="U321" s="485"/>
      <c r="V321" s="485"/>
      <c r="W321" s="484" t="s">
        <v>585</v>
      </c>
      <c r="X321" s="484"/>
      <c r="Y321" s="485"/>
      <c r="Z321" s="484" t="s">
        <v>65</v>
      </c>
      <c r="AA321" s="496"/>
      <c r="AB321" s="496"/>
      <c r="AC321" s="496"/>
      <c r="AD321" s="496"/>
      <c r="AE321" s="496"/>
      <c r="AF321" s="496"/>
      <c r="AG321" s="496"/>
      <c r="AH321" s="487" t="s">
        <v>66</v>
      </c>
      <c r="AI321" s="496"/>
      <c r="AJ321" s="496"/>
      <c r="AK321" s="496"/>
      <c r="AL321" s="496"/>
      <c r="AM321" s="496"/>
      <c r="AN321" s="496"/>
      <c r="AO321" s="496"/>
      <c r="AP321" s="496"/>
      <c r="AQ321" s="496"/>
      <c r="AR321" s="496"/>
      <c r="AS321" s="496"/>
      <c r="AT321" s="496"/>
      <c r="AU321" s="496"/>
      <c r="AV321" s="496"/>
      <c r="AW321" s="496"/>
      <c r="AX321" s="496"/>
      <c r="AY321" s="496"/>
      <c r="AZ321" s="496"/>
      <c r="BA321" s="496"/>
      <c r="BB321" s="496"/>
      <c r="BC321" s="496"/>
      <c r="BD321" s="496"/>
      <c r="BE321" s="496"/>
      <c r="BF321" s="80">
        <f t="shared" si="55"/>
        <v>390</v>
      </c>
      <c r="BG321" s="76"/>
      <c r="BH321" s="487" t="str">
        <f t="shared" si="61"/>
        <v/>
      </c>
      <c r="BI321" s="487" t="str">
        <f t="shared" si="61"/>
        <v/>
      </c>
      <c r="BJ321" s="487" t="str">
        <f t="shared" si="61"/>
        <v/>
      </c>
      <c r="BK321" s="487" t="str">
        <f t="shared" si="61"/>
        <v/>
      </c>
      <c r="BL321" s="487" t="str">
        <f t="shared" si="61"/>
        <v/>
      </c>
      <c r="BM321" s="487" t="str">
        <f t="shared" si="61"/>
        <v/>
      </c>
      <c r="BN321" s="487" t="str">
        <f t="shared" si="61"/>
        <v/>
      </c>
      <c r="BO321" s="487">
        <f t="shared" si="61"/>
        <v>0</v>
      </c>
      <c r="BP321" s="487" t="str">
        <f t="shared" si="61"/>
        <v/>
      </c>
      <c r="BQ321" s="487" t="str">
        <f t="shared" si="61"/>
        <v/>
      </c>
      <c r="BR321" s="487" t="str">
        <f t="shared" si="61"/>
        <v/>
      </c>
      <c r="BS321" s="487" t="str">
        <f t="shared" si="61"/>
        <v/>
      </c>
      <c r="BT321" s="487" t="str">
        <f t="shared" si="61"/>
        <v/>
      </c>
      <c r="BU321" s="487" t="str">
        <f t="shared" si="61"/>
        <v/>
      </c>
      <c r="BV321" s="487" t="str">
        <f t="shared" si="61"/>
        <v/>
      </c>
      <c r="BW321" s="487" t="str">
        <f t="shared" si="61"/>
        <v/>
      </c>
      <c r="BX321" s="487" t="str">
        <f t="shared" si="66"/>
        <v/>
      </c>
      <c r="BY321" s="487" t="str">
        <f t="shared" si="66"/>
        <v/>
      </c>
      <c r="BZ321" s="487" t="str">
        <f t="shared" si="66"/>
        <v/>
      </c>
      <c r="CA321" s="487" t="str">
        <f t="shared" si="64"/>
        <v/>
      </c>
      <c r="CB321" s="487" t="str">
        <f t="shared" si="64"/>
        <v/>
      </c>
      <c r="CC321" s="487" t="str">
        <f t="shared" si="63"/>
        <v/>
      </c>
      <c r="CD321" s="487" t="str">
        <f t="shared" si="63"/>
        <v/>
      </c>
      <c r="CE321" s="487" t="str">
        <f t="shared" si="63"/>
        <v/>
      </c>
      <c r="CF321" s="487" t="str">
        <f t="shared" si="63"/>
        <v/>
      </c>
      <c r="CG321" s="487" t="str">
        <f t="shared" si="63"/>
        <v/>
      </c>
      <c r="CH321" s="487" t="str">
        <f t="shared" si="63"/>
        <v/>
      </c>
      <c r="CI321" s="487" t="str">
        <f t="shared" si="63"/>
        <v/>
      </c>
      <c r="CJ321" s="487" t="str">
        <f t="shared" si="63"/>
        <v/>
      </c>
      <c r="CK321" s="487" t="str">
        <f t="shared" si="63"/>
        <v/>
      </c>
      <c r="CL321" s="487" t="str">
        <f t="shared" si="65"/>
        <v/>
      </c>
      <c r="CM321" s="487"/>
      <c r="CN321" s="487"/>
      <c r="CO321" s="487"/>
      <c r="CP321" s="487"/>
      <c r="CQ321" s="487"/>
      <c r="CR321" s="487"/>
      <c r="CS321" s="487"/>
      <c r="CT321" s="487"/>
      <c r="CU321" s="487"/>
      <c r="CV321" s="487"/>
      <c r="CW321" s="487"/>
      <c r="CX321" s="487"/>
      <c r="CY321" s="487"/>
      <c r="CZ321" s="487"/>
      <c r="DA321" s="487"/>
      <c r="DB321" s="487"/>
      <c r="DC321" s="487"/>
      <c r="DD321" s="487"/>
      <c r="DE321" s="487"/>
      <c r="DF321" s="487"/>
      <c r="DG321" s="487"/>
      <c r="DH321" s="487"/>
      <c r="DI321" s="484"/>
      <c r="DJ321" s="484" t="s">
        <v>586</v>
      </c>
      <c r="DK321" s="484"/>
    </row>
    <row r="322" spans="1:115" s="354" customFormat="1" ht="56.1" hidden="1" customHeight="1" x14ac:dyDescent="0.2">
      <c r="A322" s="77" t="s">
        <v>2491</v>
      </c>
      <c r="B322" s="77" t="s">
        <v>22</v>
      </c>
      <c r="C322" s="481">
        <v>560</v>
      </c>
      <c r="D322" s="481"/>
      <c r="E322" s="481" t="s">
        <v>2481</v>
      </c>
      <c r="F322" s="482" t="s">
        <v>53</v>
      </c>
      <c r="G322" s="482" t="s">
        <v>515</v>
      </c>
      <c r="H322" s="484" t="s">
        <v>580</v>
      </c>
      <c r="I322" s="484" t="s">
        <v>609</v>
      </c>
      <c r="J322" s="484" t="s">
        <v>613</v>
      </c>
      <c r="K322" s="484"/>
      <c r="L322" s="484" t="s">
        <v>58</v>
      </c>
      <c r="M322" s="484" t="s">
        <v>22</v>
      </c>
      <c r="N322" s="484"/>
      <c r="O322" s="484" t="s">
        <v>81</v>
      </c>
      <c r="P322" s="484" t="s">
        <v>525</v>
      </c>
      <c r="Q322" s="484"/>
      <c r="R322" s="484" t="s">
        <v>584</v>
      </c>
      <c r="S322" s="484" t="s">
        <v>63</v>
      </c>
      <c r="T322" s="484" t="s">
        <v>63</v>
      </c>
      <c r="U322" s="485"/>
      <c r="V322" s="485"/>
      <c r="W322" s="484" t="s">
        <v>585</v>
      </c>
      <c r="X322" s="484"/>
      <c r="Y322" s="485"/>
      <c r="Z322" s="484" t="s">
        <v>65</v>
      </c>
      <c r="AA322" s="496"/>
      <c r="AB322" s="496"/>
      <c r="AC322" s="496"/>
      <c r="AD322" s="496"/>
      <c r="AE322" s="496"/>
      <c r="AF322" s="487" t="s">
        <v>66</v>
      </c>
      <c r="AG322" s="496"/>
      <c r="AH322" s="496"/>
      <c r="AI322" s="496"/>
      <c r="AJ322" s="496"/>
      <c r="AK322" s="496"/>
      <c r="AL322" s="496"/>
      <c r="AM322" s="496"/>
      <c r="AN322" s="496"/>
      <c r="AO322" s="496"/>
      <c r="AP322" s="496"/>
      <c r="AQ322" s="496"/>
      <c r="AR322" s="496"/>
      <c r="AS322" s="496"/>
      <c r="AT322" s="496"/>
      <c r="AU322" s="496"/>
      <c r="AV322" s="496"/>
      <c r="AW322" s="496"/>
      <c r="AX322" s="496"/>
      <c r="AY322" s="496"/>
      <c r="AZ322" s="496"/>
      <c r="BA322" s="496"/>
      <c r="BB322" s="496"/>
      <c r="BC322" s="496"/>
      <c r="BD322" s="496"/>
      <c r="BE322" s="496"/>
      <c r="BF322" s="80">
        <f t="shared" si="55"/>
        <v>480</v>
      </c>
      <c r="BG322" s="76"/>
      <c r="BH322" s="487" t="str">
        <f t="shared" si="61"/>
        <v/>
      </c>
      <c r="BI322" s="487" t="str">
        <f t="shared" si="61"/>
        <v/>
      </c>
      <c r="BJ322" s="487" t="str">
        <f t="shared" si="61"/>
        <v/>
      </c>
      <c r="BK322" s="487" t="str">
        <f t="shared" si="61"/>
        <v/>
      </c>
      <c r="BL322" s="487" t="str">
        <f t="shared" si="61"/>
        <v/>
      </c>
      <c r="BM322" s="487">
        <f t="shared" si="61"/>
        <v>0</v>
      </c>
      <c r="BN322" s="487" t="str">
        <f t="shared" si="61"/>
        <v/>
      </c>
      <c r="BO322" s="487" t="str">
        <f t="shared" si="61"/>
        <v/>
      </c>
      <c r="BP322" s="487" t="str">
        <f t="shared" si="61"/>
        <v/>
      </c>
      <c r="BQ322" s="487" t="str">
        <f t="shared" si="61"/>
        <v/>
      </c>
      <c r="BR322" s="487" t="str">
        <f t="shared" si="61"/>
        <v/>
      </c>
      <c r="BS322" s="487" t="str">
        <f t="shared" si="61"/>
        <v/>
      </c>
      <c r="BT322" s="487" t="str">
        <f t="shared" si="61"/>
        <v/>
      </c>
      <c r="BU322" s="487" t="str">
        <f t="shared" si="61"/>
        <v/>
      </c>
      <c r="BV322" s="487" t="str">
        <f t="shared" si="61"/>
        <v/>
      </c>
      <c r="BW322" s="487" t="str">
        <f t="shared" si="61"/>
        <v/>
      </c>
      <c r="BX322" s="487" t="str">
        <f t="shared" si="66"/>
        <v/>
      </c>
      <c r="BY322" s="487" t="str">
        <f t="shared" si="66"/>
        <v/>
      </c>
      <c r="BZ322" s="487" t="str">
        <f t="shared" si="66"/>
        <v/>
      </c>
      <c r="CA322" s="487" t="str">
        <f t="shared" si="64"/>
        <v/>
      </c>
      <c r="CB322" s="487" t="str">
        <f t="shared" si="64"/>
        <v/>
      </c>
      <c r="CC322" s="487" t="str">
        <f t="shared" si="63"/>
        <v/>
      </c>
      <c r="CD322" s="487" t="str">
        <f t="shared" si="63"/>
        <v/>
      </c>
      <c r="CE322" s="487" t="str">
        <f t="shared" si="63"/>
        <v/>
      </c>
      <c r="CF322" s="487" t="str">
        <f t="shared" si="63"/>
        <v/>
      </c>
      <c r="CG322" s="487" t="str">
        <f t="shared" si="63"/>
        <v/>
      </c>
      <c r="CH322" s="487" t="str">
        <f t="shared" si="63"/>
        <v/>
      </c>
      <c r="CI322" s="487" t="str">
        <f t="shared" si="63"/>
        <v/>
      </c>
      <c r="CJ322" s="487" t="str">
        <f t="shared" si="63"/>
        <v/>
      </c>
      <c r="CK322" s="487" t="str">
        <f t="shared" si="63"/>
        <v/>
      </c>
      <c r="CL322" s="487" t="str">
        <f t="shared" si="65"/>
        <v/>
      </c>
      <c r="CM322" s="487"/>
      <c r="CN322" s="487"/>
      <c r="CO322" s="487"/>
      <c r="CP322" s="487"/>
      <c r="CQ322" s="487"/>
      <c r="CR322" s="487"/>
      <c r="CS322" s="487"/>
      <c r="CT322" s="487"/>
      <c r="CU322" s="487"/>
      <c r="CV322" s="487"/>
      <c r="CW322" s="487"/>
      <c r="CX322" s="487"/>
      <c r="CY322" s="487"/>
      <c r="CZ322" s="487"/>
      <c r="DA322" s="487"/>
      <c r="DB322" s="487"/>
      <c r="DC322" s="487"/>
      <c r="DD322" s="487"/>
      <c r="DE322" s="487"/>
      <c r="DF322" s="487"/>
      <c r="DG322" s="487"/>
      <c r="DH322" s="487"/>
      <c r="DI322" s="484"/>
      <c r="DJ322" s="484" t="s">
        <v>586</v>
      </c>
      <c r="DK322" s="484"/>
    </row>
    <row r="323" spans="1:115" s="354" customFormat="1" ht="56.1" hidden="1" customHeight="1" x14ac:dyDescent="0.2">
      <c r="A323" s="494"/>
      <c r="B323" s="494"/>
      <c r="C323" s="481">
        <v>561</v>
      </c>
      <c r="D323" s="481"/>
      <c r="E323" s="481" t="s">
        <v>2481</v>
      </c>
      <c r="F323" s="482" t="s">
        <v>53</v>
      </c>
      <c r="G323" s="482" t="s">
        <v>329</v>
      </c>
      <c r="H323" s="484" t="s">
        <v>580</v>
      </c>
      <c r="I323" s="484" t="s">
        <v>609</v>
      </c>
      <c r="J323" s="495" t="s">
        <v>614</v>
      </c>
      <c r="K323" s="495"/>
      <c r="L323" s="484" t="s">
        <v>58</v>
      </c>
      <c r="M323" s="484" t="s">
        <v>207</v>
      </c>
      <c r="N323" s="484"/>
      <c r="O323" s="484" t="s">
        <v>81</v>
      </c>
      <c r="P323" s="484" t="s">
        <v>334</v>
      </c>
      <c r="Q323" s="484"/>
      <c r="R323" s="484" t="s">
        <v>584</v>
      </c>
      <c r="S323" s="484" t="s">
        <v>63</v>
      </c>
      <c r="T323" s="484" t="s">
        <v>63</v>
      </c>
      <c r="U323" s="485"/>
      <c r="V323" s="485"/>
      <c r="W323" s="484" t="s">
        <v>226</v>
      </c>
      <c r="X323" s="484"/>
      <c r="Y323" s="485"/>
      <c r="Z323" s="484" t="s">
        <v>82</v>
      </c>
      <c r="AA323" s="496"/>
      <c r="AB323" s="496"/>
      <c r="AC323" s="496"/>
      <c r="AD323" s="496"/>
      <c r="AE323" s="496"/>
      <c r="AF323" s="487"/>
      <c r="AG323" s="496"/>
      <c r="AH323" s="496"/>
      <c r="AI323" s="496" t="s">
        <v>66</v>
      </c>
      <c r="AJ323" s="496"/>
      <c r="AK323" s="496"/>
      <c r="AL323" s="496"/>
      <c r="AM323" s="496"/>
      <c r="AN323" s="496"/>
      <c r="AO323" s="496"/>
      <c r="AP323" s="496"/>
      <c r="AQ323" s="496"/>
      <c r="AR323" s="496"/>
      <c r="AS323" s="496"/>
      <c r="AT323" s="496"/>
      <c r="AU323" s="496"/>
      <c r="AV323" s="496"/>
      <c r="AW323" s="496"/>
      <c r="AX323" s="496"/>
      <c r="AY323" s="496"/>
      <c r="AZ323" s="496"/>
      <c r="BA323" s="496"/>
      <c r="BB323" s="496"/>
      <c r="BC323" s="496"/>
      <c r="BD323" s="496"/>
      <c r="BE323" s="496"/>
      <c r="BF323" s="80">
        <f t="shared" ref="BF323:BF386" si="67">SUMIF(AA323:BE323,"YES",$AA$2:$BE$2)</f>
        <v>500</v>
      </c>
      <c r="BG323" s="76"/>
      <c r="BH323" s="487" t="str">
        <f t="shared" si="61"/>
        <v/>
      </c>
      <c r="BI323" s="487" t="str">
        <f t="shared" si="61"/>
        <v/>
      </c>
      <c r="BJ323" s="487" t="str">
        <f t="shared" si="61"/>
        <v/>
      </c>
      <c r="BK323" s="487" t="str">
        <f t="shared" si="61"/>
        <v/>
      </c>
      <c r="BL323" s="487" t="str">
        <f t="shared" si="61"/>
        <v/>
      </c>
      <c r="BM323" s="487" t="str">
        <f t="shared" si="61"/>
        <v/>
      </c>
      <c r="BN323" s="487" t="str">
        <f t="shared" si="61"/>
        <v/>
      </c>
      <c r="BO323" s="487" t="str">
        <f t="shared" si="61"/>
        <v/>
      </c>
      <c r="BP323" s="487">
        <f t="shared" si="61"/>
        <v>0</v>
      </c>
      <c r="BQ323" s="487" t="str">
        <f t="shared" si="61"/>
        <v/>
      </c>
      <c r="BR323" s="487" t="str">
        <f t="shared" si="61"/>
        <v/>
      </c>
      <c r="BS323" s="487" t="str">
        <f t="shared" si="61"/>
        <v/>
      </c>
      <c r="BT323" s="487" t="str">
        <f t="shared" si="61"/>
        <v/>
      </c>
      <c r="BU323" s="487" t="str">
        <f t="shared" si="61"/>
        <v/>
      </c>
      <c r="BV323" s="487" t="str">
        <f t="shared" si="61"/>
        <v/>
      </c>
      <c r="BW323" s="487" t="str">
        <f t="shared" si="61"/>
        <v/>
      </c>
      <c r="BX323" s="487" t="str">
        <f t="shared" si="66"/>
        <v/>
      </c>
      <c r="BY323" s="487" t="str">
        <f t="shared" si="66"/>
        <v/>
      </c>
      <c r="BZ323" s="487" t="str">
        <f t="shared" si="66"/>
        <v/>
      </c>
      <c r="CA323" s="487" t="str">
        <f t="shared" si="64"/>
        <v/>
      </c>
      <c r="CB323" s="487" t="str">
        <f t="shared" si="64"/>
        <v/>
      </c>
      <c r="CC323" s="487" t="str">
        <f t="shared" si="63"/>
        <v/>
      </c>
      <c r="CD323" s="487" t="str">
        <f t="shared" si="63"/>
        <v/>
      </c>
      <c r="CE323" s="487" t="str">
        <f t="shared" si="63"/>
        <v/>
      </c>
      <c r="CF323" s="487" t="str">
        <f t="shared" si="63"/>
        <v/>
      </c>
      <c r="CG323" s="487" t="str">
        <f t="shared" si="63"/>
        <v/>
      </c>
      <c r="CH323" s="487" t="str">
        <f t="shared" si="63"/>
        <v/>
      </c>
      <c r="CI323" s="487" t="str">
        <f t="shared" si="63"/>
        <v/>
      </c>
      <c r="CJ323" s="487" t="str">
        <f t="shared" si="63"/>
        <v/>
      </c>
      <c r="CK323" s="487" t="str">
        <f t="shared" si="63"/>
        <v/>
      </c>
      <c r="CL323" s="487" t="str">
        <f t="shared" si="65"/>
        <v/>
      </c>
      <c r="CM323" s="487"/>
      <c r="CN323" s="487"/>
      <c r="CO323" s="487"/>
      <c r="CP323" s="487"/>
      <c r="CQ323" s="487"/>
      <c r="CR323" s="487"/>
      <c r="CS323" s="487"/>
      <c r="CT323" s="487"/>
      <c r="CU323" s="487"/>
      <c r="CV323" s="487"/>
      <c r="CW323" s="487"/>
      <c r="CX323" s="487"/>
      <c r="CY323" s="487"/>
      <c r="CZ323" s="487"/>
      <c r="DA323" s="487"/>
      <c r="DB323" s="487"/>
      <c r="DC323" s="487"/>
      <c r="DD323" s="487"/>
      <c r="DE323" s="487"/>
      <c r="DF323" s="487"/>
      <c r="DG323" s="487"/>
      <c r="DH323" s="487"/>
      <c r="DI323" s="484"/>
      <c r="DJ323" s="484"/>
      <c r="DK323" s="484"/>
    </row>
    <row r="324" spans="1:115" s="354" customFormat="1" ht="56.1" hidden="1" customHeight="1" x14ac:dyDescent="0.2">
      <c r="A324" s="77" t="s">
        <v>2492</v>
      </c>
      <c r="B324" s="77" t="s">
        <v>2493</v>
      </c>
      <c r="C324" s="481">
        <v>562</v>
      </c>
      <c r="D324" s="481"/>
      <c r="E324" s="481" t="s">
        <v>2481</v>
      </c>
      <c r="F324" s="482" t="s">
        <v>53</v>
      </c>
      <c r="G324" s="482" t="s">
        <v>329</v>
      </c>
      <c r="H324" s="484" t="s">
        <v>580</v>
      </c>
      <c r="I324" s="484" t="s">
        <v>609</v>
      </c>
      <c r="J324" s="495" t="s">
        <v>615</v>
      </c>
      <c r="K324" s="495"/>
      <c r="L324" s="484" t="s">
        <v>58</v>
      </c>
      <c r="M324" s="484" t="s">
        <v>2493</v>
      </c>
      <c r="N324" s="484"/>
      <c r="O324" s="484" t="s">
        <v>81</v>
      </c>
      <c r="P324" s="484" t="s">
        <v>334</v>
      </c>
      <c r="Q324" s="484"/>
      <c r="R324" s="484" t="s">
        <v>584</v>
      </c>
      <c r="S324" s="484" t="s">
        <v>63</v>
      </c>
      <c r="T324" s="484" t="s">
        <v>63</v>
      </c>
      <c r="U324" s="485"/>
      <c r="V324" s="485"/>
      <c r="W324" s="484" t="s">
        <v>226</v>
      </c>
      <c r="X324" s="484"/>
      <c r="Y324" s="485"/>
      <c r="Z324" s="484" t="s">
        <v>82</v>
      </c>
      <c r="AA324" s="496"/>
      <c r="AB324" s="496"/>
      <c r="AC324" s="496"/>
      <c r="AD324" s="496"/>
      <c r="AE324" s="496"/>
      <c r="AF324" s="487"/>
      <c r="AG324" s="496"/>
      <c r="AH324" s="496"/>
      <c r="AI324" s="496"/>
      <c r="AJ324" s="496"/>
      <c r="AK324" s="496"/>
      <c r="AL324" s="496"/>
      <c r="AM324" s="496" t="s">
        <v>66</v>
      </c>
      <c r="AN324" s="496"/>
      <c r="AO324" s="496"/>
      <c r="AP324" s="496"/>
      <c r="AQ324" s="496"/>
      <c r="AR324" s="496"/>
      <c r="AS324" s="496"/>
      <c r="AT324" s="496"/>
      <c r="AU324" s="496"/>
      <c r="AV324" s="496"/>
      <c r="AW324" s="496"/>
      <c r="AX324" s="496"/>
      <c r="AY324" s="496"/>
      <c r="AZ324" s="496"/>
      <c r="BA324" s="496"/>
      <c r="BB324" s="496"/>
      <c r="BC324" s="496"/>
      <c r="BD324" s="496"/>
      <c r="BE324" s="496"/>
      <c r="BF324" s="80">
        <f t="shared" si="67"/>
        <v>234</v>
      </c>
      <c r="BG324" s="76"/>
      <c r="BH324" s="487" t="str">
        <f t="shared" si="61"/>
        <v/>
      </c>
      <c r="BI324" s="487" t="str">
        <f t="shared" si="61"/>
        <v/>
      </c>
      <c r="BJ324" s="487" t="str">
        <f t="shared" si="61"/>
        <v/>
      </c>
      <c r="BK324" s="487" t="str">
        <f t="shared" si="61"/>
        <v/>
      </c>
      <c r="BL324" s="487" t="str">
        <f t="shared" si="61"/>
        <v/>
      </c>
      <c r="BM324" s="487" t="str">
        <f t="shared" si="61"/>
        <v/>
      </c>
      <c r="BN324" s="487" t="str">
        <f t="shared" si="61"/>
        <v/>
      </c>
      <c r="BO324" s="487" t="str">
        <f t="shared" si="61"/>
        <v/>
      </c>
      <c r="BP324" s="487" t="str">
        <f t="shared" si="61"/>
        <v/>
      </c>
      <c r="BQ324" s="487" t="str">
        <f t="shared" si="61"/>
        <v/>
      </c>
      <c r="BR324" s="487" t="str">
        <f t="shared" si="61"/>
        <v/>
      </c>
      <c r="BS324" s="487" t="str">
        <f t="shared" si="61"/>
        <v/>
      </c>
      <c r="BT324" s="487">
        <f t="shared" si="61"/>
        <v>0</v>
      </c>
      <c r="BU324" s="487" t="str">
        <f t="shared" si="61"/>
        <v/>
      </c>
      <c r="BV324" s="487" t="str">
        <f t="shared" si="61"/>
        <v/>
      </c>
      <c r="BW324" s="487" t="str">
        <f t="shared" si="61"/>
        <v/>
      </c>
      <c r="BX324" s="487" t="str">
        <f t="shared" si="66"/>
        <v/>
      </c>
      <c r="BY324" s="487" t="str">
        <f t="shared" si="66"/>
        <v/>
      </c>
      <c r="BZ324" s="487" t="str">
        <f t="shared" si="66"/>
        <v/>
      </c>
      <c r="CA324" s="487" t="str">
        <f t="shared" si="64"/>
        <v/>
      </c>
      <c r="CB324" s="487" t="str">
        <f t="shared" si="64"/>
        <v/>
      </c>
      <c r="CC324" s="487" t="str">
        <f t="shared" si="63"/>
        <v/>
      </c>
      <c r="CD324" s="487" t="str">
        <f t="shared" si="63"/>
        <v/>
      </c>
      <c r="CE324" s="487" t="str">
        <f t="shared" si="63"/>
        <v/>
      </c>
      <c r="CF324" s="487" t="str">
        <f t="shared" si="63"/>
        <v/>
      </c>
      <c r="CG324" s="487" t="str">
        <f t="shared" si="63"/>
        <v/>
      </c>
      <c r="CH324" s="487" t="str">
        <f t="shared" si="63"/>
        <v/>
      </c>
      <c r="CI324" s="487" t="str">
        <f t="shared" si="63"/>
        <v/>
      </c>
      <c r="CJ324" s="487" t="str">
        <f t="shared" si="63"/>
        <v/>
      </c>
      <c r="CK324" s="487" t="str">
        <f t="shared" si="63"/>
        <v/>
      </c>
      <c r="CL324" s="487" t="str">
        <f t="shared" si="65"/>
        <v/>
      </c>
      <c r="CM324" s="487"/>
      <c r="CN324" s="487"/>
      <c r="CO324" s="487"/>
      <c r="CP324" s="487"/>
      <c r="CQ324" s="487"/>
      <c r="CR324" s="487"/>
      <c r="CS324" s="487"/>
      <c r="CT324" s="487"/>
      <c r="CU324" s="487"/>
      <c r="CV324" s="487"/>
      <c r="CW324" s="487"/>
      <c r="CX324" s="487"/>
      <c r="CY324" s="487"/>
      <c r="CZ324" s="487"/>
      <c r="DA324" s="487"/>
      <c r="DB324" s="487"/>
      <c r="DC324" s="487"/>
      <c r="DD324" s="487"/>
      <c r="DE324" s="487"/>
      <c r="DF324" s="487"/>
      <c r="DG324" s="487"/>
      <c r="DH324" s="487"/>
      <c r="DI324" s="484"/>
      <c r="DJ324" s="484"/>
      <c r="DK324" s="484"/>
    </row>
    <row r="325" spans="1:115" s="354" customFormat="1" ht="56.1" hidden="1" customHeight="1" x14ac:dyDescent="0.2">
      <c r="A325" s="494"/>
      <c r="B325" s="494"/>
      <c r="C325" s="481">
        <v>563</v>
      </c>
      <c r="D325" s="481"/>
      <c r="E325" s="481" t="s">
        <v>2481</v>
      </c>
      <c r="F325" s="482" t="s">
        <v>53</v>
      </c>
      <c r="G325" s="482" t="s">
        <v>329</v>
      </c>
      <c r="H325" s="484" t="s">
        <v>580</v>
      </c>
      <c r="I325" s="484" t="s">
        <v>609</v>
      </c>
      <c r="J325" s="495" t="s">
        <v>616</v>
      </c>
      <c r="K325" s="495"/>
      <c r="L325" s="484" t="s">
        <v>58</v>
      </c>
      <c r="M325" s="484" t="s">
        <v>26</v>
      </c>
      <c r="N325" s="484"/>
      <c r="O325" s="484" t="s">
        <v>60</v>
      </c>
      <c r="P325" s="484" t="s">
        <v>334</v>
      </c>
      <c r="Q325" s="484"/>
      <c r="R325" s="484" t="s">
        <v>584</v>
      </c>
      <c r="S325" s="484" t="s">
        <v>63</v>
      </c>
      <c r="T325" s="484" t="s">
        <v>63</v>
      </c>
      <c r="U325" s="485"/>
      <c r="V325" s="485"/>
      <c r="W325" s="484" t="s">
        <v>226</v>
      </c>
      <c r="X325" s="484"/>
      <c r="Y325" s="485"/>
      <c r="Z325" s="484" t="s">
        <v>82</v>
      </c>
      <c r="AA325" s="496"/>
      <c r="AB325" s="496"/>
      <c r="AC325" s="496"/>
      <c r="AD325" s="496"/>
      <c r="AE325" s="496"/>
      <c r="AF325" s="487"/>
      <c r="AG325" s="496"/>
      <c r="AH325" s="496"/>
      <c r="AI325" s="496"/>
      <c r="AJ325" s="496" t="s">
        <v>66</v>
      </c>
      <c r="AK325" s="496"/>
      <c r="AL325" s="496"/>
      <c r="AM325" s="496"/>
      <c r="AN325" s="496"/>
      <c r="AO325" s="496"/>
      <c r="AP325" s="496"/>
      <c r="AQ325" s="496"/>
      <c r="AR325" s="496"/>
      <c r="AS325" s="496"/>
      <c r="AT325" s="496"/>
      <c r="AU325" s="496"/>
      <c r="AV325" s="496"/>
      <c r="AW325" s="496"/>
      <c r="AX325" s="496"/>
      <c r="AY325" s="496"/>
      <c r="AZ325" s="496"/>
      <c r="BA325" s="496"/>
      <c r="BB325" s="496"/>
      <c r="BC325" s="496"/>
      <c r="BD325" s="496"/>
      <c r="BE325" s="496"/>
      <c r="BF325" s="80">
        <f t="shared" si="67"/>
        <v>500</v>
      </c>
      <c r="BG325" s="76"/>
      <c r="BH325" s="487" t="str">
        <f t="shared" si="61"/>
        <v/>
      </c>
      <c r="BI325" s="487" t="str">
        <f t="shared" si="61"/>
        <v/>
      </c>
      <c r="BJ325" s="487" t="str">
        <f t="shared" si="61"/>
        <v/>
      </c>
      <c r="BK325" s="487" t="str">
        <f t="shared" si="61"/>
        <v/>
      </c>
      <c r="BL325" s="487" t="str">
        <f t="shared" si="61"/>
        <v/>
      </c>
      <c r="BM325" s="487" t="str">
        <f t="shared" si="61"/>
        <v/>
      </c>
      <c r="BN325" s="487" t="str">
        <f t="shared" si="61"/>
        <v/>
      </c>
      <c r="BO325" s="487" t="str">
        <f t="shared" si="61"/>
        <v/>
      </c>
      <c r="BP325" s="487" t="str">
        <f t="shared" si="61"/>
        <v/>
      </c>
      <c r="BQ325" s="487">
        <f t="shared" si="61"/>
        <v>0</v>
      </c>
      <c r="BR325" s="487" t="str">
        <f t="shared" si="61"/>
        <v/>
      </c>
      <c r="BS325" s="487" t="str">
        <f t="shared" si="61"/>
        <v/>
      </c>
      <c r="BT325" s="487" t="str">
        <f t="shared" si="61"/>
        <v/>
      </c>
      <c r="BU325" s="487" t="str">
        <f t="shared" si="61"/>
        <v/>
      </c>
      <c r="BV325" s="487" t="str">
        <f t="shared" si="61"/>
        <v/>
      </c>
      <c r="BW325" s="487" t="str">
        <f t="shared" si="61"/>
        <v/>
      </c>
      <c r="BX325" s="487" t="str">
        <f t="shared" si="66"/>
        <v/>
      </c>
      <c r="BY325" s="487" t="str">
        <f t="shared" si="66"/>
        <v/>
      </c>
      <c r="BZ325" s="487" t="str">
        <f t="shared" si="66"/>
        <v/>
      </c>
      <c r="CA325" s="487" t="str">
        <f t="shared" si="64"/>
        <v/>
      </c>
      <c r="CB325" s="487" t="str">
        <f t="shared" si="64"/>
        <v/>
      </c>
      <c r="CC325" s="487" t="str">
        <f t="shared" si="63"/>
        <v/>
      </c>
      <c r="CD325" s="487" t="str">
        <f t="shared" si="63"/>
        <v/>
      </c>
      <c r="CE325" s="487" t="str">
        <f t="shared" si="63"/>
        <v/>
      </c>
      <c r="CF325" s="487" t="str">
        <f t="shared" si="63"/>
        <v/>
      </c>
      <c r="CG325" s="487" t="str">
        <f t="shared" si="63"/>
        <v/>
      </c>
      <c r="CH325" s="487" t="str">
        <f t="shared" si="63"/>
        <v/>
      </c>
      <c r="CI325" s="487" t="str">
        <f t="shared" si="63"/>
        <v/>
      </c>
      <c r="CJ325" s="487" t="str">
        <f t="shared" si="63"/>
        <v/>
      </c>
      <c r="CK325" s="487" t="str">
        <f t="shared" si="63"/>
        <v/>
      </c>
      <c r="CL325" s="487" t="str">
        <f t="shared" si="65"/>
        <v/>
      </c>
      <c r="CM325" s="487"/>
      <c r="CN325" s="487"/>
      <c r="CO325" s="487"/>
      <c r="CP325" s="487"/>
      <c r="CQ325" s="487"/>
      <c r="CR325" s="487"/>
      <c r="CS325" s="487"/>
      <c r="CT325" s="487"/>
      <c r="CU325" s="487"/>
      <c r="CV325" s="487"/>
      <c r="CW325" s="487"/>
      <c r="CX325" s="487"/>
      <c r="CY325" s="487"/>
      <c r="CZ325" s="487"/>
      <c r="DA325" s="487"/>
      <c r="DB325" s="487"/>
      <c r="DC325" s="487"/>
      <c r="DD325" s="487"/>
      <c r="DE325" s="487"/>
      <c r="DF325" s="487"/>
      <c r="DG325" s="487"/>
      <c r="DH325" s="487"/>
      <c r="DI325" s="484"/>
      <c r="DJ325" s="484"/>
      <c r="DK325" s="484"/>
    </row>
    <row r="326" spans="1:115" s="354" customFormat="1" ht="56.1" hidden="1" customHeight="1" x14ac:dyDescent="0.2">
      <c r="A326" s="494"/>
      <c r="B326" s="494"/>
      <c r="C326" s="481">
        <v>564</v>
      </c>
      <c r="D326" s="481"/>
      <c r="E326" s="481" t="s">
        <v>2481</v>
      </c>
      <c r="F326" s="482" t="s">
        <v>53</v>
      </c>
      <c r="G326" s="482" t="s">
        <v>329</v>
      </c>
      <c r="H326" s="484" t="s">
        <v>580</v>
      </c>
      <c r="I326" s="484" t="s">
        <v>617</v>
      </c>
      <c r="J326" s="495" t="s">
        <v>618</v>
      </c>
      <c r="K326" s="495"/>
      <c r="L326" s="484" t="s">
        <v>58</v>
      </c>
      <c r="M326" s="484" t="s">
        <v>27</v>
      </c>
      <c r="N326" s="484"/>
      <c r="O326" s="484" t="s">
        <v>81</v>
      </c>
      <c r="P326" s="484" t="s">
        <v>334</v>
      </c>
      <c r="Q326" s="484"/>
      <c r="R326" s="484" t="s">
        <v>584</v>
      </c>
      <c r="S326" s="484" t="s">
        <v>63</v>
      </c>
      <c r="T326" s="484" t="s">
        <v>63</v>
      </c>
      <c r="U326" s="485"/>
      <c r="V326" s="485"/>
      <c r="W326" s="484" t="s">
        <v>226</v>
      </c>
      <c r="X326" s="484"/>
      <c r="Y326" s="485"/>
      <c r="Z326" s="484" t="s">
        <v>82</v>
      </c>
      <c r="AA326" s="496"/>
      <c r="AB326" s="496"/>
      <c r="AC326" s="496"/>
      <c r="AD326" s="496"/>
      <c r="AE326" s="496"/>
      <c r="AF326" s="487"/>
      <c r="AG326" s="496"/>
      <c r="AH326" s="496"/>
      <c r="AI326" s="496"/>
      <c r="AJ326" s="496"/>
      <c r="AK326" s="496" t="s">
        <v>66</v>
      </c>
      <c r="AL326" s="496"/>
      <c r="AM326" s="496"/>
      <c r="AN326" s="496"/>
      <c r="AO326" s="496"/>
      <c r="AP326" s="496"/>
      <c r="AQ326" s="496"/>
      <c r="AR326" s="496"/>
      <c r="AS326" s="496"/>
      <c r="AT326" s="496"/>
      <c r="AU326" s="496"/>
      <c r="AV326" s="496"/>
      <c r="AW326" s="496"/>
      <c r="AX326" s="496"/>
      <c r="AY326" s="496"/>
      <c r="AZ326" s="496"/>
      <c r="BA326" s="496"/>
      <c r="BB326" s="496"/>
      <c r="BC326" s="496"/>
      <c r="BD326" s="496"/>
      <c r="BE326" s="496"/>
      <c r="BF326" s="80">
        <f t="shared" si="67"/>
        <v>750</v>
      </c>
      <c r="BG326" s="76"/>
      <c r="BH326" s="487" t="str">
        <f t="shared" si="61"/>
        <v/>
      </c>
      <c r="BI326" s="487" t="str">
        <f t="shared" si="61"/>
        <v/>
      </c>
      <c r="BJ326" s="487" t="str">
        <f t="shared" si="61"/>
        <v/>
      </c>
      <c r="BK326" s="487" t="str">
        <f t="shared" si="61"/>
        <v/>
      </c>
      <c r="BL326" s="487" t="str">
        <f t="shared" si="61"/>
        <v/>
      </c>
      <c r="BM326" s="487" t="str">
        <f t="shared" si="61"/>
        <v/>
      </c>
      <c r="BN326" s="487" t="str">
        <f t="shared" si="61"/>
        <v/>
      </c>
      <c r="BO326" s="487" t="str">
        <f t="shared" si="61"/>
        <v/>
      </c>
      <c r="BP326" s="487" t="str">
        <f t="shared" si="61"/>
        <v/>
      </c>
      <c r="BQ326" s="487" t="str">
        <f t="shared" si="61"/>
        <v/>
      </c>
      <c r="BR326" s="487">
        <f t="shared" si="61"/>
        <v>0</v>
      </c>
      <c r="BS326" s="487" t="str">
        <f t="shared" si="61"/>
        <v/>
      </c>
      <c r="BT326" s="487" t="str">
        <f t="shared" si="61"/>
        <v/>
      </c>
      <c r="BU326" s="487" t="str">
        <f t="shared" si="61"/>
        <v/>
      </c>
      <c r="BV326" s="487" t="str">
        <f t="shared" si="61"/>
        <v/>
      </c>
      <c r="BW326" s="487" t="str">
        <f t="shared" si="61"/>
        <v/>
      </c>
      <c r="BX326" s="487" t="str">
        <f t="shared" si="66"/>
        <v/>
      </c>
      <c r="BY326" s="487" t="str">
        <f t="shared" si="66"/>
        <v/>
      </c>
      <c r="BZ326" s="487" t="str">
        <f t="shared" si="66"/>
        <v/>
      </c>
      <c r="CA326" s="487" t="str">
        <f t="shared" si="64"/>
        <v/>
      </c>
      <c r="CB326" s="487" t="str">
        <f t="shared" si="64"/>
        <v/>
      </c>
      <c r="CC326" s="487" t="str">
        <f t="shared" si="63"/>
        <v/>
      </c>
      <c r="CD326" s="487" t="str">
        <f t="shared" si="63"/>
        <v/>
      </c>
      <c r="CE326" s="487" t="str">
        <f t="shared" si="63"/>
        <v/>
      </c>
      <c r="CF326" s="487" t="str">
        <f t="shared" si="63"/>
        <v/>
      </c>
      <c r="CG326" s="487" t="str">
        <f t="shared" si="63"/>
        <v/>
      </c>
      <c r="CH326" s="487" t="str">
        <f t="shared" si="63"/>
        <v/>
      </c>
      <c r="CI326" s="487" t="str">
        <f t="shared" si="63"/>
        <v/>
      </c>
      <c r="CJ326" s="487" t="str">
        <f t="shared" si="63"/>
        <v/>
      </c>
      <c r="CK326" s="487" t="str">
        <f t="shared" si="63"/>
        <v/>
      </c>
      <c r="CL326" s="487" t="str">
        <f t="shared" si="65"/>
        <v/>
      </c>
      <c r="CM326" s="487"/>
      <c r="CN326" s="487"/>
      <c r="CO326" s="487"/>
      <c r="CP326" s="487"/>
      <c r="CQ326" s="487"/>
      <c r="CR326" s="487"/>
      <c r="CS326" s="487"/>
      <c r="CT326" s="487"/>
      <c r="CU326" s="487"/>
      <c r="CV326" s="487"/>
      <c r="CW326" s="487"/>
      <c r="CX326" s="487"/>
      <c r="CY326" s="487"/>
      <c r="CZ326" s="487"/>
      <c r="DA326" s="487"/>
      <c r="DB326" s="487"/>
      <c r="DC326" s="487"/>
      <c r="DD326" s="487"/>
      <c r="DE326" s="487"/>
      <c r="DF326" s="487"/>
      <c r="DG326" s="487"/>
      <c r="DH326" s="487"/>
      <c r="DI326" s="484"/>
      <c r="DJ326" s="484"/>
      <c r="DK326" s="484"/>
    </row>
    <row r="327" spans="1:115" s="354" customFormat="1" ht="56.1" hidden="1" customHeight="1" x14ac:dyDescent="0.2">
      <c r="A327" s="494"/>
      <c r="B327" s="494"/>
      <c r="C327" s="481">
        <v>565</v>
      </c>
      <c r="D327" s="481"/>
      <c r="E327" s="481" t="s">
        <v>2481</v>
      </c>
      <c r="F327" s="482" t="s">
        <v>53</v>
      </c>
      <c r="G327" s="482" t="s">
        <v>329</v>
      </c>
      <c r="H327" s="484" t="s">
        <v>580</v>
      </c>
      <c r="I327" s="484" t="s">
        <v>609</v>
      </c>
      <c r="J327" s="495" t="s">
        <v>619</v>
      </c>
      <c r="K327" s="495"/>
      <c r="L327" s="484" t="s">
        <v>58</v>
      </c>
      <c r="M327" s="484" t="s">
        <v>127</v>
      </c>
      <c r="N327" s="484"/>
      <c r="O327" s="484" t="s">
        <v>81</v>
      </c>
      <c r="P327" s="484" t="s">
        <v>334</v>
      </c>
      <c r="Q327" s="484"/>
      <c r="R327" s="484" t="s">
        <v>584</v>
      </c>
      <c r="S327" s="484" t="s">
        <v>63</v>
      </c>
      <c r="T327" s="484" t="s">
        <v>63</v>
      </c>
      <c r="U327" s="485"/>
      <c r="V327" s="485"/>
      <c r="W327" s="484" t="s">
        <v>226</v>
      </c>
      <c r="X327" s="484"/>
      <c r="Y327" s="485"/>
      <c r="Z327" s="484" t="s">
        <v>82</v>
      </c>
      <c r="AA327" s="496"/>
      <c r="AB327" s="496"/>
      <c r="AC327" s="496"/>
      <c r="AD327" s="496"/>
      <c r="AE327" s="496"/>
      <c r="AF327" s="487"/>
      <c r="AG327" s="496"/>
      <c r="AH327" s="496"/>
      <c r="AI327" s="496"/>
      <c r="AJ327" s="496"/>
      <c r="AK327" s="496"/>
      <c r="AL327" s="496"/>
      <c r="AM327" s="496"/>
      <c r="AN327" s="496" t="s">
        <v>66</v>
      </c>
      <c r="AO327" s="496"/>
      <c r="AP327" s="496"/>
      <c r="AQ327" s="496"/>
      <c r="AR327" s="496"/>
      <c r="AS327" s="496"/>
      <c r="AT327" s="496"/>
      <c r="AU327" s="496"/>
      <c r="AV327" s="496"/>
      <c r="AW327" s="496"/>
      <c r="AX327" s="496"/>
      <c r="AY327" s="496"/>
      <c r="AZ327" s="496"/>
      <c r="BA327" s="496"/>
      <c r="BB327" s="496"/>
      <c r="BC327" s="496"/>
      <c r="BD327" s="496"/>
      <c r="BE327" s="496"/>
      <c r="BF327" s="80">
        <f t="shared" si="67"/>
        <v>350</v>
      </c>
      <c r="BG327" s="76"/>
      <c r="BH327" s="487" t="str">
        <f t="shared" si="61"/>
        <v/>
      </c>
      <c r="BI327" s="487" t="str">
        <f t="shared" si="61"/>
        <v/>
      </c>
      <c r="BJ327" s="487" t="str">
        <f t="shared" si="61"/>
        <v/>
      </c>
      <c r="BK327" s="487" t="str">
        <f t="shared" si="61"/>
        <v/>
      </c>
      <c r="BL327" s="487" t="str">
        <f t="shared" si="61"/>
        <v/>
      </c>
      <c r="BM327" s="487" t="str">
        <f t="shared" si="61"/>
        <v/>
      </c>
      <c r="BN327" s="487" t="str">
        <f t="shared" si="61"/>
        <v/>
      </c>
      <c r="BO327" s="487" t="str">
        <f t="shared" si="61"/>
        <v/>
      </c>
      <c r="BP327" s="487" t="str">
        <f t="shared" si="61"/>
        <v/>
      </c>
      <c r="BQ327" s="487" t="str">
        <f t="shared" si="61"/>
        <v/>
      </c>
      <c r="BR327" s="487" t="str">
        <f t="shared" si="61"/>
        <v/>
      </c>
      <c r="BS327" s="487" t="str">
        <f t="shared" si="61"/>
        <v/>
      </c>
      <c r="BT327" s="487" t="str">
        <f t="shared" si="61"/>
        <v/>
      </c>
      <c r="BU327" s="487">
        <f t="shared" si="61"/>
        <v>0</v>
      </c>
      <c r="BV327" s="487" t="str">
        <f t="shared" si="61"/>
        <v/>
      </c>
      <c r="BW327" s="487" t="str">
        <f t="shared" si="61"/>
        <v/>
      </c>
      <c r="BX327" s="487" t="str">
        <f t="shared" si="66"/>
        <v/>
      </c>
      <c r="BY327" s="487" t="str">
        <f t="shared" si="66"/>
        <v/>
      </c>
      <c r="BZ327" s="487" t="str">
        <f t="shared" si="66"/>
        <v/>
      </c>
      <c r="CA327" s="487" t="str">
        <f t="shared" si="64"/>
        <v/>
      </c>
      <c r="CB327" s="487" t="str">
        <f t="shared" si="64"/>
        <v/>
      </c>
      <c r="CC327" s="487" t="str">
        <f t="shared" si="63"/>
        <v/>
      </c>
      <c r="CD327" s="487" t="str">
        <f t="shared" si="63"/>
        <v/>
      </c>
      <c r="CE327" s="487" t="str">
        <f t="shared" si="63"/>
        <v/>
      </c>
      <c r="CF327" s="487" t="str">
        <f t="shared" si="63"/>
        <v/>
      </c>
      <c r="CG327" s="487" t="str">
        <f t="shared" si="63"/>
        <v/>
      </c>
      <c r="CH327" s="487" t="str">
        <f t="shared" si="63"/>
        <v/>
      </c>
      <c r="CI327" s="487" t="str">
        <f t="shared" si="63"/>
        <v/>
      </c>
      <c r="CJ327" s="487" t="str">
        <f t="shared" si="63"/>
        <v/>
      </c>
      <c r="CK327" s="487" t="str">
        <f t="shared" si="63"/>
        <v/>
      </c>
      <c r="CL327" s="487" t="str">
        <f t="shared" si="65"/>
        <v/>
      </c>
      <c r="CM327" s="487"/>
      <c r="CN327" s="487"/>
      <c r="CO327" s="487"/>
      <c r="CP327" s="487"/>
      <c r="CQ327" s="487"/>
      <c r="CR327" s="487"/>
      <c r="CS327" s="487"/>
      <c r="CT327" s="487"/>
      <c r="CU327" s="487"/>
      <c r="CV327" s="487"/>
      <c r="CW327" s="487"/>
      <c r="CX327" s="487"/>
      <c r="CY327" s="487"/>
      <c r="CZ327" s="487"/>
      <c r="DA327" s="487"/>
      <c r="DB327" s="487"/>
      <c r="DC327" s="487"/>
      <c r="DD327" s="487"/>
      <c r="DE327" s="487"/>
      <c r="DF327" s="487"/>
      <c r="DG327" s="487"/>
      <c r="DH327" s="487"/>
      <c r="DI327" s="484"/>
      <c r="DJ327" s="484"/>
      <c r="DK327" s="484"/>
    </row>
    <row r="328" spans="1:115" s="354" customFormat="1" ht="56.1" hidden="1" customHeight="1" x14ac:dyDescent="0.2">
      <c r="A328" s="494"/>
      <c r="B328" s="494"/>
      <c r="C328" s="481">
        <v>566</v>
      </c>
      <c r="D328" s="481"/>
      <c r="E328" s="481" t="s">
        <v>2481</v>
      </c>
      <c r="F328" s="482" t="s">
        <v>53</v>
      </c>
      <c r="G328" s="482" t="s">
        <v>329</v>
      </c>
      <c r="H328" s="484" t="s">
        <v>580</v>
      </c>
      <c r="I328" s="484" t="s">
        <v>609</v>
      </c>
      <c r="J328" s="495" t="s">
        <v>620</v>
      </c>
      <c r="K328" s="495"/>
      <c r="L328" s="484" t="s">
        <v>58</v>
      </c>
      <c r="M328" s="484" t="s">
        <v>31</v>
      </c>
      <c r="N328" s="484"/>
      <c r="O328" s="484" t="s">
        <v>81</v>
      </c>
      <c r="P328" s="484" t="s">
        <v>334</v>
      </c>
      <c r="Q328" s="484"/>
      <c r="R328" s="484" t="s">
        <v>584</v>
      </c>
      <c r="S328" s="484" t="s">
        <v>63</v>
      </c>
      <c r="T328" s="484" t="s">
        <v>63</v>
      </c>
      <c r="U328" s="485"/>
      <c r="V328" s="485"/>
      <c r="W328" s="484" t="s">
        <v>226</v>
      </c>
      <c r="X328" s="484"/>
      <c r="Y328" s="485"/>
      <c r="Z328" s="484" t="s">
        <v>82</v>
      </c>
      <c r="AA328" s="496"/>
      <c r="AB328" s="496"/>
      <c r="AC328" s="496"/>
      <c r="AD328" s="496"/>
      <c r="AE328" s="496"/>
      <c r="AF328" s="487"/>
      <c r="AG328" s="496"/>
      <c r="AH328" s="496"/>
      <c r="AI328" s="496"/>
      <c r="AJ328" s="496"/>
      <c r="AK328" s="496"/>
      <c r="AL328" s="496"/>
      <c r="AM328" s="496"/>
      <c r="AN328" s="496"/>
      <c r="AO328" s="496" t="s">
        <v>66</v>
      </c>
      <c r="AP328" s="496"/>
      <c r="AQ328" s="496"/>
      <c r="AR328" s="496"/>
      <c r="AS328" s="496"/>
      <c r="AT328" s="496"/>
      <c r="AU328" s="496"/>
      <c r="AV328" s="496"/>
      <c r="AW328" s="496"/>
      <c r="AX328" s="496"/>
      <c r="AY328" s="496"/>
      <c r="AZ328" s="496"/>
      <c r="BA328" s="496"/>
      <c r="BB328" s="496"/>
      <c r="BC328" s="496"/>
      <c r="BD328" s="496"/>
      <c r="BE328" s="496"/>
      <c r="BF328" s="80">
        <f t="shared" si="67"/>
        <v>90</v>
      </c>
      <c r="BG328" s="76"/>
      <c r="BH328" s="487" t="str">
        <f t="shared" si="61"/>
        <v/>
      </c>
      <c r="BI328" s="487" t="str">
        <f t="shared" si="61"/>
        <v/>
      </c>
      <c r="BJ328" s="487" t="str">
        <f t="shared" si="61"/>
        <v/>
      </c>
      <c r="BK328" s="487" t="str">
        <f t="shared" si="61"/>
        <v/>
      </c>
      <c r="BL328" s="487" t="str">
        <f t="shared" si="61"/>
        <v/>
      </c>
      <c r="BM328" s="487" t="str">
        <f t="shared" si="61"/>
        <v/>
      </c>
      <c r="BN328" s="487" t="str">
        <f t="shared" si="61"/>
        <v/>
      </c>
      <c r="BO328" s="487" t="str">
        <f t="shared" si="61"/>
        <v/>
      </c>
      <c r="BP328" s="487" t="str">
        <f t="shared" si="61"/>
        <v/>
      </c>
      <c r="BQ328" s="487" t="str">
        <f t="shared" si="61"/>
        <v/>
      </c>
      <c r="BR328" s="487" t="str">
        <f t="shared" si="61"/>
        <v/>
      </c>
      <c r="BS328" s="487" t="str">
        <f t="shared" si="61"/>
        <v/>
      </c>
      <c r="BT328" s="487" t="str">
        <f t="shared" si="61"/>
        <v/>
      </c>
      <c r="BU328" s="487" t="str">
        <f t="shared" si="61"/>
        <v/>
      </c>
      <c r="BV328" s="487">
        <f t="shared" si="61"/>
        <v>0</v>
      </c>
      <c r="BW328" s="487" t="str">
        <f t="shared" si="61"/>
        <v/>
      </c>
      <c r="BX328" s="487" t="str">
        <f t="shared" si="66"/>
        <v/>
      </c>
      <c r="BY328" s="487" t="str">
        <f t="shared" si="66"/>
        <v/>
      </c>
      <c r="BZ328" s="487" t="str">
        <f t="shared" si="66"/>
        <v/>
      </c>
      <c r="CA328" s="487" t="str">
        <f t="shared" si="64"/>
        <v/>
      </c>
      <c r="CB328" s="487" t="str">
        <f t="shared" si="64"/>
        <v/>
      </c>
      <c r="CC328" s="487" t="str">
        <f t="shared" si="63"/>
        <v/>
      </c>
      <c r="CD328" s="487" t="str">
        <f t="shared" si="63"/>
        <v/>
      </c>
      <c r="CE328" s="487" t="str">
        <f t="shared" si="63"/>
        <v/>
      </c>
      <c r="CF328" s="487" t="str">
        <f t="shared" si="63"/>
        <v/>
      </c>
      <c r="CG328" s="487" t="str">
        <f t="shared" si="63"/>
        <v/>
      </c>
      <c r="CH328" s="487" t="str">
        <f t="shared" si="63"/>
        <v/>
      </c>
      <c r="CI328" s="487" t="str">
        <f t="shared" si="63"/>
        <v/>
      </c>
      <c r="CJ328" s="487" t="str">
        <f t="shared" si="63"/>
        <v/>
      </c>
      <c r="CK328" s="487" t="str">
        <f t="shared" si="63"/>
        <v/>
      </c>
      <c r="CL328" s="487" t="str">
        <f t="shared" si="65"/>
        <v/>
      </c>
      <c r="CM328" s="487"/>
      <c r="CN328" s="487"/>
      <c r="CO328" s="487"/>
      <c r="CP328" s="487"/>
      <c r="CQ328" s="487"/>
      <c r="CR328" s="487"/>
      <c r="CS328" s="487"/>
      <c r="CT328" s="487"/>
      <c r="CU328" s="487"/>
      <c r="CV328" s="487"/>
      <c r="CW328" s="487"/>
      <c r="CX328" s="487"/>
      <c r="CY328" s="487"/>
      <c r="CZ328" s="487"/>
      <c r="DA328" s="487"/>
      <c r="DB328" s="487"/>
      <c r="DC328" s="487"/>
      <c r="DD328" s="487"/>
      <c r="DE328" s="487"/>
      <c r="DF328" s="487"/>
      <c r="DG328" s="487"/>
      <c r="DH328" s="487"/>
      <c r="DI328" s="484"/>
      <c r="DJ328" s="484"/>
      <c r="DK328" s="484"/>
    </row>
    <row r="329" spans="1:115" s="354" customFormat="1" ht="56.1" hidden="1" customHeight="1" x14ac:dyDescent="0.2">
      <c r="A329" s="494"/>
      <c r="B329" s="494"/>
      <c r="C329" s="481">
        <v>567</v>
      </c>
      <c r="D329" s="481"/>
      <c r="E329" s="481" t="s">
        <v>2481</v>
      </c>
      <c r="F329" s="482" t="s">
        <v>53</v>
      </c>
      <c r="G329" s="482" t="s">
        <v>329</v>
      </c>
      <c r="H329" s="484" t="s">
        <v>580</v>
      </c>
      <c r="I329" s="484" t="s">
        <v>609</v>
      </c>
      <c r="J329" s="495" t="s">
        <v>621</v>
      </c>
      <c r="K329" s="495"/>
      <c r="L329" s="484" t="s">
        <v>58</v>
      </c>
      <c r="M329" s="484" t="s">
        <v>327</v>
      </c>
      <c r="N329" s="484"/>
      <c r="O329" s="484" t="s">
        <v>81</v>
      </c>
      <c r="P329" s="484" t="s">
        <v>334</v>
      </c>
      <c r="Q329" s="484"/>
      <c r="R329" s="484" t="s">
        <v>584</v>
      </c>
      <c r="S329" s="484" t="s">
        <v>63</v>
      </c>
      <c r="T329" s="484" t="s">
        <v>63</v>
      </c>
      <c r="U329" s="485"/>
      <c r="V329" s="485"/>
      <c r="W329" s="484" t="s">
        <v>226</v>
      </c>
      <c r="X329" s="484"/>
      <c r="Y329" s="485"/>
      <c r="Z329" s="484" t="s">
        <v>82</v>
      </c>
      <c r="AA329" s="496"/>
      <c r="AB329" s="496"/>
      <c r="AC329" s="496"/>
      <c r="AD329" s="496"/>
      <c r="AE329" s="496"/>
      <c r="AF329" s="487"/>
      <c r="AG329" s="496"/>
      <c r="AH329" s="496"/>
      <c r="AI329" s="496"/>
      <c r="AJ329" s="496"/>
      <c r="AK329" s="496"/>
      <c r="AL329" s="496"/>
      <c r="AM329" s="496"/>
      <c r="AN329" s="496"/>
      <c r="AO329" s="496"/>
      <c r="AP329" s="496" t="s">
        <v>66</v>
      </c>
      <c r="AQ329" s="496"/>
      <c r="AR329" s="496"/>
      <c r="AS329" s="496"/>
      <c r="AT329" s="496"/>
      <c r="AU329" s="496"/>
      <c r="AV329" s="496"/>
      <c r="AW329" s="496"/>
      <c r="AX329" s="496"/>
      <c r="AY329" s="496"/>
      <c r="AZ329" s="496"/>
      <c r="BA329" s="496"/>
      <c r="BB329" s="496"/>
      <c r="BC329" s="496"/>
      <c r="BD329" s="496"/>
      <c r="BE329" s="496"/>
      <c r="BF329" s="80">
        <f t="shared" si="67"/>
        <v>80</v>
      </c>
      <c r="BG329" s="76"/>
      <c r="BH329" s="487" t="str">
        <f t="shared" si="61"/>
        <v/>
      </c>
      <c r="BI329" s="487" t="str">
        <f t="shared" si="61"/>
        <v/>
      </c>
      <c r="BJ329" s="487" t="str">
        <f t="shared" si="61"/>
        <v/>
      </c>
      <c r="BK329" s="487" t="str">
        <f t="shared" si="61"/>
        <v/>
      </c>
      <c r="BL329" s="487" t="str">
        <f t="shared" si="61"/>
        <v/>
      </c>
      <c r="BM329" s="487" t="str">
        <f t="shared" si="61"/>
        <v/>
      </c>
      <c r="BN329" s="487" t="str">
        <f t="shared" si="61"/>
        <v/>
      </c>
      <c r="BO329" s="487" t="str">
        <f t="shared" si="61"/>
        <v/>
      </c>
      <c r="BP329" s="487" t="str">
        <f t="shared" si="61"/>
        <v/>
      </c>
      <c r="BQ329" s="487" t="str">
        <f t="shared" si="61"/>
        <v/>
      </c>
      <c r="BR329" s="487" t="str">
        <f t="shared" si="61"/>
        <v/>
      </c>
      <c r="BS329" s="487" t="str">
        <f t="shared" si="61"/>
        <v/>
      </c>
      <c r="BT329" s="487" t="str">
        <f t="shared" si="61"/>
        <v/>
      </c>
      <c r="BU329" s="487" t="str">
        <f t="shared" si="61"/>
        <v/>
      </c>
      <c r="BV329" s="487" t="str">
        <f t="shared" ref="BV329:BW353" si="68">IF(AO329="yes",(AO$2*$BG329),"")</f>
        <v/>
      </c>
      <c r="BW329" s="487">
        <f t="shared" si="68"/>
        <v>0</v>
      </c>
      <c r="BX329" s="487" t="str">
        <f t="shared" si="66"/>
        <v/>
      </c>
      <c r="BY329" s="487" t="str">
        <f t="shared" si="66"/>
        <v/>
      </c>
      <c r="BZ329" s="487" t="str">
        <f t="shared" si="66"/>
        <v/>
      </c>
      <c r="CA329" s="487" t="str">
        <f t="shared" si="64"/>
        <v/>
      </c>
      <c r="CB329" s="487" t="str">
        <f t="shared" si="64"/>
        <v/>
      </c>
      <c r="CC329" s="487" t="str">
        <f t="shared" si="63"/>
        <v/>
      </c>
      <c r="CD329" s="487" t="str">
        <f t="shared" si="63"/>
        <v/>
      </c>
      <c r="CE329" s="487" t="str">
        <f t="shared" si="63"/>
        <v/>
      </c>
      <c r="CF329" s="487" t="str">
        <f t="shared" si="63"/>
        <v/>
      </c>
      <c r="CG329" s="487" t="str">
        <f t="shared" si="63"/>
        <v/>
      </c>
      <c r="CH329" s="487" t="str">
        <f t="shared" si="63"/>
        <v/>
      </c>
      <c r="CI329" s="487" t="str">
        <f t="shared" si="63"/>
        <v/>
      </c>
      <c r="CJ329" s="487" t="str">
        <f t="shared" si="63"/>
        <v/>
      </c>
      <c r="CK329" s="487" t="str">
        <f t="shared" si="63"/>
        <v/>
      </c>
      <c r="CL329" s="487" t="str">
        <f t="shared" si="65"/>
        <v/>
      </c>
      <c r="CM329" s="487"/>
      <c r="CN329" s="487"/>
      <c r="CO329" s="487"/>
      <c r="CP329" s="487"/>
      <c r="CQ329" s="487"/>
      <c r="CR329" s="487"/>
      <c r="CS329" s="487"/>
      <c r="CT329" s="487"/>
      <c r="CU329" s="487"/>
      <c r="CV329" s="487"/>
      <c r="CW329" s="487"/>
      <c r="CX329" s="487"/>
      <c r="CY329" s="487"/>
      <c r="CZ329" s="487"/>
      <c r="DA329" s="487"/>
      <c r="DB329" s="487"/>
      <c r="DC329" s="487"/>
      <c r="DD329" s="487"/>
      <c r="DE329" s="487"/>
      <c r="DF329" s="487"/>
      <c r="DG329" s="487"/>
      <c r="DH329" s="487"/>
      <c r="DI329" s="484"/>
      <c r="DJ329" s="484"/>
      <c r="DK329" s="484"/>
    </row>
    <row r="330" spans="1:115" s="354" customFormat="1" ht="56.1" hidden="1" customHeight="1" x14ac:dyDescent="0.2">
      <c r="A330" s="494"/>
      <c r="B330" s="494"/>
      <c r="C330" s="481">
        <v>568</v>
      </c>
      <c r="D330" s="481"/>
      <c r="E330" s="481" t="s">
        <v>2481</v>
      </c>
      <c r="F330" s="482" t="s">
        <v>53</v>
      </c>
      <c r="G330" s="482" t="s">
        <v>329</v>
      </c>
      <c r="H330" s="484" t="s">
        <v>580</v>
      </c>
      <c r="I330" s="484" t="s">
        <v>609</v>
      </c>
      <c r="J330" s="495" t="s">
        <v>622</v>
      </c>
      <c r="K330" s="495"/>
      <c r="L330" s="484" t="s">
        <v>58</v>
      </c>
      <c r="M330" s="484" t="s">
        <v>328</v>
      </c>
      <c r="N330" s="484"/>
      <c r="O330" s="484" t="s">
        <v>81</v>
      </c>
      <c r="P330" s="484" t="s">
        <v>334</v>
      </c>
      <c r="Q330" s="484"/>
      <c r="R330" s="484" t="s">
        <v>584</v>
      </c>
      <c r="S330" s="484" t="s">
        <v>63</v>
      </c>
      <c r="T330" s="484" t="s">
        <v>63</v>
      </c>
      <c r="U330" s="485"/>
      <c r="V330" s="485"/>
      <c r="W330" s="484" t="s">
        <v>226</v>
      </c>
      <c r="X330" s="484"/>
      <c r="Y330" s="485"/>
      <c r="Z330" s="484" t="s">
        <v>82</v>
      </c>
      <c r="AA330" s="496"/>
      <c r="AB330" s="496"/>
      <c r="AC330" s="496"/>
      <c r="AD330" s="496"/>
      <c r="AE330" s="496"/>
      <c r="AF330" s="487"/>
      <c r="AG330" s="496"/>
      <c r="AH330" s="496"/>
      <c r="AI330" s="496"/>
      <c r="AJ330" s="496"/>
      <c r="AK330" s="496"/>
      <c r="AL330" s="496"/>
      <c r="AM330" s="496"/>
      <c r="AN330" s="496"/>
      <c r="AO330" s="496"/>
      <c r="AP330" s="496" t="s">
        <v>66</v>
      </c>
      <c r="AQ330" s="496"/>
      <c r="AR330" s="496"/>
      <c r="AS330" s="496"/>
      <c r="AT330" s="496"/>
      <c r="AU330" s="496"/>
      <c r="AV330" s="496"/>
      <c r="AW330" s="496"/>
      <c r="AX330" s="496"/>
      <c r="AY330" s="496"/>
      <c r="AZ330" s="496"/>
      <c r="BA330" s="496"/>
      <c r="BB330" s="496"/>
      <c r="BC330" s="496"/>
      <c r="BD330" s="496"/>
      <c r="BE330" s="496"/>
      <c r="BF330" s="80">
        <f t="shared" si="67"/>
        <v>80</v>
      </c>
      <c r="BG330" s="76"/>
      <c r="BH330" s="487" t="str">
        <f t="shared" ref="BH330:BU348" si="69">IF(AA330="yes",(AA$2*$BG330),"")</f>
        <v/>
      </c>
      <c r="BI330" s="487" t="str">
        <f t="shared" si="69"/>
        <v/>
      </c>
      <c r="BJ330" s="487" t="str">
        <f t="shared" si="69"/>
        <v/>
      </c>
      <c r="BK330" s="487" t="str">
        <f t="shared" si="69"/>
        <v/>
      </c>
      <c r="BL330" s="487" t="str">
        <f t="shared" si="69"/>
        <v/>
      </c>
      <c r="BM330" s="487" t="str">
        <f t="shared" si="69"/>
        <v/>
      </c>
      <c r="BN330" s="487" t="str">
        <f t="shared" si="69"/>
        <v/>
      </c>
      <c r="BO330" s="487" t="str">
        <f t="shared" si="69"/>
        <v/>
      </c>
      <c r="BP330" s="487" t="str">
        <f t="shared" si="69"/>
        <v/>
      </c>
      <c r="BQ330" s="487" t="str">
        <f t="shared" si="69"/>
        <v/>
      </c>
      <c r="BR330" s="487" t="str">
        <f t="shared" si="69"/>
        <v/>
      </c>
      <c r="BS330" s="487" t="str">
        <f t="shared" si="69"/>
        <v/>
      </c>
      <c r="BT330" s="487" t="str">
        <f t="shared" si="69"/>
        <v/>
      </c>
      <c r="BU330" s="487" t="str">
        <f t="shared" si="69"/>
        <v/>
      </c>
      <c r="BV330" s="487" t="str">
        <f t="shared" si="68"/>
        <v/>
      </c>
      <c r="BW330" s="487">
        <f t="shared" si="68"/>
        <v>0</v>
      </c>
      <c r="BX330" s="487" t="str">
        <f t="shared" si="66"/>
        <v/>
      </c>
      <c r="BY330" s="487" t="str">
        <f t="shared" si="66"/>
        <v/>
      </c>
      <c r="BZ330" s="487" t="str">
        <f t="shared" si="66"/>
        <v/>
      </c>
      <c r="CA330" s="487" t="str">
        <f t="shared" si="64"/>
        <v/>
      </c>
      <c r="CB330" s="487" t="str">
        <f t="shared" si="64"/>
        <v/>
      </c>
      <c r="CC330" s="487" t="str">
        <f t="shared" si="63"/>
        <v/>
      </c>
      <c r="CD330" s="487" t="str">
        <f t="shared" si="63"/>
        <v/>
      </c>
      <c r="CE330" s="487" t="str">
        <f t="shared" si="63"/>
        <v/>
      </c>
      <c r="CF330" s="487" t="str">
        <f t="shared" si="63"/>
        <v/>
      </c>
      <c r="CG330" s="487" t="str">
        <f t="shared" si="63"/>
        <v/>
      </c>
      <c r="CH330" s="487" t="str">
        <f t="shared" si="63"/>
        <v/>
      </c>
      <c r="CI330" s="487" t="str">
        <f t="shared" si="63"/>
        <v/>
      </c>
      <c r="CJ330" s="487" t="str">
        <f t="shared" si="63"/>
        <v/>
      </c>
      <c r="CK330" s="487" t="str">
        <f t="shared" si="63"/>
        <v/>
      </c>
      <c r="CL330" s="487" t="str">
        <f t="shared" si="65"/>
        <v/>
      </c>
      <c r="CM330" s="487"/>
      <c r="CN330" s="487"/>
      <c r="CO330" s="487"/>
      <c r="CP330" s="487"/>
      <c r="CQ330" s="487"/>
      <c r="CR330" s="487"/>
      <c r="CS330" s="487"/>
      <c r="CT330" s="487"/>
      <c r="CU330" s="487"/>
      <c r="CV330" s="487"/>
      <c r="CW330" s="487"/>
      <c r="CX330" s="487"/>
      <c r="CY330" s="487"/>
      <c r="CZ330" s="487"/>
      <c r="DA330" s="487"/>
      <c r="DB330" s="487"/>
      <c r="DC330" s="487"/>
      <c r="DD330" s="487"/>
      <c r="DE330" s="487"/>
      <c r="DF330" s="487"/>
      <c r="DG330" s="487"/>
      <c r="DH330" s="487"/>
      <c r="DI330" s="484"/>
      <c r="DJ330" s="484"/>
      <c r="DK330" s="484"/>
    </row>
    <row r="331" spans="1:115" s="354" customFormat="1" ht="56.1" hidden="1" customHeight="1" x14ac:dyDescent="0.2">
      <c r="A331" s="494"/>
      <c r="B331" s="494"/>
      <c r="C331" s="481">
        <v>583</v>
      </c>
      <c r="D331" s="481"/>
      <c r="E331" s="481" t="s">
        <v>2481</v>
      </c>
      <c r="F331" s="482" t="s">
        <v>53</v>
      </c>
      <c r="G331" s="482" t="s">
        <v>515</v>
      </c>
      <c r="H331" s="484" t="s">
        <v>623</v>
      </c>
      <c r="I331" s="484" t="s">
        <v>624</v>
      </c>
      <c r="J331" s="484" t="s">
        <v>640</v>
      </c>
      <c r="K331" s="484"/>
      <c r="L331" s="484" t="s">
        <v>58</v>
      </c>
      <c r="M331" s="484" t="s">
        <v>347</v>
      </c>
      <c r="N331" s="484"/>
      <c r="O331" s="484" t="s">
        <v>81</v>
      </c>
      <c r="P331" s="484" t="s">
        <v>626</v>
      </c>
      <c r="Q331" s="484"/>
      <c r="R331" s="484" t="s">
        <v>225</v>
      </c>
      <c r="S331" s="484" t="s">
        <v>63</v>
      </c>
      <c r="T331" s="484" t="s">
        <v>63</v>
      </c>
      <c r="U331" s="485">
        <v>2179604</v>
      </c>
      <c r="V331" s="485"/>
      <c r="W331" s="484" t="s">
        <v>585</v>
      </c>
      <c r="X331" s="484"/>
      <c r="Y331" s="485">
        <f t="shared" ref="Y331:Y364" si="70">U331</f>
        <v>2179604</v>
      </c>
      <c r="Z331" s="484" t="s">
        <v>65</v>
      </c>
      <c r="AA331" s="496"/>
      <c r="AB331" s="496"/>
      <c r="AC331" s="496"/>
      <c r="AD331" s="496"/>
      <c r="AE331" s="496"/>
      <c r="AF331" s="496"/>
      <c r="AG331" s="496"/>
      <c r="AH331" s="496"/>
      <c r="AI331" s="496"/>
      <c r="AJ331" s="496"/>
      <c r="AK331" s="496"/>
      <c r="AL331" s="496"/>
      <c r="AM331" s="496"/>
      <c r="AN331" s="496"/>
      <c r="AO331" s="496"/>
      <c r="AP331" s="496"/>
      <c r="AQ331" s="487" t="s">
        <v>66</v>
      </c>
      <c r="AR331" s="496"/>
      <c r="AS331" s="496"/>
      <c r="AT331" s="496"/>
      <c r="AU331" s="496"/>
      <c r="AV331" s="496"/>
      <c r="AW331" s="496"/>
      <c r="AX331" s="496"/>
      <c r="AY331" s="496"/>
      <c r="AZ331" s="496"/>
      <c r="BA331" s="496"/>
      <c r="BB331" s="496"/>
      <c r="BC331" s="496"/>
      <c r="BD331" s="496"/>
      <c r="BE331" s="496"/>
      <c r="BF331" s="80">
        <f t="shared" si="67"/>
        <v>2385</v>
      </c>
      <c r="BG331" s="76">
        <f t="shared" ref="BG331:BG347" si="71">Y331/BF331</f>
        <v>913.8800838574424</v>
      </c>
      <c r="BH331" s="487" t="str">
        <f t="shared" si="69"/>
        <v/>
      </c>
      <c r="BI331" s="487" t="str">
        <f t="shared" si="69"/>
        <v/>
      </c>
      <c r="BJ331" s="487" t="str">
        <f t="shared" si="69"/>
        <v/>
      </c>
      <c r="BK331" s="487" t="str">
        <f t="shared" si="69"/>
        <v/>
      </c>
      <c r="BL331" s="487" t="str">
        <f t="shared" si="69"/>
        <v/>
      </c>
      <c r="BM331" s="487" t="str">
        <f t="shared" si="69"/>
        <v/>
      </c>
      <c r="BN331" s="487" t="str">
        <f t="shared" si="69"/>
        <v/>
      </c>
      <c r="BO331" s="487" t="str">
        <f t="shared" si="69"/>
        <v/>
      </c>
      <c r="BP331" s="487" t="str">
        <f t="shared" si="69"/>
        <v/>
      </c>
      <c r="BQ331" s="487" t="str">
        <f t="shared" si="69"/>
        <v/>
      </c>
      <c r="BR331" s="487" t="str">
        <f t="shared" si="69"/>
        <v/>
      </c>
      <c r="BS331" s="487" t="str">
        <f t="shared" si="69"/>
        <v/>
      </c>
      <c r="BT331" s="487" t="str">
        <f t="shared" si="69"/>
        <v/>
      </c>
      <c r="BU331" s="487" t="str">
        <f t="shared" si="69"/>
        <v/>
      </c>
      <c r="BV331" s="487" t="str">
        <f t="shared" si="68"/>
        <v/>
      </c>
      <c r="BW331" s="487" t="str">
        <f t="shared" si="68"/>
        <v/>
      </c>
      <c r="BX331" s="487">
        <f t="shared" si="66"/>
        <v>2179604</v>
      </c>
      <c r="BY331" s="487" t="str">
        <f t="shared" si="66"/>
        <v/>
      </c>
      <c r="BZ331" s="487" t="str">
        <f t="shared" si="66"/>
        <v/>
      </c>
      <c r="CA331" s="487" t="str">
        <f t="shared" si="64"/>
        <v/>
      </c>
      <c r="CB331" s="487" t="str">
        <f t="shared" si="64"/>
        <v/>
      </c>
      <c r="CC331" s="487" t="str">
        <f t="shared" si="63"/>
        <v/>
      </c>
      <c r="CD331" s="487" t="str">
        <f t="shared" si="63"/>
        <v/>
      </c>
      <c r="CE331" s="487" t="str">
        <f t="shared" si="63"/>
        <v/>
      </c>
      <c r="CF331" s="487" t="str">
        <f t="shared" si="63"/>
        <v/>
      </c>
      <c r="CG331" s="487" t="str">
        <f t="shared" si="63"/>
        <v/>
      </c>
      <c r="CH331" s="487" t="str">
        <f t="shared" si="63"/>
        <v/>
      </c>
      <c r="CI331" s="487" t="str">
        <f t="shared" si="63"/>
        <v/>
      </c>
      <c r="CJ331" s="487" t="str">
        <f t="shared" si="63"/>
        <v/>
      </c>
      <c r="CK331" s="487" t="str">
        <f t="shared" si="63"/>
        <v/>
      </c>
      <c r="CL331" s="487" t="str">
        <f t="shared" si="65"/>
        <v/>
      </c>
      <c r="CM331" s="487"/>
      <c r="CN331" s="487"/>
      <c r="CO331" s="487"/>
      <c r="CP331" s="487"/>
      <c r="CQ331" s="487"/>
      <c r="CR331" s="487"/>
      <c r="CS331" s="487"/>
      <c r="CT331" s="487"/>
      <c r="CU331" s="487"/>
      <c r="CV331" s="487"/>
      <c r="CW331" s="487"/>
      <c r="CX331" s="487"/>
      <c r="CY331" s="487"/>
      <c r="CZ331" s="487"/>
      <c r="DA331" s="487"/>
      <c r="DB331" s="487"/>
      <c r="DC331" s="487"/>
      <c r="DD331" s="487"/>
      <c r="DE331" s="487"/>
      <c r="DF331" s="487"/>
      <c r="DG331" s="487"/>
      <c r="DH331" s="487"/>
      <c r="DI331" s="484"/>
      <c r="DJ331" s="484"/>
      <c r="DK331" s="484"/>
    </row>
    <row r="332" spans="1:115" s="354" customFormat="1" ht="56.1" hidden="1" customHeight="1" x14ac:dyDescent="0.2">
      <c r="A332" s="494"/>
      <c r="B332" s="494"/>
      <c r="C332" s="481">
        <v>584</v>
      </c>
      <c r="D332" s="481"/>
      <c r="E332" s="481" t="s">
        <v>2481</v>
      </c>
      <c r="F332" s="482" t="s">
        <v>53</v>
      </c>
      <c r="G332" s="482" t="s">
        <v>515</v>
      </c>
      <c r="H332" s="484" t="s">
        <v>623</v>
      </c>
      <c r="I332" s="484" t="s">
        <v>624</v>
      </c>
      <c r="J332" s="484" t="s">
        <v>641</v>
      </c>
      <c r="K332" s="484"/>
      <c r="L332" s="484" t="s">
        <v>58</v>
      </c>
      <c r="M332" s="484" t="s">
        <v>173</v>
      </c>
      <c r="N332" s="484"/>
      <c r="O332" s="484" t="s">
        <v>81</v>
      </c>
      <c r="P332" s="484" t="s">
        <v>626</v>
      </c>
      <c r="Q332" s="484"/>
      <c r="R332" s="484" t="s">
        <v>62</v>
      </c>
      <c r="S332" s="484" t="s">
        <v>63</v>
      </c>
      <c r="T332" s="484" t="s">
        <v>63</v>
      </c>
      <c r="U332" s="485">
        <v>1370820</v>
      </c>
      <c r="V332" s="485"/>
      <c r="W332" s="484" t="s">
        <v>585</v>
      </c>
      <c r="X332" s="484"/>
      <c r="Y332" s="485">
        <f t="shared" si="70"/>
        <v>1370820</v>
      </c>
      <c r="Z332" s="484" t="s">
        <v>65</v>
      </c>
      <c r="AA332" s="487" t="s">
        <v>66</v>
      </c>
      <c r="AB332" s="496"/>
      <c r="AC332" s="496"/>
      <c r="AD332" s="496"/>
      <c r="AE332" s="496"/>
      <c r="AF332" s="496"/>
      <c r="AG332" s="496"/>
      <c r="AH332" s="496"/>
      <c r="AI332" s="496"/>
      <c r="AJ332" s="496"/>
      <c r="AK332" s="496"/>
      <c r="AL332" s="496"/>
      <c r="AM332" s="496"/>
      <c r="AN332" s="496"/>
      <c r="AO332" s="496"/>
      <c r="AP332" s="496"/>
      <c r="AQ332" s="496"/>
      <c r="AR332" s="496"/>
      <c r="AS332" s="496"/>
      <c r="AT332" s="496"/>
      <c r="AU332" s="496"/>
      <c r="AV332" s="496"/>
      <c r="AW332" s="496"/>
      <c r="AX332" s="496"/>
      <c r="AY332" s="496"/>
      <c r="AZ332" s="496"/>
      <c r="BA332" s="496"/>
      <c r="BB332" s="496"/>
      <c r="BC332" s="496"/>
      <c r="BD332" s="496"/>
      <c r="BE332" s="496"/>
      <c r="BF332" s="80">
        <f t="shared" si="67"/>
        <v>1500</v>
      </c>
      <c r="BG332" s="76">
        <f t="shared" si="71"/>
        <v>913.88</v>
      </c>
      <c r="BH332" s="487">
        <f t="shared" si="69"/>
        <v>1370820</v>
      </c>
      <c r="BI332" s="487" t="str">
        <f t="shared" si="69"/>
        <v/>
      </c>
      <c r="BJ332" s="487" t="str">
        <f t="shared" si="69"/>
        <v/>
      </c>
      <c r="BK332" s="487" t="str">
        <f t="shared" si="69"/>
        <v/>
      </c>
      <c r="BL332" s="487" t="str">
        <f t="shared" si="69"/>
        <v/>
      </c>
      <c r="BM332" s="487" t="str">
        <f t="shared" si="69"/>
        <v/>
      </c>
      <c r="BN332" s="487" t="str">
        <f t="shared" si="69"/>
        <v/>
      </c>
      <c r="BO332" s="487" t="str">
        <f t="shared" si="69"/>
        <v/>
      </c>
      <c r="BP332" s="487" t="str">
        <f t="shared" si="69"/>
        <v/>
      </c>
      <c r="BQ332" s="487" t="str">
        <f t="shared" si="69"/>
        <v/>
      </c>
      <c r="BR332" s="487" t="str">
        <f t="shared" si="69"/>
        <v/>
      </c>
      <c r="BS332" s="487" t="str">
        <f t="shared" si="69"/>
        <v/>
      </c>
      <c r="BT332" s="487" t="str">
        <f t="shared" si="69"/>
        <v/>
      </c>
      <c r="BU332" s="487" t="str">
        <f t="shared" si="69"/>
        <v/>
      </c>
      <c r="BV332" s="487" t="str">
        <f t="shared" si="68"/>
        <v/>
      </c>
      <c r="BW332" s="487" t="str">
        <f t="shared" si="68"/>
        <v/>
      </c>
      <c r="BX332" s="487" t="str">
        <f t="shared" si="66"/>
        <v/>
      </c>
      <c r="BY332" s="487" t="str">
        <f t="shared" si="66"/>
        <v/>
      </c>
      <c r="BZ332" s="487" t="str">
        <f t="shared" si="66"/>
        <v/>
      </c>
      <c r="CA332" s="487" t="str">
        <f t="shared" si="64"/>
        <v/>
      </c>
      <c r="CB332" s="487" t="str">
        <f t="shared" si="64"/>
        <v/>
      </c>
      <c r="CC332" s="487" t="str">
        <f t="shared" si="63"/>
        <v/>
      </c>
      <c r="CD332" s="487" t="str">
        <f t="shared" si="63"/>
        <v/>
      </c>
      <c r="CE332" s="487" t="str">
        <f t="shared" si="63"/>
        <v/>
      </c>
      <c r="CF332" s="487" t="str">
        <f t="shared" si="63"/>
        <v/>
      </c>
      <c r="CG332" s="487" t="str">
        <f t="shared" si="63"/>
        <v/>
      </c>
      <c r="CH332" s="487" t="str">
        <f t="shared" si="63"/>
        <v/>
      </c>
      <c r="CI332" s="487" t="str">
        <f t="shared" si="63"/>
        <v/>
      </c>
      <c r="CJ332" s="487" t="str">
        <f t="shared" si="63"/>
        <v/>
      </c>
      <c r="CK332" s="487" t="str">
        <f t="shared" si="63"/>
        <v/>
      </c>
      <c r="CL332" s="487" t="str">
        <f t="shared" si="65"/>
        <v/>
      </c>
      <c r="CM332" s="487"/>
      <c r="CN332" s="487"/>
      <c r="CO332" s="487"/>
      <c r="CP332" s="487"/>
      <c r="CQ332" s="487"/>
      <c r="CR332" s="487"/>
      <c r="CS332" s="487"/>
      <c r="CT332" s="487"/>
      <c r="CU332" s="487"/>
      <c r="CV332" s="487"/>
      <c r="CW332" s="487"/>
      <c r="CX332" s="487"/>
      <c r="CY332" s="487"/>
      <c r="CZ332" s="487"/>
      <c r="DA332" s="487"/>
      <c r="DB332" s="487"/>
      <c r="DC332" s="487"/>
      <c r="DD332" s="487"/>
      <c r="DE332" s="487"/>
      <c r="DF332" s="487"/>
      <c r="DG332" s="487"/>
      <c r="DH332" s="487"/>
      <c r="DI332" s="484"/>
      <c r="DJ332" s="484"/>
      <c r="DK332" s="484"/>
    </row>
    <row r="333" spans="1:115" s="354" customFormat="1" ht="56.1" hidden="1" customHeight="1" x14ac:dyDescent="0.2">
      <c r="A333" s="494"/>
      <c r="B333" s="494"/>
      <c r="C333" s="481">
        <v>585</v>
      </c>
      <c r="D333" s="481"/>
      <c r="E333" s="481" t="s">
        <v>2481</v>
      </c>
      <c r="F333" s="482" t="s">
        <v>53</v>
      </c>
      <c r="G333" s="482" t="s">
        <v>515</v>
      </c>
      <c r="H333" s="484" t="s">
        <v>623</v>
      </c>
      <c r="I333" s="484" t="s">
        <v>624</v>
      </c>
      <c r="J333" s="484" t="s">
        <v>642</v>
      </c>
      <c r="K333" s="484"/>
      <c r="L333" s="484" t="s">
        <v>58</v>
      </c>
      <c r="M333" s="484" t="s">
        <v>319</v>
      </c>
      <c r="N333" s="484"/>
      <c r="O333" s="484" t="s">
        <v>81</v>
      </c>
      <c r="P333" s="484" t="s">
        <v>626</v>
      </c>
      <c r="Q333" s="484"/>
      <c r="R333" s="484" t="s">
        <v>181</v>
      </c>
      <c r="S333" s="484" t="s">
        <v>63</v>
      </c>
      <c r="T333" s="484" t="s">
        <v>63</v>
      </c>
      <c r="U333" s="485">
        <v>411246</v>
      </c>
      <c r="V333" s="485"/>
      <c r="W333" s="484" t="s">
        <v>585</v>
      </c>
      <c r="X333" s="484"/>
      <c r="Y333" s="485">
        <f t="shared" si="70"/>
        <v>411246</v>
      </c>
      <c r="Z333" s="484" t="s">
        <v>65</v>
      </c>
      <c r="AA333" s="496"/>
      <c r="AB333" s="496"/>
      <c r="AC333" s="487" t="s">
        <v>66</v>
      </c>
      <c r="AD333" s="496"/>
      <c r="AE333" s="496"/>
      <c r="AF333" s="496"/>
      <c r="AG333" s="496"/>
      <c r="AH333" s="496"/>
      <c r="AI333" s="496"/>
      <c r="AJ333" s="496"/>
      <c r="AK333" s="496"/>
      <c r="AL333" s="496"/>
      <c r="AM333" s="496"/>
      <c r="AN333" s="496"/>
      <c r="AO333" s="496"/>
      <c r="AP333" s="496"/>
      <c r="AQ333" s="496"/>
      <c r="AR333" s="496"/>
      <c r="AS333" s="496"/>
      <c r="AT333" s="496"/>
      <c r="AU333" s="496"/>
      <c r="AV333" s="496"/>
      <c r="AW333" s="496"/>
      <c r="AX333" s="496"/>
      <c r="AY333" s="496"/>
      <c r="AZ333" s="496"/>
      <c r="BA333" s="496"/>
      <c r="BB333" s="496"/>
      <c r="BC333" s="496"/>
      <c r="BD333" s="496"/>
      <c r="BE333" s="496"/>
      <c r="BF333" s="80">
        <f t="shared" si="67"/>
        <v>450</v>
      </c>
      <c r="BG333" s="76">
        <f t="shared" si="71"/>
        <v>913.88</v>
      </c>
      <c r="BH333" s="487" t="str">
        <f t="shared" si="69"/>
        <v/>
      </c>
      <c r="BI333" s="487" t="str">
        <f t="shared" si="69"/>
        <v/>
      </c>
      <c r="BJ333" s="487">
        <f t="shared" si="69"/>
        <v>411246</v>
      </c>
      <c r="BK333" s="487" t="str">
        <f t="shared" si="69"/>
        <v/>
      </c>
      <c r="BL333" s="487" t="str">
        <f t="shared" si="69"/>
        <v/>
      </c>
      <c r="BM333" s="487" t="str">
        <f t="shared" si="69"/>
        <v/>
      </c>
      <c r="BN333" s="487" t="str">
        <f t="shared" si="69"/>
        <v/>
      </c>
      <c r="BO333" s="487" t="str">
        <f t="shared" si="69"/>
        <v/>
      </c>
      <c r="BP333" s="487" t="str">
        <f t="shared" si="69"/>
        <v/>
      </c>
      <c r="BQ333" s="487" t="str">
        <f t="shared" si="69"/>
        <v/>
      </c>
      <c r="BR333" s="487" t="str">
        <f t="shared" si="69"/>
        <v/>
      </c>
      <c r="BS333" s="487" t="str">
        <f t="shared" si="69"/>
        <v/>
      </c>
      <c r="BT333" s="487" t="str">
        <f t="shared" si="69"/>
        <v/>
      </c>
      <c r="BU333" s="487" t="str">
        <f t="shared" si="69"/>
        <v/>
      </c>
      <c r="BV333" s="487" t="str">
        <f t="shared" si="68"/>
        <v/>
      </c>
      <c r="BW333" s="487" t="str">
        <f t="shared" si="68"/>
        <v/>
      </c>
      <c r="BX333" s="487" t="str">
        <f t="shared" si="66"/>
        <v/>
      </c>
      <c r="BY333" s="487" t="str">
        <f t="shared" si="66"/>
        <v/>
      </c>
      <c r="BZ333" s="487" t="str">
        <f t="shared" si="66"/>
        <v/>
      </c>
      <c r="CA333" s="487" t="str">
        <f t="shared" si="64"/>
        <v/>
      </c>
      <c r="CB333" s="487" t="str">
        <f t="shared" si="64"/>
        <v/>
      </c>
      <c r="CC333" s="487" t="str">
        <f t="shared" si="63"/>
        <v/>
      </c>
      <c r="CD333" s="487" t="str">
        <f t="shared" si="63"/>
        <v/>
      </c>
      <c r="CE333" s="487" t="str">
        <f t="shared" si="63"/>
        <v/>
      </c>
      <c r="CF333" s="487" t="str">
        <f t="shared" si="63"/>
        <v/>
      </c>
      <c r="CG333" s="487" t="str">
        <f t="shared" si="63"/>
        <v/>
      </c>
      <c r="CH333" s="487" t="str">
        <f t="shared" si="63"/>
        <v/>
      </c>
      <c r="CI333" s="487" t="str">
        <f t="shared" si="63"/>
        <v/>
      </c>
      <c r="CJ333" s="487" t="str">
        <f t="shared" si="63"/>
        <v/>
      </c>
      <c r="CK333" s="487" t="str">
        <f t="shared" si="63"/>
        <v/>
      </c>
      <c r="CL333" s="487" t="str">
        <f t="shared" si="65"/>
        <v/>
      </c>
      <c r="CM333" s="487"/>
      <c r="CN333" s="487"/>
      <c r="CO333" s="487"/>
      <c r="CP333" s="487"/>
      <c r="CQ333" s="487"/>
      <c r="CR333" s="487"/>
      <c r="CS333" s="487"/>
      <c r="CT333" s="487"/>
      <c r="CU333" s="487"/>
      <c r="CV333" s="487"/>
      <c r="CW333" s="487"/>
      <c r="CX333" s="487"/>
      <c r="CY333" s="487"/>
      <c r="CZ333" s="487"/>
      <c r="DA333" s="487"/>
      <c r="DB333" s="487"/>
      <c r="DC333" s="487"/>
      <c r="DD333" s="487"/>
      <c r="DE333" s="487"/>
      <c r="DF333" s="487"/>
      <c r="DG333" s="487"/>
      <c r="DH333" s="487"/>
      <c r="DI333" s="484"/>
      <c r="DJ333" s="484"/>
      <c r="DK333" s="484"/>
    </row>
    <row r="334" spans="1:115" s="354" customFormat="1" ht="56.1" hidden="1" customHeight="1" x14ac:dyDescent="0.2">
      <c r="A334" s="494"/>
      <c r="B334" s="494"/>
      <c r="C334" s="481">
        <v>586</v>
      </c>
      <c r="D334" s="481"/>
      <c r="E334" s="481" t="s">
        <v>2481</v>
      </c>
      <c r="F334" s="482" t="s">
        <v>53</v>
      </c>
      <c r="G334" s="482" t="s">
        <v>515</v>
      </c>
      <c r="H334" s="484" t="s">
        <v>623</v>
      </c>
      <c r="I334" s="484" t="s">
        <v>624</v>
      </c>
      <c r="J334" s="484" t="s">
        <v>643</v>
      </c>
      <c r="K334" s="484"/>
      <c r="L334" s="484" t="s">
        <v>58</v>
      </c>
      <c r="M334" s="484" t="s">
        <v>20</v>
      </c>
      <c r="N334" s="484"/>
      <c r="O334" s="484" t="s">
        <v>81</v>
      </c>
      <c r="P334" s="484" t="s">
        <v>626</v>
      </c>
      <c r="Q334" s="484"/>
      <c r="R334" s="484" t="s">
        <v>559</v>
      </c>
      <c r="S334" s="484" t="s">
        <v>63</v>
      </c>
      <c r="T334" s="484" t="s">
        <v>63</v>
      </c>
      <c r="U334" s="485">
        <v>319858</v>
      </c>
      <c r="V334" s="485"/>
      <c r="W334" s="484" t="s">
        <v>585</v>
      </c>
      <c r="X334" s="484"/>
      <c r="Y334" s="485">
        <f t="shared" si="70"/>
        <v>319858</v>
      </c>
      <c r="Z334" s="484" t="s">
        <v>65</v>
      </c>
      <c r="AA334" s="496"/>
      <c r="AB334" s="496"/>
      <c r="AC334" s="496"/>
      <c r="AD334" s="487" t="s">
        <v>66</v>
      </c>
      <c r="AE334" s="496"/>
      <c r="AF334" s="496"/>
      <c r="AG334" s="496"/>
      <c r="AH334" s="496"/>
      <c r="AI334" s="496"/>
      <c r="AJ334" s="496"/>
      <c r="AK334" s="496"/>
      <c r="AL334" s="496"/>
      <c r="AM334" s="496"/>
      <c r="AN334" s="496"/>
      <c r="AO334" s="496"/>
      <c r="AP334" s="496"/>
      <c r="AQ334" s="496"/>
      <c r="AR334" s="496"/>
      <c r="AS334" s="496"/>
      <c r="AT334" s="496"/>
      <c r="AU334" s="496"/>
      <c r="AV334" s="496"/>
      <c r="AW334" s="496"/>
      <c r="AX334" s="496"/>
      <c r="AY334" s="496"/>
      <c r="AZ334" s="496"/>
      <c r="BA334" s="496"/>
      <c r="BB334" s="496"/>
      <c r="BC334" s="496"/>
      <c r="BD334" s="496"/>
      <c r="BE334" s="496"/>
      <c r="BF334" s="80">
        <f t="shared" si="67"/>
        <v>350</v>
      </c>
      <c r="BG334" s="76">
        <f t="shared" si="71"/>
        <v>913.88</v>
      </c>
      <c r="BH334" s="487" t="str">
        <f t="shared" si="69"/>
        <v/>
      </c>
      <c r="BI334" s="487" t="str">
        <f t="shared" si="69"/>
        <v/>
      </c>
      <c r="BJ334" s="487" t="str">
        <f t="shared" si="69"/>
        <v/>
      </c>
      <c r="BK334" s="487">
        <f t="shared" si="69"/>
        <v>319858</v>
      </c>
      <c r="BL334" s="487" t="str">
        <f t="shared" si="69"/>
        <v/>
      </c>
      <c r="BM334" s="487" t="str">
        <f t="shared" si="69"/>
        <v/>
      </c>
      <c r="BN334" s="487" t="str">
        <f t="shared" si="69"/>
        <v/>
      </c>
      <c r="BO334" s="487" t="str">
        <f t="shared" si="69"/>
        <v/>
      </c>
      <c r="BP334" s="487" t="str">
        <f t="shared" si="69"/>
        <v/>
      </c>
      <c r="BQ334" s="487" t="str">
        <f t="shared" si="69"/>
        <v/>
      </c>
      <c r="BR334" s="487" t="str">
        <f t="shared" si="69"/>
        <v/>
      </c>
      <c r="BS334" s="487" t="str">
        <f t="shared" si="69"/>
        <v/>
      </c>
      <c r="BT334" s="487" t="str">
        <f t="shared" si="69"/>
        <v/>
      </c>
      <c r="BU334" s="487" t="str">
        <f t="shared" si="69"/>
        <v/>
      </c>
      <c r="BV334" s="487" t="str">
        <f t="shared" si="68"/>
        <v/>
      </c>
      <c r="BW334" s="487" t="str">
        <f t="shared" si="68"/>
        <v/>
      </c>
      <c r="BX334" s="487" t="str">
        <f t="shared" si="66"/>
        <v/>
      </c>
      <c r="BY334" s="487" t="str">
        <f t="shared" si="66"/>
        <v/>
      </c>
      <c r="BZ334" s="487" t="str">
        <f t="shared" si="66"/>
        <v/>
      </c>
      <c r="CA334" s="487" t="str">
        <f t="shared" si="64"/>
        <v/>
      </c>
      <c r="CB334" s="487" t="str">
        <f t="shared" si="64"/>
        <v/>
      </c>
      <c r="CC334" s="487" t="str">
        <f t="shared" si="63"/>
        <v/>
      </c>
      <c r="CD334" s="487" t="str">
        <f t="shared" si="63"/>
        <v/>
      </c>
      <c r="CE334" s="487" t="str">
        <f t="shared" si="63"/>
        <v/>
      </c>
      <c r="CF334" s="487" t="str">
        <f t="shared" si="63"/>
        <v/>
      </c>
      <c r="CG334" s="487" t="str">
        <f t="shared" si="63"/>
        <v/>
      </c>
      <c r="CH334" s="487" t="str">
        <f t="shared" si="63"/>
        <v/>
      </c>
      <c r="CI334" s="487" t="str">
        <f t="shared" si="63"/>
        <v/>
      </c>
      <c r="CJ334" s="487" t="str">
        <f t="shared" si="63"/>
        <v/>
      </c>
      <c r="CK334" s="487" t="str">
        <f t="shared" si="63"/>
        <v/>
      </c>
      <c r="CL334" s="487" t="str">
        <f t="shared" si="65"/>
        <v/>
      </c>
      <c r="CM334" s="487"/>
      <c r="CN334" s="487"/>
      <c r="CO334" s="487"/>
      <c r="CP334" s="487"/>
      <c r="CQ334" s="487"/>
      <c r="CR334" s="487"/>
      <c r="CS334" s="487"/>
      <c r="CT334" s="487"/>
      <c r="CU334" s="487"/>
      <c r="CV334" s="487"/>
      <c r="CW334" s="487"/>
      <c r="CX334" s="487"/>
      <c r="CY334" s="487"/>
      <c r="CZ334" s="487"/>
      <c r="DA334" s="487"/>
      <c r="DB334" s="487"/>
      <c r="DC334" s="487"/>
      <c r="DD334" s="487"/>
      <c r="DE334" s="487"/>
      <c r="DF334" s="487"/>
      <c r="DG334" s="487"/>
      <c r="DH334" s="487"/>
      <c r="DI334" s="484"/>
      <c r="DJ334" s="484"/>
      <c r="DK334" s="484"/>
    </row>
    <row r="335" spans="1:115" s="354" customFormat="1" ht="56.1" hidden="1" customHeight="1" x14ac:dyDescent="0.2">
      <c r="A335" s="77" t="s">
        <v>2490</v>
      </c>
      <c r="B335" s="77" t="s">
        <v>18</v>
      </c>
      <c r="C335" s="481">
        <v>587</v>
      </c>
      <c r="D335" s="481"/>
      <c r="E335" s="481" t="s">
        <v>2481</v>
      </c>
      <c r="F335" s="482" t="s">
        <v>53</v>
      </c>
      <c r="G335" s="482" t="s">
        <v>515</v>
      </c>
      <c r="H335" s="484" t="s">
        <v>623</v>
      </c>
      <c r="I335" s="484" t="s">
        <v>624</v>
      </c>
      <c r="J335" s="484" t="s">
        <v>644</v>
      </c>
      <c r="K335" s="484"/>
      <c r="L335" s="484" t="s">
        <v>58</v>
      </c>
      <c r="M335" s="484" t="s">
        <v>18</v>
      </c>
      <c r="N335" s="484"/>
      <c r="O335" s="484" t="s">
        <v>81</v>
      </c>
      <c r="P335" s="484" t="s">
        <v>626</v>
      </c>
      <c r="Q335" s="484"/>
      <c r="R335" s="484" t="s">
        <v>377</v>
      </c>
      <c r="S335" s="484" t="s">
        <v>63</v>
      </c>
      <c r="T335" s="484" t="s">
        <v>63</v>
      </c>
      <c r="U335" s="485">
        <v>182776</v>
      </c>
      <c r="V335" s="485"/>
      <c r="W335" s="484" t="s">
        <v>585</v>
      </c>
      <c r="X335" s="484"/>
      <c r="Y335" s="485">
        <f t="shared" si="70"/>
        <v>182776</v>
      </c>
      <c r="Z335" s="484" t="s">
        <v>65</v>
      </c>
      <c r="AA335" s="496"/>
      <c r="AB335" s="487" t="s">
        <v>66</v>
      </c>
      <c r="AC335" s="496"/>
      <c r="AD335" s="496"/>
      <c r="AE335" s="496"/>
      <c r="AF335" s="496"/>
      <c r="AG335" s="496"/>
      <c r="AH335" s="496"/>
      <c r="AI335" s="496"/>
      <c r="AJ335" s="496"/>
      <c r="AK335" s="496"/>
      <c r="AL335" s="496"/>
      <c r="AM335" s="496"/>
      <c r="AN335" s="496"/>
      <c r="AO335" s="496"/>
      <c r="AP335" s="496"/>
      <c r="AQ335" s="496"/>
      <c r="AR335" s="496"/>
      <c r="AS335" s="496"/>
      <c r="AT335" s="496"/>
      <c r="AU335" s="496"/>
      <c r="AV335" s="496"/>
      <c r="AW335" s="496"/>
      <c r="AX335" s="496"/>
      <c r="AY335" s="496"/>
      <c r="AZ335" s="496"/>
      <c r="BA335" s="496"/>
      <c r="BB335" s="496"/>
      <c r="BC335" s="496"/>
      <c r="BD335" s="496"/>
      <c r="BE335" s="496"/>
      <c r="BF335" s="80">
        <f t="shared" si="67"/>
        <v>200</v>
      </c>
      <c r="BG335" s="76">
        <f t="shared" si="71"/>
        <v>913.88</v>
      </c>
      <c r="BH335" s="487" t="str">
        <f t="shared" si="69"/>
        <v/>
      </c>
      <c r="BI335" s="487">
        <f t="shared" si="69"/>
        <v>182776</v>
      </c>
      <c r="BJ335" s="487" t="str">
        <f t="shared" si="69"/>
        <v/>
      </c>
      <c r="BK335" s="487" t="str">
        <f t="shared" si="69"/>
        <v/>
      </c>
      <c r="BL335" s="487" t="str">
        <f t="shared" si="69"/>
        <v/>
      </c>
      <c r="BM335" s="487" t="str">
        <f t="shared" si="69"/>
        <v/>
      </c>
      <c r="BN335" s="487" t="str">
        <f t="shared" si="69"/>
        <v/>
      </c>
      <c r="BO335" s="487" t="str">
        <f t="shared" si="69"/>
        <v/>
      </c>
      <c r="BP335" s="487" t="str">
        <f t="shared" si="69"/>
        <v/>
      </c>
      <c r="BQ335" s="487" t="str">
        <f t="shared" si="69"/>
        <v/>
      </c>
      <c r="BR335" s="487" t="str">
        <f t="shared" si="69"/>
        <v/>
      </c>
      <c r="BS335" s="487" t="str">
        <f t="shared" si="69"/>
        <v/>
      </c>
      <c r="BT335" s="487" t="str">
        <f t="shared" si="69"/>
        <v/>
      </c>
      <c r="BU335" s="487" t="str">
        <f t="shared" si="69"/>
        <v/>
      </c>
      <c r="BV335" s="487" t="str">
        <f t="shared" si="68"/>
        <v/>
      </c>
      <c r="BW335" s="487" t="str">
        <f t="shared" si="68"/>
        <v/>
      </c>
      <c r="BX335" s="487" t="str">
        <f t="shared" si="66"/>
        <v/>
      </c>
      <c r="BY335" s="487" t="str">
        <f t="shared" si="66"/>
        <v/>
      </c>
      <c r="BZ335" s="487" t="str">
        <f t="shared" si="66"/>
        <v/>
      </c>
      <c r="CA335" s="487" t="str">
        <f t="shared" si="64"/>
        <v/>
      </c>
      <c r="CB335" s="487" t="str">
        <f t="shared" si="64"/>
        <v/>
      </c>
      <c r="CC335" s="487" t="str">
        <f t="shared" si="63"/>
        <v/>
      </c>
      <c r="CD335" s="487" t="str">
        <f t="shared" si="63"/>
        <v/>
      </c>
      <c r="CE335" s="487" t="str">
        <f t="shared" si="63"/>
        <v/>
      </c>
      <c r="CF335" s="487" t="str">
        <f t="shared" si="63"/>
        <v/>
      </c>
      <c r="CG335" s="487" t="str">
        <f t="shared" si="63"/>
        <v/>
      </c>
      <c r="CH335" s="487" t="str">
        <f t="shared" si="63"/>
        <v/>
      </c>
      <c r="CI335" s="487" t="str">
        <f t="shared" si="63"/>
        <v/>
      </c>
      <c r="CJ335" s="487" t="str">
        <f t="shared" si="63"/>
        <v/>
      </c>
      <c r="CK335" s="487" t="str">
        <f t="shared" si="63"/>
        <v/>
      </c>
      <c r="CL335" s="487" t="str">
        <f t="shared" si="65"/>
        <v/>
      </c>
      <c r="CM335" s="487"/>
      <c r="CN335" s="487"/>
      <c r="CO335" s="487"/>
      <c r="CP335" s="487"/>
      <c r="CQ335" s="487"/>
      <c r="CR335" s="487"/>
      <c r="CS335" s="487"/>
      <c r="CT335" s="487"/>
      <c r="CU335" s="487"/>
      <c r="CV335" s="487"/>
      <c r="CW335" s="487"/>
      <c r="CX335" s="487"/>
      <c r="CY335" s="487"/>
      <c r="CZ335" s="487"/>
      <c r="DA335" s="487"/>
      <c r="DB335" s="487"/>
      <c r="DC335" s="487"/>
      <c r="DD335" s="487"/>
      <c r="DE335" s="487"/>
      <c r="DF335" s="487"/>
      <c r="DG335" s="487"/>
      <c r="DH335" s="487"/>
      <c r="DI335" s="484"/>
      <c r="DJ335" s="484"/>
      <c r="DK335" s="484"/>
    </row>
    <row r="336" spans="1:115" s="354" customFormat="1" ht="56.1" hidden="1" customHeight="1" x14ac:dyDescent="0.2">
      <c r="A336" s="494"/>
      <c r="B336" s="494"/>
      <c r="C336" s="481">
        <v>588</v>
      </c>
      <c r="D336" s="481"/>
      <c r="E336" s="481" t="s">
        <v>2481</v>
      </c>
      <c r="F336" s="482" t="s">
        <v>53</v>
      </c>
      <c r="G336" s="482" t="s">
        <v>515</v>
      </c>
      <c r="H336" s="484" t="s">
        <v>623</v>
      </c>
      <c r="I336" s="484" t="s">
        <v>624</v>
      </c>
      <c r="J336" s="484" t="s">
        <v>645</v>
      </c>
      <c r="K336" s="484"/>
      <c r="L336" s="484" t="s">
        <v>58</v>
      </c>
      <c r="M336" s="484" t="s">
        <v>21</v>
      </c>
      <c r="N336" s="484"/>
      <c r="O336" s="484" t="s">
        <v>81</v>
      </c>
      <c r="P336" s="484" t="s">
        <v>626</v>
      </c>
      <c r="Q336" s="484"/>
      <c r="R336" s="484" t="s">
        <v>71</v>
      </c>
      <c r="S336" s="484" t="s">
        <v>63</v>
      </c>
      <c r="T336" s="484" t="s">
        <v>63</v>
      </c>
      <c r="U336" s="485">
        <v>274164</v>
      </c>
      <c r="V336" s="485"/>
      <c r="W336" s="484" t="s">
        <v>585</v>
      </c>
      <c r="X336" s="484"/>
      <c r="Y336" s="485">
        <f t="shared" si="70"/>
        <v>274164</v>
      </c>
      <c r="Z336" s="484" t="s">
        <v>65</v>
      </c>
      <c r="AA336" s="496"/>
      <c r="AB336" s="496"/>
      <c r="AC336" s="496"/>
      <c r="AD336" s="496"/>
      <c r="AE336" s="487" t="s">
        <v>66</v>
      </c>
      <c r="AF336" s="496"/>
      <c r="AG336" s="496"/>
      <c r="AH336" s="496"/>
      <c r="AI336" s="496"/>
      <c r="AJ336" s="496"/>
      <c r="AK336" s="496"/>
      <c r="AL336" s="496"/>
      <c r="AM336" s="496"/>
      <c r="AN336" s="496"/>
      <c r="AO336" s="496"/>
      <c r="AP336" s="496"/>
      <c r="AQ336" s="496"/>
      <c r="AR336" s="496"/>
      <c r="AS336" s="496"/>
      <c r="AT336" s="496"/>
      <c r="AU336" s="496"/>
      <c r="AV336" s="496"/>
      <c r="AW336" s="496"/>
      <c r="AX336" s="496"/>
      <c r="AY336" s="496"/>
      <c r="AZ336" s="496"/>
      <c r="BA336" s="496"/>
      <c r="BB336" s="496"/>
      <c r="BC336" s="496"/>
      <c r="BD336" s="496"/>
      <c r="BE336" s="496"/>
      <c r="BF336" s="80">
        <f t="shared" si="67"/>
        <v>300</v>
      </c>
      <c r="BG336" s="76">
        <f t="shared" si="71"/>
        <v>913.88</v>
      </c>
      <c r="BH336" s="487" t="str">
        <f t="shared" si="69"/>
        <v/>
      </c>
      <c r="BI336" s="487" t="str">
        <f t="shared" si="69"/>
        <v/>
      </c>
      <c r="BJ336" s="487" t="str">
        <f t="shared" si="69"/>
        <v/>
      </c>
      <c r="BK336" s="487" t="str">
        <f t="shared" si="69"/>
        <v/>
      </c>
      <c r="BL336" s="487">
        <f t="shared" si="69"/>
        <v>274164</v>
      </c>
      <c r="BM336" s="487" t="str">
        <f t="shared" si="69"/>
        <v/>
      </c>
      <c r="BN336" s="487" t="str">
        <f t="shared" si="69"/>
        <v/>
      </c>
      <c r="BO336" s="487" t="str">
        <f t="shared" si="69"/>
        <v/>
      </c>
      <c r="BP336" s="487" t="str">
        <f t="shared" si="69"/>
        <v/>
      </c>
      <c r="BQ336" s="487" t="str">
        <f t="shared" si="69"/>
        <v/>
      </c>
      <c r="BR336" s="487" t="str">
        <f t="shared" si="69"/>
        <v/>
      </c>
      <c r="BS336" s="487" t="str">
        <f t="shared" si="69"/>
        <v/>
      </c>
      <c r="BT336" s="487" t="str">
        <f t="shared" si="69"/>
        <v/>
      </c>
      <c r="BU336" s="487" t="str">
        <f t="shared" si="69"/>
        <v/>
      </c>
      <c r="BV336" s="487" t="str">
        <f t="shared" si="68"/>
        <v/>
      </c>
      <c r="BW336" s="487" t="str">
        <f t="shared" si="68"/>
        <v/>
      </c>
      <c r="BX336" s="487" t="str">
        <f t="shared" si="66"/>
        <v/>
      </c>
      <c r="BY336" s="487" t="str">
        <f t="shared" si="66"/>
        <v/>
      </c>
      <c r="BZ336" s="487" t="str">
        <f t="shared" si="66"/>
        <v/>
      </c>
      <c r="CA336" s="487" t="str">
        <f t="shared" si="64"/>
        <v/>
      </c>
      <c r="CB336" s="487" t="str">
        <f t="shared" si="64"/>
        <v/>
      </c>
      <c r="CC336" s="487" t="str">
        <f t="shared" si="63"/>
        <v/>
      </c>
      <c r="CD336" s="487" t="str">
        <f t="shared" si="63"/>
        <v/>
      </c>
      <c r="CE336" s="487" t="str">
        <f t="shared" si="63"/>
        <v/>
      </c>
      <c r="CF336" s="487" t="str">
        <f t="shared" si="63"/>
        <v/>
      </c>
      <c r="CG336" s="487" t="str">
        <f t="shared" si="63"/>
        <v/>
      </c>
      <c r="CH336" s="487" t="str">
        <f t="shared" si="63"/>
        <v/>
      </c>
      <c r="CI336" s="487" t="str">
        <f t="shared" si="63"/>
        <v/>
      </c>
      <c r="CJ336" s="487" t="str">
        <f t="shared" si="63"/>
        <v/>
      </c>
      <c r="CK336" s="487" t="str">
        <f t="shared" si="63"/>
        <v/>
      </c>
      <c r="CL336" s="487" t="str">
        <f t="shared" si="65"/>
        <v/>
      </c>
      <c r="CM336" s="487"/>
      <c r="CN336" s="487"/>
      <c r="CO336" s="487"/>
      <c r="CP336" s="487"/>
      <c r="CQ336" s="487"/>
      <c r="CR336" s="487"/>
      <c r="CS336" s="487"/>
      <c r="CT336" s="487"/>
      <c r="CU336" s="487"/>
      <c r="CV336" s="487"/>
      <c r="CW336" s="487"/>
      <c r="CX336" s="487"/>
      <c r="CY336" s="487"/>
      <c r="CZ336" s="487"/>
      <c r="DA336" s="487"/>
      <c r="DB336" s="487"/>
      <c r="DC336" s="487"/>
      <c r="DD336" s="487"/>
      <c r="DE336" s="487"/>
      <c r="DF336" s="487"/>
      <c r="DG336" s="487"/>
      <c r="DH336" s="487"/>
      <c r="DI336" s="484"/>
      <c r="DJ336" s="484"/>
      <c r="DK336" s="484"/>
    </row>
    <row r="337" spans="1:115" s="354" customFormat="1" ht="56.1" hidden="1" customHeight="1" x14ac:dyDescent="0.2">
      <c r="A337" s="494"/>
      <c r="B337" s="494"/>
      <c r="C337" s="481">
        <v>589</v>
      </c>
      <c r="D337" s="481"/>
      <c r="E337" s="481" t="s">
        <v>2481</v>
      </c>
      <c r="F337" s="482" t="s">
        <v>53</v>
      </c>
      <c r="G337" s="482" t="s">
        <v>515</v>
      </c>
      <c r="H337" s="484" t="s">
        <v>623</v>
      </c>
      <c r="I337" s="484" t="s">
        <v>624</v>
      </c>
      <c r="J337" s="484" t="s">
        <v>633</v>
      </c>
      <c r="K337" s="484"/>
      <c r="L337" s="484" t="s">
        <v>58</v>
      </c>
      <c r="M337" s="484" t="s">
        <v>323</v>
      </c>
      <c r="N337" s="484"/>
      <c r="O337" s="484" t="s">
        <v>81</v>
      </c>
      <c r="P337" s="484" t="s">
        <v>626</v>
      </c>
      <c r="Q337" s="484"/>
      <c r="R337" s="484" t="s">
        <v>380</v>
      </c>
      <c r="S337" s="484" t="s">
        <v>63</v>
      </c>
      <c r="T337" s="484" t="s">
        <v>63</v>
      </c>
      <c r="U337" s="485">
        <v>91388</v>
      </c>
      <c r="V337" s="485"/>
      <c r="W337" s="484" t="s">
        <v>585</v>
      </c>
      <c r="X337" s="484"/>
      <c r="Y337" s="485">
        <f t="shared" si="70"/>
        <v>91388</v>
      </c>
      <c r="Z337" s="484" t="s">
        <v>65</v>
      </c>
      <c r="AA337" s="496"/>
      <c r="AB337" s="496"/>
      <c r="AC337" s="496"/>
      <c r="AD337" s="496"/>
      <c r="AE337" s="496"/>
      <c r="AF337" s="496"/>
      <c r="AG337" s="487" t="s">
        <v>66</v>
      </c>
      <c r="AH337" s="496"/>
      <c r="AI337" s="496"/>
      <c r="AJ337" s="496"/>
      <c r="AK337" s="496"/>
      <c r="AL337" s="496"/>
      <c r="AM337" s="496"/>
      <c r="AN337" s="496"/>
      <c r="AO337" s="496"/>
      <c r="AP337" s="496"/>
      <c r="AQ337" s="496"/>
      <c r="AR337" s="496"/>
      <c r="AS337" s="496"/>
      <c r="AT337" s="496"/>
      <c r="AU337" s="496"/>
      <c r="AV337" s="496"/>
      <c r="AW337" s="496"/>
      <c r="AX337" s="496"/>
      <c r="AY337" s="496"/>
      <c r="AZ337" s="496"/>
      <c r="BA337" s="496"/>
      <c r="BB337" s="496"/>
      <c r="BC337" s="496"/>
      <c r="BD337" s="496"/>
      <c r="BE337" s="496"/>
      <c r="BF337" s="80">
        <f t="shared" si="67"/>
        <v>100</v>
      </c>
      <c r="BG337" s="76">
        <f t="shared" si="71"/>
        <v>913.88</v>
      </c>
      <c r="BH337" s="487" t="str">
        <f t="shared" si="69"/>
        <v/>
      </c>
      <c r="BI337" s="487" t="str">
        <f t="shared" si="69"/>
        <v/>
      </c>
      <c r="BJ337" s="487" t="str">
        <f t="shared" si="69"/>
        <v/>
      </c>
      <c r="BK337" s="487" t="str">
        <f t="shared" si="69"/>
        <v/>
      </c>
      <c r="BL337" s="487" t="str">
        <f t="shared" si="69"/>
        <v/>
      </c>
      <c r="BM337" s="487" t="str">
        <f t="shared" si="69"/>
        <v/>
      </c>
      <c r="BN337" s="487">
        <f t="shared" si="69"/>
        <v>91388</v>
      </c>
      <c r="BO337" s="487" t="str">
        <f t="shared" si="69"/>
        <v/>
      </c>
      <c r="BP337" s="487" t="str">
        <f t="shared" si="69"/>
        <v/>
      </c>
      <c r="BQ337" s="487" t="str">
        <f t="shared" si="69"/>
        <v/>
      </c>
      <c r="BR337" s="487" t="str">
        <f t="shared" si="69"/>
        <v/>
      </c>
      <c r="BS337" s="487" t="str">
        <f t="shared" si="69"/>
        <v/>
      </c>
      <c r="BT337" s="487" t="str">
        <f t="shared" si="69"/>
        <v/>
      </c>
      <c r="BU337" s="487" t="str">
        <f t="shared" si="69"/>
        <v/>
      </c>
      <c r="BV337" s="487" t="str">
        <f t="shared" si="68"/>
        <v/>
      </c>
      <c r="BW337" s="487" t="str">
        <f t="shared" si="68"/>
        <v/>
      </c>
      <c r="BX337" s="487" t="str">
        <f t="shared" si="66"/>
        <v/>
      </c>
      <c r="BY337" s="487" t="str">
        <f t="shared" si="66"/>
        <v/>
      </c>
      <c r="BZ337" s="487" t="str">
        <f t="shared" si="66"/>
        <v/>
      </c>
      <c r="CA337" s="487" t="str">
        <f t="shared" si="64"/>
        <v/>
      </c>
      <c r="CB337" s="487" t="str">
        <f t="shared" si="64"/>
        <v/>
      </c>
      <c r="CC337" s="487" t="str">
        <f t="shared" si="63"/>
        <v/>
      </c>
      <c r="CD337" s="487" t="str">
        <f t="shared" si="63"/>
        <v/>
      </c>
      <c r="CE337" s="487" t="str">
        <f t="shared" si="63"/>
        <v/>
      </c>
      <c r="CF337" s="487" t="str">
        <f t="shared" ref="CF337:CK361" si="72">IF(AY337="yes",(AY$2*$BG337),"")</f>
        <v/>
      </c>
      <c r="CG337" s="487" t="str">
        <f t="shared" si="72"/>
        <v/>
      </c>
      <c r="CH337" s="487" t="str">
        <f t="shared" si="72"/>
        <v/>
      </c>
      <c r="CI337" s="487" t="str">
        <f t="shared" si="72"/>
        <v/>
      </c>
      <c r="CJ337" s="487" t="str">
        <f t="shared" si="72"/>
        <v/>
      </c>
      <c r="CK337" s="487" t="str">
        <f t="shared" si="72"/>
        <v/>
      </c>
      <c r="CL337" s="487" t="str">
        <f t="shared" si="65"/>
        <v/>
      </c>
      <c r="CM337" s="487"/>
      <c r="CN337" s="487"/>
      <c r="CO337" s="487"/>
      <c r="CP337" s="487"/>
      <c r="CQ337" s="487"/>
      <c r="CR337" s="487"/>
      <c r="CS337" s="487"/>
      <c r="CT337" s="487"/>
      <c r="CU337" s="487"/>
      <c r="CV337" s="487"/>
      <c r="CW337" s="487"/>
      <c r="CX337" s="487"/>
      <c r="CY337" s="487"/>
      <c r="CZ337" s="487"/>
      <c r="DA337" s="487"/>
      <c r="DB337" s="487"/>
      <c r="DC337" s="487"/>
      <c r="DD337" s="487"/>
      <c r="DE337" s="487"/>
      <c r="DF337" s="487"/>
      <c r="DG337" s="487"/>
      <c r="DH337" s="487"/>
      <c r="DI337" s="484"/>
      <c r="DJ337" s="484"/>
      <c r="DK337" s="484"/>
    </row>
    <row r="338" spans="1:115" s="354" customFormat="1" ht="56.1" hidden="1" customHeight="1" x14ac:dyDescent="0.2">
      <c r="A338" s="494"/>
      <c r="B338" s="494"/>
      <c r="C338" s="481">
        <v>590</v>
      </c>
      <c r="D338" s="481"/>
      <c r="E338" s="481" t="s">
        <v>2481</v>
      </c>
      <c r="F338" s="482" t="s">
        <v>53</v>
      </c>
      <c r="G338" s="482" t="s">
        <v>515</v>
      </c>
      <c r="H338" s="484" t="s">
        <v>623</v>
      </c>
      <c r="I338" s="484" t="s">
        <v>624</v>
      </c>
      <c r="J338" s="484" t="s">
        <v>646</v>
      </c>
      <c r="K338" s="484"/>
      <c r="L338" s="484" t="s">
        <v>58</v>
      </c>
      <c r="M338" s="484" t="s">
        <v>324</v>
      </c>
      <c r="N338" s="484"/>
      <c r="O338" s="484" t="s">
        <v>81</v>
      </c>
      <c r="P338" s="484" t="s">
        <v>626</v>
      </c>
      <c r="Q338" s="484"/>
      <c r="R338" s="484" t="s">
        <v>382</v>
      </c>
      <c r="S338" s="484" t="s">
        <v>63</v>
      </c>
      <c r="T338" s="484" t="s">
        <v>63</v>
      </c>
      <c r="U338" s="485">
        <v>356413</v>
      </c>
      <c r="V338" s="485"/>
      <c r="W338" s="484" t="s">
        <v>585</v>
      </c>
      <c r="X338" s="484"/>
      <c r="Y338" s="485">
        <f t="shared" si="70"/>
        <v>356413</v>
      </c>
      <c r="Z338" s="484" t="s">
        <v>65</v>
      </c>
      <c r="AA338" s="496"/>
      <c r="AB338" s="496"/>
      <c r="AC338" s="496"/>
      <c r="AD338" s="496"/>
      <c r="AE338" s="496"/>
      <c r="AF338" s="496"/>
      <c r="AG338" s="496"/>
      <c r="AH338" s="487" t="s">
        <v>66</v>
      </c>
      <c r="AI338" s="496"/>
      <c r="AJ338" s="496"/>
      <c r="AK338" s="496"/>
      <c r="AL338" s="496"/>
      <c r="AM338" s="496"/>
      <c r="AN338" s="496"/>
      <c r="AO338" s="496"/>
      <c r="AP338" s="496"/>
      <c r="AQ338" s="496"/>
      <c r="AR338" s="496"/>
      <c r="AS338" s="496"/>
      <c r="AT338" s="496"/>
      <c r="AU338" s="496"/>
      <c r="AV338" s="496"/>
      <c r="AW338" s="496"/>
      <c r="AX338" s="496"/>
      <c r="AY338" s="496"/>
      <c r="AZ338" s="496"/>
      <c r="BA338" s="496"/>
      <c r="BB338" s="496"/>
      <c r="BC338" s="496"/>
      <c r="BD338" s="496"/>
      <c r="BE338" s="496"/>
      <c r="BF338" s="80">
        <f t="shared" si="67"/>
        <v>390</v>
      </c>
      <c r="BG338" s="76">
        <f t="shared" si="71"/>
        <v>913.87948717948723</v>
      </c>
      <c r="BH338" s="487" t="str">
        <f t="shared" si="69"/>
        <v/>
      </c>
      <c r="BI338" s="487" t="str">
        <f t="shared" si="69"/>
        <v/>
      </c>
      <c r="BJ338" s="487" t="str">
        <f t="shared" si="69"/>
        <v/>
      </c>
      <c r="BK338" s="487" t="str">
        <f t="shared" si="69"/>
        <v/>
      </c>
      <c r="BL338" s="487" t="str">
        <f t="shared" si="69"/>
        <v/>
      </c>
      <c r="BM338" s="487" t="str">
        <f t="shared" si="69"/>
        <v/>
      </c>
      <c r="BN338" s="487" t="str">
        <f t="shared" si="69"/>
        <v/>
      </c>
      <c r="BO338" s="487">
        <f t="shared" si="69"/>
        <v>356413</v>
      </c>
      <c r="BP338" s="487" t="str">
        <f t="shared" si="69"/>
        <v/>
      </c>
      <c r="BQ338" s="487" t="str">
        <f t="shared" si="69"/>
        <v/>
      </c>
      <c r="BR338" s="487" t="str">
        <f t="shared" si="69"/>
        <v/>
      </c>
      <c r="BS338" s="487" t="str">
        <f t="shared" si="69"/>
        <v/>
      </c>
      <c r="BT338" s="487" t="str">
        <f t="shared" si="69"/>
        <v/>
      </c>
      <c r="BU338" s="487" t="str">
        <f t="shared" si="69"/>
        <v/>
      </c>
      <c r="BV338" s="487" t="str">
        <f t="shared" si="68"/>
        <v/>
      </c>
      <c r="BW338" s="487" t="str">
        <f t="shared" si="68"/>
        <v/>
      </c>
      <c r="BX338" s="487" t="str">
        <f t="shared" si="66"/>
        <v/>
      </c>
      <c r="BY338" s="487" t="str">
        <f t="shared" si="66"/>
        <v/>
      </c>
      <c r="BZ338" s="487" t="str">
        <f t="shared" si="66"/>
        <v/>
      </c>
      <c r="CA338" s="487" t="str">
        <f t="shared" si="64"/>
        <v/>
      </c>
      <c r="CB338" s="487" t="str">
        <f t="shared" si="64"/>
        <v/>
      </c>
      <c r="CC338" s="487" t="str">
        <f t="shared" si="64"/>
        <v/>
      </c>
      <c r="CD338" s="487" t="str">
        <f t="shared" si="64"/>
        <v/>
      </c>
      <c r="CE338" s="487" t="str">
        <f t="shared" si="64"/>
        <v/>
      </c>
      <c r="CF338" s="487" t="str">
        <f t="shared" si="72"/>
        <v/>
      </c>
      <c r="CG338" s="487" t="str">
        <f t="shared" si="72"/>
        <v/>
      </c>
      <c r="CH338" s="487" t="str">
        <f t="shared" si="72"/>
        <v/>
      </c>
      <c r="CI338" s="487" t="str">
        <f t="shared" si="72"/>
        <v/>
      </c>
      <c r="CJ338" s="487" t="str">
        <f t="shared" si="72"/>
        <v/>
      </c>
      <c r="CK338" s="487" t="str">
        <f t="shared" si="72"/>
        <v/>
      </c>
      <c r="CL338" s="487" t="str">
        <f t="shared" si="65"/>
        <v/>
      </c>
      <c r="CM338" s="487"/>
      <c r="CN338" s="487"/>
      <c r="CO338" s="487"/>
      <c r="CP338" s="487"/>
      <c r="CQ338" s="487"/>
      <c r="CR338" s="487"/>
      <c r="CS338" s="487"/>
      <c r="CT338" s="487"/>
      <c r="CU338" s="487"/>
      <c r="CV338" s="487"/>
      <c r="CW338" s="487"/>
      <c r="CX338" s="487"/>
      <c r="CY338" s="487"/>
      <c r="CZ338" s="487"/>
      <c r="DA338" s="487"/>
      <c r="DB338" s="487"/>
      <c r="DC338" s="487"/>
      <c r="DD338" s="487"/>
      <c r="DE338" s="487"/>
      <c r="DF338" s="487"/>
      <c r="DG338" s="487"/>
      <c r="DH338" s="487"/>
      <c r="DI338" s="484"/>
      <c r="DJ338" s="484"/>
      <c r="DK338" s="484"/>
    </row>
    <row r="339" spans="1:115" s="354" customFormat="1" ht="56.1" hidden="1" customHeight="1" x14ac:dyDescent="0.2">
      <c r="A339" s="77" t="s">
        <v>2491</v>
      </c>
      <c r="B339" s="77" t="s">
        <v>22</v>
      </c>
      <c r="C339" s="481">
        <v>591</v>
      </c>
      <c r="D339" s="481"/>
      <c r="E339" s="481" t="s">
        <v>2481</v>
      </c>
      <c r="F339" s="482" t="s">
        <v>53</v>
      </c>
      <c r="G339" s="482" t="s">
        <v>515</v>
      </c>
      <c r="H339" s="484" t="s">
        <v>623</v>
      </c>
      <c r="I339" s="484" t="s">
        <v>624</v>
      </c>
      <c r="J339" s="484" t="s">
        <v>647</v>
      </c>
      <c r="K339" s="484"/>
      <c r="L339" s="484" t="s">
        <v>58</v>
      </c>
      <c r="M339" s="484" t="s">
        <v>22</v>
      </c>
      <c r="N339" s="484"/>
      <c r="O339" s="484" t="s">
        <v>81</v>
      </c>
      <c r="P339" s="484" t="s">
        <v>626</v>
      </c>
      <c r="Q339" s="484"/>
      <c r="R339" s="484" t="s">
        <v>187</v>
      </c>
      <c r="S339" s="484" t="s">
        <v>63</v>
      </c>
      <c r="T339" s="484" t="s">
        <v>63</v>
      </c>
      <c r="U339" s="485">
        <v>438662</v>
      </c>
      <c r="V339" s="485"/>
      <c r="W339" s="484" t="s">
        <v>585</v>
      </c>
      <c r="X339" s="484"/>
      <c r="Y339" s="485">
        <f t="shared" si="70"/>
        <v>438662</v>
      </c>
      <c r="Z339" s="484" t="s">
        <v>65</v>
      </c>
      <c r="AA339" s="496"/>
      <c r="AB339" s="496"/>
      <c r="AC339" s="496"/>
      <c r="AD339" s="496"/>
      <c r="AE339" s="496"/>
      <c r="AF339" s="487" t="s">
        <v>66</v>
      </c>
      <c r="AG339" s="496"/>
      <c r="AH339" s="496"/>
      <c r="AI339" s="496"/>
      <c r="AJ339" s="496"/>
      <c r="AK339" s="496"/>
      <c r="AL339" s="496"/>
      <c r="AM339" s="496"/>
      <c r="AN339" s="496"/>
      <c r="AO339" s="496"/>
      <c r="AP339" s="496"/>
      <c r="AQ339" s="496"/>
      <c r="AR339" s="496"/>
      <c r="AS339" s="496"/>
      <c r="AT339" s="496"/>
      <c r="AU339" s="496"/>
      <c r="AV339" s="496"/>
      <c r="AW339" s="496"/>
      <c r="AX339" s="496"/>
      <c r="AY339" s="496"/>
      <c r="AZ339" s="496"/>
      <c r="BA339" s="496"/>
      <c r="BB339" s="496"/>
      <c r="BC339" s="496"/>
      <c r="BD339" s="496"/>
      <c r="BE339" s="496"/>
      <c r="BF339" s="80">
        <f t="shared" si="67"/>
        <v>480</v>
      </c>
      <c r="BG339" s="76">
        <f t="shared" si="71"/>
        <v>913.87916666666672</v>
      </c>
      <c r="BH339" s="487" t="str">
        <f t="shared" si="69"/>
        <v/>
      </c>
      <c r="BI339" s="487" t="str">
        <f t="shared" si="69"/>
        <v/>
      </c>
      <c r="BJ339" s="487" t="str">
        <f t="shared" si="69"/>
        <v/>
      </c>
      <c r="BK339" s="487" t="str">
        <f t="shared" si="69"/>
        <v/>
      </c>
      <c r="BL339" s="487" t="str">
        <f t="shared" si="69"/>
        <v/>
      </c>
      <c r="BM339" s="487">
        <f t="shared" si="69"/>
        <v>438662</v>
      </c>
      <c r="BN339" s="487" t="str">
        <f t="shared" si="69"/>
        <v/>
      </c>
      <c r="BO339" s="487" t="str">
        <f t="shared" si="69"/>
        <v/>
      </c>
      <c r="BP339" s="487" t="str">
        <f t="shared" si="69"/>
        <v/>
      </c>
      <c r="BQ339" s="487" t="str">
        <f t="shared" si="69"/>
        <v/>
      </c>
      <c r="BR339" s="487" t="str">
        <f t="shared" si="69"/>
        <v/>
      </c>
      <c r="BS339" s="487" t="str">
        <f t="shared" si="69"/>
        <v/>
      </c>
      <c r="BT339" s="487" t="str">
        <f t="shared" si="69"/>
        <v/>
      </c>
      <c r="BU339" s="487" t="str">
        <f t="shared" si="69"/>
        <v/>
      </c>
      <c r="BV339" s="487" t="str">
        <f t="shared" si="68"/>
        <v/>
      </c>
      <c r="BW339" s="487" t="str">
        <f t="shared" si="68"/>
        <v/>
      </c>
      <c r="BX339" s="487" t="str">
        <f t="shared" si="66"/>
        <v/>
      </c>
      <c r="BY339" s="487" t="str">
        <f t="shared" si="66"/>
        <v/>
      </c>
      <c r="BZ339" s="487" t="str">
        <f t="shared" si="66"/>
        <v/>
      </c>
      <c r="CA339" s="487" t="str">
        <f t="shared" si="64"/>
        <v/>
      </c>
      <c r="CB339" s="487" t="str">
        <f t="shared" si="64"/>
        <v/>
      </c>
      <c r="CC339" s="487" t="str">
        <f t="shared" si="64"/>
        <v/>
      </c>
      <c r="CD339" s="487" t="str">
        <f t="shared" si="64"/>
        <v/>
      </c>
      <c r="CE339" s="487" t="str">
        <f t="shared" si="64"/>
        <v/>
      </c>
      <c r="CF339" s="487" t="str">
        <f t="shared" si="72"/>
        <v/>
      </c>
      <c r="CG339" s="487" t="str">
        <f t="shared" si="72"/>
        <v/>
      </c>
      <c r="CH339" s="487" t="str">
        <f t="shared" si="72"/>
        <v/>
      </c>
      <c r="CI339" s="487" t="str">
        <f t="shared" si="72"/>
        <v/>
      </c>
      <c r="CJ339" s="487" t="str">
        <f t="shared" si="72"/>
        <v/>
      </c>
      <c r="CK339" s="487" t="str">
        <f t="shared" si="72"/>
        <v/>
      </c>
      <c r="CL339" s="487" t="str">
        <f t="shared" si="65"/>
        <v/>
      </c>
      <c r="CM339" s="487"/>
      <c r="CN339" s="487"/>
      <c r="CO339" s="487"/>
      <c r="CP339" s="487"/>
      <c r="CQ339" s="487"/>
      <c r="CR339" s="487"/>
      <c r="CS339" s="487"/>
      <c r="CT339" s="487"/>
      <c r="CU339" s="487"/>
      <c r="CV339" s="487"/>
      <c r="CW339" s="487"/>
      <c r="CX339" s="487"/>
      <c r="CY339" s="487"/>
      <c r="CZ339" s="487"/>
      <c r="DA339" s="487"/>
      <c r="DB339" s="487"/>
      <c r="DC339" s="487"/>
      <c r="DD339" s="487"/>
      <c r="DE339" s="487"/>
      <c r="DF339" s="487"/>
      <c r="DG339" s="487"/>
      <c r="DH339" s="487"/>
      <c r="DI339" s="484"/>
      <c r="DJ339" s="484"/>
      <c r="DK339" s="484"/>
    </row>
    <row r="340" spans="1:115" s="354" customFormat="1" ht="56.1" hidden="1" customHeight="1" x14ac:dyDescent="0.2">
      <c r="A340" s="494"/>
      <c r="B340" s="494"/>
      <c r="C340" s="481">
        <v>592</v>
      </c>
      <c r="D340" s="481"/>
      <c r="E340" s="481" t="s">
        <v>2481</v>
      </c>
      <c r="F340" s="482" t="s">
        <v>53</v>
      </c>
      <c r="G340" s="482" t="s">
        <v>329</v>
      </c>
      <c r="H340" s="484" t="s">
        <v>623</v>
      </c>
      <c r="I340" s="484" t="s">
        <v>624</v>
      </c>
      <c r="J340" s="495" t="s">
        <v>648</v>
      </c>
      <c r="K340" s="495"/>
      <c r="L340" s="484" t="s">
        <v>58</v>
      </c>
      <c r="M340" s="484" t="s">
        <v>207</v>
      </c>
      <c r="N340" s="484"/>
      <c r="O340" s="484" t="s">
        <v>81</v>
      </c>
      <c r="P340" s="484" t="s">
        <v>334</v>
      </c>
      <c r="Q340" s="484"/>
      <c r="R340" s="484" t="s">
        <v>225</v>
      </c>
      <c r="S340" s="484" t="s">
        <v>63</v>
      </c>
      <c r="T340" s="484" t="s">
        <v>63</v>
      </c>
      <c r="U340" s="498">
        <v>456940</v>
      </c>
      <c r="V340" s="498"/>
      <c r="W340" s="484" t="s">
        <v>226</v>
      </c>
      <c r="X340" s="484"/>
      <c r="Y340" s="485">
        <f t="shared" si="70"/>
        <v>456940</v>
      </c>
      <c r="Z340" s="484" t="s">
        <v>82</v>
      </c>
      <c r="AA340" s="496"/>
      <c r="AB340" s="496"/>
      <c r="AC340" s="496"/>
      <c r="AD340" s="496"/>
      <c r="AE340" s="496"/>
      <c r="AF340" s="487"/>
      <c r="AG340" s="496"/>
      <c r="AH340" s="496"/>
      <c r="AI340" s="496" t="s">
        <v>66</v>
      </c>
      <c r="AJ340" s="496"/>
      <c r="AK340" s="496"/>
      <c r="AL340" s="496"/>
      <c r="AM340" s="496"/>
      <c r="AN340" s="496"/>
      <c r="AO340" s="496"/>
      <c r="AP340" s="496"/>
      <c r="AQ340" s="496"/>
      <c r="AR340" s="496"/>
      <c r="AS340" s="496"/>
      <c r="AT340" s="496"/>
      <c r="AU340" s="496"/>
      <c r="AV340" s="496"/>
      <c r="AW340" s="496"/>
      <c r="AX340" s="496"/>
      <c r="AY340" s="496"/>
      <c r="AZ340" s="496"/>
      <c r="BA340" s="496"/>
      <c r="BB340" s="496"/>
      <c r="BC340" s="496"/>
      <c r="BD340" s="496"/>
      <c r="BE340" s="496"/>
      <c r="BF340" s="80">
        <f t="shared" si="67"/>
        <v>500</v>
      </c>
      <c r="BG340" s="76">
        <f t="shared" si="71"/>
        <v>913.88</v>
      </c>
      <c r="BH340" s="487" t="str">
        <f t="shared" si="69"/>
        <v/>
      </c>
      <c r="BI340" s="487" t="str">
        <f t="shared" si="69"/>
        <v/>
      </c>
      <c r="BJ340" s="487" t="str">
        <f t="shared" si="69"/>
        <v/>
      </c>
      <c r="BK340" s="487" t="str">
        <f t="shared" si="69"/>
        <v/>
      </c>
      <c r="BL340" s="487" t="str">
        <f t="shared" si="69"/>
        <v/>
      </c>
      <c r="BM340" s="487" t="str">
        <f t="shared" si="69"/>
        <v/>
      </c>
      <c r="BN340" s="487" t="str">
        <f t="shared" si="69"/>
        <v/>
      </c>
      <c r="BO340" s="487" t="str">
        <f t="shared" si="69"/>
        <v/>
      </c>
      <c r="BP340" s="487">
        <f t="shared" si="69"/>
        <v>456940</v>
      </c>
      <c r="BQ340" s="487" t="str">
        <f t="shared" si="69"/>
        <v/>
      </c>
      <c r="BR340" s="487" t="str">
        <f t="shared" si="69"/>
        <v/>
      </c>
      <c r="BS340" s="487" t="str">
        <f t="shared" si="69"/>
        <v/>
      </c>
      <c r="BT340" s="487" t="str">
        <f t="shared" si="69"/>
        <v/>
      </c>
      <c r="BU340" s="487" t="str">
        <f t="shared" si="69"/>
        <v/>
      </c>
      <c r="BV340" s="487" t="str">
        <f t="shared" si="68"/>
        <v/>
      </c>
      <c r="BW340" s="487" t="str">
        <f t="shared" si="68"/>
        <v/>
      </c>
      <c r="BX340" s="487" t="str">
        <f t="shared" si="66"/>
        <v/>
      </c>
      <c r="BY340" s="487" t="str">
        <f t="shared" si="66"/>
        <v/>
      </c>
      <c r="BZ340" s="487" t="str">
        <f t="shared" si="66"/>
        <v/>
      </c>
      <c r="CA340" s="487" t="str">
        <f t="shared" si="64"/>
        <v/>
      </c>
      <c r="CB340" s="487" t="str">
        <f t="shared" si="64"/>
        <v/>
      </c>
      <c r="CC340" s="487" t="str">
        <f t="shared" si="64"/>
        <v/>
      </c>
      <c r="CD340" s="487" t="str">
        <f t="shared" si="64"/>
        <v/>
      </c>
      <c r="CE340" s="487" t="str">
        <f t="shared" si="64"/>
        <v/>
      </c>
      <c r="CF340" s="487" t="str">
        <f t="shared" si="72"/>
        <v/>
      </c>
      <c r="CG340" s="487" t="str">
        <f t="shared" si="72"/>
        <v/>
      </c>
      <c r="CH340" s="487" t="str">
        <f t="shared" si="72"/>
        <v/>
      </c>
      <c r="CI340" s="487" t="str">
        <f t="shared" si="72"/>
        <v/>
      </c>
      <c r="CJ340" s="487" t="str">
        <f t="shared" si="72"/>
        <v/>
      </c>
      <c r="CK340" s="487" t="str">
        <f t="shared" si="72"/>
        <v/>
      </c>
      <c r="CL340" s="487" t="str">
        <f t="shared" si="65"/>
        <v/>
      </c>
      <c r="CM340" s="487"/>
      <c r="CN340" s="487"/>
      <c r="CO340" s="487"/>
      <c r="CP340" s="487"/>
      <c r="CQ340" s="487"/>
      <c r="CR340" s="487"/>
      <c r="CS340" s="487"/>
      <c r="CT340" s="487"/>
      <c r="CU340" s="487"/>
      <c r="CV340" s="487"/>
      <c r="CW340" s="487"/>
      <c r="CX340" s="487"/>
      <c r="CY340" s="487"/>
      <c r="CZ340" s="487"/>
      <c r="DA340" s="487"/>
      <c r="DB340" s="487"/>
      <c r="DC340" s="487"/>
      <c r="DD340" s="487"/>
      <c r="DE340" s="487"/>
      <c r="DF340" s="487"/>
      <c r="DG340" s="487"/>
      <c r="DH340" s="487"/>
      <c r="DI340" s="484"/>
      <c r="DJ340" s="484"/>
      <c r="DK340" s="484"/>
    </row>
    <row r="341" spans="1:115" s="354" customFormat="1" ht="56.1" hidden="1" customHeight="1" x14ac:dyDescent="0.2">
      <c r="A341" s="77" t="s">
        <v>2492</v>
      </c>
      <c r="B341" s="77" t="s">
        <v>2493</v>
      </c>
      <c r="C341" s="481">
        <v>593</v>
      </c>
      <c r="D341" s="481"/>
      <c r="E341" s="481" t="s">
        <v>2481</v>
      </c>
      <c r="F341" s="482" t="s">
        <v>53</v>
      </c>
      <c r="G341" s="482" t="s">
        <v>329</v>
      </c>
      <c r="H341" s="484" t="s">
        <v>623</v>
      </c>
      <c r="I341" s="484" t="s">
        <v>624</v>
      </c>
      <c r="J341" s="495" t="s">
        <v>649</v>
      </c>
      <c r="K341" s="495"/>
      <c r="L341" s="484" t="s">
        <v>58</v>
      </c>
      <c r="M341" s="484" t="s">
        <v>2493</v>
      </c>
      <c r="N341" s="484"/>
      <c r="O341" s="484" t="s">
        <v>81</v>
      </c>
      <c r="P341" s="484" t="s">
        <v>334</v>
      </c>
      <c r="Q341" s="484"/>
      <c r="R341" s="484" t="s">
        <v>225</v>
      </c>
      <c r="S341" s="484" t="s">
        <v>63</v>
      </c>
      <c r="T341" s="484" t="s">
        <v>63</v>
      </c>
      <c r="U341" s="485">
        <v>213848</v>
      </c>
      <c r="V341" s="485"/>
      <c r="W341" s="484" t="s">
        <v>226</v>
      </c>
      <c r="X341" s="484"/>
      <c r="Y341" s="485">
        <f t="shared" si="70"/>
        <v>213848</v>
      </c>
      <c r="Z341" s="484" t="s">
        <v>82</v>
      </c>
      <c r="AA341" s="496"/>
      <c r="AB341" s="496"/>
      <c r="AC341" s="496"/>
      <c r="AD341" s="496"/>
      <c r="AE341" s="496"/>
      <c r="AF341" s="487"/>
      <c r="AG341" s="496"/>
      <c r="AH341" s="496"/>
      <c r="AI341" s="496"/>
      <c r="AJ341" s="496"/>
      <c r="AK341" s="496"/>
      <c r="AL341" s="496"/>
      <c r="AM341" s="496" t="s">
        <v>66</v>
      </c>
      <c r="AN341" s="496"/>
      <c r="AO341" s="496"/>
      <c r="AP341" s="496"/>
      <c r="AQ341" s="496"/>
      <c r="AR341" s="496"/>
      <c r="AS341" s="496"/>
      <c r="AT341" s="496"/>
      <c r="AU341" s="496"/>
      <c r="AV341" s="496"/>
      <c r="AW341" s="496"/>
      <c r="AX341" s="496"/>
      <c r="AY341" s="496"/>
      <c r="AZ341" s="496"/>
      <c r="BA341" s="496"/>
      <c r="BB341" s="496"/>
      <c r="BC341" s="496"/>
      <c r="BD341" s="496"/>
      <c r="BE341" s="496"/>
      <c r="BF341" s="80">
        <f t="shared" si="67"/>
        <v>234</v>
      </c>
      <c r="BG341" s="76">
        <f t="shared" si="71"/>
        <v>913.88034188034192</v>
      </c>
      <c r="BH341" s="487" t="str">
        <f t="shared" si="69"/>
        <v/>
      </c>
      <c r="BI341" s="487" t="str">
        <f t="shared" si="69"/>
        <v/>
      </c>
      <c r="BJ341" s="487" t="str">
        <f t="shared" si="69"/>
        <v/>
      </c>
      <c r="BK341" s="487" t="str">
        <f t="shared" si="69"/>
        <v/>
      </c>
      <c r="BL341" s="487" t="str">
        <f t="shared" si="69"/>
        <v/>
      </c>
      <c r="BM341" s="487" t="str">
        <f t="shared" si="69"/>
        <v/>
      </c>
      <c r="BN341" s="487" t="str">
        <f t="shared" si="69"/>
        <v/>
      </c>
      <c r="BO341" s="487" t="str">
        <f t="shared" si="69"/>
        <v/>
      </c>
      <c r="BP341" s="487" t="str">
        <f t="shared" si="69"/>
        <v/>
      </c>
      <c r="BQ341" s="487" t="str">
        <f t="shared" si="69"/>
        <v/>
      </c>
      <c r="BR341" s="487" t="str">
        <f t="shared" si="69"/>
        <v/>
      </c>
      <c r="BS341" s="487" t="str">
        <f t="shared" si="69"/>
        <v/>
      </c>
      <c r="BT341" s="487">
        <f t="shared" si="69"/>
        <v>213848</v>
      </c>
      <c r="BU341" s="487" t="str">
        <f t="shared" si="69"/>
        <v/>
      </c>
      <c r="BV341" s="487" t="str">
        <f t="shared" si="68"/>
        <v/>
      </c>
      <c r="BW341" s="487" t="str">
        <f t="shared" si="68"/>
        <v/>
      </c>
      <c r="BX341" s="487" t="str">
        <f t="shared" si="66"/>
        <v/>
      </c>
      <c r="BY341" s="487" t="str">
        <f t="shared" si="66"/>
        <v/>
      </c>
      <c r="BZ341" s="487" t="str">
        <f t="shared" si="66"/>
        <v/>
      </c>
      <c r="CA341" s="487" t="str">
        <f t="shared" si="64"/>
        <v/>
      </c>
      <c r="CB341" s="487" t="str">
        <f t="shared" si="64"/>
        <v/>
      </c>
      <c r="CC341" s="487" t="str">
        <f t="shared" si="64"/>
        <v/>
      </c>
      <c r="CD341" s="487" t="str">
        <f t="shared" si="64"/>
        <v/>
      </c>
      <c r="CE341" s="487" t="str">
        <f t="shared" si="64"/>
        <v/>
      </c>
      <c r="CF341" s="487" t="str">
        <f t="shared" si="72"/>
        <v/>
      </c>
      <c r="CG341" s="487" t="str">
        <f t="shared" si="72"/>
        <v/>
      </c>
      <c r="CH341" s="487" t="str">
        <f t="shared" si="72"/>
        <v/>
      </c>
      <c r="CI341" s="487" t="str">
        <f t="shared" si="72"/>
        <v/>
      </c>
      <c r="CJ341" s="487" t="str">
        <f t="shared" si="72"/>
        <v/>
      </c>
      <c r="CK341" s="487" t="str">
        <f t="shared" si="72"/>
        <v/>
      </c>
      <c r="CL341" s="487" t="str">
        <f t="shared" si="65"/>
        <v/>
      </c>
      <c r="CM341" s="487"/>
      <c r="CN341" s="487"/>
      <c r="CO341" s="487"/>
      <c r="CP341" s="487"/>
      <c r="CQ341" s="487"/>
      <c r="CR341" s="487"/>
      <c r="CS341" s="487"/>
      <c r="CT341" s="487"/>
      <c r="CU341" s="487"/>
      <c r="CV341" s="487"/>
      <c r="CW341" s="487"/>
      <c r="CX341" s="487"/>
      <c r="CY341" s="487"/>
      <c r="CZ341" s="487"/>
      <c r="DA341" s="487"/>
      <c r="DB341" s="487"/>
      <c r="DC341" s="487"/>
      <c r="DD341" s="487"/>
      <c r="DE341" s="487"/>
      <c r="DF341" s="487"/>
      <c r="DG341" s="487"/>
      <c r="DH341" s="487"/>
      <c r="DI341" s="484"/>
      <c r="DJ341" s="484"/>
      <c r="DK341" s="484"/>
    </row>
    <row r="342" spans="1:115" s="354" customFormat="1" ht="56.1" hidden="1" customHeight="1" x14ac:dyDescent="0.2">
      <c r="A342" s="494"/>
      <c r="B342" s="494"/>
      <c r="C342" s="481">
        <v>594</v>
      </c>
      <c r="D342" s="481"/>
      <c r="E342" s="481" t="s">
        <v>2481</v>
      </c>
      <c r="F342" s="482" t="s">
        <v>53</v>
      </c>
      <c r="G342" s="482" t="s">
        <v>329</v>
      </c>
      <c r="H342" s="484" t="s">
        <v>623</v>
      </c>
      <c r="I342" s="484" t="s">
        <v>624</v>
      </c>
      <c r="J342" s="495" t="s">
        <v>648</v>
      </c>
      <c r="K342" s="495"/>
      <c r="L342" s="484" t="s">
        <v>58</v>
      </c>
      <c r="M342" s="484" t="s">
        <v>26</v>
      </c>
      <c r="N342" s="484"/>
      <c r="O342" s="484" t="s">
        <v>60</v>
      </c>
      <c r="P342" s="484" t="s">
        <v>334</v>
      </c>
      <c r="Q342" s="484"/>
      <c r="R342" s="484" t="s">
        <v>225</v>
      </c>
      <c r="S342" s="484" t="s">
        <v>63</v>
      </c>
      <c r="T342" s="484" t="s">
        <v>63</v>
      </c>
      <c r="U342" s="485">
        <v>45940</v>
      </c>
      <c r="V342" s="485"/>
      <c r="W342" s="484" t="s">
        <v>226</v>
      </c>
      <c r="X342" s="484"/>
      <c r="Y342" s="485">
        <f t="shared" si="70"/>
        <v>45940</v>
      </c>
      <c r="Z342" s="484" t="s">
        <v>82</v>
      </c>
      <c r="AA342" s="496"/>
      <c r="AB342" s="496"/>
      <c r="AC342" s="496"/>
      <c r="AD342" s="496"/>
      <c r="AE342" s="496"/>
      <c r="AF342" s="487"/>
      <c r="AG342" s="496"/>
      <c r="AH342" s="496"/>
      <c r="AI342" s="496"/>
      <c r="AJ342" s="496" t="s">
        <v>66</v>
      </c>
      <c r="AK342" s="496"/>
      <c r="AL342" s="496"/>
      <c r="AM342" s="496"/>
      <c r="AN342" s="496"/>
      <c r="AO342" s="496"/>
      <c r="AP342" s="496"/>
      <c r="AQ342" s="496"/>
      <c r="AR342" s="496"/>
      <c r="AS342" s="496"/>
      <c r="AT342" s="496"/>
      <c r="AU342" s="496"/>
      <c r="AV342" s="496"/>
      <c r="AW342" s="496"/>
      <c r="AX342" s="496"/>
      <c r="AY342" s="496"/>
      <c r="AZ342" s="496"/>
      <c r="BA342" s="496"/>
      <c r="BB342" s="496"/>
      <c r="BC342" s="496"/>
      <c r="BD342" s="496"/>
      <c r="BE342" s="496"/>
      <c r="BF342" s="80">
        <f t="shared" si="67"/>
        <v>500</v>
      </c>
      <c r="BG342" s="76">
        <f t="shared" si="71"/>
        <v>91.88</v>
      </c>
      <c r="BH342" s="487" t="str">
        <f t="shared" si="69"/>
        <v/>
      </c>
      <c r="BI342" s="487" t="str">
        <f t="shared" si="69"/>
        <v/>
      </c>
      <c r="BJ342" s="487" t="str">
        <f t="shared" si="69"/>
        <v/>
      </c>
      <c r="BK342" s="487" t="str">
        <f t="shared" si="69"/>
        <v/>
      </c>
      <c r="BL342" s="487" t="str">
        <f t="shared" si="69"/>
        <v/>
      </c>
      <c r="BM342" s="487" t="str">
        <f t="shared" si="69"/>
        <v/>
      </c>
      <c r="BN342" s="487" t="str">
        <f t="shared" si="69"/>
        <v/>
      </c>
      <c r="BO342" s="487" t="str">
        <f t="shared" si="69"/>
        <v/>
      </c>
      <c r="BP342" s="487" t="str">
        <f t="shared" si="69"/>
        <v/>
      </c>
      <c r="BQ342" s="487">
        <f t="shared" si="69"/>
        <v>45940</v>
      </c>
      <c r="BR342" s="487" t="str">
        <f t="shared" si="69"/>
        <v/>
      </c>
      <c r="BS342" s="487" t="str">
        <f t="shared" si="69"/>
        <v/>
      </c>
      <c r="BT342" s="487" t="str">
        <f t="shared" si="69"/>
        <v/>
      </c>
      <c r="BU342" s="487" t="str">
        <f t="shared" si="69"/>
        <v/>
      </c>
      <c r="BV342" s="487" t="str">
        <f t="shared" si="68"/>
        <v/>
      </c>
      <c r="BW342" s="487" t="str">
        <f t="shared" si="68"/>
        <v/>
      </c>
      <c r="BX342" s="487" t="str">
        <f t="shared" si="66"/>
        <v/>
      </c>
      <c r="BY342" s="487" t="str">
        <f t="shared" si="66"/>
        <v/>
      </c>
      <c r="BZ342" s="487" t="str">
        <f t="shared" si="66"/>
        <v/>
      </c>
      <c r="CA342" s="487" t="str">
        <f t="shared" si="64"/>
        <v/>
      </c>
      <c r="CB342" s="487" t="str">
        <f t="shared" si="64"/>
        <v/>
      </c>
      <c r="CC342" s="487" t="str">
        <f t="shared" si="64"/>
        <v/>
      </c>
      <c r="CD342" s="487" t="str">
        <f t="shared" si="64"/>
        <v/>
      </c>
      <c r="CE342" s="487" t="str">
        <f t="shared" si="64"/>
        <v/>
      </c>
      <c r="CF342" s="487" t="str">
        <f t="shared" si="72"/>
        <v/>
      </c>
      <c r="CG342" s="487" t="str">
        <f t="shared" si="72"/>
        <v/>
      </c>
      <c r="CH342" s="487" t="str">
        <f t="shared" si="72"/>
        <v/>
      </c>
      <c r="CI342" s="487" t="str">
        <f t="shared" si="72"/>
        <v/>
      </c>
      <c r="CJ342" s="487" t="str">
        <f t="shared" si="72"/>
        <v/>
      </c>
      <c r="CK342" s="487" t="str">
        <f t="shared" si="72"/>
        <v/>
      </c>
      <c r="CL342" s="487" t="str">
        <f t="shared" si="65"/>
        <v/>
      </c>
      <c r="CM342" s="487"/>
      <c r="CN342" s="487"/>
      <c r="CO342" s="487"/>
      <c r="CP342" s="487"/>
      <c r="CQ342" s="487"/>
      <c r="CR342" s="487"/>
      <c r="CS342" s="487"/>
      <c r="CT342" s="487"/>
      <c r="CU342" s="487"/>
      <c r="CV342" s="487"/>
      <c r="CW342" s="487"/>
      <c r="CX342" s="487"/>
      <c r="CY342" s="487"/>
      <c r="CZ342" s="487"/>
      <c r="DA342" s="487"/>
      <c r="DB342" s="487"/>
      <c r="DC342" s="487"/>
      <c r="DD342" s="487"/>
      <c r="DE342" s="487"/>
      <c r="DF342" s="487"/>
      <c r="DG342" s="487"/>
      <c r="DH342" s="487"/>
      <c r="DI342" s="484"/>
      <c r="DJ342" s="484"/>
      <c r="DK342" s="484"/>
    </row>
    <row r="343" spans="1:115" s="354" customFormat="1" ht="56.1" hidden="1" customHeight="1" x14ac:dyDescent="0.2">
      <c r="A343" s="494"/>
      <c r="B343" s="494"/>
      <c r="C343" s="481">
        <v>595</v>
      </c>
      <c r="D343" s="481"/>
      <c r="E343" s="481" t="s">
        <v>2481</v>
      </c>
      <c r="F343" s="482" t="s">
        <v>53</v>
      </c>
      <c r="G343" s="482" t="s">
        <v>329</v>
      </c>
      <c r="H343" s="484" t="s">
        <v>623</v>
      </c>
      <c r="I343" s="484" t="s">
        <v>624</v>
      </c>
      <c r="J343" s="495" t="s">
        <v>650</v>
      </c>
      <c r="K343" s="495"/>
      <c r="L343" s="484" t="s">
        <v>58</v>
      </c>
      <c r="M343" s="484" t="s">
        <v>27</v>
      </c>
      <c r="N343" s="484"/>
      <c r="O343" s="484" t="s">
        <v>81</v>
      </c>
      <c r="P343" s="484" t="s">
        <v>334</v>
      </c>
      <c r="Q343" s="484"/>
      <c r="R343" s="484" t="s">
        <v>225</v>
      </c>
      <c r="S343" s="484" t="s">
        <v>63</v>
      </c>
      <c r="T343" s="484" t="s">
        <v>63</v>
      </c>
      <c r="U343" s="485">
        <v>685410</v>
      </c>
      <c r="V343" s="485"/>
      <c r="W343" s="484" t="s">
        <v>226</v>
      </c>
      <c r="X343" s="484"/>
      <c r="Y343" s="485">
        <f t="shared" si="70"/>
        <v>685410</v>
      </c>
      <c r="Z343" s="484" t="s">
        <v>82</v>
      </c>
      <c r="AA343" s="496"/>
      <c r="AB343" s="496"/>
      <c r="AC343" s="496"/>
      <c r="AD343" s="496"/>
      <c r="AE343" s="496"/>
      <c r="AF343" s="487"/>
      <c r="AG343" s="496"/>
      <c r="AH343" s="496"/>
      <c r="AI343" s="496"/>
      <c r="AJ343" s="496"/>
      <c r="AK343" s="496" t="s">
        <v>66</v>
      </c>
      <c r="AL343" s="496"/>
      <c r="AM343" s="496"/>
      <c r="AN343" s="496"/>
      <c r="AO343" s="496"/>
      <c r="AP343" s="496"/>
      <c r="AQ343" s="496"/>
      <c r="AR343" s="496"/>
      <c r="AS343" s="496"/>
      <c r="AT343" s="496"/>
      <c r="AU343" s="496"/>
      <c r="AV343" s="496"/>
      <c r="AW343" s="496"/>
      <c r="AX343" s="496"/>
      <c r="AY343" s="496"/>
      <c r="AZ343" s="496"/>
      <c r="BA343" s="496"/>
      <c r="BB343" s="496"/>
      <c r="BC343" s="496"/>
      <c r="BD343" s="496"/>
      <c r="BE343" s="496"/>
      <c r="BF343" s="80">
        <f t="shared" si="67"/>
        <v>750</v>
      </c>
      <c r="BG343" s="76">
        <f t="shared" si="71"/>
        <v>913.88</v>
      </c>
      <c r="BH343" s="487" t="str">
        <f t="shared" si="69"/>
        <v/>
      </c>
      <c r="BI343" s="487" t="str">
        <f t="shared" si="69"/>
        <v/>
      </c>
      <c r="BJ343" s="487" t="str">
        <f t="shared" si="69"/>
        <v/>
      </c>
      <c r="BK343" s="487" t="str">
        <f t="shared" si="69"/>
        <v/>
      </c>
      <c r="BL343" s="487" t="str">
        <f t="shared" si="69"/>
        <v/>
      </c>
      <c r="BM343" s="487" t="str">
        <f t="shared" si="69"/>
        <v/>
      </c>
      <c r="BN343" s="487" t="str">
        <f t="shared" si="69"/>
        <v/>
      </c>
      <c r="BO343" s="487" t="str">
        <f t="shared" si="69"/>
        <v/>
      </c>
      <c r="BP343" s="487" t="str">
        <f t="shared" si="69"/>
        <v/>
      </c>
      <c r="BQ343" s="487" t="str">
        <f t="shared" si="69"/>
        <v/>
      </c>
      <c r="BR343" s="487">
        <f t="shared" si="69"/>
        <v>685410</v>
      </c>
      <c r="BS343" s="487" t="str">
        <f t="shared" si="69"/>
        <v/>
      </c>
      <c r="BT343" s="487" t="str">
        <f t="shared" si="69"/>
        <v/>
      </c>
      <c r="BU343" s="487" t="str">
        <f t="shared" si="69"/>
        <v/>
      </c>
      <c r="BV343" s="487" t="str">
        <f t="shared" si="68"/>
        <v/>
      </c>
      <c r="BW343" s="487" t="str">
        <f t="shared" si="68"/>
        <v/>
      </c>
      <c r="BX343" s="487" t="str">
        <f t="shared" si="66"/>
        <v/>
      </c>
      <c r="BY343" s="487" t="str">
        <f t="shared" si="66"/>
        <v/>
      </c>
      <c r="BZ343" s="487" t="str">
        <f t="shared" si="66"/>
        <v/>
      </c>
      <c r="CA343" s="487" t="str">
        <f t="shared" si="64"/>
        <v/>
      </c>
      <c r="CB343" s="487" t="str">
        <f t="shared" si="64"/>
        <v/>
      </c>
      <c r="CC343" s="487" t="str">
        <f t="shared" si="64"/>
        <v/>
      </c>
      <c r="CD343" s="487" t="str">
        <f t="shared" si="64"/>
        <v/>
      </c>
      <c r="CE343" s="487" t="str">
        <f t="shared" si="64"/>
        <v/>
      </c>
      <c r="CF343" s="487" t="str">
        <f t="shared" si="72"/>
        <v/>
      </c>
      <c r="CG343" s="487" t="str">
        <f t="shared" si="72"/>
        <v/>
      </c>
      <c r="CH343" s="487" t="str">
        <f t="shared" si="72"/>
        <v/>
      </c>
      <c r="CI343" s="487" t="str">
        <f t="shared" si="72"/>
        <v/>
      </c>
      <c r="CJ343" s="487" t="str">
        <f t="shared" si="72"/>
        <v/>
      </c>
      <c r="CK343" s="487" t="str">
        <f t="shared" si="72"/>
        <v/>
      </c>
      <c r="CL343" s="487" t="str">
        <f t="shared" si="65"/>
        <v/>
      </c>
      <c r="CM343" s="487"/>
      <c r="CN343" s="487"/>
      <c r="CO343" s="487"/>
      <c r="CP343" s="487"/>
      <c r="CQ343" s="487"/>
      <c r="CR343" s="487"/>
      <c r="CS343" s="487"/>
      <c r="CT343" s="487"/>
      <c r="CU343" s="487"/>
      <c r="CV343" s="487"/>
      <c r="CW343" s="487"/>
      <c r="CX343" s="487"/>
      <c r="CY343" s="487"/>
      <c r="CZ343" s="487"/>
      <c r="DA343" s="487"/>
      <c r="DB343" s="487"/>
      <c r="DC343" s="487"/>
      <c r="DD343" s="487"/>
      <c r="DE343" s="487"/>
      <c r="DF343" s="487"/>
      <c r="DG343" s="487"/>
      <c r="DH343" s="487"/>
      <c r="DI343" s="484"/>
      <c r="DJ343" s="484"/>
      <c r="DK343" s="484"/>
    </row>
    <row r="344" spans="1:115" s="354" customFormat="1" ht="56.1" hidden="1" customHeight="1" x14ac:dyDescent="0.2">
      <c r="A344" s="494"/>
      <c r="B344" s="494"/>
      <c r="C344" s="481">
        <v>596</v>
      </c>
      <c r="D344" s="481"/>
      <c r="E344" s="481" t="s">
        <v>2481</v>
      </c>
      <c r="F344" s="482" t="s">
        <v>53</v>
      </c>
      <c r="G344" s="482" t="s">
        <v>329</v>
      </c>
      <c r="H344" s="484" t="s">
        <v>623</v>
      </c>
      <c r="I344" s="484" t="s">
        <v>624</v>
      </c>
      <c r="J344" s="495" t="s">
        <v>651</v>
      </c>
      <c r="K344" s="495"/>
      <c r="L344" s="484" t="s">
        <v>58</v>
      </c>
      <c r="M344" s="484" t="s">
        <v>127</v>
      </c>
      <c r="N344" s="484"/>
      <c r="O344" s="484" t="s">
        <v>81</v>
      </c>
      <c r="P344" s="484" t="s">
        <v>334</v>
      </c>
      <c r="Q344" s="484"/>
      <c r="R344" s="484" t="s">
        <v>225</v>
      </c>
      <c r="S344" s="484" t="s">
        <v>63</v>
      </c>
      <c r="T344" s="484" t="s">
        <v>63</v>
      </c>
      <c r="U344" s="485">
        <v>319858</v>
      </c>
      <c r="V344" s="485"/>
      <c r="W344" s="484" t="s">
        <v>226</v>
      </c>
      <c r="X344" s="484"/>
      <c r="Y344" s="485">
        <f t="shared" si="70"/>
        <v>319858</v>
      </c>
      <c r="Z344" s="484" t="s">
        <v>82</v>
      </c>
      <c r="AA344" s="496"/>
      <c r="AB344" s="496"/>
      <c r="AC344" s="496"/>
      <c r="AD344" s="496"/>
      <c r="AE344" s="496"/>
      <c r="AF344" s="487"/>
      <c r="AG344" s="496"/>
      <c r="AH344" s="496"/>
      <c r="AI344" s="496"/>
      <c r="AJ344" s="496"/>
      <c r="AK344" s="496"/>
      <c r="AL344" s="496"/>
      <c r="AM344" s="496"/>
      <c r="AN344" s="496" t="s">
        <v>66</v>
      </c>
      <c r="AO344" s="496"/>
      <c r="AP344" s="496"/>
      <c r="AQ344" s="496"/>
      <c r="AR344" s="496"/>
      <c r="AS344" s="496"/>
      <c r="AT344" s="496"/>
      <c r="AU344" s="496"/>
      <c r="AV344" s="496"/>
      <c r="AW344" s="496"/>
      <c r="AX344" s="496"/>
      <c r="AY344" s="496"/>
      <c r="AZ344" s="496"/>
      <c r="BA344" s="496"/>
      <c r="BB344" s="496"/>
      <c r="BC344" s="496"/>
      <c r="BD344" s="496"/>
      <c r="BE344" s="496"/>
      <c r="BF344" s="80">
        <f t="shared" si="67"/>
        <v>350</v>
      </c>
      <c r="BG344" s="76">
        <f t="shared" si="71"/>
        <v>913.88</v>
      </c>
      <c r="BH344" s="487" t="str">
        <f t="shared" si="69"/>
        <v/>
      </c>
      <c r="BI344" s="487" t="str">
        <f t="shared" si="69"/>
        <v/>
      </c>
      <c r="BJ344" s="487" t="str">
        <f t="shared" si="69"/>
        <v/>
      </c>
      <c r="BK344" s="487" t="str">
        <f t="shared" si="69"/>
        <v/>
      </c>
      <c r="BL344" s="487" t="str">
        <f t="shared" si="69"/>
        <v/>
      </c>
      <c r="BM344" s="487" t="str">
        <f t="shared" si="69"/>
        <v/>
      </c>
      <c r="BN344" s="487" t="str">
        <f t="shared" si="69"/>
        <v/>
      </c>
      <c r="BO344" s="487" t="str">
        <f t="shared" si="69"/>
        <v/>
      </c>
      <c r="BP344" s="487" t="str">
        <f t="shared" si="69"/>
        <v/>
      </c>
      <c r="BQ344" s="487" t="str">
        <f t="shared" si="69"/>
        <v/>
      </c>
      <c r="BR344" s="487" t="str">
        <f t="shared" si="69"/>
        <v/>
      </c>
      <c r="BS344" s="487" t="str">
        <f t="shared" si="69"/>
        <v/>
      </c>
      <c r="BT344" s="487" t="str">
        <f t="shared" si="69"/>
        <v/>
      </c>
      <c r="BU344" s="487">
        <f t="shared" si="69"/>
        <v>319858</v>
      </c>
      <c r="BV344" s="487" t="str">
        <f t="shared" si="68"/>
        <v/>
      </c>
      <c r="BW344" s="487" t="str">
        <f t="shared" si="68"/>
        <v/>
      </c>
      <c r="BX344" s="487" t="str">
        <f t="shared" si="66"/>
        <v/>
      </c>
      <c r="BY344" s="487" t="str">
        <f t="shared" si="66"/>
        <v/>
      </c>
      <c r="BZ344" s="487" t="str">
        <f t="shared" si="66"/>
        <v/>
      </c>
      <c r="CA344" s="487" t="str">
        <f t="shared" si="64"/>
        <v/>
      </c>
      <c r="CB344" s="487" t="str">
        <f t="shared" si="64"/>
        <v/>
      </c>
      <c r="CC344" s="487" t="str">
        <f t="shared" si="64"/>
        <v/>
      </c>
      <c r="CD344" s="487" t="str">
        <f t="shared" si="64"/>
        <v/>
      </c>
      <c r="CE344" s="487" t="str">
        <f t="shared" si="64"/>
        <v/>
      </c>
      <c r="CF344" s="487" t="str">
        <f t="shared" si="72"/>
        <v/>
      </c>
      <c r="CG344" s="487" t="str">
        <f t="shared" si="72"/>
        <v/>
      </c>
      <c r="CH344" s="487" t="str">
        <f t="shared" si="72"/>
        <v/>
      </c>
      <c r="CI344" s="487" t="str">
        <f t="shared" si="72"/>
        <v/>
      </c>
      <c r="CJ344" s="487" t="str">
        <f t="shared" si="72"/>
        <v/>
      </c>
      <c r="CK344" s="487" t="str">
        <f t="shared" si="72"/>
        <v/>
      </c>
      <c r="CL344" s="487" t="str">
        <f t="shared" si="65"/>
        <v/>
      </c>
      <c r="CM344" s="487"/>
      <c r="CN344" s="487"/>
      <c r="CO344" s="487"/>
      <c r="CP344" s="487"/>
      <c r="CQ344" s="487"/>
      <c r="CR344" s="487"/>
      <c r="CS344" s="487"/>
      <c r="CT344" s="487"/>
      <c r="CU344" s="487"/>
      <c r="CV344" s="487"/>
      <c r="CW344" s="487"/>
      <c r="CX344" s="487"/>
      <c r="CY344" s="487"/>
      <c r="CZ344" s="487"/>
      <c r="DA344" s="487"/>
      <c r="DB344" s="487"/>
      <c r="DC344" s="487"/>
      <c r="DD344" s="487"/>
      <c r="DE344" s="487"/>
      <c r="DF344" s="487"/>
      <c r="DG344" s="487"/>
      <c r="DH344" s="487"/>
      <c r="DI344" s="484"/>
      <c r="DJ344" s="484"/>
      <c r="DK344" s="484"/>
    </row>
    <row r="345" spans="1:115" s="354" customFormat="1" ht="56.1" hidden="1" customHeight="1" x14ac:dyDescent="0.2">
      <c r="A345" s="494"/>
      <c r="B345" s="494"/>
      <c r="C345" s="481">
        <v>597</v>
      </c>
      <c r="D345" s="481"/>
      <c r="E345" s="481" t="s">
        <v>2481</v>
      </c>
      <c r="F345" s="482" t="s">
        <v>53</v>
      </c>
      <c r="G345" s="482" t="s">
        <v>329</v>
      </c>
      <c r="H345" s="484" t="s">
        <v>623</v>
      </c>
      <c r="I345" s="484" t="s">
        <v>624</v>
      </c>
      <c r="J345" s="495" t="s">
        <v>652</v>
      </c>
      <c r="K345" s="495"/>
      <c r="L345" s="484" t="s">
        <v>58</v>
      </c>
      <c r="M345" s="484" t="s">
        <v>31</v>
      </c>
      <c r="N345" s="484"/>
      <c r="O345" s="484" t="s">
        <v>81</v>
      </c>
      <c r="P345" s="484" t="s">
        <v>334</v>
      </c>
      <c r="Q345" s="484"/>
      <c r="R345" s="484" t="s">
        <v>225</v>
      </c>
      <c r="S345" s="484" t="s">
        <v>63</v>
      </c>
      <c r="T345" s="484" t="s">
        <v>63</v>
      </c>
      <c r="U345" s="485">
        <v>82249</v>
      </c>
      <c r="V345" s="485"/>
      <c r="W345" s="484" t="s">
        <v>226</v>
      </c>
      <c r="X345" s="484"/>
      <c r="Y345" s="485">
        <f t="shared" si="70"/>
        <v>82249</v>
      </c>
      <c r="Z345" s="484" t="s">
        <v>82</v>
      </c>
      <c r="AA345" s="496"/>
      <c r="AB345" s="496"/>
      <c r="AC345" s="496"/>
      <c r="AD345" s="496"/>
      <c r="AE345" s="496"/>
      <c r="AF345" s="487"/>
      <c r="AG345" s="496"/>
      <c r="AH345" s="496"/>
      <c r="AI345" s="496"/>
      <c r="AJ345" s="496"/>
      <c r="AK345" s="496"/>
      <c r="AL345" s="496"/>
      <c r="AM345" s="496"/>
      <c r="AN345" s="496"/>
      <c r="AO345" s="496" t="s">
        <v>66</v>
      </c>
      <c r="AP345" s="496"/>
      <c r="AQ345" s="496"/>
      <c r="AR345" s="496"/>
      <c r="AS345" s="496"/>
      <c r="AT345" s="496"/>
      <c r="AU345" s="496"/>
      <c r="AV345" s="496"/>
      <c r="AW345" s="496"/>
      <c r="AX345" s="496"/>
      <c r="AY345" s="496"/>
      <c r="AZ345" s="496"/>
      <c r="BA345" s="496"/>
      <c r="BB345" s="496"/>
      <c r="BC345" s="496"/>
      <c r="BD345" s="496"/>
      <c r="BE345" s="496"/>
      <c r="BF345" s="80">
        <f t="shared" si="67"/>
        <v>90</v>
      </c>
      <c r="BG345" s="76">
        <f t="shared" si="71"/>
        <v>913.87777777777774</v>
      </c>
      <c r="BH345" s="487" t="str">
        <f t="shared" si="69"/>
        <v/>
      </c>
      <c r="BI345" s="487" t="str">
        <f t="shared" si="69"/>
        <v/>
      </c>
      <c r="BJ345" s="487" t="str">
        <f t="shared" si="69"/>
        <v/>
      </c>
      <c r="BK345" s="487" t="str">
        <f t="shared" si="69"/>
        <v/>
      </c>
      <c r="BL345" s="487" t="str">
        <f t="shared" si="69"/>
        <v/>
      </c>
      <c r="BM345" s="487" t="str">
        <f t="shared" si="69"/>
        <v/>
      </c>
      <c r="BN345" s="487" t="str">
        <f t="shared" si="69"/>
        <v/>
      </c>
      <c r="BO345" s="487" t="str">
        <f t="shared" si="69"/>
        <v/>
      </c>
      <c r="BP345" s="487" t="str">
        <f t="shared" si="69"/>
        <v/>
      </c>
      <c r="BQ345" s="487" t="str">
        <f t="shared" si="69"/>
        <v/>
      </c>
      <c r="BR345" s="487" t="str">
        <f t="shared" si="69"/>
        <v/>
      </c>
      <c r="BS345" s="487" t="str">
        <f t="shared" si="69"/>
        <v/>
      </c>
      <c r="BT345" s="487" t="str">
        <f t="shared" si="69"/>
        <v/>
      </c>
      <c r="BU345" s="487" t="str">
        <f t="shared" si="69"/>
        <v/>
      </c>
      <c r="BV345" s="487">
        <f t="shared" si="68"/>
        <v>82249</v>
      </c>
      <c r="BW345" s="487" t="str">
        <f t="shared" si="68"/>
        <v/>
      </c>
      <c r="BX345" s="487" t="str">
        <f t="shared" si="66"/>
        <v/>
      </c>
      <c r="BY345" s="487" t="str">
        <f t="shared" si="66"/>
        <v/>
      </c>
      <c r="BZ345" s="487" t="str">
        <f t="shared" si="66"/>
        <v/>
      </c>
      <c r="CA345" s="487" t="str">
        <f t="shared" si="64"/>
        <v/>
      </c>
      <c r="CB345" s="487" t="str">
        <f t="shared" si="64"/>
        <v/>
      </c>
      <c r="CC345" s="487" t="str">
        <f t="shared" si="64"/>
        <v/>
      </c>
      <c r="CD345" s="487" t="str">
        <f t="shared" si="64"/>
        <v/>
      </c>
      <c r="CE345" s="487" t="str">
        <f t="shared" si="64"/>
        <v/>
      </c>
      <c r="CF345" s="487" t="str">
        <f t="shared" si="72"/>
        <v/>
      </c>
      <c r="CG345" s="487" t="str">
        <f t="shared" si="72"/>
        <v/>
      </c>
      <c r="CH345" s="487" t="str">
        <f t="shared" si="72"/>
        <v/>
      </c>
      <c r="CI345" s="487" t="str">
        <f t="shared" si="72"/>
        <v/>
      </c>
      <c r="CJ345" s="487" t="str">
        <f t="shared" si="72"/>
        <v/>
      </c>
      <c r="CK345" s="487" t="str">
        <f t="shared" si="72"/>
        <v/>
      </c>
      <c r="CL345" s="487" t="str">
        <f t="shared" si="65"/>
        <v/>
      </c>
      <c r="CM345" s="487"/>
      <c r="CN345" s="487"/>
      <c r="CO345" s="487"/>
      <c r="CP345" s="487"/>
      <c r="CQ345" s="487"/>
      <c r="CR345" s="487"/>
      <c r="CS345" s="487"/>
      <c r="CT345" s="487"/>
      <c r="CU345" s="487"/>
      <c r="CV345" s="487"/>
      <c r="CW345" s="487"/>
      <c r="CX345" s="487"/>
      <c r="CY345" s="487"/>
      <c r="CZ345" s="487"/>
      <c r="DA345" s="487"/>
      <c r="DB345" s="487"/>
      <c r="DC345" s="487"/>
      <c r="DD345" s="487"/>
      <c r="DE345" s="487"/>
      <c r="DF345" s="487"/>
      <c r="DG345" s="487"/>
      <c r="DH345" s="487"/>
      <c r="DI345" s="484"/>
      <c r="DJ345" s="484"/>
      <c r="DK345" s="484"/>
    </row>
    <row r="346" spans="1:115" s="354" customFormat="1" ht="56.1" hidden="1" customHeight="1" x14ac:dyDescent="0.2">
      <c r="A346" s="494"/>
      <c r="B346" s="494"/>
      <c r="C346" s="481">
        <v>598</v>
      </c>
      <c r="D346" s="481"/>
      <c r="E346" s="481" t="s">
        <v>2481</v>
      </c>
      <c r="F346" s="482" t="s">
        <v>53</v>
      </c>
      <c r="G346" s="482" t="s">
        <v>329</v>
      </c>
      <c r="H346" s="484" t="s">
        <v>623</v>
      </c>
      <c r="I346" s="484" t="s">
        <v>624</v>
      </c>
      <c r="J346" s="495" t="s">
        <v>653</v>
      </c>
      <c r="K346" s="495"/>
      <c r="L346" s="484" t="s">
        <v>58</v>
      </c>
      <c r="M346" s="484" t="s">
        <v>327</v>
      </c>
      <c r="N346" s="484"/>
      <c r="O346" s="484" t="s">
        <v>81</v>
      </c>
      <c r="P346" s="484" t="s">
        <v>334</v>
      </c>
      <c r="Q346" s="484"/>
      <c r="R346" s="484" t="s">
        <v>225</v>
      </c>
      <c r="S346" s="484" t="s">
        <v>63</v>
      </c>
      <c r="T346" s="484" t="s">
        <v>63</v>
      </c>
      <c r="U346" s="485">
        <v>73110</v>
      </c>
      <c r="V346" s="485"/>
      <c r="W346" s="484" t="s">
        <v>226</v>
      </c>
      <c r="X346" s="484"/>
      <c r="Y346" s="485">
        <f t="shared" si="70"/>
        <v>73110</v>
      </c>
      <c r="Z346" s="484" t="s">
        <v>82</v>
      </c>
      <c r="AA346" s="496"/>
      <c r="AB346" s="496"/>
      <c r="AC346" s="496"/>
      <c r="AD346" s="496"/>
      <c r="AE346" s="496"/>
      <c r="AF346" s="487"/>
      <c r="AG346" s="496"/>
      <c r="AH346" s="496"/>
      <c r="AI346" s="496"/>
      <c r="AJ346" s="496"/>
      <c r="AK346" s="496"/>
      <c r="AL346" s="496"/>
      <c r="AM346" s="496"/>
      <c r="AN346" s="496"/>
      <c r="AO346" s="496"/>
      <c r="AP346" s="496" t="s">
        <v>66</v>
      </c>
      <c r="AQ346" s="496"/>
      <c r="AR346" s="496"/>
      <c r="AS346" s="496"/>
      <c r="AT346" s="496"/>
      <c r="AU346" s="496"/>
      <c r="AV346" s="496"/>
      <c r="AW346" s="496"/>
      <c r="AX346" s="496"/>
      <c r="AY346" s="496"/>
      <c r="AZ346" s="496"/>
      <c r="BA346" s="496"/>
      <c r="BB346" s="496"/>
      <c r="BC346" s="496"/>
      <c r="BD346" s="496"/>
      <c r="BE346" s="496"/>
      <c r="BF346" s="80">
        <f t="shared" si="67"/>
        <v>80</v>
      </c>
      <c r="BG346" s="76">
        <f t="shared" si="71"/>
        <v>913.875</v>
      </c>
      <c r="BH346" s="487" t="str">
        <f t="shared" si="69"/>
        <v/>
      </c>
      <c r="BI346" s="487" t="str">
        <f t="shared" si="69"/>
        <v/>
      </c>
      <c r="BJ346" s="487" t="str">
        <f t="shared" si="69"/>
        <v/>
      </c>
      <c r="BK346" s="487" t="str">
        <f t="shared" si="69"/>
        <v/>
      </c>
      <c r="BL346" s="487" t="str">
        <f t="shared" si="69"/>
        <v/>
      </c>
      <c r="BM346" s="487" t="str">
        <f t="shared" si="69"/>
        <v/>
      </c>
      <c r="BN346" s="487" t="str">
        <f t="shared" si="69"/>
        <v/>
      </c>
      <c r="BO346" s="487" t="str">
        <f t="shared" si="69"/>
        <v/>
      </c>
      <c r="BP346" s="487" t="str">
        <f t="shared" si="69"/>
        <v/>
      </c>
      <c r="BQ346" s="487" t="str">
        <f t="shared" si="69"/>
        <v/>
      </c>
      <c r="BR346" s="487" t="str">
        <f t="shared" si="69"/>
        <v/>
      </c>
      <c r="BS346" s="487" t="str">
        <f t="shared" si="69"/>
        <v/>
      </c>
      <c r="BT346" s="487" t="str">
        <f t="shared" si="69"/>
        <v/>
      </c>
      <c r="BU346" s="487" t="str">
        <f t="shared" si="69"/>
        <v/>
      </c>
      <c r="BV346" s="487" t="str">
        <f t="shared" si="68"/>
        <v/>
      </c>
      <c r="BW346" s="487">
        <f t="shared" si="68"/>
        <v>73110</v>
      </c>
      <c r="BX346" s="487" t="str">
        <f t="shared" si="66"/>
        <v/>
      </c>
      <c r="BY346" s="487" t="str">
        <f t="shared" si="66"/>
        <v/>
      </c>
      <c r="BZ346" s="487" t="str">
        <f t="shared" si="66"/>
        <v/>
      </c>
      <c r="CA346" s="487" t="str">
        <f t="shared" si="64"/>
        <v/>
      </c>
      <c r="CB346" s="487" t="str">
        <f t="shared" si="64"/>
        <v/>
      </c>
      <c r="CC346" s="487" t="str">
        <f t="shared" si="64"/>
        <v/>
      </c>
      <c r="CD346" s="487" t="str">
        <f t="shared" si="64"/>
        <v/>
      </c>
      <c r="CE346" s="487" t="str">
        <f t="shared" si="64"/>
        <v/>
      </c>
      <c r="CF346" s="487" t="str">
        <f t="shared" si="72"/>
        <v/>
      </c>
      <c r="CG346" s="487" t="str">
        <f t="shared" si="72"/>
        <v/>
      </c>
      <c r="CH346" s="487" t="str">
        <f t="shared" si="72"/>
        <v/>
      </c>
      <c r="CI346" s="487" t="str">
        <f t="shared" si="72"/>
        <v/>
      </c>
      <c r="CJ346" s="487" t="str">
        <f t="shared" si="72"/>
        <v/>
      </c>
      <c r="CK346" s="487" t="str">
        <f t="shared" si="72"/>
        <v/>
      </c>
      <c r="CL346" s="487" t="str">
        <f t="shared" si="65"/>
        <v/>
      </c>
      <c r="CM346" s="487"/>
      <c r="CN346" s="487"/>
      <c r="CO346" s="487"/>
      <c r="CP346" s="487"/>
      <c r="CQ346" s="487"/>
      <c r="CR346" s="487"/>
      <c r="CS346" s="487"/>
      <c r="CT346" s="487"/>
      <c r="CU346" s="487"/>
      <c r="CV346" s="487"/>
      <c r="CW346" s="487"/>
      <c r="CX346" s="487"/>
      <c r="CY346" s="487"/>
      <c r="CZ346" s="487"/>
      <c r="DA346" s="487"/>
      <c r="DB346" s="487"/>
      <c r="DC346" s="487"/>
      <c r="DD346" s="487"/>
      <c r="DE346" s="487"/>
      <c r="DF346" s="487"/>
      <c r="DG346" s="487"/>
      <c r="DH346" s="487"/>
      <c r="DI346" s="484"/>
      <c r="DJ346" s="484"/>
      <c r="DK346" s="484"/>
    </row>
    <row r="347" spans="1:115" s="354" customFormat="1" ht="56.1" hidden="1" customHeight="1" x14ac:dyDescent="0.2">
      <c r="A347" s="494"/>
      <c r="B347" s="494"/>
      <c r="C347" s="481">
        <v>599</v>
      </c>
      <c r="D347" s="481"/>
      <c r="E347" s="481" t="s">
        <v>2481</v>
      </c>
      <c r="F347" s="482" t="s">
        <v>53</v>
      </c>
      <c r="G347" s="482" t="s">
        <v>329</v>
      </c>
      <c r="H347" s="484" t="s">
        <v>623</v>
      </c>
      <c r="I347" s="484" t="s">
        <v>624</v>
      </c>
      <c r="J347" s="495" t="s">
        <v>654</v>
      </c>
      <c r="K347" s="495"/>
      <c r="L347" s="484" t="s">
        <v>58</v>
      </c>
      <c r="M347" s="484" t="s">
        <v>328</v>
      </c>
      <c r="N347" s="484"/>
      <c r="O347" s="484" t="s">
        <v>81</v>
      </c>
      <c r="P347" s="484" t="s">
        <v>334</v>
      </c>
      <c r="Q347" s="484"/>
      <c r="R347" s="484" t="s">
        <v>225</v>
      </c>
      <c r="S347" s="484" t="s">
        <v>63</v>
      </c>
      <c r="T347" s="484" t="s">
        <v>63</v>
      </c>
      <c r="U347" s="485">
        <v>182776</v>
      </c>
      <c r="V347" s="485"/>
      <c r="W347" s="484" t="s">
        <v>226</v>
      </c>
      <c r="X347" s="484"/>
      <c r="Y347" s="485">
        <f t="shared" si="70"/>
        <v>182776</v>
      </c>
      <c r="Z347" s="484" t="s">
        <v>82</v>
      </c>
      <c r="AA347" s="496"/>
      <c r="AB347" s="496"/>
      <c r="AC347" s="496"/>
      <c r="AD347" s="496"/>
      <c r="AE347" s="496"/>
      <c r="AF347" s="487"/>
      <c r="AG347" s="496"/>
      <c r="AH347" s="496"/>
      <c r="AI347" s="496"/>
      <c r="AJ347" s="496"/>
      <c r="AK347" s="496"/>
      <c r="AL347" s="496"/>
      <c r="AM347" s="496"/>
      <c r="AN347" s="496"/>
      <c r="AO347" s="496"/>
      <c r="AP347" s="496" t="s">
        <v>66</v>
      </c>
      <c r="AQ347" s="496"/>
      <c r="AR347" s="496"/>
      <c r="AS347" s="496"/>
      <c r="AT347" s="496"/>
      <c r="AU347" s="496"/>
      <c r="AV347" s="496"/>
      <c r="AW347" s="496"/>
      <c r="AX347" s="496"/>
      <c r="AY347" s="496"/>
      <c r="AZ347" s="496"/>
      <c r="BA347" s="496"/>
      <c r="BB347" s="496"/>
      <c r="BC347" s="496"/>
      <c r="BD347" s="496"/>
      <c r="BE347" s="496"/>
      <c r="BF347" s="80">
        <f t="shared" si="67"/>
        <v>80</v>
      </c>
      <c r="BG347" s="76">
        <f t="shared" si="71"/>
        <v>2284.6999999999998</v>
      </c>
      <c r="BH347" s="487" t="str">
        <f t="shared" si="69"/>
        <v/>
      </c>
      <c r="BI347" s="487" t="str">
        <f t="shared" si="69"/>
        <v/>
      </c>
      <c r="BJ347" s="487" t="str">
        <f t="shared" si="69"/>
        <v/>
      </c>
      <c r="BK347" s="487" t="str">
        <f t="shared" si="69"/>
        <v/>
      </c>
      <c r="BL347" s="487" t="str">
        <f t="shared" si="69"/>
        <v/>
      </c>
      <c r="BM347" s="487" t="str">
        <f t="shared" si="69"/>
        <v/>
      </c>
      <c r="BN347" s="487" t="str">
        <f t="shared" si="69"/>
        <v/>
      </c>
      <c r="BO347" s="487" t="str">
        <f t="shared" si="69"/>
        <v/>
      </c>
      <c r="BP347" s="487" t="str">
        <f t="shared" si="69"/>
        <v/>
      </c>
      <c r="BQ347" s="487" t="str">
        <f t="shared" si="69"/>
        <v/>
      </c>
      <c r="BR347" s="487" t="str">
        <f t="shared" si="69"/>
        <v/>
      </c>
      <c r="BS347" s="487" t="str">
        <f t="shared" si="69"/>
        <v/>
      </c>
      <c r="BT347" s="487" t="str">
        <f t="shared" si="69"/>
        <v/>
      </c>
      <c r="BU347" s="487" t="str">
        <f t="shared" si="69"/>
        <v/>
      </c>
      <c r="BV347" s="487" t="str">
        <f t="shared" si="68"/>
        <v/>
      </c>
      <c r="BW347" s="487">
        <f t="shared" si="68"/>
        <v>182776</v>
      </c>
      <c r="BX347" s="487" t="str">
        <f t="shared" si="66"/>
        <v/>
      </c>
      <c r="BY347" s="487" t="str">
        <f t="shared" si="66"/>
        <v/>
      </c>
      <c r="BZ347" s="487" t="str">
        <f t="shared" si="66"/>
        <v/>
      </c>
      <c r="CA347" s="487" t="str">
        <f t="shared" si="64"/>
        <v/>
      </c>
      <c r="CB347" s="487" t="str">
        <f t="shared" si="64"/>
        <v/>
      </c>
      <c r="CC347" s="487" t="str">
        <f t="shared" si="64"/>
        <v/>
      </c>
      <c r="CD347" s="487" t="str">
        <f t="shared" si="64"/>
        <v/>
      </c>
      <c r="CE347" s="487" t="str">
        <f t="shared" si="64"/>
        <v/>
      </c>
      <c r="CF347" s="487" t="str">
        <f t="shared" si="72"/>
        <v/>
      </c>
      <c r="CG347" s="487" t="str">
        <f t="shared" si="72"/>
        <v/>
      </c>
      <c r="CH347" s="487" t="str">
        <f t="shared" si="72"/>
        <v/>
      </c>
      <c r="CI347" s="487" t="str">
        <f t="shared" si="72"/>
        <v/>
      </c>
      <c r="CJ347" s="487" t="str">
        <f t="shared" si="72"/>
        <v/>
      </c>
      <c r="CK347" s="487" t="str">
        <f t="shared" si="72"/>
        <v/>
      </c>
      <c r="CL347" s="487" t="str">
        <f t="shared" si="65"/>
        <v/>
      </c>
      <c r="CM347" s="487"/>
      <c r="CN347" s="487"/>
      <c r="CO347" s="487"/>
      <c r="CP347" s="487"/>
      <c r="CQ347" s="487"/>
      <c r="CR347" s="487"/>
      <c r="CS347" s="487"/>
      <c r="CT347" s="487"/>
      <c r="CU347" s="487"/>
      <c r="CV347" s="487"/>
      <c r="CW347" s="487"/>
      <c r="CX347" s="487"/>
      <c r="CY347" s="487"/>
      <c r="CZ347" s="487"/>
      <c r="DA347" s="487"/>
      <c r="DB347" s="487"/>
      <c r="DC347" s="487"/>
      <c r="DD347" s="487"/>
      <c r="DE347" s="487"/>
      <c r="DF347" s="487"/>
      <c r="DG347" s="487"/>
      <c r="DH347" s="487"/>
      <c r="DI347" s="484"/>
      <c r="DJ347" s="484"/>
      <c r="DK347" s="484"/>
    </row>
    <row r="348" spans="1:115" ht="56.1" hidden="1" customHeight="1" x14ac:dyDescent="0.2">
      <c r="A348" s="499" t="s">
        <v>2494</v>
      </c>
      <c r="B348" s="483" t="s">
        <v>2495</v>
      </c>
      <c r="C348" s="481">
        <v>679</v>
      </c>
      <c r="D348" s="481"/>
      <c r="E348" s="481" t="s">
        <v>2481</v>
      </c>
      <c r="F348" s="482" t="s">
        <v>53</v>
      </c>
      <c r="G348" s="482" t="s">
        <v>655</v>
      </c>
      <c r="H348" s="500" t="s">
        <v>830</v>
      </c>
      <c r="I348" s="501" t="s">
        <v>831</v>
      </c>
      <c r="J348" s="501" t="s">
        <v>832</v>
      </c>
      <c r="K348" s="501"/>
      <c r="L348" s="77" t="s">
        <v>58</v>
      </c>
      <c r="M348" s="501" t="s">
        <v>833</v>
      </c>
      <c r="N348" s="501"/>
      <c r="O348" s="501" t="s">
        <v>81</v>
      </c>
      <c r="P348" s="77" t="s">
        <v>77</v>
      </c>
      <c r="Q348" s="77"/>
      <c r="R348" s="500" t="s">
        <v>834</v>
      </c>
      <c r="S348" s="76" t="s">
        <v>63</v>
      </c>
      <c r="T348" s="76" t="s">
        <v>63</v>
      </c>
      <c r="U348" s="502">
        <v>370629.1875</v>
      </c>
      <c r="V348" s="502"/>
      <c r="W348" s="494" t="s">
        <v>659</v>
      </c>
      <c r="X348" s="494"/>
      <c r="Y348" s="503">
        <f t="shared" si="70"/>
        <v>370629.1875</v>
      </c>
      <c r="Z348" s="76" t="s">
        <v>65</v>
      </c>
      <c r="AA348" s="487"/>
      <c r="AB348" s="487"/>
      <c r="AC348" s="487"/>
      <c r="AD348" s="487"/>
      <c r="AE348" s="487"/>
      <c r="AF348" s="487"/>
      <c r="AG348" s="487"/>
      <c r="AH348" s="487"/>
      <c r="AI348" s="487"/>
      <c r="AJ348" s="487"/>
      <c r="AK348" s="487"/>
      <c r="AL348" s="487"/>
      <c r="AM348" s="487"/>
      <c r="AN348" s="487"/>
      <c r="AO348" s="487"/>
      <c r="AP348" s="487"/>
      <c r="AQ348" s="76"/>
      <c r="AR348" s="487"/>
      <c r="AS348" s="487"/>
      <c r="AT348" s="487"/>
      <c r="AU348" s="76"/>
      <c r="AV348" s="487"/>
      <c r="AW348" s="487"/>
      <c r="AX348" s="487"/>
      <c r="AY348" s="76"/>
      <c r="AZ348" s="487"/>
      <c r="BA348" s="76"/>
      <c r="BB348" s="76"/>
      <c r="BC348" s="487"/>
      <c r="BD348" s="76"/>
      <c r="BE348" s="76"/>
      <c r="BF348" s="80">
        <f t="shared" si="67"/>
        <v>0</v>
      </c>
      <c r="BG348" s="76"/>
      <c r="BH348" s="487" t="str">
        <f t="shared" si="69"/>
        <v/>
      </c>
      <c r="BI348" s="487" t="str">
        <f t="shared" si="69"/>
        <v/>
      </c>
      <c r="BJ348" s="487" t="str">
        <f t="shared" si="69"/>
        <v/>
      </c>
      <c r="BK348" s="487" t="str">
        <f t="shared" ref="BK348:BW368" si="73">IF(AD348="yes",(AD$2*$BG348),"")</f>
        <v/>
      </c>
      <c r="BL348" s="487" t="str">
        <f t="shared" si="73"/>
        <v/>
      </c>
      <c r="BM348" s="487" t="str">
        <f t="shared" si="73"/>
        <v/>
      </c>
      <c r="BN348" s="487" t="str">
        <f t="shared" si="73"/>
        <v/>
      </c>
      <c r="BO348" s="487" t="str">
        <f t="shared" si="73"/>
        <v/>
      </c>
      <c r="BP348" s="487" t="str">
        <f t="shared" si="73"/>
        <v/>
      </c>
      <c r="BQ348" s="487" t="str">
        <f t="shared" si="73"/>
        <v/>
      </c>
      <c r="BR348" s="487" t="str">
        <f t="shared" si="73"/>
        <v/>
      </c>
      <c r="BS348" s="487" t="str">
        <f t="shared" si="73"/>
        <v/>
      </c>
      <c r="BT348" s="487" t="str">
        <f t="shared" si="73"/>
        <v/>
      </c>
      <c r="BU348" s="487" t="str">
        <f t="shared" si="73"/>
        <v/>
      </c>
      <c r="BV348" s="487" t="str">
        <f t="shared" si="68"/>
        <v/>
      </c>
      <c r="BW348" s="487" t="str">
        <f t="shared" si="68"/>
        <v/>
      </c>
      <c r="BX348" s="487" t="str">
        <f t="shared" si="66"/>
        <v/>
      </c>
      <c r="BY348" s="487" t="str">
        <f t="shared" si="66"/>
        <v/>
      </c>
      <c r="BZ348" s="487" t="str">
        <f t="shared" si="66"/>
        <v/>
      </c>
      <c r="CA348" s="487" t="str">
        <f t="shared" si="64"/>
        <v/>
      </c>
      <c r="CB348" s="487" t="str">
        <f t="shared" si="64"/>
        <v/>
      </c>
      <c r="CC348" s="487" t="str">
        <f t="shared" si="64"/>
        <v/>
      </c>
      <c r="CD348" s="487" t="str">
        <f t="shared" si="64"/>
        <v/>
      </c>
      <c r="CE348" s="487" t="str">
        <f t="shared" si="64"/>
        <v/>
      </c>
      <c r="CF348" s="487" t="str">
        <f t="shared" si="72"/>
        <v/>
      </c>
      <c r="CG348" s="487" t="str">
        <f t="shared" si="72"/>
        <v/>
      </c>
      <c r="CH348" s="487" t="str">
        <f t="shared" si="72"/>
        <v/>
      </c>
      <c r="CI348" s="487" t="str">
        <f t="shared" si="72"/>
        <v/>
      </c>
      <c r="CJ348" s="487" t="str">
        <f t="shared" si="72"/>
        <v/>
      </c>
      <c r="CK348" s="487" t="str">
        <f t="shared" si="72"/>
        <v/>
      </c>
      <c r="CL348" s="487" t="str">
        <f t="shared" si="65"/>
        <v/>
      </c>
      <c r="CM348" s="487"/>
      <c r="CN348" s="487"/>
      <c r="CO348" s="487"/>
      <c r="CP348" s="487"/>
      <c r="CQ348" s="487"/>
      <c r="CR348" s="487"/>
      <c r="CS348" s="487"/>
      <c r="CT348" s="487"/>
      <c r="CU348" s="487"/>
      <c r="CV348" s="487"/>
      <c r="CW348" s="487"/>
      <c r="CX348" s="487"/>
      <c r="CY348" s="487"/>
      <c r="CZ348" s="487"/>
      <c r="DA348" s="487"/>
      <c r="DB348" s="487"/>
      <c r="DC348" s="487"/>
      <c r="DD348" s="487"/>
      <c r="DE348" s="487"/>
      <c r="DF348" s="487"/>
      <c r="DG348" s="487"/>
      <c r="DH348" s="487"/>
      <c r="DI348" s="76"/>
      <c r="DJ348" s="76"/>
      <c r="DK348" s="504"/>
    </row>
    <row r="349" spans="1:115" ht="56.1" hidden="1" customHeight="1" x14ac:dyDescent="0.2">
      <c r="A349" s="499" t="s">
        <v>2494</v>
      </c>
      <c r="B349" s="483" t="s">
        <v>2495</v>
      </c>
      <c r="C349" s="481">
        <v>680</v>
      </c>
      <c r="D349" s="481"/>
      <c r="E349" s="481" t="s">
        <v>2481</v>
      </c>
      <c r="F349" s="482" t="s">
        <v>53</v>
      </c>
      <c r="G349" s="482" t="s">
        <v>655</v>
      </c>
      <c r="H349" s="500" t="s">
        <v>830</v>
      </c>
      <c r="I349" s="501" t="s">
        <v>835</v>
      </c>
      <c r="J349" s="501" t="s">
        <v>836</v>
      </c>
      <c r="K349" s="501"/>
      <c r="L349" s="77" t="s">
        <v>58</v>
      </c>
      <c r="M349" s="501" t="s">
        <v>833</v>
      </c>
      <c r="N349" s="501"/>
      <c r="O349" s="501" t="s">
        <v>81</v>
      </c>
      <c r="P349" s="77" t="s">
        <v>77</v>
      </c>
      <c r="Q349" s="77"/>
      <c r="R349" s="500" t="s">
        <v>834</v>
      </c>
      <c r="S349" s="76" t="s">
        <v>63</v>
      </c>
      <c r="T349" s="76" t="s">
        <v>63</v>
      </c>
      <c r="U349" s="502">
        <v>370629.1875</v>
      </c>
      <c r="V349" s="502"/>
      <c r="W349" s="494" t="s">
        <v>659</v>
      </c>
      <c r="X349" s="494"/>
      <c r="Y349" s="503">
        <f t="shared" si="70"/>
        <v>370629.1875</v>
      </c>
      <c r="Z349" s="76" t="s">
        <v>65</v>
      </c>
      <c r="AA349" s="487"/>
      <c r="AB349" s="487"/>
      <c r="AC349" s="487"/>
      <c r="AD349" s="487"/>
      <c r="AE349" s="487"/>
      <c r="AF349" s="487"/>
      <c r="AG349" s="487"/>
      <c r="AH349" s="487"/>
      <c r="AI349" s="487"/>
      <c r="AJ349" s="487"/>
      <c r="AK349" s="487"/>
      <c r="AL349" s="487"/>
      <c r="AM349" s="487"/>
      <c r="AN349" s="487"/>
      <c r="AO349" s="487"/>
      <c r="AP349" s="487"/>
      <c r="AQ349" s="76"/>
      <c r="AR349" s="487"/>
      <c r="AS349" s="487"/>
      <c r="AT349" s="487"/>
      <c r="AU349" s="76"/>
      <c r="AV349" s="487"/>
      <c r="AW349" s="487"/>
      <c r="AX349" s="487"/>
      <c r="AY349" s="76"/>
      <c r="AZ349" s="487"/>
      <c r="BA349" s="76"/>
      <c r="BB349" s="76"/>
      <c r="BC349" s="487"/>
      <c r="BD349" s="76"/>
      <c r="BE349" s="76"/>
      <c r="BF349" s="80">
        <f t="shared" si="67"/>
        <v>0</v>
      </c>
      <c r="BG349" s="76"/>
      <c r="BH349" s="487" t="str">
        <f t="shared" ref="BH349:BQ380" si="74">IF(AA349="yes",(AA$2*$BG349),"")</f>
        <v/>
      </c>
      <c r="BI349" s="487" t="str">
        <f t="shared" si="74"/>
        <v/>
      </c>
      <c r="BJ349" s="487" t="str">
        <f t="shared" si="74"/>
        <v/>
      </c>
      <c r="BK349" s="487" t="str">
        <f t="shared" si="73"/>
        <v/>
      </c>
      <c r="BL349" s="487" t="str">
        <f t="shared" si="73"/>
        <v/>
      </c>
      <c r="BM349" s="487" t="str">
        <f t="shared" si="73"/>
        <v/>
      </c>
      <c r="BN349" s="487" t="str">
        <f t="shared" si="73"/>
        <v/>
      </c>
      <c r="BO349" s="487" t="str">
        <f t="shared" si="73"/>
        <v/>
      </c>
      <c r="BP349" s="487" t="str">
        <f t="shared" si="73"/>
        <v/>
      </c>
      <c r="BQ349" s="487" t="str">
        <f t="shared" si="73"/>
        <v/>
      </c>
      <c r="BR349" s="487" t="str">
        <f t="shared" si="73"/>
        <v/>
      </c>
      <c r="BS349" s="487" t="str">
        <f t="shared" si="73"/>
        <v/>
      </c>
      <c r="BT349" s="487" t="str">
        <f t="shared" si="73"/>
        <v/>
      </c>
      <c r="BU349" s="487" t="str">
        <f t="shared" si="73"/>
        <v/>
      </c>
      <c r="BV349" s="487" t="str">
        <f t="shared" si="68"/>
        <v/>
      </c>
      <c r="BW349" s="487" t="str">
        <f t="shared" si="68"/>
        <v/>
      </c>
      <c r="BX349" s="487" t="str">
        <f t="shared" si="66"/>
        <v/>
      </c>
      <c r="BY349" s="487" t="str">
        <f t="shared" si="66"/>
        <v/>
      </c>
      <c r="BZ349" s="487" t="str">
        <f t="shared" si="66"/>
        <v/>
      </c>
      <c r="CA349" s="487" t="str">
        <f t="shared" si="64"/>
        <v/>
      </c>
      <c r="CB349" s="487" t="str">
        <f t="shared" si="64"/>
        <v/>
      </c>
      <c r="CC349" s="487" t="str">
        <f t="shared" si="64"/>
        <v/>
      </c>
      <c r="CD349" s="487" t="str">
        <f t="shared" si="64"/>
        <v/>
      </c>
      <c r="CE349" s="487" t="str">
        <f t="shared" si="64"/>
        <v/>
      </c>
      <c r="CF349" s="487" t="str">
        <f t="shared" si="72"/>
        <v/>
      </c>
      <c r="CG349" s="487" t="str">
        <f t="shared" si="72"/>
        <v/>
      </c>
      <c r="CH349" s="487" t="str">
        <f t="shared" si="72"/>
        <v/>
      </c>
      <c r="CI349" s="487" t="str">
        <f t="shared" si="72"/>
        <v/>
      </c>
      <c r="CJ349" s="487" t="str">
        <f t="shared" si="72"/>
        <v/>
      </c>
      <c r="CK349" s="487" t="str">
        <f t="shared" si="72"/>
        <v/>
      </c>
      <c r="CL349" s="487" t="str">
        <f t="shared" si="65"/>
        <v/>
      </c>
      <c r="CM349" s="487"/>
      <c r="CN349" s="487"/>
      <c r="CO349" s="487"/>
      <c r="CP349" s="487"/>
      <c r="CQ349" s="487"/>
      <c r="CR349" s="487"/>
      <c r="CS349" s="487"/>
      <c r="CT349" s="487"/>
      <c r="CU349" s="487"/>
      <c r="CV349" s="487"/>
      <c r="CW349" s="487"/>
      <c r="CX349" s="487"/>
      <c r="CY349" s="487"/>
      <c r="CZ349" s="487"/>
      <c r="DA349" s="487"/>
      <c r="DB349" s="487"/>
      <c r="DC349" s="487"/>
      <c r="DD349" s="487"/>
      <c r="DE349" s="487"/>
      <c r="DF349" s="487"/>
      <c r="DG349" s="487"/>
      <c r="DH349" s="487"/>
      <c r="DI349" s="76"/>
      <c r="DJ349" s="76"/>
      <c r="DK349" s="504"/>
    </row>
    <row r="350" spans="1:115" ht="56.1" hidden="1" customHeight="1" x14ac:dyDescent="0.2">
      <c r="A350" s="499" t="s">
        <v>2494</v>
      </c>
      <c r="B350" s="483" t="s">
        <v>2495</v>
      </c>
      <c r="C350" s="481">
        <v>683</v>
      </c>
      <c r="D350" s="481"/>
      <c r="E350" s="481" t="s">
        <v>2481</v>
      </c>
      <c r="F350" s="482" t="s">
        <v>53</v>
      </c>
      <c r="G350" s="482" t="s">
        <v>655</v>
      </c>
      <c r="H350" s="500" t="s">
        <v>830</v>
      </c>
      <c r="I350" s="501" t="s">
        <v>842</v>
      </c>
      <c r="J350" s="501" t="s">
        <v>843</v>
      </c>
      <c r="K350" s="501"/>
      <c r="L350" s="77" t="s">
        <v>58</v>
      </c>
      <c r="M350" s="501" t="s">
        <v>833</v>
      </c>
      <c r="N350" s="501"/>
      <c r="O350" s="501" t="s">
        <v>81</v>
      </c>
      <c r="P350" s="77" t="s">
        <v>77</v>
      </c>
      <c r="Q350" s="77"/>
      <c r="R350" s="500" t="s">
        <v>834</v>
      </c>
      <c r="S350" s="76" t="s">
        <v>63</v>
      </c>
      <c r="T350" s="76" t="s">
        <v>63</v>
      </c>
      <c r="U350" s="502">
        <v>370629.1875</v>
      </c>
      <c r="V350" s="502"/>
      <c r="W350" s="494" t="s">
        <v>659</v>
      </c>
      <c r="X350" s="494"/>
      <c r="Y350" s="503">
        <f t="shared" si="70"/>
        <v>370629.1875</v>
      </c>
      <c r="Z350" s="76" t="s">
        <v>65</v>
      </c>
      <c r="AA350" s="487"/>
      <c r="AB350" s="487"/>
      <c r="AC350" s="487"/>
      <c r="AD350" s="487"/>
      <c r="AE350" s="487"/>
      <c r="AF350" s="487"/>
      <c r="AG350" s="487"/>
      <c r="AH350" s="487"/>
      <c r="AI350" s="487"/>
      <c r="AJ350" s="487"/>
      <c r="AK350" s="487"/>
      <c r="AL350" s="487"/>
      <c r="AM350" s="487"/>
      <c r="AN350" s="487"/>
      <c r="AO350" s="487"/>
      <c r="AP350" s="487"/>
      <c r="AQ350" s="76"/>
      <c r="AR350" s="487"/>
      <c r="AS350" s="487"/>
      <c r="AT350" s="487"/>
      <c r="AU350" s="76"/>
      <c r="AV350" s="487"/>
      <c r="AW350" s="487"/>
      <c r="AX350" s="487"/>
      <c r="AY350" s="76"/>
      <c r="AZ350" s="487"/>
      <c r="BA350" s="76"/>
      <c r="BB350" s="76"/>
      <c r="BC350" s="487"/>
      <c r="BD350" s="76"/>
      <c r="BE350" s="76"/>
      <c r="BF350" s="80">
        <f t="shared" si="67"/>
        <v>0</v>
      </c>
      <c r="BG350" s="76"/>
      <c r="BH350" s="487" t="str">
        <f t="shared" si="74"/>
        <v/>
      </c>
      <c r="BI350" s="487" t="str">
        <f t="shared" si="74"/>
        <v/>
      </c>
      <c r="BJ350" s="487" t="str">
        <f t="shared" si="74"/>
        <v/>
      </c>
      <c r="BK350" s="487" t="str">
        <f t="shared" si="73"/>
        <v/>
      </c>
      <c r="BL350" s="487" t="str">
        <f t="shared" si="73"/>
        <v/>
      </c>
      <c r="BM350" s="487" t="str">
        <f t="shared" si="73"/>
        <v/>
      </c>
      <c r="BN350" s="487" t="str">
        <f t="shared" si="73"/>
        <v/>
      </c>
      <c r="BO350" s="487" t="str">
        <f t="shared" si="73"/>
        <v/>
      </c>
      <c r="BP350" s="487" t="str">
        <f t="shared" si="73"/>
        <v/>
      </c>
      <c r="BQ350" s="487" t="str">
        <f t="shared" si="73"/>
        <v/>
      </c>
      <c r="BR350" s="487" t="str">
        <f t="shared" si="73"/>
        <v/>
      </c>
      <c r="BS350" s="487" t="str">
        <f t="shared" si="73"/>
        <v/>
      </c>
      <c r="BT350" s="487" t="str">
        <f t="shared" si="73"/>
        <v/>
      </c>
      <c r="BU350" s="487" t="str">
        <f t="shared" si="73"/>
        <v/>
      </c>
      <c r="BV350" s="487" t="str">
        <f t="shared" si="68"/>
        <v/>
      </c>
      <c r="BW350" s="487" t="str">
        <f t="shared" si="68"/>
        <v/>
      </c>
      <c r="BX350" s="487" t="str">
        <f t="shared" si="66"/>
        <v/>
      </c>
      <c r="BY350" s="487" t="str">
        <f t="shared" si="66"/>
        <v/>
      </c>
      <c r="BZ350" s="487" t="str">
        <f t="shared" si="66"/>
        <v/>
      </c>
      <c r="CA350" s="487" t="str">
        <f t="shared" si="64"/>
        <v/>
      </c>
      <c r="CB350" s="487" t="str">
        <f t="shared" si="64"/>
        <v/>
      </c>
      <c r="CC350" s="487" t="str">
        <f t="shared" si="64"/>
        <v/>
      </c>
      <c r="CD350" s="487" t="str">
        <f t="shared" si="64"/>
        <v/>
      </c>
      <c r="CE350" s="487" t="str">
        <f t="shared" si="64"/>
        <v/>
      </c>
      <c r="CF350" s="487" t="str">
        <f t="shared" si="72"/>
        <v/>
      </c>
      <c r="CG350" s="487" t="str">
        <f t="shared" si="72"/>
        <v/>
      </c>
      <c r="CH350" s="487" t="str">
        <f t="shared" si="72"/>
        <v/>
      </c>
      <c r="CI350" s="487" t="str">
        <f t="shared" si="72"/>
        <v/>
      </c>
      <c r="CJ350" s="487" t="str">
        <f t="shared" si="72"/>
        <v/>
      </c>
      <c r="CK350" s="487" t="str">
        <f t="shared" si="72"/>
        <v/>
      </c>
      <c r="CL350" s="487" t="str">
        <f t="shared" si="65"/>
        <v/>
      </c>
      <c r="CM350" s="487"/>
      <c r="CN350" s="487"/>
      <c r="CO350" s="487"/>
      <c r="CP350" s="487"/>
      <c r="CQ350" s="487"/>
      <c r="CR350" s="487"/>
      <c r="CS350" s="487"/>
      <c r="CT350" s="487"/>
      <c r="CU350" s="487"/>
      <c r="CV350" s="487"/>
      <c r="CW350" s="487"/>
      <c r="CX350" s="487"/>
      <c r="CY350" s="487"/>
      <c r="CZ350" s="487"/>
      <c r="DA350" s="487"/>
      <c r="DB350" s="487"/>
      <c r="DC350" s="487"/>
      <c r="DD350" s="487"/>
      <c r="DE350" s="487"/>
      <c r="DF350" s="487"/>
      <c r="DG350" s="487"/>
      <c r="DH350" s="487"/>
      <c r="DI350" s="76"/>
      <c r="DJ350" s="76"/>
      <c r="DK350" s="504"/>
    </row>
    <row r="351" spans="1:115" ht="56.1" hidden="1" customHeight="1" x14ac:dyDescent="0.2">
      <c r="A351" s="499" t="s">
        <v>2494</v>
      </c>
      <c r="B351" s="483" t="s">
        <v>2495</v>
      </c>
      <c r="C351" s="481">
        <v>685</v>
      </c>
      <c r="D351" s="481"/>
      <c r="E351" s="481" t="s">
        <v>2481</v>
      </c>
      <c r="F351" s="482" t="s">
        <v>53</v>
      </c>
      <c r="G351" s="482" t="s">
        <v>655</v>
      </c>
      <c r="H351" s="500" t="s">
        <v>830</v>
      </c>
      <c r="I351" s="501" t="s">
        <v>847</v>
      </c>
      <c r="J351" s="501" t="s">
        <v>848</v>
      </c>
      <c r="K351" s="501"/>
      <c r="L351" s="77" t="s">
        <v>58</v>
      </c>
      <c r="M351" s="501" t="s">
        <v>833</v>
      </c>
      <c r="N351" s="501"/>
      <c r="O351" s="501" t="s">
        <v>81</v>
      </c>
      <c r="P351" s="77" t="s">
        <v>77</v>
      </c>
      <c r="Q351" s="77"/>
      <c r="R351" s="500" t="s">
        <v>834</v>
      </c>
      <c r="S351" s="76" t="s">
        <v>63</v>
      </c>
      <c r="T351" s="76" t="s">
        <v>63</v>
      </c>
      <c r="U351" s="502">
        <v>370629.1875</v>
      </c>
      <c r="V351" s="502"/>
      <c r="W351" s="494" t="s">
        <v>659</v>
      </c>
      <c r="X351" s="494"/>
      <c r="Y351" s="503">
        <f t="shared" si="70"/>
        <v>370629.1875</v>
      </c>
      <c r="Z351" s="76" t="s">
        <v>65</v>
      </c>
      <c r="AA351" s="487"/>
      <c r="AB351" s="487"/>
      <c r="AC351" s="487"/>
      <c r="AD351" s="487"/>
      <c r="AE351" s="487"/>
      <c r="AF351" s="487"/>
      <c r="AG351" s="487"/>
      <c r="AH351" s="487"/>
      <c r="AI351" s="487"/>
      <c r="AJ351" s="487"/>
      <c r="AK351" s="487"/>
      <c r="AL351" s="487"/>
      <c r="AM351" s="487"/>
      <c r="AN351" s="487"/>
      <c r="AO351" s="487"/>
      <c r="AP351" s="487"/>
      <c r="AQ351" s="76"/>
      <c r="AR351" s="487"/>
      <c r="AS351" s="487"/>
      <c r="AT351" s="487"/>
      <c r="AU351" s="76"/>
      <c r="AV351" s="487"/>
      <c r="AW351" s="487"/>
      <c r="AX351" s="487"/>
      <c r="AY351" s="76"/>
      <c r="AZ351" s="487"/>
      <c r="BA351" s="76"/>
      <c r="BB351" s="76"/>
      <c r="BC351" s="487"/>
      <c r="BD351" s="76"/>
      <c r="BE351" s="76"/>
      <c r="BF351" s="80">
        <f t="shared" si="67"/>
        <v>0</v>
      </c>
      <c r="BG351" s="76"/>
      <c r="BH351" s="487" t="str">
        <f t="shared" si="74"/>
        <v/>
      </c>
      <c r="BI351" s="487" t="str">
        <f t="shared" si="74"/>
        <v/>
      </c>
      <c r="BJ351" s="487" t="str">
        <f t="shared" si="74"/>
        <v/>
      </c>
      <c r="BK351" s="487" t="str">
        <f t="shared" si="73"/>
        <v/>
      </c>
      <c r="BL351" s="487" t="str">
        <f t="shared" si="73"/>
        <v/>
      </c>
      <c r="BM351" s="487" t="str">
        <f t="shared" si="73"/>
        <v/>
      </c>
      <c r="BN351" s="487" t="str">
        <f t="shared" si="73"/>
        <v/>
      </c>
      <c r="BO351" s="487" t="str">
        <f t="shared" si="73"/>
        <v/>
      </c>
      <c r="BP351" s="487" t="str">
        <f t="shared" si="73"/>
        <v/>
      </c>
      <c r="BQ351" s="487" t="str">
        <f t="shared" si="73"/>
        <v/>
      </c>
      <c r="BR351" s="487" t="str">
        <f t="shared" si="73"/>
        <v/>
      </c>
      <c r="BS351" s="487" t="str">
        <f t="shared" si="73"/>
        <v/>
      </c>
      <c r="BT351" s="487" t="str">
        <f t="shared" si="73"/>
        <v/>
      </c>
      <c r="BU351" s="487" t="str">
        <f t="shared" si="73"/>
        <v/>
      </c>
      <c r="BV351" s="487" t="str">
        <f t="shared" si="68"/>
        <v/>
      </c>
      <c r="BW351" s="487" t="str">
        <f t="shared" si="68"/>
        <v/>
      </c>
      <c r="BX351" s="487" t="str">
        <f t="shared" si="66"/>
        <v/>
      </c>
      <c r="BY351" s="487" t="str">
        <f t="shared" si="66"/>
        <v/>
      </c>
      <c r="BZ351" s="487" t="str">
        <f t="shared" si="66"/>
        <v/>
      </c>
      <c r="CA351" s="487" t="str">
        <f t="shared" si="64"/>
        <v/>
      </c>
      <c r="CB351" s="487" t="str">
        <f t="shared" si="64"/>
        <v/>
      </c>
      <c r="CC351" s="487" t="str">
        <f t="shared" si="64"/>
        <v/>
      </c>
      <c r="CD351" s="487" t="str">
        <f t="shared" si="64"/>
        <v/>
      </c>
      <c r="CE351" s="487" t="str">
        <f t="shared" si="64"/>
        <v/>
      </c>
      <c r="CF351" s="487" t="str">
        <f t="shared" si="72"/>
        <v/>
      </c>
      <c r="CG351" s="487" t="str">
        <f t="shared" si="72"/>
        <v/>
      </c>
      <c r="CH351" s="487" t="str">
        <f t="shared" si="72"/>
        <v/>
      </c>
      <c r="CI351" s="487" t="str">
        <f t="shared" si="72"/>
        <v/>
      </c>
      <c r="CJ351" s="487" t="str">
        <f t="shared" si="72"/>
        <v/>
      </c>
      <c r="CK351" s="487" t="str">
        <f t="shared" si="72"/>
        <v/>
      </c>
      <c r="CL351" s="487" t="str">
        <f t="shared" si="65"/>
        <v/>
      </c>
      <c r="CM351" s="487"/>
      <c r="CN351" s="487"/>
      <c r="CO351" s="487"/>
      <c r="CP351" s="487"/>
      <c r="CQ351" s="487"/>
      <c r="CR351" s="487"/>
      <c r="CS351" s="487"/>
      <c r="CT351" s="487"/>
      <c r="CU351" s="487"/>
      <c r="CV351" s="487"/>
      <c r="CW351" s="487"/>
      <c r="CX351" s="487"/>
      <c r="CY351" s="487"/>
      <c r="CZ351" s="487"/>
      <c r="DA351" s="487"/>
      <c r="DB351" s="487"/>
      <c r="DC351" s="487"/>
      <c r="DD351" s="487"/>
      <c r="DE351" s="487"/>
      <c r="DF351" s="487"/>
      <c r="DG351" s="487"/>
      <c r="DH351" s="487"/>
      <c r="DI351" s="76"/>
      <c r="DJ351" s="76"/>
      <c r="DK351" s="504"/>
    </row>
    <row r="352" spans="1:115" ht="56.1" hidden="1" customHeight="1" x14ac:dyDescent="0.2">
      <c r="A352" s="499" t="s">
        <v>2494</v>
      </c>
      <c r="B352" s="483" t="s">
        <v>2495</v>
      </c>
      <c r="C352" s="481">
        <v>686</v>
      </c>
      <c r="D352" s="481"/>
      <c r="E352" s="481" t="s">
        <v>2481</v>
      </c>
      <c r="F352" s="482" t="s">
        <v>53</v>
      </c>
      <c r="G352" s="482" t="s">
        <v>655</v>
      </c>
      <c r="H352" s="500" t="s">
        <v>830</v>
      </c>
      <c r="I352" s="501" t="s">
        <v>849</v>
      </c>
      <c r="J352" s="501" t="s">
        <v>850</v>
      </c>
      <c r="K352" s="501"/>
      <c r="L352" s="77" t="s">
        <v>58</v>
      </c>
      <c r="M352" s="501" t="s">
        <v>833</v>
      </c>
      <c r="N352" s="501"/>
      <c r="O352" s="501" t="s">
        <v>81</v>
      </c>
      <c r="P352" s="77" t="s">
        <v>77</v>
      </c>
      <c r="Q352" s="77"/>
      <c r="R352" s="500" t="s">
        <v>834</v>
      </c>
      <c r="S352" s="76" t="s">
        <v>63</v>
      </c>
      <c r="T352" s="76" t="s">
        <v>63</v>
      </c>
      <c r="U352" s="502">
        <v>370629.1875</v>
      </c>
      <c r="V352" s="502"/>
      <c r="W352" s="494" t="s">
        <v>659</v>
      </c>
      <c r="X352" s="494"/>
      <c r="Y352" s="503">
        <f t="shared" si="70"/>
        <v>370629.1875</v>
      </c>
      <c r="Z352" s="76" t="s">
        <v>65</v>
      </c>
      <c r="AA352" s="487"/>
      <c r="AB352" s="487"/>
      <c r="AC352" s="487"/>
      <c r="AD352" s="487"/>
      <c r="AE352" s="487"/>
      <c r="AF352" s="487"/>
      <c r="AG352" s="487"/>
      <c r="AH352" s="487"/>
      <c r="AI352" s="487"/>
      <c r="AJ352" s="487"/>
      <c r="AK352" s="487"/>
      <c r="AL352" s="487"/>
      <c r="AM352" s="487"/>
      <c r="AN352" s="487"/>
      <c r="AO352" s="487"/>
      <c r="AP352" s="487"/>
      <c r="AQ352" s="76"/>
      <c r="AR352" s="487"/>
      <c r="AS352" s="487"/>
      <c r="AT352" s="487"/>
      <c r="AU352" s="76"/>
      <c r="AV352" s="487"/>
      <c r="AW352" s="487"/>
      <c r="AX352" s="487"/>
      <c r="AY352" s="76"/>
      <c r="AZ352" s="487"/>
      <c r="BA352" s="76"/>
      <c r="BB352" s="76"/>
      <c r="BC352" s="487"/>
      <c r="BD352" s="76"/>
      <c r="BE352" s="76"/>
      <c r="BF352" s="80">
        <f t="shared" si="67"/>
        <v>0</v>
      </c>
      <c r="BG352" s="76"/>
      <c r="BH352" s="487" t="str">
        <f t="shared" si="74"/>
        <v/>
      </c>
      <c r="BI352" s="487" t="str">
        <f t="shared" si="74"/>
        <v/>
      </c>
      <c r="BJ352" s="487" t="str">
        <f t="shared" si="74"/>
        <v/>
      </c>
      <c r="BK352" s="487" t="str">
        <f t="shared" si="73"/>
        <v/>
      </c>
      <c r="BL352" s="487" t="str">
        <f t="shared" si="73"/>
        <v/>
      </c>
      <c r="BM352" s="487" t="str">
        <f t="shared" si="73"/>
        <v/>
      </c>
      <c r="BN352" s="487" t="str">
        <f t="shared" si="73"/>
        <v/>
      </c>
      <c r="BO352" s="487" t="str">
        <f t="shared" si="73"/>
        <v/>
      </c>
      <c r="BP352" s="487" t="str">
        <f t="shared" si="73"/>
        <v/>
      </c>
      <c r="BQ352" s="487" t="str">
        <f t="shared" si="73"/>
        <v/>
      </c>
      <c r="BR352" s="487" t="str">
        <f t="shared" si="73"/>
        <v/>
      </c>
      <c r="BS352" s="487" t="str">
        <f t="shared" si="73"/>
        <v/>
      </c>
      <c r="BT352" s="487" t="str">
        <f t="shared" si="73"/>
        <v/>
      </c>
      <c r="BU352" s="487" t="str">
        <f t="shared" si="73"/>
        <v/>
      </c>
      <c r="BV352" s="487" t="str">
        <f t="shared" si="68"/>
        <v/>
      </c>
      <c r="BW352" s="487" t="str">
        <f t="shared" si="68"/>
        <v/>
      </c>
      <c r="BX352" s="487" t="str">
        <f t="shared" si="66"/>
        <v/>
      </c>
      <c r="BY352" s="487" t="str">
        <f t="shared" si="66"/>
        <v/>
      </c>
      <c r="BZ352" s="487" t="str">
        <f t="shared" si="66"/>
        <v/>
      </c>
      <c r="CA352" s="487" t="str">
        <f t="shared" si="64"/>
        <v/>
      </c>
      <c r="CB352" s="487" t="str">
        <f t="shared" si="64"/>
        <v/>
      </c>
      <c r="CC352" s="487" t="str">
        <f t="shared" si="64"/>
        <v/>
      </c>
      <c r="CD352" s="487" t="str">
        <f t="shared" si="64"/>
        <v/>
      </c>
      <c r="CE352" s="487" t="str">
        <f t="shared" si="64"/>
        <v/>
      </c>
      <c r="CF352" s="487" t="str">
        <f t="shared" si="72"/>
        <v/>
      </c>
      <c r="CG352" s="487" t="str">
        <f t="shared" si="72"/>
        <v/>
      </c>
      <c r="CH352" s="487" t="str">
        <f t="shared" si="72"/>
        <v/>
      </c>
      <c r="CI352" s="487" t="str">
        <f t="shared" si="72"/>
        <v/>
      </c>
      <c r="CJ352" s="487" t="str">
        <f t="shared" si="72"/>
        <v/>
      </c>
      <c r="CK352" s="487" t="str">
        <f t="shared" si="72"/>
        <v/>
      </c>
      <c r="CL352" s="487" t="str">
        <f t="shared" si="65"/>
        <v/>
      </c>
      <c r="CM352" s="487"/>
      <c r="CN352" s="487"/>
      <c r="CO352" s="487"/>
      <c r="CP352" s="487"/>
      <c r="CQ352" s="487"/>
      <c r="CR352" s="487"/>
      <c r="CS352" s="487"/>
      <c r="CT352" s="487"/>
      <c r="CU352" s="487"/>
      <c r="CV352" s="487"/>
      <c r="CW352" s="487"/>
      <c r="CX352" s="487"/>
      <c r="CY352" s="487"/>
      <c r="CZ352" s="487"/>
      <c r="DA352" s="487"/>
      <c r="DB352" s="487"/>
      <c r="DC352" s="487"/>
      <c r="DD352" s="487"/>
      <c r="DE352" s="487"/>
      <c r="DF352" s="487"/>
      <c r="DG352" s="487"/>
      <c r="DH352" s="487"/>
      <c r="DI352" s="76"/>
      <c r="DJ352" s="76"/>
      <c r="DK352" s="504"/>
    </row>
    <row r="353" spans="1:115" ht="56.1" hidden="1" customHeight="1" x14ac:dyDescent="0.2">
      <c r="A353" s="499" t="s">
        <v>2494</v>
      </c>
      <c r="B353" s="483" t="s">
        <v>2495</v>
      </c>
      <c r="C353" s="481">
        <v>691</v>
      </c>
      <c r="D353" s="481"/>
      <c r="E353" s="481" t="s">
        <v>2481</v>
      </c>
      <c r="F353" s="482" t="s">
        <v>53</v>
      </c>
      <c r="G353" s="482" t="s">
        <v>655</v>
      </c>
      <c r="H353" s="500" t="s">
        <v>830</v>
      </c>
      <c r="I353" s="501" t="s">
        <v>862</v>
      </c>
      <c r="J353" s="501" t="s">
        <v>863</v>
      </c>
      <c r="K353" s="501"/>
      <c r="L353" s="77" t="s">
        <v>58</v>
      </c>
      <c r="M353" s="501" t="s">
        <v>833</v>
      </c>
      <c r="N353" s="501"/>
      <c r="O353" s="501" t="s">
        <v>81</v>
      </c>
      <c r="P353" s="77" t="s">
        <v>77</v>
      </c>
      <c r="Q353" s="77"/>
      <c r="R353" s="500" t="s">
        <v>834</v>
      </c>
      <c r="S353" s="76" t="s">
        <v>63</v>
      </c>
      <c r="T353" s="76" t="s">
        <v>63</v>
      </c>
      <c r="U353" s="502">
        <v>370629.1875</v>
      </c>
      <c r="V353" s="502"/>
      <c r="W353" s="494" t="s">
        <v>659</v>
      </c>
      <c r="X353" s="494"/>
      <c r="Y353" s="503">
        <f t="shared" si="70"/>
        <v>370629.1875</v>
      </c>
      <c r="Z353" s="76" t="s">
        <v>65</v>
      </c>
      <c r="AA353" s="487"/>
      <c r="AB353" s="487"/>
      <c r="AC353" s="487"/>
      <c r="AD353" s="487"/>
      <c r="AE353" s="487"/>
      <c r="AF353" s="487"/>
      <c r="AG353" s="487"/>
      <c r="AH353" s="487"/>
      <c r="AI353" s="487"/>
      <c r="AJ353" s="487"/>
      <c r="AK353" s="487"/>
      <c r="AL353" s="487"/>
      <c r="AM353" s="487"/>
      <c r="AN353" s="487"/>
      <c r="AO353" s="487"/>
      <c r="AP353" s="487"/>
      <c r="AQ353" s="76"/>
      <c r="AR353" s="487"/>
      <c r="AS353" s="487"/>
      <c r="AT353" s="487"/>
      <c r="AU353" s="76"/>
      <c r="AV353" s="487"/>
      <c r="AW353" s="487"/>
      <c r="AX353" s="487"/>
      <c r="AY353" s="76"/>
      <c r="AZ353" s="487"/>
      <c r="BA353" s="76"/>
      <c r="BB353" s="76"/>
      <c r="BC353" s="487"/>
      <c r="BD353" s="76"/>
      <c r="BE353" s="76"/>
      <c r="BF353" s="80">
        <f t="shared" si="67"/>
        <v>0</v>
      </c>
      <c r="BG353" s="76"/>
      <c r="BH353" s="487" t="str">
        <f t="shared" si="74"/>
        <v/>
      </c>
      <c r="BI353" s="487" t="str">
        <f t="shared" si="74"/>
        <v/>
      </c>
      <c r="BJ353" s="487" t="str">
        <f t="shared" si="74"/>
        <v/>
      </c>
      <c r="BK353" s="487" t="str">
        <f t="shared" si="73"/>
        <v/>
      </c>
      <c r="BL353" s="487" t="str">
        <f t="shared" si="73"/>
        <v/>
      </c>
      <c r="BM353" s="487" t="str">
        <f t="shared" si="73"/>
        <v/>
      </c>
      <c r="BN353" s="487" t="str">
        <f t="shared" si="73"/>
        <v/>
      </c>
      <c r="BO353" s="487" t="str">
        <f t="shared" si="73"/>
        <v/>
      </c>
      <c r="BP353" s="487" t="str">
        <f t="shared" si="73"/>
        <v/>
      </c>
      <c r="BQ353" s="487" t="str">
        <f t="shared" si="73"/>
        <v/>
      </c>
      <c r="BR353" s="487" t="str">
        <f t="shared" si="73"/>
        <v/>
      </c>
      <c r="BS353" s="487" t="str">
        <f t="shared" si="73"/>
        <v/>
      </c>
      <c r="BT353" s="487" t="str">
        <f t="shared" si="73"/>
        <v/>
      </c>
      <c r="BU353" s="487" t="str">
        <f t="shared" si="73"/>
        <v/>
      </c>
      <c r="BV353" s="487" t="str">
        <f t="shared" si="68"/>
        <v/>
      </c>
      <c r="BW353" s="487" t="str">
        <f t="shared" si="68"/>
        <v/>
      </c>
      <c r="BX353" s="487" t="str">
        <f t="shared" si="66"/>
        <v/>
      </c>
      <c r="BY353" s="487" t="str">
        <f t="shared" si="66"/>
        <v/>
      </c>
      <c r="BZ353" s="487" t="str">
        <f t="shared" si="66"/>
        <v/>
      </c>
      <c r="CA353" s="487" t="str">
        <f t="shared" si="64"/>
        <v/>
      </c>
      <c r="CB353" s="487" t="str">
        <f t="shared" si="64"/>
        <v/>
      </c>
      <c r="CC353" s="487" t="str">
        <f t="shared" si="64"/>
        <v/>
      </c>
      <c r="CD353" s="487" t="str">
        <f t="shared" si="64"/>
        <v/>
      </c>
      <c r="CE353" s="487" t="str">
        <f t="shared" si="64"/>
        <v/>
      </c>
      <c r="CF353" s="487" t="str">
        <f t="shared" si="72"/>
        <v/>
      </c>
      <c r="CG353" s="487" t="str">
        <f t="shared" si="72"/>
        <v/>
      </c>
      <c r="CH353" s="487" t="str">
        <f t="shared" si="72"/>
        <v/>
      </c>
      <c r="CI353" s="487" t="str">
        <f t="shared" si="72"/>
        <v/>
      </c>
      <c r="CJ353" s="487" t="str">
        <f t="shared" si="72"/>
        <v/>
      </c>
      <c r="CK353" s="487" t="str">
        <f t="shared" si="72"/>
        <v/>
      </c>
      <c r="CL353" s="487" t="str">
        <f t="shared" si="65"/>
        <v/>
      </c>
      <c r="CM353" s="487"/>
      <c r="CN353" s="487"/>
      <c r="CO353" s="487"/>
      <c r="CP353" s="487"/>
      <c r="CQ353" s="487"/>
      <c r="CR353" s="487"/>
      <c r="CS353" s="487"/>
      <c r="CT353" s="487"/>
      <c r="CU353" s="487"/>
      <c r="CV353" s="487"/>
      <c r="CW353" s="487"/>
      <c r="CX353" s="487"/>
      <c r="CY353" s="487"/>
      <c r="CZ353" s="487"/>
      <c r="DA353" s="487"/>
      <c r="DB353" s="487"/>
      <c r="DC353" s="487"/>
      <c r="DD353" s="487"/>
      <c r="DE353" s="487"/>
      <c r="DF353" s="487"/>
      <c r="DG353" s="487"/>
      <c r="DH353" s="487"/>
      <c r="DI353" s="76"/>
      <c r="DJ353" s="76"/>
      <c r="DK353" s="504"/>
    </row>
    <row r="354" spans="1:115" ht="56.1" hidden="1" customHeight="1" x14ac:dyDescent="0.2">
      <c r="A354" s="499" t="s">
        <v>2494</v>
      </c>
      <c r="B354" s="483" t="s">
        <v>2495</v>
      </c>
      <c r="C354" s="481">
        <v>693</v>
      </c>
      <c r="D354" s="481"/>
      <c r="E354" s="481" t="s">
        <v>2481</v>
      </c>
      <c r="F354" s="482" t="s">
        <v>869</v>
      </c>
      <c r="G354" s="482" t="s">
        <v>655</v>
      </c>
      <c r="H354" s="500" t="s">
        <v>870</v>
      </c>
      <c r="I354" s="501" t="s">
        <v>871</v>
      </c>
      <c r="J354" s="501" t="s">
        <v>872</v>
      </c>
      <c r="K354" s="501"/>
      <c r="L354" s="77" t="s">
        <v>58</v>
      </c>
      <c r="M354" s="501" t="s">
        <v>833</v>
      </c>
      <c r="N354" s="501"/>
      <c r="O354" s="501" t="s">
        <v>81</v>
      </c>
      <c r="P354" s="77" t="s">
        <v>77</v>
      </c>
      <c r="Q354" s="77"/>
      <c r="R354" s="500" t="s">
        <v>868</v>
      </c>
      <c r="S354" s="76" t="s">
        <v>63</v>
      </c>
      <c r="T354" s="76" t="s">
        <v>63</v>
      </c>
      <c r="U354" s="502">
        <v>40080.247349999998</v>
      </c>
      <c r="V354" s="502"/>
      <c r="W354" s="494" t="s">
        <v>659</v>
      </c>
      <c r="X354" s="494"/>
      <c r="Y354" s="503">
        <f t="shared" si="70"/>
        <v>40080.247349999998</v>
      </c>
      <c r="Z354" s="76" t="s">
        <v>65</v>
      </c>
      <c r="AA354" s="76"/>
      <c r="AB354" s="76"/>
      <c r="AC354" s="76"/>
      <c r="AD354" s="76"/>
      <c r="AE354" s="76"/>
      <c r="AF354" s="76"/>
      <c r="AG354" s="76"/>
      <c r="AH354" s="76"/>
      <c r="AI354" s="76"/>
      <c r="AJ354" s="76"/>
      <c r="AK354" s="76"/>
      <c r="AL354" s="76"/>
      <c r="AM354" s="76"/>
      <c r="AN354" s="76"/>
      <c r="AO354" s="76"/>
      <c r="AP354" s="76"/>
      <c r="AQ354" s="76"/>
      <c r="AR354" s="76"/>
      <c r="AS354" s="76"/>
      <c r="AT354" s="76"/>
      <c r="AU354" s="76"/>
      <c r="AV354" s="76"/>
      <c r="AW354" s="76"/>
      <c r="AX354" s="76"/>
      <c r="AY354" s="76"/>
      <c r="AZ354" s="76"/>
      <c r="BA354" s="76"/>
      <c r="BB354" s="76"/>
      <c r="BC354" s="76"/>
      <c r="BD354" s="76"/>
      <c r="BE354" s="76"/>
      <c r="BF354" s="80">
        <f t="shared" si="67"/>
        <v>0</v>
      </c>
      <c r="BG354" s="76"/>
      <c r="BH354" s="487" t="str">
        <f t="shared" si="74"/>
        <v/>
      </c>
      <c r="BI354" s="487" t="str">
        <f t="shared" si="74"/>
        <v/>
      </c>
      <c r="BJ354" s="487" t="str">
        <f t="shared" si="74"/>
        <v/>
      </c>
      <c r="BK354" s="487" t="str">
        <f t="shared" si="73"/>
        <v/>
      </c>
      <c r="BL354" s="487" t="str">
        <f t="shared" si="73"/>
        <v/>
      </c>
      <c r="BM354" s="487" t="str">
        <f t="shared" si="73"/>
        <v/>
      </c>
      <c r="BN354" s="487" t="str">
        <f t="shared" si="73"/>
        <v/>
      </c>
      <c r="BO354" s="487" t="str">
        <f t="shared" si="73"/>
        <v/>
      </c>
      <c r="BP354" s="487" t="str">
        <f t="shared" si="73"/>
        <v/>
      </c>
      <c r="BQ354" s="487" t="str">
        <f t="shared" si="73"/>
        <v/>
      </c>
      <c r="BR354" s="487" t="str">
        <f t="shared" si="73"/>
        <v/>
      </c>
      <c r="BS354" s="487" t="str">
        <f t="shared" si="73"/>
        <v/>
      </c>
      <c r="BT354" s="487" t="str">
        <f t="shared" si="73"/>
        <v/>
      </c>
      <c r="BU354" s="487" t="str">
        <f t="shared" si="73"/>
        <v/>
      </c>
      <c r="BV354" s="487" t="str">
        <f t="shared" si="73"/>
        <v/>
      </c>
      <c r="BW354" s="487" t="str">
        <f t="shared" si="73"/>
        <v/>
      </c>
      <c r="BX354" s="487" t="str">
        <f t="shared" si="66"/>
        <v/>
      </c>
      <c r="BY354" s="487" t="str">
        <f t="shared" si="66"/>
        <v/>
      </c>
      <c r="BZ354" s="487" t="str">
        <f t="shared" si="66"/>
        <v/>
      </c>
      <c r="CA354" s="487" t="str">
        <f t="shared" si="64"/>
        <v/>
      </c>
      <c r="CB354" s="487" t="str">
        <f t="shared" si="64"/>
        <v/>
      </c>
      <c r="CC354" s="487" t="str">
        <f t="shared" si="64"/>
        <v/>
      </c>
      <c r="CD354" s="487" t="str">
        <f t="shared" si="64"/>
        <v/>
      </c>
      <c r="CE354" s="487" t="str">
        <f t="shared" si="64"/>
        <v/>
      </c>
      <c r="CF354" s="487" t="str">
        <f t="shared" si="72"/>
        <v/>
      </c>
      <c r="CG354" s="487" t="str">
        <f t="shared" si="72"/>
        <v/>
      </c>
      <c r="CH354" s="487" t="str">
        <f t="shared" si="72"/>
        <v/>
      </c>
      <c r="CI354" s="487" t="str">
        <f t="shared" si="72"/>
        <v/>
      </c>
      <c r="CJ354" s="487" t="str">
        <f t="shared" si="72"/>
        <v/>
      </c>
      <c r="CK354" s="487" t="str">
        <f t="shared" si="72"/>
        <v/>
      </c>
      <c r="CL354" s="487" t="str">
        <f t="shared" si="65"/>
        <v/>
      </c>
      <c r="CM354" s="487"/>
      <c r="CN354" s="487"/>
      <c r="CO354" s="487"/>
      <c r="CP354" s="487"/>
      <c r="CQ354" s="487"/>
      <c r="CR354" s="487"/>
      <c r="CS354" s="487"/>
      <c r="CT354" s="487"/>
      <c r="CU354" s="487"/>
      <c r="CV354" s="487"/>
      <c r="CW354" s="487"/>
      <c r="CX354" s="487"/>
      <c r="CY354" s="487"/>
      <c r="CZ354" s="487"/>
      <c r="DA354" s="487"/>
      <c r="DB354" s="487"/>
      <c r="DC354" s="487"/>
      <c r="DD354" s="487"/>
      <c r="DE354" s="487"/>
      <c r="DF354" s="487"/>
      <c r="DG354" s="487"/>
      <c r="DH354" s="487"/>
      <c r="DI354" s="76"/>
      <c r="DJ354" s="76"/>
      <c r="DK354" s="504"/>
    </row>
    <row r="355" spans="1:115" ht="56.1" hidden="1" customHeight="1" x14ac:dyDescent="0.2">
      <c r="A355" s="499" t="s">
        <v>2494</v>
      </c>
      <c r="B355" s="483" t="s">
        <v>2495</v>
      </c>
      <c r="C355" s="481">
        <v>694</v>
      </c>
      <c r="D355" s="481"/>
      <c r="E355" s="481" t="s">
        <v>2481</v>
      </c>
      <c r="F355" s="482" t="s">
        <v>53</v>
      </c>
      <c r="G355" s="482" t="s">
        <v>655</v>
      </c>
      <c r="H355" s="500" t="s">
        <v>870</v>
      </c>
      <c r="I355" s="501" t="s">
        <v>873</v>
      </c>
      <c r="J355" s="501" t="s">
        <v>874</v>
      </c>
      <c r="K355" s="501"/>
      <c r="L355" s="77" t="s">
        <v>58</v>
      </c>
      <c r="M355" s="501" t="s">
        <v>833</v>
      </c>
      <c r="N355" s="501"/>
      <c r="O355" s="501" t="s">
        <v>81</v>
      </c>
      <c r="P355" s="77" t="s">
        <v>77</v>
      </c>
      <c r="Q355" s="77"/>
      <c r="R355" s="501" t="s">
        <v>868</v>
      </c>
      <c r="S355" s="76" t="s">
        <v>63</v>
      </c>
      <c r="T355" s="76" t="s">
        <v>63</v>
      </c>
      <c r="U355" s="502">
        <v>44337.52895</v>
      </c>
      <c r="V355" s="502"/>
      <c r="W355" s="494" t="s">
        <v>659</v>
      </c>
      <c r="X355" s="494"/>
      <c r="Y355" s="503">
        <f t="shared" si="70"/>
        <v>44337.52895</v>
      </c>
      <c r="Z355" s="76" t="s">
        <v>65</v>
      </c>
      <c r="AA355" s="487"/>
      <c r="AB355" s="487"/>
      <c r="AC355" s="487"/>
      <c r="AD355" s="487"/>
      <c r="AE355" s="487"/>
      <c r="AF355" s="487"/>
      <c r="AG355" s="487"/>
      <c r="AH355" s="487"/>
      <c r="AI355" s="487"/>
      <c r="AJ355" s="487"/>
      <c r="AK355" s="487"/>
      <c r="AL355" s="487"/>
      <c r="AM355" s="487"/>
      <c r="AN355" s="487"/>
      <c r="AO355" s="487"/>
      <c r="AP355" s="487"/>
      <c r="AQ355" s="76"/>
      <c r="AR355" s="487"/>
      <c r="AS355" s="487"/>
      <c r="AT355" s="487"/>
      <c r="AU355" s="76"/>
      <c r="AV355" s="487"/>
      <c r="AW355" s="487"/>
      <c r="AX355" s="487"/>
      <c r="AY355" s="76"/>
      <c r="AZ355" s="487"/>
      <c r="BA355" s="76"/>
      <c r="BB355" s="76"/>
      <c r="BC355" s="487"/>
      <c r="BD355" s="76"/>
      <c r="BE355" s="76"/>
      <c r="BF355" s="80">
        <f t="shared" si="67"/>
        <v>0</v>
      </c>
      <c r="BG355" s="76"/>
      <c r="BH355" s="487" t="str">
        <f t="shared" si="74"/>
        <v/>
      </c>
      <c r="BI355" s="487" t="str">
        <f t="shared" si="74"/>
        <v/>
      </c>
      <c r="BJ355" s="487" t="str">
        <f t="shared" si="74"/>
        <v/>
      </c>
      <c r="BK355" s="487" t="str">
        <f t="shared" si="73"/>
        <v/>
      </c>
      <c r="BL355" s="487" t="str">
        <f t="shared" si="73"/>
        <v/>
      </c>
      <c r="BM355" s="487" t="str">
        <f t="shared" si="73"/>
        <v/>
      </c>
      <c r="BN355" s="487" t="str">
        <f t="shared" si="73"/>
        <v/>
      </c>
      <c r="BO355" s="487" t="str">
        <f t="shared" si="73"/>
        <v/>
      </c>
      <c r="BP355" s="487" t="str">
        <f t="shared" si="73"/>
        <v/>
      </c>
      <c r="BQ355" s="487" t="str">
        <f t="shared" si="73"/>
        <v/>
      </c>
      <c r="BR355" s="487" t="str">
        <f t="shared" si="73"/>
        <v/>
      </c>
      <c r="BS355" s="487" t="str">
        <f t="shared" si="73"/>
        <v/>
      </c>
      <c r="BT355" s="487" t="str">
        <f t="shared" si="73"/>
        <v/>
      </c>
      <c r="BU355" s="487" t="str">
        <f t="shared" si="73"/>
        <v/>
      </c>
      <c r="BV355" s="487" t="str">
        <f t="shared" si="73"/>
        <v/>
      </c>
      <c r="BW355" s="487" t="str">
        <f t="shared" si="73"/>
        <v/>
      </c>
      <c r="BX355" s="487" t="str">
        <f t="shared" si="66"/>
        <v/>
      </c>
      <c r="BY355" s="487" t="str">
        <f t="shared" si="66"/>
        <v/>
      </c>
      <c r="BZ355" s="487" t="str">
        <f t="shared" si="66"/>
        <v/>
      </c>
      <c r="CA355" s="487" t="str">
        <f t="shared" si="64"/>
        <v/>
      </c>
      <c r="CB355" s="487" t="str">
        <f t="shared" si="64"/>
        <v/>
      </c>
      <c r="CC355" s="487" t="str">
        <f t="shared" si="64"/>
        <v/>
      </c>
      <c r="CD355" s="487" t="str">
        <f t="shared" si="64"/>
        <v/>
      </c>
      <c r="CE355" s="487" t="str">
        <f t="shared" si="64"/>
        <v/>
      </c>
      <c r="CF355" s="487" t="str">
        <f t="shared" si="72"/>
        <v/>
      </c>
      <c r="CG355" s="487" t="str">
        <f t="shared" si="72"/>
        <v/>
      </c>
      <c r="CH355" s="487" t="str">
        <f t="shared" si="72"/>
        <v/>
      </c>
      <c r="CI355" s="487" t="str">
        <f t="shared" si="72"/>
        <v/>
      </c>
      <c r="CJ355" s="487" t="str">
        <f t="shared" si="72"/>
        <v/>
      </c>
      <c r="CK355" s="487" t="str">
        <f t="shared" si="72"/>
        <v/>
      </c>
      <c r="CL355" s="487" t="str">
        <f t="shared" si="65"/>
        <v/>
      </c>
      <c r="CM355" s="487"/>
      <c r="CN355" s="487"/>
      <c r="CO355" s="487"/>
      <c r="CP355" s="487"/>
      <c r="CQ355" s="487"/>
      <c r="CR355" s="487"/>
      <c r="CS355" s="487"/>
      <c r="CT355" s="487"/>
      <c r="CU355" s="487"/>
      <c r="CV355" s="487"/>
      <c r="CW355" s="487"/>
      <c r="CX355" s="487"/>
      <c r="CY355" s="487"/>
      <c r="CZ355" s="487"/>
      <c r="DA355" s="487"/>
      <c r="DB355" s="487"/>
      <c r="DC355" s="487"/>
      <c r="DD355" s="487"/>
      <c r="DE355" s="487"/>
      <c r="DF355" s="487"/>
      <c r="DG355" s="487"/>
      <c r="DH355" s="487"/>
      <c r="DI355" s="76"/>
      <c r="DJ355" s="76"/>
      <c r="DK355" s="504"/>
    </row>
    <row r="356" spans="1:115" ht="56.1" hidden="1" customHeight="1" x14ac:dyDescent="0.2">
      <c r="A356" s="499" t="s">
        <v>2494</v>
      </c>
      <c r="B356" s="483" t="s">
        <v>2495</v>
      </c>
      <c r="C356" s="481">
        <v>695</v>
      </c>
      <c r="D356" s="481"/>
      <c r="E356" s="481" t="s">
        <v>2481</v>
      </c>
      <c r="F356" s="482" t="s">
        <v>53</v>
      </c>
      <c r="G356" s="482" t="s">
        <v>655</v>
      </c>
      <c r="H356" s="500" t="s">
        <v>870</v>
      </c>
      <c r="I356" s="501" t="s">
        <v>875</v>
      </c>
      <c r="J356" s="501" t="s">
        <v>876</v>
      </c>
      <c r="K356" s="501"/>
      <c r="L356" s="77" t="s">
        <v>58</v>
      </c>
      <c r="M356" s="501" t="s">
        <v>833</v>
      </c>
      <c r="N356" s="501"/>
      <c r="O356" s="501" t="s">
        <v>81</v>
      </c>
      <c r="P356" s="77" t="s">
        <v>77</v>
      </c>
      <c r="Q356" s="77"/>
      <c r="R356" s="501" t="s">
        <v>834</v>
      </c>
      <c r="S356" s="76" t="s">
        <v>63</v>
      </c>
      <c r="T356" s="76" t="s">
        <v>63</v>
      </c>
      <c r="U356" s="502">
        <v>71266.216450000007</v>
      </c>
      <c r="V356" s="502"/>
      <c r="W356" s="494" t="s">
        <v>659</v>
      </c>
      <c r="X356" s="494"/>
      <c r="Y356" s="503">
        <f t="shared" si="70"/>
        <v>71266.216450000007</v>
      </c>
      <c r="Z356" s="76" t="s">
        <v>65</v>
      </c>
      <c r="AA356" s="487"/>
      <c r="AB356" s="487"/>
      <c r="AC356" s="487"/>
      <c r="AD356" s="487"/>
      <c r="AE356" s="487"/>
      <c r="AF356" s="487"/>
      <c r="AG356" s="487"/>
      <c r="AH356" s="487"/>
      <c r="AI356" s="487"/>
      <c r="AJ356" s="487"/>
      <c r="AK356" s="487"/>
      <c r="AL356" s="487"/>
      <c r="AM356" s="487"/>
      <c r="AN356" s="487"/>
      <c r="AO356" s="487"/>
      <c r="AP356" s="487"/>
      <c r="AQ356" s="76"/>
      <c r="AR356" s="487"/>
      <c r="AS356" s="487"/>
      <c r="AT356" s="487"/>
      <c r="AU356" s="76"/>
      <c r="AV356" s="487"/>
      <c r="AW356" s="487"/>
      <c r="AX356" s="487"/>
      <c r="AY356" s="76"/>
      <c r="AZ356" s="487"/>
      <c r="BA356" s="76"/>
      <c r="BB356" s="76"/>
      <c r="BC356" s="487"/>
      <c r="BD356" s="76"/>
      <c r="BE356" s="76"/>
      <c r="BF356" s="80">
        <f t="shared" si="67"/>
        <v>0</v>
      </c>
      <c r="BG356" s="76"/>
      <c r="BH356" s="487" t="str">
        <f t="shared" si="74"/>
        <v/>
      </c>
      <c r="BI356" s="487" t="str">
        <f t="shared" si="74"/>
        <v/>
      </c>
      <c r="BJ356" s="487" t="str">
        <f t="shared" si="74"/>
        <v/>
      </c>
      <c r="BK356" s="487" t="str">
        <f t="shared" si="73"/>
        <v/>
      </c>
      <c r="BL356" s="487" t="str">
        <f t="shared" si="73"/>
        <v/>
      </c>
      <c r="BM356" s="487" t="str">
        <f t="shared" si="73"/>
        <v/>
      </c>
      <c r="BN356" s="487" t="str">
        <f t="shared" si="73"/>
        <v/>
      </c>
      <c r="BO356" s="487" t="str">
        <f t="shared" si="73"/>
        <v/>
      </c>
      <c r="BP356" s="487" t="str">
        <f t="shared" si="73"/>
        <v/>
      </c>
      <c r="BQ356" s="487" t="str">
        <f t="shared" si="73"/>
        <v/>
      </c>
      <c r="BR356" s="487" t="str">
        <f t="shared" si="73"/>
        <v/>
      </c>
      <c r="BS356" s="487" t="str">
        <f t="shared" si="73"/>
        <v/>
      </c>
      <c r="BT356" s="487" t="str">
        <f t="shared" si="73"/>
        <v/>
      </c>
      <c r="BU356" s="487" t="str">
        <f t="shared" si="73"/>
        <v/>
      </c>
      <c r="BV356" s="487" t="str">
        <f t="shared" si="73"/>
        <v/>
      </c>
      <c r="BW356" s="487" t="str">
        <f t="shared" si="73"/>
        <v/>
      </c>
      <c r="BX356" s="487" t="str">
        <f t="shared" si="66"/>
        <v/>
      </c>
      <c r="BY356" s="487" t="str">
        <f t="shared" si="66"/>
        <v/>
      </c>
      <c r="BZ356" s="487" t="str">
        <f t="shared" si="66"/>
        <v/>
      </c>
      <c r="CA356" s="487" t="str">
        <f t="shared" si="64"/>
        <v/>
      </c>
      <c r="CB356" s="487" t="str">
        <f t="shared" si="64"/>
        <v/>
      </c>
      <c r="CC356" s="487" t="str">
        <f t="shared" si="64"/>
        <v/>
      </c>
      <c r="CD356" s="487" t="str">
        <f t="shared" si="64"/>
        <v/>
      </c>
      <c r="CE356" s="487" t="str">
        <f t="shared" si="64"/>
        <v/>
      </c>
      <c r="CF356" s="487" t="str">
        <f t="shared" si="72"/>
        <v/>
      </c>
      <c r="CG356" s="487" t="str">
        <f t="shared" si="72"/>
        <v/>
      </c>
      <c r="CH356" s="487" t="str">
        <f t="shared" si="72"/>
        <v/>
      </c>
      <c r="CI356" s="487" t="str">
        <f t="shared" si="72"/>
        <v/>
      </c>
      <c r="CJ356" s="487" t="str">
        <f t="shared" si="72"/>
        <v/>
      </c>
      <c r="CK356" s="487" t="str">
        <f t="shared" si="72"/>
        <v/>
      </c>
      <c r="CL356" s="487" t="str">
        <f t="shared" si="65"/>
        <v/>
      </c>
      <c r="CM356" s="487"/>
      <c r="CN356" s="487"/>
      <c r="CO356" s="487"/>
      <c r="CP356" s="487"/>
      <c r="CQ356" s="487"/>
      <c r="CR356" s="487"/>
      <c r="CS356" s="487"/>
      <c r="CT356" s="487"/>
      <c r="CU356" s="487"/>
      <c r="CV356" s="487"/>
      <c r="CW356" s="487"/>
      <c r="CX356" s="487"/>
      <c r="CY356" s="487"/>
      <c r="CZ356" s="487"/>
      <c r="DA356" s="487"/>
      <c r="DB356" s="487"/>
      <c r="DC356" s="487"/>
      <c r="DD356" s="487"/>
      <c r="DE356" s="487"/>
      <c r="DF356" s="487"/>
      <c r="DG356" s="487"/>
      <c r="DH356" s="487"/>
      <c r="DI356" s="76"/>
      <c r="DJ356" s="76"/>
      <c r="DK356" s="504"/>
    </row>
    <row r="357" spans="1:115" ht="56.1" hidden="1" customHeight="1" x14ac:dyDescent="0.2">
      <c r="A357" s="499" t="s">
        <v>2494</v>
      </c>
      <c r="B357" s="483" t="s">
        <v>2495</v>
      </c>
      <c r="C357" s="481">
        <v>696</v>
      </c>
      <c r="D357" s="481"/>
      <c r="E357" s="481" t="s">
        <v>2481</v>
      </c>
      <c r="F357" s="482" t="s">
        <v>53</v>
      </c>
      <c r="G357" s="482" t="s">
        <v>655</v>
      </c>
      <c r="H357" s="500" t="s">
        <v>870</v>
      </c>
      <c r="I357" s="501" t="s">
        <v>877</v>
      </c>
      <c r="J357" s="501" t="s">
        <v>878</v>
      </c>
      <c r="K357" s="501"/>
      <c r="L357" s="77" t="s">
        <v>58</v>
      </c>
      <c r="M357" s="501" t="s">
        <v>833</v>
      </c>
      <c r="N357" s="501"/>
      <c r="O357" s="501" t="s">
        <v>81</v>
      </c>
      <c r="P357" s="77" t="s">
        <v>77</v>
      </c>
      <c r="Q357" s="77"/>
      <c r="R357" s="501" t="s">
        <v>879</v>
      </c>
      <c r="S357" s="76" t="s">
        <v>63</v>
      </c>
      <c r="T357" s="76" t="s">
        <v>63</v>
      </c>
      <c r="U357" s="505">
        <v>285064.86580000003</v>
      </c>
      <c r="V357" s="505"/>
      <c r="W357" s="494" t="s">
        <v>659</v>
      </c>
      <c r="X357" s="494"/>
      <c r="Y357" s="503">
        <f t="shared" si="70"/>
        <v>285064.86580000003</v>
      </c>
      <c r="Z357" s="76" t="s">
        <v>65</v>
      </c>
      <c r="AA357" s="76"/>
      <c r="AB357" s="76"/>
      <c r="AC357" s="76"/>
      <c r="AD357" s="76"/>
      <c r="AE357" s="76"/>
      <c r="AF357" s="76"/>
      <c r="AG357" s="76"/>
      <c r="AH357" s="76"/>
      <c r="AI357" s="76"/>
      <c r="AJ357" s="76"/>
      <c r="AK357" s="76"/>
      <c r="AL357" s="76"/>
      <c r="AM357" s="76"/>
      <c r="AN357" s="76"/>
      <c r="AO357" s="76"/>
      <c r="AP357" s="76"/>
      <c r="AQ357" s="76"/>
      <c r="AR357" s="76"/>
      <c r="AS357" s="76"/>
      <c r="AT357" s="76"/>
      <c r="AU357" s="76"/>
      <c r="AV357" s="76"/>
      <c r="AW357" s="76"/>
      <c r="AX357" s="76"/>
      <c r="AY357" s="76"/>
      <c r="AZ357" s="76"/>
      <c r="BA357" s="76"/>
      <c r="BB357" s="76"/>
      <c r="BC357" s="76"/>
      <c r="BD357" s="76"/>
      <c r="BE357" s="76"/>
      <c r="BF357" s="80">
        <f t="shared" si="67"/>
        <v>0</v>
      </c>
      <c r="BG357" s="76"/>
      <c r="BH357" s="487" t="str">
        <f t="shared" si="74"/>
        <v/>
      </c>
      <c r="BI357" s="487" t="str">
        <f t="shared" si="74"/>
        <v/>
      </c>
      <c r="BJ357" s="487" t="str">
        <f t="shared" si="74"/>
        <v/>
      </c>
      <c r="BK357" s="487" t="str">
        <f t="shared" si="73"/>
        <v/>
      </c>
      <c r="BL357" s="487" t="str">
        <f t="shared" si="73"/>
        <v/>
      </c>
      <c r="BM357" s="487" t="str">
        <f t="shared" si="73"/>
        <v/>
      </c>
      <c r="BN357" s="487" t="str">
        <f t="shared" si="73"/>
        <v/>
      </c>
      <c r="BO357" s="487" t="str">
        <f t="shared" si="73"/>
        <v/>
      </c>
      <c r="BP357" s="487" t="str">
        <f t="shared" si="73"/>
        <v/>
      </c>
      <c r="BQ357" s="487" t="str">
        <f t="shared" si="73"/>
        <v/>
      </c>
      <c r="BR357" s="487" t="str">
        <f t="shared" si="73"/>
        <v/>
      </c>
      <c r="BS357" s="487" t="str">
        <f t="shared" si="73"/>
        <v/>
      </c>
      <c r="BT357" s="487" t="str">
        <f t="shared" si="73"/>
        <v/>
      </c>
      <c r="BU357" s="487" t="str">
        <f t="shared" si="73"/>
        <v/>
      </c>
      <c r="BV357" s="487" t="str">
        <f t="shared" si="73"/>
        <v/>
      </c>
      <c r="BW357" s="487" t="str">
        <f t="shared" si="73"/>
        <v/>
      </c>
      <c r="BX357" s="487" t="str">
        <f t="shared" si="66"/>
        <v/>
      </c>
      <c r="BY357" s="487" t="str">
        <f t="shared" si="66"/>
        <v/>
      </c>
      <c r="BZ357" s="487" t="str">
        <f t="shared" si="66"/>
        <v/>
      </c>
      <c r="CA357" s="487" t="str">
        <f t="shared" si="64"/>
        <v/>
      </c>
      <c r="CB357" s="487" t="str">
        <f t="shared" si="64"/>
        <v/>
      </c>
      <c r="CC357" s="487" t="str">
        <f t="shared" si="64"/>
        <v/>
      </c>
      <c r="CD357" s="487" t="str">
        <f t="shared" si="64"/>
        <v/>
      </c>
      <c r="CE357" s="487" t="str">
        <f t="shared" si="64"/>
        <v/>
      </c>
      <c r="CF357" s="487" t="str">
        <f t="shared" si="72"/>
        <v/>
      </c>
      <c r="CG357" s="487" t="str">
        <f t="shared" si="72"/>
        <v/>
      </c>
      <c r="CH357" s="487" t="str">
        <f t="shared" si="72"/>
        <v/>
      </c>
      <c r="CI357" s="487" t="str">
        <f t="shared" si="72"/>
        <v/>
      </c>
      <c r="CJ357" s="487" t="str">
        <f t="shared" si="72"/>
        <v/>
      </c>
      <c r="CK357" s="487" t="str">
        <f t="shared" si="72"/>
        <v/>
      </c>
      <c r="CL357" s="487" t="str">
        <f t="shared" si="65"/>
        <v/>
      </c>
      <c r="CM357" s="487"/>
      <c r="CN357" s="487"/>
      <c r="CO357" s="487"/>
      <c r="CP357" s="487"/>
      <c r="CQ357" s="487"/>
      <c r="CR357" s="487"/>
      <c r="CS357" s="487"/>
      <c r="CT357" s="487"/>
      <c r="CU357" s="487"/>
      <c r="CV357" s="487"/>
      <c r="CW357" s="487"/>
      <c r="CX357" s="487"/>
      <c r="CY357" s="487"/>
      <c r="CZ357" s="487"/>
      <c r="DA357" s="487"/>
      <c r="DB357" s="487"/>
      <c r="DC357" s="487"/>
      <c r="DD357" s="487"/>
      <c r="DE357" s="487"/>
      <c r="DF357" s="487"/>
      <c r="DG357" s="487"/>
      <c r="DH357" s="487"/>
      <c r="DI357" s="76"/>
      <c r="DJ357" s="76"/>
      <c r="DK357" s="504"/>
    </row>
    <row r="358" spans="1:115" ht="56.1" hidden="1" customHeight="1" x14ac:dyDescent="0.2">
      <c r="A358" s="499" t="s">
        <v>2494</v>
      </c>
      <c r="B358" s="483" t="s">
        <v>2495</v>
      </c>
      <c r="C358" s="481">
        <v>705</v>
      </c>
      <c r="D358" s="481"/>
      <c r="E358" s="481" t="s">
        <v>2481</v>
      </c>
      <c r="F358" s="482" t="s">
        <v>53</v>
      </c>
      <c r="G358" s="482" t="s">
        <v>655</v>
      </c>
      <c r="H358" s="500" t="s">
        <v>830</v>
      </c>
      <c r="I358" s="501" t="s">
        <v>895</v>
      </c>
      <c r="J358" s="501" t="s">
        <v>896</v>
      </c>
      <c r="K358" s="501"/>
      <c r="L358" s="77" t="s">
        <v>58</v>
      </c>
      <c r="M358" s="501" t="s">
        <v>833</v>
      </c>
      <c r="N358" s="501"/>
      <c r="O358" s="501" t="s">
        <v>81</v>
      </c>
      <c r="P358" s="77" t="s">
        <v>77</v>
      </c>
      <c r="Q358" s="77"/>
      <c r="R358" s="500" t="s">
        <v>834</v>
      </c>
      <c r="S358" s="76" t="s">
        <v>63</v>
      </c>
      <c r="T358" s="76" t="s">
        <v>63</v>
      </c>
      <c r="U358" s="502">
        <v>877751.875</v>
      </c>
      <c r="V358" s="502"/>
      <c r="W358" s="494" t="s">
        <v>659</v>
      </c>
      <c r="X358" s="494"/>
      <c r="Y358" s="503">
        <f t="shared" si="70"/>
        <v>877751.875</v>
      </c>
      <c r="Z358" s="76" t="s">
        <v>65</v>
      </c>
      <c r="AA358" s="76"/>
      <c r="AB358" s="76"/>
      <c r="AC358" s="76"/>
      <c r="AD358" s="76"/>
      <c r="AE358" s="76"/>
      <c r="AF358" s="76"/>
      <c r="AG358" s="76"/>
      <c r="AH358" s="76"/>
      <c r="AI358" s="76"/>
      <c r="AJ358" s="76"/>
      <c r="AK358" s="76"/>
      <c r="AL358" s="76"/>
      <c r="AM358" s="76"/>
      <c r="AN358" s="487"/>
      <c r="AO358" s="76"/>
      <c r="AP358" s="76"/>
      <c r="AQ358" s="76"/>
      <c r="AR358" s="76"/>
      <c r="AS358" s="76"/>
      <c r="AT358" s="76"/>
      <c r="AU358" s="76"/>
      <c r="AV358" s="76"/>
      <c r="AW358" s="76"/>
      <c r="AX358" s="76"/>
      <c r="AY358" s="76"/>
      <c r="AZ358" s="76"/>
      <c r="BA358" s="76"/>
      <c r="BB358" s="76"/>
      <c r="BC358" s="76"/>
      <c r="BD358" s="76"/>
      <c r="BE358" s="76"/>
      <c r="BF358" s="80">
        <f t="shared" si="67"/>
        <v>0</v>
      </c>
      <c r="BG358" s="76"/>
      <c r="BH358" s="487" t="str">
        <f t="shared" si="74"/>
        <v/>
      </c>
      <c r="BI358" s="487" t="str">
        <f t="shared" si="74"/>
        <v/>
      </c>
      <c r="BJ358" s="487" t="str">
        <f t="shared" si="74"/>
        <v/>
      </c>
      <c r="BK358" s="487" t="str">
        <f t="shared" si="73"/>
        <v/>
      </c>
      <c r="BL358" s="487" t="str">
        <f t="shared" si="73"/>
        <v/>
      </c>
      <c r="BM358" s="487" t="str">
        <f t="shared" si="73"/>
        <v/>
      </c>
      <c r="BN358" s="487" t="str">
        <f t="shared" si="73"/>
        <v/>
      </c>
      <c r="BO358" s="487" t="str">
        <f t="shared" si="73"/>
        <v/>
      </c>
      <c r="BP358" s="487" t="str">
        <f t="shared" si="73"/>
        <v/>
      </c>
      <c r="BQ358" s="487" t="str">
        <f t="shared" si="73"/>
        <v/>
      </c>
      <c r="BR358" s="487" t="str">
        <f t="shared" si="73"/>
        <v/>
      </c>
      <c r="BS358" s="487" t="str">
        <f t="shared" si="73"/>
        <v/>
      </c>
      <c r="BT358" s="487" t="str">
        <f t="shared" si="73"/>
        <v/>
      </c>
      <c r="BU358" s="487" t="str">
        <f t="shared" si="73"/>
        <v/>
      </c>
      <c r="BV358" s="487" t="str">
        <f t="shared" si="73"/>
        <v/>
      </c>
      <c r="BW358" s="487" t="str">
        <f t="shared" si="73"/>
        <v/>
      </c>
      <c r="BX358" s="487" t="str">
        <f t="shared" si="66"/>
        <v/>
      </c>
      <c r="BY358" s="487" t="str">
        <f t="shared" si="66"/>
        <v/>
      </c>
      <c r="BZ358" s="487" t="str">
        <f t="shared" si="66"/>
        <v/>
      </c>
      <c r="CA358" s="487" t="str">
        <f t="shared" si="64"/>
        <v/>
      </c>
      <c r="CB358" s="487" t="str">
        <f t="shared" si="64"/>
        <v/>
      </c>
      <c r="CC358" s="487" t="str">
        <f t="shared" si="64"/>
        <v/>
      </c>
      <c r="CD358" s="487" t="str">
        <f t="shared" si="64"/>
        <v/>
      </c>
      <c r="CE358" s="487" t="str">
        <f t="shared" si="64"/>
        <v/>
      </c>
      <c r="CF358" s="487" t="str">
        <f t="shared" si="72"/>
        <v/>
      </c>
      <c r="CG358" s="487" t="str">
        <f t="shared" si="72"/>
        <v/>
      </c>
      <c r="CH358" s="487" t="str">
        <f t="shared" si="72"/>
        <v/>
      </c>
      <c r="CI358" s="487" t="str">
        <f t="shared" si="72"/>
        <v/>
      </c>
      <c r="CJ358" s="487" t="str">
        <f t="shared" si="72"/>
        <v/>
      </c>
      <c r="CK358" s="487" t="str">
        <f t="shared" si="72"/>
        <v/>
      </c>
      <c r="CL358" s="487" t="str">
        <f t="shared" si="65"/>
        <v/>
      </c>
      <c r="CM358" s="487"/>
      <c r="CN358" s="487"/>
      <c r="CO358" s="487"/>
      <c r="CP358" s="487"/>
      <c r="CQ358" s="487"/>
      <c r="CR358" s="487"/>
      <c r="CS358" s="487"/>
      <c r="CT358" s="487"/>
      <c r="CU358" s="487"/>
      <c r="CV358" s="487"/>
      <c r="CW358" s="487"/>
      <c r="CX358" s="487"/>
      <c r="CY358" s="487"/>
      <c r="CZ358" s="487"/>
      <c r="DA358" s="487"/>
      <c r="DB358" s="487"/>
      <c r="DC358" s="487"/>
      <c r="DD358" s="487"/>
      <c r="DE358" s="487"/>
      <c r="DF358" s="487"/>
      <c r="DG358" s="487"/>
      <c r="DH358" s="487"/>
      <c r="DI358" s="76"/>
      <c r="DJ358" s="76"/>
      <c r="DK358" s="504"/>
    </row>
    <row r="359" spans="1:115" ht="56.1" hidden="1" customHeight="1" x14ac:dyDescent="0.2">
      <c r="A359" s="499" t="s">
        <v>2494</v>
      </c>
      <c r="B359" s="483" t="s">
        <v>2495</v>
      </c>
      <c r="C359" s="481">
        <v>710</v>
      </c>
      <c r="D359" s="481"/>
      <c r="E359" s="481" t="s">
        <v>2481</v>
      </c>
      <c r="F359" s="482" t="s">
        <v>869</v>
      </c>
      <c r="G359" s="482" t="s">
        <v>655</v>
      </c>
      <c r="H359" s="501" t="s">
        <v>900</v>
      </c>
      <c r="I359" s="501" t="s">
        <v>910</v>
      </c>
      <c r="J359" s="501" t="s">
        <v>911</v>
      </c>
      <c r="K359" s="501"/>
      <c r="L359" s="77" t="s">
        <v>58</v>
      </c>
      <c r="M359" s="501" t="s">
        <v>833</v>
      </c>
      <c r="N359" s="501"/>
      <c r="O359" s="501" t="s">
        <v>81</v>
      </c>
      <c r="P359" s="77" t="s">
        <v>77</v>
      </c>
      <c r="Q359" s="77"/>
      <c r="R359" s="501" t="s">
        <v>834</v>
      </c>
      <c r="S359" s="76" t="s">
        <v>63</v>
      </c>
      <c r="T359" s="76" t="s">
        <v>63</v>
      </c>
      <c r="U359" s="502">
        <v>44990.539343750002</v>
      </c>
      <c r="V359" s="502"/>
      <c r="W359" s="494" t="s">
        <v>659</v>
      </c>
      <c r="X359" s="494"/>
      <c r="Y359" s="503">
        <f t="shared" si="70"/>
        <v>44990.539343750002</v>
      </c>
      <c r="Z359" s="76" t="s">
        <v>65</v>
      </c>
      <c r="AA359" s="76"/>
      <c r="AB359" s="76"/>
      <c r="AC359" s="76"/>
      <c r="AD359" s="76"/>
      <c r="AE359" s="76"/>
      <c r="AF359" s="76"/>
      <c r="AG359" s="76"/>
      <c r="AH359" s="76"/>
      <c r="AI359" s="76"/>
      <c r="AJ359" s="76"/>
      <c r="AK359" s="76"/>
      <c r="AL359" s="76"/>
      <c r="AM359" s="76"/>
      <c r="AN359" s="76"/>
      <c r="AO359" s="76"/>
      <c r="AP359" s="76"/>
      <c r="AQ359" s="76"/>
      <c r="AR359" s="76"/>
      <c r="AS359" s="76"/>
      <c r="AT359" s="76"/>
      <c r="AU359" s="76"/>
      <c r="AV359" s="76"/>
      <c r="AW359" s="76"/>
      <c r="AX359" s="76"/>
      <c r="AY359" s="76"/>
      <c r="AZ359" s="76"/>
      <c r="BA359" s="76"/>
      <c r="BB359" s="76"/>
      <c r="BC359" s="76"/>
      <c r="BD359" s="76"/>
      <c r="BE359" s="76"/>
      <c r="BF359" s="80">
        <f t="shared" si="67"/>
        <v>0</v>
      </c>
      <c r="BG359" s="76"/>
      <c r="BH359" s="487" t="str">
        <f t="shared" si="74"/>
        <v/>
      </c>
      <c r="BI359" s="487" t="str">
        <f t="shared" si="74"/>
        <v/>
      </c>
      <c r="BJ359" s="487" t="str">
        <f t="shared" si="74"/>
        <v/>
      </c>
      <c r="BK359" s="487" t="str">
        <f t="shared" si="73"/>
        <v/>
      </c>
      <c r="BL359" s="487" t="str">
        <f t="shared" si="73"/>
        <v/>
      </c>
      <c r="BM359" s="487" t="str">
        <f t="shared" si="73"/>
        <v/>
      </c>
      <c r="BN359" s="487" t="str">
        <f t="shared" si="73"/>
        <v/>
      </c>
      <c r="BO359" s="487" t="str">
        <f t="shared" si="73"/>
        <v/>
      </c>
      <c r="BP359" s="487" t="str">
        <f t="shared" si="73"/>
        <v/>
      </c>
      <c r="BQ359" s="487" t="str">
        <f t="shared" si="73"/>
        <v/>
      </c>
      <c r="BR359" s="487" t="str">
        <f t="shared" si="73"/>
        <v/>
      </c>
      <c r="BS359" s="487" t="str">
        <f t="shared" si="73"/>
        <v/>
      </c>
      <c r="BT359" s="487" t="str">
        <f t="shared" si="73"/>
        <v/>
      </c>
      <c r="BU359" s="487" t="str">
        <f t="shared" si="73"/>
        <v/>
      </c>
      <c r="BV359" s="487" t="str">
        <f t="shared" si="73"/>
        <v/>
      </c>
      <c r="BW359" s="487" t="str">
        <f t="shared" si="73"/>
        <v/>
      </c>
      <c r="BX359" s="487" t="str">
        <f t="shared" si="66"/>
        <v/>
      </c>
      <c r="BY359" s="487" t="str">
        <f t="shared" si="66"/>
        <v/>
      </c>
      <c r="BZ359" s="487" t="str">
        <f t="shared" si="66"/>
        <v/>
      </c>
      <c r="CA359" s="487" t="str">
        <f t="shared" si="64"/>
        <v/>
      </c>
      <c r="CB359" s="487" t="str">
        <f t="shared" si="64"/>
        <v/>
      </c>
      <c r="CC359" s="487" t="str">
        <f t="shared" si="64"/>
        <v/>
      </c>
      <c r="CD359" s="487" t="str">
        <f t="shared" si="64"/>
        <v/>
      </c>
      <c r="CE359" s="487" t="str">
        <f t="shared" si="64"/>
        <v/>
      </c>
      <c r="CF359" s="487" t="str">
        <f t="shared" si="72"/>
        <v/>
      </c>
      <c r="CG359" s="487" t="str">
        <f t="shared" si="72"/>
        <v/>
      </c>
      <c r="CH359" s="487" t="str">
        <f t="shared" si="72"/>
        <v/>
      </c>
      <c r="CI359" s="487" t="str">
        <f t="shared" si="72"/>
        <v/>
      </c>
      <c r="CJ359" s="487" t="str">
        <f t="shared" si="72"/>
        <v/>
      </c>
      <c r="CK359" s="487" t="str">
        <f t="shared" si="72"/>
        <v/>
      </c>
      <c r="CL359" s="487" t="str">
        <f t="shared" si="65"/>
        <v/>
      </c>
      <c r="CM359" s="487"/>
      <c r="CN359" s="487"/>
      <c r="CO359" s="487"/>
      <c r="CP359" s="487"/>
      <c r="CQ359" s="487"/>
      <c r="CR359" s="487"/>
      <c r="CS359" s="487"/>
      <c r="CT359" s="487"/>
      <c r="CU359" s="487"/>
      <c r="CV359" s="487"/>
      <c r="CW359" s="487"/>
      <c r="CX359" s="487"/>
      <c r="CY359" s="487"/>
      <c r="CZ359" s="487"/>
      <c r="DA359" s="487"/>
      <c r="DB359" s="487"/>
      <c r="DC359" s="487"/>
      <c r="DD359" s="487"/>
      <c r="DE359" s="487"/>
      <c r="DF359" s="487"/>
      <c r="DG359" s="487"/>
      <c r="DH359" s="487"/>
      <c r="DI359" s="76"/>
      <c r="DJ359" s="76"/>
      <c r="DK359" s="504"/>
    </row>
    <row r="360" spans="1:115" ht="56.1" hidden="1" customHeight="1" x14ac:dyDescent="0.2">
      <c r="A360" s="499" t="s">
        <v>2494</v>
      </c>
      <c r="B360" s="483" t="s">
        <v>2495</v>
      </c>
      <c r="C360" s="481">
        <v>711</v>
      </c>
      <c r="D360" s="481"/>
      <c r="E360" s="481" t="s">
        <v>2481</v>
      </c>
      <c r="F360" s="482" t="s">
        <v>912</v>
      </c>
      <c r="G360" s="482" t="s">
        <v>655</v>
      </c>
      <c r="H360" s="501" t="s">
        <v>900</v>
      </c>
      <c r="I360" s="501" t="s">
        <v>913</v>
      </c>
      <c r="J360" s="501" t="s">
        <v>911</v>
      </c>
      <c r="K360" s="501"/>
      <c r="L360" s="77" t="s">
        <v>58</v>
      </c>
      <c r="M360" s="501" t="s">
        <v>833</v>
      </c>
      <c r="N360" s="501"/>
      <c r="O360" s="501" t="s">
        <v>81</v>
      </c>
      <c r="P360" s="77" t="s">
        <v>77</v>
      </c>
      <c r="Q360" s="77"/>
      <c r="R360" s="501" t="s">
        <v>834</v>
      </c>
      <c r="S360" s="76" t="s">
        <v>63</v>
      </c>
      <c r="T360" s="76" t="s">
        <v>63</v>
      </c>
      <c r="U360" s="502">
        <v>44990.539343750002</v>
      </c>
      <c r="V360" s="502"/>
      <c r="W360" s="494" t="s">
        <v>659</v>
      </c>
      <c r="X360" s="494"/>
      <c r="Y360" s="503">
        <f t="shared" si="70"/>
        <v>44990.539343750002</v>
      </c>
      <c r="Z360" s="76" t="s">
        <v>65</v>
      </c>
      <c r="AA360" s="76"/>
      <c r="AB360" s="76"/>
      <c r="AC360" s="76"/>
      <c r="AD360" s="76"/>
      <c r="AE360" s="76"/>
      <c r="AF360" s="76"/>
      <c r="AG360" s="76"/>
      <c r="AH360" s="76"/>
      <c r="AI360" s="76"/>
      <c r="AJ360" s="76"/>
      <c r="AK360" s="76"/>
      <c r="AL360" s="76"/>
      <c r="AM360" s="76"/>
      <c r="AN360" s="76"/>
      <c r="AO360" s="76"/>
      <c r="AP360" s="76"/>
      <c r="AQ360" s="76"/>
      <c r="AR360" s="76"/>
      <c r="AS360" s="76"/>
      <c r="AT360" s="76"/>
      <c r="AU360" s="76"/>
      <c r="AV360" s="76"/>
      <c r="AW360" s="76"/>
      <c r="AX360" s="76"/>
      <c r="AY360" s="76"/>
      <c r="AZ360" s="76"/>
      <c r="BA360" s="76"/>
      <c r="BB360" s="76"/>
      <c r="BC360" s="76"/>
      <c r="BD360" s="76"/>
      <c r="BE360" s="76"/>
      <c r="BF360" s="80">
        <f t="shared" si="67"/>
        <v>0</v>
      </c>
      <c r="BG360" s="76"/>
      <c r="BH360" s="487" t="str">
        <f t="shared" si="74"/>
        <v/>
      </c>
      <c r="BI360" s="487" t="str">
        <f t="shared" si="74"/>
        <v/>
      </c>
      <c r="BJ360" s="487" t="str">
        <f t="shared" si="74"/>
        <v/>
      </c>
      <c r="BK360" s="487" t="str">
        <f t="shared" si="73"/>
        <v/>
      </c>
      <c r="BL360" s="487" t="str">
        <f t="shared" si="73"/>
        <v/>
      </c>
      <c r="BM360" s="487" t="str">
        <f t="shared" si="73"/>
        <v/>
      </c>
      <c r="BN360" s="487" t="str">
        <f t="shared" si="73"/>
        <v/>
      </c>
      <c r="BO360" s="487" t="str">
        <f t="shared" si="73"/>
        <v/>
      </c>
      <c r="BP360" s="487" t="str">
        <f t="shared" si="73"/>
        <v/>
      </c>
      <c r="BQ360" s="487" t="str">
        <f t="shared" si="73"/>
        <v/>
      </c>
      <c r="BR360" s="487" t="str">
        <f t="shared" si="73"/>
        <v/>
      </c>
      <c r="BS360" s="487" t="str">
        <f t="shared" si="73"/>
        <v/>
      </c>
      <c r="BT360" s="487" t="str">
        <f t="shared" si="73"/>
        <v/>
      </c>
      <c r="BU360" s="487" t="str">
        <f t="shared" si="73"/>
        <v/>
      </c>
      <c r="BV360" s="487" t="str">
        <f t="shared" si="73"/>
        <v/>
      </c>
      <c r="BW360" s="487" t="str">
        <f t="shared" si="73"/>
        <v/>
      </c>
      <c r="BX360" s="487" t="str">
        <f t="shared" si="66"/>
        <v/>
      </c>
      <c r="BY360" s="487" t="str">
        <f t="shared" si="66"/>
        <v/>
      </c>
      <c r="BZ360" s="487" t="str">
        <f t="shared" si="66"/>
        <v/>
      </c>
      <c r="CA360" s="487" t="str">
        <f t="shared" si="64"/>
        <v/>
      </c>
      <c r="CB360" s="487" t="str">
        <f t="shared" si="64"/>
        <v/>
      </c>
      <c r="CC360" s="487" t="str">
        <f t="shared" si="64"/>
        <v/>
      </c>
      <c r="CD360" s="487" t="str">
        <f t="shared" si="64"/>
        <v/>
      </c>
      <c r="CE360" s="487" t="str">
        <f t="shared" si="64"/>
        <v/>
      </c>
      <c r="CF360" s="487" t="str">
        <f t="shared" si="72"/>
        <v/>
      </c>
      <c r="CG360" s="487" t="str">
        <f t="shared" si="72"/>
        <v/>
      </c>
      <c r="CH360" s="487" t="str">
        <f t="shared" si="72"/>
        <v/>
      </c>
      <c r="CI360" s="487" t="str">
        <f t="shared" si="72"/>
        <v/>
      </c>
      <c r="CJ360" s="487" t="str">
        <f t="shared" si="72"/>
        <v/>
      </c>
      <c r="CK360" s="487" t="str">
        <f t="shared" si="72"/>
        <v/>
      </c>
      <c r="CL360" s="487" t="str">
        <f t="shared" si="65"/>
        <v/>
      </c>
      <c r="CM360" s="487"/>
      <c r="CN360" s="487"/>
      <c r="CO360" s="487"/>
      <c r="CP360" s="487"/>
      <c r="CQ360" s="487"/>
      <c r="CR360" s="487"/>
      <c r="CS360" s="487"/>
      <c r="CT360" s="487"/>
      <c r="CU360" s="487"/>
      <c r="CV360" s="487"/>
      <c r="CW360" s="487"/>
      <c r="CX360" s="487"/>
      <c r="CY360" s="487"/>
      <c r="CZ360" s="487"/>
      <c r="DA360" s="487"/>
      <c r="DB360" s="487"/>
      <c r="DC360" s="487"/>
      <c r="DD360" s="487"/>
      <c r="DE360" s="487"/>
      <c r="DF360" s="487"/>
      <c r="DG360" s="487"/>
      <c r="DH360" s="487"/>
      <c r="DI360" s="76"/>
      <c r="DJ360" s="76"/>
      <c r="DK360" s="504"/>
    </row>
    <row r="361" spans="1:115" ht="56.1" hidden="1" customHeight="1" x14ac:dyDescent="0.2">
      <c r="A361" s="499" t="s">
        <v>2494</v>
      </c>
      <c r="B361" s="483" t="s">
        <v>2495</v>
      </c>
      <c r="C361" s="481">
        <v>712</v>
      </c>
      <c r="D361" s="481"/>
      <c r="E361" s="481" t="s">
        <v>2481</v>
      </c>
      <c r="F361" s="482" t="s">
        <v>869</v>
      </c>
      <c r="G361" s="482" t="s">
        <v>655</v>
      </c>
      <c r="H361" s="501" t="s">
        <v>900</v>
      </c>
      <c r="I361" s="501" t="s">
        <v>914</v>
      </c>
      <c r="J361" s="501" t="s">
        <v>911</v>
      </c>
      <c r="K361" s="501"/>
      <c r="L361" s="77" t="s">
        <v>58</v>
      </c>
      <c r="M361" s="501" t="s">
        <v>833</v>
      </c>
      <c r="N361" s="501"/>
      <c r="O361" s="501" t="s">
        <v>81</v>
      </c>
      <c r="P361" s="77" t="s">
        <v>77</v>
      </c>
      <c r="Q361" s="77"/>
      <c r="R361" s="501" t="s">
        <v>834</v>
      </c>
      <c r="S361" s="76" t="s">
        <v>63</v>
      </c>
      <c r="T361" s="76" t="s">
        <v>63</v>
      </c>
      <c r="U361" s="502">
        <v>43612.20166875</v>
      </c>
      <c r="V361" s="502"/>
      <c r="W361" s="494" t="s">
        <v>659</v>
      </c>
      <c r="X361" s="494"/>
      <c r="Y361" s="503">
        <f t="shared" si="70"/>
        <v>43612.20166875</v>
      </c>
      <c r="Z361" s="76" t="s">
        <v>65</v>
      </c>
      <c r="AA361" s="76"/>
      <c r="AB361" s="76"/>
      <c r="AC361" s="76"/>
      <c r="AD361" s="76"/>
      <c r="AE361" s="76"/>
      <c r="AF361" s="76"/>
      <c r="AG361" s="76"/>
      <c r="AH361" s="76"/>
      <c r="AI361" s="76"/>
      <c r="AJ361" s="76"/>
      <c r="AK361" s="76"/>
      <c r="AL361" s="76"/>
      <c r="AM361" s="76"/>
      <c r="AN361" s="76"/>
      <c r="AO361" s="76"/>
      <c r="AP361" s="76"/>
      <c r="AQ361" s="76"/>
      <c r="AR361" s="76"/>
      <c r="AS361" s="76"/>
      <c r="AT361" s="76"/>
      <c r="AU361" s="76"/>
      <c r="AV361" s="76"/>
      <c r="AW361" s="76"/>
      <c r="AX361" s="76"/>
      <c r="AY361" s="76"/>
      <c r="AZ361" s="76"/>
      <c r="BA361" s="76"/>
      <c r="BB361" s="76"/>
      <c r="BC361" s="76"/>
      <c r="BD361" s="76"/>
      <c r="BE361" s="76"/>
      <c r="BF361" s="80">
        <f t="shared" si="67"/>
        <v>0</v>
      </c>
      <c r="BG361" s="76"/>
      <c r="BH361" s="487" t="str">
        <f t="shared" si="74"/>
        <v/>
      </c>
      <c r="BI361" s="487" t="str">
        <f t="shared" si="74"/>
        <v/>
      </c>
      <c r="BJ361" s="487" t="str">
        <f t="shared" si="74"/>
        <v/>
      </c>
      <c r="BK361" s="487" t="str">
        <f t="shared" si="73"/>
        <v/>
      </c>
      <c r="BL361" s="487" t="str">
        <f t="shared" si="73"/>
        <v/>
      </c>
      <c r="BM361" s="487" t="str">
        <f t="shared" si="73"/>
        <v/>
      </c>
      <c r="BN361" s="487" t="str">
        <f t="shared" si="73"/>
        <v/>
      </c>
      <c r="BO361" s="487" t="str">
        <f t="shared" si="73"/>
        <v/>
      </c>
      <c r="BP361" s="487" t="str">
        <f t="shared" si="73"/>
        <v/>
      </c>
      <c r="BQ361" s="487" t="str">
        <f t="shared" si="73"/>
        <v/>
      </c>
      <c r="BR361" s="487" t="str">
        <f t="shared" si="73"/>
        <v/>
      </c>
      <c r="BS361" s="487" t="str">
        <f t="shared" si="73"/>
        <v/>
      </c>
      <c r="BT361" s="487" t="str">
        <f t="shared" si="73"/>
        <v/>
      </c>
      <c r="BU361" s="487" t="str">
        <f t="shared" si="73"/>
        <v/>
      </c>
      <c r="BV361" s="487" t="str">
        <f t="shared" si="73"/>
        <v/>
      </c>
      <c r="BW361" s="487" t="str">
        <f t="shared" si="73"/>
        <v/>
      </c>
      <c r="BX361" s="487" t="str">
        <f t="shared" si="66"/>
        <v/>
      </c>
      <c r="BY361" s="487" t="str">
        <f t="shared" si="66"/>
        <v/>
      </c>
      <c r="BZ361" s="487" t="str">
        <f t="shared" si="66"/>
        <v/>
      </c>
      <c r="CA361" s="487" t="str">
        <f t="shared" si="64"/>
        <v/>
      </c>
      <c r="CB361" s="487" t="str">
        <f t="shared" si="64"/>
        <v/>
      </c>
      <c r="CC361" s="487" t="str">
        <f t="shared" si="64"/>
        <v/>
      </c>
      <c r="CD361" s="487" t="str">
        <f t="shared" si="64"/>
        <v/>
      </c>
      <c r="CE361" s="487" t="str">
        <f t="shared" si="64"/>
        <v/>
      </c>
      <c r="CF361" s="487" t="str">
        <f t="shared" si="72"/>
        <v/>
      </c>
      <c r="CG361" s="487" t="str">
        <f t="shared" si="72"/>
        <v/>
      </c>
      <c r="CH361" s="487" t="str">
        <f t="shared" si="72"/>
        <v/>
      </c>
      <c r="CI361" s="487" t="str">
        <f t="shared" si="72"/>
        <v/>
      </c>
      <c r="CJ361" s="487" t="str">
        <f t="shared" si="72"/>
        <v/>
      </c>
      <c r="CK361" s="487" t="str">
        <f t="shared" si="72"/>
        <v/>
      </c>
      <c r="CL361" s="487" t="str">
        <f t="shared" si="65"/>
        <v/>
      </c>
      <c r="CM361" s="487"/>
      <c r="CN361" s="487"/>
      <c r="CO361" s="487"/>
      <c r="CP361" s="487"/>
      <c r="CQ361" s="487"/>
      <c r="CR361" s="487"/>
      <c r="CS361" s="487"/>
      <c r="CT361" s="487"/>
      <c r="CU361" s="487"/>
      <c r="CV361" s="487"/>
      <c r="CW361" s="487"/>
      <c r="CX361" s="487"/>
      <c r="CY361" s="487"/>
      <c r="CZ361" s="487"/>
      <c r="DA361" s="487"/>
      <c r="DB361" s="487"/>
      <c r="DC361" s="487"/>
      <c r="DD361" s="487"/>
      <c r="DE361" s="487"/>
      <c r="DF361" s="487"/>
      <c r="DG361" s="487"/>
      <c r="DH361" s="487"/>
      <c r="DI361" s="76"/>
      <c r="DJ361" s="76"/>
      <c r="DK361" s="504"/>
    </row>
    <row r="362" spans="1:115" ht="56.1" hidden="1" customHeight="1" x14ac:dyDescent="0.2">
      <c r="A362" s="499" t="s">
        <v>2494</v>
      </c>
      <c r="B362" s="483" t="s">
        <v>2495</v>
      </c>
      <c r="C362" s="481">
        <v>713</v>
      </c>
      <c r="D362" s="481"/>
      <c r="E362" s="481" t="s">
        <v>2481</v>
      </c>
      <c r="F362" s="482" t="s">
        <v>53</v>
      </c>
      <c r="G362" s="482" t="s">
        <v>655</v>
      </c>
      <c r="H362" s="501" t="s">
        <v>900</v>
      </c>
      <c r="I362" s="501" t="s">
        <v>915</v>
      </c>
      <c r="J362" s="501" t="s">
        <v>911</v>
      </c>
      <c r="K362" s="501"/>
      <c r="L362" s="77" t="s">
        <v>58</v>
      </c>
      <c r="M362" s="501" t="s">
        <v>833</v>
      </c>
      <c r="N362" s="501"/>
      <c r="O362" s="501" t="s">
        <v>81</v>
      </c>
      <c r="P362" s="77" t="s">
        <v>77</v>
      </c>
      <c r="Q362" s="77"/>
      <c r="R362" s="501" t="s">
        <v>834</v>
      </c>
      <c r="S362" s="76" t="s">
        <v>63</v>
      </c>
      <c r="T362" s="76" t="s">
        <v>63</v>
      </c>
      <c r="U362" s="502">
        <v>44990.539343750002</v>
      </c>
      <c r="V362" s="502"/>
      <c r="W362" s="494" t="s">
        <v>659</v>
      </c>
      <c r="X362" s="494"/>
      <c r="Y362" s="503">
        <f t="shared" si="70"/>
        <v>44990.539343750002</v>
      </c>
      <c r="Z362" s="76" t="s">
        <v>65</v>
      </c>
      <c r="AA362" s="487"/>
      <c r="AB362" s="487"/>
      <c r="AC362" s="487"/>
      <c r="AD362" s="487"/>
      <c r="AE362" s="487"/>
      <c r="AF362" s="487"/>
      <c r="AG362" s="487"/>
      <c r="AH362" s="487"/>
      <c r="AI362" s="487"/>
      <c r="AJ362" s="487"/>
      <c r="AK362" s="487"/>
      <c r="AL362" s="487"/>
      <c r="AM362" s="487"/>
      <c r="AN362" s="487"/>
      <c r="AO362" s="487"/>
      <c r="AP362" s="487"/>
      <c r="AQ362" s="76"/>
      <c r="AR362" s="487"/>
      <c r="AS362" s="487"/>
      <c r="AT362" s="487"/>
      <c r="AU362" s="76"/>
      <c r="AV362" s="487"/>
      <c r="AW362" s="487"/>
      <c r="AX362" s="487"/>
      <c r="AY362" s="76"/>
      <c r="AZ362" s="487"/>
      <c r="BA362" s="76"/>
      <c r="BB362" s="76"/>
      <c r="BC362" s="487"/>
      <c r="BD362" s="76"/>
      <c r="BE362" s="76"/>
      <c r="BF362" s="80">
        <f t="shared" si="67"/>
        <v>0</v>
      </c>
      <c r="BG362" s="76"/>
      <c r="BH362" s="487" t="str">
        <f t="shared" si="74"/>
        <v/>
      </c>
      <c r="BI362" s="487" t="str">
        <f t="shared" si="74"/>
        <v/>
      </c>
      <c r="BJ362" s="487" t="str">
        <f t="shared" si="74"/>
        <v/>
      </c>
      <c r="BK362" s="487" t="str">
        <f t="shared" si="73"/>
        <v/>
      </c>
      <c r="BL362" s="487" t="str">
        <f t="shared" si="73"/>
        <v/>
      </c>
      <c r="BM362" s="487" t="str">
        <f t="shared" si="73"/>
        <v/>
      </c>
      <c r="BN362" s="487" t="str">
        <f t="shared" si="73"/>
        <v/>
      </c>
      <c r="BO362" s="487" t="str">
        <f t="shared" si="73"/>
        <v/>
      </c>
      <c r="BP362" s="487" t="str">
        <f t="shared" si="73"/>
        <v/>
      </c>
      <c r="BQ362" s="487" t="str">
        <f t="shared" si="73"/>
        <v/>
      </c>
      <c r="BR362" s="487" t="str">
        <f t="shared" si="73"/>
        <v/>
      </c>
      <c r="BS362" s="487" t="str">
        <f t="shared" si="73"/>
        <v/>
      </c>
      <c r="BT362" s="487" t="str">
        <f t="shared" si="73"/>
        <v/>
      </c>
      <c r="BU362" s="487" t="str">
        <f t="shared" si="73"/>
        <v/>
      </c>
      <c r="BV362" s="487" t="str">
        <f t="shared" si="73"/>
        <v/>
      </c>
      <c r="BW362" s="487" t="str">
        <f t="shared" si="73"/>
        <v/>
      </c>
      <c r="BX362" s="487" t="str">
        <f t="shared" si="66"/>
        <v/>
      </c>
      <c r="BY362" s="487" t="str">
        <f t="shared" si="66"/>
        <v/>
      </c>
      <c r="BZ362" s="487" t="str">
        <f t="shared" si="66"/>
        <v/>
      </c>
      <c r="CA362" s="487" t="str">
        <f t="shared" si="64"/>
        <v/>
      </c>
      <c r="CB362" s="487" t="str">
        <f t="shared" si="64"/>
        <v/>
      </c>
      <c r="CC362" s="487" t="str">
        <f t="shared" si="64"/>
        <v/>
      </c>
      <c r="CD362" s="487" t="str">
        <f t="shared" si="64"/>
        <v/>
      </c>
      <c r="CE362" s="487" t="str">
        <f t="shared" si="64"/>
        <v/>
      </c>
      <c r="CF362" s="487" t="str">
        <f t="shared" si="64"/>
        <v/>
      </c>
      <c r="CG362" s="487" t="str">
        <f t="shared" si="64"/>
        <v/>
      </c>
      <c r="CH362" s="487" t="str">
        <f t="shared" si="64"/>
        <v/>
      </c>
      <c r="CI362" s="487" t="str">
        <f t="shared" si="64"/>
        <v/>
      </c>
      <c r="CJ362" s="487" t="str">
        <f t="shared" si="64"/>
        <v/>
      </c>
      <c r="CK362" s="487" t="str">
        <f t="shared" si="64"/>
        <v/>
      </c>
      <c r="CL362" s="487" t="str">
        <f t="shared" si="65"/>
        <v/>
      </c>
      <c r="CM362" s="487"/>
      <c r="CN362" s="487"/>
      <c r="CO362" s="487"/>
      <c r="CP362" s="487"/>
      <c r="CQ362" s="487"/>
      <c r="CR362" s="487"/>
      <c r="CS362" s="487"/>
      <c r="CT362" s="487"/>
      <c r="CU362" s="487"/>
      <c r="CV362" s="487"/>
      <c r="CW362" s="487"/>
      <c r="CX362" s="487"/>
      <c r="CY362" s="487"/>
      <c r="CZ362" s="487"/>
      <c r="DA362" s="487"/>
      <c r="DB362" s="487"/>
      <c r="DC362" s="487"/>
      <c r="DD362" s="487"/>
      <c r="DE362" s="487"/>
      <c r="DF362" s="487"/>
      <c r="DG362" s="487"/>
      <c r="DH362" s="487"/>
      <c r="DI362" s="76"/>
      <c r="DJ362" s="76"/>
      <c r="DK362" s="504"/>
    </row>
    <row r="363" spans="1:115" ht="56.1" hidden="1" customHeight="1" x14ac:dyDescent="0.2">
      <c r="A363" s="499" t="s">
        <v>2494</v>
      </c>
      <c r="B363" s="483" t="s">
        <v>2495</v>
      </c>
      <c r="C363" s="481">
        <v>718</v>
      </c>
      <c r="D363" s="481"/>
      <c r="E363" s="481" t="s">
        <v>2481</v>
      </c>
      <c r="F363" s="482" t="s">
        <v>53</v>
      </c>
      <c r="G363" s="482" t="s">
        <v>655</v>
      </c>
      <c r="H363" s="501" t="s">
        <v>900</v>
      </c>
      <c r="I363" s="501" t="s">
        <v>924</v>
      </c>
      <c r="J363" s="506" t="s">
        <v>925</v>
      </c>
      <c r="K363" s="506"/>
      <c r="L363" s="77" t="s">
        <v>58</v>
      </c>
      <c r="M363" s="501" t="s">
        <v>833</v>
      </c>
      <c r="N363" s="501"/>
      <c r="O363" s="501" t="s">
        <v>81</v>
      </c>
      <c r="P363" s="77" t="s">
        <v>77</v>
      </c>
      <c r="Q363" s="77"/>
      <c r="R363" s="501" t="s">
        <v>834</v>
      </c>
      <c r="S363" s="76" t="s">
        <v>63</v>
      </c>
      <c r="T363" s="76" t="s">
        <v>63</v>
      </c>
      <c r="U363" s="502">
        <v>217485.125</v>
      </c>
      <c r="V363" s="502"/>
      <c r="W363" s="494" t="s">
        <v>659</v>
      </c>
      <c r="X363" s="494"/>
      <c r="Y363" s="503">
        <f t="shared" si="70"/>
        <v>217485.125</v>
      </c>
      <c r="Z363" s="76" t="s">
        <v>65</v>
      </c>
      <c r="AA363" s="487"/>
      <c r="AB363" s="487"/>
      <c r="AC363" s="487"/>
      <c r="AD363" s="487"/>
      <c r="AE363" s="487"/>
      <c r="AF363" s="487"/>
      <c r="AG363" s="487"/>
      <c r="AH363" s="487"/>
      <c r="AI363" s="487"/>
      <c r="AJ363" s="487"/>
      <c r="AK363" s="487"/>
      <c r="AL363" s="487"/>
      <c r="AM363" s="487"/>
      <c r="AN363" s="487"/>
      <c r="AO363" s="487"/>
      <c r="AP363" s="487"/>
      <c r="AQ363" s="76"/>
      <c r="AR363" s="487"/>
      <c r="AS363" s="487"/>
      <c r="AT363" s="487"/>
      <c r="AU363" s="76"/>
      <c r="AV363" s="487"/>
      <c r="AW363" s="487"/>
      <c r="AX363" s="487"/>
      <c r="AY363" s="76"/>
      <c r="AZ363" s="487"/>
      <c r="BA363" s="76"/>
      <c r="BB363" s="76"/>
      <c r="BC363" s="487"/>
      <c r="BD363" s="76"/>
      <c r="BE363" s="76"/>
      <c r="BF363" s="80">
        <f t="shared" si="67"/>
        <v>0</v>
      </c>
      <c r="BG363" s="76"/>
      <c r="BH363" s="487" t="str">
        <f t="shared" si="74"/>
        <v/>
      </c>
      <c r="BI363" s="487" t="str">
        <f t="shared" si="74"/>
        <v/>
      </c>
      <c r="BJ363" s="487" t="str">
        <f t="shared" si="74"/>
        <v/>
      </c>
      <c r="BK363" s="487" t="str">
        <f t="shared" si="73"/>
        <v/>
      </c>
      <c r="BL363" s="487" t="str">
        <f t="shared" si="73"/>
        <v/>
      </c>
      <c r="BM363" s="487" t="str">
        <f t="shared" si="73"/>
        <v/>
      </c>
      <c r="BN363" s="487" t="str">
        <f t="shared" si="73"/>
        <v/>
      </c>
      <c r="BO363" s="487" t="str">
        <f t="shared" si="73"/>
        <v/>
      </c>
      <c r="BP363" s="487" t="str">
        <f t="shared" si="73"/>
        <v/>
      </c>
      <c r="BQ363" s="487" t="str">
        <f t="shared" si="73"/>
        <v/>
      </c>
      <c r="BR363" s="487" t="str">
        <f t="shared" si="73"/>
        <v/>
      </c>
      <c r="BS363" s="487" t="str">
        <f t="shared" si="73"/>
        <v/>
      </c>
      <c r="BT363" s="487" t="str">
        <f t="shared" si="73"/>
        <v/>
      </c>
      <c r="BU363" s="487" t="str">
        <f t="shared" si="73"/>
        <v/>
      </c>
      <c r="BV363" s="487" t="str">
        <f t="shared" si="73"/>
        <v/>
      </c>
      <c r="BW363" s="487" t="str">
        <f t="shared" si="73"/>
        <v/>
      </c>
      <c r="BX363" s="487" t="str">
        <f t="shared" si="66"/>
        <v/>
      </c>
      <c r="BY363" s="487" t="str">
        <f t="shared" si="66"/>
        <v/>
      </c>
      <c r="BZ363" s="487" t="str">
        <f t="shared" si="66"/>
        <v/>
      </c>
      <c r="CA363" s="487" t="str">
        <f t="shared" si="64"/>
        <v/>
      </c>
      <c r="CB363" s="487" t="str">
        <f t="shared" si="64"/>
        <v/>
      </c>
      <c r="CC363" s="487" t="str">
        <f t="shared" si="64"/>
        <v/>
      </c>
      <c r="CD363" s="487" t="str">
        <f t="shared" si="64"/>
        <v/>
      </c>
      <c r="CE363" s="487" t="str">
        <f t="shared" si="64"/>
        <v/>
      </c>
      <c r="CF363" s="487" t="str">
        <f t="shared" si="64"/>
        <v/>
      </c>
      <c r="CG363" s="487" t="str">
        <f t="shared" si="64"/>
        <v/>
      </c>
      <c r="CH363" s="487" t="str">
        <f t="shared" si="64"/>
        <v/>
      </c>
      <c r="CI363" s="487" t="str">
        <f t="shared" si="64"/>
        <v/>
      </c>
      <c r="CJ363" s="487" t="str">
        <f t="shared" si="64"/>
        <v/>
      </c>
      <c r="CK363" s="487" t="str">
        <f t="shared" si="64"/>
        <v/>
      </c>
      <c r="CL363" s="487" t="str">
        <f t="shared" si="65"/>
        <v/>
      </c>
      <c r="CM363" s="487"/>
      <c r="CN363" s="487"/>
      <c r="CO363" s="487"/>
      <c r="CP363" s="487"/>
      <c r="CQ363" s="487"/>
      <c r="CR363" s="487"/>
      <c r="CS363" s="487"/>
      <c r="CT363" s="487"/>
      <c r="CU363" s="487"/>
      <c r="CV363" s="487"/>
      <c r="CW363" s="487"/>
      <c r="CX363" s="487"/>
      <c r="CY363" s="487"/>
      <c r="CZ363" s="487"/>
      <c r="DA363" s="487"/>
      <c r="DB363" s="487"/>
      <c r="DC363" s="487"/>
      <c r="DD363" s="487"/>
      <c r="DE363" s="487"/>
      <c r="DF363" s="487"/>
      <c r="DG363" s="487"/>
      <c r="DH363" s="487"/>
      <c r="DI363" s="76"/>
      <c r="DJ363" s="76"/>
      <c r="DK363" s="504"/>
    </row>
    <row r="364" spans="1:115" ht="56.1" hidden="1" customHeight="1" x14ac:dyDescent="0.2">
      <c r="A364" s="499" t="s">
        <v>2494</v>
      </c>
      <c r="B364" s="483" t="s">
        <v>2495</v>
      </c>
      <c r="C364" s="481">
        <v>728</v>
      </c>
      <c r="D364" s="481"/>
      <c r="E364" s="481" t="s">
        <v>2481</v>
      </c>
      <c r="F364" s="482" t="s">
        <v>53</v>
      </c>
      <c r="G364" s="482" t="s">
        <v>655</v>
      </c>
      <c r="H364" s="500" t="s">
        <v>830</v>
      </c>
      <c r="I364" s="501" t="s">
        <v>946</v>
      </c>
      <c r="J364" s="501" t="s">
        <v>947</v>
      </c>
      <c r="K364" s="501"/>
      <c r="L364" s="77" t="s">
        <v>58</v>
      </c>
      <c r="M364" s="501" t="s">
        <v>948</v>
      </c>
      <c r="N364" s="501"/>
      <c r="O364" s="501" t="s">
        <v>81</v>
      </c>
      <c r="P364" s="77" t="s">
        <v>77</v>
      </c>
      <c r="Q364" s="77"/>
      <c r="R364" s="500" t="s">
        <v>834</v>
      </c>
      <c r="S364" s="76" t="s">
        <v>63</v>
      </c>
      <c r="T364" s="76" t="s">
        <v>63</v>
      </c>
      <c r="U364" s="502">
        <v>370629.1875</v>
      </c>
      <c r="V364" s="502"/>
      <c r="W364" s="494" t="s">
        <v>659</v>
      </c>
      <c r="X364" s="494"/>
      <c r="Y364" s="503">
        <f t="shared" si="70"/>
        <v>370629.1875</v>
      </c>
      <c r="Z364" s="76" t="s">
        <v>65</v>
      </c>
      <c r="AA364" s="76"/>
      <c r="AB364" s="76"/>
      <c r="AC364" s="76"/>
      <c r="AD364" s="76"/>
      <c r="AE364" s="76"/>
      <c r="AF364" s="76"/>
      <c r="AG364" s="76"/>
      <c r="AH364" s="76"/>
      <c r="AI364" s="76"/>
      <c r="AJ364" s="76"/>
      <c r="AK364" s="487"/>
      <c r="AL364" s="76"/>
      <c r="AM364" s="76"/>
      <c r="AN364" s="76"/>
      <c r="AO364" s="76"/>
      <c r="AP364" s="76"/>
      <c r="AQ364" s="76"/>
      <c r="AR364" s="76"/>
      <c r="AS364" s="76"/>
      <c r="AT364" s="76"/>
      <c r="AU364" s="76"/>
      <c r="AV364" s="76"/>
      <c r="AW364" s="76"/>
      <c r="AX364" s="76"/>
      <c r="AY364" s="76"/>
      <c r="AZ364" s="76"/>
      <c r="BA364" s="76"/>
      <c r="BB364" s="76"/>
      <c r="BC364" s="76"/>
      <c r="BD364" s="76"/>
      <c r="BE364" s="76"/>
      <c r="BF364" s="80">
        <f t="shared" si="67"/>
        <v>0</v>
      </c>
      <c r="BG364" s="76"/>
      <c r="BH364" s="487" t="str">
        <f t="shared" si="74"/>
        <v/>
      </c>
      <c r="BI364" s="487" t="str">
        <f t="shared" si="74"/>
        <v/>
      </c>
      <c r="BJ364" s="487" t="str">
        <f t="shared" si="74"/>
        <v/>
      </c>
      <c r="BK364" s="487" t="str">
        <f t="shared" si="73"/>
        <v/>
      </c>
      <c r="BL364" s="487" t="str">
        <f t="shared" si="73"/>
        <v/>
      </c>
      <c r="BM364" s="487" t="str">
        <f t="shared" si="73"/>
        <v/>
      </c>
      <c r="BN364" s="487" t="str">
        <f t="shared" si="73"/>
        <v/>
      </c>
      <c r="BO364" s="487" t="str">
        <f t="shared" si="73"/>
        <v/>
      </c>
      <c r="BP364" s="487" t="str">
        <f t="shared" si="73"/>
        <v/>
      </c>
      <c r="BQ364" s="487" t="str">
        <f t="shared" si="73"/>
        <v/>
      </c>
      <c r="BR364" s="487" t="str">
        <f t="shared" si="73"/>
        <v/>
      </c>
      <c r="BS364" s="487" t="str">
        <f t="shared" si="73"/>
        <v/>
      </c>
      <c r="BT364" s="487" t="str">
        <f t="shared" si="73"/>
        <v/>
      </c>
      <c r="BU364" s="487" t="str">
        <f t="shared" si="73"/>
        <v/>
      </c>
      <c r="BV364" s="487" t="str">
        <f t="shared" si="73"/>
        <v/>
      </c>
      <c r="BW364" s="487" t="str">
        <f t="shared" si="73"/>
        <v/>
      </c>
      <c r="BX364" s="487" t="str">
        <f t="shared" si="66"/>
        <v/>
      </c>
      <c r="BY364" s="487" t="str">
        <f t="shared" si="66"/>
        <v/>
      </c>
      <c r="BZ364" s="487" t="str">
        <f t="shared" si="66"/>
        <v/>
      </c>
      <c r="CA364" s="487" t="str">
        <f t="shared" si="64"/>
        <v/>
      </c>
      <c r="CB364" s="487" t="str">
        <f t="shared" si="64"/>
        <v/>
      </c>
      <c r="CC364" s="487" t="str">
        <f t="shared" si="64"/>
        <v/>
      </c>
      <c r="CD364" s="487" t="str">
        <f t="shared" si="64"/>
        <v/>
      </c>
      <c r="CE364" s="487" t="str">
        <f t="shared" si="64"/>
        <v/>
      </c>
      <c r="CF364" s="487" t="str">
        <f t="shared" si="64"/>
        <v/>
      </c>
      <c r="CG364" s="487" t="str">
        <f t="shared" si="64"/>
        <v/>
      </c>
      <c r="CH364" s="487" t="str">
        <f t="shared" si="64"/>
        <v/>
      </c>
      <c r="CI364" s="487" t="str">
        <f t="shared" si="64"/>
        <v/>
      </c>
      <c r="CJ364" s="487" t="str">
        <f t="shared" si="64"/>
        <v/>
      </c>
      <c r="CK364" s="487" t="str">
        <f t="shared" si="64"/>
        <v/>
      </c>
      <c r="CL364" s="487" t="str">
        <f t="shared" si="65"/>
        <v/>
      </c>
      <c r="CM364" s="487"/>
      <c r="CN364" s="487"/>
      <c r="CO364" s="487"/>
      <c r="CP364" s="487"/>
      <c r="CQ364" s="487"/>
      <c r="CR364" s="487"/>
      <c r="CS364" s="487"/>
      <c r="CT364" s="487"/>
      <c r="CU364" s="487"/>
      <c r="CV364" s="487"/>
      <c r="CW364" s="487"/>
      <c r="CX364" s="487"/>
      <c r="CY364" s="487"/>
      <c r="CZ364" s="487"/>
      <c r="DA364" s="487"/>
      <c r="DB364" s="487"/>
      <c r="DC364" s="487"/>
      <c r="DD364" s="487"/>
      <c r="DE364" s="487"/>
      <c r="DF364" s="487"/>
      <c r="DG364" s="487"/>
      <c r="DH364" s="487"/>
      <c r="DI364" s="76"/>
      <c r="DJ364" s="76"/>
      <c r="DK364" s="504"/>
    </row>
    <row r="365" spans="1:115" ht="56.1" hidden="1" customHeight="1" x14ac:dyDescent="0.2">
      <c r="A365" s="499" t="s">
        <v>2494</v>
      </c>
      <c r="B365" s="483" t="s">
        <v>2495</v>
      </c>
      <c r="C365" s="481">
        <v>733</v>
      </c>
      <c r="D365" s="481"/>
      <c r="E365" s="481" t="s">
        <v>2481</v>
      </c>
      <c r="F365" s="482" t="s">
        <v>869</v>
      </c>
      <c r="G365" s="482" t="s">
        <v>655</v>
      </c>
      <c r="H365" s="500" t="s">
        <v>870</v>
      </c>
      <c r="I365" s="506" t="s">
        <v>959</v>
      </c>
      <c r="J365" s="501" t="s">
        <v>960</v>
      </c>
      <c r="K365" s="501"/>
      <c r="L365" s="77" t="s">
        <v>58</v>
      </c>
      <c r="M365" s="501" t="s">
        <v>833</v>
      </c>
      <c r="N365" s="501"/>
      <c r="O365" s="501" t="s">
        <v>81</v>
      </c>
      <c r="P365" s="77" t="s">
        <v>77</v>
      </c>
      <c r="Q365" s="77"/>
      <c r="R365" s="500" t="s">
        <v>722</v>
      </c>
      <c r="S365" s="76" t="s">
        <v>63</v>
      </c>
      <c r="T365" s="76" t="s">
        <v>63</v>
      </c>
      <c r="U365" s="485"/>
      <c r="V365" s="485"/>
      <c r="W365" s="494" t="s">
        <v>659</v>
      </c>
      <c r="X365" s="494"/>
      <c r="Y365" s="485"/>
      <c r="Z365" s="76" t="s">
        <v>65</v>
      </c>
      <c r="AA365" s="76"/>
      <c r="AB365" s="76"/>
      <c r="AC365" s="76"/>
      <c r="AD365" s="76"/>
      <c r="AE365" s="76"/>
      <c r="AF365" s="76"/>
      <c r="AG365" s="76"/>
      <c r="AH365" s="76"/>
      <c r="AI365" s="76"/>
      <c r="AJ365" s="76"/>
      <c r="AK365" s="76"/>
      <c r="AL365" s="76"/>
      <c r="AM365" s="76"/>
      <c r="AN365" s="76"/>
      <c r="AO365" s="76"/>
      <c r="AP365" s="76"/>
      <c r="AQ365" s="76"/>
      <c r="AR365" s="76"/>
      <c r="AS365" s="76"/>
      <c r="AT365" s="76"/>
      <c r="AU365" s="76"/>
      <c r="AV365" s="76"/>
      <c r="AW365" s="76"/>
      <c r="AX365" s="76"/>
      <c r="AY365" s="76"/>
      <c r="AZ365" s="76"/>
      <c r="BA365" s="76"/>
      <c r="BB365" s="76"/>
      <c r="BC365" s="76"/>
      <c r="BD365" s="76"/>
      <c r="BE365" s="76"/>
      <c r="BF365" s="80">
        <f t="shared" si="67"/>
        <v>0</v>
      </c>
      <c r="BG365" s="76"/>
      <c r="BH365" s="487" t="str">
        <f t="shared" si="74"/>
        <v/>
      </c>
      <c r="BI365" s="487" t="str">
        <f t="shared" si="74"/>
        <v/>
      </c>
      <c r="BJ365" s="487" t="str">
        <f t="shared" si="74"/>
        <v/>
      </c>
      <c r="BK365" s="487" t="str">
        <f t="shared" si="73"/>
        <v/>
      </c>
      <c r="BL365" s="487" t="str">
        <f t="shared" si="73"/>
        <v/>
      </c>
      <c r="BM365" s="487" t="str">
        <f t="shared" si="73"/>
        <v/>
      </c>
      <c r="BN365" s="487" t="str">
        <f t="shared" si="73"/>
        <v/>
      </c>
      <c r="BO365" s="487" t="str">
        <f t="shared" si="73"/>
        <v/>
      </c>
      <c r="BP365" s="487" t="str">
        <f t="shared" si="73"/>
        <v/>
      </c>
      <c r="BQ365" s="487" t="str">
        <f t="shared" si="73"/>
        <v/>
      </c>
      <c r="BR365" s="487" t="str">
        <f t="shared" si="73"/>
        <v/>
      </c>
      <c r="BS365" s="487" t="str">
        <f t="shared" si="73"/>
        <v/>
      </c>
      <c r="BT365" s="487" t="str">
        <f t="shared" si="73"/>
        <v/>
      </c>
      <c r="BU365" s="487" t="str">
        <f t="shared" si="73"/>
        <v/>
      </c>
      <c r="BV365" s="487" t="str">
        <f t="shared" si="73"/>
        <v/>
      </c>
      <c r="BW365" s="487" t="str">
        <f t="shared" si="73"/>
        <v/>
      </c>
      <c r="BX365" s="487" t="str">
        <f t="shared" si="66"/>
        <v/>
      </c>
      <c r="BY365" s="487" t="str">
        <f t="shared" si="66"/>
        <v/>
      </c>
      <c r="BZ365" s="487" t="str">
        <f t="shared" si="66"/>
        <v/>
      </c>
      <c r="CA365" s="487" t="str">
        <f t="shared" si="64"/>
        <v/>
      </c>
      <c r="CB365" s="487" t="str">
        <f t="shared" si="64"/>
        <v/>
      </c>
      <c r="CC365" s="487" t="str">
        <f t="shared" si="64"/>
        <v/>
      </c>
      <c r="CD365" s="487" t="str">
        <f t="shared" si="64"/>
        <v/>
      </c>
      <c r="CE365" s="487" t="str">
        <f t="shared" si="64"/>
        <v/>
      </c>
      <c r="CF365" s="487" t="str">
        <f t="shared" si="64"/>
        <v/>
      </c>
      <c r="CG365" s="487" t="str">
        <f t="shared" si="64"/>
        <v/>
      </c>
      <c r="CH365" s="487" t="str">
        <f t="shared" si="64"/>
        <v/>
      </c>
      <c r="CI365" s="487" t="str">
        <f t="shared" si="64"/>
        <v/>
      </c>
      <c r="CJ365" s="487" t="str">
        <f t="shared" si="64"/>
        <v/>
      </c>
      <c r="CK365" s="487" t="str">
        <f t="shared" si="64"/>
        <v/>
      </c>
      <c r="CL365" s="487" t="str">
        <f t="shared" si="65"/>
        <v/>
      </c>
      <c r="CM365" s="487"/>
      <c r="CN365" s="487"/>
      <c r="CO365" s="487"/>
      <c r="CP365" s="487"/>
      <c r="CQ365" s="487"/>
      <c r="CR365" s="487"/>
      <c r="CS365" s="487"/>
      <c r="CT365" s="487"/>
      <c r="CU365" s="487"/>
      <c r="CV365" s="487"/>
      <c r="CW365" s="487"/>
      <c r="CX365" s="487"/>
      <c r="CY365" s="487"/>
      <c r="CZ365" s="487"/>
      <c r="DA365" s="487"/>
      <c r="DB365" s="487"/>
      <c r="DC365" s="487"/>
      <c r="DD365" s="487"/>
      <c r="DE365" s="487"/>
      <c r="DF365" s="487"/>
      <c r="DG365" s="487"/>
      <c r="DH365" s="487"/>
      <c r="DI365" s="76"/>
      <c r="DJ365" s="76"/>
      <c r="DK365" s="504"/>
    </row>
    <row r="366" spans="1:115" ht="56.1" hidden="1" customHeight="1" x14ac:dyDescent="0.2">
      <c r="A366" s="499" t="s">
        <v>2494</v>
      </c>
      <c r="B366" s="483" t="s">
        <v>2495</v>
      </c>
      <c r="C366" s="481">
        <v>734</v>
      </c>
      <c r="D366" s="481"/>
      <c r="E366" s="481" t="s">
        <v>2481</v>
      </c>
      <c r="F366" s="482" t="s">
        <v>53</v>
      </c>
      <c r="G366" s="482" t="s">
        <v>655</v>
      </c>
      <c r="H366" s="500" t="s">
        <v>870</v>
      </c>
      <c r="I366" s="506" t="s">
        <v>961</v>
      </c>
      <c r="J366" s="506" t="s">
        <v>962</v>
      </c>
      <c r="K366" s="506"/>
      <c r="L366" s="77" t="s">
        <v>58</v>
      </c>
      <c r="M366" s="501" t="s">
        <v>833</v>
      </c>
      <c r="N366" s="501"/>
      <c r="O366" s="501" t="s">
        <v>81</v>
      </c>
      <c r="P366" s="77" t="s">
        <v>77</v>
      </c>
      <c r="Q366" s="77"/>
      <c r="R366" s="500" t="s">
        <v>722</v>
      </c>
      <c r="S366" s="76" t="s">
        <v>63</v>
      </c>
      <c r="T366" s="76" t="s">
        <v>63</v>
      </c>
      <c r="U366" s="485"/>
      <c r="V366" s="485"/>
      <c r="W366" s="494" t="s">
        <v>659</v>
      </c>
      <c r="X366" s="494"/>
      <c r="Y366" s="485"/>
      <c r="Z366" s="76" t="s">
        <v>65</v>
      </c>
      <c r="AA366" s="487"/>
      <c r="AB366" s="487"/>
      <c r="AC366" s="487"/>
      <c r="AD366" s="487"/>
      <c r="AE366" s="487"/>
      <c r="AF366" s="487"/>
      <c r="AG366" s="487"/>
      <c r="AH366" s="487"/>
      <c r="AI366" s="487"/>
      <c r="AJ366" s="487"/>
      <c r="AK366" s="487"/>
      <c r="AL366" s="487"/>
      <c r="AM366" s="487"/>
      <c r="AN366" s="487"/>
      <c r="AO366" s="487"/>
      <c r="AP366" s="487"/>
      <c r="AQ366" s="76"/>
      <c r="AR366" s="487"/>
      <c r="AS366" s="487"/>
      <c r="AT366" s="487"/>
      <c r="AU366" s="76"/>
      <c r="AV366" s="487"/>
      <c r="AW366" s="487"/>
      <c r="AX366" s="487"/>
      <c r="AY366" s="76"/>
      <c r="AZ366" s="487"/>
      <c r="BA366" s="76"/>
      <c r="BB366" s="76"/>
      <c r="BC366" s="487"/>
      <c r="BD366" s="76"/>
      <c r="BE366" s="76"/>
      <c r="BF366" s="80">
        <f t="shared" si="67"/>
        <v>0</v>
      </c>
      <c r="BG366" s="76"/>
      <c r="BH366" s="487" t="str">
        <f t="shared" si="74"/>
        <v/>
      </c>
      <c r="BI366" s="487" t="str">
        <f t="shared" si="74"/>
        <v/>
      </c>
      <c r="BJ366" s="487" t="str">
        <f t="shared" si="74"/>
        <v/>
      </c>
      <c r="BK366" s="487" t="str">
        <f t="shared" si="73"/>
        <v/>
      </c>
      <c r="BL366" s="487" t="str">
        <f t="shared" si="73"/>
        <v/>
      </c>
      <c r="BM366" s="487" t="str">
        <f t="shared" si="73"/>
        <v/>
      </c>
      <c r="BN366" s="487" t="str">
        <f t="shared" si="73"/>
        <v/>
      </c>
      <c r="BO366" s="487" t="str">
        <f t="shared" si="73"/>
        <v/>
      </c>
      <c r="BP366" s="487" t="str">
        <f t="shared" si="73"/>
        <v/>
      </c>
      <c r="BQ366" s="487" t="str">
        <f t="shared" si="73"/>
        <v/>
      </c>
      <c r="BR366" s="487" t="str">
        <f t="shared" si="73"/>
        <v/>
      </c>
      <c r="BS366" s="487" t="str">
        <f t="shared" si="73"/>
        <v/>
      </c>
      <c r="BT366" s="487" t="str">
        <f t="shared" si="73"/>
        <v/>
      </c>
      <c r="BU366" s="487" t="str">
        <f t="shared" si="73"/>
        <v/>
      </c>
      <c r="BV366" s="487" t="str">
        <f t="shared" si="73"/>
        <v/>
      </c>
      <c r="BW366" s="487" t="str">
        <f t="shared" si="73"/>
        <v/>
      </c>
      <c r="BX366" s="487" t="str">
        <f t="shared" si="66"/>
        <v/>
      </c>
      <c r="BY366" s="487" t="str">
        <f t="shared" si="66"/>
        <v/>
      </c>
      <c r="BZ366" s="487" t="str">
        <f t="shared" si="66"/>
        <v/>
      </c>
      <c r="CA366" s="487" t="str">
        <f t="shared" si="64"/>
        <v/>
      </c>
      <c r="CB366" s="487" t="str">
        <f t="shared" si="64"/>
        <v/>
      </c>
      <c r="CC366" s="487" t="str">
        <f t="shared" si="64"/>
        <v/>
      </c>
      <c r="CD366" s="487" t="str">
        <f t="shared" si="64"/>
        <v/>
      </c>
      <c r="CE366" s="487" t="str">
        <f t="shared" si="64"/>
        <v/>
      </c>
      <c r="CF366" s="487" t="str">
        <f t="shared" si="64"/>
        <v/>
      </c>
      <c r="CG366" s="487" t="str">
        <f t="shared" si="64"/>
        <v/>
      </c>
      <c r="CH366" s="487" t="str">
        <f t="shared" si="64"/>
        <v/>
      </c>
      <c r="CI366" s="487" t="str">
        <f t="shared" si="64"/>
        <v/>
      </c>
      <c r="CJ366" s="487" t="str">
        <f t="shared" si="64"/>
        <v/>
      </c>
      <c r="CK366" s="487" t="str">
        <f t="shared" si="64"/>
        <v/>
      </c>
      <c r="CL366" s="487" t="str">
        <f t="shared" si="65"/>
        <v/>
      </c>
      <c r="CM366" s="487"/>
      <c r="CN366" s="487"/>
      <c r="CO366" s="487"/>
      <c r="CP366" s="487"/>
      <c r="CQ366" s="487"/>
      <c r="CR366" s="487"/>
      <c r="CS366" s="487"/>
      <c r="CT366" s="487"/>
      <c r="CU366" s="487"/>
      <c r="CV366" s="487"/>
      <c r="CW366" s="487"/>
      <c r="CX366" s="487"/>
      <c r="CY366" s="487"/>
      <c r="CZ366" s="487"/>
      <c r="DA366" s="487"/>
      <c r="DB366" s="487"/>
      <c r="DC366" s="487"/>
      <c r="DD366" s="487"/>
      <c r="DE366" s="487"/>
      <c r="DF366" s="487"/>
      <c r="DG366" s="487"/>
      <c r="DH366" s="487"/>
      <c r="DI366" s="76"/>
      <c r="DJ366" s="76"/>
      <c r="DK366" s="504"/>
    </row>
    <row r="367" spans="1:115" ht="56.1" hidden="1" customHeight="1" x14ac:dyDescent="0.2">
      <c r="A367" s="499" t="s">
        <v>2494</v>
      </c>
      <c r="B367" s="483" t="s">
        <v>2495</v>
      </c>
      <c r="C367" s="481">
        <v>736</v>
      </c>
      <c r="D367" s="481"/>
      <c r="E367" s="481" t="s">
        <v>2481</v>
      </c>
      <c r="F367" s="482" t="s">
        <v>53</v>
      </c>
      <c r="G367" s="482" t="s">
        <v>655</v>
      </c>
      <c r="H367" s="500" t="s">
        <v>870</v>
      </c>
      <c r="I367" s="506" t="s">
        <v>965</v>
      </c>
      <c r="J367" s="506" t="s">
        <v>966</v>
      </c>
      <c r="K367" s="506"/>
      <c r="L367" s="77" t="s">
        <v>58</v>
      </c>
      <c r="M367" s="501" t="s">
        <v>833</v>
      </c>
      <c r="N367" s="501"/>
      <c r="O367" s="501" t="s">
        <v>81</v>
      </c>
      <c r="P367" s="77" t="s">
        <v>77</v>
      </c>
      <c r="Q367" s="77"/>
      <c r="R367" s="500" t="s">
        <v>722</v>
      </c>
      <c r="S367" s="76" t="s">
        <v>63</v>
      </c>
      <c r="T367" s="76" t="s">
        <v>63</v>
      </c>
      <c r="U367" s="485"/>
      <c r="V367" s="485"/>
      <c r="W367" s="494" t="s">
        <v>659</v>
      </c>
      <c r="X367" s="494"/>
      <c r="Y367" s="485"/>
      <c r="Z367" s="76" t="s">
        <v>65</v>
      </c>
      <c r="AA367" s="487"/>
      <c r="AB367" s="487"/>
      <c r="AC367" s="487"/>
      <c r="AD367" s="487"/>
      <c r="AE367" s="487"/>
      <c r="AF367" s="487"/>
      <c r="AG367" s="487"/>
      <c r="AH367" s="487"/>
      <c r="AI367" s="487"/>
      <c r="AJ367" s="487"/>
      <c r="AK367" s="487"/>
      <c r="AL367" s="487"/>
      <c r="AM367" s="487"/>
      <c r="AN367" s="487"/>
      <c r="AO367" s="487"/>
      <c r="AP367" s="487"/>
      <c r="AQ367" s="76"/>
      <c r="AR367" s="487"/>
      <c r="AS367" s="487"/>
      <c r="AT367" s="487"/>
      <c r="AU367" s="76"/>
      <c r="AV367" s="487"/>
      <c r="AW367" s="487"/>
      <c r="AX367" s="487"/>
      <c r="AY367" s="76"/>
      <c r="AZ367" s="487"/>
      <c r="BA367" s="76"/>
      <c r="BB367" s="76"/>
      <c r="BC367" s="487"/>
      <c r="BD367" s="76"/>
      <c r="BE367" s="76"/>
      <c r="BF367" s="80">
        <f t="shared" si="67"/>
        <v>0</v>
      </c>
      <c r="BG367" s="76"/>
      <c r="BH367" s="487" t="str">
        <f t="shared" si="74"/>
        <v/>
      </c>
      <c r="BI367" s="487" t="str">
        <f t="shared" si="74"/>
        <v/>
      </c>
      <c r="BJ367" s="487" t="str">
        <f t="shared" si="74"/>
        <v/>
      </c>
      <c r="BK367" s="487" t="str">
        <f t="shared" si="73"/>
        <v/>
      </c>
      <c r="BL367" s="487" t="str">
        <f t="shared" si="73"/>
        <v/>
      </c>
      <c r="BM367" s="487" t="str">
        <f t="shared" si="73"/>
        <v/>
      </c>
      <c r="BN367" s="487" t="str">
        <f t="shared" si="73"/>
        <v/>
      </c>
      <c r="BO367" s="487" t="str">
        <f t="shared" si="73"/>
        <v/>
      </c>
      <c r="BP367" s="487" t="str">
        <f t="shared" si="73"/>
        <v/>
      </c>
      <c r="BQ367" s="487" t="str">
        <f t="shared" si="73"/>
        <v/>
      </c>
      <c r="BR367" s="487" t="str">
        <f t="shared" si="73"/>
        <v/>
      </c>
      <c r="BS367" s="487" t="str">
        <f t="shared" si="73"/>
        <v/>
      </c>
      <c r="BT367" s="487" t="str">
        <f t="shared" si="73"/>
        <v/>
      </c>
      <c r="BU367" s="487" t="str">
        <f t="shared" si="73"/>
        <v/>
      </c>
      <c r="BV367" s="487" t="str">
        <f t="shared" si="73"/>
        <v/>
      </c>
      <c r="BW367" s="487" t="str">
        <f t="shared" si="73"/>
        <v/>
      </c>
      <c r="BX367" s="487" t="str">
        <f t="shared" si="66"/>
        <v/>
      </c>
      <c r="BY367" s="487" t="str">
        <f t="shared" si="66"/>
        <v/>
      </c>
      <c r="BZ367" s="487" t="str">
        <f t="shared" si="66"/>
        <v/>
      </c>
      <c r="CA367" s="487" t="str">
        <f t="shared" si="64"/>
        <v/>
      </c>
      <c r="CB367" s="487" t="str">
        <f t="shared" si="64"/>
        <v/>
      </c>
      <c r="CC367" s="487" t="str">
        <f t="shared" si="64"/>
        <v/>
      </c>
      <c r="CD367" s="487" t="str">
        <f t="shared" si="64"/>
        <v/>
      </c>
      <c r="CE367" s="487" t="str">
        <f t="shared" si="64"/>
        <v/>
      </c>
      <c r="CF367" s="487" t="str">
        <f t="shared" si="64"/>
        <v/>
      </c>
      <c r="CG367" s="487" t="str">
        <f t="shared" si="64"/>
        <v/>
      </c>
      <c r="CH367" s="487" t="str">
        <f t="shared" si="64"/>
        <v/>
      </c>
      <c r="CI367" s="487" t="str">
        <f t="shared" si="64"/>
        <v/>
      </c>
      <c r="CJ367" s="487" t="str">
        <f t="shared" si="64"/>
        <v/>
      </c>
      <c r="CK367" s="487" t="str">
        <f t="shared" si="64"/>
        <v/>
      </c>
      <c r="CL367" s="487" t="str">
        <f t="shared" si="65"/>
        <v/>
      </c>
      <c r="CM367" s="487"/>
      <c r="CN367" s="487"/>
      <c r="CO367" s="487"/>
      <c r="CP367" s="487"/>
      <c r="CQ367" s="487"/>
      <c r="CR367" s="487"/>
      <c r="CS367" s="487"/>
      <c r="CT367" s="487"/>
      <c r="CU367" s="487"/>
      <c r="CV367" s="487"/>
      <c r="CW367" s="487"/>
      <c r="CX367" s="487"/>
      <c r="CY367" s="487"/>
      <c r="CZ367" s="487"/>
      <c r="DA367" s="487"/>
      <c r="DB367" s="487"/>
      <c r="DC367" s="487"/>
      <c r="DD367" s="487"/>
      <c r="DE367" s="487"/>
      <c r="DF367" s="487"/>
      <c r="DG367" s="487"/>
      <c r="DH367" s="487"/>
      <c r="DI367" s="76"/>
      <c r="DJ367" s="76"/>
      <c r="DK367" s="504"/>
    </row>
    <row r="368" spans="1:115" ht="56.1" hidden="1" customHeight="1" x14ac:dyDescent="0.2">
      <c r="A368" s="499" t="s">
        <v>2494</v>
      </c>
      <c r="B368" s="483" t="s">
        <v>2495</v>
      </c>
      <c r="C368" s="481">
        <v>737</v>
      </c>
      <c r="D368" s="481"/>
      <c r="E368" s="481" t="s">
        <v>2481</v>
      </c>
      <c r="F368" s="482" t="s">
        <v>53</v>
      </c>
      <c r="G368" s="482" t="s">
        <v>655</v>
      </c>
      <c r="H368" s="500" t="s">
        <v>900</v>
      </c>
      <c r="I368" s="506" t="s">
        <v>967</v>
      </c>
      <c r="J368" s="506" t="s">
        <v>968</v>
      </c>
      <c r="K368" s="506"/>
      <c r="L368" s="77" t="s">
        <v>58</v>
      </c>
      <c r="M368" s="501" t="s">
        <v>833</v>
      </c>
      <c r="N368" s="501"/>
      <c r="O368" s="501" t="s">
        <v>81</v>
      </c>
      <c r="P368" s="77" t="s">
        <v>77</v>
      </c>
      <c r="Q368" s="77"/>
      <c r="R368" s="500" t="s">
        <v>722</v>
      </c>
      <c r="S368" s="76" t="s">
        <v>63</v>
      </c>
      <c r="T368" s="76" t="s">
        <v>63</v>
      </c>
      <c r="U368" s="485"/>
      <c r="V368" s="485"/>
      <c r="W368" s="494" t="s">
        <v>659</v>
      </c>
      <c r="X368" s="494"/>
      <c r="Y368" s="485"/>
      <c r="Z368" s="76" t="s">
        <v>65</v>
      </c>
      <c r="AA368" s="76"/>
      <c r="AB368" s="76"/>
      <c r="AC368" s="76"/>
      <c r="AD368" s="76"/>
      <c r="AE368" s="76"/>
      <c r="AF368" s="76"/>
      <c r="AG368" s="76"/>
      <c r="AH368" s="76"/>
      <c r="AI368" s="487"/>
      <c r="AJ368" s="76"/>
      <c r="AK368" s="487"/>
      <c r="AL368" s="76"/>
      <c r="AM368" s="76"/>
      <c r="AN368" s="76"/>
      <c r="AO368" s="76"/>
      <c r="AP368" s="76"/>
      <c r="AQ368" s="76"/>
      <c r="AR368" s="76"/>
      <c r="AS368" s="76"/>
      <c r="AT368" s="76"/>
      <c r="AU368" s="76"/>
      <c r="AV368" s="76"/>
      <c r="AW368" s="76"/>
      <c r="AX368" s="76"/>
      <c r="AY368" s="76"/>
      <c r="AZ368" s="76"/>
      <c r="BA368" s="76"/>
      <c r="BB368" s="76"/>
      <c r="BC368" s="76"/>
      <c r="BD368" s="76"/>
      <c r="BE368" s="76"/>
      <c r="BF368" s="80">
        <f t="shared" si="67"/>
        <v>0</v>
      </c>
      <c r="BG368" s="76"/>
      <c r="BH368" s="487" t="str">
        <f t="shared" si="74"/>
        <v/>
      </c>
      <c r="BI368" s="487" t="str">
        <f t="shared" si="74"/>
        <v/>
      </c>
      <c r="BJ368" s="487" t="str">
        <f t="shared" si="74"/>
        <v/>
      </c>
      <c r="BK368" s="487" t="str">
        <f t="shared" si="73"/>
        <v/>
      </c>
      <c r="BL368" s="487" t="str">
        <f t="shared" si="73"/>
        <v/>
      </c>
      <c r="BM368" s="487" t="str">
        <f t="shared" si="73"/>
        <v/>
      </c>
      <c r="BN368" s="487" t="str">
        <f t="shared" si="73"/>
        <v/>
      </c>
      <c r="BO368" s="487" t="str">
        <f t="shared" si="73"/>
        <v/>
      </c>
      <c r="BP368" s="487" t="str">
        <f t="shared" si="73"/>
        <v/>
      </c>
      <c r="BQ368" s="487" t="str">
        <f t="shared" si="73"/>
        <v/>
      </c>
      <c r="BR368" s="487" t="str">
        <f t="shared" ref="BR368:CG397" si="75">IF(AK368="yes",(AK$2*$BG368),"")</f>
        <v/>
      </c>
      <c r="BS368" s="487" t="str">
        <f t="shared" si="75"/>
        <v/>
      </c>
      <c r="BT368" s="487" t="str">
        <f t="shared" si="75"/>
        <v/>
      </c>
      <c r="BU368" s="487" t="str">
        <f t="shared" si="75"/>
        <v/>
      </c>
      <c r="BV368" s="487" t="str">
        <f t="shared" si="75"/>
        <v/>
      </c>
      <c r="BW368" s="487" t="str">
        <f t="shared" si="75"/>
        <v/>
      </c>
      <c r="BX368" s="487" t="str">
        <f t="shared" si="66"/>
        <v/>
      </c>
      <c r="BY368" s="487" t="str">
        <f t="shared" si="66"/>
        <v/>
      </c>
      <c r="BZ368" s="487" t="str">
        <f t="shared" si="66"/>
        <v/>
      </c>
      <c r="CA368" s="487" t="str">
        <f t="shared" si="64"/>
        <v/>
      </c>
      <c r="CB368" s="487" t="str">
        <f t="shared" si="64"/>
        <v/>
      </c>
      <c r="CC368" s="487" t="str">
        <f t="shared" si="64"/>
        <v/>
      </c>
      <c r="CD368" s="487" t="str">
        <f t="shared" si="64"/>
        <v/>
      </c>
      <c r="CE368" s="487" t="str">
        <f t="shared" si="64"/>
        <v/>
      </c>
      <c r="CF368" s="487" t="str">
        <f t="shared" si="64"/>
        <v/>
      </c>
      <c r="CG368" s="487" t="str">
        <f t="shared" si="64"/>
        <v/>
      </c>
      <c r="CH368" s="487" t="str">
        <f t="shared" si="64"/>
        <v/>
      </c>
      <c r="CI368" s="487" t="str">
        <f t="shared" si="64"/>
        <v/>
      </c>
      <c r="CJ368" s="487" t="str">
        <f t="shared" si="64"/>
        <v/>
      </c>
      <c r="CK368" s="487" t="str">
        <f t="shared" si="64"/>
        <v/>
      </c>
      <c r="CL368" s="487" t="str">
        <f t="shared" si="65"/>
        <v/>
      </c>
      <c r="CM368" s="487"/>
      <c r="CN368" s="487"/>
      <c r="CO368" s="487"/>
      <c r="CP368" s="487"/>
      <c r="CQ368" s="487"/>
      <c r="CR368" s="487"/>
      <c r="CS368" s="487"/>
      <c r="CT368" s="487"/>
      <c r="CU368" s="487"/>
      <c r="CV368" s="487"/>
      <c r="CW368" s="487"/>
      <c r="CX368" s="487"/>
      <c r="CY368" s="487"/>
      <c r="CZ368" s="487"/>
      <c r="DA368" s="487"/>
      <c r="DB368" s="487"/>
      <c r="DC368" s="487"/>
      <c r="DD368" s="487"/>
      <c r="DE368" s="487"/>
      <c r="DF368" s="487"/>
      <c r="DG368" s="487"/>
      <c r="DH368" s="487"/>
      <c r="DI368" s="76"/>
      <c r="DJ368" s="76"/>
      <c r="DK368" s="504"/>
    </row>
    <row r="369" spans="1:115" ht="79.349999999999994" hidden="1" customHeight="1" x14ac:dyDescent="0.2">
      <c r="A369" s="499" t="s">
        <v>2494</v>
      </c>
      <c r="B369" s="483" t="s">
        <v>2495</v>
      </c>
      <c r="C369" s="481">
        <v>738</v>
      </c>
      <c r="D369" s="481"/>
      <c r="E369" s="481" t="s">
        <v>2481</v>
      </c>
      <c r="F369" s="482" t="s">
        <v>53</v>
      </c>
      <c r="G369" s="482" t="s">
        <v>655</v>
      </c>
      <c r="H369" s="507" t="s">
        <v>900</v>
      </c>
      <c r="I369" s="506" t="s">
        <v>969</v>
      </c>
      <c r="J369" s="506" t="s">
        <v>970</v>
      </c>
      <c r="K369" s="506"/>
      <c r="L369" s="77" t="s">
        <v>58</v>
      </c>
      <c r="M369" s="501" t="s">
        <v>833</v>
      </c>
      <c r="N369" s="501"/>
      <c r="O369" s="501" t="s">
        <v>81</v>
      </c>
      <c r="P369" s="77" t="s">
        <v>77</v>
      </c>
      <c r="Q369" s="77"/>
      <c r="R369" s="500" t="s">
        <v>722</v>
      </c>
      <c r="S369" s="76" t="s">
        <v>63</v>
      </c>
      <c r="T369" s="76" t="s">
        <v>63</v>
      </c>
      <c r="U369" s="485"/>
      <c r="V369" s="485"/>
      <c r="W369" s="494" t="s">
        <v>659</v>
      </c>
      <c r="X369" s="494"/>
      <c r="Y369" s="485"/>
      <c r="Z369" s="76" t="s">
        <v>65</v>
      </c>
      <c r="AA369" s="76"/>
      <c r="AB369" s="76"/>
      <c r="AC369" s="76"/>
      <c r="AD369" s="76"/>
      <c r="AE369" s="76"/>
      <c r="AF369" s="76"/>
      <c r="AG369" s="76"/>
      <c r="AH369" s="76"/>
      <c r="AI369" s="76"/>
      <c r="AJ369" s="76"/>
      <c r="AK369" s="76"/>
      <c r="AL369" s="76"/>
      <c r="AM369" s="76"/>
      <c r="AN369" s="76"/>
      <c r="AO369" s="76"/>
      <c r="AP369" s="76"/>
      <c r="AQ369" s="76"/>
      <c r="AR369" s="76"/>
      <c r="AS369" s="76"/>
      <c r="AT369" s="76"/>
      <c r="AU369" s="76"/>
      <c r="AV369" s="76"/>
      <c r="AW369" s="76"/>
      <c r="AX369" s="76"/>
      <c r="AY369" s="76"/>
      <c r="AZ369" s="76"/>
      <c r="BA369" s="76"/>
      <c r="BB369" s="76"/>
      <c r="BC369" s="76"/>
      <c r="BD369" s="76"/>
      <c r="BE369" s="76"/>
      <c r="BF369" s="80">
        <f t="shared" si="67"/>
        <v>0</v>
      </c>
      <c r="BG369" s="76"/>
      <c r="BH369" s="487" t="str">
        <f t="shared" si="74"/>
        <v/>
      </c>
      <c r="BI369" s="487" t="str">
        <f t="shared" si="74"/>
        <v/>
      </c>
      <c r="BJ369" s="487" t="str">
        <f t="shared" si="74"/>
        <v/>
      </c>
      <c r="BK369" s="487" t="str">
        <f t="shared" si="74"/>
        <v/>
      </c>
      <c r="BL369" s="487" t="str">
        <f t="shared" si="74"/>
        <v/>
      </c>
      <c r="BM369" s="487" t="str">
        <f t="shared" si="74"/>
        <v/>
      </c>
      <c r="BN369" s="487" t="str">
        <f t="shared" si="74"/>
        <v/>
      </c>
      <c r="BO369" s="487" t="str">
        <f t="shared" si="74"/>
        <v/>
      </c>
      <c r="BP369" s="487" t="str">
        <f t="shared" si="74"/>
        <v/>
      </c>
      <c r="BQ369" s="487" t="str">
        <f t="shared" si="74"/>
        <v/>
      </c>
      <c r="BR369" s="487" t="str">
        <f t="shared" si="75"/>
        <v/>
      </c>
      <c r="BS369" s="487" t="str">
        <f t="shared" si="75"/>
        <v/>
      </c>
      <c r="BT369" s="487" t="str">
        <f t="shared" si="75"/>
        <v/>
      </c>
      <c r="BU369" s="487" t="str">
        <f t="shared" si="75"/>
        <v/>
      </c>
      <c r="BV369" s="487" t="str">
        <f t="shared" si="75"/>
        <v/>
      </c>
      <c r="BW369" s="487" t="str">
        <f t="shared" si="75"/>
        <v/>
      </c>
      <c r="BX369" s="487" t="str">
        <f t="shared" si="66"/>
        <v/>
      </c>
      <c r="BY369" s="487" t="str">
        <f t="shared" si="66"/>
        <v/>
      </c>
      <c r="BZ369" s="487" t="str">
        <f t="shared" si="66"/>
        <v/>
      </c>
      <c r="CA369" s="487" t="str">
        <f t="shared" si="64"/>
        <v/>
      </c>
      <c r="CB369" s="487" t="str">
        <f t="shared" si="64"/>
        <v/>
      </c>
      <c r="CC369" s="487" t="str">
        <f t="shared" ref="CC369:CL395" si="76">IF(AV369="yes",(AV$2*$BG369),"")</f>
        <v/>
      </c>
      <c r="CD369" s="487" t="str">
        <f t="shared" si="76"/>
        <v/>
      </c>
      <c r="CE369" s="487" t="str">
        <f t="shared" si="76"/>
        <v/>
      </c>
      <c r="CF369" s="487" t="str">
        <f t="shared" si="76"/>
        <v/>
      </c>
      <c r="CG369" s="487" t="str">
        <f t="shared" si="76"/>
        <v/>
      </c>
      <c r="CH369" s="487" t="str">
        <f t="shared" si="76"/>
        <v/>
      </c>
      <c r="CI369" s="487" t="str">
        <f t="shared" si="76"/>
        <v/>
      </c>
      <c r="CJ369" s="487" t="str">
        <f t="shared" si="76"/>
        <v/>
      </c>
      <c r="CK369" s="487" t="str">
        <f t="shared" si="76"/>
        <v/>
      </c>
      <c r="CL369" s="487" t="str">
        <f t="shared" si="65"/>
        <v/>
      </c>
      <c r="CM369" s="487"/>
      <c r="CN369" s="487"/>
      <c r="CO369" s="487"/>
      <c r="CP369" s="487"/>
      <c r="CQ369" s="487"/>
      <c r="CR369" s="487"/>
      <c r="CS369" s="487"/>
      <c r="CT369" s="487"/>
      <c r="CU369" s="487"/>
      <c r="CV369" s="487"/>
      <c r="CW369" s="487"/>
      <c r="CX369" s="487"/>
      <c r="CY369" s="487"/>
      <c r="CZ369" s="487"/>
      <c r="DA369" s="487"/>
      <c r="DB369" s="487"/>
      <c r="DC369" s="487"/>
      <c r="DD369" s="487"/>
      <c r="DE369" s="487"/>
      <c r="DF369" s="487"/>
      <c r="DG369" s="487"/>
      <c r="DH369" s="487"/>
      <c r="DI369" s="76"/>
      <c r="DJ369" s="76"/>
      <c r="DK369" s="504"/>
    </row>
    <row r="370" spans="1:115" ht="84.6" hidden="1" customHeight="1" x14ac:dyDescent="0.2">
      <c r="A370" s="499" t="s">
        <v>2494</v>
      </c>
      <c r="B370" s="483" t="s">
        <v>2495</v>
      </c>
      <c r="C370" s="481">
        <v>742</v>
      </c>
      <c r="D370" s="481"/>
      <c r="E370" s="481" t="s">
        <v>2481</v>
      </c>
      <c r="F370" s="482" t="s">
        <v>53</v>
      </c>
      <c r="G370" s="482" t="s">
        <v>655</v>
      </c>
      <c r="H370" s="507" t="s">
        <v>870</v>
      </c>
      <c r="I370" s="506" t="s">
        <v>977</v>
      </c>
      <c r="J370" s="506" t="s">
        <v>978</v>
      </c>
      <c r="K370" s="506"/>
      <c r="L370" s="77" t="s">
        <v>58</v>
      </c>
      <c r="M370" s="501" t="s">
        <v>833</v>
      </c>
      <c r="N370" s="501"/>
      <c r="O370" s="501" t="s">
        <v>81</v>
      </c>
      <c r="P370" s="77" t="s">
        <v>77</v>
      </c>
      <c r="Q370" s="77"/>
      <c r="R370" s="501" t="s">
        <v>834</v>
      </c>
      <c r="S370" s="76" t="s">
        <v>63</v>
      </c>
      <c r="T370" s="76" t="s">
        <v>63</v>
      </c>
      <c r="U370" s="502">
        <v>814028</v>
      </c>
      <c r="V370" s="502"/>
      <c r="W370" s="494" t="s">
        <v>659</v>
      </c>
      <c r="X370" s="494"/>
      <c r="Y370" s="503">
        <f t="shared" ref="Y370:Y405" si="77">U370</f>
        <v>814028</v>
      </c>
      <c r="Z370" s="76" t="s">
        <v>65</v>
      </c>
      <c r="AA370" s="487"/>
      <c r="AB370" s="76"/>
      <c r="AC370" s="76"/>
      <c r="AD370" s="76"/>
      <c r="AE370" s="76"/>
      <c r="AF370" s="76"/>
      <c r="AG370" s="76"/>
      <c r="AH370" s="76"/>
      <c r="AI370" s="76"/>
      <c r="AJ370" s="76"/>
      <c r="AK370" s="76"/>
      <c r="AL370" s="76"/>
      <c r="AM370" s="76"/>
      <c r="AN370" s="76"/>
      <c r="AO370" s="76"/>
      <c r="AP370" s="76"/>
      <c r="AQ370" s="76"/>
      <c r="AR370" s="76"/>
      <c r="AS370" s="76"/>
      <c r="AT370" s="76"/>
      <c r="AU370" s="76"/>
      <c r="AV370" s="76"/>
      <c r="AW370" s="76"/>
      <c r="AX370" s="76"/>
      <c r="AY370" s="76"/>
      <c r="AZ370" s="76"/>
      <c r="BA370" s="76"/>
      <c r="BB370" s="76"/>
      <c r="BC370" s="76"/>
      <c r="BD370" s="76"/>
      <c r="BE370" s="76"/>
      <c r="BF370" s="80">
        <f t="shared" si="67"/>
        <v>0</v>
      </c>
      <c r="BG370" s="76"/>
      <c r="BH370" s="487" t="str">
        <f t="shared" si="74"/>
        <v/>
      </c>
      <c r="BI370" s="487" t="str">
        <f t="shared" si="74"/>
        <v/>
      </c>
      <c r="BJ370" s="487" t="str">
        <f t="shared" si="74"/>
        <v/>
      </c>
      <c r="BK370" s="487" t="str">
        <f t="shared" si="74"/>
        <v/>
      </c>
      <c r="BL370" s="487" t="str">
        <f t="shared" si="74"/>
        <v/>
      </c>
      <c r="BM370" s="487" t="str">
        <f t="shared" si="74"/>
        <v/>
      </c>
      <c r="BN370" s="487" t="str">
        <f t="shared" si="74"/>
        <v/>
      </c>
      <c r="BO370" s="487" t="str">
        <f t="shared" si="74"/>
        <v/>
      </c>
      <c r="BP370" s="487" t="str">
        <f t="shared" si="74"/>
        <v/>
      </c>
      <c r="BQ370" s="487" t="str">
        <f t="shared" si="74"/>
        <v/>
      </c>
      <c r="BR370" s="487" t="str">
        <f t="shared" si="75"/>
        <v/>
      </c>
      <c r="BS370" s="487" t="str">
        <f t="shared" si="75"/>
        <v/>
      </c>
      <c r="BT370" s="487" t="str">
        <f t="shared" si="75"/>
        <v/>
      </c>
      <c r="BU370" s="487" t="str">
        <f t="shared" si="75"/>
        <v/>
      </c>
      <c r="BV370" s="487" t="str">
        <f t="shared" si="75"/>
        <v/>
      </c>
      <c r="BW370" s="487" t="str">
        <f t="shared" si="75"/>
        <v/>
      </c>
      <c r="BX370" s="487" t="str">
        <f t="shared" si="66"/>
        <v/>
      </c>
      <c r="BY370" s="487" t="str">
        <f t="shared" si="66"/>
        <v/>
      </c>
      <c r="BZ370" s="487" t="str">
        <f t="shared" si="66"/>
        <v/>
      </c>
      <c r="CA370" s="487" t="str">
        <f t="shared" si="66"/>
        <v/>
      </c>
      <c r="CB370" s="487" t="str">
        <f t="shared" si="66"/>
        <v/>
      </c>
      <c r="CC370" s="487" t="str">
        <f t="shared" si="76"/>
        <v/>
      </c>
      <c r="CD370" s="487" t="str">
        <f t="shared" si="76"/>
        <v/>
      </c>
      <c r="CE370" s="487" t="str">
        <f t="shared" si="76"/>
        <v/>
      </c>
      <c r="CF370" s="487" t="str">
        <f t="shared" si="76"/>
        <v/>
      </c>
      <c r="CG370" s="487" t="str">
        <f t="shared" si="76"/>
        <v/>
      </c>
      <c r="CH370" s="487" t="str">
        <f t="shared" si="76"/>
        <v/>
      </c>
      <c r="CI370" s="487" t="str">
        <f t="shared" si="76"/>
        <v/>
      </c>
      <c r="CJ370" s="487" t="str">
        <f t="shared" si="76"/>
        <v/>
      </c>
      <c r="CK370" s="487" t="str">
        <f t="shared" si="76"/>
        <v/>
      </c>
      <c r="CL370" s="487" t="str">
        <f t="shared" si="65"/>
        <v/>
      </c>
      <c r="CM370" s="487"/>
      <c r="CN370" s="487"/>
      <c r="CO370" s="487"/>
      <c r="CP370" s="487"/>
      <c r="CQ370" s="487"/>
      <c r="CR370" s="487"/>
      <c r="CS370" s="487"/>
      <c r="CT370" s="487"/>
      <c r="CU370" s="487"/>
      <c r="CV370" s="487"/>
      <c r="CW370" s="487"/>
      <c r="CX370" s="487"/>
      <c r="CY370" s="487"/>
      <c r="CZ370" s="487"/>
      <c r="DA370" s="487"/>
      <c r="DB370" s="487"/>
      <c r="DC370" s="487"/>
      <c r="DD370" s="487"/>
      <c r="DE370" s="487"/>
      <c r="DF370" s="487"/>
      <c r="DG370" s="487"/>
      <c r="DH370" s="487"/>
      <c r="DI370" s="76"/>
      <c r="DJ370" s="76"/>
      <c r="DK370" s="504"/>
    </row>
    <row r="371" spans="1:115" ht="56.1" hidden="1" customHeight="1" x14ac:dyDescent="0.2">
      <c r="A371" s="499" t="s">
        <v>2494</v>
      </c>
      <c r="B371" s="483" t="s">
        <v>2495</v>
      </c>
      <c r="C371" s="481">
        <v>743</v>
      </c>
      <c r="D371" s="481"/>
      <c r="E371" s="481" t="s">
        <v>2481</v>
      </c>
      <c r="F371" s="482" t="s">
        <v>912</v>
      </c>
      <c r="G371" s="482" t="s">
        <v>655</v>
      </c>
      <c r="H371" s="507" t="s">
        <v>870</v>
      </c>
      <c r="I371" s="506" t="s">
        <v>979</v>
      </c>
      <c r="J371" s="506" t="s">
        <v>980</v>
      </c>
      <c r="K371" s="506"/>
      <c r="L371" s="77" t="s">
        <v>58</v>
      </c>
      <c r="M371" s="501" t="s">
        <v>833</v>
      </c>
      <c r="N371" s="501"/>
      <c r="O371" s="501" t="s">
        <v>81</v>
      </c>
      <c r="P371" s="77" t="s">
        <v>77</v>
      </c>
      <c r="Q371" s="77"/>
      <c r="R371" s="501" t="s">
        <v>834</v>
      </c>
      <c r="S371" s="76" t="s">
        <v>63</v>
      </c>
      <c r="T371" s="76" t="s">
        <v>63</v>
      </c>
      <c r="U371" s="502">
        <v>1041842.140625</v>
      </c>
      <c r="V371" s="502"/>
      <c r="W371" s="494" t="s">
        <v>659</v>
      </c>
      <c r="X371" s="494"/>
      <c r="Y371" s="503">
        <f t="shared" si="77"/>
        <v>1041842.140625</v>
      </c>
      <c r="Z371" s="76" t="s">
        <v>65</v>
      </c>
      <c r="AA371" s="76"/>
      <c r="AB371" s="76"/>
      <c r="AC371" s="76"/>
      <c r="AD371" s="76"/>
      <c r="AE371" s="76"/>
      <c r="AF371" s="76"/>
      <c r="AG371" s="76"/>
      <c r="AH371" s="76"/>
      <c r="AI371" s="76"/>
      <c r="AJ371" s="76"/>
      <c r="AK371" s="76"/>
      <c r="AL371" s="76"/>
      <c r="AM371" s="76"/>
      <c r="AN371" s="76"/>
      <c r="AO371" s="76"/>
      <c r="AP371" s="76"/>
      <c r="AQ371" s="76"/>
      <c r="AR371" s="76"/>
      <c r="AS371" s="76"/>
      <c r="AT371" s="76"/>
      <c r="AU371" s="76"/>
      <c r="AV371" s="76"/>
      <c r="AW371" s="76"/>
      <c r="AX371" s="76"/>
      <c r="AY371" s="76"/>
      <c r="AZ371" s="76"/>
      <c r="BA371" s="76"/>
      <c r="BB371" s="76"/>
      <c r="BC371" s="76"/>
      <c r="BD371" s="76"/>
      <c r="BE371" s="76"/>
      <c r="BF371" s="80">
        <f t="shared" si="67"/>
        <v>0</v>
      </c>
      <c r="BG371" s="76"/>
      <c r="BH371" s="487" t="str">
        <f t="shared" si="74"/>
        <v/>
      </c>
      <c r="BI371" s="487" t="str">
        <f t="shared" si="74"/>
        <v/>
      </c>
      <c r="BJ371" s="487" t="str">
        <f t="shared" si="74"/>
        <v/>
      </c>
      <c r="BK371" s="487" t="str">
        <f t="shared" si="74"/>
        <v/>
      </c>
      <c r="BL371" s="487" t="str">
        <f t="shared" si="74"/>
        <v/>
      </c>
      <c r="BM371" s="487" t="str">
        <f t="shared" si="74"/>
        <v/>
      </c>
      <c r="BN371" s="487" t="str">
        <f t="shared" si="74"/>
        <v/>
      </c>
      <c r="BO371" s="487" t="str">
        <f t="shared" si="74"/>
        <v/>
      </c>
      <c r="BP371" s="487" t="str">
        <f t="shared" si="74"/>
        <v/>
      </c>
      <c r="BQ371" s="487" t="str">
        <f t="shared" si="74"/>
        <v/>
      </c>
      <c r="BR371" s="487" t="str">
        <f t="shared" si="75"/>
        <v/>
      </c>
      <c r="BS371" s="487" t="str">
        <f t="shared" si="75"/>
        <v/>
      </c>
      <c r="BT371" s="487" t="str">
        <f t="shared" si="75"/>
        <v/>
      </c>
      <c r="BU371" s="487" t="str">
        <f t="shared" si="75"/>
        <v/>
      </c>
      <c r="BV371" s="487" t="str">
        <f t="shared" si="75"/>
        <v/>
      </c>
      <c r="BW371" s="487" t="str">
        <f t="shared" si="75"/>
        <v/>
      </c>
      <c r="BX371" s="487" t="str">
        <f t="shared" si="66"/>
        <v/>
      </c>
      <c r="BY371" s="487" t="str">
        <f t="shared" si="66"/>
        <v/>
      </c>
      <c r="BZ371" s="487" t="str">
        <f t="shared" si="66"/>
        <v/>
      </c>
      <c r="CA371" s="487" t="str">
        <f t="shared" si="66"/>
        <v/>
      </c>
      <c r="CB371" s="487" t="str">
        <f t="shared" si="66"/>
        <v/>
      </c>
      <c r="CC371" s="487" t="str">
        <f t="shared" si="76"/>
        <v/>
      </c>
      <c r="CD371" s="487" t="str">
        <f t="shared" si="76"/>
        <v/>
      </c>
      <c r="CE371" s="487" t="str">
        <f t="shared" si="76"/>
        <v/>
      </c>
      <c r="CF371" s="487" t="str">
        <f t="shared" si="76"/>
        <v/>
      </c>
      <c r="CG371" s="487" t="str">
        <f t="shared" si="76"/>
        <v/>
      </c>
      <c r="CH371" s="487" t="str">
        <f t="shared" si="76"/>
        <v/>
      </c>
      <c r="CI371" s="487" t="str">
        <f t="shared" si="76"/>
        <v/>
      </c>
      <c r="CJ371" s="487" t="str">
        <f t="shared" si="76"/>
        <v/>
      </c>
      <c r="CK371" s="487" t="str">
        <f t="shared" si="76"/>
        <v/>
      </c>
      <c r="CL371" s="487" t="str">
        <f t="shared" si="65"/>
        <v/>
      </c>
      <c r="CM371" s="487"/>
      <c r="CN371" s="487"/>
      <c r="CO371" s="487"/>
      <c r="CP371" s="487"/>
      <c r="CQ371" s="487"/>
      <c r="CR371" s="487"/>
      <c r="CS371" s="487"/>
      <c r="CT371" s="487"/>
      <c r="CU371" s="487"/>
      <c r="CV371" s="487"/>
      <c r="CW371" s="487"/>
      <c r="CX371" s="487"/>
      <c r="CY371" s="487"/>
      <c r="CZ371" s="487"/>
      <c r="DA371" s="487"/>
      <c r="DB371" s="487"/>
      <c r="DC371" s="487"/>
      <c r="DD371" s="487"/>
      <c r="DE371" s="487"/>
      <c r="DF371" s="487"/>
      <c r="DG371" s="487"/>
      <c r="DH371" s="487"/>
      <c r="DI371" s="76"/>
      <c r="DJ371" s="76"/>
      <c r="DK371" s="504"/>
    </row>
    <row r="372" spans="1:115" ht="56.1" hidden="1" customHeight="1" x14ac:dyDescent="0.2">
      <c r="A372" s="499" t="s">
        <v>2494</v>
      </c>
      <c r="B372" s="483" t="s">
        <v>2495</v>
      </c>
      <c r="C372" s="481">
        <v>744</v>
      </c>
      <c r="D372" s="481"/>
      <c r="E372" s="481" t="s">
        <v>2481</v>
      </c>
      <c r="F372" s="482" t="s">
        <v>53</v>
      </c>
      <c r="G372" s="482" t="s">
        <v>655</v>
      </c>
      <c r="H372" s="507" t="s">
        <v>870</v>
      </c>
      <c r="I372" s="506" t="s">
        <v>981</v>
      </c>
      <c r="J372" s="506" t="s">
        <v>982</v>
      </c>
      <c r="K372" s="506"/>
      <c r="L372" s="77" t="s">
        <v>58</v>
      </c>
      <c r="M372" s="501" t="s">
        <v>833</v>
      </c>
      <c r="N372" s="501"/>
      <c r="O372" s="501" t="s">
        <v>81</v>
      </c>
      <c r="P372" s="77" t="s">
        <v>77</v>
      </c>
      <c r="Q372" s="77"/>
      <c r="R372" s="501" t="s">
        <v>868</v>
      </c>
      <c r="S372" s="76" t="s">
        <v>63</v>
      </c>
      <c r="T372" s="76" t="s">
        <v>63</v>
      </c>
      <c r="U372" s="502">
        <v>877752</v>
      </c>
      <c r="V372" s="502"/>
      <c r="W372" s="494" t="s">
        <v>659</v>
      </c>
      <c r="X372" s="494"/>
      <c r="Y372" s="503">
        <f t="shared" si="77"/>
        <v>877752</v>
      </c>
      <c r="Z372" s="76" t="s">
        <v>65</v>
      </c>
      <c r="AA372" s="76"/>
      <c r="AB372" s="76"/>
      <c r="AC372" s="76"/>
      <c r="AD372" s="76"/>
      <c r="AE372" s="76"/>
      <c r="AF372" s="76"/>
      <c r="AG372" s="76"/>
      <c r="AH372" s="76"/>
      <c r="AI372" s="76"/>
      <c r="AJ372" s="76"/>
      <c r="AK372" s="76"/>
      <c r="AL372" s="76"/>
      <c r="AM372" s="76"/>
      <c r="AN372" s="76"/>
      <c r="AO372" s="76"/>
      <c r="AP372" s="76"/>
      <c r="AQ372" s="76"/>
      <c r="AR372" s="76"/>
      <c r="AS372" s="76"/>
      <c r="AT372" s="76"/>
      <c r="AU372" s="76"/>
      <c r="AV372" s="76"/>
      <c r="AW372" s="76"/>
      <c r="AX372" s="76"/>
      <c r="AY372" s="76"/>
      <c r="AZ372" s="76"/>
      <c r="BA372" s="76"/>
      <c r="BB372" s="76"/>
      <c r="BC372" s="76"/>
      <c r="BD372" s="76"/>
      <c r="BE372" s="76"/>
      <c r="BF372" s="80">
        <f t="shared" si="67"/>
        <v>0</v>
      </c>
      <c r="BG372" s="76"/>
      <c r="BH372" s="487" t="str">
        <f t="shared" si="74"/>
        <v/>
      </c>
      <c r="BI372" s="487" t="str">
        <f t="shared" si="74"/>
        <v/>
      </c>
      <c r="BJ372" s="487" t="str">
        <f t="shared" si="74"/>
        <v/>
      </c>
      <c r="BK372" s="487" t="str">
        <f t="shared" si="74"/>
        <v/>
      </c>
      <c r="BL372" s="487" t="str">
        <f t="shared" si="74"/>
        <v/>
      </c>
      <c r="BM372" s="487" t="str">
        <f t="shared" si="74"/>
        <v/>
      </c>
      <c r="BN372" s="487" t="str">
        <f t="shared" si="74"/>
        <v/>
      </c>
      <c r="BO372" s="487" t="str">
        <f t="shared" si="74"/>
        <v/>
      </c>
      <c r="BP372" s="487" t="str">
        <f t="shared" si="74"/>
        <v/>
      </c>
      <c r="BQ372" s="487" t="str">
        <f t="shared" si="74"/>
        <v/>
      </c>
      <c r="BR372" s="487" t="str">
        <f t="shared" si="75"/>
        <v/>
      </c>
      <c r="BS372" s="487" t="str">
        <f t="shared" si="75"/>
        <v/>
      </c>
      <c r="BT372" s="487" t="str">
        <f t="shared" si="75"/>
        <v/>
      </c>
      <c r="BU372" s="487" t="str">
        <f t="shared" si="75"/>
        <v/>
      </c>
      <c r="BV372" s="487" t="str">
        <f t="shared" si="75"/>
        <v/>
      </c>
      <c r="BW372" s="487" t="str">
        <f t="shared" si="75"/>
        <v/>
      </c>
      <c r="BX372" s="487" t="str">
        <f t="shared" si="66"/>
        <v/>
      </c>
      <c r="BY372" s="487" t="str">
        <f t="shared" si="66"/>
        <v/>
      </c>
      <c r="BZ372" s="487" t="str">
        <f t="shared" si="66"/>
        <v/>
      </c>
      <c r="CA372" s="487" t="str">
        <f t="shared" si="66"/>
        <v/>
      </c>
      <c r="CB372" s="487" t="str">
        <f t="shared" si="66"/>
        <v/>
      </c>
      <c r="CC372" s="487" t="str">
        <f t="shared" si="76"/>
        <v/>
      </c>
      <c r="CD372" s="487" t="str">
        <f t="shared" si="76"/>
        <v/>
      </c>
      <c r="CE372" s="487" t="str">
        <f t="shared" si="76"/>
        <v/>
      </c>
      <c r="CF372" s="487" t="str">
        <f t="shared" si="76"/>
        <v/>
      </c>
      <c r="CG372" s="487" t="str">
        <f t="shared" si="76"/>
        <v/>
      </c>
      <c r="CH372" s="487" t="str">
        <f t="shared" si="76"/>
        <v/>
      </c>
      <c r="CI372" s="487" t="str">
        <f t="shared" si="76"/>
        <v/>
      </c>
      <c r="CJ372" s="487" t="str">
        <f t="shared" si="76"/>
        <v/>
      </c>
      <c r="CK372" s="487" t="str">
        <f t="shared" si="76"/>
        <v/>
      </c>
      <c r="CL372" s="487" t="str">
        <f t="shared" si="65"/>
        <v/>
      </c>
      <c r="CM372" s="487"/>
      <c r="CN372" s="487"/>
      <c r="CO372" s="487"/>
      <c r="CP372" s="487"/>
      <c r="CQ372" s="487"/>
      <c r="CR372" s="487"/>
      <c r="CS372" s="487"/>
      <c r="CT372" s="487"/>
      <c r="CU372" s="487"/>
      <c r="CV372" s="487"/>
      <c r="CW372" s="487"/>
      <c r="CX372" s="487"/>
      <c r="CY372" s="487"/>
      <c r="CZ372" s="487"/>
      <c r="DA372" s="487"/>
      <c r="DB372" s="487"/>
      <c r="DC372" s="487"/>
      <c r="DD372" s="487"/>
      <c r="DE372" s="487"/>
      <c r="DF372" s="487"/>
      <c r="DG372" s="487"/>
      <c r="DH372" s="487"/>
      <c r="DI372" s="76"/>
      <c r="DJ372" s="76"/>
      <c r="DK372" s="504"/>
    </row>
    <row r="373" spans="1:115" ht="56.1" hidden="1" customHeight="1" x14ac:dyDescent="0.2">
      <c r="A373" s="499" t="s">
        <v>2494</v>
      </c>
      <c r="B373" s="483" t="s">
        <v>2495</v>
      </c>
      <c r="C373" s="481">
        <v>750</v>
      </c>
      <c r="D373" s="481"/>
      <c r="E373" s="481" t="s">
        <v>2481</v>
      </c>
      <c r="F373" s="482" t="s">
        <v>53</v>
      </c>
      <c r="G373" s="482" t="s">
        <v>655</v>
      </c>
      <c r="H373" s="501" t="s">
        <v>900</v>
      </c>
      <c r="I373" s="506" t="s">
        <v>993</v>
      </c>
      <c r="J373" s="506" t="s">
        <v>994</v>
      </c>
      <c r="K373" s="506"/>
      <c r="L373" s="77" t="s">
        <v>58</v>
      </c>
      <c r="M373" s="501" t="s">
        <v>833</v>
      </c>
      <c r="N373" s="501"/>
      <c r="O373" s="501" t="s">
        <v>81</v>
      </c>
      <c r="P373" s="77" t="s">
        <v>77</v>
      </c>
      <c r="Q373" s="77"/>
      <c r="R373" s="500" t="s">
        <v>722</v>
      </c>
      <c r="S373" s="76" t="s">
        <v>63</v>
      </c>
      <c r="T373" s="76" t="s">
        <v>63</v>
      </c>
      <c r="U373" s="502">
        <v>129504.375</v>
      </c>
      <c r="V373" s="502"/>
      <c r="W373" s="494" t="s">
        <v>659</v>
      </c>
      <c r="X373" s="494"/>
      <c r="Y373" s="503">
        <f t="shared" si="77"/>
        <v>129504.375</v>
      </c>
      <c r="Z373" s="76" t="s">
        <v>65</v>
      </c>
      <c r="AA373" s="487"/>
      <c r="AB373" s="487"/>
      <c r="AC373" s="487"/>
      <c r="AD373" s="487"/>
      <c r="AE373" s="487"/>
      <c r="AF373" s="487"/>
      <c r="AG373" s="487"/>
      <c r="AH373" s="487"/>
      <c r="AI373" s="487"/>
      <c r="AJ373" s="487"/>
      <c r="AK373" s="487"/>
      <c r="AL373" s="487"/>
      <c r="AM373" s="487"/>
      <c r="AN373" s="487"/>
      <c r="AO373" s="487"/>
      <c r="AP373" s="487"/>
      <c r="AQ373" s="76"/>
      <c r="AR373" s="487"/>
      <c r="AS373" s="487"/>
      <c r="AT373" s="487"/>
      <c r="AU373" s="76"/>
      <c r="AV373" s="487"/>
      <c r="AW373" s="487"/>
      <c r="AX373" s="487"/>
      <c r="AY373" s="76"/>
      <c r="AZ373" s="487"/>
      <c r="BA373" s="76"/>
      <c r="BB373" s="76"/>
      <c r="BC373" s="487"/>
      <c r="BD373" s="76"/>
      <c r="BE373" s="76"/>
      <c r="BF373" s="80">
        <f t="shared" si="67"/>
        <v>0</v>
      </c>
      <c r="BG373" s="76"/>
      <c r="BH373" s="487" t="str">
        <f t="shared" si="74"/>
        <v/>
      </c>
      <c r="BI373" s="487" t="str">
        <f t="shared" si="74"/>
        <v/>
      </c>
      <c r="BJ373" s="487" t="str">
        <f t="shared" si="74"/>
        <v/>
      </c>
      <c r="BK373" s="487" t="str">
        <f t="shared" si="74"/>
        <v/>
      </c>
      <c r="BL373" s="487" t="str">
        <f t="shared" si="74"/>
        <v/>
      </c>
      <c r="BM373" s="487" t="str">
        <f t="shared" si="74"/>
        <v/>
      </c>
      <c r="BN373" s="487" t="str">
        <f t="shared" si="74"/>
        <v/>
      </c>
      <c r="BO373" s="487" t="str">
        <f t="shared" si="74"/>
        <v/>
      </c>
      <c r="BP373" s="487" t="str">
        <f t="shared" si="74"/>
        <v/>
      </c>
      <c r="BQ373" s="487" t="str">
        <f t="shared" si="74"/>
        <v/>
      </c>
      <c r="BR373" s="487" t="str">
        <f t="shared" si="75"/>
        <v/>
      </c>
      <c r="BS373" s="487" t="str">
        <f t="shared" si="75"/>
        <v/>
      </c>
      <c r="BT373" s="487" t="str">
        <f t="shared" si="75"/>
        <v/>
      </c>
      <c r="BU373" s="487" t="str">
        <f t="shared" si="75"/>
        <v/>
      </c>
      <c r="BV373" s="487" t="str">
        <f t="shared" si="75"/>
        <v/>
      </c>
      <c r="BW373" s="487" t="str">
        <f t="shared" si="75"/>
        <v/>
      </c>
      <c r="BX373" s="487" t="str">
        <f t="shared" si="66"/>
        <v/>
      </c>
      <c r="BY373" s="487" t="str">
        <f t="shared" si="66"/>
        <v/>
      </c>
      <c r="BZ373" s="487" t="str">
        <f t="shared" si="66"/>
        <v/>
      </c>
      <c r="CA373" s="487" t="str">
        <f t="shared" si="66"/>
        <v/>
      </c>
      <c r="CB373" s="487" t="str">
        <f t="shared" si="66"/>
        <v/>
      </c>
      <c r="CC373" s="487" t="str">
        <f t="shared" si="76"/>
        <v/>
      </c>
      <c r="CD373" s="487" t="str">
        <f t="shared" si="76"/>
        <v/>
      </c>
      <c r="CE373" s="487" t="str">
        <f t="shared" si="76"/>
        <v/>
      </c>
      <c r="CF373" s="487" t="str">
        <f t="shared" si="76"/>
        <v/>
      </c>
      <c r="CG373" s="487" t="str">
        <f t="shared" si="76"/>
        <v/>
      </c>
      <c r="CH373" s="487" t="str">
        <f t="shared" si="76"/>
        <v/>
      </c>
      <c r="CI373" s="487" t="str">
        <f t="shared" si="76"/>
        <v/>
      </c>
      <c r="CJ373" s="487" t="str">
        <f t="shared" si="76"/>
        <v/>
      </c>
      <c r="CK373" s="487" t="str">
        <f t="shared" si="76"/>
        <v/>
      </c>
      <c r="CL373" s="487" t="str">
        <f t="shared" si="65"/>
        <v/>
      </c>
      <c r="CM373" s="487"/>
      <c r="CN373" s="487"/>
      <c r="CO373" s="487"/>
      <c r="CP373" s="487"/>
      <c r="CQ373" s="487"/>
      <c r="CR373" s="487"/>
      <c r="CS373" s="487"/>
      <c r="CT373" s="487"/>
      <c r="CU373" s="487"/>
      <c r="CV373" s="487"/>
      <c r="CW373" s="487"/>
      <c r="CX373" s="487"/>
      <c r="CY373" s="487"/>
      <c r="CZ373" s="487"/>
      <c r="DA373" s="487"/>
      <c r="DB373" s="487"/>
      <c r="DC373" s="487"/>
      <c r="DD373" s="487"/>
      <c r="DE373" s="487"/>
      <c r="DF373" s="487"/>
      <c r="DG373" s="487"/>
      <c r="DH373" s="487"/>
      <c r="DI373" s="486"/>
      <c r="DJ373" s="486"/>
      <c r="DK373" s="486"/>
    </row>
    <row r="374" spans="1:115" ht="56.1" hidden="1" customHeight="1" x14ac:dyDescent="0.2">
      <c r="A374" s="499" t="s">
        <v>2494</v>
      </c>
      <c r="B374" s="483" t="s">
        <v>2495</v>
      </c>
      <c r="C374" s="481">
        <v>756</v>
      </c>
      <c r="D374" s="481"/>
      <c r="E374" s="481" t="s">
        <v>2481</v>
      </c>
      <c r="F374" s="482" t="s">
        <v>53</v>
      </c>
      <c r="G374" s="482" t="s">
        <v>655</v>
      </c>
      <c r="H374" s="501" t="s">
        <v>900</v>
      </c>
      <c r="I374" s="506" t="s">
        <v>1005</v>
      </c>
      <c r="J374" s="506" t="s">
        <v>1006</v>
      </c>
      <c r="K374" s="506"/>
      <c r="L374" s="77" t="s">
        <v>58</v>
      </c>
      <c r="M374" s="501" t="s">
        <v>833</v>
      </c>
      <c r="N374" s="501"/>
      <c r="O374" s="501" t="s">
        <v>81</v>
      </c>
      <c r="P374" s="77" t="s">
        <v>77</v>
      </c>
      <c r="Q374" s="77"/>
      <c r="R374" s="500" t="s">
        <v>722</v>
      </c>
      <c r="S374" s="76" t="s">
        <v>63</v>
      </c>
      <c r="T374" s="76" t="s">
        <v>63</v>
      </c>
      <c r="U374" s="502">
        <v>24667.5</v>
      </c>
      <c r="V374" s="502"/>
      <c r="W374" s="494" t="s">
        <v>659</v>
      </c>
      <c r="X374" s="494"/>
      <c r="Y374" s="503">
        <f t="shared" si="77"/>
        <v>24667.5</v>
      </c>
      <c r="Z374" s="76" t="s">
        <v>65</v>
      </c>
      <c r="AA374" s="487"/>
      <c r="AB374" s="487"/>
      <c r="AC374" s="487"/>
      <c r="AD374" s="487"/>
      <c r="AE374" s="487"/>
      <c r="AF374" s="487"/>
      <c r="AG374" s="487"/>
      <c r="AH374" s="487"/>
      <c r="AI374" s="487"/>
      <c r="AJ374" s="487"/>
      <c r="AK374" s="487"/>
      <c r="AL374" s="487"/>
      <c r="AM374" s="487"/>
      <c r="AN374" s="487"/>
      <c r="AO374" s="487"/>
      <c r="AP374" s="487"/>
      <c r="AQ374" s="76"/>
      <c r="AR374" s="487"/>
      <c r="AS374" s="487"/>
      <c r="AT374" s="487"/>
      <c r="AU374" s="76"/>
      <c r="AV374" s="487"/>
      <c r="AW374" s="487"/>
      <c r="AX374" s="487"/>
      <c r="AY374" s="76"/>
      <c r="AZ374" s="487"/>
      <c r="BA374" s="76"/>
      <c r="BB374" s="76"/>
      <c r="BC374" s="487"/>
      <c r="BD374" s="76"/>
      <c r="BE374" s="76"/>
      <c r="BF374" s="80">
        <f t="shared" si="67"/>
        <v>0</v>
      </c>
      <c r="BG374" s="76"/>
      <c r="BH374" s="487" t="str">
        <f t="shared" si="74"/>
        <v/>
      </c>
      <c r="BI374" s="487" t="str">
        <f t="shared" si="74"/>
        <v/>
      </c>
      <c r="BJ374" s="487" t="str">
        <f t="shared" si="74"/>
        <v/>
      </c>
      <c r="BK374" s="487" t="str">
        <f t="shared" si="74"/>
        <v/>
      </c>
      <c r="BL374" s="487" t="str">
        <f t="shared" si="74"/>
        <v/>
      </c>
      <c r="BM374" s="487" t="str">
        <f t="shared" si="74"/>
        <v/>
      </c>
      <c r="BN374" s="487" t="str">
        <f t="shared" si="74"/>
        <v/>
      </c>
      <c r="BO374" s="487" t="str">
        <f t="shared" si="74"/>
        <v/>
      </c>
      <c r="BP374" s="487" t="str">
        <f t="shared" si="74"/>
        <v/>
      </c>
      <c r="BQ374" s="487" t="str">
        <f t="shared" si="74"/>
        <v/>
      </c>
      <c r="BR374" s="487" t="str">
        <f t="shared" si="75"/>
        <v/>
      </c>
      <c r="BS374" s="487" t="str">
        <f t="shared" si="75"/>
        <v/>
      </c>
      <c r="BT374" s="487" t="str">
        <f t="shared" si="75"/>
        <v/>
      </c>
      <c r="BU374" s="487" t="str">
        <f t="shared" si="75"/>
        <v/>
      </c>
      <c r="BV374" s="487" t="str">
        <f t="shared" si="75"/>
        <v/>
      </c>
      <c r="BW374" s="487" t="str">
        <f t="shared" si="75"/>
        <v/>
      </c>
      <c r="BX374" s="487" t="str">
        <f t="shared" si="66"/>
        <v/>
      </c>
      <c r="BY374" s="487" t="str">
        <f t="shared" si="66"/>
        <v/>
      </c>
      <c r="BZ374" s="487" t="str">
        <f t="shared" si="66"/>
        <v/>
      </c>
      <c r="CA374" s="487" t="str">
        <f t="shared" si="66"/>
        <v/>
      </c>
      <c r="CB374" s="487" t="str">
        <f t="shared" si="66"/>
        <v/>
      </c>
      <c r="CC374" s="487" t="str">
        <f t="shared" si="76"/>
        <v/>
      </c>
      <c r="CD374" s="487" t="str">
        <f t="shared" si="76"/>
        <v/>
      </c>
      <c r="CE374" s="487" t="str">
        <f t="shared" si="76"/>
        <v/>
      </c>
      <c r="CF374" s="487" t="str">
        <f t="shared" si="76"/>
        <v/>
      </c>
      <c r="CG374" s="487" t="str">
        <f t="shared" si="76"/>
        <v/>
      </c>
      <c r="CH374" s="487" t="str">
        <f t="shared" si="76"/>
        <v/>
      </c>
      <c r="CI374" s="487" t="str">
        <f t="shared" si="76"/>
        <v/>
      </c>
      <c r="CJ374" s="487" t="str">
        <f t="shared" si="76"/>
        <v/>
      </c>
      <c r="CK374" s="487" t="str">
        <f t="shared" si="76"/>
        <v/>
      </c>
      <c r="CL374" s="487" t="str">
        <f t="shared" si="65"/>
        <v/>
      </c>
      <c r="CM374" s="487"/>
      <c r="CN374" s="487"/>
      <c r="CO374" s="487"/>
      <c r="CP374" s="487"/>
      <c r="CQ374" s="487"/>
      <c r="CR374" s="487"/>
      <c r="CS374" s="487"/>
      <c r="CT374" s="487"/>
      <c r="CU374" s="487"/>
      <c r="CV374" s="487"/>
      <c r="CW374" s="487"/>
      <c r="CX374" s="487"/>
      <c r="CY374" s="487"/>
      <c r="CZ374" s="487"/>
      <c r="DA374" s="487"/>
      <c r="DB374" s="487"/>
      <c r="DC374" s="487"/>
      <c r="DD374" s="487"/>
      <c r="DE374" s="487"/>
      <c r="DF374" s="487"/>
      <c r="DG374" s="487"/>
      <c r="DH374" s="487"/>
      <c r="DI374" s="486"/>
      <c r="DJ374" s="486"/>
      <c r="DK374" s="486"/>
    </row>
    <row r="375" spans="1:115" ht="56.1" hidden="1" customHeight="1" x14ac:dyDescent="0.2">
      <c r="A375" s="499" t="s">
        <v>2494</v>
      </c>
      <c r="B375" s="483" t="s">
        <v>2495</v>
      </c>
      <c r="C375" s="481">
        <v>757</v>
      </c>
      <c r="D375" s="481"/>
      <c r="E375" s="481" t="s">
        <v>2481</v>
      </c>
      <c r="F375" s="482" t="s">
        <v>53</v>
      </c>
      <c r="G375" s="482" t="s">
        <v>655</v>
      </c>
      <c r="H375" s="501" t="s">
        <v>900</v>
      </c>
      <c r="I375" s="506" t="s">
        <v>1007</v>
      </c>
      <c r="J375" s="506" t="s">
        <v>1008</v>
      </c>
      <c r="K375" s="506"/>
      <c r="L375" s="77" t="s">
        <v>58</v>
      </c>
      <c r="M375" s="501" t="s">
        <v>833</v>
      </c>
      <c r="N375" s="501"/>
      <c r="O375" s="501" t="s">
        <v>81</v>
      </c>
      <c r="P375" s="77" t="s">
        <v>77</v>
      </c>
      <c r="Q375" s="77"/>
      <c r="R375" s="500" t="s">
        <v>722</v>
      </c>
      <c r="S375" s="76" t="s">
        <v>63</v>
      </c>
      <c r="T375" s="76" t="s">
        <v>63</v>
      </c>
      <c r="U375" s="502">
        <v>102781.25</v>
      </c>
      <c r="V375" s="502"/>
      <c r="W375" s="494" t="s">
        <v>659</v>
      </c>
      <c r="X375" s="494"/>
      <c r="Y375" s="503">
        <f t="shared" si="77"/>
        <v>102781.25</v>
      </c>
      <c r="Z375" s="76" t="s">
        <v>65</v>
      </c>
      <c r="AA375" s="487"/>
      <c r="AB375" s="487"/>
      <c r="AC375" s="487"/>
      <c r="AD375" s="487"/>
      <c r="AE375" s="487"/>
      <c r="AF375" s="487"/>
      <c r="AG375" s="487"/>
      <c r="AH375" s="487"/>
      <c r="AI375" s="487"/>
      <c r="AJ375" s="487"/>
      <c r="AK375" s="487"/>
      <c r="AL375" s="487"/>
      <c r="AM375" s="487"/>
      <c r="AN375" s="487"/>
      <c r="AO375" s="487"/>
      <c r="AP375" s="487"/>
      <c r="AQ375" s="76"/>
      <c r="AR375" s="487"/>
      <c r="AS375" s="487"/>
      <c r="AT375" s="487"/>
      <c r="AU375" s="76"/>
      <c r="AV375" s="487"/>
      <c r="AW375" s="487"/>
      <c r="AX375" s="487"/>
      <c r="AY375" s="76"/>
      <c r="AZ375" s="487"/>
      <c r="BA375" s="76"/>
      <c r="BB375" s="76"/>
      <c r="BC375" s="487"/>
      <c r="BD375" s="76"/>
      <c r="BE375" s="76"/>
      <c r="BF375" s="80">
        <f t="shared" si="67"/>
        <v>0</v>
      </c>
      <c r="BG375" s="76"/>
      <c r="BH375" s="487" t="str">
        <f t="shared" si="74"/>
        <v/>
      </c>
      <c r="BI375" s="487" t="str">
        <f t="shared" si="74"/>
        <v/>
      </c>
      <c r="BJ375" s="487" t="str">
        <f t="shared" si="74"/>
        <v/>
      </c>
      <c r="BK375" s="487" t="str">
        <f t="shared" si="74"/>
        <v/>
      </c>
      <c r="BL375" s="487" t="str">
        <f t="shared" si="74"/>
        <v/>
      </c>
      <c r="BM375" s="487" t="str">
        <f t="shared" si="74"/>
        <v/>
      </c>
      <c r="BN375" s="487" t="str">
        <f t="shared" si="74"/>
        <v/>
      </c>
      <c r="BO375" s="487" t="str">
        <f t="shared" si="74"/>
        <v/>
      </c>
      <c r="BP375" s="487" t="str">
        <f t="shared" si="74"/>
        <v/>
      </c>
      <c r="BQ375" s="487" t="str">
        <f t="shared" si="74"/>
        <v/>
      </c>
      <c r="BR375" s="487" t="str">
        <f t="shared" si="75"/>
        <v/>
      </c>
      <c r="BS375" s="487" t="str">
        <f t="shared" si="75"/>
        <v/>
      </c>
      <c r="BT375" s="487" t="str">
        <f t="shared" si="75"/>
        <v/>
      </c>
      <c r="BU375" s="487" t="str">
        <f t="shared" si="75"/>
        <v/>
      </c>
      <c r="BV375" s="487" t="str">
        <f t="shared" si="75"/>
        <v/>
      </c>
      <c r="BW375" s="487" t="str">
        <f t="shared" si="75"/>
        <v/>
      </c>
      <c r="BX375" s="487" t="str">
        <f t="shared" si="66"/>
        <v/>
      </c>
      <c r="BY375" s="487" t="str">
        <f t="shared" si="66"/>
        <v/>
      </c>
      <c r="BZ375" s="487" t="str">
        <f t="shared" si="66"/>
        <v/>
      </c>
      <c r="CA375" s="487" t="str">
        <f t="shared" si="66"/>
        <v/>
      </c>
      <c r="CB375" s="487" t="str">
        <f t="shared" si="66"/>
        <v/>
      </c>
      <c r="CC375" s="487" t="str">
        <f t="shared" si="76"/>
        <v/>
      </c>
      <c r="CD375" s="487" t="str">
        <f t="shared" si="76"/>
        <v/>
      </c>
      <c r="CE375" s="487" t="str">
        <f t="shared" si="76"/>
        <v/>
      </c>
      <c r="CF375" s="487" t="str">
        <f t="shared" si="76"/>
        <v/>
      </c>
      <c r="CG375" s="487" t="str">
        <f t="shared" si="76"/>
        <v/>
      </c>
      <c r="CH375" s="487" t="str">
        <f t="shared" si="76"/>
        <v/>
      </c>
      <c r="CI375" s="487" t="str">
        <f t="shared" si="76"/>
        <v/>
      </c>
      <c r="CJ375" s="487" t="str">
        <f t="shared" si="76"/>
        <v/>
      </c>
      <c r="CK375" s="487" t="str">
        <f t="shared" si="76"/>
        <v/>
      </c>
      <c r="CL375" s="487" t="str">
        <f t="shared" si="65"/>
        <v/>
      </c>
      <c r="CM375" s="487"/>
      <c r="CN375" s="487"/>
      <c r="CO375" s="487"/>
      <c r="CP375" s="487"/>
      <c r="CQ375" s="487"/>
      <c r="CR375" s="487"/>
      <c r="CS375" s="487"/>
      <c r="CT375" s="487"/>
      <c r="CU375" s="487"/>
      <c r="CV375" s="487"/>
      <c r="CW375" s="487"/>
      <c r="CX375" s="487"/>
      <c r="CY375" s="487"/>
      <c r="CZ375" s="487"/>
      <c r="DA375" s="487"/>
      <c r="DB375" s="487"/>
      <c r="DC375" s="487"/>
      <c r="DD375" s="487"/>
      <c r="DE375" s="487"/>
      <c r="DF375" s="487"/>
      <c r="DG375" s="487"/>
      <c r="DH375" s="487"/>
      <c r="DI375" s="486"/>
      <c r="DJ375" s="486"/>
      <c r="DK375" s="486"/>
    </row>
    <row r="376" spans="1:115" ht="56.1" hidden="1" customHeight="1" x14ac:dyDescent="0.2">
      <c r="A376" s="499" t="s">
        <v>2494</v>
      </c>
      <c r="B376" s="483" t="s">
        <v>2495</v>
      </c>
      <c r="C376" s="481">
        <v>769</v>
      </c>
      <c r="D376" s="481"/>
      <c r="E376" s="481" t="s">
        <v>2481</v>
      </c>
      <c r="F376" s="482" t="s">
        <v>53</v>
      </c>
      <c r="G376" s="482" t="s">
        <v>655</v>
      </c>
      <c r="H376" s="501" t="s">
        <v>900</v>
      </c>
      <c r="I376" s="506" t="s">
        <v>1032</v>
      </c>
      <c r="J376" s="506" t="s">
        <v>1033</v>
      </c>
      <c r="K376" s="506"/>
      <c r="L376" s="77" t="s">
        <v>58</v>
      </c>
      <c r="M376" s="506" t="s">
        <v>833</v>
      </c>
      <c r="N376" s="506"/>
      <c r="O376" s="501" t="s">
        <v>81</v>
      </c>
      <c r="P376" s="77" t="s">
        <v>77</v>
      </c>
      <c r="Q376" s="77"/>
      <c r="R376" s="501" t="s">
        <v>834</v>
      </c>
      <c r="S376" s="76" t="s">
        <v>63</v>
      </c>
      <c r="T376" s="76" t="s">
        <v>63</v>
      </c>
      <c r="U376" s="508">
        <v>493350</v>
      </c>
      <c r="V376" s="508"/>
      <c r="W376" s="494" t="s">
        <v>659</v>
      </c>
      <c r="X376" s="494"/>
      <c r="Y376" s="503">
        <f t="shared" si="77"/>
        <v>493350</v>
      </c>
      <c r="Z376" s="76" t="s">
        <v>65</v>
      </c>
      <c r="AA376" s="486"/>
      <c r="AB376" s="486"/>
      <c r="AC376" s="486"/>
      <c r="AD376" s="486"/>
      <c r="AE376" s="486"/>
      <c r="AF376" s="487"/>
      <c r="AG376" s="487"/>
      <c r="AH376" s="487"/>
      <c r="AI376" s="486"/>
      <c r="AJ376" s="486"/>
      <c r="AK376" s="486"/>
      <c r="AL376" s="486"/>
      <c r="AM376" s="486"/>
      <c r="AN376" s="486"/>
      <c r="AO376" s="486"/>
      <c r="AP376" s="486"/>
      <c r="AQ376" s="486"/>
      <c r="AR376" s="486"/>
      <c r="AS376" s="486"/>
      <c r="AT376" s="486"/>
      <c r="AU376" s="486"/>
      <c r="AV376" s="486"/>
      <c r="AW376" s="486"/>
      <c r="AX376" s="486"/>
      <c r="AY376" s="486"/>
      <c r="AZ376" s="486"/>
      <c r="BA376" s="486"/>
      <c r="BB376" s="486"/>
      <c r="BC376" s="486"/>
      <c r="BD376" s="486"/>
      <c r="BE376" s="486"/>
      <c r="BF376" s="80">
        <f t="shared" si="67"/>
        <v>0</v>
      </c>
      <c r="BG376" s="76"/>
      <c r="BH376" s="487" t="str">
        <f t="shared" si="74"/>
        <v/>
      </c>
      <c r="BI376" s="487" t="str">
        <f t="shared" si="74"/>
        <v/>
      </c>
      <c r="BJ376" s="487" t="str">
        <f t="shared" si="74"/>
        <v/>
      </c>
      <c r="BK376" s="487" t="str">
        <f t="shared" si="74"/>
        <v/>
      </c>
      <c r="BL376" s="487" t="str">
        <f t="shared" si="74"/>
        <v/>
      </c>
      <c r="BM376" s="487" t="str">
        <f t="shared" si="74"/>
        <v/>
      </c>
      <c r="BN376" s="487" t="str">
        <f t="shared" si="74"/>
        <v/>
      </c>
      <c r="BO376" s="487" t="str">
        <f t="shared" si="74"/>
        <v/>
      </c>
      <c r="BP376" s="487" t="str">
        <f t="shared" si="74"/>
        <v/>
      </c>
      <c r="BQ376" s="487" t="str">
        <f t="shared" si="74"/>
        <v/>
      </c>
      <c r="BR376" s="487" t="str">
        <f t="shared" si="75"/>
        <v/>
      </c>
      <c r="BS376" s="487" t="str">
        <f t="shared" si="75"/>
        <v/>
      </c>
      <c r="BT376" s="487" t="str">
        <f t="shared" si="75"/>
        <v/>
      </c>
      <c r="BU376" s="487" t="str">
        <f t="shared" si="75"/>
        <v/>
      </c>
      <c r="BV376" s="487" t="str">
        <f t="shared" si="75"/>
        <v/>
      </c>
      <c r="BW376" s="487" t="str">
        <f t="shared" si="75"/>
        <v/>
      </c>
      <c r="BX376" s="487" t="str">
        <f t="shared" si="66"/>
        <v/>
      </c>
      <c r="BY376" s="487" t="str">
        <f t="shared" si="66"/>
        <v/>
      </c>
      <c r="BZ376" s="487" t="str">
        <f t="shared" si="66"/>
        <v/>
      </c>
      <c r="CA376" s="487" t="str">
        <f t="shared" si="66"/>
        <v/>
      </c>
      <c r="CB376" s="487" t="str">
        <f t="shared" si="66"/>
        <v/>
      </c>
      <c r="CC376" s="487" t="str">
        <f t="shared" si="76"/>
        <v/>
      </c>
      <c r="CD376" s="487" t="str">
        <f t="shared" si="76"/>
        <v/>
      </c>
      <c r="CE376" s="487" t="str">
        <f t="shared" si="76"/>
        <v/>
      </c>
      <c r="CF376" s="487" t="str">
        <f t="shared" si="76"/>
        <v/>
      </c>
      <c r="CG376" s="487" t="str">
        <f t="shared" si="76"/>
        <v/>
      </c>
      <c r="CH376" s="487" t="str">
        <f t="shared" si="76"/>
        <v/>
      </c>
      <c r="CI376" s="487" t="str">
        <f t="shared" si="76"/>
        <v/>
      </c>
      <c r="CJ376" s="487" t="str">
        <f t="shared" si="76"/>
        <v/>
      </c>
      <c r="CK376" s="487" t="str">
        <f t="shared" si="76"/>
        <v/>
      </c>
      <c r="CL376" s="487" t="str">
        <f t="shared" si="65"/>
        <v/>
      </c>
      <c r="CM376" s="487"/>
      <c r="CN376" s="487"/>
      <c r="CO376" s="487"/>
      <c r="CP376" s="487"/>
      <c r="CQ376" s="487"/>
      <c r="CR376" s="487"/>
      <c r="CS376" s="487"/>
      <c r="CT376" s="487"/>
      <c r="CU376" s="487"/>
      <c r="CV376" s="487"/>
      <c r="CW376" s="487"/>
      <c r="CX376" s="487"/>
      <c r="CY376" s="487"/>
      <c r="CZ376" s="487"/>
      <c r="DA376" s="487"/>
      <c r="DB376" s="487"/>
      <c r="DC376" s="487"/>
      <c r="DD376" s="487"/>
      <c r="DE376" s="487"/>
      <c r="DF376" s="487"/>
      <c r="DG376" s="487"/>
      <c r="DH376" s="487"/>
      <c r="DI376" s="486"/>
      <c r="DJ376" s="486"/>
      <c r="DK376" s="486"/>
    </row>
    <row r="377" spans="1:115" ht="56.1" hidden="1" customHeight="1" x14ac:dyDescent="0.2">
      <c r="A377" s="499" t="s">
        <v>2494</v>
      </c>
      <c r="B377" s="483" t="s">
        <v>2495</v>
      </c>
      <c r="C377" s="481">
        <v>810</v>
      </c>
      <c r="D377" s="481"/>
      <c r="E377" s="481" t="s">
        <v>2481</v>
      </c>
      <c r="F377" s="482" t="s">
        <v>53</v>
      </c>
      <c r="G377" s="482" t="s">
        <v>655</v>
      </c>
      <c r="H377" s="501" t="s">
        <v>900</v>
      </c>
      <c r="I377" s="506" t="s">
        <v>1119</v>
      </c>
      <c r="J377" s="506" t="s">
        <v>1120</v>
      </c>
      <c r="K377" s="506"/>
      <c r="L377" s="77" t="s">
        <v>58</v>
      </c>
      <c r="M377" s="500" t="s">
        <v>833</v>
      </c>
      <c r="N377" s="500"/>
      <c r="O377" s="506" t="s">
        <v>81</v>
      </c>
      <c r="P377" s="77" t="s">
        <v>77</v>
      </c>
      <c r="Q377" s="77"/>
      <c r="R377" s="500" t="s">
        <v>722</v>
      </c>
      <c r="S377" s="76" t="s">
        <v>63</v>
      </c>
      <c r="T377" s="76" t="s">
        <v>63</v>
      </c>
      <c r="U377" s="508">
        <v>34850.860687500004</v>
      </c>
      <c r="V377" s="508"/>
      <c r="W377" s="494" t="s">
        <v>659</v>
      </c>
      <c r="X377" s="494"/>
      <c r="Y377" s="503">
        <f t="shared" si="77"/>
        <v>34850.860687500004</v>
      </c>
      <c r="Z377" s="76" t="s">
        <v>65</v>
      </c>
      <c r="AA377" s="487"/>
      <c r="AB377" s="487"/>
      <c r="AC377" s="487"/>
      <c r="AD377" s="487"/>
      <c r="AE377" s="487"/>
      <c r="AF377" s="487"/>
      <c r="AG377" s="487"/>
      <c r="AH377" s="487"/>
      <c r="AI377" s="487"/>
      <c r="AJ377" s="487"/>
      <c r="AK377" s="487"/>
      <c r="AL377" s="487"/>
      <c r="AM377" s="487"/>
      <c r="AN377" s="487"/>
      <c r="AO377" s="487"/>
      <c r="AP377" s="487"/>
      <c r="AQ377" s="76"/>
      <c r="AR377" s="487"/>
      <c r="AS377" s="487"/>
      <c r="AT377" s="487"/>
      <c r="AU377" s="76"/>
      <c r="AV377" s="487"/>
      <c r="AW377" s="487"/>
      <c r="AX377" s="487"/>
      <c r="AY377" s="76"/>
      <c r="AZ377" s="487"/>
      <c r="BA377" s="76"/>
      <c r="BB377" s="76"/>
      <c r="BC377" s="487"/>
      <c r="BD377" s="76"/>
      <c r="BE377" s="76"/>
      <c r="BF377" s="80">
        <f t="shared" si="67"/>
        <v>0</v>
      </c>
      <c r="BG377" s="76"/>
      <c r="BH377" s="487" t="str">
        <f t="shared" si="74"/>
        <v/>
      </c>
      <c r="BI377" s="487" t="str">
        <f t="shared" si="74"/>
        <v/>
      </c>
      <c r="BJ377" s="487" t="str">
        <f t="shared" si="74"/>
        <v/>
      </c>
      <c r="BK377" s="487" t="str">
        <f t="shared" si="74"/>
        <v/>
      </c>
      <c r="BL377" s="487" t="str">
        <f t="shared" si="74"/>
        <v/>
      </c>
      <c r="BM377" s="487" t="str">
        <f t="shared" si="74"/>
        <v/>
      </c>
      <c r="BN377" s="487" t="str">
        <f t="shared" si="74"/>
        <v/>
      </c>
      <c r="BO377" s="487" t="str">
        <f t="shared" si="74"/>
        <v/>
      </c>
      <c r="BP377" s="487" t="str">
        <f t="shared" si="74"/>
        <v/>
      </c>
      <c r="BQ377" s="487" t="str">
        <f t="shared" si="74"/>
        <v/>
      </c>
      <c r="BR377" s="487" t="str">
        <f t="shared" si="75"/>
        <v/>
      </c>
      <c r="BS377" s="487" t="str">
        <f t="shared" si="75"/>
        <v/>
      </c>
      <c r="BT377" s="487" t="str">
        <f t="shared" si="75"/>
        <v/>
      </c>
      <c r="BU377" s="487" t="str">
        <f t="shared" si="75"/>
        <v/>
      </c>
      <c r="BV377" s="487" t="str">
        <f t="shared" si="75"/>
        <v/>
      </c>
      <c r="BW377" s="487" t="str">
        <f t="shared" si="75"/>
        <v/>
      </c>
      <c r="BX377" s="487" t="str">
        <f t="shared" si="66"/>
        <v/>
      </c>
      <c r="BY377" s="487" t="str">
        <f t="shared" si="66"/>
        <v/>
      </c>
      <c r="BZ377" s="487" t="str">
        <f t="shared" si="66"/>
        <v/>
      </c>
      <c r="CA377" s="487" t="str">
        <f t="shared" si="66"/>
        <v/>
      </c>
      <c r="CB377" s="487" t="str">
        <f t="shared" si="66"/>
        <v/>
      </c>
      <c r="CC377" s="487" t="str">
        <f t="shared" si="76"/>
        <v/>
      </c>
      <c r="CD377" s="487" t="str">
        <f t="shared" si="76"/>
        <v/>
      </c>
      <c r="CE377" s="487" t="str">
        <f t="shared" si="76"/>
        <v/>
      </c>
      <c r="CF377" s="487" t="str">
        <f t="shared" si="76"/>
        <v/>
      </c>
      <c r="CG377" s="487" t="str">
        <f t="shared" si="76"/>
        <v/>
      </c>
      <c r="CH377" s="487" t="str">
        <f t="shared" si="76"/>
        <v/>
      </c>
      <c r="CI377" s="487" t="str">
        <f t="shared" si="76"/>
        <v/>
      </c>
      <c r="CJ377" s="487" t="str">
        <f t="shared" si="76"/>
        <v/>
      </c>
      <c r="CK377" s="487" t="str">
        <f t="shared" si="76"/>
        <v/>
      </c>
      <c r="CL377" s="487" t="str">
        <f t="shared" si="65"/>
        <v/>
      </c>
      <c r="CM377" s="487"/>
      <c r="CN377" s="487"/>
      <c r="CO377" s="487"/>
      <c r="CP377" s="487"/>
      <c r="CQ377" s="487"/>
      <c r="CR377" s="487"/>
      <c r="CS377" s="487"/>
      <c r="CT377" s="487"/>
      <c r="CU377" s="487"/>
      <c r="CV377" s="487"/>
      <c r="CW377" s="487"/>
      <c r="CX377" s="487"/>
      <c r="CY377" s="487"/>
      <c r="CZ377" s="487"/>
      <c r="DA377" s="487"/>
      <c r="DB377" s="487"/>
      <c r="DC377" s="487"/>
      <c r="DD377" s="487"/>
      <c r="DE377" s="487"/>
      <c r="DF377" s="487"/>
      <c r="DG377" s="487"/>
      <c r="DH377" s="487"/>
      <c r="DI377" s="486"/>
      <c r="DJ377" s="486"/>
      <c r="DK377" s="486"/>
    </row>
    <row r="378" spans="1:115" ht="56.1" hidden="1" customHeight="1" x14ac:dyDescent="0.2">
      <c r="A378" s="499" t="s">
        <v>2494</v>
      </c>
      <c r="B378" s="483" t="s">
        <v>2495</v>
      </c>
      <c r="C378" s="481">
        <v>706</v>
      </c>
      <c r="D378" s="481"/>
      <c r="E378" s="481" t="s">
        <v>2481</v>
      </c>
      <c r="F378" s="482" t="s">
        <v>53</v>
      </c>
      <c r="G378" s="482" t="s">
        <v>655</v>
      </c>
      <c r="H378" s="500" t="s">
        <v>897</v>
      </c>
      <c r="I378" s="501" t="s">
        <v>898</v>
      </c>
      <c r="J378" s="501" t="s">
        <v>899</v>
      </c>
      <c r="K378" s="501"/>
      <c r="L378" s="77" t="s">
        <v>58</v>
      </c>
      <c r="M378" s="501" t="s">
        <v>833</v>
      </c>
      <c r="N378" s="501"/>
      <c r="O378" s="501" t="s">
        <v>81</v>
      </c>
      <c r="P378" s="77" t="s">
        <v>77</v>
      </c>
      <c r="Q378" s="77"/>
      <c r="R378" s="501" t="s">
        <v>868</v>
      </c>
      <c r="S378" s="76" t="s">
        <v>63</v>
      </c>
      <c r="T378" s="76" t="s">
        <v>63</v>
      </c>
      <c r="U378" s="509">
        <v>7410000</v>
      </c>
      <c r="V378" s="509"/>
      <c r="W378" s="494" t="s">
        <v>659</v>
      </c>
      <c r="X378" s="494"/>
      <c r="Y378" s="503">
        <f t="shared" si="77"/>
        <v>7410000</v>
      </c>
      <c r="Z378" s="76" t="s">
        <v>65</v>
      </c>
      <c r="AA378" s="76"/>
      <c r="AB378" s="76"/>
      <c r="AC378" s="76"/>
      <c r="AD378" s="76"/>
      <c r="AE378" s="76"/>
      <c r="AF378" s="76"/>
      <c r="AG378" s="76"/>
      <c r="AH378" s="76"/>
      <c r="AI378" s="76"/>
      <c r="AJ378" s="76"/>
      <c r="AK378" s="487"/>
      <c r="AL378" s="76"/>
      <c r="AM378" s="76"/>
      <c r="AN378" s="76"/>
      <c r="AO378" s="76"/>
      <c r="AP378" s="76"/>
      <c r="AQ378" s="76"/>
      <c r="AR378" s="76"/>
      <c r="AS378" s="76"/>
      <c r="AT378" s="76"/>
      <c r="AU378" s="76"/>
      <c r="AV378" s="76"/>
      <c r="AW378" s="76"/>
      <c r="AX378" s="76"/>
      <c r="AY378" s="76"/>
      <c r="AZ378" s="76"/>
      <c r="BA378" s="76"/>
      <c r="BB378" s="76"/>
      <c r="BC378" s="76"/>
      <c r="BD378" s="76"/>
      <c r="BE378" s="76"/>
      <c r="BF378" s="80">
        <f t="shared" si="67"/>
        <v>0</v>
      </c>
      <c r="BG378" s="76"/>
      <c r="BH378" s="487" t="str">
        <f t="shared" si="74"/>
        <v/>
      </c>
      <c r="BI378" s="487" t="str">
        <f t="shared" si="74"/>
        <v/>
      </c>
      <c r="BJ378" s="487" t="str">
        <f t="shared" si="74"/>
        <v/>
      </c>
      <c r="BK378" s="487" t="str">
        <f t="shared" si="74"/>
        <v/>
      </c>
      <c r="BL378" s="487" t="str">
        <f t="shared" si="74"/>
        <v/>
      </c>
      <c r="BM378" s="487" t="str">
        <f t="shared" si="74"/>
        <v/>
      </c>
      <c r="BN378" s="487" t="str">
        <f t="shared" si="74"/>
        <v/>
      </c>
      <c r="BO378" s="487" t="str">
        <f t="shared" si="74"/>
        <v/>
      </c>
      <c r="BP378" s="487" t="str">
        <f t="shared" si="74"/>
        <v/>
      </c>
      <c r="BQ378" s="487" t="str">
        <f t="shared" si="74"/>
        <v/>
      </c>
      <c r="BR378" s="487" t="str">
        <f t="shared" si="75"/>
        <v/>
      </c>
      <c r="BS378" s="487" t="str">
        <f t="shared" si="75"/>
        <v/>
      </c>
      <c r="BT378" s="487" t="str">
        <f t="shared" si="75"/>
        <v/>
      </c>
      <c r="BU378" s="487" t="str">
        <f t="shared" si="75"/>
        <v/>
      </c>
      <c r="BV378" s="487" t="str">
        <f t="shared" si="75"/>
        <v/>
      </c>
      <c r="BW378" s="487" t="str">
        <f t="shared" si="75"/>
        <v/>
      </c>
      <c r="BX378" s="487" t="str">
        <f t="shared" si="66"/>
        <v/>
      </c>
      <c r="BY378" s="487" t="str">
        <f t="shared" si="66"/>
        <v/>
      </c>
      <c r="BZ378" s="487" t="str">
        <f t="shared" si="66"/>
        <v/>
      </c>
      <c r="CA378" s="487" t="str">
        <f t="shared" si="66"/>
        <v/>
      </c>
      <c r="CB378" s="487" t="str">
        <f t="shared" si="66"/>
        <v/>
      </c>
      <c r="CC378" s="487" t="str">
        <f t="shared" si="76"/>
        <v/>
      </c>
      <c r="CD378" s="487" t="str">
        <f t="shared" si="76"/>
        <v/>
      </c>
      <c r="CE378" s="487" t="str">
        <f t="shared" si="76"/>
        <v/>
      </c>
      <c r="CF378" s="487" t="str">
        <f t="shared" si="76"/>
        <v/>
      </c>
      <c r="CG378" s="487" t="str">
        <f t="shared" si="76"/>
        <v/>
      </c>
      <c r="CH378" s="487" t="str">
        <f t="shared" si="76"/>
        <v/>
      </c>
      <c r="CI378" s="487" t="str">
        <f t="shared" si="76"/>
        <v/>
      </c>
      <c r="CJ378" s="487" t="str">
        <f t="shared" si="76"/>
        <v/>
      </c>
      <c r="CK378" s="487" t="str">
        <f t="shared" si="76"/>
        <v/>
      </c>
      <c r="CL378" s="487" t="str">
        <f t="shared" si="65"/>
        <v/>
      </c>
      <c r="CM378" s="487"/>
      <c r="CN378" s="487"/>
      <c r="CO378" s="487"/>
      <c r="CP378" s="487"/>
      <c r="CQ378" s="487"/>
      <c r="CR378" s="487"/>
      <c r="CS378" s="487"/>
      <c r="CT378" s="487"/>
      <c r="CU378" s="487"/>
      <c r="CV378" s="487"/>
      <c r="CW378" s="487"/>
      <c r="CX378" s="487"/>
      <c r="CY378" s="487"/>
      <c r="CZ378" s="487"/>
      <c r="DA378" s="487"/>
      <c r="DB378" s="487"/>
      <c r="DC378" s="487"/>
      <c r="DD378" s="487"/>
      <c r="DE378" s="487"/>
      <c r="DF378" s="487"/>
      <c r="DG378" s="487"/>
      <c r="DH378" s="487"/>
      <c r="DI378" s="76"/>
      <c r="DJ378" s="76"/>
      <c r="DK378" s="504"/>
    </row>
    <row r="379" spans="1:115" ht="56.1" hidden="1" customHeight="1" x14ac:dyDescent="0.2">
      <c r="A379" s="499" t="s">
        <v>2494</v>
      </c>
      <c r="B379" s="483" t="s">
        <v>2495</v>
      </c>
      <c r="C379" s="481">
        <v>816</v>
      </c>
      <c r="D379" s="481"/>
      <c r="E379" s="481" t="s">
        <v>2481</v>
      </c>
      <c r="F379" s="482" t="s">
        <v>53</v>
      </c>
      <c r="G379" s="482" t="s">
        <v>655</v>
      </c>
      <c r="H379" s="501" t="s">
        <v>900</v>
      </c>
      <c r="I379" s="501" t="s">
        <v>1131</v>
      </c>
      <c r="J379" s="506" t="s">
        <v>1132</v>
      </c>
      <c r="K379" s="506"/>
      <c r="L379" s="77" t="s">
        <v>58</v>
      </c>
      <c r="M379" s="500" t="s">
        <v>833</v>
      </c>
      <c r="N379" s="500"/>
      <c r="O379" s="506" t="s">
        <v>81</v>
      </c>
      <c r="P379" s="77" t="s">
        <v>77</v>
      </c>
      <c r="Q379" s="77"/>
      <c r="R379" s="500" t="s">
        <v>722</v>
      </c>
      <c r="S379" s="76" t="s">
        <v>63</v>
      </c>
      <c r="T379" s="76" t="s">
        <v>63</v>
      </c>
      <c r="U379" s="508">
        <v>207618.125</v>
      </c>
      <c r="V379" s="508"/>
      <c r="W379" s="494" t="s">
        <v>659</v>
      </c>
      <c r="X379" s="494"/>
      <c r="Y379" s="503">
        <f t="shared" si="77"/>
        <v>207618.125</v>
      </c>
      <c r="Z379" s="76" t="s">
        <v>65</v>
      </c>
      <c r="AA379" s="487"/>
      <c r="AB379" s="487"/>
      <c r="AC379" s="487"/>
      <c r="AD379" s="487"/>
      <c r="AE379" s="487"/>
      <c r="AF379" s="487"/>
      <c r="AG379" s="487"/>
      <c r="AH379" s="487"/>
      <c r="AI379" s="487"/>
      <c r="AJ379" s="487"/>
      <c r="AK379" s="487"/>
      <c r="AL379" s="487"/>
      <c r="AM379" s="487"/>
      <c r="AN379" s="487"/>
      <c r="AO379" s="487"/>
      <c r="AP379" s="487"/>
      <c r="AQ379" s="76"/>
      <c r="AR379" s="487"/>
      <c r="AS379" s="487"/>
      <c r="AT379" s="487"/>
      <c r="AU379" s="76"/>
      <c r="AV379" s="487"/>
      <c r="AW379" s="487"/>
      <c r="AX379" s="487"/>
      <c r="AY379" s="76"/>
      <c r="AZ379" s="487"/>
      <c r="BA379" s="76"/>
      <c r="BB379" s="76"/>
      <c r="BC379" s="487"/>
      <c r="BD379" s="76"/>
      <c r="BE379" s="76"/>
      <c r="BF379" s="80">
        <f t="shared" si="67"/>
        <v>0</v>
      </c>
      <c r="BG379" s="76"/>
      <c r="BH379" s="487" t="str">
        <f t="shared" si="74"/>
        <v/>
      </c>
      <c r="BI379" s="487" t="str">
        <f t="shared" si="74"/>
        <v/>
      </c>
      <c r="BJ379" s="487" t="str">
        <f t="shared" si="74"/>
        <v/>
      </c>
      <c r="BK379" s="487" t="str">
        <f t="shared" si="74"/>
        <v/>
      </c>
      <c r="BL379" s="487" t="str">
        <f t="shared" si="74"/>
        <v/>
      </c>
      <c r="BM379" s="487" t="str">
        <f t="shared" si="74"/>
        <v/>
      </c>
      <c r="BN379" s="487" t="str">
        <f t="shared" si="74"/>
        <v/>
      </c>
      <c r="BO379" s="487" t="str">
        <f t="shared" si="74"/>
        <v/>
      </c>
      <c r="BP379" s="487" t="str">
        <f t="shared" si="74"/>
        <v/>
      </c>
      <c r="BQ379" s="487" t="str">
        <f t="shared" si="74"/>
        <v/>
      </c>
      <c r="BR379" s="487" t="str">
        <f t="shared" si="75"/>
        <v/>
      </c>
      <c r="BS379" s="487" t="str">
        <f t="shared" si="75"/>
        <v/>
      </c>
      <c r="BT379" s="487" t="str">
        <f t="shared" si="75"/>
        <v/>
      </c>
      <c r="BU379" s="487" t="str">
        <f t="shared" si="75"/>
        <v/>
      </c>
      <c r="BV379" s="487" t="str">
        <f t="shared" si="75"/>
        <v/>
      </c>
      <c r="BW379" s="487" t="str">
        <f t="shared" si="75"/>
        <v/>
      </c>
      <c r="BX379" s="487" t="str">
        <f t="shared" si="66"/>
        <v/>
      </c>
      <c r="BY379" s="487" t="str">
        <f t="shared" si="66"/>
        <v/>
      </c>
      <c r="BZ379" s="487" t="str">
        <f t="shared" si="66"/>
        <v/>
      </c>
      <c r="CA379" s="487" t="str">
        <f t="shared" si="66"/>
        <v/>
      </c>
      <c r="CB379" s="487" t="str">
        <f t="shared" si="66"/>
        <v/>
      </c>
      <c r="CC379" s="487" t="str">
        <f t="shared" si="76"/>
        <v/>
      </c>
      <c r="CD379" s="487" t="str">
        <f t="shared" si="76"/>
        <v/>
      </c>
      <c r="CE379" s="487" t="str">
        <f t="shared" si="76"/>
        <v/>
      </c>
      <c r="CF379" s="487" t="str">
        <f t="shared" si="76"/>
        <v/>
      </c>
      <c r="CG379" s="487" t="str">
        <f t="shared" si="76"/>
        <v/>
      </c>
      <c r="CH379" s="487" t="str">
        <f t="shared" si="76"/>
        <v/>
      </c>
      <c r="CI379" s="487" t="str">
        <f t="shared" si="76"/>
        <v/>
      </c>
      <c r="CJ379" s="487" t="str">
        <f t="shared" si="76"/>
        <v/>
      </c>
      <c r="CK379" s="487" t="str">
        <f t="shared" si="76"/>
        <v/>
      </c>
      <c r="CL379" s="487" t="str">
        <f t="shared" si="65"/>
        <v/>
      </c>
      <c r="CM379" s="487"/>
      <c r="CN379" s="487"/>
      <c r="CO379" s="487"/>
      <c r="CP379" s="487"/>
      <c r="CQ379" s="487"/>
      <c r="CR379" s="487"/>
      <c r="CS379" s="487"/>
      <c r="CT379" s="487"/>
      <c r="CU379" s="487"/>
      <c r="CV379" s="487"/>
      <c r="CW379" s="487"/>
      <c r="CX379" s="487"/>
      <c r="CY379" s="487"/>
      <c r="CZ379" s="487"/>
      <c r="DA379" s="487"/>
      <c r="DB379" s="487"/>
      <c r="DC379" s="487"/>
      <c r="DD379" s="487"/>
      <c r="DE379" s="487"/>
      <c r="DF379" s="487"/>
      <c r="DG379" s="487"/>
      <c r="DH379" s="487"/>
      <c r="DI379" s="486"/>
      <c r="DJ379" s="486"/>
      <c r="DK379" s="486"/>
    </row>
    <row r="380" spans="1:115" ht="56.1" hidden="1" customHeight="1" x14ac:dyDescent="0.2">
      <c r="A380" s="499" t="s">
        <v>2494</v>
      </c>
      <c r="B380" s="483" t="s">
        <v>2495</v>
      </c>
      <c r="C380" s="481">
        <v>830</v>
      </c>
      <c r="D380" s="481"/>
      <c r="E380" s="481" t="s">
        <v>2481</v>
      </c>
      <c r="F380" s="482" t="s">
        <v>53</v>
      </c>
      <c r="G380" s="482" t="s">
        <v>655</v>
      </c>
      <c r="H380" s="501" t="s">
        <v>870</v>
      </c>
      <c r="I380" s="501" t="s">
        <v>1159</v>
      </c>
      <c r="J380" s="506" t="s">
        <v>1160</v>
      </c>
      <c r="K380" s="506"/>
      <c r="L380" s="77" t="s">
        <v>58</v>
      </c>
      <c r="M380" s="500" t="s">
        <v>948</v>
      </c>
      <c r="N380" s="500"/>
      <c r="O380" s="501" t="s">
        <v>81</v>
      </c>
      <c r="P380" s="77" t="s">
        <v>77</v>
      </c>
      <c r="Q380" s="77"/>
      <c r="R380" s="500" t="s">
        <v>722</v>
      </c>
      <c r="S380" s="76" t="s">
        <v>63</v>
      </c>
      <c r="T380" s="76" t="s">
        <v>63</v>
      </c>
      <c r="U380" s="508">
        <v>3668.6739374999997</v>
      </c>
      <c r="V380" s="508"/>
      <c r="W380" s="494" t="s">
        <v>659</v>
      </c>
      <c r="X380" s="494"/>
      <c r="Y380" s="503">
        <f t="shared" si="77"/>
        <v>3668.6739374999997</v>
      </c>
      <c r="Z380" s="76" t="s">
        <v>65</v>
      </c>
      <c r="AA380" s="487"/>
      <c r="AB380" s="487"/>
      <c r="AC380" s="487"/>
      <c r="AD380" s="487"/>
      <c r="AE380" s="487"/>
      <c r="AF380" s="487"/>
      <c r="AG380" s="487"/>
      <c r="AH380" s="487"/>
      <c r="AI380" s="487"/>
      <c r="AJ380" s="487"/>
      <c r="AK380" s="487"/>
      <c r="AL380" s="487"/>
      <c r="AM380" s="487"/>
      <c r="AN380" s="487"/>
      <c r="AO380" s="487"/>
      <c r="AP380" s="487"/>
      <c r="AQ380" s="76"/>
      <c r="AR380" s="487"/>
      <c r="AS380" s="487"/>
      <c r="AT380" s="487"/>
      <c r="AU380" s="76"/>
      <c r="AV380" s="487"/>
      <c r="AW380" s="487"/>
      <c r="AX380" s="487"/>
      <c r="AY380" s="76"/>
      <c r="AZ380" s="487"/>
      <c r="BA380" s="76"/>
      <c r="BB380" s="76"/>
      <c r="BC380" s="487"/>
      <c r="BD380" s="76"/>
      <c r="BE380" s="76"/>
      <c r="BF380" s="80">
        <f t="shared" si="67"/>
        <v>0</v>
      </c>
      <c r="BG380" s="76"/>
      <c r="BH380" s="487" t="str">
        <f t="shared" si="74"/>
        <v/>
      </c>
      <c r="BI380" s="487" t="str">
        <f t="shared" si="74"/>
        <v/>
      </c>
      <c r="BJ380" s="487" t="str">
        <f t="shared" si="74"/>
        <v/>
      </c>
      <c r="BK380" s="487" t="str">
        <f t="shared" si="74"/>
        <v/>
      </c>
      <c r="BL380" s="487" t="str">
        <f t="shared" si="74"/>
        <v/>
      </c>
      <c r="BM380" s="487" t="str">
        <f t="shared" si="74"/>
        <v/>
      </c>
      <c r="BN380" s="487" t="str">
        <f t="shared" si="74"/>
        <v/>
      </c>
      <c r="BO380" s="487" t="str">
        <f t="shared" si="74"/>
        <v/>
      </c>
      <c r="BP380" s="487" t="str">
        <f t="shared" si="74"/>
        <v/>
      </c>
      <c r="BQ380" s="487" t="str">
        <f t="shared" si="74"/>
        <v/>
      </c>
      <c r="BR380" s="487" t="str">
        <f t="shared" si="75"/>
        <v/>
      </c>
      <c r="BS380" s="487" t="str">
        <f t="shared" si="75"/>
        <v/>
      </c>
      <c r="BT380" s="487" t="str">
        <f t="shared" si="75"/>
        <v/>
      </c>
      <c r="BU380" s="487" t="str">
        <f t="shared" si="75"/>
        <v/>
      </c>
      <c r="BV380" s="487" t="str">
        <f t="shared" si="75"/>
        <v/>
      </c>
      <c r="BW380" s="487" t="str">
        <f t="shared" si="75"/>
        <v/>
      </c>
      <c r="BX380" s="487" t="str">
        <f t="shared" si="66"/>
        <v/>
      </c>
      <c r="BY380" s="487" t="str">
        <f t="shared" si="66"/>
        <v/>
      </c>
      <c r="BZ380" s="487" t="str">
        <f t="shared" si="66"/>
        <v/>
      </c>
      <c r="CA380" s="487" t="str">
        <f t="shared" si="66"/>
        <v/>
      </c>
      <c r="CB380" s="487" t="str">
        <f t="shared" si="66"/>
        <v/>
      </c>
      <c r="CC380" s="487" t="str">
        <f t="shared" si="76"/>
        <v/>
      </c>
      <c r="CD380" s="487" t="str">
        <f t="shared" si="76"/>
        <v/>
      </c>
      <c r="CE380" s="487" t="str">
        <f t="shared" si="76"/>
        <v/>
      </c>
      <c r="CF380" s="487" t="str">
        <f t="shared" si="76"/>
        <v/>
      </c>
      <c r="CG380" s="487" t="str">
        <f t="shared" si="76"/>
        <v/>
      </c>
      <c r="CH380" s="487" t="str">
        <f t="shared" si="76"/>
        <v/>
      </c>
      <c r="CI380" s="487" t="str">
        <f t="shared" si="76"/>
        <v/>
      </c>
      <c r="CJ380" s="487" t="str">
        <f t="shared" si="76"/>
        <v/>
      </c>
      <c r="CK380" s="487" t="str">
        <f t="shared" si="76"/>
        <v/>
      </c>
      <c r="CL380" s="487" t="str">
        <f t="shared" si="76"/>
        <v/>
      </c>
      <c r="CM380" s="487"/>
      <c r="CN380" s="487"/>
      <c r="CO380" s="487"/>
      <c r="CP380" s="487"/>
      <c r="CQ380" s="487"/>
      <c r="CR380" s="487"/>
      <c r="CS380" s="487"/>
      <c r="CT380" s="487"/>
      <c r="CU380" s="487"/>
      <c r="CV380" s="487"/>
      <c r="CW380" s="487"/>
      <c r="CX380" s="487"/>
      <c r="CY380" s="487"/>
      <c r="CZ380" s="487"/>
      <c r="DA380" s="487"/>
      <c r="DB380" s="487"/>
      <c r="DC380" s="487"/>
      <c r="DD380" s="487"/>
      <c r="DE380" s="487"/>
      <c r="DF380" s="487"/>
      <c r="DG380" s="487"/>
      <c r="DH380" s="487"/>
      <c r="DI380" s="486"/>
      <c r="DJ380" s="486"/>
      <c r="DK380" s="486"/>
    </row>
    <row r="381" spans="1:115" ht="56.1" hidden="1" customHeight="1" x14ac:dyDescent="0.2">
      <c r="A381" s="499" t="s">
        <v>2494</v>
      </c>
      <c r="B381" s="483" t="s">
        <v>2495</v>
      </c>
      <c r="C381" s="481">
        <v>840</v>
      </c>
      <c r="D381" s="481"/>
      <c r="E381" s="481" t="s">
        <v>2481</v>
      </c>
      <c r="F381" s="482" t="s">
        <v>53</v>
      </c>
      <c r="G381" s="482" t="s">
        <v>655</v>
      </c>
      <c r="H381" s="501" t="s">
        <v>900</v>
      </c>
      <c r="I381" s="501" t="s">
        <v>1182</v>
      </c>
      <c r="J381" s="506" t="s">
        <v>1183</v>
      </c>
      <c r="K381" s="506"/>
      <c r="L381" s="77" t="s">
        <v>58</v>
      </c>
      <c r="M381" s="501" t="s">
        <v>833</v>
      </c>
      <c r="N381" s="501"/>
      <c r="O381" s="501" t="s">
        <v>81</v>
      </c>
      <c r="P381" s="77" t="s">
        <v>77</v>
      </c>
      <c r="Q381" s="77"/>
      <c r="R381" s="501" t="s">
        <v>834</v>
      </c>
      <c r="S381" s="76" t="s">
        <v>63</v>
      </c>
      <c r="T381" s="76" t="s">
        <v>63</v>
      </c>
      <c r="U381" s="508">
        <v>61103.864249999999</v>
      </c>
      <c r="V381" s="508"/>
      <c r="W381" s="494" t="s">
        <v>659</v>
      </c>
      <c r="X381" s="494"/>
      <c r="Y381" s="503">
        <f t="shared" si="77"/>
        <v>61103.864249999999</v>
      </c>
      <c r="Z381" s="76" t="s">
        <v>65</v>
      </c>
      <c r="AA381" s="487"/>
      <c r="AB381" s="486"/>
      <c r="AC381" s="486"/>
      <c r="AD381" s="486"/>
      <c r="AE381" s="486"/>
      <c r="AF381" s="486"/>
      <c r="AG381" s="486"/>
      <c r="AH381" s="486"/>
      <c r="AI381" s="486"/>
      <c r="AJ381" s="486"/>
      <c r="AK381" s="486"/>
      <c r="AL381" s="486"/>
      <c r="AM381" s="486"/>
      <c r="AN381" s="487"/>
      <c r="AO381" s="486"/>
      <c r="AP381" s="486"/>
      <c r="AQ381" s="486"/>
      <c r="AR381" s="486"/>
      <c r="AS381" s="486"/>
      <c r="AT381" s="486"/>
      <c r="AU381" s="486"/>
      <c r="AV381" s="486"/>
      <c r="AW381" s="486"/>
      <c r="AX381" s="486"/>
      <c r="AY381" s="486"/>
      <c r="AZ381" s="486"/>
      <c r="BA381" s="486"/>
      <c r="BB381" s="486"/>
      <c r="BC381" s="486"/>
      <c r="BD381" s="486"/>
      <c r="BE381" s="486"/>
      <c r="BF381" s="80">
        <f t="shared" si="67"/>
        <v>0</v>
      </c>
      <c r="BG381" s="76"/>
      <c r="BH381" s="487" t="str">
        <f t="shared" ref="BH381:BR405" si="78">IF(AA381="yes",(AA$2*$BG381),"")</f>
        <v/>
      </c>
      <c r="BI381" s="487" t="str">
        <f t="shared" si="78"/>
        <v/>
      </c>
      <c r="BJ381" s="487" t="str">
        <f t="shared" si="78"/>
        <v/>
      </c>
      <c r="BK381" s="487" t="str">
        <f t="shared" si="78"/>
        <v/>
      </c>
      <c r="BL381" s="487" t="str">
        <f t="shared" si="78"/>
        <v/>
      </c>
      <c r="BM381" s="487" t="str">
        <f t="shared" si="78"/>
        <v/>
      </c>
      <c r="BN381" s="487" t="str">
        <f t="shared" si="78"/>
        <v/>
      </c>
      <c r="BO381" s="487" t="str">
        <f t="shared" si="78"/>
        <v/>
      </c>
      <c r="BP381" s="487" t="str">
        <f t="shared" si="78"/>
        <v/>
      </c>
      <c r="BQ381" s="487" t="str">
        <f t="shared" si="78"/>
        <v/>
      </c>
      <c r="BR381" s="487" t="str">
        <f t="shared" si="75"/>
        <v/>
      </c>
      <c r="BS381" s="487" t="str">
        <f t="shared" si="75"/>
        <v/>
      </c>
      <c r="BT381" s="487" t="str">
        <f t="shared" si="75"/>
        <v/>
      </c>
      <c r="BU381" s="487" t="str">
        <f t="shared" si="75"/>
        <v/>
      </c>
      <c r="BV381" s="487" t="str">
        <f t="shared" si="75"/>
        <v/>
      </c>
      <c r="BW381" s="487" t="str">
        <f t="shared" si="75"/>
        <v/>
      </c>
      <c r="BX381" s="487" t="str">
        <f t="shared" si="66"/>
        <v/>
      </c>
      <c r="BY381" s="487" t="str">
        <f t="shared" si="66"/>
        <v/>
      </c>
      <c r="BZ381" s="487" t="str">
        <f t="shared" si="66"/>
        <v/>
      </c>
      <c r="CA381" s="487" t="str">
        <f t="shared" si="66"/>
        <v/>
      </c>
      <c r="CB381" s="487" t="str">
        <f t="shared" si="66"/>
        <v/>
      </c>
      <c r="CC381" s="487" t="str">
        <f t="shared" si="76"/>
        <v/>
      </c>
      <c r="CD381" s="487" t="str">
        <f t="shared" si="76"/>
        <v/>
      </c>
      <c r="CE381" s="487" t="str">
        <f t="shared" si="76"/>
        <v/>
      </c>
      <c r="CF381" s="487" t="str">
        <f t="shared" si="76"/>
        <v/>
      </c>
      <c r="CG381" s="487" t="str">
        <f t="shared" si="76"/>
        <v/>
      </c>
      <c r="CH381" s="487" t="str">
        <f t="shared" si="76"/>
        <v/>
      </c>
      <c r="CI381" s="487" t="str">
        <f t="shared" si="76"/>
        <v/>
      </c>
      <c r="CJ381" s="487" t="str">
        <f t="shared" si="76"/>
        <v/>
      </c>
      <c r="CK381" s="487" t="str">
        <f t="shared" si="76"/>
        <v/>
      </c>
      <c r="CL381" s="487" t="str">
        <f t="shared" si="76"/>
        <v/>
      </c>
      <c r="CM381" s="487"/>
      <c r="CN381" s="487"/>
      <c r="CO381" s="487"/>
      <c r="CP381" s="487"/>
      <c r="CQ381" s="487"/>
      <c r="CR381" s="487"/>
      <c r="CS381" s="487"/>
      <c r="CT381" s="487"/>
      <c r="CU381" s="487"/>
      <c r="CV381" s="487"/>
      <c r="CW381" s="487"/>
      <c r="CX381" s="487"/>
      <c r="CY381" s="487"/>
      <c r="CZ381" s="487"/>
      <c r="DA381" s="487"/>
      <c r="DB381" s="487"/>
      <c r="DC381" s="487"/>
      <c r="DD381" s="487"/>
      <c r="DE381" s="487"/>
      <c r="DF381" s="487"/>
      <c r="DG381" s="487"/>
      <c r="DH381" s="487"/>
      <c r="DI381" s="486"/>
      <c r="DJ381" s="486"/>
      <c r="DK381" s="486"/>
    </row>
    <row r="382" spans="1:115" ht="71.25" hidden="1" x14ac:dyDescent="0.2">
      <c r="A382" s="510"/>
      <c r="B382" s="510"/>
      <c r="C382" s="481">
        <v>776</v>
      </c>
      <c r="D382" s="481"/>
      <c r="E382" s="481" t="s">
        <v>2481</v>
      </c>
      <c r="F382" s="482" t="s">
        <v>53</v>
      </c>
      <c r="G382" s="482" t="s">
        <v>655</v>
      </c>
      <c r="H382" s="501" t="s">
        <v>900</v>
      </c>
      <c r="I382" s="506" t="s">
        <v>1047</v>
      </c>
      <c r="J382" s="506" t="s">
        <v>1048</v>
      </c>
      <c r="K382" s="506"/>
      <c r="L382" s="77" t="s">
        <v>58</v>
      </c>
      <c r="M382" s="506" t="s">
        <v>25</v>
      </c>
      <c r="N382" s="506"/>
      <c r="O382" s="506" t="s">
        <v>81</v>
      </c>
      <c r="P382" s="77" t="s">
        <v>77</v>
      </c>
      <c r="Q382" s="77"/>
      <c r="R382" s="501" t="s">
        <v>834</v>
      </c>
      <c r="S382" s="76" t="s">
        <v>63</v>
      </c>
      <c r="T382" s="76" t="s">
        <v>63</v>
      </c>
      <c r="U382" s="508">
        <v>423047.625</v>
      </c>
      <c r="V382" s="508"/>
      <c r="W382" s="510" t="s">
        <v>839</v>
      </c>
      <c r="X382" s="510"/>
      <c r="Y382" s="503">
        <f t="shared" si="77"/>
        <v>423047.625</v>
      </c>
      <c r="Z382" s="76" t="s">
        <v>65</v>
      </c>
      <c r="AA382" s="486"/>
      <c r="AB382" s="486"/>
      <c r="AC382" s="486"/>
      <c r="AD382" s="486"/>
      <c r="AE382" s="486"/>
      <c r="AF382" s="487"/>
      <c r="AG382" s="487"/>
      <c r="AH382" s="486"/>
      <c r="AI382" s="487"/>
      <c r="AJ382" s="486"/>
      <c r="AK382" s="486"/>
      <c r="AL382" s="486"/>
      <c r="AM382" s="486"/>
      <c r="AN382" s="486"/>
      <c r="AO382" s="486"/>
      <c r="AP382" s="486"/>
      <c r="AQ382" s="486"/>
      <c r="AR382" s="486"/>
      <c r="AS382" s="486"/>
      <c r="AT382" s="486"/>
      <c r="AU382" s="486"/>
      <c r="AV382" s="486"/>
      <c r="AW382" s="486"/>
      <c r="AX382" s="486"/>
      <c r="AY382" s="486"/>
      <c r="AZ382" s="486"/>
      <c r="BA382" s="486"/>
      <c r="BB382" s="486"/>
      <c r="BC382" s="486"/>
      <c r="BD382" s="486"/>
      <c r="BE382" s="486"/>
      <c r="BF382" s="80">
        <f t="shared" si="67"/>
        <v>0</v>
      </c>
      <c r="BG382" s="76"/>
      <c r="BH382" s="487" t="str">
        <f t="shared" si="78"/>
        <v/>
      </c>
      <c r="BI382" s="487" t="str">
        <f t="shared" si="78"/>
        <v/>
      </c>
      <c r="BJ382" s="487" t="str">
        <f t="shared" si="78"/>
        <v/>
      </c>
      <c r="BK382" s="487" t="str">
        <f t="shared" si="78"/>
        <v/>
      </c>
      <c r="BL382" s="487" t="str">
        <f t="shared" si="78"/>
        <v/>
      </c>
      <c r="BM382" s="487" t="str">
        <f t="shared" si="78"/>
        <v/>
      </c>
      <c r="BN382" s="487" t="str">
        <f t="shared" si="78"/>
        <v/>
      </c>
      <c r="BO382" s="487" t="str">
        <f t="shared" si="78"/>
        <v/>
      </c>
      <c r="BP382" s="487" t="str">
        <f t="shared" si="78"/>
        <v/>
      </c>
      <c r="BQ382" s="487" t="str">
        <f t="shared" si="78"/>
        <v/>
      </c>
      <c r="BR382" s="487" t="str">
        <f t="shared" si="75"/>
        <v/>
      </c>
      <c r="BS382" s="487" t="str">
        <f t="shared" si="75"/>
        <v/>
      </c>
      <c r="BT382" s="487" t="str">
        <f t="shared" si="75"/>
        <v/>
      </c>
      <c r="BU382" s="487" t="str">
        <f t="shared" si="75"/>
        <v/>
      </c>
      <c r="BV382" s="487" t="str">
        <f t="shared" si="75"/>
        <v/>
      </c>
      <c r="BW382" s="487" t="str">
        <f t="shared" si="75"/>
        <v/>
      </c>
      <c r="BX382" s="487" t="str">
        <f t="shared" si="75"/>
        <v/>
      </c>
      <c r="BY382" s="487" t="str">
        <f t="shared" si="75"/>
        <v/>
      </c>
      <c r="BZ382" s="487" t="str">
        <f t="shared" si="75"/>
        <v/>
      </c>
      <c r="CA382" s="487" t="str">
        <f t="shared" si="75"/>
        <v/>
      </c>
      <c r="CB382" s="487" t="str">
        <f t="shared" si="75"/>
        <v/>
      </c>
      <c r="CC382" s="487" t="str">
        <f t="shared" si="76"/>
        <v/>
      </c>
      <c r="CD382" s="487" t="str">
        <f t="shared" si="76"/>
        <v/>
      </c>
      <c r="CE382" s="487" t="str">
        <f t="shared" si="76"/>
        <v/>
      </c>
      <c r="CF382" s="487" t="str">
        <f t="shared" si="76"/>
        <v/>
      </c>
      <c r="CG382" s="487" t="str">
        <f t="shared" si="76"/>
        <v/>
      </c>
      <c r="CH382" s="487" t="str">
        <f t="shared" si="76"/>
        <v/>
      </c>
      <c r="CI382" s="487" t="str">
        <f t="shared" si="76"/>
        <v/>
      </c>
      <c r="CJ382" s="487" t="str">
        <f t="shared" si="76"/>
        <v/>
      </c>
      <c r="CK382" s="487" t="str">
        <f t="shared" si="76"/>
        <v/>
      </c>
      <c r="CL382" s="487" t="str">
        <f t="shared" si="76"/>
        <v/>
      </c>
      <c r="CM382" s="487"/>
      <c r="CN382" s="487"/>
      <c r="CO382" s="487"/>
      <c r="CP382" s="487"/>
      <c r="CQ382" s="487"/>
      <c r="CR382" s="487"/>
      <c r="CS382" s="487"/>
      <c r="CT382" s="487"/>
      <c r="CU382" s="487"/>
      <c r="CV382" s="487"/>
      <c r="CW382" s="487"/>
      <c r="CX382" s="487"/>
      <c r="CY382" s="487"/>
      <c r="CZ382" s="487"/>
      <c r="DA382" s="487"/>
      <c r="DB382" s="487"/>
      <c r="DC382" s="487"/>
      <c r="DD382" s="487"/>
      <c r="DE382" s="487"/>
      <c r="DF382" s="487"/>
      <c r="DG382" s="487"/>
      <c r="DH382" s="487"/>
      <c r="DI382" s="486"/>
      <c r="DJ382" s="486"/>
      <c r="DK382" s="486"/>
    </row>
    <row r="383" spans="1:115" ht="56.1" hidden="1" customHeight="1" x14ac:dyDescent="0.2">
      <c r="A383" s="510"/>
      <c r="B383" s="510"/>
      <c r="C383" s="481">
        <v>739</v>
      </c>
      <c r="D383" s="481"/>
      <c r="E383" s="481" t="s">
        <v>2481</v>
      </c>
      <c r="F383" s="482" t="s">
        <v>869</v>
      </c>
      <c r="G383" s="482" t="s">
        <v>655</v>
      </c>
      <c r="H383" s="507" t="s">
        <v>830</v>
      </c>
      <c r="I383" s="506" t="s">
        <v>971</v>
      </c>
      <c r="J383" s="506" t="s">
        <v>972</v>
      </c>
      <c r="K383" s="506"/>
      <c r="L383" s="77" t="s">
        <v>58</v>
      </c>
      <c r="M383" s="501" t="s">
        <v>18</v>
      </c>
      <c r="N383" s="501"/>
      <c r="O383" s="501" t="s">
        <v>81</v>
      </c>
      <c r="P383" s="77" t="s">
        <v>77</v>
      </c>
      <c r="Q383" s="77"/>
      <c r="R383" s="500" t="s">
        <v>834</v>
      </c>
      <c r="S383" s="76" t="s">
        <v>63</v>
      </c>
      <c r="T383" s="76" t="s">
        <v>63</v>
      </c>
      <c r="U383" s="502">
        <v>370629.1875</v>
      </c>
      <c r="V383" s="502"/>
      <c r="W383" s="510" t="s">
        <v>839</v>
      </c>
      <c r="X383" s="510"/>
      <c r="Y383" s="503">
        <f t="shared" si="77"/>
        <v>370629.1875</v>
      </c>
      <c r="Z383" s="510" t="s">
        <v>853</v>
      </c>
      <c r="AA383" s="76"/>
      <c r="AB383" s="76"/>
      <c r="AC383" s="76"/>
      <c r="AD383" s="76"/>
      <c r="AE383" s="76"/>
      <c r="AF383" s="76"/>
      <c r="AG383" s="76"/>
      <c r="AH383" s="76"/>
      <c r="AI383" s="76"/>
      <c r="AJ383" s="76"/>
      <c r="AK383" s="76"/>
      <c r="AL383" s="76"/>
      <c r="AM383" s="76"/>
      <c r="AN383" s="76"/>
      <c r="AO383" s="76"/>
      <c r="AP383" s="76"/>
      <c r="AQ383" s="76"/>
      <c r="AR383" s="76"/>
      <c r="AS383" s="76"/>
      <c r="AT383" s="76"/>
      <c r="AU383" s="76"/>
      <c r="AV383" s="76"/>
      <c r="AW383" s="76"/>
      <c r="AX383" s="76"/>
      <c r="AY383" s="76"/>
      <c r="AZ383" s="76"/>
      <c r="BA383" s="76"/>
      <c r="BB383" s="76"/>
      <c r="BC383" s="76"/>
      <c r="BD383" s="76"/>
      <c r="BE383" s="76"/>
      <c r="BF383" s="80">
        <f t="shared" si="67"/>
        <v>0</v>
      </c>
      <c r="BG383" s="76"/>
      <c r="BH383" s="487" t="str">
        <f t="shared" si="78"/>
        <v/>
      </c>
      <c r="BI383" s="487" t="str">
        <f t="shared" si="78"/>
        <v/>
      </c>
      <c r="BJ383" s="487" t="str">
        <f t="shared" si="78"/>
        <v/>
      </c>
      <c r="BK383" s="487" t="str">
        <f t="shared" si="78"/>
        <v/>
      </c>
      <c r="BL383" s="487" t="str">
        <f t="shared" si="78"/>
        <v/>
      </c>
      <c r="BM383" s="487" t="str">
        <f t="shared" si="78"/>
        <v/>
      </c>
      <c r="BN383" s="487" t="str">
        <f t="shared" si="78"/>
        <v/>
      </c>
      <c r="BO383" s="487" t="str">
        <f t="shared" si="78"/>
        <v/>
      </c>
      <c r="BP383" s="487" t="str">
        <f t="shared" si="78"/>
        <v/>
      </c>
      <c r="BQ383" s="487" t="str">
        <f t="shared" si="78"/>
        <v/>
      </c>
      <c r="BR383" s="487" t="str">
        <f t="shared" si="75"/>
        <v/>
      </c>
      <c r="BS383" s="487" t="str">
        <f t="shared" si="75"/>
        <v/>
      </c>
      <c r="BT383" s="487" t="str">
        <f t="shared" si="75"/>
        <v/>
      </c>
      <c r="BU383" s="487" t="str">
        <f t="shared" si="75"/>
        <v/>
      </c>
      <c r="BV383" s="487" t="str">
        <f t="shared" si="75"/>
        <v/>
      </c>
      <c r="BW383" s="487" t="str">
        <f t="shared" si="75"/>
        <v/>
      </c>
      <c r="BX383" s="487" t="str">
        <f t="shared" si="75"/>
        <v/>
      </c>
      <c r="BY383" s="487" t="str">
        <f t="shared" si="75"/>
        <v/>
      </c>
      <c r="BZ383" s="487" t="str">
        <f t="shared" si="75"/>
        <v/>
      </c>
      <c r="CA383" s="487" t="str">
        <f t="shared" si="75"/>
        <v/>
      </c>
      <c r="CB383" s="487" t="str">
        <f t="shared" si="75"/>
        <v/>
      </c>
      <c r="CC383" s="487" t="str">
        <f t="shared" si="76"/>
        <v/>
      </c>
      <c r="CD383" s="487" t="str">
        <f t="shared" si="76"/>
        <v/>
      </c>
      <c r="CE383" s="487" t="str">
        <f t="shared" si="76"/>
        <v/>
      </c>
      <c r="CF383" s="487" t="str">
        <f t="shared" si="76"/>
        <v/>
      </c>
      <c r="CG383" s="487" t="str">
        <f t="shared" si="76"/>
        <v/>
      </c>
      <c r="CH383" s="487" t="str">
        <f t="shared" si="76"/>
        <v/>
      </c>
      <c r="CI383" s="487" t="str">
        <f t="shared" si="76"/>
        <v/>
      </c>
      <c r="CJ383" s="487" t="str">
        <f t="shared" si="76"/>
        <v/>
      </c>
      <c r="CK383" s="487" t="str">
        <f t="shared" si="76"/>
        <v/>
      </c>
      <c r="CL383" s="487" t="str">
        <f t="shared" si="76"/>
        <v/>
      </c>
      <c r="CM383" s="487"/>
      <c r="CN383" s="487"/>
      <c r="CO383" s="487"/>
      <c r="CP383" s="487"/>
      <c r="CQ383" s="487"/>
      <c r="CR383" s="487"/>
      <c r="CS383" s="487"/>
      <c r="CT383" s="487"/>
      <c r="CU383" s="487"/>
      <c r="CV383" s="487"/>
      <c r="CW383" s="487"/>
      <c r="CX383" s="487"/>
      <c r="CY383" s="487"/>
      <c r="CZ383" s="487"/>
      <c r="DA383" s="487"/>
      <c r="DB383" s="487"/>
      <c r="DC383" s="487"/>
      <c r="DD383" s="487"/>
      <c r="DE383" s="487"/>
      <c r="DF383" s="487"/>
      <c r="DG383" s="487"/>
      <c r="DH383" s="487"/>
      <c r="DI383" s="76"/>
      <c r="DJ383" s="76"/>
      <c r="DK383" s="504"/>
    </row>
    <row r="384" spans="1:115" ht="56.1" hidden="1" customHeight="1" x14ac:dyDescent="0.2">
      <c r="A384" s="510"/>
      <c r="B384" s="510"/>
      <c r="C384" s="481">
        <v>839</v>
      </c>
      <c r="D384" s="481"/>
      <c r="E384" s="481" t="s">
        <v>2481</v>
      </c>
      <c r="F384" s="482" t="s">
        <v>53</v>
      </c>
      <c r="G384" s="482" t="s">
        <v>655</v>
      </c>
      <c r="H384" s="501" t="s">
        <v>900</v>
      </c>
      <c r="I384" s="501" t="s">
        <v>1179</v>
      </c>
      <c r="J384" s="506" t="s">
        <v>1180</v>
      </c>
      <c r="K384" s="506"/>
      <c r="L384" s="77" t="s">
        <v>58</v>
      </c>
      <c r="M384" s="501" t="s">
        <v>1181</v>
      </c>
      <c r="N384" s="501"/>
      <c r="O384" s="501" t="s">
        <v>81</v>
      </c>
      <c r="P384" s="77" t="s">
        <v>77</v>
      </c>
      <c r="Q384" s="77"/>
      <c r="R384" s="500" t="s">
        <v>722</v>
      </c>
      <c r="S384" s="76" t="s">
        <v>63</v>
      </c>
      <c r="T384" s="76" t="s">
        <v>63</v>
      </c>
      <c r="U384" s="508">
        <v>86336.25</v>
      </c>
      <c r="V384" s="508"/>
      <c r="W384" s="510" t="s">
        <v>839</v>
      </c>
      <c r="X384" s="510"/>
      <c r="Y384" s="503">
        <f t="shared" si="77"/>
        <v>86336.25</v>
      </c>
      <c r="Z384" s="76" t="s">
        <v>65</v>
      </c>
      <c r="AA384" s="487"/>
      <c r="AB384" s="486"/>
      <c r="AC384" s="486"/>
      <c r="AD384" s="486"/>
      <c r="AE384" s="486"/>
      <c r="AF384" s="486"/>
      <c r="AG384" s="486"/>
      <c r="AH384" s="486"/>
      <c r="AI384" s="486"/>
      <c r="AJ384" s="486"/>
      <c r="AK384" s="486"/>
      <c r="AL384" s="486"/>
      <c r="AM384" s="486"/>
      <c r="AN384" s="487"/>
      <c r="AO384" s="486"/>
      <c r="AP384" s="486"/>
      <c r="AQ384" s="486"/>
      <c r="AR384" s="486"/>
      <c r="AS384" s="486"/>
      <c r="AT384" s="486"/>
      <c r="AU384" s="486"/>
      <c r="AV384" s="486"/>
      <c r="AW384" s="486"/>
      <c r="AX384" s="486"/>
      <c r="AY384" s="486"/>
      <c r="AZ384" s="486"/>
      <c r="BA384" s="486"/>
      <c r="BB384" s="486"/>
      <c r="BC384" s="486"/>
      <c r="BD384" s="486"/>
      <c r="BE384" s="486"/>
      <c r="BF384" s="80">
        <f t="shared" si="67"/>
        <v>0</v>
      </c>
      <c r="BG384" s="76"/>
      <c r="BH384" s="487" t="str">
        <f t="shared" si="78"/>
        <v/>
      </c>
      <c r="BI384" s="487" t="str">
        <f t="shared" si="78"/>
        <v/>
      </c>
      <c r="BJ384" s="487" t="str">
        <f t="shared" si="78"/>
        <v/>
      </c>
      <c r="BK384" s="487" t="str">
        <f t="shared" si="78"/>
        <v/>
      </c>
      <c r="BL384" s="487" t="str">
        <f t="shared" si="78"/>
        <v/>
      </c>
      <c r="BM384" s="487" t="str">
        <f t="shared" si="78"/>
        <v/>
      </c>
      <c r="BN384" s="487" t="str">
        <f t="shared" si="78"/>
        <v/>
      </c>
      <c r="BO384" s="487" t="str">
        <f t="shared" si="78"/>
        <v/>
      </c>
      <c r="BP384" s="487" t="str">
        <f t="shared" si="78"/>
        <v/>
      </c>
      <c r="BQ384" s="487" t="str">
        <f t="shared" si="78"/>
        <v/>
      </c>
      <c r="BR384" s="487" t="str">
        <f t="shared" si="75"/>
        <v/>
      </c>
      <c r="BS384" s="487" t="str">
        <f t="shared" si="75"/>
        <v/>
      </c>
      <c r="BT384" s="487" t="str">
        <f t="shared" si="75"/>
        <v/>
      </c>
      <c r="BU384" s="487" t="str">
        <f t="shared" si="75"/>
        <v/>
      </c>
      <c r="BV384" s="487" t="str">
        <f t="shared" si="75"/>
        <v/>
      </c>
      <c r="BW384" s="487" t="str">
        <f t="shared" si="75"/>
        <v/>
      </c>
      <c r="BX384" s="487" t="str">
        <f t="shared" si="75"/>
        <v/>
      </c>
      <c r="BY384" s="487" t="str">
        <f t="shared" si="75"/>
        <v/>
      </c>
      <c r="BZ384" s="487" t="str">
        <f t="shared" si="75"/>
        <v/>
      </c>
      <c r="CA384" s="487" t="str">
        <f t="shared" si="75"/>
        <v/>
      </c>
      <c r="CB384" s="487" t="str">
        <f t="shared" si="75"/>
        <v/>
      </c>
      <c r="CC384" s="487" t="str">
        <f t="shared" si="76"/>
        <v/>
      </c>
      <c r="CD384" s="487" t="str">
        <f t="shared" si="76"/>
        <v/>
      </c>
      <c r="CE384" s="487" t="str">
        <f t="shared" si="76"/>
        <v/>
      </c>
      <c r="CF384" s="487" t="str">
        <f t="shared" si="76"/>
        <v/>
      </c>
      <c r="CG384" s="487" t="str">
        <f t="shared" si="76"/>
        <v/>
      </c>
      <c r="CH384" s="487" t="str">
        <f t="shared" si="76"/>
        <v/>
      </c>
      <c r="CI384" s="487" t="str">
        <f t="shared" si="76"/>
        <v/>
      </c>
      <c r="CJ384" s="487" t="str">
        <f t="shared" si="76"/>
        <v/>
      </c>
      <c r="CK384" s="487" t="str">
        <f t="shared" si="76"/>
        <v/>
      </c>
      <c r="CL384" s="487" t="str">
        <f t="shared" si="76"/>
        <v/>
      </c>
      <c r="CM384" s="487"/>
      <c r="CN384" s="487"/>
      <c r="CO384" s="487"/>
      <c r="CP384" s="487"/>
      <c r="CQ384" s="487"/>
      <c r="CR384" s="487"/>
      <c r="CS384" s="487"/>
      <c r="CT384" s="487"/>
      <c r="CU384" s="487"/>
      <c r="CV384" s="487"/>
      <c r="CW384" s="487"/>
      <c r="CX384" s="487"/>
      <c r="CY384" s="487"/>
      <c r="CZ384" s="487"/>
      <c r="DA384" s="487"/>
      <c r="DB384" s="487"/>
      <c r="DC384" s="487"/>
      <c r="DD384" s="487"/>
      <c r="DE384" s="487"/>
      <c r="DF384" s="487"/>
      <c r="DG384" s="487"/>
      <c r="DH384" s="487"/>
      <c r="DI384" s="486"/>
      <c r="DJ384" s="486"/>
      <c r="DK384" s="486"/>
    </row>
    <row r="385" spans="1:115" ht="56.1" hidden="1" customHeight="1" x14ac:dyDescent="0.2">
      <c r="A385" s="499" t="s">
        <v>2342</v>
      </c>
      <c r="B385" s="510"/>
      <c r="C385" s="481">
        <v>684</v>
      </c>
      <c r="D385" s="481"/>
      <c r="E385" s="481" t="s">
        <v>2481</v>
      </c>
      <c r="F385" s="482" t="s">
        <v>53</v>
      </c>
      <c r="G385" s="482" t="s">
        <v>655</v>
      </c>
      <c r="H385" s="500" t="s">
        <v>830</v>
      </c>
      <c r="I385" s="501" t="s">
        <v>844</v>
      </c>
      <c r="J385" s="501" t="s">
        <v>845</v>
      </c>
      <c r="K385" s="501"/>
      <c r="L385" s="77" t="s">
        <v>58</v>
      </c>
      <c r="M385" s="501" t="s">
        <v>846</v>
      </c>
      <c r="N385" s="501"/>
      <c r="O385" s="501" t="s">
        <v>81</v>
      </c>
      <c r="P385" s="77" t="s">
        <v>77</v>
      </c>
      <c r="Q385" s="77"/>
      <c r="R385" s="500" t="s">
        <v>834</v>
      </c>
      <c r="S385" s="76" t="s">
        <v>63</v>
      </c>
      <c r="T385" s="76" t="s">
        <v>63</v>
      </c>
      <c r="U385" s="502">
        <v>370629.1875</v>
      </c>
      <c r="V385" s="502"/>
      <c r="W385" s="510" t="s">
        <v>839</v>
      </c>
      <c r="X385" s="510"/>
      <c r="Y385" s="503">
        <f t="shared" si="77"/>
        <v>370629.1875</v>
      </c>
      <c r="Z385" s="76" t="s">
        <v>65</v>
      </c>
      <c r="AA385" s="76"/>
      <c r="AB385" s="76"/>
      <c r="AC385" s="76"/>
      <c r="AD385" s="76"/>
      <c r="AE385" s="76"/>
      <c r="AF385" s="76"/>
      <c r="AG385" s="76"/>
      <c r="AH385" s="76"/>
      <c r="AI385" s="76"/>
      <c r="AJ385" s="76"/>
      <c r="AK385" s="76"/>
      <c r="AL385" s="76"/>
      <c r="AM385" s="76"/>
      <c r="AN385" s="76"/>
      <c r="AO385" s="76"/>
      <c r="AP385" s="76"/>
      <c r="AQ385" s="76"/>
      <c r="AR385" s="76"/>
      <c r="AS385" s="76"/>
      <c r="AT385" s="76"/>
      <c r="AU385" s="76"/>
      <c r="AV385" s="76"/>
      <c r="AW385" s="76"/>
      <c r="AX385" s="76"/>
      <c r="AY385" s="76"/>
      <c r="AZ385" s="76"/>
      <c r="BA385" s="76"/>
      <c r="BB385" s="76"/>
      <c r="BC385" s="76"/>
      <c r="BD385" s="76"/>
      <c r="BE385" s="76"/>
      <c r="BF385" s="80">
        <f t="shared" si="67"/>
        <v>0</v>
      </c>
      <c r="BG385" s="76"/>
      <c r="BH385" s="487" t="str">
        <f t="shared" si="78"/>
        <v/>
      </c>
      <c r="BI385" s="487" t="str">
        <f t="shared" si="78"/>
        <v/>
      </c>
      <c r="BJ385" s="487" t="str">
        <f t="shared" si="78"/>
        <v/>
      </c>
      <c r="BK385" s="487" t="str">
        <f t="shared" si="78"/>
        <v/>
      </c>
      <c r="BL385" s="487" t="str">
        <f t="shared" si="78"/>
        <v/>
      </c>
      <c r="BM385" s="487" t="str">
        <f t="shared" si="78"/>
        <v/>
      </c>
      <c r="BN385" s="487" t="str">
        <f t="shared" si="78"/>
        <v/>
      </c>
      <c r="BO385" s="487" t="str">
        <f t="shared" si="78"/>
        <v/>
      </c>
      <c r="BP385" s="487" t="str">
        <f t="shared" si="78"/>
        <v/>
      </c>
      <c r="BQ385" s="487" t="str">
        <f t="shared" si="78"/>
        <v/>
      </c>
      <c r="BR385" s="487" t="str">
        <f t="shared" si="75"/>
        <v/>
      </c>
      <c r="BS385" s="487" t="str">
        <f t="shared" si="75"/>
        <v/>
      </c>
      <c r="BT385" s="487" t="str">
        <f t="shared" si="75"/>
        <v/>
      </c>
      <c r="BU385" s="487" t="str">
        <f t="shared" si="75"/>
        <v/>
      </c>
      <c r="BV385" s="487" t="str">
        <f t="shared" si="75"/>
        <v/>
      </c>
      <c r="BW385" s="487" t="str">
        <f t="shared" si="75"/>
        <v/>
      </c>
      <c r="BX385" s="487" t="str">
        <f t="shared" si="75"/>
        <v/>
      </c>
      <c r="BY385" s="487" t="str">
        <f t="shared" si="75"/>
        <v/>
      </c>
      <c r="BZ385" s="487" t="str">
        <f t="shared" si="75"/>
        <v/>
      </c>
      <c r="CA385" s="487" t="str">
        <f t="shared" si="75"/>
        <v/>
      </c>
      <c r="CB385" s="487" t="str">
        <f t="shared" si="75"/>
        <v/>
      </c>
      <c r="CC385" s="487" t="str">
        <f t="shared" si="76"/>
        <v/>
      </c>
      <c r="CD385" s="487" t="str">
        <f t="shared" si="76"/>
        <v/>
      </c>
      <c r="CE385" s="487" t="str">
        <f t="shared" si="76"/>
        <v/>
      </c>
      <c r="CF385" s="487" t="str">
        <f t="shared" si="76"/>
        <v/>
      </c>
      <c r="CG385" s="487" t="str">
        <f t="shared" si="76"/>
        <v/>
      </c>
      <c r="CH385" s="487" t="str">
        <f t="shared" si="76"/>
        <v/>
      </c>
      <c r="CI385" s="487" t="str">
        <f t="shared" si="76"/>
        <v/>
      </c>
      <c r="CJ385" s="487" t="str">
        <f t="shared" si="76"/>
        <v/>
      </c>
      <c r="CK385" s="487" t="str">
        <f t="shared" si="76"/>
        <v/>
      </c>
      <c r="CL385" s="487" t="str">
        <f t="shared" si="76"/>
        <v/>
      </c>
      <c r="CM385" s="487"/>
      <c r="CN385" s="487"/>
      <c r="CO385" s="487"/>
      <c r="CP385" s="487"/>
      <c r="CQ385" s="487"/>
      <c r="CR385" s="487"/>
      <c r="CS385" s="487"/>
      <c r="CT385" s="487"/>
      <c r="CU385" s="487"/>
      <c r="CV385" s="487"/>
      <c r="CW385" s="487"/>
      <c r="CX385" s="487"/>
      <c r="CY385" s="487"/>
      <c r="CZ385" s="487"/>
      <c r="DA385" s="487"/>
      <c r="DB385" s="487"/>
      <c r="DC385" s="487"/>
      <c r="DD385" s="487"/>
      <c r="DE385" s="487"/>
      <c r="DF385" s="487"/>
      <c r="DG385" s="487"/>
      <c r="DH385" s="487"/>
      <c r="DI385" s="76"/>
      <c r="DJ385" s="76"/>
      <c r="DK385" s="504"/>
    </row>
    <row r="386" spans="1:115" ht="56.1" hidden="1" customHeight="1" x14ac:dyDescent="0.2">
      <c r="A386" s="499" t="s">
        <v>2342</v>
      </c>
      <c r="B386" s="510"/>
      <c r="C386" s="481">
        <v>687</v>
      </c>
      <c r="D386" s="481"/>
      <c r="E386" s="481" t="s">
        <v>2481</v>
      </c>
      <c r="F386" s="482" t="s">
        <v>53</v>
      </c>
      <c r="G386" s="482" t="s">
        <v>655</v>
      </c>
      <c r="H386" s="500" t="s">
        <v>830</v>
      </c>
      <c r="I386" s="501" t="s">
        <v>851</v>
      </c>
      <c r="J386" s="501" t="s">
        <v>852</v>
      </c>
      <c r="K386" s="501"/>
      <c r="L386" s="77" t="s">
        <v>58</v>
      </c>
      <c r="M386" s="501" t="s">
        <v>846</v>
      </c>
      <c r="N386" s="501"/>
      <c r="O386" s="501" t="s">
        <v>81</v>
      </c>
      <c r="P386" s="77" t="s">
        <v>77</v>
      </c>
      <c r="Q386" s="77"/>
      <c r="R386" s="500" t="s">
        <v>834</v>
      </c>
      <c r="S386" s="76" t="s">
        <v>63</v>
      </c>
      <c r="T386" s="76" t="s">
        <v>63</v>
      </c>
      <c r="U386" s="502">
        <v>370629.1875</v>
      </c>
      <c r="V386" s="502"/>
      <c r="W386" s="510" t="s">
        <v>839</v>
      </c>
      <c r="X386" s="510"/>
      <c r="Y386" s="503">
        <f t="shared" si="77"/>
        <v>370629.1875</v>
      </c>
      <c r="Z386" s="510" t="s">
        <v>853</v>
      </c>
      <c r="AA386" s="76"/>
      <c r="AB386" s="76"/>
      <c r="AC386" s="76"/>
      <c r="AD386" s="76"/>
      <c r="AE386" s="76"/>
      <c r="AF386" s="76"/>
      <c r="AG386" s="76"/>
      <c r="AH386" s="76"/>
      <c r="AI386" s="76"/>
      <c r="AJ386" s="76"/>
      <c r="AK386" s="76"/>
      <c r="AL386" s="76"/>
      <c r="AM386" s="76"/>
      <c r="AN386" s="76"/>
      <c r="AO386" s="76"/>
      <c r="AP386" s="76"/>
      <c r="AQ386" s="76"/>
      <c r="AR386" s="76"/>
      <c r="AS386" s="76"/>
      <c r="AT386" s="76"/>
      <c r="AU386" s="76"/>
      <c r="AV386" s="76"/>
      <c r="AW386" s="76"/>
      <c r="AX386" s="76"/>
      <c r="AY386" s="76"/>
      <c r="AZ386" s="76"/>
      <c r="BA386" s="76"/>
      <c r="BB386" s="76"/>
      <c r="BC386" s="76"/>
      <c r="BD386" s="76"/>
      <c r="BE386" s="76"/>
      <c r="BF386" s="80">
        <f t="shared" si="67"/>
        <v>0</v>
      </c>
      <c r="BG386" s="76"/>
      <c r="BH386" s="487" t="str">
        <f t="shared" si="78"/>
        <v/>
      </c>
      <c r="BI386" s="487" t="str">
        <f t="shared" si="78"/>
        <v/>
      </c>
      <c r="BJ386" s="487" t="str">
        <f t="shared" si="78"/>
        <v/>
      </c>
      <c r="BK386" s="487" t="str">
        <f t="shared" si="78"/>
        <v/>
      </c>
      <c r="BL386" s="487" t="str">
        <f t="shared" si="78"/>
        <v/>
      </c>
      <c r="BM386" s="487" t="str">
        <f t="shared" si="78"/>
        <v/>
      </c>
      <c r="BN386" s="487" t="str">
        <f t="shared" si="78"/>
        <v/>
      </c>
      <c r="BO386" s="487" t="str">
        <f t="shared" si="78"/>
        <v/>
      </c>
      <c r="BP386" s="487" t="str">
        <f t="shared" si="78"/>
        <v/>
      </c>
      <c r="BQ386" s="487" t="str">
        <f t="shared" si="78"/>
        <v/>
      </c>
      <c r="BR386" s="487" t="str">
        <f t="shared" si="75"/>
        <v/>
      </c>
      <c r="BS386" s="487" t="str">
        <f t="shared" si="75"/>
        <v/>
      </c>
      <c r="BT386" s="487" t="str">
        <f t="shared" si="75"/>
        <v/>
      </c>
      <c r="BU386" s="487" t="str">
        <f t="shared" si="75"/>
        <v/>
      </c>
      <c r="BV386" s="487" t="str">
        <f t="shared" si="75"/>
        <v/>
      </c>
      <c r="BW386" s="487" t="str">
        <f t="shared" si="75"/>
        <v/>
      </c>
      <c r="BX386" s="487" t="str">
        <f t="shared" si="75"/>
        <v/>
      </c>
      <c r="BY386" s="487" t="str">
        <f t="shared" si="75"/>
        <v/>
      </c>
      <c r="BZ386" s="487" t="str">
        <f t="shared" si="75"/>
        <v/>
      </c>
      <c r="CA386" s="487" t="str">
        <f t="shared" si="75"/>
        <v/>
      </c>
      <c r="CB386" s="487" t="str">
        <f t="shared" si="75"/>
        <v/>
      </c>
      <c r="CC386" s="487" t="str">
        <f t="shared" si="76"/>
        <v/>
      </c>
      <c r="CD386" s="487" t="str">
        <f t="shared" si="76"/>
        <v/>
      </c>
      <c r="CE386" s="487" t="str">
        <f t="shared" si="76"/>
        <v/>
      </c>
      <c r="CF386" s="487" t="str">
        <f t="shared" si="76"/>
        <v/>
      </c>
      <c r="CG386" s="487" t="str">
        <f t="shared" si="76"/>
        <v/>
      </c>
      <c r="CH386" s="487" t="str">
        <f t="shared" si="76"/>
        <v/>
      </c>
      <c r="CI386" s="487" t="str">
        <f t="shared" si="76"/>
        <v/>
      </c>
      <c r="CJ386" s="487" t="str">
        <f t="shared" si="76"/>
        <v/>
      </c>
      <c r="CK386" s="487" t="str">
        <f t="shared" si="76"/>
        <v/>
      </c>
      <c r="CL386" s="487" t="str">
        <f t="shared" si="76"/>
        <v/>
      </c>
      <c r="CM386" s="487"/>
      <c r="CN386" s="487"/>
      <c r="CO386" s="487"/>
      <c r="CP386" s="487"/>
      <c r="CQ386" s="487"/>
      <c r="CR386" s="487"/>
      <c r="CS386" s="487"/>
      <c r="CT386" s="487"/>
      <c r="CU386" s="487"/>
      <c r="CV386" s="487"/>
      <c r="CW386" s="487"/>
      <c r="CX386" s="487"/>
      <c r="CY386" s="487"/>
      <c r="CZ386" s="487"/>
      <c r="DA386" s="487"/>
      <c r="DB386" s="487"/>
      <c r="DC386" s="487"/>
      <c r="DD386" s="487"/>
      <c r="DE386" s="487"/>
      <c r="DF386" s="487"/>
      <c r="DG386" s="487"/>
      <c r="DH386" s="487"/>
      <c r="DI386" s="76"/>
      <c r="DJ386" s="76"/>
      <c r="DK386" s="504"/>
    </row>
    <row r="387" spans="1:115" ht="56.1" hidden="1" customHeight="1" x14ac:dyDescent="0.2">
      <c r="A387" s="499" t="s">
        <v>2342</v>
      </c>
      <c r="B387" s="510"/>
      <c r="C387" s="481">
        <v>700</v>
      </c>
      <c r="D387" s="481"/>
      <c r="E387" s="481" t="s">
        <v>2481</v>
      </c>
      <c r="F387" s="482" t="s">
        <v>53</v>
      </c>
      <c r="G387" s="482" t="s">
        <v>655</v>
      </c>
      <c r="H387" s="500" t="s">
        <v>830</v>
      </c>
      <c r="I387" s="501" t="s">
        <v>886</v>
      </c>
      <c r="J387" s="506" t="s">
        <v>887</v>
      </c>
      <c r="K387" s="506"/>
      <c r="L387" s="77" t="s">
        <v>58</v>
      </c>
      <c r="M387" s="501" t="s">
        <v>846</v>
      </c>
      <c r="N387" s="501"/>
      <c r="O387" s="501" t="s">
        <v>60</v>
      </c>
      <c r="P387" s="77" t="s">
        <v>77</v>
      </c>
      <c r="Q387" s="77"/>
      <c r="R387" s="500" t="s">
        <v>834</v>
      </c>
      <c r="S387" s="76" t="s">
        <v>63</v>
      </c>
      <c r="T387" s="76" t="s">
        <v>63</v>
      </c>
      <c r="U387" s="502">
        <v>370629.1875</v>
      </c>
      <c r="V387" s="502"/>
      <c r="W387" s="510" t="s">
        <v>839</v>
      </c>
      <c r="X387" s="510"/>
      <c r="Y387" s="503">
        <f t="shared" si="77"/>
        <v>370629.1875</v>
      </c>
      <c r="Z387" s="76" t="s">
        <v>65</v>
      </c>
      <c r="AA387" s="487"/>
      <c r="AB387" s="76"/>
      <c r="AC387" s="76"/>
      <c r="AD387" s="76"/>
      <c r="AE387" s="76"/>
      <c r="AF387" s="76"/>
      <c r="AG387" s="76"/>
      <c r="AH387" s="76"/>
      <c r="AI387" s="76"/>
      <c r="AJ387" s="76"/>
      <c r="AK387" s="76"/>
      <c r="AL387" s="76"/>
      <c r="AM387" s="76"/>
      <c r="AN387" s="76"/>
      <c r="AO387" s="76"/>
      <c r="AP387" s="76"/>
      <c r="AQ387" s="76"/>
      <c r="AR387" s="76"/>
      <c r="AS387" s="76"/>
      <c r="AT387" s="76"/>
      <c r="AU387" s="76"/>
      <c r="AV387" s="76"/>
      <c r="AW387" s="76"/>
      <c r="AX387" s="76"/>
      <c r="AY387" s="76"/>
      <c r="AZ387" s="76"/>
      <c r="BA387" s="76"/>
      <c r="BB387" s="76"/>
      <c r="BC387" s="76"/>
      <c r="BD387" s="76"/>
      <c r="BE387" s="76"/>
      <c r="BF387" s="80">
        <f t="shared" ref="BF387:BF405" si="79">SUMIF(AA387:BE387,"YES",$AA$2:$BE$2)</f>
        <v>0</v>
      </c>
      <c r="BG387" s="76"/>
      <c r="BH387" s="487" t="str">
        <f t="shared" si="78"/>
        <v/>
      </c>
      <c r="BI387" s="487" t="str">
        <f t="shared" si="78"/>
        <v/>
      </c>
      <c r="BJ387" s="487" t="str">
        <f t="shared" si="78"/>
        <v/>
      </c>
      <c r="BK387" s="487" t="str">
        <f t="shared" si="78"/>
        <v/>
      </c>
      <c r="BL387" s="487" t="str">
        <f t="shared" si="78"/>
        <v/>
      </c>
      <c r="BM387" s="487" t="str">
        <f t="shared" si="78"/>
        <v/>
      </c>
      <c r="BN387" s="487" t="str">
        <f t="shared" si="78"/>
        <v/>
      </c>
      <c r="BO387" s="487" t="str">
        <f t="shared" si="78"/>
        <v/>
      </c>
      <c r="BP387" s="487" t="str">
        <f t="shared" si="78"/>
        <v/>
      </c>
      <c r="BQ387" s="487" t="str">
        <f t="shared" si="78"/>
        <v/>
      </c>
      <c r="BR387" s="487" t="str">
        <f t="shared" si="75"/>
        <v/>
      </c>
      <c r="BS387" s="487" t="str">
        <f t="shared" si="75"/>
        <v/>
      </c>
      <c r="BT387" s="487" t="str">
        <f t="shared" si="75"/>
        <v/>
      </c>
      <c r="BU387" s="487" t="str">
        <f t="shared" si="75"/>
        <v/>
      </c>
      <c r="BV387" s="487" t="str">
        <f t="shared" si="75"/>
        <v/>
      </c>
      <c r="BW387" s="487" t="str">
        <f t="shared" si="75"/>
        <v/>
      </c>
      <c r="BX387" s="487" t="str">
        <f t="shared" si="75"/>
        <v/>
      </c>
      <c r="BY387" s="487" t="str">
        <f t="shared" si="75"/>
        <v/>
      </c>
      <c r="BZ387" s="487" t="str">
        <f t="shared" si="75"/>
        <v/>
      </c>
      <c r="CA387" s="487" t="str">
        <f t="shared" si="75"/>
        <v/>
      </c>
      <c r="CB387" s="487" t="str">
        <f t="shared" si="75"/>
        <v/>
      </c>
      <c r="CC387" s="487" t="str">
        <f t="shared" si="76"/>
        <v/>
      </c>
      <c r="CD387" s="487" t="str">
        <f t="shared" si="76"/>
        <v/>
      </c>
      <c r="CE387" s="487" t="str">
        <f t="shared" si="76"/>
        <v/>
      </c>
      <c r="CF387" s="487" t="str">
        <f t="shared" si="76"/>
        <v/>
      </c>
      <c r="CG387" s="487" t="str">
        <f t="shared" si="76"/>
        <v/>
      </c>
      <c r="CH387" s="487" t="str">
        <f t="shared" si="76"/>
        <v/>
      </c>
      <c r="CI387" s="487" t="str">
        <f t="shared" si="76"/>
        <v/>
      </c>
      <c r="CJ387" s="487" t="str">
        <f t="shared" si="76"/>
        <v/>
      </c>
      <c r="CK387" s="487" t="str">
        <f t="shared" si="76"/>
        <v/>
      </c>
      <c r="CL387" s="487" t="str">
        <f t="shared" si="76"/>
        <v/>
      </c>
      <c r="CM387" s="487"/>
      <c r="CN387" s="487"/>
      <c r="CO387" s="487"/>
      <c r="CP387" s="487"/>
      <c r="CQ387" s="487"/>
      <c r="CR387" s="487"/>
      <c r="CS387" s="487"/>
      <c r="CT387" s="487"/>
      <c r="CU387" s="487"/>
      <c r="CV387" s="487"/>
      <c r="CW387" s="487"/>
      <c r="CX387" s="487"/>
      <c r="CY387" s="487"/>
      <c r="CZ387" s="487"/>
      <c r="DA387" s="487"/>
      <c r="DB387" s="487"/>
      <c r="DC387" s="487"/>
      <c r="DD387" s="487"/>
      <c r="DE387" s="487"/>
      <c r="DF387" s="487"/>
      <c r="DG387" s="487"/>
      <c r="DH387" s="487"/>
      <c r="DI387" s="76"/>
      <c r="DJ387" s="76"/>
      <c r="DK387" s="504"/>
    </row>
    <row r="388" spans="1:115" ht="56.1" hidden="1" customHeight="1" x14ac:dyDescent="0.2">
      <c r="A388" s="499" t="s">
        <v>2342</v>
      </c>
      <c r="B388" s="510"/>
      <c r="C388" s="481">
        <v>701</v>
      </c>
      <c r="D388" s="481"/>
      <c r="E388" s="481" t="s">
        <v>2481</v>
      </c>
      <c r="F388" s="482" t="s">
        <v>53</v>
      </c>
      <c r="G388" s="482" t="s">
        <v>655</v>
      </c>
      <c r="H388" s="500" t="s">
        <v>830</v>
      </c>
      <c r="I388" s="501" t="s">
        <v>886</v>
      </c>
      <c r="J388" s="506" t="s">
        <v>888</v>
      </c>
      <c r="K388" s="506"/>
      <c r="L388" s="77" t="s">
        <v>58</v>
      </c>
      <c r="M388" s="501" t="s">
        <v>846</v>
      </c>
      <c r="N388" s="501"/>
      <c r="O388" s="501" t="s">
        <v>60</v>
      </c>
      <c r="P388" s="77" t="s">
        <v>77</v>
      </c>
      <c r="Q388" s="77"/>
      <c r="R388" s="500" t="s">
        <v>834</v>
      </c>
      <c r="S388" s="76" t="s">
        <v>63</v>
      </c>
      <c r="T388" s="76" t="s">
        <v>63</v>
      </c>
      <c r="U388" s="502">
        <v>370629.1875</v>
      </c>
      <c r="V388" s="502"/>
      <c r="W388" s="510" t="s">
        <v>839</v>
      </c>
      <c r="X388" s="510"/>
      <c r="Y388" s="503">
        <f t="shared" si="77"/>
        <v>370629.1875</v>
      </c>
      <c r="Z388" s="76" t="s">
        <v>65</v>
      </c>
      <c r="AA388" s="487"/>
      <c r="AB388" s="76"/>
      <c r="AC388" s="76"/>
      <c r="AD388" s="76"/>
      <c r="AE388" s="76"/>
      <c r="AF388" s="76"/>
      <c r="AG388" s="76"/>
      <c r="AH388" s="76"/>
      <c r="AI388" s="76"/>
      <c r="AJ388" s="76"/>
      <c r="AK388" s="76"/>
      <c r="AL388" s="76"/>
      <c r="AM388" s="76"/>
      <c r="AN388" s="76"/>
      <c r="AO388" s="76"/>
      <c r="AP388" s="76"/>
      <c r="AQ388" s="76"/>
      <c r="AR388" s="76"/>
      <c r="AS388" s="76"/>
      <c r="AT388" s="76"/>
      <c r="AU388" s="76"/>
      <c r="AV388" s="76"/>
      <c r="AW388" s="76"/>
      <c r="AX388" s="76"/>
      <c r="AY388" s="76"/>
      <c r="AZ388" s="76"/>
      <c r="BA388" s="76"/>
      <c r="BB388" s="76"/>
      <c r="BC388" s="76"/>
      <c r="BD388" s="76"/>
      <c r="BE388" s="76"/>
      <c r="BF388" s="80">
        <f t="shared" si="79"/>
        <v>0</v>
      </c>
      <c r="BG388" s="76"/>
      <c r="BH388" s="487" t="str">
        <f t="shared" si="78"/>
        <v/>
      </c>
      <c r="BI388" s="487" t="str">
        <f t="shared" si="78"/>
        <v/>
      </c>
      <c r="BJ388" s="487" t="str">
        <f t="shared" si="78"/>
        <v/>
      </c>
      <c r="BK388" s="487" t="str">
        <f t="shared" si="78"/>
        <v/>
      </c>
      <c r="BL388" s="487" t="str">
        <f t="shared" si="78"/>
        <v/>
      </c>
      <c r="BM388" s="487" t="str">
        <f t="shared" si="78"/>
        <v/>
      </c>
      <c r="BN388" s="487" t="str">
        <f t="shared" si="78"/>
        <v/>
      </c>
      <c r="BO388" s="487" t="str">
        <f t="shared" si="78"/>
        <v/>
      </c>
      <c r="BP388" s="487" t="str">
        <f t="shared" si="78"/>
        <v/>
      </c>
      <c r="BQ388" s="487" t="str">
        <f t="shared" si="78"/>
        <v/>
      </c>
      <c r="BR388" s="487" t="str">
        <f t="shared" si="75"/>
        <v/>
      </c>
      <c r="BS388" s="487" t="str">
        <f t="shared" si="75"/>
        <v/>
      </c>
      <c r="BT388" s="487" t="str">
        <f t="shared" si="75"/>
        <v/>
      </c>
      <c r="BU388" s="487" t="str">
        <f t="shared" si="75"/>
        <v/>
      </c>
      <c r="BV388" s="487" t="str">
        <f t="shared" si="75"/>
        <v/>
      </c>
      <c r="BW388" s="487" t="str">
        <f t="shared" si="75"/>
        <v/>
      </c>
      <c r="BX388" s="487" t="str">
        <f t="shared" si="75"/>
        <v/>
      </c>
      <c r="BY388" s="487" t="str">
        <f t="shared" si="75"/>
        <v/>
      </c>
      <c r="BZ388" s="487" t="str">
        <f t="shared" si="75"/>
        <v/>
      </c>
      <c r="CA388" s="487" t="str">
        <f t="shared" si="75"/>
        <v/>
      </c>
      <c r="CB388" s="487" t="str">
        <f t="shared" si="75"/>
        <v/>
      </c>
      <c r="CC388" s="487" t="str">
        <f t="shared" si="76"/>
        <v/>
      </c>
      <c r="CD388" s="487" t="str">
        <f t="shared" si="76"/>
        <v/>
      </c>
      <c r="CE388" s="487" t="str">
        <f t="shared" si="76"/>
        <v/>
      </c>
      <c r="CF388" s="487" t="str">
        <f t="shared" si="76"/>
        <v/>
      </c>
      <c r="CG388" s="487" t="str">
        <f t="shared" si="76"/>
        <v/>
      </c>
      <c r="CH388" s="487" t="str">
        <f t="shared" si="76"/>
        <v/>
      </c>
      <c r="CI388" s="487" t="str">
        <f t="shared" si="76"/>
        <v/>
      </c>
      <c r="CJ388" s="487" t="str">
        <f t="shared" si="76"/>
        <v/>
      </c>
      <c r="CK388" s="487" t="str">
        <f t="shared" si="76"/>
        <v/>
      </c>
      <c r="CL388" s="487" t="str">
        <f t="shared" si="76"/>
        <v/>
      </c>
      <c r="CM388" s="487"/>
      <c r="CN388" s="487"/>
      <c r="CO388" s="487"/>
      <c r="CP388" s="487"/>
      <c r="CQ388" s="487"/>
      <c r="CR388" s="487"/>
      <c r="CS388" s="487"/>
      <c r="CT388" s="487"/>
      <c r="CU388" s="487"/>
      <c r="CV388" s="487"/>
      <c r="CW388" s="487"/>
      <c r="CX388" s="487"/>
      <c r="CY388" s="487"/>
      <c r="CZ388" s="487"/>
      <c r="DA388" s="487"/>
      <c r="DB388" s="487"/>
      <c r="DC388" s="487"/>
      <c r="DD388" s="487"/>
      <c r="DE388" s="487"/>
      <c r="DF388" s="487"/>
      <c r="DG388" s="487"/>
      <c r="DH388" s="487"/>
      <c r="DI388" s="76"/>
      <c r="DJ388" s="76"/>
      <c r="DK388" s="504"/>
    </row>
    <row r="389" spans="1:115" ht="56.1" hidden="1" customHeight="1" x14ac:dyDescent="0.2">
      <c r="A389" s="499" t="s">
        <v>2496</v>
      </c>
      <c r="B389" s="510"/>
      <c r="C389" s="481">
        <v>708</v>
      </c>
      <c r="D389" s="481"/>
      <c r="E389" s="481" t="s">
        <v>2481</v>
      </c>
      <c r="F389" s="482" t="s">
        <v>53</v>
      </c>
      <c r="G389" s="482" t="s">
        <v>655</v>
      </c>
      <c r="H389" s="501" t="s">
        <v>900</v>
      </c>
      <c r="I389" s="501" t="s">
        <v>905</v>
      </c>
      <c r="J389" s="501" t="s">
        <v>906</v>
      </c>
      <c r="K389" s="501"/>
      <c r="L389" s="77" t="s">
        <v>58</v>
      </c>
      <c r="M389" s="501" t="s">
        <v>846</v>
      </c>
      <c r="N389" s="501"/>
      <c r="O389" s="501" t="s">
        <v>81</v>
      </c>
      <c r="P389" s="77" t="s">
        <v>77</v>
      </c>
      <c r="Q389" s="77"/>
      <c r="R389" s="500" t="s">
        <v>722</v>
      </c>
      <c r="S389" s="76" t="s">
        <v>63</v>
      </c>
      <c r="T389" s="76" t="s">
        <v>63</v>
      </c>
      <c r="U389" s="502">
        <v>1056500</v>
      </c>
      <c r="V389" s="502"/>
      <c r="W389" s="510" t="s">
        <v>839</v>
      </c>
      <c r="X389" s="510"/>
      <c r="Y389" s="503">
        <f t="shared" si="77"/>
        <v>1056500</v>
      </c>
      <c r="Z389" s="510" t="s">
        <v>853</v>
      </c>
      <c r="AA389" s="487"/>
      <c r="AB389" s="487"/>
      <c r="AC389" s="487"/>
      <c r="AD389" s="487"/>
      <c r="AE389" s="487"/>
      <c r="AF389" s="487"/>
      <c r="AG389" s="487"/>
      <c r="AH389" s="487"/>
      <c r="AI389" s="487"/>
      <c r="AJ389" s="487"/>
      <c r="AK389" s="487"/>
      <c r="AL389" s="487"/>
      <c r="AM389" s="487"/>
      <c r="AN389" s="487"/>
      <c r="AO389" s="487"/>
      <c r="AP389" s="487"/>
      <c r="AQ389" s="76"/>
      <c r="AR389" s="487"/>
      <c r="AS389" s="487"/>
      <c r="AT389" s="487"/>
      <c r="AU389" s="76"/>
      <c r="AV389" s="487"/>
      <c r="AW389" s="487"/>
      <c r="AX389" s="487"/>
      <c r="AY389" s="76"/>
      <c r="AZ389" s="487"/>
      <c r="BA389" s="76"/>
      <c r="BB389" s="76"/>
      <c r="BC389" s="487"/>
      <c r="BD389" s="76"/>
      <c r="BE389" s="76"/>
      <c r="BF389" s="80">
        <f t="shared" si="79"/>
        <v>0</v>
      </c>
      <c r="BG389" s="76"/>
      <c r="BH389" s="487" t="str">
        <f t="shared" si="78"/>
        <v/>
      </c>
      <c r="BI389" s="487" t="str">
        <f t="shared" si="78"/>
        <v/>
      </c>
      <c r="BJ389" s="487" t="str">
        <f t="shared" si="78"/>
        <v/>
      </c>
      <c r="BK389" s="487" t="str">
        <f t="shared" si="78"/>
        <v/>
      </c>
      <c r="BL389" s="487" t="str">
        <f t="shared" si="78"/>
        <v/>
      </c>
      <c r="BM389" s="487" t="str">
        <f t="shared" si="78"/>
        <v/>
      </c>
      <c r="BN389" s="487" t="str">
        <f t="shared" si="78"/>
        <v/>
      </c>
      <c r="BO389" s="487" t="str">
        <f t="shared" si="78"/>
        <v/>
      </c>
      <c r="BP389" s="487" t="str">
        <f t="shared" si="78"/>
        <v/>
      </c>
      <c r="BQ389" s="487" t="str">
        <f t="shared" si="78"/>
        <v/>
      </c>
      <c r="BR389" s="487" t="str">
        <f t="shared" si="75"/>
        <v/>
      </c>
      <c r="BS389" s="487" t="str">
        <f t="shared" si="75"/>
        <v/>
      </c>
      <c r="BT389" s="487" t="str">
        <f t="shared" si="75"/>
        <v/>
      </c>
      <c r="BU389" s="487" t="str">
        <f t="shared" si="75"/>
        <v/>
      </c>
      <c r="BV389" s="487" t="str">
        <f t="shared" si="75"/>
        <v/>
      </c>
      <c r="BW389" s="487" t="str">
        <f t="shared" si="75"/>
        <v/>
      </c>
      <c r="BX389" s="487" t="str">
        <f t="shared" si="75"/>
        <v/>
      </c>
      <c r="BY389" s="487" t="str">
        <f t="shared" si="75"/>
        <v/>
      </c>
      <c r="BZ389" s="487" t="str">
        <f t="shared" si="75"/>
        <v/>
      </c>
      <c r="CA389" s="487" t="str">
        <f t="shared" si="75"/>
        <v/>
      </c>
      <c r="CB389" s="487" t="str">
        <f t="shared" si="75"/>
        <v/>
      </c>
      <c r="CC389" s="487" t="str">
        <f t="shared" si="76"/>
        <v/>
      </c>
      <c r="CD389" s="487" t="str">
        <f t="shared" si="76"/>
        <v/>
      </c>
      <c r="CE389" s="487" t="str">
        <f t="shared" si="76"/>
        <v/>
      </c>
      <c r="CF389" s="487" t="str">
        <f t="shared" si="76"/>
        <v/>
      </c>
      <c r="CG389" s="487" t="str">
        <f t="shared" si="76"/>
        <v/>
      </c>
      <c r="CH389" s="487" t="str">
        <f t="shared" si="76"/>
        <v/>
      </c>
      <c r="CI389" s="487" t="str">
        <f t="shared" si="76"/>
        <v/>
      </c>
      <c r="CJ389" s="487" t="str">
        <f t="shared" si="76"/>
        <v/>
      </c>
      <c r="CK389" s="487" t="str">
        <f t="shared" si="76"/>
        <v/>
      </c>
      <c r="CL389" s="487" t="str">
        <f t="shared" si="76"/>
        <v/>
      </c>
      <c r="CM389" s="487"/>
      <c r="CN389" s="487"/>
      <c r="CO389" s="487"/>
      <c r="CP389" s="487"/>
      <c r="CQ389" s="487"/>
      <c r="CR389" s="487"/>
      <c r="CS389" s="487"/>
      <c r="CT389" s="487"/>
      <c r="CU389" s="487"/>
      <c r="CV389" s="487"/>
      <c r="CW389" s="487"/>
      <c r="CX389" s="487"/>
      <c r="CY389" s="487"/>
      <c r="CZ389" s="487"/>
      <c r="DA389" s="487"/>
      <c r="DB389" s="487"/>
      <c r="DC389" s="487"/>
      <c r="DD389" s="487"/>
      <c r="DE389" s="487"/>
      <c r="DF389" s="487"/>
      <c r="DG389" s="487"/>
      <c r="DH389" s="487"/>
      <c r="DI389" s="76"/>
      <c r="DJ389" s="76"/>
      <c r="DK389" s="504"/>
    </row>
    <row r="390" spans="1:115" ht="56.1" hidden="1" customHeight="1" x14ac:dyDescent="0.2">
      <c r="A390" s="499" t="s">
        <v>2342</v>
      </c>
      <c r="B390" s="510"/>
      <c r="C390" s="481">
        <v>709</v>
      </c>
      <c r="D390" s="481"/>
      <c r="E390" s="481" t="s">
        <v>2481</v>
      </c>
      <c r="F390" s="482" t="s">
        <v>53</v>
      </c>
      <c r="G390" s="482" t="s">
        <v>655</v>
      </c>
      <c r="H390" s="501" t="s">
        <v>900</v>
      </c>
      <c r="I390" s="506" t="s">
        <v>907</v>
      </c>
      <c r="J390" s="506" t="s">
        <v>908</v>
      </c>
      <c r="K390" s="506"/>
      <c r="L390" s="77" t="s">
        <v>58</v>
      </c>
      <c r="M390" s="501" t="s">
        <v>846</v>
      </c>
      <c r="N390" s="501"/>
      <c r="O390" s="501" t="s">
        <v>909</v>
      </c>
      <c r="P390" s="77" t="s">
        <v>77</v>
      </c>
      <c r="Q390" s="77"/>
      <c r="R390" s="501" t="s">
        <v>834</v>
      </c>
      <c r="S390" s="76" t="s">
        <v>63</v>
      </c>
      <c r="T390" s="76" t="s">
        <v>63</v>
      </c>
      <c r="U390" s="502">
        <v>22000000</v>
      </c>
      <c r="V390" s="502"/>
      <c r="W390" s="510" t="s">
        <v>839</v>
      </c>
      <c r="X390" s="510"/>
      <c r="Y390" s="503">
        <f t="shared" si="77"/>
        <v>22000000</v>
      </c>
      <c r="Z390" s="510" t="s">
        <v>853</v>
      </c>
      <c r="AA390" s="76"/>
      <c r="AB390" s="76"/>
      <c r="AC390" s="76"/>
      <c r="AD390" s="76"/>
      <c r="AE390" s="76"/>
      <c r="AF390" s="76"/>
      <c r="AG390" s="76"/>
      <c r="AH390" s="76"/>
      <c r="AI390" s="76"/>
      <c r="AJ390" s="76"/>
      <c r="AK390" s="76"/>
      <c r="AL390" s="76"/>
      <c r="AM390" s="76"/>
      <c r="AN390" s="76"/>
      <c r="AO390" s="76"/>
      <c r="AP390" s="76"/>
      <c r="AQ390" s="76"/>
      <c r="AR390" s="76"/>
      <c r="AS390" s="76"/>
      <c r="AT390" s="76"/>
      <c r="AU390" s="76"/>
      <c r="AV390" s="76"/>
      <c r="AW390" s="76"/>
      <c r="AX390" s="76"/>
      <c r="AY390" s="76"/>
      <c r="AZ390" s="76"/>
      <c r="BA390" s="76"/>
      <c r="BB390" s="76"/>
      <c r="BC390" s="76"/>
      <c r="BD390" s="76"/>
      <c r="BE390" s="76"/>
      <c r="BF390" s="80">
        <f t="shared" si="79"/>
        <v>0</v>
      </c>
      <c r="BG390" s="76"/>
      <c r="BH390" s="487" t="str">
        <f t="shared" si="78"/>
        <v/>
      </c>
      <c r="BI390" s="487" t="str">
        <f t="shared" si="78"/>
        <v/>
      </c>
      <c r="BJ390" s="487" t="str">
        <f t="shared" si="78"/>
        <v/>
      </c>
      <c r="BK390" s="487" t="str">
        <f t="shared" si="78"/>
        <v/>
      </c>
      <c r="BL390" s="487" t="str">
        <f t="shared" si="78"/>
        <v/>
      </c>
      <c r="BM390" s="487" t="str">
        <f t="shared" si="78"/>
        <v/>
      </c>
      <c r="BN390" s="487" t="str">
        <f t="shared" si="78"/>
        <v/>
      </c>
      <c r="BO390" s="487" t="str">
        <f t="shared" si="78"/>
        <v/>
      </c>
      <c r="BP390" s="487" t="str">
        <f t="shared" si="78"/>
        <v/>
      </c>
      <c r="BQ390" s="487" t="str">
        <f t="shared" si="78"/>
        <v/>
      </c>
      <c r="BR390" s="487" t="str">
        <f t="shared" si="75"/>
        <v/>
      </c>
      <c r="BS390" s="487" t="str">
        <f t="shared" si="75"/>
        <v/>
      </c>
      <c r="BT390" s="487" t="str">
        <f t="shared" si="75"/>
        <v/>
      </c>
      <c r="BU390" s="487" t="str">
        <f t="shared" si="75"/>
        <v/>
      </c>
      <c r="BV390" s="487" t="str">
        <f t="shared" si="75"/>
        <v/>
      </c>
      <c r="BW390" s="487" t="str">
        <f t="shared" si="75"/>
        <v/>
      </c>
      <c r="BX390" s="487" t="str">
        <f t="shared" si="75"/>
        <v/>
      </c>
      <c r="BY390" s="487" t="str">
        <f t="shared" si="75"/>
        <v/>
      </c>
      <c r="BZ390" s="487" t="str">
        <f t="shared" si="75"/>
        <v/>
      </c>
      <c r="CA390" s="487" t="str">
        <f t="shared" si="75"/>
        <v/>
      </c>
      <c r="CB390" s="487" t="str">
        <f t="shared" si="75"/>
        <v/>
      </c>
      <c r="CC390" s="487" t="str">
        <f t="shared" si="76"/>
        <v/>
      </c>
      <c r="CD390" s="487" t="str">
        <f t="shared" si="76"/>
        <v/>
      </c>
      <c r="CE390" s="487" t="str">
        <f t="shared" si="76"/>
        <v/>
      </c>
      <c r="CF390" s="487" t="str">
        <f t="shared" si="76"/>
        <v/>
      </c>
      <c r="CG390" s="487" t="str">
        <f t="shared" si="76"/>
        <v/>
      </c>
      <c r="CH390" s="487" t="str">
        <f t="shared" si="76"/>
        <v/>
      </c>
      <c r="CI390" s="487" t="str">
        <f t="shared" si="76"/>
        <v/>
      </c>
      <c r="CJ390" s="487" t="str">
        <f t="shared" si="76"/>
        <v/>
      </c>
      <c r="CK390" s="487" t="str">
        <f t="shared" si="76"/>
        <v/>
      </c>
      <c r="CL390" s="487" t="str">
        <f t="shared" si="76"/>
        <v/>
      </c>
      <c r="CM390" s="487"/>
      <c r="CN390" s="487"/>
      <c r="CO390" s="487"/>
      <c r="CP390" s="487"/>
      <c r="CQ390" s="487"/>
      <c r="CR390" s="487"/>
      <c r="CS390" s="487"/>
      <c r="CT390" s="487"/>
      <c r="CU390" s="487"/>
      <c r="CV390" s="487"/>
      <c r="CW390" s="487"/>
      <c r="CX390" s="487"/>
      <c r="CY390" s="487"/>
      <c r="CZ390" s="487"/>
      <c r="DA390" s="487"/>
      <c r="DB390" s="487"/>
      <c r="DC390" s="487"/>
      <c r="DD390" s="487"/>
      <c r="DE390" s="487"/>
      <c r="DF390" s="487"/>
      <c r="DG390" s="487"/>
      <c r="DH390" s="487"/>
      <c r="DI390" s="76"/>
      <c r="DJ390" s="76"/>
      <c r="DK390" s="504"/>
    </row>
    <row r="391" spans="1:115" ht="56.1" hidden="1" customHeight="1" x14ac:dyDescent="0.2">
      <c r="A391" s="499" t="s">
        <v>2342</v>
      </c>
      <c r="B391" s="510"/>
      <c r="C391" s="481">
        <v>714</v>
      </c>
      <c r="D391" s="481"/>
      <c r="E391" s="481" t="s">
        <v>2481</v>
      </c>
      <c r="F391" s="482" t="s">
        <v>53</v>
      </c>
      <c r="G391" s="482" t="s">
        <v>655</v>
      </c>
      <c r="H391" s="501" t="s">
        <v>900</v>
      </c>
      <c r="I391" s="501" t="s">
        <v>916</v>
      </c>
      <c r="J391" s="506" t="s">
        <v>917</v>
      </c>
      <c r="K391" s="506"/>
      <c r="L391" s="77" t="s">
        <v>58</v>
      </c>
      <c r="M391" s="501" t="s">
        <v>846</v>
      </c>
      <c r="N391" s="501"/>
      <c r="O391" s="501" t="s">
        <v>81</v>
      </c>
      <c r="P391" s="77" t="s">
        <v>77</v>
      </c>
      <c r="Q391" s="77"/>
      <c r="R391" s="501" t="s">
        <v>834</v>
      </c>
      <c r="S391" s="76" t="s">
        <v>63</v>
      </c>
      <c r="T391" s="76" t="s">
        <v>63</v>
      </c>
      <c r="U391" s="502">
        <v>339178.125</v>
      </c>
      <c r="V391" s="502"/>
      <c r="W391" s="510" t="s">
        <v>839</v>
      </c>
      <c r="X391" s="510"/>
      <c r="Y391" s="503">
        <f t="shared" si="77"/>
        <v>339178.125</v>
      </c>
      <c r="Z391" s="510" t="s">
        <v>853</v>
      </c>
      <c r="AA391" s="487"/>
      <c r="AB391" s="487"/>
      <c r="AC391" s="487"/>
      <c r="AD391" s="487"/>
      <c r="AE391" s="487"/>
      <c r="AF391" s="487"/>
      <c r="AG391" s="487"/>
      <c r="AH391" s="487"/>
      <c r="AI391" s="487"/>
      <c r="AJ391" s="487"/>
      <c r="AK391" s="487"/>
      <c r="AL391" s="487"/>
      <c r="AM391" s="487"/>
      <c r="AN391" s="487"/>
      <c r="AO391" s="487"/>
      <c r="AP391" s="487"/>
      <c r="AQ391" s="76"/>
      <c r="AR391" s="487"/>
      <c r="AS391" s="487"/>
      <c r="AT391" s="487"/>
      <c r="AU391" s="76"/>
      <c r="AV391" s="487"/>
      <c r="AW391" s="487"/>
      <c r="AX391" s="487"/>
      <c r="AY391" s="76"/>
      <c r="AZ391" s="487"/>
      <c r="BA391" s="76"/>
      <c r="BB391" s="76"/>
      <c r="BC391" s="487"/>
      <c r="BD391" s="76"/>
      <c r="BE391" s="76"/>
      <c r="BF391" s="80">
        <f t="shared" si="79"/>
        <v>0</v>
      </c>
      <c r="BG391" s="76"/>
      <c r="BH391" s="487" t="str">
        <f t="shared" si="78"/>
        <v/>
      </c>
      <c r="BI391" s="487" t="str">
        <f t="shared" si="78"/>
        <v/>
      </c>
      <c r="BJ391" s="487" t="str">
        <f t="shared" si="78"/>
        <v/>
      </c>
      <c r="BK391" s="487" t="str">
        <f t="shared" si="78"/>
        <v/>
      </c>
      <c r="BL391" s="487" t="str">
        <f t="shared" si="78"/>
        <v/>
      </c>
      <c r="BM391" s="487" t="str">
        <f t="shared" si="78"/>
        <v/>
      </c>
      <c r="BN391" s="487" t="str">
        <f t="shared" si="78"/>
        <v/>
      </c>
      <c r="BO391" s="487" t="str">
        <f t="shared" si="78"/>
        <v/>
      </c>
      <c r="BP391" s="487" t="str">
        <f t="shared" si="78"/>
        <v/>
      </c>
      <c r="BQ391" s="487" t="str">
        <f t="shared" si="78"/>
        <v/>
      </c>
      <c r="BR391" s="487" t="str">
        <f t="shared" si="75"/>
        <v/>
      </c>
      <c r="BS391" s="487" t="str">
        <f t="shared" si="75"/>
        <v/>
      </c>
      <c r="BT391" s="487" t="str">
        <f t="shared" si="75"/>
        <v/>
      </c>
      <c r="BU391" s="487" t="str">
        <f t="shared" si="75"/>
        <v/>
      </c>
      <c r="BV391" s="487" t="str">
        <f t="shared" si="75"/>
        <v/>
      </c>
      <c r="BW391" s="487" t="str">
        <f t="shared" si="75"/>
        <v/>
      </c>
      <c r="BX391" s="487" t="str">
        <f t="shared" si="75"/>
        <v/>
      </c>
      <c r="BY391" s="487" t="str">
        <f t="shared" si="75"/>
        <v/>
      </c>
      <c r="BZ391" s="487" t="str">
        <f t="shared" si="75"/>
        <v/>
      </c>
      <c r="CA391" s="487" t="str">
        <f t="shared" si="75"/>
        <v/>
      </c>
      <c r="CB391" s="487" t="str">
        <f t="shared" si="75"/>
        <v/>
      </c>
      <c r="CC391" s="487" t="str">
        <f t="shared" si="76"/>
        <v/>
      </c>
      <c r="CD391" s="487" t="str">
        <f t="shared" si="76"/>
        <v/>
      </c>
      <c r="CE391" s="487" t="str">
        <f t="shared" si="76"/>
        <v/>
      </c>
      <c r="CF391" s="487" t="str">
        <f t="shared" si="76"/>
        <v/>
      </c>
      <c r="CG391" s="487" t="str">
        <f t="shared" si="76"/>
        <v/>
      </c>
      <c r="CH391" s="487" t="str">
        <f t="shared" si="76"/>
        <v/>
      </c>
      <c r="CI391" s="487" t="str">
        <f t="shared" si="76"/>
        <v/>
      </c>
      <c r="CJ391" s="487" t="str">
        <f t="shared" si="76"/>
        <v/>
      </c>
      <c r="CK391" s="487" t="str">
        <f t="shared" si="76"/>
        <v/>
      </c>
      <c r="CL391" s="487" t="str">
        <f t="shared" si="76"/>
        <v/>
      </c>
      <c r="CM391" s="487"/>
      <c r="CN391" s="487"/>
      <c r="CO391" s="487"/>
      <c r="CP391" s="487"/>
      <c r="CQ391" s="487"/>
      <c r="CR391" s="487"/>
      <c r="CS391" s="487"/>
      <c r="CT391" s="487"/>
      <c r="CU391" s="487"/>
      <c r="CV391" s="487"/>
      <c r="CW391" s="487"/>
      <c r="CX391" s="487"/>
      <c r="CY391" s="487"/>
      <c r="CZ391" s="487"/>
      <c r="DA391" s="487"/>
      <c r="DB391" s="487"/>
      <c r="DC391" s="487"/>
      <c r="DD391" s="487"/>
      <c r="DE391" s="487"/>
      <c r="DF391" s="487"/>
      <c r="DG391" s="487"/>
      <c r="DH391" s="487"/>
      <c r="DI391" s="76"/>
      <c r="DJ391" s="76"/>
      <c r="DK391" s="504"/>
    </row>
    <row r="392" spans="1:115" ht="56.1" hidden="1" customHeight="1" x14ac:dyDescent="0.2">
      <c r="A392" s="499" t="s">
        <v>2342</v>
      </c>
      <c r="B392" s="510"/>
      <c r="C392" s="481">
        <v>715</v>
      </c>
      <c r="D392" s="481"/>
      <c r="E392" s="481" t="s">
        <v>2481</v>
      </c>
      <c r="F392" s="482" t="s">
        <v>53</v>
      </c>
      <c r="G392" s="482" t="s">
        <v>655</v>
      </c>
      <c r="H392" s="501" t="s">
        <v>900</v>
      </c>
      <c r="I392" s="501" t="s">
        <v>918</v>
      </c>
      <c r="J392" s="506" t="s">
        <v>919</v>
      </c>
      <c r="K392" s="506"/>
      <c r="L392" s="77" t="s">
        <v>58</v>
      </c>
      <c r="M392" s="501" t="s">
        <v>846</v>
      </c>
      <c r="N392" s="501"/>
      <c r="O392" s="501" t="s">
        <v>81</v>
      </c>
      <c r="P392" s="77" t="s">
        <v>77</v>
      </c>
      <c r="Q392" s="77"/>
      <c r="R392" s="501" t="s">
        <v>834</v>
      </c>
      <c r="S392" s="76" t="s">
        <v>63</v>
      </c>
      <c r="T392" s="76" t="s">
        <v>63</v>
      </c>
      <c r="U392" s="502">
        <v>328900</v>
      </c>
      <c r="V392" s="502"/>
      <c r="W392" s="510" t="s">
        <v>839</v>
      </c>
      <c r="X392" s="510"/>
      <c r="Y392" s="503">
        <f t="shared" si="77"/>
        <v>328900</v>
      </c>
      <c r="Z392" s="510" t="s">
        <v>853</v>
      </c>
      <c r="AA392" s="487"/>
      <c r="AB392" s="487"/>
      <c r="AC392" s="487"/>
      <c r="AD392" s="487"/>
      <c r="AE392" s="487"/>
      <c r="AF392" s="487"/>
      <c r="AG392" s="487"/>
      <c r="AH392" s="487"/>
      <c r="AI392" s="487"/>
      <c r="AJ392" s="487"/>
      <c r="AK392" s="487"/>
      <c r="AL392" s="487"/>
      <c r="AM392" s="487"/>
      <c r="AN392" s="487"/>
      <c r="AO392" s="487"/>
      <c r="AP392" s="487"/>
      <c r="AQ392" s="76"/>
      <c r="AR392" s="487"/>
      <c r="AS392" s="487"/>
      <c r="AT392" s="487"/>
      <c r="AU392" s="76"/>
      <c r="AV392" s="487"/>
      <c r="AW392" s="487"/>
      <c r="AX392" s="487"/>
      <c r="AY392" s="76"/>
      <c r="AZ392" s="487"/>
      <c r="BA392" s="76"/>
      <c r="BB392" s="76"/>
      <c r="BC392" s="487"/>
      <c r="BD392" s="76"/>
      <c r="BE392" s="76"/>
      <c r="BF392" s="80">
        <f t="shared" si="79"/>
        <v>0</v>
      </c>
      <c r="BG392" s="76"/>
      <c r="BH392" s="487" t="str">
        <f t="shared" si="78"/>
        <v/>
      </c>
      <c r="BI392" s="487" t="str">
        <f t="shared" si="78"/>
        <v/>
      </c>
      <c r="BJ392" s="487" t="str">
        <f t="shared" si="78"/>
        <v/>
      </c>
      <c r="BK392" s="487" t="str">
        <f t="shared" si="78"/>
        <v/>
      </c>
      <c r="BL392" s="487" t="str">
        <f t="shared" si="78"/>
        <v/>
      </c>
      <c r="BM392" s="487" t="str">
        <f t="shared" si="78"/>
        <v/>
      </c>
      <c r="BN392" s="487" t="str">
        <f t="shared" si="78"/>
        <v/>
      </c>
      <c r="BO392" s="487" t="str">
        <f t="shared" si="78"/>
        <v/>
      </c>
      <c r="BP392" s="487" t="str">
        <f t="shared" si="78"/>
        <v/>
      </c>
      <c r="BQ392" s="487" t="str">
        <f t="shared" si="78"/>
        <v/>
      </c>
      <c r="BR392" s="487" t="str">
        <f t="shared" si="75"/>
        <v/>
      </c>
      <c r="BS392" s="487" t="str">
        <f t="shared" si="75"/>
        <v/>
      </c>
      <c r="BT392" s="487" t="str">
        <f t="shared" si="75"/>
        <v/>
      </c>
      <c r="BU392" s="487" t="str">
        <f t="shared" si="75"/>
        <v/>
      </c>
      <c r="BV392" s="487" t="str">
        <f t="shared" si="75"/>
        <v/>
      </c>
      <c r="BW392" s="487" t="str">
        <f t="shared" si="75"/>
        <v/>
      </c>
      <c r="BX392" s="487" t="str">
        <f t="shared" si="75"/>
        <v/>
      </c>
      <c r="BY392" s="487" t="str">
        <f t="shared" si="75"/>
        <v/>
      </c>
      <c r="BZ392" s="487" t="str">
        <f t="shared" si="75"/>
        <v/>
      </c>
      <c r="CA392" s="487" t="str">
        <f t="shared" si="75"/>
        <v/>
      </c>
      <c r="CB392" s="487" t="str">
        <f t="shared" si="75"/>
        <v/>
      </c>
      <c r="CC392" s="487" t="str">
        <f t="shared" si="76"/>
        <v/>
      </c>
      <c r="CD392" s="487" t="str">
        <f t="shared" si="76"/>
        <v/>
      </c>
      <c r="CE392" s="487" t="str">
        <f t="shared" si="76"/>
        <v/>
      </c>
      <c r="CF392" s="487" t="str">
        <f t="shared" si="76"/>
        <v/>
      </c>
      <c r="CG392" s="487" t="str">
        <f t="shared" si="76"/>
        <v/>
      </c>
      <c r="CH392" s="487" t="str">
        <f t="shared" si="76"/>
        <v/>
      </c>
      <c r="CI392" s="487" t="str">
        <f t="shared" si="76"/>
        <v/>
      </c>
      <c r="CJ392" s="487" t="str">
        <f t="shared" si="76"/>
        <v/>
      </c>
      <c r="CK392" s="487" t="str">
        <f t="shared" si="76"/>
        <v/>
      </c>
      <c r="CL392" s="487" t="str">
        <f t="shared" si="76"/>
        <v/>
      </c>
      <c r="CM392" s="487"/>
      <c r="CN392" s="487"/>
      <c r="CO392" s="487"/>
      <c r="CP392" s="487"/>
      <c r="CQ392" s="487"/>
      <c r="CR392" s="487"/>
      <c r="CS392" s="487"/>
      <c r="CT392" s="487"/>
      <c r="CU392" s="487"/>
      <c r="CV392" s="487"/>
      <c r="CW392" s="487"/>
      <c r="CX392" s="487"/>
      <c r="CY392" s="487"/>
      <c r="CZ392" s="487"/>
      <c r="DA392" s="487"/>
      <c r="DB392" s="487"/>
      <c r="DC392" s="487"/>
      <c r="DD392" s="487"/>
      <c r="DE392" s="487"/>
      <c r="DF392" s="487"/>
      <c r="DG392" s="487"/>
      <c r="DH392" s="487"/>
      <c r="DI392" s="76"/>
      <c r="DJ392" s="76"/>
      <c r="DK392" s="504"/>
    </row>
    <row r="393" spans="1:115" ht="56.1" hidden="1" customHeight="1" x14ac:dyDescent="0.2">
      <c r="A393" s="499" t="s">
        <v>2342</v>
      </c>
      <c r="B393" s="510"/>
      <c r="C393" s="481">
        <v>716</v>
      </c>
      <c r="D393" s="481"/>
      <c r="E393" s="481" t="s">
        <v>2481</v>
      </c>
      <c r="F393" s="482" t="s">
        <v>53</v>
      </c>
      <c r="G393" s="482" t="s">
        <v>655</v>
      </c>
      <c r="H393" s="501" t="s">
        <v>900</v>
      </c>
      <c r="I393" s="501" t="s">
        <v>920</v>
      </c>
      <c r="J393" s="506" t="s">
        <v>921</v>
      </c>
      <c r="K393" s="506"/>
      <c r="L393" s="77" t="s">
        <v>58</v>
      </c>
      <c r="M393" s="501" t="s">
        <v>846</v>
      </c>
      <c r="N393" s="501"/>
      <c r="O393" s="501" t="s">
        <v>81</v>
      </c>
      <c r="P393" s="77" t="s">
        <v>77</v>
      </c>
      <c r="Q393" s="77"/>
      <c r="R393" s="501" t="s">
        <v>834</v>
      </c>
      <c r="S393" s="76" t="s">
        <v>63</v>
      </c>
      <c r="T393" s="76" t="s">
        <v>63</v>
      </c>
      <c r="U393" s="502">
        <v>328900</v>
      </c>
      <c r="V393" s="502"/>
      <c r="W393" s="510" t="s">
        <v>839</v>
      </c>
      <c r="X393" s="510"/>
      <c r="Y393" s="503">
        <f t="shared" si="77"/>
        <v>328900</v>
      </c>
      <c r="Z393" s="510" t="s">
        <v>853</v>
      </c>
      <c r="AA393" s="487"/>
      <c r="AB393" s="487"/>
      <c r="AC393" s="487"/>
      <c r="AD393" s="487"/>
      <c r="AE393" s="487"/>
      <c r="AF393" s="487"/>
      <c r="AG393" s="487"/>
      <c r="AH393" s="487"/>
      <c r="AI393" s="487"/>
      <c r="AJ393" s="487"/>
      <c r="AK393" s="487"/>
      <c r="AL393" s="487"/>
      <c r="AM393" s="487"/>
      <c r="AN393" s="487"/>
      <c r="AO393" s="487"/>
      <c r="AP393" s="487"/>
      <c r="AQ393" s="76"/>
      <c r="AR393" s="487"/>
      <c r="AS393" s="487"/>
      <c r="AT393" s="487"/>
      <c r="AU393" s="76"/>
      <c r="AV393" s="487"/>
      <c r="AW393" s="487"/>
      <c r="AX393" s="487"/>
      <c r="AY393" s="76"/>
      <c r="AZ393" s="487"/>
      <c r="BA393" s="76"/>
      <c r="BB393" s="76"/>
      <c r="BC393" s="487"/>
      <c r="BD393" s="76"/>
      <c r="BE393" s="76"/>
      <c r="BF393" s="80">
        <f t="shared" si="79"/>
        <v>0</v>
      </c>
      <c r="BG393" s="76"/>
      <c r="BH393" s="487" t="str">
        <f t="shared" si="78"/>
        <v/>
      </c>
      <c r="BI393" s="487" t="str">
        <f t="shared" si="78"/>
        <v/>
      </c>
      <c r="BJ393" s="487" t="str">
        <f t="shared" si="78"/>
        <v/>
      </c>
      <c r="BK393" s="487" t="str">
        <f t="shared" si="78"/>
        <v/>
      </c>
      <c r="BL393" s="487" t="str">
        <f t="shared" si="78"/>
        <v/>
      </c>
      <c r="BM393" s="487" t="str">
        <f t="shared" si="78"/>
        <v/>
      </c>
      <c r="BN393" s="487" t="str">
        <f t="shared" si="78"/>
        <v/>
      </c>
      <c r="BO393" s="487" t="str">
        <f t="shared" si="78"/>
        <v/>
      </c>
      <c r="BP393" s="487" t="str">
        <f t="shared" si="78"/>
        <v/>
      </c>
      <c r="BQ393" s="487" t="str">
        <f t="shared" si="78"/>
        <v/>
      </c>
      <c r="BR393" s="487" t="str">
        <f t="shared" si="75"/>
        <v/>
      </c>
      <c r="BS393" s="487" t="str">
        <f t="shared" si="75"/>
        <v/>
      </c>
      <c r="BT393" s="487" t="str">
        <f t="shared" si="75"/>
        <v/>
      </c>
      <c r="BU393" s="487" t="str">
        <f t="shared" si="75"/>
        <v/>
      </c>
      <c r="BV393" s="487" t="str">
        <f t="shared" si="75"/>
        <v/>
      </c>
      <c r="BW393" s="487" t="str">
        <f t="shared" si="75"/>
        <v/>
      </c>
      <c r="BX393" s="487" t="str">
        <f t="shared" si="75"/>
        <v/>
      </c>
      <c r="BY393" s="487" t="str">
        <f t="shared" si="75"/>
        <v/>
      </c>
      <c r="BZ393" s="487" t="str">
        <f t="shared" si="75"/>
        <v/>
      </c>
      <c r="CA393" s="487" t="str">
        <f t="shared" si="75"/>
        <v/>
      </c>
      <c r="CB393" s="487" t="str">
        <f t="shared" si="75"/>
        <v/>
      </c>
      <c r="CC393" s="487" t="str">
        <f t="shared" si="76"/>
        <v/>
      </c>
      <c r="CD393" s="487" t="str">
        <f t="shared" si="76"/>
        <v/>
      </c>
      <c r="CE393" s="487" t="str">
        <f t="shared" si="76"/>
        <v/>
      </c>
      <c r="CF393" s="487" t="str">
        <f t="shared" si="76"/>
        <v/>
      </c>
      <c r="CG393" s="487" t="str">
        <f t="shared" si="76"/>
        <v/>
      </c>
      <c r="CH393" s="487" t="str">
        <f t="shared" si="76"/>
        <v/>
      </c>
      <c r="CI393" s="487" t="str">
        <f t="shared" si="76"/>
        <v/>
      </c>
      <c r="CJ393" s="487" t="str">
        <f t="shared" si="76"/>
        <v/>
      </c>
      <c r="CK393" s="487" t="str">
        <f t="shared" si="76"/>
        <v/>
      </c>
      <c r="CL393" s="487" t="str">
        <f t="shared" si="76"/>
        <v/>
      </c>
      <c r="CM393" s="487"/>
      <c r="CN393" s="487"/>
      <c r="CO393" s="487"/>
      <c r="CP393" s="487"/>
      <c r="CQ393" s="487"/>
      <c r="CR393" s="487"/>
      <c r="CS393" s="487"/>
      <c r="CT393" s="487"/>
      <c r="CU393" s="487"/>
      <c r="CV393" s="487"/>
      <c r="CW393" s="487"/>
      <c r="CX393" s="487"/>
      <c r="CY393" s="487"/>
      <c r="CZ393" s="487"/>
      <c r="DA393" s="487"/>
      <c r="DB393" s="487"/>
      <c r="DC393" s="487"/>
      <c r="DD393" s="487"/>
      <c r="DE393" s="487"/>
      <c r="DF393" s="487"/>
      <c r="DG393" s="487"/>
      <c r="DH393" s="487"/>
      <c r="DI393" s="76"/>
      <c r="DJ393" s="76"/>
      <c r="DK393" s="504"/>
    </row>
    <row r="394" spans="1:115" ht="56.1" hidden="1" customHeight="1" x14ac:dyDescent="0.2">
      <c r="A394" s="510"/>
      <c r="B394" s="510"/>
      <c r="C394" s="481">
        <v>722</v>
      </c>
      <c r="D394" s="481"/>
      <c r="E394" s="481" t="s">
        <v>2481</v>
      </c>
      <c r="F394" s="482" t="s">
        <v>869</v>
      </c>
      <c r="G394" s="482" t="s">
        <v>655</v>
      </c>
      <c r="H394" s="501" t="s">
        <v>932</v>
      </c>
      <c r="I394" s="501" t="s">
        <v>933</v>
      </c>
      <c r="J394" s="506" t="s">
        <v>934</v>
      </c>
      <c r="K394" s="506"/>
      <c r="L394" s="77" t="s">
        <v>58</v>
      </c>
      <c r="M394" s="501" t="s">
        <v>27</v>
      </c>
      <c r="N394" s="501"/>
      <c r="O394" s="501" t="s">
        <v>81</v>
      </c>
      <c r="P394" s="77" t="s">
        <v>77</v>
      </c>
      <c r="Q394" s="77"/>
      <c r="R394" s="501" t="s">
        <v>834</v>
      </c>
      <c r="S394" s="76" t="s">
        <v>63</v>
      </c>
      <c r="T394" s="76" t="s">
        <v>63</v>
      </c>
      <c r="U394" s="502">
        <v>22248.029374999998</v>
      </c>
      <c r="V394" s="502"/>
      <c r="W394" s="510" t="s">
        <v>839</v>
      </c>
      <c r="X394" s="510"/>
      <c r="Y394" s="503">
        <f t="shared" si="77"/>
        <v>22248.029374999998</v>
      </c>
      <c r="Z394" s="510" t="s">
        <v>853</v>
      </c>
      <c r="AA394" s="76"/>
      <c r="AB394" s="76"/>
      <c r="AC394" s="76"/>
      <c r="AD394" s="76"/>
      <c r="AE394" s="76"/>
      <c r="AF394" s="76"/>
      <c r="AG394" s="76"/>
      <c r="AH394" s="76"/>
      <c r="AI394" s="76"/>
      <c r="AJ394" s="76"/>
      <c r="AK394" s="76"/>
      <c r="AL394" s="76"/>
      <c r="AM394" s="76"/>
      <c r="AN394" s="76"/>
      <c r="AO394" s="76"/>
      <c r="AP394" s="76"/>
      <c r="AQ394" s="76"/>
      <c r="AR394" s="76"/>
      <c r="AS394" s="76"/>
      <c r="AT394" s="76"/>
      <c r="AU394" s="76"/>
      <c r="AV394" s="76"/>
      <c r="AW394" s="76"/>
      <c r="AX394" s="76"/>
      <c r="AY394" s="76"/>
      <c r="AZ394" s="76"/>
      <c r="BA394" s="76"/>
      <c r="BB394" s="76"/>
      <c r="BC394" s="76"/>
      <c r="BD394" s="76"/>
      <c r="BE394" s="76"/>
      <c r="BF394" s="80">
        <f t="shared" si="79"/>
        <v>0</v>
      </c>
      <c r="BG394" s="76"/>
      <c r="BH394" s="487" t="str">
        <f t="shared" si="78"/>
        <v/>
      </c>
      <c r="BI394" s="487" t="str">
        <f t="shared" si="78"/>
        <v/>
      </c>
      <c r="BJ394" s="487" t="str">
        <f t="shared" si="78"/>
        <v/>
      </c>
      <c r="BK394" s="487" t="str">
        <f t="shared" si="78"/>
        <v/>
      </c>
      <c r="BL394" s="487" t="str">
        <f t="shared" si="78"/>
        <v/>
      </c>
      <c r="BM394" s="487" t="str">
        <f t="shared" si="78"/>
        <v/>
      </c>
      <c r="BN394" s="487" t="str">
        <f t="shared" si="78"/>
        <v/>
      </c>
      <c r="BO394" s="487" t="str">
        <f t="shared" si="78"/>
        <v/>
      </c>
      <c r="BP394" s="487" t="str">
        <f t="shared" si="78"/>
        <v/>
      </c>
      <c r="BQ394" s="487" t="str">
        <f t="shared" si="78"/>
        <v/>
      </c>
      <c r="BR394" s="487" t="str">
        <f t="shared" si="75"/>
        <v/>
      </c>
      <c r="BS394" s="487" t="str">
        <f t="shared" si="75"/>
        <v/>
      </c>
      <c r="BT394" s="487" t="str">
        <f t="shared" si="75"/>
        <v/>
      </c>
      <c r="BU394" s="487" t="str">
        <f t="shared" si="75"/>
        <v/>
      </c>
      <c r="BV394" s="487" t="str">
        <f t="shared" si="75"/>
        <v/>
      </c>
      <c r="BW394" s="487" t="str">
        <f t="shared" si="75"/>
        <v/>
      </c>
      <c r="BX394" s="487" t="str">
        <f t="shared" si="75"/>
        <v/>
      </c>
      <c r="BY394" s="487" t="str">
        <f t="shared" si="75"/>
        <v/>
      </c>
      <c r="BZ394" s="487" t="str">
        <f t="shared" si="75"/>
        <v/>
      </c>
      <c r="CA394" s="487" t="str">
        <f t="shared" si="75"/>
        <v/>
      </c>
      <c r="CB394" s="487" t="str">
        <f t="shared" si="75"/>
        <v/>
      </c>
      <c r="CC394" s="487" t="str">
        <f t="shared" si="76"/>
        <v/>
      </c>
      <c r="CD394" s="487" t="str">
        <f t="shared" si="76"/>
        <v/>
      </c>
      <c r="CE394" s="487" t="str">
        <f t="shared" si="76"/>
        <v/>
      </c>
      <c r="CF394" s="487" t="str">
        <f t="shared" si="76"/>
        <v/>
      </c>
      <c r="CG394" s="487" t="str">
        <f t="shared" si="76"/>
        <v/>
      </c>
      <c r="CH394" s="487" t="str">
        <f t="shared" si="76"/>
        <v/>
      </c>
      <c r="CI394" s="487" t="str">
        <f t="shared" si="76"/>
        <v/>
      </c>
      <c r="CJ394" s="487" t="str">
        <f t="shared" si="76"/>
        <v/>
      </c>
      <c r="CK394" s="487" t="str">
        <f t="shared" si="76"/>
        <v/>
      </c>
      <c r="CL394" s="487" t="str">
        <f t="shared" si="76"/>
        <v/>
      </c>
      <c r="CM394" s="487"/>
      <c r="CN394" s="487"/>
      <c r="CO394" s="487"/>
      <c r="CP394" s="487"/>
      <c r="CQ394" s="487"/>
      <c r="CR394" s="487"/>
      <c r="CS394" s="487"/>
      <c r="CT394" s="487"/>
      <c r="CU394" s="487"/>
      <c r="CV394" s="487"/>
      <c r="CW394" s="487"/>
      <c r="CX394" s="487"/>
      <c r="CY394" s="487"/>
      <c r="CZ394" s="487"/>
      <c r="DA394" s="487"/>
      <c r="DB394" s="487"/>
      <c r="DC394" s="487"/>
      <c r="DD394" s="487"/>
      <c r="DE394" s="487"/>
      <c r="DF394" s="487"/>
      <c r="DG394" s="487"/>
      <c r="DH394" s="487"/>
      <c r="DI394" s="76"/>
      <c r="DJ394" s="76"/>
      <c r="DK394" s="504"/>
    </row>
    <row r="395" spans="1:115" ht="56.1" hidden="1" customHeight="1" x14ac:dyDescent="0.2">
      <c r="A395" s="510"/>
      <c r="B395" s="510"/>
      <c r="C395" s="481">
        <v>723</v>
      </c>
      <c r="D395" s="481"/>
      <c r="E395" s="481" t="s">
        <v>2481</v>
      </c>
      <c r="F395" s="482" t="s">
        <v>869</v>
      </c>
      <c r="G395" s="482" t="s">
        <v>655</v>
      </c>
      <c r="H395" s="501" t="s">
        <v>932</v>
      </c>
      <c r="I395" s="501" t="s">
        <v>935</v>
      </c>
      <c r="J395" s="506" t="s">
        <v>936</v>
      </c>
      <c r="K395" s="506"/>
      <c r="L395" s="77" t="s">
        <v>58</v>
      </c>
      <c r="M395" s="501" t="s">
        <v>27</v>
      </c>
      <c r="N395" s="501"/>
      <c r="O395" s="501" t="s">
        <v>81</v>
      </c>
      <c r="P395" s="77" t="s">
        <v>77</v>
      </c>
      <c r="Q395" s="77"/>
      <c r="R395" s="501" t="s">
        <v>834</v>
      </c>
      <c r="S395" s="76" t="s">
        <v>63</v>
      </c>
      <c r="T395" s="76" t="s">
        <v>63</v>
      </c>
      <c r="U395" s="502">
        <v>962209.94720296876</v>
      </c>
      <c r="V395" s="502"/>
      <c r="W395" s="510" t="s">
        <v>839</v>
      </c>
      <c r="X395" s="510"/>
      <c r="Y395" s="503">
        <f t="shared" si="77"/>
        <v>962209.94720296876</v>
      </c>
      <c r="Z395" s="510" t="s">
        <v>853</v>
      </c>
      <c r="AA395" s="76"/>
      <c r="AB395" s="76"/>
      <c r="AC395" s="76"/>
      <c r="AD395" s="76"/>
      <c r="AE395" s="76"/>
      <c r="AF395" s="76"/>
      <c r="AG395" s="76"/>
      <c r="AH395" s="76"/>
      <c r="AI395" s="76"/>
      <c r="AJ395" s="76"/>
      <c r="AK395" s="76"/>
      <c r="AL395" s="76"/>
      <c r="AM395" s="76"/>
      <c r="AN395" s="76"/>
      <c r="AO395" s="76"/>
      <c r="AP395" s="76"/>
      <c r="AQ395" s="76"/>
      <c r="AR395" s="76"/>
      <c r="AS395" s="76"/>
      <c r="AT395" s="76"/>
      <c r="AU395" s="76"/>
      <c r="AV395" s="76"/>
      <c r="AW395" s="76"/>
      <c r="AX395" s="76"/>
      <c r="AY395" s="76"/>
      <c r="AZ395" s="76"/>
      <c r="BA395" s="76"/>
      <c r="BB395" s="76"/>
      <c r="BC395" s="76"/>
      <c r="BD395" s="76"/>
      <c r="BE395" s="76"/>
      <c r="BF395" s="80">
        <f t="shared" si="79"/>
        <v>0</v>
      </c>
      <c r="BG395" s="76"/>
      <c r="BH395" s="487" t="str">
        <f t="shared" si="78"/>
        <v/>
      </c>
      <c r="BI395" s="487" t="str">
        <f t="shared" si="78"/>
        <v/>
      </c>
      <c r="BJ395" s="487" t="str">
        <f t="shared" si="78"/>
        <v/>
      </c>
      <c r="BK395" s="487" t="str">
        <f t="shared" si="78"/>
        <v/>
      </c>
      <c r="BL395" s="487" t="str">
        <f t="shared" si="78"/>
        <v/>
      </c>
      <c r="BM395" s="487" t="str">
        <f t="shared" si="78"/>
        <v/>
      </c>
      <c r="BN395" s="487" t="str">
        <f t="shared" si="78"/>
        <v/>
      </c>
      <c r="BO395" s="487" t="str">
        <f t="shared" si="78"/>
        <v/>
      </c>
      <c r="BP395" s="487" t="str">
        <f t="shared" si="78"/>
        <v/>
      </c>
      <c r="BQ395" s="487" t="str">
        <f t="shared" si="78"/>
        <v/>
      </c>
      <c r="BR395" s="487" t="str">
        <f t="shared" si="75"/>
        <v/>
      </c>
      <c r="BS395" s="487" t="str">
        <f t="shared" si="75"/>
        <v/>
      </c>
      <c r="BT395" s="487" t="str">
        <f t="shared" si="75"/>
        <v/>
      </c>
      <c r="BU395" s="487" t="str">
        <f t="shared" si="75"/>
        <v/>
      </c>
      <c r="BV395" s="487" t="str">
        <f t="shared" si="75"/>
        <v/>
      </c>
      <c r="BW395" s="487" t="str">
        <f t="shared" si="75"/>
        <v/>
      </c>
      <c r="BX395" s="487" t="str">
        <f t="shared" si="75"/>
        <v/>
      </c>
      <c r="BY395" s="487" t="str">
        <f t="shared" si="75"/>
        <v/>
      </c>
      <c r="BZ395" s="487" t="str">
        <f t="shared" si="75"/>
        <v/>
      </c>
      <c r="CA395" s="487" t="str">
        <f t="shared" si="75"/>
        <v/>
      </c>
      <c r="CB395" s="487" t="str">
        <f t="shared" si="75"/>
        <v/>
      </c>
      <c r="CC395" s="487" t="str">
        <f t="shared" si="76"/>
        <v/>
      </c>
      <c r="CD395" s="487" t="str">
        <f t="shared" si="76"/>
        <v/>
      </c>
      <c r="CE395" s="487" t="str">
        <f t="shared" si="76"/>
        <v/>
      </c>
      <c r="CF395" s="487" t="str">
        <f t="shared" si="76"/>
        <v/>
      </c>
      <c r="CG395" s="487" t="str">
        <f t="shared" si="76"/>
        <v/>
      </c>
      <c r="CH395" s="487" t="str">
        <f t="shared" si="76"/>
        <v/>
      </c>
      <c r="CI395" s="487" t="str">
        <f t="shared" ref="CI395:CL405" si="80">IF(BB395="yes",(BB$2*$BG395),"")</f>
        <v/>
      </c>
      <c r="CJ395" s="487" t="str">
        <f t="shared" si="80"/>
        <v/>
      </c>
      <c r="CK395" s="487" t="str">
        <f t="shared" si="80"/>
        <v/>
      </c>
      <c r="CL395" s="487" t="str">
        <f t="shared" si="80"/>
        <v/>
      </c>
      <c r="CM395" s="487"/>
      <c r="CN395" s="487"/>
      <c r="CO395" s="487"/>
      <c r="CP395" s="487"/>
      <c r="CQ395" s="487"/>
      <c r="CR395" s="487"/>
      <c r="CS395" s="487"/>
      <c r="CT395" s="487"/>
      <c r="CU395" s="487"/>
      <c r="CV395" s="487"/>
      <c r="CW395" s="487"/>
      <c r="CX395" s="487"/>
      <c r="CY395" s="487"/>
      <c r="CZ395" s="487"/>
      <c r="DA395" s="487"/>
      <c r="DB395" s="487"/>
      <c r="DC395" s="487"/>
      <c r="DD395" s="487"/>
      <c r="DE395" s="487"/>
      <c r="DF395" s="487"/>
      <c r="DG395" s="487"/>
      <c r="DH395" s="487"/>
      <c r="DI395" s="76"/>
      <c r="DJ395" s="76"/>
      <c r="DK395" s="504"/>
    </row>
    <row r="396" spans="1:115" ht="56.1" hidden="1" customHeight="1" x14ac:dyDescent="0.2">
      <c r="A396" s="499" t="s">
        <v>2342</v>
      </c>
      <c r="B396" s="510"/>
      <c r="C396" s="481">
        <v>717</v>
      </c>
      <c r="D396" s="481"/>
      <c r="E396" s="481" t="s">
        <v>2481</v>
      </c>
      <c r="F396" s="482" t="s">
        <v>53</v>
      </c>
      <c r="G396" s="482" t="s">
        <v>655</v>
      </c>
      <c r="H396" s="501" t="s">
        <v>900</v>
      </c>
      <c r="I396" s="501" t="s">
        <v>922</v>
      </c>
      <c r="J396" s="506" t="s">
        <v>923</v>
      </c>
      <c r="K396" s="506"/>
      <c r="L396" s="77" t="s">
        <v>58</v>
      </c>
      <c r="M396" s="501" t="s">
        <v>846</v>
      </c>
      <c r="N396" s="501"/>
      <c r="O396" s="501" t="s">
        <v>81</v>
      </c>
      <c r="P396" s="77" t="s">
        <v>77</v>
      </c>
      <c r="Q396" s="77"/>
      <c r="R396" s="501" t="s">
        <v>834</v>
      </c>
      <c r="S396" s="76" t="s">
        <v>63</v>
      </c>
      <c r="T396" s="76" t="s">
        <v>63</v>
      </c>
      <c r="U396" s="502">
        <v>4933.5</v>
      </c>
      <c r="V396" s="502"/>
      <c r="W396" s="510" t="s">
        <v>839</v>
      </c>
      <c r="X396" s="510"/>
      <c r="Y396" s="503">
        <f t="shared" si="77"/>
        <v>4933.5</v>
      </c>
      <c r="Z396" s="510" t="s">
        <v>853</v>
      </c>
      <c r="AA396" s="487"/>
      <c r="AB396" s="487"/>
      <c r="AC396" s="487"/>
      <c r="AD396" s="487"/>
      <c r="AE396" s="487"/>
      <c r="AF396" s="487"/>
      <c r="AG396" s="487"/>
      <c r="AH396" s="487"/>
      <c r="AI396" s="487"/>
      <c r="AJ396" s="487"/>
      <c r="AK396" s="487"/>
      <c r="AL396" s="487"/>
      <c r="AM396" s="487"/>
      <c r="AN396" s="487"/>
      <c r="AO396" s="487"/>
      <c r="AP396" s="487"/>
      <c r="AQ396" s="76"/>
      <c r="AR396" s="487"/>
      <c r="AS396" s="487"/>
      <c r="AT396" s="487"/>
      <c r="AU396" s="76"/>
      <c r="AV396" s="487"/>
      <c r="AW396" s="487"/>
      <c r="AX396" s="487"/>
      <c r="AY396" s="76"/>
      <c r="AZ396" s="487"/>
      <c r="BA396" s="76"/>
      <c r="BB396" s="76"/>
      <c r="BC396" s="487"/>
      <c r="BD396" s="76"/>
      <c r="BE396" s="76"/>
      <c r="BF396" s="80">
        <f t="shared" si="79"/>
        <v>0</v>
      </c>
      <c r="BG396" s="76"/>
      <c r="BH396" s="487" t="str">
        <f t="shared" si="78"/>
        <v/>
      </c>
      <c r="BI396" s="487" t="str">
        <f t="shared" si="78"/>
        <v/>
      </c>
      <c r="BJ396" s="487" t="str">
        <f t="shared" si="78"/>
        <v/>
      </c>
      <c r="BK396" s="487" t="str">
        <f t="shared" si="78"/>
        <v/>
      </c>
      <c r="BL396" s="487" t="str">
        <f t="shared" si="78"/>
        <v/>
      </c>
      <c r="BM396" s="487" t="str">
        <f t="shared" si="78"/>
        <v/>
      </c>
      <c r="BN396" s="487" t="str">
        <f t="shared" si="78"/>
        <v/>
      </c>
      <c r="BO396" s="487" t="str">
        <f t="shared" si="78"/>
        <v/>
      </c>
      <c r="BP396" s="487" t="str">
        <f t="shared" si="78"/>
        <v/>
      </c>
      <c r="BQ396" s="487" t="str">
        <f t="shared" si="78"/>
        <v/>
      </c>
      <c r="BR396" s="487" t="str">
        <f t="shared" si="75"/>
        <v/>
      </c>
      <c r="BS396" s="487" t="str">
        <f t="shared" si="75"/>
        <v/>
      </c>
      <c r="BT396" s="487" t="str">
        <f t="shared" si="75"/>
        <v/>
      </c>
      <c r="BU396" s="487" t="str">
        <f t="shared" si="75"/>
        <v/>
      </c>
      <c r="BV396" s="487" t="str">
        <f t="shared" si="75"/>
        <v/>
      </c>
      <c r="BW396" s="487" t="str">
        <f t="shared" si="75"/>
        <v/>
      </c>
      <c r="BX396" s="487" t="str">
        <f t="shared" si="75"/>
        <v/>
      </c>
      <c r="BY396" s="487" t="str">
        <f t="shared" si="75"/>
        <v/>
      </c>
      <c r="BZ396" s="487" t="str">
        <f t="shared" si="75"/>
        <v/>
      </c>
      <c r="CA396" s="487" t="str">
        <f t="shared" si="75"/>
        <v/>
      </c>
      <c r="CB396" s="487" t="str">
        <f t="shared" si="75"/>
        <v/>
      </c>
      <c r="CC396" s="487" t="str">
        <f t="shared" si="75"/>
        <v/>
      </c>
      <c r="CD396" s="487" t="str">
        <f t="shared" si="75"/>
        <v/>
      </c>
      <c r="CE396" s="487" t="str">
        <f t="shared" si="75"/>
        <v/>
      </c>
      <c r="CF396" s="487" t="str">
        <f t="shared" si="75"/>
        <v/>
      </c>
      <c r="CG396" s="487" t="str">
        <f t="shared" si="75"/>
        <v/>
      </c>
      <c r="CH396" s="487" t="str">
        <f t="shared" ref="CH396:CH405" si="81">IF(BA396="yes",(BA$2*$BG396),"")</f>
        <v/>
      </c>
      <c r="CI396" s="487" t="str">
        <f t="shared" si="80"/>
        <v/>
      </c>
      <c r="CJ396" s="487" t="str">
        <f t="shared" si="80"/>
        <v/>
      </c>
      <c r="CK396" s="487" t="str">
        <f t="shared" si="80"/>
        <v/>
      </c>
      <c r="CL396" s="487" t="str">
        <f t="shared" si="80"/>
        <v/>
      </c>
      <c r="CM396" s="487"/>
      <c r="CN396" s="487"/>
      <c r="CO396" s="487"/>
      <c r="CP396" s="487"/>
      <c r="CQ396" s="487"/>
      <c r="CR396" s="487"/>
      <c r="CS396" s="487"/>
      <c r="CT396" s="487"/>
      <c r="CU396" s="487"/>
      <c r="CV396" s="487"/>
      <c r="CW396" s="487"/>
      <c r="CX396" s="487"/>
      <c r="CY396" s="487"/>
      <c r="CZ396" s="487"/>
      <c r="DA396" s="487"/>
      <c r="DB396" s="487"/>
      <c r="DC396" s="487"/>
      <c r="DD396" s="487"/>
      <c r="DE396" s="487"/>
      <c r="DF396" s="487"/>
      <c r="DG396" s="487"/>
      <c r="DH396" s="487"/>
      <c r="DI396" s="76"/>
      <c r="DJ396" s="76"/>
      <c r="DK396" s="504"/>
    </row>
    <row r="397" spans="1:115" ht="56.1" hidden="1" customHeight="1" x14ac:dyDescent="0.2">
      <c r="A397" s="499" t="s">
        <v>2342</v>
      </c>
      <c r="B397" s="510"/>
      <c r="C397" s="481">
        <v>725</v>
      </c>
      <c r="D397" s="481"/>
      <c r="E397" s="481" t="s">
        <v>2481</v>
      </c>
      <c r="F397" s="482" t="s">
        <v>869</v>
      </c>
      <c r="G397" s="482" t="s">
        <v>655</v>
      </c>
      <c r="H397" s="501" t="s">
        <v>932</v>
      </c>
      <c r="I397" s="501" t="s">
        <v>940</v>
      </c>
      <c r="J397" s="506" t="s">
        <v>941</v>
      </c>
      <c r="K397" s="506"/>
      <c r="L397" s="77" t="s">
        <v>58</v>
      </c>
      <c r="M397" s="501" t="s">
        <v>846</v>
      </c>
      <c r="N397" s="501"/>
      <c r="O397" s="501" t="s">
        <v>81</v>
      </c>
      <c r="P397" s="77" t="s">
        <v>77</v>
      </c>
      <c r="Q397" s="77"/>
      <c r="R397" s="501" t="s">
        <v>834</v>
      </c>
      <c r="S397" s="76" t="s">
        <v>63</v>
      </c>
      <c r="T397" s="76" t="s">
        <v>63</v>
      </c>
      <c r="U397" s="502">
        <v>22248.029374999998</v>
      </c>
      <c r="V397" s="502"/>
      <c r="W397" s="510" t="s">
        <v>839</v>
      </c>
      <c r="X397" s="510"/>
      <c r="Y397" s="503">
        <f t="shared" si="77"/>
        <v>22248.029374999998</v>
      </c>
      <c r="Z397" s="510" t="s">
        <v>853</v>
      </c>
      <c r="AA397" s="76"/>
      <c r="AB397" s="76"/>
      <c r="AC397" s="76"/>
      <c r="AD397" s="76"/>
      <c r="AE397" s="76"/>
      <c r="AF397" s="76"/>
      <c r="AG397" s="76"/>
      <c r="AH397" s="76"/>
      <c r="AI397" s="76"/>
      <c r="AJ397" s="76"/>
      <c r="AK397" s="76"/>
      <c r="AL397" s="76"/>
      <c r="AM397" s="76"/>
      <c r="AN397" s="76"/>
      <c r="AO397" s="76"/>
      <c r="AP397" s="76"/>
      <c r="AQ397" s="76"/>
      <c r="AR397" s="76"/>
      <c r="AS397" s="76"/>
      <c r="AT397" s="76"/>
      <c r="AU397" s="76"/>
      <c r="AV397" s="76"/>
      <c r="AW397" s="76"/>
      <c r="AX397" s="76"/>
      <c r="AY397" s="76"/>
      <c r="AZ397" s="76"/>
      <c r="BA397" s="76"/>
      <c r="BB397" s="76"/>
      <c r="BC397" s="76"/>
      <c r="BD397" s="76"/>
      <c r="BE397" s="76"/>
      <c r="BF397" s="80">
        <f t="shared" si="79"/>
        <v>0</v>
      </c>
      <c r="BG397" s="76"/>
      <c r="BH397" s="487" t="str">
        <f t="shared" si="78"/>
        <v/>
      </c>
      <c r="BI397" s="487" t="str">
        <f t="shared" si="78"/>
        <v/>
      </c>
      <c r="BJ397" s="487" t="str">
        <f t="shared" si="78"/>
        <v/>
      </c>
      <c r="BK397" s="487" t="str">
        <f t="shared" si="78"/>
        <v/>
      </c>
      <c r="BL397" s="487" t="str">
        <f t="shared" si="78"/>
        <v/>
      </c>
      <c r="BM397" s="487" t="str">
        <f t="shared" si="78"/>
        <v/>
      </c>
      <c r="BN397" s="487" t="str">
        <f t="shared" si="78"/>
        <v/>
      </c>
      <c r="BO397" s="487" t="str">
        <f t="shared" si="78"/>
        <v/>
      </c>
      <c r="BP397" s="487" t="str">
        <f t="shared" si="78"/>
        <v/>
      </c>
      <c r="BQ397" s="487" t="str">
        <f t="shared" si="78"/>
        <v/>
      </c>
      <c r="BR397" s="487" t="str">
        <f t="shared" si="75"/>
        <v/>
      </c>
      <c r="BS397" s="487" t="str">
        <f t="shared" ref="BS397:CG405" si="82">IF(AL397="yes",(AL$2*$BG397),"")</f>
        <v/>
      </c>
      <c r="BT397" s="487" t="str">
        <f t="shared" si="82"/>
        <v/>
      </c>
      <c r="BU397" s="487" t="str">
        <f t="shared" si="82"/>
        <v/>
      </c>
      <c r="BV397" s="487" t="str">
        <f t="shared" si="82"/>
        <v/>
      </c>
      <c r="BW397" s="487" t="str">
        <f t="shared" si="82"/>
        <v/>
      </c>
      <c r="BX397" s="487" t="str">
        <f t="shared" si="82"/>
        <v/>
      </c>
      <c r="BY397" s="487" t="str">
        <f t="shared" si="82"/>
        <v/>
      </c>
      <c r="BZ397" s="487" t="str">
        <f t="shared" si="82"/>
        <v/>
      </c>
      <c r="CA397" s="487" t="str">
        <f t="shared" si="82"/>
        <v/>
      </c>
      <c r="CB397" s="487" t="str">
        <f t="shared" si="82"/>
        <v/>
      </c>
      <c r="CC397" s="487" t="str">
        <f t="shared" si="82"/>
        <v/>
      </c>
      <c r="CD397" s="487" t="str">
        <f t="shared" si="82"/>
        <v/>
      </c>
      <c r="CE397" s="487" t="str">
        <f t="shared" si="82"/>
        <v/>
      </c>
      <c r="CF397" s="487" t="str">
        <f t="shared" si="82"/>
        <v/>
      </c>
      <c r="CG397" s="487" t="str">
        <f t="shared" si="82"/>
        <v/>
      </c>
      <c r="CH397" s="487" t="str">
        <f t="shared" si="81"/>
        <v/>
      </c>
      <c r="CI397" s="487" t="str">
        <f t="shared" si="80"/>
        <v/>
      </c>
      <c r="CJ397" s="487" t="str">
        <f t="shared" si="80"/>
        <v/>
      </c>
      <c r="CK397" s="487" t="str">
        <f t="shared" si="80"/>
        <v/>
      </c>
      <c r="CL397" s="487" t="str">
        <f t="shared" si="80"/>
        <v/>
      </c>
      <c r="CM397" s="487"/>
      <c r="CN397" s="487"/>
      <c r="CO397" s="487"/>
      <c r="CP397" s="487"/>
      <c r="CQ397" s="487"/>
      <c r="CR397" s="487"/>
      <c r="CS397" s="487"/>
      <c r="CT397" s="487"/>
      <c r="CU397" s="487"/>
      <c r="CV397" s="487"/>
      <c r="CW397" s="487"/>
      <c r="CX397" s="487"/>
      <c r="CY397" s="487"/>
      <c r="CZ397" s="487"/>
      <c r="DA397" s="487"/>
      <c r="DB397" s="487"/>
      <c r="DC397" s="487"/>
      <c r="DD397" s="487"/>
      <c r="DE397" s="487"/>
      <c r="DF397" s="487"/>
      <c r="DG397" s="487"/>
      <c r="DH397" s="487"/>
      <c r="DI397" s="76"/>
      <c r="DJ397" s="76"/>
      <c r="DK397" s="504"/>
    </row>
    <row r="398" spans="1:115" ht="56.1" hidden="1" customHeight="1" x14ac:dyDescent="0.2">
      <c r="A398" s="499" t="s">
        <v>2342</v>
      </c>
      <c r="B398" s="510"/>
      <c r="C398" s="481">
        <v>726</v>
      </c>
      <c r="D398" s="481"/>
      <c r="E398" s="481" t="s">
        <v>2481</v>
      </c>
      <c r="F398" s="482" t="s">
        <v>53</v>
      </c>
      <c r="G398" s="482" t="s">
        <v>655</v>
      </c>
      <c r="H398" s="501" t="s">
        <v>932</v>
      </c>
      <c r="I398" s="501" t="s">
        <v>942</v>
      </c>
      <c r="J398" s="506" t="s">
        <v>943</v>
      </c>
      <c r="K398" s="506"/>
      <c r="L398" s="77" t="s">
        <v>58</v>
      </c>
      <c r="M398" s="501" t="s">
        <v>846</v>
      </c>
      <c r="N398" s="501"/>
      <c r="O398" s="501" t="s">
        <v>81</v>
      </c>
      <c r="P398" s="77" t="s">
        <v>77</v>
      </c>
      <c r="Q398" s="77"/>
      <c r="R398" s="501" t="s">
        <v>834</v>
      </c>
      <c r="S398" s="76" t="s">
        <v>63</v>
      </c>
      <c r="T398" s="76" t="s">
        <v>63</v>
      </c>
      <c r="U398" s="502">
        <v>1539663.125</v>
      </c>
      <c r="V398" s="502"/>
      <c r="W398" s="510" t="s">
        <v>839</v>
      </c>
      <c r="X398" s="510"/>
      <c r="Y398" s="503">
        <f t="shared" si="77"/>
        <v>1539663.125</v>
      </c>
      <c r="Z398" s="510" t="s">
        <v>853</v>
      </c>
      <c r="AA398" s="76"/>
      <c r="AB398" s="76"/>
      <c r="AC398" s="76"/>
      <c r="AD398" s="76"/>
      <c r="AE398" s="76"/>
      <c r="AF398" s="76"/>
      <c r="AG398" s="76"/>
      <c r="AH398" s="76"/>
      <c r="AI398" s="76"/>
      <c r="AJ398" s="76"/>
      <c r="AK398" s="487"/>
      <c r="AL398" s="76"/>
      <c r="AM398" s="76"/>
      <c r="AN398" s="76"/>
      <c r="AO398" s="76"/>
      <c r="AP398" s="76"/>
      <c r="AQ398" s="76"/>
      <c r="AR398" s="76"/>
      <c r="AS398" s="76"/>
      <c r="AT398" s="76"/>
      <c r="AU398" s="76"/>
      <c r="AV398" s="76"/>
      <c r="AW398" s="76"/>
      <c r="AX398" s="76"/>
      <c r="AY398" s="76"/>
      <c r="AZ398" s="76"/>
      <c r="BA398" s="76"/>
      <c r="BB398" s="76"/>
      <c r="BC398" s="76"/>
      <c r="BD398" s="76"/>
      <c r="BE398" s="76"/>
      <c r="BF398" s="80">
        <f t="shared" si="79"/>
        <v>0</v>
      </c>
      <c r="BG398" s="76"/>
      <c r="BH398" s="487" t="str">
        <f t="shared" si="78"/>
        <v/>
      </c>
      <c r="BI398" s="487" t="str">
        <f t="shared" si="78"/>
        <v/>
      </c>
      <c r="BJ398" s="487" t="str">
        <f t="shared" si="78"/>
        <v/>
      </c>
      <c r="BK398" s="487" t="str">
        <f t="shared" si="78"/>
        <v/>
      </c>
      <c r="BL398" s="487" t="str">
        <f t="shared" si="78"/>
        <v/>
      </c>
      <c r="BM398" s="487" t="str">
        <f t="shared" si="78"/>
        <v/>
      </c>
      <c r="BN398" s="487" t="str">
        <f t="shared" si="78"/>
        <v/>
      </c>
      <c r="BO398" s="487" t="str">
        <f t="shared" si="78"/>
        <v/>
      </c>
      <c r="BP398" s="487" t="str">
        <f t="shared" si="78"/>
        <v/>
      </c>
      <c r="BQ398" s="487" t="str">
        <f t="shared" si="78"/>
        <v/>
      </c>
      <c r="BR398" s="487" t="str">
        <f t="shared" si="78"/>
        <v/>
      </c>
      <c r="BS398" s="487" t="str">
        <f t="shared" si="82"/>
        <v/>
      </c>
      <c r="BT398" s="487" t="str">
        <f t="shared" si="82"/>
        <v/>
      </c>
      <c r="BU398" s="487" t="str">
        <f t="shared" si="82"/>
        <v/>
      </c>
      <c r="BV398" s="487" t="str">
        <f t="shared" si="82"/>
        <v/>
      </c>
      <c r="BW398" s="487" t="str">
        <f t="shared" si="82"/>
        <v/>
      </c>
      <c r="BX398" s="487" t="str">
        <f t="shared" si="82"/>
        <v/>
      </c>
      <c r="BY398" s="487" t="str">
        <f t="shared" si="82"/>
        <v/>
      </c>
      <c r="BZ398" s="487" t="str">
        <f t="shared" si="82"/>
        <v/>
      </c>
      <c r="CA398" s="487" t="str">
        <f t="shared" si="82"/>
        <v/>
      </c>
      <c r="CB398" s="487" t="str">
        <f t="shared" si="82"/>
        <v/>
      </c>
      <c r="CC398" s="487" t="str">
        <f t="shared" si="82"/>
        <v/>
      </c>
      <c r="CD398" s="487" t="str">
        <f t="shared" si="82"/>
        <v/>
      </c>
      <c r="CE398" s="487" t="str">
        <f t="shared" si="82"/>
        <v/>
      </c>
      <c r="CF398" s="487" t="str">
        <f t="shared" si="82"/>
        <v/>
      </c>
      <c r="CG398" s="487" t="str">
        <f t="shared" si="82"/>
        <v/>
      </c>
      <c r="CH398" s="487" t="str">
        <f t="shared" si="81"/>
        <v/>
      </c>
      <c r="CI398" s="487" t="str">
        <f t="shared" si="80"/>
        <v/>
      </c>
      <c r="CJ398" s="487" t="str">
        <f t="shared" si="80"/>
        <v/>
      </c>
      <c r="CK398" s="487" t="str">
        <f t="shared" si="80"/>
        <v/>
      </c>
      <c r="CL398" s="487" t="str">
        <f t="shared" si="80"/>
        <v/>
      </c>
      <c r="CM398" s="487"/>
      <c r="CN398" s="487"/>
      <c r="CO398" s="487"/>
      <c r="CP398" s="487"/>
      <c r="CQ398" s="487"/>
      <c r="CR398" s="487"/>
      <c r="CS398" s="487"/>
      <c r="CT398" s="487"/>
      <c r="CU398" s="487"/>
      <c r="CV398" s="487"/>
      <c r="CW398" s="487"/>
      <c r="CX398" s="487"/>
      <c r="CY398" s="487"/>
      <c r="CZ398" s="487"/>
      <c r="DA398" s="487"/>
      <c r="DB398" s="487"/>
      <c r="DC398" s="487"/>
      <c r="DD398" s="487"/>
      <c r="DE398" s="487"/>
      <c r="DF398" s="487"/>
      <c r="DG398" s="487"/>
      <c r="DH398" s="487"/>
      <c r="DI398" s="76"/>
      <c r="DJ398" s="76"/>
      <c r="DK398" s="504"/>
    </row>
    <row r="399" spans="1:115" ht="56.1" hidden="1" customHeight="1" x14ac:dyDescent="0.2">
      <c r="A399" s="499" t="s">
        <v>2342</v>
      </c>
      <c r="B399" s="510"/>
      <c r="C399" s="481">
        <v>727</v>
      </c>
      <c r="D399" s="481"/>
      <c r="E399" s="481" t="s">
        <v>2481</v>
      </c>
      <c r="F399" s="482" t="s">
        <v>53</v>
      </c>
      <c r="G399" s="482" t="s">
        <v>655</v>
      </c>
      <c r="H399" s="501" t="s">
        <v>932</v>
      </c>
      <c r="I399" s="501" t="s">
        <v>944</v>
      </c>
      <c r="J399" s="506" t="s">
        <v>945</v>
      </c>
      <c r="K399" s="506"/>
      <c r="L399" s="77" t="s">
        <v>58</v>
      </c>
      <c r="M399" s="501" t="s">
        <v>846</v>
      </c>
      <c r="N399" s="501"/>
      <c r="O399" s="501" t="s">
        <v>81</v>
      </c>
      <c r="P399" s="77" t="s">
        <v>77</v>
      </c>
      <c r="Q399" s="77"/>
      <c r="R399" s="501" t="s">
        <v>834</v>
      </c>
      <c r="S399" s="76" t="s">
        <v>63</v>
      </c>
      <c r="T399" s="76" t="s">
        <v>63</v>
      </c>
      <c r="U399" s="502">
        <v>203095.75</v>
      </c>
      <c r="V399" s="502"/>
      <c r="W399" s="510" t="s">
        <v>839</v>
      </c>
      <c r="X399" s="510"/>
      <c r="Y399" s="503">
        <f t="shared" si="77"/>
        <v>203095.75</v>
      </c>
      <c r="Z399" s="76" t="s">
        <v>65</v>
      </c>
      <c r="AA399" s="76"/>
      <c r="AB399" s="76"/>
      <c r="AC399" s="76"/>
      <c r="AD399" s="76"/>
      <c r="AE399" s="76"/>
      <c r="AF399" s="76"/>
      <c r="AG399" s="76"/>
      <c r="AH399" s="76"/>
      <c r="AI399" s="76"/>
      <c r="AJ399" s="76"/>
      <c r="AK399" s="487"/>
      <c r="AL399" s="76"/>
      <c r="AM399" s="76"/>
      <c r="AN399" s="76"/>
      <c r="AO399" s="76"/>
      <c r="AP399" s="76"/>
      <c r="AQ399" s="76"/>
      <c r="AR399" s="76"/>
      <c r="AS399" s="76"/>
      <c r="AT399" s="76"/>
      <c r="AU399" s="76"/>
      <c r="AV399" s="76"/>
      <c r="AW399" s="76"/>
      <c r="AX399" s="76"/>
      <c r="AY399" s="76"/>
      <c r="AZ399" s="76"/>
      <c r="BA399" s="76"/>
      <c r="BB399" s="76"/>
      <c r="BC399" s="76"/>
      <c r="BD399" s="76"/>
      <c r="BE399" s="76"/>
      <c r="BF399" s="80">
        <f t="shared" si="79"/>
        <v>0</v>
      </c>
      <c r="BG399" s="76"/>
      <c r="BH399" s="487" t="str">
        <f t="shared" si="78"/>
        <v/>
      </c>
      <c r="BI399" s="487" t="str">
        <f t="shared" si="78"/>
        <v/>
      </c>
      <c r="BJ399" s="487" t="str">
        <f t="shared" si="78"/>
        <v/>
      </c>
      <c r="BK399" s="487" t="str">
        <f t="shared" si="78"/>
        <v/>
      </c>
      <c r="BL399" s="487" t="str">
        <f t="shared" si="78"/>
        <v/>
      </c>
      <c r="BM399" s="487" t="str">
        <f t="shared" si="78"/>
        <v/>
      </c>
      <c r="BN399" s="487" t="str">
        <f t="shared" si="78"/>
        <v/>
      </c>
      <c r="BO399" s="487" t="str">
        <f t="shared" si="78"/>
        <v/>
      </c>
      <c r="BP399" s="487" t="str">
        <f t="shared" si="78"/>
        <v/>
      </c>
      <c r="BQ399" s="487" t="str">
        <f t="shared" si="78"/>
        <v/>
      </c>
      <c r="BR399" s="487" t="str">
        <f t="shared" si="78"/>
        <v/>
      </c>
      <c r="BS399" s="487" t="str">
        <f t="shared" si="82"/>
        <v/>
      </c>
      <c r="BT399" s="487" t="str">
        <f t="shared" si="82"/>
        <v/>
      </c>
      <c r="BU399" s="487" t="str">
        <f t="shared" si="82"/>
        <v/>
      </c>
      <c r="BV399" s="487" t="str">
        <f t="shared" si="82"/>
        <v/>
      </c>
      <c r="BW399" s="487" t="str">
        <f t="shared" si="82"/>
        <v/>
      </c>
      <c r="BX399" s="487" t="str">
        <f t="shared" si="82"/>
        <v/>
      </c>
      <c r="BY399" s="487" t="str">
        <f t="shared" si="82"/>
        <v/>
      </c>
      <c r="BZ399" s="487" t="str">
        <f t="shared" si="82"/>
        <v/>
      </c>
      <c r="CA399" s="487" t="str">
        <f t="shared" si="82"/>
        <v/>
      </c>
      <c r="CB399" s="487" t="str">
        <f t="shared" si="82"/>
        <v/>
      </c>
      <c r="CC399" s="487" t="str">
        <f t="shared" si="82"/>
        <v/>
      </c>
      <c r="CD399" s="487" t="str">
        <f t="shared" si="82"/>
        <v/>
      </c>
      <c r="CE399" s="487" t="str">
        <f t="shared" si="82"/>
        <v/>
      </c>
      <c r="CF399" s="487" t="str">
        <f t="shared" si="82"/>
        <v/>
      </c>
      <c r="CG399" s="487" t="str">
        <f t="shared" si="82"/>
        <v/>
      </c>
      <c r="CH399" s="487" t="str">
        <f t="shared" si="81"/>
        <v/>
      </c>
      <c r="CI399" s="487" t="str">
        <f t="shared" si="80"/>
        <v/>
      </c>
      <c r="CJ399" s="487" t="str">
        <f t="shared" si="80"/>
        <v/>
      </c>
      <c r="CK399" s="487" t="str">
        <f t="shared" si="80"/>
        <v/>
      </c>
      <c r="CL399" s="487" t="str">
        <f t="shared" si="80"/>
        <v/>
      </c>
      <c r="CM399" s="487"/>
      <c r="CN399" s="487"/>
      <c r="CO399" s="487"/>
      <c r="CP399" s="487"/>
      <c r="CQ399" s="487"/>
      <c r="CR399" s="487"/>
      <c r="CS399" s="487"/>
      <c r="CT399" s="487"/>
      <c r="CU399" s="487"/>
      <c r="CV399" s="487"/>
      <c r="CW399" s="487"/>
      <c r="CX399" s="487"/>
      <c r="CY399" s="487"/>
      <c r="CZ399" s="487"/>
      <c r="DA399" s="487"/>
      <c r="DB399" s="487"/>
      <c r="DC399" s="487"/>
      <c r="DD399" s="487"/>
      <c r="DE399" s="487"/>
      <c r="DF399" s="487"/>
      <c r="DG399" s="487"/>
      <c r="DH399" s="487"/>
      <c r="DI399" s="76"/>
      <c r="DJ399" s="76"/>
      <c r="DK399" s="504"/>
    </row>
    <row r="400" spans="1:115" ht="56.1" hidden="1" customHeight="1" x14ac:dyDescent="0.2">
      <c r="A400" s="499" t="s">
        <v>2342</v>
      </c>
      <c r="B400" s="510"/>
      <c r="C400" s="481">
        <v>719</v>
      </c>
      <c r="D400" s="481"/>
      <c r="E400" s="481" t="s">
        <v>2481</v>
      </c>
      <c r="F400" s="482" t="s">
        <v>53</v>
      </c>
      <c r="G400" s="482" t="s">
        <v>655</v>
      </c>
      <c r="H400" s="501" t="s">
        <v>900</v>
      </c>
      <c r="I400" s="501" t="s">
        <v>926</v>
      </c>
      <c r="J400" s="506" t="s">
        <v>927</v>
      </c>
      <c r="K400" s="506"/>
      <c r="L400" s="77" t="s">
        <v>58</v>
      </c>
      <c r="M400" s="501" t="s">
        <v>846</v>
      </c>
      <c r="N400" s="501"/>
      <c r="O400" s="501" t="s">
        <v>81</v>
      </c>
      <c r="P400" s="77" t="s">
        <v>77</v>
      </c>
      <c r="Q400" s="77"/>
      <c r="R400" s="501" t="s">
        <v>834</v>
      </c>
      <c r="S400" s="76" t="s">
        <v>63</v>
      </c>
      <c r="T400" s="76" t="s">
        <v>63</v>
      </c>
      <c r="U400" s="502">
        <v>328900</v>
      </c>
      <c r="V400" s="502"/>
      <c r="W400" s="510" t="s">
        <v>839</v>
      </c>
      <c r="X400" s="510"/>
      <c r="Y400" s="503">
        <f t="shared" si="77"/>
        <v>328900</v>
      </c>
      <c r="Z400" s="76" t="s">
        <v>65</v>
      </c>
      <c r="AA400" s="76"/>
      <c r="AB400" s="76"/>
      <c r="AC400" s="76"/>
      <c r="AD400" s="76"/>
      <c r="AE400" s="76"/>
      <c r="AF400" s="76"/>
      <c r="AG400" s="76"/>
      <c r="AH400" s="76"/>
      <c r="AI400" s="76"/>
      <c r="AJ400" s="76"/>
      <c r="AK400" s="76"/>
      <c r="AL400" s="76"/>
      <c r="AM400" s="76"/>
      <c r="AN400" s="76"/>
      <c r="AO400" s="76"/>
      <c r="AP400" s="76"/>
      <c r="AQ400" s="76"/>
      <c r="AR400" s="76"/>
      <c r="AS400" s="76"/>
      <c r="AT400" s="76"/>
      <c r="AU400" s="76"/>
      <c r="AV400" s="76"/>
      <c r="AW400" s="76"/>
      <c r="AX400" s="76"/>
      <c r="AY400" s="76"/>
      <c r="AZ400" s="76"/>
      <c r="BA400" s="76"/>
      <c r="BB400" s="76"/>
      <c r="BC400" s="76"/>
      <c r="BD400" s="76"/>
      <c r="BE400" s="76"/>
      <c r="BF400" s="80">
        <f t="shared" si="79"/>
        <v>0</v>
      </c>
      <c r="BG400" s="76"/>
      <c r="BH400" s="487" t="str">
        <f t="shared" si="78"/>
        <v/>
      </c>
      <c r="BI400" s="487" t="str">
        <f t="shared" si="78"/>
        <v/>
      </c>
      <c r="BJ400" s="487" t="str">
        <f t="shared" si="78"/>
        <v/>
      </c>
      <c r="BK400" s="487" t="str">
        <f t="shared" si="78"/>
        <v/>
      </c>
      <c r="BL400" s="487" t="str">
        <f t="shared" si="78"/>
        <v/>
      </c>
      <c r="BM400" s="487" t="str">
        <f t="shared" si="78"/>
        <v/>
      </c>
      <c r="BN400" s="487" t="str">
        <f t="shared" si="78"/>
        <v/>
      </c>
      <c r="BO400" s="487" t="str">
        <f t="shared" si="78"/>
        <v/>
      </c>
      <c r="BP400" s="487" t="str">
        <f t="shared" si="78"/>
        <v/>
      </c>
      <c r="BQ400" s="487" t="str">
        <f t="shared" si="78"/>
        <v/>
      </c>
      <c r="BR400" s="487" t="str">
        <f t="shared" si="78"/>
        <v/>
      </c>
      <c r="BS400" s="487" t="str">
        <f t="shared" si="82"/>
        <v/>
      </c>
      <c r="BT400" s="487" t="str">
        <f t="shared" si="82"/>
        <v/>
      </c>
      <c r="BU400" s="487" t="str">
        <f t="shared" si="82"/>
        <v/>
      </c>
      <c r="BV400" s="487" t="str">
        <f t="shared" si="82"/>
        <v/>
      </c>
      <c r="BW400" s="487" t="str">
        <f t="shared" si="82"/>
        <v/>
      </c>
      <c r="BX400" s="487" t="str">
        <f t="shared" si="82"/>
        <v/>
      </c>
      <c r="BY400" s="487" t="str">
        <f t="shared" si="82"/>
        <v/>
      </c>
      <c r="BZ400" s="487" t="str">
        <f t="shared" si="82"/>
        <v/>
      </c>
      <c r="CA400" s="487" t="str">
        <f t="shared" si="82"/>
        <v/>
      </c>
      <c r="CB400" s="487" t="str">
        <f t="shared" si="82"/>
        <v/>
      </c>
      <c r="CC400" s="487" t="str">
        <f t="shared" si="82"/>
        <v/>
      </c>
      <c r="CD400" s="487" t="str">
        <f t="shared" si="82"/>
        <v/>
      </c>
      <c r="CE400" s="487" t="str">
        <f t="shared" si="82"/>
        <v/>
      </c>
      <c r="CF400" s="487" t="str">
        <f t="shared" si="82"/>
        <v/>
      </c>
      <c r="CG400" s="487" t="str">
        <f t="shared" si="82"/>
        <v/>
      </c>
      <c r="CH400" s="487" t="str">
        <f t="shared" si="81"/>
        <v/>
      </c>
      <c r="CI400" s="487" t="str">
        <f t="shared" si="80"/>
        <v/>
      </c>
      <c r="CJ400" s="487" t="str">
        <f t="shared" si="80"/>
        <v/>
      </c>
      <c r="CK400" s="487" t="str">
        <f t="shared" si="80"/>
        <v/>
      </c>
      <c r="CL400" s="487" t="str">
        <f t="shared" si="80"/>
        <v/>
      </c>
      <c r="CM400" s="487"/>
      <c r="CN400" s="487"/>
      <c r="CO400" s="487"/>
      <c r="CP400" s="487"/>
      <c r="CQ400" s="487"/>
      <c r="CR400" s="487"/>
      <c r="CS400" s="487"/>
      <c r="CT400" s="487"/>
      <c r="CU400" s="487"/>
      <c r="CV400" s="487"/>
      <c r="CW400" s="487"/>
      <c r="CX400" s="487"/>
      <c r="CY400" s="487"/>
      <c r="CZ400" s="487"/>
      <c r="DA400" s="487"/>
      <c r="DB400" s="487"/>
      <c r="DC400" s="487"/>
      <c r="DD400" s="487"/>
      <c r="DE400" s="487"/>
      <c r="DF400" s="487"/>
      <c r="DG400" s="487"/>
      <c r="DH400" s="487"/>
      <c r="DI400" s="76"/>
      <c r="DJ400" s="76"/>
      <c r="DK400" s="504"/>
    </row>
    <row r="401" spans="1:115" ht="56.1" hidden="1" customHeight="1" x14ac:dyDescent="0.2">
      <c r="A401" s="499" t="s">
        <v>2342</v>
      </c>
      <c r="B401" s="510"/>
      <c r="C401" s="481">
        <v>724</v>
      </c>
      <c r="D401" s="481"/>
      <c r="E401" s="481" t="s">
        <v>2481</v>
      </c>
      <c r="F401" s="482" t="s">
        <v>937</v>
      </c>
      <c r="G401" s="482" t="s">
        <v>655</v>
      </c>
      <c r="H401" s="501" t="s">
        <v>900</v>
      </c>
      <c r="I401" s="501" t="s">
        <v>938</v>
      </c>
      <c r="J401" s="506" t="s">
        <v>939</v>
      </c>
      <c r="K401" s="506"/>
      <c r="L401" s="77" t="s">
        <v>58</v>
      </c>
      <c r="M401" s="501" t="s">
        <v>846</v>
      </c>
      <c r="N401" s="501"/>
      <c r="O401" s="501" t="s">
        <v>81</v>
      </c>
      <c r="P401" s="77" t="s">
        <v>77</v>
      </c>
      <c r="Q401" s="77"/>
      <c r="R401" s="501" t="s">
        <v>834</v>
      </c>
      <c r="S401" s="76" t="s">
        <v>63</v>
      </c>
      <c r="T401" s="76" t="s">
        <v>63</v>
      </c>
      <c r="U401" s="502">
        <v>320677.5</v>
      </c>
      <c r="V401" s="502"/>
      <c r="W401" s="510" t="s">
        <v>839</v>
      </c>
      <c r="X401" s="510"/>
      <c r="Y401" s="503">
        <f t="shared" si="77"/>
        <v>320677.5</v>
      </c>
      <c r="Z401" s="510" t="s">
        <v>853</v>
      </c>
      <c r="AA401" s="487"/>
      <c r="AB401" s="487"/>
      <c r="AC401" s="487"/>
      <c r="AD401" s="487"/>
      <c r="AE401" s="487"/>
      <c r="AF401" s="487"/>
      <c r="AG401" s="487"/>
      <c r="AH401" s="487"/>
      <c r="AI401" s="487"/>
      <c r="AJ401" s="487"/>
      <c r="AK401" s="487"/>
      <c r="AL401" s="487"/>
      <c r="AM401" s="487"/>
      <c r="AN401" s="487"/>
      <c r="AO401" s="487"/>
      <c r="AP401" s="487"/>
      <c r="AQ401" s="76"/>
      <c r="AR401" s="487"/>
      <c r="AS401" s="487"/>
      <c r="AT401" s="487"/>
      <c r="AU401" s="76"/>
      <c r="AV401" s="487"/>
      <c r="AW401" s="487"/>
      <c r="AX401" s="487"/>
      <c r="AY401" s="76"/>
      <c r="AZ401" s="487"/>
      <c r="BA401" s="76"/>
      <c r="BB401" s="76"/>
      <c r="BC401" s="487"/>
      <c r="BD401" s="76"/>
      <c r="BE401" s="76"/>
      <c r="BF401" s="80">
        <f t="shared" si="79"/>
        <v>0</v>
      </c>
      <c r="BG401" s="76"/>
      <c r="BH401" s="487" t="str">
        <f t="shared" si="78"/>
        <v/>
      </c>
      <c r="BI401" s="487" t="str">
        <f t="shared" si="78"/>
        <v/>
      </c>
      <c r="BJ401" s="487" t="str">
        <f t="shared" si="78"/>
        <v/>
      </c>
      <c r="BK401" s="487" t="str">
        <f t="shared" si="78"/>
        <v/>
      </c>
      <c r="BL401" s="487" t="str">
        <f t="shared" si="78"/>
        <v/>
      </c>
      <c r="BM401" s="487" t="str">
        <f t="shared" si="78"/>
        <v/>
      </c>
      <c r="BN401" s="487" t="str">
        <f t="shared" si="78"/>
        <v/>
      </c>
      <c r="BO401" s="487" t="str">
        <f t="shared" si="78"/>
        <v/>
      </c>
      <c r="BP401" s="487" t="str">
        <f t="shared" si="78"/>
        <v/>
      </c>
      <c r="BQ401" s="487" t="str">
        <f t="shared" si="78"/>
        <v/>
      </c>
      <c r="BR401" s="487" t="str">
        <f t="shared" si="78"/>
        <v/>
      </c>
      <c r="BS401" s="487" t="str">
        <f t="shared" si="82"/>
        <v/>
      </c>
      <c r="BT401" s="487" t="str">
        <f t="shared" si="82"/>
        <v/>
      </c>
      <c r="BU401" s="487" t="str">
        <f t="shared" si="82"/>
        <v/>
      </c>
      <c r="BV401" s="487" t="str">
        <f t="shared" si="82"/>
        <v/>
      </c>
      <c r="BW401" s="487" t="str">
        <f t="shared" si="82"/>
        <v/>
      </c>
      <c r="BX401" s="487" t="str">
        <f t="shared" si="82"/>
        <v/>
      </c>
      <c r="BY401" s="487" t="str">
        <f t="shared" si="82"/>
        <v/>
      </c>
      <c r="BZ401" s="487" t="str">
        <f t="shared" si="82"/>
        <v/>
      </c>
      <c r="CA401" s="487" t="str">
        <f t="shared" si="82"/>
        <v/>
      </c>
      <c r="CB401" s="487" t="str">
        <f t="shared" si="82"/>
        <v/>
      </c>
      <c r="CC401" s="487" t="str">
        <f t="shared" si="82"/>
        <v/>
      </c>
      <c r="CD401" s="487" t="str">
        <f t="shared" si="82"/>
        <v/>
      </c>
      <c r="CE401" s="487" t="str">
        <f t="shared" si="82"/>
        <v/>
      </c>
      <c r="CF401" s="487" t="str">
        <f t="shared" si="82"/>
        <v/>
      </c>
      <c r="CG401" s="487" t="str">
        <f t="shared" si="82"/>
        <v/>
      </c>
      <c r="CH401" s="487" t="str">
        <f t="shared" si="81"/>
        <v/>
      </c>
      <c r="CI401" s="487" t="str">
        <f t="shared" si="80"/>
        <v/>
      </c>
      <c r="CJ401" s="487" t="str">
        <f t="shared" si="80"/>
        <v/>
      </c>
      <c r="CK401" s="487" t="str">
        <f t="shared" si="80"/>
        <v/>
      </c>
      <c r="CL401" s="487" t="str">
        <f t="shared" si="80"/>
        <v/>
      </c>
      <c r="CM401" s="487"/>
      <c r="CN401" s="487"/>
      <c r="CO401" s="487"/>
      <c r="CP401" s="487"/>
      <c r="CQ401" s="487"/>
      <c r="CR401" s="487"/>
      <c r="CS401" s="487"/>
      <c r="CT401" s="487"/>
      <c r="CU401" s="487"/>
      <c r="CV401" s="487"/>
      <c r="CW401" s="487"/>
      <c r="CX401" s="487"/>
      <c r="CY401" s="487"/>
      <c r="CZ401" s="487"/>
      <c r="DA401" s="487"/>
      <c r="DB401" s="487"/>
      <c r="DC401" s="487"/>
      <c r="DD401" s="487"/>
      <c r="DE401" s="487"/>
      <c r="DF401" s="487"/>
      <c r="DG401" s="487"/>
      <c r="DH401" s="487"/>
      <c r="DI401" s="76"/>
      <c r="DJ401" s="76"/>
      <c r="DK401" s="504"/>
    </row>
    <row r="402" spans="1:115" ht="56.1" hidden="1" customHeight="1" x14ac:dyDescent="0.2">
      <c r="A402" s="499" t="s">
        <v>2494</v>
      </c>
      <c r="B402" s="483" t="s">
        <v>2495</v>
      </c>
      <c r="C402" s="481">
        <v>730</v>
      </c>
      <c r="D402" s="481"/>
      <c r="E402" s="481" t="s">
        <v>2481</v>
      </c>
      <c r="F402" s="482" t="s">
        <v>912</v>
      </c>
      <c r="G402" s="482" t="s">
        <v>655</v>
      </c>
      <c r="H402" s="501" t="s">
        <v>932</v>
      </c>
      <c r="I402" s="506" t="s">
        <v>952</v>
      </c>
      <c r="J402" s="506" t="s">
        <v>953</v>
      </c>
      <c r="K402" s="506"/>
      <c r="L402" s="77" t="s">
        <v>58</v>
      </c>
      <c r="M402" s="501" t="s">
        <v>948</v>
      </c>
      <c r="N402" s="501"/>
      <c r="O402" s="501" t="s">
        <v>81</v>
      </c>
      <c r="P402" s="77" t="s">
        <v>77</v>
      </c>
      <c r="Q402" s="77"/>
      <c r="R402" s="500" t="s">
        <v>722</v>
      </c>
      <c r="S402" s="76" t="s">
        <v>63</v>
      </c>
      <c r="T402" s="76" t="s">
        <v>63</v>
      </c>
      <c r="U402" s="485">
        <v>2000000</v>
      </c>
      <c r="V402" s="485"/>
      <c r="W402" s="494" t="s">
        <v>659</v>
      </c>
      <c r="X402" s="494"/>
      <c r="Y402" s="485">
        <f t="shared" si="77"/>
        <v>2000000</v>
      </c>
      <c r="Z402" s="76" t="s">
        <v>65</v>
      </c>
      <c r="AA402" s="76"/>
      <c r="AB402" s="76"/>
      <c r="AC402" s="76"/>
      <c r="AD402" s="76"/>
      <c r="AE402" s="76"/>
      <c r="AF402" s="76"/>
      <c r="AG402" s="76"/>
      <c r="AH402" s="76"/>
      <c r="AI402" s="76"/>
      <c r="AJ402" s="76"/>
      <c r="AK402" s="76"/>
      <c r="AL402" s="76"/>
      <c r="AM402" s="76"/>
      <c r="AN402" s="76"/>
      <c r="AO402" s="76"/>
      <c r="AP402" s="76"/>
      <c r="AQ402" s="76"/>
      <c r="AR402" s="76"/>
      <c r="AS402" s="76"/>
      <c r="AT402" s="76"/>
      <c r="AU402" s="76"/>
      <c r="AV402" s="76"/>
      <c r="AW402" s="76"/>
      <c r="AX402" s="76"/>
      <c r="AY402" s="76"/>
      <c r="AZ402" s="76"/>
      <c r="BA402" s="76"/>
      <c r="BB402" s="76"/>
      <c r="BC402" s="76"/>
      <c r="BD402" s="76"/>
      <c r="BE402" s="76"/>
      <c r="BF402" s="80">
        <f t="shared" si="79"/>
        <v>0</v>
      </c>
      <c r="BG402" s="76"/>
      <c r="BH402" s="487" t="str">
        <f t="shared" si="78"/>
        <v/>
      </c>
      <c r="BI402" s="487" t="str">
        <f t="shared" si="78"/>
        <v/>
      </c>
      <c r="BJ402" s="487" t="str">
        <f t="shared" si="78"/>
        <v/>
      </c>
      <c r="BK402" s="487" t="str">
        <f t="shared" si="78"/>
        <v/>
      </c>
      <c r="BL402" s="487" t="str">
        <f t="shared" si="78"/>
        <v/>
      </c>
      <c r="BM402" s="487" t="str">
        <f t="shared" si="78"/>
        <v/>
      </c>
      <c r="BN402" s="487" t="str">
        <f t="shared" si="78"/>
        <v/>
      </c>
      <c r="BO402" s="487" t="str">
        <f t="shared" si="78"/>
        <v/>
      </c>
      <c r="BP402" s="487" t="str">
        <f t="shared" si="78"/>
        <v/>
      </c>
      <c r="BQ402" s="487" t="str">
        <f t="shared" si="78"/>
        <v/>
      </c>
      <c r="BR402" s="487" t="str">
        <f t="shared" si="78"/>
        <v/>
      </c>
      <c r="BS402" s="487" t="str">
        <f t="shared" si="82"/>
        <v/>
      </c>
      <c r="BT402" s="487" t="str">
        <f t="shared" si="82"/>
        <v/>
      </c>
      <c r="BU402" s="487" t="str">
        <f t="shared" si="82"/>
        <v/>
      </c>
      <c r="BV402" s="487" t="str">
        <f t="shared" si="82"/>
        <v/>
      </c>
      <c r="BW402" s="487" t="str">
        <f t="shared" si="82"/>
        <v/>
      </c>
      <c r="BX402" s="487" t="str">
        <f t="shared" si="82"/>
        <v/>
      </c>
      <c r="BY402" s="487" t="str">
        <f t="shared" si="82"/>
        <v/>
      </c>
      <c r="BZ402" s="487" t="str">
        <f t="shared" si="82"/>
        <v/>
      </c>
      <c r="CA402" s="487" t="str">
        <f t="shared" si="82"/>
        <v/>
      </c>
      <c r="CB402" s="487" t="str">
        <f t="shared" si="82"/>
        <v/>
      </c>
      <c r="CC402" s="487" t="str">
        <f t="shared" si="82"/>
        <v/>
      </c>
      <c r="CD402" s="487" t="str">
        <f t="shared" si="82"/>
        <v/>
      </c>
      <c r="CE402" s="487" t="str">
        <f t="shared" si="82"/>
        <v/>
      </c>
      <c r="CF402" s="487" t="str">
        <f t="shared" si="82"/>
        <v/>
      </c>
      <c r="CG402" s="487" t="str">
        <f t="shared" si="82"/>
        <v/>
      </c>
      <c r="CH402" s="487" t="str">
        <f t="shared" si="81"/>
        <v/>
      </c>
      <c r="CI402" s="487" t="str">
        <f t="shared" si="80"/>
        <v/>
      </c>
      <c r="CJ402" s="487" t="str">
        <f t="shared" si="80"/>
        <v/>
      </c>
      <c r="CK402" s="487" t="str">
        <f t="shared" si="80"/>
        <v/>
      </c>
      <c r="CL402" s="487" t="str">
        <f t="shared" si="80"/>
        <v/>
      </c>
      <c r="CM402" s="487"/>
      <c r="CN402" s="487"/>
      <c r="CO402" s="487"/>
      <c r="CP402" s="487"/>
      <c r="CQ402" s="487"/>
      <c r="CR402" s="487"/>
      <c r="CS402" s="487"/>
      <c r="CT402" s="487"/>
      <c r="CU402" s="487"/>
      <c r="CV402" s="487"/>
      <c r="CW402" s="487"/>
      <c r="CX402" s="487"/>
      <c r="CY402" s="487"/>
      <c r="CZ402" s="487"/>
      <c r="DA402" s="487"/>
      <c r="DB402" s="487"/>
      <c r="DC402" s="487"/>
      <c r="DD402" s="487"/>
      <c r="DE402" s="487"/>
      <c r="DF402" s="487"/>
      <c r="DG402" s="487"/>
      <c r="DH402" s="487"/>
      <c r="DI402" s="76"/>
      <c r="DJ402" s="76"/>
      <c r="DK402" s="504"/>
    </row>
    <row r="403" spans="1:115" ht="56.1" hidden="1" customHeight="1" x14ac:dyDescent="0.2">
      <c r="A403" s="510"/>
      <c r="B403" s="510"/>
      <c r="C403" s="481">
        <v>731</v>
      </c>
      <c r="D403" s="481"/>
      <c r="E403" s="481" t="s">
        <v>2481</v>
      </c>
      <c r="F403" s="482" t="s">
        <v>869</v>
      </c>
      <c r="G403" s="482" t="s">
        <v>655</v>
      </c>
      <c r="H403" s="501" t="s">
        <v>932</v>
      </c>
      <c r="I403" s="506" t="s">
        <v>954</v>
      </c>
      <c r="J403" s="506" t="s">
        <v>955</v>
      </c>
      <c r="K403" s="506"/>
      <c r="L403" s="77" t="s">
        <v>58</v>
      </c>
      <c r="M403" s="501" t="s">
        <v>956</v>
      </c>
      <c r="N403" s="501"/>
      <c r="O403" s="501" t="s">
        <v>81</v>
      </c>
      <c r="P403" s="77" t="s">
        <v>77</v>
      </c>
      <c r="Q403" s="77"/>
      <c r="R403" s="501" t="s">
        <v>834</v>
      </c>
      <c r="S403" s="76" t="s">
        <v>63</v>
      </c>
      <c r="T403" s="76" t="s">
        <v>63</v>
      </c>
      <c r="U403" s="502">
        <v>17526.258750000001</v>
      </c>
      <c r="V403" s="502"/>
      <c r="W403" s="510" t="s">
        <v>839</v>
      </c>
      <c r="X403" s="510"/>
      <c r="Y403" s="503">
        <f t="shared" si="77"/>
        <v>17526.258750000001</v>
      </c>
      <c r="Z403" s="76" t="s">
        <v>65</v>
      </c>
      <c r="AA403" s="76"/>
      <c r="AB403" s="76"/>
      <c r="AC403" s="76"/>
      <c r="AD403" s="76"/>
      <c r="AE403" s="76"/>
      <c r="AF403" s="76"/>
      <c r="AG403" s="76"/>
      <c r="AH403" s="76"/>
      <c r="AI403" s="76"/>
      <c r="AJ403" s="76"/>
      <c r="AK403" s="76"/>
      <c r="AL403" s="76"/>
      <c r="AM403" s="76"/>
      <c r="AN403" s="76"/>
      <c r="AO403" s="76"/>
      <c r="AP403" s="76"/>
      <c r="AQ403" s="76"/>
      <c r="AR403" s="76"/>
      <c r="AS403" s="76"/>
      <c r="AT403" s="76"/>
      <c r="AU403" s="76"/>
      <c r="AV403" s="76"/>
      <c r="AW403" s="76"/>
      <c r="AX403" s="76"/>
      <c r="AY403" s="76"/>
      <c r="AZ403" s="76"/>
      <c r="BA403" s="76"/>
      <c r="BB403" s="76"/>
      <c r="BC403" s="76"/>
      <c r="BD403" s="76"/>
      <c r="BE403" s="76"/>
      <c r="BF403" s="80">
        <f t="shared" si="79"/>
        <v>0</v>
      </c>
      <c r="BG403" s="76"/>
      <c r="BH403" s="487" t="str">
        <f t="shared" si="78"/>
        <v/>
      </c>
      <c r="BI403" s="487" t="str">
        <f t="shared" si="78"/>
        <v/>
      </c>
      <c r="BJ403" s="487" t="str">
        <f t="shared" si="78"/>
        <v/>
      </c>
      <c r="BK403" s="487" t="str">
        <f t="shared" si="78"/>
        <v/>
      </c>
      <c r="BL403" s="487" t="str">
        <f t="shared" si="78"/>
        <v/>
      </c>
      <c r="BM403" s="487" t="str">
        <f t="shared" si="78"/>
        <v/>
      </c>
      <c r="BN403" s="487" t="str">
        <f t="shared" si="78"/>
        <v/>
      </c>
      <c r="BO403" s="487" t="str">
        <f t="shared" si="78"/>
        <v/>
      </c>
      <c r="BP403" s="487" t="str">
        <f t="shared" si="78"/>
        <v/>
      </c>
      <c r="BQ403" s="487" t="str">
        <f t="shared" si="78"/>
        <v/>
      </c>
      <c r="BR403" s="487" t="str">
        <f t="shared" si="78"/>
        <v/>
      </c>
      <c r="BS403" s="487" t="str">
        <f t="shared" si="82"/>
        <v/>
      </c>
      <c r="BT403" s="487" t="str">
        <f t="shared" si="82"/>
        <v/>
      </c>
      <c r="BU403" s="487" t="str">
        <f t="shared" si="82"/>
        <v/>
      </c>
      <c r="BV403" s="487" t="str">
        <f t="shared" si="82"/>
        <v/>
      </c>
      <c r="BW403" s="487" t="str">
        <f t="shared" si="82"/>
        <v/>
      </c>
      <c r="BX403" s="487" t="str">
        <f t="shared" si="82"/>
        <v/>
      </c>
      <c r="BY403" s="487" t="str">
        <f t="shared" si="82"/>
        <v/>
      </c>
      <c r="BZ403" s="487" t="str">
        <f t="shared" si="82"/>
        <v/>
      </c>
      <c r="CA403" s="487" t="str">
        <f t="shared" si="82"/>
        <v/>
      </c>
      <c r="CB403" s="487" t="str">
        <f t="shared" si="82"/>
        <v/>
      </c>
      <c r="CC403" s="487" t="str">
        <f t="shared" si="82"/>
        <v/>
      </c>
      <c r="CD403" s="487" t="str">
        <f t="shared" si="82"/>
        <v/>
      </c>
      <c r="CE403" s="487" t="str">
        <f t="shared" si="82"/>
        <v/>
      </c>
      <c r="CF403" s="487" t="str">
        <f t="shared" si="82"/>
        <v/>
      </c>
      <c r="CG403" s="487" t="str">
        <f t="shared" si="82"/>
        <v/>
      </c>
      <c r="CH403" s="487" t="str">
        <f t="shared" si="81"/>
        <v/>
      </c>
      <c r="CI403" s="487" t="str">
        <f t="shared" si="80"/>
        <v/>
      </c>
      <c r="CJ403" s="487" t="str">
        <f t="shared" si="80"/>
        <v/>
      </c>
      <c r="CK403" s="487" t="str">
        <f t="shared" si="80"/>
        <v/>
      </c>
      <c r="CL403" s="487" t="str">
        <f t="shared" si="80"/>
        <v/>
      </c>
      <c r="CM403" s="487"/>
      <c r="CN403" s="487"/>
      <c r="CO403" s="487"/>
      <c r="CP403" s="487"/>
      <c r="CQ403" s="487"/>
      <c r="CR403" s="487"/>
      <c r="CS403" s="487"/>
      <c r="CT403" s="487"/>
      <c r="CU403" s="487"/>
      <c r="CV403" s="487"/>
      <c r="CW403" s="487"/>
      <c r="CX403" s="487"/>
      <c r="CY403" s="487"/>
      <c r="CZ403" s="487"/>
      <c r="DA403" s="487"/>
      <c r="DB403" s="487"/>
      <c r="DC403" s="487"/>
      <c r="DD403" s="487"/>
      <c r="DE403" s="487"/>
      <c r="DF403" s="487"/>
      <c r="DG403" s="487"/>
      <c r="DH403" s="487"/>
      <c r="DI403" s="76"/>
      <c r="DJ403" s="76"/>
      <c r="DK403" s="504"/>
    </row>
    <row r="404" spans="1:115" ht="56.1" hidden="1" customHeight="1" x14ac:dyDescent="0.2">
      <c r="A404" s="499" t="s">
        <v>2342</v>
      </c>
      <c r="B404" s="510"/>
      <c r="C404" s="481">
        <v>732</v>
      </c>
      <c r="D404" s="481"/>
      <c r="E404" s="481" t="s">
        <v>2481</v>
      </c>
      <c r="F404" s="482" t="s">
        <v>869</v>
      </c>
      <c r="G404" s="482" t="s">
        <v>655</v>
      </c>
      <c r="H404" s="500" t="s">
        <v>932</v>
      </c>
      <c r="I404" s="506" t="s">
        <v>957</v>
      </c>
      <c r="J404" s="506" t="s">
        <v>958</v>
      </c>
      <c r="K404" s="506"/>
      <c r="L404" s="77" t="s">
        <v>58</v>
      </c>
      <c r="M404" s="501" t="s">
        <v>846</v>
      </c>
      <c r="N404" s="501"/>
      <c r="O404" s="501" t="s">
        <v>81</v>
      </c>
      <c r="P404" s="77" t="s">
        <v>77</v>
      </c>
      <c r="Q404" s="77"/>
      <c r="R404" s="501" t="s">
        <v>834</v>
      </c>
      <c r="S404" s="76" t="s">
        <v>63</v>
      </c>
      <c r="T404" s="76" t="s">
        <v>63</v>
      </c>
      <c r="U404" s="502">
        <v>1486231.77828125</v>
      </c>
      <c r="V404" s="502"/>
      <c r="W404" s="510" t="s">
        <v>839</v>
      </c>
      <c r="X404" s="510"/>
      <c r="Y404" s="503">
        <f t="shared" si="77"/>
        <v>1486231.77828125</v>
      </c>
      <c r="Z404" s="510" t="s">
        <v>853</v>
      </c>
      <c r="AA404" s="76"/>
      <c r="AB404" s="76"/>
      <c r="AC404" s="76"/>
      <c r="AD404" s="76"/>
      <c r="AE404" s="76"/>
      <c r="AF404" s="76"/>
      <c r="AG404" s="76"/>
      <c r="AH404" s="76"/>
      <c r="AI404" s="76"/>
      <c r="AJ404" s="76"/>
      <c r="AK404" s="76"/>
      <c r="AL404" s="76"/>
      <c r="AM404" s="76"/>
      <c r="AN404" s="76"/>
      <c r="AO404" s="76"/>
      <c r="AP404" s="76"/>
      <c r="AQ404" s="76"/>
      <c r="AR404" s="76"/>
      <c r="AS404" s="76"/>
      <c r="AT404" s="76"/>
      <c r="AU404" s="76"/>
      <c r="AV404" s="76"/>
      <c r="AW404" s="76"/>
      <c r="AX404" s="76"/>
      <c r="AY404" s="76"/>
      <c r="AZ404" s="76"/>
      <c r="BA404" s="76"/>
      <c r="BB404" s="76"/>
      <c r="BC404" s="76"/>
      <c r="BD404" s="76"/>
      <c r="BE404" s="76"/>
      <c r="BF404" s="80">
        <f t="shared" si="79"/>
        <v>0</v>
      </c>
      <c r="BG404" s="76"/>
      <c r="BH404" s="487" t="str">
        <f t="shared" si="78"/>
        <v/>
      </c>
      <c r="BI404" s="487" t="str">
        <f t="shared" si="78"/>
        <v/>
      </c>
      <c r="BJ404" s="487" t="str">
        <f t="shared" si="78"/>
        <v/>
      </c>
      <c r="BK404" s="487" t="str">
        <f t="shared" si="78"/>
        <v/>
      </c>
      <c r="BL404" s="487" t="str">
        <f t="shared" si="78"/>
        <v/>
      </c>
      <c r="BM404" s="487" t="str">
        <f t="shared" si="78"/>
        <v/>
      </c>
      <c r="BN404" s="487" t="str">
        <f t="shared" si="78"/>
        <v/>
      </c>
      <c r="BO404" s="487" t="str">
        <f t="shared" si="78"/>
        <v/>
      </c>
      <c r="BP404" s="487" t="str">
        <f t="shared" si="78"/>
        <v/>
      </c>
      <c r="BQ404" s="487" t="str">
        <f t="shared" si="78"/>
        <v/>
      </c>
      <c r="BR404" s="487" t="str">
        <f t="shared" si="78"/>
        <v/>
      </c>
      <c r="BS404" s="487" t="str">
        <f t="shared" si="82"/>
        <v/>
      </c>
      <c r="BT404" s="487" t="str">
        <f t="shared" si="82"/>
        <v/>
      </c>
      <c r="BU404" s="487" t="str">
        <f t="shared" si="82"/>
        <v/>
      </c>
      <c r="BV404" s="487" t="str">
        <f t="shared" si="82"/>
        <v/>
      </c>
      <c r="BW404" s="487" t="str">
        <f t="shared" si="82"/>
        <v/>
      </c>
      <c r="BX404" s="487" t="str">
        <f t="shared" si="82"/>
        <v/>
      </c>
      <c r="BY404" s="487" t="str">
        <f t="shared" si="82"/>
        <v/>
      </c>
      <c r="BZ404" s="487" t="str">
        <f t="shared" si="82"/>
        <v/>
      </c>
      <c r="CA404" s="487" t="str">
        <f t="shared" si="82"/>
        <v/>
      </c>
      <c r="CB404" s="487" t="str">
        <f t="shared" si="82"/>
        <v/>
      </c>
      <c r="CC404" s="487" t="str">
        <f t="shared" si="82"/>
        <v/>
      </c>
      <c r="CD404" s="487" t="str">
        <f t="shared" si="82"/>
        <v/>
      </c>
      <c r="CE404" s="487" t="str">
        <f t="shared" si="82"/>
        <v/>
      </c>
      <c r="CF404" s="487" t="str">
        <f t="shared" si="82"/>
        <v/>
      </c>
      <c r="CG404" s="487" t="str">
        <f t="shared" si="82"/>
        <v/>
      </c>
      <c r="CH404" s="487" t="str">
        <f t="shared" si="81"/>
        <v/>
      </c>
      <c r="CI404" s="487" t="str">
        <f t="shared" si="80"/>
        <v/>
      </c>
      <c r="CJ404" s="487" t="str">
        <f t="shared" si="80"/>
        <v/>
      </c>
      <c r="CK404" s="487" t="str">
        <f t="shared" si="80"/>
        <v/>
      </c>
      <c r="CL404" s="487" t="str">
        <f t="shared" si="80"/>
        <v/>
      </c>
      <c r="CM404" s="487"/>
      <c r="CN404" s="487"/>
      <c r="CO404" s="487"/>
      <c r="CP404" s="487"/>
      <c r="CQ404" s="487"/>
      <c r="CR404" s="487"/>
      <c r="CS404" s="487"/>
      <c r="CT404" s="487"/>
      <c r="CU404" s="487"/>
      <c r="CV404" s="487"/>
      <c r="CW404" s="487"/>
      <c r="CX404" s="487"/>
      <c r="CY404" s="487"/>
      <c r="CZ404" s="487"/>
      <c r="DA404" s="487"/>
      <c r="DB404" s="487"/>
      <c r="DC404" s="487"/>
      <c r="DD404" s="487"/>
      <c r="DE404" s="487"/>
      <c r="DF404" s="487"/>
      <c r="DG404" s="487"/>
      <c r="DH404" s="487"/>
      <c r="DI404" s="76"/>
      <c r="DJ404" s="76"/>
      <c r="DK404" s="504"/>
    </row>
    <row r="405" spans="1:115" ht="56.1" hidden="1" customHeight="1" x14ac:dyDescent="0.2">
      <c r="A405" s="499" t="s">
        <v>2342</v>
      </c>
      <c r="B405" s="510"/>
      <c r="C405" s="481">
        <v>741</v>
      </c>
      <c r="D405" s="481"/>
      <c r="E405" s="481" t="s">
        <v>2481</v>
      </c>
      <c r="F405" s="482" t="s">
        <v>912</v>
      </c>
      <c r="G405" s="482" t="s">
        <v>655</v>
      </c>
      <c r="H405" s="507" t="s">
        <v>870</v>
      </c>
      <c r="I405" s="506" t="s">
        <v>975</v>
      </c>
      <c r="J405" s="506" t="s">
        <v>976</v>
      </c>
      <c r="K405" s="506"/>
      <c r="L405" s="77" t="s">
        <v>58</v>
      </c>
      <c r="M405" s="501" t="s">
        <v>846</v>
      </c>
      <c r="N405" s="501"/>
      <c r="O405" s="501" t="s">
        <v>81</v>
      </c>
      <c r="P405" s="77" t="s">
        <v>77</v>
      </c>
      <c r="Q405" s="77"/>
      <c r="R405" s="501" t="s">
        <v>904</v>
      </c>
      <c r="S405" s="76" t="s">
        <v>63</v>
      </c>
      <c r="T405" s="76" t="s">
        <v>63</v>
      </c>
      <c r="U405" s="502">
        <v>1235967.1431250002</v>
      </c>
      <c r="V405" s="502"/>
      <c r="W405" s="510" t="s">
        <v>839</v>
      </c>
      <c r="X405" s="510"/>
      <c r="Y405" s="503">
        <f t="shared" si="77"/>
        <v>1235967.1431250002</v>
      </c>
      <c r="Z405" s="76" t="s">
        <v>65</v>
      </c>
      <c r="AA405" s="76"/>
      <c r="AB405" s="76"/>
      <c r="AC405" s="76"/>
      <c r="AD405" s="76"/>
      <c r="AE405" s="76"/>
      <c r="AF405" s="76"/>
      <c r="AG405" s="76"/>
      <c r="AH405" s="76"/>
      <c r="AI405" s="76"/>
      <c r="AJ405" s="76"/>
      <c r="AK405" s="76"/>
      <c r="AL405" s="76"/>
      <c r="AM405" s="76"/>
      <c r="AN405" s="76"/>
      <c r="AO405" s="76"/>
      <c r="AP405" s="76"/>
      <c r="AQ405" s="76"/>
      <c r="AR405" s="76"/>
      <c r="AS405" s="76"/>
      <c r="AT405" s="76"/>
      <c r="AU405" s="76"/>
      <c r="AV405" s="76"/>
      <c r="AW405" s="76"/>
      <c r="AX405" s="76"/>
      <c r="AY405" s="76"/>
      <c r="AZ405" s="76"/>
      <c r="BA405" s="76"/>
      <c r="BB405" s="76"/>
      <c r="BC405" s="76"/>
      <c r="BD405" s="76"/>
      <c r="BE405" s="76"/>
      <c r="BF405" s="80">
        <f t="shared" si="79"/>
        <v>0</v>
      </c>
      <c r="BG405" s="76"/>
      <c r="BH405" s="487" t="str">
        <f t="shared" si="78"/>
        <v/>
      </c>
      <c r="BI405" s="487" t="str">
        <f t="shared" si="78"/>
        <v/>
      </c>
      <c r="BJ405" s="487" t="str">
        <f t="shared" si="78"/>
        <v/>
      </c>
      <c r="BK405" s="487" t="str">
        <f t="shared" si="78"/>
        <v/>
      </c>
      <c r="BL405" s="487" t="str">
        <f t="shared" si="78"/>
        <v/>
      </c>
      <c r="BM405" s="487" t="str">
        <f t="shared" si="78"/>
        <v/>
      </c>
      <c r="BN405" s="487" t="str">
        <f t="shared" si="78"/>
        <v/>
      </c>
      <c r="BO405" s="487" t="str">
        <f t="shared" si="78"/>
        <v/>
      </c>
      <c r="BP405" s="487" t="str">
        <f t="shared" ref="BP405:BR405" si="83">IF(AI405="yes",(AI$2*$BG405),"")</f>
        <v/>
      </c>
      <c r="BQ405" s="487" t="str">
        <f t="shared" si="83"/>
        <v/>
      </c>
      <c r="BR405" s="487" t="str">
        <f t="shared" si="83"/>
        <v/>
      </c>
      <c r="BS405" s="487" t="str">
        <f t="shared" si="82"/>
        <v/>
      </c>
      <c r="BT405" s="487" t="str">
        <f t="shared" si="82"/>
        <v/>
      </c>
      <c r="BU405" s="487" t="str">
        <f t="shared" si="82"/>
        <v/>
      </c>
      <c r="BV405" s="487" t="str">
        <f t="shared" si="82"/>
        <v/>
      </c>
      <c r="BW405" s="487" t="str">
        <f t="shared" si="82"/>
        <v/>
      </c>
      <c r="BX405" s="487" t="str">
        <f t="shared" si="82"/>
        <v/>
      </c>
      <c r="BY405" s="487" t="str">
        <f t="shared" si="82"/>
        <v/>
      </c>
      <c r="BZ405" s="487" t="str">
        <f t="shared" si="82"/>
        <v/>
      </c>
      <c r="CA405" s="487" t="str">
        <f t="shared" si="82"/>
        <v/>
      </c>
      <c r="CB405" s="487" t="str">
        <f t="shared" si="82"/>
        <v/>
      </c>
      <c r="CC405" s="487" t="str">
        <f t="shared" si="82"/>
        <v/>
      </c>
      <c r="CD405" s="487" t="str">
        <f t="shared" si="82"/>
        <v/>
      </c>
      <c r="CE405" s="487" t="str">
        <f t="shared" si="82"/>
        <v/>
      </c>
      <c r="CF405" s="487" t="str">
        <f t="shared" si="82"/>
        <v/>
      </c>
      <c r="CG405" s="487" t="str">
        <f t="shared" si="82"/>
        <v/>
      </c>
      <c r="CH405" s="487" t="str">
        <f t="shared" si="81"/>
        <v/>
      </c>
      <c r="CI405" s="487" t="str">
        <f t="shared" si="80"/>
        <v/>
      </c>
      <c r="CJ405" s="487" t="str">
        <f t="shared" si="80"/>
        <v/>
      </c>
      <c r="CK405" s="487" t="str">
        <f t="shared" si="80"/>
        <v/>
      </c>
      <c r="CL405" s="487" t="str">
        <f t="shared" si="80"/>
        <v/>
      </c>
      <c r="CM405" s="487"/>
      <c r="CN405" s="487"/>
      <c r="CO405" s="487"/>
      <c r="CP405" s="487"/>
      <c r="CQ405" s="487"/>
      <c r="CR405" s="487"/>
      <c r="CS405" s="487"/>
      <c r="CT405" s="487"/>
      <c r="CU405" s="487"/>
      <c r="CV405" s="487"/>
      <c r="CW405" s="487"/>
      <c r="CX405" s="487"/>
      <c r="CY405" s="487"/>
      <c r="CZ405" s="487"/>
      <c r="DA405" s="487"/>
      <c r="DB405" s="487"/>
      <c r="DC405" s="487"/>
      <c r="DD405" s="487"/>
      <c r="DE405" s="487"/>
      <c r="DF405" s="487"/>
      <c r="DG405" s="487"/>
      <c r="DH405" s="487"/>
      <c r="DI405" s="76"/>
      <c r="DJ405" s="76"/>
      <c r="DK405" s="504"/>
    </row>
    <row r="406" spans="1:115" ht="56.1" hidden="1" customHeight="1" x14ac:dyDescent="0.2">
      <c r="A406" s="499" t="s">
        <v>2382</v>
      </c>
      <c r="B406" s="510"/>
      <c r="C406" s="511">
        <v>103</v>
      </c>
      <c r="D406" s="511"/>
      <c r="E406" s="511" t="s">
        <v>2182</v>
      </c>
      <c r="F406" s="512" t="s">
        <v>1385</v>
      </c>
      <c r="G406" s="512" t="s">
        <v>655</v>
      </c>
      <c r="H406" s="513" t="s">
        <v>900</v>
      </c>
      <c r="I406" s="513" t="s">
        <v>2385</v>
      </c>
      <c r="J406" s="514" t="s">
        <v>2386</v>
      </c>
      <c r="K406" s="513" t="s">
        <v>2205</v>
      </c>
      <c r="L406" s="513" t="s">
        <v>254</v>
      </c>
      <c r="M406" s="513" t="s">
        <v>2348</v>
      </c>
      <c r="N406" s="513"/>
      <c r="O406" s="513" t="s">
        <v>81</v>
      </c>
      <c r="P406" s="513" t="s">
        <v>77</v>
      </c>
      <c r="Q406" s="513"/>
      <c r="R406" s="515" t="s">
        <v>2387</v>
      </c>
      <c r="S406" s="515" t="s">
        <v>63</v>
      </c>
      <c r="T406" s="515" t="s">
        <v>63</v>
      </c>
      <c r="U406" s="516">
        <v>1056500</v>
      </c>
      <c r="V406" s="516"/>
      <c r="W406" s="516" t="s">
        <v>2365</v>
      </c>
      <c r="X406" s="516"/>
      <c r="Y406" s="516" t="s">
        <v>191</v>
      </c>
      <c r="Z406" s="516" t="s">
        <v>245</v>
      </c>
      <c r="AA406" s="516"/>
      <c r="AB406" s="516"/>
      <c r="AC406" s="516"/>
      <c r="AD406" s="516"/>
      <c r="AE406" s="516"/>
      <c r="AF406" s="516"/>
      <c r="AG406" s="516"/>
      <c r="AH406" s="516"/>
      <c r="AI406" s="516"/>
      <c r="AJ406" s="516"/>
      <c r="AK406" s="516"/>
      <c r="AL406" s="516"/>
      <c r="AM406" s="516"/>
      <c r="AN406" s="516"/>
      <c r="AO406" s="516"/>
      <c r="AP406" s="516"/>
      <c r="AQ406" s="516"/>
      <c r="AR406" s="516"/>
      <c r="AS406" s="516"/>
      <c r="AT406" s="516"/>
      <c r="AU406" s="516"/>
      <c r="AV406" s="516"/>
      <c r="AW406" s="516"/>
      <c r="AX406" s="516"/>
      <c r="AY406" s="516"/>
      <c r="AZ406" s="516"/>
      <c r="BA406" s="516"/>
      <c r="BB406" s="516"/>
      <c r="BC406" s="516"/>
      <c r="BD406" s="516"/>
      <c r="BE406" s="516"/>
      <c r="BF406" s="516"/>
      <c r="BG406" s="516"/>
      <c r="BH406" s="516"/>
      <c r="BI406" s="516"/>
      <c r="BJ406" s="516"/>
      <c r="BK406" s="516"/>
      <c r="BL406" s="516"/>
      <c r="BM406" s="516"/>
      <c r="BN406" s="516"/>
      <c r="BO406" s="516"/>
      <c r="BP406" s="516"/>
      <c r="BQ406" s="516"/>
      <c r="BR406" s="516"/>
      <c r="BS406" s="516"/>
      <c r="BT406" s="516"/>
      <c r="BU406" s="516"/>
      <c r="BV406" s="516"/>
      <c r="BW406" s="516"/>
      <c r="BX406" s="516"/>
      <c r="BY406" s="516"/>
      <c r="BZ406" s="516"/>
      <c r="CA406" s="516"/>
      <c r="CB406" s="516"/>
      <c r="CC406" s="516"/>
      <c r="CD406" s="516"/>
      <c r="CE406" s="516"/>
      <c r="CF406" s="516"/>
      <c r="CG406" s="516"/>
      <c r="CH406" s="516"/>
      <c r="CI406" s="516"/>
      <c r="CJ406" s="516"/>
      <c r="CK406" s="516"/>
      <c r="CL406" s="516"/>
      <c r="CM406" s="516"/>
      <c r="CN406" s="516"/>
      <c r="CO406" s="516"/>
      <c r="CP406" s="516"/>
      <c r="CQ406" s="516"/>
      <c r="CR406" s="516"/>
      <c r="CS406" s="516"/>
      <c r="CT406" s="516"/>
      <c r="CU406" s="516" t="s">
        <v>2190</v>
      </c>
      <c r="CV406" s="516" t="s">
        <v>2190</v>
      </c>
      <c r="CW406" s="516" t="s">
        <v>2190</v>
      </c>
      <c r="CX406" s="516" t="s">
        <v>2190</v>
      </c>
      <c r="CY406" s="516"/>
      <c r="CZ406" s="516"/>
      <c r="DA406" s="516"/>
      <c r="DB406" s="516"/>
      <c r="DC406" s="516"/>
      <c r="DD406" s="516"/>
      <c r="DE406" s="516"/>
      <c r="DF406" s="516" t="s">
        <v>2190</v>
      </c>
      <c r="DG406" s="516"/>
      <c r="DH406" s="516"/>
      <c r="DI406" s="513"/>
      <c r="DJ406" s="513"/>
      <c r="DK406" s="513"/>
    </row>
    <row r="407" spans="1:115" ht="56.1" hidden="1" customHeight="1" x14ac:dyDescent="0.2">
      <c r="A407" s="510"/>
      <c r="B407" s="510"/>
      <c r="C407" s="481">
        <v>735</v>
      </c>
      <c r="D407" s="481"/>
      <c r="E407" s="481" t="s">
        <v>2481</v>
      </c>
      <c r="F407" s="482" t="s">
        <v>53</v>
      </c>
      <c r="G407" s="482" t="s">
        <v>655</v>
      </c>
      <c r="H407" s="500" t="s">
        <v>932</v>
      </c>
      <c r="I407" s="506" t="s">
        <v>963</v>
      </c>
      <c r="J407" s="506" t="s">
        <v>964</v>
      </c>
      <c r="K407" s="506"/>
      <c r="L407" s="77" t="s">
        <v>58</v>
      </c>
      <c r="M407" s="501" t="s">
        <v>59</v>
      </c>
      <c r="N407" s="501"/>
      <c r="O407" s="501" t="s">
        <v>81</v>
      </c>
      <c r="P407" s="77" t="s">
        <v>77</v>
      </c>
      <c r="Q407" s="77"/>
      <c r="R407" s="501" t="s">
        <v>834</v>
      </c>
      <c r="S407" s="76" t="s">
        <v>63</v>
      </c>
      <c r="T407" s="76" t="s">
        <v>63</v>
      </c>
      <c r="U407" s="502">
        <v>1062347</v>
      </c>
      <c r="V407" s="502"/>
      <c r="W407" s="510" t="s">
        <v>839</v>
      </c>
      <c r="X407" s="510"/>
      <c r="Y407" s="503">
        <f>U407</f>
        <v>1062347</v>
      </c>
      <c r="Z407" s="510" t="s">
        <v>853</v>
      </c>
      <c r="AA407" s="76"/>
      <c r="AB407" s="76"/>
      <c r="AC407" s="76"/>
      <c r="AD407" s="76"/>
      <c r="AE407" s="76"/>
      <c r="AF407" s="487"/>
      <c r="AG407" s="487"/>
      <c r="AH407" s="76"/>
      <c r="AI407" s="76"/>
      <c r="AJ407" s="76"/>
      <c r="AK407" s="76"/>
      <c r="AL407" s="76"/>
      <c r="AM407" s="76"/>
      <c r="AN407" s="76"/>
      <c r="AO407" s="76"/>
      <c r="AP407" s="76"/>
      <c r="AQ407" s="76"/>
      <c r="AR407" s="76"/>
      <c r="AS407" s="76"/>
      <c r="AT407" s="76"/>
      <c r="AU407" s="76"/>
      <c r="AV407" s="76"/>
      <c r="AW407" s="76"/>
      <c r="AX407" s="76"/>
      <c r="AY407" s="76"/>
      <c r="AZ407" s="76"/>
      <c r="BA407" s="76"/>
      <c r="BB407" s="76"/>
      <c r="BC407" s="76"/>
      <c r="BD407" s="76"/>
      <c r="BE407" s="76"/>
      <c r="BF407" s="80">
        <f>SUMIF(AA407:BE407,"YES",$AA$2:$BE$2)</f>
        <v>0</v>
      </c>
      <c r="BG407" s="76"/>
      <c r="BH407" s="487" t="str">
        <f t="shared" ref="BH407:CL407" si="84">IF(AA407="yes",(AA$2*$BG407),"")</f>
        <v/>
      </c>
      <c r="BI407" s="487" t="str">
        <f t="shared" si="84"/>
        <v/>
      </c>
      <c r="BJ407" s="487" t="str">
        <f t="shared" si="84"/>
        <v/>
      </c>
      <c r="BK407" s="487" t="str">
        <f t="shared" si="84"/>
        <v/>
      </c>
      <c r="BL407" s="487" t="str">
        <f t="shared" si="84"/>
        <v/>
      </c>
      <c r="BM407" s="487" t="str">
        <f t="shared" si="84"/>
        <v/>
      </c>
      <c r="BN407" s="487" t="str">
        <f t="shared" si="84"/>
        <v/>
      </c>
      <c r="BO407" s="487" t="str">
        <f t="shared" si="84"/>
        <v/>
      </c>
      <c r="BP407" s="487" t="str">
        <f t="shared" si="84"/>
        <v/>
      </c>
      <c r="BQ407" s="487" t="str">
        <f t="shared" si="84"/>
        <v/>
      </c>
      <c r="BR407" s="487" t="str">
        <f t="shared" si="84"/>
        <v/>
      </c>
      <c r="BS407" s="487" t="str">
        <f t="shared" si="84"/>
        <v/>
      </c>
      <c r="BT407" s="487" t="str">
        <f t="shared" si="84"/>
        <v/>
      </c>
      <c r="BU407" s="487" t="str">
        <f t="shared" si="84"/>
        <v/>
      </c>
      <c r="BV407" s="487" t="str">
        <f t="shared" si="84"/>
        <v/>
      </c>
      <c r="BW407" s="487" t="str">
        <f t="shared" si="84"/>
        <v/>
      </c>
      <c r="BX407" s="487" t="str">
        <f t="shared" si="84"/>
        <v/>
      </c>
      <c r="BY407" s="487" t="str">
        <f t="shared" si="84"/>
        <v/>
      </c>
      <c r="BZ407" s="487" t="str">
        <f t="shared" si="84"/>
        <v/>
      </c>
      <c r="CA407" s="487" t="str">
        <f t="shared" si="84"/>
        <v/>
      </c>
      <c r="CB407" s="487" t="str">
        <f t="shared" si="84"/>
        <v/>
      </c>
      <c r="CC407" s="487" t="str">
        <f t="shared" si="84"/>
        <v/>
      </c>
      <c r="CD407" s="487" t="str">
        <f t="shared" si="84"/>
        <v/>
      </c>
      <c r="CE407" s="487" t="str">
        <f t="shared" si="84"/>
        <v/>
      </c>
      <c r="CF407" s="487" t="str">
        <f t="shared" si="84"/>
        <v/>
      </c>
      <c r="CG407" s="487" t="str">
        <f t="shared" si="84"/>
        <v/>
      </c>
      <c r="CH407" s="487" t="str">
        <f t="shared" si="84"/>
        <v/>
      </c>
      <c r="CI407" s="487" t="str">
        <f t="shared" si="84"/>
        <v/>
      </c>
      <c r="CJ407" s="487" t="str">
        <f t="shared" si="84"/>
        <v/>
      </c>
      <c r="CK407" s="487" t="str">
        <f t="shared" si="84"/>
        <v/>
      </c>
      <c r="CL407" s="487" t="str">
        <f t="shared" si="84"/>
        <v/>
      </c>
      <c r="CM407" s="487"/>
      <c r="CN407" s="487"/>
      <c r="CO407" s="487"/>
      <c r="CP407" s="487"/>
      <c r="CQ407" s="487"/>
      <c r="CR407" s="487"/>
      <c r="CS407" s="487"/>
      <c r="CT407" s="487"/>
      <c r="CU407" s="487"/>
      <c r="CV407" s="487"/>
      <c r="CW407" s="487"/>
      <c r="CX407" s="487"/>
      <c r="CY407" s="487"/>
      <c r="CZ407" s="487"/>
      <c r="DA407" s="487"/>
      <c r="DB407" s="487"/>
      <c r="DC407" s="487"/>
      <c r="DD407" s="487"/>
      <c r="DE407" s="487"/>
      <c r="DF407" s="487"/>
      <c r="DG407" s="487"/>
      <c r="DH407" s="487"/>
      <c r="DI407" s="76"/>
      <c r="DJ407" s="76"/>
      <c r="DK407" s="504"/>
    </row>
    <row r="408" spans="1:115" ht="56.1" hidden="1" customHeight="1" x14ac:dyDescent="0.2">
      <c r="A408" s="499" t="s">
        <v>2342</v>
      </c>
      <c r="B408" s="510"/>
      <c r="C408" s="511">
        <v>104</v>
      </c>
      <c r="D408" s="511"/>
      <c r="E408" s="511" t="s">
        <v>2182</v>
      </c>
      <c r="F408" s="512" t="s">
        <v>1385</v>
      </c>
      <c r="G408" s="512" t="s">
        <v>655</v>
      </c>
      <c r="H408" s="513" t="s">
        <v>900</v>
      </c>
      <c r="I408" s="513" t="s">
        <v>2363</v>
      </c>
      <c r="J408" s="514" t="s">
        <v>2364</v>
      </c>
      <c r="K408" s="513" t="s">
        <v>2205</v>
      </c>
      <c r="L408" s="513" t="s">
        <v>254</v>
      </c>
      <c r="M408" s="513" t="s">
        <v>2348</v>
      </c>
      <c r="N408" s="513"/>
      <c r="O408" s="513" t="s">
        <v>81</v>
      </c>
      <c r="P408" s="513" t="s">
        <v>77</v>
      </c>
      <c r="Q408" s="513"/>
      <c r="R408" s="515" t="s">
        <v>249</v>
      </c>
      <c r="S408" s="515" t="s">
        <v>63</v>
      </c>
      <c r="T408" s="515" t="s">
        <v>63</v>
      </c>
      <c r="U408" s="516" t="s">
        <v>191</v>
      </c>
      <c r="V408" s="516"/>
      <c r="W408" s="516" t="s">
        <v>2365</v>
      </c>
      <c r="X408" s="516"/>
      <c r="Y408" s="516" t="s">
        <v>191</v>
      </c>
      <c r="Z408" s="516" t="s">
        <v>245</v>
      </c>
      <c r="AA408" s="516"/>
      <c r="AB408" s="516"/>
      <c r="AC408" s="516"/>
      <c r="AD408" s="516"/>
      <c r="AE408" s="516"/>
      <c r="AF408" s="516"/>
      <c r="AG408" s="516"/>
      <c r="AH408" s="516"/>
      <c r="AI408" s="516"/>
      <c r="AJ408" s="516"/>
      <c r="AK408" s="516"/>
      <c r="AL408" s="516"/>
      <c r="AM408" s="516"/>
      <c r="AN408" s="516"/>
      <c r="AO408" s="516"/>
      <c r="AP408" s="516"/>
      <c r="AQ408" s="516"/>
      <c r="AR408" s="516"/>
      <c r="AS408" s="516"/>
      <c r="AT408" s="516"/>
      <c r="AU408" s="516"/>
      <c r="AV408" s="516"/>
      <c r="AW408" s="516"/>
      <c r="AX408" s="516"/>
      <c r="AY408" s="516"/>
      <c r="AZ408" s="516"/>
      <c r="BA408" s="516"/>
      <c r="BB408" s="516"/>
      <c r="BC408" s="516"/>
      <c r="BD408" s="516"/>
      <c r="BE408" s="516"/>
      <c r="BF408" s="516"/>
      <c r="BG408" s="516"/>
      <c r="BH408" s="516"/>
      <c r="BI408" s="516"/>
      <c r="BJ408" s="516"/>
      <c r="BK408" s="516"/>
      <c r="BL408" s="516"/>
      <c r="BM408" s="516"/>
      <c r="BN408" s="516"/>
      <c r="BO408" s="516"/>
      <c r="BP408" s="516"/>
      <c r="BQ408" s="516"/>
      <c r="BR408" s="516"/>
      <c r="BS408" s="516"/>
      <c r="BT408" s="516"/>
      <c r="BU408" s="516"/>
      <c r="BV408" s="516"/>
      <c r="BW408" s="516"/>
      <c r="BX408" s="516"/>
      <c r="BY408" s="516"/>
      <c r="BZ408" s="516"/>
      <c r="CA408" s="516"/>
      <c r="CB408" s="516"/>
      <c r="CC408" s="516"/>
      <c r="CD408" s="516"/>
      <c r="CE408" s="516"/>
      <c r="CF408" s="516"/>
      <c r="CG408" s="516"/>
      <c r="CH408" s="516"/>
      <c r="CI408" s="516"/>
      <c r="CJ408" s="516"/>
      <c r="CK408" s="516"/>
      <c r="CL408" s="516"/>
      <c r="CM408" s="516"/>
      <c r="CN408" s="516"/>
      <c r="CO408" s="516"/>
      <c r="CP408" s="516"/>
      <c r="CQ408" s="516"/>
      <c r="CR408" s="516"/>
      <c r="CS408" s="516"/>
      <c r="CT408" s="516"/>
      <c r="CU408" s="516" t="s">
        <v>2190</v>
      </c>
      <c r="CV408" s="516" t="s">
        <v>2190</v>
      </c>
      <c r="CW408" s="516" t="s">
        <v>2190</v>
      </c>
      <c r="CX408" s="516" t="s">
        <v>2190</v>
      </c>
      <c r="CY408" s="516"/>
      <c r="CZ408" s="516"/>
      <c r="DA408" s="516"/>
      <c r="DB408" s="516"/>
      <c r="DC408" s="516"/>
      <c r="DD408" s="516"/>
      <c r="DE408" s="516"/>
      <c r="DF408" s="516" t="s">
        <v>2190</v>
      </c>
      <c r="DG408" s="516"/>
      <c r="DH408" s="516"/>
      <c r="DI408" s="513"/>
      <c r="DJ408" s="513"/>
      <c r="DK408" s="513"/>
    </row>
    <row r="409" spans="1:115" ht="56.1" hidden="1" customHeight="1" x14ac:dyDescent="0.2">
      <c r="A409" s="499" t="s">
        <v>2290</v>
      </c>
      <c r="B409" s="510" t="s">
        <v>2291</v>
      </c>
      <c r="C409" s="511">
        <v>141</v>
      </c>
      <c r="D409" s="511"/>
      <c r="E409" s="511" t="s">
        <v>2182</v>
      </c>
      <c r="F409" s="512" t="s">
        <v>1385</v>
      </c>
      <c r="G409" s="512" t="s">
        <v>655</v>
      </c>
      <c r="H409" s="513" t="s">
        <v>900</v>
      </c>
      <c r="I409" s="513" t="s">
        <v>2394</v>
      </c>
      <c r="J409" s="513" t="s">
        <v>2395</v>
      </c>
      <c r="K409" s="513" t="s">
        <v>2205</v>
      </c>
      <c r="L409" s="513" t="s">
        <v>254</v>
      </c>
      <c r="M409" s="513" t="s">
        <v>2295</v>
      </c>
      <c r="N409" s="513"/>
      <c r="O409" s="513" t="s">
        <v>60</v>
      </c>
      <c r="P409" s="513" t="s">
        <v>61</v>
      </c>
      <c r="Q409" s="513"/>
      <c r="R409" s="515" t="s">
        <v>2258</v>
      </c>
      <c r="S409" s="516" t="s">
        <v>63</v>
      </c>
      <c r="T409" s="516" t="s">
        <v>63</v>
      </c>
      <c r="U409" s="516" t="s">
        <v>2299</v>
      </c>
      <c r="V409" s="516"/>
      <c r="W409" s="516" t="s">
        <v>2355</v>
      </c>
      <c r="X409" s="516"/>
      <c r="Y409" s="516" t="s">
        <v>2299</v>
      </c>
      <c r="Z409" s="516" t="s">
        <v>245</v>
      </c>
      <c r="AA409" s="516"/>
      <c r="AB409" s="516"/>
      <c r="AC409" s="516"/>
      <c r="AD409" s="516"/>
      <c r="AE409" s="516"/>
      <c r="AF409" s="516"/>
      <c r="AG409" s="516"/>
      <c r="AH409" s="516"/>
      <c r="AI409" s="516"/>
      <c r="AJ409" s="516"/>
      <c r="AK409" s="516"/>
      <c r="AL409" s="516"/>
      <c r="AM409" s="516"/>
      <c r="AN409" s="516"/>
      <c r="AO409" s="516"/>
      <c r="AP409" s="516"/>
      <c r="AQ409" s="516"/>
      <c r="AR409" s="516"/>
      <c r="AS409" s="516"/>
      <c r="AT409" s="516"/>
      <c r="AU409" s="516"/>
      <c r="AV409" s="516"/>
      <c r="AW409" s="516"/>
      <c r="AX409" s="516"/>
      <c r="AY409" s="516"/>
      <c r="AZ409" s="516"/>
      <c r="BA409" s="516"/>
      <c r="BB409" s="516"/>
      <c r="BC409" s="516"/>
      <c r="BD409" s="516"/>
      <c r="BE409" s="516"/>
      <c r="BF409" s="516"/>
      <c r="BG409" s="516"/>
      <c r="BH409" s="516"/>
      <c r="BI409" s="516"/>
      <c r="BJ409" s="516"/>
      <c r="BK409" s="516"/>
      <c r="BL409" s="516"/>
      <c r="BM409" s="516"/>
      <c r="BN409" s="516"/>
      <c r="BO409" s="516"/>
      <c r="BP409" s="516"/>
      <c r="BQ409" s="516"/>
      <c r="BR409" s="516"/>
      <c r="BS409" s="516"/>
      <c r="BT409" s="516"/>
      <c r="BU409" s="516"/>
      <c r="BV409" s="516"/>
      <c r="BW409" s="516"/>
      <c r="BX409" s="516"/>
      <c r="BY409" s="516"/>
      <c r="BZ409" s="516"/>
      <c r="CA409" s="516"/>
      <c r="CB409" s="516"/>
      <c r="CC409" s="516"/>
      <c r="CD409" s="516"/>
      <c r="CE409" s="516"/>
      <c r="CF409" s="516"/>
      <c r="CG409" s="516"/>
      <c r="CH409" s="516"/>
      <c r="CI409" s="516"/>
      <c r="CJ409" s="516"/>
      <c r="CK409" s="516"/>
      <c r="CL409" s="516"/>
      <c r="CM409" s="516"/>
      <c r="CN409" s="516"/>
      <c r="CO409" s="516"/>
      <c r="CP409" s="516"/>
      <c r="CQ409" s="516"/>
      <c r="CR409" s="516"/>
      <c r="CS409" s="516"/>
      <c r="CT409" s="516"/>
      <c r="CU409" s="516"/>
      <c r="CV409" s="516"/>
      <c r="CW409" s="516"/>
      <c r="CX409" s="516" t="s">
        <v>2190</v>
      </c>
      <c r="CY409" s="516"/>
      <c r="CZ409" s="516"/>
      <c r="DA409" s="516"/>
      <c r="DB409" s="516"/>
      <c r="DC409" s="516"/>
      <c r="DD409" s="516"/>
      <c r="DE409" s="516"/>
      <c r="DF409" s="516" t="s">
        <v>2190</v>
      </c>
      <c r="DG409" s="516"/>
      <c r="DH409" s="516"/>
      <c r="DI409" s="513" t="s">
        <v>2300</v>
      </c>
      <c r="DJ409" s="513"/>
      <c r="DK409" s="513" t="s">
        <v>869</v>
      </c>
    </row>
    <row r="410" spans="1:115" ht="56.1" hidden="1" customHeight="1" x14ac:dyDescent="0.2">
      <c r="A410" s="510"/>
      <c r="B410" s="510"/>
      <c r="C410" s="511">
        <v>139</v>
      </c>
      <c r="D410" s="511"/>
      <c r="E410" s="511" t="s">
        <v>2182</v>
      </c>
      <c r="F410" s="512" t="s">
        <v>1385</v>
      </c>
      <c r="G410" s="512" t="s">
        <v>655</v>
      </c>
      <c r="H410" s="513" t="s">
        <v>900</v>
      </c>
      <c r="I410" s="513" t="s">
        <v>2392</v>
      </c>
      <c r="J410" s="513" t="s">
        <v>2393</v>
      </c>
      <c r="K410" s="513" t="s">
        <v>2186</v>
      </c>
      <c r="L410" s="513" t="s">
        <v>254</v>
      </c>
      <c r="M410" s="513" t="s">
        <v>2194</v>
      </c>
      <c r="N410" s="513"/>
      <c r="O410" s="513" t="s">
        <v>60</v>
      </c>
      <c r="P410" s="513" t="s">
        <v>61</v>
      </c>
      <c r="Q410" s="513"/>
      <c r="R410" s="515" t="s">
        <v>2258</v>
      </c>
      <c r="S410" s="516" t="s">
        <v>63</v>
      </c>
      <c r="T410" s="516" t="s">
        <v>63</v>
      </c>
      <c r="U410" s="516" t="s">
        <v>2299</v>
      </c>
      <c r="V410" s="516"/>
      <c r="W410" s="516" t="s">
        <v>2355</v>
      </c>
      <c r="X410" s="516"/>
      <c r="Y410" s="516" t="s">
        <v>2299</v>
      </c>
      <c r="Z410" s="516" t="s">
        <v>245</v>
      </c>
      <c r="AA410" s="516"/>
      <c r="AB410" s="516"/>
      <c r="AC410" s="516"/>
      <c r="AD410" s="516"/>
      <c r="AE410" s="516"/>
      <c r="AF410" s="516"/>
      <c r="AG410" s="516"/>
      <c r="AH410" s="516"/>
      <c r="AI410" s="516"/>
      <c r="AJ410" s="516"/>
      <c r="AK410" s="516"/>
      <c r="AL410" s="516"/>
      <c r="AM410" s="516"/>
      <c r="AN410" s="516"/>
      <c r="AO410" s="516"/>
      <c r="AP410" s="516"/>
      <c r="AQ410" s="516"/>
      <c r="AR410" s="516"/>
      <c r="AS410" s="516"/>
      <c r="AT410" s="516"/>
      <c r="AU410" s="516"/>
      <c r="AV410" s="516"/>
      <c r="AW410" s="516"/>
      <c r="AX410" s="516"/>
      <c r="AY410" s="516"/>
      <c r="AZ410" s="516"/>
      <c r="BA410" s="516"/>
      <c r="BB410" s="516"/>
      <c r="BC410" s="516"/>
      <c r="BD410" s="516"/>
      <c r="BE410" s="516"/>
      <c r="BF410" s="516"/>
      <c r="BG410" s="516"/>
      <c r="BH410" s="516"/>
      <c r="BI410" s="516"/>
      <c r="BJ410" s="516"/>
      <c r="BK410" s="516"/>
      <c r="BL410" s="516"/>
      <c r="BM410" s="516"/>
      <c r="BN410" s="516"/>
      <c r="BO410" s="516"/>
      <c r="BP410" s="516"/>
      <c r="BQ410" s="516"/>
      <c r="BR410" s="516"/>
      <c r="BS410" s="516"/>
      <c r="BT410" s="516"/>
      <c r="BU410" s="516"/>
      <c r="BV410" s="516"/>
      <c r="BW410" s="516"/>
      <c r="BX410" s="516"/>
      <c r="BY410" s="516"/>
      <c r="BZ410" s="516"/>
      <c r="CA410" s="516"/>
      <c r="CB410" s="516"/>
      <c r="CC410" s="516"/>
      <c r="CD410" s="516"/>
      <c r="CE410" s="516"/>
      <c r="CF410" s="516"/>
      <c r="CG410" s="516"/>
      <c r="CH410" s="516"/>
      <c r="CI410" s="516"/>
      <c r="CJ410" s="516"/>
      <c r="CK410" s="516"/>
      <c r="CL410" s="516"/>
      <c r="CM410" s="516"/>
      <c r="CN410" s="516"/>
      <c r="CO410" s="516"/>
      <c r="CP410" s="516"/>
      <c r="CQ410" s="516"/>
      <c r="CR410" s="516"/>
      <c r="CS410" s="516"/>
      <c r="CT410" s="516"/>
      <c r="CU410" s="516"/>
      <c r="CV410" s="516" t="s">
        <v>2190</v>
      </c>
      <c r="CW410" s="516"/>
      <c r="CX410" s="516"/>
      <c r="CY410" s="516"/>
      <c r="CZ410" s="516"/>
      <c r="DA410" s="516"/>
      <c r="DB410" s="516"/>
      <c r="DC410" s="516"/>
      <c r="DD410" s="516"/>
      <c r="DE410" s="516"/>
      <c r="DF410" s="516"/>
      <c r="DG410" s="516" t="s">
        <v>2190</v>
      </c>
      <c r="DH410" s="516"/>
      <c r="DI410" s="513" t="s">
        <v>2300</v>
      </c>
      <c r="DJ410" s="513"/>
      <c r="DK410" s="513" t="s">
        <v>869</v>
      </c>
    </row>
    <row r="411" spans="1:115" ht="56.1" hidden="1" customHeight="1" x14ac:dyDescent="0.2">
      <c r="A411" s="510"/>
      <c r="B411" s="510"/>
      <c r="C411" s="511">
        <v>140</v>
      </c>
      <c r="D411" s="511"/>
      <c r="E411" s="511" t="s">
        <v>2182</v>
      </c>
      <c r="F411" s="512" t="s">
        <v>1385</v>
      </c>
      <c r="G411" s="512" t="s">
        <v>655</v>
      </c>
      <c r="H411" s="513" t="s">
        <v>2352</v>
      </c>
      <c r="I411" s="513" t="s">
        <v>2367</v>
      </c>
      <c r="J411" s="513" t="s">
        <v>2354</v>
      </c>
      <c r="K411" s="513" t="s">
        <v>2186</v>
      </c>
      <c r="L411" s="513" t="s">
        <v>254</v>
      </c>
      <c r="M411" s="513" t="s">
        <v>2194</v>
      </c>
      <c r="N411" s="513"/>
      <c r="O411" s="513" t="s">
        <v>60</v>
      </c>
      <c r="P411" s="513" t="s">
        <v>61</v>
      </c>
      <c r="Q411" s="513"/>
      <c r="R411" s="515" t="s">
        <v>2258</v>
      </c>
      <c r="S411" s="516">
        <v>270000</v>
      </c>
      <c r="T411" s="516">
        <v>500000</v>
      </c>
      <c r="U411" s="516">
        <v>385000</v>
      </c>
      <c r="V411" s="516"/>
      <c r="W411" s="516" t="s">
        <v>2355</v>
      </c>
      <c r="X411" s="516"/>
      <c r="Y411" s="516">
        <v>385000</v>
      </c>
      <c r="Z411" s="516" t="s">
        <v>65</v>
      </c>
      <c r="AA411" s="516"/>
      <c r="AB411" s="516"/>
      <c r="AC411" s="516"/>
      <c r="AD411" s="516"/>
      <c r="AE411" s="516"/>
      <c r="AF411" s="516"/>
      <c r="AG411" s="516"/>
      <c r="AH411" s="516"/>
      <c r="AI411" s="516"/>
      <c r="AJ411" s="516"/>
      <c r="AK411" s="516"/>
      <c r="AL411" s="516"/>
      <c r="AM411" s="516"/>
      <c r="AN411" s="516"/>
      <c r="AO411" s="516"/>
      <c r="AP411" s="516"/>
      <c r="AQ411" s="516"/>
      <c r="AR411" s="516"/>
      <c r="AS411" s="516"/>
      <c r="AT411" s="516"/>
      <c r="AU411" s="516"/>
      <c r="AV411" s="516"/>
      <c r="AW411" s="516"/>
      <c r="AX411" s="516"/>
      <c r="AY411" s="516"/>
      <c r="AZ411" s="516"/>
      <c r="BA411" s="516"/>
      <c r="BB411" s="516"/>
      <c r="BC411" s="516"/>
      <c r="BD411" s="516"/>
      <c r="BE411" s="516"/>
      <c r="BF411" s="516"/>
      <c r="BG411" s="516"/>
      <c r="BH411" s="516"/>
      <c r="BI411" s="516"/>
      <c r="BJ411" s="516"/>
      <c r="BK411" s="516"/>
      <c r="BL411" s="516"/>
      <c r="BM411" s="516"/>
      <c r="BN411" s="516"/>
      <c r="BO411" s="516"/>
      <c r="BP411" s="516"/>
      <c r="BQ411" s="516"/>
      <c r="BR411" s="516"/>
      <c r="BS411" s="516"/>
      <c r="BT411" s="516"/>
      <c r="BU411" s="516"/>
      <c r="BV411" s="516"/>
      <c r="BW411" s="516"/>
      <c r="BX411" s="516"/>
      <c r="BY411" s="516"/>
      <c r="BZ411" s="516"/>
      <c r="CA411" s="516"/>
      <c r="CB411" s="516"/>
      <c r="CC411" s="516"/>
      <c r="CD411" s="516"/>
      <c r="CE411" s="516"/>
      <c r="CF411" s="516"/>
      <c r="CG411" s="516"/>
      <c r="CH411" s="516"/>
      <c r="CI411" s="516"/>
      <c r="CJ411" s="516"/>
      <c r="CK411" s="516"/>
      <c r="CL411" s="516"/>
      <c r="CM411" s="516"/>
      <c r="CN411" s="516"/>
      <c r="CO411" s="516"/>
      <c r="CP411" s="516"/>
      <c r="CQ411" s="516"/>
      <c r="CR411" s="516"/>
      <c r="CS411" s="516"/>
      <c r="CT411" s="516"/>
      <c r="CU411" s="516"/>
      <c r="CV411" s="516" t="s">
        <v>2190</v>
      </c>
      <c r="CW411" s="516"/>
      <c r="CX411" s="516"/>
      <c r="CY411" s="516"/>
      <c r="CZ411" s="516"/>
      <c r="DA411" s="516"/>
      <c r="DB411" s="516"/>
      <c r="DC411" s="516"/>
      <c r="DD411" s="516"/>
      <c r="DE411" s="516"/>
      <c r="DF411" s="516"/>
      <c r="DG411" s="516" t="s">
        <v>2190</v>
      </c>
      <c r="DH411" s="516"/>
      <c r="DI411" s="513" t="s">
        <v>2368</v>
      </c>
      <c r="DJ411" s="513"/>
      <c r="DK411" s="513" t="s">
        <v>2279</v>
      </c>
    </row>
    <row r="412" spans="1:115" ht="56.1" hidden="1" customHeight="1" x14ac:dyDescent="0.2">
      <c r="A412" s="510"/>
      <c r="B412" s="510"/>
      <c r="C412" s="511">
        <v>142</v>
      </c>
      <c r="D412" s="511"/>
      <c r="E412" s="511" t="s">
        <v>2182</v>
      </c>
      <c r="F412" s="512" t="s">
        <v>1385</v>
      </c>
      <c r="G412" s="512" t="s">
        <v>655</v>
      </c>
      <c r="H412" s="513" t="s">
        <v>900</v>
      </c>
      <c r="I412" s="513" t="s">
        <v>2400</v>
      </c>
      <c r="J412" s="513" t="s">
        <v>2401</v>
      </c>
      <c r="K412" s="513" t="s">
        <v>2205</v>
      </c>
      <c r="L412" s="513" t="s">
        <v>254</v>
      </c>
      <c r="M412" s="513" t="s">
        <v>2206</v>
      </c>
      <c r="N412" s="513"/>
      <c r="O412" s="513" t="s">
        <v>60</v>
      </c>
      <c r="P412" s="513" t="s">
        <v>61</v>
      </c>
      <c r="Q412" s="513"/>
      <c r="R412" s="515" t="s">
        <v>2258</v>
      </c>
      <c r="S412" s="516" t="s">
        <v>63</v>
      </c>
      <c r="T412" s="516" t="s">
        <v>63</v>
      </c>
      <c r="U412" s="516" t="s">
        <v>2299</v>
      </c>
      <c r="V412" s="516"/>
      <c r="W412" s="516" t="s">
        <v>2355</v>
      </c>
      <c r="X412" s="516"/>
      <c r="Y412" s="516" t="s">
        <v>2299</v>
      </c>
      <c r="Z412" s="516" t="s">
        <v>245</v>
      </c>
      <c r="AA412" s="516"/>
      <c r="AB412" s="516"/>
      <c r="AC412" s="516"/>
      <c r="AD412" s="516"/>
      <c r="AE412" s="516"/>
      <c r="AF412" s="516"/>
      <c r="AG412" s="516"/>
      <c r="AH412" s="516"/>
      <c r="AI412" s="516"/>
      <c r="AJ412" s="516"/>
      <c r="AK412" s="516"/>
      <c r="AL412" s="516"/>
      <c r="AM412" s="516"/>
      <c r="AN412" s="516"/>
      <c r="AO412" s="516"/>
      <c r="AP412" s="516"/>
      <c r="AQ412" s="516"/>
      <c r="AR412" s="516"/>
      <c r="AS412" s="516"/>
      <c r="AT412" s="516"/>
      <c r="AU412" s="516"/>
      <c r="AV412" s="516"/>
      <c r="AW412" s="516"/>
      <c r="AX412" s="516"/>
      <c r="AY412" s="516"/>
      <c r="AZ412" s="516"/>
      <c r="BA412" s="516"/>
      <c r="BB412" s="516"/>
      <c r="BC412" s="516"/>
      <c r="BD412" s="516"/>
      <c r="BE412" s="516"/>
      <c r="BF412" s="516"/>
      <c r="BG412" s="516"/>
      <c r="BH412" s="516"/>
      <c r="BI412" s="516"/>
      <c r="BJ412" s="516"/>
      <c r="BK412" s="516"/>
      <c r="BL412" s="516"/>
      <c r="BM412" s="516"/>
      <c r="BN412" s="516"/>
      <c r="BO412" s="516"/>
      <c r="BP412" s="516"/>
      <c r="BQ412" s="516"/>
      <c r="BR412" s="516"/>
      <c r="BS412" s="516"/>
      <c r="BT412" s="516"/>
      <c r="BU412" s="516"/>
      <c r="BV412" s="516"/>
      <c r="BW412" s="516"/>
      <c r="BX412" s="516"/>
      <c r="BY412" s="516"/>
      <c r="BZ412" s="516"/>
      <c r="CA412" s="516"/>
      <c r="CB412" s="516"/>
      <c r="CC412" s="516"/>
      <c r="CD412" s="516"/>
      <c r="CE412" s="516"/>
      <c r="CF412" s="516"/>
      <c r="CG412" s="516"/>
      <c r="CH412" s="516"/>
      <c r="CI412" s="516"/>
      <c r="CJ412" s="516"/>
      <c r="CK412" s="516"/>
      <c r="CL412" s="516"/>
      <c r="CM412" s="516"/>
      <c r="CN412" s="516"/>
      <c r="CO412" s="516"/>
      <c r="CP412" s="516"/>
      <c r="CQ412" s="516"/>
      <c r="CR412" s="516"/>
      <c r="CS412" s="516"/>
      <c r="CT412" s="516"/>
      <c r="CU412" s="516"/>
      <c r="CV412" s="516"/>
      <c r="CW412" s="516" t="s">
        <v>2190</v>
      </c>
      <c r="CX412" s="516"/>
      <c r="CY412" s="516"/>
      <c r="CZ412" s="516"/>
      <c r="DA412" s="516"/>
      <c r="DB412" s="516"/>
      <c r="DC412" s="516"/>
      <c r="DD412" s="516"/>
      <c r="DE412" s="516"/>
      <c r="DF412" s="516" t="s">
        <v>2190</v>
      </c>
      <c r="DG412" s="516"/>
      <c r="DH412" s="516"/>
      <c r="DI412" s="513" t="s">
        <v>2300</v>
      </c>
      <c r="DJ412" s="513"/>
      <c r="DK412" s="513" t="s">
        <v>869</v>
      </c>
    </row>
    <row r="413" spans="1:115" ht="56.1" hidden="1" customHeight="1" x14ac:dyDescent="0.2">
      <c r="A413" s="510"/>
      <c r="B413" s="510"/>
      <c r="C413" s="511">
        <v>143</v>
      </c>
      <c r="D413" s="511"/>
      <c r="E413" s="511" t="s">
        <v>2182</v>
      </c>
      <c r="F413" s="512" t="s">
        <v>1385</v>
      </c>
      <c r="G413" s="512" t="s">
        <v>655</v>
      </c>
      <c r="H413" s="513" t="s">
        <v>2352</v>
      </c>
      <c r="I413" s="513" t="s">
        <v>2370</v>
      </c>
      <c r="J413" s="513" t="s">
        <v>2354</v>
      </c>
      <c r="K413" s="513" t="s">
        <v>2205</v>
      </c>
      <c r="L413" s="513" t="s">
        <v>254</v>
      </c>
      <c r="M413" s="513" t="s">
        <v>2206</v>
      </c>
      <c r="N413" s="513"/>
      <c r="O413" s="513" t="s">
        <v>60</v>
      </c>
      <c r="P413" s="513" t="s">
        <v>61</v>
      </c>
      <c r="Q413" s="513"/>
      <c r="R413" s="515" t="s">
        <v>2258</v>
      </c>
      <c r="S413" s="516">
        <v>332640</v>
      </c>
      <c r="T413" s="516">
        <v>499699</v>
      </c>
      <c r="U413" s="516">
        <v>416169.5</v>
      </c>
      <c r="V413" s="516"/>
      <c r="W413" s="516" t="s">
        <v>2355</v>
      </c>
      <c r="X413" s="516"/>
      <c r="Y413" s="516">
        <v>416169.5</v>
      </c>
      <c r="Z413" s="516" t="s">
        <v>65</v>
      </c>
      <c r="AA413" s="516"/>
      <c r="AB413" s="516"/>
      <c r="AC413" s="516"/>
      <c r="AD413" s="516"/>
      <c r="AE413" s="516"/>
      <c r="AF413" s="516"/>
      <c r="AG413" s="516"/>
      <c r="AH413" s="516"/>
      <c r="AI413" s="516"/>
      <c r="AJ413" s="516"/>
      <c r="AK413" s="516"/>
      <c r="AL413" s="516"/>
      <c r="AM413" s="516"/>
      <c r="AN413" s="516"/>
      <c r="AO413" s="516"/>
      <c r="AP413" s="516"/>
      <c r="AQ413" s="516"/>
      <c r="AR413" s="516"/>
      <c r="AS413" s="516"/>
      <c r="AT413" s="516"/>
      <c r="AU413" s="516"/>
      <c r="AV413" s="516"/>
      <c r="AW413" s="516"/>
      <c r="AX413" s="516"/>
      <c r="AY413" s="516"/>
      <c r="AZ413" s="516"/>
      <c r="BA413" s="516"/>
      <c r="BB413" s="516"/>
      <c r="BC413" s="516"/>
      <c r="BD413" s="516"/>
      <c r="BE413" s="516"/>
      <c r="BF413" s="516"/>
      <c r="BG413" s="516"/>
      <c r="BH413" s="516"/>
      <c r="BI413" s="516"/>
      <c r="BJ413" s="516"/>
      <c r="BK413" s="516"/>
      <c r="BL413" s="516"/>
      <c r="BM413" s="516"/>
      <c r="BN413" s="516"/>
      <c r="BO413" s="516"/>
      <c r="BP413" s="516"/>
      <c r="BQ413" s="516"/>
      <c r="BR413" s="516"/>
      <c r="BS413" s="516"/>
      <c r="BT413" s="516"/>
      <c r="BU413" s="516"/>
      <c r="BV413" s="516"/>
      <c r="BW413" s="516"/>
      <c r="BX413" s="516"/>
      <c r="BY413" s="516"/>
      <c r="BZ413" s="516"/>
      <c r="CA413" s="516"/>
      <c r="CB413" s="516"/>
      <c r="CC413" s="516"/>
      <c r="CD413" s="516"/>
      <c r="CE413" s="516"/>
      <c r="CF413" s="516"/>
      <c r="CG413" s="516"/>
      <c r="CH413" s="516"/>
      <c r="CI413" s="516"/>
      <c r="CJ413" s="516"/>
      <c r="CK413" s="516"/>
      <c r="CL413" s="516"/>
      <c r="CM413" s="516"/>
      <c r="CN413" s="516"/>
      <c r="CO413" s="516"/>
      <c r="CP413" s="516"/>
      <c r="CQ413" s="516"/>
      <c r="CR413" s="516"/>
      <c r="CS413" s="516"/>
      <c r="CT413" s="516"/>
      <c r="CU413" s="516"/>
      <c r="CV413" s="516"/>
      <c r="CW413" s="516" t="s">
        <v>2190</v>
      </c>
      <c r="CX413" s="516"/>
      <c r="CY413" s="516"/>
      <c r="CZ413" s="516"/>
      <c r="DA413" s="516"/>
      <c r="DB413" s="516"/>
      <c r="DC413" s="516"/>
      <c r="DD413" s="516"/>
      <c r="DE413" s="516"/>
      <c r="DF413" s="516" t="s">
        <v>2190</v>
      </c>
      <c r="DG413" s="516"/>
      <c r="DH413" s="516"/>
      <c r="DI413" s="513"/>
      <c r="DJ413" s="513"/>
      <c r="DK413" s="513" t="s">
        <v>2279</v>
      </c>
    </row>
    <row r="414" spans="1:115" ht="56.1" hidden="1" customHeight="1" x14ac:dyDescent="0.2">
      <c r="A414" s="499" t="s">
        <v>2342</v>
      </c>
      <c r="B414" s="510"/>
      <c r="C414" s="481">
        <v>805</v>
      </c>
      <c r="D414" s="481"/>
      <c r="E414" s="481" t="s">
        <v>2481</v>
      </c>
      <c r="F414" s="482" t="s">
        <v>53</v>
      </c>
      <c r="G414" s="482" t="s">
        <v>655</v>
      </c>
      <c r="H414" s="501" t="s">
        <v>900</v>
      </c>
      <c r="I414" s="506" t="s">
        <v>1109</v>
      </c>
      <c r="J414" s="506" t="s">
        <v>1110</v>
      </c>
      <c r="K414" s="506"/>
      <c r="L414" s="77" t="s">
        <v>58</v>
      </c>
      <c r="M414" s="506" t="s">
        <v>1108</v>
      </c>
      <c r="N414" s="506"/>
      <c r="O414" s="501" t="s">
        <v>81</v>
      </c>
      <c r="P414" s="77" t="s">
        <v>77</v>
      </c>
      <c r="Q414" s="77"/>
      <c r="R414" s="500" t="s">
        <v>834</v>
      </c>
      <c r="S414" s="76" t="s">
        <v>63</v>
      </c>
      <c r="T414" s="76" t="s">
        <v>63</v>
      </c>
      <c r="U414" s="508">
        <v>493350</v>
      </c>
      <c r="V414" s="508"/>
      <c r="W414" s="510" t="s">
        <v>839</v>
      </c>
      <c r="X414" s="510"/>
      <c r="Y414" s="503">
        <f t="shared" ref="Y414:Y427" si="85">U414</f>
        <v>493350</v>
      </c>
      <c r="Z414" s="76" t="s">
        <v>65</v>
      </c>
      <c r="AA414" s="486"/>
      <c r="AB414" s="486"/>
      <c r="AC414" s="486"/>
      <c r="AD414" s="486"/>
      <c r="AE414" s="486"/>
      <c r="AF414" s="486"/>
      <c r="AG414" s="486"/>
      <c r="AH414" s="486"/>
      <c r="AI414" s="486"/>
      <c r="AJ414" s="486"/>
      <c r="AK414" s="486"/>
      <c r="AL414" s="486"/>
      <c r="AM414" s="486"/>
      <c r="AN414" s="486"/>
      <c r="AO414" s="486"/>
      <c r="AP414" s="487"/>
      <c r="AQ414" s="486"/>
      <c r="AR414" s="486"/>
      <c r="AS414" s="486"/>
      <c r="AT414" s="486"/>
      <c r="AU414" s="486"/>
      <c r="AV414" s="486"/>
      <c r="AW414" s="486"/>
      <c r="AX414" s="486"/>
      <c r="AY414" s="486"/>
      <c r="AZ414" s="486"/>
      <c r="BA414" s="486"/>
      <c r="BB414" s="486"/>
      <c r="BC414" s="486"/>
      <c r="BD414" s="486"/>
      <c r="BE414" s="486"/>
      <c r="BF414" s="80">
        <f t="shared" ref="BF414:BF428" si="86">SUMIF(AA414:BE414,"YES",$AA$2:$BE$2)</f>
        <v>0</v>
      </c>
      <c r="BG414" s="76"/>
      <c r="BH414" s="487" t="str">
        <f t="shared" ref="BH414:BW428" si="87">IF(AA414="yes",(AA$2*$BG414),"")</f>
        <v/>
      </c>
      <c r="BI414" s="487" t="str">
        <f t="shared" si="87"/>
        <v/>
      </c>
      <c r="BJ414" s="487" t="str">
        <f t="shared" si="87"/>
        <v/>
      </c>
      <c r="BK414" s="487" t="str">
        <f t="shared" si="87"/>
        <v/>
      </c>
      <c r="BL414" s="487" t="str">
        <f t="shared" si="87"/>
        <v/>
      </c>
      <c r="BM414" s="487" t="str">
        <f t="shared" si="87"/>
        <v/>
      </c>
      <c r="BN414" s="487" t="str">
        <f t="shared" si="87"/>
        <v/>
      </c>
      <c r="BO414" s="487" t="str">
        <f t="shared" si="87"/>
        <v/>
      </c>
      <c r="BP414" s="487" t="str">
        <f t="shared" si="87"/>
        <v/>
      </c>
      <c r="BQ414" s="487" t="str">
        <f t="shared" si="87"/>
        <v/>
      </c>
      <c r="BR414" s="487" t="str">
        <f t="shared" si="87"/>
        <v/>
      </c>
      <c r="BS414" s="487" t="str">
        <f t="shared" si="87"/>
        <v/>
      </c>
      <c r="BT414" s="487" t="str">
        <f t="shared" si="87"/>
        <v/>
      </c>
      <c r="BU414" s="487" t="str">
        <f t="shared" si="87"/>
        <v/>
      </c>
      <c r="BV414" s="487" t="str">
        <f t="shared" si="87"/>
        <v/>
      </c>
      <c r="BW414" s="487" t="str">
        <f t="shared" si="87"/>
        <v/>
      </c>
      <c r="BX414" s="487" t="str">
        <f t="shared" ref="BX414:CL428" si="88">IF(AQ414="yes",(AQ$2*$BG414),"")</f>
        <v/>
      </c>
      <c r="BY414" s="487" t="str">
        <f t="shared" si="88"/>
        <v/>
      </c>
      <c r="BZ414" s="487" t="str">
        <f t="shared" si="88"/>
        <v/>
      </c>
      <c r="CA414" s="487" t="str">
        <f t="shared" si="88"/>
        <v/>
      </c>
      <c r="CB414" s="487" t="str">
        <f t="shared" si="88"/>
        <v/>
      </c>
      <c r="CC414" s="487" t="str">
        <f t="shared" si="88"/>
        <v/>
      </c>
      <c r="CD414" s="487" t="str">
        <f t="shared" si="88"/>
        <v/>
      </c>
      <c r="CE414" s="487" t="str">
        <f t="shared" si="88"/>
        <v/>
      </c>
      <c r="CF414" s="487" t="str">
        <f t="shared" si="88"/>
        <v/>
      </c>
      <c r="CG414" s="487" t="str">
        <f t="shared" si="88"/>
        <v/>
      </c>
      <c r="CH414" s="487" t="str">
        <f t="shared" si="88"/>
        <v/>
      </c>
      <c r="CI414" s="487" t="str">
        <f t="shared" si="88"/>
        <v/>
      </c>
      <c r="CJ414" s="487" t="str">
        <f t="shared" si="88"/>
        <v/>
      </c>
      <c r="CK414" s="487" t="str">
        <f t="shared" si="88"/>
        <v/>
      </c>
      <c r="CL414" s="487" t="str">
        <f t="shared" si="88"/>
        <v/>
      </c>
      <c r="CM414" s="487"/>
      <c r="CN414" s="487"/>
      <c r="CO414" s="487"/>
      <c r="CP414" s="487"/>
      <c r="CQ414" s="487"/>
      <c r="CR414" s="487"/>
      <c r="CS414" s="487"/>
      <c r="CT414" s="487"/>
      <c r="CU414" s="487"/>
      <c r="CV414" s="487"/>
      <c r="CW414" s="487"/>
      <c r="CX414" s="487"/>
      <c r="CY414" s="487"/>
      <c r="CZ414" s="487"/>
      <c r="DA414" s="487"/>
      <c r="DB414" s="487"/>
      <c r="DC414" s="487"/>
      <c r="DD414" s="487"/>
      <c r="DE414" s="487"/>
      <c r="DF414" s="487"/>
      <c r="DG414" s="487"/>
      <c r="DH414" s="487"/>
      <c r="DI414" s="486"/>
      <c r="DJ414" s="486"/>
      <c r="DK414" s="486"/>
    </row>
    <row r="415" spans="1:115" ht="56.1" hidden="1" customHeight="1" x14ac:dyDescent="0.2">
      <c r="A415" s="510"/>
      <c r="B415" s="510"/>
      <c r="C415" s="481">
        <v>768</v>
      </c>
      <c r="D415" s="481"/>
      <c r="E415" s="481" t="s">
        <v>2481</v>
      </c>
      <c r="F415" s="482" t="s">
        <v>53</v>
      </c>
      <c r="G415" s="482" t="s">
        <v>655</v>
      </c>
      <c r="H415" s="501" t="s">
        <v>900</v>
      </c>
      <c r="I415" s="506" t="s">
        <v>1030</v>
      </c>
      <c r="J415" s="506" t="s">
        <v>1031</v>
      </c>
      <c r="K415" s="506"/>
      <c r="L415" s="77" t="s">
        <v>58</v>
      </c>
      <c r="M415" s="506" t="s">
        <v>1027</v>
      </c>
      <c r="N415" s="506"/>
      <c r="O415" s="501" t="s">
        <v>81</v>
      </c>
      <c r="P415" s="77" t="s">
        <v>77</v>
      </c>
      <c r="Q415" s="77"/>
      <c r="R415" s="500" t="s">
        <v>722</v>
      </c>
      <c r="S415" s="76" t="s">
        <v>63</v>
      </c>
      <c r="T415" s="76" t="s">
        <v>63</v>
      </c>
      <c r="U415" s="508">
        <v>24667.5</v>
      </c>
      <c r="V415" s="508"/>
      <c r="W415" s="510" t="s">
        <v>839</v>
      </c>
      <c r="X415" s="510"/>
      <c r="Y415" s="503">
        <f t="shared" si="85"/>
        <v>24667.5</v>
      </c>
      <c r="Z415" s="76" t="s">
        <v>65</v>
      </c>
      <c r="AA415" s="487"/>
      <c r="AB415" s="487"/>
      <c r="AC415" s="487"/>
      <c r="AD415" s="487"/>
      <c r="AE415" s="487"/>
      <c r="AF415" s="487"/>
      <c r="AG415" s="487"/>
      <c r="AH415" s="487"/>
      <c r="AI415" s="487"/>
      <c r="AJ415" s="487"/>
      <c r="AK415" s="487"/>
      <c r="AL415" s="487"/>
      <c r="AM415" s="487"/>
      <c r="AN415" s="487"/>
      <c r="AO415" s="487"/>
      <c r="AP415" s="487"/>
      <c r="AQ415" s="76"/>
      <c r="AR415" s="487"/>
      <c r="AS415" s="487"/>
      <c r="AT415" s="487"/>
      <c r="AU415" s="76"/>
      <c r="AV415" s="487"/>
      <c r="AW415" s="487"/>
      <c r="AX415" s="487"/>
      <c r="AY415" s="76"/>
      <c r="AZ415" s="487"/>
      <c r="BA415" s="76"/>
      <c r="BB415" s="76"/>
      <c r="BC415" s="487"/>
      <c r="BD415" s="76"/>
      <c r="BE415" s="76"/>
      <c r="BF415" s="80">
        <f t="shared" si="86"/>
        <v>0</v>
      </c>
      <c r="BG415" s="76"/>
      <c r="BH415" s="487" t="str">
        <f t="shared" si="87"/>
        <v/>
      </c>
      <c r="BI415" s="487" t="str">
        <f t="shared" si="87"/>
        <v/>
      </c>
      <c r="BJ415" s="487" t="str">
        <f t="shared" si="87"/>
        <v/>
      </c>
      <c r="BK415" s="487" t="str">
        <f t="shared" si="87"/>
        <v/>
      </c>
      <c r="BL415" s="487" t="str">
        <f t="shared" si="87"/>
        <v/>
      </c>
      <c r="BM415" s="487" t="str">
        <f t="shared" si="87"/>
        <v/>
      </c>
      <c r="BN415" s="487" t="str">
        <f t="shared" si="87"/>
        <v/>
      </c>
      <c r="BO415" s="487" t="str">
        <f t="shared" si="87"/>
        <v/>
      </c>
      <c r="BP415" s="487" t="str">
        <f t="shared" si="87"/>
        <v/>
      </c>
      <c r="BQ415" s="487" t="str">
        <f t="shared" si="87"/>
        <v/>
      </c>
      <c r="BR415" s="487" t="str">
        <f t="shared" si="87"/>
        <v/>
      </c>
      <c r="BS415" s="487" t="str">
        <f t="shared" si="87"/>
        <v/>
      </c>
      <c r="BT415" s="487" t="str">
        <f t="shared" si="87"/>
        <v/>
      </c>
      <c r="BU415" s="487" t="str">
        <f t="shared" si="87"/>
        <v/>
      </c>
      <c r="BV415" s="487" t="str">
        <f t="shared" si="87"/>
        <v/>
      </c>
      <c r="BW415" s="487" t="str">
        <f t="shared" si="87"/>
        <v/>
      </c>
      <c r="BX415" s="487" t="str">
        <f t="shared" si="88"/>
        <v/>
      </c>
      <c r="BY415" s="487" t="str">
        <f t="shared" si="88"/>
        <v/>
      </c>
      <c r="BZ415" s="487" t="str">
        <f t="shared" si="88"/>
        <v/>
      </c>
      <c r="CA415" s="487" t="str">
        <f t="shared" si="88"/>
        <v/>
      </c>
      <c r="CB415" s="487" t="str">
        <f t="shared" si="88"/>
        <v/>
      </c>
      <c r="CC415" s="487" t="str">
        <f t="shared" si="88"/>
        <v/>
      </c>
      <c r="CD415" s="487" t="str">
        <f t="shared" si="88"/>
        <v/>
      </c>
      <c r="CE415" s="487" t="str">
        <f t="shared" si="88"/>
        <v/>
      </c>
      <c r="CF415" s="487" t="str">
        <f t="shared" si="88"/>
        <v/>
      </c>
      <c r="CG415" s="487" t="str">
        <f t="shared" si="88"/>
        <v/>
      </c>
      <c r="CH415" s="487" t="str">
        <f t="shared" si="88"/>
        <v/>
      </c>
      <c r="CI415" s="487" t="str">
        <f t="shared" si="88"/>
        <v/>
      </c>
      <c r="CJ415" s="487" t="str">
        <f t="shared" si="88"/>
        <v/>
      </c>
      <c r="CK415" s="487" t="str">
        <f t="shared" si="88"/>
        <v/>
      </c>
      <c r="CL415" s="487" t="str">
        <f t="shared" si="88"/>
        <v/>
      </c>
      <c r="CM415" s="487"/>
      <c r="CN415" s="487"/>
      <c r="CO415" s="487"/>
      <c r="CP415" s="487"/>
      <c r="CQ415" s="487"/>
      <c r="CR415" s="487"/>
      <c r="CS415" s="487"/>
      <c r="CT415" s="487"/>
      <c r="CU415" s="487"/>
      <c r="CV415" s="487"/>
      <c r="CW415" s="487"/>
      <c r="CX415" s="487"/>
      <c r="CY415" s="487"/>
      <c r="CZ415" s="487"/>
      <c r="DA415" s="487"/>
      <c r="DB415" s="487"/>
      <c r="DC415" s="487"/>
      <c r="DD415" s="487"/>
      <c r="DE415" s="487"/>
      <c r="DF415" s="487"/>
      <c r="DG415" s="487"/>
      <c r="DH415" s="487"/>
      <c r="DI415" s="486"/>
      <c r="DJ415" s="486"/>
      <c r="DK415" s="486"/>
    </row>
    <row r="416" spans="1:115" ht="56.1" hidden="1" customHeight="1" x14ac:dyDescent="0.2">
      <c r="A416" s="510"/>
      <c r="B416" s="510"/>
      <c r="C416" s="481">
        <v>702</v>
      </c>
      <c r="D416" s="481"/>
      <c r="E416" s="481" t="s">
        <v>2481</v>
      </c>
      <c r="F416" s="482" t="s">
        <v>869</v>
      </c>
      <c r="G416" s="482" t="s">
        <v>655</v>
      </c>
      <c r="H416" s="500" t="s">
        <v>830</v>
      </c>
      <c r="I416" s="501" t="s">
        <v>889</v>
      </c>
      <c r="J416" s="501" t="s">
        <v>890</v>
      </c>
      <c r="K416" s="501"/>
      <c r="L416" s="77" t="s">
        <v>58</v>
      </c>
      <c r="M416" s="501" t="s">
        <v>127</v>
      </c>
      <c r="N416" s="501"/>
      <c r="O416" s="501" t="s">
        <v>60</v>
      </c>
      <c r="P416" s="77" t="s">
        <v>77</v>
      </c>
      <c r="Q416" s="77"/>
      <c r="R416" s="500" t="s">
        <v>834</v>
      </c>
      <c r="S416" s="76" t="s">
        <v>63</v>
      </c>
      <c r="T416" s="76" t="s">
        <v>63</v>
      </c>
      <c r="U416" s="502">
        <v>370629.1875</v>
      </c>
      <c r="V416" s="502"/>
      <c r="W416" s="510" t="s">
        <v>839</v>
      </c>
      <c r="X416" s="510"/>
      <c r="Y416" s="503">
        <f t="shared" si="85"/>
        <v>370629.1875</v>
      </c>
      <c r="Z416" s="76" t="s">
        <v>65</v>
      </c>
      <c r="AA416" s="487"/>
      <c r="AB416" s="76"/>
      <c r="AC416" s="76"/>
      <c r="AD416" s="76"/>
      <c r="AE416" s="76"/>
      <c r="AF416" s="76"/>
      <c r="AG416" s="76"/>
      <c r="AH416" s="76"/>
      <c r="AI416" s="76"/>
      <c r="AJ416" s="76"/>
      <c r="AK416" s="76"/>
      <c r="AL416" s="76"/>
      <c r="AM416" s="76"/>
      <c r="AN416" s="76"/>
      <c r="AO416" s="76"/>
      <c r="AP416" s="76"/>
      <c r="AQ416" s="76"/>
      <c r="AR416" s="76"/>
      <c r="AS416" s="76"/>
      <c r="AT416" s="76"/>
      <c r="AU416" s="76"/>
      <c r="AV416" s="76"/>
      <c r="AW416" s="76"/>
      <c r="AX416" s="76"/>
      <c r="AY416" s="76"/>
      <c r="AZ416" s="76"/>
      <c r="BA416" s="76"/>
      <c r="BB416" s="76"/>
      <c r="BC416" s="76"/>
      <c r="BD416" s="76"/>
      <c r="BE416" s="76"/>
      <c r="BF416" s="80">
        <f t="shared" si="86"/>
        <v>0</v>
      </c>
      <c r="BG416" s="76"/>
      <c r="BH416" s="487" t="str">
        <f t="shared" si="87"/>
        <v/>
      </c>
      <c r="BI416" s="487" t="str">
        <f t="shared" si="87"/>
        <v/>
      </c>
      <c r="BJ416" s="487" t="str">
        <f t="shared" si="87"/>
        <v/>
      </c>
      <c r="BK416" s="487" t="str">
        <f t="shared" si="87"/>
        <v/>
      </c>
      <c r="BL416" s="487" t="str">
        <f t="shared" si="87"/>
        <v/>
      </c>
      <c r="BM416" s="487" t="str">
        <f t="shared" si="87"/>
        <v/>
      </c>
      <c r="BN416" s="487" t="str">
        <f t="shared" si="87"/>
        <v/>
      </c>
      <c r="BO416" s="487" t="str">
        <f t="shared" si="87"/>
        <v/>
      </c>
      <c r="BP416" s="487" t="str">
        <f t="shared" si="87"/>
        <v/>
      </c>
      <c r="BQ416" s="487" t="str">
        <f t="shared" si="87"/>
        <v/>
      </c>
      <c r="BR416" s="487" t="str">
        <f t="shared" si="87"/>
        <v/>
      </c>
      <c r="BS416" s="487" t="str">
        <f t="shared" si="87"/>
        <v/>
      </c>
      <c r="BT416" s="487" t="str">
        <f t="shared" si="87"/>
        <v/>
      </c>
      <c r="BU416" s="487" t="str">
        <f t="shared" si="87"/>
        <v/>
      </c>
      <c r="BV416" s="487" t="str">
        <f t="shared" si="87"/>
        <v/>
      </c>
      <c r="BW416" s="487" t="str">
        <f t="shared" si="87"/>
        <v/>
      </c>
      <c r="BX416" s="487" t="str">
        <f t="shared" si="88"/>
        <v/>
      </c>
      <c r="BY416" s="487" t="str">
        <f t="shared" si="88"/>
        <v/>
      </c>
      <c r="BZ416" s="487" t="str">
        <f t="shared" si="88"/>
        <v/>
      </c>
      <c r="CA416" s="487" t="str">
        <f t="shared" si="88"/>
        <v/>
      </c>
      <c r="CB416" s="487" t="str">
        <f t="shared" si="88"/>
        <v/>
      </c>
      <c r="CC416" s="487" t="str">
        <f t="shared" si="88"/>
        <v/>
      </c>
      <c r="CD416" s="487" t="str">
        <f t="shared" si="88"/>
        <v/>
      </c>
      <c r="CE416" s="487" t="str">
        <f t="shared" si="88"/>
        <v/>
      </c>
      <c r="CF416" s="487" t="str">
        <f t="shared" si="88"/>
        <v/>
      </c>
      <c r="CG416" s="487" t="str">
        <f t="shared" si="88"/>
        <v/>
      </c>
      <c r="CH416" s="487" t="str">
        <f t="shared" si="88"/>
        <v/>
      </c>
      <c r="CI416" s="487" t="str">
        <f t="shared" si="88"/>
        <v/>
      </c>
      <c r="CJ416" s="487" t="str">
        <f t="shared" si="88"/>
        <v/>
      </c>
      <c r="CK416" s="487" t="str">
        <f t="shared" si="88"/>
        <v/>
      </c>
      <c r="CL416" s="487" t="str">
        <f t="shared" si="88"/>
        <v/>
      </c>
      <c r="CM416" s="487"/>
      <c r="CN416" s="487"/>
      <c r="CO416" s="487"/>
      <c r="CP416" s="487"/>
      <c r="CQ416" s="487"/>
      <c r="CR416" s="487"/>
      <c r="CS416" s="487"/>
      <c r="CT416" s="487"/>
      <c r="CU416" s="487"/>
      <c r="CV416" s="487"/>
      <c r="CW416" s="487"/>
      <c r="CX416" s="487"/>
      <c r="CY416" s="487"/>
      <c r="CZ416" s="487"/>
      <c r="DA416" s="487"/>
      <c r="DB416" s="487"/>
      <c r="DC416" s="487"/>
      <c r="DD416" s="487"/>
      <c r="DE416" s="487"/>
      <c r="DF416" s="487"/>
      <c r="DG416" s="487"/>
      <c r="DH416" s="487"/>
      <c r="DI416" s="76"/>
      <c r="DJ416" s="76"/>
      <c r="DK416" s="504"/>
    </row>
    <row r="417" spans="1:115" ht="56.1" hidden="1" customHeight="1" x14ac:dyDescent="0.2">
      <c r="A417" s="499" t="s">
        <v>2494</v>
      </c>
      <c r="B417" s="483" t="s">
        <v>2495</v>
      </c>
      <c r="C417" s="481">
        <v>745</v>
      </c>
      <c r="D417" s="481"/>
      <c r="E417" s="481" t="s">
        <v>2481</v>
      </c>
      <c r="F417" s="482" t="s">
        <v>53</v>
      </c>
      <c r="G417" s="482" t="s">
        <v>655</v>
      </c>
      <c r="H417" s="507" t="s">
        <v>897</v>
      </c>
      <c r="I417" s="506" t="s">
        <v>983</v>
      </c>
      <c r="J417" s="506" t="s">
        <v>984</v>
      </c>
      <c r="K417" s="506"/>
      <c r="L417" s="77" t="s">
        <v>58</v>
      </c>
      <c r="M417" s="501" t="s">
        <v>833</v>
      </c>
      <c r="N417" s="501"/>
      <c r="O417" s="501" t="s">
        <v>81</v>
      </c>
      <c r="P417" s="77" t="s">
        <v>77</v>
      </c>
      <c r="Q417" s="77"/>
      <c r="R417" s="501" t="s">
        <v>868</v>
      </c>
      <c r="S417" s="76" t="s">
        <v>63</v>
      </c>
      <c r="T417" s="76" t="s">
        <v>63</v>
      </c>
      <c r="U417" s="502">
        <v>10308959.375</v>
      </c>
      <c r="V417" s="502"/>
      <c r="W417" s="494" t="s">
        <v>659</v>
      </c>
      <c r="X417" s="494"/>
      <c r="Y417" s="503">
        <f t="shared" si="85"/>
        <v>10308959.375</v>
      </c>
      <c r="Z417" s="76" t="s">
        <v>65</v>
      </c>
      <c r="AA417" s="487"/>
      <c r="AB417" s="487"/>
      <c r="AC417" s="487"/>
      <c r="AD417" s="487"/>
      <c r="AE417" s="487"/>
      <c r="AF417" s="487"/>
      <c r="AG417" s="487"/>
      <c r="AH417" s="487"/>
      <c r="AI417" s="487"/>
      <c r="AJ417" s="487"/>
      <c r="AK417" s="487"/>
      <c r="AL417" s="487"/>
      <c r="AM417" s="487"/>
      <c r="AN417" s="487"/>
      <c r="AO417" s="487"/>
      <c r="AP417" s="487"/>
      <c r="AQ417" s="76"/>
      <c r="AR417" s="487"/>
      <c r="AS417" s="487"/>
      <c r="AT417" s="487"/>
      <c r="AU417" s="76"/>
      <c r="AV417" s="487"/>
      <c r="AW417" s="487"/>
      <c r="AX417" s="487"/>
      <c r="AY417" s="76"/>
      <c r="AZ417" s="487"/>
      <c r="BA417" s="76"/>
      <c r="BB417" s="76"/>
      <c r="BC417" s="487"/>
      <c r="BD417" s="76"/>
      <c r="BE417" s="76"/>
      <c r="BF417" s="80">
        <f t="shared" si="86"/>
        <v>0</v>
      </c>
      <c r="BG417" s="76"/>
      <c r="BH417" s="487" t="str">
        <f t="shared" si="87"/>
        <v/>
      </c>
      <c r="BI417" s="487" t="str">
        <f t="shared" si="87"/>
        <v/>
      </c>
      <c r="BJ417" s="487" t="str">
        <f t="shared" si="87"/>
        <v/>
      </c>
      <c r="BK417" s="487" t="str">
        <f t="shared" si="87"/>
        <v/>
      </c>
      <c r="BL417" s="487" t="str">
        <f t="shared" si="87"/>
        <v/>
      </c>
      <c r="BM417" s="487" t="str">
        <f t="shared" si="87"/>
        <v/>
      </c>
      <c r="BN417" s="487" t="str">
        <f t="shared" si="87"/>
        <v/>
      </c>
      <c r="BO417" s="487" t="str">
        <f t="shared" si="87"/>
        <v/>
      </c>
      <c r="BP417" s="487" t="str">
        <f t="shared" si="87"/>
        <v/>
      </c>
      <c r="BQ417" s="487" t="str">
        <f t="shared" si="87"/>
        <v/>
      </c>
      <c r="BR417" s="487" t="str">
        <f t="shared" si="87"/>
        <v/>
      </c>
      <c r="BS417" s="487" t="str">
        <f t="shared" si="87"/>
        <v/>
      </c>
      <c r="BT417" s="487" t="str">
        <f t="shared" si="87"/>
        <v/>
      </c>
      <c r="BU417" s="487" t="str">
        <f t="shared" si="87"/>
        <v/>
      </c>
      <c r="BV417" s="487" t="str">
        <f t="shared" si="87"/>
        <v/>
      </c>
      <c r="BW417" s="487" t="str">
        <f t="shared" si="87"/>
        <v/>
      </c>
      <c r="BX417" s="487" t="str">
        <f t="shared" si="88"/>
        <v/>
      </c>
      <c r="BY417" s="487" t="str">
        <f t="shared" si="88"/>
        <v/>
      </c>
      <c r="BZ417" s="487" t="str">
        <f t="shared" si="88"/>
        <v/>
      </c>
      <c r="CA417" s="487" t="str">
        <f t="shared" si="88"/>
        <v/>
      </c>
      <c r="CB417" s="487" t="str">
        <f t="shared" si="88"/>
        <v/>
      </c>
      <c r="CC417" s="487" t="str">
        <f t="shared" si="88"/>
        <v/>
      </c>
      <c r="CD417" s="487" t="str">
        <f t="shared" si="88"/>
        <v/>
      </c>
      <c r="CE417" s="487" t="str">
        <f t="shared" si="88"/>
        <v/>
      </c>
      <c r="CF417" s="487" t="str">
        <f t="shared" si="88"/>
        <v/>
      </c>
      <c r="CG417" s="487" t="str">
        <f t="shared" si="88"/>
        <v/>
      </c>
      <c r="CH417" s="487" t="str">
        <f t="shared" si="88"/>
        <v/>
      </c>
      <c r="CI417" s="487" t="str">
        <f t="shared" si="88"/>
        <v/>
      </c>
      <c r="CJ417" s="487" t="str">
        <f t="shared" si="88"/>
        <v/>
      </c>
      <c r="CK417" s="487" t="str">
        <f t="shared" si="88"/>
        <v/>
      </c>
      <c r="CL417" s="487" t="str">
        <f t="shared" si="88"/>
        <v/>
      </c>
      <c r="CM417" s="487"/>
      <c r="CN417" s="487"/>
      <c r="CO417" s="487"/>
      <c r="CP417" s="487"/>
      <c r="CQ417" s="487"/>
      <c r="CR417" s="487"/>
      <c r="CS417" s="487"/>
      <c r="CT417" s="487"/>
      <c r="CU417" s="487"/>
      <c r="CV417" s="487"/>
      <c r="CW417" s="487"/>
      <c r="CX417" s="487"/>
      <c r="CY417" s="487"/>
      <c r="CZ417" s="487"/>
      <c r="DA417" s="487"/>
      <c r="DB417" s="487"/>
      <c r="DC417" s="487"/>
      <c r="DD417" s="487"/>
      <c r="DE417" s="487"/>
      <c r="DF417" s="487"/>
      <c r="DG417" s="487"/>
      <c r="DH417" s="487"/>
      <c r="DI417" s="76"/>
      <c r="DJ417" s="76"/>
      <c r="DK417" s="504"/>
    </row>
    <row r="418" spans="1:115" ht="56.1" hidden="1" customHeight="1" x14ac:dyDescent="0.2">
      <c r="A418" s="499" t="s">
        <v>2494</v>
      </c>
      <c r="B418" s="483" t="s">
        <v>2495</v>
      </c>
      <c r="C418" s="481">
        <v>746</v>
      </c>
      <c r="D418" s="481"/>
      <c r="E418" s="481" t="s">
        <v>2481</v>
      </c>
      <c r="F418" s="482" t="s">
        <v>53</v>
      </c>
      <c r="G418" s="482" t="s">
        <v>655</v>
      </c>
      <c r="H418" s="507" t="s">
        <v>932</v>
      </c>
      <c r="I418" s="506" t="s">
        <v>985</v>
      </c>
      <c r="J418" s="506" t="s">
        <v>986</v>
      </c>
      <c r="K418" s="506"/>
      <c r="L418" s="77" t="s">
        <v>58</v>
      </c>
      <c r="M418" s="501" t="s">
        <v>833</v>
      </c>
      <c r="N418" s="501"/>
      <c r="O418" s="501" t="s">
        <v>81</v>
      </c>
      <c r="P418" s="77" t="s">
        <v>77</v>
      </c>
      <c r="Q418" s="77"/>
      <c r="R418" s="501" t="s">
        <v>868</v>
      </c>
      <c r="S418" s="76" t="s">
        <v>63</v>
      </c>
      <c r="T418" s="76" t="s">
        <v>63</v>
      </c>
      <c r="U418" s="502">
        <v>5344625</v>
      </c>
      <c r="V418" s="502"/>
      <c r="W418" s="494" t="s">
        <v>659</v>
      </c>
      <c r="X418" s="494"/>
      <c r="Y418" s="503">
        <f t="shared" si="85"/>
        <v>5344625</v>
      </c>
      <c r="Z418" s="76" t="s">
        <v>65</v>
      </c>
      <c r="AA418" s="486"/>
      <c r="AB418" s="487"/>
      <c r="AC418" s="486"/>
      <c r="AD418" s="486"/>
      <c r="AE418" s="486"/>
      <c r="AF418" s="486"/>
      <c r="AG418" s="486"/>
      <c r="AH418" s="486"/>
      <c r="AI418" s="486"/>
      <c r="AJ418" s="486"/>
      <c r="AK418" s="486"/>
      <c r="AL418" s="486"/>
      <c r="AM418" s="486"/>
      <c r="AN418" s="486"/>
      <c r="AO418" s="486"/>
      <c r="AP418" s="486"/>
      <c r="AQ418" s="486"/>
      <c r="AR418" s="486"/>
      <c r="AS418" s="486"/>
      <c r="AT418" s="486"/>
      <c r="AU418" s="486"/>
      <c r="AV418" s="486"/>
      <c r="AW418" s="486"/>
      <c r="AX418" s="486"/>
      <c r="AY418" s="486"/>
      <c r="AZ418" s="486"/>
      <c r="BA418" s="486"/>
      <c r="BB418" s="486"/>
      <c r="BC418" s="486"/>
      <c r="BD418" s="486"/>
      <c r="BE418" s="486"/>
      <c r="BF418" s="80">
        <f t="shared" si="86"/>
        <v>0</v>
      </c>
      <c r="BG418" s="76"/>
      <c r="BH418" s="487" t="str">
        <f t="shared" si="87"/>
        <v/>
      </c>
      <c r="BI418" s="487" t="str">
        <f t="shared" si="87"/>
        <v/>
      </c>
      <c r="BJ418" s="487" t="str">
        <f t="shared" si="87"/>
        <v/>
      </c>
      <c r="BK418" s="487" t="str">
        <f t="shared" si="87"/>
        <v/>
      </c>
      <c r="BL418" s="487" t="str">
        <f t="shared" si="87"/>
        <v/>
      </c>
      <c r="BM418" s="487" t="str">
        <f t="shared" si="87"/>
        <v/>
      </c>
      <c r="BN418" s="487" t="str">
        <f t="shared" si="87"/>
        <v/>
      </c>
      <c r="BO418" s="487" t="str">
        <f t="shared" si="87"/>
        <v/>
      </c>
      <c r="BP418" s="487" t="str">
        <f t="shared" si="87"/>
        <v/>
      </c>
      <c r="BQ418" s="487" t="str">
        <f t="shared" si="87"/>
        <v/>
      </c>
      <c r="BR418" s="487" t="str">
        <f t="shared" si="87"/>
        <v/>
      </c>
      <c r="BS418" s="487" t="str">
        <f t="shared" si="87"/>
        <v/>
      </c>
      <c r="BT418" s="487" t="str">
        <f t="shared" si="87"/>
        <v/>
      </c>
      <c r="BU418" s="487" t="str">
        <f t="shared" si="87"/>
        <v/>
      </c>
      <c r="BV418" s="487" t="str">
        <f t="shared" si="87"/>
        <v/>
      </c>
      <c r="BW418" s="487" t="str">
        <f t="shared" si="87"/>
        <v/>
      </c>
      <c r="BX418" s="487" t="str">
        <f t="shared" si="88"/>
        <v/>
      </c>
      <c r="BY418" s="487" t="str">
        <f t="shared" si="88"/>
        <v/>
      </c>
      <c r="BZ418" s="487" t="str">
        <f t="shared" si="88"/>
        <v/>
      </c>
      <c r="CA418" s="487" t="str">
        <f t="shared" si="88"/>
        <v/>
      </c>
      <c r="CB418" s="487" t="str">
        <f t="shared" si="88"/>
        <v/>
      </c>
      <c r="CC418" s="487" t="str">
        <f t="shared" si="88"/>
        <v/>
      </c>
      <c r="CD418" s="487" t="str">
        <f t="shared" si="88"/>
        <v/>
      </c>
      <c r="CE418" s="487" t="str">
        <f t="shared" si="88"/>
        <v/>
      </c>
      <c r="CF418" s="487" t="str">
        <f t="shared" si="88"/>
        <v/>
      </c>
      <c r="CG418" s="487" t="str">
        <f t="shared" si="88"/>
        <v/>
      </c>
      <c r="CH418" s="487" t="str">
        <f t="shared" si="88"/>
        <v/>
      </c>
      <c r="CI418" s="487" t="str">
        <f t="shared" si="88"/>
        <v/>
      </c>
      <c r="CJ418" s="487" t="str">
        <f t="shared" si="88"/>
        <v/>
      </c>
      <c r="CK418" s="487" t="str">
        <f t="shared" si="88"/>
        <v/>
      </c>
      <c r="CL418" s="487" t="str">
        <f t="shared" si="88"/>
        <v/>
      </c>
      <c r="CM418" s="487"/>
      <c r="CN418" s="487"/>
      <c r="CO418" s="487"/>
      <c r="CP418" s="487"/>
      <c r="CQ418" s="487"/>
      <c r="CR418" s="487"/>
      <c r="CS418" s="487"/>
      <c r="CT418" s="487"/>
      <c r="CU418" s="487"/>
      <c r="CV418" s="487"/>
      <c r="CW418" s="487"/>
      <c r="CX418" s="487"/>
      <c r="CY418" s="487"/>
      <c r="CZ418" s="487"/>
      <c r="DA418" s="487"/>
      <c r="DB418" s="487"/>
      <c r="DC418" s="487"/>
      <c r="DD418" s="487"/>
      <c r="DE418" s="487"/>
      <c r="DF418" s="487"/>
      <c r="DG418" s="487"/>
      <c r="DH418" s="487"/>
      <c r="DI418" s="486"/>
      <c r="DJ418" s="486"/>
      <c r="DK418" s="486"/>
    </row>
    <row r="419" spans="1:115" ht="56.1" hidden="1" customHeight="1" x14ac:dyDescent="0.2">
      <c r="A419" s="499" t="s">
        <v>2494</v>
      </c>
      <c r="B419" s="483" t="s">
        <v>2495</v>
      </c>
      <c r="C419" s="481">
        <v>747</v>
      </c>
      <c r="D419" s="481"/>
      <c r="E419" s="481" t="s">
        <v>2481</v>
      </c>
      <c r="F419" s="482" t="s">
        <v>53</v>
      </c>
      <c r="G419" s="482" t="s">
        <v>655</v>
      </c>
      <c r="H419" s="507" t="s">
        <v>932</v>
      </c>
      <c r="I419" s="506" t="s">
        <v>987</v>
      </c>
      <c r="J419" s="506" t="s">
        <v>988</v>
      </c>
      <c r="K419" s="506"/>
      <c r="L419" s="77" t="s">
        <v>58</v>
      </c>
      <c r="M419" s="501" t="s">
        <v>833</v>
      </c>
      <c r="N419" s="501"/>
      <c r="O419" s="501" t="s">
        <v>81</v>
      </c>
      <c r="P419" s="77" t="s">
        <v>77</v>
      </c>
      <c r="Q419" s="77"/>
      <c r="R419" s="501" t="s">
        <v>868</v>
      </c>
      <c r="S419" s="76" t="s">
        <v>63</v>
      </c>
      <c r="T419" s="76" t="s">
        <v>63</v>
      </c>
      <c r="U419" s="502">
        <v>2600365.625</v>
      </c>
      <c r="V419" s="502"/>
      <c r="W419" s="494" t="s">
        <v>659</v>
      </c>
      <c r="X419" s="494"/>
      <c r="Y419" s="503">
        <f t="shared" si="85"/>
        <v>2600365.625</v>
      </c>
      <c r="Z419" s="76" t="s">
        <v>65</v>
      </c>
      <c r="AA419" s="486"/>
      <c r="AB419" s="486"/>
      <c r="AC419" s="486"/>
      <c r="AD419" s="486"/>
      <c r="AE419" s="486"/>
      <c r="AF419" s="486"/>
      <c r="AG419" s="486"/>
      <c r="AH419" s="486"/>
      <c r="AI419" s="486"/>
      <c r="AJ419" s="486"/>
      <c r="AK419" s="486"/>
      <c r="AL419" s="486"/>
      <c r="AM419" s="486"/>
      <c r="AN419" s="486"/>
      <c r="AO419" s="486"/>
      <c r="AP419" s="486"/>
      <c r="AQ419" s="486"/>
      <c r="AR419" s="486"/>
      <c r="AS419" s="486"/>
      <c r="AT419" s="486"/>
      <c r="AU419" s="486"/>
      <c r="AV419" s="486"/>
      <c r="AW419" s="486"/>
      <c r="AX419" s="486"/>
      <c r="AY419" s="486"/>
      <c r="AZ419" s="486"/>
      <c r="BA419" s="486"/>
      <c r="BB419" s="486"/>
      <c r="BC419" s="486"/>
      <c r="BD419" s="486"/>
      <c r="BE419" s="486"/>
      <c r="BF419" s="80">
        <f t="shared" si="86"/>
        <v>0</v>
      </c>
      <c r="BG419" s="76"/>
      <c r="BH419" s="487" t="str">
        <f t="shared" si="87"/>
        <v/>
      </c>
      <c r="BI419" s="487" t="str">
        <f t="shared" si="87"/>
        <v/>
      </c>
      <c r="BJ419" s="487" t="str">
        <f t="shared" si="87"/>
        <v/>
      </c>
      <c r="BK419" s="487" t="str">
        <f t="shared" si="87"/>
        <v/>
      </c>
      <c r="BL419" s="487" t="str">
        <f t="shared" si="87"/>
        <v/>
      </c>
      <c r="BM419" s="487" t="str">
        <f t="shared" si="87"/>
        <v/>
      </c>
      <c r="BN419" s="487" t="str">
        <f t="shared" si="87"/>
        <v/>
      </c>
      <c r="BO419" s="487" t="str">
        <f t="shared" si="87"/>
        <v/>
      </c>
      <c r="BP419" s="487" t="str">
        <f t="shared" si="87"/>
        <v/>
      </c>
      <c r="BQ419" s="487" t="str">
        <f t="shared" si="87"/>
        <v/>
      </c>
      <c r="BR419" s="487" t="str">
        <f t="shared" si="87"/>
        <v/>
      </c>
      <c r="BS419" s="487" t="str">
        <f t="shared" si="87"/>
        <v/>
      </c>
      <c r="BT419" s="487" t="str">
        <f t="shared" si="87"/>
        <v/>
      </c>
      <c r="BU419" s="487" t="str">
        <f t="shared" si="87"/>
        <v/>
      </c>
      <c r="BV419" s="487" t="str">
        <f t="shared" si="87"/>
        <v/>
      </c>
      <c r="BW419" s="487" t="str">
        <f t="shared" si="87"/>
        <v/>
      </c>
      <c r="BX419" s="487" t="str">
        <f t="shared" si="88"/>
        <v/>
      </c>
      <c r="BY419" s="487" t="str">
        <f t="shared" si="88"/>
        <v/>
      </c>
      <c r="BZ419" s="487" t="str">
        <f t="shared" si="88"/>
        <v/>
      </c>
      <c r="CA419" s="487" t="str">
        <f t="shared" si="88"/>
        <v/>
      </c>
      <c r="CB419" s="487" t="str">
        <f t="shared" si="88"/>
        <v/>
      </c>
      <c r="CC419" s="487" t="str">
        <f t="shared" si="88"/>
        <v/>
      </c>
      <c r="CD419" s="487" t="str">
        <f t="shared" si="88"/>
        <v/>
      </c>
      <c r="CE419" s="487" t="str">
        <f t="shared" si="88"/>
        <v/>
      </c>
      <c r="CF419" s="487" t="str">
        <f t="shared" si="88"/>
        <v/>
      </c>
      <c r="CG419" s="487" t="str">
        <f t="shared" si="88"/>
        <v/>
      </c>
      <c r="CH419" s="487" t="str">
        <f t="shared" si="88"/>
        <v/>
      </c>
      <c r="CI419" s="487" t="str">
        <f t="shared" si="88"/>
        <v/>
      </c>
      <c r="CJ419" s="487" t="str">
        <f t="shared" si="88"/>
        <v/>
      </c>
      <c r="CK419" s="487" t="str">
        <f t="shared" si="88"/>
        <v/>
      </c>
      <c r="CL419" s="487" t="str">
        <f t="shared" si="88"/>
        <v/>
      </c>
      <c r="CM419" s="487"/>
      <c r="CN419" s="487"/>
      <c r="CO419" s="487"/>
      <c r="CP419" s="487"/>
      <c r="CQ419" s="487"/>
      <c r="CR419" s="487"/>
      <c r="CS419" s="487"/>
      <c r="CT419" s="487"/>
      <c r="CU419" s="487"/>
      <c r="CV419" s="487"/>
      <c r="CW419" s="487"/>
      <c r="CX419" s="487"/>
      <c r="CY419" s="487"/>
      <c r="CZ419" s="487"/>
      <c r="DA419" s="487"/>
      <c r="DB419" s="487"/>
      <c r="DC419" s="487"/>
      <c r="DD419" s="487"/>
      <c r="DE419" s="487"/>
      <c r="DF419" s="487"/>
      <c r="DG419" s="487"/>
      <c r="DH419" s="487"/>
      <c r="DI419" s="486"/>
      <c r="DJ419" s="486"/>
      <c r="DK419" s="486"/>
    </row>
    <row r="420" spans="1:115" ht="56.1" hidden="1" customHeight="1" x14ac:dyDescent="0.2">
      <c r="A420" s="499" t="s">
        <v>2494</v>
      </c>
      <c r="B420" s="483" t="s">
        <v>2495</v>
      </c>
      <c r="C420" s="481">
        <v>748</v>
      </c>
      <c r="D420" s="481"/>
      <c r="E420" s="481" t="s">
        <v>2481</v>
      </c>
      <c r="F420" s="482" t="s">
        <v>53</v>
      </c>
      <c r="G420" s="482" t="s">
        <v>655</v>
      </c>
      <c r="H420" s="501" t="s">
        <v>932</v>
      </c>
      <c r="I420" s="506" t="s">
        <v>989</v>
      </c>
      <c r="J420" s="501" t="s">
        <v>990</v>
      </c>
      <c r="K420" s="501"/>
      <c r="L420" s="77" t="s">
        <v>58</v>
      </c>
      <c r="M420" s="501" t="s">
        <v>833</v>
      </c>
      <c r="N420" s="501"/>
      <c r="O420" s="501" t="s">
        <v>81</v>
      </c>
      <c r="P420" s="77" t="s">
        <v>77</v>
      </c>
      <c r="Q420" s="77"/>
      <c r="R420" s="500" t="s">
        <v>722</v>
      </c>
      <c r="S420" s="76" t="s">
        <v>63</v>
      </c>
      <c r="T420" s="76" t="s">
        <v>63</v>
      </c>
      <c r="U420" s="502">
        <v>45223.75</v>
      </c>
      <c r="V420" s="502"/>
      <c r="W420" s="494" t="s">
        <v>659</v>
      </c>
      <c r="X420" s="494"/>
      <c r="Y420" s="503">
        <f t="shared" si="85"/>
        <v>45223.75</v>
      </c>
      <c r="Z420" s="76" t="s">
        <v>65</v>
      </c>
      <c r="AA420" s="486"/>
      <c r="AB420" s="486"/>
      <c r="AC420" s="486"/>
      <c r="AD420" s="486"/>
      <c r="AE420" s="486"/>
      <c r="AF420" s="486"/>
      <c r="AG420" s="486"/>
      <c r="AH420" s="486"/>
      <c r="AI420" s="486"/>
      <c r="AJ420" s="486"/>
      <c r="AK420" s="486"/>
      <c r="AL420" s="486"/>
      <c r="AM420" s="486"/>
      <c r="AN420" s="486"/>
      <c r="AO420" s="486"/>
      <c r="AP420" s="486"/>
      <c r="AQ420" s="486"/>
      <c r="AR420" s="486"/>
      <c r="AS420" s="486"/>
      <c r="AT420" s="486"/>
      <c r="AU420" s="486"/>
      <c r="AV420" s="486"/>
      <c r="AW420" s="486"/>
      <c r="AX420" s="486"/>
      <c r="AY420" s="486"/>
      <c r="AZ420" s="486"/>
      <c r="BA420" s="486"/>
      <c r="BB420" s="486"/>
      <c r="BC420" s="486"/>
      <c r="BD420" s="486"/>
      <c r="BE420" s="486"/>
      <c r="BF420" s="80">
        <f t="shared" si="86"/>
        <v>0</v>
      </c>
      <c r="BG420" s="76"/>
      <c r="BH420" s="487" t="str">
        <f t="shared" si="87"/>
        <v/>
      </c>
      <c r="BI420" s="487" t="str">
        <f t="shared" si="87"/>
        <v/>
      </c>
      <c r="BJ420" s="487" t="str">
        <f t="shared" si="87"/>
        <v/>
      </c>
      <c r="BK420" s="487" t="str">
        <f t="shared" si="87"/>
        <v/>
      </c>
      <c r="BL420" s="487" t="str">
        <f t="shared" si="87"/>
        <v/>
      </c>
      <c r="BM420" s="487" t="str">
        <f t="shared" si="87"/>
        <v/>
      </c>
      <c r="BN420" s="487" t="str">
        <f t="shared" si="87"/>
        <v/>
      </c>
      <c r="BO420" s="487" t="str">
        <f t="shared" si="87"/>
        <v/>
      </c>
      <c r="BP420" s="487" t="str">
        <f t="shared" si="87"/>
        <v/>
      </c>
      <c r="BQ420" s="487" t="str">
        <f t="shared" si="87"/>
        <v/>
      </c>
      <c r="BR420" s="487" t="str">
        <f t="shared" si="87"/>
        <v/>
      </c>
      <c r="BS420" s="487" t="str">
        <f t="shared" si="87"/>
        <v/>
      </c>
      <c r="BT420" s="487" t="str">
        <f t="shared" si="87"/>
        <v/>
      </c>
      <c r="BU420" s="487" t="str">
        <f t="shared" si="87"/>
        <v/>
      </c>
      <c r="BV420" s="487" t="str">
        <f t="shared" si="87"/>
        <v/>
      </c>
      <c r="BW420" s="487" t="str">
        <f t="shared" si="87"/>
        <v/>
      </c>
      <c r="BX420" s="487" t="str">
        <f t="shared" si="88"/>
        <v/>
      </c>
      <c r="BY420" s="487" t="str">
        <f t="shared" si="88"/>
        <v/>
      </c>
      <c r="BZ420" s="487" t="str">
        <f t="shared" si="88"/>
        <v/>
      </c>
      <c r="CA420" s="487" t="str">
        <f t="shared" si="88"/>
        <v/>
      </c>
      <c r="CB420" s="487" t="str">
        <f t="shared" si="88"/>
        <v/>
      </c>
      <c r="CC420" s="487" t="str">
        <f t="shared" si="88"/>
        <v/>
      </c>
      <c r="CD420" s="487" t="str">
        <f t="shared" si="88"/>
        <v/>
      </c>
      <c r="CE420" s="487" t="str">
        <f t="shared" si="88"/>
        <v/>
      </c>
      <c r="CF420" s="487" t="str">
        <f t="shared" si="88"/>
        <v/>
      </c>
      <c r="CG420" s="487" t="str">
        <f t="shared" si="88"/>
        <v/>
      </c>
      <c r="CH420" s="487" t="str">
        <f t="shared" si="88"/>
        <v/>
      </c>
      <c r="CI420" s="487" t="str">
        <f t="shared" si="88"/>
        <v/>
      </c>
      <c r="CJ420" s="487" t="str">
        <f t="shared" si="88"/>
        <v/>
      </c>
      <c r="CK420" s="487" t="str">
        <f t="shared" si="88"/>
        <v/>
      </c>
      <c r="CL420" s="487" t="str">
        <f t="shared" si="88"/>
        <v/>
      </c>
      <c r="CM420" s="487"/>
      <c r="CN420" s="487"/>
      <c r="CO420" s="487"/>
      <c r="CP420" s="487"/>
      <c r="CQ420" s="487"/>
      <c r="CR420" s="487"/>
      <c r="CS420" s="487"/>
      <c r="CT420" s="487"/>
      <c r="CU420" s="487"/>
      <c r="CV420" s="487"/>
      <c r="CW420" s="487"/>
      <c r="CX420" s="487"/>
      <c r="CY420" s="487"/>
      <c r="CZ420" s="487"/>
      <c r="DA420" s="487"/>
      <c r="DB420" s="487"/>
      <c r="DC420" s="487"/>
      <c r="DD420" s="487"/>
      <c r="DE420" s="487"/>
      <c r="DF420" s="487"/>
      <c r="DG420" s="487"/>
      <c r="DH420" s="487"/>
      <c r="DI420" s="486"/>
      <c r="DJ420" s="486"/>
      <c r="DK420" s="486"/>
    </row>
    <row r="421" spans="1:115" ht="56.1" hidden="1" customHeight="1" x14ac:dyDescent="0.2">
      <c r="A421" s="77" t="s">
        <v>2483</v>
      </c>
      <c r="B421" s="494" t="s">
        <v>2497</v>
      </c>
      <c r="C421" s="481">
        <v>676</v>
      </c>
      <c r="D421" s="481"/>
      <c r="E421" s="481" t="s">
        <v>2481</v>
      </c>
      <c r="F421" s="482" t="s">
        <v>53</v>
      </c>
      <c r="G421" s="482" t="s">
        <v>655</v>
      </c>
      <c r="H421" s="77" t="s">
        <v>656</v>
      </c>
      <c r="I421" s="77" t="s">
        <v>824</v>
      </c>
      <c r="J421" s="77" t="s">
        <v>824</v>
      </c>
      <c r="K421" s="77"/>
      <c r="L421" s="77" t="s">
        <v>215</v>
      </c>
      <c r="M421" s="77" t="s">
        <v>63</v>
      </c>
      <c r="N421" s="77"/>
      <c r="O421" s="517" t="s">
        <v>81</v>
      </c>
      <c r="P421" s="77" t="s">
        <v>77</v>
      </c>
      <c r="Q421" s="77"/>
      <c r="R421" s="517" t="s">
        <v>825</v>
      </c>
      <c r="S421" s="76" t="s">
        <v>63</v>
      </c>
      <c r="T421" s="76" t="s">
        <v>63</v>
      </c>
      <c r="U421" s="76">
        <v>100816</v>
      </c>
      <c r="V421" s="76"/>
      <c r="W421" s="494" t="s">
        <v>659</v>
      </c>
      <c r="X421" s="494"/>
      <c r="Y421" s="76">
        <f t="shared" si="85"/>
        <v>100816</v>
      </c>
      <c r="Z421" s="76" t="s">
        <v>65</v>
      </c>
      <c r="AA421" s="76"/>
      <c r="AB421" s="76"/>
      <c r="AC421" s="76"/>
      <c r="AD421" s="76"/>
      <c r="AE421" s="76"/>
      <c r="AF421" s="76"/>
      <c r="AG421" s="76"/>
      <c r="AH421" s="76"/>
      <c r="AI421" s="76"/>
      <c r="AJ421" s="76"/>
      <c r="AK421" s="76"/>
      <c r="AL421" s="76"/>
      <c r="AM421" s="76"/>
      <c r="AN421" s="76"/>
      <c r="AO421" s="76"/>
      <c r="AP421" s="76"/>
      <c r="AQ421" s="76"/>
      <c r="AR421" s="76"/>
      <c r="AS421" s="76"/>
      <c r="AT421" s="76"/>
      <c r="AU421" s="76"/>
      <c r="AV421" s="76"/>
      <c r="AW421" s="76"/>
      <c r="AX421" s="76"/>
      <c r="AY421" s="76"/>
      <c r="AZ421" s="76"/>
      <c r="BA421" s="76"/>
      <c r="BB421" s="76"/>
      <c r="BC421" s="76"/>
      <c r="BD421" s="76"/>
      <c r="BE421" s="76"/>
      <c r="BF421" s="80">
        <f t="shared" si="86"/>
        <v>0</v>
      </c>
      <c r="BG421" s="76"/>
      <c r="BH421" s="487" t="str">
        <f t="shared" si="87"/>
        <v/>
      </c>
      <c r="BI421" s="487" t="str">
        <f t="shared" si="87"/>
        <v/>
      </c>
      <c r="BJ421" s="487" t="str">
        <f t="shared" si="87"/>
        <v/>
      </c>
      <c r="BK421" s="487" t="str">
        <f t="shared" si="87"/>
        <v/>
      </c>
      <c r="BL421" s="487" t="str">
        <f t="shared" si="87"/>
        <v/>
      </c>
      <c r="BM421" s="487" t="str">
        <f t="shared" si="87"/>
        <v/>
      </c>
      <c r="BN421" s="487" t="str">
        <f t="shared" si="87"/>
        <v/>
      </c>
      <c r="BO421" s="487" t="str">
        <f t="shared" si="87"/>
        <v/>
      </c>
      <c r="BP421" s="487" t="str">
        <f t="shared" si="87"/>
        <v/>
      </c>
      <c r="BQ421" s="487" t="str">
        <f t="shared" si="87"/>
        <v/>
      </c>
      <c r="BR421" s="487" t="str">
        <f t="shared" si="87"/>
        <v/>
      </c>
      <c r="BS421" s="487" t="str">
        <f t="shared" si="87"/>
        <v/>
      </c>
      <c r="BT421" s="487" t="str">
        <f t="shared" si="87"/>
        <v/>
      </c>
      <c r="BU421" s="487" t="str">
        <f t="shared" si="87"/>
        <v/>
      </c>
      <c r="BV421" s="487" t="str">
        <f t="shared" si="87"/>
        <v/>
      </c>
      <c r="BW421" s="487" t="str">
        <f t="shared" si="87"/>
        <v/>
      </c>
      <c r="BX421" s="487" t="str">
        <f t="shared" si="88"/>
        <v/>
      </c>
      <c r="BY421" s="487" t="str">
        <f t="shared" si="88"/>
        <v/>
      </c>
      <c r="BZ421" s="487" t="str">
        <f t="shared" si="88"/>
        <v/>
      </c>
      <c r="CA421" s="487" t="str">
        <f t="shared" si="88"/>
        <v/>
      </c>
      <c r="CB421" s="487" t="str">
        <f t="shared" si="88"/>
        <v/>
      </c>
      <c r="CC421" s="487" t="str">
        <f t="shared" si="88"/>
        <v/>
      </c>
      <c r="CD421" s="487" t="str">
        <f t="shared" si="88"/>
        <v/>
      </c>
      <c r="CE421" s="487" t="str">
        <f t="shared" si="88"/>
        <v/>
      </c>
      <c r="CF421" s="487" t="str">
        <f t="shared" si="88"/>
        <v/>
      </c>
      <c r="CG421" s="487" t="str">
        <f t="shared" si="88"/>
        <v/>
      </c>
      <c r="CH421" s="487" t="str">
        <f t="shared" si="88"/>
        <v/>
      </c>
      <c r="CI421" s="487" t="str">
        <f t="shared" si="88"/>
        <v/>
      </c>
      <c r="CJ421" s="487" t="str">
        <f t="shared" si="88"/>
        <v/>
      </c>
      <c r="CK421" s="487" t="str">
        <f t="shared" si="88"/>
        <v/>
      </c>
      <c r="CL421" s="487" t="str">
        <f t="shared" si="88"/>
        <v/>
      </c>
      <c r="CM421" s="487"/>
      <c r="CN421" s="487"/>
      <c r="CO421" s="487"/>
      <c r="CP421" s="487"/>
      <c r="CQ421" s="487"/>
      <c r="CR421" s="487"/>
      <c r="CS421" s="487"/>
      <c r="CT421" s="487"/>
      <c r="CU421" s="487"/>
      <c r="CV421" s="487"/>
      <c r="CW421" s="487"/>
      <c r="CX421" s="487"/>
      <c r="CY421" s="487"/>
      <c r="CZ421" s="487"/>
      <c r="DA421" s="487"/>
      <c r="DB421" s="487"/>
      <c r="DC421" s="487"/>
      <c r="DD421" s="487"/>
      <c r="DE421" s="487"/>
      <c r="DF421" s="487"/>
      <c r="DG421" s="487"/>
      <c r="DH421" s="487"/>
      <c r="DI421" s="76" t="s">
        <v>660</v>
      </c>
      <c r="DJ421" s="76"/>
      <c r="DK421" s="504" t="s">
        <v>661</v>
      </c>
    </row>
    <row r="422" spans="1:115" ht="56.1" hidden="1" customHeight="1" x14ac:dyDescent="0.2">
      <c r="A422" s="77" t="s">
        <v>2483</v>
      </c>
      <c r="B422" s="494" t="s">
        <v>2497</v>
      </c>
      <c r="C422" s="481">
        <v>677</v>
      </c>
      <c r="D422" s="481"/>
      <c r="E422" s="481" t="s">
        <v>2481</v>
      </c>
      <c r="F422" s="482" t="s">
        <v>53</v>
      </c>
      <c r="G422" s="482" t="s">
        <v>655</v>
      </c>
      <c r="H422" s="77" t="s">
        <v>656</v>
      </c>
      <c r="I422" s="77" t="s">
        <v>826</v>
      </c>
      <c r="J422" s="77" t="s">
        <v>826</v>
      </c>
      <c r="K422" s="77"/>
      <c r="L422" s="77" t="s">
        <v>215</v>
      </c>
      <c r="M422" s="77" t="s">
        <v>63</v>
      </c>
      <c r="N422" s="77"/>
      <c r="O422" s="517" t="s">
        <v>81</v>
      </c>
      <c r="P422" s="77" t="s">
        <v>77</v>
      </c>
      <c r="Q422" s="77"/>
      <c r="R422" s="517" t="s">
        <v>827</v>
      </c>
      <c r="S422" s="76" t="s">
        <v>63</v>
      </c>
      <c r="T422" s="76" t="s">
        <v>63</v>
      </c>
      <c r="U422" s="76">
        <v>1095936</v>
      </c>
      <c r="V422" s="76"/>
      <c r="W422" s="494" t="s">
        <v>659</v>
      </c>
      <c r="X422" s="494"/>
      <c r="Y422" s="76">
        <f t="shared" si="85"/>
        <v>1095936</v>
      </c>
      <c r="Z422" s="76" t="s">
        <v>65</v>
      </c>
      <c r="AA422" s="76"/>
      <c r="AB422" s="76"/>
      <c r="AC422" s="76"/>
      <c r="AD422" s="76"/>
      <c r="AE422" s="76"/>
      <c r="AF422" s="76"/>
      <c r="AG422" s="76"/>
      <c r="AH422" s="76"/>
      <c r="AI422" s="76"/>
      <c r="AJ422" s="76"/>
      <c r="AK422" s="76"/>
      <c r="AL422" s="76"/>
      <c r="AM422" s="76"/>
      <c r="AN422" s="76"/>
      <c r="AO422" s="76"/>
      <c r="AP422" s="76"/>
      <c r="AQ422" s="76"/>
      <c r="AR422" s="76"/>
      <c r="AS422" s="76"/>
      <c r="AT422" s="76"/>
      <c r="AU422" s="76"/>
      <c r="AV422" s="76"/>
      <c r="AW422" s="76"/>
      <c r="AX422" s="76"/>
      <c r="AY422" s="76"/>
      <c r="AZ422" s="76"/>
      <c r="BA422" s="76"/>
      <c r="BB422" s="76"/>
      <c r="BC422" s="76"/>
      <c r="BD422" s="76"/>
      <c r="BE422" s="76"/>
      <c r="BF422" s="80">
        <f t="shared" si="86"/>
        <v>0</v>
      </c>
      <c r="BG422" s="76"/>
      <c r="BH422" s="487" t="str">
        <f t="shared" si="87"/>
        <v/>
      </c>
      <c r="BI422" s="487" t="str">
        <f t="shared" si="87"/>
        <v/>
      </c>
      <c r="BJ422" s="487" t="str">
        <f t="shared" si="87"/>
        <v/>
      </c>
      <c r="BK422" s="487" t="str">
        <f t="shared" si="87"/>
        <v/>
      </c>
      <c r="BL422" s="487" t="str">
        <f t="shared" si="87"/>
        <v/>
      </c>
      <c r="BM422" s="487" t="str">
        <f t="shared" si="87"/>
        <v/>
      </c>
      <c r="BN422" s="487" t="str">
        <f t="shared" si="87"/>
        <v/>
      </c>
      <c r="BO422" s="487" t="str">
        <f t="shared" si="87"/>
        <v/>
      </c>
      <c r="BP422" s="487" t="str">
        <f t="shared" si="87"/>
        <v/>
      </c>
      <c r="BQ422" s="487" t="str">
        <f t="shared" si="87"/>
        <v/>
      </c>
      <c r="BR422" s="487" t="str">
        <f t="shared" si="87"/>
        <v/>
      </c>
      <c r="BS422" s="487" t="str">
        <f t="shared" si="87"/>
        <v/>
      </c>
      <c r="BT422" s="487" t="str">
        <f t="shared" si="87"/>
        <v/>
      </c>
      <c r="BU422" s="487" t="str">
        <f t="shared" si="87"/>
        <v/>
      </c>
      <c r="BV422" s="487" t="str">
        <f t="shared" si="87"/>
        <v/>
      </c>
      <c r="BW422" s="487" t="str">
        <f t="shared" si="87"/>
        <v/>
      </c>
      <c r="BX422" s="487" t="str">
        <f t="shared" si="88"/>
        <v/>
      </c>
      <c r="BY422" s="487" t="str">
        <f t="shared" si="88"/>
        <v/>
      </c>
      <c r="BZ422" s="487" t="str">
        <f t="shared" si="88"/>
        <v/>
      </c>
      <c r="CA422" s="487" t="str">
        <f t="shared" si="88"/>
        <v/>
      </c>
      <c r="CB422" s="487" t="str">
        <f t="shared" si="88"/>
        <v/>
      </c>
      <c r="CC422" s="487" t="str">
        <f t="shared" si="88"/>
        <v/>
      </c>
      <c r="CD422" s="487" t="str">
        <f t="shared" si="88"/>
        <v/>
      </c>
      <c r="CE422" s="487" t="str">
        <f t="shared" si="88"/>
        <v/>
      </c>
      <c r="CF422" s="487" t="str">
        <f t="shared" si="88"/>
        <v/>
      </c>
      <c r="CG422" s="487" t="str">
        <f t="shared" si="88"/>
        <v/>
      </c>
      <c r="CH422" s="487" t="str">
        <f t="shared" si="88"/>
        <v/>
      </c>
      <c r="CI422" s="487" t="str">
        <f t="shared" si="88"/>
        <v/>
      </c>
      <c r="CJ422" s="487" t="str">
        <f t="shared" si="88"/>
        <v/>
      </c>
      <c r="CK422" s="487" t="str">
        <f t="shared" si="88"/>
        <v/>
      </c>
      <c r="CL422" s="487" t="str">
        <f t="shared" si="88"/>
        <v/>
      </c>
      <c r="CM422" s="487"/>
      <c r="CN422" s="487"/>
      <c r="CO422" s="487"/>
      <c r="CP422" s="487"/>
      <c r="CQ422" s="487"/>
      <c r="CR422" s="487"/>
      <c r="CS422" s="487"/>
      <c r="CT422" s="487"/>
      <c r="CU422" s="487"/>
      <c r="CV422" s="487"/>
      <c r="CW422" s="487"/>
      <c r="CX422" s="487"/>
      <c r="CY422" s="487"/>
      <c r="CZ422" s="487"/>
      <c r="DA422" s="487"/>
      <c r="DB422" s="487"/>
      <c r="DC422" s="487"/>
      <c r="DD422" s="487"/>
      <c r="DE422" s="487"/>
      <c r="DF422" s="487"/>
      <c r="DG422" s="487"/>
      <c r="DH422" s="487"/>
      <c r="DI422" s="76" t="s">
        <v>660</v>
      </c>
      <c r="DJ422" s="76"/>
      <c r="DK422" s="504" t="s">
        <v>661</v>
      </c>
    </row>
    <row r="423" spans="1:115" ht="56.1" hidden="1" customHeight="1" x14ac:dyDescent="0.2">
      <c r="A423" s="499" t="s">
        <v>2494</v>
      </c>
      <c r="B423" s="483" t="s">
        <v>2495</v>
      </c>
      <c r="C423" s="481">
        <v>751</v>
      </c>
      <c r="D423" s="481"/>
      <c r="E423" s="481" t="s">
        <v>2481</v>
      </c>
      <c r="F423" s="482" t="s">
        <v>53</v>
      </c>
      <c r="G423" s="482" t="s">
        <v>655</v>
      </c>
      <c r="H423" s="501" t="s">
        <v>932</v>
      </c>
      <c r="I423" s="506" t="s">
        <v>995</v>
      </c>
      <c r="J423" s="506" t="s">
        <v>996</v>
      </c>
      <c r="K423" s="506"/>
      <c r="L423" s="77" t="s">
        <v>58</v>
      </c>
      <c r="M423" s="501" t="s">
        <v>833</v>
      </c>
      <c r="N423" s="501"/>
      <c r="O423" s="501" t="s">
        <v>81</v>
      </c>
      <c r="P423" s="77" t="s">
        <v>77</v>
      </c>
      <c r="Q423" s="77"/>
      <c r="R423" s="500" t="s">
        <v>722</v>
      </c>
      <c r="S423" s="76" t="s">
        <v>63</v>
      </c>
      <c r="T423" s="76" t="s">
        <v>63</v>
      </c>
      <c r="U423" s="502">
        <v>16924.569090000005</v>
      </c>
      <c r="V423" s="502"/>
      <c r="W423" s="494" t="s">
        <v>659</v>
      </c>
      <c r="X423" s="494"/>
      <c r="Y423" s="503">
        <f t="shared" si="85"/>
        <v>16924.569090000005</v>
      </c>
      <c r="Z423" s="76" t="s">
        <v>65</v>
      </c>
      <c r="AA423" s="487"/>
      <c r="AB423" s="487"/>
      <c r="AC423" s="487"/>
      <c r="AD423" s="487"/>
      <c r="AE423" s="487"/>
      <c r="AF423" s="487"/>
      <c r="AG423" s="487"/>
      <c r="AH423" s="487"/>
      <c r="AI423" s="487"/>
      <c r="AJ423" s="487"/>
      <c r="AK423" s="487"/>
      <c r="AL423" s="487"/>
      <c r="AM423" s="487"/>
      <c r="AN423" s="487"/>
      <c r="AO423" s="487"/>
      <c r="AP423" s="487"/>
      <c r="AQ423" s="76"/>
      <c r="AR423" s="487"/>
      <c r="AS423" s="487"/>
      <c r="AT423" s="487"/>
      <c r="AU423" s="76"/>
      <c r="AV423" s="487"/>
      <c r="AW423" s="487"/>
      <c r="AX423" s="487"/>
      <c r="AY423" s="76"/>
      <c r="AZ423" s="487"/>
      <c r="BA423" s="76"/>
      <c r="BB423" s="76"/>
      <c r="BC423" s="487"/>
      <c r="BD423" s="76"/>
      <c r="BE423" s="76"/>
      <c r="BF423" s="80">
        <f t="shared" si="86"/>
        <v>0</v>
      </c>
      <c r="BG423" s="76"/>
      <c r="BH423" s="487" t="str">
        <f t="shared" si="87"/>
        <v/>
      </c>
      <c r="BI423" s="487" t="str">
        <f t="shared" si="87"/>
        <v/>
      </c>
      <c r="BJ423" s="487" t="str">
        <f t="shared" si="87"/>
        <v/>
      </c>
      <c r="BK423" s="487" t="str">
        <f t="shared" si="87"/>
        <v/>
      </c>
      <c r="BL423" s="487" t="str">
        <f t="shared" si="87"/>
        <v/>
      </c>
      <c r="BM423" s="487" t="str">
        <f t="shared" si="87"/>
        <v/>
      </c>
      <c r="BN423" s="487" t="str">
        <f t="shared" si="87"/>
        <v/>
      </c>
      <c r="BO423" s="487" t="str">
        <f t="shared" si="87"/>
        <v/>
      </c>
      <c r="BP423" s="487" t="str">
        <f t="shared" si="87"/>
        <v/>
      </c>
      <c r="BQ423" s="487" t="str">
        <f t="shared" si="87"/>
        <v/>
      </c>
      <c r="BR423" s="487" t="str">
        <f t="shared" si="87"/>
        <v/>
      </c>
      <c r="BS423" s="487" t="str">
        <f t="shared" si="87"/>
        <v/>
      </c>
      <c r="BT423" s="487" t="str">
        <f t="shared" si="87"/>
        <v/>
      </c>
      <c r="BU423" s="487" t="str">
        <f t="shared" si="87"/>
        <v/>
      </c>
      <c r="BV423" s="487" t="str">
        <f t="shared" si="87"/>
        <v/>
      </c>
      <c r="BW423" s="487" t="str">
        <f t="shared" si="87"/>
        <v/>
      </c>
      <c r="BX423" s="487" t="str">
        <f t="shared" si="88"/>
        <v/>
      </c>
      <c r="BY423" s="487" t="str">
        <f t="shared" si="88"/>
        <v/>
      </c>
      <c r="BZ423" s="487" t="str">
        <f t="shared" si="88"/>
        <v/>
      </c>
      <c r="CA423" s="487" t="str">
        <f t="shared" si="88"/>
        <v/>
      </c>
      <c r="CB423" s="487" t="str">
        <f t="shared" si="88"/>
        <v/>
      </c>
      <c r="CC423" s="487" t="str">
        <f t="shared" si="88"/>
        <v/>
      </c>
      <c r="CD423" s="487" t="str">
        <f t="shared" si="88"/>
        <v/>
      </c>
      <c r="CE423" s="487" t="str">
        <f t="shared" si="88"/>
        <v/>
      </c>
      <c r="CF423" s="487" t="str">
        <f t="shared" si="88"/>
        <v/>
      </c>
      <c r="CG423" s="487" t="str">
        <f t="shared" si="88"/>
        <v/>
      </c>
      <c r="CH423" s="487" t="str">
        <f t="shared" si="88"/>
        <v/>
      </c>
      <c r="CI423" s="487" t="str">
        <f t="shared" si="88"/>
        <v/>
      </c>
      <c r="CJ423" s="487" t="str">
        <f t="shared" si="88"/>
        <v/>
      </c>
      <c r="CK423" s="487" t="str">
        <f t="shared" si="88"/>
        <v/>
      </c>
      <c r="CL423" s="487" t="str">
        <f t="shared" si="88"/>
        <v/>
      </c>
      <c r="CM423" s="487"/>
      <c r="CN423" s="487"/>
      <c r="CO423" s="487"/>
      <c r="CP423" s="487"/>
      <c r="CQ423" s="487"/>
      <c r="CR423" s="487"/>
      <c r="CS423" s="487"/>
      <c r="CT423" s="487"/>
      <c r="CU423" s="487"/>
      <c r="CV423" s="487"/>
      <c r="CW423" s="487"/>
      <c r="CX423" s="487"/>
      <c r="CY423" s="487"/>
      <c r="CZ423" s="487"/>
      <c r="DA423" s="487"/>
      <c r="DB423" s="487"/>
      <c r="DC423" s="487"/>
      <c r="DD423" s="487"/>
      <c r="DE423" s="487"/>
      <c r="DF423" s="487"/>
      <c r="DG423" s="487"/>
      <c r="DH423" s="487"/>
      <c r="DI423" s="486"/>
      <c r="DJ423" s="486"/>
      <c r="DK423" s="486"/>
    </row>
    <row r="424" spans="1:115" ht="56.1" hidden="1" customHeight="1" x14ac:dyDescent="0.2">
      <c r="A424" s="499" t="s">
        <v>2494</v>
      </c>
      <c r="B424" s="483" t="s">
        <v>2495</v>
      </c>
      <c r="C424" s="481">
        <v>752</v>
      </c>
      <c r="D424" s="481"/>
      <c r="E424" s="481" t="s">
        <v>2481</v>
      </c>
      <c r="F424" s="482" t="s">
        <v>53</v>
      </c>
      <c r="G424" s="482" t="s">
        <v>655</v>
      </c>
      <c r="H424" s="501" t="s">
        <v>932</v>
      </c>
      <c r="I424" s="506" t="s">
        <v>997</v>
      </c>
      <c r="J424" s="506" t="s">
        <v>998</v>
      </c>
      <c r="K424" s="506"/>
      <c r="L424" s="77" t="s">
        <v>58</v>
      </c>
      <c r="M424" s="501" t="s">
        <v>833</v>
      </c>
      <c r="N424" s="501"/>
      <c r="O424" s="501" t="s">
        <v>81</v>
      </c>
      <c r="P424" s="77" t="s">
        <v>77</v>
      </c>
      <c r="Q424" s="77"/>
      <c r="R424" s="500" t="s">
        <v>722</v>
      </c>
      <c r="S424" s="76" t="s">
        <v>63</v>
      </c>
      <c r="T424" s="76" t="s">
        <v>63</v>
      </c>
      <c r="U424" s="502">
        <v>11305.9375</v>
      </c>
      <c r="V424" s="502"/>
      <c r="W424" s="494" t="s">
        <v>659</v>
      </c>
      <c r="X424" s="494"/>
      <c r="Y424" s="503">
        <f t="shared" si="85"/>
        <v>11305.9375</v>
      </c>
      <c r="Z424" s="76" t="s">
        <v>65</v>
      </c>
      <c r="AA424" s="486"/>
      <c r="AB424" s="486"/>
      <c r="AC424" s="486"/>
      <c r="AD424" s="486"/>
      <c r="AE424" s="486"/>
      <c r="AF424" s="486"/>
      <c r="AG424" s="486"/>
      <c r="AH424" s="486"/>
      <c r="AI424" s="486"/>
      <c r="AJ424" s="486"/>
      <c r="AK424" s="486"/>
      <c r="AL424" s="486"/>
      <c r="AM424" s="486"/>
      <c r="AN424" s="486"/>
      <c r="AO424" s="486"/>
      <c r="AP424" s="486"/>
      <c r="AQ424" s="486"/>
      <c r="AR424" s="486"/>
      <c r="AS424" s="486"/>
      <c r="AT424" s="486"/>
      <c r="AU424" s="486"/>
      <c r="AV424" s="486"/>
      <c r="AW424" s="486"/>
      <c r="AX424" s="486"/>
      <c r="AY424" s="486"/>
      <c r="AZ424" s="486"/>
      <c r="BA424" s="486"/>
      <c r="BB424" s="486"/>
      <c r="BC424" s="486"/>
      <c r="BD424" s="486"/>
      <c r="BE424" s="486"/>
      <c r="BF424" s="80">
        <f t="shared" si="86"/>
        <v>0</v>
      </c>
      <c r="BG424" s="76"/>
      <c r="BH424" s="487" t="str">
        <f t="shared" si="87"/>
        <v/>
      </c>
      <c r="BI424" s="487" t="str">
        <f t="shared" si="87"/>
        <v/>
      </c>
      <c r="BJ424" s="487" t="str">
        <f t="shared" si="87"/>
        <v/>
      </c>
      <c r="BK424" s="487" t="str">
        <f t="shared" si="87"/>
        <v/>
      </c>
      <c r="BL424" s="487" t="str">
        <f t="shared" si="87"/>
        <v/>
      </c>
      <c r="BM424" s="487" t="str">
        <f t="shared" si="87"/>
        <v/>
      </c>
      <c r="BN424" s="487" t="str">
        <f t="shared" si="87"/>
        <v/>
      </c>
      <c r="BO424" s="487" t="str">
        <f t="shared" si="87"/>
        <v/>
      </c>
      <c r="BP424" s="487" t="str">
        <f t="shared" si="87"/>
        <v/>
      </c>
      <c r="BQ424" s="487" t="str">
        <f t="shared" si="87"/>
        <v/>
      </c>
      <c r="BR424" s="487" t="str">
        <f t="shared" si="87"/>
        <v/>
      </c>
      <c r="BS424" s="487" t="str">
        <f t="shared" si="87"/>
        <v/>
      </c>
      <c r="BT424" s="487" t="str">
        <f t="shared" si="87"/>
        <v/>
      </c>
      <c r="BU424" s="487" t="str">
        <f t="shared" si="87"/>
        <v/>
      </c>
      <c r="BV424" s="487" t="str">
        <f t="shared" si="87"/>
        <v/>
      </c>
      <c r="BW424" s="487" t="str">
        <f t="shared" si="87"/>
        <v/>
      </c>
      <c r="BX424" s="487" t="str">
        <f t="shared" si="88"/>
        <v/>
      </c>
      <c r="BY424" s="487" t="str">
        <f t="shared" si="88"/>
        <v/>
      </c>
      <c r="BZ424" s="487" t="str">
        <f t="shared" si="88"/>
        <v/>
      </c>
      <c r="CA424" s="487" t="str">
        <f t="shared" si="88"/>
        <v/>
      </c>
      <c r="CB424" s="487" t="str">
        <f t="shared" si="88"/>
        <v/>
      </c>
      <c r="CC424" s="487" t="str">
        <f t="shared" si="88"/>
        <v/>
      </c>
      <c r="CD424" s="487" t="str">
        <f t="shared" si="88"/>
        <v/>
      </c>
      <c r="CE424" s="487" t="str">
        <f t="shared" si="88"/>
        <v/>
      </c>
      <c r="CF424" s="487" t="str">
        <f t="shared" si="88"/>
        <v/>
      </c>
      <c r="CG424" s="487" t="str">
        <f t="shared" si="88"/>
        <v/>
      </c>
      <c r="CH424" s="487" t="str">
        <f t="shared" si="88"/>
        <v/>
      </c>
      <c r="CI424" s="487" t="str">
        <f t="shared" si="88"/>
        <v/>
      </c>
      <c r="CJ424" s="487" t="str">
        <f t="shared" si="88"/>
        <v/>
      </c>
      <c r="CK424" s="487" t="str">
        <f t="shared" si="88"/>
        <v/>
      </c>
      <c r="CL424" s="487" t="str">
        <f t="shared" si="88"/>
        <v/>
      </c>
      <c r="CM424" s="487"/>
      <c r="CN424" s="487"/>
      <c r="CO424" s="487"/>
      <c r="CP424" s="487"/>
      <c r="CQ424" s="487"/>
      <c r="CR424" s="487"/>
      <c r="CS424" s="487"/>
      <c r="CT424" s="487"/>
      <c r="CU424" s="487"/>
      <c r="CV424" s="487"/>
      <c r="CW424" s="487"/>
      <c r="CX424" s="487"/>
      <c r="CY424" s="487"/>
      <c r="CZ424" s="487"/>
      <c r="DA424" s="487"/>
      <c r="DB424" s="487"/>
      <c r="DC424" s="487"/>
      <c r="DD424" s="487"/>
      <c r="DE424" s="487"/>
      <c r="DF424" s="487"/>
      <c r="DG424" s="487"/>
      <c r="DH424" s="487"/>
      <c r="DI424" s="486"/>
      <c r="DJ424" s="486"/>
      <c r="DK424" s="486"/>
    </row>
    <row r="425" spans="1:115" ht="56.1" hidden="1" customHeight="1" x14ac:dyDescent="0.2">
      <c r="A425" s="499" t="s">
        <v>2494</v>
      </c>
      <c r="B425" s="483" t="s">
        <v>2495</v>
      </c>
      <c r="C425" s="481">
        <v>753</v>
      </c>
      <c r="D425" s="481"/>
      <c r="E425" s="481" t="s">
        <v>2481</v>
      </c>
      <c r="F425" s="482" t="s">
        <v>53</v>
      </c>
      <c r="G425" s="482" t="s">
        <v>655</v>
      </c>
      <c r="H425" s="501" t="s">
        <v>932</v>
      </c>
      <c r="I425" s="506" t="s">
        <v>999</v>
      </c>
      <c r="J425" s="506" t="s">
        <v>1000</v>
      </c>
      <c r="K425" s="506"/>
      <c r="L425" s="77" t="s">
        <v>58</v>
      </c>
      <c r="M425" s="501" t="s">
        <v>833</v>
      </c>
      <c r="N425" s="501"/>
      <c r="O425" s="501" t="s">
        <v>81</v>
      </c>
      <c r="P425" s="77" t="s">
        <v>77</v>
      </c>
      <c r="Q425" s="77"/>
      <c r="R425" s="500" t="s">
        <v>722</v>
      </c>
      <c r="S425" s="76" t="s">
        <v>63</v>
      </c>
      <c r="T425" s="76" t="s">
        <v>63</v>
      </c>
      <c r="U425" s="502">
        <v>388.513125</v>
      </c>
      <c r="V425" s="502"/>
      <c r="W425" s="494" t="s">
        <v>659</v>
      </c>
      <c r="X425" s="494"/>
      <c r="Y425" s="503">
        <f t="shared" si="85"/>
        <v>388.513125</v>
      </c>
      <c r="Z425" s="76" t="s">
        <v>65</v>
      </c>
      <c r="AA425" s="487"/>
      <c r="AB425" s="487"/>
      <c r="AC425" s="487"/>
      <c r="AD425" s="487"/>
      <c r="AE425" s="487"/>
      <c r="AF425" s="487"/>
      <c r="AG425" s="487"/>
      <c r="AH425" s="487"/>
      <c r="AI425" s="487"/>
      <c r="AJ425" s="487"/>
      <c r="AK425" s="487"/>
      <c r="AL425" s="487"/>
      <c r="AM425" s="487"/>
      <c r="AN425" s="487"/>
      <c r="AO425" s="487"/>
      <c r="AP425" s="487"/>
      <c r="AQ425" s="76"/>
      <c r="AR425" s="487"/>
      <c r="AS425" s="487"/>
      <c r="AT425" s="487"/>
      <c r="AU425" s="76"/>
      <c r="AV425" s="487"/>
      <c r="AW425" s="487"/>
      <c r="AX425" s="487"/>
      <c r="AY425" s="76"/>
      <c r="AZ425" s="487"/>
      <c r="BA425" s="76"/>
      <c r="BB425" s="76"/>
      <c r="BC425" s="487"/>
      <c r="BD425" s="76"/>
      <c r="BE425" s="76"/>
      <c r="BF425" s="80">
        <f t="shared" si="86"/>
        <v>0</v>
      </c>
      <c r="BG425" s="76"/>
      <c r="BH425" s="487" t="str">
        <f t="shared" si="87"/>
        <v/>
      </c>
      <c r="BI425" s="487" t="str">
        <f t="shared" si="87"/>
        <v/>
      </c>
      <c r="BJ425" s="487" t="str">
        <f t="shared" si="87"/>
        <v/>
      </c>
      <c r="BK425" s="487" t="str">
        <f t="shared" si="87"/>
        <v/>
      </c>
      <c r="BL425" s="487" t="str">
        <f t="shared" si="87"/>
        <v/>
      </c>
      <c r="BM425" s="487" t="str">
        <f t="shared" si="87"/>
        <v/>
      </c>
      <c r="BN425" s="487" t="str">
        <f t="shared" si="87"/>
        <v/>
      </c>
      <c r="BO425" s="487" t="str">
        <f t="shared" si="87"/>
        <v/>
      </c>
      <c r="BP425" s="487" t="str">
        <f t="shared" si="87"/>
        <v/>
      </c>
      <c r="BQ425" s="487" t="str">
        <f t="shared" si="87"/>
        <v/>
      </c>
      <c r="BR425" s="487" t="str">
        <f t="shared" si="87"/>
        <v/>
      </c>
      <c r="BS425" s="487" t="str">
        <f t="shared" si="87"/>
        <v/>
      </c>
      <c r="BT425" s="487" t="str">
        <f t="shared" si="87"/>
        <v/>
      </c>
      <c r="BU425" s="487" t="str">
        <f t="shared" si="87"/>
        <v/>
      </c>
      <c r="BV425" s="487" t="str">
        <f t="shared" si="87"/>
        <v/>
      </c>
      <c r="BW425" s="487" t="str">
        <f t="shared" si="87"/>
        <v/>
      </c>
      <c r="BX425" s="487" t="str">
        <f t="shared" si="88"/>
        <v/>
      </c>
      <c r="BY425" s="487" t="str">
        <f t="shared" si="88"/>
        <v/>
      </c>
      <c r="BZ425" s="487" t="str">
        <f t="shared" si="88"/>
        <v/>
      </c>
      <c r="CA425" s="487" t="str">
        <f t="shared" si="88"/>
        <v/>
      </c>
      <c r="CB425" s="487" t="str">
        <f t="shared" si="88"/>
        <v/>
      </c>
      <c r="CC425" s="487" t="str">
        <f t="shared" si="88"/>
        <v/>
      </c>
      <c r="CD425" s="487" t="str">
        <f t="shared" si="88"/>
        <v/>
      </c>
      <c r="CE425" s="487" t="str">
        <f t="shared" si="88"/>
        <v/>
      </c>
      <c r="CF425" s="487" t="str">
        <f t="shared" si="88"/>
        <v/>
      </c>
      <c r="CG425" s="487" t="str">
        <f t="shared" si="88"/>
        <v/>
      </c>
      <c r="CH425" s="487" t="str">
        <f t="shared" si="88"/>
        <v/>
      </c>
      <c r="CI425" s="487" t="str">
        <f t="shared" si="88"/>
        <v/>
      </c>
      <c r="CJ425" s="487" t="str">
        <f t="shared" si="88"/>
        <v/>
      </c>
      <c r="CK425" s="487" t="str">
        <f t="shared" si="88"/>
        <v/>
      </c>
      <c r="CL425" s="487" t="str">
        <f t="shared" si="88"/>
        <v/>
      </c>
      <c r="CM425" s="487"/>
      <c r="CN425" s="487"/>
      <c r="CO425" s="487"/>
      <c r="CP425" s="487"/>
      <c r="CQ425" s="487"/>
      <c r="CR425" s="487"/>
      <c r="CS425" s="487"/>
      <c r="CT425" s="487"/>
      <c r="CU425" s="487"/>
      <c r="CV425" s="487"/>
      <c r="CW425" s="487"/>
      <c r="CX425" s="487"/>
      <c r="CY425" s="487"/>
      <c r="CZ425" s="487"/>
      <c r="DA425" s="487"/>
      <c r="DB425" s="487"/>
      <c r="DC425" s="487"/>
      <c r="DD425" s="487"/>
      <c r="DE425" s="487"/>
      <c r="DF425" s="487"/>
      <c r="DG425" s="487"/>
      <c r="DH425" s="487"/>
      <c r="DI425" s="486"/>
      <c r="DJ425" s="486"/>
      <c r="DK425" s="486"/>
    </row>
    <row r="426" spans="1:115" ht="56.1" hidden="1" customHeight="1" x14ac:dyDescent="0.2">
      <c r="A426" s="499" t="s">
        <v>2494</v>
      </c>
      <c r="B426" s="483" t="s">
        <v>2495</v>
      </c>
      <c r="C426" s="481">
        <v>754</v>
      </c>
      <c r="D426" s="481"/>
      <c r="E426" s="481" t="s">
        <v>2481</v>
      </c>
      <c r="F426" s="482" t="s">
        <v>53</v>
      </c>
      <c r="G426" s="482" t="s">
        <v>655</v>
      </c>
      <c r="H426" s="501" t="s">
        <v>932</v>
      </c>
      <c r="I426" s="506" t="s">
        <v>1001</v>
      </c>
      <c r="J426" s="506" t="s">
        <v>1002</v>
      </c>
      <c r="K426" s="506"/>
      <c r="L426" s="77" t="s">
        <v>58</v>
      </c>
      <c r="M426" s="501" t="s">
        <v>833</v>
      </c>
      <c r="N426" s="501"/>
      <c r="O426" s="501" t="s">
        <v>81</v>
      </c>
      <c r="P426" s="77" t="s">
        <v>77</v>
      </c>
      <c r="Q426" s="77"/>
      <c r="R426" s="500" t="s">
        <v>722</v>
      </c>
      <c r="S426" s="76" t="s">
        <v>63</v>
      </c>
      <c r="T426" s="76" t="s">
        <v>63</v>
      </c>
      <c r="U426" s="502">
        <v>5726.41212</v>
      </c>
      <c r="V426" s="502"/>
      <c r="W426" s="494" t="s">
        <v>659</v>
      </c>
      <c r="X426" s="494"/>
      <c r="Y426" s="503">
        <f t="shared" si="85"/>
        <v>5726.41212</v>
      </c>
      <c r="Z426" s="76" t="s">
        <v>65</v>
      </c>
      <c r="AA426" s="487"/>
      <c r="AB426" s="487"/>
      <c r="AC426" s="487"/>
      <c r="AD426" s="487"/>
      <c r="AE426" s="487"/>
      <c r="AF426" s="487"/>
      <c r="AG426" s="487"/>
      <c r="AH426" s="487"/>
      <c r="AI426" s="487"/>
      <c r="AJ426" s="487"/>
      <c r="AK426" s="487"/>
      <c r="AL426" s="487"/>
      <c r="AM426" s="487"/>
      <c r="AN426" s="487"/>
      <c r="AO426" s="487"/>
      <c r="AP426" s="487"/>
      <c r="AQ426" s="76"/>
      <c r="AR426" s="487"/>
      <c r="AS426" s="487"/>
      <c r="AT426" s="487"/>
      <c r="AU426" s="76"/>
      <c r="AV426" s="487"/>
      <c r="AW426" s="487"/>
      <c r="AX426" s="487"/>
      <c r="AY426" s="76"/>
      <c r="AZ426" s="487"/>
      <c r="BA426" s="76"/>
      <c r="BB426" s="76"/>
      <c r="BC426" s="487"/>
      <c r="BD426" s="76"/>
      <c r="BE426" s="76"/>
      <c r="BF426" s="80">
        <f t="shared" si="86"/>
        <v>0</v>
      </c>
      <c r="BG426" s="76"/>
      <c r="BH426" s="487" t="str">
        <f t="shared" si="87"/>
        <v/>
      </c>
      <c r="BI426" s="487" t="str">
        <f t="shared" si="87"/>
        <v/>
      </c>
      <c r="BJ426" s="487" t="str">
        <f t="shared" si="87"/>
        <v/>
      </c>
      <c r="BK426" s="487" t="str">
        <f t="shared" si="87"/>
        <v/>
      </c>
      <c r="BL426" s="487" t="str">
        <f t="shared" si="87"/>
        <v/>
      </c>
      <c r="BM426" s="487" t="str">
        <f t="shared" si="87"/>
        <v/>
      </c>
      <c r="BN426" s="487" t="str">
        <f t="shared" si="87"/>
        <v/>
      </c>
      <c r="BO426" s="487" t="str">
        <f t="shared" si="87"/>
        <v/>
      </c>
      <c r="BP426" s="487" t="str">
        <f t="shared" si="87"/>
        <v/>
      </c>
      <c r="BQ426" s="487" t="str">
        <f t="shared" si="87"/>
        <v/>
      </c>
      <c r="BR426" s="487" t="str">
        <f t="shared" si="87"/>
        <v/>
      </c>
      <c r="BS426" s="487" t="str">
        <f t="shared" si="87"/>
        <v/>
      </c>
      <c r="BT426" s="487" t="str">
        <f t="shared" si="87"/>
        <v/>
      </c>
      <c r="BU426" s="487" t="str">
        <f t="shared" si="87"/>
        <v/>
      </c>
      <c r="BV426" s="487" t="str">
        <f t="shared" si="87"/>
        <v/>
      </c>
      <c r="BW426" s="487" t="str">
        <f t="shared" si="87"/>
        <v/>
      </c>
      <c r="BX426" s="487" t="str">
        <f t="shared" si="88"/>
        <v/>
      </c>
      <c r="BY426" s="487" t="str">
        <f t="shared" si="88"/>
        <v/>
      </c>
      <c r="BZ426" s="487" t="str">
        <f t="shared" si="88"/>
        <v/>
      </c>
      <c r="CA426" s="487" t="str">
        <f t="shared" si="88"/>
        <v/>
      </c>
      <c r="CB426" s="487" t="str">
        <f t="shared" si="88"/>
        <v/>
      </c>
      <c r="CC426" s="487" t="str">
        <f t="shared" si="88"/>
        <v/>
      </c>
      <c r="CD426" s="487" t="str">
        <f t="shared" si="88"/>
        <v/>
      </c>
      <c r="CE426" s="487" t="str">
        <f t="shared" si="88"/>
        <v/>
      </c>
      <c r="CF426" s="487" t="str">
        <f t="shared" si="88"/>
        <v/>
      </c>
      <c r="CG426" s="487" t="str">
        <f t="shared" si="88"/>
        <v/>
      </c>
      <c r="CH426" s="487" t="str">
        <f t="shared" si="88"/>
        <v/>
      </c>
      <c r="CI426" s="487" t="str">
        <f t="shared" si="88"/>
        <v/>
      </c>
      <c r="CJ426" s="487" t="str">
        <f t="shared" si="88"/>
        <v/>
      </c>
      <c r="CK426" s="487" t="str">
        <f t="shared" si="88"/>
        <v/>
      </c>
      <c r="CL426" s="487" t="str">
        <f t="shared" si="88"/>
        <v/>
      </c>
      <c r="CM426" s="487"/>
      <c r="CN426" s="487"/>
      <c r="CO426" s="487"/>
      <c r="CP426" s="487"/>
      <c r="CQ426" s="487"/>
      <c r="CR426" s="487"/>
      <c r="CS426" s="487"/>
      <c r="CT426" s="487"/>
      <c r="CU426" s="487"/>
      <c r="CV426" s="487"/>
      <c r="CW426" s="487"/>
      <c r="CX426" s="487"/>
      <c r="CY426" s="487"/>
      <c r="CZ426" s="487"/>
      <c r="DA426" s="487"/>
      <c r="DB426" s="487"/>
      <c r="DC426" s="487"/>
      <c r="DD426" s="487"/>
      <c r="DE426" s="487"/>
      <c r="DF426" s="487"/>
      <c r="DG426" s="487"/>
      <c r="DH426" s="487"/>
      <c r="DI426" s="486"/>
      <c r="DJ426" s="486"/>
      <c r="DK426" s="486"/>
    </row>
    <row r="427" spans="1:115" ht="56.1" hidden="1" customHeight="1" x14ac:dyDescent="0.2">
      <c r="A427" s="499" t="s">
        <v>2494</v>
      </c>
      <c r="B427" s="483" t="s">
        <v>2495</v>
      </c>
      <c r="C427" s="481">
        <v>755</v>
      </c>
      <c r="D427" s="481"/>
      <c r="E427" s="481" t="s">
        <v>2481</v>
      </c>
      <c r="F427" s="482" t="s">
        <v>53</v>
      </c>
      <c r="G427" s="482" t="s">
        <v>655</v>
      </c>
      <c r="H427" s="501" t="s">
        <v>932</v>
      </c>
      <c r="I427" s="506" t="s">
        <v>1003</v>
      </c>
      <c r="J427" s="506" t="s">
        <v>1004</v>
      </c>
      <c r="K427" s="506"/>
      <c r="L427" s="77" t="s">
        <v>58</v>
      </c>
      <c r="M427" s="501" t="s">
        <v>833</v>
      </c>
      <c r="N427" s="501"/>
      <c r="O427" s="501" t="s">
        <v>81</v>
      </c>
      <c r="P427" s="77" t="s">
        <v>77</v>
      </c>
      <c r="Q427" s="77"/>
      <c r="R427" s="500" t="s">
        <v>722</v>
      </c>
      <c r="S427" s="76" t="s">
        <v>63</v>
      </c>
      <c r="T427" s="76" t="s">
        <v>63</v>
      </c>
      <c r="U427" s="502">
        <v>10758.582119999999</v>
      </c>
      <c r="V427" s="502"/>
      <c r="W427" s="494" t="s">
        <v>659</v>
      </c>
      <c r="X427" s="494"/>
      <c r="Y427" s="503">
        <f t="shared" si="85"/>
        <v>10758.582119999999</v>
      </c>
      <c r="Z427" s="76" t="s">
        <v>65</v>
      </c>
      <c r="AA427" s="487"/>
      <c r="AB427" s="487"/>
      <c r="AC427" s="487"/>
      <c r="AD427" s="487"/>
      <c r="AE427" s="487"/>
      <c r="AF427" s="487"/>
      <c r="AG427" s="487"/>
      <c r="AH427" s="487"/>
      <c r="AI427" s="487"/>
      <c r="AJ427" s="487"/>
      <c r="AK427" s="487"/>
      <c r="AL427" s="487"/>
      <c r="AM427" s="487"/>
      <c r="AN427" s="487"/>
      <c r="AO427" s="487"/>
      <c r="AP427" s="487"/>
      <c r="AQ427" s="76"/>
      <c r="AR427" s="487"/>
      <c r="AS427" s="487"/>
      <c r="AT427" s="487"/>
      <c r="AU427" s="76"/>
      <c r="AV427" s="487"/>
      <c r="AW427" s="487"/>
      <c r="AX427" s="487"/>
      <c r="AY427" s="76"/>
      <c r="AZ427" s="487"/>
      <c r="BA427" s="76"/>
      <c r="BB427" s="76"/>
      <c r="BC427" s="487"/>
      <c r="BD427" s="76"/>
      <c r="BE427" s="76"/>
      <c r="BF427" s="80">
        <f t="shared" si="86"/>
        <v>0</v>
      </c>
      <c r="BG427" s="76"/>
      <c r="BH427" s="487" t="str">
        <f t="shared" si="87"/>
        <v/>
      </c>
      <c r="BI427" s="487" t="str">
        <f t="shared" si="87"/>
        <v/>
      </c>
      <c r="BJ427" s="487" t="str">
        <f t="shared" si="87"/>
        <v/>
      </c>
      <c r="BK427" s="487" t="str">
        <f t="shared" si="87"/>
        <v/>
      </c>
      <c r="BL427" s="487" t="str">
        <f t="shared" si="87"/>
        <v/>
      </c>
      <c r="BM427" s="487" t="str">
        <f t="shared" si="87"/>
        <v/>
      </c>
      <c r="BN427" s="487" t="str">
        <f t="shared" si="87"/>
        <v/>
      </c>
      <c r="BO427" s="487" t="str">
        <f t="shared" si="87"/>
        <v/>
      </c>
      <c r="BP427" s="487" t="str">
        <f t="shared" si="87"/>
        <v/>
      </c>
      <c r="BQ427" s="487" t="str">
        <f t="shared" si="87"/>
        <v/>
      </c>
      <c r="BR427" s="487" t="str">
        <f t="shared" si="87"/>
        <v/>
      </c>
      <c r="BS427" s="487" t="str">
        <f t="shared" si="87"/>
        <v/>
      </c>
      <c r="BT427" s="487" t="str">
        <f t="shared" si="87"/>
        <v/>
      </c>
      <c r="BU427" s="487" t="str">
        <f t="shared" si="87"/>
        <v/>
      </c>
      <c r="BV427" s="487" t="str">
        <f t="shared" si="87"/>
        <v/>
      </c>
      <c r="BW427" s="487" t="str">
        <f t="shared" si="87"/>
        <v/>
      </c>
      <c r="BX427" s="487" t="str">
        <f t="shared" si="88"/>
        <v/>
      </c>
      <c r="BY427" s="487" t="str">
        <f t="shared" si="88"/>
        <v/>
      </c>
      <c r="BZ427" s="487" t="str">
        <f t="shared" si="88"/>
        <v/>
      </c>
      <c r="CA427" s="487" t="str">
        <f t="shared" si="88"/>
        <v/>
      </c>
      <c r="CB427" s="487" t="str">
        <f t="shared" si="88"/>
        <v/>
      </c>
      <c r="CC427" s="487" t="str">
        <f t="shared" si="88"/>
        <v/>
      </c>
      <c r="CD427" s="487" t="str">
        <f t="shared" si="88"/>
        <v/>
      </c>
      <c r="CE427" s="487" t="str">
        <f t="shared" si="88"/>
        <v/>
      </c>
      <c r="CF427" s="487" t="str">
        <f t="shared" si="88"/>
        <v/>
      </c>
      <c r="CG427" s="487" t="str">
        <f t="shared" si="88"/>
        <v/>
      </c>
      <c r="CH427" s="487" t="str">
        <f t="shared" si="88"/>
        <v/>
      </c>
      <c r="CI427" s="487" t="str">
        <f t="shared" si="88"/>
        <v/>
      </c>
      <c r="CJ427" s="487" t="str">
        <f t="shared" si="88"/>
        <v/>
      </c>
      <c r="CK427" s="487" t="str">
        <f t="shared" si="88"/>
        <v/>
      </c>
      <c r="CL427" s="487" t="str">
        <f t="shared" si="88"/>
        <v/>
      </c>
      <c r="CM427" s="487"/>
      <c r="CN427" s="487"/>
      <c r="CO427" s="487"/>
      <c r="CP427" s="487"/>
      <c r="CQ427" s="487"/>
      <c r="CR427" s="487"/>
      <c r="CS427" s="487"/>
      <c r="CT427" s="487"/>
      <c r="CU427" s="487"/>
      <c r="CV427" s="487"/>
      <c r="CW427" s="487"/>
      <c r="CX427" s="487"/>
      <c r="CY427" s="487"/>
      <c r="CZ427" s="487"/>
      <c r="DA427" s="487"/>
      <c r="DB427" s="487"/>
      <c r="DC427" s="487"/>
      <c r="DD427" s="487"/>
      <c r="DE427" s="487"/>
      <c r="DF427" s="487"/>
      <c r="DG427" s="487"/>
      <c r="DH427" s="487"/>
      <c r="DI427" s="486"/>
      <c r="DJ427" s="486"/>
      <c r="DK427" s="486"/>
    </row>
    <row r="428" spans="1:115" ht="56.1" hidden="1" customHeight="1" x14ac:dyDescent="0.2">
      <c r="A428" s="77" t="s">
        <v>2483</v>
      </c>
      <c r="B428" s="494" t="s">
        <v>2497</v>
      </c>
      <c r="C428" s="481">
        <v>678</v>
      </c>
      <c r="D428" s="481"/>
      <c r="E428" s="481" t="s">
        <v>2481</v>
      </c>
      <c r="F428" s="482" t="s">
        <v>53</v>
      </c>
      <c r="G428" s="482" t="s">
        <v>655</v>
      </c>
      <c r="H428" s="77" t="s">
        <v>656</v>
      </c>
      <c r="I428" s="77" t="s">
        <v>828</v>
      </c>
      <c r="J428" s="77" t="s">
        <v>828</v>
      </c>
      <c r="K428" s="77"/>
      <c r="L428" s="77" t="s">
        <v>215</v>
      </c>
      <c r="M428" s="77" t="s">
        <v>63</v>
      </c>
      <c r="N428" s="77"/>
      <c r="O428" s="517" t="s">
        <v>81</v>
      </c>
      <c r="P428" s="77" t="s">
        <v>77</v>
      </c>
      <c r="Q428" s="77"/>
      <c r="R428" s="517" t="s">
        <v>829</v>
      </c>
      <c r="S428" s="76" t="s">
        <v>63</v>
      </c>
      <c r="T428" s="76" t="s">
        <v>63</v>
      </c>
      <c r="U428" s="485"/>
      <c r="V428" s="485"/>
      <c r="W428" s="494" t="s">
        <v>659</v>
      </c>
      <c r="X428" s="494"/>
      <c r="Y428" s="485"/>
      <c r="Z428" s="76" t="s">
        <v>65</v>
      </c>
      <c r="AA428" s="76"/>
      <c r="AB428" s="76"/>
      <c r="AC428" s="76"/>
      <c r="AD428" s="76"/>
      <c r="AE428" s="76"/>
      <c r="AF428" s="76"/>
      <c r="AG428" s="76"/>
      <c r="AH428" s="76"/>
      <c r="AI428" s="76"/>
      <c r="AJ428" s="76"/>
      <c r="AK428" s="76"/>
      <c r="AL428" s="76"/>
      <c r="AM428" s="76"/>
      <c r="AN428" s="76"/>
      <c r="AO428" s="76"/>
      <c r="AP428" s="76"/>
      <c r="AQ428" s="76"/>
      <c r="AR428" s="76"/>
      <c r="AS428" s="76"/>
      <c r="AT428" s="76"/>
      <c r="AU428" s="76"/>
      <c r="AV428" s="76"/>
      <c r="AW428" s="76"/>
      <c r="AX428" s="76"/>
      <c r="AY428" s="76"/>
      <c r="AZ428" s="76"/>
      <c r="BA428" s="76"/>
      <c r="BB428" s="76"/>
      <c r="BC428" s="76"/>
      <c r="BD428" s="76"/>
      <c r="BE428" s="76"/>
      <c r="BF428" s="80">
        <f t="shared" si="86"/>
        <v>0</v>
      </c>
      <c r="BG428" s="76"/>
      <c r="BH428" s="487" t="str">
        <f t="shared" si="87"/>
        <v/>
      </c>
      <c r="BI428" s="487" t="str">
        <f t="shared" si="87"/>
        <v/>
      </c>
      <c r="BJ428" s="487" t="str">
        <f t="shared" si="87"/>
        <v/>
      </c>
      <c r="BK428" s="487" t="str">
        <f t="shared" si="87"/>
        <v/>
      </c>
      <c r="BL428" s="487" t="str">
        <f t="shared" si="87"/>
        <v/>
      </c>
      <c r="BM428" s="487" t="str">
        <f t="shared" si="87"/>
        <v/>
      </c>
      <c r="BN428" s="487" t="str">
        <f t="shared" si="87"/>
        <v/>
      </c>
      <c r="BO428" s="487" t="str">
        <f t="shared" si="87"/>
        <v/>
      </c>
      <c r="BP428" s="487" t="str">
        <f t="shared" si="87"/>
        <v/>
      </c>
      <c r="BQ428" s="487" t="str">
        <f t="shared" si="87"/>
        <v/>
      </c>
      <c r="BR428" s="487" t="str">
        <f t="shared" si="87"/>
        <v/>
      </c>
      <c r="BS428" s="487" t="str">
        <f t="shared" si="87"/>
        <v/>
      </c>
      <c r="BT428" s="487" t="str">
        <f t="shared" si="87"/>
        <v/>
      </c>
      <c r="BU428" s="487" t="str">
        <f t="shared" si="87"/>
        <v/>
      </c>
      <c r="BV428" s="487" t="str">
        <f t="shared" si="87"/>
        <v/>
      </c>
      <c r="BW428" s="487" t="str">
        <f t="shared" si="87"/>
        <v/>
      </c>
      <c r="BX428" s="487" t="str">
        <f t="shared" si="88"/>
        <v/>
      </c>
      <c r="BY428" s="487" t="str">
        <f t="shared" si="88"/>
        <v/>
      </c>
      <c r="BZ428" s="487" t="str">
        <f t="shared" si="88"/>
        <v/>
      </c>
      <c r="CA428" s="487" t="str">
        <f t="shared" si="88"/>
        <v/>
      </c>
      <c r="CB428" s="487" t="str">
        <f t="shared" si="88"/>
        <v/>
      </c>
      <c r="CC428" s="487" t="str">
        <f t="shared" si="88"/>
        <v/>
      </c>
      <c r="CD428" s="487" t="str">
        <f t="shared" si="88"/>
        <v/>
      </c>
      <c r="CE428" s="487" t="str">
        <f t="shared" si="88"/>
        <v/>
      </c>
      <c r="CF428" s="487" t="str">
        <f t="shared" si="88"/>
        <v/>
      </c>
      <c r="CG428" s="487" t="str">
        <f t="shared" si="88"/>
        <v/>
      </c>
      <c r="CH428" s="487" t="str">
        <f t="shared" si="88"/>
        <v/>
      </c>
      <c r="CI428" s="487" t="str">
        <f t="shared" si="88"/>
        <v/>
      </c>
      <c r="CJ428" s="487" t="str">
        <f t="shared" si="88"/>
        <v/>
      </c>
      <c r="CK428" s="487" t="str">
        <f t="shared" si="88"/>
        <v/>
      </c>
      <c r="CL428" s="487" t="str">
        <f t="shared" si="88"/>
        <v/>
      </c>
      <c r="CM428" s="487"/>
      <c r="CN428" s="487"/>
      <c r="CO428" s="487"/>
      <c r="CP428" s="487"/>
      <c r="CQ428" s="487"/>
      <c r="CR428" s="487"/>
      <c r="CS428" s="487"/>
      <c r="CT428" s="487"/>
      <c r="CU428" s="487"/>
      <c r="CV428" s="487"/>
      <c r="CW428" s="487"/>
      <c r="CX428" s="487"/>
      <c r="CY428" s="487"/>
      <c r="CZ428" s="487"/>
      <c r="DA428" s="487"/>
      <c r="DB428" s="487"/>
      <c r="DC428" s="487"/>
      <c r="DD428" s="487"/>
      <c r="DE428" s="487"/>
      <c r="DF428" s="487"/>
      <c r="DG428" s="487"/>
      <c r="DH428" s="487"/>
      <c r="DI428" s="76" t="s">
        <v>660</v>
      </c>
      <c r="DJ428" s="76"/>
      <c r="DK428" s="504" t="s">
        <v>661</v>
      </c>
    </row>
    <row r="429" spans="1:115" ht="56.1" hidden="1" customHeight="1" x14ac:dyDescent="0.2">
      <c r="A429" s="494" t="s">
        <v>2371</v>
      </c>
      <c r="B429" s="510"/>
      <c r="C429" s="511">
        <v>105</v>
      </c>
      <c r="D429" s="511"/>
      <c r="E429" s="511" t="s">
        <v>2182</v>
      </c>
      <c r="F429" s="512" t="s">
        <v>1385</v>
      </c>
      <c r="G429" s="512" t="s">
        <v>655</v>
      </c>
      <c r="H429" s="513" t="s">
        <v>900</v>
      </c>
      <c r="I429" s="513" t="s">
        <v>2374</v>
      </c>
      <c r="J429" s="514" t="s">
        <v>2375</v>
      </c>
      <c r="K429" s="513" t="s">
        <v>2205</v>
      </c>
      <c r="L429" s="513" t="s">
        <v>2376</v>
      </c>
      <c r="M429" s="513" t="s">
        <v>63</v>
      </c>
      <c r="N429" s="513"/>
      <c r="O429" s="513" t="s">
        <v>81</v>
      </c>
      <c r="P429" s="513" t="s">
        <v>2377</v>
      </c>
      <c r="Q429" s="513"/>
      <c r="R429" s="515" t="s">
        <v>2378</v>
      </c>
      <c r="S429" s="516" t="s">
        <v>63</v>
      </c>
      <c r="T429" s="516" t="s">
        <v>63</v>
      </c>
      <c r="U429" s="516">
        <v>106900000</v>
      </c>
      <c r="V429" s="516"/>
      <c r="W429" s="516" t="s">
        <v>2365</v>
      </c>
      <c r="X429" s="516"/>
      <c r="Y429" s="516" t="s">
        <v>191</v>
      </c>
      <c r="Z429" s="516" t="s">
        <v>245</v>
      </c>
      <c r="AA429" s="516"/>
      <c r="AB429" s="516"/>
      <c r="AC429" s="516"/>
      <c r="AD429" s="516"/>
      <c r="AE429" s="516"/>
      <c r="AF429" s="516"/>
      <c r="AG429" s="516"/>
      <c r="AH429" s="516"/>
      <c r="AI429" s="516"/>
      <c r="AJ429" s="516"/>
      <c r="AK429" s="516"/>
      <c r="AL429" s="516"/>
      <c r="AM429" s="516"/>
      <c r="AN429" s="516"/>
      <c r="AO429" s="516"/>
      <c r="AP429" s="516"/>
      <c r="AQ429" s="516"/>
      <c r="AR429" s="516"/>
      <c r="AS429" s="516"/>
      <c r="AT429" s="516"/>
      <c r="AU429" s="516"/>
      <c r="AV429" s="516"/>
      <c r="AW429" s="516"/>
      <c r="AX429" s="516"/>
      <c r="AY429" s="516"/>
      <c r="AZ429" s="516"/>
      <c r="BA429" s="516"/>
      <c r="BB429" s="516"/>
      <c r="BC429" s="516"/>
      <c r="BD429" s="516"/>
      <c r="BE429" s="516"/>
      <c r="BF429" s="516"/>
      <c r="BG429" s="516"/>
      <c r="BH429" s="516"/>
      <c r="BI429" s="516"/>
      <c r="BJ429" s="516"/>
      <c r="BK429" s="516"/>
      <c r="BL429" s="516"/>
      <c r="BM429" s="516"/>
      <c r="BN429" s="516"/>
      <c r="BO429" s="516"/>
      <c r="BP429" s="516"/>
      <c r="BQ429" s="516"/>
      <c r="BR429" s="516"/>
      <c r="BS429" s="516"/>
      <c r="BT429" s="516"/>
      <c r="BU429" s="516"/>
      <c r="BV429" s="516"/>
      <c r="BW429" s="516"/>
      <c r="BX429" s="516"/>
      <c r="BY429" s="516"/>
      <c r="BZ429" s="516"/>
      <c r="CA429" s="516"/>
      <c r="CB429" s="516"/>
      <c r="CC429" s="516"/>
      <c r="CD429" s="516"/>
      <c r="CE429" s="516"/>
      <c r="CF429" s="516"/>
      <c r="CG429" s="516"/>
      <c r="CH429" s="516"/>
      <c r="CI429" s="516"/>
      <c r="CJ429" s="516"/>
      <c r="CK429" s="516"/>
      <c r="CL429" s="516"/>
      <c r="CM429" s="516"/>
      <c r="CN429" s="516"/>
      <c r="CO429" s="516"/>
      <c r="CP429" s="516"/>
      <c r="CQ429" s="516"/>
      <c r="CR429" s="516"/>
      <c r="CS429" s="516"/>
      <c r="CT429" s="516"/>
      <c r="CU429" s="516" t="s">
        <v>2190</v>
      </c>
      <c r="CV429" s="516" t="s">
        <v>2190</v>
      </c>
      <c r="CW429" s="516" t="s">
        <v>2190</v>
      </c>
      <c r="CX429" s="516" t="s">
        <v>2190</v>
      </c>
      <c r="CY429" s="516"/>
      <c r="CZ429" s="516"/>
      <c r="DA429" s="516"/>
      <c r="DB429" s="516"/>
      <c r="DC429" s="516"/>
      <c r="DD429" s="516"/>
      <c r="DE429" s="516"/>
      <c r="DF429" s="513"/>
      <c r="DG429" s="516" t="s">
        <v>2190</v>
      </c>
      <c r="DH429" s="516"/>
      <c r="DI429" s="513" t="s">
        <v>2379</v>
      </c>
      <c r="DJ429" s="513" t="s">
        <v>2380</v>
      </c>
      <c r="DK429" s="513" t="s">
        <v>2381</v>
      </c>
    </row>
    <row r="430" spans="1:115" ht="56.1" hidden="1" customHeight="1" x14ac:dyDescent="0.2">
      <c r="A430" s="499" t="s">
        <v>2494</v>
      </c>
      <c r="B430" s="483" t="s">
        <v>2495</v>
      </c>
      <c r="C430" s="481">
        <v>758</v>
      </c>
      <c r="D430" s="481"/>
      <c r="E430" s="481" t="s">
        <v>2481</v>
      </c>
      <c r="F430" s="482" t="s">
        <v>53</v>
      </c>
      <c r="G430" s="482" t="s">
        <v>655</v>
      </c>
      <c r="H430" s="501" t="s">
        <v>932</v>
      </c>
      <c r="I430" s="506" t="s">
        <v>1009</v>
      </c>
      <c r="J430" s="506" t="s">
        <v>1010</v>
      </c>
      <c r="K430" s="506"/>
      <c r="L430" s="77" t="s">
        <v>58</v>
      </c>
      <c r="M430" s="501" t="s">
        <v>833</v>
      </c>
      <c r="N430" s="501"/>
      <c r="O430" s="501" t="s">
        <v>81</v>
      </c>
      <c r="P430" s="77" t="s">
        <v>77</v>
      </c>
      <c r="Q430" s="77"/>
      <c r="R430" s="500" t="s">
        <v>722</v>
      </c>
      <c r="S430" s="76" t="s">
        <v>63</v>
      </c>
      <c r="T430" s="76" t="s">
        <v>63</v>
      </c>
      <c r="U430" s="502">
        <v>21645.731250000001</v>
      </c>
      <c r="V430" s="502"/>
      <c r="W430" s="494" t="s">
        <v>659</v>
      </c>
      <c r="X430" s="494"/>
      <c r="Y430" s="503">
        <f t="shared" ref="Y430:Y493" si="89">U430</f>
        <v>21645.731250000001</v>
      </c>
      <c r="Z430" s="76" t="s">
        <v>65</v>
      </c>
      <c r="AA430" s="487"/>
      <c r="AB430" s="487"/>
      <c r="AC430" s="487"/>
      <c r="AD430" s="487"/>
      <c r="AE430" s="487"/>
      <c r="AF430" s="487"/>
      <c r="AG430" s="487"/>
      <c r="AH430" s="487"/>
      <c r="AI430" s="487"/>
      <c r="AJ430" s="487"/>
      <c r="AK430" s="487"/>
      <c r="AL430" s="487"/>
      <c r="AM430" s="487"/>
      <c r="AN430" s="487"/>
      <c r="AO430" s="487"/>
      <c r="AP430" s="487"/>
      <c r="AQ430" s="76"/>
      <c r="AR430" s="487"/>
      <c r="AS430" s="487"/>
      <c r="AT430" s="487"/>
      <c r="AU430" s="76"/>
      <c r="AV430" s="487"/>
      <c r="AW430" s="487"/>
      <c r="AX430" s="487"/>
      <c r="AY430" s="76"/>
      <c r="AZ430" s="487"/>
      <c r="BA430" s="76"/>
      <c r="BB430" s="76"/>
      <c r="BC430" s="487"/>
      <c r="BD430" s="76"/>
      <c r="BE430" s="76"/>
      <c r="BF430" s="80">
        <f t="shared" ref="BF430:BF493" si="90">SUMIF(AA430:BE430,"YES",$AA$2:$BE$2)</f>
        <v>0</v>
      </c>
      <c r="BG430" s="76"/>
      <c r="BH430" s="487" t="str">
        <f t="shared" ref="BH430:BW445" si="91">IF(AA430="yes",(AA$2*$BG430),"")</f>
        <v/>
      </c>
      <c r="BI430" s="487" t="str">
        <f t="shared" si="91"/>
        <v/>
      </c>
      <c r="BJ430" s="487" t="str">
        <f t="shared" si="91"/>
        <v/>
      </c>
      <c r="BK430" s="487" t="str">
        <f t="shared" si="91"/>
        <v/>
      </c>
      <c r="BL430" s="487" t="str">
        <f t="shared" si="91"/>
        <v/>
      </c>
      <c r="BM430" s="487" t="str">
        <f t="shared" si="91"/>
        <v/>
      </c>
      <c r="BN430" s="487" t="str">
        <f t="shared" si="91"/>
        <v/>
      </c>
      <c r="BO430" s="487" t="str">
        <f t="shared" si="91"/>
        <v/>
      </c>
      <c r="BP430" s="487" t="str">
        <f t="shared" si="91"/>
        <v/>
      </c>
      <c r="BQ430" s="487" t="str">
        <f t="shared" si="91"/>
        <v/>
      </c>
      <c r="BR430" s="487" t="str">
        <f t="shared" si="91"/>
        <v/>
      </c>
      <c r="BS430" s="487" t="str">
        <f t="shared" si="91"/>
        <v/>
      </c>
      <c r="BT430" s="487" t="str">
        <f t="shared" si="91"/>
        <v/>
      </c>
      <c r="BU430" s="487" t="str">
        <f t="shared" si="91"/>
        <v/>
      </c>
      <c r="BV430" s="487" t="str">
        <f t="shared" si="91"/>
        <v/>
      </c>
      <c r="BW430" s="487" t="str">
        <f t="shared" si="91"/>
        <v/>
      </c>
      <c r="BX430" s="487" t="str">
        <f t="shared" ref="BX430:CL446" si="92">IF(AQ430="yes",(AQ$2*$BG430),"")</f>
        <v/>
      </c>
      <c r="BY430" s="487" t="str">
        <f t="shared" si="92"/>
        <v/>
      </c>
      <c r="BZ430" s="487" t="str">
        <f t="shared" si="92"/>
        <v/>
      </c>
      <c r="CA430" s="487" t="str">
        <f t="shared" si="92"/>
        <v/>
      </c>
      <c r="CB430" s="487" t="str">
        <f t="shared" si="92"/>
        <v/>
      </c>
      <c r="CC430" s="487" t="str">
        <f t="shared" si="92"/>
        <v/>
      </c>
      <c r="CD430" s="487" t="str">
        <f t="shared" si="92"/>
        <v/>
      </c>
      <c r="CE430" s="487" t="str">
        <f t="shared" si="92"/>
        <v/>
      </c>
      <c r="CF430" s="487" t="str">
        <f t="shared" si="92"/>
        <v/>
      </c>
      <c r="CG430" s="487" t="str">
        <f t="shared" si="92"/>
        <v/>
      </c>
      <c r="CH430" s="487" t="str">
        <f t="shared" si="92"/>
        <v/>
      </c>
      <c r="CI430" s="487" t="str">
        <f t="shared" si="92"/>
        <v/>
      </c>
      <c r="CJ430" s="487" t="str">
        <f t="shared" si="92"/>
        <v/>
      </c>
      <c r="CK430" s="487" t="str">
        <f t="shared" si="92"/>
        <v/>
      </c>
      <c r="CL430" s="487" t="str">
        <f t="shared" si="92"/>
        <v/>
      </c>
      <c r="CM430" s="487"/>
      <c r="CN430" s="487"/>
      <c r="CO430" s="487"/>
      <c r="CP430" s="487"/>
      <c r="CQ430" s="487"/>
      <c r="CR430" s="487"/>
      <c r="CS430" s="487"/>
      <c r="CT430" s="487"/>
      <c r="CU430" s="487"/>
      <c r="CV430" s="487"/>
      <c r="CW430" s="487"/>
      <c r="CX430" s="487"/>
      <c r="CY430" s="487"/>
      <c r="CZ430" s="487"/>
      <c r="DA430" s="487"/>
      <c r="DB430" s="487"/>
      <c r="DC430" s="487"/>
      <c r="DD430" s="487"/>
      <c r="DE430" s="487"/>
      <c r="DF430" s="487"/>
      <c r="DG430" s="487"/>
      <c r="DH430" s="487"/>
      <c r="DI430" s="486"/>
      <c r="DJ430" s="486"/>
      <c r="DK430" s="486"/>
    </row>
    <row r="431" spans="1:115" ht="56.1" hidden="1" customHeight="1" x14ac:dyDescent="0.2">
      <c r="A431" s="499" t="s">
        <v>2494</v>
      </c>
      <c r="B431" s="483" t="s">
        <v>2495</v>
      </c>
      <c r="C431" s="481">
        <v>759</v>
      </c>
      <c r="D431" s="481"/>
      <c r="E431" s="481" t="s">
        <v>2481</v>
      </c>
      <c r="F431" s="482" t="s">
        <v>53</v>
      </c>
      <c r="G431" s="482" t="s">
        <v>655</v>
      </c>
      <c r="H431" s="501" t="s">
        <v>932</v>
      </c>
      <c r="I431" s="506" t="s">
        <v>1011</v>
      </c>
      <c r="J431" s="506" t="s">
        <v>1012</v>
      </c>
      <c r="K431" s="506"/>
      <c r="L431" s="77" t="s">
        <v>58</v>
      </c>
      <c r="M431" s="501" t="s">
        <v>833</v>
      </c>
      <c r="N431" s="501"/>
      <c r="O431" s="501" t="s">
        <v>81</v>
      </c>
      <c r="P431" s="77" t="s">
        <v>77</v>
      </c>
      <c r="Q431" s="77"/>
      <c r="R431" s="500" t="s">
        <v>722</v>
      </c>
      <c r="S431" s="76" t="s">
        <v>63</v>
      </c>
      <c r="T431" s="76" t="s">
        <v>63</v>
      </c>
      <c r="U431" s="508">
        <v>1679.16606</v>
      </c>
      <c r="V431" s="508"/>
      <c r="W431" s="494" t="s">
        <v>659</v>
      </c>
      <c r="X431" s="494"/>
      <c r="Y431" s="503">
        <f t="shared" si="89"/>
        <v>1679.16606</v>
      </c>
      <c r="Z431" s="76" t="s">
        <v>65</v>
      </c>
      <c r="AA431" s="487"/>
      <c r="AB431" s="487"/>
      <c r="AC431" s="487"/>
      <c r="AD431" s="487"/>
      <c r="AE431" s="487"/>
      <c r="AF431" s="487"/>
      <c r="AG431" s="487"/>
      <c r="AH431" s="487"/>
      <c r="AI431" s="487"/>
      <c r="AJ431" s="487"/>
      <c r="AK431" s="487"/>
      <c r="AL431" s="487"/>
      <c r="AM431" s="487"/>
      <c r="AN431" s="487"/>
      <c r="AO431" s="487"/>
      <c r="AP431" s="487"/>
      <c r="AQ431" s="76"/>
      <c r="AR431" s="487"/>
      <c r="AS431" s="487"/>
      <c r="AT431" s="487"/>
      <c r="AU431" s="76"/>
      <c r="AV431" s="487"/>
      <c r="AW431" s="487"/>
      <c r="AX431" s="487"/>
      <c r="AY431" s="76"/>
      <c r="AZ431" s="487"/>
      <c r="BA431" s="76"/>
      <c r="BB431" s="76"/>
      <c r="BC431" s="487"/>
      <c r="BD431" s="76"/>
      <c r="BE431" s="76"/>
      <c r="BF431" s="80">
        <f t="shared" si="90"/>
        <v>0</v>
      </c>
      <c r="BG431" s="76"/>
      <c r="BH431" s="487" t="str">
        <f t="shared" si="91"/>
        <v/>
      </c>
      <c r="BI431" s="487" t="str">
        <f t="shared" si="91"/>
        <v/>
      </c>
      <c r="BJ431" s="487" t="str">
        <f t="shared" si="91"/>
        <v/>
      </c>
      <c r="BK431" s="487" t="str">
        <f t="shared" si="91"/>
        <v/>
      </c>
      <c r="BL431" s="487" t="str">
        <f t="shared" si="91"/>
        <v/>
      </c>
      <c r="BM431" s="487" t="str">
        <f t="shared" si="91"/>
        <v/>
      </c>
      <c r="BN431" s="487" t="str">
        <f t="shared" si="91"/>
        <v/>
      </c>
      <c r="BO431" s="487" t="str">
        <f t="shared" si="91"/>
        <v/>
      </c>
      <c r="BP431" s="487" t="str">
        <f t="shared" si="91"/>
        <v/>
      </c>
      <c r="BQ431" s="487" t="str">
        <f t="shared" si="91"/>
        <v/>
      </c>
      <c r="BR431" s="487" t="str">
        <f t="shared" si="91"/>
        <v/>
      </c>
      <c r="BS431" s="487" t="str">
        <f t="shared" si="91"/>
        <v/>
      </c>
      <c r="BT431" s="487" t="str">
        <f t="shared" si="91"/>
        <v/>
      </c>
      <c r="BU431" s="487" t="str">
        <f t="shared" si="91"/>
        <v/>
      </c>
      <c r="BV431" s="487" t="str">
        <f t="shared" si="91"/>
        <v/>
      </c>
      <c r="BW431" s="487" t="str">
        <f t="shared" si="91"/>
        <v/>
      </c>
      <c r="BX431" s="487" t="str">
        <f t="shared" si="92"/>
        <v/>
      </c>
      <c r="BY431" s="487" t="str">
        <f t="shared" si="92"/>
        <v/>
      </c>
      <c r="BZ431" s="487" t="str">
        <f t="shared" si="92"/>
        <v/>
      </c>
      <c r="CA431" s="487" t="str">
        <f t="shared" si="92"/>
        <v/>
      </c>
      <c r="CB431" s="487" t="str">
        <f t="shared" si="92"/>
        <v/>
      </c>
      <c r="CC431" s="487" t="str">
        <f t="shared" si="92"/>
        <v/>
      </c>
      <c r="CD431" s="487" t="str">
        <f t="shared" si="92"/>
        <v/>
      </c>
      <c r="CE431" s="487" t="str">
        <f t="shared" si="92"/>
        <v/>
      </c>
      <c r="CF431" s="487" t="str">
        <f t="shared" si="92"/>
        <v/>
      </c>
      <c r="CG431" s="487" t="str">
        <f t="shared" si="92"/>
        <v/>
      </c>
      <c r="CH431" s="487" t="str">
        <f t="shared" si="92"/>
        <v/>
      </c>
      <c r="CI431" s="487" t="str">
        <f t="shared" si="92"/>
        <v/>
      </c>
      <c r="CJ431" s="487" t="str">
        <f t="shared" si="92"/>
        <v/>
      </c>
      <c r="CK431" s="487" t="str">
        <f t="shared" si="92"/>
        <v/>
      </c>
      <c r="CL431" s="487" t="str">
        <f t="shared" si="92"/>
        <v/>
      </c>
      <c r="CM431" s="487"/>
      <c r="CN431" s="487"/>
      <c r="CO431" s="487"/>
      <c r="CP431" s="487"/>
      <c r="CQ431" s="487"/>
      <c r="CR431" s="487"/>
      <c r="CS431" s="487"/>
      <c r="CT431" s="487"/>
      <c r="CU431" s="487"/>
      <c r="CV431" s="487"/>
      <c r="CW431" s="487"/>
      <c r="CX431" s="487"/>
      <c r="CY431" s="487"/>
      <c r="CZ431" s="487"/>
      <c r="DA431" s="487"/>
      <c r="DB431" s="487"/>
      <c r="DC431" s="487"/>
      <c r="DD431" s="487"/>
      <c r="DE431" s="487"/>
      <c r="DF431" s="487"/>
      <c r="DG431" s="487"/>
      <c r="DH431" s="487"/>
      <c r="DI431" s="486"/>
      <c r="DJ431" s="486"/>
      <c r="DK431" s="486"/>
    </row>
    <row r="432" spans="1:115" ht="56.1" hidden="1" customHeight="1" x14ac:dyDescent="0.2">
      <c r="A432" s="499" t="s">
        <v>2494</v>
      </c>
      <c r="B432" s="483" t="s">
        <v>2495</v>
      </c>
      <c r="C432" s="481">
        <v>760</v>
      </c>
      <c r="D432" s="481"/>
      <c r="E432" s="481" t="s">
        <v>2481</v>
      </c>
      <c r="F432" s="482" t="s">
        <v>53</v>
      </c>
      <c r="G432" s="482" t="s">
        <v>655</v>
      </c>
      <c r="H432" s="501" t="s">
        <v>932</v>
      </c>
      <c r="I432" s="506" t="s">
        <v>1013</v>
      </c>
      <c r="J432" s="506" t="s">
        <v>1014</v>
      </c>
      <c r="K432" s="506"/>
      <c r="L432" s="77" t="s">
        <v>58</v>
      </c>
      <c r="M432" s="501" t="s">
        <v>833</v>
      </c>
      <c r="N432" s="501"/>
      <c r="O432" s="501" t="s">
        <v>81</v>
      </c>
      <c r="P432" s="77" t="s">
        <v>77</v>
      </c>
      <c r="Q432" s="77"/>
      <c r="R432" s="500" t="s">
        <v>722</v>
      </c>
      <c r="S432" s="76" t="s">
        <v>63</v>
      </c>
      <c r="T432" s="76" t="s">
        <v>63</v>
      </c>
      <c r="U432" s="508">
        <v>22248.029374999998</v>
      </c>
      <c r="V432" s="508"/>
      <c r="W432" s="494" t="s">
        <v>659</v>
      </c>
      <c r="X432" s="494"/>
      <c r="Y432" s="503">
        <f t="shared" si="89"/>
        <v>22248.029374999998</v>
      </c>
      <c r="Z432" s="76" t="s">
        <v>65</v>
      </c>
      <c r="AA432" s="487"/>
      <c r="AB432" s="487"/>
      <c r="AC432" s="487"/>
      <c r="AD432" s="487"/>
      <c r="AE432" s="487"/>
      <c r="AF432" s="487"/>
      <c r="AG432" s="487"/>
      <c r="AH432" s="487"/>
      <c r="AI432" s="487"/>
      <c r="AJ432" s="487"/>
      <c r="AK432" s="487"/>
      <c r="AL432" s="487"/>
      <c r="AM432" s="487"/>
      <c r="AN432" s="487"/>
      <c r="AO432" s="487"/>
      <c r="AP432" s="487"/>
      <c r="AQ432" s="76"/>
      <c r="AR432" s="487"/>
      <c r="AS432" s="487"/>
      <c r="AT432" s="487"/>
      <c r="AU432" s="76"/>
      <c r="AV432" s="487"/>
      <c r="AW432" s="487"/>
      <c r="AX432" s="487"/>
      <c r="AY432" s="76"/>
      <c r="AZ432" s="487"/>
      <c r="BA432" s="76"/>
      <c r="BB432" s="76"/>
      <c r="BC432" s="487"/>
      <c r="BD432" s="76"/>
      <c r="BE432" s="76"/>
      <c r="BF432" s="80">
        <f t="shared" si="90"/>
        <v>0</v>
      </c>
      <c r="BG432" s="76"/>
      <c r="BH432" s="487" t="str">
        <f t="shared" si="91"/>
        <v/>
      </c>
      <c r="BI432" s="487" t="str">
        <f t="shared" si="91"/>
        <v/>
      </c>
      <c r="BJ432" s="487" t="str">
        <f t="shared" si="91"/>
        <v/>
      </c>
      <c r="BK432" s="487" t="str">
        <f t="shared" si="91"/>
        <v/>
      </c>
      <c r="BL432" s="487" t="str">
        <f t="shared" si="91"/>
        <v/>
      </c>
      <c r="BM432" s="487" t="str">
        <f t="shared" si="91"/>
        <v/>
      </c>
      <c r="BN432" s="487" t="str">
        <f t="shared" si="91"/>
        <v/>
      </c>
      <c r="BO432" s="487" t="str">
        <f t="shared" si="91"/>
        <v/>
      </c>
      <c r="BP432" s="487" t="str">
        <f t="shared" si="91"/>
        <v/>
      </c>
      <c r="BQ432" s="487" t="str">
        <f t="shared" si="91"/>
        <v/>
      </c>
      <c r="BR432" s="487" t="str">
        <f t="shared" si="91"/>
        <v/>
      </c>
      <c r="BS432" s="487" t="str">
        <f t="shared" si="91"/>
        <v/>
      </c>
      <c r="BT432" s="487" t="str">
        <f t="shared" si="91"/>
        <v/>
      </c>
      <c r="BU432" s="487" t="str">
        <f t="shared" si="91"/>
        <v/>
      </c>
      <c r="BV432" s="487" t="str">
        <f t="shared" si="91"/>
        <v/>
      </c>
      <c r="BW432" s="487" t="str">
        <f t="shared" si="91"/>
        <v/>
      </c>
      <c r="BX432" s="487" t="str">
        <f t="shared" si="92"/>
        <v/>
      </c>
      <c r="BY432" s="487" t="str">
        <f t="shared" si="92"/>
        <v/>
      </c>
      <c r="BZ432" s="487" t="str">
        <f t="shared" si="92"/>
        <v/>
      </c>
      <c r="CA432" s="487" t="str">
        <f t="shared" si="92"/>
        <v/>
      </c>
      <c r="CB432" s="487" t="str">
        <f t="shared" si="92"/>
        <v/>
      </c>
      <c r="CC432" s="487" t="str">
        <f t="shared" si="92"/>
        <v/>
      </c>
      <c r="CD432" s="487" t="str">
        <f t="shared" si="92"/>
        <v/>
      </c>
      <c r="CE432" s="487" t="str">
        <f t="shared" si="92"/>
        <v/>
      </c>
      <c r="CF432" s="487" t="str">
        <f t="shared" si="92"/>
        <v/>
      </c>
      <c r="CG432" s="487" t="str">
        <f t="shared" si="92"/>
        <v/>
      </c>
      <c r="CH432" s="487" t="str">
        <f t="shared" si="92"/>
        <v/>
      </c>
      <c r="CI432" s="487" t="str">
        <f t="shared" si="92"/>
        <v/>
      </c>
      <c r="CJ432" s="487" t="str">
        <f t="shared" si="92"/>
        <v/>
      </c>
      <c r="CK432" s="487" t="str">
        <f t="shared" si="92"/>
        <v/>
      </c>
      <c r="CL432" s="487" t="str">
        <f t="shared" si="92"/>
        <v/>
      </c>
      <c r="CM432" s="487"/>
      <c r="CN432" s="487"/>
      <c r="CO432" s="487"/>
      <c r="CP432" s="487"/>
      <c r="CQ432" s="487"/>
      <c r="CR432" s="487"/>
      <c r="CS432" s="487"/>
      <c r="CT432" s="487"/>
      <c r="CU432" s="487"/>
      <c r="CV432" s="487"/>
      <c r="CW432" s="487"/>
      <c r="CX432" s="487"/>
      <c r="CY432" s="487"/>
      <c r="CZ432" s="487"/>
      <c r="DA432" s="487"/>
      <c r="DB432" s="487"/>
      <c r="DC432" s="487"/>
      <c r="DD432" s="487"/>
      <c r="DE432" s="487"/>
      <c r="DF432" s="487"/>
      <c r="DG432" s="487"/>
      <c r="DH432" s="487"/>
      <c r="DI432" s="486"/>
      <c r="DJ432" s="486"/>
      <c r="DK432" s="486"/>
    </row>
    <row r="433" spans="1:115" ht="56.1" hidden="1" customHeight="1" x14ac:dyDescent="0.2">
      <c r="A433" s="499" t="s">
        <v>2494</v>
      </c>
      <c r="B433" s="483" t="s">
        <v>2495</v>
      </c>
      <c r="C433" s="481">
        <v>761</v>
      </c>
      <c r="D433" s="481"/>
      <c r="E433" s="481" t="s">
        <v>2481</v>
      </c>
      <c r="F433" s="482" t="s">
        <v>53</v>
      </c>
      <c r="G433" s="482" t="s">
        <v>655</v>
      </c>
      <c r="H433" s="501" t="s">
        <v>932</v>
      </c>
      <c r="I433" s="506" t="s">
        <v>1015</v>
      </c>
      <c r="J433" s="506" t="s">
        <v>1016</v>
      </c>
      <c r="K433" s="506"/>
      <c r="L433" s="77" t="s">
        <v>58</v>
      </c>
      <c r="M433" s="501" t="s">
        <v>833</v>
      </c>
      <c r="N433" s="501"/>
      <c r="O433" s="501" t="s">
        <v>81</v>
      </c>
      <c r="P433" s="77" t="s">
        <v>77</v>
      </c>
      <c r="Q433" s="77"/>
      <c r="R433" s="500" t="s">
        <v>722</v>
      </c>
      <c r="S433" s="76" t="s">
        <v>63</v>
      </c>
      <c r="T433" s="76" t="s">
        <v>63</v>
      </c>
      <c r="U433" s="508">
        <v>105317.33212000001</v>
      </c>
      <c r="V433" s="508"/>
      <c r="W433" s="494" t="s">
        <v>659</v>
      </c>
      <c r="X433" s="494"/>
      <c r="Y433" s="503">
        <f t="shared" si="89"/>
        <v>105317.33212000001</v>
      </c>
      <c r="Z433" s="76" t="s">
        <v>65</v>
      </c>
      <c r="AA433" s="487"/>
      <c r="AB433" s="487"/>
      <c r="AC433" s="487"/>
      <c r="AD433" s="487"/>
      <c r="AE433" s="487"/>
      <c r="AF433" s="487"/>
      <c r="AG433" s="487"/>
      <c r="AH433" s="487"/>
      <c r="AI433" s="487"/>
      <c r="AJ433" s="487"/>
      <c r="AK433" s="487"/>
      <c r="AL433" s="487"/>
      <c r="AM433" s="487"/>
      <c r="AN433" s="487"/>
      <c r="AO433" s="487"/>
      <c r="AP433" s="487"/>
      <c r="AQ433" s="76"/>
      <c r="AR433" s="487"/>
      <c r="AS433" s="487"/>
      <c r="AT433" s="487"/>
      <c r="AU433" s="76"/>
      <c r="AV433" s="487"/>
      <c r="AW433" s="487"/>
      <c r="AX433" s="487"/>
      <c r="AY433" s="76"/>
      <c r="AZ433" s="487"/>
      <c r="BA433" s="76"/>
      <c r="BB433" s="76"/>
      <c r="BC433" s="487"/>
      <c r="BD433" s="76"/>
      <c r="BE433" s="76"/>
      <c r="BF433" s="80">
        <f t="shared" si="90"/>
        <v>0</v>
      </c>
      <c r="BG433" s="76"/>
      <c r="BH433" s="487" t="str">
        <f t="shared" si="91"/>
        <v/>
      </c>
      <c r="BI433" s="487" t="str">
        <f t="shared" si="91"/>
        <v/>
      </c>
      <c r="BJ433" s="487" t="str">
        <f t="shared" si="91"/>
        <v/>
      </c>
      <c r="BK433" s="487" t="str">
        <f t="shared" si="91"/>
        <v/>
      </c>
      <c r="BL433" s="487" t="str">
        <f t="shared" si="91"/>
        <v/>
      </c>
      <c r="BM433" s="487" t="str">
        <f t="shared" si="91"/>
        <v/>
      </c>
      <c r="BN433" s="487" t="str">
        <f t="shared" si="91"/>
        <v/>
      </c>
      <c r="BO433" s="487" t="str">
        <f t="shared" si="91"/>
        <v/>
      </c>
      <c r="BP433" s="487" t="str">
        <f t="shared" si="91"/>
        <v/>
      </c>
      <c r="BQ433" s="487" t="str">
        <f t="shared" si="91"/>
        <v/>
      </c>
      <c r="BR433" s="487" t="str">
        <f t="shared" si="91"/>
        <v/>
      </c>
      <c r="BS433" s="487" t="str">
        <f t="shared" si="91"/>
        <v/>
      </c>
      <c r="BT433" s="487" t="str">
        <f t="shared" si="91"/>
        <v/>
      </c>
      <c r="BU433" s="487" t="str">
        <f t="shared" si="91"/>
        <v/>
      </c>
      <c r="BV433" s="487" t="str">
        <f t="shared" si="91"/>
        <v/>
      </c>
      <c r="BW433" s="487" t="str">
        <f t="shared" si="91"/>
        <v/>
      </c>
      <c r="BX433" s="487" t="str">
        <f t="shared" si="92"/>
        <v/>
      </c>
      <c r="BY433" s="487" t="str">
        <f t="shared" si="92"/>
        <v/>
      </c>
      <c r="BZ433" s="487" t="str">
        <f t="shared" si="92"/>
        <v/>
      </c>
      <c r="CA433" s="487" t="str">
        <f t="shared" si="92"/>
        <v/>
      </c>
      <c r="CB433" s="487" t="str">
        <f t="shared" si="92"/>
        <v/>
      </c>
      <c r="CC433" s="487" t="str">
        <f t="shared" si="92"/>
        <v/>
      </c>
      <c r="CD433" s="487" t="str">
        <f t="shared" si="92"/>
        <v/>
      </c>
      <c r="CE433" s="487" t="str">
        <f t="shared" si="92"/>
        <v/>
      </c>
      <c r="CF433" s="487" t="str">
        <f t="shared" si="92"/>
        <v/>
      </c>
      <c r="CG433" s="487" t="str">
        <f t="shared" si="92"/>
        <v/>
      </c>
      <c r="CH433" s="487" t="str">
        <f t="shared" si="92"/>
        <v/>
      </c>
      <c r="CI433" s="487" t="str">
        <f t="shared" si="92"/>
        <v/>
      </c>
      <c r="CJ433" s="487" t="str">
        <f t="shared" si="92"/>
        <v/>
      </c>
      <c r="CK433" s="487" t="str">
        <f t="shared" si="92"/>
        <v/>
      </c>
      <c r="CL433" s="487" t="str">
        <f t="shared" si="92"/>
        <v/>
      </c>
      <c r="CM433" s="487"/>
      <c r="CN433" s="487"/>
      <c r="CO433" s="487"/>
      <c r="CP433" s="487"/>
      <c r="CQ433" s="487"/>
      <c r="CR433" s="487"/>
      <c r="CS433" s="487"/>
      <c r="CT433" s="487"/>
      <c r="CU433" s="487"/>
      <c r="CV433" s="487"/>
      <c r="CW433" s="487"/>
      <c r="CX433" s="487"/>
      <c r="CY433" s="487"/>
      <c r="CZ433" s="487"/>
      <c r="DA433" s="487"/>
      <c r="DB433" s="487"/>
      <c r="DC433" s="487"/>
      <c r="DD433" s="487"/>
      <c r="DE433" s="487"/>
      <c r="DF433" s="487"/>
      <c r="DG433" s="487"/>
      <c r="DH433" s="487"/>
      <c r="DI433" s="486"/>
      <c r="DJ433" s="486"/>
      <c r="DK433" s="486"/>
    </row>
    <row r="434" spans="1:115" ht="56.1" hidden="1" customHeight="1" x14ac:dyDescent="0.2">
      <c r="A434" s="499" t="s">
        <v>2494</v>
      </c>
      <c r="B434" s="483" t="s">
        <v>2495</v>
      </c>
      <c r="C434" s="481">
        <v>762</v>
      </c>
      <c r="D434" s="481"/>
      <c r="E434" s="481" t="s">
        <v>2481</v>
      </c>
      <c r="F434" s="482" t="s">
        <v>53</v>
      </c>
      <c r="G434" s="482" t="s">
        <v>655</v>
      </c>
      <c r="H434" s="501" t="s">
        <v>932</v>
      </c>
      <c r="I434" s="506" t="s">
        <v>1017</v>
      </c>
      <c r="J434" s="506" t="s">
        <v>1018</v>
      </c>
      <c r="K434" s="506"/>
      <c r="L434" s="77" t="s">
        <v>58</v>
      </c>
      <c r="M434" s="501" t="s">
        <v>833</v>
      </c>
      <c r="N434" s="501"/>
      <c r="O434" s="501" t="s">
        <v>81</v>
      </c>
      <c r="P434" s="77" t="s">
        <v>77</v>
      </c>
      <c r="Q434" s="77"/>
      <c r="R434" s="500" t="s">
        <v>722</v>
      </c>
      <c r="S434" s="76" t="s">
        <v>63</v>
      </c>
      <c r="T434" s="76" t="s">
        <v>63</v>
      </c>
      <c r="U434" s="508">
        <v>19357.54106</v>
      </c>
      <c r="V434" s="508"/>
      <c r="W434" s="494" t="s">
        <v>659</v>
      </c>
      <c r="X434" s="494"/>
      <c r="Y434" s="503">
        <f t="shared" si="89"/>
        <v>19357.54106</v>
      </c>
      <c r="Z434" s="76" t="s">
        <v>65</v>
      </c>
      <c r="AA434" s="487"/>
      <c r="AB434" s="487"/>
      <c r="AC434" s="487"/>
      <c r="AD434" s="487"/>
      <c r="AE434" s="487"/>
      <c r="AF434" s="487"/>
      <c r="AG434" s="487"/>
      <c r="AH434" s="487"/>
      <c r="AI434" s="487"/>
      <c r="AJ434" s="487"/>
      <c r="AK434" s="487"/>
      <c r="AL434" s="487"/>
      <c r="AM434" s="487"/>
      <c r="AN434" s="487"/>
      <c r="AO434" s="487"/>
      <c r="AP434" s="487"/>
      <c r="AQ434" s="76"/>
      <c r="AR434" s="487"/>
      <c r="AS434" s="487"/>
      <c r="AT434" s="487"/>
      <c r="AU434" s="76"/>
      <c r="AV434" s="487"/>
      <c r="AW434" s="487"/>
      <c r="AX434" s="487"/>
      <c r="AY434" s="76"/>
      <c r="AZ434" s="487"/>
      <c r="BA434" s="76"/>
      <c r="BB434" s="76"/>
      <c r="BC434" s="487"/>
      <c r="BD434" s="76"/>
      <c r="BE434" s="76"/>
      <c r="BF434" s="80">
        <f t="shared" si="90"/>
        <v>0</v>
      </c>
      <c r="BG434" s="76"/>
      <c r="BH434" s="487" t="str">
        <f t="shared" si="91"/>
        <v/>
      </c>
      <c r="BI434" s="487" t="str">
        <f t="shared" si="91"/>
        <v/>
      </c>
      <c r="BJ434" s="487" t="str">
        <f t="shared" si="91"/>
        <v/>
      </c>
      <c r="BK434" s="487" t="str">
        <f t="shared" si="91"/>
        <v/>
      </c>
      <c r="BL434" s="487" t="str">
        <f t="shared" si="91"/>
        <v/>
      </c>
      <c r="BM434" s="487" t="str">
        <f t="shared" si="91"/>
        <v/>
      </c>
      <c r="BN434" s="487" t="str">
        <f t="shared" si="91"/>
        <v/>
      </c>
      <c r="BO434" s="487" t="str">
        <f t="shared" si="91"/>
        <v/>
      </c>
      <c r="BP434" s="487" t="str">
        <f t="shared" si="91"/>
        <v/>
      </c>
      <c r="BQ434" s="487" t="str">
        <f t="shared" si="91"/>
        <v/>
      </c>
      <c r="BR434" s="487" t="str">
        <f t="shared" si="91"/>
        <v/>
      </c>
      <c r="BS434" s="487" t="str">
        <f t="shared" si="91"/>
        <v/>
      </c>
      <c r="BT434" s="487" t="str">
        <f t="shared" si="91"/>
        <v/>
      </c>
      <c r="BU434" s="487" t="str">
        <f t="shared" si="91"/>
        <v/>
      </c>
      <c r="BV434" s="487" t="str">
        <f t="shared" si="91"/>
        <v/>
      </c>
      <c r="BW434" s="487" t="str">
        <f t="shared" si="91"/>
        <v/>
      </c>
      <c r="BX434" s="487" t="str">
        <f t="shared" si="92"/>
        <v/>
      </c>
      <c r="BY434" s="487" t="str">
        <f t="shared" si="92"/>
        <v/>
      </c>
      <c r="BZ434" s="487" t="str">
        <f t="shared" si="92"/>
        <v/>
      </c>
      <c r="CA434" s="487" t="str">
        <f t="shared" si="92"/>
        <v/>
      </c>
      <c r="CB434" s="487" t="str">
        <f t="shared" si="92"/>
        <v/>
      </c>
      <c r="CC434" s="487" t="str">
        <f t="shared" si="92"/>
        <v/>
      </c>
      <c r="CD434" s="487" t="str">
        <f t="shared" si="92"/>
        <v/>
      </c>
      <c r="CE434" s="487" t="str">
        <f t="shared" si="92"/>
        <v/>
      </c>
      <c r="CF434" s="487" t="str">
        <f t="shared" si="92"/>
        <v/>
      </c>
      <c r="CG434" s="487" t="str">
        <f t="shared" si="92"/>
        <v/>
      </c>
      <c r="CH434" s="487" t="str">
        <f t="shared" si="92"/>
        <v/>
      </c>
      <c r="CI434" s="487" t="str">
        <f t="shared" si="92"/>
        <v/>
      </c>
      <c r="CJ434" s="487" t="str">
        <f t="shared" si="92"/>
        <v/>
      </c>
      <c r="CK434" s="487" t="str">
        <f t="shared" si="92"/>
        <v/>
      </c>
      <c r="CL434" s="487" t="str">
        <f t="shared" si="92"/>
        <v/>
      </c>
      <c r="CM434" s="487"/>
      <c r="CN434" s="487"/>
      <c r="CO434" s="487"/>
      <c r="CP434" s="487"/>
      <c r="CQ434" s="487"/>
      <c r="CR434" s="487"/>
      <c r="CS434" s="487"/>
      <c r="CT434" s="487"/>
      <c r="CU434" s="487"/>
      <c r="CV434" s="487"/>
      <c r="CW434" s="487"/>
      <c r="CX434" s="487"/>
      <c r="CY434" s="487"/>
      <c r="CZ434" s="487"/>
      <c r="DA434" s="487"/>
      <c r="DB434" s="487"/>
      <c r="DC434" s="487"/>
      <c r="DD434" s="487"/>
      <c r="DE434" s="487"/>
      <c r="DF434" s="487"/>
      <c r="DG434" s="487"/>
      <c r="DH434" s="487"/>
      <c r="DI434" s="486"/>
      <c r="DJ434" s="486"/>
      <c r="DK434" s="486"/>
    </row>
    <row r="435" spans="1:115" ht="56.1" hidden="1" customHeight="1" x14ac:dyDescent="0.2">
      <c r="A435" s="499" t="s">
        <v>2494</v>
      </c>
      <c r="B435" s="483" t="s">
        <v>2495</v>
      </c>
      <c r="C435" s="481">
        <v>763</v>
      </c>
      <c r="D435" s="481"/>
      <c r="E435" s="481" t="s">
        <v>2481</v>
      </c>
      <c r="F435" s="482" t="s">
        <v>53</v>
      </c>
      <c r="G435" s="482" t="s">
        <v>655</v>
      </c>
      <c r="H435" s="501" t="s">
        <v>932</v>
      </c>
      <c r="I435" s="506" t="s">
        <v>1019</v>
      </c>
      <c r="J435" s="506" t="s">
        <v>1020</v>
      </c>
      <c r="K435" s="506"/>
      <c r="L435" s="77" t="s">
        <v>58</v>
      </c>
      <c r="M435" s="501" t="s">
        <v>833</v>
      </c>
      <c r="N435" s="501"/>
      <c r="O435" s="501" t="s">
        <v>81</v>
      </c>
      <c r="P435" s="77" t="s">
        <v>77</v>
      </c>
      <c r="Q435" s="77"/>
      <c r="R435" s="500" t="s">
        <v>722</v>
      </c>
      <c r="S435" s="76" t="s">
        <v>63</v>
      </c>
      <c r="T435" s="76" t="s">
        <v>63</v>
      </c>
      <c r="U435" s="508">
        <v>3734.6595000000002</v>
      </c>
      <c r="V435" s="508"/>
      <c r="W435" s="494" t="s">
        <v>659</v>
      </c>
      <c r="X435" s="494"/>
      <c r="Y435" s="503">
        <f t="shared" si="89"/>
        <v>3734.6595000000002</v>
      </c>
      <c r="Z435" s="76" t="s">
        <v>65</v>
      </c>
      <c r="AA435" s="487"/>
      <c r="AB435" s="487"/>
      <c r="AC435" s="487"/>
      <c r="AD435" s="487"/>
      <c r="AE435" s="487"/>
      <c r="AF435" s="487"/>
      <c r="AG435" s="487"/>
      <c r="AH435" s="487"/>
      <c r="AI435" s="487"/>
      <c r="AJ435" s="487"/>
      <c r="AK435" s="487"/>
      <c r="AL435" s="487"/>
      <c r="AM435" s="487"/>
      <c r="AN435" s="487"/>
      <c r="AO435" s="487"/>
      <c r="AP435" s="487"/>
      <c r="AQ435" s="76"/>
      <c r="AR435" s="487"/>
      <c r="AS435" s="487"/>
      <c r="AT435" s="487"/>
      <c r="AU435" s="76"/>
      <c r="AV435" s="487"/>
      <c r="AW435" s="487"/>
      <c r="AX435" s="487"/>
      <c r="AY435" s="76"/>
      <c r="AZ435" s="487"/>
      <c r="BA435" s="76"/>
      <c r="BB435" s="76"/>
      <c r="BC435" s="487"/>
      <c r="BD435" s="76"/>
      <c r="BE435" s="76"/>
      <c r="BF435" s="80">
        <f t="shared" si="90"/>
        <v>0</v>
      </c>
      <c r="BG435" s="76"/>
      <c r="BH435" s="487" t="str">
        <f t="shared" si="91"/>
        <v/>
      </c>
      <c r="BI435" s="487" t="str">
        <f t="shared" si="91"/>
        <v/>
      </c>
      <c r="BJ435" s="487" t="str">
        <f t="shared" si="91"/>
        <v/>
      </c>
      <c r="BK435" s="487" t="str">
        <f t="shared" si="91"/>
        <v/>
      </c>
      <c r="BL435" s="487" t="str">
        <f t="shared" si="91"/>
        <v/>
      </c>
      <c r="BM435" s="487" t="str">
        <f t="shared" si="91"/>
        <v/>
      </c>
      <c r="BN435" s="487" t="str">
        <f t="shared" si="91"/>
        <v/>
      </c>
      <c r="BO435" s="487" t="str">
        <f t="shared" si="91"/>
        <v/>
      </c>
      <c r="BP435" s="487" t="str">
        <f t="shared" si="91"/>
        <v/>
      </c>
      <c r="BQ435" s="487" t="str">
        <f t="shared" si="91"/>
        <v/>
      </c>
      <c r="BR435" s="487" t="str">
        <f t="shared" si="91"/>
        <v/>
      </c>
      <c r="BS435" s="487" t="str">
        <f t="shared" si="91"/>
        <v/>
      </c>
      <c r="BT435" s="487" t="str">
        <f t="shared" si="91"/>
        <v/>
      </c>
      <c r="BU435" s="487" t="str">
        <f t="shared" si="91"/>
        <v/>
      </c>
      <c r="BV435" s="487" t="str">
        <f t="shared" si="91"/>
        <v/>
      </c>
      <c r="BW435" s="487" t="str">
        <f t="shared" si="91"/>
        <v/>
      </c>
      <c r="BX435" s="487" t="str">
        <f t="shared" si="92"/>
        <v/>
      </c>
      <c r="BY435" s="487" t="str">
        <f t="shared" si="92"/>
        <v/>
      </c>
      <c r="BZ435" s="487" t="str">
        <f t="shared" si="92"/>
        <v/>
      </c>
      <c r="CA435" s="487" t="str">
        <f t="shared" si="92"/>
        <v/>
      </c>
      <c r="CB435" s="487" t="str">
        <f t="shared" si="92"/>
        <v/>
      </c>
      <c r="CC435" s="487" t="str">
        <f t="shared" si="92"/>
        <v/>
      </c>
      <c r="CD435" s="487" t="str">
        <f t="shared" si="92"/>
        <v/>
      </c>
      <c r="CE435" s="487" t="str">
        <f t="shared" si="92"/>
        <v/>
      </c>
      <c r="CF435" s="487" t="str">
        <f t="shared" si="92"/>
        <v/>
      </c>
      <c r="CG435" s="487" t="str">
        <f t="shared" si="92"/>
        <v/>
      </c>
      <c r="CH435" s="487" t="str">
        <f t="shared" si="92"/>
        <v/>
      </c>
      <c r="CI435" s="487" t="str">
        <f t="shared" si="92"/>
        <v/>
      </c>
      <c r="CJ435" s="487" t="str">
        <f t="shared" si="92"/>
        <v/>
      </c>
      <c r="CK435" s="487" t="str">
        <f t="shared" si="92"/>
        <v/>
      </c>
      <c r="CL435" s="487" t="str">
        <f t="shared" si="92"/>
        <v/>
      </c>
      <c r="CM435" s="487"/>
      <c r="CN435" s="487"/>
      <c r="CO435" s="487"/>
      <c r="CP435" s="487"/>
      <c r="CQ435" s="487"/>
      <c r="CR435" s="487"/>
      <c r="CS435" s="487"/>
      <c r="CT435" s="487"/>
      <c r="CU435" s="487"/>
      <c r="CV435" s="487"/>
      <c r="CW435" s="487"/>
      <c r="CX435" s="487"/>
      <c r="CY435" s="487"/>
      <c r="CZ435" s="487"/>
      <c r="DA435" s="487"/>
      <c r="DB435" s="487"/>
      <c r="DC435" s="487"/>
      <c r="DD435" s="487"/>
      <c r="DE435" s="487"/>
      <c r="DF435" s="487"/>
      <c r="DG435" s="487"/>
      <c r="DH435" s="487"/>
      <c r="DI435" s="486"/>
      <c r="DJ435" s="486"/>
      <c r="DK435" s="486"/>
    </row>
    <row r="436" spans="1:115" ht="56.1" hidden="1" customHeight="1" x14ac:dyDescent="0.2">
      <c r="A436" s="499" t="s">
        <v>2494</v>
      </c>
      <c r="B436" s="483" t="s">
        <v>2495</v>
      </c>
      <c r="C436" s="481">
        <v>764</v>
      </c>
      <c r="D436" s="481"/>
      <c r="E436" s="481" t="s">
        <v>2481</v>
      </c>
      <c r="F436" s="482" t="s">
        <v>53</v>
      </c>
      <c r="G436" s="482" t="s">
        <v>655</v>
      </c>
      <c r="H436" s="501" t="s">
        <v>932</v>
      </c>
      <c r="I436" s="506" t="s">
        <v>1021</v>
      </c>
      <c r="J436" s="506" t="s">
        <v>1022</v>
      </c>
      <c r="K436" s="506"/>
      <c r="L436" s="77" t="s">
        <v>58</v>
      </c>
      <c r="M436" s="501" t="s">
        <v>833</v>
      </c>
      <c r="N436" s="501"/>
      <c r="O436" s="501" t="s">
        <v>81</v>
      </c>
      <c r="P436" s="77" t="s">
        <v>77</v>
      </c>
      <c r="Q436" s="77"/>
      <c r="R436" s="500" t="s">
        <v>722</v>
      </c>
      <c r="S436" s="76" t="s">
        <v>63</v>
      </c>
      <c r="T436" s="76" t="s">
        <v>63</v>
      </c>
      <c r="U436" s="508">
        <v>2406.8079749999997</v>
      </c>
      <c r="V436" s="508"/>
      <c r="W436" s="494" t="s">
        <v>659</v>
      </c>
      <c r="X436" s="494"/>
      <c r="Y436" s="503">
        <f t="shared" si="89"/>
        <v>2406.8079749999997</v>
      </c>
      <c r="Z436" s="76" t="s">
        <v>65</v>
      </c>
      <c r="AA436" s="487"/>
      <c r="AB436" s="487"/>
      <c r="AC436" s="487"/>
      <c r="AD436" s="487"/>
      <c r="AE436" s="487"/>
      <c r="AF436" s="487"/>
      <c r="AG436" s="487"/>
      <c r="AH436" s="487"/>
      <c r="AI436" s="487"/>
      <c r="AJ436" s="487"/>
      <c r="AK436" s="487"/>
      <c r="AL436" s="487"/>
      <c r="AM436" s="487"/>
      <c r="AN436" s="487"/>
      <c r="AO436" s="487"/>
      <c r="AP436" s="487"/>
      <c r="AQ436" s="76"/>
      <c r="AR436" s="487"/>
      <c r="AS436" s="487"/>
      <c r="AT436" s="487"/>
      <c r="AU436" s="76"/>
      <c r="AV436" s="487"/>
      <c r="AW436" s="487"/>
      <c r="AX436" s="487"/>
      <c r="AY436" s="76"/>
      <c r="AZ436" s="487"/>
      <c r="BA436" s="76"/>
      <c r="BB436" s="76"/>
      <c r="BC436" s="487"/>
      <c r="BD436" s="76"/>
      <c r="BE436" s="76"/>
      <c r="BF436" s="80">
        <f t="shared" si="90"/>
        <v>0</v>
      </c>
      <c r="BG436" s="76"/>
      <c r="BH436" s="487" t="str">
        <f t="shared" si="91"/>
        <v/>
      </c>
      <c r="BI436" s="487" t="str">
        <f t="shared" si="91"/>
        <v/>
      </c>
      <c r="BJ436" s="487" t="str">
        <f t="shared" si="91"/>
        <v/>
      </c>
      <c r="BK436" s="487" t="str">
        <f t="shared" si="91"/>
        <v/>
      </c>
      <c r="BL436" s="487" t="str">
        <f t="shared" si="91"/>
        <v/>
      </c>
      <c r="BM436" s="487" t="str">
        <f t="shared" si="91"/>
        <v/>
      </c>
      <c r="BN436" s="487" t="str">
        <f t="shared" si="91"/>
        <v/>
      </c>
      <c r="BO436" s="487" t="str">
        <f t="shared" si="91"/>
        <v/>
      </c>
      <c r="BP436" s="487" t="str">
        <f t="shared" si="91"/>
        <v/>
      </c>
      <c r="BQ436" s="487" t="str">
        <f t="shared" si="91"/>
        <v/>
      </c>
      <c r="BR436" s="487" t="str">
        <f t="shared" si="91"/>
        <v/>
      </c>
      <c r="BS436" s="487" t="str">
        <f t="shared" si="91"/>
        <v/>
      </c>
      <c r="BT436" s="487" t="str">
        <f t="shared" si="91"/>
        <v/>
      </c>
      <c r="BU436" s="487" t="str">
        <f t="shared" si="91"/>
        <v/>
      </c>
      <c r="BV436" s="487" t="str">
        <f t="shared" si="91"/>
        <v/>
      </c>
      <c r="BW436" s="487" t="str">
        <f t="shared" si="91"/>
        <v/>
      </c>
      <c r="BX436" s="487" t="str">
        <f t="shared" si="92"/>
        <v/>
      </c>
      <c r="BY436" s="487" t="str">
        <f t="shared" si="92"/>
        <v/>
      </c>
      <c r="BZ436" s="487" t="str">
        <f t="shared" si="92"/>
        <v/>
      </c>
      <c r="CA436" s="487" t="str">
        <f t="shared" si="92"/>
        <v/>
      </c>
      <c r="CB436" s="487" t="str">
        <f t="shared" si="92"/>
        <v/>
      </c>
      <c r="CC436" s="487" t="str">
        <f t="shared" si="92"/>
        <v/>
      </c>
      <c r="CD436" s="487" t="str">
        <f t="shared" si="92"/>
        <v/>
      </c>
      <c r="CE436" s="487" t="str">
        <f t="shared" si="92"/>
        <v/>
      </c>
      <c r="CF436" s="487" t="str">
        <f t="shared" si="92"/>
        <v/>
      </c>
      <c r="CG436" s="487" t="str">
        <f t="shared" si="92"/>
        <v/>
      </c>
      <c r="CH436" s="487" t="str">
        <f t="shared" si="92"/>
        <v/>
      </c>
      <c r="CI436" s="487" t="str">
        <f t="shared" si="92"/>
        <v/>
      </c>
      <c r="CJ436" s="487" t="str">
        <f t="shared" si="92"/>
        <v/>
      </c>
      <c r="CK436" s="487" t="str">
        <f t="shared" si="92"/>
        <v/>
      </c>
      <c r="CL436" s="487" t="str">
        <f t="shared" si="92"/>
        <v/>
      </c>
      <c r="CM436" s="487"/>
      <c r="CN436" s="487"/>
      <c r="CO436" s="487"/>
      <c r="CP436" s="487"/>
      <c r="CQ436" s="487"/>
      <c r="CR436" s="487"/>
      <c r="CS436" s="487"/>
      <c r="CT436" s="487"/>
      <c r="CU436" s="487"/>
      <c r="CV436" s="487"/>
      <c r="CW436" s="487"/>
      <c r="CX436" s="487"/>
      <c r="CY436" s="487"/>
      <c r="CZ436" s="487"/>
      <c r="DA436" s="487"/>
      <c r="DB436" s="487"/>
      <c r="DC436" s="487"/>
      <c r="DD436" s="487"/>
      <c r="DE436" s="487"/>
      <c r="DF436" s="487"/>
      <c r="DG436" s="487"/>
      <c r="DH436" s="487"/>
      <c r="DI436" s="486"/>
      <c r="DJ436" s="486"/>
      <c r="DK436" s="486"/>
    </row>
    <row r="437" spans="1:115" ht="56.1" hidden="1" customHeight="1" x14ac:dyDescent="0.2">
      <c r="A437" s="499" t="s">
        <v>2494</v>
      </c>
      <c r="B437" s="483" t="s">
        <v>2495</v>
      </c>
      <c r="C437" s="481">
        <v>765</v>
      </c>
      <c r="D437" s="481"/>
      <c r="E437" s="481" t="s">
        <v>2481</v>
      </c>
      <c r="F437" s="482" t="s">
        <v>53</v>
      </c>
      <c r="G437" s="482" t="s">
        <v>655</v>
      </c>
      <c r="H437" s="501" t="s">
        <v>932</v>
      </c>
      <c r="I437" s="506" t="s">
        <v>1023</v>
      </c>
      <c r="J437" s="506" t="s">
        <v>1024</v>
      </c>
      <c r="K437" s="506"/>
      <c r="L437" s="77" t="s">
        <v>58</v>
      </c>
      <c r="M437" s="501" t="s">
        <v>833</v>
      </c>
      <c r="N437" s="501"/>
      <c r="O437" s="501" t="s">
        <v>81</v>
      </c>
      <c r="P437" s="77" t="s">
        <v>77</v>
      </c>
      <c r="Q437" s="77"/>
      <c r="R437" s="500" t="s">
        <v>722</v>
      </c>
      <c r="S437" s="76" t="s">
        <v>63</v>
      </c>
      <c r="T437" s="76" t="s">
        <v>63</v>
      </c>
      <c r="U437" s="508">
        <v>10822.865625</v>
      </c>
      <c r="V437" s="508"/>
      <c r="W437" s="494" t="s">
        <v>659</v>
      </c>
      <c r="X437" s="494"/>
      <c r="Y437" s="503">
        <f t="shared" si="89"/>
        <v>10822.865625</v>
      </c>
      <c r="Z437" s="76" t="s">
        <v>65</v>
      </c>
      <c r="AA437" s="487"/>
      <c r="AB437" s="487"/>
      <c r="AC437" s="487"/>
      <c r="AD437" s="487"/>
      <c r="AE437" s="487"/>
      <c r="AF437" s="487"/>
      <c r="AG437" s="487"/>
      <c r="AH437" s="487"/>
      <c r="AI437" s="487"/>
      <c r="AJ437" s="487"/>
      <c r="AK437" s="487"/>
      <c r="AL437" s="487"/>
      <c r="AM437" s="487"/>
      <c r="AN437" s="487"/>
      <c r="AO437" s="487"/>
      <c r="AP437" s="487"/>
      <c r="AQ437" s="76"/>
      <c r="AR437" s="487"/>
      <c r="AS437" s="487"/>
      <c r="AT437" s="487"/>
      <c r="AU437" s="76"/>
      <c r="AV437" s="487"/>
      <c r="AW437" s="487"/>
      <c r="AX437" s="487"/>
      <c r="AY437" s="76"/>
      <c r="AZ437" s="487"/>
      <c r="BA437" s="76"/>
      <c r="BB437" s="76"/>
      <c r="BC437" s="487"/>
      <c r="BD437" s="76"/>
      <c r="BE437" s="76"/>
      <c r="BF437" s="80">
        <f t="shared" si="90"/>
        <v>0</v>
      </c>
      <c r="BG437" s="76"/>
      <c r="BH437" s="487" t="str">
        <f t="shared" si="91"/>
        <v/>
      </c>
      <c r="BI437" s="487" t="str">
        <f t="shared" si="91"/>
        <v/>
      </c>
      <c r="BJ437" s="487" t="str">
        <f t="shared" si="91"/>
        <v/>
      </c>
      <c r="BK437" s="487" t="str">
        <f t="shared" si="91"/>
        <v/>
      </c>
      <c r="BL437" s="487" t="str">
        <f t="shared" si="91"/>
        <v/>
      </c>
      <c r="BM437" s="487" t="str">
        <f t="shared" si="91"/>
        <v/>
      </c>
      <c r="BN437" s="487" t="str">
        <f t="shared" si="91"/>
        <v/>
      </c>
      <c r="BO437" s="487" t="str">
        <f t="shared" si="91"/>
        <v/>
      </c>
      <c r="BP437" s="487" t="str">
        <f t="shared" si="91"/>
        <v/>
      </c>
      <c r="BQ437" s="487" t="str">
        <f t="shared" si="91"/>
        <v/>
      </c>
      <c r="BR437" s="487" t="str">
        <f t="shared" si="91"/>
        <v/>
      </c>
      <c r="BS437" s="487" t="str">
        <f t="shared" si="91"/>
        <v/>
      </c>
      <c r="BT437" s="487" t="str">
        <f t="shared" si="91"/>
        <v/>
      </c>
      <c r="BU437" s="487" t="str">
        <f t="shared" si="91"/>
        <v/>
      </c>
      <c r="BV437" s="487" t="str">
        <f t="shared" si="91"/>
        <v/>
      </c>
      <c r="BW437" s="487" t="str">
        <f t="shared" si="91"/>
        <v/>
      </c>
      <c r="BX437" s="487" t="str">
        <f t="shared" si="92"/>
        <v/>
      </c>
      <c r="BY437" s="487" t="str">
        <f t="shared" si="92"/>
        <v/>
      </c>
      <c r="BZ437" s="487" t="str">
        <f t="shared" si="92"/>
        <v/>
      </c>
      <c r="CA437" s="487" t="str">
        <f t="shared" si="92"/>
        <v/>
      </c>
      <c r="CB437" s="487" t="str">
        <f t="shared" si="92"/>
        <v/>
      </c>
      <c r="CC437" s="487" t="str">
        <f t="shared" si="92"/>
        <v/>
      </c>
      <c r="CD437" s="487" t="str">
        <f t="shared" si="92"/>
        <v/>
      </c>
      <c r="CE437" s="487" t="str">
        <f t="shared" si="92"/>
        <v/>
      </c>
      <c r="CF437" s="487" t="str">
        <f t="shared" si="92"/>
        <v/>
      </c>
      <c r="CG437" s="487" t="str">
        <f t="shared" si="92"/>
        <v/>
      </c>
      <c r="CH437" s="487" t="str">
        <f t="shared" si="92"/>
        <v/>
      </c>
      <c r="CI437" s="487" t="str">
        <f t="shared" si="92"/>
        <v/>
      </c>
      <c r="CJ437" s="487" t="str">
        <f t="shared" si="92"/>
        <v/>
      </c>
      <c r="CK437" s="487" t="str">
        <f t="shared" si="92"/>
        <v/>
      </c>
      <c r="CL437" s="487" t="str">
        <f t="shared" si="92"/>
        <v/>
      </c>
      <c r="CM437" s="487"/>
      <c r="CN437" s="487"/>
      <c r="CO437" s="487"/>
      <c r="CP437" s="487"/>
      <c r="CQ437" s="487"/>
      <c r="CR437" s="487"/>
      <c r="CS437" s="487"/>
      <c r="CT437" s="487"/>
      <c r="CU437" s="487"/>
      <c r="CV437" s="487"/>
      <c r="CW437" s="487"/>
      <c r="CX437" s="487"/>
      <c r="CY437" s="487"/>
      <c r="CZ437" s="487"/>
      <c r="DA437" s="487"/>
      <c r="DB437" s="487"/>
      <c r="DC437" s="487"/>
      <c r="DD437" s="487"/>
      <c r="DE437" s="487"/>
      <c r="DF437" s="487"/>
      <c r="DG437" s="487"/>
      <c r="DH437" s="487"/>
      <c r="DI437" s="486"/>
      <c r="DJ437" s="486"/>
      <c r="DK437" s="486"/>
    </row>
    <row r="438" spans="1:115" ht="56.1" hidden="1" customHeight="1" x14ac:dyDescent="0.2">
      <c r="A438" s="510"/>
      <c r="B438" s="510"/>
      <c r="C438" s="366">
        <v>766</v>
      </c>
      <c r="D438" s="481"/>
      <c r="E438" s="481" t="s">
        <v>2481</v>
      </c>
      <c r="F438" s="482" t="s">
        <v>53</v>
      </c>
      <c r="G438" s="367" t="s">
        <v>655</v>
      </c>
      <c r="H438" s="300" t="s">
        <v>932</v>
      </c>
      <c r="I438" s="531" t="s">
        <v>1025</v>
      </c>
      <c r="J438" s="531" t="s">
        <v>1026</v>
      </c>
      <c r="K438" s="506"/>
      <c r="L438" s="77" t="s">
        <v>58</v>
      </c>
      <c r="M438" s="531" t="s">
        <v>1027</v>
      </c>
      <c r="N438" s="506"/>
      <c r="O438" s="501" t="s">
        <v>81</v>
      </c>
      <c r="P438" s="77" t="s">
        <v>77</v>
      </c>
      <c r="Q438" s="77"/>
      <c r="R438" s="500" t="s">
        <v>722</v>
      </c>
      <c r="S438" s="76" t="s">
        <v>63</v>
      </c>
      <c r="T438" s="76" t="s">
        <v>63</v>
      </c>
      <c r="U438" s="508">
        <v>34370.050000000003</v>
      </c>
      <c r="V438" s="508"/>
      <c r="W438" s="510" t="s">
        <v>839</v>
      </c>
      <c r="X438" s="510"/>
      <c r="Y438" s="503">
        <f t="shared" si="89"/>
        <v>34370.050000000003</v>
      </c>
      <c r="Z438" s="76" t="s">
        <v>65</v>
      </c>
      <c r="AA438" s="487"/>
      <c r="AB438" s="487"/>
      <c r="AC438" s="487"/>
      <c r="AD438" s="487"/>
      <c r="AE438" s="487"/>
      <c r="AF438" s="487"/>
      <c r="AG438" s="487"/>
      <c r="AH438" s="487"/>
      <c r="AI438" s="487"/>
      <c r="AJ438" s="487"/>
      <c r="AK438" s="487"/>
      <c r="AL438" s="487"/>
      <c r="AM438" s="487"/>
      <c r="AN438" s="487"/>
      <c r="AO438" s="487"/>
      <c r="AP438" s="487"/>
      <c r="AQ438" s="76"/>
      <c r="AR438" s="487"/>
      <c r="AS438" s="487"/>
      <c r="AT438" s="487"/>
      <c r="AU438" s="76"/>
      <c r="AV438" s="487"/>
      <c r="AW438" s="487"/>
      <c r="AX438" s="487"/>
      <c r="AY438" s="76"/>
      <c r="AZ438" s="487"/>
      <c r="BA438" s="76"/>
      <c r="BB438" s="76"/>
      <c r="BC438" s="487"/>
      <c r="BD438" s="76"/>
      <c r="BE438" s="76"/>
      <c r="BF438" s="80">
        <f t="shared" si="90"/>
        <v>0</v>
      </c>
      <c r="BG438" s="76"/>
      <c r="BH438" s="487" t="str">
        <f t="shared" si="91"/>
        <v/>
      </c>
      <c r="BI438" s="487" t="str">
        <f t="shared" si="91"/>
        <v/>
      </c>
      <c r="BJ438" s="487" t="str">
        <f t="shared" si="91"/>
        <v/>
      </c>
      <c r="BK438" s="487" t="str">
        <f t="shared" si="91"/>
        <v/>
      </c>
      <c r="BL438" s="487" t="str">
        <f t="shared" si="91"/>
        <v/>
      </c>
      <c r="BM438" s="487" t="str">
        <f t="shared" si="91"/>
        <v/>
      </c>
      <c r="BN438" s="487" t="str">
        <f t="shared" si="91"/>
        <v/>
      </c>
      <c r="BO438" s="487" t="str">
        <f t="shared" si="91"/>
        <v/>
      </c>
      <c r="BP438" s="487" t="str">
        <f t="shared" si="91"/>
        <v/>
      </c>
      <c r="BQ438" s="487" t="str">
        <f t="shared" si="91"/>
        <v/>
      </c>
      <c r="BR438" s="487" t="str">
        <f t="shared" si="91"/>
        <v/>
      </c>
      <c r="BS438" s="487" t="str">
        <f t="shared" si="91"/>
        <v/>
      </c>
      <c r="BT438" s="487" t="str">
        <f t="shared" si="91"/>
        <v/>
      </c>
      <c r="BU438" s="487" t="str">
        <f t="shared" si="91"/>
        <v/>
      </c>
      <c r="BV438" s="487" t="str">
        <f t="shared" si="91"/>
        <v/>
      </c>
      <c r="BW438" s="487" t="str">
        <f t="shared" si="91"/>
        <v/>
      </c>
      <c r="BX438" s="487" t="str">
        <f t="shared" si="92"/>
        <v/>
      </c>
      <c r="BY438" s="487" t="str">
        <f t="shared" si="92"/>
        <v/>
      </c>
      <c r="BZ438" s="487" t="str">
        <f t="shared" si="92"/>
        <v/>
      </c>
      <c r="CA438" s="487" t="str">
        <f t="shared" si="92"/>
        <v/>
      </c>
      <c r="CB438" s="487" t="str">
        <f t="shared" si="92"/>
        <v/>
      </c>
      <c r="CC438" s="487" t="str">
        <f t="shared" si="92"/>
        <v/>
      </c>
      <c r="CD438" s="487" t="str">
        <f t="shared" si="92"/>
        <v/>
      </c>
      <c r="CE438" s="487" t="str">
        <f t="shared" si="92"/>
        <v/>
      </c>
      <c r="CF438" s="487" t="str">
        <f t="shared" si="92"/>
        <v/>
      </c>
      <c r="CG438" s="487" t="str">
        <f t="shared" si="92"/>
        <v/>
      </c>
      <c r="CH438" s="487" t="str">
        <f t="shared" si="92"/>
        <v/>
      </c>
      <c r="CI438" s="487" t="str">
        <f t="shared" si="92"/>
        <v/>
      </c>
      <c r="CJ438" s="487" t="str">
        <f t="shared" si="92"/>
        <v/>
      </c>
      <c r="CK438" s="487" t="str">
        <f t="shared" si="92"/>
        <v/>
      </c>
      <c r="CL438" s="487" t="str">
        <f t="shared" si="92"/>
        <v/>
      </c>
      <c r="CM438" s="487"/>
      <c r="CN438" s="487"/>
      <c r="CO438" s="487"/>
      <c r="CP438" s="487"/>
      <c r="CQ438" s="487"/>
      <c r="CR438" s="487"/>
      <c r="CS438" s="487"/>
      <c r="CT438" s="487"/>
      <c r="CU438" s="487"/>
      <c r="CV438" s="487"/>
      <c r="CW438" s="487"/>
      <c r="CX438" s="487"/>
      <c r="CY438" s="487"/>
      <c r="CZ438" s="487"/>
      <c r="DA438" s="487"/>
      <c r="DB438" s="487"/>
      <c r="DC438" s="487"/>
      <c r="DD438" s="487"/>
      <c r="DE438" s="487"/>
      <c r="DF438" s="487"/>
      <c r="DG438" s="487"/>
      <c r="DH438" s="487"/>
      <c r="DI438" s="486"/>
      <c r="DJ438" s="486"/>
      <c r="DK438" s="486"/>
    </row>
    <row r="439" spans="1:115" ht="56.1" hidden="1" customHeight="1" x14ac:dyDescent="0.2">
      <c r="A439" s="510"/>
      <c r="B439" s="510"/>
      <c r="C439" s="366">
        <v>767</v>
      </c>
      <c r="D439" s="481"/>
      <c r="E439" s="481" t="s">
        <v>2481</v>
      </c>
      <c r="F439" s="482" t="s">
        <v>53</v>
      </c>
      <c r="G439" s="367" t="s">
        <v>655</v>
      </c>
      <c r="H439" s="300" t="s">
        <v>932</v>
      </c>
      <c r="I439" s="531" t="s">
        <v>1028</v>
      </c>
      <c r="J439" s="531" t="s">
        <v>1029</v>
      </c>
      <c r="K439" s="506"/>
      <c r="L439" s="77" t="s">
        <v>58</v>
      </c>
      <c r="M439" s="531" t="s">
        <v>1027</v>
      </c>
      <c r="N439" s="506"/>
      <c r="O439" s="501" t="s">
        <v>81</v>
      </c>
      <c r="P439" s="77" t="s">
        <v>77</v>
      </c>
      <c r="Q439" s="77"/>
      <c r="R439" s="500" t="s">
        <v>722</v>
      </c>
      <c r="S439" s="76" t="s">
        <v>63</v>
      </c>
      <c r="T439" s="76" t="s">
        <v>63</v>
      </c>
      <c r="U439" s="508">
        <v>740025</v>
      </c>
      <c r="V439" s="508"/>
      <c r="W439" s="510" t="s">
        <v>839</v>
      </c>
      <c r="X439" s="510"/>
      <c r="Y439" s="503">
        <f t="shared" si="89"/>
        <v>740025</v>
      </c>
      <c r="Z439" s="76" t="s">
        <v>65</v>
      </c>
      <c r="AA439" s="487"/>
      <c r="AB439" s="487"/>
      <c r="AC439" s="487"/>
      <c r="AD439" s="487"/>
      <c r="AE439" s="487"/>
      <c r="AF439" s="487"/>
      <c r="AG439" s="487"/>
      <c r="AH439" s="487"/>
      <c r="AI439" s="487"/>
      <c r="AJ439" s="487"/>
      <c r="AK439" s="487"/>
      <c r="AL439" s="487"/>
      <c r="AM439" s="487"/>
      <c r="AN439" s="487"/>
      <c r="AO439" s="487"/>
      <c r="AP439" s="487"/>
      <c r="AQ439" s="76"/>
      <c r="AR439" s="487"/>
      <c r="AS439" s="487"/>
      <c r="AT439" s="487"/>
      <c r="AU439" s="76"/>
      <c r="AV439" s="487"/>
      <c r="AW439" s="487"/>
      <c r="AX439" s="487"/>
      <c r="AY439" s="76"/>
      <c r="AZ439" s="487"/>
      <c r="BA439" s="76"/>
      <c r="BB439" s="76"/>
      <c r="BC439" s="487"/>
      <c r="BD439" s="76"/>
      <c r="BE439" s="76"/>
      <c r="BF439" s="80">
        <f t="shared" si="90"/>
        <v>0</v>
      </c>
      <c r="BG439" s="76"/>
      <c r="BH439" s="487" t="str">
        <f t="shared" si="91"/>
        <v/>
      </c>
      <c r="BI439" s="487" t="str">
        <f t="shared" si="91"/>
        <v/>
      </c>
      <c r="BJ439" s="487" t="str">
        <f t="shared" si="91"/>
        <v/>
      </c>
      <c r="BK439" s="487" t="str">
        <f t="shared" si="91"/>
        <v/>
      </c>
      <c r="BL439" s="487" t="str">
        <f t="shared" si="91"/>
        <v/>
      </c>
      <c r="BM439" s="487" t="str">
        <f t="shared" si="91"/>
        <v/>
      </c>
      <c r="BN439" s="487" t="str">
        <f t="shared" si="91"/>
        <v/>
      </c>
      <c r="BO439" s="487" t="str">
        <f t="shared" si="91"/>
        <v/>
      </c>
      <c r="BP439" s="487" t="str">
        <f t="shared" si="91"/>
        <v/>
      </c>
      <c r="BQ439" s="487" t="str">
        <f t="shared" si="91"/>
        <v/>
      </c>
      <c r="BR439" s="487" t="str">
        <f t="shared" si="91"/>
        <v/>
      </c>
      <c r="BS439" s="487" t="str">
        <f t="shared" si="91"/>
        <v/>
      </c>
      <c r="BT439" s="487" t="str">
        <f t="shared" si="91"/>
        <v/>
      </c>
      <c r="BU439" s="487" t="str">
        <f t="shared" si="91"/>
        <v/>
      </c>
      <c r="BV439" s="487" t="str">
        <f t="shared" si="91"/>
        <v/>
      </c>
      <c r="BW439" s="487" t="str">
        <f t="shared" si="91"/>
        <v/>
      </c>
      <c r="BX439" s="487" t="str">
        <f t="shared" si="92"/>
        <v/>
      </c>
      <c r="BY439" s="487" t="str">
        <f t="shared" si="92"/>
        <v/>
      </c>
      <c r="BZ439" s="487" t="str">
        <f t="shared" si="92"/>
        <v/>
      </c>
      <c r="CA439" s="487" t="str">
        <f t="shared" si="92"/>
        <v/>
      </c>
      <c r="CB439" s="487" t="str">
        <f t="shared" si="92"/>
        <v/>
      </c>
      <c r="CC439" s="487" t="str">
        <f t="shared" si="92"/>
        <v/>
      </c>
      <c r="CD439" s="487" t="str">
        <f t="shared" si="92"/>
        <v/>
      </c>
      <c r="CE439" s="487" t="str">
        <f t="shared" si="92"/>
        <v/>
      </c>
      <c r="CF439" s="487" t="str">
        <f t="shared" si="92"/>
        <v/>
      </c>
      <c r="CG439" s="487" t="str">
        <f t="shared" si="92"/>
        <v/>
      </c>
      <c r="CH439" s="487" t="str">
        <f t="shared" si="92"/>
        <v/>
      </c>
      <c r="CI439" s="487" t="str">
        <f t="shared" si="92"/>
        <v/>
      </c>
      <c r="CJ439" s="487" t="str">
        <f t="shared" si="92"/>
        <v/>
      </c>
      <c r="CK439" s="487" t="str">
        <f t="shared" si="92"/>
        <v/>
      </c>
      <c r="CL439" s="487" t="str">
        <f t="shared" si="92"/>
        <v/>
      </c>
      <c r="CM439" s="487"/>
      <c r="CN439" s="487"/>
      <c r="CO439" s="487"/>
      <c r="CP439" s="487"/>
      <c r="CQ439" s="487"/>
      <c r="CR439" s="487"/>
      <c r="CS439" s="487"/>
      <c r="CT439" s="487"/>
      <c r="CU439" s="487"/>
      <c r="CV439" s="487"/>
      <c r="CW439" s="487"/>
      <c r="CX439" s="487"/>
      <c r="CY439" s="487"/>
      <c r="CZ439" s="487"/>
      <c r="DA439" s="487"/>
      <c r="DB439" s="487"/>
      <c r="DC439" s="487"/>
      <c r="DD439" s="487"/>
      <c r="DE439" s="487"/>
      <c r="DF439" s="487"/>
      <c r="DG439" s="487"/>
      <c r="DH439" s="487"/>
      <c r="DI439" s="486"/>
      <c r="DJ439" s="486"/>
      <c r="DK439" s="486"/>
    </row>
    <row r="440" spans="1:115" ht="80.099999999999994" hidden="1" customHeight="1" x14ac:dyDescent="0.2">
      <c r="A440" s="510"/>
      <c r="B440" s="510"/>
      <c r="C440" s="481">
        <v>729</v>
      </c>
      <c r="D440" s="481"/>
      <c r="E440" s="481" t="s">
        <v>2481</v>
      </c>
      <c r="F440" s="482" t="s">
        <v>53</v>
      </c>
      <c r="G440" s="482" t="s">
        <v>655</v>
      </c>
      <c r="H440" s="500" t="s">
        <v>830</v>
      </c>
      <c r="I440" s="501" t="s">
        <v>949</v>
      </c>
      <c r="J440" s="501" t="s">
        <v>950</v>
      </c>
      <c r="K440" s="501"/>
      <c r="L440" s="77" t="s">
        <v>58</v>
      </c>
      <c r="M440" s="501" t="s">
        <v>951</v>
      </c>
      <c r="N440" s="501"/>
      <c r="O440" s="501" t="s">
        <v>81</v>
      </c>
      <c r="P440" s="77" t="s">
        <v>77</v>
      </c>
      <c r="Q440" s="77"/>
      <c r="R440" s="500" t="s">
        <v>834</v>
      </c>
      <c r="S440" s="76" t="s">
        <v>63</v>
      </c>
      <c r="T440" s="76" t="s">
        <v>63</v>
      </c>
      <c r="U440" s="502">
        <v>370629.1875</v>
      </c>
      <c r="V440" s="502"/>
      <c r="W440" s="510" t="s">
        <v>839</v>
      </c>
      <c r="X440" s="510"/>
      <c r="Y440" s="503">
        <f t="shared" si="89"/>
        <v>370629.1875</v>
      </c>
      <c r="Z440" s="76" t="s">
        <v>65</v>
      </c>
      <c r="AA440" s="76"/>
      <c r="AB440" s="76"/>
      <c r="AC440" s="76"/>
      <c r="AD440" s="76"/>
      <c r="AE440" s="76"/>
      <c r="AF440" s="76"/>
      <c r="AG440" s="76"/>
      <c r="AH440" s="76"/>
      <c r="AI440" s="76"/>
      <c r="AJ440" s="76"/>
      <c r="AK440" s="487"/>
      <c r="AL440" s="76"/>
      <c r="AM440" s="76"/>
      <c r="AN440" s="76"/>
      <c r="AO440" s="76"/>
      <c r="AP440" s="76"/>
      <c r="AQ440" s="76"/>
      <c r="AR440" s="76"/>
      <c r="AS440" s="76"/>
      <c r="AT440" s="76"/>
      <c r="AU440" s="76"/>
      <c r="AV440" s="76"/>
      <c r="AW440" s="76"/>
      <c r="AX440" s="76"/>
      <c r="AY440" s="76"/>
      <c r="AZ440" s="76"/>
      <c r="BA440" s="76"/>
      <c r="BB440" s="76"/>
      <c r="BC440" s="76"/>
      <c r="BD440" s="76"/>
      <c r="BE440" s="76"/>
      <c r="BF440" s="80">
        <f t="shared" si="90"/>
        <v>0</v>
      </c>
      <c r="BG440" s="76"/>
      <c r="BH440" s="487" t="str">
        <f t="shared" si="91"/>
        <v/>
      </c>
      <c r="BI440" s="487" t="str">
        <f t="shared" si="91"/>
        <v/>
      </c>
      <c r="BJ440" s="487" t="str">
        <f t="shared" si="91"/>
        <v/>
      </c>
      <c r="BK440" s="487" t="str">
        <f t="shared" si="91"/>
        <v/>
      </c>
      <c r="BL440" s="487" t="str">
        <f t="shared" si="91"/>
        <v/>
      </c>
      <c r="BM440" s="487" t="str">
        <f t="shared" si="91"/>
        <v/>
      </c>
      <c r="BN440" s="487" t="str">
        <f t="shared" si="91"/>
        <v/>
      </c>
      <c r="BO440" s="487" t="str">
        <f t="shared" si="91"/>
        <v/>
      </c>
      <c r="BP440" s="487" t="str">
        <f t="shared" si="91"/>
        <v/>
      </c>
      <c r="BQ440" s="487" t="str">
        <f t="shared" si="91"/>
        <v/>
      </c>
      <c r="BR440" s="487" t="str">
        <f t="shared" si="91"/>
        <v/>
      </c>
      <c r="BS440" s="487" t="str">
        <f t="shared" si="91"/>
        <v/>
      </c>
      <c r="BT440" s="487" t="str">
        <f t="shared" si="91"/>
        <v/>
      </c>
      <c r="BU440" s="487" t="str">
        <f t="shared" si="91"/>
        <v/>
      </c>
      <c r="BV440" s="487" t="str">
        <f t="shared" si="91"/>
        <v/>
      </c>
      <c r="BW440" s="487" t="str">
        <f t="shared" si="91"/>
        <v/>
      </c>
      <c r="BX440" s="487" t="str">
        <f t="shared" si="92"/>
        <v/>
      </c>
      <c r="BY440" s="487" t="str">
        <f t="shared" si="92"/>
        <v/>
      </c>
      <c r="BZ440" s="487" t="str">
        <f t="shared" si="92"/>
        <v/>
      </c>
      <c r="CA440" s="487" t="str">
        <f t="shared" si="92"/>
        <v/>
      </c>
      <c r="CB440" s="487" t="str">
        <f t="shared" si="92"/>
        <v/>
      </c>
      <c r="CC440" s="487" t="str">
        <f t="shared" si="92"/>
        <v/>
      </c>
      <c r="CD440" s="487" t="str">
        <f t="shared" si="92"/>
        <v/>
      </c>
      <c r="CE440" s="487" t="str">
        <f t="shared" si="92"/>
        <v/>
      </c>
      <c r="CF440" s="487" t="str">
        <f t="shared" si="92"/>
        <v/>
      </c>
      <c r="CG440" s="487" t="str">
        <f t="shared" si="92"/>
        <v/>
      </c>
      <c r="CH440" s="487" t="str">
        <f t="shared" si="92"/>
        <v/>
      </c>
      <c r="CI440" s="487" t="str">
        <f t="shared" si="92"/>
        <v/>
      </c>
      <c r="CJ440" s="487" t="str">
        <f t="shared" si="92"/>
        <v/>
      </c>
      <c r="CK440" s="487" t="str">
        <f t="shared" si="92"/>
        <v/>
      </c>
      <c r="CL440" s="487" t="str">
        <f t="shared" si="92"/>
        <v/>
      </c>
      <c r="CM440" s="487"/>
      <c r="CN440" s="487"/>
      <c r="CO440" s="487"/>
      <c r="CP440" s="487"/>
      <c r="CQ440" s="487"/>
      <c r="CR440" s="487"/>
      <c r="CS440" s="487"/>
      <c r="CT440" s="487"/>
      <c r="CU440" s="487"/>
      <c r="CV440" s="487"/>
      <c r="CW440" s="487"/>
      <c r="CX440" s="487"/>
      <c r="CY440" s="487"/>
      <c r="CZ440" s="487"/>
      <c r="DA440" s="487"/>
      <c r="DB440" s="487"/>
      <c r="DC440" s="487"/>
      <c r="DD440" s="487"/>
      <c r="DE440" s="487"/>
      <c r="DF440" s="487"/>
      <c r="DG440" s="487"/>
      <c r="DH440" s="487"/>
      <c r="DI440" s="76"/>
      <c r="DJ440" s="76"/>
      <c r="DK440" s="504"/>
    </row>
    <row r="441" spans="1:115" ht="60" customHeight="1" x14ac:dyDescent="0.2">
      <c r="A441" s="510"/>
      <c r="B441" s="510"/>
      <c r="C441" s="481">
        <v>775</v>
      </c>
      <c r="D441" s="481"/>
      <c r="E441" s="481" t="s">
        <v>2481</v>
      </c>
      <c r="F441" s="482" t="s">
        <v>53</v>
      </c>
      <c r="G441" s="482" t="s">
        <v>655</v>
      </c>
      <c r="H441" s="501" t="s">
        <v>900</v>
      </c>
      <c r="I441" s="506" t="s">
        <v>1045</v>
      </c>
      <c r="J441" s="532" t="s">
        <v>1046</v>
      </c>
      <c r="K441" s="506"/>
      <c r="L441" s="77" t="s">
        <v>58</v>
      </c>
      <c r="M441" s="532" t="s">
        <v>1036</v>
      </c>
      <c r="N441" s="506"/>
      <c r="O441" s="501" t="s">
        <v>81</v>
      </c>
      <c r="P441" s="77" t="s">
        <v>77</v>
      </c>
      <c r="Q441" s="77"/>
      <c r="R441" s="500" t="s">
        <v>722</v>
      </c>
      <c r="S441" s="76" t="s">
        <v>63</v>
      </c>
      <c r="T441" s="76" t="s">
        <v>63</v>
      </c>
      <c r="U441" s="508">
        <v>24667.5</v>
      </c>
      <c r="V441" s="508"/>
      <c r="W441" s="510" t="s">
        <v>839</v>
      </c>
      <c r="X441" s="510"/>
      <c r="Y441" s="503">
        <f t="shared" si="89"/>
        <v>24667.5</v>
      </c>
      <c r="Z441" s="76" t="s">
        <v>65</v>
      </c>
      <c r="AA441" s="486"/>
      <c r="AB441" s="486"/>
      <c r="AC441" s="486"/>
      <c r="AD441" s="486"/>
      <c r="AE441" s="486"/>
      <c r="AF441" s="487"/>
      <c r="AG441" s="487"/>
      <c r="AH441" s="486"/>
      <c r="AI441" s="487"/>
      <c r="AJ441" s="486"/>
      <c r="AK441" s="486"/>
      <c r="AL441" s="486"/>
      <c r="AM441" s="486"/>
      <c r="AN441" s="486"/>
      <c r="AO441" s="486"/>
      <c r="AP441" s="486"/>
      <c r="AQ441" s="486"/>
      <c r="AR441" s="486"/>
      <c r="AS441" s="486"/>
      <c r="AT441" s="486"/>
      <c r="AU441" s="486"/>
      <c r="AV441" s="486"/>
      <c r="AW441" s="486"/>
      <c r="AX441" s="486"/>
      <c r="AY441" s="486"/>
      <c r="AZ441" s="486"/>
      <c r="BA441" s="486"/>
      <c r="BB441" s="486"/>
      <c r="BC441" s="486"/>
      <c r="BD441" s="486"/>
      <c r="BE441" s="486"/>
      <c r="BF441" s="80">
        <f t="shared" si="90"/>
        <v>0</v>
      </c>
      <c r="BG441" s="76"/>
      <c r="BH441" s="487" t="str">
        <f t="shared" si="91"/>
        <v/>
      </c>
      <c r="BI441" s="487" t="str">
        <f t="shared" si="91"/>
        <v/>
      </c>
      <c r="BJ441" s="487" t="str">
        <f t="shared" si="91"/>
        <v/>
      </c>
      <c r="BK441" s="487" t="str">
        <f t="shared" si="91"/>
        <v/>
      </c>
      <c r="BL441" s="487" t="str">
        <f t="shared" si="91"/>
        <v/>
      </c>
      <c r="BM441" s="487" t="str">
        <f t="shared" si="91"/>
        <v/>
      </c>
      <c r="BN441" s="487" t="str">
        <f t="shared" si="91"/>
        <v/>
      </c>
      <c r="BO441" s="487" t="str">
        <f t="shared" si="91"/>
        <v/>
      </c>
      <c r="BP441" s="487" t="str">
        <f t="shared" si="91"/>
        <v/>
      </c>
      <c r="BQ441" s="487" t="str">
        <f t="shared" si="91"/>
        <v/>
      </c>
      <c r="BR441" s="487" t="str">
        <f t="shared" si="91"/>
        <v/>
      </c>
      <c r="BS441" s="487" t="str">
        <f t="shared" si="91"/>
        <v/>
      </c>
      <c r="BT441" s="487" t="str">
        <f t="shared" si="91"/>
        <v/>
      </c>
      <c r="BU441" s="487" t="str">
        <f t="shared" si="91"/>
        <v/>
      </c>
      <c r="BV441" s="487" t="str">
        <f t="shared" si="91"/>
        <v/>
      </c>
      <c r="BW441" s="487" t="str">
        <f t="shared" si="91"/>
        <v/>
      </c>
      <c r="BX441" s="487" t="str">
        <f t="shared" si="92"/>
        <v/>
      </c>
      <c r="BY441" s="487" t="str">
        <f t="shared" si="92"/>
        <v/>
      </c>
      <c r="BZ441" s="487" t="str">
        <f t="shared" si="92"/>
        <v/>
      </c>
      <c r="CA441" s="487" t="str">
        <f t="shared" si="92"/>
        <v/>
      </c>
      <c r="CB441" s="487" t="str">
        <f t="shared" si="92"/>
        <v/>
      </c>
      <c r="CC441" s="487" t="str">
        <f t="shared" si="92"/>
        <v/>
      </c>
      <c r="CD441" s="487" t="str">
        <f t="shared" si="92"/>
        <v/>
      </c>
      <c r="CE441" s="487" t="str">
        <f t="shared" si="92"/>
        <v/>
      </c>
      <c r="CF441" s="487" t="str">
        <f t="shared" si="92"/>
        <v/>
      </c>
      <c r="CG441" s="487" t="str">
        <f t="shared" si="92"/>
        <v/>
      </c>
      <c r="CH441" s="487" t="str">
        <f t="shared" si="92"/>
        <v/>
      </c>
      <c r="CI441" s="487" t="str">
        <f t="shared" si="92"/>
        <v/>
      </c>
      <c r="CJ441" s="487" t="str">
        <f t="shared" si="92"/>
        <v/>
      </c>
      <c r="CK441" s="487" t="str">
        <f t="shared" si="92"/>
        <v/>
      </c>
      <c r="CL441" s="487" t="str">
        <f t="shared" si="92"/>
        <v/>
      </c>
      <c r="CM441" s="487"/>
      <c r="CN441" s="487"/>
      <c r="CO441" s="487"/>
      <c r="CP441" s="487"/>
      <c r="CQ441" s="487"/>
      <c r="CR441" s="487"/>
      <c r="CS441" s="487"/>
      <c r="CT441" s="487"/>
      <c r="CU441" s="487"/>
      <c r="CV441" s="487"/>
      <c r="CW441" s="487"/>
      <c r="CX441" s="487"/>
      <c r="CY441" s="487"/>
      <c r="CZ441" s="487"/>
      <c r="DA441" s="487"/>
      <c r="DB441" s="487"/>
      <c r="DC441" s="487"/>
      <c r="DD441" s="487"/>
      <c r="DE441" s="487"/>
      <c r="DF441" s="487"/>
      <c r="DG441" s="487"/>
      <c r="DH441" s="487"/>
      <c r="DI441" s="486"/>
      <c r="DJ441" s="486"/>
      <c r="DK441" s="486"/>
    </row>
    <row r="442" spans="1:115" ht="60" customHeight="1" x14ac:dyDescent="0.2">
      <c r="A442" s="510"/>
      <c r="B442" s="510"/>
      <c r="C442" s="366">
        <v>770</v>
      </c>
      <c r="D442" s="481"/>
      <c r="E442" s="481" t="s">
        <v>2481</v>
      </c>
      <c r="F442" s="482" t="s">
        <v>53</v>
      </c>
      <c r="G442" s="367" t="s">
        <v>655</v>
      </c>
      <c r="H442" s="300" t="s">
        <v>932</v>
      </c>
      <c r="I442" s="531" t="s">
        <v>1034</v>
      </c>
      <c r="J442" s="533" t="s">
        <v>1035</v>
      </c>
      <c r="K442" s="506"/>
      <c r="L442" s="77" t="s">
        <v>58</v>
      </c>
      <c r="M442" s="533" t="s">
        <v>1036</v>
      </c>
      <c r="N442" s="506"/>
      <c r="O442" s="501" t="s">
        <v>81</v>
      </c>
      <c r="P442" s="77" t="s">
        <v>77</v>
      </c>
      <c r="Q442" s="77"/>
      <c r="R442" s="500" t="s">
        <v>722</v>
      </c>
      <c r="S442" s="76" t="s">
        <v>63</v>
      </c>
      <c r="T442" s="76" t="s">
        <v>63</v>
      </c>
      <c r="U442" s="508">
        <v>25661.254905000002</v>
      </c>
      <c r="V442" s="508"/>
      <c r="W442" s="510" t="s">
        <v>839</v>
      </c>
      <c r="X442" s="510"/>
      <c r="Y442" s="503">
        <f t="shared" si="89"/>
        <v>25661.254905000002</v>
      </c>
      <c r="Z442" s="76" t="s">
        <v>65</v>
      </c>
      <c r="AA442" s="486"/>
      <c r="AB442" s="486"/>
      <c r="AC442" s="486"/>
      <c r="AD442" s="486"/>
      <c r="AE442" s="486"/>
      <c r="AF442" s="487"/>
      <c r="AG442" s="487"/>
      <c r="AH442" s="487"/>
      <c r="AI442" s="486"/>
      <c r="AJ442" s="486"/>
      <c r="AK442" s="486"/>
      <c r="AL442" s="486"/>
      <c r="AM442" s="486"/>
      <c r="AN442" s="486"/>
      <c r="AO442" s="486"/>
      <c r="AP442" s="486"/>
      <c r="AQ442" s="486"/>
      <c r="AR442" s="486"/>
      <c r="AS442" s="486"/>
      <c r="AT442" s="486"/>
      <c r="AU442" s="486"/>
      <c r="AV442" s="486"/>
      <c r="AW442" s="486"/>
      <c r="AX442" s="486"/>
      <c r="AY442" s="486"/>
      <c r="AZ442" s="486"/>
      <c r="BA442" s="486"/>
      <c r="BB442" s="486"/>
      <c r="BC442" s="486"/>
      <c r="BD442" s="486"/>
      <c r="BE442" s="486"/>
      <c r="BF442" s="80">
        <f t="shared" si="90"/>
        <v>0</v>
      </c>
      <c r="BG442" s="76"/>
      <c r="BH442" s="487" t="str">
        <f t="shared" si="91"/>
        <v/>
      </c>
      <c r="BI442" s="487" t="str">
        <f t="shared" si="91"/>
        <v/>
      </c>
      <c r="BJ442" s="487" t="str">
        <f t="shared" si="91"/>
        <v/>
      </c>
      <c r="BK442" s="487" t="str">
        <f t="shared" si="91"/>
        <v/>
      </c>
      <c r="BL442" s="487" t="str">
        <f t="shared" si="91"/>
        <v/>
      </c>
      <c r="BM442" s="487" t="str">
        <f t="shared" si="91"/>
        <v/>
      </c>
      <c r="BN442" s="487" t="str">
        <f t="shared" si="91"/>
        <v/>
      </c>
      <c r="BO442" s="487" t="str">
        <f t="shared" si="91"/>
        <v/>
      </c>
      <c r="BP442" s="487" t="str">
        <f t="shared" si="91"/>
        <v/>
      </c>
      <c r="BQ442" s="487" t="str">
        <f t="shared" si="91"/>
        <v/>
      </c>
      <c r="BR442" s="487" t="str">
        <f t="shared" si="91"/>
        <v/>
      </c>
      <c r="BS442" s="487" t="str">
        <f t="shared" si="91"/>
        <v/>
      </c>
      <c r="BT442" s="487" t="str">
        <f t="shared" si="91"/>
        <v/>
      </c>
      <c r="BU442" s="487" t="str">
        <f t="shared" si="91"/>
        <v/>
      </c>
      <c r="BV442" s="487" t="str">
        <f t="shared" si="91"/>
        <v/>
      </c>
      <c r="BW442" s="487" t="str">
        <f t="shared" si="91"/>
        <v/>
      </c>
      <c r="BX442" s="487" t="str">
        <f t="shared" si="92"/>
        <v/>
      </c>
      <c r="BY442" s="487" t="str">
        <f t="shared" si="92"/>
        <v/>
      </c>
      <c r="BZ442" s="487" t="str">
        <f t="shared" si="92"/>
        <v/>
      </c>
      <c r="CA442" s="487" t="str">
        <f t="shared" si="92"/>
        <v/>
      </c>
      <c r="CB442" s="487" t="str">
        <f t="shared" si="92"/>
        <v/>
      </c>
      <c r="CC442" s="487" t="str">
        <f t="shared" si="92"/>
        <v/>
      </c>
      <c r="CD442" s="487" t="str">
        <f t="shared" si="92"/>
        <v/>
      </c>
      <c r="CE442" s="487" t="str">
        <f t="shared" si="92"/>
        <v/>
      </c>
      <c r="CF442" s="487" t="str">
        <f t="shared" si="92"/>
        <v/>
      </c>
      <c r="CG442" s="487" t="str">
        <f t="shared" si="92"/>
        <v/>
      </c>
      <c r="CH442" s="487" t="str">
        <f t="shared" si="92"/>
        <v/>
      </c>
      <c r="CI442" s="487" t="str">
        <f t="shared" si="92"/>
        <v/>
      </c>
      <c r="CJ442" s="487" t="str">
        <f t="shared" si="92"/>
        <v/>
      </c>
      <c r="CK442" s="487" t="str">
        <f t="shared" si="92"/>
        <v/>
      </c>
      <c r="CL442" s="487" t="str">
        <f t="shared" si="92"/>
        <v/>
      </c>
      <c r="CM442" s="487"/>
      <c r="CN442" s="487"/>
      <c r="CO442" s="487"/>
      <c r="CP442" s="487"/>
      <c r="CQ442" s="487"/>
      <c r="CR442" s="487"/>
      <c r="CS442" s="487"/>
      <c r="CT442" s="487"/>
      <c r="CU442" s="487"/>
      <c r="CV442" s="487"/>
      <c r="CW442" s="487"/>
      <c r="CX442" s="487"/>
      <c r="CY442" s="487"/>
      <c r="CZ442" s="487"/>
      <c r="DA442" s="487"/>
      <c r="DB442" s="487"/>
      <c r="DC442" s="487"/>
      <c r="DD442" s="487"/>
      <c r="DE442" s="487"/>
      <c r="DF442" s="487"/>
      <c r="DG442" s="487"/>
      <c r="DH442" s="487"/>
      <c r="DI442" s="486"/>
      <c r="DJ442" s="486"/>
      <c r="DK442" s="486"/>
    </row>
    <row r="443" spans="1:115" ht="60" customHeight="1" x14ac:dyDescent="0.2">
      <c r="A443" s="510"/>
      <c r="B443" s="510"/>
      <c r="C443" s="366">
        <v>771</v>
      </c>
      <c r="D443" s="481"/>
      <c r="E443" s="481" t="s">
        <v>2481</v>
      </c>
      <c r="F443" s="482" t="s">
        <v>53</v>
      </c>
      <c r="G443" s="367" t="s">
        <v>655</v>
      </c>
      <c r="H443" s="300" t="s">
        <v>932</v>
      </c>
      <c r="I443" s="531" t="s">
        <v>1037</v>
      </c>
      <c r="J443" s="533" t="s">
        <v>1038</v>
      </c>
      <c r="K443" s="506"/>
      <c r="L443" s="77" t="s">
        <v>58</v>
      </c>
      <c r="M443" s="533" t="s">
        <v>1036</v>
      </c>
      <c r="N443" s="506"/>
      <c r="O443" s="501" t="s">
        <v>81</v>
      </c>
      <c r="P443" s="77" t="s">
        <v>77</v>
      </c>
      <c r="Q443" s="77"/>
      <c r="R443" s="500" t="s">
        <v>722</v>
      </c>
      <c r="S443" s="76" t="s">
        <v>63</v>
      </c>
      <c r="T443" s="76" t="s">
        <v>63</v>
      </c>
      <c r="U443" s="508">
        <v>58379.75</v>
      </c>
      <c r="V443" s="508"/>
      <c r="W443" s="510" t="s">
        <v>839</v>
      </c>
      <c r="X443" s="510"/>
      <c r="Y443" s="503">
        <f t="shared" si="89"/>
        <v>58379.75</v>
      </c>
      <c r="Z443" s="76" t="s">
        <v>65</v>
      </c>
      <c r="AA443" s="486"/>
      <c r="AB443" s="486"/>
      <c r="AC443" s="486"/>
      <c r="AD443" s="486"/>
      <c r="AE443" s="486"/>
      <c r="AF443" s="487"/>
      <c r="AG443" s="487"/>
      <c r="AH443" s="487"/>
      <c r="AI443" s="486"/>
      <c r="AJ443" s="486"/>
      <c r="AK443" s="486"/>
      <c r="AL443" s="486"/>
      <c r="AM443" s="486"/>
      <c r="AN443" s="486"/>
      <c r="AO443" s="486"/>
      <c r="AP443" s="486"/>
      <c r="AQ443" s="486"/>
      <c r="AR443" s="486"/>
      <c r="AS443" s="486"/>
      <c r="AT443" s="486"/>
      <c r="AU443" s="486"/>
      <c r="AV443" s="486"/>
      <c r="AW443" s="486"/>
      <c r="AX443" s="486"/>
      <c r="AY443" s="486"/>
      <c r="AZ443" s="486"/>
      <c r="BA443" s="486"/>
      <c r="BB443" s="486"/>
      <c r="BC443" s="486"/>
      <c r="BD443" s="486"/>
      <c r="BE443" s="486"/>
      <c r="BF443" s="80">
        <f t="shared" si="90"/>
        <v>0</v>
      </c>
      <c r="BG443" s="76"/>
      <c r="BH443" s="487" t="str">
        <f t="shared" si="91"/>
        <v/>
      </c>
      <c r="BI443" s="487" t="str">
        <f t="shared" si="91"/>
        <v/>
      </c>
      <c r="BJ443" s="487" t="str">
        <f t="shared" si="91"/>
        <v/>
      </c>
      <c r="BK443" s="487" t="str">
        <f t="shared" si="91"/>
        <v/>
      </c>
      <c r="BL443" s="487" t="str">
        <f t="shared" si="91"/>
        <v/>
      </c>
      <c r="BM443" s="487" t="str">
        <f t="shared" si="91"/>
        <v/>
      </c>
      <c r="BN443" s="487" t="str">
        <f t="shared" si="91"/>
        <v/>
      </c>
      <c r="BO443" s="487" t="str">
        <f t="shared" si="91"/>
        <v/>
      </c>
      <c r="BP443" s="487" t="str">
        <f t="shared" si="91"/>
        <v/>
      </c>
      <c r="BQ443" s="487" t="str">
        <f t="shared" si="91"/>
        <v/>
      </c>
      <c r="BR443" s="487" t="str">
        <f t="shared" si="91"/>
        <v/>
      </c>
      <c r="BS443" s="487" t="str">
        <f t="shared" si="91"/>
        <v/>
      </c>
      <c r="BT443" s="487" t="str">
        <f t="shared" si="91"/>
        <v/>
      </c>
      <c r="BU443" s="487" t="str">
        <f t="shared" si="91"/>
        <v/>
      </c>
      <c r="BV443" s="487" t="str">
        <f t="shared" si="91"/>
        <v/>
      </c>
      <c r="BW443" s="487" t="str">
        <f t="shared" si="91"/>
        <v/>
      </c>
      <c r="BX443" s="487" t="str">
        <f t="shared" si="92"/>
        <v/>
      </c>
      <c r="BY443" s="487" t="str">
        <f t="shared" si="92"/>
        <v/>
      </c>
      <c r="BZ443" s="487" t="str">
        <f t="shared" si="92"/>
        <v/>
      </c>
      <c r="CA443" s="487" t="str">
        <f t="shared" si="92"/>
        <v/>
      </c>
      <c r="CB443" s="487" t="str">
        <f t="shared" si="92"/>
        <v/>
      </c>
      <c r="CC443" s="487" t="str">
        <f t="shared" si="92"/>
        <v/>
      </c>
      <c r="CD443" s="487" t="str">
        <f t="shared" si="92"/>
        <v/>
      </c>
      <c r="CE443" s="487" t="str">
        <f t="shared" si="92"/>
        <v/>
      </c>
      <c r="CF443" s="487" t="str">
        <f t="shared" si="92"/>
        <v/>
      </c>
      <c r="CG443" s="487" t="str">
        <f t="shared" si="92"/>
        <v/>
      </c>
      <c r="CH443" s="487" t="str">
        <f t="shared" si="92"/>
        <v/>
      </c>
      <c r="CI443" s="487" t="str">
        <f t="shared" si="92"/>
        <v/>
      </c>
      <c r="CJ443" s="487" t="str">
        <f t="shared" si="92"/>
        <v/>
      </c>
      <c r="CK443" s="487" t="str">
        <f t="shared" si="92"/>
        <v/>
      </c>
      <c r="CL443" s="487" t="str">
        <f t="shared" si="92"/>
        <v/>
      </c>
      <c r="CM443" s="487"/>
      <c r="CN443" s="487"/>
      <c r="CO443" s="487"/>
      <c r="CP443" s="487"/>
      <c r="CQ443" s="487"/>
      <c r="CR443" s="487"/>
      <c r="CS443" s="487"/>
      <c r="CT443" s="487"/>
      <c r="CU443" s="487"/>
      <c r="CV443" s="487"/>
      <c r="CW443" s="487"/>
      <c r="CX443" s="487"/>
      <c r="CY443" s="487"/>
      <c r="CZ443" s="487"/>
      <c r="DA443" s="487"/>
      <c r="DB443" s="487"/>
      <c r="DC443" s="487"/>
      <c r="DD443" s="487"/>
      <c r="DE443" s="487"/>
      <c r="DF443" s="487"/>
      <c r="DG443" s="487"/>
      <c r="DH443" s="487"/>
      <c r="DI443" s="486"/>
      <c r="DJ443" s="486"/>
      <c r="DK443" s="486"/>
    </row>
    <row r="444" spans="1:115" ht="60" customHeight="1" x14ac:dyDescent="0.2">
      <c r="A444" s="510"/>
      <c r="B444" s="510"/>
      <c r="C444" s="366">
        <v>772</v>
      </c>
      <c r="D444" s="481"/>
      <c r="E444" s="481" t="s">
        <v>2481</v>
      </c>
      <c r="F444" s="482" t="s">
        <v>53</v>
      </c>
      <c r="G444" s="367" t="s">
        <v>655</v>
      </c>
      <c r="H444" s="300" t="s">
        <v>932</v>
      </c>
      <c r="I444" s="531" t="s">
        <v>1039</v>
      </c>
      <c r="J444" s="533" t="s">
        <v>1040</v>
      </c>
      <c r="K444" s="506"/>
      <c r="L444" s="77" t="s">
        <v>58</v>
      </c>
      <c r="M444" s="533" t="s">
        <v>1036</v>
      </c>
      <c r="N444" s="506"/>
      <c r="O444" s="501" t="s">
        <v>81</v>
      </c>
      <c r="P444" s="77" t="s">
        <v>77</v>
      </c>
      <c r="Q444" s="77"/>
      <c r="R444" s="500" t="s">
        <v>722</v>
      </c>
      <c r="S444" s="76" t="s">
        <v>63</v>
      </c>
      <c r="T444" s="76" t="s">
        <v>63</v>
      </c>
      <c r="U444" s="508">
        <v>55913</v>
      </c>
      <c r="V444" s="508"/>
      <c r="W444" s="510" t="s">
        <v>839</v>
      </c>
      <c r="X444" s="510"/>
      <c r="Y444" s="503">
        <f t="shared" si="89"/>
        <v>55913</v>
      </c>
      <c r="Z444" s="76" t="s">
        <v>65</v>
      </c>
      <c r="AA444" s="487"/>
      <c r="AB444" s="487"/>
      <c r="AC444" s="487"/>
      <c r="AD444" s="487"/>
      <c r="AE444" s="487"/>
      <c r="AF444" s="487"/>
      <c r="AG444" s="487"/>
      <c r="AH444" s="487"/>
      <c r="AI444" s="487"/>
      <c r="AJ444" s="487"/>
      <c r="AK444" s="487"/>
      <c r="AL444" s="487"/>
      <c r="AM444" s="487"/>
      <c r="AN444" s="487"/>
      <c r="AO444" s="487"/>
      <c r="AP444" s="487"/>
      <c r="AQ444" s="76"/>
      <c r="AR444" s="487"/>
      <c r="AS444" s="487"/>
      <c r="AT444" s="487"/>
      <c r="AU444" s="76"/>
      <c r="AV444" s="487"/>
      <c r="AW444" s="487"/>
      <c r="AX444" s="487"/>
      <c r="AY444" s="76"/>
      <c r="AZ444" s="487"/>
      <c r="BA444" s="76"/>
      <c r="BB444" s="76"/>
      <c r="BC444" s="487"/>
      <c r="BD444" s="76"/>
      <c r="BE444" s="76"/>
      <c r="BF444" s="80">
        <f t="shared" si="90"/>
        <v>0</v>
      </c>
      <c r="BG444" s="76"/>
      <c r="BH444" s="487" t="str">
        <f t="shared" si="91"/>
        <v/>
      </c>
      <c r="BI444" s="487" t="str">
        <f t="shared" si="91"/>
        <v/>
      </c>
      <c r="BJ444" s="487" t="str">
        <f t="shared" si="91"/>
        <v/>
      </c>
      <c r="BK444" s="487" t="str">
        <f t="shared" si="91"/>
        <v/>
      </c>
      <c r="BL444" s="487" t="str">
        <f t="shared" si="91"/>
        <v/>
      </c>
      <c r="BM444" s="487" t="str">
        <f t="shared" si="91"/>
        <v/>
      </c>
      <c r="BN444" s="487" t="str">
        <f t="shared" si="91"/>
        <v/>
      </c>
      <c r="BO444" s="487" t="str">
        <f t="shared" si="91"/>
        <v/>
      </c>
      <c r="BP444" s="487" t="str">
        <f t="shared" si="91"/>
        <v/>
      </c>
      <c r="BQ444" s="487" t="str">
        <f t="shared" si="91"/>
        <v/>
      </c>
      <c r="BR444" s="487" t="str">
        <f t="shared" si="91"/>
        <v/>
      </c>
      <c r="BS444" s="487" t="str">
        <f t="shared" si="91"/>
        <v/>
      </c>
      <c r="BT444" s="487" t="str">
        <f t="shared" si="91"/>
        <v/>
      </c>
      <c r="BU444" s="487" t="str">
        <f t="shared" si="91"/>
        <v/>
      </c>
      <c r="BV444" s="487" t="str">
        <f t="shared" si="91"/>
        <v/>
      </c>
      <c r="BW444" s="487" t="str">
        <f t="shared" si="91"/>
        <v/>
      </c>
      <c r="BX444" s="487" t="str">
        <f t="shared" si="92"/>
        <v/>
      </c>
      <c r="BY444" s="487" t="str">
        <f t="shared" si="92"/>
        <v/>
      </c>
      <c r="BZ444" s="487" t="str">
        <f t="shared" si="92"/>
        <v/>
      </c>
      <c r="CA444" s="487" t="str">
        <f t="shared" si="92"/>
        <v/>
      </c>
      <c r="CB444" s="487" t="str">
        <f t="shared" si="92"/>
        <v/>
      </c>
      <c r="CC444" s="487" t="str">
        <f t="shared" si="92"/>
        <v/>
      </c>
      <c r="CD444" s="487" t="str">
        <f t="shared" si="92"/>
        <v/>
      </c>
      <c r="CE444" s="487" t="str">
        <f t="shared" si="92"/>
        <v/>
      </c>
      <c r="CF444" s="487" t="str">
        <f t="shared" si="92"/>
        <v/>
      </c>
      <c r="CG444" s="487" t="str">
        <f t="shared" si="92"/>
        <v/>
      </c>
      <c r="CH444" s="487" t="str">
        <f t="shared" si="92"/>
        <v/>
      </c>
      <c r="CI444" s="487" t="str">
        <f t="shared" si="92"/>
        <v/>
      </c>
      <c r="CJ444" s="487" t="str">
        <f t="shared" si="92"/>
        <v/>
      </c>
      <c r="CK444" s="487" t="str">
        <f t="shared" si="92"/>
        <v/>
      </c>
      <c r="CL444" s="487" t="str">
        <f t="shared" si="92"/>
        <v/>
      </c>
      <c r="CM444" s="487"/>
      <c r="CN444" s="487"/>
      <c r="CO444" s="487"/>
      <c r="CP444" s="487"/>
      <c r="CQ444" s="487"/>
      <c r="CR444" s="487"/>
      <c r="CS444" s="487"/>
      <c r="CT444" s="487"/>
      <c r="CU444" s="487"/>
      <c r="CV444" s="487"/>
      <c r="CW444" s="487"/>
      <c r="CX444" s="487"/>
      <c r="CY444" s="487"/>
      <c r="CZ444" s="487"/>
      <c r="DA444" s="487"/>
      <c r="DB444" s="487"/>
      <c r="DC444" s="487"/>
      <c r="DD444" s="487"/>
      <c r="DE444" s="487"/>
      <c r="DF444" s="487"/>
      <c r="DG444" s="487"/>
      <c r="DH444" s="487"/>
      <c r="DI444" s="486"/>
      <c r="DJ444" s="486"/>
      <c r="DK444" s="486"/>
    </row>
    <row r="445" spans="1:115" ht="60" customHeight="1" x14ac:dyDescent="0.2">
      <c r="A445" s="510"/>
      <c r="B445" s="510"/>
      <c r="C445" s="366">
        <v>773</v>
      </c>
      <c r="D445" s="481"/>
      <c r="E445" s="481" t="s">
        <v>2481</v>
      </c>
      <c r="F445" s="482" t="s">
        <v>53</v>
      </c>
      <c r="G445" s="367" t="s">
        <v>655</v>
      </c>
      <c r="H445" s="300" t="s">
        <v>932</v>
      </c>
      <c r="I445" s="531" t="s">
        <v>1041</v>
      </c>
      <c r="J445" s="533" t="s">
        <v>1042</v>
      </c>
      <c r="K445" s="506"/>
      <c r="L445" s="77" t="s">
        <v>58</v>
      </c>
      <c r="M445" s="533" t="s">
        <v>1036</v>
      </c>
      <c r="N445" s="506"/>
      <c r="O445" s="501" t="s">
        <v>81</v>
      </c>
      <c r="P445" s="77" t="s">
        <v>77</v>
      </c>
      <c r="Q445" s="77"/>
      <c r="R445" s="500" t="s">
        <v>722</v>
      </c>
      <c r="S445" s="76" t="s">
        <v>63</v>
      </c>
      <c r="T445" s="76" t="s">
        <v>63</v>
      </c>
      <c r="U445" s="508">
        <v>55913</v>
      </c>
      <c r="V445" s="508"/>
      <c r="W445" s="510" t="s">
        <v>839</v>
      </c>
      <c r="X445" s="510"/>
      <c r="Y445" s="503">
        <f t="shared" si="89"/>
        <v>55913</v>
      </c>
      <c r="Z445" s="76" t="s">
        <v>65</v>
      </c>
      <c r="AA445" s="486"/>
      <c r="AB445" s="486"/>
      <c r="AC445" s="486"/>
      <c r="AD445" s="486"/>
      <c r="AE445" s="486"/>
      <c r="AF445" s="487"/>
      <c r="AG445" s="487"/>
      <c r="AH445" s="486"/>
      <c r="AI445" s="487"/>
      <c r="AJ445" s="486"/>
      <c r="AK445" s="486"/>
      <c r="AL445" s="486"/>
      <c r="AM445" s="486"/>
      <c r="AN445" s="486"/>
      <c r="AO445" s="486"/>
      <c r="AP445" s="486"/>
      <c r="AQ445" s="486"/>
      <c r="AR445" s="486"/>
      <c r="AS445" s="486"/>
      <c r="AT445" s="486"/>
      <c r="AU445" s="486"/>
      <c r="AV445" s="486"/>
      <c r="AW445" s="486"/>
      <c r="AX445" s="486"/>
      <c r="AY445" s="486"/>
      <c r="AZ445" s="486"/>
      <c r="BA445" s="486"/>
      <c r="BB445" s="486"/>
      <c r="BC445" s="486"/>
      <c r="BD445" s="486"/>
      <c r="BE445" s="486"/>
      <c r="BF445" s="80">
        <f t="shared" si="90"/>
        <v>0</v>
      </c>
      <c r="BG445" s="76"/>
      <c r="BH445" s="487" t="str">
        <f t="shared" si="91"/>
        <v/>
      </c>
      <c r="BI445" s="487" t="str">
        <f t="shared" si="91"/>
        <v/>
      </c>
      <c r="BJ445" s="487" t="str">
        <f t="shared" si="91"/>
        <v/>
      </c>
      <c r="BK445" s="487" t="str">
        <f t="shared" si="91"/>
        <v/>
      </c>
      <c r="BL445" s="487" t="str">
        <f t="shared" si="91"/>
        <v/>
      </c>
      <c r="BM445" s="487" t="str">
        <f t="shared" si="91"/>
        <v/>
      </c>
      <c r="BN445" s="487" t="str">
        <f t="shared" si="91"/>
        <v/>
      </c>
      <c r="BO445" s="487" t="str">
        <f t="shared" si="91"/>
        <v/>
      </c>
      <c r="BP445" s="487" t="str">
        <f t="shared" si="91"/>
        <v/>
      </c>
      <c r="BQ445" s="487" t="str">
        <f t="shared" si="91"/>
        <v/>
      </c>
      <c r="BR445" s="487" t="str">
        <f t="shared" si="91"/>
        <v/>
      </c>
      <c r="BS445" s="487" t="str">
        <f t="shared" si="91"/>
        <v/>
      </c>
      <c r="BT445" s="487" t="str">
        <f t="shared" si="91"/>
        <v/>
      </c>
      <c r="BU445" s="487" t="str">
        <f t="shared" si="91"/>
        <v/>
      </c>
      <c r="BV445" s="487" t="str">
        <f t="shared" si="91"/>
        <v/>
      </c>
      <c r="BW445" s="487" t="str">
        <f t="shared" ref="BW445:CL462" si="93">IF(AP445="yes",(AP$2*$BG445),"")</f>
        <v/>
      </c>
      <c r="BX445" s="487" t="str">
        <f t="shared" si="92"/>
        <v/>
      </c>
      <c r="BY445" s="487" t="str">
        <f t="shared" si="92"/>
        <v/>
      </c>
      <c r="BZ445" s="487" t="str">
        <f t="shared" si="92"/>
        <v/>
      </c>
      <c r="CA445" s="487" t="str">
        <f t="shared" si="92"/>
        <v/>
      </c>
      <c r="CB445" s="487" t="str">
        <f t="shared" si="92"/>
        <v/>
      </c>
      <c r="CC445" s="487" t="str">
        <f t="shared" si="92"/>
        <v/>
      </c>
      <c r="CD445" s="487" t="str">
        <f t="shared" si="92"/>
        <v/>
      </c>
      <c r="CE445" s="487" t="str">
        <f t="shared" si="92"/>
        <v/>
      </c>
      <c r="CF445" s="487" t="str">
        <f t="shared" si="92"/>
        <v/>
      </c>
      <c r="CG445" s="487" t="str">
        <f t="shared" si="92"/>
        <v/>
      </c>
      <c r="CH445" s="487" t="str">
        <f t="shared" si="92"/>
        <v/>
      </c>
      <c r="CI445" s="487" t="str">
        <f t="shared" si="92"/>
        <v/>
      </c>
      <c r="CJ445" s="487" t="str">
        <f t="shared" si="92"/>
        <v/>
      </c>
      <c r="CK445" s="487" t="str">
        <f t="shared" si="92"/>
        <v/>
      </c>
      <c r="CL445" s="487" t="str">
        <f t="shared" si="92"/>
        <v/>
      </c>
      <c r="CM445" s="487"/>
      <c r="CN445" s="487"/>
      <c r="CO445" s="487"/>
      <c r="CP445" s="487"/>
      <c r="CQ445" s="487"/>
      <c r="CR445" s="487"/>
      <c r="CS445" s="487"/>
      <c r="CT445" s="487"/>
      <c r="CU445" s="487"/>
      <c r="CV445" s="487"/>
      <c r="CW445" s="487"/>
      <c r="CX445" s="487"/>
      <c r="CY445" s="487"/>
      <c r="CZ445" s="487"/>
      <c r="DA445" s="487"/>
      <c r="DB445" s="487"/>
      <c r="DC445" s="487"/>
      <c r="DD445" s="487"/>
      <c r="DE445" s="487"/>
      <c r="DF445" s="487"/>
      <c r="DG445" s="487"/>
      <c r="DH445" s="487"/>
      <c r="DI445" s="486"/>
      <c r="DJ445" s="486"/>
      <c r="DK445" s="486"/>
    </row>
    <row r="446" spans="1:115" ht="60" customHeight="1" x14ac:dyDescent="0.2">
      <c r="A446" s="510"/>
      <c r="B446" s="510"/>
      <c r="C446" s="366">
        <v>774</v>
      </c>
      <c r="D446" s="481"/>
      <c r="E446" s="481" t="s">
        <v>2481</v>
      </c>
      <c r="F446" s="482" t="s">
        <v>53</v>
      </c>
      <c r="G446" s="367" t="s">
        <v>655</v>
      </c>
      <c r="H446" s="300" t="s">
        <v>932</v>
      </c>
      <c r="I446" s="531" t="s">
        <v>1043</v>
      </c>
      <c r="J446" s="533" t="s">
        <v>1044</v>
      </c>
      <c r="K446" s="506"/>
      <c r="L446" s="77" t="s">
        <v>58</v>
      </c>
      <c r="M446" s="533" t="s">
        <v>1036</v>
      </c>
      <c r="N446" s="506"/>
      <c r="O446" s="501" t="s">
        <v>81</v>
      </c>
      <c r="P446" s="77" t="s">
        <v>77</v>
      </c>
      <c r="Q446" s="77"/>
      <c r="R446" s="500" t="s">
        <v>722</v>
      </c>
      <c r="S446" s="76" t="s">
        <v>63</v>
      </c>
      <c r="T446" s="76" t="s">
        <v>63</v>
      </c>
      <c r="U446" s="508">
        <v>106892.5</v>
      </c>
      <c r="V446" s="508"/>
      <c r="W446" s="510" t="s">
        <v>839</v>
      </c>
      <c r="X446" s="510"/>
      <c r="Y446" s="503">
        <f t="shared" si="89"/>
        <v>106892.5</v>
      </c>
      <c r="Z446" s="76" t="s">
        <v>65</v>
      </c>
      <c r="AA446" s="486"/>
      <c r="AB446" s="486"/>
      <c r="AC446" s="486"/>
      <c r="AD446" s="486"/>
      <c r="AE446" s="486"/>
      <c r="AF446" s="487"/>
      <c r="AG446" s="487"/>
      <c r="AH446" s="486"/>
      <c r="AI446" s="487"/>
      <c r="AJ446" s="486"/>
      <c r="AK446" s="486"/>
      <c r="AL446" s="486"/>
      <c r="AM446" s="486"/>
      <c r="AN446" s="486"/>
      <c r="AO446" s="486"/>
      <c r="AP446" s="486"/>
      <c r="AQ446" s="486"/>
      <c r="AR446" s="486"/>
      <c r="AS446" s="486"/>
      <c r="AT446" s="486"/>
      <c r="AU446" s="486"/>
      <c r="AV446" s="486"/>
      <c r="AW446" s="486"/>
      <c r="AX446" s="486"/>
      <c r="AY446" s="486"/>
      <c r="AZ446" s="486"/>
      <c r="BA446" s="486"/>
      <c r="BB446" s="486"/>
      <c r="BC446" s="486"/>
      <c r="BD446" s="486"/>
      <c r="BE446" s="486"/>
      <c r="BF446" s="80">
        <f t="shared" si="90"/>
        <v>0</v>
      </c>
      <c r="BG446" s="76"/>
      <c r="BH446" s="487" t="str">
        <f t="shared" ref="BH446:BV462" si="94">IF(AA446="yes",(AA$2*$BG446),"")</f>
        <v/>
      </c>
      <c r="BI446" s="487" t="str">
        <f t="shared" si="94"/>
        <v/>
      </c>
      <c r="BJ446" s="487" t="str">
        <f t="shared" si="94"/>
        <v/>
      </c>
      <c r="BK446" s="487" t="str">
        <f t="shared" si="94"/>
        <v/>
      </c>
      <c r="BL446" s="487" t="str">
        <f t="shared" si="94"/>
        <v/>
      </c>
      <c r="BM446" s="487" t="str">
        <f t="shared" si="94"/>
        <v/>
      </c>
      <c r="BN446" s="487" t="str">
        <f t="shared" si="94"/>
        <v/>
      </c>
      <c r="BO446" s="487" t="str">
        <f t="shared" si="94"/>
        <v/>
      </c>
      <c r="BP446" s="487" t="str">
        <f t="shared" si="94"/>
        <v/>
      </c>
      <c r="BQ446" s="487" t="str">
        <f t="shared" si="94"/>
        <v/>
      </c>
      <c r="BR446" s="487" t="str">
        <f t="shared" si="94"/>
        <v/>
      </c>
      <c r="BS446" s="487" t="str">
        <f t="shared" si="94"/>
        <v/>
      </c>
      <c r="BT446" s="487" t="str">
        <f t="shared" si="94"/>
        <v/>
      </c>
      <c r="BU446" s="487" t="str">
        <f t="shared" si="94"/>
        <v/>
      </c>
      <c r="BV446" s="487" t="str">
        <f t="shared" si="94"/>
        <v/>
      </c>
      <c r="BW446" s="487" t="str">
        <f t="shared" si="93"/>
        <v/>
      </c>
      <c r="BX446" s="487" t="str">
        <f t="shared" si="92"/>
        <v/>
      </c>
      <c r="BY446" s="487" t="str">
        <f t="shared" si="92"/>
        <v/>
      </c>
      <c r="BZ446" s="487" t="str">
        <f t="shared" si="92"/>
        <v/>
      </c>
      <c r="CA446" s="487" t="str">
        <f t="shared" si="92"/>
        <v/>
      </c>
      <c r="CB446" s="487" t="str">
        <f t="shared" si="92"/>
        <v/>
      </c>
      <c r="CC446" s="487" t="str">
        <f t="shared" si="92"/>
        <v/>
      </c>
      <c r="CD446" s="487" t="str">
        <f t="shared" si="92"/>
        <v/>
      </c>
      <c r="CE446" s="487" t="str">
        <f t="shared" si="92"/>
        <v/>
      </c>
      <c r="CF446" s="487" t="str">
        <f t="shared" si="92"/>
        <v/>
      </c>
      <c r="CG446" s="487" t="str">
        <f t="shared" si="92"/>
        <v/>
      </c>
      <c r="CH446" s="487" t="str">
        <f t="shared" si="92"/>
        <v/>
      </c>
      <c r="CI446" s="487" t="str">
        <f t="shared" si="92"/>
        <v/>
      </c>
      <c r="CJ446" s="487" t="str">
        <f t="shared" si="92"/>
        <v/>
      </c>
      <c r="CK446" s="487" t="str">
        <f t="shared" si="92"/>
        <v/>
      </c>
      <c r="CL446" s="487" t="str">
        <f t="shared" si="92"/>
        <v/>
      </c>
      <c r="CM446" s="487"/>
      <c r="CN446" s="487"/>
      <c r="CO446" s="487"/>
      <c r="CP446" s="487"/>
      <c r="CQ446" s="487"/>
      <c r="CR446" s="487"/>
      <c r="CS446" s="487"/>
      <c r="CT446" s="487"/>
      <c r="CU446" s="487"/>
      <c r="CV446" s="487"/>
      <c r="CW446" s="487"/>
      <c r="CX446" s="487"/>
      <c r="CY446" s="487"/>
      <c r="CZ446" s="487"/>
      <c r="DA446" s="487"/>
      <c r="DB446" s="487"/>
      <c r="DC446" s="487"/>
      <c r="DD446" s="487"/>
      <c r="DE446" s="487"/>
      <c r="DF446" s="487"/>
      <c r="DG446" s="487"/>
      <c r="DH446" s="487"/>
      <c r="DI446" s="486"/>
      <c r="DJ446" s="486"/>
      <c r="DK446" s="486"/>
    </row>
    <row r="447" spans="1:115" ht="56.1" hidden="1" customHeight="1" x14ac:dyDescent="0.2">
      <c r="A447" s="510"/>
      <c r="B447" s="510"/>
      <c r="C447" s="481">
        <v>681</v>
      </c>
      <c r="D447" s="481"/>
      <c r="E447" s="481" t="s">
        <v>2481</v>
      </c>
      <c r="F447" s="482" t="s">
        <v>53</v>
      </c>
      <c r="G447" s="482" t="s">
        <v>655</v>
      </c>
      <c r="H447" s="500" t="s">
        <v>830</v>
      </c>
      <c r="I447" s="501" t="s">
        <v>837</v>
      </c>
      <c r="J447" s="501" t="s">
        <v>838</v>
      </c>
      <c r="K447" s="501"/>
      <c r="L447" s="77" t="s">
        <v>58</v>
      </c>
      <c r="M447" s="501" t="s">
        <v>59</v>
      </c>
      <c r="N447" s="501"/>
      <c r="O447" s="501" t="s">
        <v>81</v>
      </c>
      <c r="P447" s="77" t="s">
        <v>77</v>
      </c>
      <c r="Q447" s="77"/>
      <c r="R447" s="500" t="s">
        <v>834</v>
      </c>
      <c r="S447" s="76" t="s">
        <v>63</v>
      </c>
      <c r="T447" s="76" t="s">
        <v>63</v>
      </c>
      <c r="U447" s="502">
        <v>370629.1875</v>
      </c>
      <c r="V447" s="502"/>
      <c r="W447" s="510" t="s">
        <v>839</v>
      </c>
      <c r="X447" s="510"/>
      <c r="Y447" s="503">
        <f t="shared" si="89"/>
        <v>370629.1875</v>
      </c>
      <c r="Z447" s="76" t="s">
        <v>65</v>
      </c>
      <c r="AA447" s="487"/>
      <c r="AB447" s="76"/>
      <c r="AC447" s="76"/>
      <c r="AD447" s="76"/>
      <c r="AE447" s="76"/>
      <c r="AF447" s="76"/>
      <c r="AG447" s="76"/>
      <c r="AH447" s="76"/>
      <c r="AI447" s="76"/>
      <c r="AJ447" s="76"/>
      <c r="AK447" s="76"/>
      <c r="AL447" s="76"/>
      <c r="AM447" s="76"/>
      <c r="AN447" s="76"/>
      <c r="AO447" s="76"/>
      <c r="AP447" s="76"/>
      <c r="AQ447" s="76"/>
      <c r="AR447" s="76"/>
      <c r="AS447" s="76"/>
      <c r="AT447" s="76"/>
      <c r="AU447" s="76"/>
      <c r="AV447" s="76"/>
      <c r="AW447" s="76"/>
      <c r="AX447" s="76"/>
      <c r="AY447" s="76"/>
      <c r="AZ447" s="76"/>
      <c r="BA447" s="76"/>
      <c r="BB447" s="76"/>
      <c r="BC447" s="76"/>
      <c r="BD447" s="76"/>
      <c r="BE447" s="76"/>
      <c r="BF447" s="80">
        <f t="shared" si="90"/>
        <v>0</v>
      </c>
      <c r="BG447" s="76"/>
      <c r="BH447" s="487" t="str">
        <f t="shared" si="94"/>
        <v/>
      </c>
      <c r="BI447" s="487" t="str">
        <f t="shared" si="94"/>
        <v/>
      </c>
      <c r="BJ447" s="487" t="str">
        <f t="shared" si="94"/>
        <v/>
      </c>
      <c r="BK447" s="487" t="str">
        <f t="shared" si="94"/>
        <v/>
      </c>
      <c r="BL447" s="487" t="str">
        <f t="shared" si="94"/>
        <v/>
      </c>
      <c r="BM447" s="487" t="str">
        <f t="shared" si="94"/>
        <v/>
      </c>
      <c r="BN447" s="487" t="str">
        <f t="shared" si="94"/>
        <v/>
      </c>
      <c r="BO447" s="487" t="str">
        <f t="shared" si="94"/>
        <v/>
      </c>
      <c r="BP447" s="487" t="str">
        <f t="shared" si="94"/>
        <v/>
      </c>
      <c r="BQ447" s="487" t="str">
        <f t="shared" si="94"/>
        <v/>
      </c>
      <c r="BR447" s="487" t="str">
        <f t="shared" si="94"/>
        <v/>
      </c>
      <c r="BS447" s="487" t="str">
        <f t="shared" si="94"/>
        <v/>
      </c>
      <c r="BT447" s="487" t="str">
        <f t="shared" si="94"/>
        <v/>
      </c>
      <c r="BU447" s="487" t="str">
        <f t="shared" si="94"/>
        <v/>
      </c>
      <c r="BV447" s="487" t="str">
        <f t="shared" si="94"/>
        <v/>
      </c>
      <c r="BW447" s="487" t="str">
        <f t="shared" si="93"/>
        <v/>
      </c>
      <c r="BX447" s="487" t="str">
        <f t="shared" si="93"/>
        <v/>
      </c>
      <c r="BY447" s="487" t="str">
        <f t="shared" si="93"/>
        <v/>
      </c>
      <c r="BZ447" s="487" t="str">
        <f t="shared" si="93"/>
        <v/>
      </c>
      <c r="CA447" s="487" t="str">
        <f t="shared" si="93"/>
        <v/>
      </c>
      <c r="CB447" s="487" t="str">
        <f t="shared" si="93"/>
        <v/>
      </c>
      <c r="CC447" s="487" t="str">
        <f t="shared" si="93"/>
        <v/>
      </c>
      <c r="CD447" s="487" t="str">
        <f t="shared" si="93"/>
        <v/>
      </c>
      <c r="CE447" s="487" t="str">
        <f t="shared" si="93"/>
        <v/>
      </c>
      <c r="CF447" s="487" t="str">
        <f t="shared" si="93"/>
        <v/>
      </c>
      <c r="CG447" s="487" t="str">
        <f t="shared" si="93"/>
        <v/>
      </c>
      <c r="CH447" s="487" t="str">
        <f t="shared" si="93"/>
        <v/>
      </c>
      <c r="CI447" s="487" t="str">
        <f t="shared" si="93"/>
        <v/>
      </c>
      <c r="CJ447" s="487" t="str">
        <f t="shared" si="93"/>
        <v/>
      </c>
      <c r="CK447" s="487" t="str">
        <f t="shared" si="93"/>
        <v/>
      </c>
      <c r="CL447" s="487" t="str">
        <f t="shared" si="93"/>
        <v/>
      </c>
      <c r="CM447" s="487"/>
      <c r="CN447" s="487"/>
      <c r="CO447" s="487"/>
      <c r="CP447" s="487"/>
      <c r="CQ447" s="487"/>
      <c r="CR447" s="487"/>
      <c r="CS447" s="487"/>
      <c r="CT447" s="487"/>
      <c r="CU447" s="487"/>
      <c r="CV447" s="487"/>
      <c r="CW447" s="487"/>
      <c r="CX447" s="487"/>
      <c r="CY447" s="487"/>
      <c r="CZ447" s="487"/>
      <c r="DA447" s="487"/>
      <c r="DB447" s="487"/>
      <c r="DC447" s="487"/>
      <c r="DD447" s="487"/>
      <c r="DE447" s="487"/>
      <c r="DF447" s="487"/>
      <c r="DG447" s="487"/>
      <c r="DH447" s="487"/>
      <c r="DI447" s="76"/>
      <c r="DJ447" s="76"/>
      <c r="DK447" s="504"/>
    </row>
    <row r="448" spans="1:115" ht="56.1" hidden="1" customHeight="1" x14ac:dyDescent="0.2">
      <c r="A448" s="510"/>
      <c r="B448" s="510"/>
      <c r="C448" s="481">
        <v>682</v>
      </c>
      <c r="D448" s="481"/>
      <c r="E448" s="481" t="s">
        <v>2481</v>
      </c>
      <c r="F448" s="482" t="s">
        <v>53</v>
      </c>
      <c r="G448" s="482" t="s">
        <v>655</v>
      </c>
      <c r="H448" s="500" t="s">
        <v>830</v>
      </c>
      <c r="I448" s="501" t="s">
        <v>840</v>
      </c>
      <c r="J448" s="501" t="s">
        <v>841</v>
      </c>
      <c r="K448" s="501"/>
      <c r="L448" s="77" t="s">
        <v>58</v>
      </c>
      <c r="M448" s="501" t="s">
        <v>59</v>
      </c>
      <c r="N448" s="501"/>
      <c r="O448" s="501" t="s">
        <v>81</v>
      </c>
      <c r="P448" s="77" t="s">
        <v>77</v>
      </c>
      <c r="Q448" s="77"/>
      <c r="R448" s="500" t="s">
        <v>834</v>
      </c>
      <c r="S448" s="76" t="s">
        <v>63</v>
      </c>
      <c r="T448" s="76" t="s">
        <v>63</v>
      </c>
      <c r="U448" s="502">
        <v>370629.1875</v>
      </c>
      <c r="V448" s="502"/>
      <c r="W448" s="510" t="s">
        <v>839</v>
      </c>
      <c r="X448" s="510"/>
      <c r="Y448" s="503">
        <f t="shared" si="89"/>
        <v>370629.1875</v>
      </c>
      <c r="Z448" s="76" t="s">
        <v>65</v>
      </c>
      <c r="AA448" s="487"/>
      <c r="AB448" s="76"/>
      <c r="AC448" s="76"/>
      <c r="AD448" s="76"/>
      <c r="AE448" s="76"/>
      <c r="AF448" s="76"/>
      <c r="AG448" s="76"/>
      <c r="AH448" s="76"/>
      <c r="AI448" s="76"/>
      <c r="AJ448" s="76"/>
      <c r="AK448" s="76"/>
      <c r="AL448" s="76"/>
      <c r="AM448" s="76"/>
      <c r="AN448" s="76"/>
      <c r="AO448" s="76"/>
      <c r="AP448" s="76"/>
      <c r="AQ448" s="76"/>
      <c r="AR448" s="76"/>
      <c r="AS448" s="76"/>
      <c r="AT448" s="76"/>
      <c r="AU448" s="76"/>
      <c r="AV448" s="76"/>
      <c r="AW448" s="76"/>
      <c r="AX448" s="76"/>
      <c r="AY448" s="76"/>
      <c r="AZ448" s="76"/>
      <c r="BA448" s="76"/>
      <c r="BB448" s="76"/>
      <c r="BC448" s="76"/>
      <c r="BD448" s="76"/>
      <c r="BE448" s="76"/>
      <c r="BF448" s="80">
        <f t="shared" si="90"/>
        <v>0</v>
      </c>
      <c r="BG448" s="76"/>
      <c r="BH448" s="487" t="str">
        <f t="shared" si="94"/>
        <v/>
      </c>
      <c r="BI448" s="487" t="str">
        <f t="shared" si="94"/>
        <v/>
      </c>
      <c r="BJ448" s="487" t="str">
        <f t="shared" si="94"/>
        <v/>
      </c>
      <c r="BK448" s="487" t="str">
        <f t="shared" si="94"/>
        <v/>
      </c>
      <c r="BL448" s="487" t="str">
        <f t="shared" si="94"/>
        <v/>
      </c>
      <c r="BM448" s="487" t="str">
        <f t="shared" si="94"/>
        <v/>
      </c>
      <c r="BN448" s="487" t="str">
        <f t="shared" si="94"/>
        <v/>
      </c>
      <c r="BO448" s="487" t="str">
        <f t="shared" si="94"/>
        <v/>
      </c>
      <c r="BP448" s="487" t="str">
        <f t="shared" si="94"/>
        <v/>
      </c>
      <c r="BQ448" s="487" t="str">
        <f t="shared" si="94"/>
        <v/>
      </c>
      <c r="BR448" s="487" t="str">
        <f t="shared" si="94"/>
        <v/>
      </c>
      <c r="BS448" s="487" t="str">
        <f t="shared" si="94"/>
        <v/>
      </c>
      <c r="BT448" s="487" t="str">
        <f t="shared" si="94"/>
        <v/>
      </c>
      <c r="BU448" s="487" t="str">
        <f t="shared" si="94"/>
        <v/>
      </c>
      <c r="BV448" s="487" t="str">
        <f t="shared" si="94"/>
        <v/>
      </c>
      <c r="BW448" s="487" t="str">
        <f t="shared" si="93"/>
        <v/>
      </c>
      <c r="BX448" s="487" t="str">
        <f t="shared" si="93"/>
        <v/>
      </c>
      <c r="BY448" s="487" t="str">
        <f t="shared" si="93"/>
        <v/>
      </c>
      <c r="BZ448" s="487" t="str">
        <f t="shared" si="93"/>
        <v/>
      </c>
      <c r="CA448" s="487" t="str">
        <f t="shared" si="93"/>
        <v/>
      </c>
      <c r="CB448" s="487" t="str">
        <f t="shared" si="93"/>
        <v/>
      </c>
      <c r="CC448" s="487" t="str">
        <f t="shared" si="93"/>
        <v/>
      </c>
      <c r="CD448" s="487" t="str">
        <f t="shared" si="93"/>
        <v/>
      </c>
      <c r="CE448" s="487" t="str">
        <f t="shared" si="93"/>
        <v/>
      </c>
      <c r="CF448" s="487" t="str">
        <f t="shared" si="93"/>
        <v/>
      </c>
      <c r="CG448" s="487" t="str">
        <f t="shared" si="93"/>
        <v/>
      </c>
      <c r="CH448" s="487" t="str">
        <f t="shared" si="93"/>
        <v/>
      </c>
      <c r="CI448" s="487" t="str">
        <f t="shared" si="93"/>
        <v/>
      </c>
      <c r="CJ448" s="487" t="str">
        <f t="shared" si="93"/>
        <v/>
      </c>
      <c r="CK448" s="487" t="str">
        <f t="shared" si="93"/>
        <v/>
      </c>
      <c r="CL448" s="487" t="str">
        <f t="shared" si="93"/>
        <v/>
      </c>
      <c r="CM448" s="487"/>
      <c r="CN448" s="487"/>
      <c r="CO448" s="487"/>
      <c r="CP448" s="487"/>
      <c r="CQ448" s="487"/>
      <c r="CR448" s="487"/>
      <c r="CS448" s="487"/>
      <c r="CT448" s="487"/>
      <c r="CU448" s="487"/>
      <c r="CV448" s="487"/>
      <c r="CW448" s="487"/>
      <c r="CX448" s="487"/>
      <c r="CY448" s="487"/>
      <c r="CZ448" s="487"/>
      <c r="DA448" s="487"/>
      <c r="DB448" s="487"/>
      <c r="DC448" s="487"/>
      <c r="DD448" s="487"/>
      <c r="DE448" s="487"/>
      <c r="DF448" s="487"/>
      <c r="DG448" s="487"/>
      <c r="DH448" s="487"/>
      <c r="DI448" s="76"/>
      <c r="DJ448" s="76"/>
      <c r="DK448" s="504"/>
    </row>
    <row r="449" spans="1:115" ht="168" hidden="1" customHeight="1" x14ac:dyDescent="0.2">
      <c r="A449" s="510"/>
      <c r="B449" s="510"/>
      <c r="C449" s="366">
        <v>777</v>
      </c>
      <c r="D449" s="481"/>
      <c r="E449" s="481" t="s">
        <v>2481</v>
      </c>
      <c r="F449" s="482" t="s">
        <v>53</v>
      </c>
      <c r="G449" s="367" t="s">
        <v>655</v>
      </c>
      <c r="H449" s="300" t="s">
        <v>932</v>
      </c>
      <c r="I449" s="531" t="s">
        <v>1049</v>
      </c>
      <c r="J449" s="531" t="s">
        <v>1050</v>
      </c>
      <c r="K449" s="506"/>
      <c r="L449" s="77" t="s">
        <v>58</v>
      </c>
      <c r="M449" s="531" t="s">
        <v>25</v>
      </c>
      <c r="N449" s="506"/>
      <c r="O449" s="501" t="s">
        <v>81</v>
      </c>
      <c r="P449" s="77" t="s">
        <v>77</v>
      </c>
      <c r="Q449" s="77"/>
      <c r="R449" s="501" t="s">
        <v>834</v>
      </c>
      <c r="S449" s="76" t="s">
        <v>63</v>
      </c>
      <c r="T449" s="76" t="s">
        <v>63</v>
      </c>
      <c r="U449" s="508">
        <v>296928.864375</v>
      </c>
      <c r="V449" s="508"/>
      <c r="W449" s="510" t="s">
        <v>839</v>
      </c>
      <c r="X449" s="510"/>
      <c r="Y449" s="503">
        <f t="shared" si="89"/>
        <v>296928.864375</v>
      </c>
      <c r="Z449" s="76" t="s">
        <v>65</v>
      </c>
      <c r="AA449" s="486"/>
      <c r="AB449" s="486"/>
      <c r="AC449" s="486"/>
      <c r="AD449" s="486"/>
      <c r="AE449" s="486"/>
      <c r="AF449" s="487"/>
      <c r="AG449" s="487"/>
      <c r="AH449" s="486"/>
      <c r="AI449" s="487"/>
      <c r="AJ449" s="486"/>
      <c r="AK449" s="486"/>
      <c r="AL449" s="486"/>
      <c r="AM449" s="486"/>
      <c r="AN449" s="486"/>
      <c r="AO449" s="486"/>
      <c r="AP449" s="486"/>
      <c r="AQ449" s="486"/>
      <c r="AR449" s="486"/>
      <c r="AS449" s="486"/>
      <c r="AT449" s="486"/>
      <c r="AU449" s="486"/>
      <c r="AV449" s="486"/>
      <c r="AW449" s="486"/>
      <c r="AX449" s="486"/>
      <c r="AY449" s="486"/>
      <c r="AZ449" s="486"/>
      <c r="BA449" s="486"/>
      <c r="BB449" s="486"/>
      <c r="BC449" s="486"/>
      <c r="BD449" s="486"/>
      <c r="BE449" s="486"/>
      <c r="BF449" s="80">
        <f t="shared" si="90"/>
        <v>0</v>
      </c>
      <c r="BG449" s="76"/>
      <c r="BH449" s="487" t="str">
        <f t="shared" si="94"/>
        <v/>
      </c>
      <c r="BI449" s="487" t="str">
        <f t="shared" si="94"/>
        <v/>
      </c>
      <c r="BJ449" s="487" t="str">
        <f t="shared" si="94"/>
        <v/>
      </c>
      <c r="BK449" s="487" t="str">
        <f t="shared" si="94"/>
        <v/>
      </c>
      <c r="BL449" s="487" t="str">
        <f t="shared" si="94"/>
        <v/>
      </c>
      <c r="BM449" s="487" t="str">
        <f t="shared" si="94"/>
        <v/>
      </c>
      <c r="BN449" s="487" t="str">
        <f t="shared" si="94"/>
        <v/>
      </c>
      <c r="BO449" s="487" t="str">
        <f t="shared" si="94"/>
        <v/>
      </c>
      <c r="BP449" s="487" t="str">
        <f t="shared" si="94"/>
        <v/>
      </c>
      <c r="BQ449" s="487" t="str">
        <f t="shared" si="94"/>
        <v/>
      </c>
      <c r="BR449" s="487" t="str">
        <f t="shared" si="94"/>
        <v/>
      </c>
      <c r="BS449" s="487" t="str">
        <f t="shared" si="94"/>
        <v/>
      </c>
      <c r="BT449" s="487" t="str">
        <f t="shared" si="94"/>
        <v/>
      </c>
      <c r="BU449" s="487" t="str">
        <f t="shared" si="94"/>
        <v/>
      </c>
      <c r="BV449" s="487" t="str">
        <f t="shared" si="94"/>
        <v/>
      </c>
      <c r="BW449" s="487" t="str">
        <f t="shared" si="93"/>
        <v/>
      </c>
      <c r="BX449" s="487" t="str">
        <f t="shared" si="93"/>
        <v/>
      </c>
      <c r="BY449" s="487" t="str">
        <f t="shared" si="93"/>
        <v/>
      </c>
      <c r="BZ449" s="487" t="str">
        <f t="shared" si="93"/>
        <v/>
      </c>
      <c r="CA449" s="487" t="str">
        <f t="shared" si="93"/>
        <v/>
      </c>
      <c r="CB449" s="487" t="str">
        <f t="shared" si="93"/>
        <v/>
      </c>
      <c r="CC449" s="487" t="str">
        <f t="shared" si="93"/>
        <v/>
      </c>
      <c r="CD449" s="487" t="str">
        <f t="shared" si="93"/>
        <v/>
      </c>
      <c r="CE449" s="487" t="str">
        <f t="shared" si="93"/>
        <v/>
      </c>
      <c r="CF449" s="487" t="str">
        <f t="shared" si="93"/>
        <v/>
      </c>
      <c r="CG449" s="487" t="str">
        <f t="shared" si="93"/>
        <v/>
      </c>
      <c r="CH449" s="487" t="str">
        <f t="shared" si="93"/>
        <v/>
      </c>
      <c r="CI449" s="487" t="str">
        <f t="shared" si="93"/>
        <v/>
      </c>
      <c r="CJ449" s="487" t="str">
        <f t="shared" si="93"/>
        <v/>
      </c>
      <c r="CK449" s="487" t="str">
        <f t="shared" si="93"/>
        <v/>
      </c>
      <c r="CL449" s="487" t="str">
        <f t="shared" si="93"/>
        <v/>
      </c>
      <c r="CM449" s="487"/>
      <c r="CN449" s="487"/>
      <c r="CO449" s="487"/>
      <c r="CP449" s="487"/>
      <c r="CQ449" s="487"/>
      <c r="CR449" s="487"/>
      <c r="CS449" s="487"/>
      <c r="CT449" s="487"/>
      <c r="CU449" s="487"/>
      <c r="CV449" s="487"/>
      <c r="CW449" s="487"/>
      <c r="CX449" s="487"/>
      <c r="CY449" s="487"/>
      <c r="CZ449" s="487"/>
      <c r="DA449" s="487"/>
      <c r="DB449" s="487"/>
      <c r="DC449" s="487"/>
      <c r="DD449" s="487"/>
      <c r="DE449" s="487"/>
      <c r="DF449" s="487"/>
      <c r="DG449" s="487"/>
      <c r="DH449" s="487"/>
      <c r="DI449" s="486"/>
      <c r="DJ449" s="486"/>
      <c r="DK449" s="486"/>
    </row>
    <row r="450" spans="1:115" ht="71.25" hidden="1" x14ac:dyDescent="0.2">
      <c r="A450" s="510"/>
      <c r="B450" s="510"/>
      <c r="C450" s="366">
        <v>778</v>
      </c>
      <c r="D450" s="481"/>
      <c r="E450" s="481" t="s">
        <v>2481</v>
      </c>
      <c r="F450" s="482" t="s">
        <v>53</v>
      </c>
      <c r="G450" s="367" t="s">
        <v>655</v>
      </c>
      <c r="H450" s="300" t="s">
        <v>932</v>
      </c>
      <c r="I450" s="531" t="s">
        <v>1051</v>
      </c>
      <c r="J450" s="531" t="s">
        <v>1052</v>
      </c>
      <c r="K450" s="506"/>
      <c r="L450" s="77" t="s">
        <v>58</v>
      </c>
      <c r="M450" s="531" t="s">
        <v>25</v>
      </c>
      <c r="N450" s="506"/>
      <c r="O450" s="506" t="s">
        <v>81</v>
      </c>
      <c r="P450" s="77" t="s">
        <v>77</v>
      </c>
      <c r="Q450" s="77"/>
      <c r="R450" s="501" t="s">
        <v>834</v>
      </c>
      <c r="S450" s="76" t="s">
        <v>63</v>
      </c>
      <c r="T450" s="76" t="s">
        <v>63</v>
      </c>
      <c r="U450" s="508">
        <v>359734.375</v>
      </c>
      <c r="V450" s="508"/>
      <c r="W450" s="510" t="s">
        <v>839</v>
      </c>
      <c r="X450" s="510"/>
      <c r="Y450" s="503">
        <f t="shared" si="89"/>
        <v>359734.375</v>
      </c>
      <c r="Z450" s="76" t="s">
        <v>65</v>
      </c>
      <c r="AA450" s="486"/>
      <c r="AB450" s="486"/>
      <c r="AC450" s="486"/>
      <c r="AD450" s="486"/>
      <c r="AE450" s="486"/>
      <c r="AF450" s="487"/>
      <c r="AG450" s="487"/>
      <c r="AH450" s="486"/>
      <c r="AI450" s="487"/>
      <c r="AJ450" s="486"/>
      <c r="AK450" s="486"/>
      <c r="AL450" s="486"/>
      <c r="AM450" s="486"/>
      <c r="AN450" s="486"/>
      <c r="AO450" s="486"/>
      <c r="AP450" s="486"/>
      <c r="AQ450" s="486"/>
      <c r="AR450" s="486"/>
      <c r="AS450" s="486"/>
      <c r="AT450" s="486"/>
      <c r="AU450" s="486"/>
      <c r="AV450" s="486"/>
      <c r="AW450" s="486"/>
      <c r="AX450" s="486"/>
      <c r="AY450" s="486"/>
      <c r="AZ450" s="486"/>
      <c r="BA450" s="486"/>
      <c r="BB450" s="486"/>
      <c r="BC450" s="486"/>
      <c r="BD450" s="486"/>
      <c r="BE450" s="486"/>
      <c r="BF450" s="80">
        <f t="shared" si="90"/>
        <v>0</v>
      </c>
      <c r="BG450" s="76"/>
      <c r="BH450" s="487" t="str">
        <f t="shared" si="94"/>
        <v/>
      </c>
      <c r="BI450" s="487" t="str">
        <f t="shared" si="94"/>
        <v/>
      </c>
      <c r="BJ450" s="487" t="str">
        <f t="shared" si="94"/>
        <v/>
      </c>
      <c r="BK450" s="487" t="str">
        <f t="shared" si="94"/>
        <v/>
      </c>
      <c r="BL450" s="487" t="str">
        <f t="shared" si="94"/>
        <v/>
      </c>
      <c r="BM450" s="487" t="str">
        <f t="shared" si="94"/>
        <v/>
      </c>
      <c r="BN450" s="487" t="str">
        <f t="shared" si="94"/>
        <v/>
      </c>
      <c r="BO450" s="487" t="str">
        <f t="shared" si="94"/>
        <v/>
      </c>
      <c r="BP450" s="487" t="str">
        <f t="shared" si="94"/>
        <v/>
      </c>
      <c r="BQ450" s="487" t="str">
        <f t="shared" si="94"/>
        <v/>
      </c>
      <c r="BR450" s="487" t="str">
        <f t="shared" si="94"/>
        <v/>
      </c>
      <c r="BS450" s="487" t="str">
        <f t="shared" si="94"/>
        <v/>
      </c>
      <c r="BT450" s="487" t="str">
        <f t="shared" si="94"/>
        <v/>
      </c>
      <c r="BU450" s="487" t="str">
        <f t="shared" si="94"/>
        <v/>
      </c>
      <c r="BV450" s="487" t="str">
        <f t="shared" si="94"/>
        <v/>
      </c>
      <c r="BW450" s="487" t="str">
        <f t="shared" si="93"/>
        <v/>
      </c>
      <c r="BX450" s="487" t="str">
        <f t="shared" si="93"/>
        <v/>
      </c>
      <c r="BY450" s="487" t="str">
        <f t="shared" si="93"/>
        <v/>
      </c>
      <c r="BZ450" s="487" t="str">
        <f t="shared" si="93"/>
        <v/>
      </c>
      <c r="CA450" s="487" t="str">
        <f t="shared" si="93"/>
        <v/>
      </c>
      <c r="CB450" s="487" t="str">
        <f t="shared" si="93"/>
        <v/>
      </c>
      <c r="CC450" s="487" t="str">
        <f t="shared" si="93"/>
        <v/>
      </c>
      <c r="CD450" s="487" t="str">
        <f t="shared" si="93"/>
        <v/>
      </c>
      <c r="CE450" s="487" t="str">
        <f t="shared" si="93"/>
        <v/>
      </c>
      <c r="CF450" s="487" t="str">
        <f t="shared" si="93"/>
        <v/>
      </c>
      <c r="CG450" s="487" t="str">
        <f t="shared" si="93"/>
        <v/>
      </c>
      <c r="CH450" s="487" t="str">
        <f t="shared" si="93"/>
        <v/>
      </c>
      <c r="CI450" s="487" t="str">
        <f t="shared" si="93"/>
        <v/>
      </c>
      <c r="CJ450" s="487" t="str">
        <f t="shared" si="93"/>
        <v/>
      </c>
      <c r="CK450" s="487" t="str">
        <f t="shared" si="93"/>
        <v/>
      </c>
      <c r="CL450" s="487" t="str">
        <f t="shared" si="93"/>
        <v/>
      </c>
      <c r="CM450" s="487"/>
      <c r="CN450" s="487"/>
      <c r="CO450" s="487"/>
      <c r="CP450" s="487"/>
      <c r="CQ450" s="487"/>
      <c r="CR450" s="487"/>
      <c r="CS450" s="487"/>
      <c r="CT450" s="487"/>
      <c r="CU450" s="487"/>
      <c r="CV450" s="487"/>
      <c r="CW450" s="487"/>
      <c r="CX450" s="487"/>
      <c r="CY450" s="487"/>
      <c r="CZ450" s="487"/>
      <c r="DA450" s="487"/>
      <c r="DB450" s="487"/>
      <c r="DC450" s="487"/>
      <c r="DD450" s="487"/>
      <c r="DE450" s="487"/>
      <c r="DF450" s="487"/>
      <c r="DG450" s="487"/>
      <c r="DH450" s="487"/>
      <c r="DI450" s="486"/>
      <c r="DJ450" s="486"/>
      <c r="DK450" s="486"/>
    </row>
    <row r="451" spans="1:115" ht="30" hidden="1" x14ac:dyDescent="0.2">
      <c r="A451" s="510"/>
      <c r="B451" s="510"/>
      <c r="C451" s="366">
        <v>779</v>
      </c>
      <c r="D451" s="481"/>
      <c r="E451" s="481" t="s">
        <v>2481</v>
      </c>
      <c r="F451" s="482" t="s">
        <v>53</v>
      </c>
      <c r="G451" s="367" t="s">
        <v>655</v>
      </c>
      <c r="H451" s="300" t="s">
        <v>932</v>
      </c>
      <c r="I451" s="531" t="s">
        <v>1053</v>
      </c>
      <c r="J451" s="531" t="s">
        <v>1054</v>
      </c>
      <c r="K451" s="506"/>
      <c r="L451" s="77" t="s">
        <v>58</v>
      </c>
      <c r="M451" s="531" t="s">
        <v>25</v>
      </c>
      <c r="N451" s="506"/>
      <c r="O451" s="501" t="s">
        <v>81</v>
      </c>
      <c r="P451" s="77" t="s">
        <v>77</v>
      </c>
      <c r="Q451" s="77"/>
      <c r="R451" s="501" t="s">
        <v>834</v>
      </c>
      <c r="S451" s="76" t="s">
        <v>63</v>
      </c>
      <c r="T451" s="76" t="s">
        <v>63</v>
      </c>
      <c r="U451" s="508">
        <v>47279.375</v>
      </c>
      <c r="V451" s="508"/>
      <c r="W451" s="510" t="s">
        <v>839</v>
      </c>
      <c r="X451" s="510"/>
      <c r="Y451" s="503">
        <f t="shared" si="89"/>
        <v>47279.375</v>
      </c>
      <c r="Z451" s="76" t="s">
        <v>65</v>
      </c>
      <c r="AA451" s="486"/>
      <c r="AB451" s="486"/>
      <c r="AC451" s="486"/>
      <c r="AD451" s="486"/>
      <c r="AE451" s="487"/>
      <c r="AF451" s="486"/>
      <c r="AG451" s="486"/>
      <c r="AH451" s="486"/>
      <c r="AI451" s="486"/>
      <c r="AJ451" s="486"/>
      <c r="AK451" s="487"/>
      <c r="AL451" s="486"/>
      <c r="AM451" s="486"/>
      <c r="AN451" s="486"/>
      <c r="AO451" s="486"/>
      <c r="AP451" s="486"/>
      <c r="AQ451" s="486"/>
      <c r="AR451" s="486"/>
      <c r="AS451" s="486"/>
      <c r="AT451" s="486"/>
      <c r="AU451" s="486"/>
      <c r="AV451" s="486"/>
      <c r="AW451" s="486"/>
      <c r="AX451" s="486"/>
      <c r="AY451" s="486"/>
      <c r="AZ451" s="486"/>
      <c r="BA451" s="486"/>
      <c r="BB451" s="486"/>
      <c r="BC451" s="486"/>
      <c r="BD451" s="486"/>
      <c r="BE451" s="486"/>
      <c r="BF451" s="80">
        <f t="shared" si="90"/>
        <v>0</v>
      </c>
      <c r="BG451" s="76"/>
      <c r="BH451" s="487" t="str">
        <f t="shared" si="94"/>
        <v/>
      </c>
      <c r="BI451" s="487" t="str">
        <f t="shared" si="94"/>
        <v/>
      </c>
      <c r="BJ451" s="487" t="str">
        <f t="shared" si="94"/>
        <v/>
      </c>
      <c r="BK451" s="487" t="str">
        <f t="shared" si="94"/>
        <v/>
      </c>
      <c r="BL451" s="487" t="str">
        <f t="shared" si="94"/>
        <v/>
      </c>
      <c r="BM451" s="487" t="str">
        <f t="shared" si="94"/>
        <v/>
      </c>
      <c r="BN451" s="487" t="str">
        <f t="shared" si="94"/>
        <v/>
      </c>
      <c r="BO451" s="487" t="str">
        <f t="shared" si="94"/>
        <v/>
      </c>
      <c r="BP451" s="487" t="str">
        <f t="shared" si="94"/>
        <v/>
      </c>
      <c r="BQ451" s="487" t="str">
        <f t="shared" si="94"/>
        <v/>
      </c>
      <c r="BR451" s="487" t="str">
        <f t="shared" si="94"/>
        <v/>
      </c>
      <c r="BS451" s="487" t="str">
        <f t="shared" si="94"/>
        <v/>
      </c>
      <c r="BT451" s="487" t="str">
        <f t="shared" si="94"/>
        <v/>
      </c>
      <c r="BU451" s="487" t="str">
        <f t="shared" si="94"/>
        <v/>
      </c>
      <c r="BV451" s="487" t="str">
        <f t="shared" si="94"/>
        <v/>
      </c>
      <c r="BW451" s="487" t="str">
        <f t="shared" si="93"/>
        <v/>
      </c>
      <c r="BX451" s="487" t="str">
        <f t="shared" si="93"/>
        <v/>
      </c>
      <c r="BY451" s="487" t="str">
        <f t="shared" si="93"/>
        <v/>
      </c>
      <c r="BZ451" s="487" t="str">
        <f t="shared" si="93"/>
        <v/>
      </c>
      <c r="CA451" s="487" t="str">
        <f t="shared" si="93"/>
        <v/>
      </c>
      <c r="CB451" s="487" t="str">
        <f t="shared" si="93"/>
        <v/>
      </c>
      <c r="CC451" s="487" t="str">
        <f t="shared" si="93"/>
        <v/>
      </c>
      <c r="CD451" s="487" t="str">
        <f t="shared" si="93"/>
        <v/>
      </c>
      <c r="CE451" s="487" t="str">
        <f t="shared" si="93"/>
        <v/>
      </c>
      <c r="CF451" s="487" t="str">
        <f t="shared" si="93"/>
        <v/>
      </c>
      <c r="CG451" s="487" t="str">
        <f t="shared" si="93"/>
        <v/>
      </c>
      <c r="CH451" s="487" t="str">
        <f t="shared" si="93"/>
        <v/>
      </c>
      <c r="CI451" s="487" t="str">
        <f t="shared" si="93"/>
        <v/>
      </c>
      <c r="CJ451" s="487" t="str">
        <f t="shared" si="93"/>
        <v/>
      </c>
      <c r="CK451" s="487" t="str">
        <f t="shared" si="93"/>
        <v/>
      </c>
      <c r="CL451" s="487" t="str">
        <f t="shared" si="93"/>
        <v/>
      </c>
      <c r="CM451" s="487"/>
      <c r="CN451" s="487"/>
      <c r="CO451" s="487"/>
      <c r="CP451" s="487"/>
      <c r="CQ451" s="487"/>
      <c r="CR451" s="487"/>
      <c r="CS451" s="487"/>
      <c r="CT451" s="487"/>
      <c r="CU451" s="487"/>
      <c r="CV451" s="487"/>
      <c r="CW451" s="487"/>
      <c r="CX451" s="487"/>
      <c r="CY451" s="487"/>
      <c r="CZ451" s="487"/>
      <c r="DA451" s="487"/>
      <c r="DB451" s="487"/>
      <c r="DC451" s="487"/>
      <c r="DD451" s="487"/>
      <c r="DE451" s="487"/>
      <c r="DF451" s="487"/>
      <c r="DG451" s="487"/>
      <c r="DH451" s="487"/>
      <c r="DI451" s="486"/>
      <c r="DJ451" s="486"/>
      <c r="DK451" s="486"/>
    </row>
    <row r="452" spans="1:115" ht="30" hidden="1" x14ac:dyDescent="0.2">
      <c r="A452" s="510"/>
      <c r="B452" s="510"/>
      <c r="C452" s="366">
        <v>780</v>
      </c>
      <c r="D452" s="481"/>
      <c r="E452" s="481" t="s">
        <v>2481</v>
      </c>
      <c r="F452" s="482" t="s">
        <v>53</v>
      </c>
      <c r="G452" s="367" t="s">
        <v>655</v>
      </c>
      <c r="H452" s="300" t="s">
        <v>932</v>
      </c>
      <c r="I452" s="531" t="s">
        <v>1055</v>
      </c>
      <c r="J452" s="531" t="s">
        <v>1056</v>
      </c>
      <c r="K452" s="506"/>
      <c r="L452" s="77" t="s">
        <v>58</v>
      </c>
      <c r="M452" s="531" t="s">
        <v>25</v>
      </c>
      <c r="N452" s="506"/>
      <c r="O452" s="506" t="s">
        <v>81</v>
      </c>
      <c r="P452" s="77" t="s">
        <v>77</v>
      </c>
      <c r="Q452" s="77"/>
      <c r="R452" s="501" t="s">
        <v>834</v>
      </c>
      <c r="S452" s="76" t="s">
        <v>63</v>
      </c>
      <c r="T452" s="76" t="s">
        <v>63</v>
      </c>
      <c r="U452" s="508">
        <v>986700</v>
      </c>
      <c r="V452" s="508"/>
      <c r="W452" s="510" t="s">
        <v>839</v>
      </c>
      <c r="X452" s="510"/>
      <c r="Y452" s="503">
        <f t="shared" si="89"/>
        <v>986700</v>
      </c>
      <c r="Z452" s="76" t="s">
        <v>65</v>
      </c>
      <c r="AA452" s="486"/>
      <c r="AB452" s="486"/>
      <c r="AC452" s="486"/>
      <c r="AD452" s="486"/>
      <c r="AE452" s="487"/>
      <c r="AF452" s="486"/>
      <c r="AG452" s="486"/>
      <c r="AH452" s="486"/>
      <c r="AI452" s="486"/>
      <c r="AJ452" s="486"/>
      <c r="AK452" s="487"/>
      <c r="AL452" s="486"/>
      <c r="AM452" s="486"/>
      <c r="AN452" s="486"/>
      <c r="AO452" s="486"/>
      <c r="AP452" s="486"/>
      <c r="AQ452" s="486"/>
      <c r="AR452" s="486"/>
      <c r="AS452" s="486"/>
      <c r="AT452" s="486"/>
      <c r="AU452" s="486"/>
      <c r="AV452" s="486"/>
      <c r="AW452" s="486"/>
      <c r="AX452" s="486"/>
      <c r="AY452" s="486"/>
      <c r="AZ452" s="486"/>
      <c r="BA452" s="486"/>
      <c r="BB452" s="486"/>
      <c r="BC452" s="486"/>
      <c r="BD452" s="486"/>
      <c r="BE452" s="486"/>
      <c r="BF452" s="80">
        <f t="shared" si="90"/>
        <v>0</v>
      </c>
      <c r="BG452" s="76"/>
      <c r="BH452" s="487" t="str">
        <f t="shared" si="94"/>
        <v/>
      </c>
      <c r="BI452" s="487" t="str">
        <f t="shared" si="94"/>
        <v/>
      </c>
      <c r="BJ452" s="487" t="str">
        <f t="shared" si="94"/>
        <v/>
      </c>
      <c r="BK452" s="487" t="str">
        <f t="shared" si="94"/>
        <v/>
      </c>
      <c r="BL452" s="487" t="str">
        <f t="shared" si="94"/>
        <v/>
      </c>
      <c r="BM452" s="487" t="str">
        <f t="shared" si="94"/>
        <v/>
      </c>
      <c r="BN452" s="487" t="str">
        <f t="shared" si="94"/>
        <v/>
      </c>
      <c r="BO452" s="487" t="str">
        <f t="shared" si="94"/>
        <v/>
      </c>
      <c r="BP452" s="487" t="str">
        <f t="shared" si="94"/>
        <v/>
      </c>
      <c r="BQ452" s="487" t="str">
        <f t="shared" si="94"/>
        <v/>
      </c>
      <c r="BR452" s="487" t="str">
        <f t="shared" si="94"/>
        <v/>
      </c>
      <c r="BS452" s="487" t="str">
        <f t="shared" si="94"/>
        <v/>
      </c>
      <c r="BT452" s="487" t="str">
        <f t="shared" si="94"/>
        <v/>
      </c>
      <c r="BU452" s="487" t="str">
        <f t="shared" si="94"/>
        <v/>
      </c>
      <c r="BV452" s="487" t="str">
        <f t="shared" si="94"/>
        <v/>
      </c>
      <c r="BW452" s="487" t="str">
        <f t="shared" si="93"/>
        <v/>
      </c>
      <c r="BX452" s="487" t="str">
        <f t="shared" si="93"/>
        <v/>
      </c>
      <c r="BY452" s="487" t="str">
        <f t="shared" si="93"/>
        <v/>
      </c>
      <c r="BZ452" s="487" t="str">
        <f t="shared" si="93"/>
        <v/>
      </c>
      <c r="CA452" s="487" t="str">
        <f t="shared" si="93"/>
        <v/>
      </c>
      <c r="CB452" s="487" t="str">
        <f t="shared" si="93"/>
        <v/>
      </c>
      <c r="CC452" s="487" t="str">
        <f t="shared" si="93"/>
        <v/>
      </c>
      <c r="CD452" s="487" t="str">
        <f t="shared" si="93"/>
        <v/>
      </c>
      <c r="CE452" s="487" t="str">
        <f t="shared" si="93"/>
        <v/>
      </c>
      <c r="CF452" s="487" t="str">
        <f t="shared" si="93"/>
        <v/>
      </c>
      <c r="CG452" s="487" t="str">
        <f t="shared" si="93"/>
        <v/>
      </c>
      <c r="CH452" s="487" t="str">
        <f t="shared" si="93"/>
        <v/>
      </c>
      <c r="CI452" s="487" t="str">
        <f t="shared" si="93"/>
        <v/>
      </c>
      <c r="CJ452" s="487" t="str">
        <f t="shared" si="93"/>
        <v/>
      </c>
      <c r="CK452" s="487" t="str">
        <f t="shared" si="93"/>
        <v/>
      </c>
      <c r="CL452" s="487" t="str">
        <f t="shared" si="93"/>
        <v/>
      </c>
      <c r="CM452" s="487"/>
      <c r="CN452" s="487"/>
      <c r="CO452" s="487"/>
      <c r="CP452" s="487"/>
      <c r="CQ452" s="487"/>
      <c r="CR452" s="487"/>
      <c r="CS452" s="487"/>
      <c r="CT452" s="487"/>
      <c r="CU452" s="487"/>
      <c r="CV452" s="487"/>
      <c r="CW452" s="487"/>
      <c r="CX452" s="487"/>
      <c r="CY452" s="487"/>
      <c r="CZ452" s="487"/>
      <c r="DA452" s="487"/>
      <c r="DB452" s="487"/>
      <c r="DC452" s="487"/>
      <c r="DD452" s="487"/>
      <c r="DE452" s="487"/>
      <c r="DF452" s="487"/>
      <c r="DG452" s="487"/>
      <c r="DH452" s="487"/>
      <c r="DI452" s="486"/>
      <c r="DJ452" s="486"/>
      <c r="DK452" s="486"/>
    </row>
    <row r="453" spans="1:115" ht="42.75" hidden="1" x14ac:dyDescent="0.2">
      <c r="A453" s="510"/>
      <c r="B453" s="510"/>
      <c r="C453" s="366">
        <v>781</v>
      </c>
      <c r="D453" s="481"/>
      <c r="E453" s="481" t="s">
        <v>2481</v>
      </c>
      <c r="F453" s="482" t="s">
        <v>53</v>
      </c>
      <c r="G453" s="367" t="s">
        <v>655</v>
      </c>
      <c r="H453" s="300" t="s">
        <v>932</v>
      </c>
      <c r="I453" s="531" t="s">
        <v>1057</v>
      </c>
      <c r="J453" s="531" t="s">
        <v>1058</v>
      </c>
      <c r="K453" s="506"/>
      <c r="L453" s="77" t="s">
        <v>58</v>
      </c>
      <c r="M453" s="531" t="s">
        <v>25</v>
      </c>
      <c r="N453" s="506"/>
      <c r="O453" s="501" t="s">
        <v>81</v>
      </c>
      <c r="P453" s="77" t="s">
        <v>77</v>
      </c>
      <c r="Q453" s="77"/>
      <c r="R453" s="501" t="s">
        <v>834</v>
      </c>
      <c r="S453" s="76" t="s">
        <v>63</v>
      </c>
      <c r="T453" s="76" t="s">
        <v>63</v>
      </c>
      <c r="U453" s="508">
        <v>13567.125</v>
      </c>
      <c r="V453" s="508"/>
      <c r="W453" s="510" t="s">
        <v>839</v>
      </c>
      <c r="X453" s="510"/>
      <c r="Y453" s="503">
        <f t="shared" si="89"/>
        <v>13567.125</v>
      </c>
      <c r="Z453" s="76" t="s">
        <v>65</v>
      </c>
      <c r="AA453" s="486"/>
      <c r="AB453" s="486"/>
      <c r="AC453" s="486"/>
      <c r="AD453" s="486"/>
      <c r="AE453" s="487"/>
      <c r="AF453" s="486"/>
      <c r="AG453" s="486"/>
      <c r="AH453" s="486"/>
      <c r="AI453" s="486"/>
      <c r="AJ453" s="486"/>
      <c r="AK453" s="487"/>
      <c r="AL453" s="486"/>
      <c r="AM453" s="486"/>
      <c r="AN453" s="486"/>
      <c r="AO453" s="486"/>
      <c r="AP453" s="486"/>
      <c r="AQ453" s="486"/>
      <c r="AR453" s="486"/>
      <c r="AS453" s="486"/>
      <c r="AT453" s="486"/>
      <c r="AU453" s="486"/>
      <c r="AV453" s="486"/>
      <c r="AW453" s="486"/>
      <c r="AX453" s="486"/>
      <c r="AY453" s="486"/>
      <c r="AZ453" s="486"/>
      <c r="BA453" s="486"/>
      <c r="BB453" s="486"/>
      <c r="BC453" s="486"/>
      <c r="BD453" s="486"/>
      <c r="BE453" s="486"/>
      <c r="BF453" s="80">
        <f t="shared" si="90"/>
        <v>0</v>
      </c>
      <c r="BG453" s="76"/>
      <c r="BH453" s="487" t="str">
        <f t="shared" si="94"/>
        <v/>
      </c>
      <c r="BI453" s="487" t="str">
        <f t="shared" si="94"/>
        <v/>
      </c>
      <c r="BJ453" s="487" t="str">
        <f t="shared" si="94"/>
        <v/>
      </c>
      <c r="BK453" s="487" t="str">
        <f t="shared" si="94"/>
        <v/>
      </c>
      <c r="BL453" s="487" t="str">
        <f t="shared" si="94"/>
        <v/>
      </c>
      <c r="BM453" s="487" t="str">
        <f t="shared" si="94"/>
        <v/>
      </c>
      <c r="BN453" s="487" t="str">
        <f t="shared" si="94"/>
        <v/>
      </c>
      <c r="BO453" s="487" t="str">
        <f t="shared" si="94"/>
        <v/>
      </c>
      <c r="BP453" s="487" t="str">
        <f t="shared" si="94"/>
        <v/>
      </c>
      <c r="BQ453" s="487" t="str">
        <f t="shared" si="94"/>
        <v/>
      </c>
      <c r="BR453" s="487" t="str">
        <f t="shared" si="94"/>
        <v/>
      </c>
      <c r="BS453" s="487" t="str">
        <f t="shared" si="94"/>
        <v/>
      </c>
      <c r="BT453" s="487" t="str">
        <f t="shared" si="94"/>
        <v/>
      </c>
      <c r="BU453" s="487" t="str">
        <f t="shared" si="94"/>
        <v/>
      </c>
      <c r="BV453" s="487" t="str">
        <f t="shared" si="94"/>
        <v/>
      </c>
      <c r="BW453" s="487" t="str">
        <f t="shared" si="93"/>
        <v/>
      </c>
      <c r="BX453" s="487" t="str">
        <f t="shared" si="93"/>
        <v/>
      </c>
      <c r="BY453" s="487" t="str">
        <f t="shared" si="93"/>
        <v/>
      </c>
      <c r="BZ453" s="487" t="str">
        <f t="shared" si="93"/>
        <v/>
      </c>
      <c r="CA453" s="487" t="str">
        <f t="shared" si="93"/>
        <v/>
      </c>
      <c r="CB453" s="487" t="str">
        <f t="shared" si="93"/>
        <v/>
      </c>
      <c r="CC453" s="487" t="str">
        <f t="shared" si="93"/>
        <v/>
      </c>
      <c r="CD453" s="487" t="str">
        <f t="shared" si="93"/>
        <v/>
      </c>
      <c r="CE453" s="487" t="str">
        <f t="shared" si="93"/>
        <v/>
      </c>
      <c r="CF453" s="487" t="str">
        <f t="shared" si="93"/>
        <v/>
      </c>
      <c r="CG453" s="487" t="str">
        <f t="shared" si="93"/>
        <v/>
      </c>
      <c r="CH453" s="487" t="str">
        <f t="shared" si="93"/>
        <v/>
      </c>
      <c r="CI453" s="487" t="str">
        <f t="shared" si="93"/>
        <v/>
      </c>
      <c r="CJ453" s="487" t="str">
        <f t="shared" si="93"/>
        <v/>
      </c>
      <c r="CK453" s="487" t="str">
        <f t="shared" si="93"/>
        <v/>
      </c>
      <c r="CL453" s="487" t="str">
        <f t="shared" si="93"/>
        <v/>
      </c>
      <c r="CM453" s="487"/>
      <c r="CN453" s="487"/>
      <c r="CO453" s="487"/>
      <c r="CP453" s="487"/>
      <c r="CQ453" s="487"/>
      <c r="CR453" s="487"/>
      <c r="CS453" s="487"/>
      <c r="CT453" s="487"/>
      <c r="CU453" s="487"/>
      <c r="CV453" s="487"/>
      <c r="CW453" s="487"/>
      <c r="CX453" s="487"/>
      <c r="CY453" s="487"/>
      <c r="CZ453" s="487"/>
      <c r="DA453" s="487"/>
      <c r="DB453" s="487"/>
      <c r="DC453" s="487"/>
      <c r="DD453" s="487"/>
      <c r="DE453" s="487"/>
      <c r="DF453" s="487"/>
      <c r="DG453" s="487"/>
      <c r="DH453" s="487"/>
      <c r="DI453" s="486"/>
      <c r="DJ453" s="486"/>
      <c r="DK453" s="486"/>
    </row>
    <row r="454" spans="1:115" ht="56.1" hidden="1" customHeight="1" x14ac:dyDescent="0.2">
      <c r="A454" s="499" t="s">
        <v>2494</v>
      </c>
      <c r="B454" s="483" t="s">
        <v>2495</v>
      </c>
      <c r="C454" s="481">
        <v>782</v>
      </c>
      <c r="D454" s="481"/>
      <c r="E454" s="481" t="s">
        <v>2481</v>
      </c>
      <c r="F454" s="482" t="s">
        <v>53</v>
      </c>
      <c r="G454" s="482" t="s">
        <v>655</v>
      </c>
      <c r="H454" s="501" t="s">
        <v>932</v>
      </c>
      <c r="I454" s="506" t="s">
        <v>1059</v>
      </c>
      <c r="J454" s="506" t="s">
        <v>1060</v>
      </c>
      <c r="K454" s="506"/>
      <c r="L454" s="77" t="s">
        <v>58</v>
      </c>
      <c r="M454" s="506" t="s">
        <v>833</v>
      </c>
      <c r="N454" s="506"/>
      <c r="O454" s="506" t="s">
        <v>81</v>
      </c>
      <c r="P454" s="77" t="s">
        <v>77</v>
      </c>
      <c r="Q454" s="77"/>
      <c r="R454" s="500" t="s">
        <v>722</v>
      </c>
      <c r="S454" s="76" t="s">
        <v>63</v>
      </c>
      <c r="T454" s="76" t="s">
        <v>63</v>
      </c>
      <c r="U454" s="508">
        <v>26695.563180000005</v>
      </c>
      <c r="V454" s="508"/>
      <c r="W454" s="494" t="s">
        <v>659</v>
      </c>
      <c r="X454" s="494"/>
      <c r="Y454" s="503">
        <f t="shared" si="89"/>
        <v>26695.563180000005</v>
      </c>
      <c r="Z454" s="76" t="s">
        <v>65</v>
      </c>
      <c r="AA454" s="486"/>
      <c r="AB454" s="486"/>
      <c r="AC454" s="486"/>
      <c r="AD454" s="486"/>
      <c r="AE454" s="487"/>
      <c r="AF454" s="486"/>
      <c r="AG454" s="486"/>
      <c r="AH454" s="486"/>
      <c r="AI454" s="486"/>
      <c r="AJ454" s="486"/>
      <c r="AK454" s="487"/>
      <c r="AL454" s="486"/>
      <c r="AM454" s="486"/>
      <c r="AN454" s="486"/>
      <c r="AO454" s="486"/>
      <c r="AP454" s="486"/>
      <c r="AQ454" s="486"/>
      <c r="AR454" s="486"/>
      <c r="AS454" s="486"/>
      <c r="AT454" s="486"/>
      <c r="AU454" s="486"/>
      <c r="AV454" s="486"/>
      <c r="AW454" s="486"/>
      <c r="AX454" s="486"/>
      <c r="AY454" s="486"/>
      <c r="AZ454" s="486"/>
      <c r="BA454" s="486"/>
      <c r="BB454" s="486"/>
      <c r="BC454" s="486"/>
      <c r="BD454" s="486"/>
      <c r="BE454" s="486"/>
      <c r="BF454" s="80">
        <f t="shared" si="90"/>
        <v>0</v>
      </c>
      <c r="BG454" s="76"/>
      <c r="BH454" s="487" t="str">
        <f t="shared" si="94"/>
        <v/>
      </c>
      <c r="BI454" s="487" t="str">
        <f t="shared" si="94"/>
        <v/>
      </c>
      <c r="BJ454" s="487" t="str">
        <f t="shared" si="94"/>
        <v/>
      </c>
      <c r="BK454" s="487" t="str">
        <f t="shared" si="94"/>
        <v/>
      </c>
      <c r="BL454" s="487" t="str">
        <f t="shared" si="94"/>
        <v/>
      </c>
      <c r="BM454" s="487" t="str">
        <f t="shared" si="94"/>
        <v/>
      </c>
      <c r="BN454" s="487" t="str">
        <f t="shared" si="94"/>
        <v/>
      </c>
      <c r="BO454" s="487" t="str">
        <f t="shared" si="94"/>
        <v/>
      </c>
      <c r="BP454" s="487" t="str">
        <f t="shared" si="94"/>
        <v/>
      </c>
      <c r="BQ454" s="487" t="str">
        <f t="shared" si="94"/>
        <v/>
      </c>
      <c r="BR454" s="487" t="str">
        <f t="shared" si="94"/>
        <v/>
      </c>
      <c r="BS454" s="487" t="str">
        <f t="shared" si="94"/>
        <v/>
      </c>
      <c r="BT454" s="487" t="str">
        <f t="shared" si="94"/>
        <v/>
      </c>
      <c r="BU454" s="487" t="str">
        <f t="shared" si="94"/>
        <v/>
      </c>
      <c r="BV454" s="487" t="str">
        <f t="shared" si="94"/>
        <v/>
      </c>
      <c r="BW454" s="487" t="str">
        <f t="shared" si="93"/>
        <v/>
      </c>
      <c r="BX454" s="487" t="str">
        <f t="shared" si="93"/>
        <v/>
      </c>
      <c r="BY454" s="487" t="str">
        <f t="shared" si="93"/>
        <v/>
      </c>
      <c r="BZ454" s="487" t="str">
        <f t="shared" si="93"/>
        <v/>
      </c>
      <c r="CA454" s="487" t="str">
        <f t="shared" si="93"/>
        <v/>
      </c>
      <c r="CB454" s="487" t="str">
        <f t="shared" si="93"/>
        <v/>
      </c>
      <c r="CC454" s="487" t="str">
        <f t="shared" si="93"/>
        <v/>
      </c>
      <c r="CD454" s="487" t="str">
        <f t="shared" si="93"/>
        <v/>
      </c>
      <c r="CE454" s="487" t="str">
        <f t="shared" si="93"/>
        <v/>
      </c>
      <c r="CF454" s="487" t="str">
        <f t="shared" si="93"/>
        <v/>
      </c>
      <c r="CG454" s="487" t="str">
        <f t="shared" si="93"/>
        <v/>
      </c>
      <c r="CH454" s="487" t="str">
        <f t="shared" si="93"/>
        <v/>
      </c>
      <c r="CI454" s="487" t="str">
        <f t="shared" si="93"/>
        <v/>
      </c>
      <c r="CJ454" s="487" t="str">
        <f t="shared" si="93"/>
        <v/>
      </c>
      <c r="CK454" s="487" t="str">
        <f t="shared" si="93"/>
        <v/>
      </c>
      <c r="CL454" s="487" t="str">
        <f t="shared" si="93"/>
        <v/>
      </c>
      <c r="CM454" s="487"/>
      <c r="CN454" s="487"/>
      <c r="CO454" s="487"/>
      <c r="CP454" s="487"/>
      <c r="CQ454" s="487"/>
      <c r="CR454" s="487"/>
      <c r="CS454" s="487"/>
      <c r="CT454" s="487"/>
      <c r="CU454" s="487"/>
      <c r="CV454" s="487"/>
      <c r="CW454" s="487"/>
      <c r="CX454" s="487"/>
      <c r="CY454" s="487"/>
      <c r="CZ454" s="487"/>
      <c r="DA454" s="487"/>
      <c r="DB454" s="487"/>
      <c r="DC454" s="487"/>
      <c r="DD454" s="487"/>
      <c r="DE454" s="487"/>
      <c r="DF454" s="487"/>
      <c r="DG454" s="487"/>
      <c r="DH454" s="487"/>
      <c r="DI454" s="486"/>
      <c r="DJ454" s="486"/>
      <c r="DK454" s="486"/>
    </row>
    <row r="455" spans="1:115" ht="56.1" hidden="1" customHeight="1" x14ac:dyDescent="0.2">
      <c r="A455" s="499" t="s">
        <v>2494</v>
      </c>
      <c r="B455" s="483" t="s">
        <v>2495</v>
      </c>
      <c r="C455" s="481">
        <v>783</v>
      </c>
      <c r="D455" s="481"/>
      <c r="E455" s="481" t="s">
        <v>2481</v>
      </c>
      <c r="F455" s="482" t="s">
        <v>53</v>
      </c>
      <c r="G455" s="482" t="s">
        <v>655</v>
      </c>
      <c r="H455" s="501" t="s">
        <v>932</v>
      </c>
      <c r="I455" s="506" t="s">
        <v>1061</v>
      </c>
      <c r="J455" s="506" t="s">
        <v>1062</v>
      </c>
      <c r="K455" s="506"/>
      <c r="L455" s="77" t="s">
        <v>58</v>
      </c>
      <c r="M455" s="506" t="s">
        <v>833</v>
      </c>
      <c r="N455" s="506"/>
      <c r="O455" s="501" t="s">
        <v>81</v>
      </c>
      <c r="P455" s="77" t="s">
        <v>77</v>
      </c>
      <c r="Q455" s="77"/>
      <c r="R455" s="500" t="s">
        <v>722</v>
      </c>
      <c r="S455" s="76" t="s">
        <v>63</v>
      </c>
      <c r="T455" s="76" t="s">
        <v>63</v>
      </c>
      <c r="U455" s="508">
        <v>248155.05</v>
      </c>
      <c r="V455" s="508"/>
      <c r="W455" s="494" t="s">
        <v>659</v>
      </c>
      <c r="X455" s="494"/>
      <c r="Y455" s="503">
        <f t="shared" si="89"/>
        <v>248155.05</v>
      </c>
      <c r="Z455" s="76" t="s">
        <v>65</v>
      </c>
      <c r="AA455" s="486"/>
      <c r="AB455" s="486"/>
      <c r="AC455" s="486"/>
      <c r="AD455" s="486"/>
      <c r="AE455" s="487"/>
      <c r="AF455" s="486"/>
      <c r="AG455" s="486"/>
      <c r="AH455" s="486"/>
      <c r="AI455" s="486"/>
      <c r="AJ455" s="486"/>
      <c r="AK455" s="487"/>
      <c r="AL455" s="486"/>
      <c r="AM455" s="486"/>
      <c r="AN455" s="486"/>
      <c r="AO455" s="486"/>
      <c r="AP455" s="486"/>
      <c r="AQ455" s="486"/>
      <c r="AR455" s="486"/>
      <c r="AS455" s="486"/>
      <c r="AT455" s="486"/>
      <c r="AU455" s="486"/>
      <c r="AV455" s="486"/>
      <c r="AW455" s="486"/>
      <c r="AX455" s="486"/>
      <c r="AY455" s="486"/>
      <c r="AZ455" s="486"/>
      <c r="BA455" s="486"/>
      <c r="BB455" s="486"/>
      <c r="BC455" s="486"/>
      <c r="BD455" s="486"/>
      <c r="BE455" s="486"/>
      <c r="BF455" s="80">
        <f t="shared" si="90"/>
        <v>0</v>
      </c>
      <c r="BG455" s="76"/>
      <c r="BH455" s="487" t="str">
        <f t="shared" si="94"/>
        <v/>
      </c>
      <c r="BI455" s="487" t="str">
        <f t="shared" si="94"/>
        <v/>
      </c>
      <c r="BJ455" s="487" t="str">
        <f t="shared" si="94"/>
        <v/>
      </c>
      <c r="BK455" s="487" t="str">
        <f t="shared" si="94"/>
        <v/>
      </c>
      <c r="BL455" s="487" t="str">
        <f t="shared" si="94"/>
        <v/>
      </c>
      <c r="BM455" s="487" t="str">
        <f t="shared" si="94"/>
        <v/>
      </c>
      <c r="BN455" s="487" t="str">
        <f t="shared" si="94"/>
        <v/>
      </c>
      <c r="BO455" s="487" t="str">
        <f t="shared" si="94"/>
        <v/>
      </c>
      <c r="BP455" s="487" t="str">
        <f t="shared" si="94"/>
        <v/>
      </c>
      <c r="BQ455" s="487" t="str">
        <f t="shared" si="94"/>
        <v/>
      </c>
      <c r="BR455" s="487" t="str">
        <f t="shared" si="94"/>
        <v/>
      </c>
      <c r="BS455" s="487" t="str">
        <f t="shared" si="94"/>
        <v/>
      </c>
      <c r="BT455" s="487" t="str">
        <f t="shared" si="94"/>
        <v/>
      </c>
      <c r="BU455" s="487" t="str">
        <f t="shared" si="94"/>
        <v/>
      </c>
      <c r="BV455" s="487" t="str">
        <f t="shared" si="94"/>
        <v/>
      </c>
      <c r="BW455" s="487" t="str">
        <f t="shared" si="93"/>
        <v/>
      </c>
      <c r="BX455" s="487" t="str">
        <f t="shared" si="93"/>
        <v/>
      </c>
      <c r="BY455" s="487" t="str">
        <f t="shared" si="93"/>
        <v/>
      </c>
      <c r="BZ455" s="487" t="str">
        <f t="shared" si="93"/>
        <v/>
      </c>
      <c r="CA455" s="487" t="str">
        <f t="shared" si="93"/>
        <v/>
      </c>
      <c r="CB455" s="487" t="str">
        <f t="shared" si="93"/>
        <v/>
      </c>
      <c r="CC455" s="487" t="str">
        <f t="shared" si="93"/>
        <v/>
      </c>
      <c r="CD455" s="487" t="str">
        <f t="shared" si="93"/>
        <v/>
      </c>
      <c r="CE455" s="487" t="str">
        <f t="shared" si="93"/>
        <v/>
      </c>
      <c r="CF455" s="487" t="str">
        <f t="shared" si="93"/>
        <v/>
      </c>
      <c r="CG455" s="487" t="str">
        <f t="shared" si="93"/>
        <v/>
      </c>
      <c r="CH455" s="487" t="str">
        <f t="shared" si="93"/>
        <v/>
      </c>
      <c r="CI455" s="487" t="str">
        <f t="shared" si="93"/>
        <v/>
      </c>
      <c r="CJ455" s="487" t="str">
        <f t="shared" si="93"/>
        <v/>
      </c>
      <c r="CK455" s="487" t="str">
        <f t="shared" si="93"/>
        <v/>
      </c>
      <c r="CL455" s="487" t="str">
        <f t="shared" si="93"/>
        <v/>
      </c>
      <c r="CM455" s="487"/>
      <c r="CN455" s="487"/>
      <c r="CO455" s="487"/>
      <c r="CP455" s="487"/>
      <c r="CQ455" s="487"/>
      <c r="CR455" s="487"/>
      <c r="CS455" s="487"/>
      <c r="CT455" s="487"/>
      <c r="CU455" s="487"/>
      <c r="CV455" s="487"/>
      <c r="CW455" s="487"/>
      <c r="CX455" s="487"/>
      <c r="CY455" s="487"/>
      <c r="CZ455" s="487"/>
      <c r="DA455" s="487"/>
      <c r="DB455" s="487"/>
      <c r="DC455" s="487"/>
      <c r="DD455" s="487"/>
      <c r="DE455" s="487"/>
      <c r="DF455" s="487"/>
      <c r="DG455" s="487"/>
      <c r="DH455" s="487"/>
      <c r="DI455" s="486"/>
      <c r="DJ455" s="486"/>
      <c r="DK455" s="486"/>
    </row>
    <row r="456" spans="1:115" ht="56.1" hidden="1" customHeight="1" x14ac:dyDescent="0.2">
      <c r="A456" s="499" t="s">
        <v>2494</v>
      </c>
      <c r="B456" s="483" t="s">
        <v>2495</v>
      </c>
      <c r="C456" s="481">
        <v>784</v>
      </c>
      <c r="D456" s="481"/>
      <c r="E456" s="481" t="s">
        <v>2481</v>
      </c>
      <c r="F456" s="482" t="s">
        <v>53</v>
      </c>
      <c r="G456" s="482" t="s">
        <v>655</v>
      </c>
      <c r="H456" s="501" t="s">
        <v>932</v>
      </c>
      <c r="I456" s="506" t="s">
        <v>1063</v>
      </c>
      <c r="J456" s="506" t="s">
        <v>1064</v>
      </c>
      <c r="K456" s="506"/>
      <c r="L456" s="77" t="s">
        <v>58</v>
      </c>
      <c r="M456" s="506" t="s">
        <v>833</v>
      </c>
      <c r="N456" s="506"/>
      <c r="O456" s="506" t="s">
        <v>81</v>
      </c>
      <c r="P456" s="77" t="s">
        <v>77</v>
      </c>
      <c r="Q456" s="77"/>
      <c r="R456" s="500" t="s">
        <v>722</v>
      </c>
      <c r="S456" s="76" t="s">
        <v>63</v>
      </c>
      <c r="T456" s="76" t="s">
        <v>63</v>
      </c>
      <c r="U456" s="508">
        <v>70956.162420000008</v>
      </c>
      <c r="V456" s="508"/>
      <c r="W456" s="494" t="s">
        <v>659</v>
      </c>
      <c r="X456" s="494"/>
      <c r="Y456" s="503">
        <f t="shared" si="89"/>
        <v>70956.162420000008</v>
      </c>
      <c r="Z456" s="76" t="s">
        <v>65</v>
      </c>
      <c r="AA456" s="486"/>
      <c r="AB456" s="486"/>
      <c r="AC456" s="486"/>
      <c r="AD456" s="486"/>
      <c r="AE456" s="487"/>
      <c r="AF456" s="486"/>
      <c r="AG456" s="486"/>
      <c r="AH456" s="486"/>
      <c r="AI456" s="486"/>
      <c r="AJ456" s="486"/>
      <c r="AK456" s="487"/>
      <c r="AL456" s="486"/>
      <c r="AM456" s="486"/>
      <c r="AN456" s="486"/>
      <c r="AO456" s="486"/>
      <c r="AP456" s="486"/>
      <c r="AQ456" s="486"/>
      <c r="AR456" s="486"/>
      <c r="AS456" s="486"/>
      <c r="AT456" s="486"/>
      <c r="AU456" s="486"/>
      <c r="AV456" s="486"/>
      <c r="AW456" s="486"/>
      <c r="AX456" s="486"/>
      <c r="AY456" s="486"/>
      <c r="AZ456" s="486"/>
      <c r="BA456" s="486"/>
      <c r="BB456" s="486"/>
      <c r="BC456" s="486"/>
      <c r="BD456" s="486"/>
      <c r="BE456" s="486"/>
      <c r="BF456" s="80">
        <f t="shared" si="90"/>
        <v>0</v>
      </c>
      <c r="BG456" s="76"/>
      <c r="BH456" s="487" t="str">
        <f t="shared" si="94"/>
        <v/>
      </c>
      <c r="BI456" s="487" t="str">
        <f t="shared" si="94"/>
        <v/>
      </c>
      <c r="BJ456" s="487" t="str">
        <f t="shared" si="94"/>
        <v/>
      </c>
      <c r="BK456" s="487" t="str">
        <f t="shared" si="94"/>
        <v/>
      </c>
      <c r="BL456" s="487" t="str">
        <f t="shared" si="94"/>
        <v/>
      </c>
      <c r="BM456" s="487" t="str">
        <f t="shared" si="94"/>
        <v/>
      </c>
      <c r="BN456" s="487" t="str">
        <f t="shared" si="94"/>
        <v/>
      </c>
      <c r="BO456" s="487" t="str">
        <f t="shared" si="94"/>
        <v/>
      </c>
      <c r="BP456" s="487" t="str">
        <f t="shared" si="94"/>
        <v/>
      </c>
      <c r="BQ456" s="487" t="str">
        <f t="shared" si="94"/>
        <v/>
      </c>
      <c r="BR456" s="487" t="str">
        <f t="shared" si="94"/>
        <v/>
      </c>
      <c r="BS456" s="487" t="str">
        <f t="shared" si="94"/>
        <v/>
      </c>
      <c r="BT456" s="487" t="str">
        <f t="shared" si="94"/>
        <v/>
      </c>
      <c r="BU456" s="487" t="str">
        <f t="shared" si="94"/>
        <v/>
      </c>
      <c r="BV456" s="487" t="str">
        <f t="shared" si="94"/>
        <v/>
      </c>
      <c r="BW456" s="487" t="str">
        <f t="shared" si="93"/>
        <v/>
      </c>
      <c r="BX456" s="487" t="str">
        <f t="shared" si="93"/>
        <v/>
      </c>
      <c r="BY456" s="487" t="str">
        <f t="shared" si="93"/>
        <v/>
      </c>
      <c r="BZ456" s="487" t="str">
        <f t="shared" si="93"/>
        <v/>
      </c>
      <c r="CA456" s="487" t="str">
        <f t="shared" si="93"/>
        <v/>
      </c>
      <c r="CB456" s="487" t="str">
        <f t="shared" si="93"/>
        <v/>
      </c>
      <c r="CC456" s="487" t="str">
        <f t="shared" si="93"/>
        <v/>
      </c>
      <c r="CD456" s="487" t="str">
        <f t="shared" si="93"/>
        <v/>
      </c>
      <c r="CE456" s="487" t="str">
        <f t="shared" si="93"/>
        <v/>
      </c>
      <c r="CF456" s="487" t="str">
        <f t="shared" si="93"/>
        <v/>
      </c>
      <c r="CG456" s="487" t="str">
        <f t="shared" si="93"/>
        <v/>
      </c>
      <c r="CH456" s="487" t="str">
        <f t="shared" si="93"/>
        <v/>
      </c>
      <c r="CI456" s="487" t="str">
        <f t="shared" si="93"/>
        <v/>
      </c>
      <c r="CJ456" s="487" t="str">
        <f t="shared" si="93"/>
        <v/>
      </c>
      <c r="CK456" s="487" t="str">
        <f t="shared" si="93"/>
        <v/>
      </c>
      <c r="CL456" s="487" t="str">
        <f t="shared" si="93"/>
        <v/>
      </c>
      <c r="CM456" s="487"/>
      <c r="CN456" s="487"/>
      <c r="CO456" s="487"/>
      <c r="CP456" s="487"/>
      <c r="CQ456" s="487"/>
      <c r="CR456" s="487"/>
      <c r="CS456" s="487"/>
      <c r="CT456" s="487"/>
      <c r="CU456" s="487"/>
      <c r="CV456" s="487"/>
      <c r="CW456" s="487"/>
      <c r="CX456" s="487"/>
      <c r="CY456" s="487"/>
      <c r="CZ456" s="487"/>
      <c r="DA456" s="487"/>
      <c r="DB456" s="487"/>
      <c r="DC456" s="487"/>
      <c r="DD456" s="487"/>
      <c r="DE456" s="487"/>
      <c r="DF456" s="487"/>
      <c r="DG456" s="487"/>
      <c r="DH456" s="487"/>
      <c r="DI456" s="486"/>
      <c r="DJ456" s="486"/>
      <c r="DK456" s="486"/>
    </row>
    <row r="457" spans="1:115" ht="56.1" hidden="1" customHeight="1" x14ac:dyDescent="0.2">
      <c r="A457" s="499" t="s">
        <v>2494</v>
      </c>
      <c r="B457" s="483" t="s">
        <v>2495</v>
      </c>
      <c r="C457" s="481">
        <v>785</v>
      </c>
      <c r="D457" s="481"/>
      <c r="E457" s="481" t="s">
        <v>2481</v>
      </c>
      <c r="F457" s="482" t="s">
        <v>53</v>
      </c>
      <c r="G457" s="482" t="s">
        <v>655</v>
      </c>
      <c r="H457" s="501" t="s">
        <v>932</v>
      </c>
      <c r="I457" s="506" t="s">
        <v>1065</v>
      </c>
      <c r="J457" s="506" t="s">
        <v>1066</v>
      </c>
      <c r="K457" s="506"/>
      <c r="L457" s="77" t="s">
        <v>58</v>
      </c>
      <c r="M457" s="506" t="s">
        <v>833</v>
      </c>
      <c r="N457" s="506"/>
      <c r="O457" s="501" t="s">
        <v>81</v>
      </c>
      <c r="P457" s="77" t="s">
        <v>77</v>
      </c>
      <c r="Q457" s="77"/>
      <c r="R457" s="500" t="s">
        <v>722</v>
      </c>
      <c r="S457" s="76" t="s">
        <v>63</v>
      </c>
      <c r="T457" s="76" t="s">
        <v>63</v>
      </c>
      <c r="U457" s="508">
        <v>47279.375</v>
      </c>
      <c r="V457" s="508"/>
      <c r="W457" s="494" t="s">
        <v>659</v>
      </c>
      <c r="X457" s="494"/>
      <c r="Y457" s="503">
        <f t="shared" si="89"/>
        <v>47279.375</v>
      </c>
      <c r="Z457" s="76" t="s">
        <v>65</v>
      </c>
      <c r="AA457" s="486"/>
      <c r="AB457" s="486"/>
      <c r="AC457" s="486"/>
      <c r="AD457" s="486"/>
      <c r="AE457" s="487"/>
      <c r="AF457" s="486"/>
      <c r="AG457" s="486"/>
      <c r="AH457" s="486"/>
      <c r="AI457" s="486"/>
      <c r="AJ457" s="486"/>
      <c r="AK457" s="487"/>
      <c r="AL457" s="486"/>
      <c r="AM457" s="486"/>
      <c r="AN457" s="486"/>
      <c r="AO457" s="486"/>
      <c r="AP457" s="486"/>
      <c r="AQ457" s="486"/>
      <c r="AR457" s="486"/>
      <c r="AS457" s="486"/>
      <c r="AT457" s="486"/>
      <c r="AU457" s="486"/>
      <c r="AV457" s="486"/>
      <c r="AW457" s="486"/>
      <c r="AX457" s="486"/>
      <c r="AY457" s="486"/>
      <c r="AZ457" s="486"/>
      <c r="BA457" s="486"/>
      <c r="BB457" s="486"/>
      <c r="BC457" s="486"/>
      <c r="BD457" s="486"/>
      <c r="BE457" s="486"/>
      <c r="BF457" s="80">
        <f t="shared" si="90"/>
        <v>0</v>
      </c>
      <c r="BG457" s="76"/>
      <c r="BH457" s="487" t="str">
        <f t="shared" si="94"/>
        <v/>
      </c>
      <c r="BI457" s="487" t="str">
        <f t="shared" si="94"/>
        <v/>
      </c>
      <c r="BJ457" s="487" t="str">
        <f t="shared" si="94"/>
        <v/>
      </c>
      <c r="BK457" s="487" t="str">
        <f t="shared" si="94"/>
        <v/>
      </c>
      <c r="BL457" s="487" t="str">
        <f t="shared" si="94"/>
        <v/>
      </c>
      <c r="BM457" s="487" t="str">
        <f t="shared" si="94"/>
        <v/>
      </c>
      <c r="BN457" s="487" t="str">
        <f t="shared" si="94"/>
        <v/>
      </c>
      <c r="BO457" s="487" t="str">
        <f t="shared" si="94"/>
        <v/>
      </c>
      <c r="BP457" s="487" t="str">
        <f t="shared" si="94"/>
        <v/>
      </c>
      <c r="BQ457" s="487" t="str">
        <f t="shared" si="94"/>
        <v/>
      </c>
      <c r="BR457" s="487" t="str">
        <f t="shared" si="94"/>
        <v/>
      </c>
      <c r="BS457" s="487" t="str">
        <f t="shared" si="94"/>
        <v/>
      </c>
      <c r="BT457" s="487" t="str">
        <f t="shared" si="94"/>
        <v/>
      </c>
      <c r="BU457" s="487" t="str">
        <f t="shared" si="94"/>
        <v/>
      </c>
      <c r="BV457" s="487" t="str">
        <f t="shared" si="94"/>
        <v/>
      </c>
      <c r="BW457" s="487" t="str">
        <f t="shared" si="93"/>
        <v/>
      </c>
      <c r="BX457" s="487" t="str">
        <f t="shared" si="93"/>
        <v/>
      </c>
      <c r="BY457" s="487" t="str">
        <f t="shared" si="93"/>
        <v/>
      </c>
      <c r="BZ457" s="487" t="str">
        <f t="shared" si="93"/>
        <v/>
      </c>
      <c r="CA457" s="487" t="str">
        <f t="shared" si="93"/>
        <v/>
      </c>
      <c r="CB457" s="487" t="str">
        <f t="shared" si="93"/>
        <v/>
      </c>
      <c r="CC457" s="487" t="str">
        <f t="shared" si="93"/>
        <v/>
      </c>
      <c r="CD457" s="487" t="str">
        <f t="shared" si="93"/>
        <v/>
      </c>
      <c r="CE457" s="487" t="str">
        <f t="shared" si="93"/>
        <v/>
      </c>
      <c r="CF457" s="487" t="str">
        <f t="shared" si="93"/>
        <v/>
      </c>
      <c r="CG457" s="487" t="str">
        <f t="shared" si="93"/>
        <v/>
      </c>
      <c r="CH457" s="487" t="str">
        <f t="shared" si="93"/>
        <v/>
      </c>
      <c r="CI457" s="487" t="str">
        <f t="shared" si="93"/>
        <v/>
      </c>
      <c r="CJ457" s="487" t="str">
        <f t="shared" si="93"/>
        <v/>
      </c>
      <c r="CK457" s="487" t="str">
        <f t="shared" si="93"/>
        <v/>
      </c>
      <c r="CL457" s="487" t="str">
        <f t="shared" si="93"/>
        <v/>
      </c>
      <c r="CM457" s="487"/>
      <c r="CN457" s="487"/>
      <c r="CO457" s="487"/>
      <c r="CP457" s="487"/>
      <c r="CQ457" s="487"/>
      <c r="CR457" s="487"/>
      <c r="CS457" s="487"/>
      <c r="CT457" s="487"/>
      <c r="CU457" s="487"/>
      <c r="CV457" s="487"/>
      <c r="CW457" s="487"/>
      <c r="CX457" s="487"/>
      <c r="CY457" s="487"/>
      <c r="CZ457" s="487"/>
      <c r="DA457" s="487"/>
      <c r="DB457" s="487"/>
      <c r="DC457" s="487"/>
      <c r="DD457" s="487"/>
      <c r="DE457" s="487"/>
      <c r="DF457" s="487"/>
      <c r="DG457" s="487"/>
      <c r="DH457" s="487"/>
      <c r="DI457" s="486"/>
      <c r="DJ457" s="486"/>
      <c r="DK457" s="486"/>
    </row>
    <row r="458" spans="1:115" ht="56.1" hidden="1" customHeight="1" x14ac:dyDescent="0.2">
      <c r="A458" s="499" t="s">
        <v>2494</v>
      </c>
      <c r="B458" s="483" t="s">
        <v>2495</v>
      </c>
      <c r="C458" s="481">
        <v>786</v>
      </c>
      <c r="D458" s="481"/>
      <c r="E458" s="481" t="s">
        <v>2481</v>
      </c>
      <c r="F458" s="482" t="s">
        <v>53</v>
      </c>
      <c r="G458" s="482" t="s">
        <v>655</v>
      </c>
      <c r="H458" s="501" t="s">
        <v>932</v>
      </c>
      <c r="I458" s="506" t="s">
        <v>1067</v>
      </c>
      <c r="J458" s="506" t="s">
        <v>1068</v>
      </c>
      <c r="K458" s="506"/>
      <c r="L458" s="77" t="s">
        <v>58</v>
      </c>
      <c r="M458" s="506" t="s">
        <v>833</v>
      </c>
      <c r="N458" s="506"/>
      <c r="O458" s="506" t="s">
        <v>81</v>
      </c>
      <c r="P458" s="77" t="s">
        <v>77</v>
      </c>
      <c r="Q458" s="77"/>
      <c r="R458" s="500" t="s">
        <v>722</v>
      </c>
      <c r="S458" s="76" t="s">
        <v>63</v>
      </c>
      <c r="T458" s="76" t="s">
        <v>63</v>
      </c>
      <c r="U458" s="508">
        <v>1644.5</v>
      </c>
      <c r="V458" s="508"/>
      <c r="W458" s="494" t="s">
        <v>659</v>
      </c>
      <c r="X458" s="494"/>
      <c r="Y458" s="503">
        <f t="shared" si="89"/>
        <v>1644.5</v>
      </c>
      <c r="Z458" s="76" t="s">
        <v>65</v>
      </c>
      <c r="AA458" s="487"/>
      <c r="AB458" s="487"/>
      <c r="AC458" s="487"/>
      <c r="AD458" s="487"/>
      <c r="AE458" s="487"/>
      <c r="AF458" s="487"/>
      <c r="AG458" s="487"/>
      <c r="AH458" s="487"/>
      <c r="AI458" s="487"/>
      <c r="AJ458" s="487"/>
      <c r="AK458" s="487"/>
      <c r="AL458" s="487"/>
      <c r="AM458" s="487"/>
      <c r="AN458" s="487"/>
      <c r="AO458" s="487"/>
      <c r="AP458" s="487"/>
      <c r="AQ458" s="76"/>
      <c r="AR458" s="487"/>
      <c r="AS458" s="487"/>
      <c r="AT458" s="487"/>
      <c r="AU458" s="76"/>
      <c r="AV458" s="487"/>
      <c r="AW458" s="487"/>
      <c r="AX458" s="487"/>
      <c r="AY458" s="76"/>
      <c r="AZ458" s="487"/>
      <c r="BA458" s="76"/>
      <c r="BB458" s="76"/>
      <c r="BC458" s="487"/>
      <c r="BD458" s="76"/>
      <c r="BE458" s="76"/>
      <c r="BF458" s="80">
        <f t="shared" si="90"/>
        <v>0</v>
      </c>
      <c r="BG458" s="76"/>
      <c r="BH458" s="487" t="str">
        <f t="shared" si="94"/>
        <v/>
      </c>
      <c r="BI458" s="487" t="str">
        <f t="shared" si="94"/>
        <v/>
      </c>
      <c r="BJ458" s="487" t="str">
        <f t="shared" si="94"/>
        <v/>
      </c>
      <c r="BK458" s="487" t="str">
        <f t="shared" si="94"/>
        <v/>
      </c>
      <c r="BL458" s="487" t="str">
        <f t="shared" si="94"/>
        <v/>
      </c>
      <c r="BM458" s="487" t="str">
        <f t="shared" si="94"/>
        <v/>
      </c>
      <c r="BN458" s="487" t="str">
        <f t="shared" si="94"/>
        <v/>
      </c>
      <c r="BO458" s="487" t="str">
        <f t="shared" si="94"/>
        <v/>
      </c>
      <c r="BP458" s="487" t="str">
        <f t="shared" si="94"/>
        <v/>
      </c>
      <c r="BQ458" s="487" t="str">
        <f t="shared" si="94"/>
        <v/>
      </c>
      <c r="BR458" s="487" t="str">
        <f t="shared" si="94"/>
        <v/>
      </c>
      <c r="BS458" s="487" t="str">
        <f t="shared" si="94"/>
        <v/>
      </c>
      <c r="BT458" s="487" t="str">
        <f t="shared" si="94"/>
        <v/>
      </c>
      <c r="BU458" s="487" t="str">
        <f t="shared" si="94"/>
        <v/>
      </c>
      <c r="BV458" s="487" t="str">
        <f t="shared" si="94"/>
        <v/>
      </c>
      <c r="BW458" s="487" t="str">
        <f t="shared" si="93"/>
        <v/>
      </c>
      <c r="BX458" s="487" t="str">
        <f t="shared" si="93"/>
        <v/>
      </c>
      <c r="BY458" s="487" t="str">
        <f t="shared" si="93"/>
        <v/>
      </c>
      <c r="BZ458" s="487" t="str">
        <f t="shared" si="93"/>
        <v/>
      </c>
      <c r="CA458" s="487" t="str">
        <f t="shared" si="93"/>
        <v/>
      </c>
      <c r="CB458" s="487" t="str">
        <f t="shared" si="93"/>
        <v/>
      </c>
      <c r="CC458" s="487" t="str">
        <f t="shared" si="93"/>
        <v/>
      </c>
      <c r="CD458" s="487" t="str">
        <f t="shared" si="93"/>
        <v/>
      </c>
      <c r="CE458" s="487" t="str">
        <f t="shared" si="93"/>
        <v/>
      </c>
      <c r="CF458" s="487" t="str">
        <f t="shared" si="93"/>
        <v/>
      </c>
      <c r="CG458" s="487" t="str">
        <f t="shared" si="93"/>
        <v/>
      </c>
      <c r="CH458" s="487" t="str">
        <f t="shared" si="93"/>
        <v/>
      </c>
      <c r="CI458" s="487" t="str">
        <f t="shared" si="93"/>
        <v/>
      </c>
      <c r="CJ458" s="487" t="str">
        <f t="shared" si="93"/>
        <v/>
      </c>
      <c r="CK458" s="487" t="str">
        <f t="shared" si="93"/>
        <v/>
      </c>
      <c r="CL458" s="487" t="str">
        <f t="shared" si="93"/>
        <v/>
      </c>
      <c r="CM458" s="487"/>
      <c r="CN458" s="487"/>
      <c r="CO458" s="487"/>
      <c r="CP458" s="487"/>
      <c r="CQ458" s="487"/>
      <c r="CR458" s="487"/>
      <c r="CS458" s="487"/>
      <c r="CT458" s="487"/>
      <c r="CU458" s="487"/>
      <c r="CV458" s="487"/>
      <c r="CW458" s="487"/>
      <c r="CX458" s="487"/>
      <c r="CY458" s="487"/>
      <c r="CZ458" s="487"/>
      <c r="DA458" s="487"/>
      <c r="DB458" s="487"/>
      <c r="DC458" s="487"/>
      <c r="DD458" s="487"/>
      <c r="DE458" s="487"/>
      <c r="DF458" s="487"/>
      <c r="DG458" s="487"/>
      <c r="DH458" s="487"/>
      <c r="DI458" s="486"/>
      <c r="DJ458" s="486"/>
      <c r="DK458" s="486"/>
    </row>
    <row r="459" spans="1:115" ht="56.1" hidden="1" customHeight="1" x14ac:dyDescent="0.2">
      <c r="A459" s="499" t="s">
        <v>2494</v>
      </c>
      <c r="B459" s="483" t="s">
        <v>2495</v>
      </c>
      <c r="C459" s="481">
        <v>787</v>
      </c>
      <c r="D459" s="481"/>
      <c r="E459" s="481" t="s">
        <v>2481</v>
      </c>
      <c r="F459" s="482" t="s">
        <v>53</v>
      </c>
      <c r="G459" s="482" t="s">
        <v>655</v>
      </c>
      <c r="H459" s="501" t="s">
        <v>932</v>
      </c>
      <c r="I459" s="506" t="s">
        <v>1069</v>
      </c>
      <c r="J459" s="506" t="s">
        <v>1070</v>
      </c>
      <c r="K459" s="506"/>
      <c r="L459" s="77" t="s">
        <v>58</v>
      </c>
      <c r="M459" s="506" t="s">
        <v>833</v>
      </c>
      <c r="N459" s="506"/>
      <c r="O459" s="501" t="s">
        <v>81</v>
      </c>
      <c r="P459" s="77" t="s">
        <v>77</v>
      </c>
      <c r="Q459" s="77"/>
      <c r="R459" s="500" t="s">
        <v>722</v>
      </c>
      <c r="S459" s="76" t="s">
        <v>63</v>
      </c>
      <c r="T459" s="76" t="s">
        <v>63</v>
      </c>
      <c r="U459" s="508">
        <v>113848.735</v>
      </c>
      <c r="V459" s="508"/>
      <c r="W459" s="494" t="s">
        <v>659</v>
      </c>
      <c r="X459" s="494"/>
      <c r="Y459" s="503">
        <f t="shared" si="89"/>
        <v>113848.735</v>
      </c>
      <c r="Z459" s="76" t="s">
        <v>65</v>
      </c>
      <c r="AA459" s="487"/>
      <c r="AB459" s="487"/>
      <c r="AC459" s="487"/>
      <c r="AD459" s="487"/>
      <c r="AE459" s="487"/>
      <c r="AF459" s="487"/>
      <c r="AG459" s="487"/>
      <c r="AH459" s="487"/>
      <c r="AI459" s="487"/>
      <c r="AJ459" s="487"/>
      <c r="AK459" s="487"/>
      <c r="AL459" s="487"/>
      <c r="AM459" s="487"/>
      <c r="AN459" s="487"/>
      <c r="AO459" s="487"/>
      <c r="AP459" s="487"/>
      <c r="AQ459" s="76"/>
      <c r="AR459" s="487"/>
      <c r="AS459" s="487"/>
      <c r="AT459" s="487"/>
      <c r="AU459" s="76"/>
      <c r="AV459" s="487"/>
      <c r="AW459" s="487"/>
      <c r="AX459" s="487"/>
      <c r="AY459" s="76"/>
      <c r="AZ459" s="487"/>
      <c r="BA459" s="76"/>
      <c r="BB459" s="76"/>
      <c r="BC459" s="487"/>
      <c r="BD459" s="76"/>
      <c r="BE459" s="76"/>
      <c r="BF459" s="80">
        <f t="shared" si="90"/>
        <v>0</v>
      </c>
      <c r="BG459" s="76"/>
      <c r="BH459" s="487" t="str">
        <f t="shared" si="94"/>
        <v/>
      </c>
      <c r="BI459" s="487" t="str">
        <f t="shared" si="94"/>
        <v/>
      </c>
      <c r="BJ459" s="487" t="str">
        <f t="shared" si="94"/>
        <v/>
      </c>
      <c r="BK459" s="487" t="str">
        <f t="shared" si="94"/>
        <v/>
      </c>
      <c r="BL459" s="487" t="str">
        <f t="shared" si="94"/>
        <v/>
      </c>
      <c r="BM459" s="487" t="str">
        <f t="shared" si="94"/>
        <v/>
      </c>
      <c r="BN459" s="487" t="str">
        <f t="shared" si="94"/>
        <v/>
      </c>
      <c r="BO459" s="487" t="str">
        <f t="shared" si="94"/>
        <v/>
      </c>
      <c r="BP459" s="487" t="str">
        <f t="shared" si="94"/>
        <v/>
      </c>
      <c r="BQ459" s="487" t="str">
        <f t="shared" si="94"/>
        <v/>
      </c>
      <c r="BR459" s="487" t="str">
        <f t="shared" si="94"/>
        <v/>
      </c>
      <c r="BS459" s="487" t="str">
        <f t="shared" si="94"/>
        <v/>
      </c>
      <c r="BT459" s="487" t="str">
        <f t="shared" si="94"/>
        <v/>
      </c>
      <c r="BU459" s="487" t="str">
        <f t="shared" si="94"/>
        <v/>
      </c>
      <c r="BV459" s="487" t="str">
        <f t="shared" si="94"/>
        <v/>
      </c>
      <c r="BW459" s="487" t="str">
        <f t="shared" si="93"/>
        <v/>
      </c>
      <c r="BX459" s="487" t="str">
        <f t="shared" si="93"/>
        <v/>
      </c>
      <c r="BY459" s="487" t="str">
        <f t="shared" si="93"/>
        <v/>
      </c>
      <c r="BZ459" s="487" t="str">
        <f t="shared" si="93"/>
        <v/>
      </c>
      <c r="CA459" s="487" t="str">
        <f t="shared" si="93"/>
        <v/>
      </c>
      <c r="CB459" s="487" t="str">
        <f t="shared" si="93"/>
        <v/>
      </c>
      <c r="CC459" s="487" t="str">
        <f t="shared" si="93"/>
        <v/>
      </c>
      <c r="CD459" s="487" t="str">
        <f t="shared" si="93"/>
        <v/>
      </c>
      <c r="CE459" s="487" t="str">
        <f t="shared" si="93"/>
        <v/>
      </c>
      <c r="CF459" s="487" t="str">
        <f t="shared" si="93"/>
        <v/>
      </c>
      <c r="CG459" s="487" t="str">
        <f t="shared" si="93"/>
        <v/>
      </c>
      <c r="CH459" s="487" t="str">
        <f t="shared" si="93"/>
        <v/>
      </c>
      <c r="CI459" s="487" t="str">
        <f t="shared" si="93"/>
        <v/>
      </c>
      <c r="CJ459" s="487" t="str">
        <f t="shared" si="93"/>
        <v/>
      </c>
      <c r="CK459" s="487" t="str">
        <f t="shared" si="93"/>
        <v/>
      </c>
      <c r="CL459" s="487" t="str">
        <f t="shared" si="93"/>
        <v/>
      </c>
      <c r="CM459" s="487"/>
      <c r="CN459" s="487"/>
      <c r="CO459" s="487"/>
      <c r="CP459" s="487"/>
      <c r="CQ459" s="487"/>
      <c r="CR459" s="487"/>
      <c r="CS459" s="487"/>
      <c r="CT459" s="487"/>
      <c r="CU459" s="487"/>
      <c r="CV459" s="487"/>
      <c r="CW459" s="487"/>
      <c r="CX459" s="487"/>
      <c r="CY459" s="487"/>
      <c r="CZ459" s="487"/>
      <c r="DA459" s="487"/>
      <c r="DB459" s="487"/>
      <c r="DC459" s="487"/>
      <c r="DD459" s="487"/>
      <c r="DE459" s="487"/>
      <c r="DF459" s="487"/>
      <c r="DG459" s="487"/>
      <c r="DH459" s="487"/>
      <c r="DI459" s="486"/>
      <c r="DJ459" s="486"/>
      <c r="DK459" s="486"/>
    </row>
    <row r="460" spans="1:115" ht="56.1" hidden="1" customHeight="1" x14ac:dyDescent="0.2">
      <c r="A460" s="499" t="s">
        <v>2494</v>
      </c>
      <c r="B460" s="483" t="s">
        <v>2495</v>
      </c>
      <c r="C460" s="481">
        <v>788</v>
      </c>
      <c r="D460" s="481"/>
      <c r="E460" s="481" t="s">
        <v>2481</v>
      </c>
      <c r="F460" s="482" t="s">
        <v>53</v>
      </c>
      <c r="G460" s="482" t="s">
        <v>655</v>
      </c>
      <c r="H460" s="501" t="s">
        <v>932</v>
      </c>
      <c r="I460" s="506" t="s">
        <v>1071</v>
      </c>
      <c r="J460" s="506" t="s">
        <v>1072</v>
      </c>
      <c r="K460" s="506"/>
      <c r="L460" s="77" t="s">
        <v>58</v>
      </c>
      <c r="M460" s="506" t="s">
        <v>833</v>
      </c>
      <c r="N460" s="506"/>
      <c r="O460" s="506" t="s">
        <v>81</v>
      </c>
      <c r="P460" s="77" t="s">
        <v>77</v>
      </c>
      <c r="Q460" s="77"/>
      <c r="R460" s="500" t="s">
        <v>722</v>
      </c>
      <c r="S460" s="76" t="s">
        <v>63</v>
      </c>
      <c r="T460" s="76" t="s">
        <v>63</v>
      </c>
      <c r="U460" s="508">
        <v>32468.596874999999</v>
      </c>
      <c r="V460" s="508"/>
      <c r="W460" s="494" t="s">
        <v>659</v>
      </c>
      <c r="X460" s="494"/>
      <c r="Y460" s="503">
        <f t="shared" si="89"/>
        <v>32468.596874999999</v>
      </c>
      <c r="Z460" s="76" t="s">
        <v>65</v>
      </c>
      <c r="AA460" s="487"/>
      <c r="AB460" s="487"/>
      <c r="AC460" s="487"/>
      <c r="AD460" s="487"/>
      <c r="AE460" s="487"/>
      <c r="AF460" s="487"/>
      <c r="AG460" s="487"/>
      <c r="AH460" s="487"/>
      <c r="AI460" s="487"/>
      <c r="AJ460" s="487"/>
      <c r="AK460" s="487"/>
      <c r="AL460" s="487"/>
      <c r="AM460" s="487"/>
      <c r="AN460" s="487"/>
      <c r="AO460" s="487"/>
      <c r="AP460" s="487"/>
      <c r="AQ460" s="76"/>
      <c r="AR460" s="487"/>
      <c r="AS460" s="487"/>
      <c r="AT460" s="487"/>
      <c r="AU460" s="76"/>
      <c r="AV460" s="487"/>
      <c r="AW460" s="487"/>
      <c r="AX460" s="487"/>
      <c r="AY460" s="76"/>
      <c r="AZ460" s="487"/>
      <c r="BA460" s="76"/>
      <c r="BB460" s="76"/>
      <c r="BC460" s="487"/>
      <c r="BD460" s="76"/>
      <c r="BE460" s="76"/>
      <c r="BF460" s="80">
        <f t="shared" si="90"/>
        <v>0</v>
      </c>
      <c r="BG460" s="76"/>
      <c r="BH460" s="487" t="str">
        <f t="shared" si="94"/>
        <v/>
      </c>
      <c r="BI460" s="487" t="str">
        <f t="shared" si="94"/>
        <v/>
      </c>
      <c r="BJ460" s="487" t="str">
        <f t="shared" si="94"/>
        <v/>
      </c>
      <c r="BK460" s="487" t="str">
        <f t="shared" si="94"/>
        <v/>
      </c>
      <c r="BL460" s="487" t="str">
        <f t="shared" si="94"/>
        <v/>
      </c>
      <c r="BM460" s="487" t="str">
        <f t="shared" si="94"/>
        <v/>
      </c>
      <c r="BN460" s="487" t="str">
        <f t="shared" si="94"/>
        <v/>
      </c>
      <c r="BO460" s="487" t="str">
        <f t="shared" si="94"/>
        <v/>
      </c>
      <c r="BP460" s="487" t="str">
        <f t="shared" si="94"/>
        <v/>
      </c>
      <c r="BQ460" s="487" t="str">
        <f t="shared" si="94"/>
        <v/>
      </c>
      <c r="BR460" s="487" t="str">
        <f t="shared" si="94"/>
        <v/>
      </c>
      <c r="BS460" s="487" t="str">
        <f t="shared" si="94"/>
        <v/>
      </c>
      <c r="BT460" s="487" t="str">
        <f t="shared" si="94"/>
        <v/>
      </c>
      <c r="BU460" s="487" t="str">
        <f t="shared" si="94"/>
        <v/>
      </c>
      <c r="BV460" s="487" t="str">
        <f t="shared" si="94"/>
        <v/>
      </c>
      <c r="BW460" s="487" t="str">
        <f t="shared" si="93"/>
        <v/>
      </c>
      <c r="BX460" s="487" t="str">
        <f t="shared" si="93"/>
        <v/>
      </c>
      <c r="BY460" s="487" t="str">
        <f t="shared" si="93"/>
        <v/>
      </c>
      <c r="BZ460" s="487" t="str">
        <f t="shared" si="93"/>
        <v/>
      </c>
      <c r="CA460" s="487" t="str">
        <f t="shared" si="93"/>
        <v/>
      </c>
      <c r="CB460" s="487" t="str">
        <f t="shared" si="93"/>
        <v/>
      </c>
      <c r="CC460" s="487" t="str">
        <f t="shared" si="93"/>
        <v/>
      </c>
      <c r="CD460" s="487" t="str">
        <f t="shared" si="93"/>
        <v/>
      </c>
      <c r="CE460" s="487" t="str">
        <f t="shared" si="93"/>
        <v/>
      </c>
      <c r="CF460" s="487" t="str">
        <f t="shared" si="93"/>
        <v/>
      </c>
      <c r="CG460" s="487" t="str">
        <f t="shared" si="93"/>
        <v/>
      </c>
      <c r="CH460" s="487" t="str">
        <f t="shared" si="93"/>
        <v/>
      </c>
      <c r="CI460" s="487" t="str">
        <f t="shared" si="93"/>
        <v/>
      </c>
      <c r="CJ460" s="487" t="str">
        <f t="shared" si="93"/>
        <v/>
      </c>
      <c r="CK460" s="487" t="str">
        <f t="shared" si="93"/>
        <v/>
      </c>
      <c r="CL460" s="487" t="str">
        <f t="shared" si="93"/>
        <v/>
      </c>
      <c r="CM460" s="487"/>
      <c r="CN460" s="487"/>
      <c r="CO460" s="487"/>
      <c r="CP460" s="487"/>
      <c r="CQ460" s="487"/>
      <c r="CR460" s="487"/>
      <c r="CS460" s="487"/>
      <c r="CT460" s="487"/>
      <c r="CU460" s="487"/>
      <c r="CV460" s="487"/>
      <c r="CW460" s="487"/>
      <c r="CX460" s="487"/>
      <c r="CY460" s="487"/>
      <c r="CZ460" s="487"/>
      <c r="DA460" s="487"/>
      <c r="DB460" s="487"/>
      <c r="DC460" s="487"/>
      <c r="DD460" s="487"/>
      <c r="DE460" s="487"/>
      <c r="DF460" s="487"/>
      <c r="DG460" s="487"/>
      <c r="DH460" s="487"/>
      <c r="DI460" s="486"/>
      <c r="DJ460" s="486"/>
      <c r="DK460" s="486"/>
    </row>
    <row r="461" spans="1:115" ht="56.1" hidden="1" customHeight="1" x14ac:dyDescent="0.2">
      <c r="A461" s="499" t="s">
        <v>2494</v>
      </c>
      <c r="B461" s="483" t="s">
        <v>2495</v>
      </c>
      <c r="C461" s="481">
        <v>789</v>
      </c>
      <c r="D461" s="481"/>
      <c r="E461" s="481" t="s">
        <v>2481</v>
      </c>
      <c r="F461" s="482" t="s">
        <v>53</v>
      </c>
      <c r="G461" s="482" t="s">
        <v>655</v>
      </c>
      <c r="H461" s="501" t="s">
        <v>932</v>
      </c>
      <c r="I461" s="506" t="s">
        <v>1073</v>
      </c>
      <c r="J461" s="506" t="s">
        <v>1074</v>
      </c>
      <c r="K461" s="506"/>
      <c r="L461" s="77" t="s">
        <v>58</v>
      </c>
      <c r="M461" s="506" t="s">
        <v>833</v>
      </c>
      <c r="N461" s="506"/>
      <c r="O461" s="501" t="s">
        <v>81</v>
      </c>
      <c r="P461" s="77" t="s">
        <v>77</v>
      </c>
      <c r="Q461" s="77"/>
      <c r="R461" s="500" t="s">
        <v>722</v>
      </c>
      <c r="S461" s="76" t="s">
        <v>63</v>
      </c>
      <c r="T461" s="76" t="s">
        <v>63</v>
      </c>
      <c r="U461" s="508">
        <v>894196.875</v>
      </c>
      <c r="V461" s="508"/>
      <c r="W461" s="494" t="s">
        <v>659</v>
      </c>
      <c r="X461" s="494"/>
      <c r="Y461" s="503">
        <f t="shared" si="89"/>
        <v>894196.875</v>
      </c>
      <c r="Z461" s="76" t="s">
        <v>65</v>
      </c>
      <c r="AA461" s="487"/>
      <c r="AB461" s="487"/>
      <c r="AC461" s="487"/>
      <c r="AD461" s="487"/>
      <c r="AE461" s="487"/>
      <c r="AF461" s="487"/>
      <c r="AG461" s="487"/>
      <c r="AH461" s="487"/>
      <c r="AI461" s="487"/>
      <c r="AJ461" s="487"/>
      <c r="AK461" s="487"/>
      <c r="AL461" s="487"/>
      <c r="AM461" s="487"/>
      <c r="AN461" s="487"/>
      <c r="AO461" s="487"/>
      <c r="AP461" s="487"/>
      <c r="AQ461" s="76"/>
      <c r="AR461" s="487"/>
      <c r="AS461" s="487"/>
      <c r="AT461" s="487"/>
      <c r="AU461" s="76"/>
      <c r="AV461" s="487"/>
      <c r="AW461" s="487"/>
      <c r="AX461" s="487"/>
      <c r="AY461" s="76"/>
      <c r="AZ461" s="487"/>
      <c r="BA461" s="76"/>
      <c r="BB461" s="76"/>
      <c r="BC461" s="487"/>
      <c r="BD461" s="76"/>
      <c r="BE461" s="76"/>
      <c r="BF461" s="80">
        <f t="shared" si="90"/>
        <v>0</v>
      </c>
      <c r="BG461" s="76"/>
      <c r="BH461" s="487" t="str">
        <f t="shared" si="94"/>
        <v/>
      </c>
      <c r="BI461" s="487" t="str">
        <f t="shared" si="94"/>
        <v/>
      </c>
      <c r="BJ461" s="487" t="str">
        <f t="shared" si="94"/>
        <v/>
      </c>
      <c r="BK461" s="487" t="str">
        <f t="shared" si="94"/>
        <v/>
      </c>
      <c r="BL461" s="487" t="str">
        <f t="shared" si="94"/>
        <v/>
      </c>
      <c r="BM461" s="487" t="str">
        <f t="shared" si="94"/>
        <v/>
      </c>
      <c r="BN461" s="487" t="str">
        <f t="shared" si="94"/>
        <v/>
      </c>
      <c r="BO461" s="487" t="str">
        <f t="shared" si="94"/>
        <v/>
      </c>
      <c r="BP461" s="487" t="str">
        <f t="shared" si="94"/>
        <v/>
      </c>
      <c r="BQ461" s="487" t="str">
        <f t="shared" si="94"/>
        <v/>
      </c>
      <c r="BR461" s="487" t="str">
        <f t="shared" si="94"/>
        <v/>
      </c>
      <c r="BS461" s="487" t="str">
        <f t="shared" si="94"/>
        <v/>
      </c>
      <c r="BT461" s="487" t="str">
        <f t="shared" si="94"/>
        <v/>
      </c>
      <c r="BU461" s="487" t="str">
        <f t="shared" si="94"/>
        <v/>
      </c>
      <c r="BV461" s="487" t="str">
        <f t="shared" si="94"/>
        <v/>
      </c>
      <c r="BW461" s="487" t="str">
        <f t="shared" si="93"/>
        <v/>
      </c>
      <c r="BX461" s="487" t="str">
        <f t="shared" si="93"/>
        <v/>
      </c>
      <c r="BY461" s="487" t="str">
        <f t="shared" si="93"/>
        <v/>
      </c>
      <c r="BZ461" s="487" t="str">
        <f t="shared" si="93"/>
        <v/>
      </c>
      <c r="CA461" s="487" t="str">
        <f t="shared" si="93"/>
        <v/>
      </c>
      <c r="CB461" s="487" t="str">
        <f t="shared" si="93"/>
        <v/>
      </c>
      <c r="CC461" s="487" t="str">
        <f t="shared" si="93"/>
        <v/>
      </c>
      <c r="CD461" s="487" t="str">
        <f t="shared" si="93"/>
        <v/>
      </c>
      <c r="CE461" s="487" t="str">
        <f t="shared" si="93"/>
        <v/>
      </c>
      <c r="CF461" s="487" t="str">
        <f t="shared" si="93"/>
        <v/>
      </c>
      <c r="CG461" s="487" t="str">
        <f t="shared" si="93"/>
        <v/>
      </c>
      <c r="CH461" s="487" t="str">
        <f t="shared" si="93"/>
        <v/>
      </c>
      <c r="CI461" s="487" t="str">
        <f t="shared" si="93"/>
        <v/>
      </c>
      <c r="CJ461" s="487" t="str">
        <f t="shared" si="93"/>
        <v/>
      </c>
      <c r="CK461" s="487" t="str">
        <f t="shared" si="93"/>
        <v/>
      </c>
      <c r="CL461" s="487" t="str">
        <f t="shared" si="93"/>
        <v/>
      </c>
      <c r="CM461" s="487"/>
      <c r="CN461" s="487"/>
      <c r="CO461" s="487"/>
      <c r="CP461" s="487"/>
      <c r="CQ461" s="487"/>
      <c r="CR461" s="487"/>
      <c r="CS461" s="487"/>
      <c r="CT461" s="487"/>
      <c r="CU461" s="487"/>
      <c r="CV461" s="487"/>
      <c r="CW461" s="487"/>
      <c r="CX461" s="487"/>
      <c r="CY461" s="487"/>
      <c r="CZ461" s="487"/>
      <c r="DA461" s="487"/>
      <c r="DB461" s="487"/>
      <c r="DC461" s="487"/>
      <c r="DD461" s="487"/>
      <c r="DE461" s="487"/>
      <c r="DF461" s="487"/>
      <c r="DG461" s="487"/>
      <c r="DH461" s="487"/>
      <c r="DI461" s="486"/>
      <c r="DJ461" s="486"/>
      <c r="DK461" s="486"/>
    </row>
    <row r="462" spans="1:115" ht="56.1" hidden="1" customHeight="1" x14ac:dyDescent="0.2">
      <c r="A462" s="499" t="s">
        <v>2494</v>
      </c>
      <c r="B462" s="483" t="s">
        <v>2495</v>
      </c>
      <c r="C462" s="481">
        <v>790</v>
      </c>
      <c r="D462" s="481"/>
      <c r="E462" s="481" t="s">
        <v>2481</v>
      </c>
      <c r="F462" s="482" t="s">
        <v>53</v>
      </c>
      <c r="G462" s="482" t="s">
        <v>655</v>
      </c>
      <c r="H462" s="501" t="s">
        <v>932</v>
      </c>
      <c r="I462" s="506" t="s">
        <v>1075</v>
      </c>
      <c r="J462" s="506" t="s">
        <v>1076</v>
      </c>
      <c r="K462" s="506"/>
      <c r="L462" s="77" t="s">
        <v>58</v>
      </c>
      <c r="M462" s="506" t="s">
        <v>833</v>
      </c>
      <c r="N462" s="506"/>
      <c r="O462" s="506" t="s">
        <v>81</v>
      </c>
      <c r="P462" s="77" t="s">
        <v>77</v>
      </c>
      <c r="Q462" s="77"/>
      <c r="R462" s="500" t="s">
        <v>722</v>
      </c>
      <c r="S462" s="76" t="s">
        <v>63</v>
      </c>
      <c r="T462" s="76" t="s">
        <v>63</v>
      </c>
      <c r="U462" s="508">
        <v>85.822343750000002</v>
      </c>
      <c r="V462" s="508"/>
      <c r="W462" s="494" t="s">
        <v>659</v>
      </c>
      <c r="X462" s="494"/>
      <c r="Y462" s="503">
        <f t="shared" si="89"/>
        <v>85.822343750000002</v>
      </c>
      <c r="Z462" s="76" t="s">
        <v>65</v>
      </c>
      <c r="AA462" s="487"/>
      <c r="AB462" s="487"/>
      <c r="AC462" s="487"/>
      <c r="AD462" s="487"/>
      <c r="AE462" s="487"/>
      <c r="AF462" s="487"/>
      <c r="AG462" s="487"/>
      <c r="AH462" s="487"/>
      <c r="AI462" s="487"/>
      <c r="AJ462" s="487"/>
      <c r="AK462" s="487"/>
      <c r="AL462" s="487"/>
      <c r="AM462" s="487"/>
      <c r="AN462" s="487"/>
      <c r="AO462" s="487"/>
      <c r="AP462" s="487"/>
      <c r="AQ462" s="76"/>
      <c r="AR462" s="487"/>
      <c r="AS462" s="487"/>
      <c r="AT462" s="487"/>
      <c r="AU462" s="76"/>
      <c r="AV462" s="487"/>
      <c r="AW462" s="487"/>
      <c r="AX462" s="487"/>
      <c r="AY462" s="76"/>
      <c r="AZ462" s="487"/>
      <c r="BA462" s="76"/>
      <c r="BB462" s="76"/>
      <c r="BC462" s="487"/>
      <c r="BD462" s="76"/>
      <c r="BE462" s="76"/>
      <c r="BF462" s="80">
        <f t="shared" si="90"/>
        <v>0</v>
      </c>
      <c r="BG462" s="76"/>
      <c r="BH462" s="487" t="str">
        <f t="shared" si="94"/>
        <v/>
      </c>
      <c r="BI462" s="487" t="str">
        <f t="shared" si="94"/>
        <v/>
      </c>
      <c r="BJ462" s="487" t="str">
        <f t="shared" si="94"/>
        <v/>
      </c>
      <c r="BK462" s="487" t="str">
        <f t="shared" si="94"/>
        <v/>
      </c>
      <c r="BL462" s="487" t="str">
        <f t="shared" si="94"/>
        <v/>
      </c>
      <c r="BM462" s="487" t="str">
        <f t="shared" si="94"/>
        <v/>
      </c>
      <c r="BN462" s="487" t="str">
        <f t="shared" si="94"/>
        <v/>
      </c>
      <c r="BO462" s="487" t="str">
        <f t="shared" si="94"/>
        <v/>
      </c>
      <c r="BP462" s="487" t="str">
        <f t="shared" si="94"/>
        <v/>
      </c>
      <c r="BQ462" s="487" t="str">
        <f t="shared" si="94"/>
        <v/>
      </c>
      <c r="BR462" s="487" t="str">
        <f t="shared" si="94"/>
        <v/>
      </c>
      <c r="BS462" s="487" t="str">
        <f t="shared" si="94"/>
        <v/>
      </c>
      <c r="BT462" s="487" t="str">
        <f t="shared" si="94"/>
        <v/>
      </c>
      <c r="BU462" s="487" t="str">
        <f t="shared" si="94"/>
        <v/>
      </c>
      <c r="BV462" s="487" t="str">
        <f t="shared" si="94"/>
        <v/>
      </c>
      <c r="BW462" s="487" t="str">
        <f t="shared" si="93"/>
        <v/>
      </c>
      <c r="BX462" s="487" t="str">
        <f t="shared" si="93"/>
        <v/>
      </c>
      <c r="BY462" s="487" t="str">
        <f t="shared" si="93"/>
        <v/>
      </c>
      <c r="BZ462" s="487" t="str">
        <f t="shared" si="93"/>
        <v/>
      </c>
      <c r="CA462" s="487" t="str">
        <f t="shared" si="93"/>
        <v/>
      </c>
      <c r="CB462" s="487" t="str">
        <f t="shared" si="93"/>
        <v/>
      </c>
      <c r="CC462" s="487" t="str">
        <f t="shared" si="93"/>
        <v/>
      </c>
      <c r="CD462" s="487" t="str">
        <f t="shared" si="93"/>
        <v/>
      </c>
      <c r="CE462" s="487" t="str">
        <f t="shared" si="93"/>
        <v/>
      </c>
      <c r="CF462" s="487" t="str">
        <f t="shared" si="93"/>
        <v/>
      </c>
      <c r="CG462" s="487" t="str">
        <f t="shared" si="93"/>
        <v/>
      </c>
      <c r="CH462" s="487" t="str">
        <f t="shared" si="93"/>
        <v/>
      </c>
      <c r="CI462" s="487" t="str">
        <f t="shared" si="93"/>
        <v/>
      </c>
      <c r="CJ462" s="487" t="str">
        <f t="shared" ref="CJ462:CL493" si="95">IF(BC462="yes",(BC$2*$BG462),"")</f>
        <v/>
      </c>
      <c r="CK462" s="487" t="str">
        <f t="shared" si="95"/>
        <v/>
      </c>
      <c r="CL462" s="487" t="str">
        <f t="shared" si="95"/>
        <v/>
      </c>
      <c r="CM462" s="487"/>
      <c r="CN462" s="487"/>
      <c r="CO462" s="487"/>
      <c r="CP462" s="487"/>
      <c r="CQ462" s="487"/>
      <c r="CR462" s="487"/>
      <c r="CS462" s="487"/>
      <c r="CT462" s="487"/>
      <c r="CU462" s="487"/>
      <c r="CV462" s="487"/>
      <c r="CW462" s="487"/>
      <c r="CX462" s="487"/>
      <c r="CY462" s="487"/>
      <c r="CZ462" s="487"/>
      <c r="DA462" s="487"/>
      <c r="DB462" s="487"/>
      <c r="DC462" s="487"/>
      <c r="DD462" s="487"/>
      <c r="DE462" s="487"/>
      <c r="DF462" s="487"/>
      <c r="DG462" s="487"/>
      <c r="DH462" s="487"/>
      <c r="DI462" s="486"/>
      <c r="DJ462" s="486"/>
      <c r="DK462" s="486"/>
    </row>
    <row r="463" spans="1:115" ht="56.1" hidden="1" customHeight="1" x14ac:dyDescent="0.2">
      <c r="A463" s="499" t="s">
        <v>2494</v>
      </c>
      <c r="B463" s="483" t="s">
        <v>2495</v>
      </c>
      <c r="C463" s="481">
        <v>791</v>
      </c>
      <c r="D463" s="481"/>
      <c r="E463" s="481" t="s">
        <v>2481</v>
      </c>
      <c r="F463" s="482" t="s">
        <v>53</v>
      </c>
      <c r="G463" s="482" t="s">
        <v>655</v>
      </c>
      <c r="H463" s="501" t="s">
        <v>932</v>
      </c>
      <c r="I463" s="506" t="s">
        <v>1077</v>
      </c>
      <c r="J463" s="506" t="s">
        <v>1078</v>
      </c>
      <c r="K463" s="506"/>
      <c r="L463" s="77" t="s">
        <v>58</v>
      </c>
      <c r="M463" s="506" t="s">
        <v>833</v>
      </c>
      <c r="N463" s="506"/>
      <c r="O463" s="501" t="s">
        <v>81</v>
      </c>
      <c r="P463" s="77" t="s">
        <v>77</v>
      </c>
      <c r="Q463" s="77"/>
      <c r="R463" s="500" t="s">
        <v>722</v>
      </c>
      <c r="S463" s="76" t="s">
        <v>63</v>
      </c>
      <c r="T463" s="76" t="s">
        <v>63</v>
      </c>
      <c r="U463" s="508">
        <v>47279.375</v>
      </c>
      <c r="V463" s="508"/>
      <c r="W463" s="494" t="s">
        <v>659</v>
      </c>
      <c r="X463" s="494"/>
      <c r="Y463" s="503">
        <f t="shared" si="89"/>
        <v>47279.375</v>
      </c>
      <c r="Z463" s="76" t="s">
        <v>65</v>
      </c>
      <c r="AA463" s="487"/>
      <c r="AB463" s="487"/>
      <c r="AC463" s="487"/>
      <c r="AD463" s="487"/>
      <c r="AE463" s="487"/>
      <c r="AF463" s="487"/>
      <c r="AG463" s="487"/>
      <c r="AH463" s="487"/>
      <c r="AI463" s="487"/>
      <c r="AJ463" s="487"/>
      <c r="AK463" s="487"/>
      <c r="AL463" s="487"/>
      <c r="AM463" s="487"/>
      <c r="AN463" s="487"/>
      <c r="AO463" s="487"/>
      <c r="AP463" s="487"/>
      <c r="AQ463" s="76"/>
      <c r="AR463" s="487"/>
      <c r="AS463" s="487"/>
      <c r="AT463" s="487"/>
      <c r="AU463" s="76"/>
      <c r="AV463" s="487"/>
      <c r="AW463" s="487"/>
      <c r="AX463" s="487"/>
      <c r="AY463" s="76"/>
      <c r="AZ463" s="487"/>
      <c r="BA463" s="76"/>
      <c r="BB463" s="76"/>
      <c r="BC463" s="487"/>
      <c r="BD463" s="76"/>
      <c r="BE463" s="76"/>
      <c r="BF463" s="80">
        <f t="shared" si="90"/>
        <v>0</v>
      </c>
      <c r="BG463" s="76"/>
      <c r="BH463" s="487" t="str">
        <f t="shared" ref="BH463:BW478" si="96">IF(AA463="yes",(AA$2*$BG463),"")</f>
        <v/>
      </c>
      <c r="BI463" s="487" t="str">
        <f t="shared" si="96"/>
        <v/>
      </c>
      <c r="BJ463" s="487" t="str">
        <f t="shared" si="96"/>
        <v/>
      </c>
      <c r="BK463" s="487" t="str">
        <f t="shared" si="96"/>
        <v/>
      </c>
      <c r="BL463" s="487" t="str">
        <f t="shared" si="96"/>
        <v/>
      </c>
      <c r="BM463" s="487" t="str">
        <f t="shared" si="96"/>
        <v/>
      </c>
      <c r="BN463" s="487" t="str">
        <f t="shared" si="96"/>
        <v/>
      </c>
      <c r="BO463" s="487" t="str">
        <f t="shared" si="96"/>
        <v/>
      </c>
      <c r="BP463" s="487" t="str">
        <f t="shared" si="96"/>
        <v/>
      </c>
      <c r="BQ463" s="487" t="str">
        <f t="shared" si="96"/>
        <v/>
      </c>
      <c r="BR463" s="487" t="str">
        <f t="shared" si="96"/>
        <v/>
      </c>
      <c r="BS463" s="487" t="str">
        <f t="shared" si="96"/>
        <v/>
      </c>
      <c r="BT463" s="487" t="str">
        <f t="shared" si="96"/>
        <v/>
      </c>
      <c r="BU463" s="487" t="str">
        <f t="shared" si="96"/>
        <v/>
      </c>
      <c r="BV463" s="487" t="str">
        <f t="shared" si="96"/>
        <v/>
      </c>
      <c r="BW463" s="487" t="str">
        <f t="shared" si="96"/>
        <v/>
      </c>
      <c r="BX463" s="487" t="str">
        <f t="shared" ref="BX463:CI484" si="97">IF(AQ463="yes",(AQ$2*$BG463),"")</f>
        <v/>
      </c>
      <c r="BY463" s="487" t="str">
        <f t="shared" si="97"/>
        <v/>
      </c>
      <c r="BZ463" s="487" t="str">
        <f t="shared" si="97"/>
        <v/>
      </c>
      <c r="CA463" s="487" t="str">
        <f t="shared" si="97"/>
        <v/>
      </c>
      <c r="CB463" s="487" t="str">
        <f t="shared" si="97"/>
        <v/>
      </c>
      <c r="CC463" s="487" t="str">
        <f t="shared" si="97"/>
        <v/>
      </c>
      <c r="CD463" s="487" t="str">
        <f t="shared" si="97"/>
        <v/>
      </c>
      <c r="CE463" s="487" t="str">
        <f t="shared" si="97"/>
        <v/>
      </c>
      <c r="CF463" s="487" t="str">
        <f t="shared" si="97"/>
        <v/>
      </c>
      <c r="CG463" s="487" t="str">
        <f t="shared" si="97"/>
        <v/>
      </c>
      <c r="CH463" s="487" t="str">
        <f t="shared" si="97"/>
        <v/>
      </c>
      <c r="CI463" s="487" t="str">
        <f t="shared" si="97"/>
        <v/>
      </c>
      <c r="CJ463" s="487" t="str">
        <f t="shared" si="95"/>
        <v/>
      </c>
      <c r="CK463" s="487" t="str">
        <f t="shared" si="95"/>
        <v/>
      </c>
      <c r="CL463" s="487" t="str">
        <f t="shared" si="95"/>
        <v/>
      </c>
      <c r="CM463" s="487"/>
      <c r="CN463" s="487"/>
      <c r="CO463" s="487"/>
      <c r="CP463" s="487"/>
      <c r="CQ463" s="487"/>
      <c r="CR463" s="487"/>
      <c r="CS463" s="487"/>
      <c r="CT463" s="487"/>
      <c r="CU463" s="487"/>
      <c r="CV463" s="487"/>
      <c r="CW463" s="487"/>
      <c r="CX463" s="487"/>
      <c r="CY463" s="487"/>
      <c r="CZ463" s="487"/>
      <c r="DA463" s="487"/>
      <c r="DB463" s="487"/>
      <c r="DC463" s="487"/>
      <c r="DD463" s="487"/>
      <c r="DE463" s="487"/>
      <c r="DF463" s="487"/>
      <c r="DG463" s="487"/>
      <c r="DH463" s="487"/>
      <c r="DI463" s="486"/>
      <c r="DJ463" s="486"/>
      <c r="DK463" s="486"/>
    </row>
    <row r="464" spans="1:115" ht="56.1" hidden="1" customHeight="1" x14ac:dyDescent="0.2">
      <c r="A464" s="499" t="s">
        <v>2494</v>
      </c>
      <c r="B464" s="483" t="s">
        <v>2495</v>
      </c>
      <c r="C464" s="481">
        <v>792</v>
      </c>
      <c r="D464" s="481"/>
      <c r="E464" s="481" t="s">
        <v>2481</v>
      </c>
      <c r="F464" s="482" t="s">
        <v>53</v>
      </c>
      <c r="G464" s="482" t="s">
        <v>655</v>
      </c>
      <c r="H464" s="501" t="s">
        <v>932</v>
      </c>
      <c r="I464" s="506" t="s">
        <v>1079</v>
      </c>
      <c r="J464" s="506" t="s">
        <v>1080</v>
      </c>
      <c r="K464" s="506"/>
      <c r="L464" s="77" t="s">
        <v>58</v>
      </c>
      <c r="M464" s="506" t="s">
        <v>833</v>
      </c>
      <c r="N464" s="506"/>
      <c r="O464" s="506" t="s">
        <v>81</v>
      </c>
      <c r="P464" s="77" t="s">
        <v>77</v>
      </c>
      <c r="Q464" s="77"/>
      <c r="R464" s="500" t="s">
        <v>722</v>
      </c>
      <c r="S464" s="76" t="s">
        <v>63</v>
      </c>
      <c r="T464" s="76" t="s">
        <v>63</v>
      </c>
      <c r="U464" s="508">
        <v>37001.25</v>
      </c>
      <c r="V464" s="508"/>
      <c r="W464" s="494" t="s">
        <v>659</v>
      </c>
      <c r="X464" s="494"/>
      <c r="Y464" s="503">
        <f t="shared" si="89"/>
        <v>37001.25</v>
      </c>
      <c r="Z464" s="76" t="s">
        <v>65</v>
      </c>
      <c r="AA464" s="487"/>
      <c r="AB464" s="487"/>
      <c r="AC464" s="487"/>
      <c r="AD464" s="487"/>
      <c r="AE464" s="487"/>
      <c r="AF464" s="487"/>
      <c r="AG464" s="487"/>
      <c r="AH464" s="487"/>
      <c r="AI464" s="487"/>
      <c r="AJ464" s="487"/>
      <c r="AK464" s="487"/>
      <c r="AL464" s="487"/>
      <c r="AM464" s="487"/>
      <c r="AN464" s="487"/>
      <c r="AO464" s="487"/>
      <c r="AP464" s="487"/>
      <c r="AQ464" s="76"/>
      <c r="AR464" s="487"/>
      <c r="AS464" s="487"/>
      <c r="AT464" s="487"/>
      <c r="AU464" s="76"/>
      <c r="AV464" s="487"/>
      <c r="AW464" s="487"/>
      <c r="AX464" s="487"/>
      <c r="AY464" s="76"/>
      <c r="AZ464" s="487"/>
      <c r="BA464" s="76"/>
      <c r="BB464" s="76"/>
      <c r="BC464" s="487"/>
      <c r="BD464" s="76"/>
      <c r="BE464" s="76"/>
      <c r="BF464" s="80">
        <f t="shared" si="90"/>
        <v>0</v>
      </c>
      <c r="BG464" s="76"/>
      <c r="BH464" s="487" t="str">
        <f t="shared" si="96"/>
        <v/>
      </c>
      <c r="BI464" s="487" t="str">
        <f t="shared" si="96"/>
        <v/>
      </c>
      <c r="BJ464" s="487" t="str">
        <f t="shared" si="96"/>
        <v/>
      </c>
      <c r="BK464" s="487" t="str">
        <f t="shared" si="96"/>
        <v/>
      </c>
      <c r="BL464" s="487" t="str">
        <f t="shared" si="96"/>
        <v/>
      </c>
      <c r="BM464" s="487" t="str">
        <f t="shared" si="96"/>
        <v/>
      </c>
      <c r="BN464" s="487" t="str">
        <f t="shared" si="96"/>
        <v/>
      </c>
      <c r="BO464" s="487" t="str">
        <f t="shared" si="96"/>
        <v/>
      </c>
      <c r="BP464" s="487" t="str">
        <f t="shared" si="96"/>
        <v/>
      </c>
      <c r="BQ464" s="487" t="str">
        <f t="shared" si="96"/>
        <v/>
      </c>
      <c r="BR464" s="487" t="str">
        <f t="shared" si="96"/>
        <v/>
      </c>
      <c r="BS464" s="487" t="str">
        <f t="shared" si="96"/>
        <v/>
      </c>
      <c r="BT464" s="487" t="str">
        <f t="shared" si="96"/>
        <v/>
      </c>
      <c r="BU464" s="487" t="str">
        <f t="shared" si="96"/>
        <v/>
      </c>
      <c r="BV464" s="487" t="str">
        <f t="shared" si="96"/>
        <v/>
      </c>
      <c r="BW464" s="487" t="str">
        <f t="shared" si="96"/>
        <v/>
      </c>
      <c r="BX464" s="487" t="str">
        <f t="shared" si="97"/>
        <v/>
      </c>
      <c r="BY464" s="487" t="str">
        <f t="shared" si="97"/>
        <v/>
      </c>
      <c r="BZ464" s="487" t="str">
        <f t="shared" si="97"/>
        <v/>
      </c>
      <c r="CA464" s="487" t="str">
        <f t="shared" si="97"/>
        <v/>
      </c>
      <c r="CB464" s="487" t="str">
        <f t="shared" si="97"/>
        <v/>
      </c>
      <c r="CC464" s="487" t="str">
        <f t="shared" si="97"/>
        <v/>
      </c>
      <c r="CD464" s="487" t="str">
        <f t="shared" si="97"/>
        <v/>
      </c>
      <c r="CE464" s="487" t="str">
        <f t="shared" si="97"/>
        <v/>
      </c>
      <c r="CF464" s="487" t="str">
        <f t="shared" si="97"/>
        <v/>
      </c>
      <c r="CG464" s="487" t="str">
        <f t="shared" si="97"/>
        <v/>
      </c>
      <c r="CH464" s="487" t="str">
        <f t="shared" si="97"/>
        <v/>
      </c>
      <c r="CI464" s="487" t="str">
        <f t="shared" si="97"/>
        <v/>
      </c>
      <c r="CJ464" s="487" t="str">
        <f t="shared" si="95"/>
        <v/>
      </c>
      <c r="CK464" s="487" t="str">
        <f t="shared" si="95"/>
        <v/>
      </c>
      <c r="CL464" s="487" t="str">
        <f t="shared" si="95"/>
        <v/>
      </c>
      <c r="CM464" s="487"/>
      <c r="CN464" s="487"/>
      <c r="CO464" s="487"/>
      <c r="CP464" s="487"/>
      <c r="CQ464" s="487"/>
      <c r="CR464" s="487"/>
      <c r="CS464" s="487"/>
      <c r="CT464" s="487"/>
      <c r="CU464" s="487"/>
      <c r="CV464" s="487"/>
      <c r="CW464" s="487"/>
      <c r="CX464" s="487"/>
      <c r="CY464" s="487"/>
      <c r="CZ464" s="487"/>
      <c r="DA464" s="487"/>
      <c r="DB464" s="487"/>
      <c r="DC464" s="487"/>
      <c r="DD464" s="487"/>
      <c r="DE464" s="487"/>
      <c r="DF464" s="487"/>
      <c r="DG464" s="487"/>
      <c r="DH464" s="487"/>
      <c r="DI464" s="486"/>
      <c r="DJ464" s="486"/>
      <c r="DK464" s="486"/>
    </row>
    <row r="465" spans="1:115" ht="56.1" hidden="1" customHeight="1" x14ac:dyDescent="0.2">
      <c r="A465" s="499" t="s">
        <v>2494</v>
      </c>
      <c r="B465" s="483" t="s">
        <v>2495</v>
      </c>
      <c r="C465" s="481">
        <v>793</v>
      </c>
      <c r="D465" s="481"/>
      <c r="E465" s="481" t="s">
        <v>2481</v>
      </c>
      <c r="F465" s="482" t="s">
        <v>53</v>
      </c>
      <c r="G465" s="482" t="s">
        <v>655</v>
      </c>
      <c r="H465" s="501" t="s">
        <v>932</v>
      </c>
      <c r="I465" s="506" t="s">
        <v>1081</v>
      </c>
      <c r="J465" s="506" t="s">
        <v>1082</v>
      </c>
      <c r="K465" s="506"/>
      <c r="L465" s="77" t="s">
        <v>58</v>
      </c>
      <c r="M465" s="506" t="s">
        <v>833</v>
      </c>
      <c r="N465" s="506"/>
      <c r="O465" s="501" t="s">
        <v>81</v>
      </c>
      <c r="P465" s="77" t="s">
        <v>77</v>
      </c>
      <c r="Q465" s="77"/>
      <c r="R465" s="500" t="s">
        <v>722</v>
      </c>
      <c r="S465" s="76" t="s">
        <v>63</v>
      </c>
      <c r="T465" s="76" t="s">
        <v>63</v>
      </c>
      <c r="U465" s="508">
        <v>4933.5</v>
      </c>
      <c r="V465" s="508"/>
      <c r="W465" s="494" t="s">
        <v>659</v>
      </c>
      <c r="X465" s="494"/>
      <c r="Y465" s="503">
        <f t="shared" si="89"/>
        <v>4933.5</v>
      </c>
      <c r="Z465" s="76" t="s">
        <v>65</v>
      </c>
      <c r="AA465" s="487"/>
      <c r="AB465" s="487"/>
      <c r="AC465" s="487"/>
      <c r="AD465" s="487"/>
      <c r="AE465" s="487"/>
      <c r="AF465" s="487"/>
      <c r="AG465" s="487"/>
      <c r="AH465" s="487"/>
      <c r="AI465" s="487"/>
      <c r="AJ465" s="487"/>
      <c r="AK465" s="487"/>
      <c r="AL465" s="487"/>
      <c r="AM465" s="487"/>
      <c r="AN465" s="487"/>
      <c r="AO465" s="487"/>
      <c r="AP465" s="487"/>
      <c r="AQ465" s="76"/>
      <c r="AR465" s="487"/>
      <c r="AS465" s="487"/>
      <c r="AT465" s="487"/>
      <c r="AU465" s="76"/>
      <c r="AV465" s="487"/>
      <c r="AW465" s="487"/>
      <c r="AX465" s="487"/>
      <c r="AY465" s="76"/>
      <c r="AZ465" s="487"/>
      <c r="BA465" s="76"/>
      <c r="BB465" s="76"/>
      <c r="BC465" s="487"/>
      <c r="BD465" s="76"/>
      <c r="BE465" s="76"/>
      <c r="BF465" s="80">
        <f t="shared" si="90"/>
        <v>0</v>
      </c>
      <c r="BG465" s="76"/>
      <c r="BH465" s="487" t="str">
        <f t="shared" si="96"/>
        <v/>
      </c>
      <c r="BI465" s="487" t="str">
        <f t="shared" si="96"/>
        <v/>
      </c>
      <c r="BJ465" s="487" t="str">
        <f t="shared" si="96"/>
        <v/>
      </c>
      <c r="BK465" s="487" t="str">
        <f t="shared" si="96"/>
        <v/>
      </c>
      <c r="BL465" s="487" t="str">
        <f t="shared" si="96"/>
        <v/>
      </c>
      <c r="BM465" s="487" t="str">
        <f t="shared" si="96"/>
        <v/>
      </c>
      <c r="BN465" s="487" t="str">
        <f t="shared" si="96"/>
        <v/>
      </c>
      <c r="BO465" s="487" t="str">
        <f t="shared" si="96"/>
        <v/>
      </c>
      <c r="BP465" s="487" t="str">
        <f t="shared" si="96"/>
        <v/>
      </c>
      <c r="BQ465" s="487" t="str">
        <f t="shared" si="96"/>
        <v/>
      </c>
      <c r="BR465" s="487" t="str">
        <f t="shared" si="96"/>
        <v/>
      </c>
      <c r="BS465" s="487" t="str">
        <f t="shared" si="96"/>
        <v/>
      </c>
      <c r="BT465" s="487" t="str">
        <f t="shared" si="96"/>
        <v/>
      </c>
      <c r="BU465" s="487" t="str">
        <f t="shared" si="96"/>
        <v/>
      </c>
      <c r="BV465" s="487" t="str">
        <f t="shared" si="96"/>
        <v/>
      </c>
      <c r="BW465" s="487" t="str">
        <f t="shared" si="96"/>
        <v/>
      </c>
      <c r="BX465" s="487" t="str">
        <f t="shared" si="97"/>
        <v/>
      </c>
      <c r="BY465" s="487" t="str">
        <f t="shared" si="97"/>
        <v/>
      </c>
      <c r="BZ465" s="487" t="str">
        <f t="shared" si="97"/>
        <v/>
      </c>
      <c r="CA465" s="487" t="str">
        <f t="shared" si="97"/>
        <v/>
      </c>
      <c r="CB465" s="487" t="str">
        <f t="shared" si="97"/>
        <v/>
      </c>
      <c r="CC465" s="487" t="str">
        <f t="shared" si="97"/>
        <v/>
      </c>
      <c r="CD465" s="487" t="str">
        <f t="shared" si="97"/>
        <v/>
      </c>
      <c r="CE465" s="487" t="str">
        <f t="shared" si="97"/>
        <v/>
      </c>
      <c r="CF465" s="487" t="str">
        <f t="shared" si="97"/>
        <v/>
      </c>
      <c r="CG465" s="487" t="str">
        <f t="shared" si="97"/>
        <v/>
      </c>
      <c r="CH465" s="487" t="str">
        <f t="shared" si="97"/>
        <v/>
      </c>
      <c r="CI465" s="487" t="str">
        <f t="shared" si="97"/>
        <v/>
      </c>
      <c r="CJ465" s="487" t="str">
        <f t="shared" si="95"/>
        <v/>
      </c>
      <c r="CK465" s="487" t="str">
        <f t="shared" si="95"/>
        <v/>
      </c>
      <c r="CL465" s="487" t="str">
        <f t="shared" si="95"/>
        <v/>
      </c>
      <c r="CM465" s="487"/>
      <c r="CN465" s="487"/>
      <c r="CO465" s="487"/>
      <c r="CP465" s="487"/>
      <c r="CQ465" s="487"/>
      <c r="CR465" s="487"/>
      <c r="CS465" s="487"/>
      <c r="CT465" s="487"/>
      <c r="CU465" s="487"/>
      <c r="CV465" s="487"/>
      <c r="CW465" s="487"/>
      <c r="CX465" s="487"/>
      <c r="CY465" s="487"/>
      <c r="CZ465" s="487"/>
      <c r="DA465" s="487"/>
      <c r="DB465" s="487"/>
      <c r="DC465" s="487"/>
      <c r="DD465" s="487"/>
      <c r="DE465" s="487"/>
      <c r="DF465" s="487"/>
      <c r="DG465" s="487"/>
      <c r="DH465" s="487"/>
      <c r="DI465" s="486"/>
      <c r="DJ465" s="486"/>
      <c r="DK465" s="486"/>
    </row>
    <row r="466" spans="1:115" ht="56.1" hidden="1" customHeight="1" x14ac:dyDescent="0.2">
      <c r="A466" s="499" t="s">
        <v>2494</v>
      </c>
      <c r="B466" s="483" t="s">
        <v>2495</v>
      </c>
      <c r="C466" s="481">
        <v>794</v>
      </c>
      <c r="D466" s="481"/>
      <c r="E466" s="481" t="s">
        <v>2481</v>
      </c>
      <c r="F466" s="482" t="s">
        <v>53</v>
      </c>
      <c r="G466" s="482" t="s">
        <v>655</v>
      </c>
      <c r="H466" s="501" t="s">
        <v>932</v>
      </c>
      <c r="I466" s="506" t="s">
        <v>1083</v>
      </c>
      <c r="J466" s="506" t="s">
        <v>1084</v>
      </c>
      <c r="K466" s="506"/>
      <c r="L466" s="77" t="s">
        <v>58</v>
      </c>
      <c r="M466" s="506" t="s">
        <v>833</v>
      </c>
      <c r="N466" s="506"/>
      <c r="O466" s="506" t="s">
        <v>81</v>
      </c>
      <c r="P466" s="77" t="s">
        <v>77</v>
      </c>
      <c r="Q466" s="77"/>
      <c r="R466" s="500" t="s">
        <v>722</v>
      </c>
      <c r="S466" s="76" t="s">
        <v>63</v>
      </c>
      <c r="T466" s="76" t="s">
        <v>63</v>
      </c>
      <c r="U466" s="508">
        <v>518.01749999999993</v>
      </c>
      <c r="V466" s="508"/>
      <c r="W466" s="494" t="s">
        <v>659</v>
      </c>
      <c r="X466" s="494"/>
      <c r="Y466" s="503">
        <f t="shared" si="89"/>
        <v>518.01749999999993</v>
      </c>
      <c r="Z466" s="76" t="s">
        <v>65</v>
      </c>
      <c r="AA466" s="487"/>
      <c r="AB466" s="487"/>
      <c r="AC466" s="487"/>
      <c r="AD466" s="487"/>
      <c r="AE466" s="487"/>
      <c r="AF466" s="487"/>
      <c r="AG466" s="487"/>
      <c r="AH466" s="487"/>
      <c r="AI466" s="487"/>
      <c r="AJ466" s="487"/>
      <c r="AK466" s="487"/>
      <c r="AL466" s="487"/>
      <c r="AM466" s="487"/>
      <c r="AN466" s="487"/>
      <c r="AO466" s="487"/>
      <c r="AP466" s="487"/>
      <c r="AQ466" s="76"/>
      <c r="AR466" s="487"/>
      <c r="AS466" s="487"/>
      <c r="AT466" s="487"/>
      <c r="AU466" s="76"/>
      <c r="AV466" s="487"/>
      <c r="AW466" s="487"/>
      <c r="AX466" s="487"/>
      <c r="AY466" s="76"/>
      <c r="AZ466" s="487"/>
      <c r="BA466" s="76"/>
      <c r="BB466" s="76"/>
      <c r="BC466" s="487"/>
      <c r="BD466" s="76"/>
      <c r="BE466" s="76"/>
      <c r="BF466" s="80">
        <f t="shared" si="90"/>
        <v>0</v>
      </c>
      <c r="BG466" s="76"/>
      <c r="BH466" s="487" t="str">
        <f t="shared" si="96"/>
        <v/>
      </c>
      <c r="BI466" s="487" t="str">
        <f t="shared" si="96"/>
        <v/>
      </c>
      <c r="BJ466" s="487" t="str">
        <f t="shared" si="96"/>
        <v/>
      </c>
      <c r="BK466" s="487" t="str">
        <f t="shared" si="96"/>
        <v/>
      </c>
      <c r="BL466" s="487" t="str">
        <f t="shared" si="96"/>
        <v/>
      </c>
      <c r="BM466" s="487" t="str">
        <f t="shared" si="96"/>
        <v/>
      </c>
      <c r="BN466" s="487" t="str">
        <f t="shared" si="96"/>
        <v/>
      </c>
      <c r="BO466" s="487" t="str">
        <f t="shared" si="96"/>
        <v/>
      </c>
      <c r="BP466" s="487" t="str">
        <f t="shared" si="96"/>
        <v/>
      </c>
      <c r="BQ466" s="487" t="str">
        <f t="shared" si="96"/>
        <v/>
      </c>
      <c r="BR466" s="487" t="str">
        <f t="shared" si="96"/>
        <v/>
      </c>
      <c r="BS466" s="487" t="str">
        <f t="shared" si="96"/>
        <v/>
      </c>
      <c r="BT466" s="487" t="str">
        <f t="shared" si="96"/>
        <v/>
      </c>
      <c r="BU466" s="487" t="str">
        <f t="shared" si="96"/>
        <v/>
      </c>
      <c r="BV466" s="487" t="str">
        <f t="shared" si="96"/>
        <v/>
      </c>
      <c r="BW466" s="487" t="str">
        <f t="shared" si="96"/>
        <v/>
      </c>
      <c r="BX466" s="487" t="str">
        <f t="shared" si="97"/>
        <v/>
      </c>
      <c r="BY466" s="487" t="str">
        <f t="shared" si="97"/>
        <v/>
      </c>
      <c r="BZ466" s="487" t="str">
        <f t="shared" si="97"/>
        <v/>
      </c>
      <c r="CA466" s="487" t="str">
        <f t="shared" si="97"/>
        <v/>
      </c>
      <c r="CB466" s="487" t="str">
        <f t="shared" si="97"/>
        <v/>
      </c>
      <c r="CC466" s="487" t="str">
        <f t="shared" si="97"/>
        <v/>
      </c>
      <c r="CD466" s="487" t="str">
        <f t="shared" si="97"/>
        <v/>
      </c>
      <c r="CE466" s="487" t="str">
        <f t="shared" si="97"/>
        <v/>
      </c>
      <c r="CF466" s="487" t="str">
        <f t="shared" si="97"/>
        <v/>
      </c>
      <c r="CG466" s="487" t="str">
        <f t="shared" si="97"/>
        <v/>
      </c>
      <c r="CH466" s="487" t="str">
        <f t="shared" si="97"/>
        <v/>
      </c>
      <c r="CI466" s="487" t="str">
        <f t="shared" si="97"/>
        <v/>
      </c>
      <c r="CJ466" s="487" t="str">
        <f t="shared" si="95"/>
        <v/>
      </c>
      <c r="CK466" s="487" t="str">
        <f t="shared" si="95"/>
        <v/>
      </c>
      <c r="CL466" s="487" t="str">
        <f t="shared" si="95"/>
        <v/>
      </c>
      <c r="CM466" s="487"/>
      <c r="CN466" s="487"/>
      <c r="CO466" s="487"/>
      <c r="CP466" s="487"/>
      <c r="CQ466" s="487"/>
      <c r="CR466" s="487"/>
      <c r="CS466" s="487"/>
      <c r="CT466" s="487"/>
      <c r="CU466" s="487"/>
      <c r="CV466" s="487"/>
      <c r="CW466" s="487"/>
      <c r="CX466" s="487"/>
      <c r="CY466" s="487"/>
      <c r="CZ466" s="487"/>
      <c r="DA466" s="487"/>
      <c r="DB466" s="487"/>
      <c r="DC466" s="487"/>
      <c r="DD466" s="487"/>
      <c r="DE466" s="487"/>
      <c r="DF466" s="487"/>
      <c r="DG466" s="487"/>
      <c r="DH466" s="487"/>
      <c r="DI466" s="486"/>
      <c r="DJ466" s="486"/>
      <c r="DK466" s="486"/>
    </row>
    <row r="467" spans="1:115" ht="56.1" hidden="1" customHeight="1" x14ac:dyDescent="0.2">
      <c r="A467" s="499" t="s">
        <v>2494</v>
      </c>
      <c r="B467" s="483" t="s">
        <v>2495</v>
      </c>
      <c r="C467" s="481">
        <v>795</v>
      </c>
      <c r="D467" s="481"/>
      <c r="E467" s="481" t="s">
        <v>2481</v>
      </c>
      <c r="F467" s="482" t="s">
        <v>53</v>
      </c>
      <c r="G467" s="482" t="s">
        <v>655</v>
      </c>
      <c r="H467" s="501" t="s">
        <v>932</v>
      </c>
      <c r="I467" s="506" t="s">
        <v>1085</v>
      </c>
      <c r="J467" s="506" t="s">
        <v>1086</v>
      </c>
      <c r="K467" s="506"/>
      <c r="L467" s="77" t="s">
        <v>58</v>
      </c>
      <c r="M467" s="506" t="s">
        <v>833</v>
      </c>
      <c r="N467" s="506"/>
      <c r="O467" s="501" t="s">
        <v>81</v>
      </c>
      <c r="P467" s="77" t="s">
        <v>77</v>
      </c>
      <c r="Q467" s="77"/>
      <c r="R467" s="500" t="s">
        <v>722</v>
      </c>
      <c r="S467" s="76" t="s">
        <v>63</v>
      </c>
      <c r="T467" s="76" t="s">
        <v>63</v>
      </c>
      <c r="U467" s="508">
        <v>74002.5</v>
      </c>
      <c r="V467" s="508"/>
      <c r="W467" s="494" t="s">
        <v>659</v>
      </c>
      <c r="X467" s="494"/>
      <c r="Y467" s="503">
        <f t="shared" si="89"/>
        <v>74002.5</v>
      </c>
      <c r="Z467" s="76" t="s">
        <v>65</v>
      </c>
      <c r="AA467" s="487"/>
      <c r="AB467" s="487"/>
      <c r="AC467" s="487"/>
      <c r="AD467" s="487"/>
      <c r="AE467" s="487"/>
      <c r="AF467" s="487"/>
      <c r="AG467" s="487"/>
      <c r="AH467" s="487"/>
      <c r="AI467" s="487"/>
      <c r="AJ467" s="487"/>
      <c r="AK467" s="487"/>
      <c r="AL467" s="487"/>
      <c r="AM467" s="487"/>
      <c r="AN467" s="487"/>
      <c r="AO467" s="487"/>
      <c r="AP467" s="487"/>
      <c r="AQ467" s="76"/>
      <c r="AR467" s="487"/>
      <c r="AS467" s="487"/>
      <c r="AT467" s="487"/>
      <c r="AU467" s="76"/>
      <c r="AV467" s="487"/>
      <c r="AW467" s="487"/>
      <c r="AX467" s="487"/>
      <c r="AY467" s="76"/>
      <c r="AZ467" s="487"/>
      <c r="BA467" s="76"/>
      <c r="BB467" s="76"/>
      <c r="BC467" s="487"/>
      <c r="BD467" s="76"/>
      <c r="BE467" s="76"/>
      <c r="BF467" s="80">
        <f t="shared" si="90"/>
        <v>0</v>
      </c>
      <c r="BG467" s="76"/>
      <c r="BH467" s="487" t="str">
        <f t="shared" si="96"/>
        <v/>
      </c>
      <c r="BI467" s="487" t="str">
        <f t="shared" si="96"/>
        <v/>
      </c>
      <c r="BJ467" s="487" t="str">
        <f t="shared" si="96"/>
        <v/>
      </c>
      <c r="BK467" s="487" t="str">
        <f t="shared" si="96"/>
        <v/>
      </c>
      <c r="BL467" s="487" t="str">
        <f t="shared" si="96"/>
        <v/>
      </c>
      <c r="BM467" s="487" t="str">
        <f t="shared" si="96"/>
        <v/>
      </c>
      <c r="BN467" s="487" t="str">
        <f t="shared" si="96"/>
        <v/>
      </c>
      <c r="BO467" s="487" t="str">
        <f t="shared" si="96"/>
        <v/>
      </c>
      <c r="BP467" s="487" t="str">
        <f t="shared" si="96"/>
        <v/>
      </c>
      <c r="BQ467" s="487" t="str">
        <f t="shared" si="96"/>
        <v/>
      </c>
      <c r="BR467" s="487" t="str">
        <f t="shared" si="96"/>
        <v/>
      </c>
      <c r="BS467" s="487" t="str">
        <f t="shared" si="96"/>
        <v/>
      </c>
      <c r="BT467" s="487" t="str">
        <f t="shared" si="96"/>
        <v/>
      </c>
      <c r="BU467" s="487" t="str">
        <f t="shared" si="96"/>
        <v/>
      </c>
      <c r="BV467" s="487" t="str">
        <f t="shared" si="96"/>
        <v/>
      </c>
      <c r="BW467" s="487" t="str">
        <f t="shared" si="96"/>
        <v/>
      </c>
      <c r="BX467" s="487" t="str">
        <f t="shared" si="97"/>
        <v/>
      </c>
      <c r="BY467" s="487" t="str">
        <f t="shared" si="97"/>
        <v/>
      </c>
      <c r="BZ467" s="487" t="str">
        <f t="shared" si="97"/>
        <v/>
      </c>
      <c r="CA467" s="487" t="str">
        <f t="shared" si="97"/>
        <v/>
      </c>
      <c r="CB467" s="487" t="str">
        <f t="shared" si="97"/>
        <v/>
      </c>
      <c r="CC467" s="487" t="str">
        <f t="shared" si="97"/>
        <v/>
      </c>
      <c r="CD467" s="487" t="str">
        <f t="shared" si="97"/>
        <v/>
      </c>
      <c r="CE467" s="487" t="str">
        <f t="shared" si="97"/>
        <v/>
      </c>
      <c r="CF467" s="487" t="str">
        <f t="shared" si="97"/>
        <v/>
      </c>
      <c r="CG467" s="487" t="str">
        <f t="shared" si="97"/>
        <v/>
      </c>
      <c r="CH467" s="487" t="str">
        <f t="shared" si="97"/>
        <v/>
      </c>
      <c r="CI467" s="487" t="str">
        <f t="shared" si="97"/>
        <v/>
      </c>
      <c r="CJ467" s="487" t="str">
        <f t="shared" si="95"/>
        <v/>
      </c>
      <c r="CK467" s="487" t="str">
        <f t="shared" si="95"/>
        <v/>
      </c>
      <c r="CL467" s="487" t="str">
        <f t="shared" si="95"/>
        <v/>
      </c>
      <c r="CM467" s="487"/>
      <c r="CN467" s="487"/>
      <c r="CO467" s="487"/>
      <c r="CP467" s="487"/>
      <c r="CQ467" s="487"/>
      <c r="CR467" s="487"/>
      <c r="CS467" s="487"/>
      <c r="CT467" s="487"/>
      <c r="CU467" s="487"/>
      <c r="CV467" s="487"/>
      <c r="CW467" s="487"/>
      <c r="CX467" s="487"/>
      <c r="CY467" s="487"/>
      <c r="CZ467" s="487"/>
      <c r="DA467" s="487"/>
      <c r="DB467" s="487"/>
      <c r="DC467" s="487"/>
      <c r="DD467" s="487"/>
      <c r="DE467" s="487"/>
      <c r="DF467" s="487"/>
      <c r="DG467" s="487"/>
      <c r="DH467" s="487"/>
      <c r="DI467" s="486"/>
      <c r="DJ467" s="486"/>
      <c r="DK467" s="486"/>
    </row>
    <row r="468" spans="1:115" ht="56.1" hidden="1" customHeight="1" x14ac:dyDescent="0.2">
      <c r="A468" s="499" t="s">
        <v>2342</v>
      </c>
      <c r="B468" s="510"/>
      <c r="C468" s="481">
        <v>799</v>
      </c>
      <c r="D468" s="481"/>
      <c r="E468" s="481" t="s">
        <v>2481</v>
      </c>
      <c r="F468" s="482" t="s">
        <v>53</v>
      </c>
      <c r="G468" s="482" t="s">
        <v>655</v>
      </c>
      <c r="H468" s="501" t="s">
        <v>932</v>
      </c>
      <c r="I468" s="506" t="s">
        <v>1087</v>
      </c>
      <c r="J468" s="506" t="s">
        <v>1088</v>
      </c>
      <c r="K468" s="506"/>
      <c r="L468" s="77" t="s">
        <v>58</v>
      </c>
      <c r="M468" s="506" t="s">
        <v>1089</v>
      </c>
      <c r="N468" s="506"/>
      <c r="O468" s="501" t="s">
        <v>81</v>
      </c>
      <c r="P468" s="77" t="s">
        <v>77</v>
      </c>
      <c r="Q468" s="77"/>
      <c r="R468" s="500" t="s">
        <v>722</v>
      </c>
      <c r="S468" s="76" t="s">
        <v>63</v>
      </c>
      <c r="T468" s="76" t="s">
        <v>63</v>
      </c>
      <c r="U468" s="508">
        <v>777.02625</v>
      </c>
      <c r="V468" s="508"/>
      <c r="W468" s="510" t="s">
        <v>839</v>
      </c>
      <c r="X468" s="510"/>
      <c r="Y468" s="503">
        <f t="shared" si="89"/>
        <v>777.02625</v>
      </c>
      <c r="Z468" s="76" t="s">
        <v>65</v>
      </c>
      <c r="AA468" s="487"/>
      <c r="AB468" s="487"/>
      <c r="AC468" s="487"/>
      <c r="AD468" s="487"/>
      <c r="AE468" s="487"/>
      <c r="AF468" s="487"/>
      <c r="AG468" s="487"/>
      <c r="AH468" s="487"/>
      <c r="AI468" s="487"/>
      <c r="AJ468" s="487"/>
      <c r="AK468" s="487"/>
      <c r="AL468" s="487"/>
      <c r="AM468" s="487"/>
      <c r="AN468" s="487"/>
      <c r="AO468" s="487"/>
      <c r="AP468" s="487"/>
      <c r="AQ468" s="76"/>
      <c r="AR468" s="487"/>
      <c r="AS468" s="487"/>
      <c r="AT468" s="487"/>
      <c r="AU468" s="76"/>
      <c r="AV468" s="487"/>
      <c r="AW468" s="487"/>
      <c r="AX468" s="487"/>
      <c r="AY468" s="76"/>
      <c r="AZ468" s="487"/>
      <c r="BA468" s="76"/>
      <c r="BB468" s="76"/>
      <c r="BC468" s="487"/>
      <c r="BD468" s="76"/>
      <c r="BE468" s="76"/>
      <c r="BF468" s="80">
        <f t="shared" si="90"/>
        <v>0</v>
      </c>
      <c r="BG468" s="76"/>
      <c r="BH468" s="487" t="str">
        <f t="shared" si="96"/>
        <v/>
      </c>
      <c r="BI468" s="487" t="str">
        <f t="shared" si="96"/>
        <v/>
      </c>
      <c r="BJ468" s="487" t="str">
        <f t="shared" si="96"/>
        <v/>
      </c>
      <c r="BK468" s="487" t="str">
        <f t="shared" si="96"/>
        <v/>
      </c>
      <c r="BL468" s="487" t="str">
        <f t="shared" si="96"/>
        <v/>
      </c>
      <c r="BM468" s="487" t="str">
        <f t="shared" si="96"/>
        <v/>
      </c>
      <c r="BN468" s="487" t="str">
        <f t="shared" si="96"/>
        <v/>
      </c>
      <c r="BO468" s="487" t="str">
        <f t="shared" si="96"/>
        <v/>
      </c>
      <c r="BP468" s="487" t="str">
        <f t="shared" si="96"/>
        <v/>
      </c>
      <c r="BQ468" s="487" t="str">
        <f t="shared" si="96"/>
        <v/>
      </c>
      <c r="BR468" s="487" t="str">
        <f t="shared" si="96"/>
        <v/>
      </c>
      <c r="BS468" s="487" t="str">
        <f t="shared" si="96"/>
        <v/>
      </c>
      <c r="BT468" s="487" t="str">
        <f t="shared" si="96"/>
        <v/>
      </c>
      <c r="BU468" s="487" t="str">
        <f t="shared" si="96"/>
        <v/>
      </c>
      <c r="BV468" s="487" t="str">
        <f t="shared" si="96"/>
        <v/>
      </c>
      <c r="BW468" s="487" t="str">
        <f t="shared" si="96"/>
        <v/>
      </c>
      <c r="BX468" s="487" t="str">
        <f t="shared" si="97"/>
        <v/>
      </c>
      <c r="BY468" s="487" t="str">
        <f t="shared" si="97"/>
        <v/>
      </c>
      <c r="BZ468" s="487" t="str">
        <f t="shared" si="97"/>
        <v/>
      </c>
      <c r="CA468" s="487" t="str">
        <f t="shared" si="97"/>
        <v/>
      </c>
      <c r="CB468" s="487" t="str">
        <f t="shared" si="97"/>
        <v/>
      </c>
      <c r="CC468" s="487" t="str">
        <f t="shared" si="97"/>
        <v/>
      </c>
      <c r="CD468" s="487" t="str">
        <f t="shared" si="97"/>
        <v/>
      </c>
      <c r="CE468" s="487" t="str">
        <f t="shared" si="97"/>
        <v/>
      </c>
      <c r="CF468" s="487" t="str">
        <f t="shared" si="97"/>
        <v/>
      </c>
      <c r="CG468" s="487" t="str">
        <f t="shared" si="97"/>
        <v/>
      </c>
      <c r="CH468" s="487" t="str">
        <f t="shared" si="97"/>
        <v/>
      </c>
      <c r="CI468" s="487" t="str">
        <f t="shared" si="97"/>
        <v/>
      </c>
      <c r="CJ468" s="487" t="str">
        <f t="shared" si="95"/>
        <v/>
      </c>
      <c r="CK468" s="487" t="str">
        <f t="shared" si="95"/>
        <v/>
      </c>
      <c r="CL468" s="487" t="str">
        <f t="shared" si="95"/>
        <v/>
      </c>
      <c r="CM468" s="487"/>
      <c r="CN468" s="487"/>
      <c r="CO468" s="487"/>
      <c r="CP468" s="487"/>
      <c r="CQ468" s="487"/>
      <c r="CR468" s="487"/>
      <c r="CS468" s="487"/>
      <c r="CT468" s="487"/>
      <c r="CU468" s="487"/>
      <c r="CV468" s="487"/>
      <c r="CW468" s="487"/>
      <c r="CX468" s="487"/>
      <c r="CY468" s="487"/>
      <c r="CZ468" s="487"/>
      <c r="DA468" s="487"/>
      <c r="DB468" s="487"/>
      <c r="DC468" s="487"/>
      <c r="DD468" s="487"/>
      <c r="DE468" s="487"/>
      <c r="DF468" s="487"/>
      <c r="DG468" s="487"/>
      <c r="DH468" s="487"/>
      <c r="DI468" s="486"/>
      <c r="DJ468" s="486"/>
      <c r="DK468" s="486"/>
    </row>
    <row r="469" spans="1:115" ht="56.1" hidden="1" customHeight="1" x14ac:dyDescent="0.2">
      <c r="A469" s="499" t="s">
        <v>2342</v>
      </c>
      <c r="B469" s="510"/>
      <c r="C469" s="481">
        <v>797</v>
      </c>
      <c r="D469" s="481"/>
      <c r="E469" s="481" t="s">
        <v>2481</v>
      </c>
      <c r="F469" s="482" t="s">
        <v>53</v>
      </c>
      <c r="G469" s="482" t="s">
        <v>655</v>
      </c>
      <c r="H469" s="501" t="s">
        <v>932</v>
      </c>
      <c r="I469" s="506" t="s">
        <v>1090</v>
      </c>
      <c r="J469" s="506" t="s">
        <v>1091</v>
      </c>
      <c r="K469" s="506"/>
      <c r="L469" s="77" t="s">
        <v>58</v>
      </c>
      <c r="M469" s="506" t="s">
        <v>846</v>
      </c>
      <c r="N469" s="506"/>
      <c r="O469" s="501" t="s">
        <v>81</v>
      </c>
      <c r="P469" s="77" t="s">
        <v>77</v>
      </c>
      <c r="Q469" s="77"/>
      <c r="R469" s="501" t="s">
        <v>834</v>
      </c>
      <c r="S469" s="76" t="s">
        <v>63</v>
      </c>
      <c r="T469" s="76" t="s">
        <v>63</v>
      </c>
      <c r="U469" s="508">
        <v>118782.235</v>
      </c>
      <c r="V469" s="508"/>
      <c r="W469" s="510" t="s">
        <v>839</v>
      </c>
      <c r="X469" s="510"/>
      <c r="Y469" s="503">
        <f t="shared" si="89"/>
        <v>118782.235</v>
      </c>
      <c r="Z469" s="76" t="s">
        <v>65</v>
      </c>
      <c r="AA469" s="487"/>
      <c r="AB469" s="487"/>
      <c r="AC469" s="487"/>
      <c r="AD469" s="487"/>
      <c r="AE469" s="487"/>
      <c r="AF469" s="487"/>
      <c r="AG469" s="487"/>
      <c r="AH469" s="487"/>
      <c r="AI469" s="487"/>
      <c r="AJ469" s="487"/>
      <c r="AK469" s="487"/>
      <c r="AL469" s="487"/>
      <c r="AM469" s="487"/>
      <c r="AN469" s="487"/>
      <c r="AO469" s="487"/>
      <c r="AP469" s="487"/>
      <c r="AQ469" s="76"/>
      <c r="AR469" s="487"/>
      <c r="AS469" s="487"/>
      <c r="AT469" s="487"/>
      <c r="AU469" s="76"/>
      <c r="AV469" s="487"/>
      <c r="AW469" s="487"/>
      <c r="AX469" s="487"/>
      <c r="AY469" s="76"/>
      <c r="AZ469" s="487"/>
      <c r="BA469" s="76"/>
      <c r="BB469" s="76"/>
      <c r="BC469" s="487"/>
      <c r="BD469" s="76"/>
      <c r="BE469" s="76"/>
      <c r="BF469" s="80">
        <f t="shared" si="90"/>
        <v>0</v>
      </c>
      <c r="BG469" s="76"/>
      <c r="BH469" s="487" t="str">
        <f t="shared" si="96"/>
        <v/>
      </c>
      <c r="BI469" s="487" t="str">
        <f t="shared" si="96"/>
        <v/>
      </c>
      <c r="BJ469" s="487" t="str">
        <f t="shared" si="96"/>
        <v/>
      </c>
      <c r="BK469" s="487" t="str">
        <f t="shared" si="96"/>
        <v/>
      </c>
      <c r="BL469" s="487" t="str">
        <f t="shared" si="96"/>
        <v/>
      </c>
      <c r="BM469" s="487" t="str">
        <f t="shared" si="96"/>
        <v/>
      </c>
      <c r="BN469" s="487" t="str">
        <f t="shared" si="96"/>
        <v/>
      </c>
      <c r="BO469" s="487" t="str">
        <f t="shared" si="96"/>
        <v/>
      </c>
      <c r="BP469" s="487" t="str">
        <f t="shared" si="96"/>
        <v/>
      </c>
      <c r="BQ469" s="487" t="str">
        <f t="shared" si="96"/>
        <v/>
      </c>
      <c r="BR469" s="487" t="str">
        <f t="shared" si="96"/>
        <v/>
      </c>
      <c r="BS469" s="487" t="str">
        <f t="shared" si="96"/>
        <v/>
      </c>
      <c r="BT469" s="487" t="str">
        <f t="shared" si="96"/>
        <v/>
      </c>
      <c r="BU469" s="487" t="str">
        <f t="shared" si="96"/>
        <v/>
      </c>
      <c r="BV469" s="487" t="str">
        <f t="shared" si="96"/>
        <v/>
      </c>
      <c r="BW469" s="487" t="str">
        <f t="shared" si="96"/>
        <v/>
      </c>
      <c r="BX469" s="487" t="str">
        <f t="shared" si="97"/>
        <v/>
      </c>
      <c r="BY469" s="487" t="str">
        <f t="shared" si="97"/>
        <v/>
      </c>
      <c r="BZ469" s="487" t="str">
        <f t="shared" si="97"/>
        <v/>
      </c>
      <c r="CA469" s="487" t="str">
        <f t="shared" si="97"/>
        <v/>
      </c>
      <c r="CB469" s="487" t="str">
        <f t="shared" si="97"/>
        <v/>
      </c>
      <c r="CC469" s="487" t="str">
        <f t="shared" si="97"/>
        <v/>
      </c>
      <c r="CD469" s="487" t="str">
        <f t="shared" si="97"/>
        <v/>
      </c>
      <c r="CE469" s="487" t="str">
        <f t="shared" si="97"/>
        <v/>
      </c>
      <c r="CF469" s="487" t="str">
        <f t="shared" si="97"/>
        <v/>
      </c>
      <c r="CG469" s="487" t="str">
        <f t="shared" si="97"/>
        <v/>
      </c>
      <c r="CH469" s="487" t="str">
        <f t="shared" si="97"/>
        <v/>
      </c>
      <c r="CI469" s="487" t="str">
        <f t="shared" si="97"/>
        <v/>
      </c>
      <c r="CJ469" s="487" t="str">
        <f t="shared" si="95"/>
        <v/>
      </c>
      <c r="CK469" s="487" t="str">
        <f t="shared" si="95"/>
        <v/>
      </c>
      <c r="CL469" s="487" t="str">
        <f t="shared" si="95"/>
        <v/>
      </c>
      <c r="CM469" s="487"/>
      <c r="CN469" s="487"/>
      <c r="CO469" s="487"/>
      <c r="CP469" s="487"/>
      <c r="CQ469" s="487"/>
      <c r="CR469" s="487"/>
      <c r="CS469" s="487"/>
      <c r="CT469" s="487"/>
      <c r="CU469" s="487"/>
      <c r="CV469" s="487"/>
      <c r="CW469" s="487"/>
      <c r="CX469" s="487"/>
      <c r="CY469" s="487"/>
      <c r="CZ469" s="487"/>
      <c r="DA469" s="487"/>
      <c r="DB469" s="487"/>
      <c r="DC469" s="487"/>
      <c r="DD469" s="487"/>
      <c r="DE469" s="487"/>
      <c r="DF469" s="487"/>
      <c r="DG469" s="487"/>
      <c r="DH469" s="487"/>
      <c r="DI469" s="486"/>
      <c r="DJ469" s="486"/>
      <c r="DK469" s="486"/>
    </row>
    <row r="470" spans="1:115" ht="56.1" hidden="1" customHeight="1" x14ac:dyDescent="0.2">
      <c r="A470" s="499" t="s">
        <v>2342</v>
      </c>
      <c r="B470" s="510"/>
      <c r="C470" s="481">
        <v>798</v>
      </c>
      <c r="D470" s="481"/>
      <c r="E470" s="481" t="s">
        <v>2481</v>
      </c>
      <c r="F470" s="482" t="s">
        <v>53</v>
      </c>
      <c r="G470" s="482" t="s">
        <v>655</v>
      </c>
      <c r="H470" s="501" t="s">
        <v>932</v>
      </c>
      <c r="I470" s="506" t="s">
        <v>1092</v>
      </c>
      <c r="J470" s="506" t="s">
        <v>1093</v>
      </c>
      <c r="K470" s="506"/>
      <c r="L470" s="77" t="s">
        <v>58</v>
      </c>
      <c r="M470" s="506" t="s">
        <v>846</v>
      </c>
      <c r="N470" s="506"/>
      <c r="O470" s="506" t="s">
        <v>81</v>
      </c>
      <c r="P470" s="77" t="s">
        <v>77</v>
      </c>
      <c r="Q470" s="77"/>
      <c r="R470" s="501" t="s">
        <v>834</v>
      </c>
      <c r="S470" s="76" t="s">
        <v>63</v>
      </c>
      <c r="T470" s="76" t="s">
        <v>63</v>
      </c>
      <c r="U470" s="508">
        <v>13024.44</v>
      </c>
      <c r="V470" s="508"/>
      <c r="W470" s="510" t="s">
        <v>839</v>
      </c>
      <c r="X470" s="510"/>
      <c r="Y470" s="503">
        <f t="shared" si="89"/>
        <v>13024.44</v>
      </c>
      <c r="Z470" s="76" t="s">
        <v>65</v>
      </c>
      <c r="AA470" s="487"/>
      <c r="AB470" s="487"/>
      <c r="AC470" s="487"/>
      <c r="AD470" s="487"/>
      <c r="AE470" s="487"/>
      <c r="AF470" s="487"/>
      <c r="AG470" s="487"/>
      <c r="AH470" s="487"/>
      <c r="AI470" s="487"/>
      <c r="AJ470" s="487"/>
      <c r="AK470" s="487"/>
      <c r="AL470" s="487"/>
      <c r="AM470" s="487"/>
      <c r="AN470" s="487"/>
      <c r="AO470" s="487"/>
      <c r="AP470" s="487"/>
      <c r="AQ470" s="76"/>
      <c r="AR470" s="487"/>
      <c r="AS470" s="487"/>
      <c r="AT470" s="487"/>
      <c r="AU470" s="76"/>
      <c r="AV470" s="487"/>
      <c r="AW470" s="487"/>
      <c r="AX470" s="487"/>
      <c r="AY470" s="76"/>
      <c r="AZ470" s="487"/>
      <c r="BA470" s="76"/>
      <c r="BB470" s="76"/>
      <c r="BC470" s="487"/>
      <c r="BD470" s="76"/>
      <c r="BE470" s="76"/>
      <c r="BF470" s="80">
        <f t="shared" si="90"/>
        <v>0</v>
      </c>
      <c r="BG470" s="76"/>
      <c r="BH470" s="487" t="str">
        <f t="shared" si="96"/>
        <v/>
      </c>
      <c r="BI470" s="487" t="str">
        <f t="shared" si="96"/>
        <v/>
      </c>
      <c r="BJ470" s="487" t="str">
        <f t="shared" si="96"/>
        <v/>
      </c>
      <c r="BK470" s="487" t="str">
        <f t="shared" si="96"/>
        <v/>
      </c>
      <c r="BL470" s="487" t="str">
        <f t="shared" si="96"/>
        <v/>
      </c>
      <c r="BM470" s="487" t="str">
        <f t="shared" si="96"/>
        <v/>
      </c>
      <c r="BN470" s="487" t="str">
        <f t="shared" si="96"/>
        <v/>
      </c>
      <c r="BO470" s="487" t="str">
        <f t="shared" si="96"/>
        <v/>
      </c>
      <c r="BP470" s="487" t="str">
        <f t="shared" si="96"/>
        <v/>
      </c>
      <c r="BQ470" s="487" t="str">
        <f t="shared" si="96"/>
        <v/>
      </c>
      <c r="BR470" s="487" t="str">
        <f t="shared" si="96"/>
        <v/>
      </c>
      <c r="BS470" s="487" t="str">
        <f t="shared" si="96"/>
        <v/>
      </c>
      <c r="BT470" s="487" t="str">
        <f t="shared" si="96"/>
        <v/>
      </c>
      <c r="BU470" s="487" t="str">
        <f t="shared" si="96"/>
        <v/>
      </c>
      <c r="BV470" s="487" t="str">
        <f t="shared" si="96"/>
        <v/>
      </c>
      <c r="BW470" s="487" t="str">
        <f t="shared" si="96"/>
        <v/>
      </c>
      <c r="BX470" s="487" t="str">
        <f t="shared" si="97"/>
        <v/>
      </c>
      <c r="BY470" s="487" t="str">
        <f t="shared" si="97"/>
        <v/>
      </c>
      <c r="BZ470" s="487" t="str">
        <f t="shared" si="97"/>
        <v/>
      </c>
      <c r="CA470" s="487" t="str">
        <f t="shared" si="97"/>
        <v/>
      </c>
      <c r="CB470" s="487" t="str">
        <f t="shared" si="97"/>
        <v/>
      </c>
      <c r="CC470" s="487" t="str">
        <f t="shared" si="97"/>
        <v/>
      </c>
      <c r="CD470" s="487" t="str">
        <f t="shared" si="97"/>
        <v/>
      </c>
      <c r="CE470" s="487" t="str">
        <f t="shared" si="97"/>
        <v/>
      </c>
      <c r="CF470" s="487" t="str">
        <f t="shared" si="97"/>
        <v/>
      </c>
      <c r="CG470" s="487" t="str">
        <f t="shared" si="97"/>
        <v/>
      </c>
      <c r="CH470" s="487" t="str">
        <f t="shared" si="97"/>
        <v/>
      </c>
      <c r="CI470" s="487" t="str">
        <f t="shared" si="97"/>
        <v/>
      </c>
      <c r="CJ470" s="487" t="str">
        <f t="shared" si="95"/>
        <v/>
      </c>
      <c r="CK470" s="487" t="str">
        <f t="shared" si="95"/>
        <v/>
      </c>
      <c r="CL470" s="487" t="str">
        <f t="shared" si="95"/>
        <v/>
      </c>
      <c r="CM470" s="487"/>
      <c r="CN470" s="487"/>
      <c r="CO470" s="487"/>
      <c r="CP470" s="487"/>
      <c r="CQ470" s="487"/>
      <c r="CR470" s="487"/>
      <c r="CS470" s="487"/>
      <c r="CT470" s="487"/>
      <c r="CU470" s="487"/>
      <c r="CV470" s="487"/>
      <c r="CW470" s="487"/>
      <c r="CX470" s="487"/>
      <c r="CY470" s="487"/>
      <c r="CZ470" s="487"/>
      <c r="DA470" s="487"/>
      <c r="DB470" s="487"/>
      <c r="DC470" s="487"/>
      <c r="DD470" s="487"/>
      <c r="DE470" s="487"/>
      <c r="DF470" s="487"/>
      <c r="DG470" s="487"/>
      <c r="DH470" s="487"/>
      <c r="DI470" s="486"/>
      <c r="DJ470" s="486"/>
      <c r="DK470" s="486"/>
    </row>
    <row r="471" spans="1:115" ht="56.1" hidden="1" customHeight="1" x14ac:dyDescent="0.2">
      <c r="A471" s="499" t="s">
        <v>2342</v>
      </c>
      <c r="B471" s="510"/>
      <c r="C471" s="481">
        <v>796</v>
      </c>
      <c r="D471" s="481"/>
      <c r="E471" s="481" t="s">
        <v>2481</v>
      </c>
      <c r="F471" s="482" t="s">
        <v>53</v>
      </c>
      <c r="G471" s="482" t="s">
        <v>655</v>
      </c>
      <c r="H471" s="501" t="s">
        <v>932</v>
      </c>
      <c r="I471" s="506" t="s">
        <v>1094</v>
      </c>
      <c r="J471" s="506" t="s">
        <v>1095</v>
      </c>
      <c r="K471" s="506"/>
      <c r="L471" s="77" t="s">
        <v>58</v>
      </c>
      <c r="M471" s="506" t="s">
        <v>1096</v>
      </c>
      <c r="N471" s="506"/>
      <c r="O471" s="506" t="s">
        <v>81</v>
      </c>
      <c r="P471" s="77" t="s">
        <v>77</v>
      </c>
      <c r="Q471" s="77"/>
      <c r="R471" s="500" t="s">
        <v>722</v>
      </c>
      <c r="S471" s="76" t="s">
        <v>63</v>
      </c>
      <c r="T471" s="76" t="s">
        <v>63</v>
      </c>
      <c r="U471" s="508">
        <v>621588.11</v>
      </c>
      <c r="V471" s="508"/>
      <c r="W471" s="510" t="s">
        <v>839</v>
      </c>
      <c r="X471" s="510"/>
      <c r="Y471" s="503">
        <f t="shared" si="89"/>
        <v>621588.11</v>
      </c>
      <c r="Z471" s="76" t="s">
        <v>65</v>
      </c>
      <c r="AA471" s="487"/>
      <c r="AB471" s="487"/>
      <c r="AC471" s="487"/>
      <c r="AD471" s="487"/>
      <c r="AE471" s="487"/>
      <c r="AF471" s="487"/>
      <c r="AG471" s="487"/>
      <c r="AH471" s="487"/>
      <c r="AI471" s="487"/>
      <c r="AJ471" s="487"/>
      <c r="AK471" s="487"/>
      <c r="AL471" s="487"/>
      <c r="AM471" s="487"/>
      <c r="AN471" s="487"/>
      <c r="AO471" s="487"/>
      <c r="AP471" s="487"/>
      <c r="AQ471" s="76"/>
      <c r="AR471" s="487"/>
      <c r="AS471" s="487"/>
      <c r="AT471" s="487"/>
      <c r="AU471" s="76"/>
      <c r="AV471" s="487"/>
      <c r="AW471" s="487"/>
      <c r="AX471" s="487"/>
      <c r="AY471" s="76"/>
      <c r="AZ471" s="487"/>
      <c r="BA471" s="76"/>
      <c r="BB471" s="76"/>
      <c r="BC471" s="487"/>
      <c r="BD471" s="76"/>
      <c r="BE471" s="76"/>
      <c r="BF471" s="80">
        <f t="shared" si="90"/>
        <v>0</v>
      </c>
      <c r="BG471" s="76"/>
      <c r="BH471" s="487" t="str">
        <f t="shared" si="96"/>
        <v/>
      </c>
      <c r="BI471" s="487" t="str">
        <f t="shared" si="96"/>
        <v/>
      </c>
      <c r="BJ471" s="487" t="str">
        <f t="shared" si="96"/>
        <v/>
      </c>
      <c r="BK471" s="487" t="str">
        <f t="shared" si="96"/>
        <v/>
      </c>
      <c r="BL471" s="487" t="str">
        <f t="shared" si="96"/>
        <v/>
      </c>
      <c r="BM471" s="487" t="str">
        <f t="shared" si="96"/>
        <v/>
      </c>
      <c r="BN471" s="487" t="str">
        <f t="shared" si="96"/>
        <v/>
      </c>
      <c r="BO471" s="487" t="str">
        <f t="shared" si="96"/>
        <v/>
      </c>
      <c r="BP471" s="487" t="str">
        <f t="shared" si="96"/>
        <v/>
      </c>
      <c r="BQ471" s="487" t="str">
        <f t="shared" si="96"/>
        <v/>
      </c>
      <c r="BR471" s="487" t="str">
        <f t="shared" si="96"/>
        <v/>
      </c>
      <c r="BS471" s="487" t="str">
        <f t="shared" si="96"/>
        <v/>
      </c>
      <c r="BT471" s="487" t="str">
        <f t="shared" si="96"/>
        <v/>
      </c>
      <c r="BU471" s="487" t="str">
        <f t="shared" si="96"/>
        <v/>
      </c>
      <c r="BV471" s="487" t="str">
        <f t="shared" si="96"/>
        <v/>
      </c>
      <c r="BW471" s="487" t="str">
        <f t="shared" si="96"/>
        <v/>
      </c>
      <c r="BX471" s="487" t="str">
        <f t="shared" si="97"/>
        <v/>
      </c>
      <c r="BY471" s="487" t="str">
        <f t="shared" si="97"/>
        <v/>
      </c>
      <c r="BZ471" s="487" t="str">
        <f t="shared" si="97"/>
        <v/>
      </c>
      <c r="CA471" s="487" t="str">
        <f t="shared" si="97"/>
        <v/>
      </c>
      <c r="CB471" s="487" t="str">
        <f t="shared" si="97"/>
        <v/>
      </c>
      <c r="CC471" s="487" t="str">
        <f t="shared" si="97"/>
        <v/>
      </c>
      <c r="CD471" s="487" t="str">
        <f t="shared" si="97"/>
        <v/>
      </c>
      <c r="CE471" s="487" t="str">
        <f t="shared" si="97"/>
        <v/>
      </c>
      <c r="CF471" s="487" t="str">
        <f t="shared" si="97"/>
        <v/>
      </c>
      <c r="CG471" s="487" t="str">
        <f t="shared" si="97"/>
        <v/>
      </c>
      <c r="CH471" s="487" t="str">
        <f t="shared" si="97"/>
        <v/>
      </c>
      <c r="CI471" s="487" t="str">
        <f t="shared" si="97"/>
        <v/>
      </c>
      <c r="CJ471" s="487" t="str">
        <f t="shared" si="95"/>
        <v/>
      </c>
      <c r="CK471" s="487" t="str">
        <f t="shared" si="95"/>
        <v/>
      </c>
      <c r="CL471" s="487" t="str">
        <f t="shared" si="95"/>
        <v/>
      </c>
      <c r="CM471" s="487"/>
      <c r="CN471" s="487"/>
      <c r="CO471" s="487"/>
      <c r="CP471" s="487"/>
      <c r="CQ471" s="487"/>
      <c r="CR471" s="487"/>
      <c r="CS471" s="487"/>
      <c r="CT471" s="487"/>
      <c r="CU471" s="487"/>
      <c r="CV471" s="487"/>
      <c r="CW471" s="487"/>
      <c r="CX471" s="487"/>
      <c r="CY471" s="487"/>
      <c r="CZ471" s="487"/>
      <c r="DA471" s="487"/>
      <c r="DB471" s="487"/>
      <c r="DC471" s="487"/>
      <c r="DD471" s="487"/>
      <c r="DE471" s="487"/>
      <c r="DF471" s="487"/>
      <c r="DG471" s="487"/>
      <c r="DH471" s="487"/>
      <c r="DI471" s="486"/>
      <c r="DJ471" s="486"/>
      <c r="DK471" s="486"/>
    </row>
    <row r="472" spans="1:115" ht="56.1" hidden="1" customHeight="1" x14ac:dyDescent="0.2">
      <c r="A472" s="499" t="s">
        <v>2342</v>
      </c>
      <c r="B472" s="510"/>
      <c r="C472" s="481">
        <v>800</v>
      </c>
      <c r="D472" s="481"/>
      <c r="E472" s="481" t="s">
        <v>2481</v>
      </c>
      <c r="F472" s="482" t="s">
        <v>53</v>
      </c>
      <c r="G472" s="482" t="s">
        <v>655</v>
      </c>
      <c r="H472" s="501" t="s">
        <v>932</v>
      </c>
      <c r="I472" s="506" t="s">
        <v>1097</v>
      </c>
      <c r="J472" s="506" t="s">
        <v>1098</v>
      </c>
      <c r="K472" s="506"/>
      <c r="L472" s="77" t="s">
        <v>58</v>
      </c>
      <c r="M472" s="506" t="s">
        <v>1099</v>
      </c>
      <c r="N472" s="506"/>
      <c r="O472" s="506" t="s">
        <v>81</v>
      </c>
      <c r="P472" s="77" t="s">
        <v>77</v>
      </c>
      <c r="Q472" s="77"/>
      <c r="R472" s="500" t="s">
        <v>722</v>
      </c>
      <c r="S472" s="76" t="s">
        <v>63</v>
      </c>
      <c r="T472" s="76" t="s">
        <v>63</v>
      </c>
      <c r="U472" s="508">
        <v>1578.72</v>
      </c>
      <c r="V472" s="508"/>
      <c r="W472" s="510" t="s">
        <v>839</v>
      </c>
      <c r="X472" s="510"/>
      <c r="Y472" s="503">
        <f t="shared" si="89"/>
        <v>1578.72</v>
      </c>
      <c r="Z472" s="76" t="s">
        <v>65</v>
      </c>
      <c r="AA472" s="486"/>
      <c r="AB472" s="486"/>
      <c r="AC472" s="486"/>
      <c r="AD472" s="486"/>
      <c r="AE472" s="486"/>
      <c r="AF472" s="486"/>
      <c r="AG472" s="486"/>
      <c r="AH472" s="486"/>
      <c r="AI472" s="486"/>
      <c r="AJ472" s="486"/>
      <c r="AK472" s="486"/>
      <c r="AL472" s="486"/>
      <c r="AM472" s="487"/>
      <c r="AN472" s="486"/>
      <c r="AO472" s="486"/>
      <c r="AP472" s="486"/>
      <c r="AQ472" s="486"/>
      <c r="AR472" s="486"/>
      <c r="AS472" s="486"/>
      <c r="AT472" s="486"/>
      <c r="AU472" s="486"/>
      <c r="AV472" s="486"/>
      <c r="AW472" s="486"/>
      <c r="AX472" s="486"/>
      <c r="AY472" s="486"/>
      <c r="AZ472" s="486"/>
      <c r="BA472" s="486"/>
      <c r="BB472" s="486"/>
      <c r="BC472" s="486"/>
      <c r="BD472" s="486"/>
      <c r="BE472" s="486"/>
      <c r="BF472" s="80">
        <f t="shared" si="90"/>
        <v>0</v>
      </c>
      <c r="BG472" s="76"/>
      <c r="BH472" s="487" t="str">
        <f t="shared" si="96"/>
        <v/>
      </c>
      <c r="BI472" s="487" t="str">
        <f t="shared" si="96"/>
        <v/>
      </c>
      <c r="BJ472" s="487" t="str">
        <f t="shared" si="96"/>
        <v/>
      </c>
      <c r="BK472" s="487" t="str">
        <f t="shared" si="96"/>
        <v/>
      </c>
      <c r="BL472" s="487" t="str">
        <f t="shared" si="96"/>
        <v/>
      </c>
      <c r="BM472" s="487" t="str">
        <f t="shared" si="96"/>
        <v/>
      </c>
      <c r="BN472" s="487" t="str">
        <f t="shared" si="96"/>
        <v/>
      </c>
      <c r="BO472" s="487" t="str">
        <f t="shared" si="96"/>
        <v/>
      </c>
      <c r="BP472" s="487" t="str">
        <f t="shared" si="96"/>
        <v/>
      </c>
      <c r="BQ472" s="487" t="str">
        <f t="shared" si="96"/>
        <v/>
      </c>
      <c r="BR472" s="487" t="str">
        <f t="shared" si="96"/>
        <v/>
      </c>
      <c r="BS472" s="487" t="str">
        <f t="shared" si="96"/>
        <v/>
      </c>
      <c r="BT472" s="487" t="str">
        <f t="shared" si="96"/>
        <v/>
      </c>
      <c r="BU472" s="487" t="str">
        <f t="shared" si="96"/>
        <v/>
      </c>
      <c r="BV472" s="487" t="str">
        <f t="shared" si="96"/>
        <v/>
      </c>
      <c r="BW472" s="487" t="str">
        <f t="shared" si="96"/>
        <v/>
      </c>
      <c r="BX472" s="487" t="str">
        <f t="shared" si="97"/>
        <v/>
      </c>
      <c r="BY472" s="487" t="str">
        <f t="shared" si="97"/>
        <v/>
      </c>
      <c r="BZ472" s="487" t="str">
        <f t="shared" si="97"/>
        <v/>
      </c>
      <c r="CA472" s="487" t="str">
        <f t="shared" si="97"/>
        <v/>
      </c>
      <c r="CB472" s="487" t="str">
        <f t="shared" si="97"/>
        <v/>
      </c>
      <c r="CC472" s="487" t="str">
        <f t="shared" si="97"/>
        <v/>
      </c>
      <c r="CD472" s="487" t="str">
        <f t="shared" si="97"/>
        <v/>
      </c>
      <c r="CE472" s="487" t="str">
        <f t="shared" si="97"/>
        <v/>
      </c>
      <c r="CF472" s="487" t="str">
        <f t="shared" si="97"/>
        <v/>
      </c>
      <c r="CG472" s="487" t="str">
        <f t="shared" si="97"/>
        <v/>
      </c>
      <c r="CH472" s="487" t="str">
        <f t="shared" si="97"/>
        <v/>
      </c>
      <c r="CI472" s="487" t="str">
        <f t="shared" si="97"/>
        <v/>
      </c>
      <c r="CJ472" s="487" t="str">
        <f t="shared" si="95"/>
        <v/>
      </c>
      <c r="CK472" s="487" t="str">
        <f t="shared" si="95"/>
        <v/>
      </c>
      <c r="CL472" s="487" t="str">
        <f t="shared" si="95"/>
        <v/>
      </c>
      <c r="CM472" s="487"/>
      <c r="CN472" s="487"/>
      <c r="CO472" s="487"/>
      <c r="CP472" s="487"/>
      <c r="CQ472" s="487"/>
      <c r="CR472" s="487"/>
      <c r="CS472" s="487"/>
      <c r="CT472" s="487"/>
      <c r="CU472" s="487"/>
      <c r="CV472" s="487"/>
      <c r="CW472" s="487"/>
      <c r="CX472" s="487"/>
      <c r="CY472" s="487"/>
      <c r="CZ472" s="487"/>
      <c r="DA472" s="487"/>
      <c r="DB472" s="487"/>
      <c r="DC472" s="487"/>
      <c r="DD472" s="487"/>
      <c r="DE472" s="487"/>
      <c r="DF472" s="487"/>
      <c r="DG472" s="487"/>
      <c r="DH472" s="487"/>
      <c r="DI472" s="486"/>
      <c r="DJ472" s="486"/>
      <c r="DK472" s="486"/>
    </row>
    <row r="473" spans="1:115" ht="56.1" hidden="1" customHeight="1" x14ac:dyDescent="0.2">
      <c r="A473" s="499" t="s">
        <v>2342</v>
      </c>
      <c r="B473" s="510"/>
      <c r="C473" s="481">
        <v>801</v>
      </c>
      <c r="D473" s="481"/>
      <c r="E473" s="481" t="s">
        <v>2481</v>
      </c>
      <c r="F473" s="482" t="s">
        <v>53</v>
      </c>
      <c r="G473" s="482" t="s">
        <v>655</v>
      </c>
      <c r="H473" s="501" t="s">
        <v>932</v>
      </c>
      <c r="I473" s="506" t="s">
        <v>1100</v>
      </c>
      <c r="J473" s="506" t="s">
        <v>1101</v>
      </c>
      <c r="K473" s="506"/>
      <c r="L473" s="77" t="s">
        <v>58</v>
      </c>
      <c r="M473" s="506" t="s">
        <v>1099</v>
      </c>
      <c r="N473" s="506"/>
      <c r="O473" s="501" t="s">
        <v>81</v>
      </c>
      <c r="P473" s="77" t="s">
        <v>77</v>
      </c>
      <c r="Q473" s="77"/>
      <c r="R473" s="500" t="s">
        <v>722</v>
      </c>
      <c r="S473" s="76" t="s">
        <v>63</v>
      </c>
      <c r="T473" s="76" t="s">
        <v>63</v>
      </c>
      <c r="U473" s="508">
        <v>340138.10187499999</v>
      </c>
      <c r="V473" s="508"/>
      <c r="W473" s="510" t="s">
        <v>839</v>
      </c>
      <c r="X473" s="510"/>
      <c r="Y473" s="503">
        <f t="shared" si="89"/>
        <v>340138.10187499999</v>
      </c>
      <c r="Z473" s="76" t="s">
        <v>65</v>
      </c>
      <c r="AA473" s="486"/>
      <c r="AB473" s="486"/>
      <c r="AC473" s="486"/>
      <c r="AD473" s="486"/>
      <c r="AE473" s="486"/>
      <c r="AF473" s="486"/>
      <c r="AG473" s="486"/>
      <c r="AH473" s="486"/>
      <c r="AI473" s="486"/>
      <c r="AJ473" s="486"/>
      <c r="AK473" s="486"/>
      <c r="AL473" s="486"/>
      <c r="AM473" s="486"/>
      <c r="AN473" s="486"/>
      <c r="AO473" s="486"/>
      <c r="AP473" s="486"/>
      <c r="AQ473" s="486"/>
      <c r="AR473" s="486"/>
      <c r="AS473" s="486"/>
      <c r="AT473" s="486"/>
      <c r="AU473" s="486"/>
      <c r="AV473" s="486"/>
      <c r="AW473" s="486"/>
      <c r="AX473" s="486"/>
      <c r="AY473" s="486"/>
      <c r="AZ473" s="486"/>
      <c r="BA473" s="486"/>
      <c r="BB473" s="486"/>
      <c r="BC473" s="486"/>
      <c r="BD473" s="486"/>
      <c r="BE473" s="486"/>
      <c r="BF473" s="80">
        <f t="shared" si="90"/>
        <v>0</v>
      </c>
      <c r="BG473" s="76"/>
      <c r="BH473" s="487" t="str">
        <f t="shared" si="96"/>
        <v/>
      </c>
      <c r="BI473" s="487" t="str">
        <f t="shared" si="96"/>
        <v/>
      </c>
      <c r="BJ473" s="487" t="str">
        <f t="shared" si="96"/>
        <v/>
      </c>
      <c r="BK473" s="487" t="str">
        <f t="shared" si="96"/>
        <v/>
      </c>
      <c r="BL473" s="487" t="str">
        <f t="shared" si="96"/>
        <v/>
      </c>
      <c r="BM473" s="487" t="str">
        <f t="shared" si="96"/>
        <v/>
      </c>
      <c r="BN473" s="487" t="str">
        <f t="shared" si="96"/>
        <v/>
      </c>
      <c r="BO473" s="487" t="str">
        <f t="shared" si="96"/>
        <v/>
      </c>
      <c r="BP473" s="487" t="str">
        <f t="shared" si="96"/>
        <v/>
      </c>
      <c r="BQ473" s="487" t="str">
        <f t="shared" si="96"/>
        <v/>
      </c>
      <c r="BR473" s="487" t="str">
        <f t="shared" si="96"/>
        <v/>
      </c>
      <c r="BS473" s="487" t="str">
        <f t="shared" si="96"/>
        <v/>
      </c>
      <c r="BT473" s="487" t="str">
        <f t="shared" si="96"/>
        <v/>
      </c>
      <c r="BU473" s="487" t="str">
        <f t="shared" si="96"/>
        <v/>
      </c>
      <c r="BV473" s="487" t="str">
        <f t="shared" si="96"/>
        <v/>
      </c>
      <c r="BW473" s="487" t="str">
        <f t="shared" si="96"/>
        <v/>
      </c>
      <c r="BX473" s="487" t="str">
        <f t="shared" si="97"/>
        <v/>
      </c>
      <c r="BY473" s="487" t="str">
        <f t="shared" si="97"/>
        <v/>
      </c>
      <c r="BZ473" s="487" t="str">
        <f t="shared" si="97"/>
        <v/>
      </c>
      <c r="CA473" s="487" t="str">
        <f t="shared" si="97"/>
        <v/>
      </c>
      <c r="CB473" s="487" t="str">
        <f t="shared" si="97"/>
        <v/>
      </c>
      <c r="CC473" s="487" t="str">
        <f t="shared" si="97"/>
        <v/>
      </c>
      <c r="CD473" s="487" t="str">
        <f t="shared" si="97"/>
        <v/>
      </c>
      <c r="CE473" s="487" t="str">
        <f t="shared" si="97"/>
        <v/>
      </c>
      <c r="CF473" s="487" t="str">
        <f t="shared" si="97"/>
        <v/>
      </c>
      <c r="CG473" s="487" t="str">
        <f t="shared" si="97"/>
        <v/>
      </c>
      <c r="CH473" s="487" t="str">
        <f t="shared" si="97"/>
        <v/>
      </c>
      <c r="CI473" s="487" t="str">
        <f t="shared" si="97"/>
        <v/>
      </c>
      <c r="CJ473" s="487" t="str">
        <f t="shared" si="95"/>
        <v/>
      </c>
      <c r="CK473" s="487" t="str">
        <f t="shared" si="95"/>
        <v/>
      </c>
      <c r="CL473" s="487" t="str">
        <f t="shared" si="95"/>
        <v/>
      </c>
      <c r="CM473" s="487"/>
      <c r="CN473" s="487"/>
      <c r="CO473" s="487"/>
      <c r="CP473" s="487"/>
      <c r="CQ473" s="487"/>
      <c r="CR473" s="487"/>
      <c r="CS473" s="487"/>
      <c r="CT473" s="487"/>
      <c r="CU473" s="487"/>
      <c r="CV473" s="487"/>
      <c r="CW473" s="487"/>
      <c r="CX473" s="487"/>
      <c r="CY473" s="487"/>
      <c r="CZ473" s="487"/>
      <c r="DA473" s="487"/>
      <c r="DB473" s="487"/>
      <c r="DC473" s="487"/>
      <c r="DD473" s="487"/>
      <c r="DE473" s="487"/>
      <c r="DF473" s="487"/>
      <c r="DG473" s="487"/>
      <c r="DH473" s="487"/>
      <c r="DI473" s="486"/>
      <c r="DJ473" s="486"/>
      <c r="DK473" s="486"/>
    </row>
    <row r="474" spans="1:115" ht="56.1" hidden="1" customHeight="1" x14ac:dyDescent="0.2">
      <c r="A474" s="499" t="s">
        <v>2342</v>
      </c>
      <c r="B474" s="510"/>
      <c r="C474" s="481">
        <v>802</v>
      </c>
      <c r="D474" s="481"/>
      <c r="E474" s="481" t="s">
        <v>2481</v>
      </c>
      <c r="F474" s="482" t="s">
        <v>53</v>
      </c>
      <c r="G474" s="482" t="s">
        <v>655</v>
      </c>
      <c r="H474" s="501" t="s">
        <v>932</v>
      </c>
      <c r="I474" s="506" t="s">
        <v>1102</v>
      </c>
      <c r="J474" s="506" t="s">
        <v>1103</v>
      </c>
      <c r="K474" s="506"/>
      <c r="L474" s="77" t="s">
        <v>58</v>
      </c>
      <c r="M474" s="506" t="s">
        <v>1099</v>
      </c>
      <c r="N474" s="506"/>
      <c r="O474" s="506" t="s">
        <v>81</v>
      </c>
      <c r="P474" s="77" t="s">
        <v>77</v>
      </c>
      <c r="Q474" s="77"/>
      <c r="R474" s="500" t="s">
        <v>722</v>
      </c>
      <c r="S474" s="76" t="s">
        <v>63</v>
      </c>
      <c r="T474" s="76" t="s">
        <v>63</v>
      </c>
      <c r="U474" s="508">
        <v>1013423.125</v>
      </c>
      <c r="V474" s="508"/>
      <c r="W474" s="510" t="s">
        <v>839</v>
      </c>
      <c r="X474" s="510"/>
      <c r="Y474" s="503">
        <f t="shared" si="89"/>
        <v>1013423.125</v>
      </c>
      <c r="Z474" s="76" t="s">
        <v>65</v>
      </c>
      <c r="AA474" s="486"/>
      <c r="AB474" s="486"/>
      <c r="AC474" s="486"/>
      <c r="AD474" s="486"/>
      <c r="AE474" s="486"/>
      <c r="AF474" s="486"/>
      <c r="AG474" s="486"/>
      <c r="AH474" s="486"/>
      <c r="AI474" s="486"/>
      <c r="AJ474" s="486"/>
      <c r="AK474" s="486"/>
      <c r="AL474" s="486"/>
      <c r="AM474" s="486"/>
      <c r="AN474" s="486"/>
      <c r="AO474" s="486"/>
      <c r="AP474" s="486"/>
      <c r="AQ474" s="486"/>
      <c r="AR474" s="486"/>
      <c r="AS474" s="486"/>
      <c r="AT474" s="486"/>
      <c r="AU474" s="486"/>
      <c r="AV474" s="486"/>
      <c r="AW474" s="486"/>
      <c r="AX474" s="486"/>
      <c r="AY474" s="486"/>
      <c r="AZ474" s="486"/>
      <c r="BA474" s="486"/>
      <c r="BB474" s="486"/>
      <c r="BC474" s="486"/>
      <c r="BD474" s="486"/>
      <c r="BE474" s="486"/>
      <c r="BF474" s="80">
        <f t="shared" si="90"/>
        <v>0</v>
      </c>
      <c r="BG474" s="76"/>
      <c r="BH474" s="487" t="str">
        <f t="shared" si="96"/>
        <v/>
      </c>
      <c r="BI474" s="487" t="str">
        <f t="shared" si="96"/>
        <v/>
      </c>
      <c r="BJ474" s="487" t="str">
        <f t="shared" si="96"/>
        <v/>
      </c>
      <c r="BK474" s="487" t="str">
        <f t="shared" si="96"/>
        <v/>
      </c>
      <c r="BL474" s="487" t="str">
        <f t="shared" si="96"/>
        <v/>
      </c>
      <c r="BM474" s="487" t="str">
        <f t="shared" si="96"/>
        <v/>
      </c>
      <c r="BN474" s="487" t="str">
        <f t="shared" si="96"/>
        <v/>
      </c>
      <c r="BO474" s="487" t="str">
        <f t="shared" si="96"/>
        <v/>
      </c>
      <c r="BP474" s="487" t="str">
        <f t="shared" si="96"/>
        <v/>
      </c>
      <c r="BQ474" s="487" t="str">
        <f t="shared" si="96"/>
        <v/>
      </c>
      <c r="BR474" s="487" t="str">
        <f t="shared" si="96"/>
        <v/>
      </c>
      <c r="BS474" s="487" t="str">
        <f t="shared" si="96"/>
        <v/>
      </c>
      <c r="BT474" s="487" t="str">
        <f t="shared" si="96"/>
        <v/>
      </c>
      <c r="BU474" s="487" t="str">
        <f t="shared" si="96"/>
        <v/>
      </c>
      <c r="BV474" s="487" t="str">
        <f t="shared" si="96"/>
        <v/>
      </c>
      <c r="BW474" s="487" t="str">
        <f t="shared" si="96"/>
        <v/>
      </c>
      <c r="BX474" s="487" t="str">
        <f t="shared" si="97"/>
        <v/>
      </c>
      <c r="BY474" s="487" t="str">
        <f t="shared" si="97"/>
        <v/>
      </c>
      <c r="BZ474" s="487" t="str">
        <f t="shared" si="97"/>
        <v/>
      </c>
      <c r="CA474" s="487" t="str">
        <f t="shared" si="97"/>
        <v/>
      </c>
      <c r="CB474" s="487" t="str">
        <f t="shared" si="97"/>
        <v/>
      </c>
      <c r="CC474" s="487" t="str">
        <f t="shared" si="97"/>
        <v/>
      </c>
      <c r="CD474" s="487" t="str">
        <f t="shared" si="97"/>
        <v/>
      </c>
      <c r="CE474" s="487" t="str">
        <f t="shared" si="97"/>
        <v/>
      </c>
      <c r="CF474" s="487" t="str">
        <f t="shared" si="97"/>
        <v/>
      </c>
      <c r="CG474" s="487" t="str">
        <f t="shared" si="97"/>
        <v/>
      </c>
      <c r="CH474" s="487" t="str">
        <f t="shared" si="97"/>
        <v/>
      </c>
      <c r="CI474" s="487" t="str">
        <f t="shared" si="97"/>
        <v/>
      </c>
      <c r="CJ474" s="487" t="str">
        <f t="shared" si="95"/>
        <v/>
      </c>
      <c r="CK474" s="487" t="str">
        <f t="shared" si="95"/>
        <v/>
      </c>
      <c r="CL474" s="487" t="str">
        <f t="shared" si="95"/>
        <v/>
      </c>
      <c r="CM474" s="487"/>
      <c r="CN474" s="487"/>
      <c r="CO474" s="487"/>
      <c r="CP474" s="487"/>
      <c r="CQ474" s="487"/>
      <c r="CR474" s="487"/>
      <c r="CS474" s="487"/>
      <c r="CT474" s="487"/>
      <c r="CU474" s="487"/>
      <c r="CV474" s="487"/>
      <c r="CW474" s="487"/>
      <c r="CX474" s="487"/>
      <c r="CY474" s="487"/>
      <c r="CZ474" s="487"/>
      <c r="DA474" s="487"/>
      <c r="DB474" s="487"/>
      <c r="DC474" s="487"/>
      <c r="DD474" s="487"/>
      <c r="DE474" s="487"/>
      <c r="DF474" s="487"/>
      <c r="DG474" s="487"/>
      <c r="DH474" s="487"/>
      <c r="DI474" s="486"/>
      <c r="DJ474" s="486"/>
      <c r="DK474" s="486"/>
    </row>
    <row r="475" spans="1:115" ht="56.1" hidden="1" customHeight="1" x14ac:dyDescent="0.2">
      <c r="A475" s="499" t="s">
        <v>2342</v>
      </c>
      <c r="B475" s="510"/>
      <c r="C475" s="481">
        <v>803</v>
      </c>
      <c r="D475" s="481"/>
      <c r="E475" s="481" t="s">
        <v>2481</v>
      </c>
      <c r="F475" s="482" t="s">
        <v>53</v>
      </c>
      <c r="G475" s="482" t="s">
        <v>655</v>
      </c>
      <c r="H475" s="501" t="s">
        <v>932</v>
      </c>
      <c r="I475" s="506" t="s">
        <v>1104</v>
      </c>
      <c r="J475" s="506" t="s">
        <v>1105</v>
      </c>
      <c r="K475" s="506"/>
      <c r="L475" s="77" t="s">
        <v>58</v>
      </c>
      <c r="M475" s="506" t="s">
        <v>1099</v>
      </c>
      <c r="N475" s="506"/>
      <c r="O475" s="501" t="s">
        <v>81</v>
      </c>
      <c r="P475" s="77" t="s">
        <v>77</v>
      </c>
      <c r="Q475" s="77"/>
      <c r="R475" s="500" t="s">
        <v>722</v>
      </c>
      <c r="S475" s="76" t="s">
        <v>63</v>
      </c>
      <c r="T475" s="76" t="s">
        <v>63</v>
      </c>
      <c r="U475" s="508">
        <v>21645.731250000001</v>
      </c>
      <c r="V475" s="508"/>
      <c r="W475" s="510" t="s">
        <v>839</v>
      </c>
      <c r="X475" s="510"/>
      <c r="Y475" s="503">
        <f t="shared" si="89"/>
        <v>21645.731250000001</v>
      </c>
      <c r="Z475" s="76" t="s">
        <v>65</v>
      </c>
      <c r="AA475" s="486"/>
      <c r="AB475" s="486"/>
      <c r="AC475" s="486"/>
      <c r="AD475" s="486"/>
      <c r="AE475" s="486"/>
      <c r="AF475" s="486"/>
      <c r="AG475" s="486"/>
      <c r="AH475" s="486"/>
      <c r="AI475" s="486"/>
      <c r="AJ475" s="486"/>
      <c r="AK475" s="486"/>
      <c r="AL475" s="486"/>
      <c r="AM475" s="487"/>
      <c r="AN475" s="486"/>
      <c r="AO475" s="486"/>
      <c r="AP475" s="487"/>
      <c r="AQ475" s="486"/>
      <c r="AR475" s="486"/>
      <c r="AS475" s="486"/>
      <c r="AT475" s="486"/>
      <c r="AU475" s="486"/>
      <c r="AV475" s="486"/>
      <c r="AW475" s="486"/>
      <c r="AX475" s="486"/>
      <c r="AY475" s="486"/>
      <c r="AZ475" s="486"/>
      <c r="BA475" s="486"/>
      <c r="BB475" s="486"/>
      <c r="BC475" s="486"/>
      <c r="BD475" s="486"/>
      <c r="BE475" s="486"/>
      <c r="BF475" s="80">
        <f t="shared" si="90"/>
        <v>0</v>
      </c>
      <c r="BG475" s="76"/>
      <c r="BH475" s="487" t="str">
        <f t="shared" si="96"/>
        <v/>
      </c>
      <c r="BI475" s="487" t="str">
        <f t="shared" si="96"/>
        <v/>
      </c>
      <c r="BJ475" s="487" t="str">
        <f t="shared" si="96"/>
        <v/>
      </c>
      <c r="BK475" s="487" t="str">
        <f t="shared" si="96"/>
        <v/>
      </c>
      <c r="BL475" s="487" t="str">
        <f t="shared" si="96"/>
        <v/>
      </c>
      <c r="BM475" s="487" t="str">
        <f t="shared" si="96"/>
        <v/>
      </c>
      <c r="BN475" s="487" t="str">
        <f t="shared" si="96"/>
        <v/>
      </c>
      <c r="BO475" s="487" t="str">
        <f t="shared" si="96"/>
        <v/>
      </c>
      <c r="BP475" s="487" t="str">
        <f t="shared" si="96"/>
        <v/>
      </c>
      <c r="BQ475" s="487" t="str">
        <f t="shared" si="96"/>
        <v/>
      </c>
      <c r="BR475" s="487" t="str">
        <f t="shared" si="96"/>
        <v/>
      </c>
      <c r="BS475" s="487" t="str">
        <f t="shared" si="96"/>
        <v/>
      </c>
      <c r="BT475" s="487" t="str">
        <f t="shared" si="96"/>
        <v/>
      </c>
      <c r="BU475" s="487" t="str">
        <f t="shared" si="96"/>
        <v/>
      </c>
      <c r="BV475" s="487" t="str">
        <f t="shared" si="96"/>
        <v/>
      </c>
      <c r="BW475" s="487" t="str">
        <f t="shared" si="96"/>
        <v/>
      </c>
      <c r="BX475" s="487" t="str">
        <f t="shared" si="97"/>
        <v/>
      </c>
      <c r="BY475" s="487" t="str">
        <f t="shared" si="97"/>
        <v/>
      </c>
      <c r="BZ475" s="487" t="str">
        <f t="shared" si="97"/>
        <v/>
      </c>
      <c r="CA475" s="487" t="str">
        <f t="shared" si="97"/>
        <v/>
      </c>
      <c r="CB475" s="487" t="str">
        <f t="shared" si="97"/>
        <v/>
      </c>
      <c r="CC475" s="487" t="str">
        <f t="shared" si="97"/>
        <v/>
      </c>
      <c r="CD475" s="487" t="str">
        <f t="shared" si="97"/>
        <v/>
      </c>
      <c r="CE475" s="487" t="str">
        <f t="shared" si="97"/>
        <v/>
      </c>
      <c r="CF475" s="487" t="str">
        <f t="shared" si="97"/>
        <v/>
      </c>
      <c r="CG475" s="487" t="str">
        <f t="shared" si="97"/>
        <v/>
      </c>
      <c r="CH475" s="487" t="str">
        <f t="shared" si="97"/>
        <v/>
      </c>
      <c r="CI475" s="487" t="str">
        <f t="shared" si="97"/>
        <v/>
      </c>
      <c r="CJ475" s="487" t="str">
        <f t="shared" si="95"/>
        <v/>
      </c>
      <c r="CK475" s="487" t="str">
        <f t="shared" si="95"/>
        <v/>
      </c>
      <c r="CL475" s="487" t="str">
        <f t="shared" si="95"/>
        <v/>
      </c>
      <c r="CM475" s="487"/>
      <c r="CN475" s="487"/>
      <c r="CO475" s="487"/>
      <c r="CP475" s="487"/>
      <c r="CQ475" s="487"/>
      <c r="CR475" s="487"/>
      <c r="CS475" s="487"/>
      <c r="CT475" s="487"/>
      <c r="CU475" s="487"/>
      <c r="CV475" s="487"/>
      <c r="CW475" s="487"/>
      <c r="CX475" s="487"/>
      <c r="CY475" s="487"/>
      <c r="CZ475" s="487"/>
      <c r="DA475" s="487"/>
      <c r="DB475" s="487"/>
      <c r="DC475" s="487"/>
      <c r="DD475" s="487"/>
      <c r="DE475" s="487"/>
      <c r="DF475" s="487"/>
      <c r="DG475" s="487"/>
      <c r="DH475" s="487"/>
      <c r="DI475" s="486"/>
      <c r="DJ475" s="486"/>
      <c r="DK475" s="486"/>
    </row>
    <row r="476" spans="1:115" ht="56.1" hidden="1" customHeight="1" x14ac:dyDescent="0.2">
      <c r="A476" s="499" t="s">
        <v>2342</v>
      </c>
      <c r="B476" s="510"/>
      <c r="C476" s="481">
        <v>804</v>
      </c>
      <c r="D476" s="481"/>
      <c r="E476" s="481" t="s">
        <v>2481</v>
      </c>
      <c r="F476" s="482" t="s">
        <v>53</v>
      </c>
      <c r="G476" s="482" t="s">
        <v>655</v>
      </c>
      <c r="H476" s="501" t="s">
        <v>932</v>
      </c>
      <c r="I476" s="506" t="s">
        <v>1106</v>
      </c>
      <c r="J476" s="506" t="s">
        <v>1107</v>
      </c>
      <c r="K476" s="506"/>
      <c r="L476" s="77" t="s">
        <v>58</v>
      </c>
      <c r="M476" s="506" t="s">
        <v>1108</v>
      </c>
      <c r="N476" s="506"/>
      <c r="O476" s="506" t="s">
        <v>81</v>
      </c>
      <c r="P476" s="77" t="s">
        <v>77</v>
      </c>
      <c r="Q476" s="77"/>
      <c r="R476" s="500" t="s">
        <v>722</v>
      </c>
      <c r="S476" s="76" t="s">
        <v>63</v>
      </c>
      <c r="T476" s="76" t="s">
        <v>63</v>
      </c>
      <c r="U476" s="508">
        <v>41046.720000000001</v>
      </c>
      <c r="V476" s="508"/>
      <c r="W476" s="510" t="s">
        <v>839</v>
      </c>
      <c r="X476" s="510"/>
      <c r="Y476" s="503">
        <f t="shared" si="89"/>
        <v>41046.720000000001</v>
      </c>
      <c r="Z476" s="76" t="s">
        <v>65</v>
      </c>
      <c r="AA476" s="486"/>
      <c r="AB476" s="486"/>
      <c r="AC476" s="486"/>
      <c r="AD476" s="486"/>
      <c r="AE476" s="486"/>
      <c r="AF476" s="486"/>
      <c r="AG476" s="486"/>
      <c r="AH476" s="486"/>
      <c r="AI476" s="486"/>
      <c r="AJ476" s="486"/>
      <c r="AK476" s="486"/>
      <c r="AL476" s="486"/>
      <c r="AM476" s="486"/>
      <c r="AN476" s="486"/>
      <c r="AO476" s="486"/>
      <c r="AP476" s="487"/>
      <c r="AQ476" s="486"/>
      <c r="AR476" s="486"/>
      <c r="AS476" s="486"/>
      <c r="AT476" s="486"/>
      <c r="AU476" s="486"/>
      <c r="AV476" s="486"/>
      <c r="AW476" s="486"/>
      <c r="AX476" s="486"/>
      <c r="AY476" s="486"/>
      <c r="AZ476" s="486"/>
      <c r="BA476" s="486"/>
      <c r="BB476" s="486"/>
      <c r="BC476" s="486"/>
      <c r="BD476" s="486"/>
      <c r="BE476" s="486"/>
      <c r="BF476" s="80">
        <f t="shared" si="90"/>
        <v>0</v>
      </c>
      <c r="BG476" s="76"/>
      <c r="BH476" s="487" t="str">
        <f t="shared" si="96"/>
        <v/>
      </c>
      <c r="BI476" s="487" t="str">
        <f t="shared" si="96"/>
        <v/>
      </c>
      <c r="BJ476" s="487" t="str">
        <f t="shared" si="96"/>
        <v/>
      </c>
      <c r="BK476" s="487" t="str">
        <f t="shared" si="96"/>
        <v/>
      </c>
      <c r="BL476" s="487" t="str">
        <f t="shared" si="96"/>
        <v/>
      </c>
      <c r="BM476" s="487" t="str">
        <f t="shared" si="96"/>
        <v/>
      </c>
      <c r="BN476" s="487" t="str">
        <f t="shared" si="96"/>
        <v/>
      </c>
      <c r="BO476" s="487" t="str">
        <f t="shared" si="96"/>
        <v/>
      </c>
      <c r="BP476" s="487" t="str">
        <f t="shared" si="96"/>
        <v/>
      </c>
      <c r="BQ476" s="487" t="str">
        <f t="shared" si="96"/>
        <v/>
      </c>
      <c r="BR476" s="487" t="str">
        <f t="shared" si="96"/>
        <v/>
      </c>
      <c r="BS476" s="487" t="str">
        <f t="shared" si="96"/>
        <v/>
      </c>
      <c r="BT476" s="487" t="str">
        <f t="shared" si="96"/>
        <v/>
      </c>
      <c r="BU476" s="487" t="str">
        <f t="shared" si="96"/>
        <v/>
      </c>
      <c r="BV476" s="487" t="str">
        <f t="shared" si="96"/>
        <v/>
      </c>
      <c r="BW476" s="487" t="str">
        <f t="shared" si="96"/>
        <v/>
      </c>
      <c r="BX476" s="487" t="str">
        <f t="shared" si="97"/>
        <v/>
      </c>
      <c r="BY476" s="487" t="str">
        <f t="shared" si="97"/>
        <v/>
      </c>
      <c r="BZ476" s="487" t="str">
        <f t="shared" si="97"/>
        <v/>
      </c>
      <c r="CA476" s="487" t="str">
        <f t="shared" si="97"/>
        <v/>
      </c>
      <c r="CB476" s="487" t="str">
        <f t="shared" si="97"/>
        <v/>
      </c>
      <c r="CC476" s="487" t="str">
        <f t="shared" si="97"/>
        <v/>
      </c>
      <c r="CD476" s="487" t="str">
        <f t="shared" si="97"/>
        <v/>
      </c>
      <c r="CE476" s="487" t="str">
        <f t="shared" si="97"/>
        <v/>
      </c>
      <c r="CF476" s="487" t="str">
        <f t="shared" si="97"/>
        <v/>
      </c>
      <c r="CG476" s="487" t="str">
        <f t="shared" si="97"/>
        <v/>
      </c>
      <c r="CH476" s="487" t="str">
        <f t="shared" si="97"/>
        <v/>
      </c>
      <c r="CI476" s="487" t="str">
        <f t="shared" si="97"/>
        <v/>
      </c>
      <c r="CJ476" s="487" t="str">
        <f t="shared" si="95"/>
        <v/>
      </c>
      <c r="CK476" s="487" t="str">
        <f t="shared" si="95"/>
        <v/>
      </c>
      <c r="CL476" s="487" t="str">
        <f t="shared" si="95"/>
        <v/>
      </c>
      <c r="CM476" s="487"/>
      <c r="CN476" s="487"/>
      <c r="CO476" s="487"/>
      <c r="CP476" s="487"/>
      <c r="CQ476" s="487"/>
      <c r="CR476" s="487"/>
      <c r="CS476" s="487"/>
      <c r="CT476" s="487"/>
      <c r="CU476" s="487"/>
      <c r="CV476" s="487"/>
      <c r="CW476" s="487"/>
      <c r="CX476" s="487"/>
      <c r="CY476" s="487"/>
      <c r="CZ476" s="487"/>
      <c r="DA476" s="487"/>
      <c r="DB476" s="487"/>
      <c r="DC476" s="487"/>
      <c r="DD476" s="487"/>
      <c r="DE476" s="487"/>
      <c r="DF476" s="487"/>
      <c r="DG476" s="487"/>
      <c r="DH476" s="487"/>
      <c r="DI476" s="486"/>
      <c r="DJ476" s="486"/>
      <c r="DK476" s="486"/>
    </row>
    <row r="477" spans="1:115" ht="56.1" hidden="1" customHeight="1" x14ac:dyDescent="0.2">
      <c r="A477" s="510"/>
      <c r="B477" s="510"/>
      <c r="C477" s="481">
        <v>697</v>
      </c>
      <c r="D477" s="481"/>
      <c r="E477" s="481" t="s">
        <v>2481</v>
      </c>
      <c r="F477" s="482" t="s">
        <v>53</v>
      </c>
      <c r="G477" s="482" t="s">
        <v>655</v>
      </c>
      <c r="H477" s="500" t="s">
        <v>830</v>
      </c>
      <c r="I477" s="501" t="s">
        <v>880</v>
      </c>
      <c r="J477" s="506" t="s">
        <v>881</v>
      </c>
      <c r="K477" s="506"/>
      <c r="L477" s="77" t="s">
        <v>58</v>
      </c>
      <c r="M477" s="501" t="s">
        <v>59</v>
      </c>
      <c r="N477" s="501"/>
      <c r="O477" s="501" t="s">
        <v>60</v>
      </c>
      <c r="P477" s="77" t="s">
        <v>77</v>
      </c>
      <c r="Q477" s="77"/>
      <c r="R477" s="500" t="s">
        <v>834</v>
      </c>
      <c r="S477" s="76" t="s">
        <v>63</v>
      </c>
      <c r="T477" s="76" t="s">
        <v>63</v>
      </c>
      <c r="U477" s="502">
        <v>370629.1875</v>
      </c>
      <c r="V477" s="502"/>
      <c r="W477" s="510" t="s">
        <v>839</v>
      </c>
      <c r="X477" s="510"/>
      <c r="Y477" s="503">
        <f t="shared" si="89"/>
        <v>370629.1875</v>
      </c>
      <c r="Z477" s="76" t="s">
        <v>65</v>
      </c>
      <c r="AA477" s="487"/>
      <c r="AB477" s="487"/>
      <c r="AC477" s="487"/>
      <c r="AD477" s="487"/>
      <c r="AE477" s="487"/>
      <c r="AF477" s="487"/>
      <c r="AG477" s="487"/>
      <c r="AH477" s="487"/>
      <c r="AI477" s="487"/>
      <c r="AJ477" s="487"/>
      <c r="AK477" s="487"/>
      <c r="AL477" s="487"/>
      <c r="AM477" s="487"/>
      <c r="AN477" s="487"/>
      <c r="AO477" s="487"/>
      <c r="AP477" s="487"/>
      <c r="AQ477" s="487"/>
      <c r="AR477" s="487"/>
      <c r="AS477" s="487"/>
      <c r="AT477" s="487"/>
      <c r="AU477" s="487"/>
      <c r="AV477" s="487"/>
      <c r="AW477" s="487"/>
      <c r="AX477" s="487"/>
      <c r="AY477" s="487"/>
      <c r="AZ477" s="487"/>
      <c r="BA477" s="487"/>
      <c r="BB477" s="487"/>
      <c r="BC477" s="487"/>
      <c r="BD477" s="487"/>
      <c r="BE477" s="487"/>
      <c r="BF477" s="80">
        <f t="shared" si="90"/>
        <v>0</v>
      </c>
      <c r="BG477" s="76"/>
      <c r="BH477" s="487" t="str">
        <f t="shared" si="96"/>
        <v/>
      </c>
      <c r="BI477" s="487" t="str">
        <f t="shared" si="96"/>
        <v/>
      </c>
      <c r="BJ477" s="487" t="str">
        <f t="shared" si="96"/>
        <v/>
      </c>
      <c r="BK477" s="487" t="str">
        <f t="shared" si="96"/>
        <v/>
      </c>
      <c r="BL477" s="487" t="str">
        <f t="shared" si="96"/>
        <v/>
      </c>
      <c r="BM477" s="487" t="str">
        <f t="shared" si="96"/>
        <v/>
      </c>
      <c r="BN477" s="487" t="str">
        <f t="shared" si="96"/>
        <v/>
      </c>
      <c r="BO477" s="487" t="str">
        <f t="shared" si="96"/>
        <v/>
      </c>
      <c r="BP477" s="487" t="str">
        <f t="shared" si="96"/>
        <v/>
      </c>
      <c r="BQ477" s="487" t="str">
        <f t="shared" si="96"/>
        <v/>
      </c>
      <c r="BR477" s="487" t="str">
        <f t="shared" si="96"/>
        <v/>
      </c>
      <c r="BS477" s="487" t="str">
        <f t="shared" si="96"/>
        <v/>
      </c>
      <c r="BT477" s="487" t="str">
        <f t="shared" si="96"/>
        <v/>
      </c>
      <c r="BU477" s="487" t="str">
        <f t="shared" si="96"/>
        <v/>
      </c>
      <c r="BV477" s="487" t="str">
        <f t="shared" si="96"/>
        <v/>
      </c>
      <c r="BW477" s="487" t="str">
        <f t="shared" si="96"/>
        <v/>
      </c>
      <c r="BX477" s="487" t="str">
        <f t="shared" si="97"/>
        <v/>
      </c>
      <c r="BY477" s="487" t="str">
        <f t="shared" si="97"/>
        <v/>
      </c>
      <c r="BZ477" s="487" t="str">
        <f t="shared" si="97"/>
        <v/>
      </c>
      <c r="CA477" s="487" t="str">
        <f t="shared" si="97"/>
        <v/>
      </c>
      <c r="CB477" s="487" t="str">
        <f t="shared" si="97"/>
        <v/>
      </c>
      <c r="CC477" s="487" t="str">
        <f t="shared" si="97"/>
        <v/>
      </c>
      <c r="CD477" s="487" t="str">
        <f t="shared" si="97"/>
        <v/>
      </c>
      <c r="CE477" s="487" t="str">
        <f t="shared" si="97"/>
        <v/>
      </c>
      <c r="CF477" s="487" t="str">
        <f t="shared" si="97"/>
        <v/>
      </c>
      <c r="CG477" s="487" t="str">
        <f t="shared" si="97"/>
        <v/>
      </c>
      <c r="CH477" s="487" t="str">
        <f t="shared" si="97"/>
        <v/>
      </c>
      <c r="CI477" s="487" t="str">
        <f t="shared" si="97"/>
        <v/>
      </c>
      <c r="CJ477" s="487" t="str">
        <f t="shared" si="95"/>
        <v/>
      </c>
      <c r="CK477" s="487" t="str">
        <f t="shared" si="95"/>
        <v/>
      </c>
      <c r="CL477" s="487" t="str">
        <f t="shared" si="95"/>
        <v/>
      </c>
      <c r="CM477" s="487"/>
      <c r="CN477" s="487"/>
      <c r="CO477" s="487"/>
      <c r="CP477" s="487"/>
      <c r="CQ477" s="487"/>
      <c r="CR477" s="487"/>
      <c r="CS477" s="487"/>
      <c r="CT477" s="487"/>
      <c r="CU477" s="487"/>
      <c r="CV477" s="487"/>
      <c r="CW477" s="487"/>
      <c r="CX477" s="487"/>
      <c r="CY477" s="487"/>
      <c r="CZ477" s="487"/>
      <c r="DA477" s="487"/>
      <c r="DB477" s="487"/>
      <c r="DC477" s="487"/>
      <c r="DD477" s="487"/>
      <c r="DE477" s="487"/>
      <c r="DF477" s="487"/>
      <c r="DG477" s="487"/>
      <c r="DH477" s="487"/>
      <c r="DI477" s="76"/>
      <c r="DJ477" s="76"/>
      <c r="DK477" s="504"/>
    </row>
    <row r="478" spans="1:115" ht="56.1" hidden="1" customHeight="1" x14ac:dyDescent="0.2">
      <c r="A478" s="499" t="s">
        <v>2494</v>
      </c>
      <c r="B478" s="483" t="s">
        <v>2495</v>
      </c>
      <c r="C478" s="481">
        <v>806</v>
      </c>
      <c r="D478" s="481"/>
      <c r="E478" s="481" t="s">
        <v>2481</v>
      </c>
      <c r="F478" s="482" t="s">
        <v>53</v>
      </c>
      <c r="G478" s="482" t="s">
        <v>655</v>
      </c>
      <c r="H478" s="501" t="s">
        <v>932</v>
      </c>
      <c r="I478" s="506" t="s">
        <v>1111</v>
      </c>
      <c r="J478" s="506" t="s">
        <v>1112</v>
      </c>
      <c r="K478" s="506"/>
      <c r="L478" s="77" t="s">
        <v>58</v>
      </c>
      <c r="M478" s="500" t="s">
        <v>833</v>
      </c>
      <c r="N478" s="500"/>
      <c r="O478" s="506" t="s">
        <v>81</v>
      </c>
      <c r="P478" s="77" t="s">
        <v>77</v>
      </c>
      <c r="Q478" s="77"/>
      <c r="R478" s="501" t="s">
        <v>834</v>
      </c>
      <c r="S478" s="76" t="s">
        <v>63</v>
      </c>
      <c r="T478" s="76" t="s">
        <v>63</v>
      </c>
      <c r="U478" s="508">
        <v>1346845.5</v>
      </c>
      <c r="V478" s="508"/>
      <c r="W478" s="494" t="s">
        <v>659</v>
      </c>
      <c r="X478" s="494"/>
      <c r="Y478" s="503">
        <f t="shared" si="89"/>
        <v>1346845.5</v>
      </c>
      <c r="Z478" s="76" t="s">
        <v>65</v>
      </c>
      <c r="AA478" s="486"/>
      <c r="AB478" s="486"/>
      <c r="AC478" s="486"/>
      <c r="AD478" s="486"/>
      <c r="AE478" s="486"/>
      <c r="AF478" s="486"/>
      <c r="AG478" s="486"/>
      <c r="AH478" s="486"/>
      <c r="AI478" s="486"/>
      <c r="AJ478" s="486"/>
      <c r="AK478" s="486"/>
      <c r="AL478" s="486"/>
      <c r="AM478" s="486"/>
      <c r="AN478" s="486"/>
      <c r="AO478" s="486"/>
      <c r="AP478" s="487"/>
      <c r="AQ478" s="486"/>
      <c r="AR478" s="486"/>
      <c r="AS478" s="486"/>
      <c r="AT478" s="486"/>
      <c r="AU478" s="486"/>
      <c r="AV478" s="486"/>
      <c r="AW478" s="486"/>
      <c r="AX478" s="486"/>
      <c r="AY478" s="486"/>
      <c r="AZ478" s="486"/>
      <c r="BA478" s="486"/>
      <c r="BB478" s="486"/>
      <c r="BC478" s="486"/>
      <c r="BD478" s="486"/>
      <c r="BE478" s="486"/>
      <c r="BF478" s="80">
        <f t="shared" si="90"/>
        <v>0</v>
      </c>
      <c r="BG478" s="76"/>
      <c r="BH478" s="487" t="str">
        <f t="shared" si="96"/>
        <v/>
      </c>
      <c r="BI478" s="487" t="str">
        <f t="shared" si="96"/>
        <v/>
      </c>
      <c r="BJ478" s="487" t="str">
        <f t="shared" si="96"/>
        <v/>
      </c>
      <c r="BK478" s="487" t="str">
        <f t="shared" si="96"/>
        <v/>
      </c>
      <c r="BL478" s="487" t="str">
        <f t="shared" si="96"/>
        <v/>
      </c>
      <c r="BM478" s="487" t="str">
        <f t="shared" si="96"/>
        <v/>
      </c>
      <c r="BN478" s="487" t="str">
        <f t="shared" si="96"/>
        <v/>
      </c>
      <c r="BO478" s="487" t="str">
        <f t="shared" si="96"/>
        <v/>
      </c>
      <c r="BP478" s="487" t="str">
        <f t="shared" si="96"/>
        <v/>
      </c>
      <c r="BQ478" s="487" t="str">
        <f t="shared" si="96"/>
        <v/>
      </c>
      <c r="BR478" s="487" t="str">
        <f t="shared" si="96"/>
        <v/>
      </c>
      <c r="BS478" s="487" t="str">
        <f t="shared" si="96"/>
        <v/>
      </c>
      <c r="BT478" s="487" t="str">
        <f t="shared" si="96"/>
        <v/>
      </c>
      <c r="BU478" s="487" t="str">
        <f t="shared" si="96"/>
        <v/>
      </c>
      <c r="BV478" s="487" t="str">
        <f t="shared" si="96"/>
        <v/>
      </c>
      <c r="BW478" s="487" t="str">
        <f t="shared" ref="BW478:BZ501" si="98">IF(AP478="yes",(AP$2*$BG478),"")</f>
        <v/>
      </c>
      <c r="BX478" s="487" t="str">
        <f t="shared" si="97"/>
        <v/>
      </c>
      <c r="BY478" s="487" t="str">
        <f t="shared" si="97"/>
        <v/>
      </c>
      <c r="BZ478" s="487" t="str">
        <f t="shared" si="97"/>
        <v/>
      </c>
      <c r="CA478" s="487" t="str">
        <f t="shared" si="97"/>
        <v/>
      </c>
      <c r="CB478" s="487" t="str">
        <f t="shared" si="97"/>
        <v/>
      </c>
      <c r="CC478" s="487" t="str">
        <f t="shared" si="97"/>
        <v/>
      </c>
      <c r="CD478" s="487" t="str">
        <f t="shared" si="97"/>
        <v/>
      </c>
      <c r="CE478" s="487" t="str">
        <f t="shared" si="97"/>
        <v/>
      </c>
      <c r="CF478" s="487" t="str">
        <f t="shared" si="97"/>
        <v/>
      </c>
      <c r="CG478" s="487" t="str">
        <f t="shared" si="97"/>
        <v/>
      </c>
      <c r="CH478" s="487" t="str">
        <f t="shared" si="97"/>
        <v/>
      </c>
      <c r="CI478" s="487" t="str">
        <f t="shared" si="97"/>
        <v/>
      </c>
      <c r="CJ478" s="487" t="str">
        <f t="shared" si="95"/>
        <v/>
      </c>
      <c r="CK478" s="487" t="str">
        <f t="shared" si="95"/>
        <v/>
      </c>
      <c r="CL478" s="487" t="str">
        <f t="shared" si="95"/>
        <v/>
      </c>
      <c r="CM478" s="487"/>
      <c r="CN478" s="487"/>
      <c r="CO478" s="487"/>
      <c r="CP478" s="487"/>
      <c r="CQ478" s="487"/>
      <c r="CR478" s="487"/>
      <c r="CS478" s="487"/>
      <c r="CT478" s="487"/>
      <c r="CU478" s="487"/>
      <c r="CV478" s="487"/>
      <c r="CW478" s="487"/>
      <c r="CX478" s="487"/>
      <c r="CY478" s="487"/>
      <c r="CZ478" s="487"/>
      <c r="DA478" s="487"/>
      <c r="DB478" s="487"/>
      <c r="DC478" s="487"/>
      <c r="DD478" s="487"/>
      <c r="DE478" s="487"/>
      <c r="DF478" s="487"/>
      <c r="DG478" s="487"/>
      <c r="DH478" s="487"/>
      <c r="DI478" s="486"/>
      <c r="DJ478" s="486"/>
      <c r="DK478" s="486"/>
    </row>
    <row r="479" spans="1:115" ht="56.1" hidden="1" customHeight="1" x14ac:dyDescent="0.2">
      <c r="A479" s="499" t="s">
        <v>2494</v>
      </c>
      <c r="B479" s="483" t="s">
        <v>2495</v>
      </c>
      <c r="C479" s="481">
        <v>807</v>
      </c>
      <c r="D479" s="481"/>
      <c r="E479" s="481" t="s">
        <v>2481</v>
      </c>
      <c r="F479" s="482" t="s">
        <v>53</v>
      </c>
      <c r="G479" s="482" t="s">
        <v>655</v>
      </c>
      <c r="H479" s="501" t="s">
        <v>932</v>
      </c>
      <c r="I479" s="506" t="s">
        <v>1113</v>
      </c>
      <c r="J479" s="506" t="s">
        <v>1114</v>
      </c>
      <c r="K479" s="506"/>
      <c r="L479" s="77" t="s">
        <v>58</v>
      </c>
      <c r="M479" s="500" t="s">
        <v>833</v>
      </c>
      <c r="N479" s="500"/>
      <c r="O479" s="501" t="s">
        <v>81</v>
      </c>
      <c r="P479" s="77" t="s">
        <v>77</v>
      </c>
      <c r="Q479" s="77"/>
      <c r="R479" s="501" t="s">
        <v>834</v>
      </c>
      <c r="S479" s="76" t="s">
        <v>63</v>
      </c>
      <c r="T479" s="76" t="s">
        <v>63</v>
      </c>
      <c r="U479" s="508">
        <v>13567.125</v>
      </c>
      <c r="V479" s="508"/>
      <c r="W479" s="494" t="s">
        <v>659</v>
      </c>
      <c r="X479" s="494"/>
      <c r="Y479" s="503">
        <f t="shared" si="89"/>
        <v>13567.125</v>
      </c>
      <c r="Z479" s="76" t="s">
        <v>65</v>
      </c>
      <c r="AA479" s="486"/>
      <c r="AB479" s="486"/>
      <c r="AC479" s="486"/>
      <c r="AD479" s="486"/>
      <c r="AE479" s="486"/>
      <c r="AF479" s="486"/>
      <c r="AG479" s="486"/>
      <c r="AH479" s="486"/>
      <c r="AI479" s="486"/>
      <c r="AJ479" s="486"/>
      <c r="AK479" s="486"/>
      <c r="AL479" s="486"/>
      <c r="AM479" s="486"/>
      <c r="AN479" s="486"/>
      <c r="AO479" s="486"/>
      <c r="AP479" s="487"/>
      <c r="AQ479" s="486"/>
      <c r="AR479" s="486"/>
      <c r="AS479" s="486"/>
      <c r="AT479" s="486"/>
      <c r="AU479" s="486"/>
      <c r="AV479" s="486"/>
      <c r="AW479" s="486"/>
      <c r="AX479" s="486"/>
      <c r="AY479" s="486"/>
      <c r="AZ479" s="486"/>
      <c r="BA479" s="486"/>
      <c r="BB479" s="486"/>
      <c r="BC479" s="486"/>
      <c r="BD479" s="486"/>
      <c r="BE479" s="486"/>
      <c r="BF479" s="80">
        <f t="shared" si="90"/>
        <v>0</v>
      </c>
      <c r="BG479" s="76"/>
      <c r="BH479" s="487" t="str">
        <f t="shared" ref="BH479:BV495" si="99">IF(AA479="yes",(AA$2*$BG479),"")</f>
        <v/>
      </c>
      <c r="BI479" s="487" t="str">
        <f t="shared" si="99"/>
        <v/>
      </c>
      <c r="BJ479" s="487" t="str">
        <f t="shared" si="99"/>
        <v/>
      </c>
      <c r="BK479" s="487" t="str">
        <f t="shared" si="99"/>
        <v/>
      </c>
      <c r="BL479" s="487" t="str">
        <f t="shared" si="99"/>
        <v/>
      </c>
      <c r="BM479" s="487" t="str">
        <f t="shared" si="99"/>
        <v/>
      </c>
      <c r="BN479" s="487" t="str">
        <f t="shared" si="99"/>
        <v/>
      </c>
      <c r="BO479" s="487" t="str">
        <f t="shared" si="99"/>
        <v/>
      </c>
      <c r="BP479" s="487" t="str">
        <f t="shared" si="99"/>
        <v/>
      </c>
      <c r="BQ479" s="487" t="str">
        <f t="shared" si="99"/>
        <v/>
      </c>
      <c r="BR479" s="487" t="str">
        <f t="shared" si="99"/>
        <v/>
      </c>
      <c r="BS479" s="487" t="str">
        <f t="shared" si="99"/>
        <v/>
      </c>
      <c r="BT479" s="487" t="str">
        <f t="shared" si="99"/>
        <v/>
      </c>
      <c r="BU479" s="487" t="str">
        <f t="shared" si="99"/>
        <v/>
      </c>
      <c r="BV479" s="487" t="str">
        <f t="shared" si="99"/>
        <v/>
      </c>
      <c r="BW479" s="487" t="str">
        <f t="shared" si="98"/>
        <v/>
      </c>
      <c r="BX479" s="487" t="str">
        <f t="shared" si="97"/>
        <v/>
      </c>
      <c r="BY479" s="487" t="str">
        <f t="shared" si="97"/>
        <v/>
      </c>
      <c r="BZ479" s="487" t="str">
        <f t="shared" si="97"/>
        <v/>
      </c>
      <c r="CA479" s="487" t="str">
        <f t="shared" si="97"/>
        <v/>
      </c>
      <c r="CB479" s="487" t="str">
        <f t="shared" si="97"/>
        <v/>
      </c>
      <c r="CC479" s="487" t="str">
        <f t="shared" si="97"/>
        <v/>
      </c>
      <c r="CD479" s="487" t="str">
        <f t="shared" si="97"/>
        <v/>
      </c>
      <c r="CE479" s="487" t="str">
        <f t="shared" si="97"/>
        <v/>
      </c>
      <c r="CF479" s="487" t="str">
        <f t="shared" si="97"/>
        <v/>
      </c>
      <c r="CG479" s="487" t="str">
        <f t="shared" si="97"/>
        <v/>
      </c>
      <c r="CH479" s="487" t="str">
        <f t="shared" si="97"/>
        <v/>
      </c>
      <c r="CI479" s="487" t="str">
        <f t="shared" si="97"/>
        <v/>
      </c>
      <c r="CJ479" s="487" t="str">
        <f t="shared" si="95"/>
        <v/>
      </c>
      <c r="CK479" s="487" t="str">
        <f t="shared" si="95"/>
        <v/>
      </c>
      <c r="CL479" s="487" t="str">
        <f t="shared" si="95"/>
        <v/>
      </c>
      <c r="CM479" s="487"/>
      <c r="CN479" s="487"/>
      <c r="CO479" s="487"/>
      <c r="CP479" s="487"/>
      <c r="CQ479" s="487"/>
      <c r="CR479" s="487"/>
      <c r="CS479" s="487"/>
      <c r="CT479" s="487"/>
      <c r="CU479" s="487"/>
      <c r="CV479" s="487"/>
      <c r="CW479" s="487"/>
      <c r="CX479" s="487"/>
      <c r="CY479" s="487"/>
      <c r="CZ479" s="487"/>
      <c r="DA479" s="487"/>
      <c r="DB479" s="487"/>
      <c r="DC479" s="487"/>
      <c r="DD479" s="487"/>
      <c r="DE479" s="487"/>
      <c r="DF479" s="487"/>
      <c r="DG479" s="487"/>
      <c r="DH479" s="487"/>
      <c r="DI479" s="486"/>
      <c r="DJ479" s="486"/>
      <c r="DK479" s="486"/>
    </row>
    <row r="480" spans="1:115" ht="56.1" hidden="1" customHeight="1" x14ac:dyDescent="0.2">
      <c r="A480" s="499" t="s">
        <v>2494</v>
      </c>
      <c r="B480" s="483" t="s">
        <v>2495</v>
      </c>
      <c r="C480" s="481">
        <v>808</v>
      </c>
      <c r="D480" s="481"/>
      <c r="E480" s="481" t="s">
        <v>2481</v>
      </c>
      <c r="F480" s="482" t="s">
        <v>53</v>
      </c>
      <c r="G480" s="482" t="s">
        <v>655</v>
      </c>
      <c r="H480" s="501" t="s">
        <v>932</v>
      </c>
      <c r="I480" s="506" t="s">
        <v>1115</v>
      </c>
      <c r="J480" s="506" t="s">
        <v>1116</v>
      </c>
      <c r="K480" s="506"/>
      <c r="L480" s="77" t="s">
        <v>58</v>
      </c>
      <c r="M480" s="500" t="s">
        <v>833</v>
      </c>
      <c r="N480" s="500"/>
      <c r="O480" s="506" t="s">
        <v>81</v>
      </c>
      <c r="P480" s="77" t="s">
        <v>77</v>
      </c>
      <c r="Q480" s="77"/>
      <c r="R480" s="500" t="s">
        <v>722</v>
      </c>
      <c r="S480" s="76" t="s">
        <v>63</v>
      </c>
      <c r="T480" s="76" t="s">
        <v>63</v>
      </c>
      <c r="U480" s="508">
        <v>8395.8302999999996</v>
      </c>
      <c r="V480" s="508"/>
      <c r="W480" s="494" t="s">
        <v>659</v>
      </c>
      <c r="X480" s="494"/>
      <c r="Y480" s="503">
        <f t="shared" si="89"/>
        <v>8395.8302999999996</v>
      </c>
      <c r="Z480" s="76" t="s">
        <v>65</v>
      </c>
      <c r="AA480" s="487"/>
      <c r="AB480" s="486"/>
      <c r="AC480" s="486"/>
      <c r="AD480" s="486"/>
      <c r="AE480" s="486"/>
      <c r="AF480" s="486"/>
      <c r="AG480" s="486"/>
      <c r="AH480" s="486"/>
      <c r="AI480" s="486"/>
      <c r="AJ480" s="486"/>
      <c r="AK480" s="486"/>
      <c r="AL480" s="486"/>
      <c r="AM480" s="486"/>
      <c r="AN480" s="486"/>
      <c r="AO480" s="486"/>
      <c r="AP480" s="486"/>
      <c r="AQ480" s="486"/>
      <c r="AR480" s="486"/>
      <c r="AS480" s="486"/>
      <c r="AT480" s="486"/>
      <c r="AU480" s="486"/>
      <c r="AV480" s="486"/>
      <c r="AW480" s="486"/>
      <c r="AX480" s="486"/>
      <c r="AY480" s="486"/>
      <c r="AZ480" s="486"/>
      <c r="BA480" s="486"/>
      <c r="BB480" s="486"/>
      <c r="BC480" s="486"/>
      <c r="BD480" s="486"/>
      <c r="BE480" s="486"/>
      <c r="BF480" s="80">
        <f t="shared" si="90"/>
        <v>0</v>
      </c>
      <c r="BG480" s="76"/>
      <c r="BH480" s="487" t="str">
        <f t="shared" si="99"/>
        <v/>
      </c>
      <c r="BI480" s="487" t="str">
        <f t="shared" si="99"/>
        <v/>
      </c>
      <c r="BJ480" s="487" t="str">
        <f t="shared" si="99"/>
        <v/>
      </c>
      <c r="BK480" s="487" t="str">
        <f t="shared" si="99"/>
        <v/>
      </c>
      <c r="BL480" s="487" t="str">
        <f t="shared" si="99"/>
        <v/>
      </c>
      <c r="BM480" s="487" t="str">
        <f t="shared" si="99"/>
        <v/>
      </c>
      <c r="BN480" s="487" t="str">
        <f t="shared" si="99"/>
        <v/>
      </c>
      <c r="BO480" s="487" t="str">
        <f t="shared" si="99"/>
        <v/>
      </c>
      <c r="BP480" s="487" t="str">
        <f t="shared" si="99"/>
        <v/>
      </c>
      <c r="BQ480" s="487" t="str">
        <f t="shared" si="99"/>
        <v/>
      </c>
      <c r="BR480" s="487" t="str">
        <f t="shared" si="99"/>
        <v/>
      </c>
      <c r="BS480" s="487" t="str">
        <f t="shared" si="99"/>
        <v/>
      </c>
      <c r="BT480" s="487" t="str">
        <f t="shared" si="99"/>
        <v/>
      </c>
      <c r="BU480" s="487" t="str">
        <f t="shared" si="99"/>
        <v/>
      </c>
      <c r="BV480" s="487" t="str">
        <f t="shared" si="99"/>
        <v/>
      </c>
      <c r="BW480" s="487" t="str">
        <f t="shared" si="98"/>
        <v/>
      </c>
      <c r="BX480" s="487" t="str">
        <f t="shared" si="97"/>
        <v/>
      </c>
      <c r="BY480" s="487" t="str">
        <f t="shared" si="97"/>
        <v/>
      </c>
      <c r="BZ480" s="487" t="str">
        <f t="shared" si="97"/>
        <v/>
      </c>
      <c r="CA480" s="487" t="str">
        <f t="shared" si="97"/>
        <v/>
      </c>
      <c r="CB480" s="487" t="str">
        <f t="shared" si="97"/>
        <v/>
      </c>
      <c r="CC480" s="487" t="str">
        <f t="shared" si="97"/>
        <v/>
      </c>
      <c r="CD480" s="487" t="str">
        <f t="shared" si="97"/>
        <v/>
      </c>
      <c r="CE480" s="487" t="str">
        <f t="shared" si="97"/>
        <v/>
      </c>
      <c r="CF480" s="487" t="str">
        <f t="shared" si="97"/>
        <v/>
      </c>
      <c r="CG480" s="487" t="str">
        <f t="shared" si="97"/>
        <v/>
      </c>
      <c r="CH480" s="487" t="str">
        <f t="shared" si="97"/>
        <v/>
      </c>
      <c r="CI480" s="487" t="str">
        <f t="shared" si="97"/>
        <v/>
      </c>
      <c r="CJ480" s="487" t="str">
        <f t="shared" si="95"/>
        <v/>
      </c>
      <c r="CK480" s="487" t="str">
        <f t="shared" si="95"/>
        <v/>
      </c>
      <c r="CL480" s="487" t="str">
        <f t="shared" si="95"/>
        <v/>
      </c>
      <c r="CM480" s="487"/>
      <c r="CN480" s="487"/>
      <c r="CO480" s="487"/>
      <c r="CP480" s="487"/>
      <c r="CQ480" s="487"/>
      <c r="CR480" s="487"/>
      <c r="CS480" s="487"/>
      <c r="CT480" s="487"/>
      <c r="CU480" s="487"/>
      <c r="CV480" s="487"/>
      <c r="CW480" s="487"/>
      <c r="CX480" s="487"/>
      <c r="CY480" s="487"/>
      <c r="CZ480" s="487"/>
      <c r="DA480" s="487"/>
      <c r="DB480" s="487"/>
      <c r="DC480" s="487"/>
      <c r="DD480" s="487"/>
      <c r="DE480" s="487"/>
      <c r="DF480" s="487"/>
      <c r="DG480" s="487"/>
      <c r="DH480" s="487"/>
      <c r="DI480" s="486"/>
      <c r="DJ480" s="486"/>
      <c r="DK480" s="486"/>
    </row>
    <row r="481" spans="1:115" ht="56.1" hidden="1" customHeight="1" x14ac:dyDescent="0.2">
      <c r="A481" s="499" t="s">
        <v>2494</v>
      </c>
      <c r="B481" s="483" t="s">
        <v>2495</v>
      </c>
      <c r="C481" s="481">
        <v>809</v>
      </c>
      <c r="D481" s="481"/>
      <c r="E481" s="481" t="s">
        <v>2481</v>
      </c>
      <c r="F481" s="482" t="s">
        <v>53</v>
      </c>
      <c r="G481" s="482" t="s">
        <v>655</v>
      </c>
      <c r="H481" s="501" t="s">
        <v>932</v>
      </c>
      <c r="I481" s="506" t="s">
        <v>1117</v>
      </c>
      <c r="J481" s="506" t="s">
        <v>1118</v>
      </c>
      <c r="K481" s="506"/>
      <c r="L481" s="77" t="s">
        <v>58</v>
      </c>
      <c r="M481" s="500" t="s">
        <v>833</v>
      </c>
      <c r="N481" s="500"/>
      <c r="O481" s="501" t="s">
        <v>81</v>
      </c>
      <c r="P481" s="77" t="s">
        <v>77</v>
      </c>
      <c r="Q481" s="77"/>
      <c r="R481" s="500" t="s">
        <v>722</v>
      </c>
      <c r="S481" s="76" t="s">
        <v>63</v>
      </c>
      <c r="T481" s="76" t="s">
        <v>63</v>
      </c>
      <c r="U481" s="508">
        <v>176783.75</v>
      </c>
      <c r="V481" s="508"/>
      <c r="W481" s="494" t="s">
        <v>659</v>
      </c>
      <c r="X481" s="494"/>
      <c r="Y481" s="503">
        <f t="shared" si="89"/>
        <v>176783.75</v>
      </c>
      <c r="Z481" s="76" t="s">
        <v>65</v>
      </c>
      <c r="AA481" s="487"/>
      <c r="AB481" s="486"/>
      <c r="AC481" s="486"/>
      <c r="AD481" s="486"/>
      <c r="AE481" s="486"/>
      <c r="AF481" s="486"/>
      <c r="AG481" s="486"/>
      <c r="AH481" s="486"/>
      <c r="AI481" s="486"/>
      <c r="AJ481" s="486"/>
      <c r="AK481" s="486"/>
      <c r="AL481" s="486"/>
      <c r="AM481" s="486"/>
      <c r="AN481" s="486"/>
      <c r="AO481" s="486"/>
      <c r="AP481" s="486"/>
      <c r="AQ481" s="486"/>
      <c r="AR481" s="486"/>
      <c r="AS481" s="486"/>
      <c r="AT481" s="486"/>
      <c r="AU481" s="486"/>
      <c r="AV481" s="486"/>
      <c r="AW481" s="486"/>
      <c r="AX481" s="486"/>
      <c r="AY481" s="486"/>
      <c r="AZ481" s="486"/>
      <c r="BA481" s="486"/>
      <c r="BB481" s="486"/>
      <c r="BC481" s="486"/>
      <c r="BD481" s="486"/>
      <c r="BE481" s="486"/>
      <c r="BF481" s="80">
        <f t="shared" si="90"/>
        <v>0</v>
      </c>
      <c r="BG481" s="76"/>
      <c r="BH481" s="487" t="str">
        <f t="shared" si="99"/>
        <v/>
      </c>
      <c r="BI481" s="487" t="str">
        <f t="shared" si="99"/>
        <v/>
      </c>
      <c r="BJ481" s="487" t="str">
        <f t="shared" si="99"/>
        <v/>
      </c>
      <c r="BK481" s="487" t="str">
        <f t="shared" si="99"/>
        <v/>
      </c>
      <c r="BL481" s="487" t="str">
        <f t="shared" si="99"/>
        <v/>
      </c>
      <c r="BM481" s="487" t="str">
        <f t="shared" si="99"/>
        <v/>
      </c>
      <c r="BN481" s="487" t="str">
        <f t="shared" si="99"/>
        <v/>
      </c>
      <c r="BO481" s="487" t="str">
        <f t="shared" si="99"/>
        <v/>
      </c>
      <c r="BP481" s="487" t="str">
        <f t="shared" si="99"/>
        <v/>
      </c>
      <c r="BQ481" s="487" t="str">
        <f t="shared" si="99"/>
        <v/>
      </c>
      <c r="BR481" s="487" t="str">
        <f t="shared" si="99"/>
        <v/>
      </c>
      <c r="BS481" s="487" t="str">
        <f t="shared" si="99"/>
        <v/>
      </c>
      <c r="BT481" s="487" t="str">
        <f t="shared" si="99"/>
        <v/>
      </c>
      <c r="BU481" s="487" t="str">
        <f t="shared" si="99"/>
        <v/>
      </c>
      <c r="BV481" s="487" t="str">
        <f t="shared" si="99"/>
        <v/>
      </c>
      <c r="BW481" s="487" t="str">
        <f t="shared" si="98"/>
        <v/>
      </c>
      <c r="BX481" s="487" t="str">
        <f t="shared" si="97"/>
        <v/>
      </c>
      <c r="BY481" s="487" t="str">
        <f t="shared" si="97"/>
        <v/>
      </c>
      <c r="BZ481" s="487" t="str">
        <f t="shared" si="97"/>
        <v/>
      </c>
      <c r="CA481" s="487" t="str">
        <f t="shared" si="97"/>
        <v/>
      </c>
      <c r="CB481" s="487" t="str">
        <f t="shared" si="97"/>
        <v/>
      </c>
      <c r="CC481" s="487" t="str">
        <f t="shared" si="97"/>
        <v/>
      </c>
      <c r="CD481" s="487" t="str">
        <f t="shared" si="97"/>
        <v/>
      </c>
      <c r="CE481" s="487" t="str">
        <f t="shared" si="97"/>
        <v/>
      </c>
      <c r="CF481" s="487" t="str">
        <f t="shared" si="97"/>
        <v/>
      </c>
      <c r="CG481" s="487" t="str">
        <f t="shared" si="97"/>
        <v/>
      </c>
      <c r="CH481" s="487" t="str">
        <f t="shared" si="97"/>
        <v/>
      </c>
      <c r="CI481" s="487" t="str">
        <f t="shared" si="97"/>
        <v/>
      </c>
      <c r="CJ481" s="487" t="str">
        <f t="shared" si="95"/>
        <v/>
      </c>
      <c r="CK481" s="487" t="str">
        <f t="shared" si="95"/>
        <v/>
      </c>
      <c r="CL481" s="487" t="str">
        <f t="shared" si="95"/>
        <v/>
      </c>
      <c r="CM481" s="487"/>
      <c r="CN481" s="487"/>
      <c r="CO481" s="487"/>
      <c r="CP481" s="487"/>
      <c r="CQ481" s="487"/>
      <c r="CR481" s="487"/>
      <c r="CS481" s="487"/>
      <c r="CT481" s="487"/>
      <c r="CU481" s="487"/>
      <c r="CV481" s="487"/>
      <c r="CW481" s="487"/>
      <c r="CX481" s="487"/>
      <c r="CY481" s="487"/>
      <c r="CZ481" s="487"/>
      <c r="DA481" s="487"/>
      <c r="DB481" s="487"/>
      <c r="DC481" s="487"/>
      <c r="DD481" s="487"/>
      <c r="DE481" s="487"/>
      <c r="DF481" s="487"/>
      <c r="DG481" s="487"/>
      <c r="DH481" s="487"/>
      <c r="DI481" s="486"/>
      <c r="DJ481" s="486"/>
      <c r="DK481" s="486"/>
    </row>
    <row r="482" spans="1:115" ht="56.1" hidden="1" customHeight="1" x14ac:dyDescent="0.2">
      <c r="A482" s="510"/>
      <c r="B482" s="510"/>
      <c r="C482" s="481">
        <v>698</v>
      </c>
      <c r="D482" s="481"/>
      <c r="E482" s="481" t="s">
        <v>2481</v>
      </c>
      <c r="F482" s="482" t="s">
        <v>53</v>
      </c>
      <c r="G482" s="482" t="s">
        <v>655</v>
      </c>
      <c r="H482" s="500" t="s">
        <v>830</v>
      </c>
      <c r="I482" s="501" t="s">
        <v>882</v>
      </c>
      <c r="J482" s="506" t="s">
        <v>883</v>
      </c>
      <c r="K482" s="506"/>
      <c r="L482" s="77" t="s">
        <v>58</v>
      </c>
      <c r="M482" s="501" t="s">
        <v>59</v>
      </c>
      <c r="N482" s="501"/>
      <c r="O482" s="501" t="s">
        <v>60</v>
      </c>
      <c r="P482" s="77" t="s">
        <v>77</v>
      </c>
      <c r="Q482" s="77"/>
      <c r="R482" s="500" t="s">
        <v>834</v>
      </c>
      <c r="S482" s="76" t="s">
        <v>63</v>
      </c>
      <c r="T482" s="76" t="s">
        <v>63</v>
      </c>
      <c r="U482" s="502">
        <v>370629.1875</v>
      </c>
      <c r="V482" s="502"/>
      <c r="W482" s="510" t="s">
        <v>839</v>
      </c>
      <c r="X482" s="510"/>
      <c r="Y482" s="503">
        <f t="shared" si="89"/>
        <v>370629.1875</v>
      </c>
      <c r="Z482" s="76" t="s">
        <v>65</v>
      </c>
      <c r="AA482" s="76"/>
      <c r="AB482" s="76"/>
      <c r="AC482" s="76"/>
      <c r="AD482" s="76"/>
      <c r="AE482" s="76"/>
      <c r="AF482" s="76"/>
      <c r="AG482" s="76"/>
      <c r="AH482" s="76"/>
      <c r="AI482" s="76"/>
      <c r="AJ482" s="76"/>
      <c r="AK482" s="76"/>
      <c r="AL482" s="76"/>
      <c r="AM482" s="76"/>
      <c r="AN482" s="76"/>
      <c r="AO482" s="76"/>
      <c r="AP482" s="76"/>
      <c r="AQ482" s="76"/>
      <c r="AR482" s="76"/>
      <c r="AS482" s="76"/>
      <c r="AT482" s="76"/>
      <c r="AU482" s="76"/>
      <c r="AV482" s="76"/>
      <c r="AW482" s="76"/>
      <c r="AX482" s="76"/>
      <c r="AY482" s="76"/>
      <c r="AZ482" s="76"/>
      <c r="BA482" s="76"/>
      <c r="BB482" s="76"/>
      <c r="BC482" s="76"/>
      <c r="BD482" s="76"/>
      <c r="BE482" s="76"/>
      <c r="BF482" s="80">
        <f t="shared" si="90"/>
        <v>0</v>
      </c>
      <c r="BG482" s="76"/>
      <c r="BH482" s="487" t="str">
        <f t="shared" si="99"/>
        <v/>
      </c>
      <c r="BI482" s="487" t="str">
        <f t="shared" si="99"/>
        <v/>
      </c>
      <c r="BJ482" s="487" t="str">
        <f t="shared" si="99"/>
        <v/>
      </c>
      <c r="BK482" s="487" t="str">
        <f t="shared" si="99"/>
        <v/>
      </c>
      <c r="BL482" s="487" t="str">
        <f t="shared" si="99"/>
        <v/>
      </c>
      <c r="BM482" s="487" t="str">
        <f t="shared" si="99"/>
        <v/>
      </c>
      <c r="BN482" s="487" t="str">
        <f t="shared" si="99"/>
        <v/>
      </c>
      <c r="BO482" s="487" t="str">
        <f t="shared" si="99"/>
        <v/>
      </c>
      <c r="BP482" s="487" t="str">
        <f t="shared" si="99"/>
        <v/>
      </c>
      <c r="BQ482" s="487" t="str">
        <f t="shared" si="99"/>
        <v/>
      </c>
      <c r="BR482" s="487" t="str">
        <f t="shared" si="99"/>
        <v/>
      </c>
      <c r="BS482" s="487" t="str">
        <f t="shared" si="99"/>
        <v/>
      </c>
      <c r="BT482" s="487" t="str">
        <f t="shared" si="99"/>
        <v/>
      </c>
      <c r="BU482" s="487" t="str">
        <f t="shared" si="99"/>
        <v/>
      </c>
      <c r="BV482" s="487" t="str">
        <f t="shared" si="99"/>
        <v/>
      </c>
      <c r="BW482" s="487" t="str">
        <f t="shared" si="98"/>
        <v/>
      </c>
      <c r="BX482" s="487" t="str">
        <f t="shared" si="97"/>
        <v/>
      </c>
      <c r="BY482" s="487" t="str">
        <f t="shared" si="97"/>
        <v/>
      </c>
      <c r="BZ482" s="487" t="str">
        <f t="shared" si="97"/>
        <v/>
      </c>
      <c r="CA482" s="487" t="str">
        <f t="shared" si="97"/>
        <v/>
      </c>
      <c r="CB482" s="487" t="str">
        <f t="shared" si="97"/>
        <v/>
      </c>
      <c r="CC482" s="487" t="str">
        <f t="shared" si="97"/>
        <v/>
      </c>
      <c r="CD482" s="487" t="str">
        <f t="shared" si="97"/>
        <v/>
      </c>
      <c r="CE482" s="487" t="str">
        <f t="shared" si="97"/>
        <v/>
      </c>
      <c r="CF482" s="487" t="str">
        <f t="shared" si="97"/>
        <v/>
      </c>
      <c r="CG482" s="487" t="str">
        <f t="shared" si="97"/>
        <v/>
      </c>
      <c r="CH482" s="487" t="str">
        <f t="shared" si="97"/>
        <v/>
      </c>
      <c r="CI482" s="487" t="str">
        <f t="shared" si="97"/>
        <v/>
      </c>
      <c r="CJ482" s="487" t="str">
        <f t="shared" si="95"/>
        <v/>
      </c>
      <c r="CK482" s="487" t="str">
        <f t="shared" si="95"/>
        <v/>
      </c>
      <c r="CL482" s="487" t="str">
        <f t="shared" si="95"/>
        <v/>
      </c>
      <c r="CM482" s="487"/>
      <c r="CN482" s="487"/>
      <c r="CO482" s="487"/>
      <c r="CP482" s="487"/>
      <c r="CQ482" s="487"/>
      <c r="CR482" s="487"/>
      <c r="CS482" s="487"/>
      <c r="CT482" s="487"/>
      <c r="CU482" s="487"/>
      <c r="CV482" s="487"/>
      <c r="CW482" s="487"/>
      <c r="CX482" s="487"/>
      <c r="CY482" s="487"/>
      <c r="CZ482" s="487"/>
      <c r="DA482" s="487"/>
      <c r="DB482" s="487"/>
      <c r="DC482" s="487"/>
      <c r="DD482" s="487"/>
      <c r="DE482" s="487"/>
      <c r="DF482" s="487"/>
      <c r="DG482" s="487"/>
      <c r="DH482" s="487"/>
      <c r="DI482" s="76"/>
      <c r="DJ482" s="76"/>
      <c r="DK482" s="504"/>
    </row>
    <row r="483" spans="1:115" ht="56.1" hidden="1" customHeight="1" x14ac:dyDescent="0.2">
      <c r="A483" s="499" t="s">
        <v>2494</v>
      </c>
      <c r="B483" s="483" t="s">
        <v>2495</v>
      </c>
      <c r="C483" s="481">
        <v>811</v>
      </c>
      <c r="D483" s="481"/>
      <c r="E483" s="481" t="s">
        <v>2481</v>
      </c>
      <c r="F483" s="482" t="s">
        <v>53</v>
      </c>
      <c r="G483" s="482" t="s">
        <v>655</v>
      </c>
      <c r="H483" s="501" t="s">
        <v>932</v>
      </c>
      <c r="I483" s="501" t="s">
        <v>1121</v>
      </c>
      <c r="J483" s="506" t="s">
        <v>1122</v>
      </c>
      <c r="K483" s="506"/>
      <c r="L483" s="77" t="s">
        <v>58</v>
      </c>
      <c r="M483" s="500" t="s">
        <v>833</v>
      </c>
      <c r="N483" s="500"/>
      <c r="O483" s="501" t="s">
        <v>81</v>
      </c>
      <c r="P483" s="77" t="s">
        <v>77</v>
      </c>
      <c r="Q483" s="77"/>
      <c r="R483" s="500" t="s">
        <v>722</v>
      </c>
      <c r="S483" s="76" t="s">
        <v>63</v>
      </c>
      <c r="T483" s="76" t="s">
        <v>63</v>
      </c>
      <c r="U483" s="508">
        <v>742080.625</v>
      </c>
      <c r="V483" s="508"/>
      <c r="W483" s="494" t="s">
        <v>659</v>
      </c>
      <c r="X483" s="494"/>
      <c r="Y483" s="503">
        <f t="shared" si="89"/>
        <v>742080.625</v>
      </c>
      <c r="Z483" s="76" t="s">
        <v>65</v>
      </c>
      <c r="AA483" s="487"/>
      <c r="AB483" s="487"/>
      <c r="AC483" s="487"/>
      <c r="AD483" s="487"/>
      <c r="AE483" s="487"/>
      <c r="AF483" s="487"/>
      <c r="AG483" s="487"/>
      <c r="AH483" s="487"/>
      <c r="AI483" s="487"/>
      <c r="AJ483" s="487"/>
      <c r="AK483" s="487"/>
      <c r="AL483" s="487"/>
      <c r="AM483" s="487"/>
      <c r="AN483" s="487"/>
      <c r="AO483" s="487"/>
      <c r="AP483" s="487"/>
      <c r="AQ483" s="76"/>
      <c r="AR483" s="487"/>
      <c r="AS483" s="487"/>
      <c r="AT483" s="487"/>
      <c r="AU483" s="76"/>
      <c r="AV483" s="487"/>
      <c r="AW483" s="487"/>
      <c r="AX483" s="487"/>
      <c r="AY483" s="76"/>
      <c r="AZ483" s="487"/>
      <c r="BA483" s="76"/>
      <c r="BB483" s="76"/>
      <c r="BC483" s="487"/>
      <c r="BD483" s="76"/>
      <c r="BE483" s="76"/>
      <c r="BF483" s="80">
        <f t="shared" si="90"/>
        <v>0</v>
      </c>
      <c r="BG483" s="76"/>
      <c r="BH483" s="487" t="str">
        <f t="shared" si="99"/>
        <v/>
      </c>
      <c r="BI483" s="487" t="str">
        <f t="shared" si="99"/>
        <v/>
      </c>
      <c r="BJ483" s="487" t="str">
        <f t="shared" si="99"/>
        <v/>
      </c>
      <c r="BK483" s="487" t="str">
        <f t="shared" si="99"/>
        <v/>
      </c>
      <c r="BL483" s="487" t="str">
        <f t="shared" si="99"/>
        <v/>
      </c>
      <c r="BM483" s="487" t="str">
        <f t="shared" si="99"/>
        <v/>
      </c>
      <c r="BN483" s="487" t="str">
        <f t="shared" si="99"/>
        <v/>
      </c>
      <c r="BO483" s="487" t="str">
        <f t="shared" si="99"/>
        <v/>
      </c>
      <c r="BP483" s="487" t="str">
        <f t="shared" si="99"/>
        <v/>
      </c>
      <c r="BQ483" s="487" t="str">
        <f t="shared" si="99"/>
        <v/>
      </c>
      <c r="BR483" s="487" t="str">
        <f t="shared" si="99"/>
        <v/>
      </c>
      <c r="BS483" s="487" t="str">
        <f t="shared" si="99"/>
        <v/>
      </c>
      <c r="BT483" s="487" t="str">
        <f t="shared" si="99"/>
        <v/>
      </c>
      <c r="BU483" s="487" t="str">
        <f t="shared" si="99"/>
        <v/>
      </c>
      <c r="BV483" s="487" t="str">
        <f t="shared" si="99"/>
        <v/>
      </c>
      <c r="BW483" s="487" t="str">
        <f t="shared" si="98"/>
        <v/>
      </c>
      <c r="BX483" s="487" t="str">
        <f t="shared" si="97"/>
        <v/>
      </c>
      <c r="BY483" s="487" t="str">
        <f t="shared" si="97"/>
        <v/>
      </c>
      <c r="BZ483" s="487" t="str">
        <f t="shared" si="97"/>
        <v/>
      </c>
      <c r="CA483" s="487" t="str">
        <f t="shared" si="97"/>
        <v/>
      </c>
      <c r="CB483" s="487" t="str">
        <f t="shared" si="97"/>
        <v/>
      </c>
      <c r="CC483" s="487" t="str">
        <f t="shared" si="97"/>
        <v/>
      </c>
      <c r="CD483" s="487" t="str">
        <f t="shared" si="97"/>
        <v/>
      </c>
      <c r="CE483" s="487" t="str">
        <f t="shared" si="97"/>
        <v/>
      </c>
      <c r="CF483" s="487" t="str">
        <f t="shared" si="97"/>
        <v/>
      </c>
      <c r="CG483" s="487" t="str">
        <f t="shared" si="97"/>
        <v/>
      </c>
      <c r="CH483" s="487" t="str">
        <f t="shared" si="97"/>
        <v/>
      </c>
      <c r="CI483" s="487" t="str">
        <f t="shared" si="97"/>
        <v/>
      </c>
      <c r="CJ483" s="487" t="str">
        <f t="shared" si="95"/>
        <v/>
      </c>
      <c r="CK483" s="487" t="str">
        <f t="shared" si="95"/>
        <v/>
      </c>
      <c r="CL483" s="487" t="str">
        <f t="shared" si="95"/>
        <v/>
      </c>
      <c r="CM483" s="487"/>
      <c r="CN483" s="487"/>
      <c r="CO483" s="487"/>
      <c r="CP483" s="487"/>
      <c r="CQ483" s="487"/>
      <c r="CR483" s="487"/>
      <c r="CS483" s="487"/>
      <c r="CT483" s="487"/>
      <c r="CU483" s="487"/>
      <c r="CV483" s="487"/>
      <c r="CW483" s="487"/>
      <c r="CX483" s="487"/>
      <c r="CY483" s="487"/>
      <c r="CZ483" s="487"/>
      <c r="DA483" s="487"/>
      <c r="DB483" s="487"/>
      <c r="DC483" s="487"/>
      <c r="DD483" s="487"/>
      <c r="DE483" s="487"/>
      <c r="DF483" s="487"/>
      <c r="DG483" s="487"/>
      <c r="DH483" s="487"/>
      <c r="DI483" s="486"/>
      <c r="DJ483" s="486"/>
      <c r="DK483" s="486"/>
    </row>
    <row r="484" spans="1:115" ht="56.1" hidden="1" customHeight="1" x14ac:dyDescent="0.2">
      <c r="A484" s="499" t="s">
        <v>2494</v>
      </c>
      <c r="B484" s="483" t="s">
        <v>2495</v>
      </c>
      <c r="C484" s="481">
        <v>812</v>
      </c>
      <c r="D484" s="481"/>
      <c r="E484" s="481" t="s">
        <v>2481</v>
      </c>
      <c r="F484" s="482" t="s">
        <v>53</v>
      </c>
      <c r="G484" s="482" t="s">
        <v>655</v>
      </c>
      <c r="H484" s="501" t="s">
        <v>932</v>
      </c>
      <c r="I484" s="501" t="s">
        <v>1123</v>
      </c>
      <c r="J484" s="506" t="s">
        <v>1124</v>
      </c>
      <c r="K484" s="506"/>
      <c r="L484" s="77" t="s">
        <v>58</v>
      </c>
      <c r="M484" s="500" t="s">
        <v>833</v>
      </c>
      <c r="N484" s="500"/>
      <c r="O484" s="506" t="s">
        <v>81</v>
      </c>
      <c r="P484" s="77" t="s">
        <v>77</v>
      </c>
      <c r="Q484" s="77"/>
      <c r="R484" s="500" t="s">
        <v>722</v>
      </c>
      <c r="S484" s="76" t="s">
        <v>63</v>
      </c>
      <c r="T484" s="76" t="s">
        <v>63</v>
      </c>
      <c r="U484" s="508">
        <v>226118.75</v>
      </c>
      <c r="V484" s="508"/>
      <c r="W484" s="494" t="s">
        <v>659</v>
      </c>
      <c r="X484" s="494"/>
      <c r="Y484" s="503">
        <f t="shared" si="89"/>
        <v>226118.75</v>
      </c>
      <c r="Z484" s="76" t="s">
        <v>65</v>
      </c>
      <c r="AA484" s="487"/>
      <c r="AB484" s="487"/>
      <c r="AC484" s="487"/>
      <c r="AD484" s="487"/>
      <c r="AE484" s="487"/>
      <c r="AF484" s="487"/>
      <c r="AG484" s="487"/>
      <c r="AH484" s="487"/>
      <c r="AI484" s="487"/>
      <c r="AJ484" s="487"/>
      <c r="AK484" s="487"/>
      <c r="AL484" s="487"/>
      <c r="AM484" s="487"/>
      <c r="AN484" s="487"/>
      <c r="AO484" s="487"/>
      <c r="AP484" s="487"/>
      <c r="AQ484" s="76"/>
      <c r="AR484" s="487"/>
      <c r="AS484" s="487"/>
      <c r="AT484" s="487"/>
      <c r="AU484" s="76"/>
      <c r="AV484" s="487"/>
      <c r="AW484" s="487"/>
      <c r="AX484" s="487"/>
      <c r="AY484" s="76"/>
      <c r="AZ484" s="487"/>
      <c r="BA484" s="76"/>
      <c r="BB484" s="76"/>
      <c r="BC484" s="487"/>
      <c r="BD484" s="76"/>
      <c r="BE484" s="76"/>
      <c r="BF484" s="80">
        <f t="shared" si="90"/>
        <v>0</v>
      </c>
      <c r="BG484" s="76"/>
      <c r="BH484" s="487" t="str">
        <f t="shared" si="99"/>
        <v/>
      </c>
      <c r="BI484" s="487" t="str">
        <f t="shared" si="99"/>
        <v/>
      </c>
      <c r="BJ484" s="487" t="str">
        <f t="shared" si="99"/>
        <v/>
      </c>
      <c r="BK484" s="487" t="str">
        <f t="shared" si="99"/>
        <v/>
      </c>
      <c r="BL484" s="487" t="str">
        <f t="shared" si="99"/>
        <v/>
      </c>
      <c r="BM484" s="487" t="str">
        <f t="shared" si="99"/>
        <v/>
      </c>
      <c r="BN484" s="487" t="str">
        <f t="shared" si="99"/>
        <v/>
      </c>
      <c r="BO484" s="487" t="str">
        <f t="shared" si="99"/>
        <v/>
      </c>
      <c r="BP484" s="487" t="str">
        <f t="shared" si="99"/>
        <v/>
      </c>
      <c r="BQ484" s="487" t="str">
        <f t="shared" si="99"/>
        <v/>
      </c>
      <c r="BR484" s="487" t="str">
        <f t="shared" si="99"/>
        <v/>
      </c>
      <c r="BS484" s="487" t="str">
        <f t="shared" si="99"/>
        <v/>
      </c>
      <c r="BT484" s="487" t="str">
        <f t="shared" si="99"/>
        <v/>
      </c>
      <c r="BU484" s="487" t="str">
        <f t="shared" si="99"/>
        <v/>
      </c>
      <c r="BV484" s="487" t="str">
        <f t="shared" si="99"/>
        <v/>
      </c>
      <c r="BW484" s="487" t="str">
        <f t="shared" si="98"/>
        <v/>
      </c>
      <c r="BX484" s="487" t="str">
        <f t="shared" si="97"/>
        <v/>
      </c>
      <c r="BY484" s="487" t="str">
        <f t="shared" si="97"/>
        <v/>
      </c>
      <c r="BZ484" s="487" t="str">
        <f t="shared" si="97"/>
        <v/>
      </c>
      <c r="CA484" s="487" t="str">
        <f t="shared" ref="CA484:CL501" si="100">IF(AT484="yes",(AT$2*$BG484),"")</f>
        <v/>
      </c>
      <c r="CB484" s="487" t="str">
        <f t="shared" si="100"/>
        <v/>
      </c>
      <c r="CC484" s="487" t="str">
        <f t="shared" si="100"/>
        <v/>
      </c>
      <c r="CD484" s="487" t="str">
        <f t="shared" si="100"/>
        <v/>
      </c>
      <c r="CE484" s="487" t="str">
        <f t="shared" si="100"/>
        <v/>
      </c>
      <c r="CF484" s="487" t="str">
        <f t="shared" si="100"/>
        <v/>
      </c>
      <c r="CG484" s="487" t="str">
        <f t="shared" si="100"/>
        <v/>
      </c>
      <c r="CH484" s="487" t="str">
        <f t="shared" si="100"/>
        <v/>
      </c>
      <c r="CI484" s="487" t="str">
        <f t="shared" si="100"/>
        <v/>
      </c>
      <c r="CJ484" s="487" t="str">
        <f t="shared" si="95"/>
        <v/>
      </c>
      <c r="CK484" s="487" t="str">
        <f t="shared" si="95"/>
        <v/>
      </c>
      <c r="CL484" s="487" t="str">
        <f t="shared" si="95"/>
        <v/>
      </c>
      <c r="CM484" s="487"/>
      <c r="CN484" s="487"/>
      <c r="CO484" s="487"/>
      <c r="CP484" s="487"/>
      <c r="CQ484" s="487"/>
      <c r="CR484" s="487"/>
      <c r="CS484" s="487"/>
      <c r="CT484" s="487"/>
      <c r="CU484" s="487"/>
      <c r="CV484" s="487"/>
      <c r="CW484" s="487"/>
      <c r="CX484" s="487"/>
      <c r="CY484" s="487"/>
      <c r="CZ484" s="487"/>
      <c r="DA484" s="487"/>
      <c r="DB484" s="487"/>
      <c r="DC484" s="487"/>
      <c r="DD484" s="487"/>
      <c r="DE484" s="487"/>
      <c r="DF484" s="487"/>
      <c r="DG484" s="487"/>
      <c r="DH484" s="487"/>
      <c r="DI484" s="486"/>
      <c r="DJ484" s="486"/>
      <c r="DK484" s="486"/>
    </row>
    <row r="485" spans="1:115" ht="56.1" hidden="1" customHeight="1" x14ac:dyDescent="0.2">
      <c r="A485" s="499" t="s">
        <v>2494</v>
      </c>
      <c r="B485" s="483" t="s">
        <v>2495</v>
      </c>
      <c r="C485" s="481">
        <v>813</v>
      </c>
      <c r="D485" s="481"/>
      <c r="E485" s="481" t="s">
        <v>2481</v>
      </c>
      <c r="F485" s="482" t="s">
        <v>53</v>
      </c>
      <c r="G485" s="482" t="s">
        <v>655</v>
      </c>
      <c r="H485" s="501" t="s">
        <v>932</v>
      </c>
      <c r="I485" s="501" t="s">
        <v>1125</v>
      </c>
      <c r="J485" s="506" t="s">
        <v>1126</v>
      </c>
      <c r="K485" s="506"/>
      <c r="L485" s="77" t="s">
        <v>58</v>
      </c>
      <c r="M485" s="500" t="s">
        <v>833</v>
      </c>
      <c r="N485" s="500"/>
      <c r="O485" s="501" t="s">
        <v>81</v>
      </c>
      <c r="P485" s="77" t="s">
        <v>77</v>
      </c>
      <c r="Q485" s="77"/>
      <c r="R485" s="500" t="s">
        <v>722</v>
      </c>
      <c r="S485" s="76" t="s">
        <v>63</v>
      </c>
      <c r="T485" s="76" t="s">
        <v>63</v>
      </c>
      <c r="U485" s="508">
        <v>11305.9375</v>
      </c>
      <c r="V485" s="508"/>
      <c r="W485" s="494" t="s">
        <v>659</v>
      </c>
      <c r="X485" s="494"/>
      <c r="Y485" s="503">
        <f t="shared" si="89"/>
        <v>11305.9375</v>
      </c>
      <c r="Z485" s="76" t="s">
        <v>65</v>
      </c>
      <c r="AA485" s="487"/>
      <c r="AB485" s="487"/>
      <c r="AC485" s="487"/>
      <c r="AD485" s="487"/>
      <c r="AE485" s="487"/>
      <c r="AF485" s="487"/>
      <c r="AG485" s="487"/>
      <c r="AH485" s="487"/>
      <c r="AI485" s="487"/>
      <c r="AJ485" s="487"/>
      <c r="AK485" s="487"/>
      <c r="AL485" s="487"/>
      <c r="AM485" s="487"/>
      <c r="AN485" s="487"/>
      <c r="AO485" s="487"/>
      <c r="AP485" s="487"/>
      <c r="AQ485" s="76"/>
      <c r="AR485" s="487"/>
      <c r="AS485" s="487"/>
      <c r="AT485" s="487"/>
      <c r="AU485" s="76"/>
      <c r="AV485" s="487"/>
      <c r="AW485" s="487"/>
      <c r="AX485" s="487"/>
      <c r="AY485" s="76"/>
      <c r="AZ485" s="487"/>
      <c r="BA485" s="76"/>
      <c r="BB485" s="76"/>
      <c r="BC485" s="487"/>
      <c r="BD485" s="76"/>
      <c r="BE485" s="76"/>
      <c r="BF485" s="80">
        <f t="shared" si="90"/>
        <v>0</v>
      </c>
      <c r="BG485" s="76"/>
      <c r="BH485" s="487" t="str">
        <f t="shared" si="99"/>
        <v/>
      </c>
      <c r="BI485" s="487" t="str">
        <f t="shared" si="99"/>
        <v/>
      </c>
      <c r="BJ485" s="487" t="str">
        <f t="shared" si="99"/>
        <v/>
      </c>
      <c r="BK485" s="487" t="str">
        <f t="shared" si="99"/>
        <v/>
      </c>
      <c r="BL485" s="487" t="str">
        <f t="shared" si="99"/>
        <v/>
      </c>
      <c r="BM485" s="487" t="str">
        <f t="shared" si="99"/>
        <v/>
      </c>
      <c r="BN485" s="487" t="str">
        <f t="shared" si="99"/>
        <v/>
      </c>
      <c r="BO485" s="487" t="str">
        <f t="shared" si="99"/>
        <v/>
      </c>
      <c r="BP485" s="487" t="str">
        <f t="shared" si="99"/>
        <v/>
      </c>
      <c r="BQ485" s="487" t="str">
        <f t="shared" si="99"/>
        <v/>
      </c>
      <c r="BR485" s="487" t="str">
        <f t="shared" si="99"/>
        <v/>
      </c>
      <c r="BS485" s="487" t="str">
        <f t="shared" si="99"/>
        <v/>
      </c>
      <c r="BT485" s="487" t="str">
        <f t="shared" si="99"/>
        <v/>
      </c>
      <c r="BU485" s="487" t="str">
        <f t="shared" si="99"/>
        <v/>
      </c>
      <c r="BV485" s="487" t="str">
        <f t="shared" si="99"/>
        <v/>
      </c>
      <c r="BW485" s="487" t="str">
        <f t="shared" si="98"/>
        <v/>
      </c>
      <c r="BX485" s="487" t="str">
        <f t="shared" si="98"/>
        <v/>
      </c>
      <c r="BY485" s="487" t="str">
        <f t="shared" si="98"/>
        <v/>
      </c>
      <c r="BZ485" s="487" t="str">
        <f t="shared" si="98"/>
        <v/>
      </c>
      <c r="CA485" s="487" t="str">
        <f t="shared" si="100"/>
        <v/>
      </c>
      <c r="CB485" s="487" t="str">
        <f t="shared" si="100"/>
        <v/>
      </c>
      <c r="CC485" s="487" t="str">
        <f t="shared" si="100"/>
        <v/>
      </c>
      <c r="CD485" s="487" t="str">
        <f t="shared" si="100"/>
        <v/>
      </c>
      <c r="CE485" s="487" t="str">
        <f t="shared" si="100"/>
        <v/>
      </c>
      <c r="CF485" s="487" t="str">
        <f t="shared" si="100"/>
        <v/>
      </c>
      <c r="CG485" s="487" t="str">
        <f t="shared" si="100"/>
        <v/>
      </c>
      <c r="CH485" s="487" t="str">
        <f t="shared" si="100"/>
        <v/>
      </c>
      <c r="CI485" s="487" t="str">
        <f t="shared" si="100"/>
        <v/>
      </c>
      <c r="CJ485" s="487" t="str">
        <f t="shared" si="95"/>
        <v/>
      </c>
      <c r="CK485" s="487" t="str">
        <f t="shared" si="95"/>
        <v/>
      </c>
      <c r="CL485" s="487" t="str">
        <f t="shared" si="95"/>
        <v/>
      </c>
      <c r="CM485" s="487"/>
      <c r="CN485" s="487"/>
      <c r="CO485" s="487"/>
      <c r="CP485" s="487"/>
      <c r="CQ485" s="487"/>
      <c r="CR485" s="487"/>
      <c r="CS485" s="487"/>
      <c r="CT485" s="487"/>
      <c r="CU485" s="487"/>
      <c r="CV485" s="487"/>
      <c r="CW485" s="487"/>
      <c r="CX485" s="487"/>
      <c r="CY485" s="487"/>
      <c r="CZ485" s="487"/>
      <c r="DA485" s="487"/>
      <c r="DB485" s="487"/>
      <c r="DC485" s="487"/>
      <c r="DD485" s="487"/>
      <c r="DE485" s="487"/>
      <c r="DF485" s="487"/>
      <c r="DG485" s="487"/>
      <c r="DH485" s="487"/>
      <c r="DI485" s="486"/>
      <c r="DJ485" s="486"/>
      <c r="DK485" s="486"/>
    </row>
    <row r="486" spans="1:115" ht="56.1" hidden="1" customHeight="1" x14ac:dyDescent="0.2">
      <c r="A486" s="499" t="s">
        <v>2494</v>
      </c>
      <c r="B486" s="483" t="s">
        <v>2495</v>
      </c>
      <c r="C486" s="481">
        <v>814</v>
      </c>
      <c r="D486" s="481"/>
      <c r="E486" s="481" t="s">
        <v>2481</v>
      </c>
      <c r="F486" s="482" t="s">
        <v>53</v>
      </c>
      <c r="G486" s="482" t="s">
        <v>655</v>
      </c>
      <c r="H486" s="501" t="s">
        <v>932</v>
      </c>
      <c r="I486" s="501" t="s">
        <v>1127</v>
      </c>
      <c r="J486" s="506" t="s">
        <v>1128</v>
      </c>
      <c r="K486" s="506"/>
      <c r="L486" s="77" t="s">
        <v>58</v>
      </c>
      <c r="M486" s="500" t="s">
        <v>833</v>
      </c>
      <c r="N486" s="500"/>
      <c r="O486" s="506" t="s">
        <v>81</v>
      </c>
      <c r="P486" s="77" t="s">
        <v>77</v>
      </c>
      <c r="Q486" s="77"/>
      <c r="R486" s="500" t="s">
        <v>722</v>
      </c>
      <c r="S486" s="76" t="s">
        <v>63</v>
      </c>
      <c r="T486" s="76" t="s">
        <v>63</v>
      </c>
      <c r="U486" s="508">
        <v>167327.875</v>
      </c>
      <c r="V486" s="508"/>
      <c r="W486" s="494" t="s">
        <v>659</v>
      </c>
      <c r="X486" s="494"/>
      <c r="Y486" s="503">
        <f t="shared" si="89"/>
        <v>167327.875</v>
      </c>
      <c r="Z486" s="76" t="s">
        <v>65</v>
      </c>
      <c r="AA486" s="487"/>
      <c r="AB486" s="487"/>
      <c r="AC486" s="487"/>
      <c r="AD486" s="487"/>
      <c r="AE486" s="487"/>
      <c r="AF486" s="487"/>
      <c r="AG486" s="487"/>
      <c r="AH486" s="487"/>
      <c r="AI486" s="487"/>
      <c r="AJ486" s="487"/>
      <c r="AK486" s="487"/>
      <c r="AL486" s="487"/>
      <c r="AM486" s="487"/>
      <c r="AN486" s="487"/>
      <c r="AO486" s="487"/>
      <c r="AP486" s="487"/>
      <c r="AQ486" s="76"/>
      <c r="AR486" s="487"/>
      <c r="AS486" s="487"/>
      <c r="AT486" s="487"/>
      <c r="AU486" s="76"/>
      <c r="AV486" s="487"/>
      <c r="AW486" s="487"/>
      <c r="AX486" s="487"/>
      <c r="AY486" s="76"/>
      <c r="AZ486" s="487"/>
      <c r="BA486" s="76"/>
      <c r="BB486" s="76"/>
      <c r="BC486" s="487"/>
      <c r="BD486" s="76"/>
      <c r="BE486" s="76"/>
      <c r="BF486" s="80">
        <f t="shared" si="90"/>
        <v>0</v>
      </c>
      <c r="BG486" s="76"/>
      <c r="BH486" s="487" t="str">
        <f t="shared" si="99"/>
        <v/>
      </c>
      <c r="BI486" s="487" t="str">
        <f t="shared" si="99"/>
        <v/>
      </c>
      <c r="BJ486" s="487" t="str">
        <f t="shared" si="99"/>
        <v/>
      </c>
      <c r="BK486" s="487" t="str">
        <f t="shared" si="99"/>
        <v/>
      </c>
      <c r="BL486" s="487" t="str">
        <f t="shared" si="99"/>
        <v/>
      </c>
      <c r="BM486" s="487" t="str">
        <f t="shared" si="99"/>
        <v/>
      </c>
      <c r="BN486" s="487" t="str">
        <f t="shared" si="99"/>
        <v/>
      </c>
      <c r="BO486" s="487" t="str">
        <f t="shared" si="99"/>
        <v/>
      </c>
      <c r="BP486" s="487" t="str">
        <f t="shared" si="99"/>
        <v/>
      </c>
      <c r="BQ486" s="487" t="str">
        <f t="shared" si="99"/>
        <v/>
      </c>
      <c r="BR486" s="487" t="str">
        <f t="shared" si="99"/>
        <v/>
      </c>
      <c r="BS486" s="487" t="str">
        <f t="shared" si="99"/>
        <v/>
      </c>
      <c r="BT486" s="487" t="str">
        <f t="shared" si="99"/>
        <v/>
      </c>
      <c r="BU486" s="487" t="str">
        <f t="shared" si="99"/>
        <v/>
      </c>
      <c r="BV486" s="487" t="str">
        <f t="shared" si="99"/>
        <v/>
      </c>
      <c r="BW486" s="487" t="str">
        <f t="shared" si="98"/>
        <v/>
      </c>
      <c r="BX486" s="487" t="str">
        <f t="shared" si="98"/>
        <v/>
      </c>
      <c r="BY486" s="487" t="str">
        <f t="shared" si="98"/>
        <v/>
      </c>
      <c r="BZ486" s="487" t="str">
        <f t="shared" si="98"/>
        <v/>
      </c>
      <c r="CA486" s="487" t="str">
        <f t="shared" si="100"/>
        <v/>
      </c>
      <c r="CB486" s="487" t="str">
        <f t="shared" si="100"/>
        <v/>
      </c>
      <c r="CC486" s="487" t="str">
        <f t="shared" si="100"/>
        <v/>
      </c>
      <c r="CD486" s="487" t="str">
        <f t="shared" si="100"/>
        <v/>
      </c>
      <c r="CE486" s="487" t="str">
        <f t="shared" si="100"/>
        <v/>
      </c>
      <c r="CF486" s="487" t="str">
        <f t="shared" si="100"/>
        <v/>
      </c>
      <c r="CG486" s="487" t="str">
        <f t="shared" si="100"/>
        <v/>
      </c>
      <c r="CH486" s="487" t="str">
        <f t="shared" si="100"/>
        <v/>
      </c>
      <c r="CI486" s="487" t="str">
        <f t="shared" si="100"/>
        <v/>
      </c>
      <c r="CJ486" s="487" t="str">
        <f t="shared" si="95"/>
        <v/>
      </c>
      <c r="CK486" s="487" t="str">
        <f t="shared" si="95"/>
        <v/>
      </c>
      <c r="CL486" s="487" t="str">
        <f t="shared" si="95"/>
        <v/>
      </c>
      <c r="CM486" s="487"/>
      <c r="CN486" s="487"/>
      <c r="CO486" s="487"/>
      <c r="CP486" s="487"/>
      <c r="CQ486" s="487"/>
      <c r="CR486" s="487"/>
      <c r="CS486" s="487"/>
      <c r="CT486" s="487"/>
      <c r="CU486" s="487"/>
      <c r="CV486" s="487"/>
      <c r="CW486" s="487"/>
      <c r="CX486" s="487"/>
      <c r="CY486" s="487"/>
      <c r="CZ486" s="487"/>
      <c r="DA486" s="487"/>
      <c r="DB486" s="487"/>
      <c r="DC486" s="487"/>
      <c r="DD486" s="487"/>
      <c r="DE486" s="487"/>
      <c r="DF486" s="487"/>
      <c r="DG486" s="487"/>
      <c r="DH486" s="487"/>
      <c r="DI486" s="486"/>
      <c r="DJ486" s="486"/>
      <c r="DK486" s="486"/>
    </row>
    <row r="487" spans="1:115" ht="56.1" hidden="1" customHeight="1" x14ac:dyDescent="0.2">
      <c r="A487" s="499" t="s">
        <v>2494</v>
      </c>
      <c r="B487" s="483" t="s">
        <v>2495</v>
      </c>
      <c r="C487" s="481">
        <v>815</v>
      </c>
      <c r="D487" s="481"/>
      <c r="E487" s="481" t="s">
        <v>2481</v>
      </c>
      <c r="F487" s="482" t="s">
        <v>53</v>
      </c>
      <c r="G487" s="482" t="s">
        <v>655</v>
      </c>
      <c r="H487" s="501" t="s">
        <v>932</v>
      </c>
      <c r="I487" s="501" t="s">
        <v>1129</v>
      </c>
      <c r="J487" s="506" t="s">
        <v>1130</v>
      </c>
      <c r="K487" s="506"/>
      <c r="L487" s="77" t="s">
        <v>58</v>
      </c>
      <c r="M487" s="500" t="s">
        <v>833</v>
      </c>
      <c r="N487" s="500"/>
      <c r="O487" s="501" t="s">
        <v>81</v>
      </c>
      <c r="P487" s="77" t="s">
        <v>77</v>
      </c>
      <c r="Q487" s="77"/>
      <c r="R487" s="500" t="s">
        <v>722</v>
      </c>
      <c r="S487" s="76" t="s">
        <v>63</v>
      </c>
      <c r="T487" s="76" t="s">
        <v>63</v>
      </c>
      <c r="U487" s="508">
        <v>129504.375</v>
      </c>
      <c r="V487" s="508"/>
      <c r="W487" s="494" t="s">
        <v>659</v>
      </c>
      <c r="X487" s="494"/>
      <c r="Y487" s="503">
        <f t="shared" si="89"/>
        <v>129504.375</v>
      </c>
      <c r="Z487" s="76" t="s">
        <v>65</v>
      </c>
      <c r="AA487" s="487"/>
      <c r="AB487" s="487"/>
      <c r="AC487" s="487"/>
      <c r="AD487" s="487"/>
      <c r="AE487" s="487"/>
      <c r="AF487" s="487"/>
      <c r="AG487" s="487"/>
      <c r="AH487" s="487"/>
      <c r="AI487" s="487"/>
      <c r="AJ487" s="487"/>
      <c r="AK487" s="487"/>
      <c r="AL487" s="487"/>
      <c r="AM487" s="487"/>
      <c r="AN487" s="487"/>
      <c r="AO487" s="487"/>
      <c r="AP487" s="487"/>
      <c r="AQ487" s="76"/>
      <c r="AR487" s="487"/>
      <c r="AS487" s="487"/>
      <c r="AT487" s="487"/>
      <c r="AU487" s="76"/>
      <c r="AV487" s="487"/>
      <c r="AW487" s="487"/>
      <c r="AX487" s="487"/>
      <c r="AY487" s="76"/>
      <c r="AZ487" s="487"/>
      <c r="BA487" s="76"/>
      <c r="BB487" s="76"/>
      <c r="BC487" s="487"/>
      <c r="BD487" s="76"/>
      <c r="BE487" s="76"/>
      <c r="BF487" s="80">
        <f t="shared" si="90"/>
        <v>0</v>
      </c>
      <c r="BG487" s="76"/>
      <c r="BH487" s="487" t="str">
        <f t="shared" si="99"/>
        <v/>
      </c>
      <c r="BI487" s="487" t="str">
        <f t="shared" si="99"/>
        <v/>
      </c>
      <c r="BJ487" s="487" t="str">
        <f t="shared" si="99"/>
        <v/>
      </c>
      <c r="BK487" s="487" t="str">
        <f t="shared" si="99"/>
        <v/>
      </c>
      <c r="BL487" s="487" t="str">
        <f t="shared" si="99"/>
        <v/>
      </c>
      <c r="BM487" s="487" t="str">
        <f t="shared" si="99"/>
        <v/>
      </c>
      <c r="BN487" s="487" t="str">
        <f t="shared" si="99"/>
        <v/>
      </c>
      <c r="BO487" s="487" t="str">
        <f t="shared" si="99"/>
        <v/>
      </c>
      <c r="BP487" s="487" t="str">
        <f t="shared" si="99"/>
        <v/>
      </c>
      <c r="BQ487" s="487" t="str">
        <f t="shared" si="99"/>
        <v/>
      </c>
      <c r="BR487" s="487" t="str">
        <f t="shared" si="99"/>
        <v/>
      </c>
      <c r="BS487" s="487" t="str">
        <f t="shared" si="99"/>
        <v/>
      </c>
      <c r="BT487" s="487" t="str">
        <f t="shared" si="99"/>
        <v/>
      </c>
      <c r="BU487" s="487" t="str">
        <f t="shared" si="99"/>
        <v/>
      </c>
      <c r="BV487" s="487" t="str">
        <f t="shared" si="99"/>
        <v/>
      </c>
      <c r="BW487" s="487" t="str">
        <f t="shared" si="98"/>
        <v/>
      </c>
      <c r="BX487" s="487" t="str">
        <f t="shared" si="98"/>
        <v/>
      </c>
      <c r="BY487" s="487" t="str">
        <f t="shared" si="98"/>
        <v/>
      </c>
      <c r="BZ487" s="487" t="str">
        <f t="shared" si="98"/>
        <v/>
      </c>
      <c r="CA487" s="487" t="str">
        <f t="shared" si="100"/>
        <v/>
      </c>
      <c r="CB487" s="487" t="str">
        <f t="shared" si="100"/>
        <v/>
      </c>
      <c r="CC487" s="487" t="str">
        <f t="shared" si="100"/>
        <v/>
      </c>
      <c r="CD487" s="487" t="str">
        <f t="shared" si="100"/>
        <v/>
      </c>
      <c r="CE487" s="487" t="str">
        <f t="shared" si="100"/>
        <v/>
      </c>
      <c r="CF487" s="487" t="str">
        <f t="shared" si="100"/>
        <v/>
      </c>
      <c r="CG487" s="487" t="str">
        <f t="shared" si="100"/>
        <v/>
      </c>
      <c r="CH487" s="487" t="str">
        <f t="shared" si="100"/>
        <v/>
      </c>
      <c r="CI487" s="487" t="str">
        <f t="shared" si="100"/>
        <v/>
      </c>
      <c r="CJ487" s="487" t="str">
        <f t="shared" si="95"/>
        <v/>
      </c>
      <c r="CK487" s="487" t="str">
        <f t="shared" si="95"/>
        <v/>
      </c>
      <c r="CL487" s="487" t="str">
        <f t="shared" si="95"/>
        <v/>
      </c>
      <c r="CM487" s="487"/>
      <c r="CN487" s="487"/>
      <c r="CO487" s="487"/>
      <c r="CP487" s="487"/>
      <c r="CQ487" s="487"/>
      <c r="CR487" s="487"/>
      <c r="CS487" s="487"/>
      <c r="CT487" s="487"/>
      <c r="CU487" s="487"/>
      <c r="CV487" s="487"/>
      <c r="CW487" s="487"/>
      <c r="CX487" s="487"/>
      <c r="CY487" s="487"/>
      <c r="CZ487" s="487"/>
      <c r="DA487" s="487"/>
      <c r="DB487" s="487"/>
      <c r="DC487" s="487"/>
      <c r="DD487" s="487"/>
      <c r="DE487" s="487"/>
      <c r="DF487" s="487"/>
      <c r="DG487" s="487"/>
      <c r="DH487" s="487"/>
      <c r="DI487" s="486"/>
      <c r="DJ487" s="486"/>
      <c r="DK487" s="486"/>
    </row>
    <row r="488" spans="1:115" ht="56.1" hidden="1" customHeight="1" x14ac:dyDescent="0.2">
      <c r="A488" s="510"/>
      <c r="B488" s="510"/>
      <c r="C488" s="481">
        <v>699</v>
      </c>
      <c r="D488" s="481"/>
      <c r="E488" s="481" t="s">
        <v>2481</v>
      </c>
      <c r="F488" s="482" t="s">
        <v>53</v>
      </c>
      <c r="G488" s="482" t="s">
        <v>655</v>
      </c>
      <c r="H488" s="500" t="s">
        <v>830</v>
      </c>
      <c r="I488" s="501" t="s">
        <v>884</v>
      </c>
      <c r="J488" s="506" t="s">
        <v>885</v>
      </c>
      <c r="K488" s="506"/>
      <c r="L488" s="77" t="s">
        <v>58</v>
      </c>
      <c r="M488" s="501" t="s">
        <v>59</v>
      </c>
      <c r="N488" s="501"/>
      <c r="O488" s="501" t="s">
        <v>60</v>
      </c>
      <c r="P488" s="77" t="s">
        <v>77</v>
      </c>
      <c r="Q488" s="77"/>
      <c r="R488" s="500" t="s">
        <v>834</v>
      </c>
      <c r="S488" s="76" t="s">
        <v>63</v>
      </c>
      <c r="T488" s="76" t="s">
        <v>63</v>
      </c>
      <c r="U488" s="502">
        <v>370629.1875</v>
      </c>
      <c r="V488" s="502"/>
      <c r="W488" s="510" t="s">
        <v>839</v>
      </c>
      <c r="X488" s="510"/>
      <c r="Y488" s="503">
        <f t="shared" si="89"/>
        <v>370629.1875</v>
      </c>
      <c r="Z488" s="76" t="s">
        <v>65</v>
      </c>
      <c r="AA488" s="76"/>
      <c r="AB488" s="76"/>
      <c r="AC488" s="76"/>
      <c r="AD488" s="76"/>
      <c r="AE488" s="76"/>
      <c r="AF488" s="76"/>
      <c r="AG488" s="76"/>
      <c r="AH488" s="76"/>
      <c r="AI488" s="76"/>
      <c r="AJ488" s="76"/>
      <c r="AK488" s="76"/>
      <c r="AL488" s="76"/>
      <c r="AM488" s="76"/>
      <c r="AN488" s="76"/>
      <c r="AO488" s="76"/>
      <c r="AP488" s="76"/>
      <c r="AQ488" s="76"/>
      <c r="AR488" s="76"/>
      <c r="AS488" s="76"/>
      <c r="AT488" s="76"/>
      <c r="AU488" s="76"/>
      <c r="AV488" s="76"/>
      <c r="AW488" s="76"/>
      <c r="AX488" s="76"/>
      <c r="AY488" s="76"/>
      <c r="AZ488" s="76"/>
      <c r="BA488" s="76"/>
      <c r="BB488" s="76"/>
      <c r="BC488" s="76"/>
      <c r="BD488" s="76"/>
      <c r="BE488" s="76"/>
      <c r="BF488" s="80">
        <f t="shared" si="90"/>
        <v>0</v>
      </c>
      <c r="BG488" s="76"/>
      <c r="BH488" s="487" t="str">
        <f t="shared" si="99"/>
        <v/>
      </c>
      <c r="BI488" s="487" t="str">
        <f t="shared" si="99"/>
        <v/>
      </c>
      <c r="BJ488" s="487" t="str">
        <f t="shared" si="99"/>
        <v/>
      </c>
      <c r="BK488" s="487" t="str">
        <f t="shared" si="99"/>
        <v/>
      </c>
      <c r="BL488" s="487" t="str">
        <f t="shared" si="99"/>
        <v/>
      </c>
      <c r="BM488" s="487" t="str">
        <f t="shared" si="99"/>
        <v/>
      </c>
      <c r="BN488" s="487" t="str">
        <f t="shared" si="99"/>
        <v/>
      </c>
      <c r="BO488" s="487" t="str">
        <f t="shared" si="99"/>
        <v/>
      </c>
      <c r="BP488" s="487" t="str">
        <f t="shared" si="99"/>
        <v/>
      </c>
      <c r="BQ488" s="487" t="str">
        <f t="shared" si="99"/>
        <v/>
      </c>
      <c r="BR488" s="487" t="str">
        <f t="shared" si="99"/>
        <v/>
      </c>
      <c r="BS488" s="487" t="str">
        <f t="shared" si="99"/>
        <v/>
      </c>
      <c r="BT488" s="487" t="str">
        <f t="shared" si="99"/>
        <v/>
      </c>
      <c r="BU488" s="487" t="str">
        <f t="shared" si="99"/>
        <v/>
      </c>
      <c r="BV488" s="487" t="str">
        <f t="shared" si="99"/>
        <v/>
      </c>
      <c r="BW488" s="487" t="str">
        <f t="shared" si="98"/>
        <v/>
      </c>
      <c r="BX488" s="487" t="str">
        <f t="shared" si="98"/>
        <v/>
      </c>
      <c r="BY488" s="487" t="str">
        <f t="shared" si="98"/>
        <v/>
      </c>
      <c r="BZ488" s="487" t="str">
        <f t="shared" si="98"/>
        <v/>
      </c>
      <c r="CA488" s="487" t="str">
        <f t="shared" si="100"/>
        <v/>
      </c>
      <c r="CB488" s="487" t="str">
        <f t="shared" si="100"/>
        <v/>
      </c>
      <c r="CC488" s="487" t="str">
        <f t="shared" si="100"/>
        <v/>
      </c>
      <c r="CD488" s="487" t="str">
        <f t="shared" si="100"/>
        <v/>
      </c>
      <c r="CE488" s="487" t="str">
        <f t="shared" si="100"/>
        <v/>
      </c>
      <c r="CF488" s="487" t="str">
        <f t="shared" si="100"/>
        <v/>
      </c>
      <c r="CG488" s="487" t="str">
        <f t="shared" si="100"/>
        <v/>
      </c>
      <c r="CH488" s="487" t="str">
        <f t="shared" si="100"/>
        <v/>
      </c>
      <c r="CI488" s="487" t="str">
        <f t="shared" si="100"/>
        <v/>
      </c>
      <c r="CJ488" s="487" t="str">
        <f t="shared" si="95"/>
        <v/>
      </c>
      <c r="CK488" s="487" t="str">
        <f t="shared" si="95"/>
        <v/>
      </c>
      <c r="CL488" s="487" t="str">
        <f t="shared" si="95"/>
        <v/>
      </c>
      <c r="CM488" s="487"/>
      <c r="CN488" s="487"/>
      <c r="CO488" s="487"/>
      <c r="CP488" s="487"/>
      <c r="CQ488" s="487"/>
      <c r="CR488" s="487"/>
      <c r="CS488" s="487"/>
      <c r="CT488" s="487"/>
      <c r="CU488" s="487"/>
      <c r="CV488" s="487"/>
      <c r="CW488" s="487"/>
      <c r="CX488" s="487"/>
      <c r="CY488" s="487"/>
      <c r="CZ488" s="487"/>
      <c r="DA488" s="487"/>
      <c r="DB488" s="487"/>
      <c r="DC488" s="487"/>
      <c r="DD488" s="487"/>
      <c r="DE488" s="487"/>
      <c r="DF488" s="487"/>
      <c r="DG488" s="487"/>
      <c r="DH488" s="487"/>
      <c r="DI488" s="76"/>
      <c r="DJ488" s="76"/>
      <c r="DK488" s="504"/>
    </row>
    <row r="489" spans="1:115" ht="56.1" hidden="1" customHeight="1" x14ac:dyDescent="0.2">
      <c r="A489" s="499" t="s">
        <v>2494</v>
      </c>
      <c r="B489" s="483" t="s">
        <v>2495</v>
      </c>
      <c r="C489" s="481">
        <v>817</v>
      </c>
      <c r="D489" s="481"/>
      <c r="E489" s="481" t="s">
        <v>2481</v>
      </c>
      <c r="F489" s="482" t="s">
        <v>53</v>
      </c>
      <c r="G489" s="482" t="s">
        <v>655</v>
      </c>
      <c r="H489" s="501" t="s">
        <v>932</v>
      </c>
      <c r="I489" s="501" t="s">
        <v>1133</v>
      </c>
      <c r="J489" s="506" t="s">
        <v>1134</v>
      </c>
      <c r="K489" s="506"/>
      <c r="L489" s="77" t="s">
        <v>58</v>
      </c>
      <c r="M489" s="500" t="s">
        <v>833</v>
      </c>
      <c r="N489" s="500"/>
      <c r="O489" s="501" t="s">
        <v>81</v>
      </c>
      <c r="P489" s="77" t="s">
        <v>77</v>
      </c>
      <c r="Q489" s="77"/>
      <c r="R489" s="500" t="s">
        <v>722</v>
      </c>
      <c r="S489" s="76" t="s">
        <v>63</v>
      </c>
      <c r="T489" s="76" t="s">
        <v>63</v>
      </c>
      <c r="U489" s="508">
        <v>6783.5625</v>
      </c>
      <c r="V489" s="508"/>
      <c r="W489" s="494" t="s">
        <v>659</v>
      </c>
      <c r="X489" s="494"/>
      <c r="Y489" s="503">
        <f t="shared" si="89"/>
        <v>6783.5625</v>
      </c>
      <c r="Z489" s="76" t="s">
        <v>65</v>
      </c>
      <c r="AA489" s="487"/>
      <c r="AB489" s="487"/>
      <c r="AC489" s="487"/>
      <c r="AD489" s="487"/>
      <c r="AE489" s="487"/>
      <c r="AF489" s="487"/>
      <c r="AG489" s="487"/>
      <c r="AH489" s="487"/>
      <c r="AI489" s="487"/>
      <c r="AJ489" s="487"/>
      <c r="AK489" s="487"/>
      <c r="AL489" s="487"/>
      <c r="AM489" s="487"/>
      <c r="AN489" s="487"/>
      <c r="AO489" s="487"/>
      <c r="AP489" s="487"/>
      <c r="AQ489" s="76"/>
      <c r="AR489" s="487"/>
      <c r="AS489" s="487"/>
      <c r="AT489" s="487"/>
      <c r="AU489" s="76"/>
      <c r="AV489" s="487"/>
      <c r="AW489" s="487"/>
      <c r="AX489" s="487"/>
      <c r="AY489" s="76"/>
      <c r="AZ489" s="487"/>
      <c r="BA489" s="76"/>
      <c r="BB489" s="76"/>
      <c r="BC489" s="487"/>
      <c r="BD489" s="76"/>
      <c r="BE489" s="76"/>
      <c r="BF489" s="80">
        <f t="shared" si="90"/>
        <v>0</v>
      </c>
      <c r="BG489" s="76"/>
      <c r="BH489" s="487" t="str">
        <f t="shared" si="99"/>
        <v/>
      </c>
      <c r="BI489" s="487" t="str">
        <f t="shared" si="99"/>
        <v/>
      </c>
      <c r="BJ489" s="487" t="str">
        <f t="shared" si="99"/>
        <v/>
      </c>
      <c r="BK489" s="487" t="str">
        <f t="shared" si="99"/>
        <v/>
      </c>
      <c r="BL489" s="487" t="str">
        <f t="shared" si="99"/>
        <v/>
      </c>
      <c r="BM489" s="487" t="str">
        <f t="shared" si="99"/>
        <v/>
      </c>
      <c r="BN489" s="487" t="str">
        <f t="shared" si="99"/>
        <v/>
      </c>
      <c r="BO489" s="487" t="str">
        <f t="shared" si="99"/>
        <v/>
      </c>
      <c r="BP489" s="487" t="str">
        <f t="shared" si="99"/>
        <v/>
      </c>
      <c r="BQ489" s="487" t="str">
        <f t="shared" si="99"/>
        <v/>
      </c>
      <c r="BR489" s="487" t="str">
        <f t="shared" si="99"/>
        <v/>
      </c>
      <c r="BS489" s="487" t="str">
        <f t="shared" si="99"/>
        <v/>
      </c>
      <c r="BT489" s="487" t="str">
        <f t="shared" si="99"/>
        <v/>
      </c>
      <c r="BU489" s="487" t="str">
        <f t="shared" si="99"/>
        <v/>
      </c>
      <c r="BV489" s="487" t="str">
        <f t="shared" si="99"/>
        <v/>
      </c>
      <c r="BW489" s="487" t="str">
        <f t="shared" si="98"/>
        <v/>
      </c>
      <c r="BX489" s="487" t="str">
        <f t="shared" si="98"/>
        <v/>
      </c>
      <c r="BY489" s="487" t="str">
        <f t="shared" si="98"/>
        <v/>
      </c>
      <c r="BZ489" s="487" t="str">
        <f t="shared" si="98"/>
        <v/>
      </c>
      <c r="CA489" s="487" t="str">
        <f t="shared" si="100"/>
        <v/>
      </c>
      <c r="CB489" s="487" t="str">
        <f t="shared" si="100"/>
        <v/>
      </c>
      <c r="CC489" s="487" t="str">
        <f t="shared" si="100"/>
        <v/>
      </c>
      <c r="CD489" s="487" t="str">
        <f t="shared" si="100"/>
        <v/>
      </c>
      <c r="CE489" s="487" t="str">
        <f t="shared" si="100"/>
        <v/>
      </c>
      <c r="CF489" s="487" t="str">
        <f t="shared" si="100"/>
        <v/>
      </c>
      <c r="CG489" s="487" t="str">
        <f t="shared" si="100"/>
        <v/>
      </c>
      <c r="CH489" s="487" t="str">
        <f t="shared" si="100"/>
        <v/>
      </c>
      <c r="CI489" s="487" t="str">
        <f t="shared" si="100"/>
        <v/>
      </c>
      <c r="CJ489" s="487" t="str">
        <f t="shared" si="95"/>
        <v/>
      </c>
      <c r="CK489" s="487" t="str">
        <f t="shared" si="95"/>
        <v/>
      </c>
      <c r="CL489" s="487" t="str">
        <f t="shared" si="95"/>
        <v/>
      </c>
      <c r="CM489" s="487"/>
      <c r="CN489" s="487"/>
      <c r="CO489" s="487"/>
      <c r="CP489" s="487"/>
      <c r="CQ489" s="487"/>
      <c r="CR489" s="487"/>
      <c r="CS489" s="487"/>
      <c r="CT489" s="487"/>
      <c r="CU489" s="487"/>
      <c r="CV489" s="487"/>
      <c r="CW489" s="487"/>
      <c r="CX489" s="487"/>
      <c r="CY489" s="487"/>
      <c r="CZ489" s="487"/>
      <c r="DA489" s="487"/>
      <c r="DB489" s="487"/>
      <c r="DC489" s="487"/>
      <c r="DD489" s="487"/>
      <c r="DE489" s="487"/>
      <c r="DF489" s="487"/>
      <c r="DG489" s="487"/>
      <c r="DH489" s="487"/>
      <c r="DI489" s="486"/>
      <c r="DJ489" s="486"/>
      <c r="DK489" s="486"/>
    </row>
    <row r="490" spans="1:115" ht="56.1" hidden="1" customHeight="1" x14ac:dyDescent="0.2">
      <c r="A490" s="510"/>
      <c r="B490" s="510"/>
      <c r="C490" s="481">
        <v>818</v>
      </c>
      <c r="D490" s="481"/>
      <c r="E490" s="481" t="s">
        <v>2481</v>
      </c>
      <c r="F490" s="482" t="s">
        <v>53</v>
      </c>
      <c r="G490" s="482" t="s">
        <v>655</v>
      </c>
      <c r="H490" s="501" t="s">
        <v>932</v>
      </c>
      <c r="I490" s="501" t="s">
        <v>1135</v>
      </c>
      <c r="J490" s="506" t="s">
        <v>1136</v>
      </c>
      <c r="K490" s="506"/>
      <c r="L490" s="77" t="s">
        <v>58</v>
      </c>
      <c r="M490" s="500" t="s">
        <v>59</v>
      </c>
      <c r="N490" s="500"/>
      <c r="O490" s="506" t="s">
        <v>81</v>
      </c>
      <c r="P490" s="77" t="s">
        <v>77</v>
      </c>
      <c r="Q490" s="77"/>
      <c r="R490" s="500" t="s">
        <v>722</v>
      </c>
      <c r="S490" s="76" t="s">
        <v>63</v>
      </c>
      <c r="T490" s="76" t="s">
        <v>63</v>
      </c>
      <c r="U490" s="508">
        <v>8682.9599999999991</v>
      </c>
      <c r="V490" s="508"/>
      <c r="W490" s="510" t="s">
        <v>839</v>
      </c>
      <c r="X490" s="510"/>
      <c r="Y490" s="503">
        <f t="shared" si="89"/>
        <v>8682.9599999999991</v>
      </c>
      <c r="Z490" s="76" t="s">
        <v>65</v>
      </c>
      <c r="AA490" s="487"/>
      <c r="AB490" s="487"/>
      <c r="AC490" s="487"/>
      <c r="AD490" s="487"/>
      <c r="AE490" s="487"/>
      <c r="AF490" s="487"/>
      <c r="AG490" s="487"/>
      <c r="AH490" s="487"/>
      <c r="AI490" s="487"/>
      <c r="AJ490" s="487"/>
      <c r="AK490" s="487"/>
      <c r="AL490" s="487"/>
      <c r="AM490" s="487"/>
      <c r="AN490" s="487"/>
      <c r="AO490" s="487"/>
      <c r="AP490" s="487"/>
      <c r="AQ490" s="76"/>
      <c r="AR490" s="487"/>
      <c r="AS490" s="487"/>
      <c r="AT490" s="487"/>
      <c r="AU490" s="76"/>
      <c r="AV490" s="487"/>
      <c r="AW490" s="487"/>
      <c r="AX490" s="487"/>
      <c r="AY490" s="76"/>
      <c r="AZ490" s="487"/>
      <c r="BA490" s="76"/>
      <c r="BB490" s="76"/>
      <c r="BC490" s="487"/>
      <c r="BD490" s="76"/>
      <c r="BE490" s="76"/>
      <c r="BF490" s="80">
        <f t="shared" si="90"/>
        <v>0</v>
      </c>
      <c r="BG490" s="76"/>
      <c r="BH490" s="487" t="str">
        <f t="shared" si="99"/>
        <v/>
      </c>
      <c r="BI490" s="487" t="str">
        <f t="shared" si="99"/>
        <v/>
      </c>
      <c r="BJ490" s="487" t="str">
        <f t="shared" si="99"/>
        <v/>
      </c>
      <c r="BK490" s="487" t="str">
        <f t="shared" si="99"/>
        <v/>
      </c>
      <c r="BL490" s="487" t="str">
        <f t="shared" si="99"/>
        <v/>
      </c>
      <c r="BM490" s="487" t="str">
        <f t="shared" si="99"/>
        <v/>
      </c>
      <c r="BN490" s="487" t="str">
        <f t="shared" si="99"/>
        <v/>
      </c>
      <c r="BO490" s="487" t="str">
        <f t="shared" si="99"/>
        <v/>
      </c>
      <c r="BP490" s="487" t="str">
        <f t="shared" si="99"/>
        <v/>
      </c>
      <c r="BQ490" s="487" t="str">
        <f t="shared" si="99"/>
        <v/>
      </c>
      <c r="BR490" s="487" t="str">
        <f t="shared" si="99"/>
        <v/>
      </c>
      <c r="BS490" s="487" t="str">
        <f t="shared" si="99"/>
        <v/>
      </c>
      <c r="BT490" s="487" t="str">
        <f t="shared" si="99"/>
        <v/>
      </c>
      <c r="BU490" s="487" t="str">
        <f t="shared" si="99"/>
        <v/>
      </c>
      <c r="BV490" s="487" t="str">
        <f t="shared" si="99"/>
        <v/>
      </c>
      <c r="BW490" s="487" t="str">
        <f t="shared" si="98"/>
        <v/>
      </c>
      <c r="BX490" s="487" t="str">
        <f t="shared" si="98"/>
        <v/>
      </c>
      <c r="BY490" s="487" t="str">
        <f t="shared" si="98"/>
        <v/>
      </c>
      <c r="BZ490" s="487" t="str">
        <f t="shared" si="98"/>
        <v/>
      </c>
      <c r="CA490" s="487" t="str">
        <f t="shared" si="100"/>
        <v/>
      </c>
      <c r="CB490" s="487" t="str">
        <f t="shared" si="100"/>
        <v/>
      </c>
      <c r="CC490" s="487" t="str">
        <f t="shared" si="100"/>
        <v/>
      </c>
      <c r="CD490" s="487" t="str">
        <f t="shared" si="100"/>
        <v/>
      </c>
      <c r="CE490" s="487" t="str">
        <f t="shared" si="100"/>
        <v/>
      </c>
      <c r="CF490" s="487" t="str">
        <f t="shared" si="100"/>
        <v/>
      </c>
      <c r="CG490" s="487" t="str">
        <f t="shared" si="100"/>
        <v/>
      </c>
      <c r="CH490" s="487" t="str">
        <f t="shared" si="100"/>
        <v/>
      </c>
      <c r="CI490" s="487" t="str">
        <f t="shared" si="100"/>
        <v/>
      </c>
      <c r="CJ490" s="487" t="str">
        <f t="shared" si="95"/>
        <v/>
      </c>
      <c r="CK490" s="487" t="str">
        <f t="shared" si="95"/>
        <v/>
      </c>
      <c r="CL490" s="487" t="str">
        <f t="shared" si="95"/>
        <v/>
      </c>
      <c r="CM490" s="487"/>
      <c r="CN490" s="487"/>
      <c r="CO490" s="487"/>
      <c r="CP490" s="487"/>
      <c r="CQ490" s="487"/>
      <c r="CR490" s="487"/>
      <c r="CS490" s="487"/>
      <c r="CT490" s="487"/>
      <c r="CU490" s="487"/>
      <c r="CV490" s="487"/>
      <c r="CW490" s="487"/>
      <c r="CX490" s="487"/>
      <c r="CY490" s="487"/>
      <c r="CZ490" s="487"/>
      <c r="DA490" s="487"/>
      <c r="DB490" s="487"/>
      <c r="DC490" s="487"/>
      <c r="DD490" s="487"/>
      <c r="DE490" s="487"/>
      <c r="DF490" s="487"/>
      <c r="DG490" s="487"/>
      <c r="DH490" s="487"/>
      <c r="DI490" s="486"/>
      <c r="DJ490" s="486"/>
      <c r="DK490" s="486"/>
    </row>
    <row r="491" spans="1:115" ht="56.1" hidden="1" customHeight="1" x14ac:dyDescent="0.2">
      <c r="A491" s="510"/>
      <c r="B491" s="510"/>
      <c r="C491" s="481">
        <v>819</v>
      </c>
      <c r="D491" s="481"/>
      <c r="E491" s="481" t="s">
        <v>2481</v>
      </c>
      <c r="F491" s="482" t="s">
        <v>53</v>
      </c>
      <c r="G491" s="482" t="s">
        <v>655</v>
      </c>
      <c r="H491" s="501" t="s">
        <v>932</v>
      </c>
      <c r="I491" s="501" t="s">
        <v>1137</v>
      </c>
      <c r="J491" s="506" t="s">
        <v>1138</v>
      </c>
      <c r="K491" s="506"/>
      <c r="L491" s="77" t="s">
        <v>58</v>
      </c>
      <c r="M491" s="500" t="s">
        <v>59</v>
      </c>
      <c r="N491" s="500"/>
      <c r="O491" s="501" t="s">
        <v>81</v>
      </c>
      <c r="P491" s="77" t="s">
        <v>77</v>
      </c>
      <c r="Q491" s="77"/>
      <c r="R491" s="500" t="s">
        <v>722</v>
      </c>
      <c r="S491" s="76" t="s">
        <v>63</v>
      </c>
      <c r="T491" s="76" t="s">
        <v>63</v>
      </c>
      <c r="U491" s="508">
        <v>378235</v>
      </c>
      <c r="V491" s="508"/>
      <c r="W491" s="510" t="s">
        <v>839</v>
      </c>
      <c r="X491" s="510"/>
      <c r="Y491" s="503">
        <f t="shared" si="89"/>
        <v>378235</v>
      </c>
      <c r="Z491" s="76" t="s">
        <v>65</v>
      </c>
      <c r="AA491" s="487"/>
      <c r="AB491" s="487"/>
      <c r="AC491" s="487"/>
      <c r="AD491" s="487"/>
      <c r="AE491" s="487"/>
      <c r="AF491" s="487"/>
      <c r="AG491" s="487"/>
      <c r="AH491" s="487"/>
      <c r="AI491" s="487"/>
      <c r="AJ491" s="487"/>
      <c r="AK491" s="487"/>
      <c r="AL491" s="487"/>
      <c r="AM491" s="487"/>
      <c r="AN491" s="487"/>
      <c r="AO491" s="487"/>
      <c r="AP491" s="487"/>
      <c r="AQ491" s="76"/>
      <c r="AR491" s="487"/>
      <c r="AS491" s="487"/>
      <c r="AT491" s="487"/>
      <c r="AU491" s="76"/>
      <c r="AV491" s="487"/>
      <c r="AW491" s="487"/>
      <c r="AX491" s="487"/>
      <c r="AY491" s="76"/>
      <c r="AZ491" s="487"/>
      <c r="BA491" s="76"/>
      <c r="BB491" s="76"/>
      <c r="BC491" s="487"/>
      <c r="BD491" s="76"/>
      <c r="BE491" s="76"/>
      <c r="BF491" s="80">
        <f t="shared" si="90"/>
        <v>0</v>
      </c>
      <c r="BG491" s="76"/>
      <c r="BH491" s="487" t="str">
        <f t="shared" si="99"/>
        <v/>
      </c>
      <c r="BI491" s="487" t="str">
        <f t="shared" si="99"/>
        <v/>
      </c>
      <c r="BJ491" s="487" t="str">
        <f t="shared" si="99"/>
        <v/>
      </c>
      <c r="BK491" s="487" t="str">
        <f t="shared" si="99"/>
        <v/>
      </c>
      <c r="BL491" s="487" t="str">
        <f t="shared" si="99"/>
        <v/>
      </c>
      <c r="BM491" s="487" t="str">
        <f t="shared" si="99"/>
        <v/>
      </c>
      <c r="BN491" s="487" t="str">
        <f t="shared" si="99"/>
        <v/>
      </c>
      <c r="BO491" s="487" t="str">
        <f t="shared" si="99"/>
        <v/>
      </c>
      <c r="BP491" s="487" t="str">
        <f t="shared" si="99"/>
        <v/>
      </c>
      <c r="BQ491" s="487" t="str">
        <f t="shared" si="99"/>
        <v/>
      </c>
      <c r="BR491" s="487" t="str">
        <f t="shared" si="99"/>
        <v/>
      </c>
      <c r="BS491" s="487" t="str">
        <f t="shared" si="99"/>
        <v/>
      </c>
      <c r="BT491" s="487" t="str">
        <f t="shared" si="99"/>
        <v/>
      </c>
      <c r="BU491" s="487" t="str">
        <f t="shared" si="99"/>
        <v/>
      </c>
      <c r="BV491" s="487" t="str">
        <f t="shared" si="99"/>
        <v/>
      </c>
      <c r="BW491" s="487" t="str">
        <f t="shared" si="98"/>
        <v/>
      </c>
      <c r="BX491" s="487" t="str">
        <f t="shared" si="98"/>
        <v/>
      </c>
      <c r="BY491" s="487" t="str">
        <f t="shared" si="98"/>
        <v/>
      </c>
      <c r="BZ491" s="487" t="str">
        <f t="shared" si="98"/>
        <v/>
      </c>
      <c r="CA491" s="487" t="str">
        <f t="shared" si="100"/>
        <v/>
      </c>
      <c r="CB491" s="487" t="str">
        <f t="shared" si="100"/>
        <v/>
      </c>
      <c r="CC491" s="487" t="str">
        <f t="shared" si="100"/>
        <v/>
      </c>
      <c r="CD491" s="487" t="str">
        <f t="shared" si="100"/>
        <v/>
      </c>
      <c r="CE491" s="487" t="str">
        <f t="shared" si="100"/>
        <v/>
      </c>
      <c r="CF491" s="487" t="str">
        <f t="shared" si="100"/>
        <v/>
      </c>
      <c r="CG491" s="487" t="str">
        <f t="shared" si="100"/>
        <v/>
      </c>
      <c r="CH491" s="487" t="str">
        <f t="shared" si="100"/>
        <v/>
      </c>
      <c r="CI491" s="487" t="str">
        <f t="shared" si="100"/>
        <v/>
      </c>
      <c r="CJ491" s="487" t="str">
        <f t="shared" si="95"/>
        <v/>
      </c>
      <c r="CK491" s="487" t="str">
        <f t="shared" si="95"/>
        <v/>
      </c>
      <c r="CL491" s="487" t="str">
        <f t="shared" si="95"/>
        <v/>
      </c>
      <c r="CM491" s="487"/>
      <c r="CN491" s="487"/>
      <c r="CO491" s="487"/>
      <c r="CP491" s="487"/>
      <c r="CQ491" s="487"/>
      <c r="CR491" s="487"/>
      <c r="CS491" s="487"/>
      <c r="CT491" s="487"/>
      <c r="CU491" s="487"/>
      <c r="CV491" s="487"/>
      <c r="CW491" s="487"/>
      <c r="CX491" s="487"/>
      <c r="CY491" s="487"/>
      <c r="CZ491" s="487"/>
      <c r="DA491" s="487"/>
      <c r="DB491" s="487"/>
      <c r="DC491" s="487"/>
      <c r="DD491" s="487"/>
      <c r="DE491" s="487"/>
      <c r="DF491" s="487"/>
      <c r="DG491" s="487"/>
      <c r="DH491" s="487"/>
      <c r="DI491" s="486"/>
      <c r="DJ491" s="486"/>
      <c r="DK491" s="486"/>
    </row>
    <row r="492" spans="1:115" ht="56.1" hidden="1" customHeight="1" x14ac:dyDescent="0.2">
      <c r="A492" s="510"/>
      <c r="B492" s="510"/>
      <c r="C492" s="481">
        <v>820</v>
      </c>
      <c r="D492" s="481"/>
      <c r="E492" s="481" t="s">
        <v>2481</v>
      </c>
      <c r="F492" s="482" t="s">
        <v>53</v>
      </c>
      <c r="G492" s="482" t="s">
        <v>655</v>
      </c>
      <c r="H492" s="501" t="s">
        <v>932</v>
      </c>
      <c r="I492" s="501" t="s">
        <v>1139</v>
      </c>
      <c r="J492" s="506" t="s">
        <v>1140</v>
      </c>
      <c r="K492" s="506"/>
      <c r="L492" s="77" t="s">
        <v>58</v>
      </c>
      <c r="M492" s="500" t="s">
        <v>59</v>
      </c>
      <c r="N492" s="500"/>
      <c r="O492" s="506" t="s">
        <v>81</v>
      </c>
      <c r="P492" s="77" t="s">
        <v>77</v>
      </c>
      <c r="Q492" s="77"/>
      <c r="R492" s="500" t="s">
        <v>722</v>
      </c>
      <c r="S492" s="76" t="s">
        <v>63</v>
      </c>
      <c r="T492" s="76" t="s">
        <v>63</v>
      </c>
      <c r="U492" s="508">
        <v>107338.29106</v>
      </c>
      <c r="V492" s="508"/>
      <c r="W492" s="510" t="s">
        <v>839</v>
      </c>
      <c r="X492" s="510"/>
      <c r="Y492" s="503">
        <f t="shared" si="89"/>
        <v>107338.29106</v>
      </c>
      <c r="Z492" s="76" t="s">
        <v>65</v>
      </c>
      <c r="AA492" s="487"/>
      <c r="AB492" s="487"/>
      <c r="AC492" s="487"/>
      <c r="AD492" s="487"/>
      <c r="AE492" s="487"/>
      <c r="AF492" s="487"/>
      <c r="AG492" s="487"/>
      <c r="AH492" s="487"/>
      <c r="AI492" s="487"/>
      <c r="AJ492" s="487"/>
      <c r="AK492" s="487"/>
      <c r="AL492" s="487"/>
      <c r="AM492" s="487"/>
      <c r="AN492" s="487"/>
      <c r="AO492" s="487"/>
      <c r="AP492" s="487"/>
      <c r="AQ492" s="76"/>
      <c r="AR492" s="487"/>
      <c r="AS492" s="487"/>
      <c r="AT492" s="487"/>
      <c r="AU492" s="76"/>
      <c r="AV492" s="487"/>
      <c r="AW492" s="487"/>
      <c r="AX492" s="487"/>
      <c r="AY492" s="76"/>
      <c r="AZ492" s="487"/>
      <c r="BA492" s="76"/>
      <c r="BB492" s="76"/>
      <c r="BC492" s="487"/>
      <c r="BD492" s="76"/>
      <c r="BE492" s="76"/>
      <c r="BF492" s="80">
        <f t="shared" si="90"/>
        <v>0</v>
      </c>
      <c r="BG492" s="76"/>
      <c r="BH492" s="487" t="str">
        <f t="shared" si="99"/>
        <v/>
      </c>
      <c r="BI492" s="487" t="str">
        <f t="shared" si="99"/>
        <v/>
      </c>
      <c r="BJ492" s="487" t="str">
        <f t="shared" si="99"/>
        <v/>
      </c>
      <c r="BK492" s="487" t="str">
        <f t="shared" si="99"/>
        <v/>
      </c>
      <c r="BL492" s="487" t="str">
        <f t="shared" si="99"/>
        <v/>
      </c>
      <c r="BM492" s="487" t="str">
        <f t="shared" si="99"/>
        <v/>
      </c>
      <c r="BN492" s="487" t="str">
        <f t="shared" si="99"/>
        <v/>
      </c>
      <c r="BO492" s="487" t="str">
        <f t="shared" si="99"/>
        <v/>
      </c>
      <c r="BP492" s="487" t="str">
        <f t="shared" si="99"/>
        <v/>
      </c>
      <c r="BQ492" s="487" t="str">
        <f t="shared" si="99"/>
        <v/>
      </c>
      <c r="BR492" s="487" t="str">
        <f t="shared" si="99"/>
        <v/>
      </c>
      <c r="BS492" s="487" t="str">
        <f t="shared" si="99"/>
        <v/>
      </c>
      <c r="BT492" s="487" t="str">
        <f t="shared" si="99"/>
        <v/>
      </c>
      <c r="BU492" s="487" t="str">
        <f t="shared" si="99"/>
        <v/>
      </c>
      <c r="BV492" s="487" t="str">
        <f t="shared" si="99"/>
        <v/>
      </c>
      <c r="BW492" s="487" t="str">
        <f t="shared" si="98"/>
        <v/>
      </c>
      <c r="BX492" s="487" t="str">
        <f t="shared" si="98"/>
        <v/>
      </c>
      <c r="BY492" s="487" t="str">
        <f t="shared" si="98"/>
        <v/>
      </c>
      <c r="BZ492" s="487" t="str">
        <f t="shared" si="98"/>
        <v/>
      </c>
      <c r="CA492" s="487" t="str">
        <f t="shared" si="100"/>
        <v/>
      </c>
      <c r="CB492" s="487" t="str">
        <f t="shared" si="100"/>
        <v/>
      </c>
      <c r="CC492" s="487" t="str">
        <f t="shared" si="100"/>
        <v/>
      </c>
      <c r="CD492" s="487" t="str">
        <f t="shared" si="100"/>
        <v/>
      </c>
      <c r="CE492" s="487" t="str">
        <f t="shared" si="100"/>
        <v/>
      </c>
      <c r="CF492" s="487" t="str">
        <f t="shared" si="100"/>
        <v/>
      </c>
      <c r="CG492" s="487" t="str">
        <f t="shared" si="100"/>
        <v/>
      </c>
      <c r="CH492" s="487" t="str">
        <f t="shared" si="100"/>
        <v/>
      </c>
      <c r="CI492" s="487" t="str">
        <f t="shared" si="100"/>
        <v/>
      </c>
      <c r="CJ492" s="487" t="str">
        <f t="shared" si="95"/>
        <v/>
      </c>
      <c r="CK492" s="487" t="str">
        <f t="shared" si="95"/>
        <v/>
      </c>
      <c r="CL492" s="487" t="str">
        <f t="shared" si="95"/>
        <v/>
      </c>
      <c r="CM492" s="487"/>
      <c r="CN492" s="487"/>
      <c r="CO492" s="487"/>
      <c r="CP492" s="487"/>
      <c r="CQ492" s="487"/>
      <c r="CR492" s="487"/>
      <c r="CS492" s="487"/>
      <c r="CT492" s="487"/>
      <c r="CU492" s="487"/>
      <c r="CV492" s="487"/>
      <c r="CW492" s="487"/>
      <c r="CX492" s="487"/>
      <c r="CY492" s="487"/>
      <c r="CZ492" s="487"/>
      <c r="DA492" s="487"/>
      <c r="DB492" s="487"/>
      <c r="DC492" s="487"/>
      <c r="DD492" s="487"/>
      <c r="DE492" s="487"/>
      <c r="DF492" s="487"/>
      <c r="DG492" s="487"/>
      <c r="DH492" s="487"/>
      <c r="DI492" s="486"/>
      <c r="DJ492" s="486"/>
      <c r="DK492" s="486"/>
    </row>
    <row r="493" spans="1:115" ht="56.1" hidden="1" customHeight="1" x14ac:dyDescent="0.2">
      <c r="A493" s="510"/>
      <c r="B493" s="510"/>
      <c r="C493" s="481">
        <v>821</v>
      </c>
      <c r="D493" s="481"/>
      <c r="E493" s="481" t="s">
        <v>2481</v>
      </c>
      <c r="F493" s="482" t="s">
        <v>53</v>
      </c>
      <c r="G493" s="482" t="s">
        <v>655</v>
      </c>
      <c r="H493" s="501" t="s">
        <v>932</v>
      </c>
      <c r="I493" s="501" t="s">
        <v>1141</v>
      </c>
      <c r="J493" s="506" t="s">
        <v>1142</v>
      </c>
      <c r="K493" s="506"/>
      <c r="L493" s="77" t="s">
        <v>58</v>
      </c>
      <c r="M493" s="500" t="s">
        <v>59</v>
      </c>
      <c r="N493" s="500"/>
      <c r="O493" s="501" t="s">
        <v>81</v>
      </c>
      <c r="P493" s="77" t="s">
        <v>77</v>
      </c>
      <c r="Q493" s="77"/>
      <c r="R493" s="500" t="s">
        <v>722</v>
      </c>
      <c r="S493" s="76" t="s">
        <v>63</v>
      </c>
      <c r="T493" s="76" t="s">
        <v>63</v>
      </c>
      <c r="U493" s="508">
        <v>606409.375</v>
      </c>
      <c r="V493" s="508"/>
      <c r="W493" s="510" t="s">
        <v>839</v>
      </c>
      <c r="X493" s="510"/>
      <c r="Y493" s="503">
        <f t="shared" si="89"/>
        <v>606409.375</v>
      </c>
      <c r="Z493" s="76" t="s">
        <v>65</v>
      </c>
      <c r="AA493" s="487"/>
      <c r="AB493" s="487"/>
      <c r="AC493" s="487"/>
      <c r="AD493" s="487"/>
      <c r="AE493" s="487"/>
      <c r="AF493" s="487"/>
      <c r="AG493" s="487"/>
      <c r="AH493" s="487"/>
      <c r="AI493" s="487"/>
      <c r="AJ493" s="487"/>
      <c r="AK493" s="487"/>
      <c r="AL493" s="487"/>
      <c r="AM493" s="487"/>
      <c r="AN493" s="487"/>
      <c r="AO493" s="487"/>
      <c r="AP493" s="487"/>
      <c r="AQ493" s="76"/>
      <c r="AR493" s="487"/>
      <c r="AS493" s="487"/>
      <c r="AT493" s="487"/>
      <c r="AU493" s="76"/>
      <c r="AV493" s="487"/>
      <c r="AW493" s="487"/>
      <c r="AX493" s="487"/>
      <c r="AY493" s="76"/>
      <c r="AZ493" s="487"/>
      <c r="BA493" s="76"/>
      <c r="BB493" s="76"/>
      <c r="BC493" s="487"/>
      <c r="BD493" s="76"/>
      <c r="BE493" s="76"/>
      <c r="BF493" s="80">
        <f t="shared" si="90"/>
        <v>0</v>
      </c>
      <c r="BG493" s="76"/>
      <c r="BH493" s="487" t="str">
        <f t="shared" si="99"/>
        <v/>
      </c>
      <c r="BI493" s="487" t="str">
        <f t="shared" si="99"/>
        <v/>
      </c>
      <c r="BJ493" s="487" t="str">
        <f t="shared" si="99"/>
        <v/>
      </c>
      <c r="BK493" s="487" t="str">
        <f t="shared" si="99"/>
        <v/>
      </c>
      <c r="BL493" s="487" t="str">
        <f t="shared" si="99"/>
        <v/>
      </c>
      <c r="BM493" s="487" t="str">
        <f t="shared" si="99"/>
        <v/>
      </c>
      <c r="BN493" s="487" t="str">
        <f t="shared" si="99"/>
        <v/>
      </c>
      <c r="BO493" s="487" t="str">
        <f t="shared" si="99"/>
        <v/>
      </c>
      <c r="BP493" s="487" t="str">
        <f t="shared" si="99"/>
        <v/>
      </c>
      <c r="BQ493" s="487" t="str">
        <f t="shared" si="99"/>
        <v/>
      </c>
      <c r="BR493" s="487" t="str">
        <f t="shared" si="99"/>
        <v/>
      </c>
      <c r="BS493" s="487" t="str">
        <f t="shared" si="99"/>
        <v/>
      </c>
      <c r="BT493" s="487" t="str">
        <f t="shared" si="99"/>
        <v/>
      </c>
      <c r="BU493" s="487" t="str">
        <f t="shared" si="99"/>
        <v/>
      </c>
      <c r="BV493" s="487" t="str">
        <f t="shared" si="99"/>
        <v/>
      </c>
      <c r="BW493" s="487" t="str">
        <f t="shared" si="98"/>
        <v/>
      </c>
      <c r="BX493" s="487" t="str">
        <f t="shared" si="98"/>
        <v/>
      </c>
      <c r="BY493" s="487" t="str">
        <f t="shared" si="98"/>
        <v/>
      </c>
      <c r="BZ493" s="487" t="str">
        <f t="shared" si="98"/>
        <v/>
      </c>
      <c r="CA493" s="487" t="str">
        <f t="shared" si="100"/>
        <v/>
      </c>
      <c r="CB493" s="487" t="str">
        <f t="shared" si="100"/>
        <v/>
      </c>
      <c r="CC493" s="487" t="str">
        <f t="shared" si="100"/>
        <v/>
      </c>
      <c r="CD493" s="487" t="str">
        <f t="shared" si="100"/>
        <v/>
      </c>
      <c r="CE493" s="487" t="str">
        <f t="shared" si="100"/>
        <v/>
      </c>
      <c r="CF493" s="487" t="str">
        <f t="shared" si="100"/>
        <v/>
      </c>
      <c r="CG493" s="487" t="str">
        <f t="shared" si="100"/>
        <v/>
      </c>
      <c r="CH493" s="487" t="str">
        <f t="shared" si="100"/>
        <v/>
      </c>
      <c r="CI493" s="487" t="str">
        <f t="shared" si="100"/>
        <v/>
      </c>
      <c r="CJ493" s="487" t="str">
        <f t="shared" si="95"/>
        <v/>
      </c>
      <c r="CK493" s="487" t="str">
        <f t="shared" si="95"/>
        <v/>
      </c>
      <c r="CL493" s="487" t="str">
        <f t="shared" si="95"/>
        <v/>
      </c>
      <c r="CM493" s="487"/>
      <c r="CN493" s="487"/>
      <c r="CO493" s="487"/>
      <c r="CP493" s="487"/>
      <c r="CQ493" s="487"/>
      <c r="CR493" s="487"/>
      <c r="CS493" s="487"/>
      <c r="CT493" s="487"/>
      <c r="CU493" s="487"/>
      <c r="CV493" s="487"/>
      <c r="CW493" s="487"/>
      <c r="CX493" s="487"/>
      <c r="CY493" s="487"/>
      <c r="CZ493" s="487"/>
      <c r="DA493" s="487"/>
      <c r="DB493" s="487"/>
      <c r="DC493" s="487"/>
      <c r="DD493" s="487"/>
      <c r="DE493" s="487"/>
      <c r="DF493" s="487"/>
      <c r="DG493" s="487"/>
      <c r="DH493" s="487"/>
      <c r="DI493" s="486"/>
      <c r="DJ493" s="486"/>
      <c r="DK493" s="486"/>
    </row>
    <row r="494" spans="1:115" ht="56.1" hidden="1" customHeight="1" x14ac:dyDescent="0.2">
      <c r="A494" s="510"/>
      <c r="B494" s="510"/>
      <c r="C494" s="481">
        <v>822</v>
      </c>
      <c r="D494" s="481"/>
      <c r="E494" s="481" t="s">
        <v>2481</v>
      </c>
      <c r="F494" s="482" t="s">
        <v>53</v>
      </c>
      <c r="G494" s="482" t="s">
        <v>655</v>
      </c>
      <c r="H494" s="501" t="s">
        <v>932</v>
      </c>
      <c r="I494" s="501" t="s">
        <v>1143</v>
      </c>
      <c r="J494" s="506" t="s">
        <v>1144</v>
      </c>
      <c r="K494" s="506"/>
      <c r="L494" s="77" t="s">
        <v>58</v>
      </c>
      <c r="M494" s="500" t="s">
        <v>59</v>
      </c>
      <c r="N494" s="500"/>
      <c r="O494" s="506" t="s">
        <v>81</v>
      </c>
      <c r="P494" s="77" t="s">
        <v>77</v>
      </c>
      <c r="Q494" s="77"/>
      <c r="R494" s="500" t="s">
        <v>722</v>
      </c>
      <c r="S494" s="76" t="s">
        <v>63</v>
      </c>
      <c r="T494" s="76" t="s">
        <v>63</v>
      </c>
      <c r="U494" s="508">
        <v>34476.120250000007</v>
      </c>
      <c r="V494" s="508"/>
      <c r="W494" s="510" t="s">
        <v>839</v>
      </c>
      <c r="X494" s="510"/>
      <c r="Y494" s="503">
        <f t="shared" ref="Y494:Y501" si="101">U494</f>
        <v>34476.120250000007</v>
      </c>
      <c r="Z494" s="76" t="s">
        <v>65</v>
      </c>
      <c r="AA494" s="487"/>
      <c r="AB494" s="487"/>
      <c r="AC494" s="487"/>
      <c r="AD494" s="487"/>
      <c r="AE494" s="487"/>
      <c r="AF494" s="487"/>
      <c r="AG494" s="487"/>
      <c r="AH494" s="487"/>
      <c r="AI494" s="487"/>
      <c r="AJ494" s="487"/>
      <c r="AK494" s="487"/>
      <c r="AL494" s="487"/>
      <c r="AM494" s="487"/>
      <c r="AN494" s="487"/>
      <c r="AO494" s="487"/>
      <c r="AP494" s="487"/>
      <c r="AQ494" s="76"/>
      <c r="AR494" s="487"/>
      <c r="AS494" s="487"/>
      <c r="AT494" s="487"/>
      <c r="AU494" s="76"/>
      <c r="AV494" s="487"/>
      <c r="AW494" s="487"/>
      <c r="AX494" s="487"/>
      <c r="AY494" s="76"/>
      <c r="AZ494" s="487"/>
      <c r="BA494" s="76"/>
      <c r="BB494" s="76"/>
      <c r="BC494" s="487"/>
      <c r="BD494" s="76"/>
      <c r="BE494" s="76"/>
      <c r="BF494" s="80">
        <f t="shared" ref="BF494:BF501" si="102">SUMIF(AA494:BE494,"YES",$AA$2:$BE$2)</f>
        <v>0</v>
      </c>
      <c r="BG494" s="76"/>
      <c r="BH494" s="487" t="str">
        <f t="shared" si="99"/>
        <v/>
      </c>
      <c r="BI494" s="487" t="str">
        <f t="shared" si="99"/>
        <v/>
      </c>
      <c r="BJ494" s="487" t="str">
        <f t="shared" si="99"/>
        <v/>
      </c>
      <c r="BK494" s="487" t="str">
        <f t="shared" si="99"/>
        <v/>
      </c>
      <c r="BL494" s="487" t="str">
        <f t="shared" si="99"/>
        <v/>
      </c>
      <c r="BM494" s="487" t="str">
        <f t="shared" si="99"/>
        <v/>
      </c>
      <c r="BN494" s="487" t="str">
        <f t="shared" si="99"/>
        <v/>
      </c>
      <c r="BO494" s="487" t="str">
        <f t="shared" si="99"/>
        <v/>
      </c>
      <c r="BP494" s="487" t="str">
        <f t="shared" si="99"/>
        <v/>
      </c>
      <c r="BQ494" s="487" t="str">
        <f t="shared" si="99"/>
        <v/>
      </c>
      <c r="BR494" s="487" t="str">
        <f t="shared" si="99"/>
        <v/>
      </c>
      <c r="BS494" s="487" t="str">
        <f t="shared" si="99"/>
        <v/>
      </c>
      <c r="BT494" s="487" t="str">
        <f t="shared" si="99"/>
        <v/>
      </c>
      <c r="BU494" s="487" t="str">
        <f t="shared" si="99"/>
        <v/>
      </c>
      <c r="BV494" s="487" t="str">
        <f t="shared" si="99"/>
        <v/>
      </c>
      <c r="BW494" s="487" t="str">
        <f t="shared" si="98"/>
        <v/>
      </c>
      <c r="BX494" s="487" t="str">
        <f t="shared" si="98"/>
        <v/>
      </c>
      <c r="BY494" s="487" t="str">
        <f t="shared" si="98"/>
        <v/>
      </c>
      <c r="BZ494" s="487" t="str">
        <f t="shared" si="98"/>
        <v/>
      </c>
      <c r="CA494" s="487" t="str">
        <f t="shared" si="100"/>
        <v/>
      </c>
      <c r="CB494" s="487" t="str">
        <f t="shared" si="100"/>
        <v/>
      </c>
      <c r="CC494" s="487" t="str">
        <f t="shared" si="100"/>
        <v/>
      </c>
      <c r="CD494" s="487" t="str">
        <f t="shared" si="100"/>
        <v/>
      </c>
      <c r="CE494" s="487" t="str">
        <f t="shared" si="100"/>
        <v/>
      </c>
      <c r="CF494" s="487" t="str">
        <f t="shared" si="100"/>
        <v/>
      </c>
      <c r="CG494" s="487" t="str">
        <f t="shared" si="100"/>
        <v/>
      </c>
      <c r="CH494" s="487" t="str">
        <f t="shared" si="100"/>
        <v/>
      </c>
      <c r="CI494" s="487" t="str">
        <f t="shared" si="100"/>
        <v/>
      </c>
      <c r="CJ494" s="487" t="str">
        <f t="shared" si="100"/>
        <v/>
      </c>
      <c r="CK494" s="487" t="str">
        <f t="shared" si="100"/>
        <v/>
      </c>
      <c r="CL494" s="487" t="str">
        <f t="shared" si="100"/>
        <v/>
      </c>
      <c r="CM494" s="487"/>
      <c r="CN494" s="487"/>
      <c r="CO494" s="487"/>
      <c r="CP494" s="487"/>
      <c r="CQ494" s="487"/>
      <c r="CR494" s="487"/>
      <c r="CS494" s="487"/>
      <c r="CT494" s="487"/>
      <c r="CU494" s="487"/>
      <c r="CV494" s="487"/>
      <c r="CW494" s="487"/>
      <c r="CX494" s="487"/>
      <c r="CY494" s="487"/>
      <c r="CZ494" s="487"/>
      <c r="DA494" s="487"/>
      <c r="DB494" s="487"/>
      <c r="DC494" s="487"/>
      <c r="DD494" s="487"/>
      <c r="DE494" s="487"/>
      <c r="DF494" s="487"/>
      <c r="DG494" s="487"/>
      <c r="DH494" s="487"/>
      <c r="DI494" s="486"/>
      <c r="DJ494" s="486"/>
      <c r="DK494" s="486"/>
    </row>
    <row r="495" spans="1:115" ht="56.1" hidden="1" customHeight="1" x14ac:dyDescent="0.2">
      <c r="A495" s="499" t="s">
        <v>2494</v>
      </c>
      <c r="B495" s="483" t="s">
        <v>2495</v>
      </c>
      <c r="C495" s="481">
        <v>823</v>
      </c>
      <c r="D495" s="481"/>
      <c r="E495" s="481" t="s">
        <v>2481</v>
      </c>
      <c r="F495" s="482" t="s">
        <v>53</v>
      </c>
      <c r="G495" s="482" t="s">
        <v>655</v>
      </c>
      <c r="H495" s="501" t="s">
        <v>932</v>
      </c>
      <c r="I495" s="501" t="s">
        <v>1145</v>
      </c>
      <c r="J495" s="506" t="s">
        <v>1146</v>
      </c>
      <c r="K495" s="506"/>
      <c r="L495" s="77" t="s">
        <v>58</v>
      </c>
      <c r="M495" s="500" t="s">
        <v>833</v>
      </c>
      <c r="N495" s="500"/>
      <c r="O495" s="501" t="s">
        <v>81</v>
      </c>
      <c r="P495" s="77" t="s">
        <v>77</v>
      </c>
      <c r="Q495" s="77"/>
      <c r="R495" s="500" t="s">
        <v>722</v>
      </c>
      <c r="S495" s="76" t="s">
        <v>63</v>
      </c>
      <c r="T495" s="76" t="s">
        <v>63</v>
      </c>
      <c r="U495" s="508">
        <v>1167595</v>
      </c>
      <c r="V495" s="508"/>
      <c r="W495" s="494" t="s">
        <v>659</v>
      </c>
      <c r="X495" s="494"/>
      <c r="Y495" s="503">
        <f t="shared" si="101"/>
        <v>1167595</v>
      </c>
      <c r="Z495" s="76" t="s">
        <v>65</v>
      </c>
      <c r="AA495" s="487"/>
      <c r="AB495" s="487"/>
      <c r="AC495" s="487"/>
      <c r="AD495" s="487"/>
      <c r="AE495" s="487"/>
      <c r="AF495" s="487"/>
      <c r="AG495" s="487"/>
      <c r="AH495" s="487"/>
      <c r="AI495" s="487"/>
      <c r="AJ495" s="487"/>
      <c r="AK495" s="487"/>
      <c r="AL495" s="487"/>
      <c r="AM495" s="487"/>
      <c r="AN495" s="487"/>
      <c r="AO495" s="487"/>
      <c r="AP495" s="487"/>
      <c r="AQ495" s="76"/>
      <c r="AR495" s="487"/>
      <c r="AS495" s="487"/>
      <c r="AT495" s="487"/>
      <c r="AU495" s="76"/>
      <c r="AV495" s="487"/>
      <c r="AW495" s="487"/>
      <c r="AX495" s="487"/>
      <c r="AY495" s="76"/>
      <c r="AZ495" s="487"/>
      <c r="BA495" s="76"/>
      <c r="BB495" s="76"/>
      <c r="BC495" s="487"/>
      <c r="BD495" s="76"/>
      <c r="BE495" s="76"/>
      <c r="BF495" s="80">
        <f t="shared" si="102"/>
        <v>0</v>
      </c>
      <c r="BG495" s="76"/>
      <c r="BH495" s="487" t="str">
        <f t="shared" si="99"/>
        <v/>
      </c>
      <c r="BI495" s="487" t="str">
        <f t="shared" si="99"/>
        <v/>
      </c>
      <c r="BJ495" s="487" t="str">
        <f t="shared" si="99"/>
        <v/>
      </c>
      <c r="BK495" s="487" t="str">
        <f t="shared" si="99"/>
        <v/>
      </c>
      <c r="BL495" s="487" t="str">
        <f t="shared" si="99"/>
        <v/>
      </c>
      <c r="BM495" s="487" t="str">
        <f t="shared" si="99"/>
        <v/>
      </c>
      <c r="BN495" s="487" t="str">
        <f t="shared" si="99"/>
        <v/>
      </c>
      <c r="BO495" s="487" t="str">
        <f t="shared" si="99"/>
        <v/>
      </c>
      <c r="BP495" s="487" t="str">
        <f t="shared" si="99"/>
        <v/>
      </c>
      <c r="BQ495" s="487" t="str">
        <f t="shared" si="99"/>
        <v/>
      </c>
      <c r="BR495" s="487" t="str">
        <f t="shared" si="99"/>
        <v/>
      </c>
      <c r="BS495" s="487" t="str">
        <f t="shared" si="99"/>
        <v/>
      </c>
      <c r="BT495" s="487" t="str">
        <f t="shared" si="99"/>
        <v/>
      </c>
      <c r="BU495" s="487" t="str">
        <f t="shared" si="99"/>
        <v/>
      </c>
      <c r="BV495" s="487" t="str">
        <f t="shared" si="99"/>
        <v/>
      </c>
      <c r="BW495" s="487" t="str">
        <f t="shared" si="98"/>
        <v/>
      </c>
      <c r="BX495" s="487" t="str">
        <f t="shared" si="98"/>
        <v/>
      </c>
      <c r="BY495" s="487" t="str">
        <f t="shared" si="98"/>
        <v/>
      </c>
      <c r="BZ495" s="487" t="str">
        <f t="shared" si="98"/>
        <v/>
      </c>
      <c r="CA495" s="487" t="str">
        <f t="shared" si="100"/>
        <v/>
      </c>
      <c r="CB495" s="487" t="str">
        <f t="shared" si="100"/>
        <v/>
      </c>
      <c r="CC495" s="487" t="str">
        <f t="shared" si="100"/>
        <v/>
      </c>
      <c r="CD495" s="487" t="str">
        <f t="shared" si="100"/>
        <v/>
      </c>
      <c r="CE495" s="487" t="str">
        <f t="shared" si="100"/>
        <v/>
      </c>
      <c r="CF495" s="487" t="str">
        <f t="shared" si="100"/>
        <v/>
      </c>
      <c r="CG495" s="487" t="str">
        <f t="shared" si="100"/>
        <v/>
      </c>
      <c r="CH495" s="487" t="str">
        <f t="shared" si="100"/>
        <v/>
      </c>
      <c r="CI495" s="487" t="str">
        <f t="shared" si="100"/>
        <v/>
      </c>
      <c r="CJ495" s="487" t="str">
        <f t="shared" si="100"/>
        <v/>
      </c>
      <c r="CK495" s="487" t="str">
        <f t="shared" si="100"/>
        <v/>
      </c>
      <c r="CL495" s="487" t="str">
        <f t="shared" si="100"/>
        <v/>
      </c>
      <c r="CM495" s="487"/>
      <c r="CN495" s="487"/>
      <c r="CO495" s="487"/>
      <c r="CP495" s="487"/>
      <c r="CQ495" s="487"/>
      <c r="CR495" s="487"/>
      <c r="CS495" s="487"/>
      <c r="CT495" s="487"/>
      <c r="CU495" s="487"/>
      <c r="CV495" s="487"/>
      <c r="CW495" s="487"/>
      <c r="CX495" s="487"/>
      <c r="CY495" s="487"/>
      <c r="CZ495" s="487"/>
      <c r="DA495" s="487"/>
      <c r="DB495" s="487"/>
      <c r="DC495" s="487"/>
      <c r="DD495" s="487"/>
      <c r="DE495" s="487"/>
      <c r="DF495" s="487"/>
      <c r="DG495" s="487"/>
      <c r="DH495" s="487"/>
      <c r="DI495" s="486"/>
      <c r="DJ495" s="486"/>
      <c r="DK495" s="486"/>
    </row>
    <row r="496" spans="1:115" ht="56.1" hidden="1" customHeight="1" x14ac:dyDescent="0.2">
      <c r="A496" s="499" t="s">
        <v>2494</v>
      </c>
      <c r="B496" s="483" t="s">
        <v>2495</v>
      </c>
      <c r="C496" s="481">
        <v>824</v>
      </c>
      <c r="D496" s="481"/>
      <c r="E496" s="481" t="s">
        <v>2481</v>
      </c>
      <c r="F496" s="482" t="s">
        <v>53</v>
      </c>
      <c r="G496" s="482" t="s">
        <v>655</v>
      </c>
      <c r="H496" s="501" t="s">
        <v>932</v>
      </c>
      <c r="I496" s="501" t="s">
        <v>1147</v>
      </c>
      <c r="J496" s="506" t="s">
        <v>1148</v>
      </c>
      <c r="K496" s="506"/>
      <c r="L496" s="77" t="s">
        <v>58</v>
      </c>
      <c r="M496" s="500" t="s">
        <v>833</v>
      </c>
      <c r="N496" s="500"/>
      <c r="O496" s="506" t="s">
        <v>81</v>
      </c>
      <c r="P496" s="77" t="s">
        <v>77</v>
      </c>
      <c r="Q496" s="77"/>
      <c r="R496" s="500" t="s">
        <v>722</v>
      </c>
      <c r="S496" s="76" t="s">
        <v>63</v>
      </c>
      <c r="T496" s="76" t="s">
        <v>63</v>
      </c>
      <c r="U496" s="508">
        <v>402902.5</v>
      </c>
      <c r="V496" s="508"/>
      <c r="W496" s="494" t="s">
        <v>659</v>
      </c>
      <c r="X496" s="494"/>
      <c r="Y496" s="503">
        <f t="shared" si="101"/>
        <v>402902.5</v>
      </c>
      <c r="Z496" s="76" t="s">
        <v>65</v>
      </c>
      <c r="AA496" s="487"/>
      <c r="AB496" s="487"/>
      <c r="AC496" s="487"/>
      <c r="AD496" s="487"/>
      <c r="AE496" s="487"/>
      <c r="AF496" s="487"/>
      <c r="AG496" s="487"/>
      <c r="AH496" s="487"/>
      <c r="AI496" s="487"/>
      <c r="AJ496" s="487"/>
      <c r="AK496" s="487"/>
      <c r="AL496" s="487"/>
      <c r="AM496" s="487"/>
      <c r="AN496" s="487"/>
      <c r="AO496" s="487"/>
      <c r="AP496" s="487"/>
      <c r="AQ496" s="76"/>
      <c r="AR496" s="487"/>
      <c r="AS496" s="487"/>
      <c r="AT496" s="487"/>
      <c r="AU496" s="76"/>
      <c r="AV496" s="487"/>
      <c r="AW496" s="487"/>
      <c r="AX496" s="487"/>
      <c r="AY496" s="76"/>
      <c r="AZ496" s="487"/>
      <c r="BA496" s="76"/>
      <c r="BB496" s="76"/>
      <c r="BC496" s="487"/>
      <c r="BD496" s="76"/>
      <c r="BE496" s="76"/>
      <c r="BF496" s="80">
        <f t="shared" si="102"/>
        <v>0</v>
      </c>
      <c r="BG496" s="76"/>
      <c r="BH496" s="487" t="str">
        <f t="shared" ref="BH496:BV501" si="103">IF(AA496="yes",(AA$2*$BG496),"")</f>
        <v/>
      </c>
      <c r="BI496" s="487" t="str">
        <f t="shared" si="103"/>
        <v/>
      </c>
      <c r="BJ496" s="487" t="str">
        <f t="shared" si="103"/>
        <v/>
      </c>
      <c r="BK496" s="487" t="str">
        <f t="shared" si="103"/>
        <v/>
      </c>
      <c r="BL496" s="487" t="str">
        <f t="shared" si="103"/>
        <v/>
      </c>
      <c r="BM496" s="487" t="str">
        <f t="shared" si="103"/>
        <v/>
      </c>
      <c r="BN496" s="487" t="str">
        <f t="shared" si="103"/>
        <v/>
      </c>
      <c r="BO496" s="487" t="str">
        <f t="shared" si="103"/>
        <v/>
      </c>
      <c r="BP496" s="487" t="str">
        <f t="shared" si="103"/>
        <v/>
      </c>
      <c r="BQ496" s="487" t="str">
        <f t="shared" si="103"/>
        <v/>
      </c>
      <c r="BR496" s="487" t="str">
        <f t="shared" si="103"/>
        <v/>
      </c>
      <c r="BS496" s="487" t="str">
        <f t="shared" si="103"/>
        <v/>
      </c>
      <c r="BT496" s="487" t="str">
        <f t="shared" si="103"/>
        <v/>
      </c>
      <c r="BU496" s="487" t="str">
        <f t="shared" si="103"/>
        <v/>
      </c>
      <c r="BV496" s="487" t="str">
        <f t="shared" si="103"/>
        <v/>
      </c>
      <c r="BW496" s="487" t="str">
        <f t="shared" si="98"/>
        <v/>
      </c>
      <c r="BX496" s="487" t="str">
        <f t="shared" si="98"/>
        <v/>
      </c>
      <c r="BY496" s="487" t="str">
        <f t="shared" si="98"/>
        <v/>
      </c>
      <c r="BZ496" s="487" t="str">
        <f t="shared" si="98"/>
        <v/>
      </c>
      <c r="CA496" s="487" t="str">
        <f t="shared" si="100"/>
        <v/>
      </c>
      <c r="CB496" s="487" t="str">
        <f t="shared" si="100"/>
        <v/>
      </c>
      <c r="CC496" s="487" t="str">
        <f t="shared" si="100"/>
        <v/>
      </c>
      <c r="CD496" s="487" t="str">
        <f t="shared" si="100"/>
        <v/>
      </c>
      <c r="CE496" s="487" t="str">
        <f t="shared" si="100"/>
        <v/>
      </c>
      <c r="CF496" s="487" t="str">
        <f t="shared" si="100"/>
        <v/>
      </c>
      <c r="CG496" s="487" t="str">
        <f t="shared" si="100"/>
        <v/>
      </c>
      <c r="CH496" s="487" t="str">
        <f t="shared" si="100"/>
        <v/>
      </c>
      <c r="CI496" s="487" t="str">
        <f t="shared" si="100"/>
        <v/>
      </c>
      <c r="CJ496" s="487" t="str">
        <f t="shared" si="100"/>
        <v/>
      </c>
      <c r="CK496" s="487" t="str">
        <f t="shared" si="100"/>
        <v/>
      </c>
      <c r="CL496" s="487" t="str">
        <f t="shared" si="100"/>
        <v/>
      </c>
      <c r="CM496" s="487"/>
      <c r="CN496" s="487"/>
      <c r="CO496" s="487"/>
      <c r="CP496" s="487"/>
      <c r="CQ496" s="487"/>
      <c r="CR496" s="487"/>
      <c r="CS496" s="487"/>
      <c r="CT496" s="487"/>
      <c r="CU496" s="487"/>
      <c r="CV496" s="487"/>
      <c r="CW496" s="487"/>
      <c r="CX496" s="487"/>
      <c r="CY496" s="487"/>
      <c r="CZ496" s="487"/>
      <c r="DA496" s="487"/>
      <c r="DB496" s="487"/>
      <c r="DC496" s="487"/>
      <c r="DD496" s="487"/>
      <c r="DE496" s="487"/>
      <c r="DF496" s="487"/>
      <c r="DG496" s="487"/>
      <c r="DH496" s="487"/>
      <c r="DI496" s="486"/>
      <c r="DJ496" s="486"/>
      <c r="DK496" s="486"/>
    </row>
    <row r="497" spans="1:115" ht="56.1" hidden="1" customHeight="1" x14ac:dyDescent="0.2">
      <c r="A497" s="499" t="s">
        <v>2494</v>
      </c>
      <c r="B497" s="483" t="s">
        <v>2495</v>
      </c>
      <c r="C497" s="481">
        <v>825</v>
      </c>
      <c r="D497" s="481"/>
      <c r="E497" s="481" t="s">
        <v>2481</v>
      </c>
      <c r="F497" s="482" t="s">
        <v>53</v>
      </c>
      <c r="G497" s="482" t="s">
        <v>655</v>
      </c>
      <c r="H497" s="501" t="s">
        <v>932</v>
      </c>
      <c r="I497" s="501" t="s">
        <v>1149</v>
      </c>
      <c r="J497" s="506" t="s">
        <v>1150</v>
      </c>
      <c r="K497" s="506"/>
      <c r="L497" s="77" t="s">
        <v>58</v>
      </c>
      <c r="M497" s="500" t="s">
        <v>833</v>
      </c>
      <c r="N497" s="500"/>
      <c r="O497" s="501" t="s">
        <v>81</v>
      </c>
      <c r="P497" s="77" t="s">
        <v>77</v>
      </c>
      <c r="Q497" s="77"/>
      <c r="R497" s="500" t="s">
        <v>722</v>
      </c>
      <c r="S497" s="76" t="s">
        <v>63</v>
      </c>
      <c r="T497" s="76" t="s">
        <v>63</v>
      </c>
      <c r="U497" s="508">
        <v>25057.575400000002</v>
      </c>
      <c r="V497" s="508"/>
      <c r="W497" s="494" t="s">
        <v>659</v>
      </c>
      <c r="X497" s="494"/>
      <c r="Y497" s="503">
        <f t="shared" si="101"/>
        <v>25057.575400000002</v>
      </c>
      <c r="Z497" s="76" t="s">
        <v>65</v>
      </c>
      <c r="AA497" s="487"/>
      <c r="AB497" s="487"/>
      <c r="AC497" s="487"/>
      <c r="AD497" s="487"/>
      <c r="AE497" s="487"/>
      <c r="AF497" s="487"/>
      <c r="AG497" s="487"/>
      <c r="AH497" s="487"/>
      <c r="AI497" s="487"/>
      <c r="AJ497" s="487"/>
      <c r="AK497" s="487"/>
      <c r="AL497" s="487"/>
      <c r="AM497" s="487"/>
      <c r="AN497" s="487"/>
      <c r="AO497" s="487"/>
      <c r="AP497" s="487"/>
      <c r="AQ497" s="76"/>
      <c r="AR497" s="487"/>
      <c r="AS497" s="487"/>
      <c r="AT497" s="487"/>
      <c r="AU497" s="76"/>
      <c r="AV497" s="487"/>
      <c r="AW497" s="487"/>
      <c r="AX497" s="487"/>
      <c r="AY497" s="76"/>
      <c r="AZ497" s="487"/>
      <c r="BA497" s="76"/>
      <c r="BB497" s="76"/>
      <c r="BC497" s="487"/>
      <c r="BD497" s="76"/>
      <c r="BE497" s="76"/>
      <c r="BF497" s="80">
        <f t="shared" si="102"/>
        <v>0</v>
      </c>
      <c r="BG497" s="76"/>
      <c r="BH497" s="487" t="str">
        <f t="shared" si="103"/>
        <v/>
      </c>
      <c r="BI497" s="487" t="str">
        <f t="shared" si="103"/>
        <v/>
      </c>
      <c r="BJ497" s="487" t="str">
        <f t="shared" si="103"/>
        <v/>
      </c>
      <c r="BK497" s="487" t="str">
        <f t="shared" si="103"/>
        <v/>
      </c>
      <c r="BL497" s="487" t="str">
        <f t="shared" si="103"/>
        <v/>
      </c>
      <c r="BM497" s="487" t="str">
        <f t="shared" si="103"/>
        <v/>
      </c>
      <c r="BN497" s="487" t="str">
        <f t="shared" si="103"/>
        <v/>
      </c>
      <c r="BO497" s="487" t="str">
        <f t="shared" si="103"/>
        <v/>
      </c>
      <c r="BP497" s="487" t="str">
        <f t="shared" si="103"/>
        <v/>
      </c>
      <c r="BQ497" s="487" t="str">
        <f t="shared" si="103"/>
        <v/>
      </c>
      <c r="BR497" s="487" t="str">
        <f t="shared" si="103"/>
        <v/>
      </c>
      <c r="BS497" s="487" t="str">
        <f t="shared" si="103"/>
        <v/>
      </c>
      <c r="BT497" s="487" t="str">
        <f t="shared" si="103"/>
        <v/>
      </c>
      <c r="BU497" s="487" t="str">
        <f t="shared" si="103"/>
        <v/>
      </c>
      <c r="BV497" s="487" t="str">
        <f t="shared" si="103"/>
        <v/>
      </c>
      <c r="BW497" s="487" t="str">
        <f t="shared" si="98"/>
        <v/>
      </c>
      <c r="BX497" s="487" t="str">
        <f t="shared" si="98"/>
        <v/>
      </c>
      <c r="BY497" s="487" t="str">
        <f t="shared" si="98"/>
        <v/>
      </c>
      <c r="BZ497" s="487" t="str">
        <f t="shared" si="98"/>
        <v/>
      </c>
      <c r="CA497" s="487" t="str">
        <f t="shared" si="100"/>
        <v/>
      </c>
      <c r="CB497" s="487" t="str">
        <f t="shared" si="100"/>
        <v/>
      </c>
      <c r="CC497" s="487" t="str">
        <f t="shared" si="100"/>
        <v/>
      </c>
      <c r="CD497" s="487" t="str">
        <f t="shared" si="100"/>
        <v/>
      </c>
      <c r="CE497" s="487" t="str">
        <f t="shared" si="100"/>
        <v/>
      </c>
      <c r="CF497" s="487" t="str">
        <f t="shared" si="100"/>
        <v/>
      </c>
      <c r="CG497" s="487" t="str">
        <f t="shared" si="100"/>
        <v/>
      </c>
      <c r="CH497" s="487" t="str">
        <f t="shared" si="100"/>
        <v/>
      </c>
      <c r="CI497" s="487" t="str">
        <f t="shared" si="100"/>
        <v/>
      </c>
      <c r="CJ497" s="487" t="str">
        <f t="shared" si="100"/>
        <v/>
      </c>
      <c r="CK497" s="487" t="str">
        <f t="shared" si="100"/>
        <v/>
      </c>
      <c r="CL497" s="487" t="str">
        <f t="shared" si="100"/>
        <v/>
      </c>
      <c r="CM497" s="487"/>
      <c r="CN497" s="487"/>
      <c r="CO497" s="487"/>
      <c r="CP497" s="487"/>
      <c r="CQ497" s="487"/>
      <c r="CR497" s="487"/>
      <c r="CS497" s="487"/>
      <c r="CT497" s="487"/>
      <c r="CU497" s="487"/>
      <c r="CV497" s="487"/>
      <c r="CW497" s="487"/>
      <c r="CX497" s="487"/>
      <c r="CY497" s="487"/>
      <c r="CZ497" s="487"/>
      <c r="DA497" s="487"/>
      <c r="DB497" s="487"/>
      <c r="DC497" s="487"/>
      <c r="DD497" s="487"/>
      <c r="DE497" s="487"/>
      <c r="DF497" s="487"/>
      <c r="DG497" s="487"/>
      <c r="DH497" s="487"/>
      <c r="DI497" s="486"/>
      <c r="DJ497" s="486"/>
      <c r="DK497" s="486"/>
    </row>
    <row r="498" spans="1:115" ht="56.1" hidden="1" customHeight="1" x14ac:dyDescent="0.2">
      <c r="A498" s="499" t="s">
        <v>2494</v>
      </c>
      <c r="B498" s="483" t="s">
        <v>2495</v>
      </c>
      <c r="C498" s="481">
        <v>826</v>
      </c>
      <c r="D498" s="481"/>
      <c r="E498" s="481" t="s">
        <v>2481</v>
      </c>
      <c r="F498" s="482" t="s">
        <v>53</v>
      </c>
      <c r="G498" s="482" t="s">
        <v>655</v>
      </c>
      <c r="H498" s="501" t="s">
        <v>932</v>
      </c>
      <c r="I498" s="501" t="s">
        <v>1151</v>
      </c>
      <c r="J498" s="506" t="s">
        <v>1152</v>
      </c>
      <c r="K498" s="506"/>
      <c r="L498" s="77" t="s">
        <v>58</v>
      </c>
      <c r="M498" s="500" t="s">
        <v>833</v>
      </c>
      <c r="N498" s="500"/>
      <c r="O498" s="506" t="s">
        <v>81</v>
      </c>
      <c r="P498" s="77" t="s">
        <v>77</v>
      </c>
      <c r="Q498" s="77"/>
      <c r="R498" s="500" t="s">
        <v>722</v>
      </c>
      <c r="S498" s="76" t="s">
        <v>63</v>
      </c>
      <c r="T498" s="76" t="s">
        <v>63</v>
      </c>
      <c r="U498" s="508">
        <v>9044.75</v>
      </c>
      <c r="V498" s="508"/>
      <c r="W498" s="494" t="s">
        <v>659</v>
      </c>
      <c r="X498" s="494"/>
      <c r="Y498" s="503">
        <f t="shared" si="101"/>
        <v>9044.75</v>
      </c>
      <c r="Z498" s="76" t="s">
        <v>65</v>
      </c>
      <c r="AA498" s="487"/>
      <c r="AB498" s="487"/>
      <c r="AC498" s="487"/>
      <c r="AD498" s="487"/>
      <c r="AE498" s="487"/>
      <c r="AF498" s="487"/>
      <c r="AG498" s="487"/>
      <c r="AH498" s="487"/>
      <c r="AI498" s="487"/>
      <c r="AJ498" s="487"/>
      <c r="AK498" s="487"/>
      <c r="AL498" s="487"/>
      <c r="AM498" s="487"/>
      <c r="AN498" s="487"/>
      <c r="AO498" s="487"/>
      <c r="AP498" s="487"/>
      <c r="AQ498" s="76"/>
      <c r="AR498" s="487"/>
      <c r="AS498" s="487"/>
      <c r="AT498" s="487"/>
      <c r="AU498" s="76"/>
      <c r="AV498" s="487"/>
      <c r="AW498" s="487"/>
      <c r="AX498" s="487"/>
      <c r="AY498" s="76"/>
      <c r="AZ498" s="487"/>
      <c r="BA498" s="76"/>
      <c r="BB498" s="76"/>
      <c r="BC498" s="487"/>
      <c r="BD498" s="76"/>
      <c r="BE498" s="76"/>
      <c r="BF498" s="80">
        <f t="shared" si="102"/>
        <v>0</v>
      </c>
      <c r="BG498" s="76"/>
      <c r="BH498" s="487" t="str">
        <f t="shared" si="103"/>
        <v/>
      </c>
      <c r="BI498" s="487" t="str">
        <f t="shared" si="103"/>
        <v/>
      </c>
      <c r="BJ498" s="487" t="str">
        <f t="shared" si="103"/>
        <v/>
      </c>
      <c r="BK498" s="487" t="str">
        <f t="shared" si="103"/>
        <v/>
      </c>
      <c r="BL498" s="487" t="str">
        <f t="shared" si="103"/>
        <v/>
      </c>
      <c r="BM498" s="487" t="str">
        <f t="shared" si="103"/>
        <v/>
      </c>
      <c r="BN498" s="487" t="str">
        <f t="shared" si="103"/>
        <v/>
      </c>
      <c r="BO498" s="487" t="str">
        <f t="shared" si="103"/>
        <v/>
      </c>
      <c r="BP498" s="487" t="str">
        <f t="shared" si="103"/>
        <v/>
      </c>
      <c r="BQ498" s="487" t="str">
        <f t="shared" si="103"/>
        <v/>
      </c>
      <c r="BR498" s="487" t="str">
        <f t="shared" si="103"/>
        <v/>
      </c>
      <c r="BS498" s="487" t="str">
        <f t="shared" si="103"/>
        <v/>
      </c>
      <c r="BT498" s="487" t="str">
        <f t="shared" si="103"/>
        <v/>
      </c>
      <c r="BU498" s="487" t="str">
        <f t="shared" si="103"/>
        <v/>
      </c>
      <c r="BV498" s="487" t="str">
        <f t="shared" si="103"/>
        <v/>
      </c>
      <c r="BW498" s="487" t="str">
        <f t="shared" si="98"/>
        <v/>
      </c>
      <c r="BX498" s="487" t="str">
        <f t="shared" si="98"/>
        <v/>
      </c>
      <c r="BY498" s="487" t="str">
        <f t="shared" si="98"/>
        <v/>
      </c>
      <c r="BZ498" s="487" t="str">
        <f t="shared" si="98"/>
        <v/>
      </c>
      <c r="CA498" s="487" t="str">
        <f t="shared" si="100"/>
        <v/>
      </c>
      <c r="CB498" s="487" t="str">
        <f t="shared" si="100"/>
        <v/>
      </c>
      <c r="CC498" s="487" t="str">
        <f t="shared" si="100"/>
        <v/>
      </c>
      <c r="CD498" s="487" t="str">
        <f t="shared" si="100"/>
        <v/>
      </c>
      <c r="CE498" s="487" t="str">
        <f t="shared" si="100"/>
        <v/>
      </c>
      <c r="CF498" s="487" t="str">
        <f t="shared" si="100"/>
        <v/>
      </c>
      <c r="CG498" s="487" t="str">
        <f t="shared" si="100"/>
        <v/>
      </c>
      <c r="CH498" s="487" t="str">
        <f t="shared" si="100"/>
        <v/>
      </c>
      <c r="CI498" s="487" t="str">
        <f t="shared" si="100"/>
        <v/>
      </c>
      <c r="CJ498" s="487" t="str">
        <f t="shared" si="100"/>
        <v/>
      </c>
      <c r="CK498" s="487" t="str">
        <f t="shared" si="100"/>
        <v/>
      </c>
      <c r="CL498" s="487" t="str">
        <f t="shared" si="100"/>
        <v/>
      </c>
      <c r="CM498" s="487"/>
      <c r="CN498" s="487"/>
      <c r="CO498" s="487"/>
      <c r="CP498" s="487"/>
      <c r="CQ498" s="487"/>
      <c r="CR498" s="487"/>
      <c r="CS498" s="487"/>
      <c r="CT498" s="487"/>
      <c r="CU498" s="487"/>
      <c r="CV498" s="487"/>
      <c r="CW498" s="487"/>
      <c r="CX498" s="487"/>
      <c r="CY498" s="487"/>
      <c r="CZ498" s="487"/>
      <c r="DA498" s="487"/>
      <c r="DB498" s="487"/>
      <c r="DC498" s="487"/>
      <c r="DD498" s="487"/>
      <c r="DE498" s="487"/>
      <c r="DF498" s="487"/>
      <c r="DG498" s="487"/>
      <c r="DH498" s="487"/>
      <c r="DI498" s="486"/>
      <c r="DJ498" s="486"/>
      <c r="DK498" s="486"/>
    </row>
    <row r="499" spans="1:115" ht="56.1" hidden="1" customHeight="1" x14ac:dyDescent="0.2">
      <c r="A499" s="499" t="s">
        <v>2494</v>
      </c>
      <c r="B499" s="483" t="s">
        <v>2495</v>
      </c>
      <c r="C499" s="481">
        <v>827</v>
      </c>
      <c r="D499" s="481"/>
      <c r="E499" s="481" t="s">
        <v>2481</v>
      </c>
      <c r="F499" s="482" t="s">
        <v>53</v>
      </c>
      <c r="G499" s="482" t="s">
        <v>655</v>
      </c>
      <c r="H499" s="501" t="s">
        <v>932</v>
      </c>
      <c r="I499" s="501" t="s">
        <v>1153</v>
      </c>
      <c r="J499" s="506" t="s">
        <v>1154</v>
      </c>
      <c r="K499" s="506"/>
      <c r="L499" s="77" t="s">
        <v>58</v>
      </c>
      <c r="M499" s="500" t="s">
        <v>948</v>
      </c>
      <c r="N499" s="500"/>
      <c r="O499" s="501" t="s">
        <v>81</v>
      </c>
      <c r="P499" s="77" t="s">
        <v>77</v>
      </c>
      <c r="Q499" s="77"/>
      <c r="R499" s="500" t="s">
        <v>722</v>
      </c>
      <c r="S499" s="76" t="s">
        <v>63</v>
      </c>
      <c r="T499" s="76" t="s">
        <v>63</v>
      </c>
      <c r="U499" s="508">
        <v>15889.459121250002</v>
      </c>
      <c r="V499" s="508"/>
      <c r="W499" s="494" t="s">
        <v>659</v>
      </c>
      <c r="X499" s="494"/>
      <c r="Y499" s="503">
        <f t="shared" si="101"/>
        <v>15889.459121250002</v>
      </c>
      <c r="Z499" s="76" t="s">
        <v>65</v>
      </c>
      <c r="AA499" s="487"/>
      <c r="AB499" s="487"/>
      <c r="AC499" s="487"/>
      <c r="AD499" s="487"/>
      <c r="AE499" s="487"/>
      <c r="AF499" s="487"/>
      <c r="AG499" s="487"/>
      <c r="AH499" s="487"/>
      <c r="AI499" s="487"/>
      <c r="AJ499" s="487"/>
      <c r="AK499" s="487"/>
      <c r="AL499" s="487"/>
      <c r="AM499" s="487"/>
      <c r="AN499" s="487"/>
      <c r="AO499" s="487"/>
      <c r="AP499" s="487"/>
      <c r="AQ499" s="76"/>
      <c r="AR499" s="487"/>
      <c r="AS499" s="487"/>
      <c r="AT499" s="487"/>
      <c r="AU499" s="76"/>
      <c r="AV499" s="487"/>
      <c r="AW499" s="487"/>
      <c r="AX499" s="487"/>
      <c r="AY499" s="76"/>
      <c r="AZ499" s="487"/>
      <c r="BA499" s="76"/>
      <c r="BB499" s="76"/>
      <c r="BC499" s="487"/>
      <c r="BD499" s="76"/>
      <c r="BE499" s="76"/>
      <c r="BF499" s="80">
        <f t="shared" si="102"/>
        <v>0</v>
      </c>
      <c r="BG499" s="76"/>
      <c r="BH499" s="487" t="str">
        <f t="shared" si="103"/>
        <v/>
      </c>
      <c r="BI499" s="487" t="str">
        <f t="shared" si="103"/>
        <v/>
      </c>
      <c r="BJ499" s="487" t="str">
        <f t="shared" si="103"/>
        <v/>
      </c>
      <c r="BK499" s="487" t="str">
        <f t="shared" si="103"/>
        <v/>
      </c>
      <c r="BL499" s="487" t="str">
        <f t="shared" si="103"/>
        <v/>
      </c>
      <c r="BM499" s="487" t="str">
        <f t="shared" si="103"/>
        <v/>
      </c>
      <c r="BN499" s="487" t="str">
        <f t="shared" si="103"/>
        <v/>
      </c>
      <c r="BO499" s="487" t="str">
        <f t="shared" si="103"/>
        <v/>
      </c>
      <c r="BP499" s="487" t="str">
        <f t="shared" si="103"/>
        <v/>
      </c>
      <c r="BQ499" s="487" t="str">
        <f t="shared" si="103"/>
        <v/>
      </c>
      <c r="BR499" s="487" t="str">
        <f t="shared" si="103"/>
        <v/>
      </c>
      <c r="BS499" s="487" t="str">
        <f t="shared" si="103"/>
        <v/>
      </c>
      <c r="BT499" s="487" t="str">
        <f t="shared" si="103"/>
        <v/>
      </c>
      <c r="BU499" s="487" t="str">
        <f t="shared" si="103"/>
        <v/>
      </c>
      <c r="BV499" s="487" t="str">
        <f t="shared" si="103"/>
        <v/>
      </c>
      <c r="BW499" s="487" t="str">
        <f t="shared" si="98"/>
        <v/>
      </c>
      <c r="BX499" s="487" t="str">
        <f t="shared" si="98"/>
        <v/>
      </c>
      <c r="BY499" s="487" t="str">
        <f t="shared" si="98"/>
        <v/>
      </c>
      <c r="BZ499" s="487" t="str">
        <f t="shared" si="98"/>
        <v/>
      </c>
      <c r="CA499" s="487" t="str">
        <f t="shared" si="100"/>
        <v/>
      </c>
      <c r="CB499" s="487" t="str">
        <f t="shared" si="100"/>
        <v/>
      </c>
      <c r="CC499" s="487" t="str">
        <f t="shared" si="100"/>
        <v/>
      </c>
      <c r="CD499" s="487" t="str">
        <f t="shared" si="100"/>
        <v/>
      </c>
      <c r="CE499" s="487" t="str">
        <f t="shared" si="100"/>
        <v/>
      </c>
      <c r="CF499" s="487" t="str">
        <f t="shared" si="100"/>
        <v/>
      </c>
      <c r="CG499" s="487" t="str">
        <f t="shared" si="100"/>
        <v/>
      </c>
      <c r="CH499" s="487" t="str">
        <f t="shared" si="100"/>
        <v/>
      </c>
      <c r="CI499" s="487" t="str">
        <f t="shared" si="100"/>
        <v/>
      </c>
      <c r="CJ499" s="487" t="str">
        <f t="shared" si="100"/>
        <v/>
      </c>
      <c r="CK499" s="487" t="str">
        <f t="shared" si="100"/>
        <v/>
      </c>
      <c r="CL499" s="487" t="str">
        <f t="shared" si="100"/>
        <v/>
      </c>
      <c r="CM499" s="487"/>
      <c r="CN499" s="487"/>
      <c r="CO499" s="487"/>
      <c r="CP499" s="487"/>
      <c r="CQ499" s="487"/>
      <c r="CR499" s="487"/>
      <c r="CS499" s="487"/>
      <c r="CT499" s="487"/>
      <c r="CU499" s="487"/>
      <c r="CV499" s="487"/>
      <c r="CW499" s="487"/>
      <c r="CX499" s="487"/>
      <c r="CY499" s="487"/>
      <c r="CZ499" s="487"/>
      <c r="DA499" s="487"/>
      <c r="DB499" s="487"/>
      <c r="DC499" s="487"/>
      <c r="DD499" s="487"/>
      <c r="DE499" s="487"/>
      <c r="DF499" s="487"/>
      <c r="DG499" s="487"/>
      <c r="DH499" s="487"/>
      <c r="DI499" s="486"/>
      <c r="DJ499" s="486"/>
      <c r="DK499" s="486"/>
    </row>
    <row r="500" spans="1:115" ht="56.1" hidden="1" customHeight="1" x14ac:dyDescent="0.2">
      <c r="A500" s="499" t="s">
        <v>2494</v>
      </c>
      <c r="B500" s="483" t="s">
        <v>2495</v>
      </c>
      <c r="C500" s="481">
        <v>828</v>
      </c>
      <c r="D500" s="481"/>
      <c r="E500" s="481" t="s">
        <v>2481</v>
      </c>
      <c r="F500" s="482" t="s">
        <v>53</v>
      </c>
      <c r="G500" s="482" t="s">
        <v>655</v>
      </c>
      <c r="H500" s="501" t="s">
        <v>932</v>
      </c>
      <c r="I500" s="501" t="s">
        <v>1155</v>
      </c>
      <c r="J500" s="506" t="s">
        <v>1156</v>
      </c>
      <c r="K500" s="506"/>
      <c r="L500" s="77" t="s">
        <v>58</v>
      </c>
      <c r="M500" s="500" t="s">
        <v>948</v>
      </c>
      <c r="N500" s="500"/>
      <c r="O500" s="501" t="s">
        <v>81</v>
      </c>
      <c r="P500" s="77" t="s">
        <v>77</v>
      </c>
      <c r="Q500" s="77"/>
      <c r="R500" s="500" t="s">
        <v>722</v>
      </c>
      <c r="S500" s="76" t="s">
        <v>63</v>
      </c>
      <c r="T500" s="76" t="s">
        <v>63</v>
      </c>
      <c r="U500" s="508">
        <v>5132.6160600000003</v>
      </c>
      <c r="V500" s="508"/>
      <c r="W500" s="494" t="s">
        <v>659</v>
      </c>
      <c r="X500" s="494"/>
      <c r="Y500" s="503">
        <f t="shared" si="101"/>
        <v>5132.6160600000003</v>
      </c>
      <c r="Z500" s="76" t="s">
        <v>65</v>
      </c>
      <c r="AA500" s="487"/>
      <c r="AB500" s="487"/>
      <c r="AC500" s="487"/>
      <c r="AD500" s="487"/>
      <c r="AE500" s="487"/>
      <c r="AF500" s="487"/>
      <c r="AG500" s="487"/>
      <c r="AH500" s="487"/>
      <c r="AI500" s="487"/>
      <c r="AJ500" s="487"/>
      <c r="AK500" s="487"/>
      <c r="AL500" s="487"/>
      <c r="AM500" s="487"/>
      <c r="AN500" s="487"/>
      <c r="AO500" s="487"/>
      <c r="AP500" s="487"/>
      <c r="AQ500" s="76"/>
      <c r="AR500" s="487"/>
      <c r="AS500" s="487"/>
      <c r="AT500" s="487"/>
      <c r="AU500" s="76"/>
      <c r="AV500" s="487"/>
      <c r="AW500" s="487"/>
      <c r="AX500" s="487"/>
      <c r="AY500" s="76"/>
      <c r="AZ500" s="487"/>
      <c r="BA500" s="76"/>
      <c r="BB500" s="76"/>
      <c r="BC500" s="487"/>
      <c r="BD500" s="76"/>
      <c r="BE500" s="76"/>
      <c r="BF500" s="80">
        <f t="shared" si="102"/>
        <v>0</v>
      </c>
      <c r="BG500" s="76"/>
      <c r="BH500" s="487" t="str">
        <f t="shared" si="103"/>
        <v/>
      </c>
      <c r="BI500" s="487" t="str">
        <f t="shared" si="103"/>
        <v/>
      </c>
      <c r="BJ500" s="487" t="str">
        <f t="shared" si="103"/>
        <v/>
      </c>
      <c r="BK500" s="487" t="str">
        <f t="shared" si="103"/>
        <v/>
      </c>
      <c r="BL500" s="487" t="str">
        <f t="shared" si="103"/>
        <v/>
      </c>
      <c r="BM500" s="487" t="str">
        <f t="shared" si="103"/>
        <v/>
      </c>
      <c r="BN500" s="487" t="str">
        <f t="shared" si="103"/>
        <v/>
      </c>
      <c r="BO500" s="487" t="str">
        <f t="shared" si="103"/>
        <v/>
      </c>
      <c r="BP500" s="487" t="str">
        <f t="shared" si="103"/>
        <v/>
      </c>
      <c r="BQ500" s="487" t="str">
        <f t="shared" si="103"/>
        <v/>
      </c>
      <c r="BR500" s="487" t="str">
        <f t="shared" si="103"/>
        <v/>
      </c>
      <c r="BS500" s="487" t="str">
        <f t="shared" si="103"/>
        <v/>
      </c>
      <c r="BT500" s="487" t="str">
        <f t="shared" si="103"/>
        <v/>
      </c>
      <c r="BU500" s="487" t="str">
        <f t="shared" si="103"/>
        <v/>
      </c>
      <c r="BV500" s="487" t="str">
        <f t="shared" si="103"/>
        <v/>
      </c>
      <c r="BW500" s="487" t="str">
        <f t="shared" si="98"/>
        <v/>
      </c>
      <c r="BX500" s="487" t="str">
        <f t="shared" si="98"/>
        <v/>
      </c>
      <c r="BY500" s="487" t="str">
        <f t="shared" si="98"/>
        <v/>
      </c>
      <c r="BZ500" s="487" t="str">
        <f t="shared" si="98"/>
        <v/>
      </c>
      <c r="CA500" s="487" t="str">
        <f t="shared" si="100"/>
        <v/>
      </c>
      <c r="CB500" s="487" t="str">
        <f t="shared" si="100"/>
        <v/>
      </c>
      <c r="CC500" s="487" t="str">
        <f t="shared" si="100"/>
        <v/>
      </c>
      <c r="CD500" s="487" t="str">
        <f t="shared" si="100"/>
        <v/>
      </c>
      <c r="CE500" s="487" t="str">
        <f t="shared" si="100"/>
        <v/>
      </c>
      <c r="CF500" s="487" t="str">
        <f t="shared" si="100"/>
        <v/>
      </c>
      <c r="CG500" s="487" t="str">
        <f t="shared" si="100"/>
        <v/>
      </c>
      <c r="CH500" s="487" t="str">
        <f t="shared" si="100"/>
        <v/>
      </c>
      <c r="CI500" s="487" t="str">
        <f t="shared" si="100"/>
        <v/>
      </c>
      <c r="CJ500" s="487" t="str">
        <f t="shared" si="100"/>
        <v/>
      </c>
      <c r="CK500" s="487" t="str">
        <f t="shared" si="100"/>
        <v/>
      </c>
      <c r="CL500" s="487" t="str">
        <f t="shared" si="100"/>
        <v/>
      </c>
      <c r="CM500" s="487"/>
      <c r="CN500" s="487"/>
      <c r="CO500" s="487"/>
      <c r="CP500" s="487"/>
      <c r="CQ500" s="487"/>
      <c r="CR500" s="487"/>
      <c r="CS500" s="487"/>
      <c r="CT500" s="487"/>
      <c r="CU500" s="487"/>
      <c r="CV500" s="487"/>
      <c r="CW500" s="487"/>
      <c r="CX500" s="487"/>
      <c r="CY500" s="487"/>
      <c r="CZ500" s="487"/>
      <c r="DA500" s="487"/>
      <c r="DB500" s="487"/>
      <c r="DC500" s="487"/>
      <c r="DD500" s="487"/>
      <c r="DE500" s="487"/>
      <c r="DF500" s="487"/>
      <c r="DG500" s="487"/>
      <c r="DH500" s="487"/>
      <c r="DI500" s="486"/>
      <c r="DJ500" s="486"/>
      <c r="DK500" s="486"/>
    </row>
    <row r="501" spans="1:115" ht="56.1" hidden="1" customHeight="1" x14ac:dyDescent="0.2">
      <c r="A501" s="499" t="s">
        <v>2494</v>
      </c>
      <c r="B501" s="483" t="s">
        <v>2495</v>
      </c>
      <c r="C501" s="481">
        <v>829</v>
      </c>
      <c r="D501" s="481"/>
      <c r="E501" s="481" t="s">
        <v>2481</v>
      </c>
      <c r="F501" s="482" t="s">
        <v>53</v>
      </c>
      <c r="G501" s="482" t="s">
        <v>655</v>
      </c>
      <c r="H501" s="501" t="s">
        <v>932</v>
      </c>
      <c r="I501" s="501" t="s">
        <v>1157</v>
      </c>
      <c r="J501" s="506" t="s">
        <v>1158</v>
      </c>
      <c r="K501" s="506"/>
      <c r="L501" s="77" t="s">
        <v>58</v>
      </c>
      <c r="M501" s="500" t="s">
        <v>948</v>
      </c>
      <c r="N501" s="500"/>
      <c r="O501" s="501" t="s">
        <v>81</v>
      </c>
      <c r="P501" s="77" t="s">
        <v>77</v>
      </c>
      <c r="Q501" s="77"/>
      <c r="R501" s="500" t="s">
        <v>722</v>
      </c>
      <c r="S501" s="76" t="s">
        <v>63</v>
      </c>
      <c r="T501" s="76" t="s">
        <v>63</v>
      </c>
      <c r="U501" s="508">
        <v>7400.25</v>
      </c>
      <c r="V501" s="508"/>
      <c r="W501" s="494" t="s">
        <v>659</v>
      </c>
      <c r="X501" s="494"/>
      <c r="Y501" s="503">
        <f t="shared" si="101"/>
        <v>7400.25</v>
      </c>
      <c r="Z501" s="76" t="s">
        <v>65</v>
      </c>
      <c r="AA501" s="487"/>
      <c r="AB501" s="487"/>
      <c r="AC501" s="487"/>
      <c r="AD501" s="487"/>
      <c r="AE501" s="487"/>
      <c r="AF501" s="487"/>
      <c r="AG501" s="487"/>
      <c r="AH501" s="487"/>
      <c r="AI501" s="487"/>
      <c r="AJ501" s="487"/>
      <c r="AK501" s="487"/>
      <c r="AL501" s="487"/>
      <c r="AM501" s="487"/>
      <c r="AN501" s="487"/>
      <c r="AO501" s="487"/>
      <c r="AP501" s="487"/>
      <c r="AQ501" s="76"/>
      <c r="AR501" s="487"/>
      <c r="AS501" s="487"/>
      <c r="AT501" s="487"/>
      <c r="AU501" s="76"/>
      <c r="AV501" s="487"/>
      <c r="AW501" s="487"/>
      <c r="AX501" s="487"/>
      <c r="AY501" s="76"/>
      <c r="AZ501" s="487"/>
      <c r="BA501" s="76"/>
      <c r="BB501" s="76"/>
      <c r="BC501" s="487"/>
      <c r="BD501" s="76"/>
      <c r="BE501" s="76"/>
      <c r="BF501" s="80">
        <f t="shared" si="102"/>
        <v>0</v>
      </c>
      <c r="BG501" s="76"/>
      <c r="BH501" s="487" t="str">
        <f t="shared" si="103"/>
        <v/>
      </c>
      <c r="BI501" s="487" t="str">
        <f t="shared" si="103"/>
        <v/>
      </c>
      <c r="BJ501" s="487" t="str">
        <f t="shared" si="103"/>
        <v/>
      </c>
      <c r="BK501" s="487" t="str">
        <f t="shared" si="103"/>
        <v/>
      </c>
      <c r="BL501" s="487" t="str">
        <f t="shared" si="103"/>
        <v/>
      </c>
      <c r="BM501" s="487" t="str">
        <f t="shared" si="103"/>
        <v/>
      </c>
      <c r="BN501" s="487" t="str">
        <f t="shared" si="103"/>
        <v/>
      </c>
      <c r="BO501" s="487" t="str">
        <f t="shared" si="103"/>
        <v/>
      </c>
      <c r="BP501" s="487" t="str">
        <f t="shared" si="103"/>
        <v/>
      </c>
      <c r="BQ501" s="487" t="str">
        <f t="shared" si="103"/>
        <v/>
      </c>
      <c r="BR501" s="487" t="str">
        <f t="shared" si="103"/>
        <v/>
      </c>
      <c r="BS501" s="487" t="str">
        <f t="shared" si="103"/>
        <v/>
      </c>
      <c r="BT501" s="487" t="str">
        <f t="shared" si="103"/>
        <v/>
      </c>
      <c r="BU501" s="487" t="str">
        <f t="shared" si="103"/>
        <v/>
      </c>
      <c r="BV501" s="487" t="str">
        <f t="shared" si="103"/>
        <v/>
      </c>
      <c r="BW501" s="487" t="str">
        <f t="shared" si="98"/>
        <v/>
      </c>
      <c r="BX501" s="487" t="str">
        <f t="shared" si="98"/>
        <v/>
      </c>
      <c r="BY501" s="487" t="str">
        <f t="shared" si="98"/>
        <v/>
      </c>
      <c r="BZ501" s="487" t="str">
        <f t="shared" si="98"/>
        <v/>
      </c>
      <c r="CA501" s="487" t="str">
        <f t="shared" si="100"/>
        <v/>
      </c>
      <c r="CB501" s="487" t="str">
        <f t="shared" si="100"/>
        <v/>
      </c>
      <c r="CC501" s="487" t="str">
        <f t="shared" si="100"/>
        <v/>
      </c>
      <c r="CD501" s="487" t="str">
        <f t="shared" si="100"/>
        <v/>
      </c>
      <c r="CE501" s="487" t="str">
        <f t="shared" si="100"/>
        <v/>
      </c>
      <c r="CF501" s="487" t="str">
        <f t="shared" si="100"/>
        <v/>
      </c>
      <c r="CG501" s="487" t="str">
        <f t="shared" si="100"/>
        <v/>
      </c>
      <c r="CH501" s="487" t="str">
        <f t="shared" si="100"/>
        <v/>
      </c>
      <c r="CI501" s="487" t="str">
        <f t="shared" si="100"/>
        <v/>
      </c>
      <c r="CJ501" s="487" t="str">
        <f t="shared" si="100"/>
        <v/>
      </c>
      <c r="CK501" s="487" t="str">
        <f t="shared" si="100"/>
        <v/>
      </c>
      <c r="CL501" s="487" t="str">
        <f t="shared" si="100"/>
        <v/>
      </c>
      <c r="CM501" s="487"/>
      <c r="CN501" s="487"/>
      <c r="CO501" s="487"/>
      <c r="CP501" s="487"/>
      <c r="CQ501" s="487"/>
      <c r="CR501" s="487"/>
      <c r="CS501" s="487"/>
      <c r="CT501" s="487"/>
      <c r="CU501" s="487"/>
      <c r="CV501" s="487"/>
      <c r="CW501" s="487"/>
      <c r="CX501" s="487"/>
      <c r="CY501" s="487"/>
      <c r="CZ501" s="487"/>
      <c r="DA501" s="487"/>
      <c r="DB501" s="487"/>
      <c r="DC501" s="487"/>
      <c r="DD501" s="487"/>
      <c r="DE501" s="487"/>
      <c r="DF501" s="487"/>
      <c r="DG501" s="487"/>
      <c r="DH501" s="487"/>
      <c r="DI501" s="486"/>
      <c r="DJ501" s="486"/>
      <c r="DK501" s="486"/>
    </row>
    <row r="502" spans="1:115" ht="56.1" hidden="1" customHeight="1" x14ac:dyDescent="0.2">
      <c r="A502" s="483"/>
      <c r="B502" s="493"/>
      <c r="C502" s="481">
        <v>895</v>
      </c>
      <c r="D502" s="481"/>
      <c r="E502" s="481" t="s">
        <v>2481</v>
      </c>
      <c r="F502" s="482" t="s">
        <v>864</v>
      </c>
      <c r="G502" s="482" t="s">
        <v>655</v>
      </c>
      <c r="H502" s="518" t="s">
        <v>900</v>
      </c>
      <c r="I502" s="519" t="s">
        <v>1298</v>
      </c>
      <c r="J502" s="518" t="s">
        <v>1299</v>
      </c>
      <c r="K502" s="518"/>
      <c r="L502" s="77" t="s">
        <v>58</v>
      </c>
      <c r="M502" s="518" t="s">
        <v>59</v>
      </c>
      <c r="N502" s="518"/>
      <c r="O502" s="518" t="s">
        <v>60</v>
      </c>
      <c r="P502" s="77" t="s">
        <v>77</v>
      </c>
      <c r="Q502" s="77"/>
      <c r="R502" s="520" t="s">
        <v>1300</v>
      </c>
      <c r="S502" s="76" t="s">
        <v>63</v>
      </c>
      <c r="T502" s="76" t="s">
        <v>63</v>
      </c>
      <c r="U502" s="503"/>
      <c r="V502" s="503"/>
      <c r="W502" s="483" t="s">
        <v>1301</v>
      </c>
      <c r="X502" s="483"/>
      <c r="Y502" s="503"/>
      <c r="Z502" s="493" t="s">
        <v>853</v>
      </c>
      <c r="AA502" s="493"/>
      <c r="AB502" s="493"/>
      <c r="AC502" s="493"/>
      <c r="AD502" s="493"/>
      <c r="AE502" s="493"/>
      <c r="AF502" s="493"/>
      <c r="AG502" s="493"/>
      <c r="AH502" s="493"/>
      <c r="AI502" s="493"/>
      <c r="AJ502" s="493"/>
      <c r="AK502" s="493"/>
      <c r="AL502" s="493"/>
      <c r="AM502" s="493"/>
      <c r="AN502" s="493"/>
      <c r="AO502" s="493"/>
      <c r="AP502" s="493"/>
      <c r="AQ502" s="493"/>
      <c r="AR502" s="493"/>
      <c r="AS502" s="493"/>
      <c r="AT502" s="493"/>
      <c r="AU502" s="493"/>
      <c r="AV502" s="493"/>
      <c r="AW502" s="493"/>
      <c r="AX502" s="493"/>
      <c r="AY502" s="493"/>
      <c r="AZ502" s="493"/>
      <c r="BA502" s="493"/>
      <c r="BB502" s="493"/>
      <c r="BC502" s="493"/>
      <c r="BD502" s="493"/>
      <c r="BE502" s="493"/>
      <c r="BF502" s="80"/>
      <c r="BG502" s="76"/>
      <c r="BH502" s="487"/>
      <c r="BI502" s="487"/>
      <c r="BJ502" s="487"/>
      <c r="BK502" s="487"/>
      <c r="BL502" s="487"/>
      <c r="BM502" s="487"/>
      <c r="BN502" s="487"/>
      <c r="BO502" s="487"/>
      <c r="BP502" s="487"/>
      <c r="BQ502" s="487"/>
      <c r="BR502" s="487"/>
      <c r="BS502" s="487"/>
      <c r="BT502" s="487"/>
      <c r="BU502" s="487"/>
      <c r="BV502" s="487"/>
      <c r="BW502" s="487"/>
      <c r="BX502" s="487"/>
      <c r="BY502" s="487"/>
      <c r="BZ502" s="487"/>
      <c r="CA502" s="487"/>
      <c r="CB502" s="487"/>
      <c r="CC502" s="487"/>
      <c r="CD502" s="487"/>
      <c r="CE502" s="487"/>
      <c r="CF502" s="487"/>
      <c r="CG502" s="487"/>
      <c r="CH502" s="487"/>
      <c r="CI502" s="487"/>
      <c r="CJ502" s="487"/>
      <c r="CK502" s="487"/>
      <c r="CL502" s="487"/>
      <c r="CM502" s="487"/>
      <c r="CN502" s="487"/>
      <c r="CO502" s="487"/>
      <c r="CP502" s="487"/>
      <c r="CQ502" s="487"/>
      <c r="CR502" s="487"/>
      <c r="CS502" s="487"/>
      <c r="CT502" s="487"/>
      <c r="CU502" s="487"/>
      <c r="CV502" s="487"/>
      <c r="CW502" s="487"/>
      <c r="CX502" s="487"/>
      <c r="CY502" s="487"/>
      <c r="CZ502" s="487"/>
      <c r="DA502" s="487"/>
      <c r="DB502" s="487"/>
      <c r="DC502" s="487"/>
      <c r="DD502" s="487"/>
      <c r="DE502" s="487"/>
      <c r="DF502" s="487"/>
      <c r="DG502" s="487"/>
      <c r="DH502" s="487"/>
      <c r="DI502" s="493"/>
      <c r="DJ502" s="493"/>
      <c r="DK502" s="493"/>
    </row>
    <row r="503" spans="1:115" ht="56.1" hidden="1" customHeight="1" x14ac:dyDescent="0.2">
      <c r="A503" s="499" t="s">
        <v>2494</v>
      </c>
      <c r="B503" s="483" t="s">
        <v>2495</v>
      </c>
      <c r="C503" s="481">
        <v>831</v>
      </c>
      <c r="D503" s="481"/>
      <c r="E503" s="481" t="s">
        <v>2481</v>
      </c>
      <c r="F503" s="482" t="s">
        <v>53</v>
      </c>
      <c r="G503" s="482" t="s">
        <v>655</v>
      </c>
      <c r="H503" s="501" t="s">
        <v>932</v>
      </c>
      <c r="I503" s="501" t="s">
        <v>1161</v>
      </c>
      <c r="J503" s="506" t="s">
        <v>1162</v>
      </c>
      <c r="K503" s="506"/>
      <c r="L503" s="77" t="s">
        <v>58</v>
      </c>
      <c r="M503" s="500" t="s">
        <v>948</v>
      </c>
      <c r="N503" s="500"/>
      <c r="O503" s="501" t="s">
        <v>81</v>
      </c>
      <c r="P503" s="77" t="s">
        <v>77</v>
      </c>
      <c r="Q503" s="77"/>
      <c r="R503" s="500" t="s">
        <v>722</v>
      </c>
      <c r="S503" s="76" t="s">
        <v>63</v>
      </c>
      <c r="T503" s="76" t="s">
        <v>63</v>
      </c>
      <c r="U503" s="508">
        <v>283676.25</v>
      </c>
      <c r="V503" s="508"/>
      <c r="W503" s="494" t="s">
        <v>659</v>
      </c>
      <c r="X503" s="494"/>
      <c r="Y503" s="503">
        <f t="shared" ref="Y503:Y509" si="104">U503</f>
        <v>283676.25</v>
      </c>
      <c r="Z503" s="76" t="s">
        <v>65</v>
      </c>
      <c r="AA503" s="487"/>
      <c r="AB503" s="487"/>
      <c r="AC503" s="487"/>
      <c r="AD503" s="487"/>
      <c r="AE503" s="487"/>
      <c r="AF503" s="487"/>
      <c r="AG503" s="487"/>
      <c r="AH503" s="487"/>
      <c r="AI503" s="487"/>
      <c r="AJ503" s="487"/>
      <c r="AK503" s="487"/>
      <c r="AL503" s="487"/>
      <c r="AM503" s="487"/>
      <c r="AN503" s="487"/>
      <c r="AO503" s="487"/>
      <c r="AP503" s="487"/>
      <c r="AQ503" s="76"/>
      <c r="AR503" s="487"/>
      <c r="AS503" s="487"/>
      <c r="AT503" s="487"/>
      <c r="AU503" s="76"/>
      <c r="AV503" s="487"/>
      <c r="AW503" s="487"/>
      <c r="AX503" s="487"/>
      <c r="AY503" s="76"/>
      <c r="AZ503" s="487"/>
      <c r="BA503" s="76"/>
      <c r="BB503" s="76"/>
      <c r="BC503" s="487"/>
      <c r="BD503" s="76"/>
      <c r="BE503" s="76"/>
      <c r="BF503" s="80">
        <f t="shared" ref="BF503:BF509" si="105">SUMIF(AA503:BE503,"YES",$AA$2:$BE$2)</f>
        <v>0</v>
      </c>
      <c r="BG503" s="76"/>
      <c r="BH503" s="487" t="str">
        <f t="shared" ref="BH503:BW509" si="106">IF(AA503="yes",(AA$2*$BG503),"")</f>
        <v/>
      </c>
      <c r="BI503" s="487" t="str">
        <f t="shared" si="106"/>
        <v/>
      </c>
      <c r="BJ503" s="487" t="str">
        <f t="shared" si="106"/>
        <v/>
      </c>
      <c r="BK503" s="487" t="str">
        <f t="shared" si="106"/>
        <v/>
      </c>
      <c r="BL503" s="487" t="str">
        <f t="shared" si="106"/>
        <v/>
      </c>
      <c r="BM503" s="487" t="str">
        <f t="shared" si="106"/>
        <v/>
      </c>
      <c r="BN503" s="487" t="str">
        <f t="shared" si="106"/>
        <v/>
      </c>
      <c r="BO503" s="487" t="str">
        <f t="shared" si="106"/>
        <v/>
      </c>
      <c r="BP503" s="487" t="str">
        <f t="shared" si="106"/>
        <v/>
      </c>
      <c r="BQ503" s="487" t="str">
        <f t="shared" si="106"/>
        <v/>
      </c>
      <c r="BR503" s="487" t="str">
        <f t="shared" si="106"/>
        <v/>
      </c>
      <c r="BS503" s="487" t="str">
        <f t="shared" si="106"/>
        <v/>
      </c>
      <c r="BT503" s="487" t="str">
        <f t="shared" si="106"/>
        <v/>
      </c>
      <c r="BU503" s="487" t="str">
        <f t="shared" si="106"/>
        <v/>
      </c>
      <c r="BV503" s="487" t="str">
        <f t="shared" si="106"/>
        <v/>
      </c>
      <c r="BW503" s="487" t="str">
        <f t="shared" si="106"/>
        <v/>
      </c>
      <c r="BX503" s="487" t="str">
        <f t="shared" ref="BX503:CL509" si="107">IF(AQ503="yes",(AQ$2*$BG503),"")</f>
        <v/>
      </c>
      <c r="BY503" s="487" t="str">
        <f t="shared" si="107"/>
        <v/>
      </c>
      <c r="BZ503" s="487" t="str">
        <f t="shared" si="107"/>
        <v/>
      </c>
      <c r="CA503" s="487" t="str">
        <f t="shared" si="107"/>
        <v/>
      </c>
      <c r="CB503" s="487" t="str">
        <f t="shared" si="107"/>
        <v/>
      </c>
      <c r="CC503" s="487" t="str">
        <f t="shared" si="107"/>
        <v/>
      </c>
      <c r="CD503" s="487" t="str">
        <f t="shared" si="107"/>
        <v/>
      </c>
      <c r="CE503" s="487" t="str">
        <f t="shared" si="107"/>
        <v/>
      </c>
      <c r="CF503" s="487" t="str">
        <f t="shared" si="107"/>
        <v/>
      </c>
      <c r="CG503" s="487" t="str">
        <f t="shared" si="107"/>
        <v/>
      </c>
      <c r="CH503" s="487" t="str">
        <f t="shared" si="107"/>
        <v/>
      </c>
      <c r="CI503" s="487" t="str">
        <f t="shared" si="107"/>
        <v/>
      </c>
      <c r="CJ503" s="487" t="str">
        <f t="shared" si="107"/>
        <v/>
      </c>
      <c r="CK503" s="487" t="str">
        <f t="shared" si="107"/>
        <v/>
      </c>
      <c r="CL503" s="487" t="str">
        <f t="shared" si="107"/>
        <v/>
      </c>
      <c r="CM503" s="487"/>
      <c r="CN503" s="487"/>
      <c r="CO503" s="487"/>
      <c r="CP503" s="487"/>
      <c r="CQ503" s="487"/>
      <c r="CR503" s="487"/>
      <c r="CS503" s="487"/>
      <c r="CT503" s="487"/>
      <c r="CU503" s="487"/>
      <c r="CV503" s="487"/>
      <c r="CW503" s="487"/>
      <c r="CX503" s="487"/>
      <c r="CY503" s="487"/>
      <c r="CZ503" s="487"/>
      <c r="DA503" s="487"/>
      <c r="DB503" s="487"/>
      <c r="DC503" s="487"/>
      <c r="DD503" s="487"/>
      <c r="DE503" s="487"/>
      <c r="DF503" s="487"/>
      <c r="DG503" s="487"/>
      <c r="DH503" s="487"/>
      <c r="DI503" s="486"/>
      <c r="DJ503" s="486"/>
      <c r="DK503" s="486"/>
    </row>
    <row r="504" spans="1:115" ht="56.1" hidden="1" customHeight="1" x14ac:dyDescent="0.2">
      <c r="A504" s="499" t="s">
        <v>2494</v>
      </c>
      <c r="B504" s="483" t="s">
        <v>2495</v>
      </c>
      <c r="C504" s="481">
        <v>832</v>
      </c>
      <c r="D504" s="481"/>
      <c r="E504" s="481" t="s">
        <v>2481</v>
      </c>
      <c r="F504" s="482" t="s">
        <v>53</v>
      </c>
      <c r="G504" s="482" t="s">
        <v>655</v>
      </c>
      <c r="H504" s="501" t="s">
        <v>932</v>
      </c>
      <c r="I504" s="501" t="s">
        <v>1163</v>
      </c>
      <c r="J504" s="506" t="s">
        <v>1164</v>
      </c>
      <c r="K504" s="506"/>
      <c r="L504" s="77" t="s">
        <v>58</v>
      </c>
      <c r="M504" s="500" t="s">
        <v>948</v>
      </c>
      <c r="N504" s="500"/>
      <c r="O504" s="501" t="s">
        <v>81</v>
      </c>
      <c r="P504" s="77" t="s">
        <v>77</v>
      </c>
      <c r="Q504" s="77"/>
      <c r="R504" s="500" t="s">
        <v>722</v>
      </c>
      <c r="S504" s="76" t="s">
        <v>63</v>
      </c>
      <c r="T504" s="76" t="s">
        <v>63</v>
      </c>
      <c r="U504" s="508">
        <v>13567.125</v>
      </c>
      <c r="V504" s="508"/>
      <c r="W504" s="494" t="s">
        <v>659</v>
      </c>
      <c r="X504" s="494"/>
      <c r="Y504" s="503">
        <f t="shared" si="104"/>
        <v>13567.125</v>
      </c>
      <c r="Z504" s="76" t="s">
        <v>65</v>
      </c>
      <c r="AA504" s="487"/>
      <c r="AB504" s="487"/>
      <c r="AC504" s="487"/>
      <c r="AD504" s="487"/>
      <c r="AE504" s="487"/>
      <c r="AF504" s="487"/>
      <c r="AG504" s="487"/>
      <c r="AH504" s="487"/>
      <c r="AI504" s="487"/>
      <c r="AJ504" s="487"/>
      <c r="AK504" s="487"/>
      <c r="AL504" s="487"/>
      <c r="AM504" s="487"/>
      <c r="AN504" s="487"/>
      <c r="AO504" s="487"/>
      <c r="AP504" s="487"/>
      <c r="AQ504" s="76"/>
      <c r="AR504" s="487"/>
      <c r="AS504" s="487"/>
      <c r="AT504" s="487"/>
      <c r="AU504" s="76"/>
      <c r="AV504" s="487"/>
      <c r="AW504" s="487"/>
      <c r="AX504" s="487"/>
      <c r="AY504" s="76"/>
      <c r="AZ504" s="487"/>
      <c r="BA504" s="76"/>
      <c r="BB504" s="76"/>
      <c r="BC504" s="487"/>
      <c r="BD504" s="76"/>
      <c r="BE504" s="76"/>
      <c r="BF504" s="80">
        <f t="shared" si="105"/>
        <v>0</v>
      </c>
      <c r="BG504" s="76"/>
      <c r="BH504" s="487" t="str">
        <f t="shared" si="106"/>
        <v/>
      </c>
      <c r="BI504" s="487" t="str">
        <f t="shared" si="106"/>
        <v/>
      </c>
      <c r="BJ504" s="487" t="str">
        <f t="shared" si="106"/>
        <v/>
      </c>
      <c r="BK504" s="487" t="str">
        <f t="shared" si="106"/>
        <v/>
      </c>
      <c r="BL504" s="487" t="str">
        <f t="shared" si="106"/>
        <v/>
      </c>
      <c r="BM504" s="487" t="str">
        <f t="shared" si="106"/>
        <v/>
      </c>
      <c r="BN504" s="487" t="str">
        <f t="shared" si="106"/>
        <v/>
      </c>
      <c r="BO504" s="487" t="str">
        <f t="shared" si="106"/>
        <v/>
      </c>
      <c r="BP504" s="487" t="str">
        <f t="shared" si="106"/>
        <v/>
      </c>
      <c r="BQ504" s="487" t="str">
        <f t="shared" si="106"/>
        <v/>
      </c>
      <c r="BR504" s="487" t="str">
        <f t="shared" si="106"/>
        <v/>
      </c>
      <c r="BS504" s="487" t="str">
        <f t="shared" si="106"/>
        <v/>
      </c>
      <c r="BT504" s="487" t="str">
        <f t="shared" si="106"/>
        <v/>
      </c>
      <c r="BU504" s="487" t="str">
        <f t="shared" si="106"/>
        <v/>
      </c>
      <c r="BV504" s="487" t="str">
        <f t="shared" si="106"/>
        <v/>
      </c>
      <c r="BW504" s="487" t="str">
        <f t="shared" si="106"/>
        <v/>
      </c>
      <c r="BX504" s="487" t="str">
        <f t="shared" si="107"/>
        <v/>
      </c>
      <c r="BY504" s="487" t="str">
        <f t="shared" si="107"/>
        <v/>
      </c>
      <c r="BZ504" s="487" t="str">
        <f t="shared" si="107"/>
        <v/>
      </c>
      <c r="CA504" s="487" t="str">
        <f t="shared" si="107"/>
        <v/>
      </c>
      <c r="CB504" s="487" t="str">
        <f t="shared" si="107"/>
        <v/>
      </c>
      <c r="CC504" s="487" t="str">
        <f t="shared" si="107"/>
        <v/>
      </c>
      <c r="CD504" s="487" t="str">
        <f t="shared" si="107"/>
        <v/>
      </c>
      <c r="CE504" s="487" t="str">
        <f t="shared" si="107"/>
        <v/>
      </c>
      <c r="CF504" s="487" t="str">
        <f t="shared" si="107"/>
        <v/>
      </c>
      <c r="CG504" s="487" t="str">
        <f t="shared" si="107"/>
        <v/>
      </c>
      <c r="CH504" s="487" t="str">
        <f t="shared" si="107"/>
        <v/>
      </c>
      <c r="CI504" s="487" t="str">
        <f t="shared" si="107"/>
        <v/>
      </c>
      <c r="CJ504" s="487" t="str">
        <f t="shared" si="107"/>
        <v/>
      </c>
      <c r="CK504" s="487" t="str">
        <f t="shared" si="107"/>
        <v/>
      </c>
      <c r="CL504" s="487" t="str">
        <f t="shared" si="107"/>
        <v/>
      </c>
      <c r="CM504" s="487"/>
      <c r="CN504" s="487"/>
      <c r="CO504" s="487"/>
      <c r="CP504" s="487"/>
      <c r="CQ504" s="487"/>
      <c r="CR504" s="487"/>
      <c r="CS504" s="487"/>
      <c r="CT504" s="487"/>
      <c r="CU504" s="487"/>
      <c r="CV504" s="487"/>
      <c r="CW504" s="487"/>
      <c r="CX504" s="487"/>
      <c r="CY504" s="487"/>
      <c r="CZ504" s="487"/>
      <c r="DA504" s="487"/>
      <c r="DB504" s="487"/>
      <c r="DC504" s="487"/>
      <c r="DD504" s="487"/>
      <c r="DE504" s="487"/>
      <c r="DF504" s="487"/>
      <c r="DG504" s="487"/>
      <c r="DH504" s="487"/>
      <c r="DI504" s="486"/>
      <c r="DJ504" s="486"/>
      <c r="DK504" s="486"/>
    </row>
    <row r="505" spans="1:115" ht="89.85" hidden="1" customHeight="1" x14ac:dyDescent="0.2">
      <c r="A505" s="510"/>
      <c r="B505" s="510"/>
      <c r="C505" s="481">
        <v>833</v>
      </c>
      <c r="D505" s="481"/>
      <c r="E505" s="481" t="s">
        <v>2481</v>
      </c>
      <c r="F505" s="482" t="s">
        <v>53</v>
      </c>
      <c r="G505" s="482" t="s">
        <v>655</v>
      </c>
      <c r="H505" s="501" t="s">
        <v>932</v>
      </c>
      <c r="I505" s="501" t="s">
        <v>1165</v>
      </c>
      <c r="J505" s="506" t="s">
        <v>1166</v>
      </c>
      <c r="K505" s="506"/>
      <c r="L505" s="77" t="s">
        <v>58</v>
      </c>
      <c r="M505" s="501" t="s">
        <v>1167</v>
      </c>
      <c r="N505" s="501"/>
      <c r="O505" s="501" t="s">
        <v>81</v>
      </c>
      <c r="P505" s="77" t="s">
        <v>77</v>
      </c>
      <c r="Q505" s="77"/>
      <c r="R505" s="500" t="s">
        <v>722</v>
      </c>
      <c r="S505" s="76" t="s">
        <v>63</v>
      </c>
      <c r="T505" s="76" t="s">
        <v>63</v>
      </c>
      <c r="U505" s="508">
        <v>45633.542954999997</v>
      </c>
      <c r="V505" s="508"/>
      <c r="W505" s="510" t="s">
        <v>839</v>
      </c>
      <c r="X505" s="510"/>
      <c r="Y505" s="503">
        <f t="shared" si="104"/>
        <v>45633.542954999997</v>
      </c>
      <c r="Z505" s="76" t="s">
        <v>65</v>
      </c>
      <c r="AA505" s="487"/>
      <c r="AB505" s="487"/>
      <c r="AC505" s="487"/>
      <c r="AD505" s="487"/>
      <c r="AE505" s="487"/>
      <c r="AF505" s="487"/>
      <c r="AG505" s="487"/>
      <c r="AH505" s="487"/>
      <c r="AI505" s="487"/>
      <c r="AJ505" s="487"/>
      <c r="AK505" s="487"/>
      <c r="AL505" s="487"/>
      <c r="AM505" s="487"/>
      <c r="AN505" s="487"/>
      <c r="AO505" s="487"/>
      <c r="AP505" s="487"/>
      <c r="AQ505" s="76"/>
      <c r="AR505" s="487"/>
      <c r="AS505" s="487"/>
      <c r="AT505" s="487"/>
      <c r="AU505" s="76"/>
      <c r="AV505" s="487"/>
      <c r="AW505" s="487"/>
      <c r="AX505" s="487"/>
      <c r="AY505" s="76"/>
      <c r="AZ505" s="487"/>
      <c r="BA505" s="76"/>
      <c r="BB505" s="76"/>
      <c r="BC505" s="487"/>
      <c r="BD505" s="76"/>
      <c r="BE505" s="76"/>
      <c r="BF505" s="80">
        <f t="shared" si="105"/>
        <v>0</v>
      </c>
      <c r="BG505" s="76"/>
      <c r="BH505" s="487" t="str">
        <f t="shared" si="106"/>
        <v/>
      </c>
      <c r="BI505" s="487" t="str">
        <f t="shared" si="106"/>
        <v/>
      </c>
      <c r="BJ505" s="487" t="str">
        <f t="shared" si="106"/>
        <v/>
      </c>
      <c r="BK505" s="487" t="str">
        <f t="shared" si="106"/>
        <v/>
      </c>
      <c r="BL505" s="487" t="str">
        <f t="shared" si="106"/>
        <v/>
      </c>
      <c r="BM505" s="487" t="str">
        <f t="shared" si="106"/>
        <v/>
      </c>
      <c r="BN505" s="487" t="str">
        <f t="shared" si="106"/>
        <v/>
      </c>
      <c r="BO505" s="487" t="str">
        <f t="shared" si="106"/>
        <v/>
      </c>
      <c r="BP505" s="487" t="str">
        <f t="shared" si="106"/>
        <v/>
      </c>
      <c r="BQ505" s="487" t="str">
        <f t="shared" si="106"/>
        <v/>
      </c>
      <c r="BR505" s="487" t="str">
        <f t="shared" si="106"/>
        <v/>
      </c>
      <c r="BS505" s="487" t="str">
        <f t="shared" si="106"/>
        <v/>
      </c>
      <c r="BT505" s="487" t="str">
        <f t="shared" si="106"/>
        <v/>
      </c>
      <c r="BU505" s="487" t="str">
        <f t="shared" si="106"/>
        <v/>
      </c>
      <c r="BV505" s="487" t="str">
        <f t="shared" si="106"/>
        <v/>
      </c>
      <c r="BW505" s="487" t="str">
        <f t="shared" si="106"/>
        <v/>
      </c>
      <c r="BX505" s="487" t="str">
        <f t="shared" si="107"/>
        <v/>
      </c>
      <c r="BY505" s="487" t="str">
        <f t="shared" si="107"/>
        <v/>
      </c>
      <c r="BZ505" s="487" t="str">
        <f t="shared" si="107"/>
        <v/>
      </c>
      <c r="CA505" s="487" t="str">
        <f t="shared" si="107"/>
        <v/>
      </c>
      <c r="CB505" s="487" t="str">
        <f t="shared" si="107"/>
        <v/>
      </c>
      <c r="CC505" s="487" t="str">
        <f t="shared" si="107"/>
        <v/>
      </c>
      <c r="CD505" s="487" t="str">
        <f t="shared" si="107"/>
        <v/>
      </c>
      <c r="CE505" s="487" t="str">
        <f t="shared" si="107"/>
        <v/>
      </c>
      <c r="CF505" s="487" t="str">
        <f t="shared" si="107"/>
        <v/>
      </c>
      <c r="CG505" s="487" t="str">
        <f t="shared" si="107"/>
        <v/>
      </c>
      <c r="CH505" s="487" t="str">
        <f t="shared" si="107"/>
        <v/>
      </c>
      <c r="CI505" s="487" t="str">
        <f t="shared" si="107"/>
        <v/>
      </c>
      <c r="CJ505" s="487" t="str">
        <f t="shared" si="107"/>
        <v/>
      </c>
      <c r="CK505" s="487" t="str">
        <f t="shared" si="107"/>
        <v/>
      </c>
      <c r="CL505" s="487" t="str">
        <f t="shared" si="107"/>
        <v/>
      </c>
      <c r="CM505" s="487"/>
      <c r="CN505" s="487"/>
      <c r="CO505" s="487"/>
      <c r="CP505" s="487"/>
      <c r="CQ505" s="487"/>
      <c r="CR505" s="487"/>
      <c r="CS505" s="487"/>
      <c r="CT505" s="487"/>
      <c r="CU505" s="487"/>
      <c r="CV505" s="487"/>
      <c r="CW505" s="487"/>
      <c r="CX505" s="487"/>
      <c r="CY505" s="487"/>
      <c r="CZ505" s="487"/>
      <c r="DA505" s="487"/>
      <c r="DB505" s="487"/>
      <c r="DC505" s="487"/>
      <c r="DD505" s="487"/>
      <c r="DE505" s="487"/>
      <c r="DF505" s="487"/>
      <c r="DG505" s="487"/>
      <c r="DH505" s="487"/>
      <c r="DI505" s="486"/>
      <c r="DJ505" s="486"/>
      <c r="DK505" s="486"/>
    </row>
    <row r="506" spans="1:115" ht="56.1" hidden="1" customHeight="1" x14ac:dyDescent="0.2">
      <c r="A506" s="499" t="s">
        <v>2494</v>
      </c>
      <c r="B506" s="483" t="s">
        <v>2495</v>
      </c>
      <c r="C506" s="481">
        <v>834</v>
      </c>
      <c r="D506" s="481"/>
      <c r="E506" s="481" t="s">
        <v>2481</v>
      </c>
      <c r="F506" s="482" t="s">
        <v>53</v>
      </c>
      <c r="G506" s="482" t="s">
        <v>655</v>
      </c>
      <c r="H506" s="501" t="s">
        <v>932</v>
      </c>
      <c r="I506" s="501" t="s">
        <v>1168</v>
      </c>
      <c r="J506" s="506" t="s">
        <v>1169</v>
      </c>
      <c r="K506" s="506"/>
      <c r="L506" s="77" t="s">
        <v>58</v>
      </c>
      <c r="M506" s="500" t="s">
        <v>948</v>
      </c>
      <c r="N506" s="500"/>
      <c r="O506" s="501" t="s">
        <v>81</v>
      </c>
      <c r="P506" s="77" t="s">
        <v>77</v>
      </c>
      <c r="Q506" s="77"/>
      <c r="R506" s="500" t="s">
        <v>722</v>
      </c>
      <c r="S506" s="76" t="s">
        <v>63</v>
      </c>
      <c r="T506" s="76" t="s">
        <v>63</v>
      </c>
      <c r="U506" s="508">
        <v>1036.0349999999999</v>
      </c>
      <c r="V506" s="508"/>
      <c r="W506" s="494" t="s">
        <v>659</v>
      </c>
      <c r="X506" s="494"/>
      <c r="Y506" s="503">
        <f t="shared" si="104"/>
        <v>1036.0349999999999</v>
      </c>
      <c r="Z506" s="76" t="s">
        <v>65</v>
      </c>
      <c r="AA506" s="487"/>
      <c r="AB506" s="487"/>
      <c r="AC506" s="487"/>
      <c r="AD506" s="487"/>
      <c r="AE506" s="487"/>
      <c r="AF506" s="487"/>
      <c r="AG506" s="487"/>
      <c r="AH506" s="487"/>
      <c r="AI506" s="487"/>
      <c r="AJ506" s="487"/>
      <c r="AK506" s="487"/>
      <c r="AL506" s="487"/>
      <c r="AM506" s="487"/>
      <c r="AN506" s="487"/>
      <c r="AO506" s="487"/>
      <c r="AP506" s="487"/>
      <c r="AQ506" s="76"/>
      <c r="AR506" s="487"/>
      <c r="AS506" s="487"/>
      <c r="AT506" s="487"/>
      <c r="AU506" s="76"/>
      <c r="AV506" s="487"/>
      <c r="AW506" s="487"/>
      <c r="AX506" s="487"/>
      <c r="AY506" s="76"/>
      <c r="AZ506" s="487"/>
      <c r="BA506" s="76"/>
      <c r="BB506" s="76"/>
      <c r="BC506" s="487"/>
      <c r="BD506" s="76"/>
      <c r="BE506" s="76"/>
      <c r="BF506" s="80">
        <f t="shared" si="105"/>
        <v>0</v>
      </c>
      <c r="BG506" s="76"/>
      <c r="BH506" s="487" t="str">
        <f t="shared" si="106"/>
        <v/>
      </c>
      <c r="BI506" s="487" t="str">
        <f t="shared" si="106"/>
        <v/>
      </c>
      <c r="BJ506" s="487" t="str">
        <f t="shared" si="106"/>
        <v/>
      </c>
      <c r="BK506" s="487" t="str">
        <f t="shared" si="106"/>
        <v/>
      </c>
      <c r="BL506" s="487" t="str">
        <f t="shared" si="106"/>
        <v/>
      </c>
      <c r="BM506" s="487" t="str">
        <f t="shared" si="106"/>
        <v/>
      </c>
      <c r="BN506" s="487" t="str">
        <f t="shared" si="106"/>
        <v/>
      </c>
      <c r="BO506" s="487" t="str">
        <f t="shared" si="106"/>
        <v/>
      </c>
      <c r="BP506" s="487" t="str">
        <f t="shared" si="106"/>
        <v/>
      </c>
      <c r="BQ506" s="487" t="str">
        <f t="shared" si="106"/>
        <v/>
      </c>
      <c r="BR506" s="487" t="str">
        <f t="shared" si="106"/>
        <v/>
      </c>
      <c r="BS506" s="487" t="str">
        <f t="shared" si="106"/>
        <v/>
      </c>
      <c r="BT506" s="487" t="str">
        <f t="shared" si="106"/>
        <v/>
      </c>
      <c r="BU506" s="487" t="str">
        <f t="shared" si="106"/>
        <v/>
      </c>
      <c r="BV506" s="487" t="str">
        <f t="shared" si="106"/>
        <v/>
      </c>
      <c r="BW506" s="487" t="str">
        <f t="shared" si="106"/>
        <v/>
      </c>
      <c r="BX506" s="487" t="str">
        <f t="shared" si="107"/>
        <v/>
      </c>
      <c r="BY506" s="487" t="str">
        <f t="shared" si="107"/>
        <v/>
      </c>
      <c r="BZ506" s="487" t="str">
        <f t="shared" si="107"/>
        <v/>
      </c>
      <c r="CA506" s="487" t="str">
        <f t="shared" si="107"/>
        <v/>
      </c>
      <c r="CB506" s="487" t="str">
        <f t="shared" si="107"/>
        <v/>
      </c>
      <c r="CC506" s="487" t="str">
        <f t="shared" si="107"/>
        <v/>
      </c>
      <c r="CD506" s="487" t="str">
        <f t="shared" si="107"/>
        <v/>
      </c>
      <c r="CE506" s="487" t="str">
        <f t="shared" si="107"/>
        <v/>
      </c>
      <c r="CF506" s="487" t="str">
        <f t="shared" si="107"/>
        <v/>
      </c>
      <c r="CG506" s="487" t="str">
        <f t="shared" si="107"/>
        <v/>
      </c>
      <c r="CH506" s="487" t="str">
        <f t="shared" si="107"/>
        <v/>
      </c>
      <c r="CI506" s="487" t="str">
        <f t="shared" si="107"/>
        <v/>
      </c>
      <c r="CJ506" s="487" t="str">
        <f t="shared" si="107"/>
        <v/>
      </c>
      <c r="CK506" s="487" t="str">
        <f t="shared" si="107"/>
        <v/>
      </c>
      <c r="CL506" s="487" t="str">
        <f t="shared" si="107"/>
        <v/>
      </c>
      <c r="CM506" s="487"/>
      <c r="CN506" s="487"/>
      <c r="CO506" s="487"/>
      <c r="CP506" s="487"/>
      <c r="CQ506" s="487"/>
      <c r="CR506" s="487"/>
      <c r="CS506" s="487"/>
      <c r="CT506" s="487"/>
      <c r="CU506" s="487"/>
      <c r="CV506" s="487"/>
      <c r="CW506" s="487"/>
      <c r="CX506" s="487"/>
      <c r="CY506" s="487"/>
      <c r="CZ506" s="487"/>
      <c r="DA506" s="487"/>
      <c r="DB506" s="487"/>
      <c r="DC506" s="487"/>
      <c r="DD506" s="487"/>
      <c r="DE506" s="487"/>
      <c r="DF506" s="487"/>
      <c r="DG506" s="487"/>
      <c r="DH506" s="487"/>
      <c r="DI506" s="486"/>
      <c r="DJ506" s="486"/>
      <c r="DK506" s="486"/>
    </row>
    <row r="507" spans="1:115" ht="56.1" hidden="1" customHeight="1" x14ac:dyDescent="0.2">
      <c r="A507" s="510"/>
      <c r="B507" s="510"/>
      <c r="C507" s="481">
        <v>835</v>
      </c>
      <c r="D507" s="481"/>
      <c r="E507" s="481" t="s">
        <v>2481</v>
      </c>
      <c r="F507" s="482" t="s">
        <v>53</v>
      </c>
      <c r="G507" s="482" t="s">
        <v>655</v>
      </c>
      <c r="H507" s="501" t="s">
        <v>932</v>
      </c>
      <c r="I507" s="501" t="s">
        <v>1170</v>
      </c>
      <c r="J507" s="506" t="s">
        <v>1171</v>
      </c>
      <c r="K507" s="506"/>
      <c r="L507" s="77" t="s">
        <v>58</v>
      </c>
      <c r="M507" s="501" t="s">
        <v>1172</v>
      </c>
      <c r="N507" s="501"/>
      <c r="O507" s="501" t="s">
        <v>81</v>
      </c>
      <c r="P507" s="77" t="s">
        <v>77</v>
      </c>
      <c r="Q507" s="77"/>
      <c r="R507" s="500" t="s">
        <v>722</v>
      </c>
      <c r="S507" s="76" t="s">
        <v>63</v>
      </c>
      <c r="T507" s="76" t="s">
        <v>63</v>
      </c>
      <c r="U507" s="508">
        <v>42791.666060000003</v>
      </c>
      <c r="V507" s="508"/>
      <c r="W507" s="510" t="s">
        <v>839</v>
      </c>
      <c r="X507" s="510"/>
      <c r="Y507" s="503">
        <f t="shared" si="104"/>
        <v>42791.666060000003</v>
      </c>
      <c r="Z507" s="76" t="s">
        <v>65</v>
      </c>
      <c r="AA507" s="487"/>
      <c r="AB507" s="487"/>
      <c r="AC507" s="487"/>
      <c r="AD507" s="487"/>
      <c r="AE507" s="487"/>
      <c r="AF507" s="487"/>
      <c r="AG507" s="487"/>
      <c r="AH507" s="487"/>
      <c r="AI507" s="487"/>
      <c r="AJ507" s="487"/>
      <c r="AK507" s="487"/>
      <c r="AL507" s="487"/>
      <c r="AM507" s="487"/>
      <c r="AN507" s="487"/>
      <c r="AO507" s="487"/>
      <c r="AP507" s="487"/>
      <c r="AQ507" s="76"/>
      <c r="AR507" s="487"/>
      <c r="AS507" s="487"/>
      <c r="AT507" s="487"/>
      <c r="AU507" s="76"/>
      <c r="AV507" s="487"/>
      <c r="AW507" s="487"/>
      <c r="AX507" s="487"/>
      <c r="AY507" s="76"/>
      <c r="AZ507" s="487"/>
      <c r="BA507" s="76"/>
      <c r="BB507" s="76"/>
      <c r="BC507" s="487"/>
      <c r="BD507" s="76"/>
      <c r="BE507" s="76"/>
      <c r="BF507" s="80">
        <f t="shared" si="105"/>
        <v>0</v>
      </c>
      <c r="BG507" s="76"/>
      <c r="BH507" s="487" t="str">
        <f t="shared" si="106"/>
        <v/>
      </c>
      <c r="BI507" s="487" t="str">
        <f t="shared" si="106"/>
        <v/>
      </c>
      <c r="BJ507" s="487" t="str">
        <f t="shared" si="106"/>
        <v/>
      </c>
      <c r="BK507" s="487" t="str">
        <f t="shared" si="106"/>
        <v/>
      </c>
      <c r="BL507" s="487" t="str">
        <f t="shared" si="106"/>
        <v/>
      </c>
      <c r="BM507" s="487" t="str">
        <f t="shared" si="106"/>
        <v/>
      </c>
      <c r="BN507" s="487" t="str">
        <f t="shared" si="106"/>
        <v/>
      </c>
      <c r="BO507" s="487" t="str">
        <f t="shared" si="106"/>
        <v/>
      </c>
      <c r="BP507" s="487" t="str">
        <f t="shared" si="106"/>
        <v/>
      </c>
      <c r="BQ507" s="487" t="str">
        <f t="shared" si="106"/>
        <v/>
      </c>
      <c r="BR507" s="487" t="str">
        <f t="shared" si="106"/>
        <v/>
      </c>
      <c r="BS507" s="487" t="str">
        <f t="shared" si="106"/>
        <v/>
      </c>
      <c r="BT507" s="487" t="str">
        <f t="shared" si="106"/>
        <v/>
      </c>
      <c r="BU507" s="487" t="str">
        <f t="shared" si="106"/>
        <v/>
      </c>
      <c r="BV507" s="487" t="str">
        <f t="shared" si="106"/>
        <v/>
      </c>
      <c r="BW507" s="487" t="str">
        <f t="shared" si="106"/>
        <v/>
      </c>
      <c r="BX507" s="487" t="str">
        <f t="shared" si="107"/>
        <v/>
      </c>
      <c r="BY507" s="487" t="str">
        <f t="shared" si="107"/>
        <v/>
      </c>
      <c r="BZ507" s="487" t="str">
        <f t="shared" si="107"/>
        <v/>
      </c>
      <c r="CA507" s="487" t="str">
        <f t="shared" si="107"/>
        <v/>
      </c>
      <c r="CB507" s="487" t="str">
        <f t="shared" si="107"/>
        <v/>
      </c>
      <c r="CC507" s="487" t="str">
        <f t="shared" si="107"/>
        <v/>
      </c>
      <c r="CD507" s="487" t="str">
        <f t="shared" si="107"/>
        <v/>
      </c>
      <c r="CE507" s="487" t="str">
        <f t="shared" si="107"/>
        <v/>
      </c>
      <c r="CF507" s="487" t="str">
        <f t="shared" si="107"/>
        <v/>
      </c>
      <c r="CG507" s="487" t="str">
        <f t="shared" si="107"/>
        <v/>
      </c>
      <c r="CH507" s="487" t="str">
        <f t="shared" si="107"/>
        <v/>
      </c>
      <c r="CI507" s="487" t="str">
        <f t="shared" si="107"/>
        <v/>
      </c>
      <c r="CJ507" s="487" t="str">
        <f t="shared" si="107"/>
        <v/>
      </c>
      <c r="CK507" s="487" t="str">
        <f t="shared" si="107"/>
        <v/>
      </c>
      <c r="CL507" s="487" t="str">
        <f t="shared" si="107"/>
        <v/>
      </c>
      <c r="CM507" s="487"/>
      <c r="CN507" s="487"/>
      <c r="CO507" s="487"/>
      <c r="CP507" s="487"/>
      <c r="CQ507" s="487"/>
      <c r="CR507" s="487"/>
      <c r="CS507" s="487"/>
      <c r="CT507" s="487"/>
      <c r="CU507" s="487"/>
      <c r="CV507" s="487"/>
      <c r="CW507" s="487"/>
      <c r="CX507" s="487"/>
      <c r="CY507" s="487"/>
      <c r="CZ507" s="487"/>
      <c r="DA507" s="487"/>
      <c r="DB507" s="487"/>
      <c r="DC507" s="487"/>
      <c r="DD507" s="487"/>
      <c r="DE507" s="487"/>
      <c r="DF507" s="487"/>
      <c r="DG507" s="487"/>
      <c r="DH507" s="487"/>
      <c r="DI507" s="486"/>
      <c r="DJ507" s="486"/>
      <c r="DK507" s="486"/>
    </row>
    <row r="508" spans="1:115" ht="56.1" hidden="1" customHeight="1" x14ac:dyDescent="0.2">
      <c r="A508" s="510"/>
      <c r="B508" s="510"/>
      <c r="C508" s="481">
        <v>836</v>
      </c>
      <c r="D508" s="481"/>
      <c r="E508" s="481" t="s">
        <v>2481</v>
      </c>
      <c r="F508" s="482" t="s">
        <v>53</v>
      </c>
      <c r="G508" s="482" t="s">
        <v>655</v>
      </c>
      <c r="H508" s="501" t="s">
        <v>932</v>
      </c>
      <c r="I508" s="501" t="s">
        <v>1173</v>
      </c>
      <c r="J508" s="506" t="s">
        <v>1174</v>
      </c>
      <c r="K508" s="506"/>
      <c r="L508" s="77" t="s">
        <v>58</v>
      </c>
      <c r="M508" s="501" t="s">
        <v>1172</v>
      </c>
      <c r="N508" s="501"/>
      <c r="O508" s="501" t="s">
        <v>81</v>
      </c>
      <c r="P508" s="77" t="s">
        <v>77</v>
      </c>
      <c r="Q508" s="77"/>
      <c r="R508" s="500" t="s">
        <v>722</v>
      </c>
      <c r="S508" s="76" t="s">
        <v>63</v>
      </c>
      <c r="T508" s="76" t="s">
        <v>63</v>
      </c>
      <c r="U508" s="508">
        <v>1850.0625</v>
      </c>
      <c r="V508" s="508"/>
      <c r="W508" s="510" t="s">
        <v>839</v>
      </c>
      <c r="X508" s="510"/>
      <c r="Y508" s="503">
        <f t="shared" si="104"/>
        <v>1850.0625</v>
      </c>
      <c r="Z508" s="76" t="s">
        <v>65</v>
      </c>
      <c r="AA508" s="487"/>
      <c r="AB508" s="487"/>
      <c r="AC508" s="487"/>
      <c r="AD508" s="487"/>
      <c r="AE508" s="487"/>
      <c r="AF508" s="487"/>
      <c r="AG508" s="487"/>
      <c r="AH508" s="487"/>
      <c r="AI508" s="487"/>
      <c r="AJ508" s="487"/>
      <c r="AK508" s="487"/>
      <c r="AL508" s="487"/>
      <c r="AM508" s="487"/>
      <c r="AN508" s="487"/>
      <c r="AO508" s="487"/>
      <c r="AP508" s="487"/>
      <c r="AQ508" s="76"/>
      <c r="AR508" s="487"/>
      <c r="AS508" s="487"/>
      <c r="AT508" s="487"/>
      <c r="AU508" s="76"/>
      <c r="AV508" s="487"/>
      <c r="AW508" s="487"/>
      <c r="AX508" s="487"/>
      <c r="AY508" s="76"/>
      <c r="AZ508" s="487"/>
      <c r="BA508" s="76"/>
      <c r="BB508" s="76"/>
      <c r="BC508" s="487"/>
      <c r="BD508" s="76"/>
      <c r="BE508" s="76"/>
      <c r="BF508" s="80">
        <f t="shared" si="105"/>
        <v>0</v>
      </c>
      <c r="BG508" s="76"/>
      <c r="BH508" s="487" t="str">
        <f t="shared" si="106"/>
        <v/>
      </c>
      <c r="BI508" s="487" t="str">
        <f t="shared" si="106"/>
        <v/>
      </c>
      <c r="BJ508" s="487" t="str">
        <f t="shared" si="106"/>
        <v/>
      </c>
      <c r="BK508" s="487" t="str">
        <f t="shared" si="106"/>
        <v/>
      </c>
      <c r="BL508" s="487" t="str">
        <f t="shared" si="106"/>
        <v/>
      </c>
      <c r="BM508" s="487" t="str">
        <f t="shared" si="106"/>
        <v/>
      </c>
      <c r="BN508" s="487" t="str">
        <f t="shared" si="106"/>
        <v/>
      </c>
      <c r="BO508" s="487" t="str">
        <f t="shared" si="106"/>
        <v/>
      </c>
      <c r="BP508" s="487" t="str">
        <f t="shared" si="106"/>
        <v/>
      </c>
      <c r="BQ508" s="487" t="str">
        <f t="shared" si="106"/>
        <v/>
      </c>
      <c r="BR508" s="487" t="str">
        <f t="shared" si="106"/>
        <v/>
      </c>
      <c r="BS508" s="487" t="str">
        <f t="shared" si="106"/>
        <v/>
      </c>
      <c r="BT508" s="487" t="str">
        <f t="shared" si="106"/>
        <v/>
      </c>
      <c r="BU508" s="487" t="str">
        <f t="shared" si="106"/>
        <v/>
      </c>
      <c r="BV508" s="487" t="str">
        <f t="shared" si="106"/>
        <v/>
      </c>
      <c r="BW508" s="487" t="str">
        <f t="shared" si="106"/>
        <v/>
      </c>
      <c r="BX508" s="487" t="str">
        <f t="shared" si="107"/>
        <v/>
      </c>
      <c r="BY508" s="487" t="str">
        <f t="shared" si="107"/>
        <v/>
      </c>
      <c r="BZ508" s="487" t="str">
        <f t="shared" si="107"/>
        <v/>
      </c>
      <c r="CA508" s="487" t="str">
        <f t="shared" si="107"/>
        <v/>
      </c>
      <c r="CB508" s="487" t="str">
        <f t="shared" si="107"/>
        <v/>
      </c>
      <c r="CC508" s="487" t="str">
        <f t="shared" si="107"/>
        <v/>
      </c>
      <c r="CD508" s="487" t="str">
        <f t="shared" si="107"/>
        <v/>
      </c>
      <c r="CE508" s="487" t="str">
        <f t="shared" si="107"/>
        <v/>
      </c>
      <c r="CF508" s="487" t="str">
        <f t="shared" si="107"/>
        <v/>
      </c>
      <c r="CG508" s="487" t="str">
        <f t="shared" si="107"/>
        <v/>
      </c>
      <c r="CH508" s="487" t="str">
        <f t="shared" si="107"/>
        <v/>
      </c>
      <c r="CI508" s="487" t="str">
        <f t="shared" si="107"/>
        <v/>
      </c>
      <c r="CJ508" s="487" t="str">
        <f t="shared" si="107"/>
        <v/>
      </c>
      <c r="CK508" s="487" t="str">
        <f t="shared" si="107"/>
        <v/>
      </c>
      <c r="CL508" s="487" t="str">
        <f t="shared" si="107"/>
        <v/>
      </c>
      <c r="CM508" s="487"/>
      <c r="CN508" s="487"/>
      <c r="CO508" s="487"/>
      <c r="CP508" s="487"/>
      <c r="CQ508" s="487"/>
      <c r="CR508" s="487"/>
      <c r="CS508" s="487"/>
      <c r="CT508" s="487"/>
      <c r="CU508" s="487"/>
      <c r="CV508" s="487"/>
      <c r="CW508" s="487"/>
      <c r="CX508" s="487"/>
      <c r="CY508" s="487"/>
      <c r="CZ508" s="487"/>
      <c r="DA508" s="487"/>
      <c r="DB508" s="487"/>
      <c r="DC508" s="487"/>
      <c r="DD508" s="487"/>
      <c r="DE508" s="487"/>
      <c r="DF508" s="487"/>
      <c r="DG508" s="487"/>
      <c r="DH508" s="487"/>
      <c r="DI508" s="486"/>
      <c r="DJ508" s="486"/>
      <c r="DK508" s="486"/>
    </row>
    <row r="509" spans="1:115" ht="56.1" hidden="1" customHeight="1" x14ac:dyDescent="0.2">
      <c r="A509" s="510"/>
      <c r="B509" s="510"/>
      <c r="C509" s="481">
        <v>837</v>
      </c>
      <c r="D509" s="481"/>
      <c r="E509" s="481" t="s">
        <v>2481</v>
      </c>
      <c r="F509" s="482" t="s">
        <v>53</v>
      </c>
      <c r="G509" s="482" t="s">
        <v>655</v>
      </c>
      <c r="H509" s="501" t="s">
        <v>932</v>
      </c>
      <c r="I509" s="501" t="s">
        <v>1175</v>
      </c>
      <c r="J509" s="506" t="s">
        <v>1176</v>
      </c>
      <c r="K509" s="506"/>
      <c r="L509" s="77" t="s">
        <v>58</v>
      </c>
      <c r="M509" s="501" t="s">
        <v>1172</v>
      </c>
      <c r="N509" s="501"/>
      <c r="O509" s="501" t="s">
        <v>81</v>
      </c>
      <c r="P509" s="77" t="s">
        <v>77</v>
      </c>
      <c r="Q509" s="77"/>
      <c r="R509" s="500" t="s">
        <v>722</v>
      </c>
      <c r="S509" s="76" t="s">
        <v>63</v>
      </c>
      <c r="T509" s="76" t="s">
        <v>63</v>
      </c>
      <c r="U509" s="508">
        <v>2261.1875</v>
      </c>
      <c r="V509" s="508"/>
      <c r="W509" s="510" t="s">
        <v>839</v>
      </c>
      <c r="X509" s="510"/>
      <c r="Y509" s="503">
        <f t="shared" si="104"/>
        <v>2261.1875</v>
      </c>
      <c r="Z509" s="76" t="s">
        <v>65</v>
      </c>
      <c r="AA509" s="486"/>
      <c r="AB509" s="487"/>
      <c r="AC509" s="486"/>
      <c r="AD509" s="486"/>
      <c r="AE509" s="486"/>
      <c r="AF509" s="486"/>
      <c r="AG509" s="486"/>
      <c r="AH509" s="486"/>
      <c r="AI509" s="486"/>
      <c r="AJ509" s="486"/>
      <c r="AK509" s="486"/>
      <c r="AL509" s="486"/>
      <c r="AM509" s="486"/>
      <c r="AN509" s="486"/>
      <c r="AO509" s="487"/>
      <c r="AP509" s="486"/>
      <c r="AQ509" s="486"/>
      <c r="AR509" s="486"/>
      <c r="AS509" s="486"/>
      <c r="AT509" s="486"/>
      <c r="AU509" s="486"/>
      <c r="AV509" s="486"/>
      <c r="AW509" s="486"/>
      <c r="AX509" s="486"/>
      <c r="AY509" s="486"/>
      <c r="AZ509" s="486"/>
      <c r="BA509" s="486"/>
      <c r="BB509" s="486"/>
      <c r="BC509" s="486"/>
      <c r="BD509" s="486"/>
      <c r="BE509" s="486"/>
      <c r="BF509" s="80">
        <f t="shared" si="105"/>
        <v>0</v>
      </c>
      <c r="BG509" s="76"/>
      <c r="BH509" s="487" t="str">
        <f t="shared" si="106"/>
        <v/>
      </c>
      <c r="BI509" s="487" t="str">
        <f t="shared" si="106"/>
        <v/>
      </c>
      <c r="BJ509" s="487" t="str">
        <f t="shared" si="106"/>
        <v/>
      </c>
      <c r="BK509" s="487" t="str">
        <f t="shared" si="106"/>
        <v/>
      </c>
      <c r="BL509" s="487" t="str">
        <f t="shared" si="106"/>
        <v/>
      </c>
      <c r="BM509" s="487" t="str">
        <f t="shared" si="106"/>
        <v/>
      </c>
      <c r="BN509" s="487" t="str">
        <f t="shared" si="106"/>
        <v/>
      </c>
      <c r="BO509" s="487" t="str">
        <f t="shared" si="106"/>
        <v/>
      </c>
      <c r="BP509" s="487" t="str">
        <f t="shared" si="106"/>
        <v/>
      </c>
      <c r="BQ509" s="487" t="str">
        <f t="shared" si="106"/>
        <v/>
      </c>
      <c r="BR509" s="487" t="str">
        <f t="shared" si="106"/>
        <v/>
      </c>
      <c r="BS509" s="487" t="str">
        <f t="shared" si="106"/>
        <v/>
      </c>
      <c r="BT509" s="487" t="str">
        <f t="shared" si="106"/>
        <v/>
      </c>
      <c r="BU509" s="487" t="str">
        <f t="shared" si="106"/>
        <v/>
      </c>
      <c r="BV509" s="487" t="str">
        <f t="shared" si="106"/>
        <v/>
      </c>
      <c r="BW509" s="487" t="str">
        <f t="shared" si="106"/>
        <v/>
      </c>
      <c r="BX509" s="487" t="str">
        <f t="shared" si="107"/>
        <v/>
      </c>
      <c r="BY509" s="487" t="str">
        <f t="shared" si="107"/>
        <v/>
      </c>
      <c r="BZ509" s="487" t="str">
        <f t="shared" si="107"/>
        <v/>
      </c>
      <c r="CA509" s="487" t="str">
        <f t="shared" si="107"/>
        <v/>
      </c>
      <c r="CB509" s="487" t="str">
        <f t="shared" si="107"/>
        <v/>
      </c>
      <c r="CC509" s="487" t="str">
        <f t="shared" si="107"/>
        <v/>
      </c>
      <c r="CD509" s="487" t="str">
        <f t="shared" si="107"/>
        <v/>
      </c>
      <c r="CE509" s="487" t="str">
        <f t="shared" si="107"/>
        <v/>
      </c>
      <c r="CF509" s="487" t="str">
        <f t="shared" si="107"/>
        <v/>
      </c>
      <c r="CG509" s="487" t="str">
        <f t="shared" si="107"/>
        <v/>
      </c>
      <c r="CH509" s="487" t="str">
        <f t="shared" si="107"/>
        <v/>
      </c>
      <c r="CI509" s="487" t="str">
        <f t="shared" si="107"/>
        <v/>
      </c>
      <c r="CJ509" s="487" t="str">
        <f t="shared" si="107"/>
        <v/>
      </c>
      <c r="CK509" s="487" t="str">
        <f t="shared" si="107"/>
        <v/>
      </c>
      <c r="CL509" s="487" t="str">
        <f t="shared" si="107"/>
        <v/>
      </c>
      <c r="CM509" s="487"/>
      <c r="CN509" s="487"/>
      <c r="CO509" s="487"/>
      <c r="CP509" s="487"/>
      <c r="CQ509" s="487"/>
      <c r="CR509" s="487"/>
      <c r="CS509" s="487"/>
      <c r="CT509" s="487"/>
      <c r="CU509" s="487"/>
      <c r="CV509" s="487"/>
      <c r="CW509" s="487"/>
      <c r="CX509" s="487"/>
      <c r="CY509" s="487"/>
      <c r="CZ509" s="487"/>
      <c r="DA509" s="487"/>
      <c r="DB509" s="487"/>
      <c r="DC509" s="487"/>
      <c r="DD509" s="487"/>
      <c r="DE509" s="487"/>
      <c r="DF509" s="487"/>
      <c r="DG509" s="487"/>
      <c r="DH509" s="487"/>
      <c r="DI509" s="486"/>
      <c r="DJ509" s="486"/>
      <c r="DK509" s="486"/>
    </row>
    <row r="510" spans="1:115" ht="56.1" hidden="1" customHeight="1" x14ac:dyDescent="0.2">
      <c r="A510" s="510"/>
      <c r="B510" s="510"/>
      <c r="C510" s="511">
        <v>137</v>
      </c>
      <c r="D510" s="511"/>
      <c r="E510" s="511" t="s">
        <v>2182</v>
      </c>
      <c r="F510" s="512" t="s">
        <v>1385</v>
      </c>
      <c r="G510" s="512" t="s">
        <v>655</v>
      </c>
      <c r="H510" s="513" t="s">
        <v>900</v>
      </c>
      <c r="I510" s="513" t="s">
        <v>2389</v>
      </c>
      <c r="J510" s="513" t="s">
        <v>2390</v>
      </c>
      <c r="K510" s="513" t="s">
        <v>2186</v>
      </c>
      <c r="L510" s="513" t="s">
        <v>254</v>
      </c>
      <c r="M510" s="513" t="s">
        <v>59</v>
      </c>
      <c r="N510" s="513"/>
      <c r="O510" s="513" t="s">
        <v>60</v>
      </c>
      <c r="P510" s="513" t="s">
        <v>61</v>
      </c>
      <c r="Q510" s="513"/>
      <c r="R510" s="515" t="s">
        <v>2258</v>
      </c>
      <c r="S510" s="516" t="s">
        <v>63</v>
      </c>
      <c r="T510" s="516" t="s">
        <v>63</v>
      </c>
      <c r="U510" s="516" t="s">
        <v>2299</v>
      </c>
      <c r="V510" s="516"/>
      <c r="W510" s="516" t="s">
        <v>2391</v>
      </c>
      <c r="X510" s="516"/>
      <c r="Y510" s="516" t="s">
        <v>2299</v>
      </c>
      <c r="Z510" s="516" t="s">
        <v>245</v>
      </c>
      <c r="AA510" s="516"/>
      <c r="AB510" s="516"/>
      <c r="AC510" s="516"/>
      <c r="AD510" s="516"/>
      <c r="AE510" s="516"/>
      <c r="AF510" s="516"/>
      <c r="AG510" s="516"/>
      <c r="AH510" s="516"/>
      <c r="AI510" s="516"/>
      <c r="AJ510" s="516"/>
      <c r="AK510" s="516"/>
      <c r="AL510" s="516"/>
      <c r="AM510" s="516"/>
      <c r="AN510" s="516"/>
      <c r="AO510" s="516"/>
      <c r="AP510" s="516"/>
      <c r="AQ510" s="516"/>
      <c r="AR510" s="516"/>
      <c r="AS510" s="516"/>
      <c r="AT510" s="516"/>
      <c r="AU510" s="516"/>
      <c r="AV510" s="516"/>
      <c r="AW510" s="516"/>
      <c r="AX510" s="516"/>
      <c r="AY510" s="516"/>
      <c r="AZ510" s="516"/>
      <c r="BA510" s="516"/>
      <c r="BB510" s="516"/>
      <c r="BC510" s="516"/>
      <c r="BD510" s="516"/>
      <c r="BE510" s="516"/>
      <c r="BF510" s="516"/>
      <c r="BG510" s="516"/>
      <c r="BH510" s="516"/>
      <c r="BI510" s="516"/>
      <c r="BJ510" s="516"/>
      <c r="BK510" s="516"/>
      <c r="BL510" s="516"/>
      <c r="BM510" s="516"/>
      <c r="BN510" s="516"/>
      <c r="BO510" s="516"/>
      <c r="BP510" s="516"/>
      <c r="BQ510" s="516"/>
      <c r="BR510" s="516"/>
      <c r="BS510" s="516"/>
      <c r="BT510" s="516"/>
      <c r="BU510" s="516"/>
      <c r="BV510" s="516"/>
      <c r="BW510" s="516"/>
      <c r="BX510" s="516"/>
      <c r="BY510" s="516"/>
      <c r="BZ510" s="516"/>
      <c r="CA510" s="516"/>
      <c r="CB510" s="516"/>
      <c r="CC510" s="516"/>
      <c r="CD510" s="516"/>
      <c r="CE510" s="516"/>
      <c r="CF510" s="516"/>
      <c r="CG510" s="516"/>
      <c r="CH510" s="516"/>
      <c r="CI510" s="516"/>
      <c r="CJ510" s="516"/>
      <c r="CK510" s="516"/>
      <c r="CL510" s="516"/>
      <c r="CM510" s="516"/>
      <c r="CN510" s="516"/>
      <c r="CO510" s="516"/>
      <c r="CP510" s="516"/>
      <c r="CQ510" s="516"/>
      <c r="CR510" s="516"/>
      <c r="CS510" s="516"/>
      <c r="CT510" s="516"/>
      <c r="CU510" s="516" t="s">
        <v>2190</v>
      </c>
      <c r="CV510" s="516"/>
      <c r="CW510" s="516"/>
      <c r="CX510" s="516"/>
      <c r="CY510" s="516"/>
      <c r="CZ510" s="516"/>
      <c r="DA510" s="516"/>
      <c r="DB510" s="516"/>
      <c r="DC510" s="516"/>
      <c r="DD510" s="516"/>
      <c r="DE510" s="516"/>
      <c r="DF510" s="516"/>
      <c r="DG510" s="516" t="s">
        <v>2190</v>
      </c>
      <c r="DH510" s="516"/>
      <c r="DI510" s="513" t="s">
        <v>2300</v>
      </c>
      <c r="DJ510" s="513"/>
      <c r="DK510" s="513" t="s">
        <v>869</v>
      </c>
    </row>
    <row r="511" spans="1:115" ht="56.1" hidden="1" customHeight="1" x14ac:dyDescent="0.2">
      <c r="A511" s="510"/>
      <c r="B511" s="510"/>
      <c r="C511" s="511">
        <v>138</v>
      </c>
      <c r="D511" s="511"/>
      <c r="E511" s="511" t="s">
        <v>2182</v>
      </c>
      <c r="F511" s="512" t="s">
        <v>1385</v>
      </c>
      <c r="G511" s="512" t="s">
        <v>655</v>
      </c>
      <c r="H511" s="513" t="s">
        <v>2352</v>
      </c>
      <c r="I511" s="513" t="s">
        <v>2353</v>
      </c>
      <c r="J511" s="513" t="s">
        <v>2354</v>
      </c>
      <c r="K511" s="513" t="s">
        <v>2186</v>
      </c>
      <c r="L511" s="513" t="s">
        <v>254</v>
      </c>
      <c r="M511" s="513" t="s">
        <v>59</v>
      </c>
      <c r="N511" s="513"/>
      <c r="O511" s="513" t="s">
        <v>60</v>
      </c>
      <c r="P511" s="513" t="s">
        <v>61</v>
      </c>
      <c r="Q511" s="513"/>
      <c r="R511" s="515" t="s">
        <v>2258</v>
      </c>
      <c r="S511" s="516">
        <v>332640</v>
      </c>
      <c r="T511" s="516">
        <v>499699</v>
      </c>
      <c r="U511" s="516">
        <v>416169.5</v>
      </c>
      <c r="V511" s="516"/>
      <c r="W511" s="516" t="s">
        <v>2355</v>
      </c>
      <c r="X511" s="516"/>
      <c r="Y511" s="516">
        <v>416169.5</v>
      </c>
      <c r="Z511" s="516" t="s">
        <v>65</v>
      </c>
      <c r="AA511" s="516"/>
      <c r="AB511" s="516"/>
      <c r="AC511" s="516"/>
      <c r="AD511" s="516"/>
      <c r="AE511" s="516"/>
      <c r="AF511" s="516"/>
      <c r="AG511" s="516"/>
      <c r="AH511" s="516"/>
      <c r="AI511" s="516"/>
      <c r="AJ511" s="516"/>
      <c r="AK511" s="516"/>
      <c r="AL511" s="516"/>
      <c r="AM511" s="516"/>
      <c r="AN511" s="516"/>
      <c r="AO511" s="516"/>
      <c r="AP511" s="516"/>
      <c r="AQ511" s="516"/>
      <c r="AR511" s="516"/>
      <c r="AS511" s="516"/>
      <c r="AT511" s="516"/>
      <c r="AU511" s="516"/>
      <c r="AV511" s="516"/>
      <c r="AW511" s="516"/>
      <c r="AX511" s="516"/>
      <c r="AY511" s="516"/>
      <c r="AZ511" s="516"/>
      <c r="BA511" s="516"/>
      <c r="BB511" s="516"/>
      <c r="BC511" s="516"/>
      <c r="BD511" s="516"/>
      <c r="BE511" s="516"/>
      <c r="BF511" s="516"/>
      <c r="BG511" s="516"/>
      <c r="BH511" s="516"/>
      <c r="BI511" s="516"/>
      <c r="BJ511" s="516"/>
      <c r="BK511" s="516"/>
      <c r="BL511" s="516"/>
      <c r="BM511" s="516"/>
      <c r="BN511" s="516"/>
      <c r="BO511" s="516"/>
      <c r="BP511" s="516"/>
      <c r="BQ511" s="516"/>
      <c r="BR511" s="516"/>
      <c r="BS511" s="516"/>
      <c r="BT511" s="516"/>
      <c r="BU511" s="516"/>
      <c r="BV511" s="516"/>
      <c r="BW511" s="516"/>
      <c r="BX511" s="516"/>
      <c r="BY511" s="516"/>
      <c r="BZ511" s="516"/>
      <c r="CA511" s="516"/>
      <c r="CB511" s="516"/>
      <c r="CC511" s="516"/>
      <c r="CD511" s="516"/>
      <c r="CE511" s="516"/>
      <c r="CF511" s="516"/>
      <c r="CG511" s="516"/>
      <c r="CH511" s="516"/>
      <c r="CI511" s="516"/>
      <c r="CJ511" s="516"/>
      <c r="CK511" s="516"/>
      <c r="CL511" s="516"/>
      <c r="CM511" s="516"/>
      <c r="CN511" s="516"/>
      <c r="CO511" s="516"/>
      <c r="CP511" s="516"/>
      <c r="CQ511" s="516"/>
      <c r="CR511" s="516"/>
      <c r="CS511" s="516"/>
      <c r="CT511" s="516"/>
      <c r="CU511" s="516" t="s">
        <v>2190</v>
      </c>
      <c r="CV511" s="516"/>
      <c r="CW511" s="516"/>
      <c r="CX511" s="516"/>
      <c r="CY511" s="516"/>
      <c r="CZ511" s="516"/>
      <c r="DA511" s="516"/>
      <c r="DB511" s="516"/>
      <c r="DC511" s="516"/>
      <c r="DD511" s="516"/>
      <c r="DE511" s="516"/>
      <c r="DF511" s="516"/>
      <c r="DG511" s="516" t="s">
        <v>2190</v>
      </c>
      <c r="DH511" s="516"/>
      <c r="DI511" s="513"/>
      <c r="DJ511" s="513"/>
      <c r="DK511" s="513" t="s">
        <v>2279</v>
      </c>
    </row>
    <row r="512" spans="1:115" ht="56.1" hidden="1" customHeight="1" x14ac:dyDescent="0.2">
      <c r="A512" s="510"/>
      <c r="B512" s="510"/>
      <c r="C512" s="481">
        <v>838</v>
      </c>
      <c r="D512" s="481"/>
      <c r="E512" s="481" t="s">
        <v>2481</v>
      </c>
      <c r="F512" s="482" t="s">
        <v>53</v>
      </c>
      <c r="G512" s="482" t="s">
        <v>655</v>
      </c>
      <c r="H512" s="501" t="s">
        <v>900</v>
      </c>
      <c r="I512" s="501" t="s">
        <v>1177</v>
      </c>
      <c r="J512" s="506" t="s">
        <v>1178</v>
      </c>
      <c r="K512" s="506"/>
      <c r="L512" s="77" t="s">
        <v>58</v>
      </c>
      <c r="M512" s="501" t="s">
        <v>1172</v>
      </c>
      <c r="N512" s="501"/>
      <c r="O512" s="501" t="s">
        <v>81</v>
      </c>
      <c r="P512" s="77" t="s">
        <v>77</v>
      </c>
      <c r="Q512" s="77"/>
      <c r="R512" s="500" t="s">
        <v>722</v>
      </c>
      <c r="S512" s="76" t="s">
        <v>63</v>
      </c>
      <c r="T512" s="76" t="s">
        <v>63</v>
      </c>
      <c r="U512" s="508">
        <v>84691.75</v>
      </c>
      <c r="V512" s="508"/>
      <c r="W512" s="510" t="s">
        <v>839</v>
      </c>
      <c r="X512" s="510"/>
      <c r="Y512" s="503">
        <f t="shared" ref="Y512:Y565" si="108">U512</f>
        <v>84691.75</v>
      </c>
      <c r="Z512" s="76" t="s">
        <v>65</v>
      </c>
      <c r="AA512" s="487"/>
      <c r="AB512" s="487"/>
      <c r="AC512" s="487"/>
      <c r="AD512" s="487"/>
      <c r="AE512" s="487"/>
      <c r="AF512" s="487"/>
      <c r="AG512" s="487"/>
      <c r="AH512" s="487"/>
      <c r="AI512" s="487"/>
      <c r="AJ512" s="487"/>
      <c r="AK512" s="487"/>
      <c r="AL512" s="487"/>
      <c r="AM512" s="487"/>
      <c r="AN512" s="487"/>
      <c r="AO512" s="487"/>
      <c r="AP512" s="487"/>
      <c r="AQ512" s="76"/>
      <c r="AR512" s="487"/>
      <c r="AS512" s="487"/>
      <c r="AT512" s="487"/>
      <c r="AU512" s="76"/>
      <c r="AV512" s="487"/>
      <c r="AW512" s="487"/>
      <c r="AX512" s="487"/>
      <c r="AY512" s="76"/>
      <c r="AZ512" s="487"/>
      <c r="BA512" s="76"/>
      <c r="BB512" s="76"/>
      <c r="BC512" s="487"/>
      <c r="BD512" s="76"/>
      <c r="BE512" s="76"/>
      <c r="BF512" s="80">
        <f t="shared" ref="BF512:BF567" si="109">SUMIF(AA512:BE512,"YES",$AA$2:$BE$2)</f>
        <v>0</v>
      </c>
      <c r="BG512" s="76"/>
      <c r="BH512" s="487" t="str">
        <f t="shared" ref="BH512:BW527" si="110">IF(AA512="yes",(AA$2*$BG512),"")</f>
        <v/>
      </c>
      <c r="BI512" s="487" t="str">
        <f t="shared" si="110"/>
        <v/>
      </c>
      <c r="BJ512" s="487" t="str">
        <f t="shared" si="110"/>
        <v/>
      </c>
      <c r="BK512" s="487" t="str">
        <f t="shared" si="110"/>
        <v/>
      </c>
      <c r="BL512" s="487" t="str">
        <f t="shared" si="110"/>
        <v/>
      </c>
      <c r="BM512" s="487" t="str">
        <f t="shared" si="110"/>
        <v/>
      </c>
      <c r="BN512" s="487" t="str">
        <f t="shared" si="110"/>
        <v/>
      </c>
      <c r="BO512" s="487" t="str">
        <f t="shared" si="110"/>
        <v/>
      </c>
      <c r="BP512" s="487" t="str">
        <f t="shared" si="110"/>
        <v/>
      </c>
      <c r="BQ512" s="487" t="str">
        <f t="shared" si="110"/>
        <v/>
      </c>
      <c r="BR512" s="487" t="str">
        <f t="shared" si="110"/>
        <v/>
      </c>
      <c r="BS512" s="487" t="str">
        <f t="shared" si="110"/>
        <v/>
      </c>
      <c r="BT512" s="487" t="str">
        <f t="shared" si="110"/>
        <v/>
      </c>
      <c r="BU512" s="487" t="str">
        <f t="shared" si="110"/>
        <v/>
      </c>
      <c r="BV512" s="487" t="str">
        <f t="shared" si="110"/>
        <v/>
      </c>
      <c r="BW512" s="487" t="str">
        <f t="shared" si="110"/>
        <v/>
      </c>
      <c r="BX512" s="487" t="str">
        <f t="shared" ref="BX512:CL528" si="111">IF(AQ512="yes",(AQ$2*$BG512),"")</f>
        <v/>
      </c>
      <c r="BY512" s="487" t="str">
        <f t="shared" si="111"/>
        <v/>
      </c>
      <c r="BZ512" s="487" t="str">
        <f t="shared" si="111"/>
        <v/>
      </c>
      <c r="CA512" s="487" t="str">
        <f t="shared" si="111"/>
        <v/>
      </c>
      <c r="CB512" s="487" t="str">
        <f t="shared" si="111"/>
        <v/>
      </c>
      <c r="CC512" s="487" t="str">
        <f t="shared" si="111"/>
        <v/>
      </c>
      <c r="CD512" s="487" t="str">
        <f t="shared" si="111"/>
        <v/>
      </c>
      <c r="CE512" s="487" t="str">
        <f t="shared" si="111"/>
        <v/>
      </c>
      <c r="CF512" s="487" t="str">
        <f t="shared" si="111"/>
        <v/>
      </c>
      <c r="CG512" s="487" t="str">
        <f t="shared" si="111"/>
        <v/>
      </c>
      <c r="CH512" s="487" t="str">
        <f t="shared" si="111"/>
        <v/>
      </c>
      <c r="CI512" s="487" t="str">
        <f t="shared" si="111"/>
        <v/>
      </c>
      <c r="CJ512" s="487" t="str">
        <f t="shared" si="111"/>
        <v/>
      </c>
      <c r="CK512" s="487" t="str">
        <f t="shared" si="111"/>
        <v/>
      </c>
      <c r="CL512" s="487" t="str">
        <f t="shared" si="111"/>
        <v/>
      </c>
      <c r="CM512" s="487"/>
      <c r="CN512" s="487"/>
      <c r="CO512" s="487"/>
      <c r="CP512" s="487"/>
      <c r="CQ512" s="487"/>
      <c r="CR512" s="487"/>
      <c r="CS512" s="487"/>
      <c r="CT512" s="487"/>
      <c r="CU512" s="487"/>
      <c r="CV512" s="487"/>
      <c r="CW512" s="487"/>
      <c r="CX512" s="487"/>
      <c r="CY512" s="487"/>
      <c r="CZ512" s="487"/>
      <c r="DA512" s="487"/>
      <c r="DB512" s="487"/>
      <c r="DC512" s="487"/>
      <c r="DD512" s="487"/>
      <c r="DE512" s="487"/>
      <c r="DF512" s="487"/>
      <c r="DG512" s="487"/>
      <c r="DH512" s="487"/>
      <c r="DI512" s="486"/>
      <c r="DJ512" s="486"/>
      <c r="DK512" s="486"/>
    </row>
    <row r="513" spans="1:115" ht="56.1" hidden="1" customHeight="1" x14ac:dyDescent="0.2">
      <c r="A513" s="499" t="s">
        <v>2494</v>
      </c>
      <c r="B513" s="483" t="s">
        <v>2495</v>
      </c>
      <c r="C513" s="481">
        <v>841</v>
      </c>
      <c r="D513" s="481"/>
      <c r="E513" s="481" t="s">
        <v>2481</v>
      </c>
      <c r="F513" s="482" t="s">
        <v>53</v>
      </c>
      <c r="G513" s="482" t="s">
        <v>655</v>
      </c>
      <c r="H513" s="501" t="s">
        <v>932</v>
      </c>
      <c r="I513" s="501" t="s">
        <v>1184</v>
      </c>
      <c r="J513" s="506" t="s">
        <v>1185</v>
      </c>
      <c r="K513" s="506"/>
      <c r="L513" s="77" t="s">
        <v>58</v>
      </c>
      <c r="M513" s="501" t="s">
        <v>833</v>
      </c>
      <c r="N513" s="501"/>
      <c r="O513" s="501" t="s">
        <v>81</v>
      </c>
      <c r="P513" s="77" t="s">
        <v>77</v>
      </c>
      <c r="Q513" s="77"/>
      <c r="R513" s="501" t="s">
        <v>834</v>
      </c>
      <c r="S513" s="76" t="s">
        <v>63</v>
      </c>
      <c r="T513" s="76" t="s">
        <v>63</v>
      </c>
      <c r="U513" s="508">
        <v>203360.35004999998</v>
      </c>
      <c r="V513" s="508"/>
      <c r="W513" s="494" t="s">
        <v>659</v>
      </c>
      <c r="X513" s="494"/>
      <c r="Y513" s="503">
        <f t="shared" si="108"/>
        <v>203360.35004999998</v>
      </c>
      <c r="Z513" s="76" t="s">
        <v>65</v>
      </c>
      <c r="AA513" s="487"/>
      <c r="AB513" s="486"/>
      <c r="AC513" s="486"/>
      <c r="AD513" s="486"/>
      <c r="AE513" s="486"/>
      <c r="AF513" s="486"/>
      <c r="AG513" s="486"/>
      <c r="AH513" s="486"/>
      <c r="AI513" s="486"/>
      <c r="AJ513" s="486"/>
      <c r="AK513" s="486"/>
      <c r="AL513" s="486"/>
      <c r="AM513" s="486"/>
      <c r="AN513" s="487"/>
      <c r="AO513" s="486"/>
      <c r="AP513" s="486"/>
      <c r="AQ513" s="486"/>
      <c r="AR513" s="486"/>
      <c r="AS513" s="486"/>
      <c r="AT513" s="486"/>
      <c r="AU513" s="486"/>
      <c r="AV513" s="486"/>
      <c r="AW513" s="486"/>
      <c r="AX513" s="486"/>
      <c r="AY513" s="486"/>
      <c r="AZ513" s="486"/>
      <c r="BA513" s="486"/>
      <c r="BB513" s="486"/>
      <c r="BC513" s="486"/>
      <c r="BD513" s="486"/>
      <c r="BE513" s="486"/>
      <c r="BF513" s="80">
        <f t="shared" si="109"/>
        <v>0</v>
      </c>
      <c r="BG513" s="76"/>
      <c r="BH513" s="487" t="str">
        <f t="shared" si="110"/>
        <v/>
      </c>
      <c r="BI513" s="487" t="str">
        <f t="shared" si="110"/>
        <v/>
      </c>
      <c r="BJ513" s="487" t="str">
        <f t="shared" si="110"/>
        <v/>
      </c>
      <c r="BK513" s="487" t="str">
        <f t="shared" si="110"/>
        <v/>
      </c>
      <c r="BL513" s="487" t="str">
        <f t="shared" si="110"/>
        <v/>
      </c>
      <c r="BM513" s="487" t="str">
        <f t="shared" si="110"/>
        <v/>
      </c>
      <c r="BN513" s="487" t="str">
        <f t="shared" si="110"/>
        <v/>
      </c>
      <c r="BO513" s="487" t="str">
        <f t="shared" si="110"/>
        <v/>
      </c>
      <c r="BP513" s="487" t="str">
        <f t="shared" si="110"/>
        <v/>
      </c>
      <c r="BQ513" s="487" t="str">
        <f t="shared" si="110"/>
        <v/>
      </c>
      <c r="BR513" s="487" t="str">
        <f t="shared" si="110"/>
        <v/>
      </c>
      <c r="BS513" s="487" t="str">
        <f t="shared" si="110"/>
        <v/>
      </c>
      <c r="BT513" s="487" t="str">
        <f t="shared" si="110"/>
        <v/>
      </c>
      <c r="BU513" s="487" t="str">
        <f t="shared" si="110"/>
        <v/>
      </c>
      <c r="BV513" s="487" t="str">
        <f t="shared" si="110"/>
        <v/>
      </c>
      <c r="BW513" s="487" t="str">
        <f t="shared" si="110"/>
        <v/>
      </c>
      <c r="BX513" s="487" t="str">
        <f t="shared" si="111"/>
        <v/>
      </c>
      <c r="BY513" s="487" t="str">
        <f t="shared" si="111"/>
        <v/>
      </c>
      <c r="BZ513" s="487" t="str">
        <f t="shared" si="111"/>
        <v/>
      </c>
      <c r="CA513" s="487" t="str">
        <f t="shared" si="111"/>
        <v/>
      </c>
      <c r="CB513" s="487" t="str">
        <f t="shared" si="111"/>
        <v/>
      </c>
      <c r="CC513" s="487" t="str">
        <f t="shared" si="111"/>
        <v/>
      </c>
      <c r="CD513" s="487" t="str">
        <f t="shared" si="111"/>
        <v/>
      </c>
      <c r="CE513" s="487" t="str">
        <f t="shared" si="111"/>
        <v/>
      </c>
      <c r="CF513" s="487" t="str">
        <f t="shared" si="111"/>
        <v/>
      </c>
      <c r="CG513" s="487" t="str">
        <f t="shared" si="111"/>
        <v/>
      </c>
      <c r="CH513" s="487" t="str">
        <f t="shared" si="111"/>
        <v/>
      </c>
      <c r="CI513" s="487" t="str">
        <f t="shared" si="111"/>
        <v/>
      </c>
      <c r="CJ513" s="487" t="str">
        <f t="shared" si="111"/>
        <v/>
      </c>
      <c r="CK513" s="487" t="str">
        <f t="shared" si="111"/>
        <v/>
      </c>
      <c r="CL513" s="487" t="str">
        <f t="shared" si="111"/>
        <v/>
      </c>
      <c r="CM513" s="487"/>
      <c r="CN513" s="487"/>
      <c r="CO513" s="487"/>
      <c r="CP513" s="487"/>
      <c r="CQ513" s="487"/>
      <c r="CR513" s="487"/>
      <c r="CS513" s="487"/>
      <c r="CT513" s="487"/>
      <c r="CU513" s="487"/>
      <c r="CV513" s="487"/>
      <c r="CW513" s="487"/>
      <c r="CX513" s="487"/>
      <c r="CY513" s="487"/>
      <c r="CZ513" s="487"/>
      <c r="DA513" s="487"/>
      <c r="DB513" s="487"/>
      <c r="DC513" s="487"/>
      <c r="DD513" s="487"/>
      <c r="DE513" s="487"/>
      <c r="DF513" s="487"/>
      <c r="DG513" s="487"/>
      <c r="DH513" s="487"/>
      <c r="DI513" s="486"/>
      <c r="DJ513" s="486"/>
      <c r="DK513" s="486"/>
    </row>
    <row r="514" spans="1:115" ht="56.1" hidden="1" customHeight="1" x14ac:dyDescent="0.2">
      <c r="A514" s="499" t="s">
        <v>2494</v>
      </c>
      <c r="B514" s="483" t="s">
        <v>2495</v>
      </c>
      <c r="C514" s="481">
        <v>842</v>
      </c>
      <c r="D514" s="481"/>
      <c r="E514" s="481" t="s">
        <v>2481</v>
      </c>
      <c r="F514" s="482" t="s">
        <v>53</v>
      </c>
      <c r="G514" s="482" t="s">
        <v>655</v>
      </c>
      <c r="H514" s="501" t="s">
        <v>932</v>
      </c>
      <c r="I514" s="501" t="s">
        <v>1186</v>
      </c>
      <c r="J514" s="506" t="s">
        <v>1187</v>
      </c>
      <c r="K514" s="506"/>
      <c r="L514" s="77" t="s">
        <v>58</v>
      </c>
      <c r="M514" s="501" t="s">
        <v>833</v>
      </c>
      <c r="N514" s="501"/>
      <c r="O514" s="501" t="s">
        <v>81</v>
      </c>
      <c r="P514" s="77" t="s">
        <v>77</v>
      </c>
      <c r="Q514" s="77"/>
      <c r="R514" s="501" t="s">
        <v>834</v>
      </c>
      <c r="S514" s="76" t="s">
        <v>63</v>
      </c>
      <c r="T514" s="76" t="s">
        <v>63</v>
      </c>
      <c r="U514" s="508">
        <v>188708.84175000002</v>
      </c>
      <c r="V514" s="508"/>
      <c r="W514" s="494" t="s">
        <v>659</v>
      </c>
      <c r="X514" s="494"/>
      <c r="Y514" s="503">
        <f t="shared" si="108"/>
        <v>188708.84175000002</v>
      </c>
      <c r="Z514" s="76" t="s">
        <v>65</v>
      </c>
      <c r="AA514" s="487"/>
      <c r="AB514" s="486"/>
      <c r="AC514" s="486"/>
      <c r="AD514" s="486"/>
      <c r="AE514" s="486"/>
      <c r="AF514" s="486"/>
      <c r="AG514" s="486"/>
      <c r="AH514" s="486"/>
      <c r="AI514" s="486"/>
      <c r="AJ514" s="486"/>
      <c r="AK514" s="486"/>
      <c r="AL514" s="486"/>
      <c r="AM514" s="486"/>
      <c r="AN514" s="487"/>
      <c r="AO514" s="486"/>
      <c r="AP514" s="486"/>
      <c r="AQ514" s="486"/>
      <c r="AR514" s="486"/>
      <c r="AS514" s="486"/>
      <c r="AT514" s="486"/>
      <c r="AU514" s="486"/>
      <c r="AV514" s="486"/>
      <c r="AW514" s="486"/>
      <c r="AX514" s="486"/>
      <c r="AY514" s="486"/>
      <c r="AZ514" s="486"/>
      <c r="BA514" s="486"/>
      <c r="BB514" s="486"/>
      <c r="BC514" s="486"/>
      <c r="BD514" s="486"/>
      <c r="BE514" s="486"/>
      <c r="BF514" s="80">
        <f t="shared" si="109"/>
        <v>0</v>
      </c>
      <c r="BG514" s="76"/>
      <c r="BH514" s="487" t="str">
        <f t="shared" si="110"/>
        <v/>
      </c>
      <c r="BI514" s="487" t="str">
        <f t="shared" si="110"/>
        <v/>
      </c>
      <c r="BJ514" s="487" t="str">
        <f t="shared" si="110"/>
        <v/>
      </c>
      <c r="BK514" s="487" t="str">
        <f t="shared" si="110"/>
        <v/>
      </c>
      <c r="BL514" s="487" t="str">
        <f t="shared" si="110"/>
        <v/>
      </c>
      <c r="BM514" s="487" t="str">
        <f t="shared" si="110"/>
        <v/>
      </c>
      <c r="BN514" s="487" t="str">
        <f t="shared" si="110"/>
        <v/>
      </c>
      <c r="BO514" s="487" t="str">
        <f t="shared" si="110"/>
        <v/>
      </c>
      <c r="BP514" s="487" t="str">
        <f t="shared" si="110"/>
        <v/>
      </c>
      <c r="BQ514" s="487" t="str">
        <f t="shared" si="110"/>
        <v/>
      </c>
      <c r="BR514" s="487" t="str">
        <f t="shared" si="110"/>
        <v/>
      </c>
      <c r="BS514" s="487" t="str">
        <f t="shared" si="110"/>
        <v/>
      </c>
      <c r="BT514" s="487" t="str">
        <f t="shared" si="110"/>
        <v/>
      </c>
      <c r="BU514" s="487" t="str">
        <f t="shared" si="110"/>
        <v/>
      </c>
      <c r="BV514" s="487" t="str">
        <f t="shared" si="110"/>
        <v/>
      </c>
      <c r="BW514" s="487" t="str">
        <f t="shared" si="110"/>
        <v/>
      </c>
      <c r="BX514" s="487" t="str">
        <f t="shared" si="111"/>
        <v/>
      </c>
      <c r="BY514" s="487" t="str">
        <f t="shared" si="111"/>
        <v/>
      </c>
      <c r="BZ514" s="487" t="str">
        <f t="shared" si="111"/>
        <v/>
      </c>
      <c r="CA514" s="487" t="str">
        <f t="shared" si="111"/>
        <v/>
      </c>
      <c r="CB514" s="487" t="str">
        <f t="shared" si="111"/>
        <v/>
      </c>
      <c r="CC514" s="487" t="str">
        <f t="shared" si="111"/>
        <v/>
      </c>
      <c r="CD514" s="487" t="str">
        <f t="shared" si="111"/>
        <v/>
      </c>
      <c r="CE514" s="487" t="str">
        <f t="shared" si="111"/>
        <v/>
      </c>
      <c r="CF514" s="487" t="str">
        <f t="shared" si="111"/>
        <v/>
      </c>
      <c r="CG514" s="487" t="str">
        <f t="shared" si="111"/>
        <v/>
      </c>
      <c r="CH514" s="487" t="str">
        <f t="shared" si="111"/>
        <v/>
      </c>
      <c r="CI514" s="487" t="str">
        <f t="shared" si="111"/>
        <v/>
      </c>
      <c r="CJ514" s="487" t="str">
        <f t="shared" si="111"/>
        <v/>
      </c>
      <c r="CK514" s="487" t="str">
        <f t="shared" si="111"/>
        <v/>
      </c>
      <c r="CL514" s="487" t="str">
        <f t="shared" si="111"/>
        <v/>
      </c>
      <c r="CM514" s="487"/>
      <c r="CN514" s="487"/>
      <c r="CO514" s="487"/>
      <c r="CP514" s="487"/>
      <c r="CQ514" s="487"/>
      <c r="CR514" s="487"/>
      <c r="CS514" s="487"/>
      <c r="CT514" s="487"/>
      <c r="CU514" s="487"/>
      <c r="CV514" s="487"/>
      <c r="CW514" s="487"/>
      <c r="CX514" s="487"/>
      <c r="CY514" s="487"/>
      <c r="CZ514" s="487"/>
      <c r="DA514" s="487"/>
      <c r="DB514" s="487"/>
      <c r="DC514" s="487"/>
      <c r="DD514" s="487"/>
      <c r="DE514" s="487"/>
      <c r="DF514" s="487"/>
      <c r="DG514" s="487"/>
      <c r="DH514" s="487"/>
      <c r="DI514" s="486"/>
      <c r="DJ514" s="486"/>
      <c r="DK514" s="486"/>
    </row>
    <row r="515" spans="1:115" ht="56.1" hidden="1" customHeight="1" x14ac:dyDescent="0.2">
      <c r="A515" s="499" t="s">
        <v>2494</v>
      </c>
      <c r="B515" s="483" t="s">
        <v>2495</v>
      </c>
      <c r="C515" s="481">
        <v>843</v>
      </c>
      <c r="D515" s="481"/>
      <c r="E515" s="481" t="s">
        <v>2481</v>
      </c>
      <c r="F515" s="482" t="s">
        <v>53</v>
      </c>
      <c r="G515" s="482" t="s">
        <v>655</v>
      </c>
      <c r="H515" s="501" t="s">
        <v>932</v>
      </c>
      <c r="I515" s="501" t="s">
        <v>1188</v>
      </c>
      <c r="J515" s="506" t="s">
        <v>1189</v>
      </c>
      <c r="K515" s="506"/>
      <c r="L515" s="77" t="s">
        <v>58</v>
      </c>
      <c r="M515" s="501" t="s">
        <v>833</v>
      </c>
      <c r="N515" s="501"/>
      <c r="O515" s="501" t="s">
        <v>81</v>
      </c>
      <c r="P515" s="77" t="s">
        <v>77</v>
      </c>
      <c r="Q515" s="77"/>
      <c r="R515" s="501" t="s">
        <v>834</v>
      </c>
      <c r="S515" s="76" t="s">
        <v>63</v>
      </c>
      <c r="T515" s="76" t="s">
        <v>63</v>
      </c>
      <c r="U515" s="508">
        <v>1554.0525</v>
      </c>
      <c r="V515" s="508"/>
      <c r="W515" s="494" t="s">
        <v>659</v>
      </c>
      <c r="X515" s="494"/>
      <c r="Y515" s="503">
        <f t="shared" si="108"/>
        <v>1554.0525</v>
      </c>
      <c r="Z515" s="76" t="s">
        <v>65</v>
      </c>
      <c r="AA515" s="486"/>
      <c r="AB515" s="487"/>
      <c r="AC515" s="486"/>
      <c r="AD515" s="486"/>
      <c r="AE515" s="486"/>
      <c r="AF515" s="486"/>
      <c r="AG515" s="486"/>
      <c r="AH515" s="486"/>
      <c r="AI515" s="486"/>
      <c r="AJ515" s="486"/>
      <c r="AK515" s="486"/>
      <c r="AL515" s="486"/>
      <c r="AM515" s="486"/>
      <c r="AN515" s="486"/>
      <c r="AO515" s="486"/>
      <c r="AP515" s="486"/>
      <c r="AQ515" s="486"/>
      <c r="AR515" s="486"/>
      <c r="AS515" s="486"/>
      <c r="AT515" s="486"/>
      <c r="AU515" s="486"/>
      <c r="AV515" s="486"/>
      <c r="AW515" s="486"/>
      <c r="AX515" s="486"/>
      <c r="AY515" s="486"/>
      <c r="AZ515" s="486"/>
      <c r="BA515" s="486"/>
      <c r="BB515" s="486"/>
      <c r="BC515" s="486"/>
      <c r="BD515" s="486"/>
      <c r="BE515" s="486"/>
      <c r="BF515" s="80">
        <f t="shared" si="109"/>
        <v>0</v>
      </c>
      <c r="BG515" s="76"/>
      <c r="BH515" s="487" t="str">
        <f t="shared" si="110"/>
        <v/>
      </c>
      <c r="BI515" s="487" t="str">
        <f t="shared" si="110"/>
        <v/>
      </c>
      <c r="BJ515" s="487" t="str">
        <f t="shared" si="110"/>
        <v/>
      </c>
      <c r="BK515" s="487" t="str">
        <f t="shared" si="110"/>
        <v/>
      </c>
      <c r="BL515" s="487" t="str">
        <f t="shared" si="110"/>
        <v/>
      </c>
      <c r="BM515" s="487" t="str">
        <f t="shared" si="110"/>
        <v/>
      </c>
      <c r="BN515" s="487" t="str">
        <f t="shared" si="110"/>
        <v/>
      </c>
      <c r="BO515" s="487" t="str">
        <f t="shared" si="110"/>
        <v/>
      </c>
      <c r="BP515" s="487" t="str">
        <f t="shared" si="110"/>
        <v/>
      </c>
      <c r="BQ515" s="487" t="str">
        <f t="shared" si="110"/>
        <v/>
      </c>
      <c r="BR515" s="487" t="str">
        <f t="shared" si="110"/>
        <v/>
      </c>
      <c r="BS515" s="487" t="str">
        <f t="shared" si="110"/>
        <v/>
      </c>
      <c r="BT515" s="487" t="str">
        <f t="shared" si="110"/>
        <v/>
      </c>
      <c r="BU515" s="487" t="str">
        <f t="shared" si="110"/>
        <v/>
      </c>
      <c r="BV515" s="487" t="str">
        <f t="shared" si="110"/>
        <v/>
      </c>
      <c r="BW515" s="487" t="str">
        <f t="shared" si="110"/>
        <v/>
      </c>
      <c r="BX515" s="487" t="str">
        <f t="shared" si="111"/>
        <v/>
      </c>
      <c r="BY515" s="487" t="str">
        <f t="shared" si="111"/>
        <v/>
      </c>
      <c r="BZ515" s="487" t="str">
        <f t="shared" si="111"/>
        <v/>
      </c>
      <c r="CA515" s="487" t="str">
        <f t="shared" si="111"/>
        <v/>
      </c>
      <c r="CB515" s="487" t="str">
        <f t="shared" si="111"/>
        <v/>
      </c>
      <c r="CC515" s="487" t="str">
        <f t="shared" si="111"/>
        <v/>
      </c>
      <c r="CD515" s="487" t="str">
        <f t="shared" si="111"/>
        <v/>
      </c>
      <c r="CE515" s="487" t="str">
        <f t="shared" si="111"/>
        <v/>
      </c>
      <c r="CF515" s="487" t="str">
        <f t="shared" si="111"/>
        <v/>
      </c>
      <c r="CG515" s="487" t="str">
        <f t="shared" si="111"/>
        <v/>
      </c>
      <c r="CH515" s="487" t="str">
        <f t="shared" si="111"/>
        <v/>
      </c>
      <c r="CI515" s="487" t="str">
        <f t="shared" si="111"/>
        <v/>
      </c>
      <c r="CJ515" s="487" t="str">
        <f t="shared" si="111"/>
        <v/>
      </c>
      <c r="CK515" s="487" t="str">
        <f t="shared" si="111"/>
        <v/>
      </c>
      <c r="CL515" s="487" t="str">
        <f t="shared" si="111"/>
        <v/>
      </c>
      <c r="CM515" s="487"/>
      <c r="CN515" s="487"/>
      <c r="CO515" s="487"/>
      <c r="CP515" s="487"/>
      <c r="CQ515" s="487"/>
      <c r="CR515" s="487"/>
      <c r="CS515" s="487"/>
      <c r="CT515" s="487"/>
      <c r="CU515" s="487"/>
      <c r="CV515" s="487"/>
      <c r="CW515" s="487"/>
      <c r="CX515" s="487"/>
      <c r="CY515" s="487"/>
      <c r="CZ515" s="487"/>
      <c r="DA515" s="487"/>
      <c r="DB515" s="487"/>
      <c r="DC515" s="487"/>
      <c r="DD515" s="487"/>
      <c r="DE515" s="487"/>
      <c r="DF515" s="487"/>
      <c r="DG515" s="487"/>
      <c r="DH515" s="487"/>
      <c r="DI515" s="486"/>
      <c r="DJ515" s="486"/>
      <c r="DK515" s="486"/>
    </row>
    <row r="516" spans="1:115" ht="56.1" hidden="1" customHeight="1" x14ac:dyDescent="0.2">
      <c r="A516" s="499" t="s">
        <v>2494</v>
      </c>
      <c r="B516" s="483" t="s">
        <v>2495</v>
      </c>
      <c r="C516" s="481">
        <v>844</v>
      </c>
      <c r="D516" s="481"/>
      <c r="E516" s="481" t="s">
        <v>2481</v>
      </c>
      <c r="F516" s="482" t="s">
        <v>53</v>
      </c>
      <c r="G516" s="482" t="s">
        <v>655</v>
      </c>
      <c r="H516" s="501" t="s">
        <v>932</v>
      </c>
      <c r="I516" s="501" t="s">
        <v>1190</v>
      </c>
      <c r="J516" s="506" t="s">
        <v>1191</v>
      </c>
      <c r="K516" s="506"/>
      <c r="L516" s="77" t="s">
        <v>58</v>
      </c>
      <c r="M516" s="501" t="s">
        <v>833</v>
      </c>
      <c r="N516" s="501"/>
      <c r="O516" s="501" t="s">
        <v>81</v>
      </c>
      <c r="P516" s="77" t="s">
        <v>77</v>
      </c>
      <c r="Q516" s="77"/>
      <c r="R516" s="501" t="s">
        <v>834</v>
      </c>
      <c r="S516" s="76" t="s">
        <v>63</v>
      </c>
      <c r="T516" s="76" t="s">
        <v>63</v>
      </c>
      <c r="U516" s="508">
        <v>130293.73499999999</v>
      </c>
      <c r="V516" s="508"/>
      <c r="W516" s="494" t="s">
        <v>659</v>
      </c>
      <c r="X516" s="494"/>
      <c r="Y516" s="503">
        <f t="shared" si="108"/>
        <v>130293.73499999999</v>
      </c>
      <c r="Z516" s="76" t="s">
        <v>65</v>
      </c>
      <c r="AA516" s="487"/>
      <c r="AB516" s="487"/>
      <c r="AC516" s="487"/>
      <c r="AD516" s="487"/>
      <c r="AE516" s="487"/>
      <c r="AF516" s="487"/>
      <c r="AG516" s="487"/>
      <c r="AH516" s="487"/>
      <c r="AI516" s="487"/>
      <c r="AJ516" s="487"/>
      <c r="AK516" s="487"/>
      <c r="AL516" s="487"/>
      <c r="AM516" s="487"/>
      <c r="AN516" s="487"/>
      <c r="AO516" s="487"/>
      <c r="AP516" s="487"/>
      <c r="AQ516" s="76"/>
      <c r="AR516" s="487"/>
      <c r="AS516" s="487"/>
      <c r="AT516" s="487"/>
      <c r="AU516" s="76"/>
      <c r="AV516" s="487"/>
      <c r="AW516" s="487"/>
      <c r="AX516" s="487"/>
      <c r="AY516" s="76"/>
      <c r="AZ516" s="487"/>
      <c r="BA516" s="76"/>
      <c r="BB516" s="76"/>
      <c r="BC516" s="487"/>
      <c r="BD516" s="76"/>
      <c r="BE516" s="76"/>
      <c r="BF516" s="80">
        <f t="shared" si="109"/>
        <v>0</v>
      </c>
      <c r="BG516" s="76"/>
      <c r="BH516" s="487" t="str">
        <f t="shared" si="110"/>
        <v/>
      </c>
      <c r="BI516" s="487" t="str">
        <f t="shared" si="110"/>
        <v/>
      </c>
      <c r="BJ516" s="487" t="str">
        <f t="shared" si="110"/>
        <v/>
      </c>
      <c r="BK516" s="487" t="str">
        <f t="shared" si="110"/>
        <v/>
      </c>
      <c r="BL516" s="487" t="str">
        <f t="shared" si="110"/>
        <v/>
      </c>
      <c r="BM516" s="487" t="str">
        <f t="shared" si="110"/>
        <v/>
      </c>
      <c r="BN516" s="487" t="str">
        <f t="shared" si="110"/>
        <v/>
      </c>
      <c r="BO516" s="487" t="str">
        <f t="shared" si="110"/>
        <v/>
      </c>
      <c r="BP516" s="487" t="str">
        <f t="shared" si="110"/>
        <v/>
      </c>
      <c r="BQ516" s="487" t="str">
        <f t="shared" si="110"/>
        <v/>
      </c>
      <c r="BR516" s="487" t="str">
        <f t="shared" si="110"/>
        <v/>
      </c>
      <c r="BS516" s="487" t="str">
        <f t="shared" si="110"/>
        <v/>
      </c>
      <c r="BT516" s="487" t="str">
        <f t="shared" si="110"/>
        <v/>
      </c>
      <c r="BU516" s="487" t="str">
        <f t="shared" si="110"/>
        <v/>
      </c>
      <c r="BV516" s="487" t="str">
        <f t="shared" si="110"/>
        <v/>
      </c>
      <c r="BW516" s="487" t="str">
        <f t="shared" si="110"/>
        <v/>
      </c>
      <c r="BX516" s="487" t="str">
        <f t="shared" si="111"/>
        <v/>
      </c>
      <c r="BY516" s="487" t="str">
        <f t="shared" si="111"/>
        <v/>
      </c>
      <c r="BZ516" s="487" t="str">
        <f t="shared" si="111"/>
        <v/>
      </c>
      <c r="CA516" s="487" t="str">
        <f t="shared" si="111"/>
        <v/>
      </c>
      <c r="CB516" s="487" t="str">
        <f t="shared" si="111"/>
        <v/>
      </c>
      <c r="CC516" s="487" t="str">
        <f t="shared" si="111"/>
        <v/>
      </c>
      <c r="CD516" s="487" t="str">
        <f t="shared" si="111"/>
        <v/>
      </c>
      <c r="CE516" s="487" t="str">
        <f t="shared" si="111"/>
        <v/>
      </c>
      <c r="CF516" s="487" t="str">
        <f t="shared" si="111"/>
        <v/>
      </c>
      <c r="CG516" s="487" t="str">
        <f t="shared" si="111"/>
        <v/>
      </c>
      <c r="CH516" s="487" t="str">
        <f t="shared" si="111"/>
        <v/>
      </c>
      <c r="CI516" s="487" t="str">
        <f t="shared" si="111"/>
        <v/>
      </c>
      <c r="CJ516" s="487" t="str">
        <f t="shared" si="111"/>
        <v/>
      </c>
      <c r="CK516" s="487" t="str">
        <f t="shared" si="111"/>
        <v/>
      </c>
      <c r="CL516" s="487" t="str">
        <f t="shared" si="111"/>
        <v/>
      </c>
      <c r="CM516" s="487"/>
      <c r="CN516" s="487"/>
      <c r="CO516" s="487"/>
      <c r="CP516" s="487"/>
      <c r="CQ516" s="487"/>
      <c r="CR516" s="487"/>
      <c r="CS516" s="487"/>
      <c r="CT516" s="487"/>
      <c r="CU516" s="487"/>
      <c r="CV516" s="487"/>
      <c r="CW516" s="487"/>
      <c r="CX516" s="487"/>
      <c r="CY516" s="487"/>
      <c r="CZ516" s="487"/>
      <c r="DA516" s="487"/>
      <c r="DB516" s="487"/>
      <c r="DC516" s="487"/>
      <c r="DD516" s="487"/>
      <c r="DE516" s="487"/>
      <c r="DF516" s="487"/>
      <c r="DG516" s="487"/>
      <c r="DH516" s="487"/>
      <c r="DI516" s="486"/>
      <c r="DJ516" s="486"/>
      <c r="DK516" s="486"/>
    </row>
    <row r="517" spans="1:115" ht="199.5" hidden="1" x14ac:dyDescent="0.2">
      <c r="A517" s="510"/>
      <c r="B517" s="510"/>
      <c r="C517" s="366">
        <v>845</v>
      </c>
      <c r="D517" s="481"/>
      <c r="E517" s="481" t="s">
        <v>2481</v>
      </c>
      <c r="F517" s="482" t="s">
        <v>53</v>
      </c>
      <c r="G517" s="367" t="s">
        <v>655</v>
      </c>
      <c r="H517" s="300" t="s">
        <v>932</v>
      </c>
      <c r="I517" s="300" t="s">
        <v>1192</v>
      </c>
      <c r="J517" s="531" t="s">
        <v>1193</v>
      </c>
      <c r="K517" s="506"/>
      <c r="L517" s="77" t="s">
        <v>58</v>
      </c>
      <c r="M517" s="300" t="s">
        <v>1194</v>
      </c>
      <c r="N517" s="501"/>
      <c r="O517" s="501" t="s">
        <v>81</v>
      </c>
      <c r="P517" s="77" t="s">
        <v>77</v>
      </c>
      <c r="Q517" s="77"/>
      <c r="R517" s="500" t="s">
        <v>722</v>
      </c>
      <c r="S517" s="76" t="s">
        <v>63</v>
      </c>
      <c r="T517" s="76" t="s">
        <v>63</v>
      </c>
      <c r="U517" s="508">
        <v>890493.87212499988</v>
      </c>
      <c r="V517" s="508"/>
      <c r="W517" s="510" t="s">
        <v>839</v>
      </c>
      <c r="X517" s="510"/>
      <c r="Y517" s="503">
        <f t="shared" si="108"/>
        <v>890493.87212499988</v>
      </c>
      <c r="Z517" s="76" t="s">
        <v>65</v>
      </c>
      <c r="AA517" s="487"/>
      <c r="AB517" s="487"/>
      <c r="AC517" s="487"/>
      <c r="AD517" s="487"/>
      <c r="AE517" s="487"/>
      <c r="AF517" s="487"/>
      <c r="AG517" s="487"/>
      <c r="AH517" s="487"/>
      <c r="AI517" s="487"/>
      <c r="AJ517" s="487"/>
      <c r="AK517" s="487"/>
      <c r="AL517" s="487"/>
      <c r="AM517" s="487"/>
      <c r="AN517" s="487"/>
      <c r="AO517" s="487"/>
      <c r="AP517" s="487"/>
      <c r="AQ517" s="76"/>
      <c r="AR517" s="487"/>
      <c r="AS517" s="487"/>
      <c r="AT517" s="487"/>
      <c r="AU517" s="76"/>
      <c r="AV517" s="487"/>
      <c r="AW517" s="487"/>
      <c r="AX517" s="487"/>
      <c r="AY517" s="76"/>
      <c r="AZ517" s="487"/>
      <c r="BA517" s="76"/>
      <c r="BB517" s="76"/>
      <c r="BC517" s="487"/>
      <c r="BD517" s="76"/>
      <c r="BE517" s="76"/>
      <c r="BF517" s="80">
        <f t="shared" si="109"/>
        <v>0</v>
      </c>
      <c r="BG517" s="76"/>
      <c r="BH517" s="487" t="str">
        <f t="shared" si="110"/>
        <v/>
      </c>
      <c r="BI517" s="487" t="str">
        <f t="shared" si="110"/>
        <v/>
      </c>
      <c r="BJ517" s="487" t="str">
        <f t="shared" si="110"/>
        <v/>
      </c>
      <c r="BK517" s="487" t="str">
        <f t="shared" si="110"/>
        <v/>
      </c>
      <c r="BL517" s="487" t="str">
        <f t="shared" si="110"/>
        <v/>
      </c>
      <c r="BM517" s="487" t="str">
        <f t="shared" si="110"/>
        <v/>
      </c>
      <c r="BN517" s="487" t="str">
        <f t="shared" si="110"/>
        <v/>
      </c>
      <c r="BO517" s="487" t="str">
        <f t="shared" si="110"/>
        <v/>
      </c>
      <c r="BP517" s="487" t="str">
        <f t="shared" si="110"/>
        <v/>
      </c>
      <c r="BQ517" s="487" t="str">
        <f t="shared" si="110"/>
        <v/>
      </c>
      <c r="BR517" s="487" t="str">
        <f t="shared" si="110"/>
        <v/>
      </c>
      <c r="BS517" s="487" t="str">
        <f t="shared" si="110"/>
        <v/>
      </c>
      <c r="BT517" s="487" t="str">
        <f t="shared" si="110"/>
        <v/>
      </c>
      <c r="BU517" s="487" t="str">
        <f t="shared" si="110"/>
        <v/>
      </c>
      <c r="BV517" s="487" t="str">
        <f t="shared" si="110"/>
        <v/>
      </c>
      <c r="BW517" s="487" t="str">
        <f t="shared" si="110"/>
        <v/>
      </c>
      <c r="BX517" s="487" t="str">
        <f t="shared" si="111"/>
        <v/>
      </c>
      <c r="BY517" s="487" t="str">
        <f t="shared" si="111"/>
        <v/>
      </c>
      <c r="BZ517" s="487" t="str">
        <f t="shared" si="111"/>
        <v/>
      </c>
      <c r="CA517" s="487" t="str">
        <f t="shared" si="111"/>
        <v/>
      </c>
      <c r="CB517" s="487" t="str">
        <f t="shared" si="111"/>
        <v/>
      </c>
      <c r="CC517" s="487" t="str">
        <f t="shared" si="111"/>
        <v/>
      </c>
      <c r="CD517" s="487" t="str">
        <f t="shared" si="111"/>
        <v/>
      </c>
      <c r="CE517" s="487" t="str">
        <f t="shared" si="111"/>
        <v/>
      </c>
      <c r="CF517" s="487" t="str">
        <f t="shared" si="111"/>
        <v/>
      </c>
      <c r="CG517" s="487" t="str">
        <f t="shared" si="111"/>
        <v/>
      </c>
      <c r="CH517" s="487" t="str">
        <f t="shared" si="111"/>
        <v/>
      </c>
      <c r="CI517" s="487" t="str">
        <f t="shared" si="111"/>
        <v/>
      </c>
      <c r="CJ517" s="487" t="str">
        <f t="shared" si="111"/>
        <v/>
      </c>
      <c r="CK517" s="487" t="str">
        <f t="shared" si="111"/>
        <v/>
      </c>
      <c r="CL517" s="487" t="str">
        <f t="shared" si="111"/>
        <v/>
      </c>
      <c r="CM517" s="487"/>
      <c r="CN517" s="487"/>
      <c r="CO517" s="487"/>
      <c r="CP517" s="487"/>
      <c r="CQ517" s="487"/>
      <c r="CR517" s="487"/>
      <c r="CS517" s="487"/>
      <c r="CT517" s="487"/>
      <c r="CU517" s="487"/>
      <c r="CV517" s="487"/>
      <c r="CW517" s="487"/>
      <c r="CX517" s="487"/>
      <c r="CY517" s="487"/>
      <c r="CZ517" s="487"/>
      <c r="DA517" s="487"/>
      <c r="DB517" s="487"/>
      <c r="DC517" s="487"/>
      <c r="DD517" s="487"/>
      <c r="DE517" s="487"/>
      <c r="DF517" s="487"/>
      <c r="DG517" s="487"/>
      <c r="DH517" s="487"/>
      <c r="DI517" s="486"/>
      <c r="DJ517" s="486"/>
      <c r="DK517" s="486"/>
    </row>
    <row r="518" spans="1:115" ht="56.1" hidden="1" customHeight="1" x14ac:dyDescent="0.2">
      <c r="A518" s="510"/>
      <c r="B518" s="510"/>
      <c r="C518" s="366">
        <v>846</v>
      </c>
      <c r="D518" s="481"/>
      <c r="E518" s="481" t="s">
        <v>2481</v>
      </c>
      <c r="F518" s="482" t="s">
        <v>53</v>
      </c>
      <c r="G518" s="367" t="s">
        <v>655</v>
      </c>
      <c r="H518" s="300" t="s">
        <v>932</v>
      </c>
      <c r="I518" s="300" t="s">
        <v>1195</v>
      </c>
      <c r="J518" s="531" t="s">
        <v>1196</v>
      </c>
      <c r="K518" s="506"/>
      <c r="L518" s="77" t="s">
        <v>58</v>
      </c>
      <c r="M518" s="300" t="s">
        <v>1194</v>
      </c>
      <c r="N518" s="501"/>
      <c r="O518" s="501" t="s">
        <v>81</v>
      </c>
      <c r="P518" s="77" t="s">
        <v>77</v>
      </c>
      <c r="Q518" s="77"/>
      <c r="R518" s="500" t="s">
        <v>722</v>
      </c>
      <c r="S518" s="76" t="s">
        <v>63</v>
      </c>
      <c r="T518" s="76" t="s">
        <v>63</v>
      </c>
      <c r="U518" s="508">
        <v>12333.75</v>
      </c>
      <c r="V518" s="508"/>
      <c r="W518" s="510" t="s">
        <v>839</v>
      </c>
      <c r="X518" s="510"/>
      <c r="Y518" s="503">
        <f t="shared" si="108"/>
        <v>12333.75</v>
      </c>
      <c r="Z518" s="76" t="s">
        <v>65</v>
      </c>
      <c r="AA518" s="487"/>
      <c r="AB518" s="487"/>
      <c r="AC518" s="487"/>
      <c r="AD518" s="487"/>
      <c r="AE518" s="487"/>
      <c r="AF518" s="487"/>
      <c r="AG518" s="487"/>
      <c r="AH518" s="487"/>
      <c r="AI518" s="487"/>
      <c r="AJ518" s="487"/>
      <c r="AK518" s="487"/>
      <c r="AL518" s="487"/>
      <c r="AM518" s="487"/>
      <c r="AN518" s="487"/>
      <c r="AO518" s="487"/>
      <c r="AP518" s="487"/>
      <c r="AQ518" s="76"/>
      <c r="AR518" s="487"/>
      <c r="AS518" s="487"/>
      <c r="AT518" s="487"/>
      <c r="AU518" s="76"/>
      <c r="AV518" s="487"/>
      <c r="AW518" s="487"/>
      <c r="AX518" s="487"/>
      <c r="AY518" s="76"/>
      <c r="AZ518" s="487"/>
      <c r="BA518" s="76"/>
      <c r="BB518" s="76"/>
      <c r="BC518" s="487"/>
      <c r="BD518" s="76"/>
      <c r="BE518" s="76"/>
      <c r="BF518" s="80">
        <f t="shared" si="109"/>
        <v>0</v>
      </c>
      <c r="BG518" s="76"/>
      <c r="BH518" s="487" t="str">
        <f t="shared" si="110"/>
        <v/>
      </c>
      <c r="BI518" s="487" t="str">
        <f t="shared" si="110"/>
        <v/>
      </c>
      <c r="BJ518" s="487" t="str">
        <f t="shared" si="110"/>
        <v/>
      </c>
      <c r="BK518" s="487" t="str">
        <f t="shared" si="110"/>
        <v/>
      </c>
      <c r="BL518" s="487" t="str">
        <f t="shared" si="110"/>
        <v/>
      </c>
      <c r="BM518" s="487" t="str">
        <f t="shared" si="110"/>
        <v/>
      </c>
      <c r="BN518" s="487" t="str">
        <f t="shared" si="110"/>
        <v/>
      </c>
      <c r="BO518" s="487" t="str">
        <f t="shared" si="110"/>
        <v/>
      </c>
      <c r="BP518" s="487" t="str">
        <f t="shared" si="110"/>
        <v/>
      </c>
      <c r="BQ518" s="487" t="str">
        <f t="shared" si="110"/>
        <v/>
      </c>
      <c r="BR518" s="487" t="str">
        <f t="shared" si="110"/>
        <v/>
      </c>
      <c r="BS518" s="487" t="str">
        <f t="shared" si="110"/>
        <v/>
      </c>
      <c r="BT518" s="487" t="str">
        <f t="shared" si="110"/>
        <v/>
      </c>
      <c r="BU518" s="487" t="str">
        <f t="shared" si="110"/>
        <v/>
      </c>
      <c r="BV518" s="487" t="str">
        <f t="shared" si="110"/>
        <v/>
      </c>
      <c r="BW518" s="487" t="str">
        <f t="shared" si="110"/>
        <v/>
      </c>
      <c r="BX518" s="487" t="str">
        <f t="shared" si="111"/>
        <v/>
      </c>
      <c r="BY518" s="487" t="str">
        <f t="shared" si="111"/>
        <v/>
      </c>
      <c r="BZ518" s="487" t="str">
        <f t="shared" si="111"/>
        <v/>
      </c>
      <c r="CA518" s="487" t="str">
        <f t="shared" si="111"/>
        <v/>
      </c>
      <c r="CB518" s="487" t="str">
        <f t="shared" si="111"/>
        <v/>
      </c>
      <c r="CC518" s="487" t="str">
        <f t="shared" si="111"/>
        <v/>
      </c>
      <c r="CD518" s="487" t="str">
        <f t="shared" si="111"/>
        <v/>
      </c>
      <c r="CE518" s="487" t="str">
        <f t="shared" si="111"/>
        <v/>
      </c>
      <c r="CF518" s="487" t="str">
        <f t="shared" si="111"/>
        <v/>
      </c>
      <c r="CG518" s="487" t="str">
        <f t="shared" si="111"/>
        <v/>
      </c>
      <c r="CH518" s="487" t="str">
        <f t="shared" si="111"/>
        <v/>
      </c>
      <c r="CI518" s="487" t="str">
        <f t="shared" si="111"/>
        <v/>
      </c>
      <c r="CJ518" s="487" t="str">
        <f t="shared" si="111"/>
        <v/>
      </c>
      <c r="CK518" s="487" t="str">
        <f t="shared" si="111"/>
        <v/>
      </c>
      <c r="CL518" s="487" t="str">
        <f t="shared" si="111"/>
        <v/>
      </c>
      <c r="CM518" s="487"/>
      <c r="CN518" s="487"/>
      <c r="CO518" s="487"/>
      <c r="CP518" s="487"/>
      <c r="CQ518" s="487"/>
      <c r="CR518" s="487"/>
      <c r="CS518" s="487"/>
      <c r="CT518" s="487"/>
      <c r="CU518" s="487"/>
      <c r="CV518" s="487"/>
      <c r="CW518" s="487"/>
      <c r="CX518" s="487"/>
      <c r="CY518" s="487"/>
      <c r="CZ518" s="487"/>
      <c r="DA518" s="487"/>
      <c r="DB518" s="487"/>
      <c r="DC518" s="487"/>
      <c r="DD518" s="487"/>
      <c r="DE518" s="487"/>
      <c r="DF518" s="487"/>
      <c r="DG518" s="487"/>
      <c r="DH518" s="487"/>
      <c r="DI518" s="486"/>
      <c r="DJ518" s="486"/>
      <c r="DK518" s="486"/>
    </row>
    <row r="519" spans="1:115" ht="56.1" hidden="1" customHeight="1" x14ac:dyDescent="0.2">
      <c r="A519" s="510"/>
      <c r="B519" s="510"/>
      <c r="C519" s="366">
        <v>847</v>
      </c>
      <c r="D519" s="481"/>
      <c r="E519" s="481" t="s">
        <v>2481</v>
      </c>
      <c r="F519" s="482" t="s">
        <v>53</v>
      </c>
      <c r="G519" s="367" t="s">
        <v>655</v>
      </c>
      <c r="H519" s="300" t="s">
        <v>932</v>
      </c>
      <c r="I519" s="300" t="s">
        <v>1197</v>
      </c>
      <c r="J519" s="531" t="s">
        <v>1198</v>
      </c>
      <c r="K519" s="506"/>
      <c r="L519" s="77" t="s">
        <v>58</v>
      </c>
      <c r="M519" s="300" t="s">
        <v>1194</v>
      </c>
      <c r="N519" s="501"/>
      <c r="O519" s="501" t="s">
        <v>81</v>
      </c>
      <c r="P519" s="77" t="s">
        <v>77</v>
      </c>
      <c r="Q519" s="77"/>
      <c r="R519" s="500" t="s">
        <v>722</v>
      </c>
      <c r="S519" s="76" t="s">
        <v>63</v>
      </c>
      <c r="T519" s="76" t="s">
        <v>63</v>
      </c>
      <c r="U519" s="508">
        <v>518.01749999999993</v>
      </c>
      <c r="V519" s="508"/>
      <c r="W519" s="510" t="s">
        <v>839</v>
      </c>
      <c r="X519" s="510"/>
      <c r="Y519" s="503">
        <f t="shared" si="108"/>
        <v>518.01749999999993</v>
      </c>
      <c r="Z519" s="76" t="s">
        <v>65</v>
      </c>
      <c r="AA519" s="487"/>
      <c r="AB519" s="487"/>
      <c r="AC519" s="487"/>
      <c r="AD519" s="487"/>
      <c r="AE519" s="487"/>
      <c r="AF519" s="487"/>
      <c r="AG519" s="487"/>
      <c r="AH519" s="487"/>
      <c r="AI519" s="487"/>
      <c r="AJ519" s="487"/>
      <c r="AK519" s="487"/>
      <c r="AL519" s="487"/>
      <c r="AM519" s="487"/>
      <c r="AN519" s="487"/>
      <c r="AO519" s="487"/>
      <c r="AP519" s="487"/>
      <c r="AQ519" s="76"/>
      <c r="AR519" s="487"/>
      <c r="AS519" s="487"/>
      <c r="AT519" s="487"/>
      <c r="AU519" s="76"/>
      <c r="AV519" s="487"/>
      <c r="AW519" s="487"/>
      <c r="AX519" s="487"/>
      <c r="AY519" s="76"/>
      <c r="AZ519" s="487"/>
      <c r="BA519" s="76"/>
      <c r="BB519" s="76"/>
      <c r="BC519" s="487"/>
      <c r="BD519" s="76"/>
      <c r="BE519" s="76"/>
      <c r="BF519" s="80">
        <f t="shared" si="109"/>
        <v>0</v>
      </c>
      <c r="BG519" s="76"/>
      <c r="BH519" s="487" t="str">
        <f t="shared" si="110"/>
        <v/>
      </c>
      <c r="BI519" s="487" t="str">
        <f t="shared" si="110"/>
        <v/>
      </c>
      <c r="BJ519" s="487" t="str">
        <f t="shared" si="110"/>
        <v/>
      </c>
      <c r="BK519" s="487" t="str">
        <f t="shared" si="110"/>
        <v/>
      </c>
      <c r="BL519" s="487" t="str">
        <f t="shared" si="110"/>
        <v/>
      </c>
      <c r="BM519" s="487" t="str">
        <f t="shared" si="110"/>
        <v/>
      </c>
      <c r="BN519" s="487" t="str">
        <f t="shared" si="110"/>
        <v/>
      </c>
      <c r="BO519" s="487" t="str">
        <f t="shared" si="110"/>
        <v/>
      </c>
      <c r="BP519" s="487" t="str">
        <f t="shared" si="110"/>
        <v/>
      </c>
      <c r="BQ519" s="487" t="str">
        <f t="shared" si="110"/>
        <v/>
      </c>
      <c r="BR519" s="487" t="str">
        <f t="shared" si="110"/>
        <v/>
      </c>
      <c r="BS519" s="487" t="str">
        <f t="shared" si="110"/>
        <v/>
      </c>
      <c r="BT519" s="487" t="str">
        <f t="shared" si="110"/>
        <v/>
      </c>
      <c r="BU519" s="487" t="str">
        <f t="shared" si="110"/>
        <v/>
      </c>
      <c r="BV519" s="487" t="str">
        <f t="shared" si="110"/>
        <v/>
      </c>
      <c r="BW519" s="487" t="str">
        <f t="shared" si="110"/>
        <v/>
      </c>
      <c r="BX519" s="487" t="str">
        <f t="shared" si="111"/>
        <v/>
      </c>
      <c r="BY519" s="487" t="str">
        <f t="shared" si="111"/>
        <v/>
      </c>
      <c r="BZ519" s="487" t="str">
        <f t="shared" si="111"/>
        <v/>
      </c>
      <c r="CA519" s="487" t="str">
        <f t="shared" si="111"/>
        <v/>
      </c>
      <c r="CB519" s="487" t="str">
        <f t="shared" si="111"/>
        <v/>
      </c>
      <c r="CC519" s="487" t="str">
        <f t="shared" si="111"/>
        <v/>
      </c>
      <c r="CD519" s="487" t="str">
        <f t="shared" si="111"/>
        <v/>
      </c>
      <c r="CE519" s="487" t="str">
        <f t="shared" si="111"/>
        <v/>
      </c>
      <c r="CF519" s="487" t="str">
        <f t="shared" si="111"/>
        <v/>
      </c>
      <c r="CG519" s="487" t="str">
        <f t="shared" si="111"/>
        <v/>
      </c>
      <c r="CH519" s="487" t="str">
        <f t="shared" si="111"/>
        <v/>
      </c>
      <c r="CI519" s="487" t="str">
        <f t="shared" si="111"/>
        <v/>
      </c>
      <c r="CJ519" s="487" t="str">
        <f t="shared" si="111"/>
        <v/>
      </c>
      <c r="CK519" s="487" t="str">
        <f t="shared" si="111"/>
        <v/>
      </c>
      <c r="CL519" s="487" t="str">
        <f t="shared" si="111"/>
        <v/>
      </c>
      <c r="CM519" s="487"/>
      <c r="CN519" s="487"/>
      <c r="CO519" s="487"/>
      <c r="CP519" s="487"/>
      <c r="CQ519" s="487"/>
      <c r="CR519" s="487"/>
      <c r="CS519" s="487"/>
      <c r="CT519" s="487"/>
      <c r="CU519" s="487"/>
      <c r="CV519" s="487"/>
      <c r="CW519" s="487"/>
      <c r="CX519" s="487"/>
      <c r="CY519" s="487"/>
      <c r="CZ519" s="487"/>
      <c r="DA519" s="487"/>
      <c r="DB519" s="487"/>
      <c r="DC519" s="487"/>
      <c r="DD519" s="487"/>
      <c r="DE519" s="487"/>
      <c r="DF519" s="487"/>
      <c r="DG519" s="487"/>
      <c r="DH519" s="487"/>
      <c r="DI519" s="486"/>
      <c r="DJ519" s="486"/>
      <c r="DK519" s="486"/>
    </row>
    <row r="520" spans="1:115" ht="56.1" hidden="1" customHeight="1" x14ac:dyDescent="0.2">
      <c r="A520" s="510"/>
      <c r="B520" s="510"/>
      <c r="C520" s="366">
        <v>848</v>
      </c>
      <c r="D520" s="481"/>
      <c r="E520" s="481" t="s">
        <v>2481</v>
      </c>
      <c r="F520" s="482" t="s">
        <v>53</v>
      </c>
      <c r="G520" s="367" t="s">
        <v>655</v>
      </c>
      <c r="H520" s="300" t="s">
        <v>932</v>
      </c>
      <c r="I520" s="300" t="s">
        <v>1199</v>
      </c>
      <c r="J520" s="531" t="s">
        <v>1200</v>
      </c>
      <c r="K520" s="506"/>
      <c r="L520" s="77" t="s">
        <v>58</v>
      </c>
      <c r="M520" s="300" t="s">
        <v>1194</v>
      </c>
      <c r="N520" s="501"/>
      <c r="O520" s="501" t="s">
        <v>81</v>
      </c>
      <c r="P520" s="77" t="s">
        <v>77</v>
      </c>
      <c r="Q520" s="77"/>
      <c r="R520" s="500" t="s">
        <v>722</v>
      </c>
      <c r="S520" s="76" t="s">
        <v>63</v>
      </c>
      <c r="T520" s="76" t="s">
        <v>63</v>
      </c>
      <c r="U520" s="508">
        <v>1578.72</v>
      </c>
      <c r="V520" s="508"/>
      <c r="W520" s="510" t="s">
        <v>839</v>
      </c>
      <c r="X520" s="510"/>
      <c r="Y520" s="503">
        <f t="shared" si="108"/>
        <v>1578.72</v>
      </c>
      <c r="Z520" s="76" t="s">
        <v>65</v>
      </c>
      <c r="AA520" s="487"/>
      <c r="AB520" s="487"/>
      <c r="AC520" s="487"/>
      <c r="AD520" s="487"/>
      <c r="AE520" s="487"/>
      <c r="AF520" s="487"/>
      <c r="AG520" s="487"/>
      <c r="AH520" s="487"/>
      <c r="AI520" s="487"/>
      <c r="AJ520" s="487"/>
      <c r="AK520" s="487"/>
      <c r="AL520" s="487"/>
      <c r="AM520" s="487"/>
      <c r="AN520" s="487"/>
      <c r="AO520" s="487"/>
      <c r="AP520" s="487"/>
      <c r="AQ520" s="76"/>
      <c r="AR520" s="487"/>
      <c r="AS520" s="487"/>
      <c r="AT520" s="487"/>
      <c r="AU520" s="76"/>
      <c r="AV520" s="487"/>
      <c r="AW520" s="487"/>
      <c r="AX520" s="487"/>
      <c r="AY520" s="76"/>
      <c r="AZ520" s="487"/>
      <c r="BA520" s="76"/>
      <c r="BB520" s="76"/>
      <c r="BC520" s="487"/>
      <c r="BD520" s="76"/>
      <c r="BE520" s="76"/>
      <c r="BF520" s="80">
        <f t="shared" si="109"/>
        <v>0</v>
      </c>
      <c r="BG520" s="76"/>
      <c r="BH520" s="487" t="str">
        <f t="shared" si="110"/>
        <v/>
      </c>
      <c r="BI520" s="487" t="str">
        <f t="shared" si="110"/>
        <v/>
      </c>
      <c r="BJ520" s="487" t="str">
        <f t="shared" si="110"/>
        <v/>
      </c>
      <c r="BK520" s="487" t="str">
        <f t="shared" si="110"/>
        <v/>
      </c>
      <c r="BL520" s="487" t="str">
        <f t="shared" si="110"/>
        <v/>
      </c>
      <c r="BM520" s="487" t="str">
        <f t="shared" si="110"/>
        <v/>
      </c>
      <c r="BN520" s="487" t="str">
        <f t="shared" si="110"/>
        <v/>
      </c>
      <c r="BO520" s="487" t="str">
        <f t="shared" si="110"/>
        <v/>
      </c>
      <c r="BP520" s="487" t="str">
        <f t="shared" si="110"/>
        <v/>
      </c>
      <c r="BQ520" s="487" t="str">
        <f t="shared" si="110"/>
        <v/>
      </c>
      <c r="BR520" s="487" t="str">
        <f t="shared" si="110"/>
        <v/>
      </c>
      <c r="BS520" s="487" t="str">
        <f t="shared" si="110"/>
        <v/>
      </c>
      <c r="BT520" s="487" t="str">
        <f t="shared" si="110"/>
        <v/>
      </c>
      <c r="BU520" s="487" t="str">
        <f t="shared" si="110"/>
        <v/>
      </c>
      <c r="BV520" s="487" t="str">
        <f t="shared" si="110"/>
        <v/>
      </c>
      <c r="BW520" s="487" t="str">
        <f t="shared" si="110"/>
        <v/>
      </c>
      <c r="BX520" s="487" t="str">
        <f t="shared" si="111"/>
        <v/>
      </c>
      <c r="BY520" s="487" t="str">
        <f t="shared" si="111"/>
        <v/>
      </c>
      <c r="BZ520" s="487" t="str">
        <f t="shared" si="111"/>
        <v/>
      </c>
      <c r="CA520" s="487" t="str">
        <f t="shared" si="111"/>
        <v/>
      </c>
      <c r="CB520" s="487" t="str">
        <f t="shared" si="111"/>
        <v/>
      </c>
      <c r="CC520" s="487" t="str">
        <f t="shared" si="111"/>
        <v/>
      </c>
      <c r="CD520" s="487" t="str">
        <f t="shared" si="111"/>
        <v/>
      </c>
      <c r="CE520" s="487" t="str">
        <f t="shared" si="111"/>
        <v/>
      </c>
      <c r="CF520" s="487" t="str">
        <f t="shared" si="111"/>
        <v/>
      </c>
      <c r="CG520" s="487" t="str">
        <f t="shared" si="111"/>
        <v/>
      </c>
      <c r="CH520" s="487" t="str">
        <f t="shared" si="111"/>
        <v/>
      </c>
      <c r="CI520" s="487" t="str">
        <f t="shared" si="111"/>
        <v/>
      </c>
      <c r="CJ520" s="487" t="str">
        <f t="shared" si="111"/>
        <v/>
      </c>
      <c r="CK520" s="487" t="str">
        <f t="shared" si="111"/>
        <v/>
      </c>
      <c r="CL520" s="487" t="str">
        <f t="shared" si="111"/>
        <v/>
      </c>
      <c r="CM520" s="487"/>
      <c r="CN520" s="487"/>
      <c r="CO520" s="487"/>
      <c r="CP520" s="487"/>
      <c r="CQ520" s="487"/>
      <c r="CR520" s="487"/>
      <c r="CS520" s="487"/>
      <c r="CT520" s="487"/>
      <c r="CU520" s="487"/>
      <c r="CV520" s="487"/>
      <c r="CW520" s="487"/>
      <c r="CX520" s="487"/>
      <c r="CY520" s="487"/>
      <c r="CZ520" s="487"/>
      <c r="DA520" s="487"/>
      <c r="DB520" s="487"/>
      <c r="DC520" s="487"/>
      <c r="DD520" s="487"/>
      <c r="DE520" s="487"/>
      <c r="DF520" s="487"/>
      <c r="DG520" s="487"/>
      <c r="DH520" s="487"/>
      <c r="DI520" s="486"/>
      <c r="DJ520" s="486"/>
      <c r="DK520" s="486"/>
    </row>
    <row r="521" spans="1:115" ht="56.1" hidden="1" customHeight="1" x14ac:dyDescent="0.2">
      <c r="A521" s="510"/>
      <c r="B521" s="510"/>
      <c r="C521" s="366">
        <v>849</v>
      </c>
      <c r="D521" s="481"/>
      <c r="E521" s="481" t="s">
        <v>2481</v>
      </c>
      <c r="F521" s="482" t="s">
        <v>53</v>
      </c>
      <c r="G521" s="367" t="s">
        <v>655</v>
      </c>
      <c r="H521" s="300" t="s">
        <v>932</v>
      </c>
      <c r="I521" s="300" t="s">
        <v>1201</v>
      </c>
      <c r="J521" s="531" t="s">
        <v>1202</v>
      </c>
      <c r="K521" s="506"/>
      <c r="L521" s="77" t="s">
        <v>58</v>
      </c>
      <c r="M521" s="300" t="s">
        <v>1194</v>
      </c>
      <c r="N521" s="501"/>
      <c r="O521" s="501" t="s">
        <v>81</v>
      </c>
      <c r="P521" s="77" t="s">
        <v>77</v>
      </c>
      <c r="Q521" s="77"/>
      <c r="R521" s="500" t="s">
        <v>722</v>
      </c>
      <c r="S521" s="76" t="s">
        <v>63</v>
      </c>
      <c r="T521" s="76" t="s">
        <v>63</v>
      </c>
      <c r="U521" s="508">
        <v>4522.375</v>
      </c>
      <c r="V521" s="508"/>
      <c r="W521" s="510" t="s">
        <v>839</v>
      </c>
      <c r="X521" s="510"/>
      <c r="Y521" s="503">
        <f t="shared" si="108"/>
        <v>4522.375</v>
      </c>
      <c r="Z521" s="76" t="s">
        <v>65</v>
      </c>
      <c r="AA521" s="486"/>
      <c r="AB521" s="486"/>
      <c r="AC521" s="486"/>
      <c r="AD521" s="486"/>
      <c r="AE521" s="487"/>
      <c r="AF521" s="486"/>
      <c r="AG521" s="487"/>
      <c r="AH521" s="486"/>
      <c r="AI521" s="486"/>
      <c r="AJ521" s="486"/>
      <c r="AK521" s="486"/>
      <c r="AL521" s="486"/>
      <c r="AM521" s="486"/>
      <c r="AN521" s="486"/>
      <c r="AO521" s="486"/>
      <c r="AP521" s="486"/>
      <c r="AQ521" s="486"/>
      <c r="AR521" s="486"/>
      <c r="AS521" s="486"/>
      <c r="AT521" s="486"/>
      <c r="AU521" s="486"/>
      <c r="AV521" s="486"/>
      <c r="AW521" s="486"/>
      <c r="AX521" s="486"/>
      <c r="AY521" s="486"/>
      <c r="AZ521" s="486"/>
      <c r="BA521" s="486"/>
      <c r="BB521" s="486"/>
      <c r="BC521" s="486"/>
      <c r="BD521" s="486"/>
      <c r="BE521" s="486"/>
      <c r="BF521" s="80">
        <f t="shared" si="109"/>
        <v>0</v>
      </c>
      <c r="BG521" s="76"/>
      <c r="BH521" s="487" t="str">
        <f t="shared" si="110"/>
        <v/>
      </c>
      <c r="BI521" s="487" t="str">
        <f t="shared" si="110"/>
        <v/>
      </c>
      <c r="BJ521" s="487" t="str">
        <f t="shared" si="110"/>
        <v/>
      </c>
      <c r="BK521" s="487" t="str">
        <f t="shared" si="110"/>
        <v/>
      </c>
      <c r="BL521" s="487" t="str">
        <f t="shared" si="110"/>
        <v/>
      </c>
      <c r="BM521" s="487" t="str">
        <f t="shared" si="110"/>
        <v/>
      </c>
      <c r="BN521" s="487" t="str">
        <f t="shared" si="110"/>
        <v/>
      </c>
      <c r="BO521" s="487" t="str">
        <f t="shared" si="110"/>
        <v/>
      </c>
      <c r="BP521" s="487" t="str">
        <f t="shared" si="110"/>
        <v/>
      </c>
      <c r="BQ521" s="487" t="str">
        <f t="shared" si="110"/>
        <v/>
      </c>
      <c r="BR521" s="487" t="str">
        <f t="shared" si="110"/>
        <v/>
      </c>
      <c r="BS521" s="487" t="str">
        <f t="shared" si="110"/>
        <v/>
      </c>
      <c r="BT521" s="487" t="str">
        <f t="shared" si="110"/>
        <v/>
      </c>
      <c r="BU521" s="487" t="str">
        <f t="shared" si="110"/>
        <v/>
      </c>
      <c r="BV521" s="487" t="str">
        <f t="shared" si="110"/>
        <v/>
      </c>
      <c r="BW521" s="487" t="str">
        <f t="shared" si="110"/>
        <v/>
      </c>
      <c r="BX521" s="487" t="str">
        <f t="shared" si="111"/>
        <v/>
      </c>
      <c r="BY521" s="487" t="str">
        <f t="shared" si="111"/>
        <v/>
      </c>
      <c r="BZ521" s="487" t="str">
        <f t="shared" si="111"/>
        <v/>
      </c>
      <c r="CA521" s="487" t="str">
        <f t="shared" si="111"/>
        <v/>
      </c>
      <c r="CB521" s="487" t="str">
        <f t="shared" si="111"/>
        <v/>
      </c>
      <c r="CC521" s="487" t="str">
        <f t="shared" si="111"/>
        <v/>
      </c>
      <c r="CD521" s="487" t="str">
        <f t="shared" si="111"/>
        <v/>
      </c>
      <c r="CE521" s="487" t="str">
        <f t="shared" si="111"/>
        <v/>
      </c>
      <c r="CF521" s="487" t="str">
        <f t="shared" si="111"/>
        <v/>
      </c>
      <c r="CG521" s="487" t="str">
        <f t="shared" si="111"/>
        <v/>
      </c>
      <c r="CH521" s="487" t="str">
        <f t="shared" si="111"/>
        <v/>
      </c>
      <c r="CI521" s="487" t="str">
        <f t="shared" si="111"/>
        <v/>
      </c>
      <c r="CJ521" s="487" t="str">
        <f t="shared" si="111"/>
        <v/>
      </c>
      <c r="CK521" s="487" t="str">
        <f t="shared" si="111"/>
        <v/>
      </c>
      <c r="CL521" s="487" t="str">
        <f t="shared" si="111"/>
        <v/>
      </c>
      <c r="CM521" s="487"/>
      <c r="CN521" s="487"/>
      <c r="CO521" s="487"/>
      <c r="CP521" s="487"/>
      <c r="CQ521" s="487"/>
      <c r="CR521" s="487"/>
      <c r="CS521" s="487"/>
      <c r="CT521" s="487"/>
      <c r="CU521" s="487"/>
      <c r="CV521" s="487"/>
      <c r="CW521" s="487"/>
      <c r="CX521" s="487"/>
      <c r="CY521" s="487"/>
      <c r="CZ521" s="487"/>
      <c r="DA521" s="487"/>
      <c r="DB521" s="487"/>
      <c r="DC521" s="487"/>
      <c r="DD521" s="487"/>
      <c r="DE521" s="487"/>
      <c r="DF521" s="487"/>
      <c r="DG521" s="487"/>
      <c r="DH521" s="487"/>
      <c r="DI521" s="486"/>
      <c r="DJ521" s="486"/>
      <c r="DK521" s="486"/>
    </row>
    <row r="522" spans="1:115" ht="56.1" hidden="1" customHeight="1" x14ac:dyDescent="0.2">
      <c r="A522" s="499" t="s">
        <v>2494</v>
      </c>
      <c r="B522" s="483" t="s">
        <v>2495</v>
      </c>
      <c r="C522" s="481">
        <v>850</v>
      </c>
      <c r="D522" s="481"/>
      <c r="E522" s="481" t="s">
        <v>2481</v>
      </c>
      <c r="F522" s="482" t="s">
        <v>53</v>
      </c>
      <c r="G522" s="482" t="s">
        <v>655</v>
      </c>
      <c r="H522" s="501" t="s">
        <v>932</v>
      </c>
      <c r="I522" s="501" t="s">
        <v>1203</v>
      </c>
      <c r="J522" s="506" t="s">
        <v>1204</v>
      </c>
      <c r="K522" s="506"/>
      <c r="L522" s="77" t="s">
        <v>58</v>
      </c>
      <c r="M522" s="501" t="s">
        <v>833</v>
      </c>
      <c r="N522" s="501"/>
      <c r="O522" s="501" t="s">
        <v>81</v>
      </c>
      <c r="P522" s="77" t="s">
        <v>77</v>
      </c>
      <c r="Q522" s="77"/>
      <c r="R522" s="500" t="s">
        <v>722</v>
      </c>
      <c r="S522" s="76" t="s">
        <v>63</v>
      </c>
      <c r="T522" s="76" t="s">
        <v>63</v>
      </c>
      <c r="U522" s="508">
        <v>21480.014985000002</v>
      </c>
      <c r="V522" s="508"/>
      <c r="W522" s="494" t="s">
        <v>659</v>
      </c>
      <c r="X522" s="494"/>
      <c r="Y522" s="503">
        <f t="shared" si="108"/>
        <v>21480.014985000002</v>
      </c>
      <c r="Z522" s="76" t="s">
        <v>65</v>
      </c>
      <c r="AA522" s="486"/>
      <c r="AB522" s="486"/>
      <c r="AC522" s="486"/>
      <c r="AD522" s="486"/>
      <c r="AE522" s="487"/>
      <c r="AF522" s="486"/>
      <c r="AG522" s="487"/>
      <c r="AH522" s="486"/>
      <c r="AI522" s="486"/>
      <c r="AJ522" s="486"/>
      <c r="AK522" s="486"/>
      <c r="AL522" s="486"/>
      <c r="AM522" s="486"/>
      <c r="AN522" s="486"/>
      <c r="AO522" s="486"/>
      <c r="AP522" s="486"/>
      <c r="AQ522" s="486"/>
      <c r="AR522" s="486"/>
      <c r="AS522" s="486"/>
      <c r="AT522" s="486"/>
      <c r="AU522" s="486"/>
      <c r="AV522" s="486"/>
      <c r="AW522" s="486"/>
      <c r="AX522" s="486"/>
      <c r="AY522" s="486"/>
      <c r="AZ522" s="486"/>
      <c r="BA522" s="486"/>
      <c r="BB522" s="486"/>
      <c r="BC522" s="486"/>
      <c r="BD522" s="486"/>
      <c r="BE522" s="486"/>
      <c r="BF522" s="80">
        <f t="shared" si="109"/>
        <v>0</v>
      </c>
      <c r="BG522" s="76"/>
      <c r="BH522" s="487" t="str">
        <f t="shared" si="110"/>
        <v/>
      </c>
      <c r="BI522" s="487" t="str">
        <f t="shared" si="110"/>
        <v/>
      </c>
      <c r="BJ522" s="487" t="str">
        <f t="shared" si="110"/>
        <v/>
      </c>
      <c r="BK522" s="487" t="str">
        <f t="shared" si="110"/>
        <v/>
      </c>
      <c r="BL522" s="487" t="str">
        <f t="shared" si="110"/>
        <v/>
      </c>
      <c r="BM522" s="487" t="str">
        <f t="shared" si="110"/>
        <v/>
      </c>
      <c r="BN522" s="487" t="str">
        <f t="shared" si="110"/>
        <v/>
      </c>
      <c r="BO522" s="487" t="str">
        <f t="shared" si="110"/>
        <v/>
      </c>
      <c r="BP522" s="487" t="str">
        <f t="shared" si="110"/>
        <v/>
      </c>
      <c r="BQ522" s="487" t="str">
        <f t="shared" si="110"/>
        <v/>
      </c>
      <c r="BR522" s="487" t="str">
        <f t="shared" si="110"/>
        <v/>
      </c>
      <c r="BS522" s="487" t="str">
        <f t="shared" si="110"/>
        <v/>
      </c>
      <c r="BT522" s="487" t="str">
        <f t="shared" si="110"/>
        <v/>
      </c>
      <c r="BU522" s="487" t="str">
        <f t="shared" si="110"/>
        <v/>
      </c>
      <c r="BV522" s="487" t="str">
        <f t="shared" si="110"/>
        <v/>
      </c>
      <c r="BW522" s="487" t="str">
        <f t="shared" si="110"/>
        <v/>
      </c>
      <c r="BX522" s="487" t="str">
        <f t="shared" si="111"/>
        <v/>
      </c>
      <c r="BY522" s="487" t="str">
        <f t="shared" si="111"/>
        <v/>
      </c>
      <c r="BZ522" s="487" t="str">
        <f t="shared" si="111"/>
        <v/>
      </c>
      <c r="CA522" s="487" t="str">
        <f t="shared" si="111"/>
        <v/>
      </c>
      <c r="CB522" s="487" t="str">
        <f t="shared" si="111"/>
        <v/>
      </c>
      <c r="CC522" s="487" t="str">
        <f t="shared" si="111"/>
        <v/>
      </c>
      <c r="CD522" s="487" t="str">
        <f t="shared" si="111"/>
        <v/>
      </c>
      <c r="CE522" s="487" t="str">
        <f t="shared" si="111"/>
        <v/>
      </c>
      <c r="CF522" s="487" t="str">
        <f t="shared" si="111"/>
        <v/>
      </c>
      <c r="CG522" s="487" t="str">
        <f t="shared" si="111"/>
        <v/>
      </c>
      <c r="CH522" s="487" t="str">
        <f t="shared" si="111"/>
        <v/>
      </c>
      <c r="CI522" s="487" t="str">
        <f t="shared" si="111"/>
        <v/>
      </c>
      <c r="CJ522" s="487" t="str">
        <f t="shared" si="111"/>
        <v/>
      </c>
      <c r="CK522" s="487" t="str">
        <f t="shared" si="111"/>
        <v/>
      </c>
      <c r="CL522" s="487" t="str">
        <f t="shared" si="111"/>
        <v/>
      </c>
      <c r="CM522" s="487"/>
      <c r="CN522" s="487"/>
      <c r="CO522" s="487"/>
      <c r="CP522" s="487"/>
      <c r="CQ522" s="487"/>
      <c r="CR522" s="487"/>
      <c r="CS522" s="487"/>
      <c r="CT522" s="487"/>
      <c r="CU522" s="487"/>
      <c r="CV522" s="487"/>
      <c r="CW522" s="487"/>
      <c r="CX522" s="487"/>
      <c r="CY522" s="487"/>
      <c r="CZ522" s="487"/>
      <c r="DA522" s="487"/>
      <c r="DB522" s="487"/>
      <c r="DC522" s="487"/>
      <c r="DD522" s="487"/>
      <c r="DE522" s="487"/>
      <c r="DF522" s="487"/>
      <c r="DG522" s="487"/>
      <c r="DH522" s="487"/>
      <c r="DI522" s="486"/>
      <c r="DJ522" s="486"/>
      <c r="DK522" s="486"/>
    </row>
    <row r="523" spans="1:115" ht="56.1" hidden="1" customHeight="1" x14ac:dyDescent="0.2">
      <c r="A523" s="499" t="s">
        <v>2494</v>
      </c>
      <c r="B523" s="483" t="s">
        <v>2495</v>
      </c>
      <c r="C523" s="481">
        <v>851</v>
      </c>
      <c r="D523" s="481"/>
      <c r="E523" s="481" t="s">
        <v>2481</v>
      </c>
      <c r="F523" s="482" t="s">
        <v>53</v>
      </c>
      <c r="G523" s="482" t="s">
        <v>655</v>
      </c>
      <c r="H523" s="501" t="s">
        <v>932</v>
      </c>
      <c r="I523" s="501" t="s">
        <v>1205</v>
      </c>
      <c r="J523" s="506" t="s">
        <v>1206</v>
      </c>
      <c r="K523" s="506"/>
      <c r="L523" s="77" t="s">
        <v>58</v>
      </c>
      <c r="M523" s="501" t="s">
        <v>833</v>
      </c>
      <c r="N523" s="501"/>
      <c r="O523" s="501" t="s">
        <v>81</v>
      </c>
      <c r="P523" s="77" t="s">
        <v>77</v>
      </c>
      <c r="Q523" s="77"/>
      <c r="R523" s="500" t="s">
        <v>722</v>
      </c>
      <c r="S523" s="76" t="s">
        <v>63</v>
      </c>
      <c r="T523" s="76" t="s">
        <v>63</v>
      </c>
      <c r="U523" s="508">
        <v>292721</v>
      </c>
      <c r="V523" s="508"/>
      <c r="W523" s="494" t="s">
        <v>659</v>
      </c>
      <c r="X523" s="494"/>
      <c r="Y523" s="503">
        <f t="shared" si="108"/>
        <v>292721</v>
      </c>
      <c r="Z523" s="76" t="s">
        <v>65</v>
      </c>
      <c r="AA523" s="486"/>
      <c r="AB523" s="486"/>
      <c r="AC523" s="486"/>
      <c r="AD523" s="486"/>
      <c r="AE523" s="487"/>
      <c r="AF523" s="486"/>
      <c r="AG523" s="487"/>
      <c r="AH523" s="486"/>
      <c r="AI523" s="486"/>
      <c r="AJ523" s="486"/>
      <c r="AK523" s="486"/>
      <c r="AL523" s="486"/>
      <c r="AM523" s="486"/>
      <c r="AN523" s="486"/>
      <c r="AO523" s="486"/>
      <c r="AP523" s="486"/>
      <c r="AQ523" s="486"/>
      <c r="AR523" s="486"/>
      <c r="AS523" s="486"/>
      <c r="AT523" s="486"/>
      <c r="AU523" s="486"/>
      <c r="AV523" s="486"/>
      <c r="AW523" s="486"/>
      <c r="AX523" s="486"/>
      <c r="AY523" s="486"/>
      <c r="AZ523" s="486"/>
      <c r="BA523" s="486"/>
      <c r="BB523" s="486"/>
      <c r="BC523" s="486"/>
      <c r="BD523" s="486"/>
      <c r="BE523" s="486"/>
      <c r="BF523" s="80">
        <f t="shared" si="109"/>
        <v>0</v>
      </c>
      <c r="BG523" s="76"/>
      <c r="BH523" s="487" t="str">
        <f t="shared" si="110"/>
        <v/>
      </c>
      <c r="BI523" s="487" t="str">
        <f t="shared" si="110"/>
        <v/>
      </c>
      <c r="BJ523" s="487" t="str">
        <f t="shared" si="110"/>
        <v/>
      </c>
      <c r="BK523" s="487" t="str">
        <f t="shared" si="110"/>
        <v/>
      </c>
      <c r="BL523" s="487" t="str">
        <f t="shared" si="110"/>
        <v/>
      </c>
      <c r="BM523" s="487" t="str">
        <f t="shared" si="110"/>
        <v/>
      </c>
      <c r="BN523" s="487" t="str">
        <f t="shared" si="110"/>
        <v/>
      </c>
      <c r="BO523" s="487" t="str">
        <f t="shared" si="110"/>
        <v/>
      </c>
      <c r="BP523" s="487" t="str">
        <f t="shared" si="110"/>
        <v/>
      </c>
      <c r="BQ523" s="487" t="str">
        <f t="shared" si="110"/>
        <v/>
      </c>
      <c r="BR523" s="487" t="str">
        <f t="shared" si="110"/>
        <v/>
      </c>
      <c r="BS523" s="487" t="str">
        <f t="shared" si="110"/>
        <v/>
      </c>
      <c r="BT523" s="487" t="str">
        <f t="shared" si="110"/>
        <v/>
      </c>
      <c r="BU523" s="487" t="str">
        <f t="shared" si="110"/>
        <v/>
      </c>
      <c r="BV523" s="487" t="str">
        <f t="shared" si="110"/>
        <v/>
      </c>
      <c r="BW523" s="487" t="str">
        <f t="shared" si="110"/>
        <v/>
      </c>
      <c r="BX523" s="487" t="str">
        <f t="shared" si="111"/>
        <v/>
      </c>
      <c r="BY523" s="487" t="str">
        <f t="shared" si="111"/>
        <v/>
      </c>
      <c r="BZ523" s="487" t="str">
        <f t="shared" si="111"/>
        <v/>
      </c>
      <c r="CA523" s="487" t="str">
        <f t="shared" si="111"/>
        <v/>
      </c>
      <c r="CB523" s="487" t="str">
        <f t="shared" si="111"/>
        <v/>
      </c>
      <c r="CC523" s="487" t="str">
        <f t="shared" si="111"/>
        <v/>
      </c>
      <c r="CD523" s="487" t="str">
        <f t="shared" si="111"/>
        <v/>
      </c>
      <c r="CE523" s="487" t="str">
        <f t="shared" si="111"/>
        <v/>
      </c>
      <c r="CF523" s="487" t="str">
        <f t="shared" si="111"/>
        <v/>
      </c>
      <c r="CG523" s="487" t="str">
        <f t="shared" si="111"/>
        <v/>
      </c>
      <c r="CH523" s="487" t="str">
        <f t="shared" si="111"/>
        <v/>
      </c>
      <c r="CI523" s="487" t="str">
        <f t="shared" si="111"/>
        <v/>
      </c>
      <c r="CJ523" s="487" t="str">
        <f t="shared" si="111"/>
        <v/>
      </c>
      <c r="CK523" s="487" t="str">
        <f t="shared" si="111"/>
        <v/>
      </c>
      <c r="CL523" s="487" t="str">
        <f t="shared" si="111"/>
        <v/>
      </c>
      <c r="CM523" s="487"/>
      <c r="CN523" s="487"/>
      <c r="CO523" s="487"/>
      <c r="CP523" s="487"/>
      <c r="CQ523" s="487"/>
      <c r="CR523" s="487"/>
      <c r="CS523" s="487"/>
      <c r="CT523" s="487"/>
      <c r="CU523" s="487"/>
      <c r="CV523" s="487"/>
      <c r="CW523" s="487"/>
      <c r="CX523" s="487"/>
      <c r="CY523" s="487"/>
      <c r="CZ523" s="487"/>
      <c r="DA523" s="487"/>
      <c r="DB523" s="487"/>
      <c r="DC523" s="487"/>
      <c r="DD523" s="487"/>
      <c r="DE523" s="487"/>
      <c r="DF523" s="487"/>
      <c r="DG523" s="487"/>
      <c r="DH523" s="487"/>
      <c r="DI523" s="486"/>
      <c r="DJ523" s="486"/>
      <c r="DK523" s="486"/>
    </row>
    <row r="524" spans="1:115" ht="56.1" hidden="1" customHeight="1" x14ac:dyDescent="0.2">
      <c r="A524" s="499" t="s">
        <v>2494</v>
      </c>
      <c r="B524" s="483" t="s">
        <v>2495</v>
      </c>
      <c r="C524" s="481">
        <v>852</v>
      </c>
      <c r="D524" s="481"/>
      <c r="E524" s="481" t="s">
        <v>2481</v>
      </c>
      <c r="F524" s="482" t="s">
        <v>53</v>
      </c>
      <c r="G524" s="482" t="s">
        <v>655</v>
      </c>
      <c r="H524" s="501" t="s">
        <v>932</v>
      </c>
      <c r="I524" s="501" t="s">
        <v>1207</v>
      </c>
      <c r="J524" s="506" t="s">
        <v>1208</v>
      </c>
      <c r="K524" s="506"/>
      <c r="L524" s="77" t="s">
        <v>58</v>
      </c>
      <c r="M524" s="501" t="s">
        <v>833</v>
      </c>
      <c r="N524" s="501"/>
      <c r="O524" s="501" t="s">
        <v>81</v>
      </c>
      <c r="P524" s="77" t="s">
        <v>77</v>
      </c>
      <c r="Q524" s="77"/>
      <c r="R524" s="500" t="s">
        <v>722</v>
      </c>
      <c r="S524" s="76" t="s">
        <v>63</v>
      </c>
      <c r="T524" s="76" t="s">
        <v>63</v>
      </c>
      <c r="U524" s="508">
        <v>294400.16606000002</v>
      </c>
      <c r="V524" s="508"/>
      <c r="W524" s="494" t="s">
        <v>659</v>
      </c>
      <c r="X524" s="494"/>
      <c r="Y524" s="503">
        <f t="shared" si="108"/>
        <v>294400.16606000002</v>
      </c>
      <c r="Z524" s="76" t="s">
        <v>65</v>
      </c>
      <c r="AA524" s="486"/>
      <c r="AB524" s="486"/>
      <c r="AC524" s="486"/>
      <c r="AD524" s="486"/>
      <c r="AE524" s="487"/>
      <c r="AF524" s="486"/>
      <c r="AG524" s="487"/>
      <c r="AH524" s="486"/>
      <c r="AI524" s="486"/>
      <c r="AJ524" s="486"/>
      <c r="AK524" s="486"/>
      <c r="AL524" s="486"/>
      <c r="AM524" s="486"/>
      <c r="AN524" s="486"/>
      <c r="AO524" s="486"/>
      <c r="AP524" s="486"/>
      <c r="AQ524" s="486"/>
      <c r="AR524" s="486"/>
      <c r="AS524" s="486"/>
      <c r="AT524" s="486"/>
      <c r="AU524" s="486"/>
      <c r="AV524" s="486"/>
      <c r="AW524" s="486"/>
      <c r="AX524" s="486"/>
      <c r="AY524" s="486"/>
      <c r="AZ524" s="486"/>
      <c r="BA524" s="486"/>
      <c r="BB524" s="486"/>
      <c r="BC524" s="486"/>
      <c r="BD524" s="486"/>
      <c r="BE524" s="486"/>
      <c r="BF524" s="80">
        <f t="shared" si="109"/>
        <v>0</v>
      </c>
      <c r="BG524" s="76"/>
      <c r="BH524" s="487" t="str">
        <f t="shared" si="110"/>
        <v/>
      </c>
      <c r="BI524" s="487" t="str">
        <f t="shared" si="110"/>
        <v/>
      </c>
      <c r="BJ524" s="487" t="str">
        <f t="shared" si="110"/>
        <v/>
      </c>
      <c r="BK524" s="487" t="str">
        <f t="shared" si="110"/>
        <v/>
      </c>
      <c r="BL524" s="487" t="str">
        <f t="shared" si="110"/>
        <v/>
      </c>
      <c r="BM524" s="487" t="str">
        <f t="shared" si="110"/>
        <v/>
      </c>
      <c r="BN524" s="487" t="str">
        <f t="shared" si="110"/>
        <v/>
      </c>
      <c r="BO524" s="487" t="str">
        <f t="shared" si="110"/>
        <v/>
      </c>
      <c r="BP524" s="487" t="str">
        <f t="shared" si="110"/>
        <v/>
      </c>
      <c r="BQ524" s="487" t="str">
        <f t="shared" si="110"/>
        <v/>
      </c>
      <c r="BR524" s="487" t="str">
        <f t="shared" si="110"/>
        <v/>
      </c>
      <c r="BS524" s="487" t="str">
        <f t="shared" si="110"/>
        <v/>
      </c>
      <c r="BT524" s="487" t="str">
        <f t="shared" si="110"/>
        <v/>
      </c>
      <c r="BU524" s="487" t="str">
        <f t="shared" si="110"/>
        <v/>
      </c>
      <c r="BV524" s="487" t="str">
        <f t="shared" si="110"/>
        <v/>
      </c>
      <c r="BW524" s="487" t="str">
        <f t="shared" si="110"/>
        <v/>
      </c>
      <c r="BX524" s="487" t="str">
        <f t="shared" si="111"/>
        <v/>
      </c>
      <c r="BY524" s="487" t="str">
        <f t="shared" si="111"/>
        <v/>
      </c>
      <c r="BZ524" s="487" t="str">
        <f t="shared" si="111"/>
        <v/>
      </c>
      <c r="CA524" s="487" t="str">
        <f t="shared" si="111"/>
        <v/>
      </c>
      <c r="CB524" s="487" t="str">
        <f t="shared" si="111"/>
        <v/>
      </c>
      <c r="CC524" s="487" t="str">
        <f t="shared" si="111"/>
        <v/>
      </c>
      <c r="CD524" s="487" t="str">
        <f t="shared" si="111"/>
        <v/>
      </c>
      <c r="CE524" s="487" t="str">
        <f t="shared" si="111"/>
        <v/>
      </c>
      <c r="CF524" s="487" t="str">
        <f t="shared" si="111"/>
        <v/>
      </c>
      <c r="CG524" s="487" t="str">
        <f t="shared" si="111"/>
        <v/>
      </c>
      <c r="CH524" s="487" t="str">
        <f t="shared" si="111"/>
        <v/>
      </c>
      <c r="CI524" s="487" t="str">
        <f t="shared" si="111"/>
        <v/>
      </c>
      <c r="CJ524" s="487" t="str">
        <f t="shared" si="111"/>
        <v/>
      </c>
      <c r="CK524" s="487" t="str">
        <f t="shared" si="111"/>
        <v/>
      </c>
      <c r="CL524" s="487" t="str">
        <f t="shared" si="111"/>
        <v/>
      </c>
      <c r="CM524" s="487"/>
      <c r="CN524" s="487"/>
      <c r="CO524" s="487"/>
      <c r="CP524" s="487"/>
      <c r="CQ524" s="487"/>
      <c r="CR524" s="487"/>
      <c r="CS524" s="487"/>
      <c r="CT524" s="487"/>
      <c r="CU524" s="487"/>
      <c r="CV524" s="487"/>
      <c r="CW524" s="487"/>
      <c r="CX524" s="487"/>
      <c r="CY524" s="487"/>
      <c r="CZ524" s="487"/>
      <c r="DA524" s="487"/>
      <c r="DB524" s="487"/>
      <c r="DC524" s="487"/>
      <c r="DD524" s="487"/>
      <c r="DE524" s="487"/>
      <c r="DF524" s="487"/>
      <c r="DG524" s="487"/>
      <c r="DH524" s="487"/>
      <c r="DI524" s="486"/>
      <c r="DJ524" s="486"/>
      <c r="DK524" s="486"/>
    </row>
    <row r="525" spans="1:115" ht="56.1" hidden="1" customHeight="1" x14ac:dyDescent="0.2">
      <c r="A525" s="499" t="s">
        <v>2494</v>
      </c>
      <c r="B525" s="483" t="s">
        <v>2495</v>
      </c>
      <c r="C525" s="481">
        <v>853</v>
      </c>
      <c r="D525" s="481"/>
      <c r="E525" s="481" t="s">
        <v>2481</v>
      </c>
      <c r="F525" s="482" t="s">
        <v>53</v>
      </c>
      <c r="G525" s="482" t="s">
        <v>655</v>
      </c>
      <c r="H525" s="501" t="s">
        <v>932</v>
      </c>
      <c r="I525" s="501" t="s">
        <v>1209</v>
      </c>
      <c r="J525" s="506" t="s">
        <v>1210</v>
      </c>
      <c r="K525" s="506"/>
      <c r="L525" s="77" t="s">
        <v>58</v>
      </c>
      <c r="M525" s="501" t="s">
        <v>833</v>
      </c>
      <c r="N525" s="501"/>
      <c r="O525" s="501" t="s">
        <v>81</v>
      </c>
      <c r="P525" s="77" t="s">
        <v>77</v>
      </c>
      <c r="Q525" s="77"/>
      <c r="R525" s="500" t="s">
        <v>722</v>
      </c>
      <c r="S525" s="76" t="s">
        <v>63</v>
      </c>
      <c r="T525" s="76" t="s">
        <v>63</v>
      </c>
      <c r="U525" s="508">
        <v>77291.5</v>
      </c>
      <c r="V525" s="508"/>
      <c r="W525" s="494" t="s">
        <v>659</v>
      </c>
      <c r="X525" s="494"/>
      <c r="Y525" s="503">
        <f t="shared" si="108"/>
        <v>77291.5</v>
      </c>
      <c r="Z525" s="76" t="s">
        <v>65</v>
      </c>
      <c r="AA525" s="486"/>
      <c r="AB525" s="486"/>
      <c r="AC525" s="486"/>
      <c r="AD525" s="486"/>
      <c r="AE525" s="487"/>
      <c r="AF525" s="486"/>
      <c r="AG525" s="487"/>
      <c r="AH525" s="486"/>
      <c r="AI525" s="486"/>
      <c r="AJ525" s="486"/>
      <c r="AK525" s="486"/>
      <c r="AL525" s="486"/>
      <c r="AM525" s="486"/>
      <c r="AN525" s="486"/>
      <c r="AO525" s="486"/>
      <c r="AP525" s="486"/>
      <c r="AQ525" s="486"/>
      <c r="AR525" s="486"/>
      <c r="AS525" s="486"/>
      <c r="AT525" s="486"/>
      <c r="AU525" s="486"/>
      <c r="AV525" s="486"/>
      <c r="AW525" s="486"/>
      <c r="AX525" s="486"/>
      <c r="AY525" s="486"/>
      <c r="AZ525" s="486"/>
      <c r="BA525" s="486"/>
      <c r="BB525" s="486"/>
      <c r="BC525" s="486"/>
      <c r="BD525" s="486"/>
      <c r="BE525" s="486"/>
      <c r="BF525" s="80">
        <f t="shared" si="109"/>
        <v>0</v>
      </c>
      <c r="BG525" s="76"/>
      <c r="BH525" s="487" t="str">
        <f t="shared" si="110"/>
        <v/>
      </c>
      <c r="BI525" s="487" t="str">
        <f t="shared" si="110"/>
        <v/>
      </c>
      <c r="BJ525" s="487" t="str">
        <f t="shared" si="110"/>
        <v/>
      </c>
      <c r="BK525" s="487" t="str">
        <f t="shared" si="110"/>
        <v/>
      </c>
      <c r="BL525" s="487" t="str">
        <f t="shared" si="110"/>
        <v/>
      </c>
      <c r="BM525" s="487" t="str">
        <f t="shared" si="110"/>
        <v/>
      </c>
      <c r="BN525" s="487" t="str">
        <f t="shared" si="110"/>
        <v/>
      </c>
      <c r="BO525" s="487" t="str">
        <f t="shared" si="110"/>
        <v/>
      </c>
      <c r="BP525" s="487" t="str">
        <f t="shared" si="110"/>
        <v/>
      </c>
      <c r="BQ525" s="487" t="str">
        <f t="shared" si="110"/>
        <v/>
      </c>
      <c r="BR525" s="487" t="str">
        <f t="shared" si="110"/>
        <v/>
      </c>
      <c r="BS525" s="487" t="str">
        <f t="shared" si="110"/>
        <v/>
      </c>
      <c r="BT525" s="487" t="str">
        <f t="shared" si="110"/>
        <v/>
      </c>
      <c r="BU525" s="487" t="str">
        <f t="shared" si="110"/>
        <v/>
      </c>
      <c r="BV525" s="487" t="str">
        <f t="shared" si="110"/>
        <v/>
      </c>
      <c r="BW525" s="487" t="str">
        <f t="shared" si="110"/>
        <v/>
      </c>
      <c r="BX525" s="487" t="str">
        <f t="shared" si="111"/>
        <v/>
      </c>
      <c r="BY525" s="487" t="str">
        <f t="shared" si="111"/>
        <v/>
      </c>
      <c r="BZ525" s="487" t="str">
        <f t="shared" si="111"/>
        <v/>
      </c>
      <c r="CA525" s="487" t="str">
        <f t="shared" si="111"/>
        <v/>
      </c>
      <c r="CB525" s="487" t="str">
        <f t="shared" si="111"/>
        <v/>
      </c>
      <c r="CC525" s="487" t="str">
        <f t="shared" si="111"/>
        <v/>
      </c>
      <c r="CD525" s="487" t="str">
        <f t="shared" si="111"/>
        <v/>
      </c>
      <c r="CE525" s="487" t="str">
        <f t="shared" si="111"/>
        <v/>
      </c>
      <c r="CF525" s="487" t="str">
        <f t="shared" si="111"/>
        <v/>
      </c>
      <c r="CG525" s="487" t="str">
        <f t="shared" si="111"/>
        <v/>
      </c>
      <c r="CH525" s="487" t="str">
        <f t="shared" si="111"/>
        <v/>
      </c>
      <c r="CI525" s="487" t="str">
        <f t="shared" si="111"/>
        <v/>
      </c>
      <c r="CJ525" s="487" t="str">
        <f t="shared" si="111"/>
        <v/>
      </c>
      <c r="CK525" s="487" t="str">
        <f t="shared" si="111"/>
        <v/>
      </c>
      <c r="CL525" s="487" t="str">
        <f t="shared" si="111"/>
        <v/>
      </c>
      <c r="CM525" s="487"/>
      <c r="CN525" s="487"/>
      <c r="CO525" s="487"/>
      <c r="CP525" s="487"/>
      <c r="CQ525" s="487"/>
      <c r="CR525" s="487"/>
      <c r="CS525" s="487"/>
      <c r="CT525" s="487"/>
      <c r="CU525" s="487"/>
      <c r="CV525" s="487"/>
      <c r="CW525" s="487"/>
      <c r="CX525" s="487"/>
      <c r="CY525" s="487"/>
      <c r="CZ525" s="487"/>
      <c r="DA525" s="487"/>
      <c r="DB525" s="487"/>
      <c r="DC525" s="487"/>
      <c r="DD525" s="487"/>
      <c r="DE525" s="487"/>
      <c r="DF525" s="487"/>
      <c r="DG525" s="487"/>
      <c r="DH525" s="487"/>
      <c r="DI525" s="486"/>
      <c r="DJ525" s="486"/>
      <c r="DK525" s="486"/>
    </row>
    <row r="526" spans="1:115" ht="56.1" hidden="1" customHeight="1" x14ac:dyDescent="0.2">
      <c r="A526" s="499" t="s">
        <v>2494</v>
      </c>
      <c r="B526" s="483" t="s">
        <v>2495</v>
      </c>
      <c r="C526" s="481">
        <v>854</v>
      </c>
      <c r="D526" s="481"/>
      <c r="E526" s="481" t="s">
        <v>2481</v>
      </c>
      <c r="F526" s="482" t="s">
        <v>53</v>
      </c>
      <c r="G526" s="482" t="s">
        <v>655</v>
      </c>
      <c r="H526" s="501" t="s">
        <v>932</v>
      </c>
      <c r="I526" s="501" t="s">
        <v>1211</v>
      </c>
      <c r="J526" s="506" t="s">
        <v>1212</v>
      </c>
      <c r="K526" s="506"/>
      <c r="L526" s="77" t="s">
        <v>58</v>
      </c>
      <c r="M526" s="501" t="s">
        <v>833</v>
      </c>
      <c r="N526" s="501"/>
      <c r="O526" s="501" t="s">
        <v>81</v>
      </c>
      <c r="P526" s="77" t="s">
        <v>77</v>
      </c>
      <c r="Q526" s="77"/>
      <c r="R526" s="500" t="s">
        <v>722</v>
      </c>
      <c r="S526" s="76" t="s">
        <v>63</v>
      </c>
      <c r="T526" s="76" t="s">
        <v>63</v>
      </c>
      <c r="U526" s="508">
        <v>4145.9160600000005</v>
      </c>
      <c r="V526" s="508"/>
      <c r="W526" s="494" t="s">
        <v>659</v>
      </c>
      <c r="X526" s="494"/>
      <c r="Y526" s="503">
        <f t="shared" si="108"/>
        <v>4145.9160600000005</v>
      </c>
      <c r="Z526" s="76" t="s">
        <v>65</v>
      </c>
      <c r="AA526" s="487"/>
      <c r="AB526" s="487"/>
      <c r="AC526" s="487"/>
      <c r="AD526" s="487"/>
      <c r="AE526" s="487"/>
      <c r="AF526" s="487"/>
      <c r="AG526" s="487"/>
      <c r="AH526" s="487"/>
      <c r="AI526" s="487"/>
      <c r="AJ526" s="487"/>
      <c r="AK526" s="487"/>
      <c r="AL526" s="487"/>
      <c r="AM526" s="487"/>
      <c r="AN526" s="487"/>
      <c r="AO526" s="487"/>
      <c r="AP526" s="487"/>
      <c r="AQ526" s="76"/>
      <c r="AR526" s="487"/>
      <c r="AS526" s="487"/>
      <c r="AT526" s="487"/>
      <c r="AU526" s="76"/>
      <c r="AV526" s="487"/>
      <c r="AW526" s="487"/>
      <c r="AX526" s="487"/>
      <c r="AY526" s="76"/>
      <c r="AZ526" s="487"/>
      <c r="BA526" s="76"/>
      <c r="BB526" s="76"/>
      <c r="BC526" s="487"/>
      <c r="BD526" s="76"/>
      <c r="BE526" s="76"/>
      <c r="BF526" s="80">
        <f t="shared" si="109"/>
        <v>0</v>
      </c>
      <c r="BG526" s="76"/>
      <c r="BH526" s="487" t="str">
        <f t="shared" si="110"/>
        <v/>
      </c>
      <c r="BI526" s="487" t="str">
        <f t="shared" si="110"/>
        <v/>
      </c>
      <c r="BJ526" s="487" t="str">
        <f t="shared" si="110"/>
        <v/>
      </c>
      <c r="BK526" s="487" t="str">
        <f t="shared" si="110"/>
        <v/>
      </c>
      <c r="BL526" s="487" t="str">
        <f t="shared" si="110"/>
        <v/>
      </c>
      <c r="BM526" s="487" t="str">
        <f t="shared" si="110"/>
        <v/>
      </c>
      <c r="BN526" s="487" t="str">
        <f t="shared" si="110"/>
        <v/>
      </c>
      <c r="BO526" s="487" t="str">
        <f t="shared" si="110"/>
        <v/>
      </c>
      <c r="BP526" s="487" t="str">
        <f t="shared" si="110"/>
        <v/>
      </c>
      <c r="BQ526" s="487" t="str">
        <f t="shared" si="110"/>
        <v/>
      </c>
      <c r="BR526" s="487" t="str">
        <f t="shared" si="110"/>
        <v/>
      </c>
      <c r="BS526" s="487" t="str">
        <f t="shared" si="110"/>
        <v/>
      </c>
      <c r="BT526" s="487" t="str">
        <f t="shared" si="110"/>
        <v/>
      </c>
      <c r="BU526" s="487" t="str">
        <f t="shared" si="110"/>
        <v/>
      </c>
      <c r="BV526" s="487" t="str">
        <f t="shared" si="110"/>
        <v/>
      </c>
      <c r="BW526" s="487" t="str">
        <f t="shared" si="110"/>
        <v/>
      </c>
      <c r="BX526" s="487" t="str">
        <f t="shared" si="111"/>
        <v/>
      </c>
      <c r="BY526" s="487" t="str">
        <f t="shared" si="111"/>
        <v/>
      </c>
      <c r="BZ526" s="487" t="str">
        <f t="shared" si="111"/>
        <v/>
      </c>
      <c r="CA526" s="487" t="str">
        <f t="shared" si="111"/>
        <v/>
      </c>
      <c r="CB526" s="487" t="str">
        <f t="shared" si="111"/>
        <v/>
      </c>
      <c r="CC526" s="487" t="str">
        <f t="shared" si="111"/>
        <v/>
      </c>
      <c r="CD526" s="487" t="str">
        <f t="shared" si="111"/>
        <v/>
      </c>
      <c r="CE526" s="487" t="str">
        <f t="shared" si="111"/>
        <v/>
      </c>
      <c r="CF526" s="487" t="str">
        <f t="shared" si="111"/>
        <v/>
      </c>
      <c r="CG526" s="487" t="str">
        <f t="shared" si="111"/>
        <v/>
      </c>
      <c r="CH526" s="487" t="str">
        <f t="shared" si="111"/>
        <v/>
      </c>
      <c r="CI526" s="487" t="str">
        <f t="shared" si="111"/>
        <v/>
      </c>
      <c r="CJ526" s="487" t="str">
        <f t="shared" si="111"/>
        <v/>
      </c>
      <c r="CK526" s="487" t="str">
        <f t="shared" si="111"/>
        <v/>
      </c>
      <c r="CL526" s="487" t="str">
        <f t="shared" si="111"/>
        <v/>
      </c>
      <c r="CM526" s="487"/>
      <c r="CN526" s="487"/>
      <c r="CO526" s="487"/>
      <c r="CP526" s="487"/>
      <c r="CQ526" s="487"/>
      <c r="CR526" s="487"/>
      <c r="CS526" s="487"/>
      <c r="CT526" s="487"/>
      <c r="CU526" s="487"/>
      <c r="CV526" s="487"/>
      <c r="CW526" s="487"/>
      <c r="CX526" s="487"/>
      <c r="CY526" s="487"/>
      <c r="CZ526" s="487"/>
      <c r="DA526" s="487"/>
      <c r="DB526" s="487"/>
      <c r="DC526" s="487"/>
      <c r="DD526" s="487"/>
      <c r="DE526" s="487"/>
      <c r="DF526" s="487"/>
      <c r="DG526" s="487"/>
      <c r="DH526" s="487"/>
      <c r="DI526" s="486"/>
      <c r="DJ526" s="486"/>
      <c r="DK526" s="486"/>
    </row>
    <row r="527" spans="1:115" ht="56.1" hidden="1" customHeight="1" x14ac:dyDescent="0.2">
      <c r="A527" s="499" t="s">
        <v>2494</v>
      </c>
      <c r="B527" s="483" t="s">
        <v>2495</v>
      </c>
      <c r="C527" s="481">
        <v>855</v>
      </c>
      <c r="D527" s="481"/>
      <c r="E527" s="481" t="s">
        <v>2481</v>
      </c>
      <c r="F527" s="482" t="s">
        <v>53</v>
      </c>
      <c r="G527" s="482" t="s">
        <v>655</v>
      </c>
      <c r="H527" s="501" t="s">
        <v>932</v>
      </c>
      <c r="I527" s="501" t="s">
        <v>1213</v>
      </c>
      <c r="J527" s="506" t="s">
        <v>1214</v>
      </c>
      <c r="K527" s="506"/>
      <c r="L527" s="77" t="s">
        <v>58</v>
      </c>
      <c r="M527" s="501" t="s">
        <v>833</v>
      </c>
      <c r="N527" s="501"/>
      <c r="O527" s="501" t="s">
        <v>81</v>
      </c>
      <c r="P527" s="77" t="s">
        <v>77</v>
      </c>
      <c r="Q527" s="77"/>
      <c r="R527" s="500" t="s">
        <v>722</v>
      </c>
      <c r="S527" s="76" t="s">
        <v>63</v>
      </c>
      <c r="T527" s="76" t="s">
        <v>63</v>
      </c>
      <c r="U527" s="508">
        <v>44518.391060000002</v>
      </c>
      <c r="V527" s="508"/>
      <c r="W527" s="494" t="s">
        <v>659</v>
      </c>
      <c r="X527" s="494"/>
      <c r="Y527" s="503">
        <f t="shared" si="108"/>
        <v>44518.391060000002</v>
      </c>
      <c r="Z527" s="76" t="s">
        <v>65</v>
      </c>
      <c r="AA527" s="487"/>
      <c r="AB527" s="487"/>
      <c r="AC527" s="487"/>
      <c r="AD527" s="487"/>
      <c r="AE527" s="487"/>
      <c r="AF527" s="487"/>
      <c r="AG527" s="487"/>
      <c r="AH527" s="487"/>
      <c r="AI527" s="487"/>
      <c r="AJ527" s="487"/>
      <c r="AK527" s="487"/>
      <c r="AL527" s="487"/>
      <c r="AM527" s="487"/>
      <c r="AN527" s="487"/>
      <c r="AO527" s="487"/>
      <c r="AP527" s="487"/>
      <c r="AQ527" s="76"/>
      <c r="AR527" s="487"/>
      <c r="AS527" s="487"/>
      <c r="AT527" s="487"/>
      <c r="AU527" s="76"/>
      <c r="AV527" s="487"/>
      <c r="AW527" s="487"/>
      <c r="AX527" s="487"/>
      <c r="AY527" s="76"/>
      <c r="AZ527" s="487"/>
      <c r="BA527" s="76"/>
      <c r="BB527" s="76"/>
      <c r="BC527" s="487"/>
      <c r="BD527" s="76"/>
      <c r="BE527" s="76"/>
      <c r="BF527" s="80">
        <f t="shared" si="109"/>
        <v>0</v>
      </c>
      <c r="BG527" s="76"/>
      <c r="BH527" s="487" t="str">
        <f t="shared" si="110"/>
        <v/>
      </c>
      <c r="BI527" s="487" t="str">
        <f t="shared" si="110"/>
        <v/>
      </c>
      <c r="BJ527" s="487" t="str">
        <f t="shared" si="110"/>
        <v/>
      </c>
      <c r="BK527" s="487" t="str">
        <f t="shared" si="110"/>
        <v/>
      </c>
      <c r="BL527" s="487" t="str">
        <f t="shared" si="110"/>
        <v/>
      </c>
      <c r="BM527" s="487" t="str">
        <f t="shared" si="110"/>
        <v/>
      </c>
      <c r="BN527" s="487" t="str">
        <f t="shared" si="110"/>
        <v/>
      </c>
      <c r="BO527" s="487" t="str">
        <f t="shared" si="110"/>
        <v/>
      </c>
      <c r="BP527" s="487" t="str">
        <f t="shared" si="110"/>
        <v/>
      </c>
      <c r="BQ527" s="487" t="str">
        <f t="shared" si="110"/>
        <v/>
      </c>
      <c r="BR527" s="487" t="str">
        <f t="shared" si="110"/>
        <v/>
      </c>
      <c r="BS527" s="487" t="str">
        <f t="shared" si="110"/>
        <v/>
      </c>
      <c r="BT527" s="487" t="str">
        <f t="shared" si="110"/>
        <v/>
      </c>
      <c r="BU527" s="487" t="str">
        <f t="shared" si="110"/>
        <v/>
      </c>
      <c r="BV527" s="487" t="str">
        <f t="shared" si="110"/>
        <v/>
      </c>
      <c r="BW527" s="487" t="str">
        <f t="shared" ref="BW527:CL544" si="112">IF(AP527="yes",(AP$2*$BG527),"")</f>
        <v/>
      </c>
      <c r="BX527" s="487" t="str">
        <f t="shared" si="111"/>
        <v/>
      </c>
      <c r="BY527" s="487" t="str">
        <f t="shared" si="111"/>
        <v/>
      </c>
      <c r="BZ527" s="487" t="str">
        <f t="shared" si="111"/>
        <v/>
      </c>
      <c r="CA527" s="487" t="str">
        <f t="shared" si="111"/>
        <v/>
      </c>
      <c r="CB527" s="487" t="str">
        <f t="shared" si="111"/>
        <v/>
      </c>
      <c r="CC527" s="487" t="str">
        <f t="shared" si="111"/>
        <v/>
      </c>
      <c r="CD527" s="487" t="str">
        <f t="shared" si="111"/>
        <v/>
      </c>
      <c r="CE527" s="487" t="str">
        <f t="shared" si="111"/>
        <v/>
      </c>
      <c r="CF527" s="487" t="str">
        <f t="shared" si="111"/>
        <v/>
      </c>
      <c r="CG527" s="487" t="str">
        <f t="shared" si="111"/>
        <v/>
      </c>
      <c r="CH527" s="487" t="str">
        <f t="shared" si="111"/>
        <v/>
      </c>
      <c r="CI527" s="487" t="str">
        <f t="shared" si="111"/>
        <v/>
      </c>
      <c r="CJ527" s="487" t="str">
        <f t="shared" si="111"/>
        <v/>
      </c>
      <c r="CK527" s="487" t="str">
        <f t="shared" si="111"/>
        <v/>
      </c>
      <c r="CL527" s="487" t="str">
        <f t="shared" si="111"/>
        <v/>
      </c>
      <c r="CM527" s="487"/>
      <c r="CN527" s="487"/>
      <c r="CO527" s="487"/>
      <c r="CP527" s="487"/>
      <c r="CQ527" s="487"/>
      <c r="CR527" s="487"/>
      <c r="CS527" s="487"/>
      <c r="CT527" s="487"/>
      <c r="CU527" s="487"/>
      <c r="CV527" s="487"/>
      <c r="CW527" s="487"/>
      <c r="CX527" s="487"/>
      <c r="CY527" s="487"/>
      <c r="CZ527" s="487"/>
      <c r="DA527" s="487"/>
      <c r="DB527" s="487"/>
      <c r="DC527" s="487"/>
      <c r="DD527" s="487"/>
      <c r="DE527" s="487"/>
      <c r="DF527" s="487"/>
      <c r="DG527" s="487"/>
      <c r="DH527" s="487"/>
      <c r="DI527" s="486"/>
      <c r="DJ527" s="486"/>
      <c r="DK527" s="486"/>
    </row>
    <row r="528" spans="1:115" ht="56.1" hidden="1" customHeight="1" x14ac:dyDescent="0.2">
      <c r="A528" s="499" t="s">
        <v>2494</v>
      </c>
      <c r="B528" s="483" t="s">
        <v>2495</v>
      </c>
      <c r="C528" s="481">
        <v>856</v>
      </c>
      <c r="D528" s="481"/>
      <c r="E528" s="481" t="s">
        <v>2481</v>
      </c>
      <c r="F528" s="482" t="s">
        <v>53</v>
      </c>
      <c r="G528" s="482" t="s">
        <v>655</v>
      </c>
      <c r="H528" s="501" t="s">
        <v>932</v>
      </c>
      <c r="I528" s="501" t="s">
        <v>1215</v>
      </c>
      <c r="J528" s="506" t="s">
        <v>1216</v>
      </c>
      <c r="K528" s="506"/>
      <c r="L528" s="77" t="s">
        <v>58</v>
      </c>
      <c r="M528" s="501" t="s">
        <v>833</v>
      </c>
      <c r="N528" s="501"/>
      <c r="O528" s="501" t="s">
        <v>81</v>
      </c>
      <c r="P528" s="77" t="s">
        <v>77</v>
      </c>
      <c r="Q528" s="77"/>
      <c r="R528" s="500" t="s">
        <v>722</v>
      </c>
      <c r="S528" s="76" t="s">
        <v>63</v>
      </c>
      <c r="T528" s="76" t="s">
        <v>63</v>
      </c>
      <c r="U528" s="508">
        <v>6783.5625</v>
      </c>
      <c r="V528" s="508"/>
      <c r="W528" s="494" t="s">
        <v>659</v>
      </c>
      <c r="X528" s="494"/>
      <c r="Y528" s="503">
        <f t="shared" si="108"/>
        <v>6783.5625</v>
      </c>
      <c r="Z528" s="76" t="s">
        <v>65</v>
      </c>
      <c r="AA528" s="487"/>
      <c r="AB528" s="487"/>
      <c r="AC528" s="487"/>
      <c r="AD528" s="487"/>
      <c r="AE528" s="487"/>
      <c r="AF528" s="487"/>
      <c r="AG528" s="487"/>
      <c r="AH528" s="487"/>
      <c r="AI528" s="487"/>
      <c r="AJ528" s="487"/>
      <c r="AK528" s="487"/>
      <c r="AL528" s="487"/>
      <c r="AM528" s="487"/>
      <c r="AN528" s="487"/>
      <c r="AO528" s="487"/>
      <c r="AP528" s="487"/>
      <c r="AQ528" s="76"/>
      <c r="AR528" s="487"/>
      <c r="AS528" s="487"/>
      <c r="AT528" s="487"/>
      <c r="AU528" s="76"/>
      <c r="AV528" s="487"/>
      <c r="AW528" s="487"/>
      <c r="AX528" s="487"/>
      <c r="AY528" s="76"/>
      <c r="AZ528" s="487"/>
      <c r="BA528" s="76"/>
      <c r="BB528" s="76"/>
      <c r="BC528" s="487"/>
      <c r="BD528" s="76"/>
      <c r="BE528" s="76"/>
      <c r="BF528" s="80">
        <f t="shared" si="109"/>
        <v>0</v>
      </c>
      <c r="BG528" s="76"/>
      <c r="BH528" s="487" t="str">
        <f t="shared" ref="BH528:BV544" si="113">IF(AA528="yes",(AA$2*$BG528),"")</f>
        <v/>
      </c>
      <c r="BI528" s="487" t="str">
        <f t="shared" si="113"/>
        <v/>
      </c>
      <c r="BJ528" s="487" t="str">
        <f t="shared" si="113"/>
        <v/>
      </c>
      <c r="BK528" s="487" t="str">
        <f t="shared" si="113"/>
        <v/>
      </c>
      <c r="BL528" s="487" t="str">
        <f t="shared" si="113"/>
        <v/>
      </c>
      <c r="BM528" s="487" t="str">
        <f t="shared" si="113"/>
        <v/>
      </c>
      <c r="BN528" s="487" t="str">
        <f t="shared" si="113"/>
        <v/>
      </c>
      <c r="BO528" s="487" t="str">
        <f t="shared" si="113"/>
        <v/>
      </c>
      <c r="BP528" s="487" t="str">
        <f t="shared" si="113"/>
        <v/>
      </c>
      <c r="BQ528" s="487" t="str">
        <f t="shared" si="113"/>
        <v/>
      </c>
      <c r="BR528" s="487" t="str">
        <f t="shared" si="113"/>
        <v/>
      </c>
      <c r="BS528" s="487" t="str">
        <f t="shared" si="113"/>
        <v/>
      </c>
      <c r="BT528" s="487" t="str">
        <f t="shared" si="113"/>
        <v/>
      </c>
      <c r="BU528" s="487" t="str">
        <f t="shared" si="113"/>
        <v/>
      </c>
      <c r="BV528" s="487" t="str">
        <f t="shared" si="113"/>
        <v/>
      </c>
      <c r="BW528" s="487" t="str">
        <f t="shared" si="112"/>
        <v/>
      </c>
      <c r="BX528" s="487" t="str">
        <f t="shared" si="111"/>
        <v/>
      </c>
      <c r="BY528" s="487" t="str">
        <f t="shared" si="111"/>
        <v/>
      </c>
      <c r="BZ528" s="487" t="str">
        <f t="shared" si="111"/>
        <v/>
      </c>
      <c r="CA528" s="487" t="str">
        <f t="shared" si="111"/>
        <v/>
      </c>
      <c r="CB528" s="487" t="str">
        <f t="shared" si="111"/>
        <v/>
      </c>
      <c r="CC528" s="487" t="str">
        <f t="shared" si="111"/>
        <v/>
      </c>
      <c r="CD528" s="487" t="str">
        <f t="shared" si="111"/>
        <v/>
      </c>
      <c r="CE528" s="487" t="str">
        <f t="shared" si="111"/>
        <v/>
      </c>
      <c r="CF528" s="487" t="str">
        <f t="shared" si="111"/>
        <v/>
      </c>
      <c r="CG528" s="487" t="str">
        <f t="shared" si="111"/>
        <v/>
      </c>
      <c r="CH528" s="487" t="str">
        <f t="shared" si="111"/>
        <v/>
      </c>
      <c r="CI528" s="487" t="str">
        <f t="shared" si="111"/>
        <v/>
      </c>
      <c r="CJ528" s="487" t="str">
        <f t="shared" si="111"/>
        <v/>
      </c>
      <c r="CK528" s="487" t="str">
        <f t="shared" si="111"/>
        <v/>
      </c>
      <c r="CL528" s="487" t="str">
        <f t="shared" si="111"/>
        <v/>
      </c>
      <c r="CM528" s="487"/>
      <c r="CN528" s="487"/>
      <c r="CO528" s="487"/>
      <c r="CP528" s="487"/>
      <c r="CQ528" s="487"/>
      <c r="CR528" s="487"/>
      <c r="CS528" s="487"/>
      <c r="CT528" s="487"/>
      <c r="CU528" s="487"/>
      <c r="CV528" s="487"/>
      <c r="CW528" s="487"/>
      <c r="CX528" s="487"/>
      <c r="CY528" s="487"/>
      <c r="CZ528" s="487"/>
      <c r="DA528" s="487"/>
      <c r="DB528" s="487"/>
      <c r="DC528" s="487"/>
      <c r="DD528" s="487"/>
      <c r="DE528" s="487"/>
      <c r="DF528" s="487"/>
      <c r="DG528" s="487"/>
      <c r="DH528" s="487"/>
      <c r="DI528" s="486"/>
      <c r="DJ528" s="486"/>
      <c r="DK528" s="486"/>
    </row>
    <row r="529" spans="1:115" ht="56.1" hidden="1" customHeight="1" x14ac:dyDescent="0.2">
      <c r="A529" s="499" t="s">
        <v>2494</v>
      </c>
      <c r="B529" s="483" t="s">
        <v>2495</v>
      </c>
      <c r="C529" s="481">
        <v>857</v>
      </c>
      <c r="D529" s="481"/>
      <c r="E529" s="481" t="s">
        <v>2481</v>
      </c>
      <c r="F529" s="482" t="s">
        <v>53</v>
      </c>
      <c r="G529" s="482" t="s">
        <v>655</v>
      </c>
      <c r="H529" s="501" t="s">
        <v>932</v>
      </c>
      <c r="I529" s="501" t="s">
        <v>1217</v>
      </c>
      <c r="J529" s="506" t="s">
        <v>1218</v>
      </c>
      <c r="K529" s="506"/>
      <c r="L529" s="77" t="s">
        <v>58</v>
      </c>
      <c r="M529" s="501" t="s">
        <v>833</v>
      </c>
      <c r="N529" s="501"/>
      <c r="O529" s="501" t="s">
        <v>81</v>
      </c>
      <c r="P529" s="77" t="s">
        <v>77</v>
      </c>
      <c r="Q529" s="77"/>
      <c r="R529" s="500" t="s">
        <v>722</v>
      </c>
      <c r="S529" s="76" t="s">
        <v>63</v>
      </c>
      <c r="T529" s="76" t="s">
        <v>63</v>
      </c>
      <c r="U529" s="508">
        <v>518.01749999999993</v>
      </c>
      <c r="V529" s="508"/>
      <c r="W529" s="494" t="s">
        <v>659</v>
      </c>
      <c r="X529" s="494"/>
      <c r="Y529" s="503">
        <f t="shared" si="108"/>
        <v>518.01749999999993</v>
      </c>
      <c r="Z529" s="76" t="s">
        <v>65</v>
      </c>
      <c r="AA529" s="487"/>
      <c r="AB529" s="487"/>
      <c r="AC529" s="487"/>
      <c r="AD529" s="487"/>
      <c r="AE529" s="487"/>
      <c r="AF529" s="487"/>
      <c r="AG529" s="487"/>
      <c r="AH529" s="487"/>
      <c r="AI529" s="487"/>
      <c r="AJ529" s="487"/>
      <c r="AK529" s="487"/>
      <c r="AL529" s="487"/>
      <c r="AM529" s="487"/>
      <c r="AN529" s="487"/>
      <c r="AO529" s="487"/>
      <c r="AP529" s="487"/>
      <c r="AQ529" s="76"/>
      <c r="AR529" s="487"/>
      <c r="AS529" s="487"/>
      <c r="AT529" s="487"/>
      <c r="AU529" s="76"/>
      <c r="AV529" s="487"/>
      <c r="AW529" s="487"/>
      <c r="AX529" s="487"/>
      <c r="AY529" s="76"/>
      <c r="AZ529" s="487"/>
      <c r="BA529" s="76"/>
      <c r="BB529" s="76"/>
      <c r="BC529" s="487"/>
      <c r="BD529" s="76"/>
      <c r="BE529" s="76"/>
      <c r="BF529" s="80">
        <f t="shared" si="109"/>
        <v>0</v>
      </c>
      <c r="BG529" s="76"/>
      <c r="BH529" s="487" t="str">
        <f t="shared" si="113"/>
        <v/>
      </c>
      <c r="BI529" s="487" t="str">
        <f t="shared" si="113"/>
        <v/>
      </c>
      <c r="BJ529" s="487" t="str">
        <f t="shared" si="113"/>
        <v/>
      </c>
      <c r="BK529" s="487" t="str">
        <f t="shared" si="113"/>
        <v/>
      </c>
      <c r="BL529" s="487" t="str">
        <f t="shared" si="113"/>
        <v/>
      </c>
      <c r="BM529" s="487" t="str">
        <f t="shared" si="113"/>
        <v/>
      </c>
      <c r="BN529" s="487" t="str">
        <f t="shared" si="113"/>
        <v/>
      </c>
      <c r="BO529" s="487" t="str">
        <f t="shared" si="113"/>
        <v/>
      </c>
      <c r="BP529" s="487" t="str">
        <f t="shared" si="113"/>
        <v/>
      </c>
      <c r="BQ529" s="487" t="str">
        <f t="shared" si="113"/>
        <v/>
      </c>
      <c r="BR529" s="487" t="str">
        <f t="shared" si="113"/>
        <v/>
      </c>
      <c r="BS529" s="487" t="str">
        <f t="shared" si="113"/>
        <v/>
      </c>
      <c r="BT529" s="487" t="str">
        <f t="shared" si="113"/>
        <v/>
      </c>
      <c r="BU529" s="487" t="str">
        <f t="shared" si="113"/>
        <v/>
      </c>
      <c r="BV529" s="487" t="str">
        <f t="shared" si="113"/>
        <v/>
      </c>
      <c r="BW529" s="487" t="str">
        <f t="shared" si="112"/>
        <v/>
      </c>
      <c r="BX529" s="487" t="str">
        <f t="shared" si="112"/>
        <v/>
      </c>
      <c r="BY529" s="487" t="str">
        <f t="shared" si="112"/>
        <v/>
      </c>
      <c r="BZ529" s="487" t="str">
        <f t="shared" si="112"/>
        <v/>
      </c>
      <c r="CA529" s="487" t="str">
        <f t="shared" si="112"/>
        <v/>
      </c>
      <c r="CB529" s="487" t="str">
        <f t="shared" si="112"/>
        <v/>
      </c>
      <c r="CC529" s="487" t="str">
        <f t="shared" si="112"/>
        <v/>
      </c>
      <c r="CD529" s="487" t="str">
        <f t="shared" si="112"/>
        <v/>
      </c>
      <c r="CE529" s="487" t="str">
        <f t="shared" si="112"/>
        <v/>
      </c>
      <c r="CF529" s="487" t="str">
        <f t="shared" si="112"/>
        <v/>
      </c>
      <c r="CG529" s="487" t="str">
        <f t="shared" si="112"/>
        <v/>
      </c>
      <c r="CH529" s="487" t="str">
        <f t="shared" si="112"/>
        <v/>
      </c>
      <c r="CI529" s="487" t="str">
        <f t="shared" si="112"/>
        <v/>
      </c>
      <c r="CJ529" s="487" t="str">
        <f t="shared" si="112"/>
        <v/>
      </c>
      <c r="CK529" s="487" t="str">
        <f t="shared" si="112"/>
        <v/>
      </c>
      <c r="CL529" s="487" t="str">
        <f t="shared" si="112"/>
        <v/>
      </c>
      <c r="CM529" s="487"/>
      <c r="CN529" s="487"/>
      <c r="CO529" s="487"/>
      <c r="CP529" s="487"/>
      <c r="CQ529" s="487"/>
      <c r="CR529" s="487"/>
      <c r="CS529" s="487"/>
      <c r="CT529" s="487"/>
      <c r="CU529" s="487"/>
      <c r="CV529" s="487"/>
      <c r="CW529" s="487"/>
      <c r="CX529" s="487"/>
      <c r="CY529" s="487"/>
      <c r="CZ529" s="487"/>
      <c r="DA529" s="487"/>
      <c r="DB529" s="487"/>
      <c r="DC529" s="487"/>
      <c r="DD529" s="487"/>
      <c r="DE529" s="487"/>
      <c r="DF529" s="487"/>
      <c r="DG529" s="487"/>
      <c r="DH529" s="487"/>
      <c r="DI529" s="486"/>
      <c r="DJ529" s="486"/>
      <c r="DK529" s="486"/>
    </row>
    <row r="530" spans="1:115" ht="56.1" hidden="1" customHeight="1" x14ac:dyDescent="0.2">
      <c r="A530" s="499" t="s">
        <v>2494</v>
      </c>
      <c r="B530" s="483" t="s">
        <v>2495</v>
      </c>
      <c r="C530" s="481">
        <v>858</v>
      </c>
      <c r="D530" s="481"/>
      <c r="E530" s="481" t="s">
        <v>2481</v>
      </c>
      <c r="F530" s="482" t="s">
        <v>53</v>
      </c>
      <c r="G530" s="482" t="s">
        <v>655</v>
      </c>
      <c r="H530" s="501" t="s">
        <v>932</v>
      </c>
      <c r="I530" s="501" t="s">
        <v>1219</v>
      </c>
      <c r="J530" s="501" t="s">
        <v>1220</v>
      </c>
      <c r="K530" s="501"/>
      <c r="L530" s="77" t="s">
        <v>58</v>
      </c>
      <c r="M530" s="501" t="s">
        <v>833</v>
      </c>
      <c r="N530" s="501"/>
      <c r="O530" s="501" t="s">
        <v>81</v>
      </c>
      <c r="P530" s="77" t="s">
        <v>77</v>
      </c>
      <c r="Q530" s="77"/>
      <c r="R530" s="500" t="s">
        <v>722</v>
      </c>
      <c r="S530" s="76" t="s">
        <v>63</v>
      </c>
      <c r="T530" s="76" t="s">
        <v>63</v>
      </c>
      <c r="U530" s="508">
        <v>599009.125</v>
      </c>
      <c r="V530" s="508"/>
      <c r="W530" s="494" t="s">
        <v>659</v>
      </c>
      <c r="X530" s="494"/>
      <c r="Y530" s="503">
        <f t="shared" si="108"/>
        <v>599009.125</v>
      </c>
      <c r="Z530" s="76" t="s">
        <v>65</v>
      </c>
      <c r="AA530" s="487"/>
      <c r="AB530" s="487"/>
      <c r="AC530" s="487"/>
      <c r="AD530" s="487"/>
      <c r="AE530" s="487"/>
      <c r="AF530" s="487"/>
      <c r="AG530" s="487"/>
      <c r="AH530" s="487"/>
      <c r="AI530" s="487"/>
      <c r="AJ530" s="487"/>
      <c r="AK530" s="487"/>
      <c r="AL530" s="487"/>
      <c r="AM530" s="487"/>
      <c r="AN530" s="487"/>
      <c r="AO530" s="487"/>
      <c r="AP530" s="487"/>
      <c r="AQ530" s="76"/>
      <c r="AR530" s="487"/>
      <c r="AS530" s="487"/>
      <c r="AT530" s="487"/>
      <c r="AU530" s="76"/>
      <c r="AV530" s="487"/>
      <c r="AW530" s="487"/>
      <c r="AX530" s="487"/>
      <c r="AY530" s="76"/>
      <c r="AZ530" s="487"/>
      <c r="BA530" s="76"/>
      <c r="BB530" s="76"/>
      <c r="BC530" s="487"/>
      <c r="BD530" s="76"/>
      <c r="BE530" s="76"/>
      <c r="BF530" s="80">
        <f t="shared" si="109"/>
        <v>0</v>
      </c>
      <c r="BG530" s="76"/>
      <c r="BH530" s="487" t="str">
        <f t="shared" si="113"/>
        <v/>
      </c>
      <c r="BI530" s="487" t="str">
        <f t="shared" si="113"/>
        <v/>
      </c>
      <c r="BJ530" s="487" t="str">
        <f t="shared" si="113"/>
        <v/>
      </c>
      <c r="BK530" s="487" t="str">
        <f t="shared" si="113"/>
        <v/>
      </c>
      <c r="BL530" s="487" t="str">
        <f t="shared" si="113"/>
        <v/>
      </c>
      <c r="BM530" s="487" t="str">
        <f t="shared" si="113"/>
        <v/>
      </c>
      <c r="BN530" s="487" t="str">
        <f t="shared" si="113"/>
        <v/>
      </c>
      <c r="BO530" s="487" t="str">
        <f t="shared" si="113"/>
        <v/>
      </c>
      <c r="BP530" s="487" t="str">
        <f t="shared" si="113"/>
        <v/>
      </c>
      <c r="BQ530" s="487" t="str">
        <f t="shared" si="113"/>
        <v/>
      </c>
      <c r="BR530" s="487" t="str">
        <f t="shared" si="113"/>
        <v/>
      </c>
      <c r="BS530" s="487" t="str">
        <f t="shared" si="113"/>
        <v/>
      </c>
      <c r="BT530" s="487" t="str">
        <f t="shared" si="113"/>
        <v/>
      </c>
      <c r="BU530" s="487" t="str">
        <f t="shared" si="113"/>
        <v/>
      </c>
      <c r="BV530" s="487" t="str">
        <f t="shared" si="113"/>
        <v/>
      </c>
      <c r="BW530" s="487" t="str">
        <f t="shared" si="112"/>
        <v/>
      </c>
      <c r="BX530" s="487" t="str">
        <f t="shared" si="112"/>
        <v/>
      </c>
      <c r="BY530" s="487" t="str">
        <f t="shared" si="112"/>
        <v/>
      </c>
      <c r="BZ530" s="487" t="str">
        <f t="shared" si="112"/>
        <v/>
      </c>
      <c r="CA530" s="487" t="str">
        <f t="shared" si="112"/>
        <v/>
      </c>
      <c r="CB530" s="487" t="str">
        <f t="shared" si="112"/>
        <v/>
      </c>
      <c r="CC530" s="487" t="str">
        <f t="shared" si="112"/>
        <v/>
      </c>
      <c r="CD530" s="487" t="str">
        <f t="shared" si="112"/>
        <v/>
      </c>
      <c r="CE530" s="487" t="str">
        <f t="shared" si="112"/>
        <v/>
      </c>
      <c r="CF530" s="487" t="str">
        <f t="shared" si="112"/>
        <v/>
      </c>
      <c r="CG530" s="487" t="str">
        <f t="shared" si="112"/>
        <v/>
      </c>
      <c r="CH530" s="487" t="str">
        <f t="shared" si="112"/>
        <v/>
      </c>
      <c r="CI530" s="487" t="str">
        <f t="shared" si="112"/>
        <v/>
      </c>
      <c r="CJ530" s="487" t="str">
        <f t="shared" si="112"/>
        <v/>
      </c>
      <c r="CK530" s="487" t="str">
        <f t="shared" si="112"/>
        <v/>
      </c>
      <c r="CL530" s="487" t="str">
        <f t="shared" si="112"/>
        <v/>
      </c>
      <c r="CM530" s="487"/>
      <c r="CN530" s="487"/>
      <c r="CO530" s="487"/>
      <c r="CP530" s="487"/>
      <c r="CQ530" s="487"/>
      <c r="CR530" s="487"/>
      <c r="CS530" s="487"/>
      <c r="CT530" s="487"/>
      <c r="CU530" s="487"/>
      <c r="CV530" s="487"/>
      <c r="CW530" s="487"/>
      <c r="CX530" s="487"/>
      <c r="CY530" s="487"/>
      <c r="CZ530" s="487"/>
      <c r="DA530" s="487"/>
      <c r="DB530" s="487"/>
      <c r="DC530" s="487"/>
      <c r="DD530" s="487"/>
      <c r="DE530" s="487"/>
      <c r="DF530" s="487"/>
      <c r="DG530" s="487"/>
      <c r="DH530" s="487"/>
      <c r="DI530" s="486"/>
      <c r="DJ530" s="486"/>
      <c r="DK530" s="486"/>
    </row>
    <row r="531" spans="1:115" ht="56.1" hidden="1" customHeight="1" x14ac:dyDescent="0.2">
      <c r="A531" s="499" t="s">
        <v>2494</v>
      </c>
      <c r="B531" s="483" t="s">
        <v>2495</v>
      </c>
      <c r="C531" s="481">
        <v>859</v>
      </c>
      <c r="D531" s="481"/>
      <c r="E531" s="481" t="s">
        <v>2481</v>
      </c>
      <c r="F531" s="482" t="s">
        <v>53</v>
      </c>
      <c r="G531" s="482" t="s">
        <v>655</v>
      </c>
      <c r="H531" s="501" t="s">
        <v>932</v>
      </c>
      <c r="I531" s="501" t="s">
        <v>1221</v>
      </c>
      <c r="J531" s="501" t="s">
        <v>1222</v>
      </c>
      <c r="K531" s="501"/>
      <c r="L531" s="77" t="s">
        <v>58</v>
      </c>
      <c r="M531" s="501" t="s">
        <v>833</v>
      </c>
      <c r="N531" s="501"/>
      <c r="O531" s="501" t="s">
        <v>81</v>
      </c>
      <c r="P531" s="77" t="s">
        <v>77</v>
      </c>
      <c r="Q531" s="77"/>
      <c r="R531" s="500" t="s">
        <v>722</v>
      </c>
      <c r="S531" s="76" t="s">
        <v>63</v>
      </c>
      <c r="T531" s="76" t="s">
        <v>63</v>
      </c>
      <c r="U531" s="508">
        <v>4522.375</v>
      </c>
      <c r="V531" s="508"/>
      <c r="W531" s="494" t="s">
        <v>659</v>
      </c>
      <c r="X531" s="494"/>
      <c r="Y531" s="503">
        <f t="shared" si="108"/>
        <v>4522.375</v>
      </c>
      <c r="Z531" s="76" t="s">
        <v>65</v>
      </c>
      <c r="AA531" s="487"/>
      <c r="AB531" s="487"/>
      <c r="AC531" s="487"/>
      <c r="AD531" s="487"/>
      <c r="AE531" s="487"/>
      <c r="AF531" s="487"/>
      <c r="AG531" s="487"/>
      <c r="AH531" s="487"/>
      <c r="AI531" s="487"/>
      <c r="AJ531" s="487"/>
      <c r="AK531" s="487"/>
      <c r="AL531" s="487"/>
      <c r="AM531" s="487"/>
      <c r="AN531" s="487"/>
      <c r="AO531" s="487"/>
      <c r="AP531" s="487"/>
      <c r="AQ531" s="76"/>
      <c r="AR531" s="487"/>
      <c r="AS531" s="487"/>
      <c r="AT531" s="487"/>
      <c r="AU531" s="76"/>
      <c r="AV531" s="487"/>
      <c r="AW531" s="487"/>
      <c r="AX531" s="487"/>
      <c r="AY531" s="76"/>
      <c r="AZ531" s="487"/>
      <c r="BA531" s="76"/>
      <c r="BB531" s="76"/>
      <c r="BC531" s="487"/>
      <c r="BD531" s="76"/>
      <c r="BE531" s="76"/>
      <c r="BF531" s="80">
        <f t="shared" si="109"/>
        <v>0</v>
      </c>
      <c r="BG531" s="76"/>
      <c r="BH531" s="487" t="str">
        <f t="shared" si="113"/>
        <v/>
      </c>
      <c r="BI531" s="487" t="str">
        <f t="shared" si="113"/>
        <v/>
      </c>
      <c r="BJ531" s="487" t="str">
        <f t="shared" si="113"/>
        <v/>
      </c>
      <c r="BK531" s="487" t="str">
        <f t="shared" si="113"/>
        <v/>
      </c>
      <c r="BL531" s="487" t="str">
        <f t="shared" si="113"/>
        <v/>
      </c>
      <c r="BM531" s="487" t="str">
        <f t="shared" si="113"/>
        <v/>
      </c>
      <c r="BN531" s="487" t="str">
        <f t="shared" si="113"/>
        <v/>
      </c>
      <c r="BO531" s="487" t="str">
        <f t="shared" si="113"/>
        <v/>
      </c>
      <c r="BP531" s="487" t="str">
        <f t="shared" si="113"/>
        <v/>
      </c>
      <c r="BQ531" s="487" t="str">
        <f t="shared" si="113"/>
        <v/>
      </c>
      <c r="BR531" s="487" t="str">
        <f t="shared" si="113"/>
        <v/>
      </c>
      <c r="BS531" s="487" t="str">
        <f t="shared" si="113"/>
        <v/>
      </c>
      <c r="BT531" s="487" t="str">
        <f t="shared" si="113"/>
        <v/>
      </c>
      <c r="BU531" s="487" t="str">
        <f t="shared" si="113"/>
        <v/>
      </c>
      <c r="BV531" s="487" t="str">
        <f t="shared" si="113"/>
        <v/>
      </c>
      <c r="BW531" s="487" t="str">
        <f t="shared" si="112"/>
        <v/>
      </c>
      <c r="BX531" s="487" t="str">
        <f t="shared" si="112"/>
        <v/>
      </c>
      <c r="BY531" s="487" t="str">
        <f t="shared" si="112"/>
        <v/>
      </c>
      <c r="BZ531" s="487" t="str">
        <f t="shared" si="112"/>
        <v/>
      </c>
      <c r="CA531" s="487" t="str">
        <f t="shared" si="112"/>
        <v/>
      </c>
      <c r="CB531" s="487" t="str">
        <f t="shared" si="112"/>
        <v/>
      </c>
      <c r="CC531" s="487" t="str">
        <f t="shared" si="112"/>
        <v/>
      </c>
      <c r="CD531" s="487" t="str">
        <f t="shared" si="112"/>
        <v/>
      </c>
      <c r="CE531" s="487" t="str">
        <f t="shared" si="112"/>
        <v/>
      </c>
      <c r="CF531" s="487" t="str">
        <f t="shared" si="112"/>
        <v/>
      </c>
      <c r="CG531" s="487" t="str">
        <f t="shared" si="112"/>
        <v/>
      </c>
      <c r="CH531" s="487" t="str">
        <f t="shared" si="112"/>
        <v/>
      </c>
      <c r="CI531" s="487" t="str">
        <f t="shared" si="112"/>
        <v/>
      </c>
      <c r="CJ531" s="487" t="str">
        <f t="shared" si="112"/>
        <v/>
      </c>
      <c r="CK531" s="487" t="str">
        <f t="shared" si="112"/>
        <v/>
      </c>
      <c r="CL531" s="487" t="str">
        <f t="shared" si="112"/>
        <v/>
      </c>
      <c r="CM531" s="487"/>
      <c r="CN531" s="487"/>
      <c r="CO531" s="487"/>
      <c r="CP531" s="487"/>
      <c r="CQ531" s="487"/>
      <c r="CR531" s="487"/>
      <c r="CS531" s="487"/>
      <c r="CT531" s="487"/>
      <c r="CU531" s="487"/>
      <c r="CV531" s="487"/>
      <c r="CW531" s="487"/>
      <c r="CX531" s="487"/>
      <c r="CY531" s="487"/>
      <c r="CZ531" s="487"/>
      <c r="DA531" s="487"/>
      <c r="DB531" s="487"/>
      <c r="DC531" s="487"/>
      <c r="DD531" s="487"/>
      <c r="DE531" s="487"/>
      <c r="DF531" s="487"/>
      <c r="DG531" s="487"/>
      <c r="DH531" s="487"/>
      <c r="DI531" s="486"/>
      <c r="DJ531" s="486"/>
      <c r="DK531" s="486"/>
    </row>
    <row r="532" spans="1:115" ht="56.1" hidden="1" customHeight="1" x14ac:dyDescent="0.2">
      <c r="A532" s="499" t="s">
        <v>2494</v>
      </c>
      <c r="B532" s="483" t="s">
        <v>2495</v>
      </c>
      <c r="C532" s="481">
        <v>860</v>
      </c>
      <c r="D532" s="481"/>
      <c r="E532" s="481" t="s">
        <v>2481</v>
      </c>
      <c r="F532" s="482" t="s">
        <v>53</v>
      </c>
      <c r="G532" s="482" t="s">
        <v>655</v>
      </c>
      <c r="H532" s="501" t="s">
        <v>932</v>
      </c>
      <c r="I532" s="501" t="s">
        <v>1223</v>
      </c>
      <c r="J532" s="501" t="s">
        <v>1224</v>
      </c>
      <c r="K532" s="501"/>
      <c r="L532" s="77" t="s">
        <v>58</v>
      </c>
      <c r="M532" s="501" t="s">
        <v>833</v>
      </c>
      <c r="N532" s="501"/>
      <c r="O532" s="501" t="s">
        <v>81</v>
      </c>
      <c r="P532" s="77" t="s">
        <v>77</v>
      </c>
      <c r="Q532" s="77"/>
      <c r="R532" s="500" t="s">
        <v>722</v>
      </c>
      <c r="S532" s="76" t="s">
        <v>63</v>
      </c>
      <c r="T532" s="76" t="s">
        <v>63</v>
      </c>
      <c r="U532" s="508">
        <v>1288592.9931874999</v>
      </c>
      <c r="V532" s="508"/>
      <c r="W532" s="494" t="s">
        <v>659</v>
      </c>
      <c r="X532" s="494"/>
      <c r="Y532" s="503">
        <f t="shared" si="108"/>
        <v>1288592.9931874999</v>
      </c>
      <c r="Z532" s="76" t="s">
        <v>65</v>
      </c>
      <c r="AA532" s="487"/>
      <c r="AB532" s="487"/>
      <c r="AC532" s="487"/>
      <c r="AD532" s="487"/>
      <c r="AE532" s="487"/>
      <c r="AF532" s="487"/>
      <c r="AG532" s="487"/>
      <c r="AH532" s="487"/>
      <c r="AI532" s="487"/>
      <c r="AJ532" s="487"/>
      <c r="AK532" s="487"/>
      <c r="AL532" s="487"/>
      <c r="AM532" s="487"/>
      <c r="AN532" s="487"/>
      <c r="AO532" s="487"/>
      <c r="AP532" s="487"/>
      <c r="AQ532" s="76"/>
      <c r="AR532" s="487"/>
      <c r="AS532" s="487"/>
      <c r="AT532" s="487"/>
      <c r="AU532" s="76"/>
      <c r="AV532" s="487"/>
      <c r="AW532" s="487"/>
      <c r="AX532" s="487"/>
      <c r="AY532" s="76"/>
      <c r="AZ532" s="487"/>
      <c r="BA532" s="76"/>
      <c r="BB532" s="76"/>
      <c r="BC532" s="487"/>
      <c r="BD532" s="76"/>
      <c r="BE532" s="76"/>
      <c r="BF532" s="80">
        <f t="shared" si="109"/>
        <v>0</v>
      </c>
      <c r="BG532" s="76"/>
      <c r="BH532" s="487" t="str">
        <f t="shared" si="113"/>
        <v/>
      </c>
      <c r="BI532" s="487" t="str">
        <f t="shared" si="113"/>
        <v/>
      </c>
      <c r="BJ532" s="487" t="str">
        <f t="shared" si="113"/>
        <v/>
      </c>
      <c r="BK532" s="487" t="str">
        <f t="shared" si="113"/>
        <v/>
      </c>
      <c r="BL532" s="487" t="str">
        <f t="shared" si="113"/>
        <v/>
      </c>
      <c r="BM532" s="487" t="str">
        <f t="shared" si="113"/>
        <v/>
      </c>
      <c r="BN532" s="487" t="str">
        <f t="shared" si="113"/>
        <v/>
      </c>
      <c r="BO532" s="487" t="str">
        <f t="shared" si="113"/>
        <v/>
      </c>
      <c r="BP532" s="487" t="str">
        <f t="shared" si="113"/>
        <v/>
      </c>
      <c r="BQ532" s="487" t="str">
        <f t="shared" si="113"/>
        <v/>
      </c>
      <c r="BR532" s="487" t="str">
        <f t="shared" si="113"/>
        <v/>
      </c>
      <c r="BS532" s="487" t="str">
        <f t="shared" si="113"/>
        <v/>
      </c>
      <c r="BT532" s="487" t="str">
        <f t="shared" si="113"/>
        <v/>
      </c>
      <c r="BU532" s="487" t="str">
        <f t="shared" si="113"/>
        <v/>
      </c>
      <c r="BV532" s="487" t="str">
        <f t="shared" si="113"/>
        <v/>
      </c>
      <c r="BW532" s="487" t="str">
        <f t="shared" si="112"/>
        <v/>
      </c>
      <c r="BX532" s="487" t="str">
        <f t="shared" si="112"/>
        <v/>
      </c>
      <c r="BY532" s="487" t="str">
        <f t="shared" si="112"/>
        <v/>
      </c>
      <c r="BZ532" s="487" t="str">
        <f t="shared" si="112"/>
        <v/>
      </c>
      <c r="CA532" s="487" t="str">
        <f t="shared" si="112"/>
        <v/>
      </c>
      <c r="CB532" s="487" t="str">
        <f t="shared" si="112"/>
        <v/>
      </c>
      <c r="CC532" s="487" t="str">
        <f t="shared" si="112"/>
        <v/>
      </c>
      <c r="CD532" s="487" t="str">
        <f t="shared" si="112"/>
        <v/>
      </c>
      <c r="CE532" s="487" t="str">
        <f t="shared" si="112"/>
        <v/>
      </c>
      <c r="CF532" s="487" t="str">
        <f t="shared" si="112"/>
        <v/>
      </c>
      <c r="CG532" s="487" t="str">
        <f t="shared" si="112"/>
        <v/>
      </c>
      <c r="CH532" s="487" t="str">
        <f t="shared" si="112"/>
        <v/>
      </c>
      <c r="CI532" s="487" t="str">
        <f t="shared" si="112"/>
        <v/>
      </c>
      <c r="CJ532" s="487" t="str">
        <f t="shared" si="112"/>
        <v/>
      </c>
      <c r="CK532" s="487" t="str">
        <f t="shared" si="112"/>
        <v/>
      </c>
      <c r="CL532" s="487" t="str">
        <f t="shared" si="112"/>
        <v/>
      </c>
      <c r="CM532" s="487"/>
      <c r="CN532" s="487"/>
      <c r="CO532" s="487"/>
      <c r="CP532" s="487"/>
      <c r="CQ532" s="487"/>
      <c r="CR532" s="487"/>
      <c r="CS532" s="487"/>
      <c r="CT532" s="487"/>
      <c r="CU532" s="487"/>
      <c r="CV532" s="487"/>
      <c r="CW532" s="487"/>
      <c r="CX532" s="487"/>
      <c r="CY532" s="487"/>
      <c r="CZ532" s="487"/>
      <c r="DA532" s="487"/>
      <c r="DB532" s="487"/>
      <c r="DC532" s="487"/>
      <c r="DD532" s="487"/>
      <c r="DE532" s="487"/>
      <c r="DF532" s="487"/>
      <c r="DG532" s="487"/>
      <c r="DH532" s="487"/>
      <c r="DI532" s="486"/>
      <c r="DJ532" s="486"/>
      <c r="DK532" s="486"/>
    </row>
    <row r="533" spans="1:115" ht="56.1" hidden="1" customHeight="1" x14ac:dyDescent="0.2">
      <c r="A533" s="499" t="s">
        <v>2494</v>
      </c>
      <c r="B533" s="483" t="s">
        <v>2495</v>
      </c>
      <c r="C533" s="481">
        <v>861</v>
      </c>
      <c r="D533" s="481"/>
      <c r="E533" s="481" t="s">
        <v>2481</v>
      </c>
      <c r="F533" s="482" t="s">
        <v>53</v>
      </c>
      <c r="G533" s="482" t="s">
        <v>655</v>
      </c>
      <c r="H533" s="501" t="s">
        <v>932</v>
      </c>
      <c r="I533" s="501" t="s">
        <v>1225</v>
      </c>
      <c r="J533" s="501" t="s">
        <v>1226</v>
      </c>
      <c r="K533" s="501"/>
      <c r="L533" s="77" t="s">
        <v>58</v>
      </c>
      <c r="M533" s="501" t="s">
        <v>833</v>
      </c>
      <c r="N533" s="501"/>
      <c r="O533" s="501" t="s">
        <v>81</v>
      </c>
      <c r="P533" s="77" t="s">
        <v>77</v>
      </c>
      <c r="Q533" s="77"/>
      <c r="R533" s="500" t="s">
        <v>722</v>
      </c>
      <c r="S533" s="76" t="s">
        <v>63</v>
      </c>
      <c r="T533" s="76" t="s">
        <v>63</v>
      </c>
      <c r="U533" s="508">
        <v>152116.25</v>
      </c>
      <c r="V533" s="508"/>
      <c r="W533" s="494" t="s">
        <v>659</v>
      </c>
      <c r="X533" s="494"/>
      <c r="Y533" s="503">
        <f t="shared" si="108"/>
        <v>152116.25</v>
      </c>
      <c r="Z533" s="76" t="s">
        <v>65</v>
      </c>
      <c r="AA533" s="487"/>
      <c r="AB533" s="487"/>
      <c r="AC533" s="487"/>
      <c r="AD533" s="487"/>
      <c r="AE533" s="487"/>
      <c r="AF533" s="487"/>
      <c r="AG533" s="487"/>
      <c r="AH533" s="487"/>
      <c r="AI533" s="487"/>
      <c r="AJ533" s="487"/>
      <c r="AK533" s="487"/>
      <c r="AL533" s="487"/>
      <c r="AM533" s="487"/>
      <c r="AN533" s="487"/>
      <c r="AO533" s="487"/>
      <c r="AP533" s="487"/>
      <c r="AQ533" s="76"/>
      <c r="AR533" s="487"/>
      <c r="AS533" s="487"/>
      <c r="AT533" s="487"/>
      <c r="AU533" s="76"/>
      <c r="AV533" s="487"/>
      <c r="AW533" s="487"/>
      <c r="AX533" s="487"/>
      <c r="AY533" s="76"/>
      <c r="AZ533" s="487"/>
      <c r="BA533" s="76"/>
      <c r="BB533" s="76"/>
      <c r="BC533" s="487"/>
      <c r="BD533" s="76"/>
      <c r="BE533" s="76"/>
      <c r="BF533" s="80">
        <f t="shared" si="109"/>
        <v>0</v>
      </c>
      <c r="BG533" s="76"/>
      <c r="BH533" s="487" t="str">
        <f t="shared" si="113"/>
        <v/>
      </c>
      <c r="BI533" s="487" t="str">
        <f t="shared" si="113"/>
        <v/>
      </c>
      <c r="BJ533" s="487" t="str">
        <f t="shared" si="113"/>
        <v/>
      </c>
      <c r="BK533" s="487" t="str">
        <f t="shared" si="113"/>
        <v/>
      </c>
      <c r="BL533" s="487" t="str">
        <f t="shared" si="113"/>
        <v/>
      </c>
      <c r="BM533" s="487" t="str">
        <f t="shared" si="113"/>
        <v/>
      </c>
      <c r="BN533" s="487" t="str">
        <f t="shared" si="113"/>
        <v/>
      </c>
      <c r="BO533" s="487" t="str">
        <f t="shared" si="113"/>
        <v/>
      </c>
      <c r="BP533" s="487" t="str">
        <f t="shared" si="113"/>
        <v/>
      </c>
      <c r="BQ533" s="487" t="str">
        <f t="shared" si="113"/>
        <v/>
      </c>
      <c r="BR533" s="487" t="str">
        <f t="shared" si="113"/>
        <v/>
      </c>
      <c r="BS533" s="487" t="str">
        <f t="shared" si="113"/>
        <v/>
      </c>
      <c r="BT533" s="487" t="str">
        <f t="shared" si="113"/>
        <v/>
      </c>
      <c r="BU533" s="487" t="str">
        <f t="shared" si="113"/>
        <v/>
      </c>
      <c r="BV533" s="487" t="str">
        <f t="shared" si="113"/>
        <v/>
      </c>
      <c r="BW533" s="487" t="str">
        <f t="shared" si="112"/>
        <v/>
      </c>
      <c r="BX533" s="487" t="str">
        <f t="shared" si="112"/>
        <v/>
      </c>
      <c r="BY533" s="487" t="str">
        <f t="shared" si="112"/>
        <v/>
      </c>
      <c r="BZ533" s="487" t="str">
        <f t="shared" si="112"/>
        <v/>
      </c>
      <c r="CA533" s="487" t="str">
        <f t="shared" si="112"/>
        <v/>
      </c>
      <c r="CB533" s="487" t="str">
        <f t="shared" si="112"/>
        <v/>
      </c>
      <c r="CC533" s="487" t="str">
        <f t="shared" si="112"/>
        <v/>
      </c>
      <c r="CD533" s="487" t="str">
        <f t="shared" si="112"/>
        <v/>
      </c>
      <c r="CE533" s="487" t="str">
        <f t="shared" si="112"/>
        <v/>
      </c>
      <c r="CF533" s="487" t="str">
        <f t="shared" si="112"/>
        <v/>
      </c>
      <c r="CG533" s="487" t="str">
        <f t="shared" si="112"/>
        <v/>
      </c>
      <c r="CH533" s="487" t="str">
        <f t="shared" si="112"/>
        <v/>
      </c>
      <c r="CI533" s="487" t="str">
        <f t="shared" si="112"/>
        <v/>
      </c>
      <c r="CJ533" s="487" t="str">
        <f t="shared" si="112"/>
        <v/>
      </c>
      <c r="CK533" s="487" t="str">
        <f t="shared" si="112"/>
        <v/>
      </c>
      <c r="CL533" s="487" t="str">
        <f t="shared" si="112"/>
        <v/>
      </c>
      <c r="CM533" s="487"/>
      <c r="CN533" s="487"/>
      <c r="CO533" s="487"/>
      <c r="CP533" s="487"/>
      <c r="CQ533" s="487"/>
      <c r="CR533" s="487"/>
      <c r="CS533" s="487"/>
      <c r="CT533" s="487"/>
      <c r="CU533" s="487"/>
      <c r="CV533" s="487"/>
      <c r="CW533" s="487"/>
      <c r="CX533" s="487"/>
      <c r="CY533" s="487"/>
      <c r="CZ533" s="487"/>
      <c r="DA533" s="487"/>
      <c r="DB533" s="487"/>
      <c r="DC533" s="487"/>
      <c r="DD533" s="487"/>
      <c r="DE533" s="487"/>
      <c r="DF533" s="487"/>
      <c r="DG533" s="487"/>
      <c r="DH533" s="487"/>
      <c r="DI533" s="486"/>
      <c r="DJ533" s="486"/>
      <c r="DK533" s="486"/>
    </row>
    <row r="534" spans="1:115" ht="56.1" hidden="1" customHeight="1" x14ac:dyDescent="0.2">
      <c r="A534" s="499" t="s">
        <v>2494</v>
      </c>
      <c r="B534" s="483" t="s">
        <v>2495</v>
      </c>
      <c r="C534" s="481">
        <v>862</v>
      </c>
      <c r="D534" s="481"/>
      <c r="E534" s="481" t="s">
        <v>2481</v>
      </c>
      <c r="F534" s="482" t="s">
        <v>53</v>
      </c>
      <c r="G534" s="482" t="s">
        <v>655</v>
      </c>
      <c r="H534" s="501" t="s">
        <v>932</v>
      </c>
      <c r="I534" s="501" t="s">
        <v>1227</v>
      </c>
      <c r="J534" s="501" t="s">
        <v>1228</v>
      </c>
      <c r="K534" s="501"/>
      <c r="L534" s="77" t="s">
        <v>58</v>
      </c>
      <c r="M534" s="501" t="s">
        <v>833</v>
      </c>
      <c r="N534" s="501"/>
      <c r="O534" s="501" t="s">
        <v>81</v>
      </c>
      <c r="P534" s="77" t="s">
        <v>77</v>
      </c>
      <c r="Q534" s="77"/>
      <c r="R534" s="500" t="s">
        <v>722</v>
      </c>
      <c r="S534" s="76" t="s">
        <v>63</v>
      </c>
      <c r="T534" s="76" t="s">
        <v>63</v>
      </c>
      <c r="U534" s="508">
        <v>222042.16606000002</v>
      </c>
      <c r="V534" s="508"/>
      <c r="W534" s="494" t="s">
        <v>659</v>
      </c>
      <c r="X534" s="494"/>
      <c r="Y534" s="503">
        <f t="shared" si="108"/>
        <v>222042.16606000002</v>
      </c>
      <c r="Z534" s="76" t="s">
        <v>65</v>
      </c>
      <c r="AA534" s="487"/>
      <c r="AB534" s="487"/>
      <c r="AC534" s="487"/>
      <c r="AD534" s="487"/>
      <c r="AE534" s="487"/>
      <c r="AF534" s="487"/>
      <c r="AG534" s="487"/>
      <c r="AH534" s="487"/>
      <c r="AI534" s="487"/>
      <c r="AJ534" s="487"/>
      <c r="AK534" s="487"/>
      <c r="AL534" s="487"/>
      <c r="AM534" s="487"/>
      <c r="AN534" s="487"/>
      <c r="AO534" s="487"/>
      <c r="AP534" s="487"/>
      <c r="AQ534" s="76"/>
      <c r="AR534" s="487"/>
      <c r="AS534" s="487"/>
      <c r="AT534" s="487"/>
      <c r="AU534" s="76"/>
      <c r="AV534" s="487"/>
      <c r="AW534" s="487"/>
      <c r="AX534" s="487"/>
      <c r="AY534" s="76"/>
      <c r="AZ534" s="487"/>
      <c r="BA534" s="76"/>
      <c r="BB534" s="76"/>
      <c r="BC534" s="487"/>
      <c r="BD534" s="76"/>
      <c r="BE534" s="76"/>
      <c r="BF534" s="80">
        <f t="shared" si="109"/>
        <v>0</v>
      </c>
      <c r="BG534" s="76"/>
      <c r="BH534" s="487" t="str">
        <f t="shared" si="113"/>
        <v/>
      </c>
      <c r="BI534" s="487" t="str">
        <f t="shared" si="113"/>
        <v/>
      </c>
      <c r="BJ534" s="487" t="str">
        <f t="shared" si="113"/>
        <v/>
      </c>
      <c r="BK534" s="487" t="str">
        <f t="shared" si="113"/>
        <v/>
      </c>
      <c r="BL534" s="487" t="str">
        <f t="shared" si="113"/>
        <v/>
      </c>
      <c r="BM534" s="487" t="str">
        <f t="shared" si="113"/>
        <v/>
      </c>
      <c r="BN534" s="487" t="str">
        <f t="shared" si="113"/>
        <v/>
      </c>
      <c r="BO534" s="487" t="str">
        <f t="shared" si="113"/>
        <v/>
      </c>
      <c r="BP534" s="487" t="str">
        <f t="shared" si="113"/>
        <v/>
      </c>
      <c r="BQ534" s="487" t="str">
        <f t="shared" si="113"/>
        <v/>
      </c>
      <c r="BR534" s="487" t="str">
        <f t="shared" si="113"/>
        <v/>
      </c>
      <c r="BS534" s="487" t="str">
        <f t="shared" si="113"/>
        <v/>
      </c>
      <c r="BT534" s="487" t="str">
        <f t="shared" si="113"/>
        <v/>
      </c>
      <c r="BU534" s="487" t="str">
        <f t="shared" si="113"/>
        <v/>
      </c>
      <c r="BV534" s="487" t="str">
        <f t="shared" si="113"/>
        <v/>
      </c>
      <c r="BW534" s="487" t="str">
        <f t="shared" si="112"/>
        <v/>
      </c>
      <c r="BX534" s="487" t="str">
        <f t="shared" si="112"/>
        <v/>
      </c>
      <c r="BY534" s="487" t="str">
        <f t="shared" si="112"/>
        <v/>
      </c>
      <c r="BZ534" s="487" t="str">
        <f t="shared" si="112"/>
        <v/>
      </c>
      <c r="CA534" s="487" t="str">
        <f t="shared" si="112"/>
        <v/>
      </c>
      <c r="CB534" s="487" t="str">
        <f t="shared" si="112"/>
        <v/>
      </c>
      <c r="CC534" s="487" t="str">
        <f t="shared" si="112"/>
        <v/>
      </c>
      <c r="CD534" s="487" t="str">
        <f t="shared" si="112"/>
        <v/>
      </c>
      <c r="CE534" s="487" t="str">
        <f t="shared" si="112"/>
        <v/>
      </c>
      <c r="CF534" s="487" t="str">
        <f t="shared" si="112"/>
        <v/>
      </c>
      <c r="CG534" s="487" t="str">
        <f t="shared" si="112"/>
        <v/>
      </c>
      <c r="CH534" s="487" t="str">
        <f t="shared" si="112"/>
        <v/>
      </c>
      <c r="CI534" s="487" t="str">
        <f t="shared" si="112"/>
        <v/>
      </c>
      <c r="CJ534" s="487" t="str">
        <f t="shared" si="112"/>
        <v/>
      </c>
      <c r="CK534" s="487" t="str">
        <f t="shared" si="112"/>
        <v/>
      </c>
      <c r="CL534" s="487" t="str">
        <f t="shared" si="112"/>
        <v/>
      </c>
      <c r="CM534" s="487"/>
      <c r="CN534" s="487"/>
      <c r="CO534" s="487"/>
      <c r="CP534" s="487"/>
      <c r="CQ534" s="487"/>
      <c r="CR534" s="487"/>
      <c r="CS534" s="487"/>
      <c r="CT534" s="487"/>
      <c r="CU534" s="487"/>
      <c r="CV534" s="487"/>
      <c r="CW534" s="487"/>
      <c r="CX534" s="487"/>
      <c r="CY534" s="487"/>
      <c r="CZ534" s="487"/>
      <c r="DA534" s="487"/>
      <c r="DB534" s="487"/>
      <c r="DC534" s="487"/>
      <c r="DD534" s="487"/>
      <c r="DE534" s="487"/>
      <c r="DF534" s="487"/>
      <c r="DG534" s="487"/>
      <c r="DH534" s="487"/>
      <c r="DI534" s="486"/>
      <c r="DJ534" s="486"/>
      <c r="DK534" s="486"/>
    </row>
    <row r="535" spans="1:115" ht="56.1" hidden="1" customHeight="1" x14ac:dyDescent="0.2">
      <c r="A535" s="499" t="s">
        <v>2494</v>
      </c>
      <c r="B535" s="483" t="s">
        <v>2495</v>
      </c>
      <c r="C535" s="481">
        <v>863</v>
      </c>
      <c r="D535" s="481"/>
      <c r="E535" s="481" t="s">
        <v>2481</v>
      </c>
      <c r="F535" s="482" t="s">
        <v>53</v>
      </c>
      <c r="G535" s="482" t="s">
        <v>655</v>
      </c>
      <c r="H535" s="501" t="s">
        <v>932</v>
      </c>
      <c r="I535" s="501" t="s">
        <v>1229</v>
      </c>
      <c r="J535" s="501" t="s">
        <v>1230</v>
      </c>
      <c r="K535" s="501"/>
      <c r="L535" s="77" t="s">
        <v>58</v>
      </c>
      <c r="M535" s="501" t="s">
        <v>833</v>
      </c>
      <c r="N535" s="501"/>
      <c r="O535" s="501" t="s">
        <v>81</v>
      </c>
      <c r="P535" s="77" t="s">
        <v>77</v>
      </c>
      <c r="Q535" s="77"/>
      <c r="R535" s="500" t="s">
        <v>722</v>
      </c>
      <c r="S535" s="76" t="s">
        <v>63</v>
      </c>
      <c r="T535" s="76" t="s">
        <v>63</v>
      </c>
      <c r="U535" s="508">
        <v>4522.375</v>
      </c>
      <c r="V535" s="508"/>
      <c r="W535" s="494" t="s">
        <v>659</v>
      </c>
      <c r="X535" s="494"/>
      <c r="Y535" s="503">
        <f t="shared" si="108"/>
        <v>4522.375</v>
      </c>
      <c r="Z535" s="76" t="s">
        <v>65</v>
      </c>
      <c r="AA535" s="487"/>
      <c r="AB535" s="487"/>
      <c r="AC535" s="487"/>
      <c r="AD535" s="487"/>
      <c r="AE535" s="487"/>
      <c r="AF535" s="487"/>
      <c r="AG535" s="487"/>
      <c r="AH535" s="487"/>
      <c r="AI535" s="487"/>
      <c r="AJ535" s="487"/>
      <c r="AK535" s="487"/>
      <c r="AL535" s="487"/>
      <c r="AM535" s="487"/>
      <c r="AN535" s="487"/>
      <c r="AO535" s="487"/>
      <c r="AP535" s="487"/>
      <c r="AQ535" s="76"/>
      <c r="AR535" s="487"/>
      <c r="AS535" s="487"/>
      <c r="AT535" s="487"/>
      <c r="AU535" s="76"/>
      <c r="AV535" s="487"/>
      <c r="AW535" s="487"/>
      <c r="AX535" s="487"/>
      <c r="AY535" s="76"/>
      <c r="AZ535" s="487"/>
      <c r="BA535" s="76"/>
      <c r="BB535" s="76"/>
      <c r="BC535" s="487"/>
      <c r="BD535" s="76"/>
      <c r="BE535" s="76"/>
      <c r="BF535" s="80">
        <f t="shared" si="109"/>
        <v>0</v>
      </c>
      <c r="BG535" s="76"/>
      <c r="BH535" s="487" t="str">
        <f t="shared" si="113"/>
        <v/>
      </c>
      <c r="BI535" s="487" t="str">
        <f t="shared" si="113"/>
        <v/>
      </c>
      <c r="BJ535" s="487" t="str">
        <f t="shared" si="113"/>
        <v/>
      </c>
      <c r="BK535" s="487" t="str">
        <f t="shared" si="113"/>
        <v/>
      </c>
      <c r="BL535" s="487" t="str">
        <f t="shared" si="113"/>
        <v/>
      </c>
      <c r="BM535" s="487" t="str">
        <f t="shared" si="113"/>
        <v/>
      </c>
      <c r="BN535" s="487" t="str">
        <f t="shared" si="113"/>
        <v/>
      </c>
      <c r="BO535" s="487" t="str">
        <f t="shared" si="113"/>
        <v/>
      </c>
      <c r="BP535" s="487" t="str">
        <f t="shared" si="113"/>
        <v/>
      </c>
      <c r="BQ535" s="487" t="str">
        <f t="shared" si="113"/>
        <v/>
      </c>
      <c r="BR535" s="487" t="str">
        <f t="shared" si="113"/>
        <v/>
      </c>
      <c r="BS535" s="487" t="str">
        <f t="shared" si="113"/>
        <v/>
      </c>
      <c r="BT535" s="487" t="str">
        <f t="shared" si="113"/>
        <v/>
      </c>
      <c r="BU535" s="487" t="str">
        <f t="shared" si="113"/>
        <v/>
      </c>
      <c r="BV535" s="487" t="str">
        <f t="shared" si="113"/>
        <v/>
      </c>
      <c r="BW535" s="487" t="str">
        <f t="shared" si="112"/>
        <v/>
      </c>
      <c r="BX535" s="487" t="str">
        <f t="shared" si="112"/>
        <v/>
      </c>
      <c r="BY535" s="487" t="str">
        <f t="shared" si="112"/>
        <v/>
      </c>
      <c r="BZ535" s="487" t="str">
        <f t="shared" si="112"/>
        <v/>
      </c>
      <c r="CA535" s="487" t="str">
        <f t="shared" si="112"/>
        <v/>
      </c>
      <c r="CB535" s="487" t="str">
        <f t="shared" si="112"/>
        <v/>
      </c>
      <c r="CC535" s="487" t="str">
        <f t="shared" si="112"/>
        <v/>
      </c>
      <c r="CD535" s="487" t="str">
        <f t="shared" si="112"/>
        <v/>
      </c>
      <c r="CE535" s="487" t="str">
        <f t="shared" si="112"/>
        <v/>
      </c>
      <c r="CF535" s="487" t="str">
        <f t="shared" si="112"/>
        <v/>
      </c>
      <c r="CG535" s="487" t="str">
        <f t="shared" si="112"/>
        <v/>
      </c>
      <c r="CH535" s="487" t="str">
        <f t="shared" si="112"/>
        <v/>
      </c>
      <c r="CI535" s="487" t="str">
        <f t="shared" si="112"/>
        <v/>
      </c>
      <c r="CJ535" s="487" t="str">
        <f t="shared" si="112"/>
        <v/>
      </c>
      <c r="CK535" s="487" t="str">
        <f t="shared" si="112"/>
        <v/>
      </c>
      <c r="CL535" s="487" t="str">
        <f t="shared" si="112"/>
        <v/>
      </c>
      <c r="CM535" s="487"/>
      <c r="CN535" s="487"/>
      <c r="CO535" s="487"/>
      <c r="CP535" s="487"/>
      <c r="CQ535" s="487"/>
      <c r="CR535" s="487"/>
      <c r="CS535" s="487"/>
      <c r="CT535" s="487"/>
      <c r="CU535" s="487"/>
      <c r="CV535" s="487"/>
      <c r="CW535" s="487"/>
      <c r="CX535" s="487"/>
      <c r="CY535" s="487"/>
      <c r="CZ535" s="487"/>
      <c r="DA535" s="487"/>
      <c r="DB535" s="487"/>
      <c r="DC535" s="487"/>
      <c r="DD535" s="487"/>
      <c r="DE535" s="487"/>
      <c r="DF535" s="487"/>
      <c r="DG535" s="487"/>
      <c r="DH535" s="487"/>
      <c r="DI535" s="486"/>
      <c r="DJ535" s="486"/>
      <c r="DK535" s="486"/>
    </row>
    <row r="536" spans="1:115" ht="56.1" hidden="1" customHeight="1" x14ac:dyDescent="0.2">
      <c r="A536" s="499" t="s">
        <v>2494</v>
      </c>
      <c r="B536" s="483" t="s">
        <v>2495</v>
      </c>
      <c r="C536" s="481">
        <v>864</v>
      </c>
      <c r="D536" s="481"/>
      <c r="E536" s="481" t="s">
        <v>2481</v>
      </c>
      <c r="F536" s="482" t="s">
        <v>53</v>
      </c>
      <c r="G536" s="482" t="s">
        <v>655</v>
      </c>
      <c r="H536" s="501" t="s">
        <v>932</v>
      </c>
      <c r="I536" s="501" t="s">
        <v>1231</v>
      </c>
      <c r="J536" s="501" t="s">
        <v>1232</v>
      </c>
      <c r="K536" s="501"/>
      <c r="L536" s="77" t="s">
        <v>58</v>
      </c>
      <c r="M536" s="501" t="s">
        <v>833</v>
      </c>
      <c r="N536" s="501"/>
      <c r="O536" s="501" t="s">
        <v>81</v>
      </c>
      <c r="P536" s="77" t="s">
        <v>77</v>
      </c>
      <c r="Q536" s="77"/>
      <c r="R536" s="500" t="s">
        <v>722</v>
      </c>
      <c r="S536" s="76" t="s">
        <v>63</v>
      </c>
      <c r="T536" s="76" t="s">
        <v>63</v>
      </c>
      <c r="U536" s="508">
        <v>388.513125</v>
      </c>
      <c r="V536" s="508"/>
      <c r="W536" s="494" t="s">
        <v>659</v>
      </c>
      <c r="X536" s="494"/>
      <c r="Y536" s="503">
        <f t="shared" si="108"/>
        <v>388.513125</v>
      </c>
      <c r="Z536" s="76" t="s">
        <v>65</v>
      </c>
      <c r="AA536" s="487"/>
      <c r="AB536" s="487"/>
      <c r="AC536" s="487"/>
      <c r="AD536" s="487"/>
      <c r="AE536" s="487"/>
      <c r="AF536" s="487"/>
      <c r="AG536" s="487"/>
      <c r="AH536" s="487"/>
      <c r="AI536" s="487"/>
      <c r="AJ536" s="487"/>
      <c r="AK536" s="487"/>
      <c r="AL536" s="487"/>
      <c r="AM536" s="487"/>
      <c r="AN536" s="487"/>
      <c r="AO536" s="487"/>
      <c r="AP536" s="487"/>
      <c r="AQ536" s="76"/>
      <c r="AR536" s="487"/>
      <c r="AS536" s="487"/>
      <c r="AT536" s="487"/>
      <c r="AU536" s="76"/>
      <c r="AV536" s="487"/>
      <c r="AW536" s="487"/>
      <c r="AX536" s="487"/>
      <c r="AY536" s="76"/>
      <c r="AZ536" s="487"/>
      <c r="BA536" s="76"/>
      <c r="BB536" s="76"/>
      <c r="BC536" s="487"/>
      <c r="BD536" s="76"/>
      <c r="BE536" s="76"/>
      <c r="BF536" s="80">
        <f t="shared" si="109"/>
        <v>0</v>
      </c>
      <c r="BG536" s="76"/>
      <c r="BH536" s="487" t="str">
        <f t="shared" si="113"/>
        <v/>
      </c>
      <c r="BI536" s="487" t="str">
        <f t="shared" si="113"/>
        <v/>
      </c>
      <c r="BJ536" s="487" t="str">
        <f t="shared" si="113"/>
        <v/>
      </c>
      <c r="BK536" s="487" t="str">
        <f t="shared" si="113"/>
        <v/>
      </c>
      <c r="BL536" s="487" t="str">
        <f t="shared" si="113"/>
        <v/>
      </c>
      <c r="BM536" s="487" t="str">
        <f t="shared" si="113"/>
        <v/>
      </c>
      <c r="BN536" s="487" t="str">
        <f t="shared" si="113"/>
        <v/>
      </c>
      <c r="BO536" s="487" t="str">
        <f t="shared" si="113"/>
        <v/>
      </c>
      <c r="BP536" s="487" t="str">
        <f t="shared" si="113"/>
        <v/>
      </c>
      <c r="BQ536" s="487" t="str">
        <f t="shared" si="113"/>
        <v/>
      </c>
      <c r="BR536" s="487" t="str">
        <f t="shared" si="113"/>
        <v/>
      </c>
      <c r="BS536" s="487" t="str">
        <f t="shared" si="113"/>
        <v/>
      </c>
      <c r="BT536" s="487" t="str">
        <f t="shared" si="113"/>
        <v/>
      </c>
      <c r="BU536" s="487" t="str">
        <f t="shared" si="113"/>
        <v/>
      </c>
      <c r="BV536" s="487" t="str">
        <f t="shared" si="113"/>
        <v/>
      </c>
      <c r="BW536" s="487" t="str">
        <f t="shared" si="112"/>
        <v/>
      </c>
      <c r="BX536" s="487" t="str">
        <f t="shared" si="112"/>
        <v/>
      </c>
      <c r="BY536" s="487" t="str">
        <f t="shared" si="112"/>
        <v/>
      </c>
      <c r="BZ536" s="487" t="str">
        <f t="shared" si="112"/>
        <v/>
      </c>
      <c r="CA536" s="487" t="str">
        <f t="shared" si="112"/>
        <v/>
      </c>
      <c r="CB536" s="487" t="str">
        <f t="shared" si="112"/>
        <v/>
      </c>
      <c r="CC536" s="487" t="str">
        <f t="shared" si="112"/>
        <v/>
      </c>
      <c r="CD536" s="487" t="str">
        <f t="shared" si="112"/>
        <v/>
      </c>
      <c r="CE536" s="487" t="str">
        <f t="shared" si="112"/>
        <v/>
      </c>
      <c r="CF536" s="487" t="str">
        <f t="shared" si="112"/>
        <v/>
      </c>
      <c r="CG536" s="487" t="str">
        <f t="shared" si="112"/>
        <v/>
      </c>
      <c r="CH536" s="487" t="str">
        <f t="shared" si="112"/>
        <v/>
      </c>
      <c r="CI536" s="487" t="str">
        <f t="shared" si="112"/>
        <v/>
      </c>
      <c r="CJ536" s="487" t="str">
        <f t="shared" si="112"/>
        <v/>
      </c>
      <c r="CK536" s="487" t="str">
        <f t="shared" si="112"/>
        <v/>
      </c>
      <c r="CL536" s="487" t="str">
        <f t="shared" si="112"/>
        <v/>
      </c>
      <c r="CM536" s="487"/>
      <c r="CN536" s="487"/>
      <c r="CO536" s="487"/>
      <c r="CP536" s="487"/>
      <c r="CQ536" s="487"/>
      <c r="CR536" s="487"/>
      <c r="CS536" s="487"/>
      <c r="CT536" s="487"/>
      <c r="CU536" s="487"/>
      <c r="CV536" s="487"/>
      <c r="CW536" s="487"/>
      <c r="CX536" s="487"/>
      <c r="CY536" s="487"/>
      <c r="CZ536" s="487"/>
      <c r="DA536" s="487"/>
      <c r="DB536" s="487"/>
      <c r="DC536" s="487"/>
      <c r="DD536" s="487"/>
      <c r="DE536" s="487"/>
      <c r="DF536" s="487"/>
      <c r="DG536" s="487"/>
      <c r="DH536" s="487"/>
      <c r="DI536" s="486"/>
      <c r="DJ536" s="486"/>
      <c r="DK536" s="486"/>
    </row>
    <row r="537" spans="1:115" ht="56.1" hidden="1" customHeight="1" x14ac:dyDescent="0.2">
      <c r="A537" s="499" t="s">
        <v>2494</v>
      </c>
      <c r="B537" s="483" t="s">
        <v>2495</v>
      </c>
      <c r="C537" s="481">
        <v>865</v>
      </c>
      <c r="D537" s="481"/>
      <c r="E537" s="481" t="s">
        <v>2481</v>
      </c>
      <c r="F537" s="482" t="s">
        <v>53</v>
      </c>
      <c r="G537" s="482" t="s">
        <v>655</v>
      </c>
      <c r="H537" s="501" t="s">
        <v>932</v>
      </c>
      <c r="I537" s="501" t="s">
        <v>1233</v>
      </c>
      <c r="J537" s="501" t="s">
        <v>1234</v>
      </c>
      <c r="K537" s="501"/>
      <c r="L537" s="77" t="s">
        <v>58</v>
      </c>
      <c r="M537" s="501" t="s">
        <v>833</v>
      </c>
      <c r="N537" s="501"/>
      <c r="O537" s="501" t="s">
        <v>81</v>
      </c>
      <c r="P537" s="77" t="s">
        <v>77</v>
      </c>
      <c r="Q537" s="77"/>
      <c r="R537" s="500" t="s">
        <v>722</v>
      </c>
      <c r="S537" s="76" t="s">
        <v>63</v>
      </c>
      <c r="T537" s="76" t="s">
        <v>63</v>
      </c>
      <c r="U537" s="508">
        <v>129504.375</v>
      </c>
      <c r="V537" s="508"/>
      <c r="W537" s="494" t="s">
        <v>659</v>
      </c>
      <c r="X537" s="494"/>
      <c r="Y537" s="503">
        <f t="shared" si="108"/>
        <v>129504.375</v>
      </c>
      <c r="Z537" s="76" t="s">
        <v>65</v>
      </c>
      <c r="AA537" s="487"/>
      <c r="AB537" s="487"/>
      <c r="AC537" s="487"/>
      <c r="AD537" s="487"/>
      <c r="AE537" s="487"/>
      <c r="AF537" s="487"/>
      <c r="AG537" s="487"/>
      <c r="AH537" s="487"/>
      <c r="AI537" s="487"/>
      <c r="AJ537" s="487"/>
      <c r="AK537" s="487"/>
      <c r="AL537" s="487"/>
      <c r="AM537" s="487"/>
      <c r="AN537" s="487"/>
      <c r="AO537" s="487"/>
      <c r="AP537" s="487"/>
      <c r="AQ537" s="76"/>
      <c r="AR537" s="487"/>
      <c r="AS537" s="487"/>
      <c r="AT537" s="487"/>
      <c r="AU537" s="76"/>
      <c r="AV537" s="487"/>
      <c r="AW537" s="487"/>
      <c r="AX537" s="487"/>
      <c r="AY537" s="76"/>
      <c r="AZ537" s="487"/>
      <c r="BA537" s="76"/>
      <c r="BB537" s="76"/>
      <c r="BC537" s="487"/>
      <c r="BD537" s="76"/>
      <c r="BE537" s="76"/>
      <c r="BF537" s="80">
        <f t="shared" si="109"/>
        <v>0</v>
      </c>
      <c r="BG537" s="76"/>
      <c r="BH537" s="487" t="str">
        <f t="shared" si="113"/>
        <v/>
      </c>
      <c r="BI537" s="487" t="str">
        <f t="shared" si="113"/>
        <v/>
      </c>
      <c r="BJ537" s="487" t="str">
        <f t="shared" si="113"/>
        <v/>
      </c>
      <c r="BK537" s="487" t="str">
        <f t="shared" si="113"/>
        <v/>
      </c>
      <c r="BL537" s="487" t="str">
        <f t="shared" si="113"/>
        <v/>
      </c>
      <c r="BM537" s="487" t="str">
        <f t="shared" si="113"/>
        <v/>
      </c>
      <c r="BN537" s="487" t="str">
        <f t="shared" si="113"/>
        <v/>
      </c>
      <c r="BO537" s="487" t="str">
        <f t="shared" si="113"/>
        <v/>
      </c>
      <c r="BP537" s="487" t="str">
        <f t="shared" si="113"/>
        <v/>
      </c>
      <c r="BQ537" s="487" t="str">
        <f t="shared" si="113"/>
        <v/>
      </c>
      <c r="BR537" s="487" t="str">
        <f t="shared" si="113"/>
        <v/>
      </c>
      <c r="BS537" s="487" t="str">
        <f t="shared" si="113"/>
        <v/>
      </c>
      <c r="BT537" s="487" t="str">
        <f t="shared" si="113"/>
        <v/>
      </c>
      <c r="BU537" s="487" t="str">
        <f t="shared" si="113"/>
        <v/>
      </c>
      <c r="BV537" s="487" t="str">
        <f t="shared" si="113"/>
        <v/>
      </c>
      <c r="BW537" s="487" t="str">
        <f t="shared" si="112"/>
        <v/>
      </c>
      <c r="BX537" s="487" t="str">
        <f t="shared" si="112"/>
        <v/>
      </c>
      <c r="BY537" s="487" t="str">
        <f t="shared" si="112"/>
        <v/>
      </c>
      <c r="BZ537" s="487" t="str">
        <f t="shared" si="112"/>
        <v/>
      </c>
      <c r="CA537" s="487" t="str">
        <f t="shared" si="112"/>
        <v/>
      </c>
      <c r="CB537" s="487" t="str">
        <f t="shared" si="112"/>
        <v/>
      </c>
      <c r="CC537" s="487" t="str">
        <f t="shared" si="112"/>
        <v/>
      </c>
      <c r="CD537" s="487" t="str">
        <f t="shared" si="112"/>
        <v/>
      </c>
      <c r="CE537" s="487" t="str">
        <f t="shared" si="112"/>
        <v/>
      </c>
      <c r="CF537" s="487" t="str">
        <f t="shared" si="112"/>
        <v/>
      </c>
      <c r="CG537" s="487" t="str">
        <f t="shared" si="112"/>
        <v/>
      </c>
      <c r="CH537" s="487" t="str">
        <f t="shared" si="112"/>
        <v/>
      </c>
      <c r="CI537" s="487" t="str">
        <f t="shared" si="112"/>
        <v/>
      </c>
      <c r="CJ537" s="487" t="str">
        <f t="shared" si="112"/>
        <v/>
      </c>
      <c r="CK537" s="487" t="str">
        <f t="shared" si="112"/>
        <v/>
      </c>
      <c r="CL537" s="487" t="str">
        <f t="shared" si="112"/>
        <v/>
      </c>
      <c r="CM537" s="487"/>
      <c r="CN537" s="487"/>
      <c r="CO537" s="487"/>
      <c r="CP537" s="487"/>
      <c r="CQ537" s="487"/>
      <c r="CR537" s="487"/>
      <c r="CS537" s="487"/>
      <c r="CT537" s="487"/>
      <c r="CU537" s="487"/>
      <c r="CV537" s="487"/>
      <c r="CW537" s="487"/>
      <c r="CX537" s="487"/>
      <c r="CY537" s="487"/>
      <c r="CZ537" s="487"/>
      <c r="DA537" s="487"/>
      <c r="DB537" s="487"/>
      <c r="DC537" s="487"/>
      <c r="DD537" s="487"/>
      <c r="DE537" s="487"/>
      <c r="DF537" s="487"/>
      <c r="DG537" s="487"/>
      <c r="DH537" s="487"/>
      <c r="DI537" s="486"/>
      <c r="DJ537" s="486"/>
      <c r="DK537" s="486"/>
    </row>
    <row r="538" spans="1:115" ht="56.1" hidden="1" customHeight="1" x14ac:dyDescent="0.2">
      <c r="A538" s="499" t="s">
        <v>2494</v>
      </c>
      <c r="B538" s="483" t="s">
        <v>2495</v>
      </c>
      <c r="C538" s="481">
        <v>866</v>
      </c>
      <c r="D538" s="481"/>
      <c r="E538" s="481" t="s">
        <v>2481</v>
      </c>
      <c r="F538" s="482" t="s">
        <v>53</v>
      </c>
      <c r="G538" s="482" t="s">
        <v>655</v>
      </c>
      <c r="H538" s="501" t="s">
        <v>932</v>
      </c>
      <c r="I538" s="501" t="s">
        <v>1235</v>
      </c>
      <c r="J538" s="501" t="s">
        <v>1236</v>
      </c>
      <c r="K538" s="501"/>
      <c r="L538" s="77" t="s">
        <v>58</v>
      </c>
      <c r="M538" s="501" t="s">
        <v>833</v>
      </c>
      <c r="N538" s="501"/>
      <c r="O538" s="501" t="s">
        <v>81</v>
      </c>
      <c r="P538" s="77" t="s">
        <v>77</v>
      </c>
      <c r="Q538" s="77"/>
      <c r="R538" s="500" t="s">
        <v>722</v>
      </c>
      <c r="S538" s="76" t="s">
        <v>63</v>
      </c>
      <c r="T538" s="76" t="s">
        <v>63</v>
      </c>
      <c r="U538" s="508">
        <v>71570.416060000003</v>
      </c>
      <c r="V538" s="508"/>
      <c r="W538" s="494" t="s">
        <v>659</v>
      </c>
      <c r="X538" s="494"/>
      <c r="Y538" s="503">
        <f t="shared" si="108"/>
        <v>71570.416060000003</v>
      </c>
      <c r="Z538" s="76" t="s">
        <v>65</v>
      </c>
      <c r="AA538" s="487"/>
      <c r="AB538" s="487"/>
      <c r="AC538" s="487"/>
      <c r="AD538" s="487"/>
      <c r="AE538" s="487"/>
      <c r="AF538" s="487"/>
      <c r="AG538" s="487"/>
      <c r="AH538" s="487"/>
      <c r="AI538" s="487"/>
      <c r="AJ538" s="487"/>
      <c r="AK538" s="487"/>
      <c r="AL538" s="487"/>
      <c r="AM538" s="487"/>
      <c r="AN538" s="487"/>
      <c r="AO538" s="487"/>
      <c r="AP538" s="487"/>
      <c r="AQ538" s="76"/>
      <c r="AR538" s="487"/>
      <c r="AS538" s="487"/>
      <c r="AT538" s="487"/>
      <c r="AU538" s="76"/>
      <c r="AV538" s="487"/>
      <c r="AW538" s="487"/>
      <c r="AX538" s="487"/>
      <c r="AY538" s="76"/>
      <c r="AZ538" s="487"/>
      <c r="BA538" s="76"/>
      <c r="BB538" s="76"/>
      <c r="BC538" s="487"/>
      <c r="BD538" s="76"/>
      <c r="BE538" s="76"/>
      <c r="BF538" s="80">
        <f t="shared" si="109"/>
        <v>0</v>
      </c>
      <c r="BG538" s="76"/>
      <c r="BH538" s="487" t="str">
        <f t="shared" si="113"/>
        <v/>
      </c>
      <c r="BI538" s="487" t="str">
        <f t="shared" si="113"/>
        <v/>
      </c>
      <c r="BJ538" s="487" t="str">
        <f t="shared" si="113"/>
        <v/>
      </c>
      <c r="BK538" s="487" t="str">
        <f t="shared" si="113"/>
        <v/>
      </c>
      <c r="BL538" s="487" t="str">
        <f t="shared" si="113"/>
        <v/>
      </c>
      <c r="BM538" s="487" t="str">
        <f t="shared" si="113"/>
        <v/>
      </c>
      <c r="BN538" s="487" t="str">
        <f t="shared" si="113"/>
        <v/>
      </c>
      <c r="BO538" s="487" t="str">
        <f t="shared" si="113"/>
        <v/>
      </c>
      <c r="BP538" s="487" t="str">
        <f t="shared" si="113"/>
        <v/>
      </c>
      <c r="BQ538" s="487" t="str">
        <f t="shared" si="113"/>
        <v/>
      </c>
      <c r="BR538" s="487" t="str">
        <f t="shared" si="113"/>
        <v/>
      </c>
      <c r="BS538" s="487" t="str">
        <f t="shared" si="113"/>
        <v/>
      </c>
      <c r="BT538" s="487" t="str">
        <f t="shared" si="113"/>
        <v/>
      </c>
      <c r="BU538" s="487" t="str">
        <f t="shared" si="113"/>
        <v/>
      </c>
      <c r="BV538" s="487" t="str">
        <f t="shared" si="113"/>
        <v/>
      </c>
      <c r="BW538" s="487" t="str">
        <f t="shared" si="112"/>
        <v/>
      </c>
      <c r="BX538" s="487" t="str">
        <f t="shared" si="112"/>
        <v/>
      </c>
      <c r="BY538" s="487" t="str">
        <f t="shared" si="112"/>
        <v/>
      </c>
      <c r="BZ538" s="487" t="str">
        <f t="shared" si="112"/>
        <v/>
      </c>
      <c r="CA538" s="487" t="str">
        <f t="shared" si="112"/>
        <v/>
      </c>
      <c r="CB538" s="487" t="str">
        <f t="shared" si="112"/>
        <v/>
      </c>
      <c r="CC538" s="487" t="str">
        <f t="shared" si="112"/>
        <v/>
      </c>
      <c r="CD538" s="487" t="str">
        <f t="shared" si="112"/>
        <v/>
      </c>
      <c r="CE538" s="487" t="str">
        <f t="shared" si="112"/>
        <v/>
      </c>
      <c r="CF538" s="487" t="str">
        <f t="shared" si="112"/>
        <v/>
      </c>
      <c r="CG538" s="487" t="str">
        <f t="shared" si="112"/>
        <v/>
      </c>
      <c r="CH538" s="487" t="str">
        <f t="shared" si="112"/>
        <v/>
      </c>
      <c r="CI538" s="487" t="str">
        <f t="shared" si="112"/>
        <v/>
      </c>
      <c r="CJ538" s="487" t="str">
        <f t="shared" si="112"/>
        <v/>
      </c>
      <c r="CK538" s="487" t="str">
        <f t="shared" si="112"/>
        <v/>
      </c>
      <c r="CL538" s="487" t="str">
        <f t="shared" si="112"/>
        <v/>
      </c>
      <c r="CM538" s="487"/>
      <c r="CN538" s="487"/>
      <c r="CO538" s="487"/>
      <c r="CP538" s="487"/>
      <c r="CQ538" s="487"/>
      <c r="CR538" s="487"/>
      <c r="CS538" s="487"/>
      <c r="CT538" s="487"/>
      <c r="CU538" s="487"/>
      <c r="CV538" s="487"/>
      <c r="CW538" s="487"/>
      <c r="CX538" s="487"/>
      <c r="CY538" s="487"/>
      <c r="CZ538" s="487"/>
      <c r="DA538" s="487"/>
      <c r="DB538" s="487"/>
      <c r="DC538" s="487"/>
      <c r="DD538" s="487"/>
      <c r="DE538" s="487"/>
      <c r="DF538" s="487"/>
      <c r="DG538" s="487"/>
      <c r="DH538" s="487"/>
      <c r="DI538" s="486"/>
      <c r="DJ538" s="486"/>
      <c r="DK538" s="486"/>
    </row>
    <row r="539" spans="1:115" ht="56.1" hidden="1" customHeight="1" x14ac:dyDescent="0.2">
      <c r="A539" s="499" t="s">
        <v>2494</v>
      </c>
      <c r="B539" s="483" t="s">
        <v>2495</v>
      </c>
      <c r="C539" s="481">
        <v>867</v>
      </c>
      <c r="D539" s="481"/>
      <c r="E539" s="481" t="s">
        <v>2481</v>
      </c>
      <c r="F539" s="482" t="s">
        <v>53</v>
      </c>
      <c r="G539" s="482" t="s">
        <v>655</v>
      </c>
      <c r="H539" s="501" t="s">
        <v>932</v>
      </c>
      <c r="I539" s="501" t="s">
        <v>1237</v>
      </c>
      <c r="J539" s="501" t="s">
        <v>1238</v>
      </c>
      <c r="K539" s="501"/>
      <c r="L539" s="77" t="s">
        <v>58</v>
      </c>
      <c r="M539" s="501" t="s">
        <v>833</v>
      </c>
      <c r="N539" s="501"/>
      <c r="O539" s="501" t="s">
        <v>81</v>
      </c>
      <c r="P539" s="77" t="s">
        <v>77</v>
      </c>
      <c r="Q539" s="77"/>
      <c r="R539" s="500" t="s">
        <v>722</v>
      </c>
      <c r="S539" s="76" t="s">
        <v>63</v>
      </c>
      <c r="T539" s="76" t="s">
        <v>63</v>
      </c>
      <c r="U539" s="508">
        <v>417830.03762499994</v>
      </c>
      <c r="V539" s="508"/>
      <c r="W539" s="494" t="s">
        <v>659</v>
      </c>
      <c r="X539" s="494"/>
      <c r="Y539" s="503">
        <f t="shared" si="108"/>
        <v>417830.03762499994</v>
      </c>
      <c r="Z539" s="76" t="s">
        <v>65</v>
      </c>
      <c r="AA539" s="487"/>
      <c r="AB539" s="487"/>
      <c r="AC539" s="487"/>
      <c r="AD539" s="487"/>
      <c r="AE539" s="487"/>
      <c r="AF539" s="487"/>
      <c r="AG539" s="487"/>
      <c r="AH539" s="487"/>
      <c r="AI539" s="487"/>
      <c r="AJ539" s="487"/>
      <c r="AK539" s="487"/>
      <c r="AL539" s="487"/>
      <c r="AM539" s="487"/>
      <c r="AN539" s="487"/>
      <c r="AO539" s="487"/>
      <c r="AP539" s="487"/>
      <c r="AQ539" s="76"/>
      <c r="AR539" s="487"/>
      <c r="AS539" s="487"/>
      <c r="AT539" s="487"/>
      <c r="AU539" s="76"/>
      <c r="AV539" s="487"/>
      <c r="AW539" s="487"/>
      <c r="AX539" s="487"/>
      <c r="AY539" s="76"/>
      <c r="AZ539" s="487"/>
      <c r="BA539" s="76"/>
      <c r="BB539" s="76"/>
      <c r="BC539" s="487"/>
      <c r="BD539" s="76"/>
      <c r="BE539" s="76"/>
      <c r="BF539" s="80">
        <f t="shared" si="109"/>
        <v>0</v>
      </c>
      <c r="BG539" s="76"/>
      <c r="BH539" s="487" t="str">
        <f t="shared" si="113"/>
        <v/>
      </c>
      <c r="BI539" s="487" t="str">
        <f t="shared" si="113"/>
        <v/>
      </c>
      <c r="BJ539" s="487" t="str">
        <f t="shared" si="113"/>
        <v/>
      </c>
      <c r="BK539" s="487" t="str">
        <f t="shared" si="113"/>
        <v/>
      </c>
      <c r="BL539" s="487" t="str">
        <f t="shared" si="113"/>
        <v/>
      </c>
      <c r="BM539" s="487" t="str">
        <f t="shared" si="113"/>
        <v/>
      </c>
      <c r="BN539" s="487" t="str">
        <f t="shared" si="113"/>
        <v/>
      </c>
      <c r="BO539" s="487" t="str">
        <f t="shared" si="113"/>
        <v/>
      </c>
      <c r="BP539" s="487" t="str">
        <f t="shared" si="113"/>
        <v/>
      </c>
      <c r="BQ539" s="487" t="str">
        <f t="shared" si="113"/>
        <v/>
      </c>
      <c r="BR539" s="487" t="str">
        <f t="shared" si="113"/>
        <v/>
      </c>
      <c r="BS539" s="487" t="str">
        <f t="shared" si="113"/>
        <v/>
      </c>
      <c r="BT539" s="487" t="str">
        <f t="shared" si="113"/>
        <v/>
      </c>
      <c r="BU539" s="487" t="str">
        <f t="shared" si="113"/>
        <v/>
      </c>
      <c r="BV539" s="487" t="str">
        <f t="shared" si="113"/>
        <v/>
      </c>
      <c r="BW539" s="487" t="str">
        <f t="shared" si="112"/>
        <v/>
      </c>
      <c r="BX539" s="487" t="str">
        <f t="shared" si="112"/>
        <v/>
      </c>
      <c r="BY539" s="487" t="str">
        <f t="shared" si="112"/>
        <v/>
      </c>
      <c r="BZ539" s="487" t="str">
        <f t="shared" si="112"/>
        <v/>
      </c>
      <c r="CA539" s="487" t="str">
        <f t="shared" si="112"/>
        <v/>
      </c>
      <c r="CB539" s="487" t="str">
        <f t="shared" si="112"/>
        <v/>
      </c>
      <c r="CC539" s="487" t="str">
        <f t="shared" si="112"/>
        <v/>
      </c>
      <c r="CD539" s="487" t="str">
        <f t="shared" si="112"/>
        <v/>
      </c>
      <c r="CE539" s="487" t="str">
        <f t="shared" si="112"/>
        <v/>
      </c>
      <c r="CF539" s="487" t="str">
        <f t="shared" si="112"/>
        <v/>
      </c>
      <c r="CG539" s="487" t="str">
        <f t="shared" si="112"/>
        <v/>
      </c>
      <c r="CH539" s="487" t="str">
        <f t="shared" si="112"/>
        <v/>
      </c>
      <c r="CI539" s="487" t="str">
        <f t="shared" si="112"/>
        <v/>
      </c>
      <c r="CJ539" s="487" t="str">
        <f t="shared" si="112"/>
        <v/>
      </c>
      <c r="CK539" s="487" t="str">
        <f t="shared" si="112"/>
        <v/>
      </c>
      <c r="CL539" s="487" t="str">
        <f t="shared" si="112"/>
        <v/>
      </c>
      <c r="CM539" s="487"/>
      <c r="CN539" s="487"/>
      <c r="CO539" s="487"/>
      <c r="CP539" s="487"/>
      <c r="CQ539" s="487"/>
      <c r="CR539" s="487"/>
      <c r="CS539" s="487"/>
      <c r="CT539" s="487"/>
      <c r="CU539" s="487"/>
      <c r="CV539" s="487"/>
      <c r="CW539" s="487"/>
      <c r="CX539" s="487"/>
      <c r="CY539" s="487"/>
      <c r="CZ539" s="487"/>
      <c r="DA539" s="487"/>
      <c r="DB539" s="487"/>
      <c r="DC539" s="487"/>
      <c r="DD539" s="487"/>
      <c r="DE539" s="487"/>
      <c r="DF539" s="487"/>
      <c r="DG539" s="487"/>
      <c r="DH539" s="487"/>
      <c r="DI539" s="486"/>
      <c r="DJ539" s="486"/>
      <c r="DK539" s="486"/>
    </row>
    <row r="540" spans="1:115" ht="56.1" hidden="1" customHeight="1" x14ac:dyDescent="0.2">
      <c r="A540" s="499" t="s">
        <v>2494</v>
      </c>
      <c r="B540" s="483" t="s">
        <v>2495</v>
      </c>
      <c r="C540" s="481">
        <v>868</v>
      </c>
      <c r="D540" s="481"/>
      <c r="E540" s="481" t="s">
        <v>2481</v>
      </c>
      <c r="F540" s="482" t="s">
        <v>53</v>
      </c>
      <c r="G540" s="482" t="s">
        <v>655</v>
      </c>
      <c r="H540" s="501" t="s">
        <v>932</v>
      </c>
      <c r="I540" s="501" t="s">
        <v>1239</v>
      </c>
      <c r="J540" s="501" t="s">
        <v>1240</v>
      </c>
      <c r="K540" s="501"/>
      <c r="L540" s="77" t="s">
        <v>58</v>
      </c>
      <c r="M540" s="501" t="s">
        <v>833</v>
      </c>
      <c r="N540" s="501"/>
      <c r="O540" s="501" t="s">
        <v>81</v>
      </c>
      <c r="P540" s="77" t="s">
        <v>77</v>
      </c>
      <c r="Q540" s="77"/>
      <c r="R540" s="500" t="s">
        <v>722</v>
      </c>
      <c r="S540" s="76" t="s">
        <v>63</v>
      </c>
      <c r="T540" s="76" t="s">
        <v>63</v>
      </c>
      <c r="U540" s="508">
        <v>2261.1875</v>
      </c>
      <c r="V540" s="508"/>
      <c r="W540" s="494" t="s">
        <v>659</v>
      </c>
      <c r="X540" s="494"/>
      <c r="Y540" s="503">
        <f t="shared" si="108"/>
        <v>2261.1875</v>
      </c>
      <c r="Z540" s="76" t="s">
        <v>65</v>
      </c>
      <c r="AA540" s="487"/>
      <c r="AB540" s="487"/>
      <c r="AC540" s="487"/>
      <c r="AD540" s="487"/>
      <c r="AE540" s="487"/>
      <c r="AF540" s="487"/>
      <c r="AG540" s="487"/>
      <c r="AH540" s="487"/>
      <c r="AI540" s="487"/>
      <c r="AJ540" s="487"/>
      <c r="AK540" s="487"/>
      <c r="AL540" s="487"/>
      <c r="AM540" s="487"/>
      <c r="AN540" s="487"/>
      <c r="AO540" s="487"/>
      <c r="AP540" s="487"/>
      <c r="AQ540" s="76"/>
      <c r="AR540" s="487"/>
      <c r="AS540" s="487"/>
      <c r="AT540" s="487"/>
      <c r="AU540" s="76"/>
      <c r="AV540" s="487"/>
      <c r="AW540" s="487"/>
      <c r="AX540" s="487"/>
      <c r="AY540" s="76"/>
      <c r="AZ540" s="487"/>
      <c r="BA540" s="76"/>
      <c r="BB540" s="76"/>
      <c r="BC540" s="487"/>
      <c r="BD540" s="76"/>
      <c r="BE540" s="76"/>
      <c r="BF540" s="80">
        <f t="shared" si="109"/>
        <v>0</v>
      </c>
      <c r="BG540" s="76"/>
      <c r="BH540" s="487" t="str">
        <f t="shared" si="113"/>
        <v/>
      </c>
      <c r="BI540" s="487" t="str">
        <f t="shared" si="113"/>
        <v/>
      </c>
      <c r="BJ540" s="487" t="str">
        <f t="shared" si="113"/>
        <v/>
      </c>
      <c r="BK540" s="487" t="str">
        <f t="shared" si="113"/>
        <v/>
      </c>
      <c r="BL540" s="487" t="str">
        <f t="shared" si="113"/>
        <v/>
      </c>
      <c r="BM540" s="487" t="str">
        <f t="shared" si="113"/>
        <v/>
      </c>
      <c r="BN540" s="487" t="str">
        <f t="shared" si="113"/>
        <v/>
      </c>
      <c r="BO540" s="487" t="str">
        <f t="shared" si="113"/>
        <v/>
      </c>
      <c r="BP540" s="487" t="str">
        <f t="shared" si="113"/>
        <v/>
      </c>
      <c r="BQ540" s="487" t="str">
        <f t="shared" si="113"/>
        <v/>
      </c>
      <c r="BR540" s="487" t="str">
        <f t="shared" si="113"/>
        <v/>
      </c>
      <c r="BS540" s="487" t="str">
        <f t="shared" si="113"/>
        <v/>
      </c>
      <c r="BT540" s="487" t="str">
        <f t="shared" si="113"/>
        <v/>
      </c>
      <c r="BU540" s="487" t="str">
        <f t="shared" si="113"/>
        <v/>
      </c>
      <c r="BV540" s="487" t="str">
        <f t="shared" si="113"/>
        <v/>
      </c>
      <c r="BW540" s="487" t="str">
        <f t="shared" si="112"/>
        <v/>
      </c>
      <c r="BX540" s="487" t="str">
        <f t="shared" si="112"/>
        <v/>
      </c>
      <c r="BY540" s="487" t="str">
        <f t="shared" si="112"/>
        <v/>
      </c>
      <c r="BZ540" s="487" t="str">
        <f t="shared" si="112"/>
        <v/>
      </c>
      <c r="CA540" s="487" t="str">
        <f t="shared" si="112"/>
        <v/>
      </c>
      <c r="CB540" s="487" t="str">
        <f t="shared" si="112"/>
        <v/>
      </c>
      <c r="CC540" s="487" t="str">
        <f t="shared" si="112"/>
        <v/>
      </c>
      <c r="CD540" s="487" t="str">
        <f t="shared" si="112"/>
        <v/>
      </c>
      <c r="CE540" s="487" t="str">
        <f t="shared" si="112"/>
        <v/>
      </c>
      <c r="CF540" s="487" t="str">
        <f t="shared" si="112"/>
        <v/>
      </c>
      <c r="CG540" s="487" t="str">
        <f t="shared" si="112"/>
        <v/>
      </c>
      <c r="CH540" s="487" t="str">
        <f t="shared" si="112"/>
        <v/>
      </c>
      <c r="CI540" s="487" t="str">
        <f t="shared" si="112"/>
        <v/>
      </c>
      <c r="CJ540" s="487" t="str">
        <f t="shared" si="112"/>
        <v/>
      </c>
      <c r="CK540" s="487" t="str">
        <f t="shared" si="112"/>
        <v/>
      </c>
      <c r="CL540" s="487" t="str">
        <f t="shared" si="112"/>
        <v/>
      </c>
      <c r="CM540" s="487"/>
      <c r="CN540" s="487"/>
      <c r="CO540" s="487"/>
      <c r="CP540" s="487"/>
      <c r="CQ540" s="487"/>
      <c r="CR540" s="487"/>
      <c r="CS540" s="487"/>
      <c r="CT540" s="487"/>
      <c r="CU540" s="487"/>
      <c r="CV540" s="487"/>
      <c r="CW540" s="487"/>
      <c r="CX540" s="487"/>
      <c r="CY540" s="487"/>
      <c r="CZ540" s="487"/>
      <c r="DA540" s="487"/>
      <c r="DB540" s="487"/>
      <c r="DC540" s="487"/>
      <c r="DD540" s="487"/>
      <c r="DE540" s="487"/>
      <c r="DF540" s="487"/>
      <c r="DG540" s="487"/>
      <c r="DH540" s="487"/>
      <c r="DI540" s="486"/>
      <c r="DJ540" s="486"/>
      <c r="DK540" s="486"/>
    </row>
    <row r="541" spans="1:115" ht="56.1" hidden="1" customHeight="1" x14ac:dyDescent="0.2">
      <c r="A541" s="499" t="s">
        <v>2494</v>
      </c>
      <c r="B541" s="483" t="s">
        <v>2495</v>
      </c>
      <c r="C541" s="481">
        <v>869</v>
      </c>
      <c r="D541" s="481"/>
      <c r="E541" s="481" t="s">
        <v>2481</v>
      </c>
      <c r="F541" s="482" t="s">
        <v>53</v>
      </c>
      <c r="G541" s="482" t="s">
        <v>655</v>
      </c>
      <c r="H541" s="501" t="s">
        <v>932</v>
      </c>
      <c r="I541" s="501" t="s">
        <v>1241</v>
      </c>
      <c r="J541" s="501" t="s">
        <v>1242</v>
      </c>
      <c r="K541" s="501"/>
      <c r="L541" s="77" t="s">
        <v>58</v>
      </c>
      <c r="M541" s="501" t="s">
        <v>833</v>
      </c>
      <c r="N541" s="501"/>
      <c r="O541" s="501" t="s">
        <v>81</v>
      </c>
      <c r="P541" s="77" t="s">
        <v>77</v>
      </c>
      <c r="Q541" s="77"/>
      <c r="R541" s="500" t="s">
        <v>722</v>
      </c>
      <c r="S541" s="76" t="s">
        <v>63</v>
      </c>
      <c r="T541" s="76" t="s">
        <v>63</v>
      </c>
      <c r="U541" s="508">
        <v>518.01749999999993</v>
      </c>
      <c r="V541" s="508"/>
      <c r="W541" s="494" t="s">
        <v>659</v>
      </c>
      <c r="X541" s="494"/>
      <c r="Y541" s="503">
        <f t="shared" si="108"/>
        <v>518.01749999999993</v>
      </c>
      <c r="Z541" s="76" t="s">
        <v>65</v>
      </c>
      <c r="AA541" s="487"/>
      <c r="AB541" s="487"/>
      <c r="AC541" s="487"/>
      <c r="AD541" s="487"/>
      <c r="AE541" s="487"/>
      <c r="AF541" s="487"/>
      <c r="AG541" s="487"/>
      <c r="AH541" s="487"/>
      <c r="AI541" s="487"/>
      <c r="AJ541" s="487"/>
      <c r="AK541" s="487"/>
      <c r="AL541" s="487"/>
      <c r="AM541" s="487"/>
      <c r="AN541" s="487"/>
      <c r="AO541" s="487"/>
      <c r="AP541" s="487"/>
      <c r="AQ541" s="76"/>
      <c r="AR541" s="487"/>
      <c r="AS541" s="487"/>
      <c r="AT541" s="487"/>
      <c r="AU541" s="76"/>
      <c r="AV541" s="487"/>
      <c r="AW541" s="487"/>
      <c r="AX541" s="487"/>
      <c r="AY541" s="76"/>
      <c r="AZ541" s="487"/>
      <c r="BA541" s="76"/>
      <c r="BB541" s="76"/>
      <c r="BC541" s="487"/>
      <c r="BD541" s="76"/>
      <c r="BE541" s="76"/>
      <c r="BF541" s="80">
        <f t="shared" si="109"/>
        <v>0</v>
      </c>
      <c r="BG541" s="76"/>
      <c r="BH541" s="487" t="str">
        <f t="shared" si="113"/>
        <v/>
      </c>
      <c r="BI541" s="487" t="str">
        <f t="shared" si="113"/>
        <v/>
      </c>
      <c r="BJ541" s="487" t="str">
        <f t="shared" si="113"/>
        <v/>
      </c>
      <c r="BK541" s="487" t="str">
        <f t="shared" si="113"/>
        <v/>
      </c>
      <c r="BL541" s="487" t="str">
        <f t="shared" si="113"/>
        <v/>
      </c>
      <c r="BM541" s="487" t="str">
        <f t="shared" si="113"/>
        <v/>
      </c>
      <c r="BN541" s="487" t="str">
        <f t="shared" si="113"/>
        <v/>
      </c>
      <c r="BO541" s="487" t="str">
        <f t="shared" si="113"/>
        <v/>
      </c>
      <c r="BP541" s="487" t="str">
        <f t="shared" si="113"/>
        <v/>
      </c>
      <c r="BQ541" s="487" t="str">
        <f t="shared" si="113"/>
        <v/>
      </c>
      <c r="BR541" s="487" t="str">
        <f t="shared" si="113"/>
        <v/>
      </c>
      <c r="BS541" s="487" t="str">
        <f t="shared" si="113"/>
        <v/>
      </c>
      <c r="BT541" s="487" t="str">
        <f t="shared" si="113"/>
        <v/>
      </c>
      <c r="BU541" s="487" t="str">
        <f t="shared" si="113"/>
        <v/>
      </c>
      <c r="BV541" s="487" t="str">
        <f t="shared" si="113"/>
        <v/>
      </c>
      <c r="BW541" s="487" t="str">
        <f t="shared" si="112"/>
        <v/>
      </c>
      <c r="BX541" s="487" t="str">
        <f t="shared" si="112"/>
        <v/>
      </c>
      <c r="BY541" s="487" t="str">
        <f t="shared" si="112"/>
        <v/>
      </c>
      <c r="BZ541" s="487" t="str">
        <f t="shared" si="112"/>
        <v/>
      </c>
      <c r="CA541" s="487" t="str">
        <f t="shared" si="112"/>
        <v/>
      </c>
      <c r="CB541" s="487" t="str">
        <f t="shared" si="112"/>
        <v/>
      </c>
      <c r="CC541" s="487" t="str">
        <f t="shared" si="112"/>
        <v/>
      </c>
      <c r="CD541" s="487" t="str">
        <f t="shared" si="112"/>
        <v/>
      </c>
      <c r="CE541" s="487" t="str">
        <f t="shared" si="112"/>
        <v/>
      </c>
      <c r="CF541" s="487" t="str">
        <f t="shared" si="112"/>
        <v/>
      </c>
      <c r="CG541" s="487" t="str">
        <f t="shared" si="112"/>
        <v/>
      </c>
      <c r="CH541" s="487" t="str">
        <f t="shared" si="112"/>
        <v/>
      </c>
      <c r="CI541" s="487" t="str">
        <f t="shared" si="112"/>
        <v/>
      </c>
      <c r="CJ541" s="487" t="str">
        <f t="shared" si="112"/>
        <v/>
      </c>
      <c r="CK541" s="487" t="str">
        <f t="shared" si="112"/>
        <v/>
      </c>
      <c r="CL541" s="487" t="str">
        <f t="shared" si="112"/>
        <v/>
      </c>
      <c r="CM541" s="487"/>
      <c r="CN541" s="487"/>
      <c r="CO541" s="487"/>
      <c r="CP541" s="487"/>
      <c r="CQ541" s="487"/>
      <c r="CR541" s="487"/>
      <c r="CS541" s="487"/>
      <c r="CT541" s="487"/>
      <c r="CU541" s="487"/>
      <c r="CV541" s="487"/>
      <c r="CW541" s="487"/>
      <c r="CX541" s="487"/>
      <c r="CY541" s="487"/>
      <c r="CZ541" s="487"/>
      <c r="DA541" s="487"/>
      <c r="DB541" s="487"/>
      <c r="DC541" s="487"/>
      <c r="DD541" s="487"/>
      <c r="DE541" s="487"/>
      <c r="DF541" s="487"/>
      <c r="DG541" s="487"/>
      <c r="DH541" s="487"/>
      <c r="DI541" s="486"/>
      <c r="DJ541" s="486"/>
      <c r="DK541" s="486"/>
    </row>
    <row r="542" spans="1:115" ht="56.1" hidden="1" customHeight="1" x14ac:dyDescent="0.2">
      <c r="A542" s="499" t="s">
        <v>2494</v>
      </c>
      <c r="B542" s="483" t="s">
        <v>2495</v>
      </c>
      <c r="C542" s="481">
        <v>870</v>
      </c>
      <c r="D542" s="481"/>
      <c r="E542" s="481" t="s">
        <v>2481</v>
      </c>
      <c r="F542" s="482" t="s">
        <v>53</v>
      </c>
      <c r="G542" s="482" t="s">
        <v>655</v>
      </c>
      <c r="H542" s="501" t="s">
        <v>932</v>
      </c>
      <c r="I542" s="501" t="s">
        <v>1243</v>
      </c>
      <c r="J542" s="501" t="s">
        <v>1244</v>
      </c>
      <c r="K542" s="501"/>
      <c r="L542" s="77" t="s">
        <v>58</v>
      </c>
      <c r="M542" s="501" t="s">
        <v>833</v>
      </c>
      <c r="N542" s="501"/>
      <c r="O542" s="501" t="s">
        <v>81</v>
      </c>
      <c r="P542" s="77" t="s">
        <v>77</v>
      </c>
      <c r="Q542" s="77"/>
      <c r="R542" s="500" t="s">
        <v>722</v>
      </c>
      <c r="S542" s="76" t="s">
        <v>63</v>
      </c>
      <c r="T542" s="76" t="s">
        <v>63</v>
      </c>
      <c r="U542" s="508">
        <v>4836.6060599999992</v>
      </c>
      <c r="V542" s="508"/>
      <c r="W542" s="494" t="s">
        <v>659</v>
      </c>
      <c r="X542" s="494"/>
      <c r="Y542" s="503">
        <f t="shared" si="108"/>
        <v>4836.6060599999992</v>
      </c>
      <c r="Z542" s="76" t="s">
        <v>65</v>
      </c>
      <c r="AA542" s="487"/>
      <c r="AB542" s="487"/>
      <c r="AC542" s="487"/>
      <c r="AD542" s="487"/>
      <c r="AE542" s="487"/>
      <c r="AF542" s="487"/>
      <c r="AG542" s="487"/>
      <c r="AH542" s="487"/>
      <c r="AI542" s="487"/>
      <c r="AJ542" s="487"/>
      <c r="AK542" s="487"/>
      <c r="AL542" s="487"/>
      <c r="AM542" s="487"/>
      <c r="AN542" s="487"/>
      <c r="AO542" s="487"/>
      <c r="AP542" s="487"/>
      <c r="AQ542" s="76"/>
      <c r="AR542" s="487"/>
      <c r="AS542" s="487"/>
      <c r="AT542" s="487"/>
      <c r="AU542" s="76"/>
      <c r="AV542" s="487"/>
      <c r="AW542" s="487"/>
      <c r="AX542" s="487"/>
      <c r="AY542" s="76"/>
      <c r="AZ542" s="487"/>
      <c r="BA542" s="76"/>
      <c r="BB542" s="76"/>
      <c r="BC542" s="487"/>
      <c r="BD542" s="76"/>
      <c r="BE542" s="76"/>
      <c r="BF542" s="80">
        <f t="shared" si="109"/>
        <v>0</v>
      </c>
      <c r="BG542" s="76"/>
      <c r="BH542" s="487" t="str">
        <f t="shared" si="113"/>
        <v/>
      </c>
      <c r="BI542" s="487" t="str">
        <f t="shared" si="113"/>
        <v/>
      </c>
      <c r="BJ542" s="487" t="str">
        <f t="shared" si="113"/>
        <v/>
      </c>
      <c r="BK542" s="487" t="str">
        <f t="shared" si="113"/>
        <v/>
      </c>
      <c r="BL542" s="487" t="str">
        <f t="shared" si="113"/>
        <v/>
      </c>
      <c r="BM542" s="487" t="str">
        <f t="shared" si="113"/>
        <v/>
      </c>
      <c r="BN542" s="487" t="str">
        <f t="shared" si="113"/>
        <v/>
      </c>
      <c r="BO542" s="487" t="str">
        <f t="shared" si="113"/>
        <v/>
      </c>
      <c r="BP542" s="487" t="str">
        <f t="shared" si="113"/>
        <v/>
      </c>
      <c r="BQ542" s="487" t="str">
        <f t="shared" si="113"/>
        <v/>
      </c>
      <c r="BR542" s="487" t="str">
        <f t="shared" si="113"/>
        <v/>
      </c>
      <c r="BS542" s="487" t="str">
        <f t="shared" si="113"/>
        <v/>
      </c>
      <c r="BT542" s="487" t="str">
        <f t="shared" si="113"/>
        <v/>
      </c>
      <c r="BU542" s="487" t="str">
        <f t="shared" si="113"/>
        <v/>
      </c>
      <c r="BV542" s="487" t="str">
        <f t="shared" si="113"/>
        <v/>
      </c>
      <c r="BW542" s="487" t="str">
        <f t="shared" si="112"/>
        <v/>
      </c>
      <c r="BX542" s="487" t="str">
        <f t="shared" si="112"/>
        <v/>
      </c>
      <c r="BY542" s="487" t="str">
        <f t="shared" si="112"/>
        <v/>
      </c>
      <c r="BZ542" s="487" t="str">
        <f t="shared" si="112"/>
        <v/>
      </c>
      <c r="CA542" s="487" t="str">
        <f t="shared" si="112"/>
        <v/>
      </c>
      <c r="CB542" s="487" t="str">
        <f t="shared" si="112"/>
        <v/>
      </c>
      <c r="CC542" s="487" t="str">
        <f t="shared" si="112"/>
        <v/>
      </c>
      <c r="CD542" s="487" t="str">
        <f t="shared" si="112"/>
        <v/>
      </c>
      <c r="CE542" s="487" t="str">
        <f t="shared" si="112"/>
        <v/>
      </c>
      <c r="CF542" s="487" t="str">
        <f t="shared" si="112"/>
        <v/>
      </c>
      <c r="CG542" s="487" t="str">
        <f t="shared" si="112"/>
        <v/>
      </c>
      <c r="CH542" s="487" t="str">
        <f t="shared" si="112"/>
        <v/>
      </c>
      <c r="CI542" s="487" t="str">
        <f t="shared" si="112"/>
        <v/>
      </c>
      <c r="CJ542" s="487" t="str">
        <f t="shared" si="112"/>
        <v/>
      </c>
      <c r="CK542" s="487" t="str">
        <f t="shared" si="112"/>
        <v/>
      </c>
      <c r="CL542" s="487" t="str">
        <f t="shared" si="112"/>
        <v/>
      </c>
      <c r="CM542" s="487"/>
      <c r="CN542" s="487"/>
      <c r="CO542" s="487"/>
      <c r="CP542" s="487"/>
      <c r="CQ542" s="487"/>
      <c r="CR542" s="487"/>
      <c r="CS542" s="487"/>
      <c r="CT542" s="487"/>
      <c r="CU542" s="487"/>
      <c r="CV542" s="487"/>
      <c r="CW542" s="487"/>
      <c r="CX542" s="487"/>
      <c r="CY542" s="487"/>
      <c r="CZ542" s="487"/>
      <c r="DA542" s="487"/>
      <c r="DB542" s="487"/>
      <c r="DC542" s="487"/>
      <c r="DD542" s="487"/>
      <c r="DE542" s="487"/>
      <c r="DF542" s="487"/>
      <c r="DG542" s="487"/>
      <c r="DH542" s="487"/>
      <c r="DI542" s="486"/>
      <c r="DJ542" s="486"/>
      <c r="DK542" s="486"/>
    </row>
    <row r="543" spans="1:115" ht="56.1" hidden="1" customHeight="1" x14ac:dyDescent="0.2">
      <c r="A543" s="499" t="s">
        <v>2494</v>
      </c>
      <c r="B543" s="483" t="s">
        <v>2495</v>
      </c>
      <c r="C543" s="481">
        <v>871</v>
      </c>
      <c r="D543" s="481"/>
      <c r="E543" s="481" t="s">
        <v>2481</v>
      </c>
      <c r="F543" s="482" t="s">
        <v>53</v>
      </c>
      <c r="G543" s="482" t="s">
        <v>655</v>
      </c>
      <c r="H543" s="501" t="s">
        <v>932</v>
      </c>
      <c r="I543" s="501" t="s">
        <v>1245</v>
      </c>
      <c r="J543" s="501" t="s">
        <v>1246</v>
      </c>
      <c r="K543" s="501"/>
      <c r="L543" s="77" t="s">
        <v>58</v>
      </c>
      <c r="M543" s="501" t="s">
        <v>833</v>
      </c>
      <c r="N543" s="501"/>
      <c r="O543" s="501" t="s">
        <v>81</v>
      </c>
      <c r="P543" s="77" t="s">
        <v>77</v>
      </c>
      <c r="Q543" s="77"/>
      <c r="R543" s="500" t="s">
        <v>722</v>
      </c>
      <c r="S543" s="76" t="s">
        <v>63</v>
      </c>
      <c r="T543" s="76" t="s">
        <v>63</v>
      </c>
      <c r="U543" s="508">
        <v>251608.5</v>
      </c>
      <c r="V543" s="508"/>
      <c r="W543" s="494" t="s">
        <v>659</v>
      </c>
      <c r="X543" s="494"/>
      <c r="Y543" s="503">
        <f t="shared" si="108"/>
        <v>251608.5</v>
      </c>
      <c r="Z543" s="76" t="s">
        <v>65</v>
      </c>
      <c r="AA543" s="487"/>
      <c r="AB543" s="487"/>
      <c r="AC543" s="487"/>
      <c r="AD543" s="487"/>
      <c r="AE543" s="487"/>
      <c r="AF543" s="487"/>
      <c r="AG543" s="487"/>
      <c r="AH543" s="487"/>
      <c r="AI543" s="487"/>
      <c r="AJ543" s="487"/>
      <c r="AK543" s="487"/>
      <c r="AL543" s="487"/>
      <c r="AM543" s="487"/>
      <c r="AN543" s="487"/>
      <c r="AO543" s="487"/>
      <c r="AP543" s="487"/>
      <c r="AQ543" s="76"/>
      <c r="AR543" s="487"/>
      <c r="AS543" s="487"/>
      <c r="AT543" s="487"/>
      <c r="AU543" s="76"/>
      <c r="AV543" s="487"/>
      <c r="AW543" s="487"/>
      <c r="AX543" s="487"/>
      <c r="AY543" s="76"/>
      <c r="AZ543" s="487"/>
      <c r="BA543" s="76"/>
      <c r="BB543" s="76"/>
      <c r="BC543" s="487"/>
      <c r="BD543" s="76"/>
      <c r="BE543" s="76"/>
      <c r="BF543" s="80">
        <f t="shared" si="109"/>
        <v>0</v>
      </c>
      <c r="BG543" s="76"/>
      <c r="BH543" s="487" t="str">
        <f t="shared" si="113"/>
        <v/>
      </c>
      <c r="BI543" s="487" t="str">
        <f t="shared" si="113"/>
        <v/>
      </c>
      <c r="BJ543" s="487" t="str">
        <f t="shared" si="113"/>
        <v/>
      </c>
      <c r="BK543" s="487" t="str">
        <f t="shared" si="113"/>
        <v/>
      </c>
      <c r="BL543" s="487" t="str">
        <f t="shared" si="113"/>
        <v/>
      </c>
      <c r="BM543" s="487" t="str">
        <f t="shared" si="113"/>
        <v/>
      </c>
      <c r="BN543" s="487" t="str">
        <f t="shared" si="113"/>
        <v/>
      </c>
      <c r="BO543" s="487" t="str">
        <f t="shared" si="113"/>
        <v/>
      </c>
      <c r="BP543" s="487" t="str">
        <f t="shared" si="113"/>
        <v/>
      </c>
      <c r="BQ543" s="487" t="str">
        <f t="shared" si="113"/>
        <v/>
      </c>
      <c r="BR543" s="487" t="str">
        <f t="shared" si="113"/>
        <v/>
      </c>
      <c r="BS543" s="487" t="str">
        <f t="shared" si="113"/>
        <v/>
      </c>
      <c r="BT543" s="487" t="str">
        <f t="shared" si="113"/>
        <v/>
      </c>
      <c r="BU543" s="487" t="str">
        <f t="shared" si="113"/>
        <v/>
      </c>
      <c r="BV543" s="487" t="str">
        <f t="shared" si="113"/>
        <v/>
      </c>
      <c r="BW543" s="487" t="str">
        <f t="shared" si="112"/>
        <v/>
      </c>
      <c r="BX543" s="487" t="str">
        <f t="shared" si="112"/>
        <v/>
      </c>
      <c r="BY543" s="487" t="str">
        <f t="shared" si="112"/>
        <v/>
      </c>
      <c r="BZ543" s="487" t="str">
        <f t="shared" si="112"/>
        <v/>
      </c>
      <c r="CA543" s="487" t="str">
        <f t="shared" si="112"/>
        <v/>
      </c>
      <c r="CB543" s="487" t="str">
        <f t="shared" si="112"/>
        <v/>
      </c>
      <c r="CC543" s="487" t="str">
        <f t="shared" si="112"/>
        <v/>
      </c>
      <c r="CD543" s="487" t="str">
        <f t="shared" si="112"/>
        <v/>
      </c>
      <c r="CE543" s="487" t="str">
        <f t="shared" si="112"/>
        <v/>
      </c>
      <c r="CF543" s="487" t="str">
        <f t="shared" si="112"/>
        <v/>
      </c>
      <c r="CG543" s="487" t="str">
        <f t="shared" si="112"/>
        <v/>
      </c>
      <c r="CH543" s="487" t="str">
        <f t="shared" si="112"/>
        <v/>
      </c>
      <c r="CI543" s="487" t="str">
        <f t="shared" si="112"/>
        <v/>
      </c>
      <c r="CJ543" s="487" t="str">
        <f t="shared" si="112"/>
        <v/>
      </c>
      <c r="CK543" s="487" t="str">
        <f t="shared" si="112"/>
        <v/>
      </c>
      <c r="CL543" s="487" t="str">
        <f t="shared" si="112"/>
        <v/>
      </c>
      <c r="CM543" s="487"/>
      <c r="CN543" s="487"/>
      <c r="CO543" s="487"/>
      <c r="CP543" s="487"/>
      <c r="CQ543" s="487"/>
      <c r="CR543" s="487"/>
      <c r="CS543" s="487"/>
      <c r="CT543" s="487"/>
      <c r="CU543" s="487"/>
      <c r="CV543" s="487"/>
      <c r="CW543" s="487"/>
      <c r="CX543" s="487"/>
      <c r="CY543" s="487"/>
      <c r="CZ543" s="487"/>
      <c r="DA543" s="487"/>
      <c r="DB543" s="487"/>
      <c r="DC543" s="487"/>
      <c r="DD543" s="487"/>
      <c r="DE543" s="487"/>
      <c r="DF543" s="487"/>
      <c r="DG543" s="487"/>
      <c r="DH543" s="487"/>
      <c r="DI543" s="486"/>
      <c r="DJ543" s="486"/>
      <c r="DK543" s="486"/>
    </row>
    <row r="544" spans="1:115" ht="56.1" hidden="1" customHeight="1" x14ac:dyDescent="0.2">
      <c r="A544" s="499" t="s">
        <v>2494</v>
      </c>
      <c r="B544" s="483" t="s">
        <v>2495</v>
      </c>
      <c r="C544" s="481">
        <v>872</v>
      </c>
      <c r="D544" s="481"/>
      <c r="E544" s="481" t="s">
        <v>2481</v>
      </c>
      <c r="F544" s="482" t="s">
        <v>53</v>
      </c>
      <c r="G544" s="482" t="s">
        <v>655</v>
      </c>
      <c r="H544" s="501" t="s">
        <v>932</v>
      </c>
      <c r="I544" s="501" t="s">
        <v>1247</v>
      </c>
      <c r="J544" s="501" t="s">
        <v>1248</v>
      </c>
      <c r="K544" s="501"/>
      <c r="L544" s="77" t="s">
        <v>58</v>
      </c>
      <c r="M544" s="501" t="s">
        <v>833</v>
      </c>
      <c r="N544" s="501"/>
      <c r="O544" s="501" t="s">
        <v>81</v>
      </c>
      <c r="P544" s="77" t="s">
        <v>77</v>
      </c>
      <c r="Q544" s="77"/>
      <c r="R544" s="500" t="s">
        <v>722</v>
      </c>
      <c r="S544" s="76" t="s">
        <v>63</v>
      </c>
      <c r="T544" s="76" t="s">
        <v>63</v>
      </c>
      <c r="U544" s="508">
        <v>6783.5625</v>
      </c>
      <c r="V544" s="508"/>
      <c r="W544" s="494" t="s">
        <v>659</v>
      </c>
      <c r="X544" s="494"/>
      <c r="Y544" s="503">
        <f t="shared" si="108"/>
        <v>6783.5625</v>
      </c>
      <c r="Z544" s="76" t="s">
        <v>65</v>
      </c>
      <c r="AA544" s="487"/>
      <c r="AB544" s="487"/>
      <c r="AC544" s="487"/>
      <c r="AD544" s="487"/>
      <c r="AE544" s="487"/>
      <c r="AF544" s="487"/>
      <c r="AG544" s="487"/>
      <c r="AH544" s="487"/>
      <c r="AI544" s="487"/>
      <c r="AJ544" s="487"/>
      <c r="AK544" s="487"/>
      <c r="AL544" s="487"/>
      <c r="AM544" s="487"/>
      <c r="AN544" s="487"/>
      <c r="AO544" s="487"/>
      <c r="AP544" s="487"/>
      <c r="AQ544" s="76"/>
      <c r="AR544" s="487"/>
      <c r="AS544" s="487"/>
      <c r="AT544" s="487"/>
      <c r="AU544" s="76"/>
      <c r="AV544" s="487"/>
      <c r="AW544" s="487"/>
      <c r="AX544" s="487"/>
      <c r="AY544" s="76"/>
      <c r="AZ544" s="487"/>
      <c r="BA544" s="76"/>
      <c r="BB544" s="76"/>
      <c r="BC544" s="487"/>
      <c r="BD544" s="76"/>
      <c r="BE544" s="76"/>
      <c r="BF544" s="80">
        <f t="shared" si="109"/>
        <v>0</v>
      </c>
      <c r="BG544" s="76"/>
      <c r="BH544" s="487" t="str">
        <f t="shared" si="113"/>
        <v/>
      </c>
      <c r="BI544" s="487" t="str">
        <f t="shared" si="113"/>
        <v/>
      </c>
      <c r="BJ544" s="487" t="str">
        <f t="shared" si="113"/>
        <v/>
      </c>
      <c r="BK544" s="487" t="str">
        <f t="shared" si="113"/>
        <v/>
      </c>
      <c r="BL544" s="487" t="str">
        <f t="shared" si="113"/>
        <v/>
      </c>
      <c r="BM544" s="487" t="str">
        <f t="shared" si="113"/>
        <v/>
      </c>
      <c r="BN544" s="487" t="str">
        <f t="shared" si="113"/>
        <v/>
      </c>
      <c r="BO544" s="487" t="str">
        <f t="shared" si="113"/>
        <v/>
      </c>
      <c r="BP544" s="487" t="str">
        <f t="shared" si="113"/>
        <v/>
      </c>
      <c r="BQ544" s="487" t="str">
        <f t="shared" si="113"/>
        <v/>
      </c>
      <c r="BR544" s="487" t="str">
        <f t="shared" si="113"/>
        <v/>
      </c>
      <c r="BS544" s="487" t="str">
        <f t="shared" si="113"/>
        <v/>
      </c>
      <c r="BT544" s="487" t="str">
        <f t="shared" si="113"/>
        <v/>
      </c>
      <c r="BU544" s="487" t="str">
        <f t="shared" si="113"/>
        <v/>
      </c>
      <c r="BV544" s="487" t="str">
        <f t="shared" si="113"/>
        <v/>
      </c>
      <c r="BW544" s="487" t="str">
        <f t="shared" si="112"/>
        <v/>
      </c>
      <c r="BX544" s="487" t="str">
        <f t="shared" si="112"/>
        <v/>
      </c>
      <c r="BY544" s="487" t="str">
        <f t="shared" si="112"/>
        <v/>
      </c>
      <c r="BZ544" s="487" t="str">
        <f t="shared" si="112"/>
        <v/>
      </c>
      <c r="CA544" s="487" t="str">
        <f t="shared" si="112"/>
        <v/>
      </c>
      <c r="CB544" s="487" t="str">
        <f t="shared" si="112"/>
        <v/>
      </c>
      <c r="CC544" s="487" t="str">
        <f t="shared" si="112"/>
        <v/>
      </c>
      <c r="CD544" s="487" t="str">
        <f t="shared" si="112"/>
        <v/>
      </c>
      <c r="CE544" s="487" t="str">
        <f t="shared" si="112"/>
        <v/>
      </c>
      <c r="CF544" s="487" t="str">
        <f t="shared" si="112"/>
        <v/>
      </c>
      <c r="CG544" s="487" t="str">
        <f t="shared" si="112"/>
        <v/>
      </c>
      <c r="CH544" s="487" t="str">
        <f t="shared" si="112"/>
        <v/>
      </c>
      <c r="CI544" s="487" t="str">
        <f t="shared" si="112"/>
        <v/>
      </c>
      <c r="CJ544" s="487" t="str">
        <f t="shared" ref="CJ544:CL567" si="114">IF(BC544="yes",(BC$2*$BG544),"")</f>
        <v/>
      </c>
      <c r="CK544" s="487" t="str">
        <f t="shared" si="114"/>
        <v/>
      </c>
      <c r="CL544" s="487" t="str">
        <f t="shared" si="114"/>
        <v/>
      </c>
      <c r="CM544" s="487"/>
      <c r="CN544" s="487"/>
      <c r="CO544" s="487"/>
      <c r="CP544" s="487"/>
      <c r="CQ544" s="487"/>
      <c r="CR544" s="487"/>
      <c r="CS544" s="487"/>
      <c r="CT544" s="487"/>
      <c r="CU544" s="487"/>
      <c r="CV544" s="487"/>
      <c r="CW544" s="487"/>
      <c r="CX544" s="487"/>
      <c r="CY544" s="487"/>
      <c r="CZ544" s="487"/>
      <c r="DA544" s="487"/>
      <c r="DB544" s="487"/>
      <c r="DC544" s="487"/>
      <c r="DD544" s="487"/>
      <c r="DE544" s="487"/>
      <c r="DF544" s="487"/>
      <c r="DG544" s="487"/>
      <c r="DH544" s="487"/>
      <c r="DI544" s="486"/>
      <c r="DJ544" s="486"/>
      <c r="DK544" s="486"/>
    </row>
    <row r="545" spans="1:115" ht="56.1" hidden="1" customHeight="1" x14ac:dyDescent="0.2">
      <c r="A545" s="499" t="s">
        <v>2494</v>
      </c>
      <c r="B545" s="483" t="s">
        <v>2495</v>
      </c>
      <c r="C545" s="481">
        <v>873</v>
      </c>
      <c r="D545" s="481"/>
      <c r="E545" s="481" t="s">
        <v>2481</v>
      </c>
      <c r="F545" s="482" t="s">
        <v>53</v>
      </c>
      <c r="G545" s="482" t="s">
        <v>655</v>
      </c>
      <c r="H545" s="501" t="s">
        <v>932</v>
      </c>
      <c r="I545" s="501" t="s">
        <v>1249</v>
      </c>
      <c r="J545" s="501" t="s">
        <v>1250</v>
      </c>
      <c r="K545" s="501"/>
      <c r="L545" s="77" t="s">
        <v>58</v>
      </c>
      <c r="M545" s="501" t="s">
        <v>833</v>
      </c>
      <c r="N545" s="501"/>
      <c r="O545" s="501" t="s">
        <v>81</v>
      </c>
      <c r="P545" s="77" t="s">
        <v>77</v>
      </c>
      <c r="Q545" s="77"/>
      <c r="R545" s="500" t="s">
        <v>834</v>
      </c>
      <c r="S545" s="76" t="s">
        <v>63</v>
      </c>
      <c r="T545" s="76" t="s">
        <v>63</v>
      </c>
      <c r="U545" s="508">
        <v>1099672.0109375</v>
      </c>
      <c r="V545" s="508"/>
      <c r="W545" s="494" t="s">
        <v>659</v>
      </c>
      <c r="X545" s="494"/>
      <c r="Y545" s="503">
        <f t="shared" si="108"/>
        <v>1099672.0109375</v>
      </c>
      <c r="Z545" s="76" t="s">
        <v>65</v>
      </c>
      <c r="AA545" s="487"/>
      <c r="AB545" s="487"/>
      <c r="AC545" s="487"/>
      <c r="AD545" s="487"/>
      <c r="AE545" s="487"/>
      <c r="AF545" s="487"/>
      <c r="AG545" s="487"/>
      <c r="AH545" s="487"/>
      <c r="AI545" s="487"/>
      <c r="AJ545" s="487"/>
      <c r="AK545" s="487"/>
      <c r="AL545" s="487"/>
      <c r="AM545" s="487"/>
      <c r="AN545" s="487"/>
      <c r="AO545" s="487"/>
      <c r="AP545" s="487"/>
      <c r="AQ545" s="76"/>
      <c r="AR545" s="487"/>
      <c r="AS545" s="487"/>
      <c r="AT545" s="487"/>
      <c r="AU545" s="76"/>
      <c r="AV545" s="487"/>
      <c r="AW545" s="487"/>
      <c r="AX545" s="487"/>
      <c r="AY545" s="76"/>
      <c r="AZ545" s="487"/>
      <c r="BA545" s="76"/>
      <c r="BB545" s="76"/>
      <c r="BC545" s="487"/>
      <c r="BD545" s="76"/>
      <c r="BE545" s="76"/>
      <c r="BF545" s="80">
        <f t="shared" si="109"/>
        <v>0</v>
      </c>
      <c r="BG545" s="76"/>
      <c r="BH545" s="487" t="str">
        <f t="shared" ref="BH545:BW560" si="115">IF(AA545="yes",(AA$2*$BG545),"")</f>
        <v/>
      </c>
      <c r="BI545" s="487" t="str">
        <f t="shared" si="115"/>
        <v/>
      </c>
      <c r="BJ545" s="487" t="str">
        <f t="shared" si="115"/>
        <v/>
      </c>
      <c r="BK545" s="487" t="str">
        <f t="shared" si="115"/>
        <v/>
      </c>
      <c r="BL545" s="487" t="str">
        <f t="shared" si="115"/>
        <v/>
      </c>
      <c r="BM545" s="487" t="str">
        <f t="shared" si="115"/>
        <v/>
      </c>
      <c r="BN545" s="487" t="str">
        <f t="shared" si="115"/>
        <v/>
      </c>
      <c r="BO545" s="487" t="str">
        <f t="shared" si="115"/>
        <v/>
      </c>
      <c r="BP545" s="487" t="str">
        <f t="shared" si="115"/>
        <v/>
      </c>
      <c r="BQ545" s="487" t="str">
        <f t="shared" si="115"/>
        <v/>
      </c>
      <c r="BR545" s="487" t="str">
        <f t="shared" si="115"/>
        <v/>
      </c>
      <c r="BS545" s="487" t="str">
        <f t="shared" si="115"/>
        <v/>
      </c>
      <c r="BT545" s="487" t="str">
        <f t="shared" si="115"/>
        <v/>
      </c>
      <c r="BU545" s="487" t="str">
        <f t="shared" si="115"/>
        <v/>
      </c>
      <c r="BV545" s="487" t="str">
        <f t="shared" si="115"/>
        <v/>
      </c>
      <c r="BW545" s="487" t="str">
        <f t="shared" si="115"/>
        <v/>
      </c>
      <c r="BX545" s="487" t="str">
        <f t="shared" ref="BX545:CI566" si="116">IF(AQ545="yes",(AQ$2*$BG545),"")</f>
        <v/>
      </c>
      <c r="BY545" s="487" t="str">
        <f t="shared" si="116"/>
        <v/>
      </c>
      <c r="BZ545" s="487" t="str">
        <f t="shared" si="116"/>
        <v/>
      </c>
      <c r="CA545" s="487" t="str">
        <f t="shared" si="116"/>
        <v/>
      </c>
      <c r="CB545" s="487" t="str">
        <f t="shared" si="116"/>
        <v/>
      </c>
      <c r="CC545" s="487" t="str">
        <f t="shared" si="116"/>
        <v/>
      </c>
      <c r="CD545" s="487" t="str">
        <f t="shared" si="116"/>
        <v/>
      </c>
      <c r="CE545" s="487" t="str">
        <f t="shared" si="116"/>
        <v/>
      </c>
      <c r="CF545" s="487" t="str">
        <f t="shared" si="116"/>
        <v/>
      </c>
      <c r="CG545" s="487" t="str">
        <f t="shared" si="116"/>
        <v/>
      </c>
      <c r="CH545" s="487" t="str">
        <f t="shared" si="116"/>
        <v/>
      </c>
      <c r="CI545" s="487" t="str">
        <f t="shared" si="116"/>
        <v/>
      </c>
      <c r="CJ545" s="487" t="str">
        <f t="shared" si="114"/>
        <v/>
      </c>
      <c r="CK545" s="487" t="str">
        <f t="shared" si="114"/>
        <v/>
      </c>
      <c r="CL545" s="487" t="str">
        <f t="shared" si="114"/>
        <v/>
      </c>
      <c r="CM545" s="487"/>
      <c r="CN545" s="487"/>
      <c r="CO545" s="487"/>
      <c r="CP545" s="487"/>
      <c r="CQ545" s="487"/>
      <c r="CR545" s="487"/>
      <c r="CS545" s="487"/>
      <c r="CT545" s="487"/>
      <c r="CU545" s="487"/>
      <c r="CV545" s="487"/>
      <c r="CW545" s="487"/>
      <c r="CX545" s="487"/>
      <c r="CY545" s="487"/>
      <c r="CZ545" s="487"/>
      <c r="DA545" s="487"/>
      <c r="DB545" s="487"/>
      <c r="DC545" s="487"/>
      <c r="DD545" s="487"/>
      <c r="DE545" s="487"/>
      <c r="DF545" s="487"/>
      <c r="DG545" s="487"/>
      <c r="DH545" s="487"/>
      <c r="DI545" s="486"/>
      <c r="DJ545" s="486"/>
      <c r="DK545" s="486"/>
    </row>
    <row r="546" spans="1:115" ht="56.1" hidden="1" customHeight="1" x14ac:dyDescent="0.2">
      <c r="A546" s="499" t="s">
        <v>2494</v>
      </c>
      <c r="B546" s="483" t="s">
        <v>2495</v>
      </c>
      <c r="C546" s="481">
        <v>874</v>
      </c>
      <c r="D546" s="481"/>
      <c r="E546" s="481" t="s">
        <v>2481</v>
      </c>
      <c r="F546" s="482" t="s">
        <v>53</v>
      </c>
      <c r="G546" s="482" t="s">
        <v>655</v>
      </c>
      <c r="H546" s="501" t="s">
        <v>932</v>
      </c>
      <c r="I546" s="501" t="s">
        <v>1251</v>
      </c>
      <c r="J546" s="500" t="s">
        <v>1252</v>
      </c>
      <c r="K546" s="500"/>
      <c r="L546" s="77" t="s">
        <v>58</v>
      </c>
      <c r="M546" s="501" t="s">
        <v>833</v>
      </c>
      <c r="N546" s="501"/>
      <c r="O546" s="501" t="s">
        <v>81</v>
      </c>
      <c r="P546" s="77" t="s">
        <v>77</v>
      </c>
      <c r="Q546" s="77"/>
      <c r="R546" s="500" t="s">
        <v>722</v>
      </c>
      <c r="S546" s="76" t="s">
        <v>63</v>
      </c>
      <c r="T546" s="76" t="s">
        <v>63</v>
      </c>
      <c r="U546" s="508">
        <v>4522.375</v>
      </c>
      <c r="V546" s="508"/>
      <c r="W546" s="494" t="s">
        <v>659</v>
      </c>
      <c r="X546" s="494"/>
      <c r="Y546" s="503">
        <f t="shared" si="108"/>
        <v>4522.375</v>
      </c>
      <c r="Z546" s="76" t="s">
        <v>65</v>
      </c>
      <c r="AA546" s="487"/>
      <c r="AB546" s="487"/>
      <c r="AC546" s="487"/>
      <c r="AD546" s="487"/>
      <c r="AE546" s="487"/>
      <c r="AF546" s="487"/>
      <c r="AG546" s="487"/>
      <c r="AH546" s="487"/>
      <c r="AI546" s="487"/>
      <c r="AJ546" s="487"/>
      <c r="AK546" s="487"/>
      <c r="AL546" s="487"/>
      <c r="AM546" s="487"/>
      <c r="AN546" s="487"/>
      <c r="AO546" s="487"/>
      <c r="AP546" s="487"/>
      <c r="AQ546" s="76"/>
      <c r="AR546" s="487"/>
      <c r="AS546" s="487"/>
      <c r="AT546" s="487"/>
      <c r="AU546" s="76"/>
      <c r="AV546" s="487"/>
      <c r="AW546" s="487"/>
      <c r="AX546" s="487"/>
      <c r="AY546" s="76"/>
      <c r="AZ546" s="487"/>
      <c r="BA546" s="76"/>
      <c r="BB546" s="76"/>
      <c r="BC546" s="487"/>
      <c r="BD546" s="76"/>
      <c r="BE546" s="76"/>
      <c r="BF546" s="80">
        <f t="shared" si="109"/>
        <v>0</v>
      </c>
      <c r="BG546" s="76"/>
      <c r="BH546" s="487" t="str">
        <f t="shared" si="115"/>
        <v/>
      </c>
      <c r="BI546" s="487" t="str">
        <f t="shared" si="115"/>
        <v/>
      </c>
      <c r="BJ546" s="487" t="str">
        <f t="shared" si="115"/>
        <v/>
      </c>
      <c r="BK546" s="487" t="str">
        <f t="shared" si="115"/>
        <v/>
      </c>
      <c r="BL546" s="487" t="str">
        <f t="shared" si="115"/>
        <v/>
      </c>
      <c r="BM546" s="487" t="str">
        <f t="shared" si="115"/>
        <v/>
      </c>
      <c r="BN546" s="487" t="str">
        <f t="shared" si="115"/>
        <v/>
      </c>
      <c r="BO546" s="487" t="str">
        <f t="shared" si="115"/>
        <v/>
      </c>
      <c r="BP546" s="487" t="str">
        <f t="shared" si="115"/>
        <v/>
      </c>
      <c r="BQ546" s="487" t="str">
        <f t="shared" si="115"/>
        <v/>
      </c>
      <c r="BR546" s="487" t="str">
        <f t="shared" si="115"/>
        <v/>
      </c>
      <c r="BS546" s="487" t="str">
        <f t="shared" si="115"/>
        <v/>
      </c>
      <c r="BT546" s="487" t="str">
        <f t="shared" si="115"/>
        <v/>
      </c>
      <c r="BU546" s="487" t="str">
        <f t="shared" si="115"/>
        <v/>
      </c>
      <c r="BV546" s="487" t="str">
        <f t="shared" si="115"/>
        <v/>
      </c>
      <c r="BW546" s="487" t="str">
        <f t="shared" si="115"/>
        <v/>
      </c>
      <c r="BX546" s="487" t="str">
        <f t="shared" si="116"/>
        <v/>
      </c>
      <c r="BY546" s="487" t="str">
        <f t="shared" si="116"/>
        <v/>
      </c>
      <c r="BZ546" s="487" t="str">
        <f t="shared" si="116"/>
        <v/>
      </c>
      <c r="CA546" s="487" t="str">
        <f t="shared" si="116"/>
        <v/>
      </c>
      <c r="CB546" s="487" t="str">
        <f t="shared" si="116"/>
        <v/>
      </c>
      <c r="CC546" s="487" t="str">
        <f t="shared" si="116"/>
        <v/>
      </c>
      <c r="CD546" s="487" t="str">
        <f t="shared" si="116"/>
        <v/>
      </c>
      <c r="CE546" s="487" t="str">
        <f t="shared" si="116"/>
        <v/>
      </c>
      <c r="CF546" s="487" t="str">
        <f t="shared" si="116"/>
        <v/>
      </c>
      <c r="CG546" s="487" t="str">
        <f t="shared" si="116"/>
        <v/>
      </c>
      <c r="CH546" s="487" t="str">
        <f t="shared" si="116"/>
        <v/>
      </c>
      <c r="CI546" s="487" t="str">
        <f t="shared" si="116"/>
        <v/>
      </c>
      <c r="CJ546" s="487" t="str">
        <f t="shared" si="114"/>
        <v/>
      </c>
      <c r="CK546" s="487" t="str">
        <f t="shared" si="114"/>
        <v/>
      </c>
      <c r="CL546" s="487" t="str">
        <f t="shared" si="114"/>
        <v/>
      </c>
      <c r="CM546" s="487"/>
      <c r="CN546" s="487"/>
      <c r="CO546" s="487"/>
      <c r="CP546" s="487"/>
      <c r="CQ546" s="487"/>
      <c r="CR546" s="487"/>
      <c r="CS546" s="487"/>
      <c r="CT546" s="487"/>
      <c r="CU546" s="487"/>
      <c r="CV546" s="487"/>
      <c r="CW546" s="487"/>
      <c r="CX546" s="487"/>
      <c r="CY546" s="487"/>
      <c r="CZ546" s="487"/>
      <c r="DA546" s="487"/>
      <c r="DB546" s="487"/>
      <c r="DC546" s="487"/>
      <c r="DD546" s="487"/>
      <c r="DE546" s="487"/>
      <c r="DF546" s="487"/>
      <c r="DG546" s="487"/>
      <c r="DH546" s="487"/>
      <c r="DI546" s="486"/>
      <c r="DJ546" s="486"/>
      <c r="DK546" s="486"/>
    </row>
    <row r="547" spans="1:115" ht="56.1" hidden="1" customHeight="1" x14ac:dyDescent="0.2">
      <c r="A547" s="499" t="s">
        <v>2342</v>
      </c>
      <c r="B547" s="510"/>
      <c r="C547" s="481">
        <v>875</v>
      </c>
      <c r="D547" s="481"/>
      <c r="E547" s="481" t="s">
        <v>2481</v>
      </c>
      <c r="F547" s="482" t="s">
        <v>53</v>
      </c>
      <c r="G547" s="482" t="s">
        <v>655</v>
      </c>
      <c r="H547" s="501" t="s">
        <v>932</v>
      </c>
      <c r="I547" s="501" t="s">
        <v>1253</v>
      </c>
      <c r="J547" s="501" t="s">
        <v>1254</v>
      </c>
      <c r="K547" s="501"/>
      <c r="L547" s="77" t="s">
        <v>58</v>
      </c>
      <c r="M547" s="500" t="s">
        <v>846</v>
      </c>
      <c r="N547" s="500"/>
      <c r="O547" s="501" t="s">
        <v>81</v>
      </c>
      <c r="P547" s="77" t="s">
        <v>77</v>
      </c>
      <c r="Q547" s="77"/>
      <c r="R547" s="500" t="s">
        <v>722</v>
      </c>
      <c r="S547" s="76" t="s">
        <v>63</v>
      </c>
      <c r="T547" s="76" t="s">
        <v>63</v>
      </c>
      <c r="U547" s="508">
        <v>575575</v>
      </c>
      <c r="V547" s="508"/>
      <c r="W547" s="510" t="s">
        <v>839</v>
      </c>
      <c r="X547" s="510"/>
      <c r="Y547" s="503">
        <f t="shared" si="108"/>
        <v>575575</v>
      </c>
      <c r="Z547" s="76" t="s">
        <v>65</v>
      </c>
      <c r="AA547" s="487"/>
      <c r="AB547" s="487"/>
      <c r="AC547" s="487"/>
      <c r="AD547" s="487"/>
      <c r="AE547" s="487"/>
      <c r="AF547" s="487"/>
      <c r="AG547" s="487"/>
      <c r="AH547" s="487"/>
      <c r="AI547" s="487"/>
      <c r="AJ547" s="487"/>
      <c r="AK547" s="487"/>
      <c r="AL547" s="487"/>
      <c r="AM547" s="487"/>
      <c r="AN547" s="487"/>
      <c r="AO547" s="487"/>
      <c r="AP547" s="487"/>
      <c r="AQ547" s="76"/>
      <c r="AR547" s="487"/>
      <c r="AS547" s="487"/>
      <c r="AT547" s="487"/>
      <c r="AU547" s="76"/>
      <c r="AV547" s="487"/>
      <c r="AW547" s="487"/>
      <c r="AX547" s="487"/>
      <c r="AY547" s="76"/>
      <c r="AZ547" s="487"/>
      <c r="BA547" s="76"/>
      <c r="BB547" s="76"/>
      <c r="BC547" s="487"/>
      <c r="BD547" s="76"/>
      <c r="BE547" s="76"/>
      <c r="BF547" s="80">
        <f t="shared" si="109"/>
        <v>0</v>
      </c>
      <c r="BG547" s="76"/>
      <c r="BH547" s="487" t="str">
        <f t="shared" si="115"/>
        <v/>
      </c>
      <c r="BI547" s="487" t="str">
        <f t="shared" si="115"/>
        <v/>
      </c>
      <c r="BJ547" s="487" t="str">
        <f t="shared" si="115"/>
        <v/>
      </c>
      <c r="BK547" s="487" t="str">
        <f t="shared" si="115"/>
        <v/>
      </c>
      <c r="BL547" s="487" t="str">
        <f t="shared" si="115"/>
        <v/>
      </c>
      <c r="BM547" s="487" t="str">
        <f t="shared" si="115"/>
        <v/>
      </c>
      <c r="BN547" s="487" t="str">
        <f t="shared" si="115"/>
        <v/>
      </c>
      <c r="BO547" s="487" t="str">
        <f t="shared" si="115"/>
        <v/>
      </c>
      <c r="BP547" s="487" t="str">
        <f t="shared" si="115"/>
        <v/>
      </c>
      <c r="BQ547" s="487" t="str">
        <f t="shared" si="115"/>
        <v/>
      </c>
      <c r="BR547" s="487" t="str">
        <f t="shared" si="115"/>
        <v/>
      </c>
      <c r="BS547" s="487" t="str">
        <f t="shared" si="115"/>
        <v/>
      </c>
      <c r="BT547" s="487" t="str">
        <f t="shared" si="115"/>
        <v/>
      </c>
      <c r="BU547" s="487" t="str">
        <f t="shared" si="115"/>
        <v/>
      </c>
      <c r="BV547" s="487" t="str">
        <f t="shared" si="115"/>
        <v/>
      </c>
      <c r="BW547" s="487" t="str">
        <f t="shared" si="115"/>
        <v/>
      </c>
      <c r="BX547" s="487" t="str">
        <f t="shared" si="116"/>
        <v/>
      </c>
      <c r="BY547" s="487" t="str">
        <f t="shared" si="116"/>
        <v/>
      </c>
      <c r="BZ547" s="487" t="str">
        <f t="shared" si="116"/>
        <v/>
      </c>
      <c r="CA547" s="487" t="str">
        <f t="shared" si="116"/>
        <v/>
      </c>
      <c r="CB547" s="487" t="str">
        <f t="shared" si="116"/>
        <v/>
      </c>
      <c r="CC547" s="487" t="str">
        <f t="shared" si="116"/>
        <v/>
      </c>
      <c r="CD547" s="487" t="str">
        <f t="shared" si="116"/>
        <v/>
      </c>
      <c r="CE547" s="487" t="str">
        <f t="shared" si="116"/>
        <v/>
      </c>
      <c r="CF547" s="487" t="str">
        <f t="shared" si="116"/>
        <v/>
      </c>
      <c r="CG547" s="487" t="str">
        <f t="shared" si="116"/>
        <v/>
      </c>
      <c r="CH547" s="487" t="str">
        <f t="shared" si="116"/>
        <v/>
      </c>
      <c r="CI547" s="487" t="str">
        <f t="shared" si="116"/>
        <v/>
      </c>
      <c r="CJ547" s="487" t="str">
        <f t="shared" si="114"/>
        <v/>
      </c>
      <c r="CK547" s="487" t="str">
        <f t="shared" si="114"/>
        <v/>
      </c>
      <c r="CL547" s="487" t="str">
        <f t="shared" si="114"/>
        <v/>
      </c>
      <c r="CM547" s="487"/>
      <c r="CN547" s="487"/>
      <c r="CO547" s="487"/>
      <c r="CP547" s="487"/>
      <c r="CQ547" s="487"/>
      <c r="CR547" s="487"/>
      <c r="CS547" s="487"/>
      <c r="CT547" s="487"/>
      <c r="CU547" s="487"/>
      <c r="CV547" s="487"/>
      <c r="CW547" s="487"/>
      <c r="CX547" s="487"/>
      <c r="CY547" s="487"/>
      <c r="CZ547" s="487"/>
      <c r="DA547" s="487"/>
      <c r="DB547" s="487"/>
      <c r="DC547" s="487"/>
      <c r="DD547" s="487"/>
      <c r="DE547" s="487"/>
      <c r="DF547" s="487"/>
      <c r="DG547" s="487"/>
      <c r="DH547" s="487"/>
      <c r="DI547" s="486"/>
      <c r="DJ547" s="486"/>
      <c r="DK547" s="486"/>
    </row>
    <row r="548" spans="1:115" ht="56.1" hidden="1" customHeight="1" x14ac:dyDescent="0.2">
      <c r="A548" s="499" t="s">
        <v>2342</v>
      </c>
      <c r="B548" s="510"/>
      <c r="C548" s="481">
        <v>876</v>
      </c>
      <c r="D548" s="481"/>
      <c r="E548" s="481" t="s">
        <v>2481</v>
      </c>
      <c r="F548" s="482" t="s">
        <v>53</v>
      </c>
      <c r="G548" s="482" t="s">
        <v>655</v>
      </c>
      <c r="H548" s="501" t="s">
        <v>932</v>
      </c>
      <c r="I548" s="501" t="s">
        <v>1255</v>
      </c>
      <c r="J548" s="501" t="s">
        <v>1256</v>
      </c>
      <c r="K548" s="501"/>
      <c r="L548" s="77" t="s">
        <v>58</v>
      </c>
      <c r="M548" s="500" t="s">
        <v>846</v>
      </c>
      <c r="N548" s="500"/>
      <c r="O548" s="501" t="s">
        <v>81</v>
      </c>
      <c r="P548" s="77" t="s">
        <v>77</v>
      </c>
      <c r="Q548" s="77"/>
      <c r="R548" s="500" t="s">
        <v>722</v>
      </c>
      <c r="S548" s="76" t="s">
        <v>63</v>
      </c>
      <c r="T548" s="76" t="s">
        <v>63</v>
      </c>
      <c r="U548" s="508">
        <v>291076.5</v>
      </c>
      <c r="V548" s="508"/>
      <c r="W548" s="510" t="s">
        <v>839</v>
      </c>
      <c r="X548" s="510"/>
      <c r="Y548" s="503">
        <f t="shared" si="108"/>
        <v>291076.5</v>
      </c>
      <c r="Z548" s="76" t="s">
        <v>65</v>
      </c>
      <c r="AA548" s="487"/>
      <c r="AB548" s="487"/>
      <c r="AC548" s="487"/>
      <c r="AD548" s="487"/>
      <c r="AE548" s="487"/>
      <c r="AF548" s="487"/>
      <c r="AG548" s="487"/>
      <c r="AH548" s="487"/>
      <c r="AI548" s="487"/>
      <c r="AJ548" s="487"/>
      <c r="AK548" s="487"/>
      <c r="AL548" s="487"/>
      <c r="AM548" s="487"/>
      <c r="AN548" s="487"/>
      <c r="AO548" s="487"/>
      <c r="AP548" s="487"/>
      <c r="AQ548" s="76"/>
      <c r="AR548" s="487"/>
      <c r="AS548" s="487"/>
      <c r="AT548" s="487"/>
      <c r="AU548" s="76"/>
      <c r="AV548" s="487"/>
      <c r="AW548" s="487"/>
      <c r="AX548" s="487"/>
      <c r="AY548" s="76"/>
      <c r="AZ548" s="487"/>
      <c r="BA548" s="76"/>
      <c r="BB548" s="76"/>
      <c r="BC548" s="487"/>
      <c r="BD548" s="76"/>
      <c r="BE548" s="76"/>
      <c r="BF548" s="80">
        <f t="shared" si="109"/>
        <v>0</v>
      </c>
      <c r="BG548" s="76"/>
      <c r="BH548" s="487" t="str">
        <f t="shared" si="115"/>
        <v/>
      </c>
      <c r="BI548" s="487" t="str">
        <f t="shared" si="115"/>
        <v/>
      </c>
      <c r="BJ548" s="487" t="str">
        <f t="shared" si="115"/>
        <v/>
      </c>
      <c r="BK548" s="487" t="str">
        <f t="shared" si="115"/>
        <v/>
      </c>
      <c r="BL548" s="487" t="str">
        <f t="shared" si="115"/>
        <v/>
      </c>
      <c r="BM548" s="487" t="str">
        <f t="shared" si="115"/>
        <v/>
      </c>
      <c r="BN548" s="487" t="str">
        <f t="shared" si="115"/>
        <v/>
      </c>
      <c r="BO548" s="487" t="str">
        <f t="shared" si="115"/>
        <v/>
      </c>
      <c r="BP548" s="487" t="str">
        <f t="shared" si="115"/>
        <v/>
      </c>
      <c r="BQ548" s="487" t="str">
        <f t="shared" si="115"/>
        <v/>
      </c>
      <c r="BR548" s="487" t="str">
        <f t="shared" si="115"/>
        <v/>
      </c>
      <c r="BS548" s="487" t="str">
        <f t="shared" si="115"/>
        <v/>
      </c>
      <c r="BT548" s="487" t="str">
        <f t="shared" si="115"/>
        <v/>
      </c>
      <c r="BU548" s="487" t="str">
        <f t="shared" si="115"/>
        <v/>
      </c>
      <c r="BV548" s="487" t="str">
        <f t="shared" si="115"/>
        <v/>
      </c>
      <c r="BW548" s="487" t="str">
        <f t="shared" si="115"/>
        <v/>
      </c>
      <c r="BX548" s="487" t="str">
        <f t="shared" si="116"/>
        <v/>
      </c>
      <c r="BY548" s="487" t="str">
        <f t="shared" si="116"/>
        <v/>
      </c>
      <c r="BZ548" s="487" t="str">
        <f t="shared" si="116"/>
        <v/>
      </c>
      <c r="CA548" s="487" t="str">
        <f t="shared" si="116"/>
        <v/>
      </c>
      <c r="CB548" s="487" t="str">
        <f t="shared" si="116"/>
        <v/>
      </c>
      <c r="CC548" s="487" t="str">
        <f t="shared" si="116"/>
        <v/>
      </c>
      <c r="CD548" s="487" t="str">
        <f t="shared" si="116"/>
        <v/>
      </c>
      <c r="CE548" s="487" t="str">
        <f t="shared" si="116"/>
        <v/>
      </c>
      <c r="CF548" s="487" t="str">
        <f t="shared" si="116"/>
        <v/>
      </c>
      <c r="CG548" s="487" t="str">
        <f t="shared" si="116"/>
        <v/>
      </c>
      <c r="CH548" s="487" t="str">
        <f t="shared" si="116"/>
        <v/>
      </c>
      <c r="CI548" s="487" t="str">
        <f t="shared" si="116"/>
        <v/>
      </c>
      <c r="CJ548" s="487" t="str">
        <f t="shared" si="114"/>
        <v/>
      </c>
      <c r="CK548" s="487" t="str">
        <f t="shared" si="114"/>
        <v/>
      </c>
      <c r="CL548" s="487" t="str">
        <f t="shared" si="114"/>
        <v/>
      </c>
      <c r="CM548" s="487"/>
      <c r="CN548" s="487"/>
      <c r="CO548" s="487"/>
      <c r="CP548" s="487"/>
      <c r="CQ548" s="487"/>
      <c r="CR548" s="487"/>
      <c r="CS548" s="487"/>
      <c r="CT548" s="487"/>
      <c r="CU548" s="487"/>
      <c r="CV548" s="487"/>
      <c r="CW548" s="487"/>
      <c r="CX548" s="487"/>
      <c r="CY548" s="487"/>
      <c r="CZ548" s="487"/>
      <c r="DA548" s="487"/>
      <c r="DB548" s="487"/>
      <c r="DC548" s="487"/>
      <c r="DD548" s="487"/>
      <c r="DE548" s="487"/>
      <c r="DF548" s="487"/>
      <c r="DG548" s="487"/>
      <c r="DH548" s="487"/>
      <c r="DI548" s="486"/>
      <c r="DJ548" s="486"/>
      <c r="DK548" s="486"/>
    </row>
    <row r="549" spans="1:115" ht="56.1" hidden="1" customHeight="1" x14ac:dyDescent="0.2">
      <c r="A549" s="499" t="s">
        <v>2342</v>
      </c>
      <c r="B549" s="510"/>
      <c r="C549" s="481">
        <v>877</v>
      </c>
      <c r="D549" s="481"/>
      <c r="E549" s="481" t="s">
        <v>2481</v>
      </c>
      <c r="F549" s="482" t="s">
        <v>53</v>
      </c>
      <c r="G549" s="482" t="s">
        <v>655</v>
      </c>
      <c r="H549" s="501" t="s">
        <v>932</v>
      </c>
      <c r="I549" s="501" t="s">
        <v>1257</v>
      </c>
      <c r="J549" s="501" t="s">
        <v>1258</v>
      </c>
      <c r="K549" s="501"/>
      <c r="L549" s="77" t="s">
        <v>58</v>
      </c>
      <c r="M549" s="500" t="s">
        <v>846</v>
      </c>
      <c r="N549" s="500"/>
      <c r="O549" s="501" t="s">
        <v>81</v>
      </c>
      <c r="P549" s="77" t="s">
        <v>77</v>
      </c>
      <c r="Q549" s="77"/>
      <c r="R549" s="500" t="s">
        <v>722</v>
      </c>
      <c r="S549" s="76" t="s">
        <v>63</v>
      </c>
      <c r="T549" s="76" t="s">
        <v>63</v>
      </c>
      <c r="U549" s="508">
        <v>196106.625</v>
      </c>
      <c r="V549" s="508"/>
      <c r="W549" s="510" t="s">
        <v>839</v>
      </c>
      <c r="X549" s="510"/>
      <c r="Y549" s="503">
        <f t="shared" si="108"/>
        <v>196106.625</v>
      </c>
      <c r="Z549" s="76" t="s">
        <v>65</v>
      </c>
      <c r="AA549" s="487"/>
      <c r="AB549" s="487"/>
      <c r="AC549" s="487"/>
      <c r="AD549" s="487"/>
      <c r="AE549" s="487"/>
      <c r="AF549" s="487"/>
      <c r="AG549" s="487"/>
      <c r="AH549" s="487"/>
      <c r="AI549" s="487"/>
      <c r="AJ549" s="487"/>
      <c r="AK549" s="487"/>
      <c r="AL549" s="487"/>
      <c r="AM549" s="487"/>
      <c r="AN549" s="487"/>
      <c r="AO549" s="487"/>
      <c r="AP549" s="487"/>
      <c r="AQ549" s="76"/>
      <c r="AR549" s="487"/>
      <c r="AS549" s="487"/>
      <c r="AT549" s="487"/>
      <c r="AU549" s="76"/>
      <c r="AV549" s="487"/>
      <c r="AW549" s="487"/>
      <c r="AX549" s="487"/>
      <c r="AY549" s="76"/>
      <c r="AZ549" s="487"/>
      <c r="BA549" s="76"/>
      <c r="BB549" s="76"/>
      <c r="BC549" s="487"/>
      <c r="BD549" s="76"/>
      <c r="BE549" s="76"/>
      <c r="BF549" s="80">
        <f t="shared" si="109"/>
        <v>0</v>
      </c>
      <c r="BG549" s="76"/>
      <c r="BH549" s="487" t="str">
        <f t="shared" si="115"/>
        <v/>
      </c>
      <c r="BI549" s="487" t="str">
        <f t="shared" si="115"/>
        <v/>
      </c>
      <c r="BJ549" s="487" t="str">
        <f t="shared" si="115"/>
        <v/>
      </c>
      <c r="BK549" s="487" t="str">
        <f t="shared" si="115"/>
        <v/>
      </c>
      <c r="BL549" s="487" t="str">
        <f t="shared" si="115"/>
        <v/>
      </c>
      <c r="BM549" s="487" t="str">
        <f t="shared" si="115"/>
        <v/>
      </c>
      <c r="BN549" s="487" t="str">
        <f t="shared" si="115"/>
        <v/>
      </c>
      <c r="BO549" s="487" t="str">
        <f t="shared" si="115"/>
        <v/>
      </c>
      <c r="BP549" s="487" t="str">
        <f t="shared" si="115"/>
        <v/>
      </c>
      <c r="BQ549" s="487" t="str">
        <f t="shared" si="115"/>
        <v/>
      </c>
      <c r="BR549" s="487" t="str">
        <f t="shared" si="115"/>
        <v/>
      </c>
      <c r="BS549" s="487" t="str">
        <f t="shared" si="115"/>
        <v/>
      </c>
      <c r="BT549" s="487" t="str">
        <f t="shared" si="115"/>
        <v/>
      </c>
      <c r="BU549" s="487" t="str">
        <f t="shared" si="115"/>
        <v/>
      </c>
      <c r="BV549" s="487" t="str">
        <f t="shared" si="115"/>
        <v/>
      </c>
      <c r="BW549" s="487" t="str">
        <f t="shared" si="115"/>
        <v/>
      </c>
      <c r="BX549" s="487" t="str">
        <f t="shared" si="116"/>
        <v/>
      </c>
      <c r="BY549" s="487" t="str">
        <f t="shared" si="116"/>
        <v/>
      </c>
      <c r="BZ549" s="487" t="str">
        <f t="shared" si="116"/>
        <v/>
      </c>
      <c r="CA549" s="487" t="str">
        <f t="shared" si="116"/>
        <v/>
      </c>
      <c r="CB549" s="487" t="str">
        <f t="shared" si="116"/>
        <v/>
      </c>
      <c r="CC549" s="487" t="str">
        <f t="shared" si="116"/>
        <v/>
      </c>
      <c r="CD549" s="487" t="str">
        <f t="shared" si="116"/>
        <v/>
      </c>
      <c r="CE549" s="487" t="str">
        <f t="shared" si="116"/>
        <v/>
      </c>
      <c r="CF549" s="487" t="str">
        <f t="shared" si="116"/>
        <v/>
      </c>
      <c r="CG549" s="487" t="str">
        <f t="shared" si="116"/>
        <v/>
      </c>
      <c r="CH549" s="487" t="str">
        <f t="shared" si="116"/>
        <v/>
      </c>
      <c r="CI549" s="487" t="str">
        <f t="shared" si="116"/>
        <v/>
      </c>
      <c r="CJ549" s="487" t="str">
        <f t="shared" si="114"/>
        <v/>
      </c>
      <c r="CK549" s="487" t="str">
        <f t="shared" si="114"/>
        <v/>
      </c>
      <c r="CL549" s="487" t="str">
        <f t="shared" si="114"/>
        <v/>
      </c>
      <c r="CM549" s="487"/>
      <c r="CN549" s="487"/>
      <c r="CO549" s="487"/>
      <c r="CP549" s="487"/>
      <c r="CQ549" s="487"/>
      <c r="CR549" s="487"/>
      <c r="CS549" s="487"/>
      <c r="CT549" s="487"/>
      <c r="CU549" s="487"/>
      <c r="CV549" s="487"/>
      <c r="CW549" s="487"/>
      <c r="CX549" s="487"/>
      <c r="CY549" s="487"/>
      <c r="CZ549" s="487"/>
      <c r="DA549" s="487"/>
      <c r="DB549" s="487"/>
      <c r="DC549" s="487"/>
      <c r="DD549" s="487"/>
      <c r="DE549" s="487"/>
      <c r="DF549" s="487"/>
      <c r="DG549" s="487"/>
      <c r="DH549" s="487"/>
      <c r="DI549" s="486"/>
      <c r="DJ549" s="486"/>
      <c r="DK549" s="486"/>
    </row>
    <row r="550" spans="1:115" ht="56.1" hidden="1" customHeight="1" x14ac:dyDescent="0.2">
      <c r="A550" s="499" t="s">
        <v>2342</v>
      </c>
      <c r="B550" s="510"/>
      <c r="C550" s="481">
        <v>878</v>
      </c>
      <c r="D550" s="481"/>
      <c r="E550" s="481" t="s">
        <v>2481</v>
      </c>
      <c r="F550" s="482" t="s">
        <v>53</v>
      </c>
      <c r="G550" s="482" t="s">
        <v>655</v>
      </c>
      <c r="H550" s="501" t="s">
        <v>932</v>
      </c>
      <c r="I550" s="501" t="s">
        <v>1259</v>
      </c>
      <c r="J550" s="501" t="s">
        <v>1260</v>
      </c>
      <c r="K550" s="501"/>
      <c r="L550" s="77" t="s">
        <v>58</v>
      </c>
      <c r="M550" s="500" t="s">
        <v>846</v>
      </c>
      <c r="N550" s="500"/>
      <c r="O550" s="501" t="s">
        <v>81</v>
      </c>
      <c r="P550" s="77" t="s">
        <v>77</v>
      </c>
      <c r="Q550" s="77"/>
      <c r="R550" s="500" t="s">
        <v>722</v>
      </c>
      <c r="S550" s="76" t="s">
        <v>63</v>
      </c>
      <c r="T550" s="76" t="s">
        <v>63</v>
      </c>
      <c r="U550" s="508">
        <v>71535.75</v>
      </c>
      <c r="V550" s="508"/>
      <c r="W550" s="510" t="s">
        <v>839</v>
      </c>
      <c r="X550" s="510"/>
      <c r="Y550" s="503">
        <f t="shared" si="108"/>
        <v>71535.75</v>
      </c>
      <c r="Z550" s="76" t="s">
        <v>65</v>
      </c>
      <c r="AA550" s="487"/>
      <c r="AB550" s="487"/>
      <c r="AC550" s="487"/>
      <c r="AD550" s="487"/>
      <c r="AE550" s="487"/>
      <c r="AF550" s="487"/>
      <c r="AG550" s="487"/>
      <c r="AH550" s="487"/>
      <c r="AI550" s="487"/>
      <c r="AJ550" s="487"/>
      <c r="AK550" s="487"/>
      <c r="AL550" s="487"/>
      <c r="AM550" s="487"/>
      <c r="AN550" s="487"/>
      <c r="AO550" s="487"/>
      <c r="AP550" s="487"/>
      <c r="AQ550" s="76"/>
      <c r="AR550" s="487"/>
      <c r="AS550" s="487"/>
      <c r="AT550" s="487"/>
      <c r="AU550" s="76"/>
      <c r="AV550" s="487"/>
      <c r="AW550" s="487"/>
      <c r="AX550" s="487"/>
      <c r="AY550" s="76"/>
      <c r="AZ550" s="487"/>
      <c r="BA550" s="76"/>
      <c r="BB550" s="76"/>
      <c r="BC550" s="487"/>
      <c r="BD550" s="76"/>
      <c r="BE550" s="76"/>
      <c r="BF550" s="80">
        <f t="shared" si="109"/>
        <v>0</v>
      </c>
      <c r="BG550" s="76"/>
      <c r="BH550" s="487" t="str">
        <f t="shared" si="115"/>
        <v/>
      </c>
      <c r="BI550" s="487" t="str">
        <f t="shared" si="115"/>
        <v/>
      </c>
      <c r="BJ550" s="487" t="str">
        <f t="shared" si="115"/>
        <v/>
      </c>
      <c r="BK550" s="487" t="str">
        <f t="shared" si="115"/>
        <v/>
      </c>
      <c r="BL550" s="487" t="str">
        <f t="shared" si="115"/>
        <v/>
      </c>
      <c r="BM550" s="487" t="str">
        <f t="shared" si="115"/>
        <v/>
      </c>
      <c r="BN550" s="487" t="str">
        <f t="shared" si="115"/>
        <v/>
      </c>
      <c r="BO550" s="487" t="str">
        <f t="shared" si="115"/>
        <v/>
      </c>
      <c r="BP550" s="487" t="str">
        <f t="shared" si="115"/>
        <v/>
      </c>
      <c r="BQ550" s="487" t="str">
        <f t="shared" si="115"/>
        <v/>
      </c>
      <c r="BR550" s="487" t="str">
        <f t="shared" si="115"/>
        <v/>
      </c>
      <c r="BS550" s="487" t="str">
        <f t="shared" si="115"/>
        <v/>
      </c>
      <c r="BT550" s="487" t="str">
        <f t="shared" si="115"/>
        <v/>
      </c>
      <c r="BU550" s="487" t="str">
        <f t="shared" si="115"/>
        <v/>
      </c>
      <c r="BV550" s="487" t="str">
        <f t="shared" si="115"/>
        <v/>
      </c>
      <c r="BW550" s="487" t="str">
        <f t="shared" si="115"/>
        <v/>
      </c>
      <c r="BX550" s="487" t="str">
        <f t="shared" si="116"/>
        <v/>
      </c>
      <c r="BY550" s="487" t="str">
        <f t="shared" si="116"/>
        <v/>
      </c>
      <c r="BZ550" s="487" t="str">
        <f t="shared" si="116"/>
        <v/>
      </c>
      <c r="CA550" s="487" t="str">
        <f t="shared" si="116"/>
        <v/>
      </c>
      <c r="CB550" s="487" t="str">
        <f t="shared" si="116"/>
        <v/>
      </c>
      <c r="CC550" s="487" t="str">
        <f t="shared" si="116"/>
        <v/>
      </c>
      <c r="CD550" s="487" t="str">
        <f t="shared" si="116"/>
        <v/>
      </c>
      <c r="CE550" s="487" t="str">
        <f t="shared" si="116"/>
        <v/>
      </c>
      <c r="CF550" s="487" t="str">
        <f t="shared" si="116"/>
        <v/>
      </c>
      <c r="CG550" s="487" t="str">
        <f t="shared" si="116"/>
        <v/>
      </c>
      <c r="CH550" s="487" t="str">
        <f t="shared" si="116"/>
        <v/>
      </c>
      <c r="CI550" s="487" t="str">
        <f t="shared" si="116"/>
        <v/>
      </c>
      <c r="CJ550" s="487" t="str">
        <f t="shared" si="114"/>
        <v/>
      </c>
      <c r="CK550" s="487" t="str">
        <f t="shared" si="114"/>
        <v/>
      </c>
      <c r="CL550" s="487" t="str">
        <f t="shared" si="114"/>
        <v/>
      </c>
      <c r="CM550" s="487"/>
      <c r="CN550" s="487"/>
      <c r="CO550" s="487"/>
      <c r="CP550" s="487"/>
      <c r="CQ550" s="487"/>
      <c r="CR550" s="487"/>
      <c r="CS550" s="487"/>
      <c r="CT550" s="487"/>
      <c r="CU550" s="487"/>
      <c r="CV550" s="487"/>
      <c r="CW550" s="487"/>
      <c r="CX550" s="487"/>
      <c r="CY550" s="487"/>
      <c r="CZ550" s="487"/>
      <c r="DA550" s="487"/>
      <c r="DB550" s="487"/>
      <c r="DC550" s="487"/>
      <c r="DD550" s="487"/>
      <c r="DE550" s="487"/>
      <c r="DF550" s="487"/>
      <c r="DG550" s="487"/>
      <c r="DH550" s="487"/>
      <c r="DI550" s="486"/>
      <c r="DJ550" s="486"/>
      <c r="DK550" s="486"/>
    </row>
    <row r="551" spans="1:115" ht="56.1" hidden="1" customHeight="1" x14ac:dyDescent="0.2">
      <c r="A551" s="499" t="s">
        <v>2342</v>
      </c>
      <c r="B551" s="510"/>
      <c r="C551" s="481">
        <v>879</v>
      </c>
      <c r="D551" s="481"/>
      <c r="E551" s="481" t="s">
        <v>2481</v>
      </c>
      <c r="F551" s="482" t="s">
        <v>53</v>
      </c>
      <c r="G551" s="482" t="s">
        <v>655</v>
      </c>
      <c r="H551" s="501" t="s">
        <v>932</v>
      </c>
      <c r="I551" s="501" t="s">
        <v>1261</v>
      </c>
      <c r="J551" s="501" t="s">
        <v>1262</v>
      </c>
      <c r="K551" s="501"/>
      <c r="L551" s="77" t="s">
        <v>58</v>
      </c>
      <c r="M551" s="500" t="s">
        <v>846</v>
      </c>
      <c r="N551" s="500"/>
      <c r="O551" s="501" t="s">
        <v>81</v>
      </c>
      <c r="P551" s="77" t="s">
        <v>77</v>
      </c>
      <c r="Q551" s="77"/>
      <c r="R551" s="500" t="s">
        <v>722</v>
      </c>
      <c r="S551" s="76" t="s">
        <v>63</v>
      </c>
      <c r="T551" s="76" t="s">
        <v>63</v>
      </c>
      <c r="U551" s="508">
        <v>789.36</v>
      </c>
      <c r="V551" s="508"/>
      <c r="W551" s="510" t="s">
        <v>839</v>
      </c>
      <c r="X551" s="510"/>
      <c r="Y551" s="503">
        <f t="shared" si="108"/>
        <v>789.36</v>
      </c>
      <c r="Z551" s="76" t="s">
        <v>65</v>
      </c>
      <c r="AA551" s="486"/>
      <c r="AB551" s="486"/>
      <c r="AC551" s="486"/>
      <c r="AD551" s="486"/>
      <c r="AE551" s="486"/>
      <c r="AF551" s="486"/>
      <c r="AG551" s="486"/>
      <c r="AH551" s="486"/>
      <c r="AI551" s="486"/>
      <c r="AJ551" s="486"/>
      <c r="AK551" s="486"/>
      <c r="AL551" s="486"/>
      <c r="AM551" s="486"/>
      <c r="AN551" s="486"/>
      <c r="AO551" s="486"/>
      <c r="AP551" s="486"/>
      <c r="AQ551" s="486"/>
      <c r="AR551" s="486"/>
      <c r="AS551" s="486"/>
      <c r="AT551" s="486"/>
      <c r="AU551" s="486"/>
      <c r="AV551" s="486"/>
      <c r="AW551" s="486"/>
      <c r="AX551" s="486"/>
      <c r="AY551" s="486"/>
      <c r="AZ551" s="486"/>
      <c r="BA551" s="486"/>
      <c r="BB551" s="486"/>
      <c r="BC551" s="486"/>
      <c r="BD551" s="486"/>
      <c r="BE551" s="486"/>
      <c r="BF551" s="80">
        <f t="shared" si="109"/>
        <v>0</v>
      </c>
      <c r="BG551" s="76"/>
      <c r="BH551" s="487" t="str">
        <f t="shared" si="115"/>
        <v/>
      </c>
      <c r="BI551" s="487" t="str">
        <f t="shared" si="115"/>
        <v/>
      </c>
      <c r="BJ551" s="487" t="str">
        <f t="shared" si="115"/>
        <v/>
      </c>
      <c r="BK551" s="487" t="str">
        <f t="shared" si="115"/>
        <v/>
      </c>
      <c r="BL551" s="487" t="str">
        <f t="shared" si="115"/>
        <v/>
      </c>
      <c r="BM551" s="487" t="str">
        <f t="shared" si="115"/>
        <v/>
      </c>
      <c r="BN551" s="487" t="str">
        <f t="shared" si="115"/>
        <v/>
      </c>
      <c r="BO551" s="487" t="str">
        <f t="shared" si="115"/>
        <v/>
      </c>
      <c r="BP551" s="487" t="str">
        <f t="shared" si="115"/>
        <v/>
      </c>
      <c r="BQ551" s="487" t="str">
        <f t="shared" si="115"/>
        <v/>
      </c>
      <c r="BR551" s="487" t="str">
        <f t="shared" si="115"/>
        <v/>
      </c>
      <c r="BS551" s="487" t="str">
        <f t="shared" si="115"/>
        <v/>
      </c>
      <c r="BT551" s="487" t="str">
        <f t="shared" si="115"/>
        <v/>
      </c>
      <c r="BU551" s="487" t="str">
        <f t="shared" si="115"/>
        <v/>
      </c>
      <c r="BV551" s="487" t="str">
        <f t="shared" si="115"/>
        <v/>
      </c>
      <c r="BW551" s="487" t="str">
        <f t="shared" si="115"/>
        <v/>
      </c>
      <c r="BX551" s="487" t="str">
        <f t="shared" si="116"/>
        <v/>
      </c>
      <c r="BY551" s="487" t="str">
        <f t="shared" si="116"/>
        <v/>
      </c>
      <c r="BZ551" s="487" t="str">
        <f t="shared" si="116"/>
        <v/>
      </c>
      <c r="CA551" s="487" t="str">
        <f t="shared" si="116"/>
        <v/>
      </c>
      <c r="CB551" s="487" t="str">
        <f t="shared" si="116"/>
        <v/>
      </c>
      <c r="CC551" s="487" t="str">
        <f t="shared" si="116"/>
        <v/>
      </c>
      <c r="CD551" s="487" t="str">
        <f t="shared" si="116"/>
        <v/>
      </c>
      <c r="CE551" s="487" t="str">
        <f t="shared" si="116"/>
        <v/>
      </c>
      <c r="CF551" s="487" t="str">
        <f t="shared" si="116"/>
        <v/>
      </c>
      <c r="CG551" s="487" t="str">
        <f t="shared" si="116"/>
        <v/>
      </c>
      <c r="CH551" s="487" t="str">
        <f t="shared" si="116"/>
        <v/>
      </c>
      <c r="CI551" s="487" t="str">
        <f t="shared" si="116"/>
        <v/>
      </c>
      <c r="CJ551" s="487" t="str">
        <f t="shared" si="114"/>
        <v/>
      </c>
      <c r="CK551" s="487" t="str">
        <f t="shared" si="114"/>
        <v/>
      </c>
      <c r="CL551" s="487" t="str">
        <f t="shared" si="114"/>
        <v/>
      </c>
      <c r="CM551" s="487"/>
      <c r="CN551" s="487"/>
      <c r="CO551" s="487"/>
      <c r="CP551" s="487"/>
      <c r="CQ551" s="487"/>
      <c r="CR551" s="487"/>
      <c r="CS551" s="487"/>
      <c r="CT551" s="487"/>
      <c r="CU551" s="487"/>
      <c r="CV551" s="487"/>
      <c r="CW551" s="487"/>
      <c r="CX551" s="487"/>
      <c r="CY551" s="487"/>
      <c r="CZ551" s="487"/>
      <c r="DA551" s="487"/>
      <c r="DB551" s="487"/>
      <c r="DC551" s="487"/>
      <c r="DD551" s="487"/>
      <c r="DE551" s="487"/>
      <c r="DF551" s="487"/>
      <c r="DG551" s="487"/>
      <c r="DH551" s="487"/>
      <c r="DI551" s="486"/>
      <c r="DJ551" s="486"/>
      <c r="DK551" s="486"/>
    </row>
    <row r="552" spans="1:115" ht="56.1" hidden="1" customHeight="1" x14ac:dyDescent="0.2">
      <c r="A552" s="499" t="s">
        <v>2342</v>
      </c>
      <c r="B552" s="510"/>
      <c r="C552" s="481">
        <v>880</v>
      </c>
      <c r="D552" s="481"/>
      <c r="E552" s="481" t="s">
        <v>2481</v>
      </c>
      <c r="F552" s="482" t="s">
        <v>53</v>
      </c>
      <c r="G552" s="482" t="s">
        <v>655</v>
      </c>
      <c r="H552" s="501" t="s">
        <v>932</v>
      </c>
      <c r="I552" s="501" t="s">
        <v>1263</v>
      </c>
      <c r="J552" s="501" t="s">
        <v>1264</v>
      </c>
      <c r="K552" s="501"/>
      <c r="L552" s="77" t="s">
        <v>58</v>
      </c>
      <c r="M552" s="500" t="s">
        <v>846</v>
      </c>
      <c r="N552" s="500"/>
      <c r="O552" s="501" t="s">
        <v>81</v>
      </c>
      <c r="P552" s="77" t="s">
        <v>77</v>
      </c>
      <c r="Q552" s="77"/>
      <c r="R552" s="500" t="s">
        <v>722</v>
      </c>
      <c r="S552" s="76" t="s">
        <v>63</v>
      </c>
      <c r="T552" s="76" t="s">
        <v>63</v>
      </c>
      <c r="U552" s="508">
        <v>6783.5625</v>
      </c>
      <c r="V552" s="508"/>
      <c r="W552" s="510" t="s">
        <v>839</v>
      </c>
      <c r="X552" s="510"/>
      <c r="Y552" s="503">
        <f t="shared" si="108"/>
        <v>6783.5625</v>
      </c>
      <c r="Z552" s="76" t="s">
        <v>65</v>
      </c>
      <c r="AA552" s="486"/>
      <c r="AB552" s="486"/>
      <c r="AC552" s="486"/>
      <c r="AD552" s="486"/>
      <c r="AE552" s="486"/>
      <c r="AF552" s="486"/>
      <c r="AG552" s="486"/>
      <c r="AH552" s="486"/>
      <c r="AI552" s="486"/>
      <c r="AJ552" s="486"/>
      <c r="AK552" s="486"/>
      <c r="AL552" s="486"/>
      <c r="AM552" s="486"/>
      <c r="AN552" s="486"/>
      <c r="AO552" s="486"/>
      <c r="AP552" s="486"/>
      <c r="AQ552" s="486"/>
      <c r="AR552" s="486"/>
      <c r="AS552" s="486"/>
      <c r="AT552" s="486"/>
      <c r="AU552" s="486"/>
      <c r="AV552" s="486"/>
      <c r="AW552" s="486"/>
      <c r="AX552" s="486"/>
      <c r="AY552" s="486"/>
      <c r="AZ552" s="486"/>
      <c r="BA552" s="486"/>
      <c r="BB552" s="486"/>
      <c r="BC552" s="486"/>
      <c r="BD552" s="486"/>
      <c r="BE552" s="486"/>
      <c r="BF552" s="80">
        <f t="shared" si="109"/>
        <v>0</v>
      </c>
      <c r="BG552" s="76"/>
      <c r="BH552" s="487" t="str">
        <f t="shared" si="115"/>
        <v/>
      </c>
      <c r="BI552" s="487" t="str">
        <f t="shared" si="115"/>
        <v/>
      </c>
      <c r="BJ552" s="487" t="str">
        <f t="shared" si="115"/>
        <v/>
      </c>
      <c r="BK552" s="487" t="str">
        <f t="shared" si="115"/>
        <v/>
      </c>
      <c r="BL552" s="487" t="str">
        <f t="shared" si="115"/>
        <v/>
      </c>
      <c r="BM552" s="487" t="str">
        <f t="shared" si="115"/>
        <v/>
      </c>
      <c r="BN552" s="487" t="str">
        <f t="shared" si="115"/>
        <v/>
      </c>
      <c r="BO552" s="487" t="str">
        <f t="shared" si="115"/>
        <v/>
      </c>
      <c r="BP552" s="487" t="str">
        <f t="shared" si="115"/>
        <v/>
      </c>
      <c r="BQ552" s="487" t="str">
        <f t="shared" si="115"/>
        <v/>
      </c>
      <c r="BR552" s="487" t="str">
        <f t="shared" si="115"/>
        <v/>
      </c>
      <c r="BS552" s="487" t="str">
        <f t="shared" si="115"/>
        <v/>
      </c>
      <c r="BT552" s="487" t="str">
        <f t="shared" si="115"/>
        <v/>
      </c>
      <c r="BU552" s="487" t="str">
        <f t="shared" si="115"/>
        <v/>
      </c>
      <c r="BV552" s="487" t="str">
        <f t="shared" si="115"/>
        <v/>
      </c>
      <c r="BW552" s="487" t="str">
        <f t="shared" si="115"/>
        <v/>
      </c>
      <c r="BX552" s="487" t="str">
        <f t="shared" si="116"/>
        <v/>
      </c>
      <c r="BY552" s="487" t="str">
        <f t="shared" si="116"/>
        <v/>
      </c>
      <c r="BZ552" s="487" t="str">
        <f t="shared" si="116"/>
        <v/>
      </c>
      <c r="CA552" s="487" t="str">
        <f t="shared" si="116"/>
        <v/>
      </c>
      <c r="CB552" s="487" t="str">
        <f t="shared" si="116"/>
        <v/>
      </c>
      <c r="CC552" s="487" t="str">
        <f t="shared" si="116"/>
        <v/>
      </c>
      <c r="CD552" s="487" t="str">
        <f t="shared" si="116"/>
        <v/>
      </c>
      <c r="CE552" s="487" t="str">
        <f t="shared" si="116"/>
        <v/>
      </c>
      <c r="CF552" s="487" t="str">
        <f t="shared" si="116"/>
        <v/>
      </c>
      <c r="CG552" s="487" t="str">
        <f t="shared" si="116"/>
        <v/>
      </c>
      <c r="CH552" s="487" t="str">
        <f t="shared" si="116"/>
        <v/>
      </c>
      <c r="CI552" s="487" t="str">
        <f t="shared" si="116"/>
        <v/>
      </c>
      <c r="CJ552" s="487" t="str">
        <f t="shared" si="114"/>
        <v/>
      </c>
      <c r="CK552" s="487" t="str">
        <f t="shared" si="114"/>
        <v/>
      </c>
      <c r="CL552" s="487" t="str">
        <f t="shared" si="114"/>
        <v/>
      </c>
      <c r="CM552" s="487"/>
      <c r="CN552" s="487"/>
      <c r="CO552" s="487"/>
      <c r="CP552" s="487"/>
      <c r="CQ552" s="487"/>
      <c r="CR552" s="487"/>
      <c r="CS552" s="487"/>
      <c r="CT552" s="487"/>
      <c r="CU552" s="487"/>
      <c r="CV552" s="487"/>
      <c r="CW552" s="487"/>
      <c r="CX552" s="487"/>
      <c r="CY552" s="487"/>
      <c r="CZ552" s="487"/>
      <c r="DA552" s="487"/>
      <c r="DB552" s="487"/>
      <c r="DC552" s="487"/>
      <c r="DD552" s="487"/>
      <c r="DE552" s="487"/>
      <c r="DF552" s="487"/>
      <c r="DG552" s="487"/>
      <c r="DH552" s="487"/>
      <c r="DI552" s="486"/>
      <c r="DJ552" s="486"/>
      <c r="DK552" s="486"/>
    </row>
    <row r="553" spans="1:115" ht="56.1" hidden="1" customHeight="1" x14ac:dyDescent="0.2">
      <c r="A553" s="510"/>
      <c r="B553" s="510"/>
      <c r="C553" s="481">
        <v>881</v>
      </c>
      <c r="D553" s="481"/>
      <c r="E553" s="481" t="s">
        <v>2481</v>
      </c>
      <c r="F553" s="482" t="s">
        <v>53</v>
      </c>
      <c r="G553" s="482" t="s">
        <v>655</v>
      </c>
      <c r="H553" s="501" t="s">
        <v>932</v>
      </c>
      <c r="I553" s="501" t="s">
        <v>1265</v>
      </c>
      <c r="J553" s="501" t="s">
        <v>1266</v>
      </c>
      <c r="K553" s="501"/>
      <c r="L553" s="77" t="s">
        <v>58</v>
      </c>
      <c r="M553" s="501" t="s">
        <v>59</v>
      </c>
      <c r="N553" s="501"/>
      <c r="O553" s="501" t="s">
        <v>81</v>
      </c>
      <c r="P553" s="77" t="s">
        <v>77</v>
      </c>
      <c r="Q553" s="77"/>
      <c r="R553" s="500" t="s">
        <v>722</v>
      </c>
      <c r="S553" s="76" t="s">
        <v>63</v>
      </c>
      <c r="T553" s="76" t="s">
        <v>63</v>
      </c>
      <c r="U553" s="508">
        <v>1987279.3744375</v>
      </c>
      <c r="V553" s="508"/>
      <c r="W553" s="510" t="s">
        <v>839</v>
      </c>
      <c r="X553" s="510"/>
      <c r="Y553" s="503">
        <f t="shared" si="108"/>
        <v>1987279.3744375</v>
      </c>
      <c r="Z553" s="76" t="s">
        <v>65</v>
      </c>
      <c r="AA553" s="486"/>
      <c r="AB553" s="486"/>
      <c r="AC553" s="486"/>
      <c r="AD553" s="486"/>
      <c r="AE553" s="486"/>
      <c r="AF553" s="486"/>
      <c r="AG553" s="486"/>
      <c r="AH553" s="486"/>
      <c r="AI553" s="486"/>
      <c r="AJ553" s="486"/>
      <c r="AK553" s="486"/>
      <c r="AL553" s="486"/>
      <c r="AM553" s="486"/>
      <c r="AN553" s="486"/>
      <c r="AO553" s="486"/>
      <c r="AP553" s="486"/>
      <c r="AQ553" s="486"/>
      <c r="AR553" s="486"/>
      <c r="AS553" s="486"/>
      <c r="AT553" s="486"/>
      <c r="AU553" s="486"/>
      <c r="AV553" s="486"/>
      <c r="AW553" s="486"/>
      <c r="AX553" s="486"/>
      <c r="AY553" s="486"/>
      <c r="AZ553" s="486"/>
      <c r="BA553" s="486"/>
      <c r="BB553" s="486"/>
      <c r="BC553" s="486"/>
      <c r="BD553" s="486"/>
      <c r="BE553" s="486"/>
      <c r="BF553" s="80">
        <f t="shared" si="109"/>
        <v>0</v>
      </c>
      <c r="BG553" s="76"/>
      <c r="BH553" s="487" t="str">
        <f t="shared" si="115"/>
        <v/>
      </c>
      <c r="BI553" s="487" t="str">
        <f t="shared" si="115"/>
        <v/>
      </c>
      <c r="BJ553" s="487" t="str">
        <f t="shared" si="115"/>
        <v/>
      </c>
      <c r="BK553" s="487" t="str">
        <f t="shared" si="115"/>
        <v/>
      </c>
      <c r="BL553" s="487" t="str">
        <f t="shared" si="115"/>
        <v/>
      </c>
      <c r="BM553" s="487" t="str">
        <f t="shared" si="115"/>
        <v/>
      </c>
      <c r="BN553" s="487" t="str">
        <f t="shared" si="115"/>
        <v/>
      </c>
      <c r="BO553" s="487" t="str">
        <f t="shared" si="115"/>
        <v/>
      </c>
      <c r="BP553" s="487" t="str">
        <f t="shared" si="115"/>
        <v/>
      </c>
      <c r="BQ553" s="487" t="str">
        <f t="shared" si="115"/>
        <v/>
      </c>
      <c r="BR553" s="487" t="str">
        <f t="shared" si="115"/>
        <v/>
      </c>
      <c r="BS553" s="487" t="str">
        <f t="shared" si="115"/>
        <v/>
      </c>
      <c r="BT553" s="487" t="str">
        <f t="shared" si="115"/>
        <v/>
      </c>
      <c r="BU553" s="487" t="str">
        <f t="shared" si="115"/>
        <v/>
      </c>
      <c r="BV553" s="487" t="str">
        <f t="shared" si="115"/>
        <v/>
      </c>
      <c r="BW553" s="487" t="str">
        <f t="shared" si="115"/>
        <v/>
      </c>
      <c r="BX553" s="487" t="str">
        <f t="shared" si="116"/>
        <v/>
      </c>
      <c r="BY553" s="487" t="str">
        <f t="shared" si="116"/>
        <v/>
      </c>
      <c r="BZ553" s="487" t="str">
        <f t="shared" si="116"/>
        <v/>
      </c>
      <c r="CA553" s="487" t="str">
        <f t="shared" si="116"/>
        <v/>
      </c>
      <c r="CB553" s="487" t="str">
        <f t="shared" si="116"/>
        <v/>
      </c>
      <c r="CC553" s="487" t="str">
        <f t="shared" si="116"/>
        <v/>
      </c>
      <c r="CD553" s="487" t="str">
        <f t="shared" si="116"/>
        <v/>
      </c>
      <c r="CE553" s="487" t="str">
        <f t="shared" si="116"/>
        <v/>
      </c>
      <c r="CF553" s="487" t="str">
        <f t="shared" si="116"/>
        <v/>
      </c>
      <c r="CG553" s="487" t="str">
        <f t="shared" si="116"/>
        <v/>
      </c>
      <c r="CH553" s="487" t="str">
        <f t="shared" si="116"/>
        <v/>
      </c>
      <c r="CI553" s="487" t="str">
        <f t="shared" si="116"/>
        <v/>
      </c>
      <c r="CJ553" s="487" t="str">
        <f t="shared" si="114"/>
        <v/>
      </c>
      <c r="CK553" s="487" t="str">
        <f t="shared" si="114"/>
        <v/>
      </c>
      <c r="CL553" s="487" t="str">
        <f t="shared" si="114"/>
        <v/>
      </c>
      <c r="CM553" s="487"/>
      <c r="CN553" s="487"/>
      <c r="CO553" s="487"/>
      <c r="CP553" s="487"/>
      <c r="CQ553" s="487"/>
      <c r="CR553" s="487"/>
      <c r="CS553" s="487"/>
      <c r="CT553" s="487"/>
      <c r="CU553" s="487"/>
      <c r="CV553" s="487"/>
      <c r="CW553" s="487"/>
      <c r="CX553" s="487"/>
      <c r="CY553" s="487"/>
      <c r="CZ553" s="487"/>
      <c r="DA553" s="487"/>
      <c r="DB553" s="487"/>
      <c r="DC553" s="487"/>
      <c r="DD553" s="487"/>
      <c r="DE553" s="487"/>
      <c r="DF553" s="487"/>
      <c r="DG553" s="487"/>
      <c r="DH553" s="487"/>
      <c r="DI553" s="486"/>
      <c r="DJ553" s="486"/>
      <c r="DK553" s="486"/>
    </row>
    <row r="554" spans="1:115" ht="56.1" hidden="1" customHeight="1" x14ac:dyDescent="0.2">
      <c r="A554" s="510"/>
      <c r="B554" s="510"/>
      <c r="C554" s="481">
        <v>882</v>
      </c>
      <c r="D554" s="481"/>
      <c r="E554" s="481" t="s">
        <v>2481</v>
      </c>
      <c r="F554" s="482" t="s">
        <v>53</v>
      </c>
      <c r="G554" s="482" t="s">
        <v>655</v>
      </c>
      <c r="H554" s="501" t="s">
        <v>932</v>
      </c>
      <c r="I554" s="501" t="s">
        <v>1267</v>
      </c>
      <c r="J554" s="501" t="s">
        <v>1268</v>
      </c>
      <c r="K554" s="501"/>
      <c r="L554" s="77" t="s">
        <v>58</v>
      </c>
      <c r="M554" s="501" t="s">
        <v>59</v>
      </c>
      <c r="N554" s="501"/>
      <c r="O554" s="501" t="s">
        <v>81</v>
      </c>
      <c r="P554" s="77" t="s">
        <v>77</v>
      </c>
      <c r="Q554" s="77"/>
      <c r="R554" s="500" t="s">
        <v>722</v>
      </c>
      <c r="S554" s="76" t="s">
        <v>63</v>
      </c>
      <c r="T554" s="76" t="s">
        <v>63</v>
      </c>
      <c r="U554" s="508">
        <v>129504.375</v>
      </c>
      <c r="V554" s="508"/>
      <c r="W554" s="510" t="s">
        <v>839</v>
      </c>
      <c r="X554" s="510"/>
      <c r="Y554" s="503">
        <f t="shared" si="108"/>
        <v>129504.375</v>
      </c>
      <c r="Z554" s="76" t="s">
        <v>65</v>
      </c>
      <c r="AA554" s="486"/>
      <c r="AB554" s="486"/>
      <c r="AC554" s="486"/>
      <c r="AD554" s="486"/>
      <c r="AE554" s="486"/>
      <c r="AF554" s="486"/>
      <c r="AG554" s="486"/>
      <c r="AH554" s="486"/>
      <c r="AI554" s="486"/>
      <c r="AJ554" s="486"/>
      <c r="AK554" s="486"/>
      <c r="AL554" s="486"/>
      <c r="AM554" s="486"/>
      <c r="AN554" s="486"/>
      <c r="AO554" s="486"/>
      <c r="AP554" s="486"/>
      <c r="AQ554" s="486"/>
      <c r="AR554" s="486"/>
      <c r="AS554" s="486"/>
      <c r="AT554" s="486"/>
      <c r="AU554" s="486"/>
      <c r="AV554" s="486"/>
      <c r="AW554" s="486"/>
      <c r="AX554" s="486"/>
      <c r="AY554" s="486"/>
      <c r="AZ554" s="486"/>
      <c r="BA554" s="486"/>
      <c r="BB554" s="486"/>
      <c r="BC554" s="486"/>
      <c r="BD554" s="486"/>
      <c r="BE554" s="486"/>
      <c r="BF554" s="80">
        <f t="shared" si="109"/>
        <v>0</v>
      </c>
      <c r="BG554" s="76"/>
      <c r="BH554" s="487" t="str">
        <f t="shared" si="115"/>
        <v/>
      </c>
      <c r="BI554" s="487" t="str">
        <f t="shared" si="115"/>
        <v/>
      </c>
      <c r="BJ554" s="487" t="str">
        <f t="shared" si="115"/>
        <v/>
      </c>
      <c r="BK554" s="487" t="str">
        <f t="shared" si="115"/>
        <v/>
      </c>
      <c r="BL554" s="487" t="str">
        <f t="shared" si="115"/>
        <v/>
      </c>
      <c r="BM554" s="487" t="str">
        <f t="shared" si="115"/>
        <v/>
      </c>
      <c r="BN554" s="487" t="str">
        <f t="shared" si="115"/>
        <v/>
      </c>
      <c r="BO554" s="487" t="str">
        <f t="shared" si="115"/>
        <v/>
      </c>
      <c r="BP554" s="487" t="str">
        <f t="shared" si="115"/>
        <v/>
      </c>
      <c r="BQ554" s="487" t="str">
        <f t="shared" si="115"/>
        <v/>
      </c>
      <c r="BR554" s="487" t="str">
        <f t="shared" si="115"/>
        <v/>
      </c>
      <c r="BS554" s="487" t="str">
        <f t="shared" si="115"/>
        <v/>
      </c>
      <c r="BT554" s="487" t="str">
        <f t="shared" si="115"/>
        <v/>
      </c>
      <c r="BU554" s="487" t="str">
        <f t="shared" si="115"/>
        <v/>
      </c>
      <c r="BV554" s="487" t="str">
        <f t="shared" si="115"/>
        <v/>
      </c>
      <c r="BW554" s="487" t="str">
        <f t="shared" si="115"/>
        <v/>
      </c>
      <c r="BX554" s="487" t="str">
        <f t="shared" si="116"/>
        <v/>
      </c>
      <c r="BY554" s="487" t="str">
        <f t="shared" si="116"/>
        <v/>
      </c>
      <c r="BZ554" s="487" t="str">
        <f t="shared" si="116"/>
        <v/>
      </c>
      <c r="CA554" s="487" t="str">
        <f t="shared" si="116"/>
        <v/>
      </c>
      <c r="CB554" s="487" t="str">
        <f t="shared" si="116"/>
        <v/>
      </c>
      <c r="CC554" s="487" t="str">
        <f t="shared" si="116"/>
        <v/>
      </c>
      <c r="CD554" s="487" t="str">
        <f t="shared" si="116"/>
        <v/>
      </c>
      <c r="CE554" s="487" t="str">
        <f t="shared" si="116"/>
        <v/>
      </c>
      <c r="CF554" s="487" t="str">
        <f t="shared" si="116"/>
        <v/>
      </c>
      <c r="CG554" s="487" t="str">
        <f t="shared" si="116"/>
        <v/>
      </c>
      <c r="CH554" s="487" t="str">
        <f t="shared" si="116"/>
        <v/>
      </c>
      <c r="CI554" s="487" t="str">
        <f t="shared" si="116"/>
        <v/>
      </c>
      <c r="CJ554" s="487" t="str">
        <f t="shared" si="114"/>
        <v/>
      </c>
      <c r="CK554" s="487" t="str">
        <f t="shared" si="114"/>
        <v/>
      </c>
      <c r="CL554" s="487" t="str">
        <f t="shared" si="114"/>
        <v/>
      </c>
      <c r="CM554" s="487"/>
      <c r="CN554" s="487"/>
      <c r="CO554" s="487"/>
      <c r="CP554" s="487"/>
      <c r="CQ554" s="487"/>
      <c r="CR554" s="487"/>
      <c r="CS554" s="487"/>
      <c r="CT554" s="487"/>
      <c r="CU554" s="487"/>
      <c r="CV554" s="487"/>
      <c r="CW554" s="487"/>
      <c r="CX554" s="487"/>
      <c r="CY554" s="487"/>
      <c r="CZ554" s="487"/>
      <c r="DA554" s="487"/>
      <c r="DB554" s="487"/>
      <c r="DC554" s="487"/>
      <c r="DD554" s="487"/>
      <c r="DE554" s="487"/>
      <c r="DF554" s="487"/>
      <c r="DG554" s="487"/>
      <c r="DH554" s="487"/>
      <c r="DI554" s="486"/>
      <c r="DJ554" s="486"/>
      <c r="DK554" s="486"/>
    </row>
    <row r="555" spans="1:115" ht="56.1" hidden="1" customHeight="1" x14ac:dyDescent="0.2">
      <c r="A555" s="510"/>
      <c r="B555" s="510"/>
      <c r="C555" s="481">
        <v>883</v>
      </c>
      <c r="D555" s="481"/>
      <c r="E555" s="481" t="s">
        <v>2481</v>
      </c>
      <c r="F555" s="482" t="s">
        <v>53</v>
      </c>
      <c r="G555" s="482" t="s">
        <v>655</v>
      </c>
      <c r="H555" s="501" t="s">
        <v>932</v>
      </c>
      <c r="I555" s="501" t="s">
        <v>1269</v>
      </c>
      <c r="J555" s="501" t="s">
        <v>1270</v>
      </c>
      <c r="K555" s="501"/>
      <c r="L555" s="77" t="s">
        <v>58</v>
      </c>
      <c r="M555" s="501" t="s">
        <v>59</v>
      </c>
      <c r="N555" s="501"/>
      <c r="O555" s="501" t="s">
        <v>81</v>
      </c>
      <c r="P555" s="77" t="s">
        <v>77</v>
      </c>
      <c r="Q555" s="77"/>
      <c r="R555" s="500" t="s">
        <v>722</v>
      </c>
      <c r="S555" s="76" t="s">
        <v>63</v>
      </c>
      <c r="T555" s="76" t="s">
        <v>63</v>
      </c>
      <c r="U555" s="508">
        <v>781137.5</v>
      </c>
      <c r="V555" s="508"/>
      <c r="W555" s="510" t="s">
        <v>839</v>
      </c>
      <c r="X555" s="510"/>
      <c r="Y555" s="503">
        <f t="shared" si="108"/>
        <v>781137.5</v>
      </c>
      <c r="Z555" s="76" t="s">
        <v>65</v>
      </c>
      <c r="AA555" s="486"/>
      <c r="AB555" s="486"/>
      <c r="AC555" s="486"/>
      <c r="AD555" s="486"/>
      <c r="AE555" s="486"/>
      <c r="AF555" s="486"/>
      <c r="AG555" s="486"/>
      <c r="AH555" s="486"/>
      <c r="AI555" s="486"/>
      <c r="AJ555" s="486"/>
      <c r="AK555" s="486"/>
      <c r="AL555" s="486"/>
      <c r="AM555" s="486"/>
      <c r="AN555" s="486"/>
      <c r="AO555" s="486"/>
      <c r="AP555" s="486"/>
      <c r="AQ555" s="486"/>
      <c r="AR555" s="486"/>
      <c r="AS555" s="486"/>
      <c r="AT555" s="486"/>
      <c r="AU555" s="486"/>
      <c r="AV555" s="486"/>
      <c r="AW555" s="486"/>
      <c r="AX555" s="486"/>
      <c r="AY555" s="486"/>
      <c r="AZ555" s="486"/>
      <c r="BA555" s="486"/>
      <c r="BB555" s="486"/>
      <c r="BC555" s="486"/>
      <c r="BD555" s="486"/>
      <c r="BE555" s="486"/>
      <c r="BF555" s="80">
        <f t="shared" si="109"/>
        <v>0</v>
      </c>
      <c r="BG555" s="76"/>
      <c r="BH555" s="487" t="str">
        <f t="shared" si="115"/>
        <v/>
      </c>
      <c r="BI555" s="487" t="str">
        <f t="shared" si="115"/>
        <v/>
      </c>
      <c r="BJ555" s="487" t="str">
        <f t="shared" si="115"/>
        <v/>
      </c>
      <c r="BK555" s="487" t="str">
        <f t="shared" si="115"/>
        <v/>
      </c>
      <c r="BL555" s="487" t="str">
        <f t="shared" si="115"/>
        <v/>
      </c>
      <c r="BM555" s="487" t="str">
        <f t="shared" si="115"/>
        <v/>
      </c>
      <c r="BN555" s="487" t="str">
        <f t="shared" si="115"/>
        <v/>
      </c>
      <c r="BO555" s="487" t="str">
        <f t="shared" si="115"/>
        <v/>
      </c>
      <c r="BP555" s="487" t="str">
        <f t="shared" si="115"/>
        <v/>
      </c>
      <c r="BQ555" s="487" t="str">
        <f t="shared" si="115"/>
        <v/>
      </c>
      <c r="BR555" s="487" t="str">
        <f t="shared" si="115"/>
        <v/>
      </c>
      <c r="BS555" s="487" t="str">
        <f t="shared" si="115"/>
        <v/>
      </c>
      <c r="BT555" s="487" t="str">
        <f t="shared" si="115"/>
        <v/>
      </c>
      <c r="BU555" s="487" t="str">
        <f t="shared" si="115"/>
        <v/>
      </c>
      <c r="BV555" s="487" t="str">
        <f t="shared" si="115"/>
        <v/>
      </c>
      <c r="BW555" s="487" t="str">
        <f t="shared" si="115"/>
        <v/>
      </c>
      <c r="BX555" s="487" t="str">
        <f t="shared" si="116"/>
        <v/>
      </c>
      <c r="BY555" s="487" t="str">
        <f t="shared" si="116"/>
        <v/>
      </c>
      <c r="BZ555" s="487" t="str">
        <f t="shared" si="116"/>
        <v/>
      </c>
      <c r="CA555" s="487" t="str">
        <f t="shared" si="116"/>
        <v/>
      </c>
      <c r="CB555" s="487" t="str">
        <f t="shared" si="116"/>
        <v/>
      </c>
      <c r="CC555" s="487" t="str">
        <f t="shared" si="116"/>
        <v/>
      </c>
      <c r="CD555" s="487" t="str">
        <f t="shared" si="116"/>
        <v/>
      </c>
      <c r="CE555" s="487" t="str">
        <f t="shared" si="116"/>
        <v/>
      </c>
      <c r="CF555" s="487" t="str">
        <f t="shared" si="116"/>
        <v/>
      </c>
      <c r="CG555" s="487" t="str">
        <f t="shared" si="116"/>
        <v/>
      </c>
      <c r="CH555" s="487" t="str">
        <f t="shared" si="116"/>
        <v/>
      </c>
      <c r="CI555" s="487" t="str">
        <f t="shared" si="116"/>
        <v/>
      </c>
      <c r="CJ555" s="487" t="str">
        <f t="shared" si="114"/>
        <v/>
      </c>
      <c r="CK555" s="487" t="str">
        <f t="shared" si="114"/>
        <v/>
      </c>
      <c r="CL555" s="487" t="str">
        <f t="shared" si="114"/>
        <v/>
      </c>
      <c r="CM555" s="487"/>
      <c r="CN555" s="487"/>
      <c r="CO555" s="487"/>
      <c r="CP555" s="487"/>
      <c r="CQ555" s="487"/>
      <c r="CR555" s="487"/>
      <c r="CS555" s="487"/>
      <c r="CT555" s="487"/>
      <c r="CU555" s="487"/>
      <c r="CV555" s="487"/>
      <c r="CW555" s="487"/>
      <c r="CX555" s="487"/>
      <c r="CY555" s="487"/>
      <c r="CZ555" s="487"/>
      <c r="DA555" s="487"/>
      <c r="DB555" s="487"/>
      <c r="DC555" s="487"/>
      <c r="DD555" s="487"/>
      <c r="DE555" s="487"/>
      <c r="DF555" s="487"/>
      <c r="DG555" s="487"/>
      <c r="DH555" s="487"/>
      <c r="DI555" s="486"/>
      <c r="DJ555" s="486"/>
      <c r="DK555" s="486"/>
    </row>
    <row r="556" spans="1:115" ht="56.1" hidden="1" customHeight="1" x14ac:dyDescent="0.2">
      <c r="A556" s="510"/>
      <c r="B556" s="510"/>
      <c r="C556" s="481">
        <v>884</v>
      </c>
      <c r="D556" s="481"/>
      <c r="E556" s="481" t="s">
        <v>2481</v>
      </c>
      <c r="F556" s="482" t="s">
        <v>53</v>
      </c>
      <c r="G556" s="482" t="s">
        <v>655</v>
      </c>
      <c r="H556" s="501" t="s">
        <v>932</v>
      </c>
      <c r="I556" s="501" t="s">
        <v>1271</v>
      </c>
      <c r="J556" s="501" t="s">
        <v>1272</v>
      </c>
      <c r="K556" s="501"/>
      <c r="L556" s="77" t="s">
        <v>58</v>
      </c>
      <c r="M556" s="501" t="s">
        <v>59</v>
      </c>
      <c r="N556" s="501"/>
      <c r="O556" s="501" t="s">
        <v>81</v>
      </c>
      <c r="P556" s="77" t="s">
        <v>77</v>
      </c>
      <c r="Q556" s="77"/>
      <c r="R556" s="500" t="s">
        <v>722</v>
      </c>
      <c r="S556" s="76" t="s">
        <v>63</v>
      </c>
      <c r="T556" s="76" t="s">
        <v>63</v>
      </c>
      <c r="U556" s="508">
        <v>279873.34375</v>
      </c>
      <c r="V556" s="508"/>
      <c r="W556" s="510" t="s">
        <v>839</v>
      </c>
      <c r="X556" s="510"/>
      <c r="Y556" s="503">
        <f t="shared" si="108"/>
        <v>279873.34375</v>
      </c>
      <c r="Z556" s="76" t="s">
        <v>65</v>
      </c>
      <c r="AA556" s="486"/>
      <c r="AB556" s="486"/>
      <c r="AC556" s="486"/>
      <c r="AD556" s="486"/>
      <c r="AE556" s="486"/>
      <c r="AF556" s="486"/>
      <c r="AG556" s="486"/>
      <c r="AH556" s="486"/>
      <c r="AI556" s="486"/>
      <c r="AJ556" s="486"/>
      <c r="AK556" s="486"/>
      <c r="AL556" s="486"/>
      <c r="AM556" s="486"/>
      <c r="AN556" s="486"/>
      <c r="AO556" s="486"/>
      <c r="AP556" s="486"/>
      <c r="AQ556" s="486"/>
      <c r="AR556" s="486"/>
      <c r="AS556" s="486"/>
      <c r="AT556" s="486"/>
      <c r="AU556" s="486"/>
      <c r="AV556" s="486"/>
      <c r="AW556" s="486"/>
      <c r="AX556" s="486"/>
      <c r="AY556" s="486"/>
      <c r="AZ556" s="486"/>
      <c r="BA556" s="486"/>
      <c r="BB556" s="486"/>
      <c r="BC556" s="486"/>
      <c r="BD556" s="486"/>
      <c r="BE556" s="486"/>
      <c r="BF556" s="80">
        <f t="shared" si="109"/>
        <v>0</v>
      </c>
      <c r="BG556" s="76"/>
      <c r="BH556" s="487" t="str">
        <f t="shared" si="115"/>
        <v/>
      </c>
      <c r="BI556" s="487" t="str">
        <f t="shared" si="115"/>
        <v/>
      </c>
      <c r="BJ556" s="487" t="str">
        <f t="shared" si="115"/>
        <v/>
      </c>
      <c r="BK556" s="487" t="str">
        <f t="shared" si="115"/>
        <v/>
      </c>
      <c r="BL556" s="487" t="str">
        <f t="shared" si="115"/>
        <v/>
      </c>
      <c r="BM556" s="487" t="str">
        <f t="shared" si="115"/>
        <v/>
      </c>
      <c r="BN556" s="487" t="str">
        <f t="shared" si="115"/>
        <v/>
      </c>
      <c r="BO556" s="487" t="str">
        <f t="shared" si="115"/>
        <v/>
      </c>
      <c r="BP556" s="487" t="str">
        <f t="shared" si="115"/>
        <v/>
      </c>
      <c r="BQ556" s="487" t="str">
        <f t="shared" si="115"/>
        <v/>
      </c>
      <c r="BR556" s="487" t="str">
        <f t="shared" si="115"/>
        <v/>
      </c>
      <c r="BS556" s="487" t="str">
        <f t="shared" si="115"/>
        <v/>
      </c>
      <c r="BT556" s="487" t="str">
        <f t="shared" si="115"/>
        <v/>
      </c>
      <c r="BU556" s="487" t="str">
        <f t="shared" si="115"/>
        <v/>
      </c>
      <c r="BV556" s="487" t="str">
        <f t="shared" si="115"/>
        <v/>
      </c>
      <c r="BW556" s="487" t="str">
        <f t="shared" si="115"/>
        <v/>
      </c>
      <c r="BX556" s="487" t="str">
        <f t="shared" si="116"/>
        <v/>
      </c>
      <c r="BY556" s="487" t="str">
        <f t="shared" si="116"/>
        <v/>
      </c>
      <c r="BZ556" s="487" t="str">
        <f t="shared" si="116"/>
        <v/>
      </c>
      <c r="CA556" s="487" t="str">
        <f t="shared" si="116"/>
        <v/>
      </c>
      <c r="CB556" s="487" t="str">
        <f t="shared" si="116"/>
        <v/>
      </c>
      <c r="CC556" s="487" t="str">
        <f t="shared" si="116"/>
        <v/>
      </c>
      <c r="CD556" s="487" t="str">
        <f t="shared" si="116"/>
        <v/>
      </c>
      <c r="CE556" s="487" t="str">
        <f t="shared" si="116"/>
        <v/>
      </c>
      <c r="CF556" s="487" t="str">
        <f t="shared" si="116"/>
        <v/>
      </c>
      <c r="CG556" s="487" t="str">
        <f t="shared" si="116"/>
        <v/>
      </c>
      <c r="CH556" s="487" t="str">
        <f t="shared" si="116"/>
        <v/>
      </c>
      <c r="CI556" s="487" t="str">
        <f t="shared" si="116"/>
        <v/>
      </c>
      <c r="CJ556" s="487" t="str">
        <f t="shared" si="114"/>
        <v/>
      </c>
      <c r="CK556" s="487" t="str">
        <f t="shared" si="114"/>
        <v/>
      </c>
      <c r="CL556" s="487" t="str">
        <f t="shared" si="114"/>
        <v/>
      </c>
      <c r="CM556" s="487"/>
      <c r="CN556" s="487"/>
      <c r="CO556" s="487"/>
      <c r="CP556" s="487"/>
      <c r="CQ556" s="487"/>
      <c r="CR556" s="487"/>
      <c r="CS556" s="487"/>
      <c r="CT556" s="487"/>
      <c r="CU556" s="487"/>
      <c r="CV556" s="487"/>
      <c r="CW556" s="487"/>
      <c r="CX556" s="487"/>
      <c r="CY556" s="487"/>
      <c r="CZ556" s="487"/>
      <c r="DA556" s="487"/>
      <c r="DB556" s="487"/>
      <c r="DC556" s="487"/>
      <c r="DD556" s="487"/>
      <c r="DE556" s="487"/>
      <c r="DF556" s="487"/>
      <c r="DG556" s="487"/>
      <c r="DH556" s="487"/>
      <c r="DI556" s="486"/>
      <c r="DJ556" s="486"/>
      <c r="DK556" s="486"/>
    </row>
    <row r="557" spans="1:115" ht="56.1" hidden="1" customHeight="1" x14ac:dyDescent="0.2">
      <c r="A557" s="510"/>
      <c r="B557" s="510"/>
      <c r="C557" s="481">
        <v>885</v>
      </c>
      <c r="D557" s="481"/>
      <c r="E557" s="481" t="s">
        <v>2481</v>
      </c>
      <c r="F557" s="482" t="s">
        <v>53</v>
      </c>
      <c r="G557" s="482" t="s">
        <v>655</v>
      </c>
      <c r="H557" s="501" t="s">
        <v>932</v>
      </c>
      <c r="I557" s="501" t="s">
        <v>1273</v>
      </c>
      <c r="J557" s="501" t="s">
        <v>1274</v>
      </c>
      <c r="K557" s="501"/>
      <c r="L557" s="77" t="s">
        <v>58</v>
      </c>
      <c r="M557" s="501" t="s">
        <v>59</v>
      </c>
      <c r="N557" s="501"/>
      <c r="O557" s="501" t="s">
        <v>81</v>
      </c>
      <c r="P557" s="77" t="s">
        <v>77</v>
      </c>
      <c r="Q557" s="77"/>
      <c r="R557" s="500" t="s">
        <v>722</v>
      </c>
      <c r="S557" s="76" t="s">
        <v>63</v>
      </c>
      <c r="T557" s="76" t="s">
        <v>63</v>
      </c>
      <c r="U557" s="508">
        <v>79151.840624999997</v>
      </c>
      <c r="V557" s="508"/>
      <c r="W557" s="510" t="s">
        <v>839</v>
      </c>
      <c r="X557" s="510"/>
      <c r="Y557" s="503">
        <f t="shared" si="108"/>
        <v>79151.840624999997</v>
      </c>
      <c r="Z557" s="76" t="s">
        <v>65</v>
      </c>
      <c r="AA557" s="487"/>
      <c r="AB557" s="486"/>
      <c r="AC557" s="486"/>
      <c r="AD557" s="486"/>
      <c r="AE557" s="486"/>
      <c r="AF557" s="486"/>
      <c r="AG557" s="486"/>
      <c r="AH557" s="486"/>
      <c r="AI557" s="486"/>
      <c r="AJ557" s="486"/>
      <c r="AK557" s="486"/>
      <c r="AL557" s="486"/>
      <c r="AM557" s="486"/>
      <c r="AN557" s="486"/>
      <c r="AO557" s="486"/>
      <c r="AP557" s="486"/>
      <c r="AQ557" s="486"/>
      <c r="AR557" s="486"/>
      <c r="AS557" s="486"/>
      <c r="AT557" s="486"/>
      <c r="AU557" s="486"/>
      <c r="AV557" s="486"/>
      <c r="AW557" s="486"/>
      <c r="AX557" s="486"/>
      <c r="AY557" s="486"/>
      <c r="AZ557" s="486"/>
      <c r="BA557" s="486"/>
      <c r="BB557" s="486"/>
      <c r="BC557" s="486"/>
      <c r="BD557" s="486"/>
      <c r="BE557" s="486"/>
      <c r="BF557" s="80">
        <f t="shared" si="109"/>
        <v>0</v>
      </c>
      <c r="BG557" s="76"/>
      <c r="BH557" s="487" t="str">
        <f t="shared" si="115"/>
        <v/>
      </c>
      <c r="BI557" s="487" t="str">
        <f t="shared" si="115"/>
        <v/>
      </c>
      <c r="BJ557" s="487" t="str">
        <f t="shared" si="115"/>
        <v/>
      </c>
      <c r="BK557" s="487" t="str">
        <f t="shared" si="115"/>
        <v/>
      </c>
      <c r="BL557" s="487" t="str">
        <f t="shared" si="115"/>
        <v/>
      </c>
      <c r="BM557" s="487" t="str">
        <f t="shared" si="115"/>
        <v/>
      </c>
      <c r="BN557" s="487" t="str">
        <f t="shared" si="115"/>
        <v/>
      </c>
      <c r="BO557" s="487" t="str">
        <f t="shared" si="115"/>
        <v/>
      </c>
      <c r="BP557" s="487" t="str">
        <f t="shared" si="115"/>
        <v/>
      </c>
      <c r="BQ557" s="487" t="str">
        <f t="shared" si="115"/>
        <v/>
      </c>
      <c r="BR557" s="487" t="str">
        <f t="shared" si="115"/>
        <v/>
      </c>
      <c r="BS557" s="487" t="str">
        <f t="shared" si="115"/>
        <v/>
      </c>
      <c r="BT557" s="487" t="str">
        <f t="shared" si="115"/>
        <v/>
      </c>
      <c r="BU557" s="487" t="str">
        <f t="shared" si="115"/>
        <v/>
      </c>
      <c r="BV557" s="487" t="str">
        <f t="shared" si="115"/>
        <v/>
      </c>
      <c r="BW557" s="487" t="str">
        <f t="shared" si="115"/>
        <v/>
      </c>
      <c r="BX557" s="487" t="str">
        <f t="shared" si="116"/>
        <v/>
      </c>
      <c r="BY557" s="487" t="str">
        <f t="shared" si="116"/>
        <v/>
      </c>
      <c r="BZ557" s="487" t="str">
        <f t="shared" si="116"/>
        <v/>
      </c>
      <c r="CA557" s="487" t="str">
        <f t="shared" si="116"/>
        <v/>
      </c>
      <c r="CB557" s="487" t="str">
        <f t="shared" si="116"/>
        <v/>
      </c>
      <c r="CC557" s="487" t="str">
        <f t="shared" si="116"/>
        <v/>
      </c>
      <c r="CD557" s="487" t="str">
        <f t="shared" si="116"/>
        <v/>
      </c>
      <c r="CE557" s="487" t="str">
        <f t="shared" si="116"/>
        <v/>
      </c>
      <c r="CF557" s="487" t="str">
        <f t="shared" si="116"/>
        <v/>
      </c>
      <c r="CG557" s="487" t="str">
        <f t="shared" si="116"/>
        <v/>
      </c>
      <c r="CH557" s="487" t="str">
        <f t="shared" si="116"/>
        <v/>
      </c>
      <c r="CI557" s="487" t="str">
        <f t="shared" si="116"/>
        <v/>
      </c>
      <c r="CJ557" s="487" t="str">
        <f t="shared" si="114"/>
        <v/>
      </c>
      <c r="CK557" s="487" t="str">
        <f t="shared" si="114"/>
        <v/>
      </c>
      <c r="CL557" s="487" t="str">
        <f t="shared" si="114"/>
        <v/>
      </c>
      <c r="CM557" s="487"/>
      <c r="CN557" s="487"/>
      <c r="CO557" s="487"/>
      <c r="CP557" s="487"/>
      <c r="CQ557" s="487"/>
      <c r="CR557" s="487"/>
      <c r="CS557" s="487"/>
      <c r="CT557" s="487"/>
      <c r="CU557" s="487"/>
      <c r="CV557" s="487"/>
      <c r="CW557" s="487"/>
      <c r="CX557" s="487"/>
      <c r="CY557" s="487"/>
      <c r="CZ557" s="487"/>
      <c r="DA557" s="487"/>
      <c r="DB557" s="487"/>
      <c r="DC557" s="487"/>
      <c r="DD557" s="487"/>
      <c r="DE557" s="487"/>
      <c r="DF557" s="487"/>
      <c r="DG557" s="487"/>
      <c r="DH557" s="487"/>
      <c r="DI557" s="486"/>
      <c r="DJ557" s="486"/>
      <c r="DK557" s="486"/>
    </row>
    <row r="558" spans="1:115" ht="56.1" hidden="1" customHeight="1" x14ac:dyDescent="0.2">
      <c r="A558" s="510"/>
      <c r="B558" s="510"/>
      <c r="C558" s="481">
        <v>886</v>
      </c>
      <c r="D558" s="481"/>
      <c r="E558" s="481" t="s">
        <v>2481</v>
      </c>
      <c r="F558" s="482" t="s">
        <v>53</v>
      </c>
      <c r="G558" s="482" t="s">
        <v>655</v>
      </c>
      <c r="H558" s="501" t="s">
        <v>932</v>
      </c>
      <c r="I558" s="501" t="s">
        <v>1275</v>
      </c>
      <c r="J558" s="501" t="s">
        <v>1276</v>
      </c>
      <c r="K558" s="501"/>
      <c r="L558" s="77" t="s">
        <v>58</v>
      </c>
      <c r="M558" s="501" t="s">
        <v>59</v>
      </c>
      <c r="N558" s="501"/>
      <c r="O558" s="501" t="s">
        <v>81</v>
      </c>
      <c r="P558" s="77" t="s">
        <v>77</v>
      </c>
      <c r="Q558" s="77"/>
      <c r="R558" s="500" t="s">
        <v>722</v>
      </c>
      <c r="S558" s="76" t="s">
        <v>63</v>
      </c>
      <c r="T558" s="76" t="s">
        <v>63</v>
      </c>
      <c r="U558" s="508">
        <v>124150.49968750001</v>
      </c>
      <c r="V558" s="508"/>
      <c r="W558" s="510" t="s">
        <v>839</v>
      </c>
      <c r="X558" s="510"/>
      <c r="Y558" s="503">
        <f t="shared" si="108"/>
        <v>124150.49968750001</v>
      </c>
      <c r="Z558" s="76" t="s">
        <v>65</v>
      </c>
      <c r="AA558" s="487"/>
      <c r="AB558" s="486"/>
      <c r="AC558" s="486"/>
      <c r="AD558" s="486"/>
      <c r="AE558" s="486"/>
      <c r="AF558" s="486"/>
      <c r="AG558" s="486"/>
      <c r="AH558" s="486"/>
      <c r="AI558" s="486"/>
      <c r="AJ558" s="486"/>
      <c r="AK558" s="486"/>
      <c r="AL558" s="486"/>
      <c r="AM558" s="486"/>
      <c r="AN558" s="486"/>
      <c r="AO558" s="486"/>
      <c r="AP558" s="486"/>
      <c r="AQ558" s="486"/>
      <c r="AR558" s="486"/>
      <c r="AS558" s="486"/>
      <c r="AT558" s="486"/>
      <c r="AU558" s="486"/>
      <c r="AV558" s="486"/>
      <c r="AW558" s="486"/>
      <c r="AX558" s="486"/>
      <c r="AY558" s="486"/>
      <c r="AZ558" s="486"/>
      <c r="BA558" s="486"/>
      <c r="BB558" s="486"/>
      <c r="BC558" s="486"/>
      <c r="BD558" s="486"/>
      <c r="BE558" s="486"/>
      <c r="BF558" s="80">
        <f t="shared" si="109"/>
        <v>0</v>
      </c>
      <c r="BG558" s="76"/>
      <c r="BH558" s="487" t="str">
        <f t="shared" si="115"/>
        <v/>
      </c>
      <c r="BI558" s="487" t="str">
        <f t="shared" si="115"/>
        <v/>
      </c>
      <c r="BJ558" s="487" t="str">
        <f t="shared" si="115"/>
        <v/>
      </c>
      <c r="BK558" s="487" t="str">
        <f t="shared" si="115"/>
        <v/>
      </c>
      <c r="BL558" s="487" t="str">
        <f t="shared" si="115"/>
        <v/>
      </c>
      <c r="BM558" s="487" t="str">
        <f t="shared" si="115"/>
        <v/>
      </c>
      <c r="BN558" s="487" t="str">
        <f t="shared" si="115"/>
        <v/>
      </c>
      <c r="BO558" s="487" t="str">
        <f t="shared" si="115"/>
        <v/>
      </c>
      <c r="BP558" s="487" t="str">
        <f t="shared" si="115"/>
        <v/>
      </c>
      <c r="BQ558" s="487" t="str">
        <f t="shared" si="115"/>
        <v/>
      </c>
      <c r="BR558" s="487" t="str">
        <f t="shared" si="115"/>
        <v/>
      </c>
      <c r="BS558" s="487" t="str">
        <f t="shared" si="115"/>
        <v/>
      </c>
      <c r="BT558" s="487" t="str">
        <f t="shared" si="115"/>
        <v/>
      </c>
      <c r="BU558" s="487" t="str">
        <f t="shared" si="115"/>
        <v/>
      </c>
      <c r="BV558" s="487" t="str">
        <f t="shared" si="115"/>
        <v/>
      </c>
      <c r="BW558" s="487" t="str">
        <f t="shared" si="115"/>
        <v/>
      </c>
      <c r="BX558" s="487" t="str">
        <f t="shared" si="116"/>
        <v/>
      </c>
      <c r="BY558" s="487" t="str">
        <f t="shared" si="116"/>
        <v/>
      </c>
      <c r="BZ558" s="487" t="str">
        <f t="shared" si="116"/>
        <v/>
      </c>
      <c r="CA558" s="487" t="str">
        <f t="shared" si="116"/>
        <v/>
      </c>
      <c r="CB558" s="487" t="str">
        <f t="shared" si="116"/>
        <v/>
      </c>
      <c r="CC558" s="487" t="str">
        <f t="shared" si="116"/>
        <v/>
      </c>
      <c r="CD558" s="487" t="str">
        <f t="shared" si="116"/>
        <v/>
      </c>
      <c r="CE558" s="487" t="str">
        <f t="shared" si="116"/>
        <v/>
      </c>
      <c r="CF558" s="487" t="str">
        <f t="shared" si="116"/>
        <v/>
      </c>
      <c r="CG558" s="487" t="str">
        <f t="shared" si="116"/>
        <v/>
      </c>
      <c r="CH558" s="487" t="str">
        <f t="shared" si="116"/>
        <v/>
      </c>
      <c r="CI558" s="487" t="str">
        <f t="shared" si="116"/>
        <v/>
      </c>
      <c r="CJ558" s="487" t="str">
        <f t="shared" si="114"/>
        <v/>
      </c>
      <c r="CK558" s="487" t="str">
        <f t="shared" si="114"/>
        <v/>
      </c>
      <c r="CL558" s="487" t="str">
        <f t="shared" si="114"/>
        <v/>
      </c>
      <c r="CM558" s="487"/>
      <c r="CN558" s="487"/>
      <c r="CO558" s="487"/>
      <c r="CP558" s="487"/>
      <c r="CQ558" s="487"/>
      <c r="CR558" s="487"/>
      <c r="CS558" s="487"/>
      <c r="CT558" s="487"/>
      <c r="CU558" s="487"/>
      <c r="CV558" s="487"/>
      <c r="CW558" s="487"/>
      <c r="CX558" s="487"/>
      <c r="CY558" s="487"/>
      <c r="CZ558" s="487"/>
      <c r="DA558" s="487"/>
      <c r="DB558" s="487"/>
      <c r="DC558" s="487"/>
      <c r="DD558" s="487"/>
      <c r="DE558" s="487"/>
      <c r="DF558" s="487"/>
      <c r="DG558" s="487"/>
      <c r="DH558" s="487"/>
      <c r="DI558" s="486"/>
      <c r="DJ558" s="486"/>
      <c r="DK558" s="486"/>
    </row>
    <row r="559" spans="1:115" ht="56.1" hidden="1" customHeight="1" x14ac:dyDescent="0.2">
      <c r="A559" s="499" t="s">
        <v>2494</v>
      </c>
      <c r="B559" s="483" t="s">
        <v>2495</v>
      </c>
      <c r="C559" s="481">
        <v>887</v>
      </c>
      <c r="D559" s="481"/>
      <c r="E559" s="481" t="s">
        <v>2481</v>
      </c>
      <c r="F559" s="482" t="s">
        <v>53</v>
      </c>
      <c r="G559" s="482" t="s">
        <v>655</v>
      </c>
      <c r="H559" s="501" t="s">
        <v>932</v>
      </c>
      <c r="I559" s="501" t="s">
        <v>1277</v>
      </c>
      <c r="J559" s="501" t="s">
        <v>1278</v>
      </c>
      <c r="K559" s="501"/>
      <c r="L559" s="77" t="s">
        <v>58</v>
      </c>
      <c r="M559" s="501" t="s">
        <v>833</v>
      </c>
      <c r="N559" s="501"/>
      <c r="O559" s="501" t="s">
        <v>81</v>
      </c>
      <c r="P559" s="77" t="s">
        <v>77</v>
      </c>
      <c r="Q559" s="77"/>
      <c r="R559" s="500" t="s">
        <v>722</v>
      </c>
      <c r="S559" s="76" t="s">
        <v>63</v>
      </c>
      <c r="T559" s="76" t="s">
        <v>63</v>
      </c>
      <c r="U559" s="508">
        <v>1258042.5</v>
      </c>
      <c r="V559" s="508"/>
      <c r="W559" s="494" t="s">
        <v>659</v>
      </c>
      <c r="X559" s="494"/>
      <c r="Y559" s="503">
        <f t="shared" si="108"/>
        <v>1258042.5</v>
      </c>
      <c r="Z559" s="76" t="s">
        <v>65</v>
      </c>
      <c r="AA559" s="487"/>
      <c r="AB559" s="486"/>
      <c r="AC559" s="486"/>
      <c r="AD559" s="486"/>
      <c r="AE559" s="486"/>
      <c r="AF559" s="486"/>
      <c r="AG559" s="486"/>
      <c r="AH559" s="486"/>
      <c r="AI559" s="486"/>
      <c r="AJ559" s="486"/>
      <c r="AK559" s="486"/>
      <c r="AL559" s="486"/>
      <c r="AM559" s="486"/>
      <c r="AN559" s="486"/>
      <c r="AO559" s="486"/>
      <c r="AP559" s="486"/>
      <c r="AQ559" s="486"/>
      <c r="AR559" s="486"/>
      <c r="AS559" s="486"/>
      <c r="AT559" s="486"/>
      <c r="AU559" s="486"/>
      <c r="AV559" s="486"/>
      <c r="AW559" s="486"/>
      <c r="AX559" s="486"/>
      <c r="AY559" s="486"/>
      <c r="AZ559" s="486"/>
      <c r="BA559" s="486"/>
      <c r="BB559" s="486"/>
      <c r="BC559" s="486"/>
      <c r="BD559" s="486"/>
      <c r="BE559" s="486"/>
      <c r="BF559" s="80">
        <f t="shared" si="109"/>
        <v>0</v>
      </c>
      <c r="BG559" s="76"/>
      <c r="BH559" s="487" t="str">
        <f t="shared" si="115"/>
        <v/>
      </c>
      <c r="BI559" s="487" t="str">
        <f t="shared" si="115"/>
        <v/>
      </c>
      <c r="BJ559" s="487" t="str">
        <f t="shared" si="115"/>
        <v/>
      </c>
      <c r="BK559" s="487" t="str">
        <f t="shared" si="115"/>
        <v/>
      </c>
      <c r="BL559" s="487" t="str">
        <f t="shared" si="115"/>
        <v/>
      </c>
      <c r="BM559" s="487" t="str">
        <f t="shared" si="115"/>
        <v/>
      </c>
      <c r="BN559" s="487" t="str">
        <f t="shared" si="115"/>
        <v/>
      </c>
      <c r="BO559" s="487" t="str">
        <f t="shared" si="115"/>
        <v/>
      </c>
      <c r="BP559" s="487" t="str">
        <f t="shared" si="115"/>
        <v/>
      </c>
      <c r="BQ559" s="487" t="str">
        <f t="shared" si="115"/>
        <v/>
      </c>
      <c r="BR559" s="487" t="str">
        <f t="shared" si="115"/>
        <v/>
      </c>
      <c r="BS559" s="487" t="str">
        <f t="shared" si="115"/>
        <v/>
      </c>
      <c r="BT559" s="487" t="str">
        <f t="shared" si="115"/>
        <v/>
      </c>
      <c r="BU559" s="487" t="str">
        <f t="shared" si="115"/>
        <v/>
      </c>
      <c r="BV559" s="487" t="str">
        <f t="shared" si="115"/>
        <v/>
      </c>
      <c r="BW559" s="487" t="str">
        <f t="shared" si="115"/>
        <v/>
      </c>
      <c r="BX559" s="487" t="str">
        <f t="shared" si="116"/>
        <v/>
      </c>
      <c r="BY559" s="487" t="str">
        <f t="shared" si="116"/>
        <v/>
      </c>
      <c r="BZ559" s="487" t="str">
        <f t="shared" si="116"/>
        <v/>
      </c>
      <c r="CA559" s="487" t="str">
        <f t="shared" si="116"/>
        <v/>
      </c>
      <c r="CB559" s="487" t="str">
        <f t="shared" si="116"/>
        <v/>
      </c>
      <c r="CC559" s="487" t="str">
        <f t="shared" si="116"/>
        <v/>
      </c>
      <c r="CD559" s="487" t="str">
        <f t="shared" si="116"/>
        <v/>
      </c>
      <c r="CE559" s="487" t="str">
        <f t="shared" si="116"/>
        <v/>
      </c>
      <c r="CF559" s="487" t="str">
        <f t="shared" si="116"/>
        <v/>
      </c>
      <c r="CG559" s="487" t="str">
        <f t="shared" si="116"/>
        <v/>
      </c>
      <c r="CH559" s="487" t="str">
        <f t="shared" si="116"/>
        <v/>
      </c>
      <c r="CI559" s="487" t="str">
        <f t="shared" si="116"/>
        <v/>
      </c>
      <c r="CJ559" s="487" t="str">
        <f t="shared" si="114"/>
        <v/>
      </c>
      <c r="CK559" s="487" t="str">
        <f t="shared" si="114"/>
        <v/>
      </c>
      <c r="CL559" s="487" t="str">
        <f t="shared" si="114"/>
        <v/>
      </c>
      <c r="CM559" s="487"/>
      <c r="CN559" s="487"/>
      <c r="CO559" s="487"/>
      <c r="CP559" s="487"/>
      <c r="CQ559" s="487"/>
      <c r="CR559" s="487"/>
      <c r="CS559" s="487"/>
      <c r="CT559" s="487"/>
      <c r="CU559" s="487"/>
      <c r="CV559" s="487"/>
      <c r="CW559" s="487"/>
      <c r="CX559" s="487"/>
      <c r="CY559" s="487"/>
      <c r="CZ559" s="487"/>
      <c r="DA559" s="487"/>
      <c r="DB559" s="487"/>
      <c r="DC559" s="487"/>
      <c r="DD559" s="487"/>
      <c r="DE559" s="487"/>
      <c r="DF559" s="487"/>
      <c r="DG559" s="487"/>
      <c r="DH559" s="487"/>
      <c r="DI559" s="486"/>
      <c r="DJ559" s="486"/>
      <c r="DK559" s="486"/>
    </row>
    <row r="560" spans="1:115" ht="56.1" hidden="1" customHeight="1" x14ac:dyDescent="0.2">
      <c r="A560" s="499" t="s">
        <v>2494</v>
      </c>
      <c r="B560" s="483" t="s">
        <v>2495</v>
      </c>
      <c r="C560" s="481">
        <v>888</v>
      </c>
      <c r="D560" s="481"/>
      <c r="E560" s="481" t="s">
        <v>2481</v>
      </c>
      <c r="F560" s="482" t="s">
        <v>53</v>
      </c>
      <c r="G560" s="482" t="s">
        <v>655</v>
      </c>
      <c r="H560" s="501" t="s">
        <v>932</v>
      </c>
      <c r="I560" s="501" t="s">
        <v>1279</v>
      </c>
      <c r="J560" s="501" t="s">
        <v>1280</v>
      </c>
      <c r="K560" s="501"/>
      <c r="L560" s="77" t="s">
        <v>58</v>
      </c>
      <c r="M560" s="501" t="s">
        <v>833</v>
      </c>
      <c r="N560" s="501"/>
      <c r="O560" s="501" t="s">
        <v>81</v>
      </c>
      <c r="P560" s="77" t="s">
        <v>77</v>
      </c>
      <c r="Q560" s="77"/>
      <c r="R560" s="500" t="s">
        <v>722</v>
      </c>
      <c r="S560" s="76" t="s">
        <v>63</v>
      </c>
      <c r="T560" s="76" t="s">
        <v>63</v>
      </c>
      <c r="U560" s="508">
        <v>152150.02803000002</v>
      </c>
      <c r="V560" s="508"/>
      <c r="W560" s="494" t="s">
        <v>659</v>
      </c>
      <c r="X560" s="494"/>
      <c r="Y560" s="503">
        <f t="shared" si="108"/>
        <v>152150.02803000002</v>
      </c>
      <c r="Z560" s="76" t="s">
        <v>65</v>
      </c>
      <c r="AA560" s="487"/>
      <c r="AB560" s="487"/>
      <c r="AC560" s="487"/>
      <c r="AD560" s="487"/>
      <c r="AE560" s="487"/>
      <c r="AF560" s="487"/>
      <c r="AG560" s="487"/>
      <c r="AH560" s="487"/>
      <c r="AI560" s="487"/>
      <c r="AJ560" s="487"/>
      <c r="AK560" s="487"/>
      <c r="AL560" s="487"/>
      <c r="AM560" s="487"/>
      <c r="AN560" s="487"/>
      <c r="AO560" s="487"/>
      <c r="AP560" s="487"/>
      <c r="AQ560" s="76"/>
      <c r="AR560" s="487"/>
      <c r="AS560" s="487"/>
      <c r="AT560" s="487"/>
      <c r="AU560" s="76"/>
      <c r="AV560" s="487"/>
      <c r="AW560" s="487"/>
      <c r="AX560" s="487"/>
      <c r="AY560" s="76"/>
      <c r="AZ560" s="487"/>
      <c r="BA560" s="76"/>
      <c r="BB560" s="76"/>
      <c r="BC560" s="487"/>
      <c r="BD560" s="76"/>
      <c r="BE560" s="76"/>
      <c r="BF560" s="80">
        <f t="shared" si="109"/>
        <v>0</v>
      </c>
      <c r="BG560" s="76"/>
      <c r="BH560" s="487" t="str">
        <f t="shared" si="115"/>
        <v/>
      </c>
      <c r="BI560" s="487" t="str">
        <f t="shared" si="115"/>
        <v/>
      </c>
      <c r="BJ560" s="487" t="str">
        <f t="shared" si="115"/>
        <v/>
      </c>
      <c r="BK560" s="487" t="str">
        <f t="shared" si="115"/>
        <v/>
      </c>
      <c r="BL560" s="487" t="str">
        <f t="shared" si="115"/>
        <v/>
      </c>
      <c r="BM560" s="487" t="str">
        <f t="shared" si="115"/>
        <v/>
      </c>
      <c r="BN560" s="487" t="str">
        <f t="shared" si="115"/>
        <v/>
      </c>
      <c r="BO560" s="487" t="str">
        <f t="shared" si="115"/>
        <v/>
      </c>
      <c r="BP560" s="487" t="str">
        <f t="shared" si="115"/>
        <v/>
      </c>
      <c r="BQ560" s="487" t="str">
        <f t="shared" si="115"/>
        <v/>
      </c>
      <c r="BR560" s="487" t="str">
        <f t="shared" si="115"/>
        <v/>
      </c>
      <c r="BS560" s="487" t="str">
        <f t="shared" si="115"/>
        <v/>
      </c>
      <c r="BT560" s="487" t="str">
        <f t="shared" si="115"/>
        <v/>
      </c>
      <c r="BU560" s="487" t="str">
        <f t="shared" si="115"/>
        <v/>
      </c>
      <c r="BV560" s="487" t="str">
        <f t="shared" si="115"/>
        <v/>
      </c>
      <c r="BW560" s="487" t="str">
        <f t="shared" ref="BW560:BZ567" si="117">IF(AP560="yes",(AP$2*$BG560),"")</f>
        <v/>
      </c>
      <c r="BX560" s="487" t="str">
        <f t="shared" si="116"/>
        <v/>
      </c>
      <c r="BY560" s="487" t="str">
        <f t="shared" si="116"/>
        <v/>
      </c>
      <c r="BZ560" s="487" t="str">
        <f t="shared" si="116"/>
        <v/>
      </c>
      <c r="CA560" s="487" t="str">
        <f t="shared" si="116"/>
        <v/>
      </c>
      <c r="CB560" s="487" t="str">
        <f t="shared" si="116"/>
        <v/>
      </c>
      <c r="CC560" s="487" t="str">
        <f t="shared" si="116"/>
        <v/>
      </c>
      <c r="CD560" s="487" t="str">
        <f t="shared" si="116"/>
        <v/>
      </c>
      <c r="CE560" s="487" t="str">
        <f t="shared" si="116"/>
        <v/>
      </c>
      <c r="CF560" s="487" t="str">
        <f t="shared" si="116"/>
        <v/>
      </c>
      <c r="CG560" s="487" t="str">
        <f t="shared" si="116"/>
        <v/>
      </c>
      <c r="CH560" s="487" t="str">
        <f t="shared" si="116"/>
        <v/>
      </c>
      <c r="CI560" s="487" t="str">
        <f t="shared" si="116"/>
        <v/>
      </c>
      <c r="CJ560" s="487" t="str">
        <f t="shared" si="114"/>
        <v/>
      </c>
      <c r="CK560" s="487" t="str">
        <f t="shared" si="114"/>
        <v/>
      </c>
      <c r="CL560" s="487" t="str">
        <f t="shared" si="114"/>
        <v/>
      </c>
      <c r="CM560" s="487"/>
      <c r="CN560" s="487"/>
      <c r="CO560" s="487"/>
      <c r="CP560" s="487"/>
      <c r="CQ560" s="487"/>
      <c r="CR560" s="487"/>
      <c r="CS560" s="487"/>
      <c r="CT560" s="487"/>
      <c r="CU560" s="487"/>
      <c r="CV560" s="487"/>
      <c r="CW560" s="487"/>
      <c r="CX560" s="487"/>
      <c r="CY560" s="487"/>
      <c r="CZ560" s="487"/>
      <c r="DA560" s="487"/>
      <c r="DB560" s="487"/>
      <c r="DC560" s="487"/>
      <c r="DD560" s="487"/>
      <c r="DE560" s="487"/>
      <c r="DF560" s="487"/>
      <c r="DG560" s="487"/>
      <c r="DH560" s="487"/>
      <c r="DI560" s="486"/>
      <c r="DJ560" s="486"/>
      <c r="DK560" s="486"/>
    </row>
    <row r="561" spans="1:115" ht="56.1" hidden="1" customHeight="1" x14ac:dyDescent="0.2">
      <c r="A561" s="499" t="s">
        <v>2494</v>
      </c>
      <c r="B561" s="483" t="s">
        <v>2495</v>
      </c>
      <c r="C561" s="481">
        <v>889</v>
      </c>
      <c r="D561" s="481"/>
      <c r="E561" s="481" t="s">
        <v>2481</v>
      </c>
      <c r="F561" s="482" t="s">
        <v>53</v>
      </c>
      <c r="G561" s="482" t="s">
        <v>655</v>
      </c>
      <c r="H561" s="501" t="s">
        <v>932</v>
      </c>
      <c r="I561" s="501" t="s">
        <v>1281</v>
      </c>
      <c r="J561" s="501" t="s">
        <v>1282</v>
      </c>
      <c r="K561" s="501"/>
      <c r="L561" s="77" t="s">
        <v>58</v>
      </c>
      <c r="M561" s="501" t="s">
        <v>833</v>
      </c>
      <c r="N561" s="501"/>
      <c r="O561" s="501" t="s">
        <v>81</v>
      </c>
      <c r="P561" s="77" t="s">
        <v>77</v>
      </c>
      <c r="Q561" s="77"/>
      <c r="R561" s="500" t="s">
        <v>722</v>
      </c>
      <c r="S561" s="76" t="s">
        <v>63</v>
      </c>
      <c r="T561" s="76" t="s">
        <v>63</v>
      </c>
      <c r="U561" s="508">
        <v>6783.5625</v>
      </c>
      <c r="V561" s="508"/>
      <c r="W561" s="494" t="s">
        <v>659</v>
      </c>
      <c r="X561" s="494"/>
      <c r="Y561" s="503">
        <f t="shared" si="108"/>
        <v>6783.5625</v>
      </c>
      <c r="Z561" s="76" t="s">
        <v>65</v>
      </c>
      <c r="AA561" s="487"/>
      <c r="AB561" s="487"/>
      <c r="AC561" s="487"/>
      <c r="AD561" s="487"/>
      <c r="AE561" s="487"/>
      <c r="AF561" s="487"/>
      <c r="AG561" s="487"/>
      <c r="AH561" s="487"/>
      <c r="AI561" s="487"/>
      <c r="AJ561" s="487"/>
      <c r="AK561" s="487"/>
      <c r="AL561" s="487"/>
      <c r="AM561" s="487"/>
      <c r="AN561" s="487"/>
      <c r="AO561" s="487"/>
      <c r="AP561" s="487"/>
      <c r="AQ561" s="76"/>
      <c r="AR561" s="487"/>
      <c r="AS561" s="487"/>
      <c r="AT561" s="487"/>
      <c r="AU561" s="76"/>
      <c r="AV561" s="487"/>
      <c r="AW561" s="487"/>
      <c r="AX561" s="487"/>
      <c r="AY561" s="76"/>
      <c r="AZ561" s="487"/>
      <c r="BA561" s="76"/>
      <c r="BB561" s="76"/>
      <c r="BC561" s="487"/>
      <c r="BD561" s="76"/>
      <c r="BE561" s="76"/>
      <c r="BF561" s="80">
        <f t="shared" si="109"/>
        <v>0</v>
      </c>
      <c r="BG561" s="76"/>
      <c r="BH561" s="487" t="str">
        <f t="shared" ref="BH561:BV567" si="118">IF(AA561="yes",(AA$2*$BG561),"")</f>
        <v/>
      </c>
      <c r="BI561" s="487" t="str">
        <f t="shared" si="118"/>
        <v/>
      </c>
      <c r="BJ561" s="487" t="str">
        <f t="shared" si="118"/>
        <v/>
      </c>
      <c r="BK561" s="487" t="str">
        <f t="shared" si="118"/>
        <v/>
      </c>
      <c r="BL561" s="487" t="str">
        <f t="shared" si="118"/>
        <v/>
      </c>
      <c r="BM561" s="487" t="str">
        <f t="shared" si="118"/>
        <v/>
      </c>
      <c r="BN561" s="487" t="str">
        <f t="shared" si="118"/>
        <v/>
      </c>
      <c r="BO561" s="487" t="str">
        <f t="shared" si="118"/>
        <v/>
      </c>
      <c r="BP561" s="487" t="str">
        <f t="shared" si="118"/>
        <v/>
      </c>
      <c r="BQ561" s="487" t="str">
        <f t="shared" si="118"/>
        <v/>
      </c>
      <c r="BR561" s="487" t="str">
        <f t="shared" si="118"/>
        <v/>
      </c>
      <c r="BS561" s="487" t="str">
        <f t="shared" si="118"/>
        <v/>
      </c>
      <c r="BT561" s="487" t="str">
        <f t="shared" si="118"/>
        <v/>
      </c>
      <c r="BU561" s="487" t="str">
        <f t="shared" si="118"/>
        <v/>
      </c>
      <c r="BV561" s="487" t="str">
        <f t="shared" si="118"/>
        <v/>
      </c>
      <c r="BW561" s="487" t="str">
        <f t="shared" si="117"/>
        <v/>
      </c>
      <c r="BX561" s="487" t="str">
        <f t="shared" si="116"/>
        <v/>
      </c>
      <c r="BY561" s="487" t="str">
        <f t="shared" si="116"/>
        <v/>
      </c>
      <c r="BZ561" s="487" t="str">
        <f t="shared" si="116"/>
        <v/>
      </c>
      <c r="CA561" s="487" t="str">
        <f t="shared" si="116"/>
        <v/>
      </c>
      <c r="CB561" s="487" t="str">
        <f t="shared" si="116"/>
        <v/>
      </c>
      <c r="CC561" s="487" t="str">
        <f t="shared" si="116"/>
        <v/>
      </c>
      <c r="CD561" s="487" t="str">
        <f t="shared" si="116"/>
        <v/>
      </c>
      <c r="CE561" s="487" t="str">
        <f t="shared" si="116"/>
        <v/>
      </c>
      <c r="CF561" s="487" t="str">
        <f t="shared" si="116"/>
        <v/>
      </c>
      <c r="CG561" s="487" t="str">
        <f t="shared" si="116"/>
        <v/>
      </c>
      <c r="CH561" s="487" t="str">
        <f t="shared" si="116"/>
        <v/>
      </c>
      <c r="CI561" s="487" t="str">
        <f t="shared" si="116"/>
        <v/>
      </c>
      <c r="CJ561" s="487" t="str">
        <f t="shared" si="114"/>
        <v/>
      </c>
      <c r="CK561" s="487" t="str">
        <f t="shared" si="114"/>
        <v/>
      </c>
      <c r="CL561" s="487" t="str">
        <f t="shared" si="114"/>
        <v/>
      </c>
      <c r="CM561" s="487"/>
      <c r="CN561" s="487"/>
      <c r="CO561" s="487"/>
      <c r="CP561" s="487"/>
      <c r="CQ561" s="487"/>
      <c r="CR561" s="487"/>
      <c r="CS561" s="487"/>
      <c r="CT561" s="487"/>
      <c r="CU561" s="487"/>
      <c r="CV561" s="487"/>
      <c r="CW561" s="487"/>
      <c r="CX561" s="487"/>
      <c r="CY561" s="487"/>
      <c r="CZ561" s="487"/>
      <c r="DA561" s="487"/>
      <c r="DB561" s="487"/>
      <c r="DC561" s="487"/>
      <c r="DD561" s="487"/>
      <c r="DE561" s="487"/>
      <c r="DF561" s="487"/>
      <c r="DG561" s="487"/>
      <c r="DH561" s="487"/>
      <c r="DI561" s="486"/>
      <c r="DJ561" s="486"/>
      <c r="DK561" s="486"/>
    </row>
    <row r="562" spans="1:115" ht="56.1" hidden="1" customHeight="1" x14ac:dyDescent="0.2">
      <c r="A562" s="499" t="s">
        <v>2494</v>
      </c>
      <c r="B562" s="483" t="s">
        <v>2495</v>
      </c>
      <c r="C562" s="481">
        <v>890</v>
      </c>
      <c r="D562" s="481"/>
      <c r="E562" s="481" t="s">
        <v>2481</v>
      </c>
      <c r="F562" s="482" t="s">
        <v>53</v>
      </c>
      <c r="G562" s="482" t="s">
        <v>655</v>
      </c>
      <c r="H562" s="501" t="s">
        <v>932</v>
      </c>
      <c r="I562" s="501" t="s">
        <v>1283</v>
      </c>
      <c r="J562" s="501" t="s">
        <v>1284</v>
      </c>
      <c r="K562" s="501"/>
      <c r="L562" s="77" t="s">
        <v>58</v>
      </c>
      <c r="M562" s="501" t="s">
        <v>833</v>
      </c>
      <c r="N562" s="501"/>
      <c r="O562" s="501" t="s">
        <v>81</v>
      </c>
      <c r="P562" s="77" t="s">
        <v>77</v>
      </c>
      <c r="Q562" s="77"/>
      <c r="R562" s="500" t="s">
        <v>722</v>
      </c>
      <c r="S562" s="76" t="s">
        <v>63</v>
      </c>
      <c r="T562" s="76" t="s">
        <v>63</v>
      </c>
      <c r="U562" s="508">
        <v>518.01749999999993</v>
      </c>
      <c r="V562" s="508"/>
      <c r="W562" s="494" t="s">
        <v>659</v>
      </c>
      <c r="X562" s="494"/>
      <c r="Y562" s="503">
        <f t="shared" si="108"/>
        <v>518.01749999999993</v>
      </c>
      <c r="Z562" s="76" t="s">
        <v>65</v>
      </c>
      <c r="AA562" s="487"/>
      <c r="AB562" s="487"/>
      <c r="AC562" s="487"/>
      <c r="AD562" s="487"/>
      <c r="AE562" s="487"/>
      <c r="AF562" s="487"/>
      <c r="AG562" s="487"/>
      <c r="AH562" s="487"/>
      <c r="AI562" s="487"/>
      <c r="AJ562" s="487"/>
      <c r="AK562" s="487"/>
      <c r="AL562" s="487"/>
      <c r="AM562" s="487"/>
      <c r="AN562" s="487"/>
      <c r="AO562" s="487"/>
      <c r="AP562" s="487"/>
      <c r="AQ562" s="76"/>
      <c r="AR562" s="487"/>
      <c r="AS562" s="487"/>
      <c r="AT562" s="487"/>
      <c r="AU562" s="76"/>
      <c r="AV562" s="487"/>
      <c r="AW562" s="487"/>
      <c r="AX562" s="487"/>
      <c r="AY562" s="76"/>
      <c r="AZ562" s="487"/>
      <c r="BA562" s="76"/>
      <c r="BB562" s="76"/>
      <c r="BC562" s="487"/>
      <c r="BD562" s="76"/>
      <c r="BE562" s="76"/>
      <c r="BF562" s="80">
        <f t="shared" si="109"/>
        <v>0</v>
      </c>
      <c r="BG562" s="76"/>
      <c r="BH562" s="487" t="str">
        <f t="shared" si="118"/>
        <v/>
      </c>
      <c r="BI562" s="487" t="str">
        <f t="shared" si="118"/>
        <v/>
      </c>
      <c r="BJ562" s="487" t="str">
        <f t="shared" si="118"/>
        <v/>
      </c>
      <c r="BK562" s="487" t="str">
        <f t="shared" si="118"/>
        <v/>
      </c>
      <c r="BL562" s="487" t="str">
        <f t="shared" si="118"/>
        <v/>
      </c>
      <c r="BM562" s="487" t="str">
        <f t="shared" si="118"/>
        <v/>
      </c>
      <c r="BN562" s="487" t="str">
        <f t="shared" si="118"/>
        <v/>
      </c>
      <c r="BO562" s="487" t="str">
        <f t="shared" si="118"/>
        <v/>
      </c>
      <c r="BP562" s="487" t="str">
        <f t="shared" si="118"/>
        <v/>
      </c>
      <c r="BQ562" s="487" t="str">
        <f t="shared" si="118"/>
        <v/>
      </c>
      <c r="BR562" s="487" t="str">
        <f t="shared" si="118"/>
        <v/>
      </c>
      <c r="BS562" s="487" t="str">
        <f t="shared" si="118"/>
        <v/>
      </c>
      <c r="BT562" s="487" t="str">
        <f t="shared" si="118"/>
        <v/>
      </c>
      <c r="BU562" s="487" t="str">
        <f t="shared" si="118"/>
        <v/>
      </c>
      <c r="BV562" s="487" t="str">
        <f t="shared" si="118"/>
        <v/>
      </c>
      <c r="BW562" s="487" t="str">
        <f t="shared" si="117"/>
        <v/>
      </c>
      <c r="BX562" s="487" t="str">
        <f t="shared" si="116"/>
        <v/>
      </c>
      <c r="BY562" s="487" t="str">
        <f t="shared" si="116"/>
        <v/>
      </c>
      <c r="BZ562" s="487" t="str">
        <f t="shared" si="116"/>
        <v/>
      </c>
      <c r="CA562" s="487" t="str">
        <f t="shared" si="116"/>
        <v/>
      </c>
      <c r="CB562" s="487" t="str">
        <f t="shared" si="116"/>
        <v/>
      </c>
      <c r="CC562" s="487" t="str">
        <f t="shared" si="116"/>
        <v/>
      </c>
      <c r="CD562" s="487" t="str">
        <f t="shared" si="116"/>
        <v/>
      </c>
      <c r="CE562" s="487" t="str">
        <f t="shared" si="116"/>
        <v/>
      </c>
      <c r="CF562" s="487" t="str">
        <f t="shared" si="116"/>
        <v/>
      </c>
      <c r="CG562" s="487" t="str">
        <f t="shared" si="116"/>
        <v/>
      </c>
      <c r="CH562" s="487" t="str">
        <f t="shared" si="116"/>
        <v/>
      </c>
      <c r="CI562" s="487" t="str">
        <f t="shared" si="116"/>
        <v/>
      </c>
      <c r="CJ562" s="487" t="str">
        <f t="shared" si="114"/>
        <v/>
      </c>
      <c r="CK562" s="487" t="str">
        <f t="shared" si="114"/>
        <v/>
      </c>
      <c r="CL562" s="487" t="str">
        <f t="shared" si="114"/>
        <v/>
      </c>
      <c r="CM562" s="487"/>
      <c r="CN562" s="487"/>
      <c r="CO562" s="487"/>
      <c r="CP562" s="487"/>
      <c r="CQ562" s="487"/>
      <c r="CR562" s="487"/>
      <c r="CS562" s="487"/>
      <c r="CT562" s="487"/>
      <c r="CU562" s="487"/>
      <c r="CV562" s="487"/>
      <c r="CW562" s="487"/>
      <c r="CX562" s="487"/>
      <c r="CY562" s="487"/>
      <c r="CZ562" s="487"/>
      <c r="DA562" s="487"/>
      <c r="DB562" s="487"/>
      <c r="DC562" s="487"/>
      <c r="DD562" s="487"/>
      <c r="DE562" s="487"/>
      <c r="DF562" s="487"/>
      <c r="DG562" s="487"/>
      <c r="DH562" s="487"/>
      <c r="DI562" s="486"/>
      <c r="DJ562" s="486"/>
      <c r="DK562" s="486"/>
    </row>
    <row r="563" spans="1:115" ht="56.1" hidden="1" customHeight="1" x14ac:dyDescent="0.2">
      <c r="A563" s="499" t="s">
        <v>2494</v>
      </c>
      <c r="B563" s="483" t="s">
        <v>2495</v>
      </c>
      <c r="C563" s="481">
        <v>891</v>
      </c>
      <c r="D563" s="481"/>
      <c r="E563" s="481" t="s">
        <v>2481</v>
      </c>
      <c r="F563" s="482" t="s">
        <v>53</v>
      </c>
      <c r="G563" s="482" t="s">
        <v>655</v>
      </c>
      <c r="H563" s="501" t="s">
        <v>932</v>
      </c>
      <c r="I563" s="501" t="s">
        <v>1285</v>
      </c>
      <c r="J563" s="501" t="s">
        <v>1286</v>
      </c>
      <c r="K563" s="501"/>
      <c r="L563" s="77" t="s">
        <v>58</v>
      </c>
      <c r="M563" s="501" t="s">
        <v>833</v>
      </c>
      <c r="N563" s="501"/>
      <c r="O563" s="501" t="s">
        <v>81</v>
      </c>
      <c r="P563" s="77" t="s">
        <v>77</v>
      </c>
      <c r="Q563" s="77"/>
      <c r="R563" s="500" t="s">
        <v>722</v>
      </c>
      <c r="S563" s="76" t="s">
        <v>63</v>
      </c>
      <c r="T563" s="76" t="s">
        <v>63</v>
      </c>
      <c r="U563" s="508">
        <v>7106.016059999999</v>
      </c>
      <c r="V563" s="508"/>
      <c r="W563" s="494" t="s">
        <v>659</v>
      </c>
      <c r="X563" s="494"/>
      <c r="Y563" s="503">
        <f t="shared" si="108"/>
        <v>7106.016059999999</v>
      </c>
      <c r="Z563" s="76" t="s">
        <v>65</v>
      </c>
      <c r="AA563" s="487"/>
      <c r="AB563" s="487"/>
      <c r="AC563" s="487"/>
      <c r="AD563" s="487"/>
      <c r="AE563" s="487"/>
      <c r="AF563" s="487"/>
      <c r="AG563" s="487"/>
      <c r="AH563" s="487"/>
      <c r="AI563" s="487"/>
      <c r="AJ563" s="487"/>
      <c r="AK563" s="487"/>
      <c r="AL563" s="487"/>
      <c r="AM563" s="487"/>
      <c r="AN563" s="487"/>
      <c r="AO563" s="487"/>
      <c r="AP563" s="487"/>
      <c r="AQ563" s="76"/>
      <c r="AR563" s="487"/>
      <c r="AS563" s="487"/>
      <c r="AT563" s="487"/>
      <c r="AU563" s="76"/>
      <c r="AV563" s="487"/>
      <c r="AW563" s="487"/>
      <c r="AX563" s="487"/>
      <c r="AY563" s="76"/>
      <c r="AZ563" s="487"/>
      <c r="BA563" s="76"/>
      <c r="BB563" s="76"/>
      <c r="BC563" s="487"/>
      <c r="BD563" s="76"/>
      <c r="BE563" s="76"/>
      <c r="BF563" s="80">
        <f t="shared" si="109"/>
        <v>0</v>
      </c>
      <c r="BG563" s="76"/>
      <c r="BH563" s="487" t="str">
        <f t="shared" si="118"/>
        <v/>
      </c>
      <c r="BI563" s="487" t="str">
        <f t="shared" si="118"/>
        <v/>
      </c>
      <c r="BJ563" s="487" t="str">
        <f t="shared" si="118"/>
        <v/>
      </c>
      <c r="BK563" s="487" t="str">
        <f t="shared" si="118"/>
        <v/>
      </c>
      <c r="BL563" s="487" t="str">
        <f t="shared" si="118"/>
        <v/>
      </c>
      <c r="BM563" s="487" t="str">
        <f t="shared" si="118"/>
        <v/>
      </c>
      <c r="BN563" s="487" t="str">
        <f t="shared" si="118"/>
        <v/>
      </c>
      <c r="BO563" s="487" t="str">
        <f t="shared" si="118"/>
        <v/>
      </c>
      <c r="BP563" s="487" t="str">
        <f t="shared" si="118"/>
        <v/>
      </c>
      <c r="BQ563" s="487" t="str">
        <f t="shared" si="118"/>
        <v/>
      </c>
      <c r="BR563" s="487" t="str">
        <f t="shared" si="118"/>
        <v/>
      </c>
      <c r="BS563" s="487" t="str">
        <f t="shared" si="118"/>
        <v/>
      </c>
      <c r="BT563" s="487" t="str">
        <f t="shared" si="118"/>
        <v/>
      </c>
      <c r="BU563" s="487" t="str">
        <f t="shared" si="118"/>
        <v/>
      </c>
      <c r="BV563" s="487" t="str">
        <f t="shared" si="118"/>
        <v/>
      </c>
      <c r="BW563" s="487" t="str">
        <f t="shared" si="117"/>
        <v/>
      </c>
      <c r="BX563" s="487" t="str">
        <f t="shared" si="116"/>
        <v/>
      </c>
      <c r="BY563" s="487" t="str">
        <f t="shared" si="116"/>
        <v/>
      </c>
      <c r="BZ563" s="487" t="str">
        <f t="shared" si="116"/>
        <v/>
      </c>
      <c r="CA563" s="487" t="str">
        <f t="shared" si="116"/>
        <v/>
      </c>
      <c r="CB563" s="487" t="str">
        <f t="shared" si="116"/>
        <v/>
      </c>
      <c r="CC563" s="487" t="str">
        <f t="shared" si="116"/>
        <v/>
      </c>
      <c r="CD563" s="487" t="str">
        <f t="shared" si="116"/>
        <v/>
      </c>
      <c r="CE563" s="487" t="str">
        <f t="shared" si="116"/>
        <v/>
      </c>
      <c r="CF563" s="487" t="str">
        <f t="shared" si="116"/>
        <v/>
      </c>
      <c r="CG563" s="487" t="str">
        <f t="shared" si="116"/>
        <v/>
      </c>
      <c r="CH563" s="487" t="str">
        <f t="shared" si="116"/>
        <v/>
      </c>
      <c r="CI563" s="487" t="str">
        <f t="shared" si="116"/>
        <v/>
      </c>
      <c r="CJ563" s="487" t="str">
        <f t="shared" si="114"/>
        <v/>
      </c>
      <c r="CK563" s="487" t="str">
        <f t="shared" si="114"/>
        <v/>
      </c>
      <c r="CL563" s="487" t="str">
        <f t="shared" si="114"/>
        <v/>
      </c>
      <c r="CM563" s="487"/>
      <c r="CN563" s="487"/>
      <c r="CO563" s="487"/>
      <c r="CP563" s="487"/>
      <c r="CQ563" s="487"/>
      <c r="CR563" s="487"/>
      <c r="CS563" s="487"/>
      <c r="CT563" s="487"/>
      <c r="CU563" s="487"/>
      <c r="CV563" s="487"/>
      <c r="CW563" s="487"/>
      <c r="CX563" s="487"/>
      <c r="CY563" s="487"/>
      <c r="CZ563" s="487"/>
      <c r="DA563" s="487"/>
      <c r="DB563" s="487"/>
      <c r="DC563" s="487"/>
      <c r="DD563" s="487"/>
      <c r="DE563" s="487"/>
      <c r="DF563" s="487"/>
      <c r="DG563" s="487"/>
      <c r="DH563" s="487"/>
      <c r="DI563" s="486"/>
      <c r="DJ563" s="486"/>
      <c r="DK563" s="486"/>
    </row>
    <row r="564" spans="1:115" ht="56.1" hidden="1" customHeight="1" x14ac:dyDescent="0.2">
      <c r="A564" s="499" t="s">
        <v>2494</v>
      </c>
      <c r="B564" s="483" t="s">
        <v>2495</v>
      </c>
      <c r="C564" s="481">
        <v>892</v>
      </c>
      <c r="D564" s="481"/>
      <c r="E564" s="481" t="s">
        <v>2481</v>
      </c>
      <c r="F564" s="482" t="s">
        <v>53</v>
      </c>
      <c r="G564" s="482" t="s">
        <v>655</v>
      </c>
      <c r="H564" s="501" t="s">
        <v>932</v>
      </c>
      <c r="I564" s="501" t="s">
        <v>1287</v>
      </c>
      <c r="J564" s="500" t="s">
        <v>1288</v>
      </c>
      <c r="K564" s="500"/>
      <c r="L564" s="77" t="s">
        <v>58</v>
      </c>
      <c r="M564" s="501" t="s">
        <v>833</v>
      </c>
      <c r="N564" s="501"/>
      <c r="O564" s="501" t="s">
        <v>81</v>
      </c>
      <c r="P564" s="77" t="s">
        <v>77</v>
      </c>
      <c r="Q564" s="77"/>
      <c r="R564" s="500" t="s">
        <v>722</v>
      </c>
      <c r="S564" s="76" t="s">
        <v>63</v>
      </c>
      <c r="T564" s="76" t="s">
        <v>63</v>
      </c>
      <c r="U564" s="508">
        <v>129504.375</v>
      </c>
      <c r="V564" s="508"/>
      <c r="W564" s="494" t="s">
        <v>659</v>
      </c>
      <c r="X564" s="494"/>
      <c r="Y564" s="503">
        <f t="shared" si="108"/>
        <v>129504.375</v>
      </c>
      <c r="Z564" s="76" t="s">
        <v>65</v>
      </c>
      <c r="AA564" s="487"/>
      <c r="AB564" s="487"/>
      <c r="AC564" s="487"/>
      <c r="AD564" s="487"/>
      <c r="AE564" s="487"/>
      <c r="AF564" s="487"/>
      <c r="AG564" s="487"/>
      <c r="AH564" s="487"/>
      <c r="AI564" s="487"/>
      <c r="AJ564" s="487"/>
      <c r="AK564" s="487"/>
      <c r="AL564" s="487"/>
      <c r="AM564" s="487"/>
      <c r="AN564" s="487"/>
      <c r="AO564" s="487"/>
      <c r="AP564" s="487"/>
      <c r="AQ564" s="76"/>
      <c r="AR564" s="487"/>
      <c r="AS564" s="487"/>
      <c r="AT564" s="487"/>
      <c r="AU564" s="76"/>
      <c r="AV564" s="487"/>
      <c r="AW564" s="487"/>
      <c r="AX564" s="487"/>
      <c r="AY564" s="76"/>
      <c r="AZ564" s="487"/>
      <c r="BA564" s="76"/>
      <c r="BB564" s="76"/>
      <c r="BC564" s="487"/>
      <c r="BD564" s="76"/>
      <c r="BE564" s="76"/>
      <c r="BF564" s="80">
        <f t="shared" si="109"/>
        <v>0</v>
      </c>
      <c r="BG564" s="76"/>
      <c r="BH564" s="487" t="str">
        <f t="shared" si="118"/>
        <v/>
      </c>
      <c r="BI564" s="487" t="str">
        <f t="shared" si="118"/>
        <v/>
      </c>
      <c r="BJ564" s="487" t="str">
        <f t="shared" si="118"/>
        <v/>
      </c>
      <c r="BK564" s="487" t="str">
        <f t="shared" si="118"/>
        <v/>
      </c>
      <c r="BL564" s="487" t="str">
        <f t="shared" si="118"/>
        <v/>
      </c>
      <c r="BM564" s="487" t="str">
        <f t="shared" si="118"/>
        <v/>
      </c>
      <c r="BN564" s="487" t="str">
        <f t="shared" si="118"/>
        <v/>
      </c>
      <c r="BO564" s="487" t="str">
        <f t="shared" si="118"/>
        <v/>
      </c>
      <c r="BP564" s="487" t="str">
        <f t="shared" si="118"/>
        <v/>
      </c>
      <c r="BQ564" s="487" t="str">
        <f t="shared" si="118"/>
        <v/>
      </c>
      <c r="BR564" s="487" t="str">
        <f t="shared" si="118"/>
        <v/>
      </c>
      <c r="BS564" s="487" t="str">
        <f t="shared" si="118"/>
        <v/>
      </c>
      <c r="BT564" s="487" t="str">
        <f t="shared" si="118"/>
        <v/>
      </c>
      <c r="BU564" s="487" t="str">
        <f t="shared" si="118"/>
        <v/>
      </c>
      <c r="BV564" s="487" t="str">
        <f t="shared" si="118"/>
        <v/>
      </c>
      <c r="BW564" s="487" t="str">
        <f t="shared" si="117"/>
        <v/>
      </c>
      <c r="BX564" s="487" t="str">
        <f t="shared" si="116"/>
        <v/>
      </c>
      <c r="BY564" s="487" t="str">
        <f t="shared" si="116"/>
        <v/>
      </c>
      <c r="BZ564" s="487" t="str">
        <f t="shared" si="116"/>
        <v/>
      </c>
      <c r="CA564" s="487" t="str">
        <f t="shared" si="116"/>
        <v/>
      </c>
      <c r="CB564" s="487" t="str">
        <f t="shared" si="116"/>
        <v/>
      </c>
      <c r="CC564" s="487" t="str">
        <f t="shared" si="116"/>
        <v/>
      </c>
      <c r="CD564" s="487" t="str">
        <f t="shared" si="116"/>
        <v/>
      </c>
      <c r="CE564" s="487" t="str">
        <f t="shared" si="116"/>
        <v/>
      </c>
      <c r="CF564" s="487" t="str">
        <f t="shared" si="116"/>
        <v/>
      </c>
      <c r="CG564" s="487" t="str">
        <f t="shared" si="116"/>
        <v/>
      </c>
      <c r="CH564" s="487" t="str">
        <f t="shared" si="116"/>
        <v/>
      </c>
      <c r="CI564" s="487" t="str">
        <f t="shared" si="116"/>
        <v/>
      </c>
      <c r="CJ564" s="487" t="str">
        <f t="shared" si="114"/>
        <v/>
      </c>
      <c r="CK564" s="487" t="str">
        <f t="shared" si="114"/>
        <v/>
      </c>
      <c r="CL564" s="487" t="str">
        <f t="shared" si="114"/>
        <v/>
      </c>
      <c r="CM564" s="487"/>
      <c r="CN564" s="487"/>
      <c r="CO564" s="487"/>
      <c r="CP564" s="487"/>
      <c r="CQ564" s="487"/>
      <c r="CR564" s="487"/>
      <c r="CS564" s="487"/>
      <c r="CT564" s="487"/>
      <c r="CU564" s="487"/>
      <c r="CV564" s="487"/>
      <c r="CW564" s="487"/>
      <c r="CX564" s="487"/>
      <c r="CY564" s="487"/>
      <c r="CZ564" s="487"/>
      <c r="DA564" s="487"/>
      <c r="DB564" s="487"/>
      <c r="DC564" s="487"/>
      <c r="DD564" s="487"/>
      <c r="DE564" s="487"/>
      <c r="DF564" s="487"/>
      <c r="DG564" s="487"/>
      <c r="DH564" s="487"/>
      <c r="DI564" s="486"/>
      <c r="DJ564" s="486"/>
      <c r="DK564" s="486"/>
    </row>
    <row r="565" spans="1:115" ht="67.5" hidden="1" customHeight="1" x14ac:dyDescent="0.2">
      <c r="A565" s="77" t="s">
        <v>2494</v>
      </c>
      <c r="B565" s="483" t="s">
        <v>2495</v>
      </c>
      <c r="C565" s="481">
        <v>893</v>
      </c>
      <c r="D565" s="481"/>
      <c r="E565" s="481" t="s">
        <v>2481</v>
      </c>
      <c r="F565" s="482" t="s">
        <v>53</v>
      </c>
      <c r="G565" s="482" t="s">
        <v>655</v>
      </c>
      <c r="H565" s="501" t="s">
        <v>932</v>
      </c>
      <c r="I565" s="77" t="s">
        <v>1289</v>
      </c>
      <c r="J565" s="77" t="s">
        <v>1290</v>
      </c>
      <c r="K565" s="77"/>
      <c r="L565" s="77" t="s">
        <v>215</v>
      </c>
      <c r="M565" s="77" t="s">
        <v>833</v>
      </c>
      <c r="N565" s="77"/>
      <c r="O565" s="486" t="s">
        <v>81</v>
      </c>
      <c r="P565" s="77" t="s">
        <v>77</v>
      </c>
      <c r="Q565" s="77"/>
      <c r="R565" s="77" t="s">
        <v>1291</v>
      </c>
      <c r="S565" s="76" t="s">
        <v>63</v>
      </c>
      <c r="T565" s="76" t="s">
        <v>63</v>
      </c>
      <c r="U565" s="76">
        <v>1000000</v>
      </c>
      <c r="V565" s="76"/>
      <c r="W565" s="494" t="s">
        <v>659</v>
      </c>
      <c r="X565" s="494"/>
      <c r="Y565" s="503">
        <f t="shared" si="108"/>
        <v>1000000</v>
      </c>
      <c r="Z565" s="76" t="s">
        <v>65</v>
      </c>
      <c r="AA565" s="487"/>
      <c r="AB565" s="487"/>
      <c r="AC565" s="487"/>
      <c r="AD565" s="487"/>
      <c r="AE565" s="487"/>
      <c r="AF565" s="487"/>
      <c r="AG565" s="487"/>
      <c r="AH565" s="487"/>
      <c r="AI565" s="487"/>
      <c r="AJ565" s="487"/>
      <c r="AK565" s="487"/>
      <c r="AL565" s="487"/>
      <c r="AM565" s="487"/>
      <c r="AN565" s="487"/>
      <c r="AO565" s="487"/>
      <c r="AP565" s="487"/>
      <c r="AQ565" s="76"/>
      <c r="AR565" s="487"/>
      <c r="AS565" s="487"/>
      <c r="AT565" s="487"/>
      <c r="AU565" s="76"/>
      <c r="AV565" s="487"/>
      <c r="AW565" s="487"/>
      <c r="AX565" s="487"/>
      <c r="AY565" s="76"/>
      <c r="AZ565" s="487"/>
      <c r="BA565" s="76"/>
      <c r="BB565" s="76"/>
      <c r="BC565" s="487"/>
      <c r="BD565" s="76"/>
      <c r="BE565" s="76"/>
      <c r="BF565" s="80">
        <f t="shared" si="109"/>
        <v>0</v>
      </c>
      <c r="BG565" s="76"/>
      <c r="BH565" s="487" t="str">
        <f t="shared" si="118"/>
        <v/>
      </c>
      <c r="BI565" s="487" t="str">
        <f t="shared" si="118"/>
        <v/>
      </c>
      <c r="BJ565" s="487" t="str">
        <f t="shared" si="118"/>
        <v/>
      </c>
      <c r="BK565" s="487" t="str">
        <f t="shared" si="118"/>
        <v/>
      </c>
      <c r="BL565" s="487" t="str">
        <f t="shared" si="118"/>
        <v/>
      </c>
      <c r="BM565" s="487" t="str">
        <f t="shared" si="118"/>
        <v/>
      </c>
      <c r="BN565" s="487" t="str">
        <f t="shared" si="118"/>
        <v/>
      </c>
      <c r="BO565" s="487" t="str">
        <f t="shared" si="118"/>
        <v/>
      </c>
      <c r="BP565" s="487" t="str">
        <f t="shared" si="118"/>
        <v/>
      </c>
      <c r="BQ565" s="487" t="str">
        <f t="shared" si="118"/>
        <v/>
      </c>
      <c r="BR565" s="487" t="str">
        <f t="shared" si="118"/>
        <v/>
      </c>
      <c r="BS565" s="487" t="str">
        <f t="shared" si="118"/>
        <v/>
      </c>
      <c r="BT565" s="487" t="str">
        <f t="shared" si="118"/>
        <v/>
      </c>
      <c r="BU565" s="487" t="str">
        <f t="shared" si="118"/>
        <v/>
      </c>
      <c r="BV565" s="487" t="str">
        <f t="shared" si="118"/>
        <v/>
      </c>
      <c r="BW565" s="487" t="str">
        <f t="shared" si="117"/>
        <v/>
      </c>
      <c r="BX565" s="487" t="str">
        <f t="shared" si="116"/>
        <v/>
      </c>
      <c r="BY565" s="487" t="str">
        <f t="shared" si="116"/>
        <v/>
      </c>
      <c r="BZ565" s="487" t="str">
        <f t="shared" si="116"/>
        <v/>
      </c>
      <c r="CA565" s="487" t="str">
        <f t="shared" si="116"/>
        <v/>
      </c>
      <c r="CB565" s="487" t="str">
        <f t="shared" si="116"/>
        <v/>
      </c>
      <c r="CC565" s="487" t="str">
        <f t="shared" si="116"/>
        <v/>
      </c>
      <c r="CD565" s="487" t="str">
        <f t="shared" si="116"/>
        <v/>
      </c>
      <c r="CE565" s="487" t="str">
        <f t="shared" si="116"/>
        <v/>
      </c>
      <c r="CF565" s="487" t="str">
        <f t="shared" si="116"/>
        <v/>
      </c>
      <c r="CG565" s="487" t="str">
        <f t="shared" si="116"/>
        <v/>
      </c>
      <c r="CH565" s="487" t="str">
        <f t="shared" si="116"/>
        <v/>
      </c>
      <c r="CI565" s="487" t="str">
        <f t="shared" si="116"/>
        <v/>
      </c>
      <c r="CJ565" s="487" t="str">
        <f t="shared" si="114"/>
        <v/>
      </c>
      <c r="CK565" s="487" t="str">
        <f t="shared" si="114"/>
        <v/>
      </c>
      <c r="CL565" s="487" t="str">
        <f t="shared" si="114"/>
        <v/>
      </c>
      <c r="CM565" s="487"/>
      <c r="CN565" s="487"/>
      <c r="CO565" s="487"/>
      <c r="CP565" s="487"/>
      <c r="CQ565" s="487"/>
      <c r="CR565" s="487"/>
      <c r="CS565" s="487"/>
      <c r="CT565" s="487"/>
      <c r="CU565" s="487"/>
      <c r="CV565" s="487"/>
      <c r="CW565" s="487"/>
      <c r="CX565" s="487"/>
      <c r="CY565" s="487"/>
      <c r="CZ565" s="487"/>
      <c r="DA565" s="487"/>
      <c r="DB565" s="487"/>
      <c r="DC565" s="487"/>
      <c r="DD565" s="487"/>
      <c r="DE565" s="487"/>
      <c r="DF565" s="487"/>
      <c r="DG565" s="487"/>
      <c r="DH565" s="487"/>
      <c r="DI565" s="486"/>
      <c r="DJ565" s="486"/>
      <c r="DK565" s="486"/>
    </row>
    <row r="566" spans="1:115" ht="90" hidden="1" customHeight="1" x14ac:dyDescent="0.2">
      <c r="A566" s="510"/>
      <c r="B566" s="510"/>
      <c r="C566" s="481">
        <v>894</v>
      </c>
      <c r="D566" s="481"/>
      <c r="E566" s="481" t="s">
        <v>2481</v>
      </c>
      <c r="F566" s="482" t="s">
        <v>53</v>
      </c>
      <c r="G566" s="482" t="s">
        <v>655</v>
      </c>
      <c r="H566" s="501" t="s">
        <v>1292</v>
      </c>
      <c r="I566" s="501" t="s">
        <v>1293</v>
      </c>
      <c r="J566" s="501" t="s">
        <v>1294</v>
      </c>
      <c r="K566" s="501"/>
      <c r="L566" s="77" t="s">
        <v>58</v>
      </c>
      <c r="M566" s="501" t="s">
        <v>1295</v>
      </c>
      <c r="N566" s="501"/>
      <c r="O566" s="501" t="s">
        <v>81</v>
      </c>
      <c r="P566" s="77" t="s">
        <v>1296</v>
      </c>
      <c r="Q566" s="77"/>
      <c r="R566" s="500" t="s">
        <v>225</v>
      </c>
      <c r="S566" s="76" t="s">
        <v>63</v>
      </c>
      <c r="T566" s="76" t="s">
        <v>63</v>
      </c>
      <c r="U566" s="503">
        <v>3685000</v>
      </c>
      <c r="V566" s="503"/>
      <c r="W566" s="483" t="s">
        <v>1297</v>
      </c>
      <c r="X566" s="483"/>
      <c r="Y566" s="503">
        <v>3685000</v>
      </c>
      <c r="Z566" s="493" t="s">
        <v>65</v>
      </c>
      <c r="AA566" s="510"/>
      <c r="AB566" s="510"/>
      <c r="AC566" s="510"/>
      <c r="AD566" s="510"/>
      <c r="AE566" s="510"/>
      <c r="AF566" s="510"/>
      <c r="AG566" s="510"/>
      <c r="AH566" s="510"/>
      <c r="AI566" s="510"/>
      <c r="AJ566" s="510"/>
      <c r="AK566" s="510"/>
      <c r="AL566" s="510"/>
      <c r="AM566" s="510"/>
      <c r="AN566" s="510"/>
      <c r="AO566" s="510"/>
      <c r="AP566" s="510"/>
      <c r="AQ566" s="510"/>
      <c r="AR566" s="510"/>
      <c r="AS566" s="510"/>
      <c r="AT566" s="510"/>
      <c r="AU566" s="510"/>
      <c r="AV566" s="510"/>
      <c r="AW566" s="510"/>
      <c r="AX566" s="510"/>
      <c r="AY566" s="510"/>
      <c r="AZ566" s="510"/>
      <c r="BA566" s="510"/>
      <c r="BB566" s="510"/>
      <c r="BC566" s="510"/>
      <c r="BD566" s="510"/>
      <c r="BE566" s="510"/>
      <c r="BF566" s="80">
        <f t="shared" si="109"/>
        <v>0</v>
      </c>
      <c r="BG566" s="76"/>
      <c r="BH566" s="487" t="str">
        <f t="shared" si="118"/>
        <v/>
      </c>
      <c r="BI566" s="487" t="str">
        <f t="shared" si="118"/>
        <v/>
      </c>
      <c r="BJ566" s="487" t="str">
        <f t="shared" si="118"/>
        <v/>
      </c>
      <c r="BK566" s="487" t="str">
        <f t="shared" si="118"/>
        <v/>
      </c>
      <c r="BL566" s="487" t="str">
        <f t="shared" si="118"/>
        <v/>
      </c>
      <c r="BM566" s="487" t="str">
        <f t="shared" si="118"/>
        <v/>
      </c>
      <c r="BN566" s="487" t="str">
        <f t="shared" si="118"/>
        <v/>
      </c>
      <c r="BO566" s="487" t="str">
        <f t="shared" si="118"/>
        <v/>
      </c>
      <c r="BP566" s="487" t="str">
        <f t="shared" si="118"/>
        <v/>
      </c>
      <c r="BQ566" s="487" t="str">
        <f t="shared" si="118"/>
        <v/>
      </c>
      <c r="BR566" s="487" t="str">
        <f t="shared" si="118"/>
        <v/>
      </c>
      <c r="BS566" s="487" t="str">
        <f t="shared" si="118"/>
        <v/>
      </c>
      <c r="BT566" s="487" t="str">
        <f t="shared" si="118"/>
        <v/>
      </c>
      <c r="BU566" s="487" t="str">
        <f t="shared" si="118"/>
        <v/>
      </c>
      <c r="BV566" s="487" t="str">
        <f t="shared" si="118"/>
        <v/>
      </c>
      <c r="BW566" s="487" t="str">
        <f t="shared" si="117"/>
        <v/>
      </c>
      <c r="BX566" s="487" t="str">
        <f t="shared" si="116"/>
        <v/>
      </c>
      <c r="BY566" s="487" t="str">
        <f t="shared" si="116"/>
        <v/>
      </c>
      <c r="BZ566" s="487" t="str">
        <f t="shared" si="116"/>
        <v/>
      </c>
      <c r="CA566" s="487" t="str">
        <f t="shared" ref="CA566:CI567" si="119">IF(AT566="yes",(AT$2*$BG566),"")</f>
        <v/>
      </c>
      <c r="CB566" s="487" t="str">
        <f t="shared" si="119"/>
        <v/>
      </c>
      <c r="CC566" s="487" t="str">
        <f t="shared" si="119"/>
        <v/>
      </c>
      <c r="CD566" s="487" t="str">
        <f t="shared" si="119"/>
        <v/>
      </c>
      <c r="CE566" s="487" t="str">
        <f t="shared" si="119"/>
        <v/>
      </c>
      <c r="CF566" s="487" t="str">
        <f t="shared" si="119"/>
        <v/>
      </c>
      <c r="CG566" s="487" t="str">
        <f t="shared" si="119"/>
        <v/>
      </c>
      <c r="CH566" s="487" t="str">
        <f t="shared" si="119"/>
        <v/>
      </c>
      <c r="CI566" s="487" t="str">
        <f t="shared" si="119"/>
        <v/>
      </c>
      <c r="CJ566" s="487" t="str">
        <f t="shared" si="114"/>
        <v/>
      </c>
      <c r="CK566" s="487" t="str">
        <f t="shared" si="114"/>
        <v/>
      </c>
      <c r="CL566" s="487" t="str">
        <f t="shared" si="114"/>
        <v/>
      </c>
      <c r="CM566" s="487"/>
      <c r="CN566" s="487"/>
      <c r="CO566" s="487"/>
      <c r="CP566" s="487"/>
      <c r="CQ566" s="487"/>
      <c r="CR566" s="487"/>
      <c r="CS566" s="487"/>
      <c r="CT566" s="487"/>
      <c r="CU566" s="487"/>
      <c r="CV566" s="487"/>
      <c r="CW566" s="487"/>
      <c r="CX566" s="487"/>
      <c r="CY566" s="487"/>
      <c r="CZ566" s="487"/>
      <c r="DA566" s="487"/>
      <c r="DB566" s="487"/>
      <c r="DC566" s="487"/>
      <c r="DD566" s="487"/>
      <c r="DE566" s="487"/>
      <c r="DF566" s="487"/>
      <c r="DG566" s="487"/>
      <c r="DH566" s="487"/>
      <c r="DI566" s="510"/>
      <c r="DJ566" s="510"/>
      <c r="DK566" s="510"/>
    </row>
    <row r="567" spans="1:115" s="521" customFormat="1" ht="90" hidden="1" customHeight="1" x14ac:dyDescent="0.2">
      <c r="A567" s="510"/>
      <c r="B567" s="510"/>
      <c r="C567" s="481">
        <v>688</v>
      </c>
      <c r="D567" s="481"/>
      <c r="E567" s="481" t="s">
        <v>2481</v>
      </c>
      <c r="F567" s="482" t="s">
        <v>53</v>
      </c>
      <c r="G567" s="482" t="s">
        <v>655</v>
      </c>
      <c r="H567" s="500" t="s">
        <v>830</v>
      </c>
      <c r="I567" s="501" t="s">
        <v>854</v>
      </c>
      <c r="J567" s="501" t="s">
        <v>855</v>
      </c>
      <c r="K567" s="501"/>
      <c r="L567" s="77" t="s">
        <v>58</v>
      </c>
      <c r="M567" s="501" t="s">
        <v>27</v>
      </c>
      <c r="N567" s="501"/>
      <c r="O567" s="501" t="s">
        <v>81</v>
      </c>
      <c r="P567" s="77" t="s">
        <v>77</v>
      </c>
      <c r="Q567" s="77"/>
      <c r="R567" s="500" t="s">
        <v>834</v>
      </c>
      <c r="S567" s="76" t="s">
        <v>63</v>
      </c>
      <c r="T567" s="76" t="s">
        <v>63</v>
      </c>
      <c r="U567" s="502">
        <v>370629.1875</v>
      </c>
      <c r="V567" s="502"/>
      <c r="W567" s="510" t="s">
        <v>839</v>
      </c>
      <c r="X567" s="510"/>
      <c r="Y567" s="503">
        <f>U567</f>
        <v>370629.1875</v>
      </c>
      <c r="Z567" s="510" t="s">
        <v>853</v>
      </c>
      <c r="AA567" s="76"/>
      <c r="AB567" s="76"/>
      <c r="AC567" s="76"/>
      <c r="AD567" s="76"/>
      <c r="AE567" s="76"/>
      <c r="AF567" s="76"/>
      <c r="AG567" s="76"/>
      <c r="AH567" s="76"/>
      <c r="AI567" s="76"/>
      <c r="AJ567" s="76"/>
      <c r="AK567" s="487"/>
      <c r="AL567" s="76"/>
      <c r="AM567" s="76"/>
      <c r="AN567" s="76"/>
      <c r="AO567" s="76"/>
      <c r="AP567" s="76"/>
      <c r="AQ567" s="76"/>
      <c r="AR567" s="76"/>
      <c r="AS567" s="76"/>
      <c r="AT567" s="76"/>
      <c r="AU567" s="76"/>
      <c r="AV567" s="76"/>
      <c r="AW567" s="76"/>
      <c r="AX567" s="76"/>
      <c r="AY567" s="76"/>
      <c r="AZ567" s="76"/>
      <c r="BA567" s="76"/>
      <c r="BB567" s="76"/>
      <c r="BC567" s="76"/>
      <c r="BD567" s="76"/>
      <c r="BE567" s="76"/>
      <c r="BF567" s="80">
        <f t="shared" si="109"/>
        <v>0</v>
      </c>
      <c r="BG567" s="76"/>
      <c r="BH567" s="487" t="str">
        <f t="shared" si="118"/>
        <v/>
      </c>
      <c r="BI567" s="487" t="str">
        <f t="shared" si="118"/>
        <v/>
      </c>
      <c r="BJ567" s="487" t="str">
        <f t="shared" si="118"/>
        <v/>
      </c>
      <c r="BK567" s="487" t="str">
        <f t="shared" si="118"/>
        <v/>
      </c>
      <c r="BL567" s="487" t="str">
        <f t="shared" si="118"/>
        <v/>
      </c>
      <c r="BM567" s="487" t="str">
        <f t="shared" si="118"/>
        <v/>
      </c>
      <c r="BN567" s="487" t="str">
        <f t="shared" si="118"/>
        <v/>
      </c>
      <c r="BO567" s="487" t="str">
        <f t="shared" si="118"/>
        <v/>
      </c>
      <c r="BP567" s="487" t="str">
        <f t="shared" si="118"/>
        <v/>
      </c>
      <c r="BQ567" s="487" t="str">
        <f t="shared" si="118"/>
        <v/>
      </c>
      <c r="BR567" s="487" t="str">
        <f t="shared" si="118"/>
        <v/>
      </c>
      <c r="BS567" s="487" t="str">
        <f t="shared" si="118"/>
        <v/>
      </c>
      <c r="BT567" s="487" t="str">
        <f t="shared" si="118"/>
        <v/>
      </c>
      <c r="BU567" s="487" t="str">
        <f t="shared" si="118"/>
        <v/>
      </c>
      <c r="BV567" s="487" t="str">
        <f t="shared" si="118"/>
        <v/>
      </c>
      <c r="BW567" s="487" t="str">
        <f t="shared" si="117"/>
        <v/>
      </c>
      <c r="BX567" s="487" t="str">
        <f t="shared" si="117"/>
        <v/>
      </c>
      <c r="BY567" s="487" t="str">
        <f t="shared" si="117"/>
        <v/>
      </c>
      <c r="BZ567" s="487" t="str">
        <f t="shared" si="117"/>
        <v/>
      </c>
      <c r="CA567" s="487" t="str">
        <f t="shared" si="119"/>
        <v/>
      </c>
      <c r="CB567" s="487" t="str">
        <f t="shared" si="119"/>
        <v/>
      </c>
      <c r="CC567" s="487" t="str">
        <f t="shared" si="119"/>
        <v/>
      </c>
      <c r="CD567" s="487" t="str">
        <f t="shared" si="119"/>
        <v/>
      </c>
      <c r="CE567" s="487" t="str">
        <f t="shared" si="119"/>
        <v/>
      </c>
      <c r="CF567" s="487" t="str">
        <f t="shared" si="119"/>
        <v/>
      </c>
      <c r="CG567" s="487" t="str">
        <f t="shared" si="119"/>
        <v/>
      </c>
      <c r="CH567" s="487" t="str">
        <f t="shared" si="119"/>
        <v/>
      </c>
      <c r="CI567" s="487" t="str">
        <f t="shared" si="119"/>
        <v/>
      </c>
      <c r="CJ567" s="487" t="str">
        <f t="shared" si="114"/>
        <v/>
      </c>
      <c r="CK567" s="487" t="str">
        <f t="shared" si="114"/>
        <v/>
      </c>
      <c r="CL567" s="487" t="str">
        <f t="shared" si="114"/>
        <v/>
      </c>
      <c r="CM567" s="487"/>
      <c r="CN567" s="487"/>
      <c r="CO567" s="487"/>
      <c r="CP567" s="487"/>
      <c r="CQ567" s="487"/>
      <c r="CR567" s="487"/>
      <c r="CS567" s="487"/>
      <c r="CT567" s="487"/>
      <c r="CU567" s="487"/>
      <c r="CV567" s="487"/>
      <c r="CW567" s="487"/>
      <c r="CX567" s="487"/>
      <c r="CY567" s="487"/>
      <c r="CZ567" s="487"/>
      <c r="DA567" s="487"/>
      <c r="DB567" s="487"/>
      <c r="DC567" s="487"/>
      <c r="DD567" s="487"/>
      <c r="DE567" s="487"/>
      <c r="DF567" s="487"/>
      <c r="DG567" s="487"/>
      <c r="DH567" s="487"/>
      <c r="DI567" s="76"/>
      <c r="DJ567" s="76"/>
      <c r="DK567" s="504"/>
    </row>
    <row r="568" spans="1:115" ht="51" hidden="1" customHeight="1" x14ac:dyDescent="0.2">
      <c r="A568" s="510"/>
      <c r="B568" s="510"/>
      <c r="C568" s="511">
        <v>3</v>
      </c>
      <c r="D568" s="511"/>
      <c r="E568" s="511" t="s">
        <v>2182</v>
      </c>
      <c r="F568" s="512" t="s">
        <v>1385</v>
      </c>
      <c r="G568" s="512" t="s">
        <v>54</v>
      </c>
      <c r="H568" s="513" t="s">
        <v>2498</v>
      </c>
      <c r="I568" s="513" t="s">
        <v>2213</v>
      </c>
      <c r="J568" s="513" t="s">
        <v>2193</v>
      </c>
      <c r="K568" s="513" t="s">
        <v>2186</v>
      </c>
      <c r="L568" s="513" t="s">
        <v>254</v>
      </c>
      <c r="M568" s="513" t="s">
        <v>59</v>
      </c>
      <c r="N568" s="513"/>
      <c r="O568" s="513" t="s">
        <v>543</v>
      </c>
      <c r="P568" s="513" t="s">
        <v>61</v>
      </c>
      <c r="Q568" s="513"/>
      <c r="R568" s="515" t="s">
        <v>2195</v>
      </c>
      <c r="S568" s="515" t="s">
        <v>63</v>
      </c>
      <c r="T568" s="515" t="s">
        <v>63</v>
      </c>
      <c r="U568" s="516">
        <v>17719763</v>
      </c>
      <c r="V568" s="516"/>
      <c r="W568" s="516" t="s">
        <v>2188</v>
      </c>
      <c r="X568" s="516"/>
      <c r="Y568" s="516">
        <v>17719763</v>
      </c>
      <c r="Z568" s="516" t="s">
        <v>65</v>
      </c>
      <c r="AA568" s="516"/>
      <c r="AB568" s="516"/>
      <c r="AC568" s="516"/>
      <c r="AD568" s="516"/>
      <c r="AE568" s="516"/>
      <c r="AF568" s="516"/>
      <c r="AG568" s="516"/>
      <c r="AH568" s="516"/>
      <c r="AI568" s="516"/>
      <c r="AJ568" s="516"/>
      <c r="AK568" s="516"/>
      <c r="AL568" s="516"/>
      <c r="AM568" s="516"/>
      <c r="AN568" s="516"/>
      <c r="AO568" s="516"/>
      <c r="AP568" s="516"/>
      <c r="AQ568" s="516"/>
      <c r="AR568" s="516"/>
      <c r="AS568" s="516"/>
      <c r="AT568" s="516"/>
      <c r="AU568" s="516"/>
      <c r="AV568" s="516"/>
      <c r="AW568" s="516"/>
      <c r="AX568" s="516"/>
      <c r="AY568" s="516"/>
      <c r="AZ568" s="516"/>
      <c r="BA568" s="516"/>
      <c r="BB568" s="516"/>
      <c r="BC568" s="516"/>
      <c r="BD568" s="516"/>
      <c r="BE568" s="516"/>
      <c r="BF568" s="516"/>
      <c r="BG568" s="516"/>
      <c r="BH568" s="516"/>
      <c r="BI568" s="516"/>
      <c r="BJ568" s="516"/>
      <c r="BK568" s="516"/>
      <c r="BL568" s="516"/>
      <c r="BM568" s="516"/>
      <c r="BN568" s="516"/>
      <c r="BO568" s="516"/>
      <c r="BP568" s="516"/>
      <c r="BQ568" s="516"/>
      <c r="BR568" s="516"/>
      <c r="BS568" s="516"/>
      <c r="BT568" s="516"/>
      <c r="BU568" s="516"/>
      <c r="BV568" s="516"/>
      <c r="BW568" s="516"/>
      <c r="BX568" s="516"/>
      <c r="BY568" s="516"/>
      <c r="BZ568" s="516"/>
      <c r="CA568" s="516"/>
      <c r="CB568" s="516"/>
      <c r="CC568" s="516"/>
      <c r="CD568" s="516"/>
      <c r="CE568" s="516"/>
      <c r="CF568" s="516"/>
      <c r="CG568" s="516"/>
      <c r="CH568" s="516"/>
      <c r="CI568" s="516"/>
      <c r="CJ568" s="516"/>
      <c r="CK568" s="516"/>
      <c r="CL568" s="516"/>
      <c r="CM568" s="516"/>
      <c r="CN568" s="516"/>
      <c r="CO568" s="516"/>
      <c r="CP568" s="516"/>
      <c r="CQ568" s="516"/>
      <c r="CR568" s="516"/>
      <c r="CS568" s="516"/>
      <c r="CT568" s="516"/>
      <c r="CU568" s="516" t="s">
        <v>2190</v>
      </c>
      <c r="CV568" s="516"/>
      <c r="CW568" s="516"/>
      <c r="CX568" s="516"/>
      <c r="CY568" s="516"/>
      <c r="CZ568" s="516"/>
      <c r="DA568" s="516"/>
      <c r="DB568" s="516"/>
      <c r="DC568" s="516"/>
      <c r="DD568" s="516"/>
      <c r="DE568" s="516"/>
      <c r="DF568" s="516"/>
      <c r="DG568" s="516"/>
      <c r="DH568" s="516"/>
      <c r="DI568" s="513" t="s">
        <v>2196</v>
      </c>
      <c r="DJ568" s="516"/>
      <c r="DK568" s="522" t="s">
        <v>2197</v>
      </c>
    </row>
    <row r="569" spans="1:115" ht="56.25" hidden="1" customHeight="1" x14ac:dyDescent="0.2">
      <c r="A569" s="510"/>
      <c r="B569" s="510"/>
      <c r="C569" s="511">
        <v>4</v>
      </c>
      <c r="D569" s="511"/>
      <c r="E569" s="511" t="s">
        <v>2182</v>
      </c>
      <c r="F569" s="512" t="s">
        <v>1385</v>
      </c>
      <c r="G569" s="512" t="s">
        <v>54</v>
      </c>
      <c r="H569" s="513" t="s">
        <v>2498</v>
      </c>
      <c r="I569" s="513" t="s">
        <v>2192</v>
      </c>
      <c r="J569" s="513" t="s">
        <v>2193</v>
      </c>
      <c r="K569" s="513" t="s">
        <v>2186</v>
      </c>
      <c r="L569" s="513" t="s">
        <v>254</v>
      </c>
      <c r="M569" s="513" t="s">
        <v>2194</v>
      </c>
      <c r="N569" s="513"/>
      <c r="O569" s="513" t="s">
        <v>543</v>
      </c>
      <c r="P569" s="513" t="s">
        <v>61</v>
      </c>
      <c r="Q569" s="513"/>
      <c r="R569" s="515" t="s">
        <v>2195</v>
      </c>
      <c r="S569" s="515" t="s">
        <v>63</v>
      </c>
      <c r="T569" s="515" t="s">
        <v>63</v>
      </c>
      <c r="U569" s="516">
        <v>17719763</v>
      </c>
      <c r="V569" s="516"/>
      <c r="W569" s="516" t="s">
        <v>2188</v>
      </c>
      <c r="X569" s="516"/>
      <c r="Y569" s="516">
        <v>17719763</v>
      </c>
      <c r="Z569" s="516" t="s">
        <v>65</v>
      </c>
      <c r="AA569" s="516"/>
      <c r="AB569" s="516"/>
      <c r="AC569" s="516"/>
      <c r="AD569" s="516"/>
      <c r="AE569" s="516"/>
      <c r="AF569" s="516"/>
      <c r="AG569" s="516"/>
      <c r="AH569" s="516"/>
      <c r="AI569" s="516"/>
      <c r="AJ569" s="516"/>
      <c r="AK569" s="516"/>
      <c r="AL569" s="516"/>
      <c r="AM569" s="516"/>
      <c r="AN569" s="516"/>
      <c r="AO569" s="516"/>
      <c r="AP569" s="516"/>
      <c r="AQ569" s="516"/>
      <c r="AR569" s="516"/>
      <c r="AS569" s="516"/>
      <c r="AT569" s="516"/>
      <c r="AU569" s="516"/>
      <c r="AV569" s="516"/>
      <c r="AW569" s="516"/>
      <c r="AX569" s="516"/>
      <c r="AY569" s="516"/>
      <c r="AZ569" s="516"/>
      <c r="BA569" s="516"/>
      <c r="BB569" s="516"/>
      <c r="BC569" s="516"/>
      <c r="BD569" s="516"/>
      <c r="BE569" s="516"/>
      <c r="BF569" s="516"/>
      <c r="BG569" s="516"/>
      <c r="BH569" s="516"/>
      <c r="BI569" s="516"/>
      <c r="BJ569" s="516"/>
      <c r="BK569" s="516"/>
      <c r="BL569" s="516"/>
      <c r="BM569" s="516"/>
      <c r="BN569" s="516"/>
      <c r="BO569" s="516"/>
      <c r="BP569" s="516"/>
      <c r="BQ569" s="516"/>
      <c r="BR569" s="516"/>
      <c r="BS569" s="516"/>
      <c r="BT569" s="516"/>
      <c r="BU569" s="516"/>
      <c r="BV569" s="516"/>
      <c r="BW569" s="516"/>
      <c r="BX569" s="516"/>
      <c r="BY569" s="516"/>
      <c r="BZ569" s="516"/>
      <c r="CA569" s="516"/>
      <c r="CB569" s="516"/>
      <c r="CC569" s="516"/>
      <c r="CD569" s="516"/>
      <c r="CE569" s="516"/>
      <c r="CF569" s="516"/>
      <c r="CG569" s="516"/>
      <c r="CH569" s="516"/>
      <c r="CI569" s="516"/>
      <c r="CJ569" s="516"/>
      <c r="CK569" s="516"/>
      <c r="CL569" s="516"/>
      <c r="CM569" s="516"/>
      <c r="CN569" s="516"/>
      <c r="CO569" s="516"/>
      <c r="CP569" s="516"/>
      <c r="CQ569" s="516"/>
      <c r="CR569" s="516"/>
      <c r="CS569" s="516"/>
      <c r="CT569" s="516"/>
      <c r="CU569" s="516"/>
      <c r="CV569" s="516" t="s">
        <v>2190</v>
      </c>
      <c r="CW569" s="516"/>
      <c r="CX569" s="516"/>
      <c r="CY569" s="516"/>
      <c r="CZ569" s="516"/>
      <c r="DA569" s="516"/>
      <c r="DB569" s="516"/>
      <c r="DC569" s="516"/>
      <c r="DD569" s="516"/>
      <c r="DE569" s="516"/>
      <c r="DF569" s="516"/>
      <c r="DG569" s="516"/>
      <c r="DH569" s="516"/>
      <c r="DI569" s="513" t="s">
        <v>2196</v>
      </c>
      <c r="DJ569" s="516"/>
      <c r="DK569" s="522" t="s">
        <v>2197</v>
      </c>
    </row>
    <row r="570" spans="1:115" ht="28.5" hidden="1" customHeight="1" x14ac:dyDescent="0.2">
      <c r="A570" s="510"/>
      <c r="B570" s="510"/>
      <c r="C570" s="511">
        <v>5</v>
      </c>
      <c r="D570" s="511"/>
      <c r="E570" s="511" t="s">
        <v>2182</v>
      </c>
      <c r="F570" s="512" t="s">
        <v>1385</v>
      </c>
      <c r="G570" s="512" t="s">
        <v>54</v>
      </c>
      <c r="H570" s="513" t="s">
        <v>2499</v>
      </c>
      <c r="I570" s="513" t="s">
        <v>2198</v>
      </c>
      <c r="J570" s="513" t="s">
        <v>2199</v>
      </c>
      <c r="K570" s="513" t="s">
        <v>2200</v>
      </c>
      <c r="L570" s="513" t="s">
        <v>254</v>
      </c>
      <c r="M570" s="513" t="s">
        <v>2201</v>
      </c>
      <c r="N570" s="513"/>
      <c r="O570" s="513" t="s">
        <v>543</v>
      </c>
      <c r="P570" s="513" t="s">
        <v>61</v>
      </c>
      <c r="Q570" s="513"/>
      <c r="R570" s="515" t="s">
        <v>2202</v>
      </c>
      <c r="S570" s="515" t="s">
        <v>63</v>
      </c>
      <c r="T570" s="515" t="s">
        <v>63</v>
      </c>
      <c r="U570" s="516">
        <v>48849715</v>
      </c>
      <c r="V570" s="516"/>
      <c r="W570" s="516" t="s">
        <v>2188</v>
      </c>
      <c r="X570" s="516"/>
      <c r="Y570" s="516">
        <v>48849715</v>
      </c>
      <c r="Z570" s="516" t="s">
        <v>65</v>
      </c>
      <c r="AA570" s="516"/>
      <c r="AB570" s="516"/>
      <c r="AC570" s="516"/>
      <c r="AD570" s="516"/>
      <c r="AE570" s="516"/>
      <c r="AF570" s="516"/>
      <c r="AG570" s="516"/>
      <c r="AH570" s="516"/>
      <c r="AI570" s="516"/>
      <c r="AJ570" s="516"/>
      <c r="AK570" s="516"/>
      <c r="AL570" s="516"/>
      <c r="AM570" s="516"/>
      <c r="AN570" s="516"/>
      <c r="AO570" s="516"/>
      <c r="AP570" s="516"/>
      <c r="AQ570" s="516"/>
      <c r="AR570" s="516"/>
      <c r="AS570" s="516"/>
      <c r="AT570" s="516"/>
      <c r="AU570" s="516"/>
      <c r="AV570" s="516"/>
      <c r="AW570" s="516"/>
      <c r="AX570" s="516"/>
      <c r="AY570" s="516"/>
      <c r="AZ570" s="516"/>
      <c r="BA570" s="516"/>
      <c r="BB570" s="516"/>
      <c r="BC570" s="516"/>
      <c r="BD570" s="516"/>
      <c r="BE570" s="516"/>
      <c r="BF570" s="516"/>
      <c r="BG570" s="516"/>
      <c r="BH570" s="516"/>
      <c r="BI570" s="516"/>
      <c r="BJ570" s="516"/>
      <c r="BK570" s="516"/>
      <c r="BL570" s="516"/>
      <c r="BM570" s="516"/>
      <c r="BN570" s="516"/>
      <c r="BO570" s="516"/>
      <c r="BP570" s="516"/>
      <c r="BQ570" s="516"/>
      <c r="BR570" s="516"/>
      <c r="BS570" s="516"/>
      <c r="BT570" s="516"/>
      <c r="BU570" s="516"/>
      <c r="BV570" s="516"/>
      <c r="BW570" s="516"/>
      <c r="BX570" s="516"/>
      <c r="BY570" s="516"/>
      <c r="BZ570" s="516"/>
      <c r="CA570" s="516"/>
      <c r="CB570" s="516"/>
      <c r="CC570" s="516"/>
      <c r="CD570" s="516"/>
      <c r="CE570" s="516"/>
      <c r="CF570" s="516"/>
      <c r="CG570" s="516"/>
      <c r="CH570" s="516"/>
      <c r="CI570" s="516"/>
      <c r="CJ570" s="516"/>
      <c r="CK570" s="516"/>
      <c r="CL570" s="516"/>
      <c r="CM570" s="516"/>
      <c r="CN570" s="516"/>
      <c r="CO570" s="516"/>
      <c r="CP570" s="516"/>
      <c r="CQ570" s="516"/>
      <c r="CR570" s="516"/>
      <c r="CS570" s="516"/>
      <c r="CT570" s="516"/>
      <c r="CU570" s="516"/>
      <c r="CV570" s="516" t="s">
        <v>2190</v>
      </c>
      <c r="CW570" s="516"/>
      <c r="CX570" s="516"/>
      <c r="CY570" s="516"/>
      <c r="CZ570" s="516"/>
      <c r="DA570" s="516"/>
      <c r="DB570" s="516"/>
      <c r="DC570" s="516"/>
      <c r="DD570" s="516"/>
      <c r="DE570" s="516"/>
      <c r="DF570" s="516"/>
      <c r="DG570" s="516"/>
      <c r="DH570" s="516"/>
      <c r="DI570" s="513" t="s">
        <v>2196</v>
      </c>
      <c r="DJ570" s="516"/>
      <c r="DK570" s="522" t="s">
        <v>2197</v>
      </c>
    </row>
    <row r="571" spans="1:115" ht="56.1" hidden="1" customHeight="1" x14ac:dyDescent="0.2">
      <c r="A571" s="510"/>
      <c r="B571" s="510"/>
      <c r="C571" s="511">
        <v>10</v>
      </c>
      <c r="D571" s="511"/>
      <c r="E571" s="511" t="s">
        <v>2182</v>
      </c>
      <c r="F571" s="512" t="s">
        <v>1385</v>
      </c>
      <c r="G571" s="512" t="s">
        <v>54</v>
      </c>
      <c r="H571" s="513" t="s">
        <v>2498</v>
      </c>
      <c r="I571" s="513" t="s">
        <v>2203</v>
      </c>
      <c r="J571" s="513" t="s">
        <v>2204</v>
      </c>
      <c r="K571" s="513" t="s">
        <v>2205</v>
      </c>
      <c r="L571" s="513" t="s">
        <v>254</v>
      </c>
      <c r="M571" s="513" t="s">
        <v>2206</v>
      </c>
      <c r="N571" s="513"/>
      <c r="O571" s="513" t="s">
        <v>543</v>
      </c>
      <c r="P571" s="513" t="s">
        <v>61</v>
      </c>
      <c r="Q571" s="513"/>
      <c r="R571" s="515" t="s">
        <v>2202</v>
      </c>
      <c r="S571" s="515" t="s">
        <v>63</v>
      </c>
      <c r="T571" s="515" t="s">
        <v>63</v>
      </c>
      <c r="U571" s="516">
        <v>29532938</v>
      </c>
      <c r="V571" s="516"/>
      <c r="W571" s="516" t="s">
        <v>2188</v>
      </c>
      <c r="X571" s="516"/>
      <c r="Y571" s="516">
        <v>29532938</v>
      </c>
      <c r="Z571" s="516" t="s">
        <v>65</v>
      </c>
      <c r="AA571" s="516"/>
      <c r="AB571" s="516"/>
      <c r="AC571" s="516"/>
      <c r="AD571" s="516"/>
      <c r="AE571" s="516"/>
      <c r="AF571" s="516"/>
      <c r="AG571" s="516"/>
      <c r="AH571" s="516"/>
      <c r="AI571" s="516"/>
      <c r="AJ571" s="516"/>
      <c r="AK571" s="516"/>
      <c r="AL571" s="516"/>
      <c r="AM571" s="516"/>
      <c r="AN571" s="516"/>
      <c r="AO571" s="516"/>
      <c r="AP571" s="516"/>
      <c r="AQ571" s="516"/>
      <c r="AR571" s="516"/>
      <c r="AS571" s="516"/>
      <c r="AT571" s="516"/>
      <c r="AU571" s="516"/>
      <c r="AV571" s="516"/>
      <c r="AW571" s="516"/>
      <c r="AX571" s="516"/>
      <c r="AY571" s="516"/>
      <c r="AZ571" s="516"/>
      <c r="BA571" s="516"/>
      <c r="BB571" s="516"/>
      <c r="BC571" s="516"/>
      <c r="BD571" s="516"/>
      <c r="BE571" s="516"/>
      <c r="BF571" s="516"/>
      <c r="BG571" s="516"/>
      <c r="BH571" s="516"/>
      <c r="BI571" s="516"/>
      <c r="BJ571" s="516"/>
      <c r="BK571" s="516"/>
      <c r="BL571" s="516"/>
      <c r="BM571" s="516"/>
      <c r="BN571" s="516"/>
      <c r="BO571" s="516"/>
      <c r="BP571" s="516"/>
      <c r="BQ571" s="516"/>
      <c r="BR571" s="516"/>
      <c r="BS571" s="516"/>
      <c r="BT571" s="516"/>
      <c r="BU571" s="516"/>
      <c r="BV571" s="516"/>
      <c r="BW571" s="516"/>
      <c r="BX571" s="516"/>
      <c r="BY571" s="516"/>
      <c r="BZ571" s="516"/>
      <c r="CA571" s="516"/>
      <c r="CB571" s="516"/>
      <c r="CC571" s="516"/>
      <c r="CD571" s="516"/>
      <c r="CE571" s="516"/>
      <c r="CF571" s="516"/>
      <c r="CG571" s="516"/>
      <c r="CH571" s="516"/>
      <c r="CI571" s="516"/>
      <c r="CJ571" s="516"/>
      <c r="CK571" s="516"/>
      <c r="CL571" s="516"/>
      <c r="CM571" s="516"/>
      <c r="CN571" s="516"/>
      <c r="CO571" s="516"/>
      <c r="CP571" s="516"/>
      <c r="CQ571" s="516"/>
      <c r="CR571" s="516"/>
      <c r="CS571" s="516"/>
      <c r="CT571" s="516"/>
      <c r="CU571" s="516"/>
      <c r="CV571" s="516"/>
      <c r="CW571" s="516" t="s">
        <v>2190</v>
      </c>
      <c r="CX571" s="516"/>
      <c r="CY571" s="516"/>
      <c r="CZ571" s="516"/>
      <c r="DA571" s="516"/>
      <c r="DB571" s="516"/>
      <c r="DC571" s="516"/>
      <c r="DD571" s="516"/>
      <c r="DE571" s="516"/>
      <c r="DF571" s="516"/>
      <c r="DG571" s="516"/>
      <c r="DH571" s="516"/>
      <c r="DI571" s="513" t="s">
        <v>2196</v>
      </c>
      <c r="DJ571" s="516"/>
      <c r="DK571" s="522" t="s">
        <v>2197</v>
      </c>
    </row>
    <row r="572" spans="1:115" ht="56.1" hidden="1" customHeight="1" x14ac:dyDescent="0.2">
      <c r="A572" s="499" t="s">
        <v>2337</v>
      </c>
      <c r="B572" s="494" t="s">
        <v>2208</v>
      </c>
      <c r="C572" s="511">
        <v>13</v>
      </c>
      <c r="D572" s="511"/>
      <c r="E572" s="511" t="s">
        <v>2182</v>
      </c>
      <c r="F572" s="512" t="s">
        <v>1385</v>
      </c>
      <c r="G572" s="512" t="s">
        <v>54</v>
      </c>
      <c r="H572" s="513" t="s">
        <v>2499</v>
      </c>
      <c r="I572" s="513" t="s">
        <v>1386</v>
      </c>
      <c r="J572" s="514" t="s">
        <v>2209</v>
      </c>
      <c r="K572" s="513" t="s">
        <v>2205</v>
      </c>
      <c r="L572" s="513" t="s">
        <v>2210</v>
      </c>
      <c r="M572" s="513" t="s">
        <v>2211</v>
      </c>
      <c r="N572" s="513"/>
      <c r="O572" s="513" t="s">
        <v>81</v>
      </c>
      <c r="P572" s="513" t="s">
        <v>61</v>
      </c>
      <c r="Q572" s="513"/>
      <c r="R572" s="515" t="s">
        <v>2202</v>
      </c>
      <c r="S572" s="516">
        <v>48849715</v>
      </c>
      <c r="T572" s="516">
        <v>55133760</v>
      </c>
      <c r="U572" s="516">
        <v>51991737.5</v>
      </c>
      <c r="V572" s="516"/>
      <c r="W572" s="516" t="s">
        <v>2188</v>
      </c>
      <c r="X572" s="516"/>
      <c r="Y572" s="516">
        <v>51991737.5</v>
      </c>
      <c r="Z572" s="516" t="s">
        <v>65</v>
      </c>
      <c r="AA572" s="516"/>
      <c r="AB572" s="516"/>
      <c r="AC572" s="516"/>
      <c r="AD572" s="516"/>
      <c r="AE572" s="516"/>
      <c r="AF572" s="516"/>
      <c r="AG572" s="516"/>
      <c r="AH572" s="516"/>
      <c r="AI572" s="516"/>
      <c r="AJ572" s="516"/>
      <c r="AK572" s="516"/>
      <c r="AL572" s="516"/>
      <c r="AM572" s="516"/>
      <c r="AN572" s="516"/>
      <c r="AO572" s="516"/>
      <c r="AP572" s="516"/>
      <c r="AQ572" s="516"/>
      <c r="AR572" s="516"/>
      <c r="AS572" s="516"/>
      <c r="AT572" s="516"/>
      <c r="AU572" s="516"/>
      <c r="AV572" s="516"/>
      <c r="AW572" s="516"/>
      <c r="AX572" s="516"/>
      <c r="AY572" s="516"/>
      <c r="AZ572" s="516"/>
      <c r="BA572" s="516"/>
      <c r="BB572" s="516"/>
      <c r="BC572" s="516"/>
      <c r="BD572" s="516"/>
      <c r="BE572" s="516"/>
      <c r="BF572" s="516"/>
      <c r="BG572" s="516"/>
      <c r="BH572" s="516"/>
      <c r="BI572" s="516"/>
      <c r="BJ572" s="516"/>
      <c r="BK572" s="516"/>
      <c r="BL572" s="516"/>
      <c r="BM572" s="516"/>
      <c r="BN572" s="516"/>
      <c r="BO572" s="516"/>
      <c r="BP572" s="516"/>
      <c r="BQ572" s="516"/>
      <c r="BR572" s="516"/>
      <c r="BS572" s="516"/>
      <c r="BT572" s="516"/>
      <c r="BU572" s="516"/>
      <c r="BV572" s="516"/>
      <c r="BW572" s="516"/>
      <c r="BX572" s="516"/>
      <c r="BY572" s="516"/>
      <c r="BZ572" s="516"/>
      <c r="CA572" s="516"/>
      <c r="CB572" s="516"/>
      <c r="CC572" s="516"/>
      <c r="CD572" s="516"/>
      <c r="CE572" s="516"/>
      <c r="CF572" s="516"/>
      <c r="CG572" s="516"/>
      <c r="CH572" s="516"/>
      <c r="CI572" s="516"/>
      <c r="CJ572" s="516"/>
      <c r="CK572" s="516"/>
      <c r="CL572" s="516"/>
      <c r="CM572" s="516"/>
      <c r="CN572" s="516"/>
      <c r="CO572" s="516"/>
      <c r="CP572" s="516"/>
      <c r="CQ572" s="516"/>
      <c r="CR572" s="516"/>
      <c r="CS572" s="516"/>
      <c r="CT572" s="516"/>
      <c r="CU572" s="516"/>
      <c r="CV572" s="516"/>
      <c r="CW572" s="516"/>
      <c r="CX572" s="516"/>
      <c r="CY572" s="516"/>
      <c r="CZ572" s="516"/>
      <c r="DA572" s="516"/>
      <c r="DB572" s="516"/>
      <c r="DC572" s="516"/>
      <c r="DD572" s="516"/>
      <c r="DE572" s="516"/>
      <c r="DF572" s="516"/>
      <c r="DG572" s="516"/>
      <c r="DH572" s="516"/>
      <c r="DI572" s="513" t="s">
        <v>2196</v>
      </c>
      <c r="DJ572" s="516"/>
      <c r="DK572" s="522" t="s">
        <v>2197</v>
      </c>
    </row>
    <row r="573" spans="1:115" ht="56.1" hidden="1" customHeight="1" x14ac:dyDescent="0.2">
      <c r="A573" s="499" t="s">
        <v>2214</v>
      </c>
      <c r="B573" s="494" t="s">
        <v>2216</v>
      </c>
      <c r="C573" s="511">
        <v>17</v>
      </c>
      <c r="D573" s="511"/>
      <c r="E573" s="511" t="s">
        <v>2182</v>
      </c>
      <c r="F573" s="512" t="s">
        <v>1385</v>
      </c>
      <c r="G573" s="512" t="s">
        <v>54</v>
      </c>
      <c r="H573" s="513" t="s">
        <v>1330</v>
      </c>
      <c r="I573" s="513" t="s">
        <v>120</v>
      </c>
      <c r="J573" s="514" t="s">
        <v>121</v>
      </c>
      <c r="K573" s="513" t="s">
        <v>253</v>
      </c>
      <c r="L573" s="513" t="s">
        <v>2217</v>
      </c>
      <c r="M573" s="513" t="s">
        <v>63</v>
      </c>
      <c r="N573" s="513"/>
      <c r="O573" s="513" t="s">
        <v>81</v>
      </c>
      <c r="P573" s="513" t="s">
        <v>61</v>
      </c>
      <c r="Q573" s="513"/>
      <c r="R573" s="515" t="s">
        <v>2195</v>
      </c>
      <c r="S573" s="515" t="s">
        <v>63</v>
      </c>
      <c r="T573" s="515" t="s">
        <v>63</v>
      </c>
      <c r="U573" s="516">
        <v>120000</v>
      </c>
      <c r="V573" s="516"/>
      <c r="W573" s="516" t="s">
        <v>2188</v>
      </c>
      <c r="X573" s="516"/>
      <c r="Y573" s="516">
        <v>120000</v>
      </c>
      <c r="Z573" s="516" t="s">
        <v>65</v>
      </c>
      <c r="AA573" s="516"/>
      <c r="AB573" s="516"/>
      <c r="AC573" s="516"/>
      <c r="AD573" s="516"/>
      <c r="AE573" s="516"/>
      <c r="AF573" s="516"/>
      <c r="AG573" s="516"/>
      <c r="AH573" s="516"/>
      <c r="AI573" s="516"/>
      <c r="AJ573" s="516"/>
      <c r="AK573" s="516"/>
      <c r="AL573" s="516"/>
      <c r="AM573" s="516"/>
      <c r="AN573" s="516"/>
      <c r="AO573" s="516"/>
      <c r="AP573" s="516"/>
      <c r="AQ573" s="516"/>
      <c r="AR573" s="516"/>
      <c r="AS573" s="516"/>
      <c r="AT573" s="516"/>
      <c r="AU573" s="516"/>
      <c r="AV573" s="516"/>
      <c r="AW573" s="516"/>
      <c r="AX573" s="516"/>
      <c r="AY573" s="516"/>
      <c r="AZ573" s="516"/>
      <c r="BA573" s="516"/>
      <c r="BB573" s="516"/>
      <c r="BC573" s="516"/>
      <c r="BD573" s="516"/>
      <c r="BE573" s="516"/>
      <c r="BF573" s="516"/>
      <c r="BG573" s="516"/>
      <c r="BH573" s="516"/>
      <c r="BI573" s="516"/>
      <c r="BJ573" s="516"/>
      <c r="BK573" s="516"/>
      <c r="BL573" s="516"/>
      <c r="BM573" s="516"/>
      <c r="BN573" s="516"/>
      <c r="BO573" s="516"/>
      <c r="BP573" s="516"/>
      <c r="BQ573" s="516"/>
      <c r="BR573" s="516"/>
      <c r="BS573" s="516"/>
      <c r="BT573" s="516"/>
      <c r="BU573" s="516"/>
      <c r="BV573" s="516"/>
      <c r="BW573" s="516"/>
      <c r="BX573" s="516"/>
      <c r="BY573" s="516"/>
      <c r="BZ573" s="516"/>
      <c r="CA573" s="516"/>
      <c r="CB573" s="516"/>
      <c r="CC573" s="516"/>
      <c r="CD573" s="516"/>
      <c r="CE573" s="516"/>
      <c r="CF573" s="516"/>
      <c r="CG573" s="516"/>
      <c r="CH573" s="516"/>
      <c r="CI573" s="516"/>
      <c r="CJ573" s="516"/>
      <c r="CK573" s="516"/>
      <c r="CL573" s="516"/>
      <c r="CM573" s="516"/>
      <c r="CN573" s="516"/>
      <c r="CO573" s="516"/>
      <c r="CP573" s="516"/>
      <c r="CQ573" s="516"/>
      <c r="CR573" s="516"/>
      <c r="CS573" s="516"/>
      <c r="CT573" s="516"/>
      <c r="CU573" s="516"/>
      <c r="CV573" s="516"/>
      <c r="CW573" s="516"/>
      <c r="CX573" s="516"/>
      <c r="CY573" s="516"/>
      <c r="CZ573" s="516"/>
      <c r="DA573" s="516"/>
      <c r="DB573" s="516"/>
      <c r="DC573" s="516"/>
      <c r="DD573" s="516"/>
      <c r="DE573" s="516"/>
      <c r="DF573" s="516"/>
      <c r="DG573" s="516"/>
      <c r="DH573" s="516"/>
      <c r="DI573" s="513" t="s">
        <v>2241</v>
      </c>
      <c r="DJ573" s="516"/>
      <c r="DK573" s="522" t="s">
        <v>2197</v>
      </c>
    </row>
    <row r="574" spans="1:115" ht="56.1" hidden="1" customHeight="1" x14ac:dyDescent="0.2">
      <c r="A574" s="499" t="s">
        <v>2214</v>
      </c>
      <c r="B574" s="494" t="s">
        <v>2216</v>
      </c>
      <c r="C574" s="511">
        <v>18</v>
      </c>
      <c r="D574" s="511"/>
      <c r="E574" s="511" t="s">
        <v>2182</v>
      </c>
      <c r="F574" s="512" t="s">
        <v>1385</v>
      </c>
      <c r="G574" s="512" t="s">
        <v>54</v>
      </c>
      <c r="H574" s="513" t="s">
        <v>1330</v>
      </c>
      <c r="I574" s="513" t="s">
        <v>116</v>
      </c>
      <c r="J574" s="514" t="s">
        <v>117</v>
      </c>
      <c r="K574" s="513" t="s">
        <v>253</v>
      </c>
      <c r="L574" s="513" t="s">
        <v>2217</v>
      </c>
      <c r="M574" s="513" t="s">
        <v>63</v>
      </c>
      <c r="N574" s="513"/>
      <c r="O574" s="513" t="s">
        <v>81</v>
      </c>
      <c r="P574" s="513" t="s">
        <v>61</v>
      </c>
      <c r="Q574" s="513"/>
      <c r="R574" s="515" t="s">
        <v>2195</v>
      </c>
      <c r="S574" s="515" t="s">
        <v>63</v>
      </c>
      <c r="T574" s="515" t="s">
        <v>63</v>
      </c>
      <c r="U574" s="516">
        <v>72000</v>
      </c>
      <c r="V574" s="516"/>
      <c r="W574" s="516" t="s">
        <v>2188</v>
      </c>
      <c r="X574" s="516"/>
      <c r="Y574" s="516">
        <v>72000</v>
      </c>
      <c r="Z574" s="516" t="s">
        <v>65</v>
      </c>
      <c r="AA574" s="516"/>
      <c r="AB574" s="516"/>
      <c r="AC574" s="516"/>
      <c r="AD574" s="516"/>
      <c r="AE574" s="516"/>
      <c r="AF574" s="516"/>
      <c r="AG574" s="516"/>
      <c r="AH574" s="516"/>
      <c r="AI574" s="516"/>
      <c r="AJ574" s="516"/>
      <c r="AK574" s="516"/>
      <c r="AL574" s="516"/>
      <c r="AM574" s="516"/>
      <c r="AN574" s="516"/>
      <c r="AO574" s="516"/>
      <c r="AP574" s="516"/>
      <c r="AQ574" s="516"/>
      <c r="AR574" s="516"/>
      <c r="AS574" s="516"/>
      <c r="AT574" s="516"/>
      <c r="AU574" s="516"/>
      <c r="AV574" s="516"/>
      <c r="AW574" s="516"/>
      <c r="AX574" s="516"/>
      <c r="AY574" s="516"/>
      <c r="AZ574" s="516"/>
      <c r="BA574" s="516"/>
      <c r="BB574" s="516"/>
      <c r="BC574" s="516"/>
      <c r="BD574" s="516"/>
      <c r="BE574" s="516"/>
      <c r="BF574" s="516"/>
      <c r="BG574" s="516"/>
      <c r="BH574" s="516"/>
      <c r="BI574" s="516"/>
      <c r="BJ574" s="516"/>
      <c r="BK574" s="516"/>
      <c r="BL574" s="516"/>
      <c r="BM574" s="516"/>
      <c r="BN574" s="516"/>
      <c r="BO574" s="516"/>
      <c r="BP574" s="516"/>
      <c r="BQ574" s="516"/>
      <c r="BR574" s="516"/>
      <c r="BS574" s="516"/>
      <c r="BT574" s="516"/>
      <c r="BU574" s="516"/>
      <c r="BV574" s="516"/>
      <c r="BW574" s="516"/>
      <c r="BX574" s="516"/>
      <c r="BY574" s="516"/>
      <c r="BZ574" s="516"/>
      <c r="CA574" s="516"/>
      <c r="CB574" s="516"/>
      <c r="CC574" s="516"/>
      <c r="CD574" s="516"/>
      <c r="CE574" s="516"/>
      <c r="CF574" s="516"/>
      <c r="CG574" s="516"/>
      <c r="CH574" s="516"/>
      <c r="CI574" s="516"/>
      <c r="CJ574" s="516"/>
      <c r="CK574" s="516"/>
      <c r="CL574" s="516"/>
      <c r="CM574" s="516"/>
      <c r="CN574" s="516"/>
      <c r="CO574" s="516"/>
      <c r="CP574" s="516"/>
      <c r="CQ574" s="516"/>
      <c r="CR574" s="516"/>
      <c r="CS574" s="516"/>
      <c r="CT574" s="516"/>
      <c r="CU574" s="516"/>
      <c r="CV574" s="516"/>
      <c r="CW574" s="516"/>
      <c r="CX574" s="516"/>
      <c r="CY574" s="516"/>
      <c r="CZ574" s="516"/>
      <c r="DA574" s="516"/>
      <c r="DB574" s="516"/>
      <c r="DC574" s="516"/>
      <c r="DD574" s="516"/>
      <c r="DE574" s="516"/>
      <c r="DF574" s="516"/>
      <c r="DG574" s="516"/>
      <c r="DH574" s="516"/>
      <c r="DI574" s="513" t="s">
        <v>2218</v>
      </c>
      <c r="DJ574" s="516"/>
      <c r="DK574" s="522" t="s">
        <v>2197</v>
      </c>
    </row>
    <row r="575" spans="1:115" ht="56.1" hidden="1" customHeight="1" x14ac:dyDescent="0.2">
      <c r="A575" s="510"/>
      <c r="B575" s="510"/>
      <c r="C575" s="511">
        <v>29</v>
      </c>
      <c r="D575" s="511"/>
      <c r="E575" s="511" t="s">
        <v>2182</v>
      </c>
      <c r="F575" s="512" t="s">
        <v>1385</v>
      </c>
      <c r="G575" s="512" t="s">
        <v>153</v>
      </c>
      <c r="H575" s="513" t="s">
        <v>154</v>
      </c>
      <c r="I575" s="513" t="s">
        <v>2219</v>
      </c>
      <c r="J575" s="513" t="s">
        <v>2220</v>
      </c>
      <c r="K575" s="513" t="s">
        <v>2200</v>
      </c>
      <c r="L575" s="513" t="s">
        <v>254</v>
      </c>
      <c r="M575" s="513" t="s">
        <v>59</v>
      </c>
      <c r="N575" s="513"/>
      <c r="O575" s="513" t="s">
        <v>2221</v>
      </c>
      <c r="P575" s="513" t="s">
        <v>2222</v>
      </c>
      <c r="Q575" s="513"/>
      <c r="R575" s="515" t="s">
        <v>169</v>
      </c>
      <c r="S575" s="515" t="s">
        <v>63</v>
      </c>
      <c r="T575" s="515" t="s">
        <v>63</v>
      </c>
      <c r="U575" s="523">
        <v>2500000</v>
      </c>
      <c r="V575" s="523"/>
      <c r="W575" s="516" t="s">
        <v>2188</v>
      </c>
      <c r="X575" s="516"/>
      <c r="Y575" s="516">
        <v>2500000</v>
      </c>
      <c r="Z575" s="516" t="s">
        <v>65</v>
      </c>
      <c r="AA575" s="516"/>
      <c r="AB575" s="516"/>
      <c r="AC575" s="516"/>
      <c r="AD575" s="516"/>
      <c r="AE575" s="516"/>
      <c r="AF575" s="516"/>
      <c r="AG575" s="516"/>
      <c r="AH575" s="516"/>
      <c r="AI575" s="516"/>
      <c r="AJ575" s="516"/>
      <c r="AK575" s="516"/>
      <c r="AL575" s="516"/>
      <c r="AM575" s="516"/>
      <c r="AN575" s="516"/>
      <c r="AO575" s="516"/>
      <c r="AP575" s="516"/>
      <c r="AQ575" s="516"/>
      <c r="AR575" s="516"/>
      <c r="AS575" s="516"/>
      <c r="AT575" s="516"/>
      <c r="AU575" s="516"/>
      <c r="AV575" s="516"/>
      <c r="AW575" s="516"/>
      <c r="AX575" s="516"/>
      <c r="AY575" s="516"/>
      <c r="AZ575" s="516"/>
      <c r="BA575" s="516"/>
      <c r="BB575" s="516"/>
      <c r="BC575" s="516"/>
      <c r="BD575" s="516"/>
      <c r="BE575" s="516"/>
      <c r="BF575" s="516"/>
      <c r="BG575" s="516"/>
      <c r="BH575" s="516"/>
      <c r="BI575" s="516"/>
      <c r="BJ575" s="516"/>
      <c r="BK575" s="516"/>
      <c r="BL575" s="516"/>
      <c r="BM575" s="516"/>
      <c r="BN575" s="516"/>
      <c r="BO575" s="516"/>
      <c r="BP575" s="516"/>
      <c r="BQ575" s="516"/>
      <c r="BR575" s="516"/>
      <c r="BS575" s="516"/>
      <c r="BT575" s="516"/>
      <c r="BU575" s="516"/>
      <c r="BV575" s="516"/>
      <c r="BW575" s="516"/>
      <c r="BX575" s="516"/>
      <c r="BY575" s="516"/>
      <c r="BZ575" s="516"/>
      <c r="CA575" s="516"/>
      <c r="CB575" s="516"/>
      <c r="CC575" s="516"/>
      <c r="CD575" s="516"/>
      <c r="CE575" s="516"/>
      <c r="CF575" s="516"/>
      <c r="CG575" s="516"/>
      <c r="CH575" s="516"/>
      <c r="CI575" s="516"/>
      <c r="CJ575" s="516"/>
      <c r="CK575" s="516"/>
      <c r="CL575" s="516"/>
      <c r="CM575" s="516"/>
      <c r="CN575" s="516"/>
      <c r="CO575" s="516"/>
      <c r="CP575" s="524"/>
      <c r="CQ575" s="524"/>
      <c r="CR575" s="516"/>
      <c r="CS575" s="516"/>
      <c r="CT575" s="516"/>
      <c r="CU575" s="516" t="s">
        <v>2190</v>
      </c>
      <c r="CV575" s="516"/>
      <c r="CW575" s="516"/>
      <c r="CX575" s="516"/>
      <c r="CY575" s="516"/>
      <c r="CZ575" s="516"/>
      <c r="DA575" s="516"/>
      <c r="DB575" s="516"/>
      <c r="DC575" s="516"/>
      <c r="DD575" s="516"/>
      <c r="DE575" s="516"/>
      <c r="DF575" s="516"/>
      <c r="DG575" s="516"/>
      <c r="DH575" s="516"/>
      <c r="DI575" s="513" t="s">
        <v>2223</v>
      </c>
      <c r="DJ575" s="513" t="s">
        <v>2224</v>
      </c>
      <c r="DK575" s="513" t="s">
        <v>869</v>
      </c>
    </row>
    <row r="576" spans="1:115" ht="56.1" hidden="1" customHeight="1" x14ac:dyDescent="0.2">
      <c r="A576" s="510"/>
      <c r="B576" s="510"/>
      <c r="C576" s="511">
        <v>30</v>
      </c>
      <c r="D576" s="511"/>
      <c r="E576" s="511" t="s">
        <v>2182</v>
      </c>
      <c r="F576" s="512" t="s">
        <v>1385</v>
      </c>
      <c r="G576" s="512" t="s">
        <v>153</v>
      </c>
      <c r="H576" s="513" t="s">
        <v>154</v>
      </c>
      <c r="I576" s="513" t="s">
        <v>2225</v>
      </c>
      <c r="J576" s="513" t="s">
        <v>2220</v>
      </c>
      <c r="K576" s="513" t="s">
        <v>2186</v>
      </c>
      <c r="L576" s="513" t="s">
        <v>254</v>
      </c>
      <c r="M576" s="513" t="s">
        <v>2194</v>
      </c>
      <c r="N576" s="513"/>
      <c r="O576" s="513" t="s">
        <v>60</v>
      </c>
      <c r="P576" s="513" t="s">
        <v>2222</v>
      </c>
      <c r="Q576" s="513"/>
      <c r="R576" s="515" t="s">
        <v>2226</v>
      </c>
      <c r="S576" s="515" t="s">
        <v>63</v>
      </c>
      <c r="T576" s="515" t="s">
        <v>63</v>
      </c>
      <c r="U576" s="523">
        <v>9190000</v>
      </c>
      <c r="V576" s="523"/>
      <c r="W576" s="516" t="s">
        <v>2188</v>
      </c>
      <c r="X576" s="516"/>
      <c r="Y576" s="516">
        <v>9190000</v>
      </c>
      <c r="Z576" s="516" t="s">
        <v>65</v>
      </c>
      <c r="AA576" s="516"/>
      <c r="AB576" s="516"/>
      <c r="AC576" s="516"/>
      <c r="AD576" s="516"/>
      <c r="AE576" s="516"/>
      <c r="AF576" s="516"/>
      <c r="AG576" s="516"/>
      <c r="AH576" s="516"/>
      <c r="AI576" s="516"/>
      <c r="AJ576" s="516"/>
      <c r="AK576" s="516"/>
      <c r="AL576" s="516"/>
      <c r="AM576" s="516"/>
      <c r="AN576" s="516"/>
      <c r="AO576" s="516"/>
      <c r="AP576" s="516"/>
      <c r="AQ576" s="516"/>
      <c r="AR576" s="516"/>
      <c r="AS576" s="516"/>
      <c r="AT576" s="516"/>
      <c r="AU576" s="516"/>
      <c r="AV576" s="516"/>
      <c r="AW576" s="516"/>
      <c r="AX576" s="516"/>
      <c r="AY576" s="516"/>
      <c r="AZ576" s="516"/>
      <c r="BA576" s="516"/>
      <c r="BB576" s="516"/>
      <c r="BC576" s="516"/>
      <c r="BD576" s="516"/>
      <c r="BE576" s="516"/>
      <c r="BF576" s="516"/>
      <c r="BG576" s="516"/>
      <c r="BH576" s="516"/>
      <c r="BI576" s="516"/>
      <c r="BJ576" s="516"/>
      <c r="BK576" s="516"/>
      <c r="BL576" s="516"/>
      <c r="BM576" s="516"/>
      <c r="BN576" s="516"/>
      <c r="BO576" s="516"/>
      <c r="BP576" s="516"/>
      <c r="BQ576" s="516"/>
      <c r="BR576" s="516"/>
      <c r="BS576" s="516"/>
      <c r="BT576" s="516"/>
      <c r="BU576" s="516"/>
      <c r="BV576" s="516"/>
      <c r="BW576" s="516"/>
      <c r="BX576" s="516"/>
      <c r="BY576" s="516"/>
      <c r="BZ576" s="516"/>
      <c r="CA576" s="516"/>
      <c r="CB576" s="516"/>
      <c r="CC576" s="516"/>
      <c r="CD576" s="516"/>
      <c r="CE576" s="516"/>
      <c r="CF576" s="516"/>
      <c r="CG576" s="516"/>
      <c r="CH576" s="516"/>
      <c r="CI576" s="516"/>
      <c r="CJ576" s="516"/>
      <c r="CK576" s="516"/>
      <c r="CL576" s="516"/>
      <c r="CM576" s="516"/>
      <c r="CN576" s="516"/>
      <c r="CO576" s="516"/>
      <c r="CP576" s="516"/>
      <c r="CQ576" s="516"/>
      <c r="CR576" s="516"/>
      <c r="CS576" s="516"/>
      <c r="CT576" s="516"/>
      <c r="CU576" s="516"/>
      <c r="CV576" s="516" t="s">
        <v>2190</v>
      </c>
      <c r="CW576" s="516"/>
      <c r="CX576" s="516"/>
      <c r="CY576" s="516"/>
      <c r="CZ576" s="516"/>
      <c r="DA576" s="516"/>
      <c r="DB576" s="516"/>
      <c r="DC576" s="516"/>
      <c r="DD576" s="516"/>
      <c r="DE576" s="516"/>
      <c r="DF576" s="516"/>
      <c r="DG576" s="516"/>
      <c r="DH576" s="516"/>
      <c r="DI576" s="513" t="s">
        <v>2227</v>
      </c>
      <c r="DJ576" s="513"/>
      <c r="DK576" s="513" t="s">
        <v>869</v>
      </c>
    </row>
    <row r="577" spans="1:115" ht="56.1" hidden="1" customHeight="1" x14ac:dyDescent="0.2">
      <c r="A577" s="510"/>
      <c r="B577" s="510"/>
      <c r="C577" s="511">
        <v>31</v>
      </c>
      <c r="D577" s="511"/>
      <c r="E577" s="511" t="s">
        <v>2182</v>
      </c>
      <c r="F577" s="512" t="s">
        <v>1385</v>
      </c>
      <c r="G577" s="512" t="s">
        <v>153</v>
      </c>
      <c r="H577" s="513" t="s">
        <v>154</v>
      </c>
      <c r="I577" s="513" t="s">
        <v>2228</v>
      </c>
      <c r="J577" s="513" t="s">
        <v>2220</v>
      </c>
      <c r="K577" s="513" t="s">
        <v>2205</v>
      </c>
      <c r="L577" s="513" t="s">
        <v>254</v>
      </c>
      <c r="M577" s="513" t="s">
        <v>2206</v>
      </c>
      <c r="N577" s="513"/>
      <c r="O577" s="513" t="s">
        <v>2221</v>
      </c>
      <c r="P577" s="513" t="s">
        <v>2222</v>
      </c>
      <c r="Q577" s="513"/>
      <c r="R577" s="515" t="s">
        <v>2226</v>
      </c>
      <c r="S577" s="515" t="s">
        <v>63</v>
      </c>
      <c r="T577" s="515" t="s">
        <v>63</v>
      </c>
      <c r="U577" s="523">
        <v>4010000</v>
      </c>
      <c r="V577" s="523"/>
      <c r="W577" s="516" t="s">
        <v>2188</v>
      </c>
      <c r="X577" s="516"/>
      <c r="Y577" s="516">
        <v>4010000</v>
      </c>
      <c r="Z577" s="516" t="s">
        <v>65</v>
      </c>
      <c r="AA577" s="516"/>
      <c r="AB577" s="516"/>
      <c r="AC577" s="516"/>
      <c r="AD577" s="516"/>
      <c r="AE577" s="516"/>
      <c r="AF577" s="516"/>
      <c r="AG577" s="516"/>
      <c r="AH577" s="516"/>
      <c r="AI577" s="516"/>
      <c r="AJ577" s="516"/>
      <c r="AK577" s="516"/>
      <c r="AL577" s="516"/>
      <c r="AM577" s="516"/>
      <c r="AN577" s="516"/>
      <c r="AO577" s="516"/>
      <c r="AP577" s="516"/>
      <c r="AQ577" s="516"/>
      <c r="AR577" s="516"/>
      <c r="AS577" s="516"/>
      <c r="AT577" s="516"/>
      <c r="AU577" s="516"/>
      <c r="AV577" s="516"/>
      <c r="AW577" s="516"/>
      <c r="AX577" s="516"/>
      <c r="AY577" s="516"/>
      <c r="AZ577" s="516"/>
      <c r="BA577" s="516"/>
      <c r="BB577" s="516"/>
      <c r="BC577" s="516"/>
      <c r="BD577" s="516"/>
      <c r="BE577" s="516"/>
      <c r="BF577" s="516"/>
      <c r="BG577" s="516"/>
      <c r="BH577" s="516"/>
      <c r="BI577" s="516"/>
      <c r="BJ577" s="516"/>
      <c r="BK577" s="516"/>
      <c r="BL577" s="516"/>
      <c r="BM577" s="516"/>
      <c r="BN577" s="516"/>
      <c r="BO577" s="516"/>
      <c r="BP577" s="516"/>
      <c r="BQ577" s="516"/>
      <c r="BR577" s="516"/>
      <c r="BS577" s="516"/>
      <c r="BT577" s="516"/>
      <c r="BU577" s="516"/>
      <c r="BV577" s="516"/>
      <c r="BW577" s="516"/>
      <c r="BX577" s="516"/>
      <c r="BY577" s="516"/>
      <c r="BZ577" s="516"/>
      <c r="CA577" s="516"/>
      <c r="CB577" s="516"/>
      <c r="CC577" s="516"/>
      <c r="CD577" s="516"/>
      <c r="CE577" s="516"/>
      <c r="CF577" s="516"/>
      <c r="CG577" s="516"/>
      <c r="CH577" s="516"/>
      <c r="CI577" s="516"/>
      <c r="CJ577" s="516"/>
      <c r="CK577" s="516"/>
      <c r="CL577" s="516"/>
      <c r="CM577" s="516"/>
      <c r="CN577" s="516"/>
      <c r="CO577" s="516"/>
      <c r="CP577" s="516"/>
      <c r="CQ577" s="516"/>
      <c r="CR577" s="516"/>
      <c r="CS577" s="516"/>
      <c r="CT577" s="516"/>
      <c r="CU577" s="516"/>
      <c r="CV577" s="516"/>
      <c r="CW577" s="516" t="s">
        <v>2190</v>
      </c>
      <c r="CX577" s="516"/>
      <c r="CY577" s="516"/>
      <c r="CZ577" s="516"/>
      <c r="DA577" s="516"/>
      <c r="DB577" s="516"/>
      <c r="DC577" s="516"/>
      <c r="DD577" s="516"/>
      <c r="DE577" s="516"/>
      <c r="DF577" s="516"/>
      <c r="DG577" s="516"/>
      <c r="DH577" s="516"/>
      <c r="DI577" s="513" t="s">
        <v>2227</v>
      </c>
      <c r="DJ577" s="513" t="s">
        <v>2224</v>
      </c>
      <c r="DK577" s="513" t="s">
        <v>869</v>
      </c>
    </row>
    <row r="578" spans="1:115" ht="56.1" hidden="1" customHeight="1" x14ac:dyDescent="0.2">
      <c r="A578" s="510"/>
      <c r="B578" s="510"/>
      <c r="C578" s="511">
        <v>43</v>
      </c>
      <c r="D578" s="511"/>
      <c r="E578" s="511" t="s">
        <v>2182</v>
      </c>
      <c r="F578" s="512" t="s">
        <v>1385</v>
      </c>
      <c r="G578" s="512" t="s">
        <v>295</v>
      </c>
      <c r="H578" s="513" t="s">
        <v>329</v>
      </c>
      <c r="I578" s="513" t="s">
        <v>2230</v>
      </c>
      <c r="J578" s="513" t="s">
        <v>2231</v>
      </c>
      <c r="K578" s="513" t="s">
        <v>2186</v>
      </c>
      <c r="L578" s="513" t="s">
        <v>254</v>
      </c>
      <c r="M578" s="513" t="s">
        <v>59</v>
      </c>
      <c r="N578" s="513"/>
      <c r="O578" s="513" t="s">
        <v>2221</v>
      </c>
      <c r="P578" s="513" t="s">
        <v>869</v>
      </c>
      <c r="Q578" s="513"/>
      <c r="R578" s="515" t="s">
        <v>169</v>
      </c>
      <c r="S578" s="515" t="s">
        <v>63</v>
      </c>
      <c r="T578" s="515" t="s">
        <v>63</v>
      </c>
      <c r="U578" s="523">
        <v>2313945.2217098912</v>
      </c>
      <c r="V578" s="523"/>
      <c r="W578" s="516" t="s">
        <v>2188</v>
      </c>
      <c r="X578" s="516"/>
      <c r="Y578" s="516">
        <v>2313945.2217098912</v>
      </c>
      <c r="Z578" s="516" t="s">
        <v>2189</v>
      </c>
      <c r="AA578" s="516"/>
      <c r="AB578" s="516"/>
      <c r="AC578" s="516"/>
      <c r="AD578" s="516"/>
      <c r="AE578" s="516"/>
      <c r="AF578" s="516"/>
      <c r="AG578" s="516"/>
      <c r="AH578" s="516"/>
      <c r="AI578" s="516"/>
      <c r="AJ578" s="516"/>
      <c r="AK578" s="516"/>
      <c r="AL578" s="516"/>
      <c r="AM578" s="516"/>
      <c r="AN578" s="516"/>
      <c r="AO578" s="516"/>
      <c r="AP578" s="516"/>
      <c r="AQ578" s="516"/>
      <c r="AR578" s="516"/>
      <c r="AS578" s="516"/>
      <c r="AT578" s="516"/>
      <c r="AU578" s="516"/>
      <c r="AV578" s="516"/>
      <c r="AW578" s="516"/>
      <c r="AX578" s="516"/>
      <c r="AY578" s="516"/>
      <c r="AZ578" s="516"/>
      <c r="BA578" s="516"/>
      <c r="BB578" s="516"/>
      <c r="BC578" s="516"/>
      <c r="BD578" s="516"/>
      <c r="BE578" s="516"/>
      <c r="BF578" s="516"/>
      <c r="BG578" s="516"/>
      <c r="BH578" s="516"/>
      <c r="BI578" s="516"/>
      <c r="BJ578" s="516"/>
      <c r="BK578" s="516"/>
      <c r="BL578" s="516"/>
      <c r="BM578" s="516"/>
      <c r="BN578" s="516"/>
      <c r="BO578" s="516"/>
      <c r="BP578" s="516"/>
      <c r="BQ578" s="516"/>
      <c r="BR578" s="516"/>
      <c r="BS578" s="516"/>
      <c r="BT578" s="516"/>
      <c r="BU578" s="516"/>
      <c r="BV578" s="516"/>
      <c r="BW578" s="516"/>
      <c r="BX578" s="516"/>
      <c r="BY578" s="516"/>
      <c r="BZ578" s="516"/>
      <c r="CA578" s="516"/>
      <c r="CB578" s="516"/>
      <c r="CC578" s="516"/>
      <c r="CD578" s="516"/>
      <c r="CE578" s="516"/>
      <c r="CF578" s="516"/>
      <c r="CG578" s="516"/>
      <c r="CH578" s="516"/>
      <c r="CI578" s="516"/>
      <c r="CJ578" s="516"/>
      <c r="CK578" s="516"/>
      <c r="CL578" s="516"/>
      <c r="CM578" s="516"/>
      <c r="CN578" s="516"/>
      <c r="CO578" s="516"/>
      <c r="CP578" s="516"/>
      <c r="CQ578" s="516"/>
      <c r="CR578" s="516"/>
      <c r="CS578" s="516"/>
      <c r="CT578" s="516"/>
      <c r="CU578" s="516" t="s">
        <v>2190</v>
      </c>
      <c r="CV578" s="516"/>
      <c r="CW578" s="516"/>
      <c r="CX578" s="516"/>
      <c r="CY578" s="516"/>
      <c r="CZ578" s="516"/>
      <c r="DA578" s="516"/>
      <c r="DB578" s="516"/>
      <c r="DC578" s="516"/>
      <c r="DD578" s="516"/>
      <c r="DE578" s="516"/>
      <c r="DF578" s="516"/>
      <c r="DG578" s="516"/>
      <c r="DH578" s="524"/>
      <c r="DI578" s="513" t="s">
        <v>2232</v>
      </c>
      <c r="DJ578" s="513" t="s">
        <v>2233</v>
      </c>
      <c r="DK578" s="513" t="s">
        <v>2234</v>
      </c>
    </row>
    <row r="579" spans="1:115" ht="56.1" hidden="1" customHeight="1" x14ac:dyDescent="0.2">
      <c r="A579" s="510"/>
      <c r="B579" s="510"/>
      <c r="C579" s="511">
        <v>44</v>
      </c>
      <c r="D579" s="511"/>
      <c r="E579" s="511" t="s">
        <v>2182</v>
      </c>
      <c r="F579" s="512" t="s">
        <v>1385</v>
      </c>
      <c r="G579" s="512" t="s">
        <v>295</v>
      </c>
      <c r="H579" s="513" t="s">
        <v>329</v>
      </c>
      <c r="I579" s="513" t="s">
        <v>2235</v>
      </c>
      <c r="J579" s="513" t="s">
        <v>2236</v>
      </c>
      <c r="K579" s="513" t="s">
        <v>2186</v>
      </c>
      <c r="L579" s="513" t="s">
        <v>254</v>
      </c>
      <c r="M579" s="513" t="s">
        <v>2194</v>
      </c>
      <c r="N579" s="513"/>
      <c r="O579" s="513" t="s">
        <v>60</v>
      </c>
      <c r="P579" s="513" t="s">
        <v>869</v>
      </c>
      <c r="Q579" s="513"/>
      <c r="R579" s="515" t="s">
        <v>2226</v>
      </c>
      <c r="S579" s="515" t="s">
        <v>63</v>
      </c>
      <c r="T579" s="515" t="s">
        <v>63</v>
      </c>
      <c r="U579" s="523">
        <v>2471271.846212903</v>
      </c>
      <c r="V579" s="523"/>
      <c r="W579" s="516" t="s">
        <v>2188</v>
      </c>
      <c r="X579" s="516"/>
      <c r="Y579" s="516">
        <v>2471271.846212903</v>
      </c>
      <c r="Z579" s="516" t="s">
        <v>2189</v>
      </c>
      <c r="AA579" s="516"/>
      <c r="AB579" s="516"/>
      <c r="AC579" s="516"/>
      <c r="AD579" s="516"/>
      <c r="AE579" s="516"/>
      <c r="AF579" s="516"/>
      <c r="AG579" s="516"/>
      <c r="AH579" s="516"/>
      <c r="AI579" s="516"/>
      <c r="AJ579" s="516"/>
      <c r="AK579" s="516"/>
      <c r="AL579" s="516"/>
      <c r="AM579" s="516"/>
      <c r="AN579" s="516"/>
      <c r="AO579" s="516"/>
      <c r="AP579" s="516"/>
      <c r="AQ579" s="516"/>
      <c r="AR579" s="516"/>
      <c r="AS579" s="516"/>
      <c r="AT579" s="516"/>
      <c r="AU579" s="516"/>
      <c r="AV579" s="516"/>
      <c r="AW579" s="516"/>
      <c r="AX579" s="516"/>
      <c r="AY579" s="516"/>
      <c r="AZ579" s="516"/>
      <c r="BA579" s="516"/>
      <c r="BB579" s="516"/>
      <c r="BC579" s="516"/>
      <c r="BD579" s="516"/>
      <c r="BE579" s="516"/>
      <c r="BF579" s="516"/>
      <c r="BG579" s="516"/>
      <c r="BH579" s="516"/>
      <c r="BI579" s="516"/>
      <c r="BJ579" s="516"/>
      <c r="BK579" s="516"/>
      <c r="BL579" s="516"/>
      <c r="BM579" s="516"/>
      <c r="BN579" s="516"/>
      <c r="BO579" s="516"/>
      <c r="BP579" s="516"/>
      <c r="BQ579" s="516"/>
      <c r="BR579" s="516"/>
      <c r="BS579" s="516"/>
      <c r="BT579" s="516"/>
      <c r="BU579" s="516"/>
      <c r="BV579" s="516"/>
      <c r="BW579" s="516"/>
      <c r="BX579" s="516"/>
      <c r="BY579" s="516"/>
      <c r="BZ579" s="516"/>
      <c r="CA579" s="516"/>
      <c r="CB579" s="516"/>
      <c r="CC579" s="516"/>
      <c r="CD579" s="516"/>
      <c r="CE579" s="516"/>
      <c r="CF579" s="516"/>
      <c r="CG579" s="516"/>
      <c r="CH579" s="516"/>
      <c r="CI579" s="516"/>
      <c r="CJ579" s="516"/>
      <c r="CK579" s="516"/>
      <c r="CL579" s="516"/>
      <c r="CM579" s="516"/>
      <c r="CN579" s="516"/>
      <c r="CO579" s="516"/>
      <c r="CP579" s="516"/>
      <c r="CQ579" s="516"/>
      <c r="CR579" s="516"/>
      <c r="CS579" s="516"/>
      <c r="CT579" s="516"/>
      <c r="CU579" s="516"/>
      <c r="CV579" s="516" t="s">
        <v>2190</v>
      </c>
      <c r="CW579" s="516"/>
      <c r="CX579" s="516"/>
      <c r="CY579" s="516"/>
      <c r="CZ579" s="516"/>
      <c r="DA579" s="516"/>
      <c r="DB579" s="516"/>
      <c r="DC579" s="516"/>
      <c r="DD579" s="516"/>
      <c r="DE579" s="516"/>
      <c r="DF579" s="516"/>
      <c r="DG579" s="516"/>
      <c r="DH579" s="524"/>
      <c r="DI579" s="513" t="s">
        <v>2232</v>
      </c>
      <c r="DJ579" s="513"/>
      <c r="DK579" s="513" t="s">
        <v>2234</v>
      </c>
    </row>
    <row r="580" spans="1:115" ht="56.1" hidden="1" customHeight="1" x14ac:dyDescent="0.2">
      <c r="A580" s="510"/>
      <c r="B580" s="510"/>
      <c r="C580" s="511">
        <v>45</v>
      </c>
      <c r="D580" s="511"/>
      <c r="E580" s="511" t="s">
        <v>2182</v>
      </c>
      <c r="F580" s="512" t="s">
        <v>1385</v>
      </c>
      <c r="G580" s="512" t="s">
        <v>295</v>
      </c>
      <c r="H580" s="513" t="s">
        <v>329</v>
      </c>
      <c r="I580" s="513" t="s">
        <v>2237</v>
      </c>
      <c r="J580" s="513" t="s">
        <v>2238</v>
      </c>
      <c r="K580" s="513" t="s">
        <v>2205</v>
      </c>
      <c r="L580" s="513" t="s">
        <v>254</v>
      </c>
      <c r="M580" s="513" t="s">
        <v>2206</v>
      </c>
      <c r="N580" s="513"/>
      <c r="O580" s="513" t="s">
        <v>2221</v>
      </c>
      <c r="P580" s="513" t="s">
        <v>869</v>
      </c>
      <c r="Q580" s="513"/>
      <c r="R580" s="515" t="s">
        <v>2226</v>
      </c>
      <c r="S580" s="515" t="s">
        <v>63</v>
      </c>
      <c r="T580" s="515" t="s">
        <v>63</v>
      </c>
      <c r="U580" s="523">
        <v>4007770.5514719128</v>
      </c>
      <c r="V580" s="523"/>
      <c r="W580" s="516" t="s">
        <v>2188</v>
      </c>
      <c r="X580" s="516"/>
      <c r="Y580" s="516">
        <v>4007770.5514719128</v>
      </c>
      <c r="Z580" s="516" t="s">
        <v>2189</v>
      </c>
      <c r="AA580" s="516"/>
      <c r="AB580" s="516"/>
      <c r="AC580" s="516"/>
      <c r="AD580" s="516"/>
      <c r="AE580" s="516"/>
      <c r="AF580" s="516"/>
      <c r="AG580" s="516"/>
      <c r="AH580" s="516"/>
      <c r="AI580" s="516"/>
      <c r="AJ580" s="516"/>
      <c r="AK580" s="516"/>
      <c r="AL580" s="516"/>
      <c r="AM580" s="516"/>
      <c r="AN580" s="516"/>
      <c r="AO580" s="516"/>
      <c r="AP580" s="516"/>
      <c r="AQ580" s="516"/>
      <c r="AR580" s="516"/>
      <c r="AS580" s="516"/>
      <c r="AT580" s="516"/>
      <c r="AU580" s="516"/>
      <c r="AV580" s="516"/>
      <c r="AW580" s="516"/>
      <c r="AX580" s="516"/>
      <c r="AY580" s="516"/>
      <c r="AZ580" s="516"/>
      <c r="BA580" s="516"/>
      <c r="BB580" s="516"/>
      <c r="BC580" s="516"/>
      <c r="BD580" s="516"/>
      <c r="BE580" s="516"/>
      <c r="BF580" s="516"/>
      <c r="BG580" s="516"/>
      <c r="BH580" s="516"/>
      <c r="BI580" s="516"/>
      <c r="BJ580" s="516"/>
      <c r="BK580" s="516"/>
      <c r="BL580" s="516"/>
      <c r="BM580" s="516"/>
      <c r="BN580" s="516"/>
      <c r="BO580" s="516"/>
      <c r="BP580" s="516"/>
      <c r="BQ580" s="516"/>
      <c r="BR580" s="516"/>
      <c r="BS580" s="516"/>
      <c r="BT580" s="516"/>
      <c r="BU580" s="516"/>
      <c r="BV580" s="516"/>
      <c r="BW580" s="516"/>
      <c r="BX580" s="516"/>
      <c r="BY580" s="516"/>
      <c r="BZ580" s="516"/>
      <c r="CA580" s="516"/>
      <c r="CB580" s="516"/>
      <c r="CC580" s="516"/>
      <c r="CD580" s="516"/>
      <c r="CE580" s="516"/>
      <c r="CF580" s="516"/>
      <c r="CG580" s="516"/>
      <c r="CH580" s="516"/>
      <c r="CI580" s="516"/>
      <c r="CJ580" s="516"/>
      <c r="CK580" s="516"/>
      <c r="CL580" s="516"/>
      <c r="CM580" s="516"/>
      <c r="CN580" s="516"/>
      <c r="CO580" s="516"/>
      <c r="CP580" s="516"/>
      <c r="CQ580" s="516"/>
      <c r="CR580" s="516"/>
      <c r="CS580" s="516"/>
      <c r="CT580" s="516"/>
      <c r="CU580" s="516"/>
      <c r="CV580" s="516"/>
      <c r="CW580" s="516" t="s">
        <v>2190</v>
      </c>
      <c r="CX580" s="516"/>
      <c r="CY580" s="516"/>
      <c r="CZ580" s="516"/>
      <c r="DA580" s="516"/>
      <c r="DB580" s="516"/>
      <c r="DC580" s="516"/>
      <c r="DD580" s="516"/>
      <c r="DE580" s="516"/>
      <c r="DF580" s="516"/>
      <c r="DG580" s="516"/>
      <c r="DH580" s="524"/>
      <c r="DI580" s="513" t="s">
        <v>2232</v>
      </c>
      <c r="DJ580" s="513" t="s">
        <v>2233</v>
      </c>
      <c r="DK580" s="513" t="s">
        <v>2234</v>
      </c>
    </row>
    <row r="581" spans="1:115" ht="56.1" hidden="1" customHeight="1" x14ac:dyDescent="0.2">
      <c r="A581" s="510"/>
      <c r="B581" s="510"/>
      <c r="C581" s="511">
        <v>48</v>
      </c>
      <c r="D581" s="511"/>
      <c r="E581" s="511" t="s">
        <v>2182</v>
      </c>
      <c r="F581" s="512" t="s">
        <v>1385</v>
      </c>
      <c r="G581" s="512" t="s">
        <v>295</v>
      </c>
      <c r="H581" s="513" t="s">
        <v>2183</v>
      </c>
      <c r="I581" s="513" t="s">
        <v>2184</v>
      </c>
      <c r="J581" s="513" t="s">
        <v>2185</v>
      </c>
      <c r="K581" s="513" t="s">
        <v>2186</v>
      </c>
      <c r="L581" s="513" t="s">
        <v>254</v>
      </c>
      <c r="M581" s="513" t="s">
        <v>59</v>
      </c>
      <c r="N581" s="513"/>
      <c r="O581" s="513" t="s">
        <v>60</v>
      </c>
      <c r="P581" s="513" t="s">
        <v>2187</v>
      </c>
      <c r="Q581" s="513"/>
      <c r="R581" s="515" t="s">
        <v>169</v>
      </c>
      <c r="S581" s="515" t="s">
        <v>63</v>
      </c>
      <c r="T581" s="515" t="s">
        <v>63</v>
      </c>
      <c r="U581" s="516">
        <v>1500000</v>
      </c>
      <c r="V581" s="516"/>
      <c r="W581" s="516" t="s">
        <v>2188</v>
      </c>
      <c r="X581" s="516"/>
      <c r="Y581" s="516">
        <v>1500000</v>
      </c>
      <c r="Z581" s="516" t="s">
        <v>2189</v>
      </c>
      <c r="AA581" s="516"/>
      <c r="AB581" s="516"/>
      <c r="AC581" s="516"/>
      <c r="AD581" s="516"/>
      <c r="AE581" s="516"/>
      <c r="AF581" s="516"/>
      <c r="AG581" s="516"/>
      <c r="AH581" s="516"/>
      <c r="AI581" s="516"/>
      <c r="AJ581" s="516"/>
      <c r="AK581" s="516"/>
      <c r="AL581" s="516"/>
      <c r="AM581" s="516"/>
      <c r="AN581" s="516"/>
      <c r="AO581" s="516"/>
      <c r="AP581" s="516"/>
      <c r="AQ581" s="516"/>
      <c r="AR581" s="516"/>
      <c r="AS581" s="516"/>
      <c r="AT581" s="516"/>
      <c r="AU581" s="516"/>
      <c r="AV581" s="516"/>
      <c r="AW581" s="516"/>
      <c r="AX581" s="516"/>
      <c r="AY581" s="516"/>
      <c r="AZ581" s="516"/>
      <c r="BA581" s="516"/>
      <c r="BB581" s="516"/>
      <c r="BC581" s="516"/>
      <c r="BD581" s="516"/>
      <c r="BE581" s="516"/>
      <c r="BF581" s="516"/>
      <c r="BG581" s="516"/>
      <c r="BH581" s="516"/>
      <c r="BI581" s="516"/>
      <c r="BJ581" s="516"/>
      <c r="BK581" s="516"/>
      <c r="BL581" s="516"/>
      <c r="BM581" s="516"/>
      <c r="BN581" s="516"/>
      <c r="BO581" s="516"/>
      <c r="BP581" s="516"/>
      <c r="BQ581" s="516"/>
      <c r="BR581" s="516"/>
      <c r="BS581" s="516"/>
      <c r="BT581" s="516"/>
      <c r="BU581" s="516"/>
      <c r="BV581" s="516"/>
      <c r="BW581" s="516"/>
      <c r="BX581" s="516"/>
      <c r="BY581" s="516"/>
      <c r="BZ581" s="516"/>
      <c r="CA581" s="516"/>
      <c r="CB581" s="516"/>
      <c r="CC581" s="516"/>
      <c r="CD581" s="516"/>
      <c r="CE581" s="516"/>
      <c r="CF581" s="516"/>
      <c r="CG581" s="516"/>
      <c r="CH581" s="516"/>
      <c r="CI581" s="516"/>
      <c r="CJ581" s="516"/>
      <c r="CK581" s="516"/>
      <c r="CL581" s="516"/>
      <c r="CM581" s="516"/>
      <c r="CN581" s="516"/>
      <c r="CO581" s="516"/>
      <c r="CP581" s="516"/>
      <c r="CQ581" s="516"/>
      <c r="CR581" s="513"/>
      <c r="CS581" s="516"/>
      <c r="CT581" s="516"/>
      <c r="CU581" s="516" t="s">
        <v>2190</v>
      </c>
      <c r="CV581" s="516"/>
      <c r="CW581" s="516"/>
      <c r="CX581" s="516"/>
      <c r="CY581" s="516"/>
      <c r="CZ581" s="516"/>
      <c r="DA581" s="516"/>
      <c r="DB581" s="516"/>
      <c r="DC581" s="516"/>
      <c r="DD581" s="516"/>
      <c r="DE581" s="516"/>
      <c r="DF581" s="516"/>
      <c r="DG581" s="516"/>
      <c r="DH581" s="516"/>
      <c r="DI581" s="513" t="s">
        <v>2191</v>
      </c>
      <c r="DJ581" s="513"/>
      <c r="DK581" s="513" t="s">
        <v>869</v>
      </c>
    </row>
    <row r="582" spans="1:115" ht="56.1" hidden="1" customHeight="1" x14ac:dyDescent="0.2">
      <c r="A582" s="510"/>
      <c r="B582" s="510"/>
      <c r="C582" s="511">
        <v>49</v>
      </c>
      <c r="D582" s="511"/>
      <c r="E582" s="511" t="s">
        <v>2182</v>
      </c>
      <c r="F582" s="512" t="s">
        <v>1385</v>
      </c>
      <c r="G582" s="512" t="s">
        <v>295</v>
      </c>
      <c r="H582" s="513" t="s">
        <v>2183</v>
      </c>
      <c r="I582" s="513" t="s">
        <v>2242</v>
      </c>
      <c r="J582" s="513" t="s">
        <v>2243</v>
      </c>
      <c r="K582" s="513" t="s">
        <v>2200</v>
      </c>
      <c r="L582" s="513" t="s">
        <v>254</v>
      </c>
      <c r="M582" s="513" t="s">
        <v>2194</v>
      </c>
      <c r="N582" s="513"/>
      <c r="O582" s="513" t="s">
        <v>60</v>
      </c>
      <c r="P582" s="513" t="s">
        <v>2187</v>
      </c>
      <c r="Q582" s="513"/>
      <c r="R582" s="515" t="s">
        <v>2226</v>
      </c>
      <c r="S582" s="515" t="s">
        <v>63</v>
      </c>
      <c r="T582" s="515" t="s">
        <v>63</v>
      </c>
      <c r="U582" s="516">
        <v>1600000</v>
      </c>
      <c r="V582" s="516"/>
      <c r="W582" s="516" t="s">
        <v>2188</v>
      </c>
      <c r="X582" s="516"/>
      <c r="Y582" s="516">
        <v>1600000</v>
      </c>
      <c r="Z582" s="516" t="s">
        <v>2189</v>
      </c>
      <c r="AA582" s="516"/>
      <c r="AB582" s="516"/>
      <c r="AC582" s="516"/>
      <c r="AD582" s="516"/>
      <c r="AE582" s="516"/>
      <c r="AF582" s="516"/>
      <c r="AG582" s="516"/>
      <c r="AH582" s="516"/>
      <c r="AI582" s="516"/>
      <c r="AJ582" s="516"/>
      <c r="AK582" s="516"/>
      <c r="AL582" s="516"/>
      <c r="AM582" s="516"/>
      <c r="AN582" s="516"/>
      <c r="AO582" s="516"/>
      <c r="AP582" s="516"/>
      <c r="AQ582" s="516"/>
      <c r="AR582" s="516"/>
      <c r="AS582" s="516"/>
      <c r="AT582" s="516"/>
      <c r="AU582" s="516"/>
      <c r="AV582" s="516"/>
      <c r="AW582" s="516"/>
      <c r="AX582" s="516"/>
      <c r="AY582" s="516"/>
      <c r="AZ582" s="516"/>
      <c r="BA582" s="516"/>
      <c r="BB582" s="516"/>
      <c r="BC582" s="516"/>
      <c r="BD582" s="516"/>
      <c r="BE582" s="516"/>
      <c r="BF582" s="516"/>
      <c r="BG582" s="516"/>
      <c r="BH582" s="516"/>
      <c r="BI582" s="516"/>
      <c r="BJ582" s="516"/>
      <c r="BK582" s="516"/>
      <c r="BL582" s="516"/>
      <c r="BM582" s="516"/>
      <c r="BN582" s="516"/>
      <c r="BO582" s="516"/>
      <c r="BP582" s="516"/>
      <c r="BQ582" s="516"/>
      <c r="BR582" s="516"/>
      <c r="BS582" s="516"/>
      <c r="BT582" s="516"/>
      <c r="BU582" s="516"/>
      <c r="BV582" s="516"/>
      <c r="BW582" s="516"/>
      <c r="BX582" s="516"/>
      <c r="BY582" s="516"/>
      <c r="BZ582" s="516"/>
      <c r="CA582" s="516"/>
      <c r="CB582" s="516"/>
      <c r="CC582" s="516"/>
      <c r="CD582" s="516"/>
      <c r="CE582" s="516"/>
      <c r="CF582" s="516"/>
      <c r="CG582" s="516"/>
      <c r="CH582" s="516"/>
      <c r="CI582" s="516"/>
      <c r="CJ582" s="516"/>
      <c r="CK582" s="516"/>
      <c r="CL582" s="516"/>
      <c r="CM582" s="516"/>
      <c r="CN582" s="516"/>
      <c r="CO582" s="516"/>
      <c r="CP582" s="516"/>
      <c r="CQ582" s="516"/>
      <c r="CR582" s="516"/>
      <c r="CS582" s="516"/>
      <c r="CT582" s="516"/>
      <c r="CU582" s="516"/>
      <c r="CV582" s="516" t="s">
        <v>2190</v>
      </c>
      <c r="CW582" s="516"/>
      <c r="CX582" s="516"/>
      <c r="CY582" s="516"/>
      <c r="CZ582" s="516"/>
      <c r="DA582" s="516"/>
      <c r="DB582" s="516"/>
      <c r="DC582" s="516"/>
      <c r="DD582" s="516"/>
      <c r="DE582" s="516"/>
      <c r="DF582" s="516"/>
      <c r="DG582" s="516"/>
      <c r="DH582" s="516"/>
      <c r="DI582" s="513" t="s">
        <v>2191</v>
      </c>
      <c r="DJ582" s="513"/>
      <c r="DK582" s="513" t="s">
        <v>869</v>
      </c>
    </row>
    <row r="583" spans="1:115" ht="56.1" hidden="1" customHeight="1" x14ac:dyDescent="0.2">
      <c r="A583" s="510"/>
      <c r="B583" s="510"/>
      <c r="C583" s="511">
        <v>50</v>
      </c>
      <c r="D583" s="511"/>
      <c r="E583" s="511" t="s">
        <v>2182</v>
      </c>
      <c r="F583" s="512" t="s">
        <v>1385</v>
      </c>
      <c r="G583" s="512" t="s">
        <v>295</v>
      </c>
      <c r="H583" s="513" t="s">
        <v>2183</v>
      </c>
      <c r="I583" s="513" t="s">
        <v>2244</v>
      </c>
      <c r="J583" s="513" t="s">
        <v>2245</v>
      </c>
      <c r="K583" s="513" t="s">
        <v>2205</v>
      </c>
      <c r="L583" s="513" t="s">
        <v>254</v>
      </c>
      <c r="M583" s="513" t="s">
        <v>2206</v>
      </c>
      <c r="N583" s="513"/>
      <c r="O583" s="513" t="s">
        <v>543</v>
      </c>
      <c r="P583" s="513" t="s">
        <v>2187</v>
      </c>
      <c r="Q583" s="513"/>
      <c r="R583" s="515" t="s">
        <v>2226</v>
      </c>
      <c r="S583" s="515" t="s">
        <v>63</v>
      </c>
      <c r="T583" s="515" t="s">
        <v>63</v>
      </c>
      <c r="U583" s="516">
        <v>2400000</v>
      </c>
      <c r="V583" s="516"/>
      <c r="W583" s="516" t="s">
        <v>2188</v>
      </c>
      <c r="X583" s="516"/>
      <c r="Y583" s="516">
        <v>2400000</v>
      </c>
      <c r="Z583" s="516" t="s">
        <v>2189</v>
      </c>
      <c r="AA583" s="516"/>
      <c r="AB583" s="516"/>
      <c r="AC583" s="516"/>
      <c r="AD583" s="516"/>
      <c r="AE583" s="516"/>
      <c r="AF583" s="516"/>
      <c r="AG583" s="516"/>
      <c r="AH583" s="516"/>
      <c r="AI583" s="516"/>
      <c r="AJ583" s="516"/>
      <c r="AK583" s="516"/>
      <c r="AL583" s="516"/>
      <c r="AM583" s="516"/>
      <c r="AN583" s="516"/>
      <c r="AO583" s="516"/>
      <c r="AP583" s="516"/>
      <c r="AQ583" s="516"/>
      <c r="AR583" s="516"/>
      <c r="AS583" s="516"/>
      <c r="AT583" s="516"/>
      <c r="AU583" s="516"/>
      <c r="AV583" s="516"/>
      <c r="AW583" s="516"/>
      <c r="AX583" s="516"/>
      <c r="AY583" s="516"/>
      <c r="AZ583" s="516"/>
      <c r="BA583" s="516"/>
      <c r="BB583" s="516"/>
      <c r="BC583" s="516"/>
      <c r="BD583" s="516"/>
      <c r="BE583" s="516"/>
      <c r="BF583" s="516"/>
      <c r="BG583" s="516"/>
      <c r="BH583" s="516"/>
      <c r="BI583" s="516"/>
      <c r="BJ583" s="516"/>
      <c r="BK583" s="516"/>
      <c r="BL583" s="516"/>
      <c r="BM583" s="516"/>
      <c r="BN583" s="516"/>
      <c r="BO583" s="516"/>
      <c r="BP583" s="516"/>
      <c r="BQ583" s="516"/>
      <c r="BR583" s="516"/>
      <c r="BS583" s="516"/>
      <c r="BT583" s="516"/>
      <c r="BU583" s="516"/>
      <c r="BV583" s="516"/>
      <c r="BW583" s="516"/>
      <c r="BX583" s="516"/>
      <c r="BY583" s="516"/>
      <c r="BZ583" s="516"/>
      <c r="CA583" s="516"/>
      <c r="CB583" s="516"/>
      <c r="CC583" s="516"/>
      <c r="CD583" s="516"/>
      <c r="CE583" s="516"/>
      <c r="CF583" s="516"/>
      <c r="CG583" s="516"/>
      <c r="CH583" s="516"/>
      <c r="CI583" s="516"/>
      <c r="CJ583" s="516"/>
      <c r="CK583" s="516"/>
      <c r="CL583" s="516"/>
      <c r="CM583" s="516"/>
      <c r="CN583" s="516"/>
      <c r="CO583" s="516"/>
      <c r="CP583" s="516"/>
      <c r="CQ583" s="516"/>
      <c r="CR583" s="516"/>
      <c r="CS583" s="516"/>
      <c r="CT583" s="516"/>
      <c r="CU583" s="516"/>
      <c r="CV583" s="516"/>
      <c r="CW583" s="516" t="s">
        <v>2190</v>
      </c>
      <c r="CX583" s="516"/>
      <c r="CY583" s="516"/>
      <c r="CZ583" s="516"/>
      <c r="DA583" s="516"/>
      <c r="DB583" s="516"/>
      <c r="DC583" s="516"/>
      <c r="DD583" s="516"/>
      <c r="DE583" s="516"/>
      <c r="DF583" s="516"/>
      <c r="DG583" s="516"/>
      <c r="DH583" s="516"/>
      <c r="DI583" s="513" t="s">
        <v>2191</v>
      </c>
      <c r="DJ583" s="513"/>
      <c r="DK583" s="513" t="s">
        <v>869</v>
      </c>
    </row>
    <row r="584" spans="1:115" ht="56.1" hidden="1" customHeight="1" x14ac:dyDescent="0.2">
      <c r="A584" s="499" t="s">
        <v>2214</v>
      </c>
      <c r="B584" s="494" t="s">
        <v>2246</v>
      </c>
      <c r="C584" s="511">
        <v>59</v>
      </c>
      <c r="D584" s="511"/>
      <c r="E584" s="511" t="s">
        <v>2182</v>
      </c>
      <c r="F584" s="512" t="s">
        <v>1385</v>
      </c>
      <c r="G584" s="512" t="s">
        <v>1331</v>
      </c>
      <c r="H584" s="513" t="s">
        <v>2500</v>
      </c>
      <c r="I584" s="513" t="s">
        <v>2247</v>
      </c>
      <c r="J584" s="514" t="s">
        <v>2248</v>
      </c>
      <c r="K584" s="513" t="s">
        <v>253</v>
      </c>
      <c r="L584" s="513" t="s">
        <v>2249</v>
      </c>
      <c r="M584" s="513" t="s">
        <v>63</v>
      </c>
      <c r="N584" s="513"/>
      <c r="O584" s="513" t="s">
        <v>81</v>
      </c>
      <c r="P584" s="513" t="s">
        <v>2250</v>
      </c>
      <c r="Q584" s="513"/>
      <c r="R584" s="515" t="s">
        <v>2251</v>
      </c>
      <c r="S584" s="515" t="s">
        <v>63</v>
      </c>
      <c r="T584" s="515" t="s">
        <v>63</v>
      </c>
      <c r="U584" s="516" t="s">
        <v>63</v>
      </c>
      <c r="V584" s="516"/>
      <c r="W584" s="516" t="s">
        <v>718</v>
      </c>
      <c r="X584" s="516"/>
      <c r="Y584" s="516" t="s">
        <v>63</v>
      </c>
      <c r="Z584" s="516" t="s">
        <v>2189</v>
      </c>
      <c r="AA584" s="516"/>
      <c r="AB584" s="516"/>
      <c r="AC584" s="516"/>
      <c r="AD584" s="516"/>
      <c r="AE584" s="516"/>
      <c r="AF584" s="516"/>
      <c r="AG584" s="516"/>
      <c r="AH584" s="516"/>
      <c r="AI584" s="516"/>
      <c r="AJ584" s="516"/>
      <c r="AK584" s="516"/>
      <c r="AL584" s="516"/>
      <c r="AM584" s="516"/>
      <c r="AN584" s="516"/>
      <c r="AO584" s="516"/>
      <c r="AP584" s="516"/>
      <c r="AQ584" s="516"/>
      <c r="AR584" s="516"/>
      <c r="AS584" s="516"/>
      <c r="AT584" s="516"/>
      <c r="AU584" s="516"/>
      <c r="AV584" s="516"/>
      <c r="AW584" s="516"/>
      <c r="AX584" s="516"/>
      <c r="AY584" s="516"/>
      <c r="AZ584" s="516"/>
      <c r="BA584" s="516"/>
      <c r="BB584" s="516"/>
      <c r="BC584" s="516"/>
      <c r="BD584" s="516"/>
      <c r="BE584" s="516"/>
      <c r="BF584" s="516"/>
      <c r="BG584" s="516"/>
      <c r="BH584" s="516"/>
      <c r="BI584" s="516"/>
      <c r="BJ584" s="516"/>
      <c r="BK584" s="516"/>
      <c r="BL584" s="516"/>
      <c r="BM584" s="516"/>
      <c r="BN584" s="516"/>
      <c r="BO584" s="516"/>
      <c r="BP584" s="516"/>
      <c r="BQ584" s="516"/>
      <c r="BR584" s="516"/>
      <c r="BS584" s="516"/>
      <c r="BT584" s="516"/>
      <c r="BU584" s="516"/>
      <c r="BV584" s="516"/>
      <c r="BW584" s="516"/>
      <c r="BX584" s="516"/>
      <c r="BY584" s="516"/>
      <c r="BZ584" s="516"/>
      <c r="CA584" s="516"/>
      <c r="CB584" s="516"/>
      <c r="CC584" s="516"/>
      <c r="CD584" s="516"/>
      <c r="CE584" s="516"/>
      <c r="CF584" s="516"/>
      <c r="CG584" s="516"/>
      <c r="CH584" s="516"/>
      <c r="CI584" s="516"/>
      <c r="CJ584" s="516"/>
      <c r="CK584" s="516"/>
      <c r="CL584" s="516"/>
      <c r="CM584" s="516" t="s">
        <v>2190</v>
      </c>
      <c r="CN584" s="516" t="s">
        <v>2190</v>
      </c>
      <c r="CO584" s="516" t="s">
        <v>2190</v>
      </c>
      <c r="CP584" s="516" t="s">
        <v>2190</v>
      </c>
      <c r="CQ584" s="516" t="s">
        <v>2190</v>
      </c>
      <c r="CR584" s="516" t="s">
        <v>2190</v>
      </c>
      <c r="CS584" s="516" t="s">
        <v>2190</v>
      </c>
      <c r="CT584" s="516" t="s">
        <v>2190</v>
      </c>
      <c r="CU584" s="516" t="s">
        <v>2190</v>
      </c>
      <c r="CV584" s="516" t="s">
        <v>2190</v>
      </c>
      <c r="CW584" s="516" t="s">
        <v>2190</v>
      </c>
      <c r="CX584" s="516" t="s">
        <v>2190</v>
      </c>
      <c r="CY584" s="516" t="s">
        <v>2190</v>
      </c>
      <c r="CZ584" s="516" t="s">
        <v>2190</v>
      </c>
      <c r="DA584" s="516" t="s">
        <v>2190</v>
      </c>
      <c r="DB584" s="516" t="s">
        <v>2190</v>
      </c>
      <c r="DC584" s="516" t="s">
        <v>2190</v>
      </c>
      <c r="DD584" s="516" t="s">
        <v>2190</v>
      </c>
      <c r="DE584" s="516" t="s">
        <v>2190</v>
      </c>
      <c r="DF584" s="516" t="s">
        <v>2190</v>
      </c>
      <c r="DG584" s="516" t="s">
        <v>2190</v>
      </c>
      <c r="DH584" s="516" t="s">
        <v>2190</v>
      </c>
      <c r="DI584" s="513"/>
      <c r="DJ584" s="513"/>
      <c r="DK584" s="513" t="s">
        <v>2252</v>
      </c>
    </row>
    <row r="585" spans="1:115" ht="56.1" hidden="1" customHeight="1" x14ac:dyDescent="0.2">
      <c r="A585" s="499" t="s">
        <v>2214</v>
      </c>
      <c r="B585" s="494" t="s">
        <v>2253</v>
      </c>
      <c r="C585" s="511">
        <v>61</v>
      </c>
      <c r="D585" s="511"/>
      <c r="E585" s="511" t="s">
        <v>2182</v>
      </c>
      <c r="F585" s="512" t="s">
        <v>1385</v>
      </c>
      <c r="G585" s="512" t="s">
        <v>1331</v>
      </c>
      <c r="H585" s="513" t="s">
        <v>2254</v>
      </c>
      <c r="I585" s="513" t="s">
        <v>2255</v>
      </c>
      <c r="J585" s="514" t="s">
        <v>2256</v>
      </c>
      <c r="K585" s="513" t="s">
        <v>2257</v>
      </c>
      <c r="L585" s="513" t="s">
        <v>2249</v>
      </c>
      <c r="M585" s="513" t="s">
        <v>63</v>
      </c>
      <c r="N585" s="513"/>
      <c r="O585" s="513" t="s">
        <v>81</v>
      </c>
      <c r="P585" s="513" t="s">
        <v>869</v>
      </c>
      <c r="Q585" s="513"/>
      <c r="R585" s="516" t="s">
        <v>2258</v>
      </c>
      <c r="S585" s="515" t="s">
        <v>63</v>
      </c>
      <c r="T585" s="515" t="s">
        <v>63</v>
      </c>
      <c r="U585" s="516" t="s">
        <v>63</v>
      </c>
      <c r="V585" s="516"/>
      <c r="W585" s="516" t="s">
        <v>2188</v>
      </c>
      <c r="X585" s="516"/>
      <c r="Y585" s="516" t="s">
        <v>63</v>
      </c>
      <c r="Z585" s="516" t="s">
        <v>2189</v>
      </c>
      <c r="AA585" s="516"/>
      <c r="AB585" s="516"/>
      <c r="AC585" s="516"/>
      <c r="AD585" s="516"/>
      <c r="AE585" s="516"/>
      <c r="AF585" s="516"/>
      <c r="AG585" s="516"/>
      <c r="AH585" s="516"/>
      <c r="AI585" s="516"/>
      <c r="AJ585" s="516"/>
      <c r="AK585" s="516"/>
      <c r="AL585" s="516"/>
      <c r="AM585" s="516"/>
      <c r="AN585" s="516"/>
      <c r="AO585" s="516"/>
      <c r="AP585" s="516"/>
      <c r="AQ585" s="516"/>
      <c r="AR585" s="516"/>
      <c r="AS585" s="516"/>
      <c r="AT585" s="516"/>
      <c r="AU585" s="516"/>
      <c r="AV585" s="516"/>
      <c r="AW585" s="516"/>
      <c r="AX585" s="516"/>
      <c r="AY585" s="516"/>
      <c r="AZ585" s="516"/>
      <c r="BA585" s="516"/>
      <c r="BB585" s="516"/>
      <c r="BC585" s="516"/>
      <c r="BD585" s="516"/>
      <c r="BE585" s="516"/>
      <c r="BF585" s="516"/>
      <c r="BG585" s="516"/>
      <c r="BH585" s="516"/>
      <c r="BI585" s="516"/>
      <c r="BJ585" s="516"/>
      <c r="BK585" s="516"/>
      <c r="BL585" s="516"/>
      <c r="BM585" s="516"/>
      <c r="BN585" s="516"/>
      <c r="BO585" s="516"/>
      <c r="BP585" s="516"/>
      <c r="BQ585" s="516"/>
      <c r="BR585" s="516"/>
      <c r="BS585" s="516"/>
      <c r="BT585" s="516"/>
      <c r="BU585" s="516"/>
      <c r="BV585" s="516"/>
      <c r="BW585" s="516"/>
      <c r="BX585" s="516"/>
      <c r="BY585" s="516"/>
      <c r="BZ585" s="516"/>
      <c r="CA585" s="516"/>
      <c r="CB585" s="516"/>
      <c r="CC585" s="516"/>
      <c r="CD585" s="516"/>
      <c r="CE585" s="516"/>
      <c r="CF585" s="516"/>
      <c r="CG585" s="516"/>
      <c r="CH585" s="516"/>
      <c r="CI585" s="516"/>
      <c r="CJ585" s="516"/>
      <c r="CK585" s="516"/>
      <c r="CL585" s="516"/>
      <c r="CM585" s="516" t="s">
        <v>2190</v>
      </c>
      <c r="CN585" s="516" t="s">
        <v>2190</v>
      </c>
      <c r="CO585" s="516" t="s">
        <v>2190</v>
      </c>
      <c r="CP585" s="516" t="s">
        <v>2190</v>
      </c>
      <c r="CQ585" s="516" t="s">
        <v>2190</v>
      </c>
      <c r="CR585" s="516" t="s">
        <v>2190</v>
      </c>
      <c r="CS585" s="516" t="s">
        <v>2190</v>
      </c>
      <c r="CT585" s="516" t="s">
        <v>2190</v>
      </c>
      <c r="CU585" s="516" t="s">
        <v>2190</v>
      </c>
      <c r="CV585" s="516" t="s">
        <v>2190</v>
      </c>
      <c r="CW585" s="516" t="s">
        <v>2190</v>
      </c>
      <c r="CX585" s="516" t="s">
        <v>2190</v>
      </c>
      <c r="CY585" s="516" t="s">
        <v>2190</v>
      </c>
      <c r="CZ585" s="516" t="s">
        <v>2190</v>
      </c>
      <c r="DA585" s="516" t="s">
        <v>2190</v>
      </c>
      <c r="DB585" s="516" t="s">
        <v>2190</v>
      </c>
      <c r="DC585" s="516" t="s">
        <v>2190</v>
      </c>
      <c r="DD585" s="516" t="s">
        <v>2190</v>
      </c>
      <c r="DE585" s="516" t="s">
        <v>2190</v>
      </c>
      <c r="DF585" s="516" t="s">
        <v>2190</v>
      </c>
      <c r="DG585" s="516" t="s">
        <v>2190</v>
      </c>
      <c r="DH585" s="516" t="s">
        <v>2190</v>
      </c>
      <c r="DI585" s="513"/>
      <c r="DJ585" s="513"/>
      <c r="DK585" s="513" t="s">
        <v>2259</v>
      </c>
    </row>
    <row r="586" spans="1:115" ht="56.1" hidden="1" customHeight="1" x14ac:dyDescent="0.2">
      <c r="A586" s="510"/>
      <c r="B586" s="510"/>
      <c r="C586" s="511">
        <v>67</v>
      </c>
      <c r="D586" s="511"/>
      <c r="E586" s="511" t="s">
        <v>2182</v>
      </c>
      <c r="F586" s="512" t="s">
        <v>1385</v>
      </c>
      <c r="G586" s="512" t="s">
        <v>1331</v>
      </c>
      <c r="H586" s="513" t="s">
        <v>2261</v>
      </c>
      <c r="I586" s="513" t="s">
        <v>2262</v>
      </c>
      <c r="J586" s="513" t="s">
        <v>2263</v>
      </c>
      <c r="K586" s="513" t="s">
        <v>2264</v>
      </c>
      <c r="L586" s="513" t="s">
        <v>2264</v>
      </c>
      <c r="M586" s="513" t="s">
        <v>2265</v>
      </c>
      <c r="N586" s="513"/>
      <c r="O586" s="513" t="s">
        <v>60</v>
      </c>
      <c r="P586" s="513" t="s">
        <v>869</v>
      </c>
      <c r="Q586" s="513"/>
      <c r="R586" s="515" t="s">
        <v>2266</v>
      </c>
      <c r="S586" s="515" t="s">
        <v>63</v>
      </c>
      <c r="T586" s="515" t="s">
        <v>63</v>
      </c>
      <c r="U586" s="525">
        <v>484962.30060000002</v>
      </c>
      <c r="V586" s="525"/>
      <c r="W586" s="516" t="s">
        <v>2188</v>
      </c>
      <c r="X586" s="516"/>
      <c r="Y586" s="525">
        <v>484962.30060000002</v>
      </c>
      <c r="Z586" s="516" t="s">
        <v>2189</v>
      </c>
      <c r="AA586" s="516"/>
      <c r="AB586" s="516"/>
      <c r="AC586" s="516"/>
      <c r="AD586" s="516"/>
      <c r="AE586" s="516"/>
      <c r="AF586" s="516"/>
      <c r="AG586" s="516"/>
      <c r="AH586" s="516"/>
      <c r="AI586" s="516"/>
      <c r="AJ586" s="516"/>
      <c r="AK586" s="516"/>
      <c r="AL586" s="516"/>
      <c r="AM586" s="516"/>
      <c r="AN586" s="516"/>
      <c r="AO586" s="516"/>
      <c r="AP586" s="516"/>
      <c r="AQ586" s="516"/>
      <c r="AR586" s="516"/>
      <c r="AS586" s="516"/>
      <c r="AT586" s="516"/>
      <c r="AU586" s="516"/>
      <c r="AV586" s="516"/>
      <c r="AW586" s="516"/>
      <c r="AX586" s="516"/>
      <c r="AY586" s="516"/>
      <c r="AZ586" s="516"/>
      <c r="BA586" s="516"/>
      <c r="BB586" s="516"/>
      <c r="BC586" s="516"/>
      <c r="BD586" s="516"/>
      <c r="BE586" s="516"/>
      <c r="BF586" s="516"/>
      <c r="BG586" s="516"/>
      <c r="BH586" s="516"/>
      <c r="BI586" s="516"/>
      <c r="BJ586" s="516"/>
      <c r="BK586" s="516"/>
      <c r="BL586" s="516"/>
      <c r="BM586" s="516"/>
      <c r="BN586" s="516"/>
      <c r="BO586" s="516"/>
      <c r="BP586" s="516"/>
      <c r="BQ586" s="516"/>
      <c r="BR586" s="516"/>
      <c r="BS586" s="516"/>
      <c r="BT586" s="516"/>
      <c r="BU586" s="516"/>
      <c r="BV586" s="516"/>
      <c r="BW586" s="516"/>
      <c r="BX586" s="516"/>
      <c r="BY586" s="516"/>
      <c r="BZ586" s="516"/>
      <c r="CA586" s="516"/>
      <c r="CB586" s="516"/>
      <c r="CC586" s="516"/>
      <c r="CD586" s="516"/>
      <c r="CE586" s="516"/>
      <c r="CF586" s="516"/>
      <c r="CG586" s="516"/>
      <c r="CH586" s="516"/>
      <c r="CI586" s="516"/>
      <c r="CJ586" s="516"/>
      <c r="CK586" s="516"/>
      <c r="CL586" s="516"/>
      <c r="CM586" s="516"/>
      <c r="CN586" s="516"/>
      <c r="CO586" s="516"/>
      <c r="CP586" s="516"/>
      <c r="CQ586" s="516"/>
      <c r="CR586" s="516" t="s">
        <v>2190</v>
      </c>
      <c r="CS586" s="516"/>
      <c r="CT586" s="516"/>
      <c r="CU586" s="516"/>
      <c r="CV586" s="516"/>
      <c r="CW586" s="516"/>
      <c r="CX586" s="516"/>
      <c r="CY586" s="516"/>
      <c r="CZ586" s="516"/>
      <c r="DA586" s="516"/>
      <c r="DB586" s="516"/>
      <c r="DC586" s="516"/>
      <c r="DD586" s="516"/>
      <c r="DE586" s="516"/>
      <c r="DF586" s="516"/>
      <c r="DG586" s="516"/>
      <c r="DH586" s="524"/>
      <c r="DI586" s="513" t="s">
        <v>2267</v>
      </c>
      <c r="DJ586" s="513"/>
      <c r="DK586" s="513"/>
    </row>
    <row r="587" spans="1:115" ht="56.1" hidden="1" customHeight="1" x14ac:dyDescent="0.2">
      <c r="A587" s="510"/>
      <c r="B587" s="510"/>
      <c r="C587" s="511">
        <v>70</v>
      </c>
      <c r="D587" s="511"/>
      <c r="E587" s="511" t="s">
        <v>2182</v>
      </c>
      <c r="F587" s="512" t="s">
        <v>1385</v>
      </c>
      <c r="G587" s="512" t="s">
        <v>1331</v>
      </c>
      <c r="H587" s="513" t="s">
        <v>2261</v>
      </c>
      <c r="I587" s="513" t="s">
        <v>2268</v>
      </c>
      <c r="J587" s="513" t="s">
        <v>2269</v>
      </c>
      <c r="K587" s="513" t="s">
        <v>2186</v>
      </c>
      <c r="L587" s="513" t="s">
        <v>254</v>
      </c>
      <c r="M587" s="513" t="s">
        <v>59</v>
      </c>
      <c r="N587" s="513"/>
      <c r="O587" s="513" t="s">
        <v>60</v>
      </c>
      <c r="P587" s="513" t="s">
        <v>869</v>
      </c>
      <c r="Q587" s="513"/>
      <c r="R587" s="515" t="s">
        <v>169</v>
      </c>
      <c r="S587" s="515" t="s">
        <v>63</v>
      </c>
      <c r="T587" s="515" t="s">
        <v>63</v>
      </c>
      <c r="U587" s="525">
        <v>1471279.32</v>
      </c>
      <c r="V587" s="525"/>
      <c r="W587" s="516" t="s">
        <v>2188</v>
      </c>
      <c r="X587" s="516"/>
      <c r="Y587" s="525">
        <v>1471279.32</v>
      </c>
      <c r="Z587" s="516" t="s">
        <v>2189</v>
      </c>
      <c r="AA587" s="516"/>
      <c r="AB587" s="516"/>
      <c r="AC587" s="516"/>
      <c r="AD587" s="516"/>
      <c r="AE587" s="516"/>
      <c r="AF587" s="516"/>
      <c r="AG587" s="516"/>
      <c r="AH587" s="516"/>
      <c r="AI587" s="516"/>
      <c r="AJ587" s="516"/>
      <c r="AK587" s="516"/>
      <c r="AL587" s="516"/>
      <c r="AM587" s="516"/>
      <c r="AN587" s="516"/>
      <c r="AO587" s="516"/>
      <c r="AP587" s="516"/>
      <c r="AQ587" s="516"/>
      <c r="AR587" s="516"/>
      <c r="AS587" s="516"/>
      <c r="AT587" s="516"/>
      <c r="AU587" s="516"/>
      <c r="AV587" s="516"/>
      <c r="AW587" s="516"/>
      <c r="AX587" s="516"/>
      <c r="AY587" s="516"/>
      <c r="AZ587" s="516"/>
      <c r="BA587" s="516"/>
      <c r="BB587" s="516"/>
      <c r="BC587" s="516"/>
      <c r="BD587" s="516"/>
      <c r="BE587" s="516"/>
      <c r="BF587" s="516"/>
      <c r="BG587" s="516"/>
      <c r="BH587" s="516"/>
      <c r="BI587" s="516"/>
      <c r="BJ587" s="516"/>
      <c r="BK587" s="516"/>
      <c r="BL587" s="516"/>
      <c r="BM587" s="516"/>
      <c r="BN587" s="516"/>
      <c r="BO587" s="516"/>
      <c r="BP587" s="516"/>
      <c r="BQ587" s="516"/>
      <c r="BR587" s="516"/>
      <c r="BS587" s="516"/>
      <c r="BT587" s="516"/>
      <c r="BU587" s="516"/>
      <c r="BV587" s="516"/>
      <c r="BW587" s="516"/>
      <c r="BX587" s="516"/>
      <c r="BY587" s="516"/>
      <c r="BZ587" s="516"/>
      <c r="CA587" s="516"/>
      <c r="CB587" s="516"/>
      <c r="CC587" s="516"/>
      <c r="CD587" s="516"/>
      <c r="CE587" s="516"/>
      <c r="CF587" s="516"/>
      <c r="CG587" s="516"/>
      <c r="CH587" s="516"/>
      <c r="CI587" s="516"/>
      <c r="CJ587" s="516"/>
      <c r="CK587" s="516"/>
      <c r="CL587" s="516"/>
      <c r="CM587" s="516"/>
      <c r="CN587" s="516"/>
      <c r="CO587" s="516"/>
      <c r="CP587" s="516"/>
      <c r="CQ587" s="516"/>
      <c r="CR587" s="516"/>
      <c r="CS587" s="516"/>
      <c r="CT587" s="516"/>
      <c r="CU587" s="516" t="s">
        <v>2190</v>
      </c>
      <c r="CV587" s="516"/>
      <c r="CW587" s="516"/>
      <c r="CX587" s="516"/>
      <c r="CY587" s="516"/>
      <c r="CZ587" s="516"/>
      <c r="DA587" s="516"/>
      <c r="DB587" s="516"/>
      <c r="DC587" s="516"/>
      <c r="DD587" s="516"/>
      <c r="DE587" s="516"/>
      <c r="DF587" s="516"/>
      <c r="DG587" s="516"/>
      <c r="DH587" s="524"/>
      <c r="DI587" s="513" t="s">
        <v>2270</v>
      </c>
      <c r="DJ587" s="513"/>
      <c r="DK587" s="513"/>
    </row>
    <row r="588" spans="1:115" ht="56.1" hidden="1" customHeight="1" x14ac:dyDescent="0.2">
      <c r="A588" s="510"/>
      <c r="B588" s="510"/>
      <c r="C588" s="511">
        <v>71</v>
      </c>
      <c r="D588" s="511"/>
      <c r="E588" s="511" t="s">
        <v>2182</v>
      </c>
      <c r="F588" s="512" t="s">
        <v>1385</v>
      </c>
      <c r="G588" s="512" t="s">
        <v>1331</v>
      </c>
      <c r="H588" s="513" t="s">
        <v>2261</v>
      </c>
      <c r="I588" s="513" t="s">
        <v>2271</v>
      </c>
      <c r="J588" s="513" t="s">
        <v>2272</v>
      </c>
      <c r="K588" s="513" t="s">
        <v>2186</v>
      </c>
      <c r="L588" s="513" t="s">
        <v>254</v>
      </c>
      <c r="M588" s="513" t="s">
        <v>2194</v>
      </c>
      <c r="N588" s="513"/>
      <c r="O588" s="513" t="s">
        <v>60</v>
      </c>
      <c r="P588" s="513" t="s">
        <v>869</v>
      </c>
      <c r="Q588" s="513"/>
      <c r="R588" s="515" t="s">
        <v>2226</v>
      </c>
      <c r="S588" s="515" t="s">
        <v>63</v>
      </c>
      <c r="T588" s="515" t="s">
        <v>63</v>
      </c>
      <c r="U588" s="525">
        <v>1569364.608</v>
      </c>
      <c r="V588" s="525"/>
      <c r="W588" s="516" t="s">
        <v>2188</v>
      </c>
      <c r="X588" s="516"/>
      <c r="Y588" s="525">
        <v>1569364.608</v>
      </c>
      <c r="Z588" s="516" t="s">
        <v>2189</v>
      </c>
      <c r="AA588" s="516"/>
      <c r="AB588" s="516"/>
      <c r="AC588" s="516"/>
      <c r="AD588" s="516"/>
      <c r="AE588" s="516"/>
      <c r="AF588" s="516"/>
      <c r="AG588" s="516"/>
      <c r="AH588" s="516"/>
      <c r="AI588" s="516"/>
      <c r="AJ588" s="516"/>
      <c r="AK588" s="516"/>
      <c r="AL588" s="516"/>
      <c r="AM588" s="516"/>
      <c r="AN588" s="516"/>
      <c r="AO588" s="516"/>
      <c r="AP588" s="516"/>
      <c r="AQ588" s="516"/>
      <c r="AR588" s="516"/>
      <c r="AS588" s="516"/>
      <c r="AT588" s="516"/>
      <c r="AU588" s="516"/>
      <c r="AV588" s="516"/>
      <c r="AW588" s="516"/>
      <c r="AX588" s="516"/>
      <c r="AY588" s="516"/>
      <c r="AZ588" s="516"/>
      <c r="BA588" s="516"/>
      <c r="BB588" s="516"/>
      <c r="BC588" s="516"/>
      <c r="BD588" s="516"/>
      <c r="BE588" s="516"/>
      <c r="BF588" s="516"/>
      <c r="BG588" s="516"/>
      <c r="BH588" s="516"/>
      <c r="BI588" s="516"/>
      <c r="BJ588" s="516"/>
      <c r="BK588" s="516"/>
      <c r="BL588" s="516"/>
      <c r="BM588" s="516"/>
      <c r="BN588" s="516"/>
      <c r="BO588" s="516"/>
      <c r="BP588" s="516"/>
      <c r="BQ588" s="516"/>
      <c r="BR588" s="516"/>
      <c r="BS588" s="516"/>
      <c r="BT588" s="516"/>
      <c r="BU588" s="516"/>
      <c r="BV588" s="516"/>
      <c r="BW588" s="516"/>
      <c r="BX588" s="516"/>
      <c r="BY588" s="516"/>
      <c r="BZ588" s="516"/>
      <c r="CA588" s="516"/>
      <c r="CB588" s="516"/>
      <c r="CC588" s="516"/>
      <c r="CD588" s="516"/>
      <c r="CE588" s="516"/>
      <c r="CF588" s="516"/>
      <c r="CG588" s="516"/>
      <c r="CH588" s="516"/>
      <c r="CI588" s="516"/>
      <c r="CJ588" s="516"/>
      <c r="CK588" s="516"/>
      <c r="CL588" s="516"/>
      <c r="CM588" s="516"/>
      <c r="CN588" s="516"/>
      <c r="CO588" s="516"/>
      <c r="CP588" s="516"/>
      <c r="CQ588" s="516"/>
      <c r="CR588" s="516"/>
      <c r="CS588" s="516"/>
      <c r="CT588" s="516"/>
      <c r="CU588" s="516"/>
      <c r="CV588" s="516" t="s">
        <v>2190</v>
      </c>
      <c r="CW588" s="516"/>
      <c r="CX588" s="516"/>
      <c r="CY588" s="516"/>
      <c r="CZ588" s="516"/>
      <c r="DA588" s="516"/>
      <c r="DB588" s="516"/>
      <c r="DC588" s="516"/>
      <c r="DD588" s="516"/>
      <c r="DE588" s="516"/>
      <c r="DF588" s="516"/>
      <c r="DG588" s="516"/>
      <c r="DH588" s="524"/>
      <c r="DI588" s="513" t="s">
        <v>2270</v>
      </c>
      <c r="DJ588" s="513"/>
      <c r="DK588" s="513"/>
    </row>
    <row r="589" spans="1:115" ht="56.1" hidden="1" customHeight="1" x14ac:dyDescent="0.2">
      <c r="A589" s="510"/>
      <c r="B589" s="510"/>
      <c r="C589" s="511">
        <v>72</v>
      </c>
      <c r="D589" s="511"/>
      <c r="E589" s="511" t="s">
        <v>2182</v>
      </c>
      <c r="F589" s="512" t="s">
        <v>1385</v>
      </c>
      <c r="G589" s="512" t="s">
        <v>1331</v>
      </c>
      <c r="H589" s="513" t="s">
        <v>2261</v>
      </c>
      <c r="I589" s="513" t="s">
        <v>2273</v>
      </c>
      <c r="J589" s="513" t="s">
        <v>2274</v>
      </c>
      <c r="K589" s="513" t="s">
        <v>2205</v>
      </c>
      <c r="L589" s="513" t="s">
        <v>254</v>
      </c>
      <c r="M589" s="513" t="s">
        <v>2206</v>
      </c>
      <c r="N589" s="513"/>
      <c r="O589" s="513" t="s">
        <v>60</v>
      </c>
      <c r="P589" s="513" t="s">
        <v>869</v>
      </c>
      <c r="Q589" s="513"/>
      <c r="R589" s="515" t="s">
        <v>2226</v>
      </c>
      <c r="S589" s="515" t="s">
        <v>63</v>
      </c>
      <c r="T589" s="515" t="s">
        <v>63</v>
      </c>
      <c r="U589" s="525">
        <v>2354046.912</v>
      </c>
      <c r="V589" s="525"/>
      <c r="W589" s="516" t="s">
        <v>2188</v>
      </c>
      <c r="X589" s="516"/>
      <c r="Y589" s="525">
        <v>2354046.912</v>
      </c>
      <c r="Z589" s="516" t="s">
        <v>2189</v>
      </c>
      <c r="AA589" s="516"/>
      <c r="AB589" s="516"/>
      <c r="AC589" s="516"/>
      <c r="AD589" s="516"/>
      <c r="AE589" s="516"/>
      <c r="AF589" s="516"/>
      <c r="AG589" s="516"/>
      <c r="AH589" s="516"/>
      <c r="AI589" s="516"/>
      <c r="AJ589" s="516"/>
      <c r="AK589" s="516"/>
      <c r="AL589" s="516"/>
      <c r="AM589" s="516"/>
      <c r="AN589" s="516"/>
      <c r="AO589" s="516"/>
      <c r="AP589" s="516"/>
      <c r="AQ589" s="516"/>
      <c r="AR589" s="516"/>
      <c r="AS589" s="516"/>
      <c r="AT589" s="516"/>
      <c r="AU589" s="516"/>
      <c r="AV589" s="516"/>
      <c r="AW589" s="516"/>
      <c r="AX589" s="516"/>
      <c r="AY589" s="516"/>
      <c r="AZ589" s="516"/>
      <c r="BA589" s="516"/>
      <c r="BB589" s="516"/>
      <c r="BC589" s="516"/>
      <c r="BD589" s="516"/>
      <c r="BE589" s="516"/>
      <c r="BF589" s="516"/>
      <c r="BG589" s="516"/>
      <c r="BH589" s="516"/>
      <c r="BI589" s="516"/>
      <c r="BJ589" s="516"/>
      <c r="BK589" s="516"/>
      <c r="BL589" s="516"/>
      <c r="BM589" s="516"/>
      <c r="BN589" s="516"/>
      <c r="BO589" s="516"/>
      <c r="BP589" s="516"/>
      <c r="BQ589" s="516"/>
      <c r="BR589" s="516"/>
      <c r="BS589" s="516"/>
      <c r="BT589" s="516"/>
      <c r="BU589" s="516"/>
      <c r="BV589" s="516"/>
      <c r="BW589" s="516"/>
      <c r="BX589" s="516"/>
      <c r="BY589" s="516"/>
      <c r="BZ589" s="516"/>
      <c r="CA589" s="516"/>
      <c r="CB589" s="516"/>
      <c r="CC589" s="516"/>
      <c r="CD589" s="516"/>
      <c r="CE589" s="516"/>
      <c r="CF589" s="516"/>
      <c r="CG589" s="516"/>
      <c r="CH589" s="516"/>
      <c r="CI589" s="516"/>
      <c r="CJ589" s="516"/>
      <c r="CK589" s="516"/>
      <c r="CL589" s="516"/>
      <c r="CM589" s="516"/>
      <c r="CN589" s="516"/>
      <c r="CO589" s="516"/>
      <c r="CP589" s="516"/>
      <c r="CQ589" s="516"/>
      <c r="CR589" s="516"/>
      <c r="CS589" s="516"/>
      <c r="CT589" s="516"/>
      <c r="CU589" s="516"/>
      <c r="CV589" s="516"/>
      <c r="CW589" s="516" t="s">
        <v>2190</v>
      </c>
      <c r="CX589" s="516"/>
      <c r="CY589" s="516"/>
      <c r="CZ589" s="516"/>
      <c r="DA589" s="516"/>
      <c r="DB589" s="516"/>
      <c r="DC589" s="516"/>
      <c r="DD589" s="516"/>
      <c r="DE589" s="516"/>
      <c r="DF589" s="516"/>
      <c r="DG589" s="516"/>
      <c r="DH589" s="524"/>
      <c r="DI589" s="513" t="s">
        <v>2270</v>
      </c>
      <c r="DJ589" s="513"/>
      <c r="DK589" s="513"/>
    </row>
    <row r="590" spans="1:115" ht="56.1" hidden="1" customHeight="1" x14ac:dyDescent="0.2">
      <c r="A590" s="510"/>
      <c r="B590" s="510"/>
      <c r="C590" s="511">
        <v>73</v>
      </c>
      <c r="D590" s="511"/>
      <c r="E590" s="511" t="s">
        <v>2182</v>
      </c>
      <c r="F590" s="512" t="s">
        <v>1385</v>
      </c>
      <c r="G590" s="512" t="s">
        <v>1331</v>
      </c>
      <c r="H590" s="513" t="s">
        <v>1339</v>
      </c>
      <c r="I590" s="513" t="s">
        <v>2275</v>
      </c>
      <c r="J590" s="513" t="s">
        <v>2276</v>
      </c>
      <c r="K590" s="513" t="s">
        <v>2186</v>
      </c>
      <c r="L590" s="513" t="s">
        <v>254</v>
      </c>
      <c r="M590" s="513" t="s">
        <v>59</v>
      </c>
      <c r="N590" s="513"/>
      <c r="O590" s="513" t="s">
        <v>60</v>
      </c>
      <c r="P590" s="513" t="s">
        <v>2277</v>
      </c>
      <c r="Q590" s="513"/>
      <c r="R590" s="515" t="s">
        <v>169</v>
      </c>
      <c r="S590" s="515" t="s">
        <v>63</v>
      </c>
      <c r="T590" s="515" t="s">
        <v>63</v>
      </c>
      <c r="U590" s="516">
        <v>5846560</v>
      </c>
      <c r="V590" s="516"/>
      <c r="W590" s="516" t="s">
        <v>2188</v>
      </c>
      <c r="X590" s="516"/>
      <c r="Y590" s="516">
        <v>5846560</v>
      </c>
      <c r="Z590" s="516" t="s">
        <v>2189</v>
      </c>
      <c r="AA590" s="516"/>
      <c r="AB590" s="516"/>
      <c r="AC590" s="516"/>
      <c r="AD590" s="516"/>
      <c r="AE590" s="516"/>
      <c r="AF590" s="516"/>
      <c r="AG590" s="516"/>
      <c r="AH590" s="516"/>
      <c r="AI590" s="516"/>
      <c r="AJ590" s="516"/>
      <c r="AK590" s="516"/>
      <c r="AL590" s="516"/>
      <c r="AM590" s="516"/>
      <c r="AN590" s="516"/>
      <c r="AO590" s="516"/>
      <c r="AP590" s="516"/>
      <c r="AQ590" s="516"/>
      <c r="AR590" s="516"/>
      <c r="AS590" s="516"/>
      <c r="AT590" s="516"/>
      <c r="AU590" s="516"/>
      <c r="AV590" s="516"/>
      <c r="AW590" s="516"/>
      <c r="AX590" s="516"/>
      <c r="AY590" s="516"/>
      <c r="AZ590" s="516"/>
      <c r="BA590" s="516"/>
      <c r="BB590" s="516"/>
      <c r="BC590" s="516"/>
      <c r="BD590" s="516"/>
      <c r="BE590" s="516"/>
      <c r="BF590" s="516"/>
      <c r="BG590" s="516"/>
      <c r="BH590" s="516"/>
      <c r="BI590" s="516"/>
      <c r="BJ590" s="516"/>
      <c r="BK590" s="516"/>
      <c r="BL590" s="516"/>
      <c r="BM590" s="516"/>
      <c r="BN590" s="516"/>
      <c r="BO590" s="516"/>
      <c r="BP590" s="516"/>
      <c r="BQ590" s="516"/>
      <c r="BR590" s="516"/>
      <c r="BS590" s="516"/>
      <c r="BT590" s="516"/>
      <c r="BU590" s="516"/>
      <c r="BV590" s="516"/>
      <c r="BW590" s="516"/>
      <c r="BX590" s="516"/>
      <c r="BY590" s="516"/>
      <c r="BZ590" s="516"/>
      <c r="CA590" s="516"/>
      <c r="CB590" s="516"/>
      <c r="CC590" s="516"/>
      <c r="CD590" s="516"/>
      <c r="CE590" s="516"/>
      <c r="CF590" s="516"/>
      <c r="CG590" s="516"/>
      <c r="CH590" s="516"/>
      <c r="CI590" s="516"/>
      <c r="CJ590" s="516"/>
      <c r="CK590" s="516"/>
      <c r="CL590" s="516"/>
      <c r="CM590" s="516"/>
      <c r="CN590" s="516"/>
      <c r="CO590" s="516"/>
      <c r="CP590" s="516"/>
      <c r="CQ590" s="516"/>
      <c r="CR590" s="516"/>
      <c r="CS590" s="516"/>
      <c r="CT590" s="516"/>
      <c r="CU590" s="516" t="s">
        <v>2190</v>
      </c>
      <c r="CV590" s="516"/>
      <c r="CW590" s="516"/>
      <c r="CX590" s="516"/>
      <c r="CY590" s="516"/>
      <c r="CZ590" s="516"/>
      <c r="DA590" s="516"/>
      <c r="DB590" s="516"/>
      <c r="DC590" s="516"/>
      <c r="DD590" s="516"/>
      <c r="DE590" s="516"/>
      <c r="DF590" s="516"/>
      <c r="DG590" s="516"/>
      <c r="DH590" s="516"/>
      <c r="DI590" s="513" t="s">
        <v>2278</v>
      </c>
      <c r="DJ590" s="513"/>
      <c r="DK590" s="513" t="s">
        <v>2279</v>
      </c>
    </row>
    <row r="591" spans="1:115" ht="67.349999999999994" hidden="1" customHeight="1" x14ac:dyDescent="0.2">
      <c r="A591" s="499" t="s">
        <v>2337</v>
      </c>
      <c r="B591" s="494" t="s">
        <v>2339</v>
      </c>
      <c r="C591" s="511">
        <v>74</v>
      </c>
      <c r="D591" s="511"/>
      <c r="E591" s="511" t="s">
        <v>2182</v>
      </c>
      <c r="F591" s="512" t="s">
        <v>1385</v>
      </c>
      <c r="G591" s="512" t="s">
        <v>1331</v>
      </c>
      <c r="H591" s="513" t="s">
        <v>1339</v>
      </c>
      <c r="I591" s="513" t="s">
        <v>2340</v>
      </c>
      <c r="J591" s="513" t="s">
        <v>2341</v>
      </c>
      <c r="K591" s="513" t="s">
        <v>253</v>
      </c>
      <c r="L591" s="513" t="s">
        <v>254</v>
      </c>
      <c r="M591" s="513" t="s">
        <v>2211</v>
      </c>
      <c r="N591" s="513"/>
      <c r="O591" s="513" t="s">
        <v>60</v>
      </c>
      <c r="P591" s="513" t="s">
        <v>2277</v>
      </c>
      <c r="Q591" s="513"/>
      <c r="R591" s="515" t="s">
        <v>2258</v>
      </c>
      <c r="S591" s="526">
        <v>2062000</v>
      </c>
      <c r="T591" s="527">
        <v>3093000</v>
      </c>
      <c r="U591" s="528">
        <v>2577500</v>
      </c>
      <c r="V591" s="528"/>
      <c r="W591" s="516" t="s">
        <v>2188</v>
      </c>
      <c r="X591" s="516"/>
      <c r="Y591" s="516">
        <v>2577500</v>
      </c>
      <c r="Z591" s="516" t="s">
        <v>2189</v>
      </c>
      <c r="AA591" s="516"/>
      <c r="AB591" s="516"/>
      <c r="AC591" s="516"/>
      <c r="AD591" s="516"/>
      <c r="AE591" s="516"/>
      <c r="AF591" s="516"/>
      <c r="AG591" s="516"/>
      <c r="AH591" s="516"/>
      <c r="AI591" s="516"/>
      <c r="AJ591" s="516"/>
      <c r="AK591" s="516"/>
      <c r="AL591" s="516"/>
      <c r="AM591" s="516"/>
      <c r="AN591" s="516"/>
      <c r="AO591" s="516"/>
      <c r="AP591" s="516"/>
      <c r="AQ591" s="516"/>
      <c r="AR591" s="516"/>
      <c r="AS591" s="516"/>
      <c r="AT591" s="516"/>
      <c r="AU591" s="516"/>
      <c r="AV591" s="516"/>
      <c r="AW591" s="516"/>
      <c r="AX591" s="516"/>
      <c r="AY591" s="516"/>
      <c r="AZ591" s="516"/>
      <c r="BA591" s="516"/>
      <c r="BB591" s="516"/>
      <c r="BC591" s="516"/>
      <c r="BD591" s="516"/>
      <c r="BE591" s="516"/>
      <c r="BF591" s="516"/>
      <c r="BG591" s="516"/>
      <c r="BH591" s="516"/>
      <c r="BI591" s="516"/>
      <c r="BJ591" s="516"/>
      <c r="BK591" s="516"/>
      <c r="BL591" s="516"/>
      <c r="BM591" s="516"/>
      <c r="BN591" s="516"/>
      <c r="BO591" s="516"/>
      <c r="BP591" s="516"/>
      <c r="BQ591" s="516"/>
      <c r="BR591" s="516"/>
      <c r="BS591" s="516"/>
      <c r="BT591" s="516"/>
      <c r="BU591" s="516"/>
      <c r="BV591" s="516"/>
      <c r="BW591" s="516"/>
      <c r="BX591" s="516"/>
      <c r="BY591" s="516"/>
      <c r="BZ591" s="516"/>
      <c r="CA591" s="516"/>
      <c r="CB591" s="516"/>
      <c r="CC591" s="516"/>
      <c r="CD591" s="516"/>
      <c r="CE591" s="516"/>
      <c r="CF591" s="516"/>
      <c r="CG591" s="516"/>
      <c r="CH591" s="516"/>
      <c r="CI591" s="516"/>
      <c r="CJ591" s="516"/>
      <c r="CK591" s="516"/>
      <c r="CL591" s="516"/>
      <c r="CM591" s="516"/>
      <c r="CN591" s="516"/>
      <c r="CO591" s="516"/>
      <c r="CP591" s="516"/>
      <c r="CQ591" s="516"/>
      <c r="CR591" s="516"/>
      <c r="CS591" s="516"/>
      <c r="CT591" s="516"/>
      <c r="CU591" s="516" t="s">
        <v>2190</v>
      </c>
      <c r="CV591" s="516" t="s">
        <v>2190</v>
      </c>
      <c r="CW591" s="516" t="s">
        <v>2190</v>
      </c>
      <c r="CX591" s="516" t="s">
        <v>2190</v>
      </c>
      <c r="CY591" s="516"/>
      <c r="CZ591" s="516"/>
      <c r="DA591" s="516"/>
      <c r="DB591" s="516"/>
      <c r="DC591" s="516"/>
      <c r="DD591" s="516"/>
      <c r="DE591" s="516"/>
      <c r="DF591" s="516"/>
      <c r="DG591" s="516"/>
      <c r="DH591" s="516"/>
      <c r="DI591" s="513"/>
      <c r="DJ591" s="513"/>
      <c r="DK591" s="513" t="s">
        <v>2279</v>
      </c>
    </row>
    <row r="592" spans="1:115" ht="56.1" hidden="1" customHeight="1" x14ac:dyDescent="0.2">
      <c r="A592" s="510"/>
      <c r="B592" s="510"/>
      <c r="C592" s="511">
        <v>75</v>
      </c>
      <c r="D592" s="511"/>
      <c r="E592" s="511" t="s">
        <v>2182</v>
      </c>
      <c r="F592" s="512" t="s">
        <v>1385</v>
      </c>
      <c r="G592" s="512" t="s">
        <v>1331</v>
      </c>
      <c r="H592" s="513" t="s">
        <v>1339</v>
      </c>
      <c r="I592" s="513" t="s">
        <v>2288</v>
      </c>
      <c r="J592" s="513" t="s">
        <v>2276</v>
      </c>
      <c r="K592" s="513" t="s">
        <v>2186</v>
      </c>
      <c r="L592" s="513" t="s">
        <v>254</v>
      </c>
      <c r="M592" s="513" t="s">
        <v>2194</v>
      </c>
      <c r="N592" s="513"/>
      <c r="O592" s="513" t="s">
        <v>60</v>
      </c>
      <c r="P592" s="513" t="s">
        <v>2277</v>
      </c>
      <c r="Q592" s="513"/>
      <c r="R592" s="515" t="s">
        <v>2226</v>
      </c>
      <c r="S592" s="515" t="s">
        <v>63</v>
      </c>
      <c r="T592" s="515" t="s">
        <v>63</v>
      </c>
      <c r="U592" s="516">
        <v>630480</v>
      </c>
      <c r="V592" s="516"/>
      <c r="W592" s="516" t="s">
        <v>2188</v>
      </c>
      <c r="X592" s="516"/>
      <c r="Y592" s="516">
        <v>630480</v>
      </c>
      <c r="Z592" s="516" t="s">
        <v>2189</v>
      </c>
      <c r="AA592" s="516"/>
      <c r="AB592" s="516"/>
      <c r="AC592" s="516"/>
      <c r="AD592" s="516"/>
      <c r="AE592" s="516"/>
      <c r="AF592" s="516"/>
      <c r="AG592" s="516"/>
      <c r="AH592" s="516"/>
      <c r="AI592" s="516"/>
      <c r="AJ592" s="516"/>
      <c r="AK592" s="516"/>
      <c r="AL592" s="516"/>
      <c r="AM592" s="516"/>
      <c r="AN592" s="516"/>
      <c r="AO592" s="516"/>
      <c r="AP592" s="516"/>
      <c r="AQ592" s="516"/>
      <c r="AR592" s="516"/>
      <c r="AS592" s="516"/>
      <c r="AT592" s="516"/>
      <c r="AU592" s="516"/>
      <c r="AV592" s="516"/>
      <c r="AW592" s="516"/>
      <c r="AX592" s="516"/>
      <c r="AY592" s="516"/>
      <c r="AZ592" s="516"/>
      <c r="BA592" s="516"/>
      <c r="BB592" s="516"/>
      <c r="BC592" s="516"/>
      <c r="BD592" s="516"/>
      <c r="BE592" s="516"/>
      <c r="BF592" s="516"/>
      <c r="BG592" s="516"/>
      <c r="BH592" s="516"/>
      <c r="BI592" s="516"/>
      <c r="BJ592" s="516"/>
      <c r="BK592" s="516"/>
      <c r="BL592" s="516"/>
      <c r="BM592" s="516"/>
      <c r="BN592" s="516"/>
      <c r="BO592" s="516"/>
      <c r="BP592" s="516"/>
      <c r="BQ592" s="516"/>
      <c r="BR592" s="516"/>
      <c r="BS592" s="516"/>
      <c r="BT592" s="516"/>
      <c r="BU592" s="516"/>
      <c r="BV592" s="516"/>
      <c r="BW592" s="516"/>
      <c r="BX592" s="516"/>
      <c r="BY592" s="516"/>
      <c r="BZ592" s="516"/>
      <c r="CA592" s="516"/>
      <c r="CB592" s="516"/>
      <c r="CC592" s="516"/>
      <c r="CD592" s="516"/>
      <c r="CE592" s="516"/>
      <c r="CF592" s="516"/>
      <c r="CG592" s="516"/>
      <c r="CH592" s="516"/>
      <c r="CI592" s="516"/>
      <c r="CJ592" s="516"/>
      <c r="CK592" s="516"/>
      <c r="CL592" s="516"/>
      <c r="CM592" s="516"/>
      <c r="CN592" s="516"/>
      <c r="CO592" s="516"/>
      <c r="CP592" s="516"/>
      <c r="CQ592" s="516"/>
      <c r="CR592" s="516"/>
      <c r="CS592" s="516"/>
      <c r="CT592" s="516"/>
      <c r="CU592" s="516"/>
      <c r="CV592" s="516" t="s">
        <v>2190</v>
      </c>
      <c r="CW592" s="516"/>
      <c r="CX592" s="516"/>
      <c r="CY592" s="516"/>
      <c r="CZ592" s="516"/>
      <c r="DA592" s="516"/>
      <c r="DB592" s="516"/>
      <c r="DC592" s="516"/>
      <c r="DD592" s="516"/>
      <c r="DE592" s="516"/>
      <c r="DF592" s="516"/>
      <c r="DG592" s="516"/>
      <c r="DH592" s="516"/>
      <c r="DI592" s="513" t="s">
        <v>2289</v>
      </c>
      <c r="DJ592" s="513"/>
      <c r="DK592" s="513" t="s">
        <v>2279</v>
      </c>
    </row>
    <row r="593" spans="1:115" ht="56.1" hidden="1" customHeight="1" x14ac:dyDescent="0.2">
      <c r="A593" s="499" t="s">
        <v>2290</v>
      </c>
      <c r="B593" s="510" t="s">
        <v>2291</v>
      </c>
      <c r="C593" s="511">
        <v>76</v>
      </c>
      <c r="D593" s="511"/>
      <c r="E593" s="511" t="s">
        <v>2182</v>
      </c>
      <c r="F593" s="512" t="s">
        <v>1385</v>
      </c>
      <c r="G593" s="512" t="s">
        <v>1331</v>
      </c>
      <c r="H593" s="513" t="s">
        <v>2292</v>
      </c>
      <c r="I593" s="513" t="s">
        <v>2293</v>
      </c>
      <c r="J593" s="513" t="s">
        <v>2294</v>
      </c>
      <c r="K593" s="513" t="s">
        <v>253</v>
      </c>
      <c r="L593" s="513" t="s">
        <v>254</v>
      </c>
      <c r="M593" s="513" t="s">
        <v>2295</v>
      </c>
      <c r="N593" s="513"/>
      <c r="O593" s="513" t="s">
        <v>60</v>
      </c>
      <c r="P593" s="513" t="s">
        <v>2277</v>
      </c>
      <c r="Q593" s="513"/>
      <c r="R593" s="515" t="s">
        <v>2258</v>
      </c>
      <c r="S593" s="515" t="s">
        <v>63</v>
      </c>
      <c r="T593" s="515" t="s">
        <v>63</v>
      </c>
      <c r="U593" s="516">
        <v>1542520</v>
      </c>
      <c r="V593" s="516"/>
      <c r="W593" s="516" t="s">
        <v>2188</v>
      </c>
      <c r="X593" s="516"/>
      <c r="Y593" s="516">
        <v>1542520</v>
      </c>
      <c r="Z593" s="516" t="s">
        <v>2189</v>
      </c>
      <c r="AA593" s="516"/>
      <c r="AB593" s="516"/>
      <c r="AC593" s="516"/>
      <c r="AD593" s="516"/>
      <c r="AE593" s="516"/>
      <c r="AF593" s="516"/>
      <c r="AG593" s="516"/>
      <c r="AH593" s="516"/>
      <c r="AI593" s="516"/>
      <c r="AJ593" s="516"/>
      <c r="AK593" s="516"/>
      <c r="AL593" s="516"/>
      <c r="AM593" s="516"/>
      <c r="AN593" s="516"/>
      <c r="AO593" s="516"/>
      <c r="AP593" s="516"/>
      <c r="AQ593" s="516"/>
      <c r="AR593" s="516"/>
      <c r="AS593" s="516"/>
      <c r="AT593" s="516"/>
      <c r="AU593" s="516"/>
      <c r="AV593" s="516"/>
      <c r="AW593" s="516"/>
      <c r="AX593" s="516"/>
      <c r="AY593" s="516"/>
      <c r="AZ593" s="516"/>
      <c r="BA593" s="516"/>
      <c r="BB593" s="516"/>
      <c r="BC593" s="516"/>
      <c r="BD593" s="516"/>
      <c r="BE593" s="516"/>
      <c r="BF593" s="516"/>
      <c r="BG593" s="516"/>
      <c r="BH593" s="516"/>
      <c r="BI593" s="516"/>
      <c r="BJ593" s="516"/>
      <c r="BK593" s="516"/>
      <c r="BL593" s="516"/>
      <c r="BM593" s="516"/>
      <c r="BN593" s="516"/>
      <c r="BO593" s="516"/>
      <c r="BP593" s="516"/>
      <c r="BQ593" s="516"/>
      <c r="BR593" s="516"/>
      <c r="BS593" s="516"/>
      <c r="BT593" s="516"/>
      <c r="BU593" s="516"/>
      <c r="BV593" s="516"/>
      <c r="BW593" s="516"/>
      <c r="BX593" s="516"/>
      <c r="BY593" s="516"/>
      <c r="BZ593" s="516"/>
      <c r="CA593" s="516"/>
      <c r="CB593" s="516"/>
      <c r="CC593" s="516"/>
      <c r="CD593" s="516"/>
      <c r="CE593" s="516"/>
      <c r="CF593" s="516"/>
      <c r="CG593" s="516"/>
      <c r="CH593" s="516"/>
      <c r="CI593" s="516"/>
      <c r="CJ593" s="516"/>
      <c r="CK593" s="516"/>
      <c r="CL593" s="516"/>
      <c r="CM593" s="516"/>
      <c r="CN593" s="516"/>
      <c r="CO593" s="516"/>
      <c r="CP593" s="516"/>
      <c r="CQ593" s="516"/>
      <c r="CR593" s="516"/>
      <c r="CS593" s="516"/>
      <c r="CT593" s="516"/>
      <c r="CU593" s="516"/>
      <c r="CV593" s="516" t="s">
        <v>2190</v>
      </c>
      <c r="CW593" s="516" t="s">
        <v>2190</v>
      </c>
      <c r="CX593" s="516"/>
      <c r="CY593" s="516"/>
      <c r="CZ593" s="516"/>
      <c r="DA593" s="516"/>
      <c r="DB593" s="516"/>
      <c r="DC593" s="516"/>
      <c r="DD593" s="516"/>
      <c r="DE593" s="516"/>
      <c r="DF593" s="516"/>
      <c r="DG593" s="516"/>
      <c r="DH593" s="516"/>
      <c r="DI593" s="513" t="s">
        <v>2296</v>
      </c>
      <c r="DJ593" s="513"/>
      <c r="DK593" s="513" t="s">
        <v>2279</v>
      </c>
    </row>
    <row r="594" spans="1:115" ht="56.1" hidden="1" customHeight="1" x14ac:dyDescent="0.2">
      <c r="A594" s="510"/>
      <c r="B594" s="510"/>
      <c r="C594" s="511">
        <v>77</v>
      </c>
      <c r="D594" s="511"/>
      <c r="E594" s="511" t="s">
        <v>2182</v>
      </c>
      <c r="F594" s="512" t="s">
        <v>1385</v>
      </c>
      <c r="G594" s="512" t="s">
        <v>1331</v>
      </c>
      <c r="H594" s="513" t="s">
        <v>2292</v>
      </c>
      <c r="I594" s="513" t="s">
        <v>2297</v>
      </c>
      <c r="J594" s="513" t="s">
        <v>2298</v>
      </c>
      <c r="K594" s="513" t="s">
        <v>2205</v>
      </c>
      <c r="L594" s="513" t="s">
        <v>254</v>
      </c>
      <c r="M594" s="513" t="s">
        <v>2206</v>
      </c>
      <c r="N594" s="513"/>
      <c r="O594" s="513" t="s">
        <v>60</v>
      </c>
      <c r="P594" s="513" t="s">
        <v>2277</v>
      </c>
      <c r="Q594" s="513"/>
      <c r="R594" s="515" t="s">
        <v>2226</v>
      </c>
      <c r="S594" s="515" t="s">
        <v>63</v>
      </c>
      <c r="T594" s="515" t="s">
        <v>63</v>
      </c>
      <c r="U594" s="516" t="s">
        <v>2299</v>
      </c>
      <c r="V594" s="516"/>
      <c r="W594" s="516" t="s">
        <v>2188</v>
      </c>
      <c r="X594" s="516"/>
      <c r="Y594" s="516" t="s">
        <v>2299</v>
      </c>
      <c r="Z594" s="516" t="s">
        <v>2189</v>
      </c>
      <c r="AA594" s="516"/>
      <c r="AB594" s="516"/>
      <c r="AC594" s="516"/>
      <c r="AD594" s="516"/>
      <c r="AE594" s="516"/>
      <c r="AF594" s="516"/>
      <c r="AG594" s="516"/>
      <c r="AH594" s="516"/>
      <c r="AI594" s="516"/>
      <c r="AJ594" s="516"/>
      <c r="AK594" s="516"/>
      <c r="AL594" s="516"/>
      <c r="AM594" s="516"/>
      <c r="AN594" s="516"/>
      <c r="AO594" s="516"/>
      <c r="AP594" s="516"/>
      <c r="AQ594" s="516"/>
      <c r="AR594" s="516"/>
      <c r="AS594" s="516"/>
      <c r="AT594" s="516"/>
      <c r="AU594" s="516"/>
      <c r="AV594" s="516"/>
      <c r="AW594" s="516"/>
      <c r="AX594" s="516"/>
      <c r="AY594" s="516"/>
      <c r="AZ594" s="516"/>
      <c r="BA594" s="516"/>
      <c r="BB594" s="516"/>
      <c r="BC594" s="516"/>
      <c r="BD594" s="516"/>
      <c r="BE594" s="516"/>
      <c r="BF594" s="516"/>
      <c r="BG594" s="516"/>
      <c r="BH594" s="516"/>
      <c r="BI594" s="516"/>
      <c r="BJ594" s="516"/>
      <c r="BK594" s="516"/>
      <c r="BL594" s="516"/>
      <c r="BM594" s="516"/>
      <c r="BN594" s="516"/>
      <c r="BO594" s="516"/>
      <c r="BP594" s="516"/>
      <c r="BQ594" s="516"/>
      <c r="BR594" s="516"/>
      <c r="BS594" s="516"/>
      <c r="BT594" s="516"/>
      <c r="BU594" s="516"/>
      <c r="BV594" s="516"/>
      <c r="BW594" s="516"/>
      <c r="BX594" s="516"/>
      <c r="BY594" s="516"/>
      <c r="BZ594" s="516"/>
      <c r="CA594" s="516"/>
      <c r="CB594" s="516"/>
      <c r="CC594" s="516"/>
      <c r="CD594" s="516"/>
      <c r="CE594" s="516"/>
      <c r="CF594" s="516"/>
      <c r="CG594" s="516"/>
      <c r="CH594" s="516"/>
      <c r="CI594" s="516"/>
      <c r="CJ594" s="516"/>
      <c r="CK594" s="516"/>
      <c r="CL594" s="516"/>
      <c r="CM594" s="516"/>
      <c r="CN594" s="516"/>
      <c r="CO594" s="516"/>
      <c r="CP594" s="516"/>
      <c r="CQ594" s="516"/>
      <c r="CR594" s="516"/>
      <c r="CS594" s="516"/>
      <c r="CT594" s="516"/>
      <c r="CU594" s="516"/>
      <c r="CV594" s="516"/>
      <c r="CW594" s="516" t="s">
        <v>2190</v>
      </c>
      <c r="CX594" s="516"/>
      <c r="CY594" s="516"/>
      <c r="CZ594" s="516"/>
      <c r="DA594" s="516"/>
      <c r="DB594" s="516"/>
      <c r="DC594" s="516"/>
      <c r="DD594" s="516"/>
      <c r="DE594" s="516"/>
      <c r="DF594" s="516"/>
      <c r="DG594" s="516"/>
      <c r="DH594" s="516"/>
      <c r="DI594" s="513" t="s">
        <v>2300</v>
      </c>
      <c r="DJ594" s="513"/>
      <c r="DK594" s="513" t="s">
        <v>2279</v>
      </c>
    </row>
    <row r="595" spans="1:115" ht="56.1" hidden="1" customHeight="1" x14ac:dyDescent="0.2">
      <c r="A595" s="510"/>
      <c r="B595" s="510"/>
      <c r="C595" s="511">
        <v>78</v>
      </c>
      <c r="D595" s="511"/>
      <c r="E595" s="511" t="s">
        <v>2182</v>
      </c>
      <c r="F595" s="512" t="s">
        <v>1385</v>
      </c>
      <c r="G595" s="512" t="s">
        <v>1331</v>
      </c>
      <c r="H595" s="513" t="s">
        <v>1339</v>
      </c>
      <c r="I595" s="513" t="s">
        <v>2301</v>
      </c>
      <c r="J595" s="513" t="s">
        <v>2302</v>
      </c>
      <c r="K595" s="513" t="s">
        <v>2205</v>
      </c>
      <c r="L595" s="513" t="s">
        <v>254</v>
      </c>
      <c r="M595" s="513" t="s">
        <v>2206</v>
      </c>
      <c r="N595" s="513"/>
      <c r="O595" s="513" t="s">
        <v>60</v>
      </c>
      <c r="P595" s="513" t="s">
        <v>2277</v>
      </c>
      <c r="Q595" s="513"/>
      <c r="R595" s="515" t="s">
        <v>2226</v>
      </c>
      <c r="S595" s="515" t="s">
        <v>63</v>
      </c>
      <c r="T595" s="515" t="s">
        <v>63</v>
      </c>
      <c r="U595" s="516">
        <v>912040</v>
      </c>
      <c r="V595" s="516"/>
      <c r="W595" s="516" t="s">
        <v>2188</v>
      </c>
      <c r="X595" s="516"/>
      <c r="Y595" s="516">
        <v>912040</v>
      </c>
      <c r="Z595" s="516" t="s">
        <v>2189</v>
      </c>
      <c r="AA595" s="516"/>
      <c r="AB595" s="516"/>
      <c r="AC595" s="516"/>
      <c r="AD595" s="516"/>
      <c r="AE595" s="516"/>
      <c r="AF595" s="516"/>
      <c r="AG595" s="516"/>
      <c r="AH595" s="516"/>
      <c r="AI595" s="516"/>
      <c r="AJ595" s="516"/>
      <c r="AK595" s="516"/>
      <c r="AL595" s="516"/>
      <c r="AM595" s="516"/>
      <c r="AN595" s="516"/>
      <c r="AO595" s="516"/>
      <c r="AP595" s="516"/>
      <c r="AQ595" s="516"/>
      <c r="AR595" s="516"/>
      <c r="AS595" s="516"/>
      <c r="AT595" s="516"/>
      <c r="AU595" s="516"/>
      <c r="AV595" s="516"/>
      <c r="AW595" s="516"/>
      <c r="AX595" s="516"/>
      <c r="AY595" s="516"/>
      <c r="AZ595" s="516"/>
      <c r="BA595" s="516"/>
      <c r="BB595" s="516"/>
      <c r="BC595" s="516"/>
      <c r="BD595" s="516"/>
      <c r="BE595" s="516"/>
      <c r="BF595" s="516"/>
      <c r="BG595" s="516"/>
      <c r="BH595" s="516"/>
      <c r="BI595" s="516"/>
      <c r="BJ595" s="516"/>
      <c r="BK595" s="516"/>
      <c r="BL595" s="516"/>
      <c r="BM595" s="516"/>
      <c r="BN595" s="516"/>
      <c r="BO595" s="516"/>
      <c r="BP595" s="516"/>
      <c r="BQ595" s="516"/>
      <c r="BR595" s="516"/>
      <c r="BS595" s="516"/>
      <c r="BT595" s="516"/>
      <c r="BU595" s="516"/>
      <c r="BV595" s="516"/>
      <c r="BW595" s="516"/>
      <c r="BX595" s="516"/>
      <c r="BY595" s="516"/>
      <c r="BZ595" s="516"/>
      <c r="CA595" s="516"/>
      <c r="CB595" s="516"/>
      <c r="CC595" s="516"/>
      <c r="CD595" s="516"/>
      <c r="CE595" s="516"/>
      <c r="CF595" s="516"/>
      <c r="CG595" s="516"/>
      <c r="CH595" s="516"/>
      <c r="CI595" s="516"/>
      <c r="CJ595" s="516"/>
      <c r="CK595" s="516"/>
      <c r="CL595" s="516"/>
      <c r="CM595" s="516"/>
      <c r="CN595" s="516"/>
      <c r="CO595" s="516"/>
      <c r="CP595" s="516"/>
      <c r="CQ595" s="516"/>
      <c r="CR595" s="516"/>
      <c r="CS595" s="516"/>
      <c r="CT595" s="516"/>
      <c r="CU595" s="516"/>
      <c r="CV595" s="516"/>
      <c r="CW595" s="516" t="s">
        <v>2190</v>
      </c>
      <c r="CX595" s="516"/>
      <c r="CY595" s="516"/>
      <c r="CZ595" s="516"/>
      <c r="DA595" s="516"/>
      <c r="DB595" s="516"/>
      <c r="DC595" s="516"/>
      <c r="DD595" s="516"/>
      <c r="DE595" s="516"/>
      <c r="DF595" s="516"/>
      <c r="DG595" s="516"/>
      <c r="DH595" s="516"/>
      <c r="DI595" s="513" t="s">
        <v>2303</v>
      </c>
      <c r="DJ595" s="513"/>
      <c r="DK595" s="513" t="s">
        <v>2279</v>
      </c>
    </row>
    <row r="596" spans="1:115" ht="56.1" hidden="1" customHeight="1" x14ac:dyDescent="0.2">
      <c r="A596" s="499" t="s">
        <v>2214</v>
      </c>
      <c r="B596" s="494" t="s">
        <v>2319</v>
      </c>
      <c r="C596" s="511">
        <v>82</v>
      </c>
      <c r="D596" s="511"/>
      <c r="E596" s="511" t="s">
        <v>2182</v>
      </c>
      <c r="F596" s="512" t="s">
        <v>1385</v>
      </c>
      <c r="G596" s="512" t="s">
        <v>2501</v>
      </c>
      <c r="H596" s="513" t="s">
        <v>1353</v>
      </c>
      <c r="I596" s="513" t="s">
        <v>2282</v>
      </c>
      <c r="J596" s="514" t="s">
        <v>2283</v>
      </c>
      <c r="K596" s="513" t="s">
        <v>253</v>
      </c>
      <c r="L596" s="513" t="s">
        <v>2217</v>
      </c>
      <c r="M596" s="513" t="s">
        <v>63</v>
      </c>
      <c r="N596" s="513"/>
      <c r="O596" s="513" t="s">
        <v>81</v>
      </c>
      <c r="P596" s="513" t="s">
        <v>267</v>
      </c>
      <c r="Q596" s="513"/>
      <c r="R596" s="515" t="s">
        <v>2284</v>
      </c>
      <c r="S596" s="515" t="s">
        <v>63</v>
      </c>
      <c r="T596" s="515" t="s">
        <v>63</v>
      </c>
      <c r="U596" s="525" t="s">
        <v>2285</v>
      </c>
      <c r="V596" s="525"/>
      <c r="W596" s="516" t="s">
        <v>267</v>
      </c>
      <c r="X596" s="516"/>
      <c r="Y596" s="515" t="s">
        <v>2285</v>
      </c>
      <c r="Z596" s="516" t="s">
        <v>245</v>
      </c>
      <c r="AA596" s="516"/>
      <c r="AB596" s="516"/>
      <c r="AC596" s="516"/>
      <c r="AD596" s="516"/>
      <c r="AE596" s="516"/>
      <c r="AF596" s="516"/>
      <c r="AG596" s="516"/>
      <c r="AH596" s="516"/>
      <c r="AI596" s="516"/>
      <c r="AJ596" s="516"/>
      <c r="AK596" s="516"/>
      <c r="AL596" s="516"/>
      <c r="AM596" s="516"/>
      <c r="AN596" s="516"/>
      <c r="AO596" s="516"/>
      <c r="AP596" s="516"/>
      <c r="AQ596" s="516"/>
      <c r="AR596" s="516"/>
      <c r="AS596" s="516"/>
      <c r="AT596" s="516"/>
      <c r="AU596" s="516"/>
      <c r="AV596" s="516"/>
      <c r="AW596" s="516"/>
      <c r="AX596" s="516"/>
      <c r="AY596" s="516"/>
      <c r="AZ596" s="516"/>
      <c r="BA596" s="516"/>
      <c r="BB596" s="516"/>
      <c r="BC596" s="516"/>
      <c r="BD596" s="516"/>
      <c r="BE596" s="516"/>
      <c r="BF596" s="516"/>
      <c r="BG596" s="516"/>
      <c r="BH596" s="516"/>
      <c r="BI596" s="516"/>
      <c r="BJ596" s="516"/>
      <c r="BK596" s="516"/>
      <c r="BL596" s="516"/>
      <c r="BM596" s="516"/>
      <c r="BN596" s="516"/>
      <c r="BO596" s="516"/>
      <c r="BP596" s="516"/>
      <c r="BQ596" s="516"/>
      <c r="BR596" s="516"/>
      <c r="BS596" s="516"/>
      <c r="BT596" s="516"/>
      <c r="BU596" s="516"/>
      <c r="BV596" s="516"/>
      <c r="BW596" s="516"/>
      <c r="BX596" s="516"/>
      <c r="BY596" s="516"/>
      <c r="BZ596" s="516"/>
      <c r="CA596" s="516"/>
      <c r="CB596" s="516"/>
      <c r="CC596" s="516"/>
      <c r="CD596" s="516"/>
      <c r="CE596" s="516"/>
      <c r="CF596" s="516"/>
      <c r="CG596" s="516"/>
      <c r="CH596" s="516"/>
      <c r="CI596" s="516"/>
      <c r="CJ596" s="516"/>
      <c r="CK596" s="516"/>
      <c r="CL596" s="516"/>
      <c r="CM596" s="516"/>
      <c r="CN596" s="516"/>
      <c r="CO596" s="516"/>
      <c r="CP596" s="516"/>
      <c r="CQ596" s="516"/>
      <c r="CR596" s="516"/>
      <c r="CS596" s="516"/>
      <c r="CT596" s="516"/>
      <c r="CU596" s="516"/>
      <c r="CV596" s="516"/>
      <c r="CW596" s="516"/>
      <c r="CX596" s="516"/>
      <c r="CY596" s="516"/>
      <c r="CZ596" s="516"/>
      <c r="DA596" s="516"/>
      <c r="DB596" s="516"/>
      <c r="DC596" s="516"/>
      <c r="DD596" s="516"/>
      <c r="DE596" s="516"/>
      <c r="DF596" s="516"/>
      <c r="DG596" s="516"/>
      <c r="DH596" s="516"/>
      <c r="DI596" s="513"/>
      <c r="DJ596" s="513" t="s">
        <v>2286</v>
      </c>
      <c r="DK596" s="513" t="s">
        <v>2287</v>
      </c>
    </row>
    <row r="597" spans="1:115" ht="56.1" hidden="1" customHeight="1" x14ac:dyDescent="0.2">
      <c r="A597" s="499" t="s">
        <v>2214</v>
      </c>
      <c r="B597" s="494" t="s">
        <v>2319</v>
      </c>
      <c r="C597" s="511">
        <v>83</v>
      </c>
      <c r="D597" s="511"/>
      <c r="E597" s="511" t="s">
        <v>2182</v>
      </c>
      <c r="F597" s="512" t="s">
        <v>1385</v>
      </c>
      <c r="G597" s="512" t="s">
        <v>2501</v>
      </c>
      <c r="H597" s="513" t="s">
        <v>1353</v>
      </c>
      <c r="I597" s="513" t="s">
        <v>2304</v>
      </c>
      <c r="J597" s="514" t="s">
        <v>2305</v>
      </c>
      <c r="K597" s="513" t="s">
        <v>253</v>
      </c>
      <c r="L597" s="513" t="s">
        <v>2217</v>
      </c>
      <c r="M597" s="513" t="s">
        <v>63</v>
      </c>
      <c r="N597" s="513"/>
      <c r="O597" s="513" t="s">
        <v>81</v>
      </c>
      <c r="P597" s="513" t="s">
        <v>267</v>
      </c>
      <c r="Q597" s="513"/>
      <c r="R597" s="515" t="s">
        <v>2284</v>
      </c>
      <c r="S597" s="515" t="s">
        <v>63</v>
      </c>
      <c r="T597" s="515" t="s">
        <v>63</v>
      </c>
      <c r="U597" s="525" t="s">
        <v>2285</v>
      </c>
      <c r="V597" s="525"/>
      <c r="W597" s="516" t="s">
        <v>267</v>
      </c>
      <c r="X597" s="516"/>
      <c r="Y597" s="515" t="s">
        <v>2285</v>
      </c>
      <c r="Z597" s="516" t="s">
        <v>245</v>
      </c>
      <c r="AA597" s="516"/>
      <c r="AB597" s="516"/>
      <c r="AC597" s="516"/>
      <c r="AD597" s="516"/>
      <c r="AE597" s="516"/>
      <c r="AF597" s="516"/>
      <c r="AG597" s="516"/>
      <c r="AH597" s="516"/>
      <c r="AI597" s="516"/>
      <c r="AJ597" s="516"/>
      <c r="AK597" s="516"/>
      <c r="AL597" s="516"/>
      <c r="AM597" s="516"/>
      <c r="AN597" s="516"/>
      <c r="AO597" s="516"/>
      <c r="AP597" s="516"/>
      <c r="AQ597" s="516"/>
      <c r="AR597" s="516"/>
      <c r="AS597" s="516"/>
      <c r="AT597" s="516"/>
      <c r="AU597" s="516"/>
      <c r="AV597" s="516"/>
      <c r="AW597" s="516"/>
      <c r="AX597" s="516"/>
      <c r="AY597" s="516"/>
      <c r="AZ597" s="516"/>
      <c r="BA597" s="516"/>
      <c r="BB597" s="516"/>
      <c r="BC597" s="516"/>
      <c r="BD597" s="516"/>
      <c r="BE597" s="516"/>
      <c r="BF597" s="516"/>
      <c r="BG597" s="516"/>
      <c r="BH597" s="516"/>
      <c r="BI597" s="516"/>
      <c r="BJ597" s="516"/>
      <c r="BK597" s="516"/>
      <c r="BL597" s="516"/>
      <c r="BM597" s="516"/>
      <c r="BN597" s="516"/>
      <c r="BO597" s="516"/>
      <c r="BP597" s="516"/>
      <c r="BQ597" s="516"/>
      <c r="BR597" s="516"/>
      <c r="BS597" s="516"/>
      <c r="BT597" s="516"/>
      <c r="BU597" s="516"/>
      <c r="BV597" s="516"/>
      <c r="BW597" s="516"/>
      <c r="BX597" s="516"/>
      <c r="BY597" s="516"/>
      <c r="BZ597" s="516"/>
      <c r="CA597" s="516"/>
      <c r="CB597" s="516"/>
      <c r="CC597" s="516"/>
      <c r="CD597" s="516"/>
      <c r="CE597" s="516"/>
      <c r="CF597" s="516"/>
      <c r="CG597" s="516"/>
      <c r="CH597" s="516"/>
      <c r="CI597" s="516"/>
      <c r="CJ597" s="516"/>
      <c r="CK597" s="516"/>
      <c r="CL597" s="516"/>
      <c r="CM597" s="516"/>
      <c r="CN597" s="516"/>
      <c r="CO597" s="516"/>
      <c r="CP597" s="516"/>
      <c r="CQ597" s="516"/>
      <c r="CR597" s="516"/>
      <c r="CS597" s="516"/>
      <c r="CT597" s="516"/>
      <c r="CU597" s="516"/>
      <c r="CV597" s="516"/>
      <c r="CW597" s="516"/>
      <c r="CX597" s="516"/>
      <c r="CY597" s="516"/>
      <c r="CZ597" s="516"/>
      <c r="DA597" s="516"/>
      <c r="DB597" s="516"/>
      <c r="DC597" s="516"/>
      <c r="DD597" s="516"/>
      <c r="DE597" s="516"/>
      <c r="DF597" s="516"/>
      <c r="DG597" s="516"/>
      <c r="DH597" s="516"/>
      <c r="DI597" s="513"/>
      <c r="DJ597" s="513" t="s">
        <v>2286</v>
      </c>
      <c r="DK597" s="513" t="s">
        <v>2306</v>
      </c>
    </row>
    <row r="598" spans="1:115" ht="56.1" hidden="1" customHeight="1" x14ac:dyDescent="0.2">
      <c r="A598" s="499" t="s">
        <v>2214</v>
      </c>
      <c r="B598" s="494" t="s">
        <v>2319</v>
      </c>
      <c r="C598" s="511">
        <v>84</v>
      </c>
      <c r="D598" s="511"/>
      <c r="E598" s="511" t="s">
        <v>2182</v>
      </c>
      <c r="F598" s="512" t="s">
        <v>1385</v>
      </c>
      <c r="G598" s="512" t="s">
        <v>2501</v>
      </c>
      <c r="H598" s="513" t="s">
        <v>1353</v>
      </c>
      <c r="I598" s="513" t="s">
        <v>2307</v>
      </c>
      <c r="J598" s="514" t="s">
        <v>2308</v>
      </c>
      <c r="K598" s="513" t="s">
        <v>253</v>
      </c>
      <c r="L598" s="513" t="s">
        <v>2217</v>
      </c>
      <c r="M598" s="513" t="s">
        <v>63</v>
      </c>
      <c r="N598" s="513"/>
      <c r="O598" s="513" t="s">
        <v>81</v>
      </c>
      <c r="P598" s="513" t="s">
        <v>267</v>
      </c>
      <c r="Q598" s="513"/>
      <c r="R598" s="515" t="s">
        <v>2309</v>
      </c>
      <c r="S598" s="515" t="s">
        <v>63</v>
      </c>
      <c r="T598" s="515" t="s">
        <v>63</v>
      </c>
      <c r="U598" s="525" t="s">
        <v>2285</v>
      </c>
      <c r="V598" s="525"/>
      <c r="W598" s="516" t="s">
        <v>267</v>
      </c>
      <c r="X598" s="516"/>
      <c r="Y598" s="515" t="s">
        <v>2285</v>
      </c>
      <c r="Z598" s="516" t="s">
        <v>245</v>
      </c>
      <c r="AA598" s="516"/>
      <c r="AB598" s="516"/>
      <c r="AC598" s="516"/>
      <c r="AD598" s="516"/>
      <c r="AE598" s="516"/>
      <c r="AF598" s="516"/>
      <c r="AG598" s="516"/>
      <c r="AH598" s="516"/>
      <c r="AI598" s="516"/>
      <c r="AJ598" s="516"/>
      <c r="AK598" s="516"/>
      <c r="AL598" s="516"/>
      <c r="AM598" s="516"/>
      <c r="AN598" s="516"/>
      <c r="AO598" s="516"/>
      <c r="AP598" s="516"/>
      <c r="AQ598" s="516"/>
      <c r="AR598" s="516"/>
      <c r="AS598" s="516"/>
      <c r="AT598" s="516"/>
      <c r="AU598" s="516"/>
      <c r="AV598" s="516"/>
      <c r="AW598" s="516"/>
      <c r="AX598" s="516"/>
      <c r="AY598" s="516"/>
      <c r="AZ598" s="516"/>
      <c r="BA598" s="516"/>
      <c r="BB598" s="516"/>
      <c r="BC598" s="516"/>
      <c r="BD598" s="516"/>
      <c r="BE598" s="516"/>
      <c r="BF598" s="516"/>
      <c r="BG598" s="516"/>
      <c r="BH598" s="516"/>
      <c r="BI598" s="516"/>
      <c r="BJ598" s="516"/>
      <c r="BK598" s="516"/>
      <c r="BL598" s="516"/>
      <c r="BM598" s="516"/>
      <c r="BN598" s="516"/>
      <c r="BO598" s="516"/>
      <c r="BP598" s="516"/>
      <c r="BQ598" s="516"/>
      <c r="BR598" s="516"/>
      <c r="BS598" s="516"/>
      <c r="BT598" s="516"/>
      <c r="BU598" s="516"/>
      <c r="BV598" s="516"/>
      <c r="BW598" s="516"/>
      <c r="BX598" s="516"/>
      <c r="BY598" s="516"/>
      <c r="BZ598" s="516"/>
      <c r="CA598" s="516"/>
      <c r="CB598" s="516"/>
      <c r="CC598" s="516"/>
      <c r="CD598" s="516"/>
      <c r="CE598" s="516"/>
      <c r="CF598" s="516"/>
      <c r="CG598" s="516"/>
      <c r="CH598" s="516"/>
      <c r="CI598" s="516"/>
      <c r="CJ598" s="516"/>
      <c r="CK598" s="516"/>
      <c r="CL598" s="516"/>
      <c r="CM598" s="516"/>
      <c r="CN598" s="516"/>
      <c r="CO598" s="516"/>
      <c r="CP598" s="516"/>
      <c r="CQ598" s="516"/>
      <c r="CR598" s="516"/>
      <c r="CS598" s="516"/>
      <c r="CT598" s="516"/>
      <c r="CU598" s="516"/>
      <c r="CV598" s="516"/>
      <c r="CW598" s="516"/>
      <c r="CX598" s="516"/>
      <c r="CY598" s="516"/>
      <c r="CZ598" s="516"/>
      <c r="DA598" s="516"/>
      <c r="DB598" s="516"/>
      <c r="DC598" s="516"/>
      <c r="DD598" s="516"/>
      <c r="DE598" s="516"/>
      <c r="DF598" s="516"/>
      <c r="DG598" s="516"/>
      <c r="DH598" s="516"/>
      <c r="DI598" s="513"/>
      <c r="DJ598" s="513" t="s">
        <v>2286</v>
      </c>
      <c r="DK598" s="513" t="s">
        <v>2287</v>
      </c>
    </row>
    <row r="599" spans="1:115" ht="56.1" hidden="1" customHeight="1" x14ac:dyDescent="0.2">
      <c r="A599" s="499" t="s">
        <v>2214</v>
      </c>
      <c r="B599" s="494" t="s">
        <v>2319</v>
      </c>
      <c r="C599" s="511">
        <v>85</v>
      </c>
      <c r="D599" s="511"/>
      <c r="E599" s="511" t="s">
        <v>2182</v>
      </c>
      <c r="F599" s="512" t="s">
        <v>1385</v>
      </c>
      <c r="G599" s="512" t="s">
        <v>2501</v>
      </c>
      <c r="H599" s="513" t="s">
        <v>1353</v>
      </c>
      <c r="I599" s="513" t="s">
        <v>2310</v>
      </c>
      <c r="J599" s="514" t="s">
        <v>2311</v>
      </c>
      <c r="K599" s="513" t="s">
        <v>253</v>
      </c>
      <c r="L599" s="513" t="s">
        <v>2217</v>
      </c>
      <c r="M599" s="513" t="s">
        <v>63</v>
      </c>
      <c r="N599" s="513"/>
      <c r="O599" s="513" t="s">
        <v>81</v>
      </c>
      <c r="P599" s="513" t="s">
        <v>267</v>
      </c>
      <c r="Q599" s="513"/>
      <c r="R599" s="515" t="s">
        <v>2309</v>
      </c>
      <c r="S599" s="515" t="s">
        <v>63</v>
      </c>
      <c r="T599" s="515" t="s">
        <v>63</v>
      </c>
      <c r="U599" s="525" t="s">
        <v>2285</v>
      </c>
      <c r="V599" s="525"/>
      <c r="W599" s="516" t="s">
        <v>267</v>
      </c>
      <c r="X599" s="516"/>
      <c r="Y599" s="515" t="s">
        <v>2285</v>
      </c>
      <c r="Z599" s="516" t="s">
        <v>245</v>
      </c>
      <c r="AA599" s="516"/>
      <c r="AB599" s="516"/>
      <c r="AC599" s="516"/>
      <c r="AD599" s="516"/>
      <c r="AE599" s="516"/>
      <c r="AF599" s="516"/>
      <c r="AG599" s="516"/>
      <c r="AH599" s="516"/>
      <c r="AI599" s="516"/>
      <c r="AJ599" s="516"/>
      <c r="AK599" s="516"/>
      <c r="AL599" s="516"/>
      <c r="AM599" s="516"/>
      <c r="AN599" s="516"/>
      <c r="AO599" s="516"/>
      <c r="AP599" s="516"/>
      <c r="AQ599" s="516"/>
      <c r="AR599" s="516"/>
      <c r="AS599" s="516"/>
      <c r="AT599" s="516"/>
      <c r="AU599" s="516"/>
      <c r="AV599" s="516"/>
      <c r="AW599" s="516"/>
      <c r="AX599" s="516"/>
      <c r="AY599" s="516"/>
      <c r="AZ599" s="516"/>
      <c r="BA599" s="516"/>
      <c r="BB599" s="516"/>
      <c r="BC599" s="516"/>
      <c r="BD599" s="516"/>
      <c r="BE599" s="516"/>
      <c r="BF599" s="516"/>
      <c r="BG599" s="516"/>
      <c r="BH599" s="516"/>
      <c r="BI599" s="516"/>
      <c r="BJ599" s="516"/>
      <c r="BK599" s="516"/>
      <c r="BL599" s="516"/>
      <c r="BM599" s="516"/>
      <c r="BN599" s="516"/>
      <c r="BO599" s="516"/>
      <c r="BP599" s="516"/>
      <c r="BQ599" s="516"/>
      <c r="BR599" s="516"/>
      <c r="BS599" s="516"/>
      <c r="BT599" s="516"/>
      <c r="BU599" s="516"/>
      <c r="BV599" s="516"/>
      <c r="BW599" s="516"/>
      <c r="BX599" s="516"/>
      <c r="BY599" s="516"/>
      <c r="BZ599" s="516"/>
      <c r="CA599" s="516"/>
      <c r="CB599" s="516"/>
      <c r="CC599" s="516"/>
      <c r="CD599" s="516"/>
      <c r="CE599" s="516"/>
      <c r="CF599" s="516"/>
      <c r="CG599" s="516"/>
      <c r="CH599" s="516"/>
      <c r="CI599" s="516"/>
      <c r="CJ599" s="516"/>
      <c r="CK599" s="516"/>
      <c r="CL599" s="516"/>
      <c r="CM599" s="516"/>
      <c r="CN599" s="516"/>
      <c r="CO599" s="516"/>
      <c r="CP599" s="516"/>
      <c r="CQ599" s="516"/>
      <c r="CR599" s="516"/>
      <c r="CS599" s="516"/>
      <c r="CT599" s="516"/>
      <c r="CU599" s="516"/>
      <c r="CV599" s="516"/>
      <c r="CW599" s="516"/>
      <c r="CX599" s="516"/>
      <c r="CY599" s="516"/>
      <c r="CZ599" s="516"/>
      <c r="DA599" s="516"/>
      <c r="DB599" s="516"/>
      <c r="DC599" s="516"/>
      <c r="DD599" s="516"/>
      <c r="DE599" s="516"/>
      <c r="DF599" s="516"/>
      <c r="DG599" s="516"/>
      <c r="DH599" s="516"/>
      <c r="DI599" s="513"/>
      <c r="DJ599" s="513" t="s">
        <v>2286</v>
      </c>
      <c r="DK599" s="513" t="s">
        <v>2306</v>
      </c>
    </row>
    <row r="600" spans="1:115" ht="56.1" hidden="1" customHeight="1" x14ac:dyDescent="0.2">
      <c r="A600" s="499" t="s">
        <v>2214</v>
      </c>
      <c r="B600" s="494" t="s">
        <v>2319</v>
      </c>
      <c r="C600" s="511">
        <v>86</v>
      </c>
      <c r="D600" s="511"/>
      <c r="E600" s="511" t="s">
        <v>2182</v>
      </c>
      <c r="F600" s="512" t="s">
        <v>1385</v>
      </c>
      <c r="G600" s="512" t="s">
        <v>2501</v>
      </c>
      <c r="H600" s="513" t="s">
        <v>1353</v>
      </c>
      <c r="I600" s="513" t="s">
        <v>2312</v>
      </c>
      <c r="J600" s="514" t="s">
        <v>2313</v>
      </c>
      <c r="K600" s="513" t="s">
        <v>253</v>
      </c>
      <c r="L600" s="513" t="s">
        <v>2217</v>
      </c>
      <c r="M600" s="513" t="s">
        <v>63</v>
      </c>
      <c r="N600" s="513"/>
      <c r="O600" s="513" t="s">
        <v>81</v>
      </c>
      <c r="P600" s="513" t="s">
        <v>267</v>
      </c>
      <c r="Q600" s="513"/>
      <c r="R600" s="515" t="s">
        <v>2251</v>
      </c>
      <c r="S600" s="515" t="s">
        <v>63</v>
      </c>
      <c r="T600" s="515" t="s">
        <v>63</v>
      </c>
      <c r="U600" s="525" t="s">
        <v>2285</v>
      </c>
      <c r="V600" s="525"/>
      <c r="W600" s="516" t="s">
        <v>267</v>
      </c>
      <c r="X600" s="516"/>
      <c r="Y600" s="515" t="s">
        <v>2285</v>
      </c>
      <c r="Z600" s="516" t="s">
        <v>245</v>
      </c>
      <c r="AA600" s="516"/>
      <c r="AB600" s="516"/>
      <c r="AC600" s="516"/>
      <c r="AD600" s="516"/>
      <c r="AE600" s="516"/>
      <c r="AF600" s="516"/>
      <c r="AG600" s="516"/>
      <c r="AH600" s="516"/>
      <c r="AI600" s="516"/>
      <c r="AJ600" s="516"/>
      <c r="AK600" s="516"/>
      <c r="AL600" s="516"/>
      <c r="AM600" s="516"/>
      <c r="AN600" s="516"/>
      <c r="AO600" s="516"/>
      <c r="AP600" s="516"/>
      <c r="AQ600" s="516"/>
      <c r="AR600" s="516"/>
      <c r="AS600" s="516"/>
      <c r="AT600" s="516"/>
      <c r="AU600" s="516"/>
      <c r="AV600" s="516"/>
      <c r="AW600" s="516"/>
      <c r="AX600" s="516"/>
      <c r="AY600" s="516"/>
      <c r="AZ600" s="516"/>
      <c r="BA600" s="516"/>
      <c r="BB600" s="516"/>
      <c r="BC600" s="516"/>
      <c r="BD600" s="516"/>
      <c r="BE600" s="516"/>
      <c r="BF600" s="516"/>
      <c r="BG600" s="516"/>
      <c r="BH600" s="516"/>
      <c r="BI600" s="516"/>
      <c r="BJ600" s="516"/>
      <c r="BK600" s="516"/>
      <c r="BL600" s="516"/>
      <c r="BM600" s="516"/>
      <c r="BN600" s="516"/>
      <c r="BO600" s="516"/>
      <c r="BP600" s="516"/>
      <c r="BQ600" s="516"/>
      <c r="BR600" s="516"/>
      <c r="BS600" s="516"/>
      <c r="BT600" s="516"/>
      <c r="BU600" s="516"/>
      <c r="BV600" s="516"/>
      <c r="BW600" s="516"/>
      <c r="BX600" s="516"/>
      <c r="BY600" s="516"/>
      <c r="BZ600" s="516"/>
      <c r="CA600" s="516"/>
      <c r="CB600" s="516"/>
      <c r="CC600" s="516"/>
      <c r="CD600" s="516"/>
      <c r="CE600" s="516"/>
      <c r="CF600" s="516"/>
      <c r="CG600" s="516"/>
      <c r="CH600" s="516"/>
      <c r="CI600" s="516"/>
      <c r="CJ600" s="516"/>
      <c r="CK600" s="516"/>
      <c r="CL600" s="516"/>
      <c r="CM600" s="516"/>
      <c r="CN600" s="516"/>
      <c r="CO600" s="516"/>
      <c r="CP600" s="516"/>
      <c r="CQ600" s="516"/>
      <c r="CR600" s="516"/>
      <c r="CS600" s="516"/>
      <c r="CT600" s="516"/>
      <c r="CU600" s="516"/>
      <c r="CV600" s="516"/>
      <c r="CW600" s="516"/>
      <c r="CX600" s="516"/>
      <c r="CY600" s="516"/>
      <c r="CZ600" s="516"/>
      <c r="DA600" s="516"/>
      <c r="DB600" s="516"/>
      <c r="DC600" s="516"/>
      <c r="DD600" s="516"/>
      <c r="DE600" s="516"/>
      <c r="DF600" s="516"/>
      <c r="DG600" s="516"/>
      <c r="DH600" s="516"/>
      <c r="DI600" s="513"/>
      <c r="DJ600" s="513" t="s">
        <v>2286</v>
      </c>
      <c r="DK600" s="513" t="s">
        <v>2287</v>
      </c>
    </row>
    <row r="601" spans="1:115" ht="56.1" hidden="1" customHeight="1" x14ac:dyDescent="0.2">
      <c r="A601" s="499" t="s">
        <v>2214</v>
      </c>
      <c r="B601" s="494" t="s">
        <v>2319</v>
      </c>
      <c r="C601" s="511">
        <v>87</v>
      </c>
      <c r="D601" s="511"/>
      <c r="E601" s="511" t="s">
        <v>2182</v>
      </c>
      <c r="F601" s="512" t="s">
        <v>1385</v>
      </c>
      <c r="G601" s="512" t="s">
        <v>2501</v>
      </c>
      <c r="H601" s="513" t="s">
        <v>268</v>
      </c>
      <c r="I601" s="513" t="s">
        <v>2320</v>
      </c>
      <c r="J601" s="514" t="s">
        <v>2321</v>
      </c>
      <c r="K601" s="513" t="s">
        <v>253</v>
      </c>
      <c r="L601" s="513" t="s">
        <v>2217</v>
      </c>
      <c r="M601" s="513" t="s">
        <v>63</v>
      </c>
      <c r="N601" s="513"/>
      <c r="O601" s="513" t="s">
        <v>81</v>
      </c>
      <c r="P601" s="513" t="s">
        <v>272</v>
      </c>
      <c r="Q601" s="513"/>
      <c r="R601" s="515" t="s">
        <v>2322</v>
      </c>
      <c r="S601" s="515" t="s">
        <v>63</v>
      </c>
      <c r="T601" s="515" t="s">
        <v>63</v>
      </c>
      <c r="U601" s="525" t="s">
        <v>2323</v>
      </c>
      <c r="V601" s="525"/>
      <c r="W601" s="516" t="s">
        <v>272</v>
      </c>
      <c r="X601" s="516"/>
      <c r="Y601" s="515" t="s">
        <v>2323</v>
      </c>
      <c r="Z601" s="516" t="s">
        <v>245</v>
      </c>
      <c r="AA601" s="516"/>
      <c r="AB601" s="516"/>
      <c r="AC601" s="516"/>
      <c r="AD601" s="516"/>
      <c r="AE601" s="516"/>
      <c r="AF601" s="516"/>
      <c r="AG601" s="516"/>
      <c r="AH601" s="516"/>
      <c r="AI601" s="516"/>
      <c r="AJ601" s="516"/>
      <c r="AK601" s="516"/>
      <c r="AL601" s="516"/>
      <c r="AM601" s="516"/>
      <c r="AN601" s="516"/>
      <c r="AO601" s="516"/>
      <c r="AP601" s="516"/>
      <c r="AQ601" s="516"/>
      <c r="AR601" s="516"/>
      <c r="AS601" s="516"/>
      <c r="AT601" s="516"/>
      <c r="AU601" s="516"/>
      <c r="AV601" s="516"/>
      <c r="AW601" s="516"/>
      <c r="AX601" s="516"/>
      <c r="AY601" s="516"/>
      <c r="AZ601" s="516"/>
      <c r="BA601" s="516"/>
      <c r="BB601" s="516"/>
      <c r="BC601" s="516"/>
      <c r="BD601" s="516"/>
      <c r="BE601" s="516"/>
      <c r="BF601" s="516"/>
      <c r="BG601" s="516"/>
      <c r="BH601" s="516"/>
      <c r="BI601" s="516"/>
      <c r="BJ601" s="516"/>
      <c r="BK601" s="516"/>
      <c r="BL601" s="516"/>
      <c r="BM601" s="516"/>
      <c r="BN601" s="516"/>
      <c r="BO601" s="516"/>
      <c r="BP601" s="516"/>
      <c r="BQ601" s="516"/>
      <c r="BR601" s="516"/>
      <c r="BS601" s="516"/>
      <c r="BT601" s="516"/>
      <c r="BU601" s="516"/>
      <c r="BV601" s="516"/>
      <c r="BW601" s="516"/>
      <c r="BX601" s="516"/>
      <c r="BY601" s="516"/>
      <c r="BZ601" s="516"/>
      <c r="CA601" s="516"/>
      <c r="CB601" s="516"/>
      <c r="CC601" s="516"/>
      <c r="CD601" s="516"/>
      <c r="CE601" s="516"/>
      <c r="CF601" s="516"/>
      <c r="CG601" s="516"/>
      <c r="CH601" s="516"/>
      <c r="CI601" s="516"/>
      <c r="CJ601" s="516"/>
      <c r="CK601" s="516"/>
      <c r="CL601" s="516"/>
      <c r="CM601" s="516"/>
      <c r="CN601" s="516"/>
      <c r="CO601" s="516"/>
      <c r="CP601" s="516"/>
      <c r="CQ601" s="516"/>
      <c r="CR601" s="516"/>
      <c r="CS601" s="516"/>
      <c r="CT601" s="516"/>
      <c r="CU601" s="516"/>
      <c r="CV601" s="516"/>
      <c r="CW601" s="516"/>
      <c r="CX601" s="516"/>
      <c r="CY601" s="516"/>
      <c r="CZ601" s="516"/>
      <c r="DA601" s="516"/>
      <c r="DB601" s="516"/>
      <c r="DC601" s="516"/>
      <c r="DD601" s="516"/>
      <c r="DE601" s="516"/>
      <c r="DF601" s="516"/>
      <c r="DG601" s="516"/>
      <c r="DH601" s="516"/>
      <c r="DI601" s="513"/>
      <c r="DJ601" s="513" t="s">
        <v>2286</v>
      </c>
      <c r="DK601" s="513" t="s">
        <v>2324</v>
      </c>
    </row>
    <row r="602" spans="1:115" ht="56.1" hidden="1" customHeight="1" x14ac:dyDescent="0.2">
      <c r="A602" s="499" t="s">
        <v>2214</v>
      </c>
      <c r="B602" s="494" t="s">
        <v>2319</v>
      </c>
      <c r="C602" s="511">
        <v>88</v>
      </c>
      <c r="D602" s="511"/>
      <c r="E602" s="511" t="s">
        <v>2182</v>
      </c>
      <c r="F602" s="512" t="s">
        <v>1385</v>
      </c>
      <c r="G602" s="512" t="s">
        <v>2501</v>
      </c>
      <c r="H602" s="513" t="s">
        <v>268</v>
      </c>
      <c r="I602" s="513" t="s">
        <v>2325</v>
      </c>
      <c r="J602" s="514" t="s">
        <v>2326</v>
      </c>
      <c r="K602" s="513" t="s">
        <v>253</v>
      </c>
      <c r="L602" s="513" t="s">
        <v>2217</v>
      </c>
      <c r="M602" s="513" t="s">
        <v>63</v>
      </c>
      <c r="N602" s="513"/>
      <c r="O602" s="513" t="s">
        <v>81</v>
      </c>
      <c r="P602" s="513" t="s">
        <v>272</v>
      </c>
      <c r="Q602" s="513"/>
      <c r="R602" s="515" t="s">
        <v>2322</v>
      </c>
      <c r="S602" s="515" t="s">
        <v>63</v>
      </c>
      <c r="T602" s="515" t="s">
        <v>63</v>
      </c>
      <c r="U602" s="525" t="s">
        <v>2323</v>
      </c>
      <c r="V602" s="525"/>
      <c r="W602" s="516" t="s">
        <v>272</v>
      </c>
      <c r="X602" s="516"/>
      <c r="Y602" s="515" t="s">
        <v>2323</v>
      </c>
      <c r="Z602" s="516" t="s">
        <v>245</v>
      </c>
      <c r="AA602" s="516"/>
      <c r="AB602" s="516"/>
      <c r="AC602" s="516"/>
      <c r="AD602" s="516"/>
      <c r="AE602" s="516"/>
      <c r="AF602" s="516"/>
      <c r="AG602" s="516"/>
      <c r="AH602" s="516"/>
      <c r="AI602" s="516"/>
      <c r="AJ602" s="516"/>
      <c r="AK602" s="516"/>
      <c r="AL602" s="516"/>
      <c r="AM602" s="516"/>
      <c r="AN602" s="516"/>
      <c r="AO602" s="516"/>
      <c r="AP602" s="516"/>
      <c r="AQ602" s="516"/>
      <c r="AR602" s="516"/>
      <c r="AS602" s="516"/>
      <c r="AT602" s="516"/>
      <c r="AU602" s="516"/>
      <c r="AV602" s="516"/>
      <c r="AW602" s="516"/>
      <c r="AX602" s="516"/>
      <c r="AY602" s="516"/>
      <c r="AZ602" s="516"/>
      <c r="BA602" s="516"/>
      <c r="BB602" s="516"/>
      <c r="BC602" s="516"/>
      <c r="BD602" s="516"/>
      <c r="BE602" s="516"/>
      <c r="BF602" s="516"/>
      <c r="BG602" s="516"/>
      <c r="BH602" s="516"/>
      <c r="BI602" s="516"/>
      <c r="BJ602" s="516"/>
      <c r="BK602" s="516"/>
      <c r="BL602" s="516"/>
      <c r="BM602" s="516"/>
      <c r="BN602" s="516"/>
      <c r="BO602" s="516"/>
      <c r="BP602" s="516"/>
      <c r="BQ602" s="516"/>
      <c r="BR602" s="516"/>
      <c r="BS602" s="516"/>
      <c r="BT602" s="516"/>
      <c r="BU602" s="516"/>
      <c r="BV602" s="516"/>
      <c r="BW602" s="516"/>
      <c r="BX602" s="516"/>
      <c r="BY602" s="516"/>
      <c r="BZ602" s="516"/>
      <c r="CA602" s="516"/>
      <c r="CB602" s="516"/>
      <c r="CC602" s="516"/>
      <c r="CD602" s="516"/>
      <c r="CE602" s="516"/>
      <c r="CF602" s="516"/>
      <c r="CG602" s="516"/>
      <c r="CH602" s="516"/>
      <c r="CI602" s="516"/>
      <c r="CJ602" s="516"/>
      <c r="CK602" s="516"/>
      <c r="CL602" s="516"/>
      <c r="CM602" s="516"/>
      <c r="CN602" s="516"/>
      <c r="CO602" s="516"/>
      <c r="CP602" s="516"/>
      <c r="CQ602" s="516"/>
      <c r="CR602" s="516"/>
      <c r="CS602" s="516"/>
      <c r="CT602" s="516"/>
      <c r="CU602" s="516"/>
      <c r="CV602" s="516"/>
      <c r="CW602" s="516"/>
      <c r="CX602" s="516"/>
      <c r="CY602" s="516"/>
      <c r="CZ602" s="516"/>
      <c r="DA602" s="516"/>
      <c r="DB602" s="516"/>
      <c r="DC602" s="516"/>
      <c r="DD602" s="516"/>
      <c r="DE602" s="516"/>
      <c r="DF602" s="516"/>
      <c r="DG602" s="516"/>
      <c r="DH602" s="516"/>
      <c r="DI602" s="513"/>
      <c r="DJ602" s="513" t="s">
        <v>2286</v>
      </c>
      <c r="DK602" s="513" t="s">
        <v>2324</v>
      </c>
    </row>
    <row r="603" spans="1:115" ht="56.1" hidden="1" customHeight="1" x14ac:dyDescent="0.2">
      <c r="A603" s="499" t="s">
        <v>2214</v>
      </c>
      <c r="B603" s="494" t="s">
        <v>2319</v>
      </c>
      <c r="C603" s="511">
        <v>89</v>
      </c>
      <c r="D603" s="511"/>
      <c r="E603" s="511" t="s">
        <v>2182</v>
      </c>
      <c r="F603" s="512" t="s">
        <v>1385</v>
      </c>
      <c r="G603" s="512" t="s">
        <v>2501</v>
      </c>
      <c r="H603" s="513" t="s">
        <v>268</v>
      </c>
      <c r="I603" s="513" t="s">
        <v>2327</v>
      </c>
      <c r="J603" s="514" t="s">
        <v>2328</v>
      </c>
      <c r="K603" s="513" t="s">
        <v>253</v>
      </c>
      <c r="L603" s="513" t="s">
        <v>2217</v>
      </c>
      <c r="M603" s="513" t="s">
        <v>63</v>
      </c>
      <c r="N603" s="513"/>
      <c r="O603" s="513" t="s">
        <v>81</v>
      </c>
      <c r="P603" s="513" t="s">
        <v>272</v>
      </c>
      <c r="Q603" s="513"/>
      <c r="R603" s="515" t="s">
        <v>2258</v>
      </c>
      <c r="S603" s="515" t="s">
        <v>63</v>
      </c>
      <c r="T603" s="515" t="s">
        <v>63</v>
      </c>
      <c r="U603" s="525" t="s">
        <v>2323</v>
      </c>
      <c r="V603" s="525"/>
      <c r="W603" s="516" t="s">
        <v>272</v>
      </c>
      <c r="X603" s="516"/>
      <c r="Y603" s="515" t="s">
        <v>2323</v>
      </c>
      <c r="Z603" s="516" t="s">
        <v>245</v>
      </c>
      <c r="AA603" s="516"/>
      <c r="AB603" s="516"/>
      <c r="AC603" s="516"/>
      <c r="AD603" s="516"/>
      <c r="AE603" s="516"/>
      <c r="AF603" s="516"/>
      <c r="AG603" s="516"/>
      <c r="AH603" s="516"/>
      <c r="AI603" s="516"/>
      <c r="AJ603" s="516"/>
      <c r="AK603" s="516"/>
      <c r="AL603" s="516"/>
      <c r="AM603" s="516"/>
      <c r="AN603" s="516"/>
      <c r="AO603" s="516"/>
      <c r="AP603" s="516"/>
      <c r="AQ603" s="516"/>
      <c r="AR603" s="516"/>
      <c r="AS603" s="516"/>
      <c r="AT603" s="516"/>
      <c r="AU603" s="516"/>
      <c r="AV603" s="516"/>
      <c r="AW603" s="516"/>
      <c r="AX603" s="516"/>
      <c r="AY603" s="516"/>
      <c r="AZ603" s="516"/>
      <c r="BA603" s="516"/>
      <c r="BB603" s="516"/>
      <c r="BC603" s="516"/>
      <c r="BD603" s="516"/>
      <c r="BE603" s="516"/>
      <c r="BF603" s="516"/>
      <c r="BG603" s="516"/>
      <c r="BH603" s="516"/>
      <c r="BI603" s="516"/>
      <c r="BJ603" s="516"/>
      <c r="BK603" s="516"/>
      <c r="BL603" s="516"/>
      <c r="BM603" s="516"/>
      <c r="BN603" s="516"/>
      <c r="BO603" s="516"/>
      <c r="BP603" s="516"/>
      <c r="BQ603" s="516"/>
      <c r="BR603" s="516"/>
      <c r="BS603" s="516"/>
      <c r="BT603" s="516"/>
      <c r="BU603" s="516"/>
      <c r="BV603" s="516"/>
      <c r="BW603" s="516"/>
      <c r="BX603" s="516"/>
      <c r="BY603" s="516"/>
      <c r="BZ603" s="516"/>
      <c r="CA603" s="516"/>
      <c r="CB603" s="516"/>
      <c r="CC603" s="516"/>
      <c r="CD603" s="516"/>
      <c r="CE603" s="516"/>
      <c r="CF603" s="516"/>
      <c r="CG603" s="516"/>
      <c r="CH603" s="516"/>
      <c r="CI603" s="516"/>
      <c r="CJ603" s="516"/>
      <c r="CK603" s="516"/>
      <c r="CL603" s="516"/>
      <c r="CM603" s="516"/>
      <c r="CN603" s="516"/>
      <c r="CO603" s="516"/>
      <c r="CP603" s="516"/>
      <c r="CQ603" s="516"/>
      <c r="CR603" s="516"/>
      <c r="CS603" s="516"/>
      <c r="CT603" s="516"/>
      <c r="CU603" s="516"/>
      <c r="CV603" s="516"/>
      <c r="CW603" s="516"/>
      <c r="CX603" s="516"/>
      <c r="CY603" s="516"/>
      <c r="CZ603" s="516"/>
      <c r="DA603" s="516"/>
      <c r="DB603" s="516"/>
      <c r="DC603" s="516"/>
      <c r="DD603" s="516"/>
      <c r="DE603" s="516"/>
      <c r="DF603" s="516"/>
      <c r="DG603" s="516"/>
      <c r="DH603" s="516"/>
      <c r="DI603" s="513"/>
      <c r="DJ603" s="513" t="s">
        <v>2286</v>
      </c>
      <c r="DK603" s="513" t="s">
        <v>2324</v>
      </c>
    </row>
    <row r="604" spans="1:115" ht="56.1" hidden="1" customHeight="1" x14ac:dyDescent="0.2">
      <c r="A604" s="499" t="s">
        <v>2314</v>
      </c>
      <c r="B604" s="494" t="s">
        <v>2502</v>
      </c>
      <c r="C604" s="511">
        <v>90</v>
      </c>
      <c r="D604" s="511"/>
      <c r="E604" s="511" t="s">
        <v>2182</v>
      </c>
      <c r="F604" s="512" t="s">
        <v>1385</v>
      </c>
      <c r="G604" s="512" t="s">
        <v>2501</v>
      </c>
      <c r="H604" s="513" t="s">
        <v>250</v>
      </c>
      <c r="I604" s="513" t="s">
        <v>251</v>
      </c>
      <c r="J604" s="514" t="s">
        <v>252</v>
      </c>
      <c r="K604" s="513" t="s">
        <v>253</v>
      </c>
      <c r="L604" s="513" t="s">
        <v>254</v>
      </c>
      <c r="M604" s="513" t="s">
        <v>2211</v>
      </c>
      <c r="N604" s="513"/>
      <c r="O604" s="513" t="s">
        <v>60</v>
      </c>
      <c r="P604" s="513" t="s">
        <v>255</v>
      </c>
      <c r="Q604" s="513"/>
      <c r="R604" s="515" t="s">
        <v>256</v>
      </c>
      <c r="S604" s="516">
        <v>1000000</v>
      </c>
      <c r="T604" s="516">
        <v>2000000</v>
      </c>
      <c r="U604" s="516">
        <v>1500000</v>
      </c>
      <c r="V604" s="516"/>
      <c r="W604" s="516" t="s">
        <v>255</v>
      </c>
      <c r="X604" s="516"/>
      <c r="Y604" s="516" t="s">
        <v>257</v>
      </c>
      <c r="Z604" s="516" t="s">
        <v>245</v>
      </c>
      <c r="AA604" s="516"/>
      <c r="AB604" s="516"/>
      <c r="AC604" s="516"/>
      <c r="AD604" s="516"/>
      <c r="AE604" s="516"/>
      <c r="AF604" s="516"/>
      <c r="AG604" s="516"/>
      <c r="AH604" s="516"/>
      <c r="AI604" s="516"/>
      <c r="AJ604" s="516"/>
      <c r="AK604" s="516"/>
      <c r="AL604" s="516"/>
      <c r="AM604" s="516"/>
      <c r="AN604" s="516"/>
      <c r="AO604" s="516"/>
      <c r="AP604" s="516"/>
      <c r="AQ604" s="516"/>
      <c r="AR604" s="516"/>
      <c r="AS604" s="516"/>
      <c r="AT604" s="516"/>
      <c r="AU604" s="516"/>
      <c r="AV604" s="516"/>
      <c r="AW604" s="516"/>
      <c r="AX604" s="516"/>
      <c r="AY604" s="516"/>
      <c r="AZ604" s="516"/>
      <c r="BA604" s="516"/>
      <c r="BB604" s="516"/>
      <c r="BC604" s="516"/>
      <c r="BD604" s="516"/>
      <c r="BE604" s="516"/>
      <c r="BF604" s="516"/>
      <c r="BG604" s="516"/>
      <c r="BH604" s="516"/>
      <c r="BI604" s="516"/>
      <c r="BJ604" s="516"/>
      <c r="BK604" s="516"/>
      <c r="BL604" s="516"/>
      <c r="BM604" s="516"/>
      <c r="BN604" s="516"/>
      <c r="BO604" s="516"/>
      <c r="BP604" s="516"/>
      <c r="BQ604" s="516"/>
      <c r="BR604" s="516"/>
      <c r="BS604" s="516"/>
      <c r="BT604" s="516"/>
      <c r="BU604" s="516"/>
      <c r="BV604" s="516"/>
      <c r="BW604" s="516"/>
      <c r="BX604" s="516"/>
      <c r="BY604" s="516"/>
      <c r="BZ604" s="516"/>
      <c r="CA604" s="516"/>
      <c r="CB604" s="516"/>
      <c r="CC604" s="516"/>
      <c r="CD604" s="516"/>
      <c r="CE604" s="516"/>
      <c r="CF604" s="516"/>
      <c r="CG604" s="516"/>
      <c r="CH604" s="516"/>
      <c r="CI604" s="516"/>
      <c r="CJ604" s="516"/>
      <c r="CK604" s="516"/>
      <c r="CL604" s="516"/>
      <c r="CM604" s="515"/>
      <c r="CN604" s="515"/>
      <c r="CO604" s="515"/>
      <c r="CP604" s="515"/>
      <c r="CQ604" s="515"/>
      <c r="CR604" s="515"/>
      <c r="CS604" s="515"/>
      <c r="CT604" s="515"/>
      <c r="CU604" s="516"/>
      <c r="CV604" s="516"/>
      <c r="CW604" s="516"/>
      <c r="CX604" s="516"/>
      <c r="CY604" s="515"/>
      <c r="CZ604" s="515"/>
      <c r="DA604" s="515"/>
      <c r="DB604" s="515"/>
      <c r="DC604" s="515"/>
      <c r="DD604" s="515"/>
      <c r="DE604" s="515"/>
      <c r="DF604" s="515"/>
      <c r="DG604" s="515"/>
      <c r="DH604" s="515"/>
      <c r="DI604" s="513" t="s">
        <v>2317</v>
      </c>
      <c r="DJ604" s="513"/>
      <c r="DK604" s="513" t="s">
        <v>2318</v>
      </c>
    </row>
    <row r="605" spans="1:115" ht="56.1" hidden="1" customHeight="1" x14ac:dyDescent="0.2">
      <c r="A605" s="499" t="s">
        <v>2214</v>
      </c>
      <c r="B605" s="494" t="s">
        <v>2319</v>
      </c>
      <c r="C605" s="511">
        <v>91</v>
      </c>
      <c r="D605" s="511"/>
      <c r="E605" s="511" t="s">
        <v>2182</v>
      </c>
      <c r="F605" s="512" t="s">
        <v>1385</v>
      </c>
      <c r="G605" s="512" t="s">
        <v>2501</v>
      </c>
      <c r="H605" s="513" t="s">
        <v>1352</v>
      </c>
      <c r="I605" s="513" t="s">
        <v>2334</v>
      </c>
      <c r="J605" s="514" t="s">
        <v>2335</v>
      </c>
      <c r="K605" s="513" t="s">
        <v>253</v>
      </c>
      <c r="L605" s="513" t="s">
        <v>2217</v>
      </c>
      <c r="M605" s="513" t="s">
        <v>63</v>
      </c>
      <c r="N605" s="513"/>
      <c r="O605" s="513" t="s">
        <v>81</v>
      </c>
      <c r="P605" s="513" t="s">
        <v>242</v>
      </c>
      <c r="Q605" s="513"/>
      <c r="R605" s="515" t="s">
        <v>2251</v>
      </c>
      <c r="S605" s="515" t="s">
        <v>63</v>
      </c>
      <c r="T605" s="515" t="s">
        <v>63</v>
      </c>
      <c r="U605" s="525" t="s">
        <v>2336</v>
      </c>
      <c r="V605" s="525"/>
      <c r="W605" s="516" t="s">
        <v>242</v>
      </c>
      <c r="X605" s="516"/>
      <c r="Y605" s="515" t="s">
        <v>2336</v>
      </c>
      <c r="Z605" s="516" t="s">
        <v>245</v>
      </c>
      <c r="AA605" s="516"/>
      <c r="AB605" s="516"/>
      <c r="AC605" s="516"/>
      <c r="AD605" s="516"/>
      <c r="AE605" s="516"/>
      <c r="AF605" s="516"/>
      <c r="AG605" s="516"/>
      <c r="AH605" s="516"/>
      <c r="AI605" s="516"/>
      <c r="AJ605" s="516"/>
      <c r="AK605" s="516"/>
      <c r="AL605" s="516"/>
      <c r="AM605" s="516"/>
      <c r="AN605" s="516"/>
      <c r="AO605" s="516"/>
      <c r="AP605" s="516"/>
      <c r="AQ605" s="516"/>
      <c r="AR605" s="516"/>
      <c r="AS605" s="516"/>
      <c r="AT605" s="516"/>
      <c r="AU605" s="516"/>
      <c r="AV605" s="516"/>
      <c r="AW605" s="516"/>
      <c r="AX605" s="516"/>
      <c r="AY605" s="516"/>
      <c r="AZ605" s="516"/>
      <c r="BA605" s="516"/>
      <c r="BB605" s="516"/>
      <c r="BC605" s="516"/>
      <c r="BD605" s="516"/>
      <c r="BE605" s="516"/>
      <c r="BF605" s="516"/>
      <c r="BG605" s="516"/>
      <c r="BH605" s="516"/>
      <c r="BI605" s="516"/>
      <c r="BJ605" s="516"/>
      <c r="BK605" s="516"/>
      <c r="BL605" s="516"/>
      <c r="BM605" s="516"/>
      <c r="BN605" s="516"/>
      <c r="BO605" s="516"/>
      <c r="BP605" s="516"/>
      <c r="BQ605" s="516"/>
      <c r="BR605" s="516"/>
      <c r="BS605" s="516"/>
      <c r="BT605" s="516"/>
      <c r="BU605" s="516"/>
      <c r="BV605" s="516"/>
      <c r="BW605" s="516"/>
      <c r="BX605" s="516"/>
      <c r="BY605" s="516"/>
      <c r="BZ605" s="516"/>
      <c r="CA605" s="516"/>
      <c r="CB605" s="516"/>
      <c r="CC605" s="516"/>
      <c r="CD605" s="516"/>
      <c r="CE605" s="516"/>
      <c r="CF605" s="516"/>
      <c r="CG605" s="516"/>
      <c r="CH605" s="516"/>
      <c r="CI605" s="516"/>
      <c r="CJ605" s="516"/>
      <c r="CK605" s="516"/>
      <c r="CL605" s="516"/>
      <c r="CM605" s="516"/>
      <c r="CN605" s="516"/>
      <c r="CO605" s="516"/>
      <c r="CP605" s="516"/>
      <c r="CQ605" s="516"/>
      <c r="CR605" s="516"/>
      <c r="CS605" s="516"/>
      <c r="CT605" s="516"/>
      <c r="CU605" s="516"/>
      <c r="CV605" s="516"/>
      <c r="CW605" s="516"/>
      <c r="CX605" s="516"/>
      <c r="CY605" s="516"/>
      <c r="CZ605" s="516"/>
      <c r="DA605" s="516"/>
      <c r="DB605" s="516"/>
      <c r="DC605" s="516"/>
      <c r="DD605" s="516"/>
      <c r="DE605" s="516"/>
      <c r="DF605" s="516"/>
      <c r="DG605" s="516"/>
      <c r="DH605" s="516"/>
      <c r="DI605" s="513"/>
      <c r="DJ605" s="513"/>
      <c r="DK605" s="513" t="s">
        <v>2318</v>
      </c>
    </row>
    <row r="606" spans="1:115" ht="56.1" hidden="1" customHeight="1" x14ac:dyDescent="0.2">
      <c r="A606" s="499" t="s">
        <v>2329</v>
      </c>
      <c r="B606" s="494" t="s">
        <v>2319</v>
      </c>
      <c r="C606" s="511">
        <v>93</v>
      </c>
      <c r="D606" s="511"/>
      <c r="E606" s="511" t="s">
        <v>2182</v>
      </c>
      <c r="F606" s="512" t="s">
        <v>1385</v>
      </c>
      <c r="G606" s="512" t="s">
        <v>2501</v>
      </c>
      <c r="H606" s="513" t="s">
        <v>1352</v>
      </c>
      <c r="I606" s="513" t="s">
        <v>2331</v>
      </c>
      <c r="J606" s="514" t="s">
        <v>2332</v>
      </c>
      <c r="K606" s="513" t="s">
        <v>2333</v>
      </c>
      <c r="L606" s="513" t="s">
        <v>2217</v>
      </c>
      <c r="M606" s="513" t="s">
        <v>63</v>
      </c>
      <c r="N606" s="513"/>
      <c r="O606" s="513" t="s">
        <v>81</v>
      </c>
      <c r="P606" s="513" t="s">
        <v>242</v>
      </c>
      <c r="Q606" s="513"/>
      <c r="R606" s="515" t="s">
        <v>2258</v>
      </c>
      <c r="S606" s="529">
        <v>2500000</v>
      </c>
      <c r="T606" s="529">
        <v>3000000</v>
      </c>
      <c r="U606" s="525">
        <v>2750000</v>
      </c>
      <c r="V606" s="525"/>
      <c r="W606" s="516" t="s">
        <v>242</v>
      </c>
      <c r="X606" s="516"/>
      <c r="Y606" s="516">
        <v>2750000</v>
      </c>
      <c r="Z606" s="516" t="s">
        <v>245</v>
      </c>
      <c r="AA606" s="516"/>
      <c r="AB606" s="516"/>
      <c r="AC606" s="516"/>
      <c r="AD606" s="516"/>
      <c r="AE606" s="516"/>
      <c r="AF606" s="516"/>
      <c r="AG606" s="516"/>
      <c r="AH606" s="516"/>
      <c r="AI606" s="516"/>
      <c r="AJ606" s="516"/>
      <c r="AK606" s="516"/>
      <c r="AL606" s="516"/>
      <c r="AM606" s="516"/>
      <c r="AN606" s="516"/>
      <c r="AO606" s="516"/>
      <c r="AP606" s="516"/>
      <c r="AQ606" s="516"/>
      <c r="AR606" s="516"/>
      <c r="AS606" s="516"/>
      <c r="AT606" s="516"/>
      <c r="AU606" s="516"/>
      <c r="AV606" s="516"/>
      <c r="AW606" s="516"/>
      <c r="AX606" s="516"/>
      <c r="AY606" s="516"/>
      <c r="AZ606" s="516"/>
      <c r="BA606" s="516"/>
      <c r="BB606" s="516"/>
      <c r="BC606" s="516"/>
      <c r="BD606" s="516"/>
      <c r="BE606" s="516"/>
      <c r="BF606" s="516"/>
      <c r="BG606" s="516"/>
      <c r="BH606" s="516"/>
      <c r="BI606" s="516"/>
      <c r="BJ606" s="516"/>
      <c r="BK606" s="516"/>
      <c r="BL606" s="516"/>
      <c r="BM606" s="516"/>
      <c r="BN606" s="516"/>
      <c r="BO606" s="516"/>
      <c r="BP606" s="516"/>
      <c r="BQ606" s="516"/>
      <c r="BR606" s="516"/>
      <c r="BS606" s="516"/>
      <c r="BT606" s="516"/>
      <c r="BU606" s="516"/>
      <c r="BV606" s="516"/>
      <c r="BW606" s="516"/>
      <c r="BX606" s="516"/>
      <c r="BY606" s="516"/>
      <c r="BZ606" s="516"/>
      <c r="CA606" s="516"/>
      <c r="CB606" s="516"/>
      <c r="CC606" s="516"/>
      <c r="CD606" s="516"/>
      <c r="CE606" s="516"/>
      <c r="CF606" s="516"/>
      <c r="CG606" s="516"/>
      <c r="CH606" s="516"/>
      <c r="CI606" s="516"/>
      <c r="CJ606" s="516"/>
      <c r="CK606" s="516"/>
      <c r="CL606" s="516"/>
      <c r="CM606" s="516"/>
      <c r="CN606" s="515"/>
      <c r="CO606" s="515"/>
      <c r="CP606" s="516"/>
      <c r="CQ606" s="516"/>
      <c r="CR606" s="515"/>
      <c r="CS606" s="515"/>
      <c r="CT606" s="515"/>
      <c r="CU606" s="515"/>
      <c r="CV606" s="515"/>
      <c r="CW606" s="515"/>
      <c r="CX606" s="515"/>
      <c r="CY606" s="515"/>
      <c r="CZ606" s="515"/>
      <c r="DA606" s="515"/>
      <c r="DB606" s="515"/>
      <c r="DC606" s="515"/>
      <c r="DD606" s="515"/>
      <c r="DE606" s="515"/>
      <c r="DF606" s="515"/>
      <c r="DG606" s="515"/>
      <c r="DH606" s="516"/>
      <c r="DI606" s="513" t="s">
        <v>2317</v>
      </c>
      <c r="DJ606" s="513"/>
      <c r="DK606" s="513"/>
    </row>
    <row r="607" spans="1:115" ht="56.1" hidden="1" customHeight="1" x14ac:dyDescent="0.2">
      <c r="A607" s="499" t="s">
        <v>2342</v>
      </c>
      <c r="B607" s="510"/>
      <c r="C607" s="511">
        <v>96</v>
      </c>
      <c r="D607" s="511"/>
      <c r="E607" s="511" t="s">
        <v>2182</v>
      </c>
      <c r="F607" s="512" t="s">
        <v>1385</v>
      </c>
      <c r="G607" s="512" t="s">
        <v>655</v>
      </c>
      <c r="H607" s="513" t="s">
        <v>2503</v>
      </c>
      <c r="I607" s="513" t="s">
        <v>2396</v>
      </c>
      <c r="J607" s="514" t="s">
        <v>2397</v>
      </c>
      <c r="K607" s="513" t="s">
        <v>2186</v>
      </c>
      <c r="L607" s="513" t="s">
        <v>254</v>
      </c>
      <c r="M607" s="513" t="s">
        <v>2398</v>
      </c>
      <c r="N607" s="513"/>
      <c r="O607" s="513" t="s">
        <v>60</v>
      </c>
      <c r="P607" s="513" t="s">
        <v>2399</v>
      </c>
      <c r="Q607" s="513"/>
      <c r="R607" s="515" t="s">
        <v>2226</v>
      </c>
      <c r="S607" s="515" t="s">
        <v>63</v>
      </c>
      <c r="T607" s="515" t="s">
        <v>63</v>
      </c>
      <c r="U607" s="516" t="s">
        <v>2299</v>
      </c>
      <c r="V607" s="516"/>
      <c r="W607" s="516" t="s">
        <v>2188</v>
      </c>
      <c r="X607" s="516"/>
      <c r="Y607" s="516" t="s">
        <v>2299</v>
      </c>
      <c r="Z607" s="516" t="s">
        <v>65</v>
      </c>
      <c r="AA607" s="516"/>
      <c r="AB607" s="516"/>
      <c r="AC607" s="516"/>
      <c r="AD607" s="516"/>
      <c r="AE607" s="516"/>
      <c r="AF607" s="516"/>
      <c r="AG607" s="516"/>
      <c r="AH607" s="516"/>
      <c r="AI607" s="516"/>
      <c r="AJ607" s="516"/>
      <c r="AK607" s="516"/>
      <c r="AL607" s="516"/>
      <c r="AM607" s="516"/>
      <c r="AN607" s="516"/>
      <c r="AO607" s="516"/>
      <c r="AP607" s="516"/>
      <c r="AQ607" s="516"/>
      <c r="AR607" s="516"/>
      <c r="AS607" s="516"/>
      <c r="AT607" s="516"/>
      <c r="AU607" s="516"/>
      <c r="AV607" s="516"/>
      <c r="AW607" s="516"/>
      <c r="AX607" s="516"/>
      <c r="AY607" s="516"/>
      <c r="AZ607" s="516"/>
      <c r="BA607" s="516"/>
      <c r="BB607" s="516"/>
      <c r="BC607" s="516"/>
      <c r="BD607" s="516"/>
      <c r="BE607" s="516"/>
      <c r="BF607" s="516"/>
      <c r="BG607" s="516"/>
      <c r="BH607" s="516"/>
      <c r="BI607" s="516"/>
      <c r="BJ607" s="516"/>
      <c r="BK607" s="516"/>
      <c r="BL607" s="516"/>
      <c r="BM607" s="516"/>
      <c r="BN607" s="516"/>
      <c r="BO607" s="516"/>
      <c r="BP607" s="516"/>
      <c r="BQ607" s="516"/>
      <c r="BR607" s="516"/>
      <c r="BS607" s="516"/>
      <c r="BT607" s="516"/>
      <c r="BU607" s="516"/>
      <c r="BV607" s="516"/>
      <c r="BW607" s="516"/>
      <c r="BX607" s="516"/>
      <c r="BY607" s="516"/>
      <c r="BZ607" s="516"/>
      <c r="CA607" s="516"/>
      <c r="CB607" s="516"/>
      <c r="CC607" s="516"/>
      <c r="CD607" s="516"/>
      <c r="CE607" s="516"/>
      <c r="CF607" s="516"/>
      <c r="CG607" s="516"/>
      <c r="CH607" s="516"/>
      <c r="CI607" s="516"/>
      <c r="CJ607" s="516"/>
      <c r="CK607" s="516"/>
      <c r="CL607" s="516"/>
      <c r="CM607" s="516"/>
      <c r="CN607" s="516"/>
      <c r="CO607" s="516"/>
      <c r="CP607" s="516"/>
      <c r="CQ607" s="516"/>
      <c r="CR607" s="516"/>
      <c r="CS607" s="516"/>
      <c r="CT607" s="516"/>
      <c r="CU607" s="516" t="s">
        <v>2190</v>
      </c>
      <c r="CV607" s="516" t="s">
        <v>2190</v>
      </c>
      <c r="CW607" s="516" t="s">
        <v>2190</v>
      </c>
      <c r="CX607" s="516" t="s">
        <v>2190</v>
      </c>
      <c r="CY607" s="516"/>
      <c r="CZ607" s="516"/>
      <c r="DA607" s="516"/>
      <c r="DB607" s="516"/>
      <c r="DC607" s="516"/>
      <c r="DD607" s="516"/>
      <c r="DE607" s="516"/>
      <c r="DF607" s="516"/>
      <c r="DG607" s="516" t="s">
        <v>2190</v>
      </c>
      <c r="DH607" s="516"/>
      <c r="DI607" s="513" t="s">
        <v>2300</v>
      </c>
      <c r="DJ607" s="513"/>
      <c r="DK607" s="513" t="s">
        <v>2351</v>
      </c>
    </row>
    <row r="608" spans="1:115" ht="56.1" hidden="1" customHeight="1" x14ac:dyDescent="0.2">
      <c r="A608" s="499" t="s">
        <v>2342</v>
      </c>
      <c r="B608" s="510"/>
      <c r="C608" s="511">
        <v>97</v>
      </c>
      <c r="D608" s="511"/>
      <c r="E608" s="511" t="s">
        <v>2182</v>
      </c>
      <c r="F608" s="512" t="s">
        <v>2345</v>
      </c>
      <c r="G608" s="512" t="s">
        <v>655</v>
      </c>
      <c r="H608" s="513" t="s">
        <v>2503</v>
      </c>
      <c r="I608" s="513" t="s">
        <v>2346</v>
      </c>
      <c r="J608" s="514" t="s">
        <v>2347</v>
      </c>
      <c r="K608" s="513" t="s">
        <v>2205</v>
      </c>
      <c r="L608" s="513" t="s">
        <v>254</v>
      </c>
      <c r="M608" s="513" t="s">
        <v>2348</v>
      </c>
      <c r="N608" s="513"/>
      <c r="O608" s="513" t="s">
        <v>60</v>
      </c>
      <c r="P608" s="513" t="s">
        <v>2349</v>
      </c>
      <c r="Q608" s="513"/>
      <c r="R608" s="515" t="s">
        <v>2350</v>
      </c>
      <c r="S608" s="515" t="s">
        <v>63</v>
      </c>
      <c r="T608" s="515" t="s">
        <v>63</v>
      </c>
      <c r="U608" s="516" t="s">
        <v>2299</v>
      </c>
      <c r="V608" s="516"/>
      <c r="W608" s="516" t="s">
        <v>2188</v>
      </c>
      <c r="X608" s="516"/>
      <c r="Y608" s="516" t="s">
        <v>63</v>
      </c>
      <c r="Z608" s="516" t="s">
        <v>65</v>
      </c>
      <c r="AA608" s="516"/>
      <c r="AB608" s="516"/>
      <c r="AC608" s="516"/>
      <c r="AD608" s="516"/>
      <c r="AE608" s="516"/>
      <c r="AF608" s="516"/>
      <c r="AG608" s="516"/>
      <c r="AH608" s="516"/>
      <c r="AI608" s="516"/>
      <c r="AJ608" s="516"/>
      <c r="AK608" s="516"/>
      <c r="AL608" s="516"/>
      <c r="AM608" s="516"/>
      <c r="AN608" s="516"/>
      <c r="AO608" s="516"/>
      <c r="AP608" s="516"/>
      <c r="AQ608" s="516"/>
      <c r="AR608" s="516"/>
      <c r="AS608" s="516"/>
      <c r="AT608" s="516"/>
      <c r="AU608" s="516"/>
      <c r="AV608" s="516"/>
      <c r="AW608" s="516"/>
      <c r="AX608" s="516"/>
      <c r="AY608" s="516"/>
      <c r="AZ608" s="516"/>
      <c r="BA608" s="516"/>
      <c r="BB608" s="516"/>
      <c r="BC608" s="516"/>
      <c r="BD608" s="516"/>
      <c r="BE608" s="516"/>
      <c r="BF608" s="516"/>
      <c r="BG608" s="516"/>
      <c r="BH608" s="516"/>
      <c r="BI608" s="516"/>
      <c r="BJ608" s="516"/>
      <c r="BK608" s="516"/>
      <c r="BL608" s="516"/>
      <c r="BM608" s="516"/>
      <c r="BN608" s="516"/>
      <c r="BO608" s="516"/>
      <c r="BP608" s="516"/>
      <c r="BQ608" s="516"/>
      <c r="BR608" s="516"/>
      <c r="BS608" s="516"/>
      <c r="BT608" s="516"/>
      <c r="BU608" s="516"/>
      <c r="BV608" s="516"/>
      <c r="BW608" s="516"/>
      <c r="BX608" s="516"/>
      <c r="BY608" s="516"/>
      <c r="BZ608" s="516"/>
      <c r="CA608" s="516"/>
      <c r="CB608" s="516"/>
      <c r="CC608" s="516"/>
      <c r="CD608" s="516"/>
      <c r="CE608" s="516"/>
      <c r="CF608" s="516"/>
      <c r="CG608" s="516"/>
      <c r="CH608" s="516"/>
      <c r="CI608" s="516"/>
      <c r="CJ608" s="516"/>
      <c r="CK608" s="516"/>
      <c r="CL608" s="516"/>
      <c r="CM608" s="516"/>
      <c r="CN608" s="516"/>
      <c r="CO608" s="516"/>
      <c r="CP608" s="516"/>
      <c r="CQ608" s="516"/>
      <c r="CR608" s="516"/>
      <c r="CS608" s="516"/>
      <c r="CT608" s="516"/>
      <c r="CU608" s="516" t="s">
        <v>2190</v>
      </c>
      <c r="CV608" s="516" t="s">
        <v>2190</v>
      </c>
      <c r="CW608" s="516" t="s">
        <v>2190</v>
      </c>
      <c r="CX608" s="516" t="s">
        <v>2190</v>
      </c>
      <c r="CY608" s="516"/>
      <c r="CZ608" s="516"/>
      <c r="DA608" s="516"/>
      <c r="DB608" s="516"/>
      <c r="DC608" s="516"/>
      <c r="DD608" s="516"/>
      <c r="DE608" s="516"/>
      <c r="DF608" s="516" t="s">
        <v>2190</v>
      </c>
      <c r="DG608" s="516"/>
      <c r="DH608" s="516"/>
      <c r="DI608" s="513" t="s">
        <v>2300</v>
      </c>
      <c r="DJ608" s="513"/>
      <c r="DK608" s="513" t="s">
        <v>2351</v>
      </c>
    </row>
    <row r="609" spans="1:115" ht="56.1" hidden="1" customHeight="1" x14ac:dyDescent="0.2">
      <c r="A609" s="510"/>
      <c r="B609" s="510"/>
      <c r="C609" s="511">
        <v>98</v>
      </c>
      <c r="D609" s="511"/>
      <c r="E609" s="511" t="s">
        <v>2182</v>
      </c>
      <c r="F609" s="512" t="s">
        <v>1385</v>
      </c>
      <c r="G609" s="512" t="s">
        <v>655</v>
      </c>
      <c r="H609" s="513" t="s">
        <v>2503</v>
      </c>
      <c r="I609" s="513" t="s">
        <v>2402</v>
      </c>
      <c r="J609" s="514" t="s">
        <v>2403</v>
      </c>
      <c r="K609" s="513" t="s">
        <v>2186</v>
      </c>
      <c r="L609" s="513" t="s">
        <v>254</v>
      </c>
      <c r="M609" s="513" t="s">
        <v>2404</v>
      </c>
      <c r="N609" s="513"/>
      <c r="O609" s="513" t="s">
        <v>60</v>
      </c>
      <c r="P609" s="513" t="s">
        <v>2399</v>
      </c>
      <c r="Q609" s="513"/>
      <c r="R609" s="515" t="s">
        <v>169</v>
      </c>
      <c r="S609" s="515" t="s">
        <v>63</v>
      </c>
      <c r="T609" s="515" t="s">
        <v>63</v>
      </c>
      <c r="U609" s="516" t="s">
        <v>2299</v>
      </c>
      <c r="V609" s="516"/>
      <c r="W609" s="516" t="s">
        <v>2188</v>
      </c>
      <c r="X609" s="516"/>
      <c r="Y609" s="516" t="s">
        <v>2299</v>
      </c>
      <c r="Z609" s="516" t="s">
        <v>65</v>
      </c>
      <c r="AA609" s="516"/>
      <c r="AB609" s="516"/>
      <c r="AC609" s="516"/>
      <c r="AD609" s="516"/>
      <c r="AE609" s="516"/>
      <c r="AF609" s="516"/>
      <c r="AG609" s="516"/>
      <c r="AH609" s="516"/>
      <c r="AI609" s="516"/>
      <c r="AJ609" s="516"/>
      <c r="AK609" s="516"/>
      <c r="AL609" s="516"/>
      <c r="AM609" s="516"/>
      <c r="AN609" s="516"/>
      <c r="AO609" s="516"/>
      <c r="AP609" s="516"/>
      <c r="AQ609" s="516"/>
      <c r="AR609" s="516"/>
      <c r="AS609" s="516"/>
      <c r="AT609" s="516"/>
      <c r="AU609" s="516"/>
      <c r="AV609" s="516"/>
      <c r="AW609" s="516"/>
      <c r="AX609" s="516"/>
      <c r="AY609" s="516"/>
      <c r="AZ609" s="516"/>
      <c r="BA609" s="516"/>
      <c r="BB609" s="516"/>
      <c r="BC609" s="516"/>
      <c r="BD609" s="516"/>
      <c r="BE609" s="516"/>
      <c r="BF609" s="516"/>
      <c r="BG609" s="516"/>
      <c r="BH609" s="516"/>
      <c r="BI609" s="516"/>
      <c r="BJ609" s="516"/>
      <c r="BK609" s="516"/>
      <c r="BL609" s="516"/>
      <c r="BM609" s="516"/>
      <c r="BN609" s="516"/>
      <c r="BO609" s="516"/>
      <c r="BP609" s="516"/>
      <c r="BQ609" s="516"/>
      <c r="BR609" s="516"/>
      <c r="BS609" s="516"/>
      <c r="BT609" s="516"/>
      <c r="BU609" s="516"/>
      <c r="BV609" s="516"/>
      <c r="BW609" s="516"/>
      <c r="BX609" s="516"/>
      <c r="BY609" s="516"/>
      <c r="BZ609" s="516"/>
      <c r="CA609" s="516"/>
      <c r="CB609" s="516"/>
      <c r="CC609" s="516"/>
      <c r="CD609" s="516"/>
      <c r="CE609" s="516"/>
      <c r="CF609" s="516"/>
      <c r="CG609" s="516"/>
      <c r="CH609" s="516"/>
      <c r="CI609" s="516"/>
      <c r="CJ609" s="516"/>
      <c r="CK609" s="516"/>
      <c r="CL609" s="516"/>
      <c r="CM609" s="516"/>
      <c r="CN609" s="516"/>
      <c r="CO609" s="516"/>
      <c r="CP609" s="516"/>
      <c r="CQ609" s="516"/>
      <c r="CR609" s="516"/>
      <c r="CS609" s="516"/>
      <c r="CT609" s="516"/>
      <c r="CU609" s="516" t="s">
        <v>2190</v>
      </c>
      <c r="CV609" s="516"/>
      <c r="CW609" s="516"/>
      <c r="CX609" s="516"/>
      <c r="CY609" s="516"/>
      <c r="CZ609" s="516"/>
      <c r="DA609" s="516"/>
      <c r="DB609" s="516"/>
      <c r="DC609" s="516"/>
      <c r="DD609" s="516"/>
      <c r="DE609" s="516"/>
      <c r="DF609" s="516"/>
      <c r="DG609" s="516" t="s">
        <v>2190</v>
      </c>
      <c r="DH609" s="516"/>
      <c r="DI609" s="513" t="s">
        <v>2300</v>
      </c>
      <c r="DJ609" s="513"/>
      <c r="DK609" s="513" t="s">
        <v>2351</v>
      </c>
    </row>
    <row r="610" spans="1:115" ht="56.1" hidden="1" customHeight="1" x14ac:dyDescent="0.2">
      <c r="A610" s="510"/>
      <c r="B610" s="510"/>
      <c r="C610" s="481">
        <v>703</v>
      </c>
      <c r="D610" s="481"/>
      <c r="E610" s="481" t="s">
        <v>2481</v>
      </c>
      <c r="F610" s="482" t="s">
        <v>869</v>
      </c>
      <c r="G610" s="482" t="s">
        <v>655</v>
      </c>
      <c r="H610" s="500" t="s">
        <v>830</v>
      </c>
      <c r="I610" s="501" t="s">
        <v>891</v>
      </c>
      <c r="J610" s="501" t="s">
        <v>892</v>
      </c>
      <c r="K610" s="501"/>
      <c r="L610" s="77" t="s">
        <v>58</v>
      </c>
      <c r="M610" s="501" t="s">
        <v>27</v>
      </c>
      <c r="N610" s="501"/>
      <c r="O610" s="501" t="s">
        <v>60</v>
      </c>
      <c r="P610" s="77" t="s">
        <v>77</v>
      </c>
      <c r="Q610" s="77"/>
      <c r="R610" s="501" t="s">
        <v>834</v>
      </c>
      <c r="S610" s="76" t="s">
        <v>63</v>
      </c>
      <c r="T610" s="76" t="s">
        <v>63</v>
      </c>
      <c r="U610" s="502">
        <v>370629.1875</v>
      </c>
      <c r="V610" s="502"/>
      <c r="W610" s="510" t="s">
        <v>839</v>
      </c>
      <c r="X610" s="510"/>
      <c r="Y610" s="503">
        <f>U610</f>
        <v>370629.1875</v>
      </c>
      <c r="Z610" s="76" t="s">
        <v>65</v>
      </c>
      <c r="AA610" s="76"/>
      <c r="AB610" s="76"/>
      <c r="AC610" s="76"/>
      <c r="AD610" s="76"/>
      <c r="AE610" s="76"/>
      <c r="AF610" s="76"/>
      <c r="AG610" s="76"/>
      <c r="AH610" s="76"/>
      <c r="AI610" s="76"/>
      <c r="AJ610" s="76"/>
      <c r="AK610" s="76"/>
      <c r="AL610" s="76"/>
      <c r="AM610" s="76"/>
      <c r="AN610" s="76"/>
      <c r="AO610" s="76"/>
      <c r="AP610" s="76"/>
      <c r="AQ610" s="76"/>
      <c r="AR610" s="76"/>
      <c r="AS610" s="76"/>
      <c r="AT610" s="76"/>
      <c r="AU610" s="76"/>
      <c r="AV610" s="76"/>
      <c r="AW610" s="76"/>
      <c r="AX610" s="76"/>
      <c r="AY610" s="76"/>
      <c r="AZ610" s="76"/>
      <c r="BA610" s="76"/>
      <c r="BB610" s="76"/>
      <c r="BC610" s="76"/>
      <c r="BD610" s="76"/>
      <c r="BE610" s="76"/>
      <c r="BF610" s="80">
        <f>SUMIF(AA610:BE610,"YES",$AA$2:$BE$2)</f>
        <v>0</v>
      </c>
      <c r="BG610" s="76"/>
      <c r="BH610" s="487" t="str">
        <f t="shared" ref="BH610:BW612" si="120">IF(AA610="yes",(AA$2*$BG610),"")</f>
        <v/>
      </c>
      <c r="BI610" s="487" t="str">
        <f t="shared" si="120"/>
        <v/>
      </c>
      <c r="BJ610" s="487" t="str">
        <f t="shared" si="120"/>
        <v/>
      </c>
      <c r="BK610" s="487" t="str">
        <f t="shared" si="120"/>
        <v/>
      </c>
      <c r="BL610" s="487" t="str">
        <f t="shared" si="120"/>
        <v/>
      </c>
      <c r="BM610" s="487" t="str">
        <f t="shared" si="120"/>
        <v/>
      </c>
      <c r="BN610" s="487" t="str">
        <f t="shared" si="120"/>
        <v/>
      </c>
      <c r="BO610" s="487" t="str">
        <f t="shared" si="120"/>
        <v/>
      </c>
      <c r="BP610" s="487" t="str">
        <f t="shared" si="120"/>
        <v/>
      </c>
      <c r="BQ610" s="487" t="str">
        <f t="shared" si="120"/>
        <v/>
      </c>
      <c r="BR610" s="487" t="str">
        <f t="shared" si="120"/>
        <v/>
      </c>
      <c r="BS610" s="487" t="str">
        <f t="shared" si="120"/>
        <v/>
      </c>
      <c r="BT610" s="487" t="str">
        <f t="shared" si="120"/>
        <v/>
      </c>
      <c r="BU610" s="487" t="str">
        <f t="shared" si="120"/>
        <v/>
      </c>
      <c r="BV610" s="487" t="str">
        <f t="shared" si="120"/>
        <v/>
      </c>
      <c r="BW610" s="487" t="str">
        <f t="shared" si="120"/>
        <v/>
      </c>
      <c r="BX610" s="487" t="str">
        <f t="shared" ref="BX610:CL612" si="121">IF(AQ610="yes",(AQ$2*$BG610),"")</f>
        <v/>
      </c>
      <c r="BY610" s="487" t="str">
        <f t="shared" si="121"/>
        <v/>
      </c>
      <c r="BZ610" s="487" t="str">
        <f t="shared" si="121"/>
        <v/>
      </c>
      <c r="CA610" s="487" t="str">
        <f t="shared" si="121"/>
        <v/>
      </c>
      <c r="CB610" s="487" t="str">
        <f t="shared" si="121"/>
        <v/>
      </c>
      <c r="CC610" s="487" t="str">
        <f t="shared" si="121"/>
        <v/>
      </c>
      <c r="CD610" s="487" t="str">
        <f t="shared" si="121"/>
        <v/>
      </c>
      <c r="CE610" s="487" t="str">
        <f t="shared" si="121"/>
        <v/>
      </c>
      <c r="CF610" s="487" t="str">
        <f t="shared" si="121"/>
        <v/>
      </c>
      <c r="CG610" s="487" t="str">
        <f t="shared" si="121"/>
        <v/>
      </c>
      <c r="CH610" s="487" t="str">
        <f t="shared" si="121"/>
        <v/>
      </c>
      <c r="CI610" s="487" t="str">
        <f t="shared" si="121"/>
        <v/>
      </c>
      <c r="CJ610" s="487" t="str">
        <f t="shared" si="121"/>
        <v/>
      </c>
      <c r="CK610" s="487" t="str">
        <f t="shared" si="121"/>
        <v/>
      </c>
      <c r="CL610" s="487" t="str">
        <f t="shared" si="121"/>
        <v/>
      </c>
      <c r="CM610" s="487"/>
      <c r="CN610" s="487"/>
      <c r="CO610" s="487"/>
      <c r="CP610" s="487"/>
      <c r="CQ610" s="487"/>
      <c r="CR610" s="487"/>
      <c r="CS610" s="487"/>
      <c r="CT610" s="487"/>
      <c r="CU610" s="487"/>
      <c r="CV610" s="487"/>
      <c r="CW610" s="487"/>
      <c r="CX610" s="487"/>
      <c r="CY610" s="487"/>
      <c r="CZ610" s="487"/>
      <c r="DA610" s="487"/>
      <c r="DB610" s="487"/>
      <c r="DC610" s="487"/>
      <c r="DD610" s="487"/>
      <c r="DE610" s="487"/>
      <c r="DF610" s="487"/>
      <c r="DG610" s="487"/>
      <c r="DH610" s="487"/>
      <c r="DI610" s="76"/>
      <c r="DJ610" s="76"/>
      <c r="DK610" s="504"/>
    </row>
    <row r="611" spans="1:115" ht="56.1" hidden="1" customHeight="1" x14ac:dyDescent="0.2">
      <c r="A611" s="510"/>
      <c r="B611" s="510"/>
      <c r="C611" s="481">
        <v>720</v>
      </c>
      <c r="D611" s="481"/>
      <c r="E611" s="481" t="s">
        <v>2481</v>
      </c>
      <c r="F611" s="482" t="s">
        <v>869</v>
      </c>
      <c r="G611" s="482" t="s">
        <v>655</v>
      </c>
      <c r="H611" s="500" t="s">
        <v>900</v>
      </c>
      <c r="I611" s="501" t="s">
        <v>928</v>
      </c>
      <c r="J611" s="501" t="s">
        <v>929</v>
      </c>
      <c r="K611" s="501"/>
      <c r="L611" s="77" t="s">
        <v>58</v>
      </c>
      <c r="M611" s="501" t="s">
        <v>27</v>
      </c>
      <c r="N611" s="501"/>
      <c r="O611" s="501" t="s">
        <v>81</v>
      </c>
      <c r="P611" s="77" t="s">
        <v>77</v>
      </c>
      <c r="Q611" s="77"/>
      <c r="R611" s="501" t="s">
        <v>834</v>
      </c>
      <c r="S611" s="76" t="s">
        <v>63</v>
      </c>
      <c r="T611" s="76" t="s">
        <v>63</v>
      </c>
      <c r="U611" s="502">
        <v>12333.75</v>
      </c>
      <c r="V611" s="502"/>
      <c r="W611" s="510" t="s">
        <v>839</v>
      </c>
      <c r="X611" s="510"/>
      <c r="Y611" s="503">
        <f>U611</f>
        <v>12333.75</v>
      </c>
      <c r="Z611" s="510" t="s">
        <v>853</v>
      </c>
      <c r="AA611" s="76"/>
      <c r="AB611" s="76"/>
      <c r="AC611" s="76"/>
      <c r="AD611" s="76"/>
      <c r="AE611" s="76"/>
      <c r="AF611" s="76"/>
      <c r="AG611" s="76"/>
      <c r="AH611" s="76"/>
      <c r="AI611" s="76"/>
      <c r="AJ611" s="76"/>
      <c r="AK611" s="76"/>
      <c r="AL611" s="76"/>
      <c r="AM611" s="76"/>
      <c r="AN611" s="76"/>
      <c r="AO611" s="76"/>
      <c r="AP611" s="76"/>
      <c r="AQ611" s="76"/>
      <c r="AR611" s="76"/>
      <c r="AS611" s="76"/>
      <c r="AT611" s="76"/>
      <c r="AU611" s="76"/>
      <c r="AV611" s="76"/>
      <c r="AW611" s="76"/>
      <c r="AX611" s="76"/>
      <c r="AY611" s="76"/>
      <c r="AZ611" s="76"/>
      <c r="BA611" s="76"/>
      <c r="BB611" s="76"/>
      <c r="BC611" s="76"/>
      <c r="BD611" s="76"/>
      <c r="BE611" s="76"/>
      <c r="BF611" s="80">
        <f>SUMIF(AA611:BE611,"YES",$AA$2:$BE$2)</f>
        <v>0</v>
      </c>
      <c r="BG611" s="76"/>
      <c r="BH611" s="487" t="str">
        <f t="shared" si="120"/>
        <v/>
      </c>
      <c r="BI611" s="487" t="str">
        <f t="shared" si="120"/>
        <v/>
      </c>
      <c r="BJ611" s="487" t="str">
        <f t="shared" si="120"/>
        <v/>
      </c>
      <c r="BK611" s="487" t="str">
        <f t="shared" si="120"/>
        <v/>
      </c>
      <c r="BL611" s="487" t="str">
        <f t="shared" si="120"/>
        <v/>
      </c>
      <c r="BM611" s="487" t="str">
        <f t="shared" si="120"/>
        <v/>
      </c>
      <c r="BN611" s="487" t="str">
        <f t="shared" si="120"/>
        <v/>
      </c>
      <c r="BO611" s="487" t="str">
        <f t="shared" si="120"/>
        <v/>
      </c>
      <c r="BP611" s="487" t="str">
        <f t="shared" si="120"/>
        <v/>
      </c>
      <c r="BQ611" s="487" t="str">
        <f t="shared" si="120"/>
        <v/>
      </c>
      <c r="BR611" s="487" t="str">
        <f t="shared" si="120"/>
        <v/>
      </c>
      <c r="BS611" s="487" t="str">
        <f t="shared" si="120"/>
        <v/>
      </c>
      <c r="BT611" s="487" t="str">
        <f t="shared" si="120"/>
        <v/>
      </c>
      <c r="BU611" s="487" t="str">
        <f t="shared" si="120"/>
        <v/>
      </c>
      <c r="BV611" s="487" t="str">
        <f t="shared" si="120"/>
        <v/>
      </c>
      <c r="BW611" s="487" t="str">
        <f t="shared" si="120"/>
        <v/>
      </c>
      <c r="BX611" s="487" t="str">
        <f t="shared" si="121"/>
        <v/>
      </c>
      <c r="BY611" s="487" t="str">
        <f t="shared" si="121"/>
        <v/>
      </c>
      <c r="BZ611" s="487" t="str">
        <f t="shared" si="121"/>
        <v/>
      </c>
      <c r="CA611" s="487" t="str">
        <f t="shared" si="121"/>
        <v/>
      </c>
      <c r="CB611" s="487" t="str">
        <f t="shared" si="121"/>
        <v/>
      </c>
      <c r="CC611" s="487" t="str">
        <f t="shared" si="121"/>
        <v/>
      </c>
      <c r="CD611" s="487" t="str">
        <f t="shared" si="121"/>
        <v/>
      </c>
      <c r="CE611" s="487" t="str">
        <f t="shared" si="121"/>
        <v/>
      </c>
      <c r="CF611" s="487" t="str">
        <f t="shared" si="121"/>
        <v/>
      </c>
      <c r="CG611" s="487" t="str">
        <f t="shared" si="121"/>
        <v/>
      </c>
      <c r="CH611" s="487" t="str">
        <f t="shared" si="121"/>
        <v/>
      </c>
      <c r="CI611" s="487" t="str">
        <f t="shared" si="121"/>
        <v/>
      </c>
      <c r="CJ611" s="487" t="str">
        <f t="shared" si="121"/>
        <v/>
      </c>
      <c r="CK611" s="487" t="str">
        <f t="shared" si="121"/>
        <v/>
      </c>
      <c r="CL611" s="487" t="str">
        <f t="shared" si="121"/>
        <v/>
      </c>
      <c r="CM611" s="487"/>
      <c r="CN611" s="487"/>
      <c r="CO611" s="487"/>
      <c r="CP611" s="487"/>
      <c r="CQ611" s="487"/>
      <c r="CR611" s="487"/>
      <c r="CS611" s="487"/>
      <c r="CT611" s="487"/>
      <c r="CU611" s="487"/>
      <c r="CV611" s="487"/>
      <c r="CW611" s="487"/>
      <c r="CX611" s="487"/>
      <c r="CY611" s="487"/>
      <c r="CZ611" s="487"/>
      <c r="DA611" s="487"/>
      <c r="DB611" s="487"/>
      <c r="DC611" s="487"/>
      <c r="DD611" s="487"/>
      <c r="DE611" s="487"/>
      <c r="DF611" s="487"/>
      <c r="DG611" s="487"/>
      <c r="DH611" s="487"/>
      <c r="DI611" s="76"/>
      <c r="DJ611" s="76"/>
      <c r="DK611" s="504"/>
    </row>
    <row r="612" spans="1:115" ht="56.1" hidden="1" customHeight="1" x14ac:dyDescent="0.2">
      <c r="A612" s="510"/>
      <c r="B612" s="510"/>
      <c r="C612" s="481">
        <v>721</v>
      </c>
      <c r="D612" s="481"/>
      <c r="E612" s="481" t="s">
        <v>2481</v>
      </c>
      <c r="F612" s="482" t="s">
        <v>869</v>
      </c>
      <c r="G612" s="482" t="s">
        <v>655</v>
      </c>
      <c r="H612" s="501" t="s">
        <v>900</v>
      </c>
      <c r="I612" s="501" t="s">
        <v>930</v>
      </c>
      <c r="J612" s="506" t="s">
        <v>931</v>
      </c>
      <c r="K612" s="506"/>
      <c r="L612" s="77" t="s">
        <v>58</v>
      </c>
      <c r="M612" s="501" t="s">
        <v>27</v>
      </c>
      <c r="N612" s="501"/>
      <c r="O612" s="501" t="s">
        <v>81</v>
      </c>
      <c r="P612" s="77" t="s">
        <v>77</v>
      </c>
      <c r="Q612" s="77"/>
      <c r="R612" s="501" t="s">
        <v>834</v>
      </c>
      <c r="S612" s="76" t="s">
        <v>63</v>
      </c>
      <c r="T612" s="76" t="s">
        <v>63</v>
      </c>
      <c r="U612" s="502">
        <v>227763.25</v>
      </c>
      <c r="V612" s="502"/>
      <c r="W612" s="510" t="s">
        <v>839</v>
      </c>
      <c r="X612" s="510"/>
      <c r="Y612" s="503">
        <f>U612</f>
        <v>227763.25</v>
      </c>
      <c r="Z612" s="76" t="s">
        <v>65</v>
      </c>
      <c r="AA612" s="76"/>
      <c r="AB612" s="76"/>
      <c r="AC612" s="76"/>
      <c r="AD612" s="76"/>
      <c r="AE612" s="76"/>
      <c r="AF612" s="76"/>
      <c r="AG612" s="76"/>
      <c r="AH612" s="76"/>
      <c r="AI612" s="76"/>
      <c r="AJ612" s="76"/>
      <c r="AK612" s="76"/>
      <c r="AL612" s="76"/>
      <c r="AM612" s="76"/>
      <c r="AN612" s="76"/>
      <c r="AO612" s="76"/>
      <c r="AP612" s="76"/>
      <c r="AQ612" s="76"/>
      <c r="AR612" s="76"/>
      <c r="AS612" s="76"/>
      <c r="AT612" s="76"/>
      <c r="AU612" s="76"/>
      <c r="AV612" s="76"/>
      <c r="AW612" s="76"/>
      <c r="AX612" s="76"/>
      <c r="AY612" s="76"/>
      <c r="AZ612" s="76"/>
      <c r="BA612" s="76"/>
      <c r="BB612" s="76"/>
      <c r="BC612" s="76"/>
      <c r="BD612" s="76"/>
      <c r="BE612" s="76"/>
      <c r="BF612" s="80">
        <f>SUMIF(AA612:BE612,"YES",$AA$2:$BE$2)</f>
        <v>0</v>
      </c>
      <c r="BG612" s="76"/>
      <c r="BH612" s="487" t="str">
        <f t="shared" si="120"/>
        <v/>
      </c>
      <c r="BI612" s="487" t="str">
        <f t="shared" si="120"/>
        <v/>
      </c>
      <c r="BJ612" s="487" t="str">
        <f t="shared" si="120"/>
        <v/>
      </c>
      <c r="BK612" s="487" t="str">
        <f t="shared" si="120"/>
        <v/>
      </c>
      <c r="BL612" s="487" t="str">
        <f t="shared" si="120"/>
        <v/>
      </c>
      <c r="BM612" s="487" t="str">
        <f t="shared" si="120"/>
        <v/>
      </c>
      <c r="BN612" s="487" t="str">
        <f t="shared" si="120"/>
        <v/>
      </c>
      <c r="BO612" s="487" t="str">
        <f t="shared" si="120"/>
        <v/>
      </c>
      <c r="BP612" s="487" t="str">
        <f t="shared" si="120"/>
        <v/>
      </c>
      <c r="BQ612" s="487" t="str">
        <f t="shared" si="120"/>
        <v/>
      </c>
      <c r="BR612" s="487" t="str">
        <f t="shared" si="120"/>
        <v/>
      </c>
      <c r="BS612" s="487" t="str">
        <f t="shared" si="120"/>
        <v/>
      </c>
      <c r="BT612" s="487" t="str">
        <f t="shared" si="120"/>
        <v/>
      </c>
      <c r="BU612" s="487" t="str">
        <f t="shared" si="120"/>
        <v/>
      </c>
      <c r="BV612" s="487" t="str">
        <f t="shared" si="120"/>
        <v/>
      </c>
      <c r="BW612" s="487" t="str">
        <f t="shared" si="120"/>
        <v/>
      </c>
      <c r="BX612" s="487" t="str">
        <f t="shared" si="121"/>
        <v/>
      </c>
      <c r="BY612" s="487" t="str">
        <f t="shared" si="121"/>
        <v/>
      </c>
      <c r="BZ612" s="487" t="str">
        <f t="shared" si="121"/>
        <v/>
      </c>
      <c r="CA612" s="487" t="str">
        <f t="shared" si="121"/>
        <v/>
      </c>
      <c r="CB612" s="487" t="str">
        <f t="shared" si="121"/>
        <v/>
      </c>
      <c r="CC612" s="487" t="str">
        <f t="shared" si="121"/>
        <v/>
      </c>
      <c r="CD612" s="487" t="str">
        <f t="shared" si="121"/>
        <v/>
      </c>
      <c r="CE612" s="487" t="str">
        <f t="shared" si="121"/>
        <v/>
      </c>
      <c r="CF612" s="487" t="str">
        <f t="shared" si="121"/>
        <v/>
      </c>
      <c r="CG612" s="487" t="str">
        <f t="shared" si="121"/>
        <v/>
      </c>
      <c r="CH612" s="487" t="str">
        <f t="shared" si="121"/>
        <v/>
      </c>
      <c r="CI612" s="487" t="str">
        <f t="shared" si="121"/>
        <v/>
      </c>
      <c r="CJ612" s="487" t="str">
        <f t="shared" si="121"/>
        <v/>
      </c>
      <c r="CK612" s="487" t="str">
        <f t="shared" si="121"/>
        <v/>
      </c>
      <c r="CL612" s="487" t="str">
        <f t="shared" si="121"/>
        <v/>
      </c>
      <c r="CM612" s="487"/>
      <c r="CN612" s="487"/>
      <c r="CO612" s="487"/>
      <c r="CP612" s="487"/>
      <c r="CQ612" s="487"/>
      <c r="CR612" s="487"/>
      <c r="CS612" s="487"/>
      <c r="CT612" s="487"/>
      <c r="CU612" s="487"/>
      <c r="CV612" s="487"/>
      <c r="CW612" s="487"/>
      <c r="CX612" s="487"/>
      <c r="CY612" s="487"/>
      <c r="CZ612" s="487"/>
      <c r="DA612" s="487"/>
      <c r="DB612" s="487"/>
      <c r="DC612" s="487"/>
      <c r="DD612" s="487"/>
      <c r="DE612" s="487"/>
      <c r="DF612" s="487"/>
      <c r="DG612" s="487"/>
      <c r="DH612" s="487"/>
      <c r="DI612" s="76"/>
      <c r="DJ612" s="76"/>
      <c r="DK612" s="504"/>
    </row>
    <row r="613" spans="1:115" ht="56.1" hidden="1" customHeight="1" x14ac:dyDescent="0.2">
      <c r="A613" s="510"/>
      <c r="B613" s="510"/>
      <c r="C613" s="511">
        <v>124</v>
      </c>
      <c r="D613" s="511"/>
      <c r="E613" s="511" t="s">
        <v>2182</v>
      </c>
      <c r="F613" s="512" t="s">
        <v>1385</v>
      </c>
      <c r="G613" s="512" t="s">
        <v>655</v>
      </c>
      <c r="H613" s="513" t="s">
        <v>2503</v>
      </c>
      <c r="I613" s="513" t="s">
        <v>2406</v>
      </c>
      <c r="J613" s="513" t="s">
        <v>2407</v>
      </c>
      <c r="K613" s="513" t="s">
        <v>253</v>
      </c>
      <c r="L613" s="513" t="s">
        <v>2408</v>
      </c>
      <c r="M613" s="513" t="s">
        <v>63</v>
      </c>
      <c r="N613" s="513"/>
      <c r="O613" s="513" t="s">
        <v>81</v>
      </c>
      <c r="P613" s="513" t="s">
        <v>61</v>
      </c>
      <c r="Q613" s="513"/>
      <c r="R613" s="515" t="s">
        <v>249</v>
      </c>
      <c r="S613" s="516">
        <v>2500000</v>
      </c>
      <c r="T613" s="516">
        <v>5000000</v>
      </c>
      <c r="U613" s="516">
        <v>3750000</v>
      </c>
      <c r="V613" s="516"/>
      <c r="W613" s="516" t="s">
        <v>2409</v>
      </c>
      <c r="X613" s="516"/>
      <c r="Y613" s="516">
        <v>3750000</v>
      </c>
      <c r="Z613" s="516" t="s">
        <v>2189</v>
      </c>
      <c r="AA613" s="516"/>
      <c r="AB613" s="516"/>
      <c r="AC613" s="516"/>
      <c r="AD613" s="516"/>
      <c r="AE613" s="516"/>
      <c r="AF613" s="516"/>
      <c r="AG613" s="516"/>
      <c r="AH613" s="516"/>
      <c r="AI613" s="516"/>
      <c r="AJ613" s="516"/>
      <c r="AK613" s="516"/>
      <c r="AL613" s="516"/>
      <c r="AM613" s="516"/>
      <c r="AN613" s="516"/>
      <c r="AO613" s="516"/>
      <c r="AP613" s="516"/>
      <c r="AQ613" s="516"/>
      <c r="AR613" s="516"/>
      <c r="AS613" s="516"/>
      <c r="AT613" s="516"/>
      <c r="AU613" s="516"/>
      <c r="AV613" s="516"/>
      <c r="AW613" s="516"/>
      <c r="AX613" s="516"/>
      <c r="AY613" s="516"/>
      <c r="AZ613" s="516"/>
      <c r="BA613" s="516"/>
      <c r="BB613" s="516"/>
      <c r="BC613" s="516"/>
      <c r="BD613" s="516"/>
      <c r="BE613" s="516"/>
      <c r="BF613" s="516"/>
      <c r="BG613" s="516"/>
      <c r="BH613" s="516"/>
      <c r="BI613" s="516"/>
      <c r="BJ613" s="516"/>
      <c r="BK613" s="516"/>
      <c r="BL613" s="516"/>
      <c r="BM613" s="516"/>
      <c r="BN613" s="516"/>
      <c r="BO613" s="516"/>
      <c r="BP613" s="516"/>
      <c r="BQ613" s="516"/>
      <c r="BR613" s="516"/>
      <c r="BS613" s="516"/>
      <c r="BT613" s="516"/>
      <c r="BU613" s="516"/>
      <c r="BV613" s="516"/>
      <c r="BW613" s="516"/>
      <c r="BX613" s="516"/>
      <c r="BY613" s="516"/>
      <c r="BZ613" s="516"/>
      <c r="CA613" s="516"/>
      <c r="CB613" s="516"/>
      <c r="CC613" s="516"/>
      <c r="CD613" s="516"/>
      <c r="CE613" s="516"/>
      <c r="CF613" s="516"/>
      <c r="CG613" s="516"/>
      <c r="CH613" s="516"/>
      <c r="CI613" s="516"/>
      <c r="CJ613" s="516"/>
      <c r="CK613" s="516"/>
      <c r="CL613" s="516"/>
      <c r="CM613" s="516"/>
      <c r="CN613" s="516"/>
      <c r="CO613" s="516"/>
      <c r="CP613" s="516"/>
      <c r="CQ613" s="516"/>
      <c r="CR613" s="516"/>
      <c r="CS613" s="516"/>
      <c r="CT613" s="516"/>
      <c r="CU613" s="516"/>
      <c r="CV613" s="516"/>
      <c r="CW613" s="516"/>
      <c r="CX613" s="516"/>
      <c r="CY613" s="516"/>
      <c r="CZ613" s="516"/>
      <c r="DA613" s="516"/>
      <c r="DB613" s="516"/>
      <c r="DC613" s="516"/>
      <c r="DD613" s="516" t="s">
        <v>2190</v>
      </c>
      <c r="DE613" s="516"/>
      <c r="DF613" s="516"/>
      <c r="DG613" s="516"/>
      <c r="DH613" s="516" t="s">
        <v>2190</v>
      </c>
      <c r="DI613" s="513" t="s">
        <v>2359</v>
      </c>
      <c r="DJ613" s="513"/>
      <c r="DK613" s="513" t="s">
        <v>2410</v>
      </c>
    </row>
    <row r="614" spans="1:115" ht="56.1" hidden="1" customHeight="1" x14ac:dyDescent="0.2">
      <c r="A614" s="499" t="s">
        <v>2342</v>
      </c>
      <c r="B614" s="510"/>
      <c r="C614" s="511">
        <v>131</v>
      </c>
      <c r="D614" s="511"/>
      <c r="E614" s="511" t="s">
        <v>2182</v>
      </c>
      <c r="F614" s="512" t="s">
        <v>2345</v>
      </c>
      <c r="G614" s="512" t="s">
        <v>655</v>
      </c>
      <c r="H614" s="513" t="s">
        <v>2504</v>
      </c>
      <c r="I614" s="513" t="s">
        <v>2357</v>
      </c>
      <c r="J614" s="514" t="s">
        <v>866</v>
      </c>
      <c r="K614" s="513" t="s">
        <v>253</v>
      </c>
      <c r="L614" s="513" t="s">
        <v>254</v>
      </c>
      <c r="M614" s="513" t="s">
        <v>2348</v>
      </c>
      <c r="N614" s="513"/>
      <c r="O614" s="513" t="s">
        <v>60</v>
      </c>
      <c r="P614" s="513" t="s">
        <v>2358</v>
      </c>
      <c r="Q614" s="513"/>
      <c r="R614" s="515" t="s">
        <v>249</v>
      </c>
      <c r="S614" s="516">
        <v>2500000</v>
      </c>
      <c r="T614" s="516">
        <v>5000000</v>
      </c>
      <c r="U614" s="516">
        <v>3750000</v>
      </c>
      <c r="V614" s="516"/>
      <c r="W614" s="516" t="s">
        <v>2188</v>
      </c>
      <c r="X614" s="516"/>
      <c r="Y614" s="516">
        <v>3750000</v>
      </c>
      <c r="Z614" s="516" t="s">
        <v>65</v>
      </c>
      <c r="AA614" s="516"/>
      <c r="AB614" s="516"/>
      <c r="AC614" s="516"/>
      <c r="AD614" s="516"/>
      <c r="AE614" s="516"/>
      <c r="AF614" s="516"/>
      <c r="AG614" s="516"/>
      <c r="AH614" s="516"/>
      <c r="AI614" s="516"/>
      <c r="AJ614" s="516"/>
      <c r="AK614" s="516"/>
      <c r="AL614" s="516"/>
      <c r="AM614" s="516"/>
      <c r="AN614" s="516"/>
      <c r="AO614" s="516"/>
      <c r="AP614" s="516"/>
      <c r="AQ614" s="516"/>
      <c r="AR614" s="516"/>
      <c r="AS614" s="516"/>
      <c r="AT614" s="516"/>
      <c r="AU614" s="516"/>
      <c r="AV614" s="516"/>
      <c r="AW614" s="516"/>
      <c r="AX614" s="516"/>
      <c r="AY614" s="516"/>
      <c r="AZ614" s="516"/>
      <c r="BA614" s="516"/>
      <c r="BB614" s="516"/>
      <c r="BC614" s="516"/>
      <c r="BD614" s="516"/>
      <c r="BE614" s="516"/>
      <c r="BF614" s="516"/>
      <c r="BG614" s="516"/>
      <c r="BH614" s="516"/>
      <c r="BI614" s="516"/>
      <c r="BJ614" s="516"/>
      <c r="BK614" s="516"/>
      <c r="BL614" s="516"/>
      <c r="BM614" s="516"/>
      <c r="BN614" s="516"/>
      <c r="BO614" s="516"/>
      <c r="BP614" s="516"/>
      <c r="BQ614" s="516"/>
      <c r="BR614" s="516"/>
      <c r="BS614" s="516"/>
      <c r="BT614" s="516"/>
      <c r="BU614" s="516"/>
      <c r="BV614" s="516"/>
      <c r="BW614" s="516"/>
      <c r="BX614" s="516"/>
      <c r="BY614" s="516"/>
      <c r="BZ614" s="516"/>
      <c r="CA614" s="516"/>
      <c r="CB614" s="516"/>
      <c r="CC614" s="516"/>
      <c r="CD614" s="516"/>
      <c r="CE614" s="516"/>
      <c r="CF614" s="516"/>
      <c r="CG614" s="516"/>
      <c r="CH614" s="516"/>
      <c r="CI614" s="516"/>
      <c r="CJ614" s="516"/>
      <c r="CK614" s="516"/>
      <c r="CL614" s="516"/>
      <c r="CM614" s="516"/>
      <c r="CN614" s="516"/>
      <c r="CO614" s="516"/>
      <c r="CP614" s="516"/>
      <c r="CQ614" s="516"/>
      <c r="CR614" s="516"/>
      <c r="CS614" s="516"/>
      <c r="CT614" s="516"/>
      <c r="CU614" s="516"/>
      <c r="CV614" s="516" t="s">
        <v>2190</v>
      </c>
      <c r="CW614" s="516" t="s">
        <v>2190</v>
      </c>
      <c r="CX614" s="516" t="s">
        <v>2190</v>
      </c>
      <c r="CY614" s="516"/>
      <c r="CZ614" s="516"/>
      <c r="DA614" s="516"/>
      <c r="DB614" s="516"/>
      <c r="DC614" s="516" t="s">
        <v>2190</v>
      </c>
      <c r="DD614" s="516"/>
      <c r="DE614" s="516"/>
      <c r="DF614" s="516"/>
      <c r="DG614" s="516"/>
      <c r="DH614" s="516"/>
      <c r="DI614" s="513" t="s">
        <v>2359</v>
      </c>
      <c r="DJ614" s="513"/>
      <c r="DK614" s="513" t="s">
        <v>2360</v>
      </c>
    </row>
    <row r="615" spans="1:115" ht="56.1" hidden="1" customHeight="1" x14ac:dyDescent="0.2">
      <c r="A615" s="499" t="s">
        <v>2342</v>
      </c>
      <c r="B615" s="510"/>
      <c r="C615" s="511">
        <v>132</v>
      </c>
      <c r="D615" s="511"/>
      <c r="E615" s="511" t="s">
        <v>2182</v>
      </c>
      <c r="F615" s="512" t="s">
        <v>1385</v>
      </c>
      <c r="G615" s="512" t="s">
        <v>655</v>
      </c>
      <c r="H615" s="513" t="s">
        <v>2503</v>
      </c>
      <c r="I615" s="513" t="s">
        <v>2411</v>
      </c>
      <c r="J615" s="514" t="s">
        <v>2412</v>
      </c>
      <c r="K615" s="513" t="s">
        <v>253</v>
      </c>
      <c r="L615" s="513" t="s">
        <v>254</v>
      </c>
      <c r="M615" s="513" t="s">
        <v>846</v>
      </c>
      <c r="N615" s="513"/>
      <c r="O615" s="513" t="s">
        <v>60</v>
      </c>
      <c r="P615" s="513" t="s">
        <v>61</v>
      </c>
      <c r="Q615" s="513"/>
      <c r="R615" s="515" t="s">
        <v>2387</v>
      </c>
      <c r="S615" s="516">
        <v>1080000</v>
      </c>
      <c r="T615" s="516">
        <v>1610000</v>
      </c>
      <c r="U615" s="516">
        <v>1345000</v>
      </c>
      <c r="V615" s="516"/>
      <c r="W615" s="516" t="s">
        <v>2413</v>
      </c>
      <c r="X615" s="516"/>
      <c r="Y615" s="516">
        <v>1345000</v>
      </c>
      <c r="Z615" s="516" t="s">
        <v>65</v>
      </c>
      <c r="AA615" s="516"/>
      <c r="AB615" s="516"/>
      <c r="AC615" s="516"/>
      <c r="AD615" s="516"/>
      <c r="AE615" s="516"/>
      <c r="AF615" s="516"/>
      <c r="AG615" s="516"/>
      <c r="AH615" s="516"/>
      <c r="AI615" s="516"/>
      <c r="AJ615" s="516"/>
      <c r="AK615" s="516"/>
      <c r="AL615" s="516"/>
      <c r="AM615" s="516"/>
      <c r="AN615" s="516"/>
      <c r="AO615" s="516"/>
      <c r="AP615" s="516"/>
      <c r="AQ615" s="516"/>
      <c r="AR615" s="516"/>
      <c r="AS615" s="516"/>
      <c r="AT615" s="516"/>
      <c r="AU615" s="516"/>
      <c r="AV615" s="516"/>
      <c r="AW615" s="516"/>
      <c r="AX615" s="516"/>
      <c r="AY615" s="516"/>
      <c r="AZ615" s="516"/>
      <c r="BA615" s="516"/>
      <c r="BB615" s="516"/>
      <c r="BC615" s="516"/>
      <c r="BD615" s="516"/>
      <c r="BE615" s="516"/>
      <c r="BF615" s="516"/>
      <c r="BG615" s="516"/>
      <c r="BH615" s="516"/>
      <c r="BI615" s="516"/>
      <c r="BJ615" s="516"/>
      <c r="BK615" s="516"/>
      <c r="BL615" s="516"/>
      <c r="BM615" s="516"/>
      <c r="BN615" s="516"/>
      <c r="BO615" s="516"/>
      <c r="BP615" s="516"/>
      <c r="BQ615" s="516"/>
      <c r="BR615" s="516"/>
      <c r="BS615" s="516"/>
      <c r="BT615" s="516"/>
      <c r="BU615" s="516"/>
      <c r="BV615" s="516"/>
      <c r="BW615" s="516"/>
      <c r="BX615" s="516"/>
      <c r="BY615" s="516"/>
      <c r="BZ615" s="516"/>
      <c r="CA615" s="516"/>
      <c r="CB615" s="516"/>
      <c r="CC615" s="516"/>
      <c r="CD615" s="516"/>
      <c r="CE615" s="516"/>
      <c r="CF615" s="516"/>
      <c r="CG615" s="516"/>
      <c r="CH615" s="516"/>
      <c r="CI615" s="516"/>
      <c r="CJ615" s="516"/>
      <c r="CK615" s="516"/>
      <c r="CL615" s="516"/>
      <c r="CM615" s="516"/>
      <c r="CN615" s="516"/>
      <c r="CO615" s="516"/>
      <c r="CP615" s="516"/>
      <c r="CQ615" s="516"/>
      <c r="CR615" s="516"/>
      <c r="CS615" s="516"/>
      <c r="CT615" s="516"/>
      <c r="CU615" s="516" t="s">
        <v>2190</v>
      </c>
      <c r="CV615" s="516" t="s">
        <v>2190</v>
      </c>
      <c r="CW615" s="516"/>
      <c r="CX615" s="516"/>
      <c r="CY615" s="516" t="s">
        <v>2190</v>
      </c>
      <c r="CZ615" s="516"/>
      <c r="DA615" s="516"/>
      <c r="DB615" s="516"/>
      <c r="DC615" s="516"/>
      <c r="DD615" s="516"/>
      <c r="DE615" s="516"/>
      <c r="DF615" s="516"/>
      <c r="DG615" s="516" t="s">
        <v>2190</v>
      </c>
      <c r="DH615" s="516"/>
      <c r="DI615" s="513" t="s">
        <v>2359</v>
      </c>
      <c r="DJ615" s="513"/>
      <c r="DK615" s="513" t="s">
        <v>2360</v>
      </c>
    </row>
    <row r="616" spans="1:115" ht="56.1" hidden="1" customHeight="1" x14ac:dyDescent="0.2">
      <c r="A616" s="510"/>
      <c r="B616" s="510"/>
      <c r="C616" s="511">
        <v>133</v>
      </c>
      <c r="D616" s="511"/>
      <c r="E616" s="511" t="s">
        <v>2182</v>
      </c>
      <c r="F616" s="512" t="s">
        <v>1385</v>
      </c>
      <c r="G616" s="512" t="s">
        <v>655</v>
      </c>
      <c r="H616" s="513" t="s">
        <v>2503</v>
      </c>
      <c r="I616" s="513" t="s">
        <v>2414</v>
      </c>
      <c r="J616" s="514" t="s">
        <v>2415</v>
      </c>
      <c r="K616" s="513" t="s">
        <v>253</v>
      </c>
      <c r="L616" s="513" t="s">
        <v>2416</v>
      </c>
      <c r="M616" s="513" t="s">
        <v>63</v>
      </c>
      <c r="N616" s="513"/>
      <c r="O616" s="513" t="s">
        <v>81</v>
      </c>
      <c r="P616" s="513" t="s">
        <v>61</v>
      </c>
      <c r="Q616" s="513"/>
      <c r="R616" s="515" t="s">
        <v>2251</v>
      </c>
      <c r="S616" s="516">
        <v>0</v>
      </c>
      <c r="T616" s="516">
        <v>500000</v>
      </c>
      <c r="U616" s="516">
        <v>250000</v>
      </c>
      <c r="V616" s="516"/>
      <c r="W616" s="516" t="s">
        <v>2413</v>
      </c>
      <c r="X616" s="516"/>
      <c r="Y616" s="516">
        <v>250000</v>
      </c>
      <c r="Z616" s="516" t="s">
        <v>65</v>
      </c>
      <c r="AA616" s="516"/>
      <c r="AB616" s="516"/>
      <c r="AC616" s="516"/>
      <c r="AD616" s="516"/>
      <c r="AE616" s="516"/>
      <c r="AF616" s="516"/>
      <c r="AG616" s="516"/>
      <c r="AH616" s="516"/>
      <c r="AI616" s="516"/>
      <c r="AJ616" s="516"/>
      <c r="AK616" s="516"/>
      <c r="AL616" s="516"/>
      <c r="AM616" s="516"/>
      <c r="AN616" s="516"/>
      <c r="AO616" s="516"/>
      <c r="AP616" s="516"/>
      <c r="AQ616" s="516"/>
      <c r="AR616" s="516"/>
      <c r="AS616" s="516"/>
      <c r="AT616" s="516"/>
      <c r="AU616" s="516"/>
      <c r="AV616" s="516"/>
      <c r="AW616" s="516"/>
      <c r="AX616" s="516"/>
      <c r="AY616" s="516"/>
      <c r="AZ616" s="516"/>
      <c r="BA616" s="516"/>
      <c r="BB616" s="516"/>
      <c r="BC616" s="516"/>
      <c r="BD616" s="516"/>
      <c r="BE616" s="516"/>
      <c r="BF616" s="516"/>
      <c r="BG616" s="516"/>
      <c r="BH616" s="516"/>
      <c r="BI616" s="516"/>
      <c r="BJ616" s="516"/>
      <c r="BK616" s="516"/>
      <c r="BL616" s="516"/>
      <c r="BM616" s="516"/>
      <c r="BN616" s="516"/>
      <c r="BO616" s="516"/>
      <c r="BP616" s="516"/>
      <c r="BQ616" s="516"/>
      <c r="BR616" s="516"/>
      <c r="BS616" s="516"/>
      <c r="BT616" s="516"/>
      <c r="BU616" s="516"/>
      <c r="BV616" s="516"/>
      <c r="BW616" s="516"/>
      <c r="BX616" s="516"/>
      <c r="BY616" s="516"/>
      <c r="BZ616" s="516"/>
      <c r="CA616" s="516"/>
      <c r="CB616" s="516"/>
      <c r="CC616" s="516"/>
      <c r="CD616" s="516"/>
      <c r="CE616" s="516"/>
      <c r="CF616" s="516"/>
      <c r="CG616" s="516"/>
      <c r="CH616" s="516"/>
      <c r="CI616" s="516"/>
      <c r="CJ616" s="516"/>
      <c r="CK616" s="516"/>
      <c r="CL616" s="516"/>
      <c r="CM616" s="516"/>
      <c r="CN616" s="516"/>
      <c r="CO616" s="516" t="s">
        <v>2190</v>
      </c>
      <c r="CP616" s="516"/>
      <c r="CQ616" s="516"/>
      <c r="CR616" s="516"/>
      <c r="CS616" s="516"/>
      <c r="CT616" s="516"/>
      <c r="CU616" s="516" t="s">
        <v>2190</v>
      </c>
      <c r="CV616" s="516" t="s">
        <v>2190</v>
      </c>
      <c r="CW616" s="516" t="s">
        <v>2190</v>
      </c>
      <c r="CX616" s="516"/>
      <c r="CY616" s="516"/>
      <c r="CZ616" s="516"/>
      <c r="DA616" s="516"/>
      <c r="DB616" s="516"/>
      <c r="DC616" s="516"/>
      <c r="DD616" s="516"/>
      <c r="DE616" s="516"/>
      <c r="DF616" s="516"/>
      <c r="DG616" s="516" t="s">
        <v>2190</v>
      </c>
      <c r="DH616" s="516"/>
      <c r="DI616" s="513" t="s">
        <v>2359</v>
      </c>
      <c r="DJ616" s="513"/>
      <c r="DK616" s="513" t="s">
        <v>2360</v>
      </c>
    </row>
    <row r="617" spans="1:115" ht="56.1" hidden="1" customHeight="1" x14ac:dyDescent="0.2">
      <c r="A617" s="499" t="s">
        <v>2342</v>
      </c>
      <c r="B617" s="510"/>
      <c r="C617" s="511">
        <v>134</v>
      </c>
      <c r="D617" s="511"/>
      <c r="E617" s="511" t="s">
        <v>2182</v>
      </c>
      <c r="F617" s="512" t="s">
        <v>1385</v>
      </c>
      <c r="G617" s="512" t="s">
        <v>655</v>
      </c>
      <c r="H617" s="513" t="s">
        <v>2503</v>
      </c>
      <c r="I617" s="513" t="s">
        <v>2419</v>
      </c>
      <c r="J617" s="514" t="s">
        <v>2420</v>
      </c>
      <c r="K617" s="513" t="s">
        <v>2186</v>
      </c>
      <c r="L617" s="513" t="s">
        <v>254</v>
      </c>
      <c r="M617" s="513" t="s">
        <v>2398</v>
      </c>
      <c r="N617" s="513"/>
      <c r="O617" s="513" t="s">
        <v>60</v>
      </c>
      <c r="P617" s="513" t="s">
        <v>61</v>
      </c>
      <c r="Q617" s="513"/>
      <c r="R617" s="515" t="s">
        <v>2251</v>
      </c>
      <c r="S617" s="516">
        <v>0</v>
      </c>
      <c r="T617" s="516">
        <v>500000</v>
      </c>
      <c r="U617" s="516">
        <v>250000</v>
      </c>
      <c r="V617" s="516"/>
      <c r="W617" s="516" t="s">
        <v>2355</v>
      </c>
      <c r="X617" s="516"/>
      <c r="Y617" s="516">
        <v>250000</v>
      </c>
      <c r="Z617" s="516" t="s">
        <v>65</v>
      </c>
      <c r="AA617" s="516"/>
      <c r="AB617" s="516"/>
      <c r="AC617" s="516"/>
      <c r="AD617" s="516"/>
      <c r="AE617" s="516"/>
      <c r="AF617" s="516"/>
      <c r="AG617" s="516"/>
      <c r="AH617" s="516"/>
      <c r="AI617" s="516"/>
      <c r="AJ617" s="516"/>
      <c r="AK617" s="516"/>
      <c r="AL617" s="516"/>
      <c r="AM617" s="516"/>
      <c r="AN617" s="516"/>
      <c r="AO617" s="516"/>
      <c r="AP617" s="516"/>
      <c r="AQ617" s="516"/>
      <c r="AR617" s="516"/>
      <c r="AS617" s="516"/>
      <c r="AT617" s="516"/>
      <c r="AU617" s="516"/>
      <c r="AV617" s="516"/>
      <c r="AW617" s="516"/>
      <c r="AX617" s="516"/>
      <c r="AY617" s="516"/>
      <c r="AZ617" s="516"/>
      <c r="BA617" s="516"/>
      <c r="BB617" s="516"/>
      <c r="BC617" s="516"/>
      <c r="BD617" s="516"/>
      <c r="BE617" s="516"/>
      <c r="BF617" s="516"/>
      <c r="BG617" s="516"/>
      <c r="BH617" s="516"/>
      <c r="BI617" s="516"/>
      <c r="BJ617" s="516"/>
      <c r="BK617" s="516"/>
      <c r="BL617" s="516"/>
      <c r="BM617" s="516"/>
      <c r="BN617" s="516"/>
      <c r="BO617" s="516"/>
      <c r="BP617" s="516"/>
      <c r="BQ617" s="516"/>
      <c r="BR617" s="516"/>
      <c r="BS617" s="516"/>
      <c r="BT617" s="516"/>
      <c r="BU617" s="516"/>
      <c r="BV617" s="516"/>
      <c r="BW617" s="516"/>
      <c r="BX617" s="516"/>
      <c r="BY617" s="516"/>
      <c r="BZ617" s="516"/>
      <c r="CA617" s="516"/>
      <c r="CB617" s="516"/>
      <c r="CC617" s="516"/>
      <c r="CD617" s="516"/>
      <c r="CE617" s="516"/>
      <c r="CF617" s="516"/>
      <c r="CG617" s="516"/>
      <c r="CH617" s="516"/>
      <c r="CI617" s="516"/>
      <c r="CJ617" s="516"/>
      <c r="CK617" s="516"/>
      <c r="CL617" s="516"/>
      <c r="CM617" s="516"/>
      <c r="CN617" s="516"/>
      <c r="CO617" s="516"/>
      <c r="CP617" s="516"/>
      <c r="CQ617" s="516"/>
      <c r="CR617" s="516"/>
      <c r="CS617" s="516"/>
      <c r="CT617" s="516"/>
      <c r="CU617" s="516" t="s">
        <v>2190</v>
      </c>
      <c r="CV617" s="516" t="s">
        <v>2190</v>
      </c>
      <c r="CW617" s="516"/>
      <c r="CX617" s="516"/>
      <c r="CY617" s="516"/>
      <c r="CZ617" s="516"/>
      <c r="DA617" s="516"/>
      <c r="DB617" s="516"/>
      <c r="DC617" s="516"/>
      <c r="DD617" s="516"/>
      <c r="DE617" s="516"/>
      <c r="DF617" s="516"/>
      <c r="DG617" s="516" t="s">
        <v>2190</v>
      </c>
      <c r="DH617" s="516"/>
      <c r="DI617" s="513" t="s">
        <v>2359</v>
      </c>
      <c r="DJ617" s="513"/>
      <c r="DK617" s="513" t="s">
        <v>2360</v>
      </c>
    </row>
    <row r="618" spans="1:115" ht="56.1" hidden="1" customHeight="1" x14ac:dyDescent="0.2">
      <c r="A618" s="499" t="s">
        <v>2342</v>
      </c>
      <c r="B618" s="510"/>
      <c r="C618" s="511">
        <v>135</v>
      </c>
      <c r="D618" s="511"/>
      <c r="E618" s="511" t="s">
        <v>2182</v>
      </c>
      <c r="F618" s="512" t="s">
        <v>1385</v>
      </c>
      <c r="G618" s="512" t="s">
        <v>655</v>
      </c>
      <c r="H618" s="513" t="s">
        <v>2503</v>
      </c>
      <c r="I618" s="513" t="s">
        <v>2422</v>
      </c>
      <c r="J618" s="514" t="s">
        <v>2423</v>
      </c>
      <c r="K618" s="513" t="s">
        <v>2186</v>
      </c>
      <c r="L618" s="513" t="s">
        <v>254</v>
      </c>
      <c r="M618" s="513" t="s">
        <v>2398</v>
      </c>
      <c r="N618" s="513"/>
      <c r="O618" s="513" t="s">
        <v>60</v>
      </c>
      <c r="P618" s="513" t="s">
        <v>61</v>
      </c>
      <c r="Q618" s="513"/>
      <c r="R618" s="515" t="s">
        <v>2251</v>
      </c>
      <c r="S618" s="516">
        <v>0</v>
      </c>
      <c r="T618" s="516">
        <v>500000</v>
      </c>
      <c r="U618" s="516">
        <v>250000</v>
      </c>
      <c r="V618" s="516"/>
      <c r="W618" s="516" t="s">
        <v>2355</v>
      </c>
      <c r="X618" s="516"/>
      <c r="Y618" s="516">
        <v>250000</v>
      </c>
      <c r="Z618" s="516" t="s">
        <v>65</v>
      </c>
      <c r="AA618" s="516"/>
      <c r="AB618" s="516"/>
      <c r="AC618" s="516"/>
      <c r="AD618" s="516"/>
      <c r="AE618" s="516"/>
      <c r="AF618" s="516"/>
      <c r="AG618" s="516"/>
      <c r="AH618" s="516"/>
      <c r="AI618" s="516"/>
      <c r="AJ618" s="516"/>
      <c r="AK618" s="516"/>
      <c r="AL618" s="516"/>
      <c r="AM618" s="516"/>
      <c r="AN618" s="516"/>
      <c r="AO618" s="516"/>
      <c r="AP618" s="516"/>
      <c r="AQ618" s="516"/>
      <c r="AR618" s="516"/>
      <c r="AS618" s="516"/>
      <c r="AT618" s="516"/>
      <c r="AU618" s="516"/>
      <c r="AV618" s="516"/>
      <c r="AW618" s="516"/>
      <c r="AX618" s="516"/>
      <c r="AY618" s="516"/>
      <c r="AZ618" s="516"/>
      <c r="BA618" s="516"/>
      <c r="BB618" s="516"/>
      <c r="BC618" s="516"/>
      <c r="BD618" s="516"/>
      <c r="BE618" s="516"/>
      <c r="BF618" s="516"/>
      <c r="BG618" s="516"/>
      <c r="BH618" s="516"/>
      <c r="BI618" s="516"/>
      <c r="BJ618" s="516"/>
      <c r="BK618" s="516"/>
      <c r="BL618" s="516"/>
      <c r="BM618" s="516"/>
      <c r="BN618" s="516"/>
      <c r="BO618" s="516"/>
      <c r="BP618" s="516"/>
      <c r="BQ618" s="516"/>
      <c r="BR618" s="516"/>
      <c r="BS618" s="516"/>
      <c r="BT618" s="516"/>
      <c r="BU618" s="516"/>
      <c r="BV618" s="516"/>
      <c r="BW618" s="516"/>
      <c r="BX618" s="516"/>
      <c r="BY618" s="516"/>
      <c r="BZ618" s="516"/>
      <c r="CA618" s="516"/>
      <c r="CB618" s="516"/>
      <c r="CC618" s="516"/>
      <c r="CD618" s="516"/>
      <c r="CE618" s="516"/>
      <c r="CF618" s="516"/>
      <c r="CG618" s="516"/>
      <c r="CH618" s="516"/>
      <c r="CI618" s="516"/>
      <c r="CJ618" s="516"/>
      <c r="CK618" s="516"/>
      <c r="CL618" s="516"/>
      <c r="CM618" s="516"/>
      <c r="CN618" s="516"/>
      <c r="CO618" s="516"/>
      <c r="CP618" s="516"/>
      <c r="CQ618" s="516"/>
      <c r="CR618" s="516"/>
      <c r="CS618" s="516"/>
      <c r="CT618" s="516"/>
      <c r="CU618" s="516" t="s">
        <v>2190</v>
      </c>
      <c r="CV618" s="516" t="s">
        <v>2190</v>
      </c>
      <c r="CW618" s="516"/>
      <c r="CX618" s="516"/>
      <c r="CY618" s="516"/>
      <c r="CZ618" s="516"/>
      <c r="DA618" s="516"/>
      <c r="DB618" s="516"/>
      <c r="DC618" s="516"/>
      <c r="DD618" s="516"/>
      <c r="DE618" s="516"/>
      <c r="DF618" s="516"/>
      <c r="DG618" s="516" t="s">
        <v>2190</v>
      </c>
      <c r="DH618" s="516"/>
      <c r="DI618" s="513" t="s">
        <v>2359</v>
      </c>
      <c r="DJ618" s="513"/>
      <c r="DK618" s="513" t="s">
        <v>2360</v>
      </c>
    </row>
    <row r="619" spans="1:115" ht="56.1" hidden="1" customHeight="1" x14ac:dyDescent="0.2">
      <c r="A619" s="510"/>
      <c r="B619" s="510"/>
      <c r="C619" s="481">
        <v>689</v>
      </c>
      <c r="D619" s="481"/>
      <c r="E619" s="481" t="s">
        <v>2481</v>
      </c>
      <c r="F619" s="482" t="s">
        <v>53</v>
      </c>
      <c r="G619" s="482" t="s">
        <v>655</v>
      </c>
      <c r="H619" s="500" t="s">
        <v>830</v>
      </c>
      <c r="I619" s="501" t="s">
        <v>856</v>
      </c>
      <c r="J619" s="501" t="s">
        <v>857</v>
      </c>
      <c r="K619" s="501"/>
      <c r="L619" s="77" t="s">
        <v>58</v>
      </c>
      <c r="M619" s="501" t="s">
        <v>858</v>
      </c>
      <c r="N619" s="501"/>
      <c r="O619" s="501" t="s">
        <v>81</v>
      </c>
      <c r="P619" s="77" t="s">
        <v>77</v>
      </c>
      <c r="Q619" s="77"/>
      <c r="R619" s="500" t="s">
        <v>834</v>
      </c>
      <c r="S619" s="76" t="s">
        <v>63</v>
      </c>
      <c r="T619" s="76" t="s">
        <v>63</v>
      </c>
      <c r="U619" s="502">
        <v>370629.1875</v>
      </c>
      <c r="V619" s="502"/>
      <c r="W619" s="510" t="s">
        <v>839</v>
      </c>
      <c r="X619" s="510"/>
      <c r="Y619" s="503">
        <f t="shared" ref="Y619:Y625" si="122">U619</f>
        <v>370629.1875</v>
      </c>
      <c r="Z619" s="510" t="s">
        <v>853</v>
      </c>
      <c r="AA619" s="76"/>
      <c r="AB619" s="76"/>
      <c r="AC619" s="76"/>
      <c r="AD619" s="76"/>
      <c r="AE619" s="76"/>
      <c r="AF619" s="76"/>
      <c r="AG619" s="76"/>
      <c r="AH619" s="76"/>
      <c r="AI619" s="76"/>
      <c r="AJ619" s="76"/>
      <c r="AK619" s="487"/>
      <c r="AL619" s="76"/>
      <c r="AM619" s="76"/>
      <c r="AN619" s="76"/>
      <c r="AO619" s="76"/>
      <c r="AP619" s="76"/>
      <c r="AQ619" s="76"/>
      <c r="AR619" s="76"/>
      <c r="AS619" s="76"/>
      <c r="AT619" s="76"/>
      <c r="AU619" s="76"/>
      <c r="AV619" s="76"/>
      <c r="AW619" s="76"/>
      <c r="AX619" s="76"/>
      <c r="AY619" s="76"/>
      <c r="AZ619" s="76"/>
      <c r="BA619" s="76"/>
      <c r="BB619" s="76"/>
      <c r="BC619" s="76"/>
      <c r="BD619" s="76"/>
      <c r="BE619" s="76"/>
      <c r="BF619" s="80">
        <f t="shared" ref="BF619:BF625" si="123">SUMIF(AA619:BE619,"YES",$AA$2:$BE$2)</f>
        <v>0</v>
      </c>
      <c r="BG619" s="76"/>
      <c r="BH619" s="487" t="str">
        <f t="shared" ref="BH619:BW625" si="124">IF(AA619="yes",(AA$2*$BG619),"")</f>
        <v/>
      </c>
      <c r="BI619" s="487" t="str">
        <f t="shared" si="124"/>
        <v/>
      </c>
      <c r="BJ619" s="487" t="str">
        <f t="shared" si="124"/>
        <v/>
      </c>
      <c r="BK619" s="487" t="str">
        <f t="shared" si="124"/>
        <v/>
      </c>
      <c r="BL619" s="487" t="str">
        <f t="shared" si="124"/>
        <v/>
      </c>
      <c r="BM619" s="487" t="str">
        <f t="shared" si="124"/>
        <v/>
      </c>
      <c r="BN619" s="487" t="str">
        <f t="shared" si="124"/>
        <v/>
      </c>
      <c r="BO619" s="487" t="str">
        <f t="shared" si="124"/>
        <v/>
      </c>
      <c r="BP619" s="487" t="str">
        <f t="shared" si="124"/>
        <v/>
      </c>
      <c r="BQ619" s="487" t="str">
        <f t="shared" si="124"/>
        <v/>
      </c>
      <c r="BR619" s="487" t="str">
        <f t="shared" si="124"/>
        <v/>
      </c>
      <c r="BS619" s="487" t="str">
        <f t="shared" si="124"/>
        <v/>
      </c>
      <c r="BT619" s="487" t="str">
        <f t="shared" si="124"/>
        <v/>
      </c>
      <c r="BU619" s="487" t="str">
        <f t="shared" si="124"/>
        <v/>
      </c>
      <c r="BV619" s="487" t="str">
        <f t="shared" si="124"/>
        <v/>
      </c>
      <c r="BW619" s="487" t="str">
        <f t="shared" si="124"/>
        <v/>
      </c>
      <c r="BX619" s="487" t="str">
        <f t="shared" ref="BX619:CL625" si="125">IF(AQ619="yes",(AQ$2*$BG619),"")</f>
        <v/>
      </c>
      <c r="BY619" s="487" t="str">
        <f t="shared" si="125"/>
        <v/>
      </c>
      <c r="BZ619" s="487" t="str">
        <f t="shared" si="125"/>
        <v/>
      </c>
      <c r="CA619" s="487" t="str">
        <f t="shared" si="125"/>
        <v/>
      </c>
      <c r="CB619" s="487" t="str">
        <f t="shared" si="125"/>
        <v/>
      </c>
      <c r="CC619" s="487" t="str">
        <f t="shared" si="125"/>
        <v/>
      </c>
      <c r="CD619" s="487" t="str">
        <f t="shared" si="125"/>
        <v/>
      </c>
      <c r="CE619" s="487" t="str">
        <f t="shared" si="125"/>
        <v/>
      </c>
      <c r="CF619" s="487" t="str">
        <f t="shared" si="125"/>
        <v/>
      </c>
      <c r="CG619" s="487" t="str">
        <f t="shared" si="125"/>
        <v/>
      </c>
      <c r="CH619" s="487" t="str">
        <f t="shared" si="125"/>
        <v/>
      </c>
      <c r="CI619" s="487" t="str">
        <f t="shared" si="125"/>
        <v/>
      </c>
      <c r="CJ619" s="487" t="str">
        <f t="shared" si="125"/>
        <v/>
      </c>
      <c r="CK619" s="487" t="str">
        <f t="shared" si="125"/>
        <v/>
      </c>
      <c r="CL619" s="487" t="str">
        <f t="shared" si="125"/>
        <v/>
      </c>
      <c r="CM619" s="487"/>
      <c r="CN619" s="487"/>
      <c r="CO619" s="487"/>
      <c r="CP619" s="487"/>
      <c r="CQ619" s="487"/>
      <c r="CR619" s="487"/>
      <c r="CS619" s="487"/>
      <c r="CT619" s="487"/>
      <c r="CU619" s="487"/>
      <c r="CV619" s="487"/>
      <c r="CW619" s="487"/>
      <c r="CX619" s="487"/>
      <c r="CY619" s="487"/>
      <c r="CZ619" s="487"/>
      <c r="DA619" s="487"/>
      <c r="DB619" s="487"/>
      <c r="DC619" s="487"/>
      <c r="DD619" s="487"/>
      <c r="DE619" s="487"/>
      <c r="DF619" s="487"/>
      <c r="DG619" s="487"/>
      <c r="DH619" s="487"/>
      <c r="DI619" s="76"/>
      <c r="DJ619" s="76"/>
      <c r="DK619" s="504"/>
    </row>
    <row r="620" spans="1:115" ht="56.1" hidden="1" customHeight="1" x14ac:dyDescent="0.2">
      <c r="A620" s="494" t="s">
        <v>2505</v>
      </c>
      <c r="B620" s="510"/>
      <c r="C620" s="481">
        <v>707</v>
      </c>
      <c r="D620" s="481"/>
      <c r="E620" s="481" t="s">
        <v>2481</v>
      </c>
      <c r="F620" s="482" t="s">
        <v>53</v>
      </c>
      <c r="G620" s="482" t="s">
        <v>655</v>
      </c>
      <c r="H620" s="501" t="s">
        <v>900</v>
      </c>
      <c r="I620" s="501" t="s">
        <v>901</v>
      </c>
      <c r="J620" s="501" t="s">
        <v>902</v>
      </c>
      <c r="K620" s="501"/>
      <c r="L620" s="77" t="s">
        <v>58</v>
      </c>
      <c r="M620" s="501" t="s">
        <v>903</v>
      </c>
      <c r="N620" s="501"/>
      <c r="O620" s="501" t="s">
        <v>81</v>
      </c>
      <c r="P620" s="77" t="s">
        <v>77</v>
      </c>
      <c r="Q620" s="77"/>
      <c r="R620" s="501" t="s">
        <v>904</v>
      </c>
      <c r="S620" s="76" t="s">
        <v>63</v>
      </c>
      <c r="T620" s="76" t="s">
        <v>63</v>
      </c>
      <c r="U620" s="509">
        <v>106900000</v>
      </c>
      <c r="V620" s="509"/>
      <c r="W620" s="510" t="s">
        <v>839</v>
      </c>
      <c r="X620" s="510"/>
      <c r="Y620" s="503">
        <f t="shared" si="122"/>
        <v>106900000</v>
      </c>
      <c r="Z620" s="76" t="s">
        <v>65</v>
      </c>
      <c r="AA620" s="76"/>
      <c r="AB620" s="76"/>
      <c r="AC620" s="76"/>
      <c r="AD620" s="76"/>
      <c r="AE620" s="76"/>
      <c r="AF620" s="76"/>
      <c r="AG620" s="76"/>
      <c r="AH620" s="76"/>
      <c r="AI620" s="76"/>
      <c r="AJ620" s="487"/>
      <c r="AK620" s="76"/>
      <c r="AL620" s="76"/>
      <c r="AM620" s="76"/>
      <c r="AN620" s="76"/>
      <c r="AO620" s="76"/>
      <c r="AP620" s="76"/>
      <c r="AQ620" s="76"/>
      <c r="AR620" s="76"/>
      <c r="AS620" s="76"/>
      <c r="AT620" s="76"/>
      <c r="AU620" s="76"/>
      <c r="AV620" s="76"/>
      <c r="AW620" s="76"/>
      <c r="AX620" s="76"/>
      <c r="AY620" s="76"/>
      <c r="AZ620" s="76"/>
      <c r="BA620" s="76"/>
      <c r="BB620" s="76"/>
      <c r="BC620" s="76"/>
      <c r="BD620" s="76"/>
      <c r="BE620" s="76"/>
      <c r="BF620" s="80">
        <f t="shared" si="123"/>
        <v>0</v>
      </c>
      <c r="BG620" s="76"/>
      <c r="BH620" s="487" t="str">
        <f t="shared" si="124"/>
        <v/>
      </c>
      <c r="BI620" s="487" t="str">
        <f t="shared" si="124"/>
        <v/>
      </c>
      <c r="BJ620" s="487" t="str">
        <f t="shared" si="124"/>
        <v/>
      </c>
      <c r="BK620" s="487" t="str">
        <f t="shared" si="124"/>
        <v/>
      </c>
      <c r="BL620" s="487" t="str">
        <f t="shared" si="124"/>
        <v/>
      </c>
      <c r="BM620" s="487" t="str">
        <f t="shared" si="124"/>
        <v/>
      </c>
      <c r="BN620" s="487" t="str">
        <f t="shared" si="124"/>
        <v/>
      </c>
      <c r="BO620" s="487" t="str">
        <f t="shared" si="124"/>
        <v/>
      </c>
      <c r="BP620" s="487" t="str">
        <f t="shared" si="124"/>
        <v/>
      </c>
      <c r="BQ620" s="487" t="str">
        <f t="shared" si="124"/>
        <v/>
      </c>
      <c r="BR620" s="487" t="str">
        <f t="shared" si="124"/>
        <v/>
      </c>
      <c r="BS620" s="487" t="str">
        <f t="shared" si="124"/>
        <v/>
      </c>
      <c r="BT620" s="487" t="str">
        <f t="shared" si="124"/>
        <v/>
      </c>
      <c r="BU620" s="487" t="str">
        <f t="shared" si="124"/>
        <v/>
      </c>
      <c r="BV620" s="487" t="str">
        <f t="shared" si="124"/>
        <v/>
      </c>
      <c r="BW620" s="487" t="str">
        <f t="shared" si="124"/>
        <v/>
      </c>
      <c r="BX620" s="487" t="str">
        <f t="shared" si="125"/>
        <v/>
      </c>
      <c r="BY620" s="487" t="str">
        <f t="shared" si="125"/>
        <v/>
      </c>
      <c r="BZ620" s="487" t="str">
        <f t="shared" si="125"/>
        <v/>
      </c>
      <c r="CA620" s="487" t="str">
        <f t="shared" si="125"/>
        <v/>
      </c>
      <c r="CB620" s="487" t="str">
        <f t="shared" si="125"/>
        <v/>
      </c>
      <c r="CC620" s="487" t="str">
        <f t="shared" si="125"/>
        <v/>
      </c>
      <c r="CD620" s="487" t="str">
        <f t="shared" si="125"/>
        <v/>
      </c>
      <c r="CE620" s="487" t="str">
        <f t="shared" si="125"/>
        <v/>
      </c>
      <c r="CF620" s="487" t="str">
        <f t="shared" si="125"/>
        <v/>
      </c>
      <c r="CG620" s="487" t="str">
        <f t="shared" si="125"/>
        <v/>
      </c>
      <c r="CH620" s="487" t="str">
        <f t="shared" si="125"/>
        <v/>
      </c>
      <c r="CI620" s="487" t="str">
        <f t="shared" si="125"/>
        <v/>
      </c>
      <c r="CJ620" s="487" t="str">
        <f t="shared" si="125"/>
        <v/>
      </c>
      <c r="CK620" s="487" t="str">
        <f t="shared" si="125"/>
        <v/>
      </c>
      <c r="CL620" s="487" t="str">
        <f t="shared" si="125"/>
        <v/>
      </c>
      <c r="CM620" s="487"/>
      <c r="CN620" s="487"/>
      <c r="CO620" s="487"/>
      <c r="CP620" s="487"/>
      <c r="CQ620" s="487"/>
      <c r="CR620" s="487"/>
      <c r="CS620" s="487"/>
      <c r="CT620" s="487"/>
      <c r="CU620" s="487"/>
      <c r="CV620" s="487"/>
      <c r="CW620" s="487"/>
      <c r="CX620" s="487"/>
      <c r="CY620" s="487"/>
      <c r="CZ620" s="487"/>
      <c r="DA620" s="487"/>
      <c r="DB620" s="487"/>
      <c r="DC620" s="487"/>
      <c r="DD620" s="487"/>
      <c r="DE620" s="487"/>
      <c r="DF620" s="487"/>
      <c r="DG620" s="487"/>
      <c r="DH620" s="487"/>
      <c r="DI620" s="76"/>
      <c r="DJ620" s="76"/>
      <c r="DK620" s="504"/>
    </row>
    <row r="621" spans="1:115" ht="56.1" hidden="1" customHeight="1" x14ac:dyDescent="0.2">
      <c r="A621" s="510"/>
      <c r="B621" s="510"/>
      <c r="C621" s="481">
        <v>704</v>
      </c>
      <c r="D621" s="481"/>
      <c r="E621" s="481" t="s">
        <v>2481</v>
      </c>
      <c r="F621" s="482" t="s">
        <v>869</v>
      </c>
      <c r="G621" s="482" t="s">
        <v>655</v>
      </c>
      <c r="H621" s="500" t="s">
        <v>830</v>
      </c>
      <c r="I621" s="501" t="s">
        <v>893</v>
      </c>
      <c r="J621" s="501" t="s">
        <v>894</v>
      </c>
      <c r="K621" s="501"/>
      <c r="L621" s="77" t="s">
        <v>58</v>
      </c>
      <c r="M621" s="501" t="s">
        <v>26</v>
      </c>
      <c r="N621" s="501"/>
      <c r="O621" s="501" t="s">
        <v>60</v>
      </c>
      <c r="P621" s="77" t="s">
        <v>77</v>
      </c>
      <c r="Q621" s="77"/>
      <c r="R621" s="500" t="s">
        <v>834</v>
      </c>
      <c r="S621" s="76" t="s">
        <v>63</v>
      </c>
      <c r="T621" s="76" t="s">
        <v>63</v>
      </c>
      <c r="U621" s="502">
        <v>370629.1875</v>
      </c>
      <c r="V621" s="502"/>
      <c r="W621" s="510" t="s">
        <v>839</v>
      </c>
      <c r="X621" s="510"/>
      <c r="Y621" s="503">
        <f t="shared" si="122"/>
        <v>370629.1875</v>
      </c>
      <c r="Z621" s="76" t="s">
        <v>65</v>
      </c>
      <c r="AA621" s="76"/>
      <c r="AB621" s="76"/>
      <c r="AC621" s="76"/>
      <c r="AD621" s="76"/>
      <c r="AE621" s="76"/>
      <c r="AF621" s="76"/>
      <c r="AG621" s="76"/>
      <c r="AH621" s="76"/>
      <c r="AI621" s="76"/>
      <c r="AJ621" s="76"/>
      <c r="AK621" s="76"/>
      <c r="AL621" s="76"/>
      <c r="AM621" s="76"/>
      <c r="AN621" s="76"/>
      <c r="AO621" s="76"/>
      <c r="AP621" s="76"/>
      <c r="AQ621" s="76"/>
      <c r="AR621" s="76"/>
      <c r="AS621" s="76"/>
      <c r="AT621" s="76"/>
      <c r="AU621" s="76"/>
      <c r="AV621" s="76"/>
      <c r="AW621" s="76"/>
      <c r="AX621" s="76"/>
      <c r="AY621" s="76"/>
      <c r="AZ621" s="76"/>
      <c r="BA621" s="76"/>
      <c r="BB621" s="76"/>
      <c r="BC621" s="76"/>
      <c r="BD621" s="76"/>
      <c r="BE621" s="76"/>
      <c r="BF621" s="80">
        <f t="shared" si="123"/>
        <v>0</v>
      </c>
      <c r="BG621" s="76"/>
      <c r="BH621" s="487" t="str">
        <f t="shared" si="124"/>
        <v/>
      </c>
      <c r="BI621" s="487" t="str">
        <f t="shared" si="124"/>
        <v/>
      </c>
      <c r="BJ621" s="487" t="str">
        <f t="shared" si="124"/>
        <v/>
      </c>
      <c r="BK621" s="487" t="str">
        <f t="shared" si="124"/>
        <v/>
      </c>
      <c r="BL621" s="487" t="str">
        <f t="shared" si="124"/>
        <v/>
      </c>
      <c r="BM621" s="487" t="str">
        <f t="shared" si="124"/>
        <v/>
      </c>
      <c r="BN621" s="487" t="str">
        <f t="shared" si="124"/>
        <v/>
      </c>
      <c r="BO621" s="487" t="str">
        <f t="shared" si="124"/>
        <v/>
      </c>
      <c r="BP621" s="487" t="str">
        <f t="shared" si="124"/>
        <v/>
      </c>
      <c r="BQ621" s="487" t="str">
        <f t="shared" si="124"/>
        <v/>
      </c>
      <c r="BR621" s="487" t="str">
        <f t="shared" si="124"/>
        <v/>
      </c>
      <c r="BS621" s="487" t="str">
        <f t="shared" si="124"/>
        <v/>
      </c>
      <c r="BT621" s="487" t="str">
        <f t="shared" si="124"/>
        <v/>
      </c>
      <c r="BU621" s="487" t="str">
        <f t="shared" si="124"/>
        <v/>
      </c>
      <c r="BV621" s="487" t="str">
        <f t="shared" si="124"/>
        <v/>
      </c>
      <c r="BW621" s="487" t="str">
        <f t="shared" si="124"/>
        <v/>
      </c>
      <c r="BX621" s="487" t="str">
        <f t="shared" si="125"/>
        <v/>
      </c>
      <c r="BY621" s="487" t="str">
        <f t="shared" si="125"/>
        <v/>
      </c>
      <c r="BZ621" s="487" t="str">
        <f t="shared" si="125"/>
        <v/>
      </c>
      <c r="CA621" s="487" t="str">
        <f t="shared" si="125"/>
        <v/>
      </c>
      <c r="CB621" s="487" t="str">
        <f t="shared" si="125"/>
        <v/>
      </c>
      <c r="CC621" s="487" t="str">
        <f t="shared" si="125"/>
        <v/>
      </c>
      <c r="CD621" s="487" t="str">
        <f t="shared" si="125"/>
        <v/>
      </c>
      <c r="CE621" s="487" t="str">
        <f t="shared" si="125"/>
        <v/>
      </c>
      <c r="CF621" s="487" t="str">
        <f t="shared" si="125"/>
        <v/>
      </c>
      <c r="CG621" s="487" t="str">
        <f t="shared" si="125"/>
        <v/>
      </c>
      <c r="CH621" s="487" t="str">
        <f t="shared" si="125"/>
        <v/>
      </c>
      <c r="CI621" s="487" t="str">
        <f t="shared" si="125"/>
        <v/>
      </c>
      <c r="CJ621" s="487" t="str">
        <f t="shared" si="125"/>
        <v/>
      </c>
      <c r="CK621" s="487" t="str">
        <f t="shared" si="125"/>
        <v/>
      </c>
      <c r="CL621" s="487" t="str">
        <f t="shared" si="125"/>
        <v/>
      </c>
      <c r="CM621" s="487"/>
      <c r="CN621" s="487"/>
      <c r="CO621" s="487"/>
      <c r="CP621" s="487"/>
      <c r="CQ621" s="487"/>
      <c r="CR621" s="487"/>
      <c r="CS621" s="487"/>
      <c r="CT621" s="487"/>
      <c r="CU621" s="487"/>
      <c r="CV621" s="487"/>
      <c r="CW621" s="487"/>
      <c r="CX621" s="487"/>
      <c r="CY621" s="487"/>
      <c r="CZ621" s="487"/>
      <c r="DA621" s="487"/>
      <c r="DB621" s="487"/>
      <c r="DC621" s="487"/>
      <c r="DD621" s="487"/>
      <c r="DE621" s="487"/>
      <c r="DF621" s="487"/>
      <c r="DG621" s="487"/>
      <c r="DH621" s="487"/>
      <c r="DI621" s="76"/>
      <c r="DJ621" s="76"/>
      <c r="DK621" s="504"/>
    </row>
    <row r="622" spans="1:115" ht="56.1" hidden="1" customHeight="1" x14ac:dyDescent="0.2">
      <c r="A622" s="499" t="s">
        <v>2506</v>
      </c>
      <c r="B622" s="494" t="s">
        <v>2507</v>
      </c>
      <c r="C622" s="481">
        <v>692</v>
      </c>
      <c r="D622" s="481"/>
      <c r="E622" s="481" t="s">
        <v>2481</v>
      </c>
      <c r="F622" s="482" t="s">
        <v>864</v>
      </c>
      <c r="G622" s="482" t="s">
        <v>655</v>
      </c>
      <c r="H622" s="500" t="s">
        <v>830</v>
      </c>
      <c r="I622" s="501" t="s">
        <v>865</v>
      </c>
      <c r="J622" s="501" t="s">
        <v>866</v>
      </c>
      <c r="K622" s="501"/>
      <c r="L622" s="77" t="s">
        <v>58</v>
      </c>
      <c r="M622" s="501" t="s">
        <v>867</v>
      </c>
      <c r="N622" s="501"/>
      <c r="O622" s="501" t="s">
        <v>60</v>
      </c>
      <c r="P622" s="77" t="s">
        <v>77</v>
      </c>
      <c r="Q622" s="77"/>
      <c r="R622" s="500" t="s">
        <v>868</v>
      </c>
      <c r="S622" s="76" t="s">
        <v>63</v>
      </c>
      <c r="T622" s="76" t="s">
        <v>63</v>
      </c>
      <c r="U622" s="502">
        <v>877751.875</v>
      </c>
      <c r="V622" s="502"/>
      <c r="W622" s="510" t="s">
        <v>839</v>
      </c>
      <c r="X622" s="510"/>
      <c r="Y622" s="503">
        <f t="shared" si="122"/>
        <v>877751.875</v>
      </c>
      <c r="Z622" s="76" t="s">
        <v>65</v>
      </c>
      <c r="AA622" s="76"/>
      <c r="AB622" s="76"/>
      <c r="AC622" s="76"/>
      <c r="AD622" s="76"/>
      <c r="AE622" s="76"/>
      <c r="AF622" s="76"/>
      <c r="AG622" s="76"/>
      <c r="AH622" s="76"/>
      <c r="AI622" s="76"/>
      <c r="AJ622" s="76"/>
      <c r="AK622" s="76"/>
      <c r="AL622" s="76"/>
      <c r="AM622" s="76"/>
      <c r="AN622" s="76"/>
      <c r="AO622" s="76"/>
      <c r="AP622" s="76"/>
      <c r="AQ622" s="76"/>
      <c r="AR622" s="76"/>
      <c r="AS622" s="76"/>
      <c r="AT622" s="76"/>
      <c r="AU622" s="76"/>
      <c r="AV622" s="76"/>
      <c r="AW622" s="76"/>
      <c r="AX622" s="76"/>
      <c r="AY622" s="76"/>
      <c r="AZ622" s="76"/>
      <c r="BA622" s="76"/>
      <c r="BB622" s="76"/>
      <c r="BC622" s="76"/>
      <c r="BD622" s="76"/>
      <c r="BE622" s="76"/>
      <c r="BF622" s="80">
        <f t="shared" si="123"/>
        <v>0</v>
      </c>
      <c r="BG622" s="76"/>
      <c r="BH622" s="487" t="str">
        <f t="shared" si="124"/>
        <v/>
      </c>
      <c r="BI622" s="487" t="str">
        <f t="shared" si="124"/>
        <v/>
      </c>
      <c r="BJ622" s="487" t="str">
        <f t="shared" si="124"/>
        <v/>
      </c>
      <c r="BK622" s="487" t="str">
        <f t="shared" si="124"/>
        <v/>
      </c>
      <c r="BL622" s="487" t="str">
        <f t="shared" si="124"/>
        <v/>
      </c>
      <c r="BM622" s="487" t="str">
        <f t="shared" si="124"/>
        <v/>
      </c>
      <c r="BN622" s="487" t="str">
        <f t="shared" si="124"/>
        <v/>
      </c>
      <c r="BO622" s="487" t="str">
        <f t="shared" si="124"/>
        <v/>
      </c>
      <c r="BP622" s="487" t="str">
        <f t="shared" si="124"/>
        <v/>
      </c>
      <c r="BQ622" s="487" t="str">
        <f t="shared" si="124"/>
        <v/>
      </c>
      <c r="BR622" s="487" t="str">
        <f t="shared" si="124"/>
        <v/>
      </c>
      <c r="BS622" s="487" t="str">
        <f t="shared" si="124"/>
        <v/>
      </c>
      <c r="BT622" s="487" t="str">
        <f t="shared" si="124"/>
        <v/>
      </c>
      <c r="BU622" s="487" t="str">
        <f t="shared" si="124"/>
        <v/>
      </c>
      <c r="BV622" s="487" t="str">
        <f t="shared" si="124"/>
        <v/>
      </c>
      <c r="BW622" s="487" t="str">
        <f t="shared" si="124"/>
        <v/>
      </c>
      <c r="BX622" s="487" t="str">
        <f t="shared" si="125"/>
        <v/>
      </c>
      <c r="BY622" s="487" t="str">
        <f t="shared" si="125"/>
        <v/>
      </c>
      <c r="BZ622" s="487" t="str">
        <f t="shared" si="125"/>
        <v/>
      </c>
      <c r="CA622" s="487" t="str">
        <f t="shared" si="125"/>
        <v/>
      </c>
      <c r="CB622" s="487" t="str">
        <f t="shared" si="125"/>
        <v/>
      </c>
      <c r="CC622" s="487" t="str">
        <f t="shared" si="125"/>
        <v/>
      </c>
      <c r="CD622" s="487" t="str">
        <f t="shared" si="125"/>
        <v/>
      </c>
      <c r="CE622" s="487" t="str">
        <f t="shared" si="125"/>
        <v/>
      </c>
      <c r="CF622" s="487" t="str">
        <f t="shared" si="125"/>
        <v/>
      </c>
      <c r="CG622" s="487" t="str">
        <f t="shared" si="125"/>
        <v/>
      </c>
      <c r="CH622" s="487" t="str">
        <f t="shared" si="125"/>
        <v/>
      </c>
      <c r="CI622" s="487" t="str">
        <f t="shared" si="125"/>
        <v/>
      </c>
      <c r="CJ622" s="487" t="str">
        <f t="shared" si="125"/>
        <v/>
      </c>
      <c r="CK622" s="487" t="str">
        <f t="shared" si="125"/>
        <v/>
      </c>
      <c r="CL622" s="487" t="str">
        <f t="shared" si="125"/>
        <v/>
      </c>
      <c r="CM622" s="487"/>
      <c r="CN622" s="487"/>
      <c r="CO622" s="487"/>
      <c r="CP622" s="487"/>
      <c r="CQ622" s="487"/>
      <c r="CR622" s="487"/>
      <c r="CS622" s="487"/>
      <c r="CT622" s="487"/>
      <c r="CU622" s="487"/>
      <c r="CV622" s="487"/>
      <c r="CW622" s="487"/>
      <c r="CX622" s="487"/>
      <c r="CY622" s="487"/>
      <c r="CZ622" s="487"/>
      <c r="DA622" s="487"/>
      <c r="DB622" s="487"/>
      <c r="DC622" s="487"/>
      <c r="DD622" s="487"/>
      <c r="DE622" s="487"/>
      <c r="DF622" s="487"/>
      <c r="DG622" s="487"/>
      <c r="DH622" s="487"/>
      <c r="DI622" s="76"/>
      <c r="DJ622" s="76"/>
      <c r="DK622" s="504"/>
    </row>
    <row r="623" spans="1:115" ht="56.1" hidden="1" customHeight="1" x14ac:dyDescent="0.2">
      <c r="A623" s="510"/>
      <c r="B623" s="510"/>
      <c r="C623" s="481">
        <v>690</v>
      </c>
      <c r="D623" s="481"/>
      <c r="E623" s="481" t="s">
        <v>2481</v>
      </c>
      <c r="F623" s="482" t="s">
        <v>53</v>
      </c>
      <c r="G623" s="482" t="s">
        <v>655</v>
      </c>
      <c r="H623" s="500" t="s">
        <v>830</v>
      </c>
      <c r="I623" s="501" t="s">
        <v>859</v>
      </c>
      <c r="J623" s="501" t="s">
        <v>860</v>
      </c>
      <c r="K623" s="501"/>
      <c r="L623" s="77" t="s">
        <v>58</v>
      </c>
      <c r="M623" s="501" t="s">
        <v>861</v>
      </c>
      <c r="N623" s="501"/>
      <c r="O623" s="501" t="s">
        <v>81</v>
      </c>
      <c r="P623" s="77" t="s">
        <v>77</v>
      </c>
      <c r="Q623" s="77"/>
      <c r="R623" s="500" t="s">
        <v>834</v>
      </c>
      <c r="S623" s="76" t="s">
        <v>63</v>
      </c>
      <c r="T623" s="76" t="s">
        <v>63</v>
      </c>
      <c r="U623" s="502">
        <v>370629.1875</v>
      </c>
      <c r="V623" s="502"/>
      <c r="W623" s="510" t="s">
        <v>839</v>
      </c>
      <c r="X623" s="510"/>
      <c r="Y623" s="503">
        <f t="shared" si="122"/>
        <v>370629.1875</v>
      </c>
      <c r="Z623" s="510" t="s">
        <v>853</v>
      </c>
      <c r="AA623" s="76"/>
      <c r="AB623" s="76"/>
      <c r="AC623" s="76"/>
      <c r="AD623" s="76"/>
      <c r="AE623" s="76"/>
      <c r="AF623" s="76"/>
      <c r="AG623" s="76"/>
      <c r="AH623" s="76"/>
      <c r="AI623" s="76"/>
      <c r="AJ623" s="76"/>
      <c r="AK623" s="76"/>
      <c r="AL623" s="76"/>
      <c r="AM623" s="76"/>
      <c r="AN623" s="76"/>
      <c r="AO623" s="76"/>
      <c r="AP623" s="76"/>
      <c r="AQ623" s="76"/>
      <c r="AR623" s="76"/>
      <c r="AS623" s="76"/>
      <c r="AT623" s="76"/>
      <c r="AU623" s="76"/>
      <c r="AV623" s="76"/>
      <c r="AW623" s="76"/>
      <c r="AX623" s="76"/>
      <c r="AY623" s="76"/>
      <c r="AZ623" s="76"/>
      <c r="BA623" s="76"/>
      <c r="BB623" s="76"/>
      <c r="BC623" s="76"/>
      <c r="BD623" s="76"/>
      <c r="BE623" s="76"/>
      <c r="BF623" s="80">
        <f t="shared" si="123"/>
        <v>0</v>
      </c>
      <c r="BG623" s="76"/>
      <c r="BH623" s="487" t="str">
        <f t="shared" si="124"/>
        <v/>
      </c>
      <c r="BI623" s="487" t="str">
        <f t="shared" si="124"/>
        <v/>
      </c>
      <c r="BJ623" s="487" t="str">
        <f t="shared" si="124"/>
        <v/>
      </c>
      <c r="BK623" s="487" t="str">
        <f t="shared" si="124"/>
        <v/>
      </c>
      <c r="BL623" s="487" t="str">
        <f t="shared" si="124"/>
        <v/>
      </c>
      <c r="BM623" s="487" t="str">
        <f t="shared" si="124"/>
        <v/>
      </c>
      <c r="BN623" s="487" t="str">
        <f t="shared" si="124"/>
        <v/>
      </c>
      <c r="BO623" s="487" t="str">
        <f t="shared" si="124"/>
        <v/>
      </c>
      <c r="BP623" s="487" t="str">
        <f t="shared" si="124"/>
        <v/>
      </c>
      <c r="BQ623" s="487" t="str">
        <f t="shared" si="124"/>
        <v/>
      </c>
      <c r="BR623" s="487" t="str">
        <f t="shared" si="124"/>
        <v/>
      </c>
      <c r="BS623" s="487" t="str">
        <f t="shared" si="124"/>
        <v/>
      </c>
      <c r="BT623" s="487" t="str">
        <f t="shared" si="124"/>
        <v/>
      </c>
      <c r="BU623" s="487" t="str">
        <f t="shared" si="124"/>
        <v/>
      </c>
      <c r="BV623" s="487" t="str">
        <f t="shared" si="124"/>
        <v/>
      </c>
      <c r="BW623" s="487" t="str">
        <f t="shared" si="124"/>
        <v/>
      </c>
      <c r="BX623" s="487" t="str">
        <f t="shared" si="125"/>
        <v/>
      </c>
      <c r="BY623" s="487" t="str">
        <f t="shared" si="125"/>
        <v/>
      </c>
      <c r="BZ623" s="487" t="str">
        <f t="shared" si="125"/>
        <v/>
      </c>
      <c r="CA623" s="487" t="str">
        <f t="shared" si="125"/>
        <v/>
      </c>
      <c r="CB623" s="487" t="str">
        <f t="shared" si="125"/>
        <v/>
      </c>
      <c r="CC623" s="487" t="str">
        <f t="shared" si="125"/>
        <v/>
      </c>
      <c r="CD623" s="487" t="str">
        <f t="shared" si="125"/>
        <v/>
      </c>
      <c r="CE623" s="487" t="str">
        <f t="shared" si="125"/>
        <v/>
      </c>
      <c r="CF623" s="487" t="str">
        <f t="shared" si="125"/>
        <v/>
      </c>
      <c r="CG623" s="487" t="str">
        <f t="shared" si="125"/>
        <v/>
      </c>
      <c r="CH623" s="487" t="str">
        <f t="shared" si="125"/>
        <v/>
      </c>
      <c r="CI623" s="487" t="str">
        <f t="shared" si="125"/>
        <v/>
      </c>
      <c r="CJ623" s="487" t="str">
        <f t="shared" si="125"/>
        <v/>
      </c>
      <c r="CK623" s="487" t="str">
        <f t="shared" si="125"/>
        <v/>
      </c>
      <c r="CL623" s="487" t="str">
        <f t="shared" si="125"/>
        <v/>
      </c>
      <c r="CM623" s="487"/>
      <c r="CN623" s="487"/>
      <c r="CO623" s="487"/>
      <c r="CP623" s="487"/>
      <c r="CQ623" s="487"/>
      <c r="CR623" s="487"/>
      <c r="CS623" s="487"/>
      <c r="CT623" s="487"/>
      <c r="CU623" s="487"/>
      <c r="CV623" s="487"/>
      <c r="CW623" s="487"/>
      <c r="CX623" s="487"/>
      <c r="CY623" s="487"/>
      <c r="CZ623" s="487"/>
      <c r="DA623" s="487"/>
      <c r="DB623" s="487"/>
      <c r="DC623" s="487"/>
      <c r="DD623" s="487"/>
      <c r="DE623" s="487"/>
      <c r="DF623" s="487"/>
      <c r="DG623" s="487"/>
      <c r="DH623" s="487"/>
      <c r="DI623" s="76"/>
      <c r="DJ623" s="76"/>
      <c r="DK623" s="504"/>
    </row>
    <row r="624" spans="1:115" ht="56.1" hidden="1" customHeight="1" x14ac:dyDescent="0.2">
      <c r="A624" s="510"/>
      <c r="B624" s="510"/>
      <c r="C624" s="481">
        <v>740</v>
      </c>
      <c r="D624" s="481"/>
      <c r="E624" s="481" t="s">
        <v>2481</v>
      </c>
      <c r="F624" s="482" t="s">
        <v>912</v>
      </c>
      <c r="G624" s="482" t="s">
        <v>655</v>
      </c>
      <c r="H624" s="507" t="s">
        <v>830</v>
      </c>
      <c r="I624" s="506" t="s">
        <v>973</v>
      </c>
      <c r="J624" s="506" t="s">
        <v>974</v>
      </c>
      <c r="K624" s="506"/>
      <c r="L624" s="77" t="s">
        <v>58</v>
      </c>
      <c r="M624" s="501" t="s">
        <v>861</v>
      </c>
      <c r="N624" s="501"/>
      <c r="O624" s="501" t="s">
        <v>81</v>
      </c>
      <c r="P624" s="77" t="s">
        <v>77</v>
      </c>
      <c r="Q624" s="77"/>
      <c r="R624" s="500" t="s">
        <v>834</v>
      </c>
      <c r="S624" s="76" t="s">
        <v>63</v>
      </c>
      <c r="T624" s="76" t="s">
        <v>63</v>
      </c>
      <c r="U624" s="502">
        <v>370629.1875</v>
      </c>
      <c r="V624" s="502"/>
      <c r="W624" s="510" t="s">
        <v>839</v>
      </c>
      <c r="X624" s="510"/>
      <c r="Y624" s="503">
        <f t="shared" si="122"/>
        <v>370629.1875</v>
      </c>
      <c r="Z624" s="510" t="s">
        <v>853</v>
      </c>
      <c r="AA624" s="76"/>
      <c r="AB624" s="76"/>
      <c r="AC624" s="76"/>
      <c r="AD624" s="76"/>
      <c r="AE624" s="76"/>
      <c r="AF624" s="76"/>
      <c r="AG624" s="76"/>
      <c r="AH624" s="76"/>
      <c r="AI624" s="76"/>
      <c r="AJ624" s="76"/>
      <c r="AK624" s="76"/>
      <c r="AL624" s="76"/>
      <c r="AM624" s="76"/>
      <c r="AN624" s="76"/>
      <c r="AO624" s="76"/>
      <c r="AP624" s="76"/>
      <c r="AQ624" s="76"/>
      <c r="AR624" s="76"/>
      <c r="AS624" s="76"/>
      <c r="AT624" s="76"/>
      <c r="AU624" s="76"/>
      <c r="AV624" s="76"/>
      <c r="AW624" s="76"/>
      <c r="AX624" s="76"/>
      <c r="AY624" s="76"/>
      <c r="AZ624" s="76"/>
      <c r="BA624" s="76"/>
      <c r="BB624" s="76"/>
      <c r="BC624" s="76"/>
      <c r="BD624" s="76"/>
      <c r="BE624" s="76"/>
      <c r="BF624" s="80">
        <f t="shared" si="123"/>
        <v>0</v>
      </c>
      <c r="BG624" s="76"/>
      <c r="BH624" s="487" t="str">
        <f t="shared" si="124"/>
        <v/>
      </c>
      <c r="BI624" s="487" t="str">
        <f t="shared" si="124"/>
        <v/>
      </c>
      <c r="BJ624" s="487" t="str">
        <f t="shared" si="124"/>
        <v/>
      </c>
      <c r="BK624" s="487" t="str">
        <f t="shared" si="124"/>
        <v/>
      </c>
      <c r="BL624" s="487" t="str">
        <f t="shared" si="124"/>
        <v/>
      </c>
      <c r="BM624" s="487" t="str">
        <f t="shared" si="124"/>
        <v/>
      </c>
      <c r="BN624" s="487" t="str">
        <f t="shared" si="124"/>
        <v/>
      </c>
      <c r="BO624" s="487" t="str">
        <f t="shared" si="124"/>
        <v/>
      </c>
      <c r="BP624" s="487" t="str">
        <f t="shared" si="124"/>
        <v/>
      </c>
      <c r="BQ624" s="487" t="str">
        <f t="shared" si="124"/>
        <v/>
      </c>
      <c r="BR624" s="487" t="str">
        <f t="shared" si="124"/>
        <v/>
      </c>
      <c r="BS624" s="487" t="str">
        <f t="shared" si="124"/>
        <v/>
      </c>
      <c r="BT624" s="487" t="str">
        <f t="shared" si="124"/>
        <v/>
      </c>
      <c r="BU624" s="487" t="str">
        <f t="shared" si="124"/>
        <v/>
      </c>
      <c r="BV624" s="487" t="str">
        <f t="shared" si="124"/>
        <v/>
      </c>
      <c r="BW624" s="487" t="str">
        <f t="shared" si="124"/>
        <v/>
      </c>
      <c r="BX624" s="487" t="str">
        <f t="shared" si="125"/>
        <v/>
      </c>
      <c r="BY624" s="487" t="str">
        <f t="shared" si="125"/>
        <v/>
      </c>
      <c r="BZ624" s="487" t="str">
        <f t="shared" si="125"/>
        <v/>
      </c>
      <c r="CA624" s="487" t="str">
        <f t="shared" si="125"/>
        <v/>
      </c>
      <c r="CB624" s="487" t="str">
        <f t="shared" si="125"/>
        <v/>
      </c>
      <c r="CC624" s="487" t="str">
        <f t="shared" si="125"/>
        <v/>
      </c>
      <c r="CD624" s="487" t="str">
        <f t="shared" si="125"/>
        <v/>
      </c>
      <c r="CE624" s="487" t="str">
        <f t="shared" si="125"/>
        <v/>
      </c>
      <c r="CF624" s="487" t="str">
        <f t="shared" si="125"/>
        <v/>
      </c>
      <c r="CG624" s="487" t="str">
        <f t="shared" si="125"/>
        <v/>
      </c>
      <c r="CH624" s="487" t="str">
        <f t="shared" si="125"/>
        <v/>
      </c>
      <c r="CI624" s="487" t="str">
        <f t="shared" si="125"/>
        <v/>
      </c>
      <c r="CJ624" s="487" t="str">
        <f t="shared" si="125"/>
        <v/>
      </c>
      <c r="CK624" s="487" t="str">
        <f t="shared" si="125"/>
        <v/>
      </c>
      <c r="CL624" s="487" t="str">
        <f t="shared" si="125"/>
        <v/>
      </c>
      <c r="CM624" s="487"/>
      <c r="CN624" s="487"/>
      <c r="CO624" s="487"/>
      <c r="CP624" s="487"/>
      <c r="CQ624" s="487"/>
      <c r="CR624" s="487"/>
      <c r="CS624" s="487"/>
      <c r="CT624" s="487"/>
      <c r="CU624" s="487"/>
      <c r="CV624" s="487"/>
      <c r="CW624" s="487"/>
      <c r="CX624" s="487"/>
      <c r="CY624" s="487"/>
      <c r="CZ624" s="487"/>
      <c r="DA624" s="487"/>
      <c r="DB624" s="487"/>
      <c r="DC624" s="487"/>
      <c r="DD624" s="487"/>
      <c r="DE624" s="487"/>
      <c r="DF624" s="487"/>
      <c r="DG624" s="487"/>
      <c r="DH624" s="487"/>
      <c r="DI624" s="76"/>
      <c r="DJ624" s="76"/>
      <c r="DK624" s="504"/>
    </row>
    <row r="625" spans="1:115" ht="56.1" hidden="1" customHeight="1" x14ac:dyDescent="0.2">
      <c r="A625" s="510"/>
      <c r="B625" s="510"/>
      <c r="C625" s="481">
        <v>749</v>
      </c>
      <c r="D625" s="481"/>
      <c r="E625" s="481" t="s">
        <v>2481</v>
      </c>
      <c r="F625" s="482" t="s">
        <v>53</v>
      </c>
      <c r="G625" s="482" t="s">
        <v>655</v>
      </c>
      <c r="H625" s="501" t="s">
        <v>900</v>
      </c>
      <c r="I625" s="506" t="s">
        <v>991</v>
      </c>
      <c r="J625" s="501" t="s">
        <v>992</v>
      </c>
      <c r="K625" s="501"/>
      <c r="L625" s="77" t="s">
        <v>58</v>
      </c>
      <c r="M625" s="506" t="s">
        <v>861</v>
      </c>
      <c r="N625" s="506"/>
      <c r="O625" s="501" t="s">
        <v>81</v>
      </c>
      <c r="P625" s="77" t="s">
        <v>77</v>
      </c>
      <c r="Q625" s="77"/>
      <c r="R625" s="500" t="s">
        <v>722</v>
      </c>
      <c r="S625" s="76" t="s">
        <v>63</v>
      </c>
      <c r="T625" s="76" t="s">
        <v>63</v>
      </c>
      <c r="U625" s="502">
        <v>37001.25</v>
      </c>
      <c r="V625" s="502"/>
      <c r="W625" s="510" t="s">
        <v>839</v>
      </c>
      <c r="X625" s="510"/>
      <c r="Y625" s="503">
        <f t="shared" si="122"/>
        <v>37001.25</v>
      </c>
      <c r="Z625" s="76" t="s">
        <v>65</v>
      </c>
      <c r="AA625" s="487"/>
      <c r="AB625" s="487"/>
      <c r="AC625" s="487"/>
      <c r="AD625" s="487"/>
      <c r="AE625" s="487"/>
      <c r="AF625" s="487"/>
      <c r="AG625" s="487"/>
      <c r="AH625" s="487"/>
      <c r="AI625" s="487"/>
      <c r="AJ625" s="487"/>
      <c r="AK625" s="487"/>
      <c r="AL625" s="487"/>
      <c r="AM625" s="487"/>
      <c r="AN625" s="487"/>
      <c r="AO625" s="487"/>
      <c r="AP625" s="487"/>
      <c r="AQ625" s="76"/>
      <c r="AR625" s="487"/>
      <c r="AS625" s="487"/>
      <c r="AT625" s="487"/>
      <c r="AU625" s="76"/>
      <c r="AV625" s="487"/>
      <c r="AW625" s="487"/>
      <c r="AX625" s="487"/>
      <c r="AY625" s="76"/>
      <c r="AZ625" s="487"/>
      <c r="BA625" s="76"/>
      <c r="BB625" s="76"/>
      <c r="BC625" s="487"/>
      <c r="BD625" s="76"/>
      <c r="BE625" s="76"/>
      <c r="BF625" s="80">
        <f t="shared" si="123"/>
        <v>0</v>
      </c>
      <c r="BG625" s="76"/>
      <c r="BH625" s="487" t="str">
        <f t="shared" si="124"/>
        <v/>
      </c>
      <c r="BI625" s="487" t="str">
        <f t="shared" si="124"/>
        <v/>
      </c>
      <c r="BJ625" s="487" t="str">
        <f t="shared" si="124"/>
        <v/>
      </c>
      <c r="BK625" s="487" t="str">
        <f t="shared" si="124"/>
        <v/>
      </c>
      <c r="BL625" s="487" t="str">
        <f t="shared" si="124"/>
        <v/>
      </c>
      <c r="BM625" s="487" t="str">
        <f t="shared" si="124"/>
        <v/>
      </c>
      <c r="BN625" s="487" t="str">
        <f t="shared" si="124"/>
        <v/>
      </c>
      <c r="BO625" s="487" t="str">
        <f t="shared" si="124"/>
        <v/>
      </c>
      <c r="BP625" s="487" t="str">
        <f t="shared" si="124"/>
        <v/>
      </c>
      <c r="BQ625" s="487" t="str">
        <f t="shared" si="124"/>
        <v/>
      </c>
      <c r="BR625" s="487" t="str">
        <f t="shared" si="124"/>
        <v/>
      </c>
      <c r="BS625" s="487" t="str">
        <f t="shared" si="124"/>
        <v/>
      </c>
      <c r="BT625" s="487" t="str">
        <f t="shared" si="124"/>
        <v/>
      </c>
      <c r="BU625" s="487" t="str">
        <f t="shared" si="124"/>
        <v/>
      </c>
      <c r="BV625" s="487" t="str">
        <f t="shared" si="124"/>
        <v/>
      </c>
      <c r="BW625" s="487" t="str">
        <f t="shared" si="124"/>
        <v/>
      </c>
      <c r="BX625" s="487" t="str">
        <f t="shared" si="125"/>
        <v/>
      </c>
      <c r="BY625" s="487" t="str">
        <f t="shared" si="125"/>
        <v/>
      </c>
      <c r="BZ625" s="487" t="str">
        <f t="shared" si="125"/>
        <v/>
      </c>
      <c r="CA625" s="487" t="str">
        <f t="shared" si="125"/>
        <v/>
      </c>
      <c r="CB625" s="487" t="str">
        <f t="shared" si="125"/>
        <v/>
      </c>
      <c r="CC625" s="487" t="str">
        <f t="shared" si="125"/>
        <v/>
      </c>
      <c r="CD625" s="487" t="str">
        <f t="shared" si="125"/>
        <v/>
      </c>
      <c r="CE625" s="487" t="str">
        <f t="shared" si="125"/>
        <v/>
      </c>
      <c r="CF625" s="487" t="str">
        <f t="shared" si="125"/>
        <v/>
      </c>
      <c r="CG625" s="487" t="str">
        <f t="shared" si="125"/>
        <v/>
      </c>
      <c r="CH625" s="487" t="str">
        <f t="shared" si="125"/>
        <v/>
      </c>
      <c r="CI625" s="487" t="str">
        <f t="shared" si="125"/>
        <v/>
      </c>
      <c r="CJ625" s="487" t="str">
        <f t="shared" si="125"/>
        <v/>
      </c>
      <c r="CK625" s="487" t="str">
        <f t="shared" si="125"/>
        <v/>
      </c>
      <c r="CL625" s="487" t="str">
        <f t="shared" si="125"/>
        <v/>
      </c>
      <c r="CM625" s="487"/>
      <c r="CN625" s="487"/>
      <c r="CO625" s="487"/>
      <c r="CP625" s="487"/>
      <c r="CQ625" s="487"/>
      <c r="CR625" s="487"/>
      <c r="CS625" s="487"/>
      <c r="CT625" s="487"/>
      <c r="CU625" s="487"/>
      <c r="CV625" s="487"/>
      <c r="CW625" s="487"/>
      <c r="CX625" s="487"/>
      <c r="CY625" s="487"/>
      <c r="CZ625" s="487"/>
      <c r="DA625" s="487"/>
      <c r="DB625" s="487"/>
      <c r="DC625" s="487"/>
      <c r="DD625" s="487"/>
      <c r="DE625" s="487"/>
      <c r="DF625" s="487"/>
      <c r="DG625" s="487"/>
      <c r="DH625" s="487"/>
      <c r="DI625" s="486"/>
      <c r="DJ625" s="486"/>
      <c r="DK625" s="486"/>
    </row>
    <row r="626" spans="1:115" ht="56.1" hidden="1" customHeight="1" x14ac:dyDescent="0.2">
      <c r="A626" s="499" t="s">
        <v>2424</v>
      </c>
      <c r="B626" s="494" t="s">
        <v>2425</v>
      </c>
      <c r="C626" s="511">
        <v>159</v>
      </c>
      <c r="D626" s="511"/>
      <c r="E626" s="511" t="s">
        <v>2182</v>
      </c>
      <c r="F626" s="512" t="s">
        <v>1385</v>
      </c>
      <c r="G626" s="512" t="s">
        <v>655</v>
      </c>
      <c r="H626" s="513" t="s">
        <v>2508</v>
      </c>
      <c r="I626" s="513" t="s">
        <v>2426</v>
      </c>
      <c r="J626" s="513" t="s">
        <v>2427</v>
      </c>
      <c r="K626" s="513" t="s">
        <v>2186</v>
      </c>
      <c r="L626" s="513" t="s">
        <v>2428</v>
      </c>
      <c r="M626" s="513" t="s">
        <v>253</v>
      </c>
      <c r="N626" s="513"/>
      <c r="O626" s="513" t="s">
        <v>81</v>
      </c>
      <c r="P626" s="513" t="s">
        <v>61</v>
      </c>
      <c r="Q626" s="513"/>
      <c r="R626" s="515" t="s">
        <v>2258</v>
      </c>
      <c r="S626" s="516" t="s">
        <v>63</v>
      </c>
      <c r="T626" s="516" t="s">
        <v>63</v>
      </c>
      <c r="U626" s="516">
        <v>6830000</v>
      </c>
      <c r="V626" s="516"/>
      <c r="W626" s="516" t="s">
        <v>2413</v>
      </c>
      <c r="X626" s="516"/>
      <c r="Y626" s="516">
        <v>6830000</v>
      </c>
      <c r="Z626" s="516" t="s">
        <v>853</v>
      </c>
      <c r="AA626" s="516"/>
      <c r="AB626" s="516"/>
      <c r="AC626" s="516"/>
      <c r="AD626" s="516"/>
      <c r="AE626" s="516"/>
      <c r="AF626" s="516"/>
      <c r="AG626" s="516"/>
      <c r="AH626" s="516"/>
      <c r="AI626" s="516"/>
      <c r="AJ626" s="516"/>
      <c r="AK626" s="516"/>
      <c r="AL626" s="516"/>
      <c r="AM626" s="516"/>
      <c r="AN626" s="516"/>
      <c r="AO626" s="516"/>
      <c r="AP626" s="516"/>
      <c r="AQ626" s="516"/>
      <c r="AR626" s="516"/>
      <c r="AS626" s="516"/>
      <c r="AT626" s="516"/>
      <c r="AU626" s="516"/>
      <c r="AV626" s="516"/>
      <c r="AW626" s="516"/>
      <c r="AX626" s="516"/>
      <c r="AY626" s="516"/>
      <c r="AZ626" s="516"/>
      <c r="BA626" s="516"/>
      <c r="BB626" s="516"/>
      <c r="BC626" s="516"/>
      <c r="BD626" s="516"/>
      <c r="BE626" s="516"/>
      <c r="BF626" s="516"/>
      <c r="BG626" s="516"/>
      <c r="BH626" s="516"/>
      <c r="BI626" s="516"/>
      <c r="BJ626" s="516"/>
      <c r="BK626" s="516"/>
      <c r="BL626" s="516"/>
      <c r="BM626" s="516"/>
      <c r="BN626" s="516"/>
      <c r="BO626" s="516"/>
      <c r="BP626" s="516"/>
      <c r="BQ626" s="516"/>
      <c r="BR626" s="516"/>
      <c r="BS626" s="516"/>
      <c r="BT626" s="516"/>
      <c r="BU626" s="516"/>
      <c r="BV626" s="516"/>
      <c r="BW626" s="516"/>
      <c r="BX626" s="516"/>
      <c r="BY626" s="516"/>
      <c r="BZ626" s="516"/>
      <c r="CA626" s="516"/>
      <c r="CB626" s="516"/>
      <c r="CC626" s="516"/>
      <c r="CD626" s="516"/>
      <c r="CE626" s="516"/>
      <c r="CF626" s="516"/>
      <c r="CG626" s="516"/>
      <c r="CH626" s="516"/>
      <c r="CI626" s="516"/>
      <c r="CJ626" s="516"/>
      <c r="CK626" s="516"/>
      <c r="CL626" s="516"/>
      <c r="CM626" s="516"/>
      <c r="CN626" s="516"/>
      <c r="CO626" s="516"/>
      <c r="CP626" s="516"/>
      <c r="CQ626" s="516"/>
      <c r="CR626" s="516"/>
      <c r="CS626" s="516"/>
      <c r="CT626" s="516"/>
      <c r="CU626" s="516" t="s">
        <v>2190</v>
      </c>
      <c r="CV626" s="516" t="s">
        <v>2190</v>
      </c>
      <c r="CW626" s="516" t="s">
        <v>2190</v>
      </c>
      <c r="CX626" s="516"/>
      <c r="CY626" s="516"/>
      <c r="CZ626" s="516"/>
      <c r="DA626" s="516"/>
      <c r="DB626" s="513"/>
      <c r="DC626" s="516"/>
      <c r="DD626" s="516"/>
      <c r="DE626" s="516"/>
      <c r="DF626" s="513"/>
      <c r="DG626" s="516" t="s">
        <v>2190</v>
      </c>
      <c r="DH626" s="516"/>
      <c r="DI626" s="513" t="s">
        <v>2429</v>
      </c>
      <c r="DJ626" s="513"/>
      <c r="DK626" s="530"/>
    </row>
    <row r="627" spans="1:115" ht="56.1" hidden="1" customHeight="1" x14ac:dyDescent="0.2">
      <c r="A627" s="510"/>
      <c r="B627" s="510"/>
      <c r="C627" s="511">
        <v>160</v>
      </c>
      <c r="D627" s="511"/>
      <c r="E627" s="511" t="s">
        <v>2182</v>
      </c>
      <c r="F627" s="512" t="s">
        <v>1385</v>
      </c>
      <c r="G627" s="512" t="s">
        <v>655</v>
      </c>
      <c r="H627" s="513" t="s">
        <v>2508</v>
      </c>
      <c r="I627" s="513" t="s">
        <v>2430</v>
      </c>
      <c r="J627" s="513" t="s">
        <v>2431</v>
      </c>
      <c r="K627" s="513" t="s">
        <v>253</v>
      </c>
      <c r="L627" s="513" t="s">
        <v>2432</v>
      </c>
      <c r="M627" s="513" t="s">
        <v>2206</v>
      </c>
      <c r="N627" s="513"/>
      <c r="O627" s="513" t="s">
        <v>81</v>
      </c>
      <c r="P627" s="513" t="s">
        <v>61</v>
      </c>
      <c r="Q627" s="513"/>
      <c r="R627" s="515" t="s">
        <v>2258</v>
      </c>
      <c r="S627" s="516" t="s">
        <v>63</v>
      </c>
      <c r="T627" s="516" t="s">
        <v>63</v>
      </c>
      <c r="U627" s="516">
        <v>6080000</v>
      </c>
      <c r="V627" s="516"/>
      <c r="W627" s="516" t="s">
        <v>2413</v>
      </c>
      <c r="X627" s="516"/>
      <c r="Y627" s="516">
        <v>6080000</v>
      </c>
      <c r="Z627" s="516" t="s">
        <v>853</v>
      </c>
      <c r="AA627" s="516"/>
      <c r="AB627" s="516"/>
      <c r="AC627" s="516"/>
      <c r="AD627" s="516"/>
      <c r="AE627" s="516"/>
      <c r="AF627" s="516"/>
      <c r="AG627" s="516"/>
      <c r="AH627" s="516"/>
      <c r="AI627" s="516"/>
      <c r="AJ627" s="516"/>
      <c r="AK627" s="516"/>
      <c r="AL627" s="516"/>
      <c r="AM627" s="516"/>
      <c r="AN627" s="516"/>
      <c r="AO627" s="516"/>
      <c r="AP627" s="516"/>
      <c r="AQ627" s="516"/>
      <c r="AR627" s="516"/>
      <c r="AS627" s="516"/>
      <c r="AT627" s="516"/>
      <c r="AU627" s="516"/>
      <c r="AV627" s="516"/>
      <c r="AW627" s="516"/>
      <c r="AX627" s="516"/>
      <c r="AY627" s="516"/>
      <c r="AZ627" s="516"/>
      <c r="BA627" s="516"/>
      <c r="BB627" s="516"/>
      <c r="BC627" s="516"/>
      <c r="BD627" s="516"/>
      <c r="BE627" s="516"/>
      <c r="BF627" s="516"/>
      <c r="BG627" s="516"/>
      <c r="BH627" s="516"/>
      <c r="BI627" s="516"/>
      <c r="BJ627" s="516"/>
      <c r="BK627" s="516"/>
      <c r="BL627" s="516"/>
      <c r="BM627" s="516"/>
      <c r="BN627" s="516"/>
      <c r="BO627" s="516"/>
      <c r="BP627" s="516"/>
      <c r="BQ627" s="516"/>
      <c r="BR627" s="516"/>
      <c r="BS627" s="516"/>
      <c r="BT627" s="516"/>
      <c r="BU627" s="516"/>
      <c r="BV627" s="516"/>
      <c r="BW627" s="516"/>
      <c r="BX627" s="516"/>
      <c r="BY627" s="516"/>
      <c r="BZ627" s="516"/>
      <c r="CA627" s="516"/>
      <c r="CB627" s="516"/>
      <c r="CC627" s="516"/>
      <c r="CD627" s="516"/>
      <c r="CE627" s="516"/>
      <c r="CF627" s="516"/>
      <c r="CG627" s="516"/>
      <c r="CH627" s="516"/>
      <c r="CI627" s="516"/>
      <c r="CJ627" s="516"/>
      <c r="CK627" s="516"/>
      <c r="CL627" s="516"/>
      <c r="CM627" s="516"/>
      <c r="CN627" s="516"/>
      <c r="CO627" s="516"/>
      <c r="CP627" s="516"/>
      <c r="CQ627" s="516"/>
      <c r="CR627" s="516"/>
      <c r="CS627" s="516"/>
      <c r="CT627" s="516"/>
      <c r="CU627" s="516"/>
      <c r="CV627" s="516"/>
      <c r="CW627" s="516" t="s">
        <v>2190</v>
      </c>
      <c r="CX627" s="516"/>
      <c r="CY627" s="516"/>
      <c r="CZ627" s="516"/>
      <c r="DA627" s="516"/>
      <c r="DB627" s="513"/>
      <c r="DC627" s="516"/>
      <c r="DD627" s="516"/>
      <c r="DE627" s="516"/>
      <c r="DF627" s="516" t="s">
        <v>2190</v>
      </c>
      <c r="DG627" s="513"/>
      <c r="DH627" s="516" t="s">
        <v>2190</v>
      </c>
      <c r="DI627" s="513" t="s">
        <v>2429</v>
      </c>
      <c r="DJ627" s="513"/>
      <c r="DK627" s="530"/>
    </row>
    <row r="628" spans="1:115" ht="56.1" hidden="1" customHeight="1" x14ac:dyDescent="0.2">
      <c r="A628" s="510"/>
      <c r="B628" s="510"/>
      <c r="C628" s="511">
        <v>161</v>
      </c>
      <c r="D628" s="511"/>
      <c r="E628" s="511" t="s">
        <v>2182</v>
      </c>
      <c r="F628" s="512" t="s">
        <v>1385</v>
      </c>
      <c r="G628" s="512" t="s">
        <v>655</v>
      </c>
      <c r="H628" s="513" t="s">
        <v>2508</v>
      </c>
      <c r="I628" s="513" t="s">
        <v>2433</v>
      </c>
      <c r="J628" s="513" t="s">
        <v>2434</v>
      </c>
      <c r="K628" s="513" t="s">
        <v>2257</v>
      </c>
      <c r="L628" s="513" t="s">
        <v>2408</v>
      </c>
      <c r="M628" s="513" t="s">
        <v>63</v>
      </c>
      <c r="N628" s="513"/>
      <c r="O628" s="513" t="s">
        <v>81</v>
      </c>
      <c r="P628" s="513" t="s">
        <v>61</v>
      </c>
      <c r="Q628" s="513"/>
      <c r="R628" s="515" t="s">
        <v>2258</v>
      </c>
      <c r="S628" s="516" t="s">
        <v>63</v>
      </c>
      <c r="T628" s="516" t="s">
        <v>63</v>
      </c>
      <c r="U628" s="516">
        <v>1640000</v>
      </c>
      <c r="V628" s="516"/>
      <c r="W628" s="516" t="s">
        <v>2413</v>
      </c>
      <c r="X628" s="516"/>
      <c r="Y628" s="516">
        <v>1640000</v>
      </c>
      <c r="Z628" s="516" t="s">
        <v>853</v>
      </c>
      <c r="AA628" s="516"/>
      <c r="AB628" s="516"/>
      <c r="AC628" s="516"/>
      <c r="AD628" s="516"/>
      <c r="AE628" s="516"/>
      <c r="AF628" s="516"/>
      <c r="AG628" s="516"/>
      <c r="AH628" s="516"/>
      <c r="AI628" s="516"/>
      <c r="AJ628" s="516"/>
      <c r="AK628" s="516"/>
      <c r="AL628" s="516"/>
      <c r="AM628" s="516"/>
      <c r="AN628" s="516"/>
      <c r="AO628" s="516"/>
      <c r="AP628" s="516"/>
      <c r="AQ628" s="516"/>
      <c r="AR628" s="516"/>
      <c r="AS628" s="516"/>
      <c r="AT628" s="516"/>
      <c r="AU628" s="516"/>
      <c r="AV628" s="516"/>
      <c r="AW628" s="516"/>
      <c r="AX628" s="516"/>
      <c r="AY628" s="516"/>
      <c r="AZ628" s="516"/>
      <c r="BA628" s="516"/>
      <c r="BB628" s="516"/>
      <c r="BC628" s="516"/>
      <c r="BD628" s="516"/>
      <c r="BE628" s="516"/>
      <c r="BF628" s="516"/>
      <c r="BG628" s="516"/>
      <c r="BH628" s="516"/>
      <c r="BI628" s="516"/>
      <c r="BJ628" s="516"/>
      <c r="BK628" s="516"/>
      <c r="BL628" s="516"/>
      <c r="BM628" s="516"/>
      <c r="BN628" s="516"/>
      <c r="BO628" s="516"/>
      <c r="BP628" s="516"/>
      <c r="BQ628" s="516"/>
      <c r="BR628" s="516"/>
      <c r="BS628" s="516"/>
      <c r="BT628" s="516"/>
      <c r="BU628" s="516"/>
      <c r="BV628" s="516"/>
      <c r="BW628" s="516"/>
      <c r="BX628" s="516"/>
      <c r="BY628" s="516"/>
      <c r="BZ628" s="516"/>
      <c r="CA628" s="516"/>
      <c r="CB628" s="516"/>
      <c r="CC628" s="516"/>
      <c r="CD628" s="516"/>
      <c r="CE628" s="516"/>
      <c r="CF628" s="516"/>
      <c r="CG628" s="516"/>
      <c r="CH628" s="516"/>
      <c r="CI628" s="516"/>
      <c r="CJ628" s="516"/>
      <c r="CK628" s="516"/>
      <c r="CL628" s="516"/>
      <c r="CM628" s="516" t="s">
        <v>2190</v>
      </c>
      <c r="CN628" s="516"/>
      <c r="CO628" s="516"/>
      <c r="CP628" s="516"/>
      <c r="CQ628" s="516"/>
      <c r="CR628" s="516"/>
      <c r="CS628" s="516"/>
      <c r="CT628" s="516"/>
      <c r="CU628" s="516" t="s">
        <v>2190</v>
      </c>
      <c r="CV628" s="516" t="s">
        <v>2190</v>
      </c>
      <c r="CW628" s="516" t="s">
        <v>2190</v>
      </c>
      <c r="CX628" s="516" t="s">
        <v>2190</v>
      </c>
      <c r="CY628" s="516"/>
      <c r="CZ628" s="516"/>
      <c r="DA628" s="516"/>
      <c r="DB628" s="513"/>
      <c r="DC628" s="516"/>
      <c r="DD628" s="516"/>
      <c r="DE628" s="516"/>
      <c r="DF628" s="513"/>
      <c r="DG628" s="513"/>
      <c r="DH628" s="516" t="s">
        <v>2190</v>
      </c>
      <c r="DI628" s="513" t="s">
        <v>2429</v>
      </c>
      <c r="DJ628" s="513"/>
      <c r="DK628" s="530"/>
    </row>
    <row r="629" spans="1:115" ht="56.1" hidden="1" customHeight="1" x14ac:dyDescent="0.2">
      <c r="A629" s="499" t="s">
        <v>2424</v>
      </c>
      <c r="B629" s="494" t="s">
        <v>2425</v>
      </c>
      <c r="C629" s="511">
        <v>162</v>
      </c>
      <c r="D629" s="511"/>
      <c r="E629" s="511" t="s">
        <v>2182</v>
      </c>
      <c r="F629" s="512" t="s">
        <v>1385</v>
      </c>
      <c r="G629" s="512" t="s">
        <v>655</v>
      </c>
      <c r="H629" s="513" t="s">
        <v>2508</v>
      </c>
      <c r="I629" s="513" t="s">
        <v>2435</v>
      </c>
      <c r="J629" s="513" t="s">
        <v>2436</v>
      </c>
      <c r="K629" s="513" t="s">
        <v>2186</v>
      </c>
      <c r="L629" s="513" t="s">
        <v>2416</v>
      </c>
      <c r="M629" s="513" t="s">
        <v>253</v>
      </c>
      <c r="N629" s="513"/>
      <c r="O629" s="513" t="s">
        <v>2437</v>
      </c>
      <c r="P629" s="513" t="s">
        <v>61</v>
      </c>
      <c r="Q629" s="513"/>
      <c r="R629" s="515" t="s">
        <v>2258</v>
      </c>
      <c r="S629" s="516">
        <v>1136645</v>
      </c>
      <c r="T629" s="516">
        <v>1630552.83</v>
      </c>
      <c r="U629" s="516">
        <v>1383598.915</v>
      </c>
      <c r="V629" s="516"/>
      <c r="W629" s="516" t="s">
        <v>2413</v>
      </c>
      <c r="X629" s="516"/>
      <c r="Y629" s="516">
        <v>1507075.8725000001</v>
      </c>
      <c r="Z629" s="516" t="s">
        <v>853</v>
      </c>
      <c r="AA629" s="516"/>
      <c r="AB629" s="516"/>
      <c r="AC629" s="516"/>
      <c r="AD629" s="516"/>
      <c r="AE629" s="516"/>
      <c r="AF629" s="516"/>
      <c r="AG629" s="516"/>
      <c r="AH629" s="516"/>
      <c r="AI629" s="516"/>
      <c r="AJ629" s="516"/>
      <c r="AK629" s="516"/>
      <c r="AL629" s="516"/>
      <c r="AM629" s="516"/>
      <c r="AN629" s="516"/>
      <c r="AO629" s="516"/>
      <c r="AP629" s="516"/>
      <c r="AQ629" s="516"/>
      <c r="AR629" s="516"/>
      <c r="AS629" s="516"/>
      <c r="AT629" s="516"/>
      <c r="AU629" s="516"/>
      <c r="AV629" s="516"/>
      <c r="AW629" s="516"/>
      <c r="AX629" s="516"/>
      <c r="AY629" s="516"/>
      <c r="AZ629" s="516"/>
      <c r="BA629" s="516"/>
      <c r="BB629" s="516"/>
      <c r="BC629" s="516"/>
      <c r="BD629" s="516"/>
      <c r="BE629" s="516"/>
      <c r="BF629" s="516"/>
      <c r="BG629" s="516"/>
      <c r="BH629" s="516"/>
      <c r="BI629" s="516"/>
      <c r="BJ629" s="516"/>
      <c r="BK629" s="516"/>
      <c r="BL629" s="516"/>
      <c r="BM629" s="516"/>
      <c r="BN629" s="516"/>
      <c r="BO629" s="516"/>
      <c r="BP629" s="516"/>
      <c r="BQ629" s="516"/>
      <c r="BR629" s="516"/>
      <c r="BS629" s="516"/>
      <c r="BT629" s="516"/>
      <c r="BU629" s="516"/>
      <c r="BV629" s="516"/>
      <c r="BW629" s="516"/>
      <c r="BX629" s="516"/>
      <c r="BY629" s="516"/>
      <c r="BZ629" s="516"/>
      <c r="CA629" s="516"/>
      <c r="CB629" s="516"/>
      <c r="CC629" s="516"/>
      <c r="CD629" s="516"/>
      <c r="CE629" s="516"/>
      <c r="CF629" s="516"/>
      <c r="CG629" s="516"/>
      <c r="CH629" s="516"/>
      <c r="CI629" s="516"/>
      <c r="CJ629" s="516"/>
      <c r="CK629" s="516"/>
      <c r="CL629" s="516"/>
      <c r="CM629" s="516"/>
      <c r="CN629" s="516"/>
      <c r="CO629" s="516"/>
      <c r="CP629" s="516"/>
      <c r="CQ629" s="516"/>
      <c r="CR629" s="516"/>
      <c r="CS629" s="516"/>
      <c r="CT629" s="516"/>
      <c r="CU629" s="516" t="s">
        <v>2190</v>
      </c>
      <c r="CV629" s="516" t="s">
        <v>2190</v>
      </c>
      <c r="CW629" s="516"/>
      <c r="CX629" s="516"/>
      <c r="CY629" s="516"/>
      <c r="CZ629" s="516"/>
      <c r="DA629" s="516"/>
      <c r="DB629" s="513"/>
      <c r="DC629" s="516"/>
      <c r="DD629" s="516"/>
      <c r="DE629" s="516"/>
      <c r="DF629" s="513"/>
      <c r="DG629" s="516" t="s">
        <v>2190</v>
      </c>
      <c r="DH629" s="516"/>
      <c r="DI629" s="513" t="s">
        <v>2429</v>
      </c>
      <c r="DJ629" s="513"/>
      <c r="DK629" s="530"/>
    </row>
    <row r="630" spans="1:115" ht="56.1" hidden="1" customHeight="1" x14ac:dyDescent="0.2">
      <c r="A630" s="510"/>
      <c r="B630" s="510"/>
      <c r="C630" s="511">
        <v>192</v>
      </c>
      <c r="D630" s="511"/>
      <c r="E630" s="511" t="s">
        <v>2182</v>
      </c>
      <c r="F630" s="512" t="s">
        <v>1385</v>
      </c>
      <c r="G630" s="512" t="s">
        <v>655</v>
      </c>
      <c r="H630" s="513" t="s">
        <v>2508</v>
      </c>
      <c r="I630" s="513" t="s">
        <v>2438</v>
      </c>
      <c r="J630" s="513" t="s">
        <v>2439</v>
      </c>
      <c r="K630" s="513" t="s">
        <v>253</v>
      </c>
      <c r="L630" s="513" t="s">
        <v>2408</v>
      </c>
      <c r="M630" s="513" t="s">
        <v>63</v>
      </c>
      <c r="N630" s="513"/>
      <c r="O630" s="513" t="s">
        <v>81</v>
      </c>
      <c r="P630" s="513" t="s">
        <v>61</v>
      </c>
      <c r="Q630" s="513"/>
      <c r="R630" s="515" t="s">
        <v>2258</v>
      </c>
      <c r="S630" s="516" t="s">
        <v>63</v>
      </c>
      <c r="T630" s="516" t="s">
        <v>63</v>
      </c>
      <c r="U630" s="516">
        <v>3484200</v>
      </c>
      <c r="V630" s="516"/>
      <c r="W630" s="516" t="s">
        <v>2413</v>
      </c>
      <c r="X630" s="516"/>
      <c r="Y630" s="516">
        <v>3484200</v>
      </c>
      <c r="Z630" s="516" t="s">
        <v>853</v>
      </c>
      <c r="AA630" s="516"/>
      <c r="AB630" s="516"/>
      <c r="AC630" s="516"/>
      <c r="AD630" s="516"/>
      <c r="AE630" s="516"/>
      <c r="AF630" s="516"/>
      <c r="AG630" s="516"/>
      <c r="AH630" s="516"/>
      <c r="AI630" s="516"/>
      <c r="AJ630" s="516"/>
      <c r="AK630" s="516"/>
      <c r="AL630" s="516"/>
      <c r="AM630" s="516"/>
      <c r="AN630" s="516"/>
      <c r="AO630" s="516"/>
      <c r="AP630" s="516"/>
      <c r="AQ630" s="516"/>
      <c r="AR630" s="516"/>
      <c r="AS630" s="516"/>
      <c r="AT630" s="516"/>
      <c r="AU630" s="516"/>
      <c r="AV630" s="516"/>
      <c r="AW630" s="516"/>
      <c r="AX630" s="516"/>
      <c r="AY630" s="516"/>
      <c r="AZ630" s="516"/>
      <c r="BA630" s="516"/>
      <c r="BB630" s="516"/>
      <c r="BC630" s="516"/>
      <c r="BD630" s="516"/>
      <c r="BE630" s="516"/>
      <c r="BF630" s="516"/>
      <c r="BG630" s="516"/>
      <c r="BH630" s="516"/>
      <c r="BI630" s="516"/>
      <c r="BJ630" s="516"/>
      <c r="BK630" s="516"/>
      <c r="BL630" s="516"/>
      <c r="BM630" s="516"/>
      <c r="BN630" s="516"/>
      <c r="BO630" s="516"/>
      <c r="BP630" s="516"/>
      <c r="BQ630" s="516"/>
      <c r="BR630" s="516"/>
      <c r="BS630" s="516"/>
      <c r="BT630" s="516"/>
      <c r="BU630" s="516"/>
      <c r="BV630" s="516"/>
      <c r="BW630" s="516"/>
      <c r="BX630" s="516"/>
      <c r="BY630" s="516"/>
      <c r="BZ630" s="516"/>
      <c r="CA630" s="516"/>
      <c r="CB630" s="516"/>
      <c r="CC630" s="516"/>
      <c r="CD630" s="516"/>
      <c r="CE630" s="516"/>
      <c r="CF630" s="516"/>
      <c r="CG630" s="516"/>
      <c r="CH630" s="516"/>
      <c r="CI630" s="516"/>
      <c r="CJ630" s="516"/>
      <c r="CK630" s="516"/>
      <c r="CL630" s="516"/>
      <c r="CM630" s="516"/>
      <c r="CN630" s="516"/>
      <c r="CO630" s="516"/>
      <c r="CP630" s="516"/>
      <c r="CQ630" s="516"/>
      <c r="CR630" s="516"/>
      <c r="CS630" s="516"/>
      <c r="CT630" s="516"/>
      <c r="CU630" s="516"/>
      <c r="CV630" s="516"/>
      <c r="CW630" s="516"/>
      <c r="CX630" s="516"/>
      <c r="CY630" s="516"/>
      <c r="CZ630" s="516"/>
      <c r="DA630" s="516"/>
      <c r="DB630" s="513"/>
      <c r="DC630" s="516"/>
      <c r="DD630" s="516"/>
      <c r="DE630" s="516" t="s">
        <v>2190</v>
      </c>
      <c r="DF630" s="513"/>
      <c r="DG630" s="513"/>
      <c r="DH630" s="516" t="s">
        <v>2190</v>
      </c>
      <c r="DI630" s="513" t="s">
        <v>2429</v>
      </c>
      <c r="DJ630" s="513"/>
      <c r="DK630" s="530"/>
    </row>
    <row r="631" spans="1:115" ht="56.1" hidden="1" customHeight="1" x14ac:dyDescent="0.2">
      <c r="A631" s="510"/>
      <c r="B631" s="510"/>
      <c r="C631" s="511">
        <v>194</v>
      </c>
      <c r="D631" s="511"/>
      <c r="E631" s="511" t="s">
        <v>2182</v>
      </c>
      <c r="F631" s="512" t="s">
        <v>1385</v>
      </c>
      <c r="G631" s="512" t="s">
        <v>655</v>
      </c>
      <c r="H631" s="513" t="s">
        <v>2508</v>
      </c>
      <c r="I631" s="513" t="s">
        <v>2440</v>
      </c>
      <c r="J631" s="513" t="s">
        <v>2441</v>
      </c>
      <c r="K631" s="513" t="s">
        <v>253</v>
      </c>
      <c r="L631" s="513" t="s">
        <v>2442</v>
      </c>
      <c r="M631" s="513" t="s">
        <v>63</v>
      </c>
      <c r="N631" s="513"/>
      <c r="O631" s="513" t="s">
        <v>81</v>
      </c>
      <c r="P631" s="513" t="s">
        <v>61</v>
      </c>
      <c r="Q631" s="513"/>
      <c r="R631" s="515" t="s">
        <v>2258</v>
      </c>
      <c r="S631" s="516" t="s">
        <v>63</v>
      </c>
      <c r="T631" s="516" t="s">
        <v>63</v>
      </c>
      <c r="U631" s="516">
        <v>1000000</v>
      </c>
      <c r="V631" s="516"/>
      <c r="W631" s="516" t="s">
        <v>2413</v>
      </c>
      <c r="X631" s="516"/>
      <c r="Y631" s="516">
        <v>1000000</v>
      </c>
      <c r="Z631" s="516" t="s">
        <v>853</v>
      </c>
      <c r="AA631" s="516"/>
      <c r="AB631" s="516"/>
      <c r="AC631" s="516"/>
      <c r="AD631" s="516"/>
      <c r="AE631" s="516"/>
      <c r="AF631" s="516"/>
      <c r="AG631" s="516"/>
      <c r="AH631" s="516"/>
      <c r="AI631" s="516"/>
      <c r="AJ631" s="516"/>
      <c r="AK631" s="516"/>
      <c r="AL631" s="516"/>
      <c r="AM631" s="516"/>
      <c r="AN631" s="516"/>
      <c r="AO631" s="516"/>
      <c r="AP631" s="516"/>
      <c r="AQ631" s="516"/>
      <c r="AR631" s="516"/>
      <c r="AS631" s="516"/>
      <c r="AT631" s="516"/>
      <c r="AU631" s="516"/>
      <c r="AV631" s="516"/>
      <c r="AW631" s="516"/>
      <c r="AX631" s="516"/>
      <c r="AY631" s="516"/>
      <c r="AZ631" s="516"/>
      <c r="BA631" s="516"/>
      <c r="BB631" s="516"/>
      <c r="BC631" s="516"/>
      <c r="BD631" s="516"/>
      <c r="BE631" s="516"/>
      <c r="BF631" s="516"/>
      <c r="BG631" s="516"/>
      <c r="BH631" s="516"/>
      <c r="BI631" s="516"/>
      <c r="BJ631" s="516"/>
      <c r="BK631" s="516"/>
      <c r="BL631" s="516"/>
      <c r="BM631" s="516"/>
      <c r="BN631" s="516"/>
      <c r="BO631" s="516"/>
      <c r="BP631" s="516"/>
      <c r="BQ631" s="516"/>
      <c r="BR631" s="516"/>
      <c r="BS631" s="516"/>
      <c r="BT631" s="516"/>
      <c r="BU631" s="516"/>
      <c r="BV631" s="516"/>
      <c r="BW631" s="516"/>
      <c r="BX631" s="516"/>
      <c r="BY631" s="516"/>
      <c r="BZ631" s="516"/>
      <c r="CA631" s="516"/>
      <c r="CB631" s="516"/>
      <c r="CC631" s="516"/>
      <c r="CD631" s="516"/>
      <c r="CE631" s="516"/>
      <c r="CF631" s="516"/>
      <c r="CG631" s="516"/>
      <c r="CH631" s="516"/>
      <c r="CI631" s="516"/>
      <c r="CJ631" s="516"/>
      <c r="CK631" s="516"/>
      <c r="CL631" s="516"/>
      <c r="CM631" s="516"/>
      <c r="CN631" s="516"/>
      <c r="CO631" s="516"/>
      <c r="CP631" s="516"/>
      <c r="CQ631" s="516"/>
      <c r="CR631" s="516"/>
      <c r="CS631" s="516"/>
      <c r="CT631" s="516"/>
      <c r="CU631" s="516"/>
      <c r="CV631" s="516"/>
      <c r="CW631" s="516"/>
      <c r="CX631" s="516"/>
      <c r="CY631" s="516"/>
      <c r="CZ631" s="516"/>
      <c r="DA631" s="516"/>
      <c r="DB631" s="513"/>
      <c r="DC631" s="516"/>
      <c r="DD631" s="516"/>
      <c r="DE631" s="516" t="s">
        <v>2190</v>
      </c>
      <c r="DF631" s="516" t="s">
        <v>2190</v>
      </c>
      <c r="DG631" s="513"/>
      <c r="DH631" s="516"/>
      <c r="DI631" s="513" t="s">
        <v>2429</v>
      </c>
      <c r="DJ631" s="513"/>
      <c r="DK631" s="530"/>
    </row>
  </sheetData>
  <autoFilter ref="A1:DK631" xr:uid="{FA72CA1A-DF11-4059-934A-CD22B0C3D92E}">
    <filterColumn colId="6">
      <filters>
        <filter val="Transport"/>
      </filters>
    </filterColumn>
    <filterColumn colId="12">
      <filters>
        <filter val="National Grid and 339-353 London Road; Symbio Site, Whiteleaf Road; Apsley Mills Retail Park"/>
      </filters>
    </filterColumn>
  </autoFilter>
  <conditionalFormatting sqref="Z1:Z2">
    <cfRule type="colorScale" priority="167">
      <colorScale>
        <cfvo type="min"/>
        <cfvo type="percentile" val="50"/>
        <cfvo type="max"/>
        <color rgb="FFF8696B"/>
        <color rgb="FFFFEB84"/>
        <color rgb="FF63BE7B"/>
      </colorScale>
    </cfRule>
  </conditionalFormatting>
  <conditionalFormatting sqref="Z1:Z24 Z30:Z33 Z36:Z38">
    <cfRule type="containsText" dxfId="727" priority="164" operator="containsText" text="Desirable">
      <formula>NOT(ISERROR(SEARCH("Desirable",Z1)))</formula>
    </cfRule>
    <cfRule type="containsText" dxfId="726" priority="165" operator="containsText" text="Critical">
      <formula>NOT(ISERROR(SEARCH("Critical",Z1)))</formula>
    </cfRule>
    <cfRule type="containsText" dxfId="725" priority="166" operator="containsText" text="Essential">
      <formula>NOT(ISERROR(SEARCH("Essential",Z1)))</formula>
    </cfRule>
  </conditionalFormatting>
  <conditionalFormatting sqref="Z1:Z24 Z30:Z33 Z36:Z358">
    <cfRule type="containsText" priority="163" operator="containsText" text="Important">
      <formula>NOT(ISERROR(SEARCH("Important",Z1)))</formula>
    </cfRule>
  </conditionalFormatting>
  <conditionalFormatting sqref="Z1:Z350 W572:X631 Z632:Z1048576">
    <cfRule type="containsText" dxfId="724" priority="156" operator="containsText" text="Important">
      <formula>NOT(ISERROR(SEARCH("Important",W1)))</formula>
    </cfRule>
    <cfRule type="containsText" dxfId="723" priority="150" operator="containsText" text="Critical - Local Plan">
      <formula>NOT(ISERROR(SEARCH("Critical - Local Plan",W1)))</formula>
    </cfRule>
    <cfRule type="containsText" dxfId="722" priority="157" operator="containsText" text="Essential">
      <formula>NOT(ISERROR(SEARCH("Essential",W1)))</formula>
    </cfRule>
  </conditionalFormatting>
  <conditionalFormatting sqref="Z1:Z358 W572:X631 Z632:Z1048576">
    <cfRule type="containsText" priority="1" operator="containsText" text="Critical - Delivery">
      <formula>NOT(ISERROR(SEARCH("Critical - Delivery",W1)))</formula>
    </cfRule>
  </conditionalFormatting>
  <conditionalFormatting sqref="Z3:Z12">
    <cfRule type="colorScale" priority="177">
      <colorScale>
        <cfvo type="min"/>
        <cfvo type="percentile" val="50"/>
        <cfvo type="max"/>
        <color rgb="FFF8696B"/>
        <color rgb="FFFFEB84"/>
        <color rgb="FF63BE7B"/>
      </colorScale>
    </cfRule>
  </conditionalFormatting>
  <conditionalFormatting sqref="Z13:Z18">
    <cfRule type="colorScale" priority="176">
      <colorScale>
        <cfvo type="min"/>
        <cfvo type="percentile" val="50"/>
        <cfvo type="max"/>
        <color rgb="FFF8696B"/>
        <color rgb="FFFFEB84"/>
        <color rgb="FF63BE7B"/>
      </colorScale>
    </cfRule>
  </conditionalFormatting>
  <conditionalFormatting sqref="Z19:Z24">
    <cfRule type="colorScale" priority="175">
      <colorScale>
        <cfvo type="min"/>
        <cfvo type="percentile" val="50"/>
        <cfvo type="max"/>
        <color rgb="FFF8696B"/>
        <color rgb="FFFFEB84"/>
        <color rgb="FF63BE7B"/>
      </colorScale>
    </cfRule>
  </conditionalFormatting>
  <conditionalFormatting sqref="Z30:Z33">
    <cfRule type="colorScale" priority="174">
      <colorScale>
        <cfvo type="min"/>
        <cfvo type="percentile" val="50"/>
        <cfvo type="max"/>
        <color rgb="FFF8696B"/>
        <color rgb="FFFFEB84"/>
        <color rgb="FF63BE7B"/>
      </colorScale>
    </cfRule>
  </conditionalFormatting>
  <conditionalFormatting sqref="Z34:Z38">
    <cfRule type="containsText" dxfId="721" priority="170" operator="containsText" text="Desirable">
      <formula>NOT(ISERROR(SEARCH("Desirable",Z34)))</formula>
    </cfRule>
    <cfRule type="containsText" dxfId="720" priority="171" operator="containsText" text="Critical - Delivery">
      <formula>NOT(ISERROR(SEARCH("Critical - Delivery",Z34)))</formula>
    </cfRule>
    <cfRule type="containsText" dxfId="719" priority="172" operator="containsText" text="Essential">
      <formula>NOT(ISERROR(SEARCH("Essential",Z34)))</formula>
    </cfRule>
    <cfRule type="colorScale" priority="173">
      <colorScale>
        <cfvo type="min"/>
        <cfvo type="percentile" val="50"/>
        <cfvo type="max"/>
        <color rgb="FFF8696B"/>
        <color rgb="FFFFEB84"/>
        <color rgb="FF63BE7B"/>
      </colorScale>
    </cfRule>
    <cfRule type="containsText" dxfId="718" priority="169" operator="containsText" text="Critical - Local Plan">
      <formula>NOT(ISERROR(SEARCH("Critical - Local Plan",Z34)))</formula>
    </cfRule>
  </conditionalFormatting>
  <conditionalFormatting sqref="Z36:Z38 Z1:Z24 Z30:Z33">
    <cfRule type="containsText" dxfId="717" priority="162" operator="containsText" text="Important">
      <formula>NOT(ISERROR(SEARCH("Important",Z1)))</formula>
    </cfRule>
  </conditionalFormatting>
  <conditionalFormatting sqref="Z36:Z75">
    <cfRule type="colorScale" priority="168">
      <colorScale>
        <cfvo type="min"/>
        <cfvo type="percentile" val="50"/>
        <cfvo type="max"/>
        <color rgb="FFF8696B"/>
        <color rgb="FFFFEB84"/>
        <color rgb="FF63BE7B"/>
      </colorScale>
    </cfRule>
  </conditionalFormatting>
  <conditionalFormatting sqref="Z36:Z347">
    <cfRule type="containsText" dxfId="716" priority="161" operator="containsText" text="Essential">
      <formula>NOT(ISERROR(SEARCH("Essential",Z36)))</formula>
    </cfRule>
    <cfRule type="containsText" dxfId="715" priority="158" operator="containsText" text="Important">
      <formula>NOT(ISERROR(SEARCH("Important",Z36)))</formula>
    </cfRule>
    <cfRule type="containsText" dxfId="714" priority="160" operator="containsText" text="Critical">
      <formula>NOT(ISERROR(SEARCH("Critical",Z36)))</formula>
    </cfRule>
    <cfRule type="containsText" dxfId="713" priority="159" operator="containsText" text="Desirable">
      <formula>NOT(ISERROR(SEARCH("Desirable",Z36)))</formula>
    </cfRule>
  </conditionalFormatting>
  <conditionalFormatting sqref="Z42:Z313">
    <cfRule type="colorScale" priority="179">
      <colorScale>
        <cfvo type="min"/>
        <cfvo type="percentile" val="50"/>
        <cfvo type="max"/>
        <color rgb="FFF8696B"/>
        <color rgb="FFFFEB84"/>
        <color rgb="FF63BE7B"/>
      </colorScale>
    </cfRule>
  </conditionalFormatting>
  <conditionalFormatting sqref="Z314:Z322">
    <cfRule type="colorScale" priority="178">
      <colorScale>
        <cfvo type="min"/>
        <cfvo type="percentile" val="50"/>
        <cfvo type="max"/>
        <color rgb="FFF8696B"/>
        <color rgb="FFFFEB84"/>
        <color rgb="FF63BE7B"/>
      </colorScale>
    </cfRule>
  </conditionalFormatting>
  <conditionalFormatting sqref="Z323:Z330">
    <cfRule type="colorScale" priority="149">
      <colorScale>
        <cfvo type="min"/>
        <cfvo type="percentile" val="50"/>
        <cfvo type="max"/>
        <color rgb="FFF8696B"/>
        <color rgb="FFFFEB84"/>
        <color rgb="FF63BE7B"/>
      </colorScale>
    </cfRule>
  </conditionalFormatting>
  <conditionalFormatting sqref="Z331:Z339">
    <cfRule type="colorScale" priority="180">
      <colorScale>
        <cfvo type="min"/>
        <cfvo type="percentile" val="50"/>
        <cfvo type="max"/>
        <color rgb="FFF8696B"/>
        <color rgb="FFFFEB84"/>
        <color rgb="FF63BE7B"/>
      </colorScale>
    </cfRule>
  </conditionalFormatting>
  <conditionalFormatting sqref="Z340:Z347">
    <cfRule type="colorScale" priority="148">
      <colorScale>
        <cfvo type="min"/>
        <cfvo type="percentile" val="50"/>
        <cfvo type="max"/>
        <color rgb="FFF8696B"/>
        <color rgb="FFFFEB84"/>
        <color rgb="FF63BE7B"/>
      </colorScale>
    </cfRule>
  </conditionalFormatting>
  <conditionalFormatting sqref="Z348:Z350 Z356">
    <cfRule type="containsText" dxfId="712" priority="153" operator="containsText" text="Desirable">
      <formula>NOT(ISERROR(SEARCH("Desirable",Z348)))</formula>
    </cfRule>
    <cfRule type="colorScale" priority="151">
      <colorScale>
        <cfvo type="min"/>
        <cfvo type="percentile" val="50"/>
        <cfvo type="max"/>
        <color rgb="FFF8696B"/>
        <color rgb="FFFFEB84"/>
        <color rgb="FF63BE7B"/>
      </colorScale>
    </cfRule>
    <cfRule type="containsText" dxfId="711" priority="152" operator="containsText" text="Important">
      <formula>NOT(ISERROR(SEARCH("Important",Z348)))</formula>
    </cfRule>
    <cfRule type="containsText" dxfId="710" priority="154" operator="containsText" text="Critical">
      <formula>NOT(ISERROR(SEARCH("Critical",Z348)))</formula>
    </cfRule>
    <cfRule type="containsText" dxfId="709" priority="155" operator="containsText" text="Essential">
      <formula>NOT(ISERROR(SEARCH("Essential",Z348)))</formula>
    </cfRule>
  </conditionalFormatting>
  <conditionalFormatting sqref="Z351:Z355">
    <cfRule type="containsText" dxfId="708" priority="9" operator="containsText" text="Essential">
      <formula>NOT(ISERROR(SEARCH("Essential",Z351)))</formula>
    </cfRule>
    <cfRule type="containsText" dxfId="707" priority="8" operator="containsText" text="Critical">
      <formula>NOT(ISERROR(SEARCH("Critical",Z351)))</formula>
    </cfRule>
    <cfRule type="containsText" dxfId="706" priority="6" operator="containsText" text="Important">
      <formula>NOT(ISERROR(SEARCH("Important",Z351)))</formula>
    </cfRule>
    <cfRule type="colorScale" priority="5">
      <colorScale>
        <cfvo type="min"/>
        <cfvo type="percentile" val="50"/>
        <cfvo type="max"/>
        <color rgb="FFF8696B"/>
        <color rgb="FFFFEB84"/>
        <color rgb="FF63BE7B"/>
      </colorScale>
    </cfRule>
    <cfRule type="containsText" dxfId="705" priority="4" operator="containsText" text="Essential">
      <formula>NOT(ISERROR(SEARCH("Essential",Z351)))</formula>
    </cfRule>
    <cfRule type="containsText" dxfId="704" priority="7" operator="containsText" text="Desirable">
      <formula>NOT(ISERROR(SEARCH("Desirable",Z351)))</formula>
    </cfRule>
    <cfRule type="containsText" dxfId="703" priority="3" operator="containsText" text="Important">
      <formula>NOT(ISERROR(SEARCH("Important",Z351)))</formula>
    </cfRule>
  </conditionalFormatting>
  <conditionalFormatting sqref="Z351:Z358">
    <cfRule type="containsText" dxfId="702" priority="2" operator="containsText" text="Critical - Local Plan">
      <formula>NOT(ISERROR(SEARCH("Critical - Local Plan",Z351)))</formula>
    </cfRule>
  </conditionalFormatting>
  <conditionalFormatting sqref="Z356:Z358">
    <cfRule type="containsText" dxfId="701" priority="16" operator="containsText" text="Essential">
      <formula>NOT(ISERROR(SEARCH("Essential",Z356)))</formula>
    </cfRule>
    <cfRule type="containsText" dxfId="700" priority="13" operator="containsText" text="Important">
      <formula>NOT(ISERROR(SEARCH("Important",Z356)))</formula>
    </cfRule>
  </conditionalFormatting>
  <conditionalFormatting sqref="Z357:Z358">
    <cfRule type="containsText" dxfId="699" priority="15" operator="containsText" text="Critical">
      <formula>NOT(ISERROR(SEARCH("Critical",Z357)))</formula>
    </cfRule>
    <cfRule type="containsText" dxfId="698" priority="14" operator="containsText" text="Desirable">
      <formula>NOT(ISERROR(SEARCH("Desirable",Z357)))</formula>
    </cfRule>
    <cfRule type="colorScale" priority="12">
      <colorScale>
        <cfvo type="min"/>
        <cfvo type="percentile" val="50"/>
        <cfvo type="max"/>
        <color rgb="FFF8696B"/>
        <color rgb="FFFFEB84"/>
        <color rgb="FF63BE7B"/>
      </colorScale>
    </cfRule>
    <cfRule type="containsText" dxfId="697" priority="11" operator="containsText" text="Essential">
      <formula>NOT(ISERROR(SEARCH("Essential",Z357)))</formula>
    </cfRule>
    <cfRule type="containsText" dxfId="696" priority="10" operator="containsText" text="Important">
      <formula>NOT(ISERROR(SEARCH("Important",Z357)))</formula>
    </cfRule>
  </conditionalFormatting>
  <conditionalFormatting sqref="Z363">
    <cfRule type="containsText" dxfId="695" priority="25" operator="containsText" text="Essential">
      <formula>NOT(ISERROR(SEARCH("Essential",Z363)))</formula>
    </cfRule>
    <cfRule type="containsText" dxfId="694" priority="23" operator="containsText" text="Desirable">
      <formula>NOT(ISERROR(SEARCH("Desirable",Z363)))</formula>
    </cfRule>
    <cfRule type="containsText" dxfId="693" priority="19" operator="containsText" text="Important">
      <formula>NOT(ISERROR(SEARCH("Important",Z363)))</formula>
    </cfRule>
    <cfRule type="containsText" dxfId="692" priority="20" operator="containsText" text="Essential">
      <formula>NOT(ISERROR(SEARCH("Essential",Z363)))</formula>
    </cfRule>
    <cfRule type="colorScale" priority="21">
      <colorScale>
        <cfvo type="min"/>
        <cfvo type="percentile" val="50"/>
        <cfvo type="max"/>
        <color rgb="FFF8696B"/>
        <color rgb="FFFFEB84"/>
        <color rgb="FF63BE7B"/>
      </colorScale>
    </cfRule>
    <cfRule type="containsText" dxfId="691" priority="22" operator="containsText" text="Important">
      <formula>NOT(ISERROR(SEARCH("Important",Z363)))</formula>
    </cfRule>
    <cfRule type="containsText" dxfId="690" priority="24" operator="containsText" text="Critical">
      <formula>NOT(ISERROR(SEARCH("Critical",Z363)))</formula>
    </cfRule>
  </conditionalFormatting>
  <conditionalFormatting sqref="Z363:Z379">
    <cfRule type="containsText" priority="17" operator="containsText" text="Critical - Delivery">
      <formula>NOT(ISERROR(SEARCH("Critical - Delivery",Z363)))</formula>
    </cfRule>
    <cfRule type="containsText" dxfId="689" priority="18" operator="containsText" text="Critical - Local Plan">
      <formula>NOT(ISERROR(SEARCH("Critical - Local Plan",Z363)))</formula>
    </cfRule>
    <cfRule type="containsText" priority="26" operator="containsText" text="Important">
      <formula>NOT(ISERROR(SEARCH("Important",Z363)))</formula>
    </cfRule>
  </conditionalFormatting>
  <conditionalFormatting sqref="Z364 Z369:Z376 Z379">
    <cfRule type="containsText" dxfId="688" priority="147" operator="containsText" text="Essential">
      <formula>NOT(ISERROR(SEARCH("Essential",Z364)))</formula>
    </cfRule>
    <cfRule type="containsText" dxfId="687" priority="146" operator="containsText" text="Critical">
      <formula>NOT(ISERROR(SEARCH("Critical",Z364)))</formula>
    </cfRule>
    <cfRule type="containsText" dxfId="686" priority="145" operator="containsText" text="Desirable">
      <formula>NOT(ISERROR(SEARCH("Desirable",Z364)))</formula>
    </cfRule>
    <cfRule type="containsText" dxfId="685" priority="144" operator="containsText" text="Important">
      <formula>NOT(ISERROR(SEARCH("Important",Z364)))</formula>
    </cfRule>
  </conditionalFormatting>
  <conditionalFormatting sqref="Z364:Z368">
    <cfRule type="containsText" dxfId="684" priority="30" operator="containsText" text="Important">
      <formula>NOT(ISERROR(SEARCH("Important",Z364)))</formula>
    </cfRule>
    <cfRule type="containsText" dxfId="683" priority="33" operator="containsText" text="Essential">
      <formula>NOT(ISERROR(SEARCH("Essential",Z364)))</formula>
    </cfRule>
  </conditionalFormatting>
  <conditionalFormatting sqref="Z365:Z368">
    <cfRule type="containsText" dxfId="682" priority="27" operator="containsText" text="Important">
      <formula>NOT(ISERROR(SEARCH("Important",Z365)))</formula>
    </cfRule>
    <cfRule type="containsText" dxfId="681" priority="28" operator="containsText" text="Essential">
      <formula>NOT(ISERROR(SEARCH("Essential",Z365)))</formula>
    </cfRule>
    <cfRule type="colorScale" priority="29">
      <colorScale>
        <cfvo type="min"/>
        <cfvo type="percentile" val="50"/>
        <cfvo type="max"/>
        <color rgb="FFF8696B"/>
        <color rgb="FFFFEB84"/>
        <color rgb="FF63BE7B"/>
      </colorScale>
    </cfRule>
    <cfRule type="containsText" dxfId="680" priority="31" operator="containsText" text="Desirable">
      <formula>NOT(ISERROR(SEARCH("Desirable",Z365)))</formula>
    </cfRule>
    <cfRule type="containsText" dxfId="679" priority="32" operator="containsText" text="Critical">
      <formula>NOT(ISERROR(SEARCH("Critical",Z365)))</formula>
    </cfRule>
  </conditionalFormatting>
  <conditionalFormatting sqref="Z369:Z376 Z364 Z379">
    <cfRule type="colorScale" priority="143">
      <colorScale>
        <cfvo type="min"/>
        <cfvo type="percentile" val="50"/>
        <cfvo type="max"/>
        <color rgb="FFF8696B"/>
        <color rgb="FFFFEB84"/>
        <color rgb="FF63BE7B"/>
      </colorScale>
    </cfRule>
  </conditionalFormatting>
  <conditionalFormatting sqref="Z369:Z379">
    <cfRule type="containsText" dxfId="678" priority="37" operator="containsText" text="Important">
      <formula>NOT(ISERROR(SEARCH("Important",Z369)))</formula>
    </cfRule>
    <cfRule type="containsText" dxfId="677" priority="40" operator="containsText" text="Essential">
      <formula>NOT(ISERROR(SEARCH("Essential",Z369)))</formula>
    </cfRule>
  </conditionalFormatting>
  <conditionalFormatting sqref="Z377:Z378">
    <cfRule type="containsText" dxfId="676" priority="34" operator="containsText" text="Important">
      <formula>NOT(ISERROR(SEARCH("Important",Z377)))</formula>
    </cfRule>
    <cfRule type="containsText" dxfId="675" priority="35" operator="containsText" text="Essential">
      <formula>NOT(ISERROR(SEARCH("Essential",Z377)))</formula>
    </cfRule>
    <cfRule type="colorScale" priority="36">
      <colorScale>
        <cfvo type="min"/>
        <cfvo type="percentile" val="50"/>
        <cfvo type="max"/>
        <color rgb="FFF8696B"/>
        <color rgb="FFFFEB84"/>
        <color rgb="FF63BE7B"/>
      </colorScale>
    </cfRule>
    <cfRule type="containsText" dxfId="674" priority="38" operator="containsText" text="Desirable">
      <formula>NOT(ISERROR(SEARCH("Desirable",Z377)))</formula>
    </cfRule>
    <cfRule type="containsText" dxfId="673" priority="39" operator="containsText" text="Critical">
      <formula>NOT(ISERROR(SEARCH("Critical",Z377)))</formula>
    </cfRule>
  </conditionalFormatting>
  <conditionalFormatting sqref="Z382:Z385">
    <cfRule type="containsText" dxfId="672" priority="46" operator="containsText" text="Important">
      <formula>NOT(ISERROR(SEARCH("Important",Z382)))</formula>
    </cfRule>
    <cfRule type="containsText" dxfId="671" priority="47" operator="containsText" text="Desirable">
      <formula>NOT(ISERROR(SEARCH("Desirable",Z382)))</formula>
    </cfRule>
    <cfRule type="containsText" dxfId="670" priority="48" operator="containsText" text="Critical">
      <formula>NOT(ISERROR(SEARCH("Critical",Z382)))</formula>
    </cfRule>
    <cfRule type="containsText" dxfId="669" priority="49" operator="containsText" text="Essential">
      <formula>NOT(ISERROR(SEARCH("Essential",Z382)))</formula>
    </cfRule>
    <cfRule type="containsText" priority="50" operator="containsText" text="Important">
      <formula>NOT(ISERROR(SEARCH("Important",Z382)))</formula>
    </cfRule>
    <cfRule type="containsText" priority="41" operator="containsText" text="Critical - Delivery">
      <formula>NOT(ISERROR(SEARCH("Critical - Delivery",Z382)))</formula>
    </cfRule>
    <cfRule type="containsText" dxfId="668" priority="42" operator="containsText" text="Critical - Local Plan">
      <formula>NOT(ISERROR(SEARCH("Critical - Local Plan",Z382)))</formula>
    </cfRule>
    <cfRule type="containsText" dxfId="667" priority="43" operator="containsText" text="Important">
      <formula>NOT(ISERROR(SEARCH("Important",Z382)))</formula>
    </cfRule>
    <cfRule type="containsText" dxfId="666" priority="44" operator="containsText" text="Essential">
      <formula>NOT(ISERROR(SEARCH("Essential",Z382)))</formula>
    </cfRule>
    <cfRule type="colorScale" priority="45">
      <colorScale>
        <cfvo type="min"/>
        <cfvo type="percentile" val="50"/>
        <cfvo type="max"/>
        <color rgb="FFF8696B"/>
        <color rgb="FFFFEB84"/>
        <color rgb="FF63BE7B"/>
      </colorScale>
    </cfRule>
  </conditionalFormatting>
  <conditionalFormatting sqref="Z390">
    <cfRule type="containsText" dxfId="665" priority="57" operator="containsText" text="Desirable">
      <formula>NOT(ISERROR(SEARCH("Desirable",Z390)))</formula>
    </cfRule>
    <cfRule type="containsText" dxfId="664" priority="58" operator="containsText" text="Critical">
      <formula>NOT(ISERROR(SEARCH("Critical",Z390)))</formula>
    </cfRule>
    <cfRule type="colorScale" priority="55">
      <colorScale>
        <cfvo type="min"/>
        <cfvo type="percentile" val="50"/>
        <cfvo type="max"/>
        <color rgb="FFF8696B"/>
        <color rgb="FFFFEB84"/>
        <color rgb="FF63BE7B"/>
      </colorScale>
    </cfRule>
    <cfRule type="containsText" dxfId="663" priority="53" operator="containsText" text="Important">
      <formula>NOT(ISERROR(SEARCH("Important",Z390)))</formula>
    </cfRule>
    <cfRule type="containsText" dxfId="662" priority="54" operator="containsText" text="Essential">
      <formula>NOT(ISERROR(SEARCH("Essential",Z390)))</formula>
    </cfRule>
  </conditionalFormatting>
  <conditionalFormatting sqref="Z390:Z391">
    <cfRule type="containsText" dxfId="661" priority="56" operator="containsText" text="Important">
      <formula>NOT(ISERROR(SEARCH("Important",Z390)))</formula>
    </cfRule>
    <cfRule type="containsText" dxfId="660" priority="52" operator="containsText" text="Critical - Local Plan">
      <formula>NOT(ISERROR(SEARCH("Critical - Local Plan",Z390)))</formula>
    </cfRule>
    <cfRule type="containsText" priority="51" operator="containsText" text="Critical - Delivery">
      <formula>NOT(ISERROR(SEARCH("Critical - Delivery",Z390)))</formula>
    </cfRule>
    <cfRule type="containsText" dxfId="659" priority="59" operator="containsText" text="Essential">
      <formula>NOT(ISERROR(SEARCH("Essential",Z390)))</formula>
    </cfRule>
    <cfRule type="containsText" priority="60" operator="containsText" text="Important">
      <formula>NOT(ISERROR(SEARCH("Important",Z390)))</formula>
    </cfRule>
  </conditionalFormatting>
  <conditionalFormatting sqref="Z391">
    <cfRule type="containsText" dxfId="658" priority="141" operator="containsText" text="Critical">
      <formula>NOT(ISERROR(SEARCH("Critical",Z391)))</formula>
    </cfRule>
    <cfRule type="containsText" dxfId="657" priority="140" operator="containsText" text="Desirable">
      <formula>NOT(ISERROR(SEARCH("Desirable",Z391)))</formula>
    </cfRule>
    <cfRule type="colorScale" priority="138">
      <colorScale>
        <cfvo type="min"/>
        <cfvo type="percentile" val="50"/>
        <cfvo type="max"/>
        <color rgb="FFF8696B"/>
        <color rgb="FFFFEB84"/>
        <color rgb="FF63BE7B"/>
      </colorScale>
    </cfRule>
    <cfRule type="containsText" dxfId="656" priority="139" operator="containsText" text="Important">
      <formula>NOT(ISERROR(SEARCH("Important",Z391)))</formula>
    </cfRule>
    <cfRule type="containsText" dxfId="655" priority="142" operator="containsText" text="Essential">
      <formula>NOT(ISERROR(SEARCH("Essential",Z391)))</formula>
    </cfRule>
  </conditionalFormatting>
  <conditionalFormatting sqref="Z393">
    <cfRule type="containsText" dxfId="654" priority="134" operator="containsText" text="Desirable">
      <formula>NOT(ISERROR(SEARCH("Desirable",Z393)))</formula>
    </cfRule>
    <cfRule type="containsText" priority="137" operator="containsText" text="Important">
      <formula>NOT(ISERROR(SEARCH("Important",Z393)))</formula>
    </cfRule>
    <cfRule type="containsText" dxfId="653" priority="135" operator="containsText" text="Critical">
      <formula>NOT(ISERROR(SEARCH("Critical",Z393)))</formula>
    </cfRule>
    <cfRule type="containsText" dxfId="652" priority="133" operator="containsText" text="Important">
      <formula>NOT(ISERROR(SEARCH("Important",Z393)))</formula>
    </cfRule>
    <cfRule type="colorScale" priority="132">
      <colorScale>
        <cfvo type="min"/>
        <cfvo type="percentile" val="50"/>
        <cfvo type="max"/>
        <color rgb="FFF8696B"/>
        <color rgb="FFFFEB84"/>
        <color rgb="FF63BE7B"/>
      </colorScale>
    </cfRule>
    <cfRule type="containsText" dxfId="651" priority="131" operator="containsText" text="Essential">
      <formula>NOT(ISERROR(SEARCH("Essential",Z393)))</formula>
    </cfRule>
    <cfRule type="containsText" dxfId="650" priority="130" operator="containsText" text="Important">
      <formula>NOT(ISERROR(SEARCH("Important",Z393)))</formula>
    </cfRule>
    <cfRule type="containsText" priority="128" operator="containsText" text="Critical - Delivery">
      <formula>NOT(ISERROR(SEARCH("Critical - Delivery",Z393)))</formula>
    </cfRule>
    <cfRule type="containsText" dxfId="649" priority="129" operator="containsText" text="Critical - Local Plan">
      <formula>NOT(ISERROR(SEARCH("Critical - Local Plan",Z393)))</formula>
    </cfRule>
    <cfRule type="containsText" dxfId="648" priority="136" operator="containsText" text="Essential">
      <formula>NOT(ISERROR(SEARCH("Essential",Z393)))</formula>
    </cfRule>
  </conditionalFormatting>
  <conditionalFormatting sqref="Z399 Z401 Z403">
    <cfRule type="containsText" dxfId="647" priority="127" operator="containsText" text="Essential">
      <formula>NOT(ISERROR(SEARCH("Essential",Z399)))</formula>
    </cfRule>
    <cfRule type="containsText" dxfId="646" priority="126" operator="containsText" text="Critical">
      <formula>NOT(ISERROR(SEARCH("Critical",Z399)))</formula>
    </cfRule>
    <cfRule type="containsText" dxfId="645" priority="125" operator="containsText" text="Desirable">
      <formula>NOT(ISERROR(SEARCH("Desirable",Z399)))</formula>
    </cfRule>
    <cfRule type="containsText" dxfId="644" priority="124" operator="containsText" text="Important">
      <formula>NOT(ISERROR(SEARCH("Important",Z399)))</formula>
    </cfRule>
  </conditionalFormatting>
  <conditionalFormatting sqref="Z399:Z400">
    <cfRule type="containsText" dxfId="643" priority="69" operator="containsText" text="Essential">
      <formula>NOT(ISERROR(SEARCH("Essential",Z399)))</formula>
    </cfRule>
    <cfRule type="containsText" dxfId="642" priority="66" operator="containsText" text="Important">
      <formula>NOT(ISERROR(SEARCH("Important",Z399)))</formula>
    </cfRule>
  </conditionalFormatting>
  <conditionalFormatting sqref="Z399:Z403">
    <cfRule type="containsText" priority="70" operator="containsText" text="Important">
      <formula>NOT(ISERROR(SEARCH("Important",Z399)))</formula>
    </cfRule>
    <cfRule type="containsText" dxfId="641" priority="62" operator="containsText" text="Critical - Local Plan">
      <formula>NOT(ISERROR(SEARCH("Critical - Local Plan",Z399)))</formula>
    </cfRule>
    <cfRule type="containsText" priority="61" operator="containsText" text="Critical - Delivery">
      <formula>NOT(ISERROR(SEARCH("Critical - Delivery",Z399)))</formula>
    </cfRule>
  </conditionalFormatting>
  <conditionalFormatting sqref="Z400">
    <cfRule type="containsText" dxfId="640" priority="67" operator="containsText" text="Desirable">
      <formula>NOT(ISERROR(SEARCH("Desirable",Z400)))</formula>
    </cfRule>
    <cfRule type="colorScale" priority="65">
      <colorScale>
        <cfvo type="min"/>
        <cfvo type="percentile" val="50"/>
        <cfvo type="max"/>
        <color rgb="FFF8696B"/>
        <color rgb="FFFFEB84"/>
        <color rgb="FF63BE7B"/>
      </colorScale>
    </cfRule>
    <cfRule type="containsText" dxfId="639" priority="64" operator="containsText" text="Essential">
      <formula>NOT(ISERROR(SEARCH("Essential",Z400)))</formula>
    </cfRule>
    <cfRule type="containsText" dxfId="638" priority="63" operator="containsText" text="Important">
      <formula>NOT(ISERROR(SEARCH("Important",Z400)))</formula>
    </cfRule>
    <cfRule type="containsText" dxfId="637" priority="68" operator="containsText" text="Critical">
      <formula>NOT(ISERROR(SEARCH("Critical",Z400)))</formula>
    </cfRule>
  </conditionalFormatting>
  <conditionalFormatting sqref="Z401 Z399 Z403">
    <cfRule type="colorScale" priority="123">
      <colorScale>
        <cfvo type="min"/>
        <cfvo type="percentile" val="50"/>
        <cfvo type="max"/>
        <color rgb="FFF8696B"/>
        <color rgb="FFFFEB84"/>
        <color rgb="FF63BE7B"/>
      </colorScale>
    </cfRule>
  </conditionalFormatting>
  <conditionalFormatting sqref="Z401:Z403">
    <cfRule type="containsText" dxfId="636" priority="77" operator="containsText" text="Essential">
      <formula>NOT(ISERROR(SEARCH("Essential",Z401)))</formula>
    </cfRule>
    <cfRule type="containsText" dxfId="635" priority="74" operator="containsText" text="Important">
      <formula>NOT(ISERROR(SEARCH("Important",Z401)))</formula>
    </cfRule>
  </conditionalFormatting>
  <conditionalFormatting sqref="Z402">
    <cfRule type="containsText" dxfId="634" priority="75" operator="containsText" text="Desirable">
      <formula>NOT(ISERROR(SEARCH("Desirable",Z402)))</formula>
    </cfRule>
    <cfRule type="containsText" dxfId="633" priority="72" operator="containsText" text="Essential">
      <formula>NOT(ISERROR(SEARCH("Essential",Z402)))</formula>
    </cfRule>
    <cfRule type="containsText" dxfId="632" priority="71" operator="containsText" text="Important">
      <formula>NOT(ISERROR(SEARCH("Important",Z402)))</formula>
    </cfRule>
    <cfRule type="colorScale" priority="73">
      <colorScale>
        <cfvo type="min"/>
        <cfvo type="percentile" val="50"/>
        <cfvo type="max"/>
        <color rgb="FFF8696B"/>
        <color rgb="FFFFEB84"/>
        <color rgb="FF63BE7B"/>
      </colorScale>
    </cfRule>
    <cfRule type="containsText" dxfId="631" priority="76" operator="containsText" text="Critical">
      <formula>NOT(ISERROR(SEARCH("Critical",Z402)))</formula>
    </cfRule>
  </conditionalFormatting>
  <conditionalFormatting sqref="Z405">
    <cfRule type="containsText" dxfId="630" priority="85" operator="containsText" text="Critical">
      <formula>NOT(ISERROR(SEARCH("Critical",Z405)))</formula>
    </cfRule>
    <cfRule type="containsText" dxfId="629" priority="84" operator="containsText" text="Desirable">
      <formula>NOT(ISERROR(SEARCH("Desirable",Z405)))</formula>
    </cfRule>
    <cfRule type="colorScale" priority="82">
      <colorScale>
        <cfvo type="min"/>
        <cfvo type="percentile" val="50"/>
        <cfvo type="max"/>
        <color rgb="FFF8696B"/>
        <color rgb="FFFFEB84"/>
        <color rgb="FF63BE7B"/>
      </colorScale>
    </cfRule>
    <cfRule type="containsText" dxfId="628" priority="81" operator="containsText" text="Essential">
      <formula>NOT(ISERROR(SEARCH("Essential",Z405)))</formula>
    </cfRule>
    <cfRule type="containsText" dxfId="627" priority="80" operator="containsText" text="Important">
      <formula>NOT(ISERROR(SEARCH("Important",Z405)))</formula>
    </cfRule>
  </conditionalFormatting>
  <conditionalFormatting sqref="Z405:Z406">
    <cfRule type="containsText" dxfId="626" priority="86" operator="containsText" text="Essential">
      <formula>NOT(ISERROR(SEARCH("Essential",Z405)))</formula>
    </cfRule>
    <cfRule type="containsText" dxfId="625" priority="83" operator="containsText" text="Important">
      <formula>NOT(ISERROR(SEARCH("Important",Z405)))</formula>
    </cfRule>
    <cfRule type="containsText" priority="87" operator="containsText" text="Important">
      <formula>NOT(ISERROR(SEARCH("Important",Z405)))</formula>
    </cfRule>
    <cfRule type="containsText" priority="78" operator="containsText" text="Critical - Delivery">
      <formula>NOT(ISERROR(SEARCH("Critical - Delivery",Z405)))</formula>
    </cfRule>
    <cfRule type="containsText" dxfId="624" priority="79" operator="containsText" text="Critical - Local Plan">
      <formula>NOT(ISERROR(SEARCH("Critical - Local Plan",Z405)))</formula>
    </cfRule>
  </conditionalFormatting>
  <conditionalFormatting sqref="Z406">
    <cfRule type="containsText" dxfId="623" priority="90" operator="containsText" text="Desirable">
      <formula>NOT(ISERROR(SEARCH("Desirable",Z406)))</formula>
    </cfRule>
    <cfRule type="containsText" dxfId="622" priority="91" operator="containsText" text="Critical">
      <formula>NOT(ISERROR(SEARCH("Critical",Z406)))</formula>
    </cfRule>
    <cfRule type="containsText" dxfId="621" priority="92" operator="containsText" text="Essential">
      <formula>NOT(ISERROR(SEARCH("Essential",Z406)))</formula>
    </cfRule>
    <cfRule type="containsText" dxfId="620" priority="89" operator="containsText" text="Important">
      <formula>NOT(ISERROR(SEARCH("Important",Z406)))</formula>
    </cfRule>
    <cfRule type="colorScale" priority="88">
      <colorScale>
        <cfvo type="min"/>
        <cfvo type="percentile" val="50"/>
        <cfvo type="max"/>
        <color rgb="FFF8696B"/>
        <color rgb="FFFFEB84"/>
        <color rgb="FF63BE7B"/>
      </colorScale>
    </cfRule>
  </conditionalFormatting>
  <conditionalFormatting sqref="Z408">
    <cfRule type="containsText" dxfId="619" priority="109" operator="containsText" text="Important">
      <formula>NOT(ISERROR(SEARCH("Important",Z408)))</formula>
    </cfRule>
    <cfRule type="colorScale" priority="108">
      <colorScale>
        <cfvo type="min"/>
        <cfvo type="percentile" val="50"/>
        <cfvo type="max"/>
        <color rgb="FFF8696B"/>
        <color rgb="FFFFEB84"/>
        <color rgb="FF63BE7B"/>
      </colorScale>
    </cfRule>
    <cfRule type="containsText" dxfId="618" priority="110" operator="containsText" text="Desirable">
      <formula>NOT(ISERROR(SEARCH("Desirable",Z408)))</formula>
    </cfRule>
    <cfRule type="containsText" dxfId="617" priority="112" operator="containsText" text="Essential">
      <formula>NOT(ISERROR(SEARCH("Essential",Z408)))</formula>
    </cfRule>
    <cfRule type="containsText" dxfId="616" priority="111" operator="containsText" text="Critical">
      <formula>NOT(ISERROR(SEARCH("Critical",Z408)))</formula>
    </cfRule>
  </conditionalFormatting>
  <conditionalFormatting sqref="Z408:Z409">
    <cfRule type="containsText" dxfId="615" priority="104" operator="containsText" text="Important">
      <formula>NOT(ISERROR(SEARCH("Important",Z408)))</formula>
    </cfRule>
    <cfRule type="containsText" dxfId="614" priority="107" operator="containsText" text="Essential">
      <formula>NOT(ISERROR(SEARCH("Essential",Z408)))</formula>
    </cfRule>
  </conditionalFormatting>
  <conditionalFormatting sqref="Z408:Z410">
    <cfRule type="containsText" priority="102" operator="containsText" text="Important">
      <formula>NOT(ISERROR(SEARCH("Important",Z408)))</formula>
    </cfRule>
    <cfRule type="containsText" dxfId="613" priority="94" operator="containsText" text="Critical - Local Plan">
      <formula>NOT(ISERROR(SEARCH("Critical - Local Plan",Z408)))</formula>
    </cfRule>
    <cfRule type="containsText" priority="93" operator="containsText" text="Critical - Delivery">
      <formula>NOT(ISERROR(SEARCH("Critical - Delivery",Z408)))</formula>
    </cfRule>
  </conditionalFormatting>
  <conditionalFormatting sqref="Z409">
    <cfRule type="containsText" dxfId="612" priority="106" operator="containsText" text="Critical">
      <formula>NOT(ISERROR(SEARCH("Critical",Z409)))</formula>
    </cfRule>
    <cfRule type="containsText" dxfId="611" priority="105" operator="containsText" text="Desirable">
      <formula>NOT(ISERROR(SEARCH("Desirable",Z409)))</formula>
    </cfRule>
    <cfRule type="colorScale" priority="103">
      <colorScale>
        <cfvo type="min"/>
        <cfvo type="percentile" val="50"/>
        <cfvo type="max"/>
        <color rgb="FFF8696B"/>
        <color rgb="FFFFEB84"/>
        <color rgb="FF63BE7B"/>
      </colorScale>
    </cfRule>
  </conditionalFormatting>
  <conditionalFormatting sqref="Z409:Z410">
    <cfRule type="containsText" dxfId="610" priority="98" operator="containsText" text="Important">
      <formula>NOT(ISERROR(SEARCH("Important",Z409)))</formula>
    </cfRule>
    <cfRule type="containsText" dxfId="609" priority="101" operator="containsText" text="Essential">
      <formula>NOT(ISERROR(SEARCH("Essential",Z409)))</formula>
    </cfRule>
  </conditionalFormatting>
  <conditionalFormatting sqref="Z410">
    <cfRule type="containsText" dxfId="608" priority="100" operator="containsText" text="Critical">
      <formula>NOT(ISERROR(SEARCH("Critical",Z410)))</formula>
    </cfRule>
    <cfRule type="containsText" dxfId="607" priority="99" operator="containsText" text="Desirable">
      <formula>NOT(ISERROR(SEARCH("Desirable",Z410)))</formula>
    </cfRule>
    <cfRule type="containsText" dxfId="606" priority="96" operator="containsText" text="Essential">
      <formula>NOT(ISERROR(SEARCH("Essential",Z410)))</formula>
    </cfRule>
    <cfRule type="colorScale" priority="97">
      <colorScale>
        <cfvo type="min"/>
        <cfvo type="percentile" val="50"/>
        <cfvo type="max"/>
        <color rgb="FFF8696B"/>
        <color rgb="FFFFEB84"/>
        <color rgb="FF63BE7B"/>
      </colorScale>
    </cfRule>
    <cfRule type="containsText" dxfId="605" priority="95" operator="containsText" text="Important">
      <formula>NOT(ISERROR(SEARCH("Important",Z410)))</formula>
    </cfRule>
  </conditionalFormatting>
  <conditionalFormatting sqref="Z413:Z565">
    <cfRule type="containsText" priority="122" operator="containsText" text="Important">
      <formula>NOT(ISERROR(SEARCH("Important",Z413)))</formula>
    </cfRule>
    <cfRule type="colorScale" priority="117">
      <colorScale>
        <cfvo type="min"/>
        <cfvo type="percentile" val="50"/>
        <cfvo type="max"/>
        <color rgb="FFF8696B"/>
        <color rgb="FFFFEB84"/>
        <color rgb="FF63BE7B"/>
      </colorScale>
    </cfRule>
    <cfRule type="containsText" dxfId="604" priority="116" operator="containsText" text="Essential">
      <formula>NOT(ISERROR(SEARCH("Essential",Z413)))</formula>
    </cfRule>
    <cfRule type="containsText" dxfId="603" priority="120" operator="containsText" text="Critical">
      <formula>NOT(ISERROR(SEARCH("Critical",Z413)))</formula>
    </cfRule>
    <cfRule type="containsText" dxfId="602" priority="119" operator="containsText" text="Desirable">
      <formula>NOT(ISERROR(SEARCH("Desirable",Z413)))</formula>
    </cfRule>
    <cfRule type="containsText" dxfId="601" priority="115" operator="containsText" text="Important">
      <formula>NOT(ISERROR(SEARCH("Important",Z413)))</formula>
    </cfRule>
  </conditionalFormatting>
  <conditionalFormatting sqref="Z413:Z567 W568:X570">
    <cfRule type="containsText" dxfId="600" priority="121" operator="containsText" text="Essential">
      <formula>NOT(ISERROR(SEARCH("Essential",W413)))</formula>
    </cfRule>
    <cfRule type="containsText" dxfId="599" priority="118" operator="containsText" text="Important">
      <formula>NOT(ISERROR(SEARCH("Important",W413)))</formula>
    </cfRule>
    <cfRule type="containsText" dxfId="598" priority="114" operator="containsText" text="Critical - Local Plan">
      <formula>NOT(ISERROR(SEARCH("Critical - Local Plan",W413)))</formula>
    </cfRule>
    <cfRule type="containsText" priority="113" operator="containsText" text="Critical - Delivery">
      <formula>NOT(ISERROR(SEARCH("Critical - Delivery",W413)))</formula>
    </cfRule>
  </conditionalFormatting>
  <pageMargins left="0.7" right="0.7" top="0.75" bottom="0.75" header="0.3" footer="0.3"/>
  <pageSetup paperSize="9" orientation="portrait" horizontalDpi="300" verticalDpi="300" r:id="rId1"/>
  <legacyDrawing r:id="rId2"/>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5DF3FE6-85D3-434D-96EF-91AACFE71CEC}">
  <sheetPr codeName="Sheet7"/>
  <dimension ref="A1:CI297"/>
  <sheetViews>
    <sheetView workbookViewId="0"/>
  </sheetViews>
  <sheetFormatPr defaultRowHeight="14.25" x14ac:dyDescent="0.2"/>
  <cols>
    <col min="1" max="53" width="29.125" customWidth="1"/>
    <col min="54" max="55" width="17.5" customWidth="1"/>
    <col min="56" max="68" width="24.625" customWidth="1"/>
    <col min="69" max="84" width="17.5" customWidth="1"/>
    <col min="85" max="86" width="40.125" customWidth="1"/>
    <col min="87" max="87" width="66.625" customWidth="1"/>
  </cols>
  <sheetData>
    <row r="1" spans="1:87" ht="91.5" customHeight="1" x14ac:dyDescent="0.2">
      <c r="A1" s="5" t="s">
        <v>0</v>
      </c>
      <c r="B1" s="5" t="s">
        <v>1</v>
      </c>
      <c r="C1" s="5" t="s">
        <v>2</v>
      </c>
      <c r="D1" s="5" t="s">
        <v>3</v>
      </c>
      <c r="E1" s="6" t="s">
        <v>4</v>
      </c>
      <c r="F1" s="6" t="s">
        <v>5</v>
      </c>
      <c r="G1" s="5" t="s">
        <v>6</v>
      </c>
      <c r="H1" s="5" t="s">
        <v>7</v>
      </c>
      <c r="I1" s="5" t="s">
        <v>8</v>
      </c>
      <c r="J1" s="7" t="s">
        <v>9</v>
      </c>
      <c r="K1" s="7" t="s">
        <v>10</v>
      </c>
      <c r="L1" s="8" t="s">
        <v>11</v>
      </c>
      <c r="M1" s="8" t="s">
        <v>12</v>
      </c>
      <c r="N1" s="19" t="s">
        <v>2509</v>
      </c>
      <c r="O1" s="59" t="s">
        <v>2510</v>
      </c>
      <c r="P1" s="59" t="s">
        <v>2511</v>
      </c>
      <c r="Q1" s="59" t="s">
        <v>2512</v>
      </c>
      <c r="R1" s="20" t="s">
        <v>15</v>
      </c>
      <c r="S1" s="20" t="s">
        <v>2513</v>
      </c>
      <c r="T1" s="21" t="s">
        <v>16</v>
      </c>
      <c r="U1" s="9" t="s">
        <v>17</v>
      </c>
      <c r="V1" s="9" t="s">
        <v>18</v>
      </c>
      <c r="W1" s="9" t="s">
        <v>19</v>
      </c>
      <c r="X1" s="9" t="s">
        <v>20</v>
      </c>
      <c r="Y1" s="9" t="s">
        <v>21</v>
      </c>
      <c r="Z1" s="9" t="s">
        <v>22</v>
      </c>
      <c r="AA1" s="9" t="s">
        <v>23</v>
      </c>
      <c r="AB1" s="9" t="s">
        <v>24</v>
      </c>
      <c r="AC1" s="9" t="s">
        <v>25</v>
      </c>
      <c r="AD1" s="9" t="s">
        <v>26</v>
      </c>
      <c r="AE1" s="9" t="s">
        <v>27</v>
      </c>
      <c r="AF1" s="9" t="s">
        <v>28</v>
      </c>
      <c r="AG1" s="9" t="s">
        <v>29</v>
      </c>
      <c r="AH1" s="9" t="s">
        <v>30</v>
      </c>
      <c r="AI1" s="9" t="s">
        <v>31</v>
      </c>
      <c r="AJ1" s="9" t="s">
        <v>32</v>
      </c>
      <c r="AK1" s="47" t="s">
        <v>33</v>
      </c>
      <c r="AL1" s="10" t="s">
        <v>34</v>
      </c>
      <c r="AM1" s="10" t="s">
        <v>35</v>
      </c>
      <c r="AN1" s="10" t="s">
        <v>36</v>
      </c>
      <c r="AO1" s="48" t="s">
        <v>37</v>
      </c>
      <c r="AP1" s="11" t="s">
        <v>38</v>
      </c>
      <c r="AQ1" s="11" t="s">
        <v>39</v>
      </c>
      <c r="AR1" s="11" t="s">
        <v>40</v>
      </c>
      <c r="AS1" s="49" t="s">
        <v>41</v>
      </c>
      <c r="AT1" s="44" t="s">
        <v>42</v>
      </c>
      <c r="AU1" s="50" t="s">
        <v>43</v>
      </c>
      <c r="AV1" s="45" t="s">
        <v>44</v>
      </c>
      <c r="AW1" s="46" t="s">
        <v>45</v>
      </c>
      <c r="AX1" s="51" t="s">
        <v>46</v>
      </c>
      <c r="AY1" s="57" t="s">
        <v>47</v>
      </c>
      <c r="AZ1" s="57" t="s">
        <v>48</v>
      </c>
      <c r="BA1" s="57" t="s">
        <v>49</v>
      </c>
      <c r="BB1" s="9" t="s">
        <v>17</v>
      </c>
      <c r="BC1" s="9" t="s">
        <v>18</v>
      </c>
      <c r="BD1" s="9" t="s">
        <v>19</v>
      </c>
      <c r="BE1" s="9" t="s">
        <v>20</v>
      </c>
      <c r="BF1" s="9" t="s">
        <v>21</v>
      </c>
      <c r="BG1" s="9" t="s">
        <v>22</v>
      </c>
      <c r="BH1" s="9" t="s">
        <v>23</v>
      </c>
      <c r="BI1" s="9" t="s">
        <v>24</v>
      </c>
      <c r="BJ1" s="9" t="s">
        <v>25</v>
      </c>
      <c r="BK1" s="9" t="s">
        <v>26</v>
      </c>
      <c r="BL1" s="9" t="s">
        <v>27</v>
      </c>
      <c r="BM1" s="9" t="s">
        <v>28</v>
      </c>
      <c r="BN1" s="9" t="s">
        <v>29</v>
      </c>
      <c r="BO1" s="9" t="s">
        <v>30</v>
      </c>
      <c r="BP1" s="9" t="s">
        <v>31</v>
      </c>
      <c r="BQ1" s="9" t="s">
        <v>32</v>
      </c>
      <c r="BR1" s="47" t="s">
        <v>33</v>
      </c>
      <c r="BS1" s="10" t="s">
        <v>34</v>
      </c>
      <c r="BT1" s="10" t="s">
        <v>35</v>
      </c>
      <c r="BU1" s="10" t="s">
        <v>36</v>
      </c>
      <c r="BV1" s="48" t="s">
        <v>37</v>
      </c>
      <c r="BW1" s="11" t="s">
        <v>38</v>
      </c>
      <c r="BX1" s="11" t="s">
        <v>39</v>
      </c>
      <c r="BY1" s="11" t="s">
        <v>40</v>
      </c>
      <c r="BZ1" s="49" t="s">
        <v>41</v>
      </c>
      <c r="CA1" s="44" t="s">
        <v>42</v>
      </c>
      <c r="CB1" s="50" t="s">
        <v>43</v>
      </c>
      <c r="CC1" s="45" t="s">
        <v>44</v>
      </c>
      <c r="CD1" s="46" t="s">
        <v>45</v>
      </c>
      <c r="CE1" s="51" t="s">
        <v>46</v>
      </c>
      <c r="CF1" s="57" t="s">
        <v>47</v>
      </c>
      <c r="CG1" s="6" t="s">
        <v>50</v>
      </c>
      <c r="CH1" s="6" t="s">
        <v>51</v>
      </c>
      <c r="CI1" s="6" t="s">
        <v>52</v>
      </c>
    </row>
    <row r="2" spans="1:87" ht="32.1" customHeight="1" x14ac:dyDescent="0.2">
      <c r="A2" s="2"/>
      <c r="B2" s="2"/>
      <c r="C2" s="2"/>
      <c r="D2" s="2"/>
      <c r="E2" s="3"/>
      <c r="F2" s="3"/>
      <c r="G2" s="2"/>
      <c r="H2" s="2"/>
      <c r="I2" s="2"/>
      <c r="J2" s="1"/>
      <c r="K2" s="1"/>
      <c r="L2" s="16"/>
      <c r="M2" s="16"/>
      <c r="N2" s="17"/>
      <c r="O2" s="60"/>
      <c r="P2" s="60"/>
      <c r="Q2" s="60"/>
      <c r="R2" s="4"/>
      <c r="S2" s="4"/>
      <c r="T2" s="18"/>
      <c r="U2" s="12">
        <v>1500</v>
      </c>
      <c r="V2" s="13">
        <v>200</v>
      </c>
      <c r="W2" s="13">
        <v>450</v>
      </c>
      <c r="X2" s="13">
        <v>350</v>
      </c>
      <c r="Y2" s="13">
        <v>300</v>
      </c>
      <c r="Z2" s="13">
        <v>480</v>
      </c>
      <c r="AA2" s="13">
        <v>100</v>
      </c>
      <c r="AB2" s="13">
        <v>390</v>
      </c>
      <c r="AC2" s="13">
        <v>500</v>
      </c>
      <c r="AD2" s="13">
        <v>500</v>
      </c>
      <c r="AE2" s="13">
        <v>750</v>
      </c>
      <c r="AF2" s="13">
        <v>200</v>
      </c>
      <c r="AG2" s="13">
        <v>234</v>
      </c>
      <c r="AH2" s="13">
        <v>350</v>
      </c>
      <c r="AI2" s="13">
        <v>90</v>
      </c>
      <c r="AJ2" s="13">
        <v>80</v>
      </c>
      <c r="AK2" s="12">
        <v>2385</v>
      </c>
      <c r="AL2" s="14">
        <v>775</v>
      </c>
      <c r="AM2" s="14">
        <v>100</v>
      </c>
      <c r="AN2" s="14">
        <v>100</v>
      </c>
      <c r="AO2" s="14">
        <v>302</v>
      </c>
      <c r="AP2" s="15">
        <v>250</v>
      </c>
      <c r="AQ2" s="15">
        <v>400</v>
      </c>
      <c r="AR2" s="55">
        <v>1400</v>
      </c>
      <c r="AS2" s="15">
        <v>201</v>
      </c>
      <c r="AT2" s="52">
        <v>217</v>
      </c>
      <c r="AU2" s="52">
        <v>31</v>
      </c>
      <c r="AV2" s="53">
        <v>67</v>
      </c>
      <c r="AW2" s="54">
        <v>150</v>
      </c>
      <c r="AX2" s="54">
        <v>31</v>
      </c>
      <c r="AY2" s="56">
        <v>336</v>
      </c>
      <c r="AZ2" s="56"/>
      <c r="BA2" s="56"/>
      <c r="BB2" s="12">
        <v>1500</v>
      </c>
      <c r="BC2" s="13">
        <v>200</v>
      </c>
      <c r="BD2" s="13">
        <v>450</v>
      </c>
      <c r="BE2" s="13">
        <v>350</v>
      </c>
      <c r="BF2" s="13">
        <v>300</v>
      </c>
      <c r="BG2" s="13">
        <v>480</v>
      </c>
      <c r="BH2" s="13">
        <v>100</v>
      </c>
      <c r="BI2" s="13">
        <v>390</v>
      </c>
      <c r="BJ2" s="13">
        <v>500</v>
      </c>
      <c r="BK2" s="13">
        <v>500</v>
      </c>
      <c r="BL2" s="13">
        <v>750</v>
      </c>
      <c r="BM2" s="13">
        <v>200</v>
      </c>
      <c r="BN2" s="13">
        <v>234</v>
      </c>
      <c r="BO2" s="13">
        <v>350</v>
      </c>
      <c r="BP2" s="13">
        <v>90</v>
      </c>
      <c r="BQ2" s="13">
        <v>80</v>
      </c>
      <c r="BR2" s="12">
        <v>2385</v>
      </c>
      <c r="BS2" s="14">
        <v>775</v>
      </c>
      <c r="BT2" s="14">
        <v>100</v>
      </c>
      <c r="BU2" s="14">
        <v>100</v>
      </c>
      <c r="BV2" s="14">
        <v>302</v>
      </c>
      <c r="BW2" s="15">
        <v>250</v>
      </c>
      <c r="BX2" s="15">
        <v>400</v>
      </c>
      <c r="BY2" s="55">
        <v>1400</v>
      </c>
      <c r="BZ2" s="15">
        <v>201</v>
      </c>
      <c r="CA2" s="52">
        <v>217</v>
      </c>
      <c r="CB2" s="52">
        <v>31</v>
      </c>
      <c r="CC2" s="53">
        <v>67</v>
      </c>
      <c r="CD2" s="54">
        <v>150</v>
      </c>
      <c r="CE2" s="54">
        <v>31</v>
      </c>
      <c r="CF2" s="56">
        <v>336</v>
      </c>
      <c r="CG2" s="3"/>
      <c r="CH2" s="3"/>
      <c r="CI2" s="3"/>
    </row>
    <row r="3" spans="1:87" s="28" customFormat="1" ht="56.1" customHeight="1" x14ac:dyDescent="0.2">
      <c r="A3" s="22">
        <v>54</v>
      </c>
      <c r="B3" s="23" t="s">
        <v>53</v>
      </c>
      <c r="C3" s="35" t="s">
        <v>655</v>
      </c>
      <c r="D3" s="25" t="s">
        <v>656</v>
      </c>
      <c r="E3" s="30" t="s">
        <v>657</v>
      </c>
      <c r="F3" s="32"/>
      <c r="G3" s="32" t="s">
        <v>86</v>
      </c>
      <c r="H3" s="32"/>
      <c r="I3" s="32"/>
      <c r="J3" s="29" t="s">
        <v>77</v>
      </c>
      <c r="K3" s="31"/>
      <c r="L3" s="26" t="s">
        <v>63</v>
      </c>
      <c r="M3" s="26" t="s">
        <v>63</v>
      </c>
      <c r="N3" s="27">
        <v>92540</v>
      </c>
      <c r="O3" s="33"/>
      <c r="P3" s="33"/>
      <c r="Q3" s="43">
        <f t="shared" ref="Q3:Q66" si="0">N3</f>
        <v>92540</v>
      </c>
      <c r="R3" s="33"/>
      <c r="S3" s="33"/>
      <c r="T3" s="33"/>
      <c r="U3" s="33"/>
      <c r="V3" s="33"/>
      <c r="W3" s="33"/>
      <c r="X3" s="33"/>
      <c r="Y3" s="33"/>
      <c r="Z3" s="33"/>
      <c r="AA3" s="33"/>
      <c r="AB3" s="33"/>
      <c r="AC3" s="33"/>
      <c r="AD3" s="33"/>
      <c r="AE3" s="33"/>
      <c r="AF3" s="33"/>
      <c r="AG3" s="33"/>
      <c r="AH3" s="33"/>
      <c r="AI3" s="33"/>
      <c r="AJ3" s="33"/>
      <c r="AK3" s="33"/>
      <c r="AL3" s="33"/>
      <c r="AM3" s="33"/>
      <c r="AN3" s="33"/>
      <c r="AO3" s="33"/>
      <c r="AP3" s="33"/>
      <c r="AQ3" s="33"/>
      <c r="AR3" s="33"/>
      <c r="AS3" s="33"/>
      <c r="AT3" s="33"/>
      <c r="AU3" s="33"/>
      <c r="AV3" s="33"/>
      <c r="AW3" s="33"/>
      <c r="AX3" s="33"/>
      <c r="AY3" s="33"/>
      <c r="AZ3" s="58">
        <f t="shared" ref="AZ3:AZ66" si="1">SUMIF(U3:AY3,"YES",$U$2:$AY$2)</f>
        <v>0</v>
      </c>
      <c r="BA3" s="26" t="e">
        <f t="shared" ref="BA3:BA66" si="2">Q3/AZ3</f>
        <v>#DIV/0!</v>
      </c>
      <c r="BB3" s="27" t="str">
        <f t="shared" ref="BB3:BQ18" si="3">IF(U3="yes",(U$2*$BA3),"")</f>
        <v/>
      </c>
      <c r="BC3" s="27" t="str">
        <f t="shared" si="3"/>
        <v/>
      </c>
      <c r="BD3" s="27" t="str">
        <f t="shared" si="3"/>
        <v/>
      </c>
      <c r="BE3" s="27" t="str">
        <f t="shared" si="3"/>
        <v/>
      </c>
      <c r="BF3" s="27" t="str">
        <f t="shared" si="3"/>
        <v/>
      </c>
      <c r="BG3" s="27" t="str">
        <f t="shared" si="3"/>
        <v/>
      </c>
      <c r="BH3" s="27" t="str">
        <f t="shared" si="3"/>
        <v/>
      </c>
      <c r="BI3" s="27" t="str">
        <f t="shared" si="3"/>
        <v/>
      </c>
      <c r="BJ3" s="27" t="str">
        <f t="shared" si="3"/>
        <v/>
      </c>
      <c r="BK3" s="27" t="str">
        <f t="shared" si="3"/>
        <v/>
      </c>
      <c r="BL3" s="27" t="str">
        <f t="shared" si="3"/>
        <v/>
      </c>
      <c r="BM3" s="27" t="str">
        <f t="shared" si="3"/>
        <v/>
      </c>
      <c r="BN3" s="27" t="str">
        <f t="shared" si="3"/>
        <v/>
      </c>
      <c r="BO3" s="27" t="str">
        <f t="shared" si="3"/>
        <v/>
      </c>
      <c r="BP3" s="27" t="str">
        <f t="shared" si="3"/>
        <v/>
      </c>
      <c r="BQ3" s="27" t="str">
        <f t="shared" si="3"/>
        <v/>
      </c>
      <c r="BR3" s="27" t="str">
        <f t="shared" ref="BR3:CF19" si="4">IF(AK3="yes",(AK$2*$BA3),"")</f>
        <v/>
      </c>
      <c r="BS3" s="27" t="str">
        <f t="shared" si="4"/>
        <v/>
      </c>
      <c r="BT3" s="27" t="str">
        <f t="shared" si="4"/>
        <v/>
      </c>
      <c r="BU3" s="27" t="str">
        <f t="shared" si="4"/>
        <v/>
      </c>
      <c r="BV3" s="27" t="str">
        <f t="shared" si="4"/>
        <v/>
      </c>
      <c r="BW3" s="27" t="str">
        <f t="shared" si="4"/>
        <v/>
      </c>
      <c r="BX3" s="27" t="str">
        <f t="shared" si="4"/>
        <v/>
      </c>
      <c r="BY3" s="27" t="str">
        <f t="shared" si="4"/>
        <v/>
      </c>
      <c r="BZ3" s="27" t="str">
        <f t="shared" si="4"/>
        <v/>
      </c>
      <c r="CA3" s="27" t="str">
        <f t="shared" si="4"/>
        <v/>
      </c>
      <c r="CB3" s="27" t="str">
        <f t="shared" si="4"/>
        <v/>
      </c>
      <c r="CC3" s="27" t="str">
        <f t="shared" si="4"/>
        <v/>
      </c>
      <c r="CD3" s="27" t="str">
        <f t="shared" si="4"/>
        <v/>
      </c>
      <c r="CE3" s="27" t="str">
        <f t="shared" si="4"/>
        <v/>
      </c>
      <c r="CF3" s="27" t="str">
        <f t="shared" si="4"/>
        <v/>
      </c>
      <c r="CG3" s="33" t="s">
        <v>660</v>
      </c>
      <c r="CH3" s="33"/>
      <c r="CI3" s="36" t="s">
        <v>661</v>
      </c>
    </row>
    <row r="4" spans="1:87" s="28" customFormat="1" ht="56.1" customHeight="1" x14ac:dyDescent="0.2">
      <c r="A4" s="22">
        <v>55</v>
      </c>
      <c r="B4" s="23" t="s">
        <v>53</v>
      </c>
      <c r="C4" s="35" t="s">
        <v>655</v>
      </c>
      <c r="D4" s="25" t="s">
        <v>656</v>
      </c>
      <c r="E4" s="32" t="s">
        <v>662</v>
      </c>
      <c r="F4" s="32"/>
      <c r="G4" s="32" t="s">
        <v>86</v>
      </c>
      <c r="H4" s="32"/>
      <c r="I4" s="32"/>
      <c r="J4" s="29" t="s">
        <v>77</v>
      </c>
      <c r="K4" s="31"/>
      <c r="L4" s="26" t="s">
        <v>63</v>
      </c>
      <c r="M4" s="26" t="s">
        <v>63</v>
      </c>
      <c r="N4" s="27">
        <v>157995</v>
      </c>
      <c r="O4" s="33"/>
      <c r="P4" s="33"/>
      <c r="Q4" s="43">
        <f t="shared" si="0"/>
        <v>157995</v>
      </c>
      <c r="R4" s="33"/>
      <c r="S4" s="33"/>
      <c r="T4" s="33"/>
      <c r="U4" s="33"/>
      <c r="V4" s="33"/>
      <c r="W4" s="33"/>
      <c r="X4" s="33"/>
      <c r="Y4" s="33"/>
      <c r="Z4" s="33"/>
      <c r="AA4" s="33"/>
      <c r="AB4" s="33"/>
      <c r="AC4" s="33"/>
      <c r="AD4" s="33"/>
      <c r="AE4" s="33"/>
      <c r="AF4" s="33"/>
      <c r="AG4" s="33"/>
      <c r="AH4" s="33"/>
      <c r="AI4" s="33"/>
      <c r="AJ4" s="33"/>
      <c r="AK4" s="33"/>
      <c r="AL4" s="33"/>
      <c r="AM4" s="33"/>
      <c r="AN4" s="33"/>
      <c r="AO4" s="33"/>
      <c r="AP4" s="33"/>
      <c r="AQ4" s="33"/>
      <c r="AR4" s="33"/>
      <c r="AS4" s="33"/>
      <c r="AT4" s="33"/>
      <c r="AU4" s="33"/>
      <c r="AV4" s="33"/>
      <c r="AW4" s="33"/>
      <c r="AX4" s="33"/>
      <c r="AY4" s="33"/>
      <c r="AZ4" s="58">
        <f t="shared" si="1"/>
        <v>0</v>
      </c>
      <c r="BA4" s="26" t="e">
        <f t="shared" si="2"/>
        <v>#DIV/0!</v>
      </c>
      <c r="BB4" s="27" t="str">
        <f t="shared" si="3"/>
        <v/>
      </c>
      <c r="BC4" s="27" t="str">
        <f t="shared" si="3"/>
        <v/>
      </c>
      <c r="BD4" s="27" t="str">
        <f t="shared" si="3"/>
        <v/>
      </c>
      <c r="BE4" s="27" t="str">
        <f t="shared" si="3"/>
        <v/>
      </c>
      <c r="BF4" s="27" t="str">
        <f t="shared" si="3"/>
        <v/>
      </c>
      <c r="BG4" s="27" t="str">
        <f t="shared" si="3"/>
        <v/>
      </c>
      <c r="BH4" s="27" t="str">
        <f t="shared" si="3"/>
        <v/>
      </c>
      <c r="BI4" s="27" t="str">
        <f t="shared" si="3"/>
        <v/>
      </c>
      <c r="BJ4" s="27" t="str">
        <f t="shared" si="3"/>
        <v/>
      </c>
      <c r="BK4" s="27" t="str">
        <f t="shared" si="3"/>
        <v/>
      </c>
      <c r="BL4" s="27" t="str">
        <f t="shared" si="3"/>
        <v/>
      </c>
      <c r="BM4" s="27" t="str">
        <f t="shared" si="3"/>
        <v/>
      </c>
      <c r="BN4" s="27" t="str">
        <f t="shared" si="3"/>
        <v/>
      </c>
      <c r="BO4" s="27" t="str">
        <f t="shared" si="3"/>
        <v/>
      </c>
      <c r="BP4" s="27" t="str">
        <f t="shared" si="3"/>
        <v/>
      </c>
      <c r="BQ4" s="27" t="str">
        <f t="shared" si="3"/>
        <v/>
      </c>
      <c r="BR4" s="27" t="str">
        <f t="shared" si="4"/>
        <v/>
      </c>
      <c r="BS4" s="27" t="str">
        <f t="shared" si="4"/>
        <v/>
      </c>
      <c r="BT4" s="27" t="str">
        <f t="shared" si="4"/>
        <v/>
      </c>
      <c r="BU4" s="27" t="str">
        <f t="shared" si="4"/>
        <v/>
      </c>
      <c r="BV4" s="27" t="str">
        <f t="shared" si="4"/>
        <v/>
      </c>
      <c r="BW4" s="27" t="str">
        <f t="shared" si="4"/>
        <v/>
      </c>
      <c r="BX4" s="27" t="str">
        <f t="shared" si="4"/>
        <v/>
      </c>
      <c r="BY4" s="27" t="str">
        <f t="shared" si="4"/>
        <v/>
      </c>
      <c r="BZ4" s="27" t="str">
        <f t="shared" si="4"/>
        <v/>
      </c>
      <c r="CA4" s="27" t="str">
        <f t="shared" si="4"/>
        <v/>
      </c>
      <c r="CB4" s="27" t="str">
        <f t="shared" si="4"/>
        <v/>
      </c>
      <c r="CC4" s="27" t="str">
        <f t="shared" si="4"/>
        <v/>
      </c>
      <c r="CD4" s="27" t="str">
        <f t="shared" si="4"/>
        <v/>
      </c>
      <c r="CE4" s="27" t="str">
        <f t="shared" si="4"/>
        <v/>
      </c>
      <c r="CF4" s="27" t="str">
        <f t="shared" si="4"/>
        <v/>
      </c>
      <c r="CG4" s="33" t="s">
        <v>660</v>
      </c>
      <c r="CH4" s="33"/>
      <c r="CI4" s="36" t="s">
        <v>661</v>
      </c>
    </row>
    <row r="5" spans="1:87" s="28" customFormat="1" ht="56.1" customHeight="1" x14ac:dyDescent="0.2">
      <c r="A5" s="22">
        <v>56</v>
      </c>
      <c r="B5" s="23" t="s">
        <v>53</v>
      </c>
      <c r="C5" s="35" t="s">
        <v>655</v>
      </c>
      <c r="D5" s="25" t="s">
        <v>656</v>
      </c>
      <c r="E5" s="32" t="s">
        <v>664</v>
      </c>
      <c r="F5" s="32"/>
      <c r="G5" s="32" t="s">
        <v>86</v>
      </c>
      <c r="H5" s="32"/>
      <c r="I5" s="32"/>
      <c r="J5" s="29" t="s">
        <v>77</v>
      </c>
      <c r="K5" s="31"/>
      <c r="L5" s="26" t="s">
        <v>63</v>
      </c>
      <c r="M5" s="26" t="s">
        <v>63</v>
      </c>
      <c r="N5" s="27">
        <v>100315</v>
      </c>
      <c r="O5" s="33"/>
      <c r="P5" s="33"/>
      <c r="Q5" s="43">
        <f t="shared" si="0"/>
        <v>100315</v>
      </c>
      <c r="R5" s="33"/>
      <c r="S5" s="33"/>
      <c r="T5" s="33"/>
      <c r="U5" s="33"/>
      <c r="V5" s="33"/>
      <c r="W5" s="33"/>
      <c r="X5" s="33"/>
      <c r="Y5" s="33"/>
      <c r="Z5" s="33"/>
      <c r="AA5" s="33"/>
      <c r="AB5" s="33"/>
      <c r="AC5" s="33"/>
      <c r="AD5" s="33"/>
      <c r="AE5" s="33"/>
      <c r="AF5" s="33"/>
      <c r="AG5" s="33"/>
      <c r="AH5" s="33"/>
      <c r="AI5" s="33"/>
      <c r="AJ5" s="33"/>
      <c r="AK5" s="33"/>
      <c r="AL5" s="33"/>
      <c r="AM5" s="33"/>
      <c r="AN5" s="33"/>
      <c r="AO5" s="33"/>
      <c r="AP5" s="33"/>
      <c r="AQ5" s="33"/>
      <c r="AR5" s="33"/>
      <c r="AS5" s="33"/>
      <c r="AT5" s="33"/>
      <c r="AU5" s="33"/>
      <c r="AV5" s="33"/>
      <c r="AW5" s="33"/>
      <c r="AX5" s="33"/>
      <c r="AY5" s="33"/>
      <c r="AZ5" s="58">
        <f t="shared" si="1"/>
        <v>0</v>
      </c>
      <c r="BA5" s="26" t="e">
        <f t="shared" si="2"/>
        <v>#DIV/0!</v>
      </c>
      <c r="BB5" s="27" t="str">
        <f t="shared" si="3"/>
        <v/>
      </c>
      <c r="BC5" s="27" t="str">
        <f t="shared" si="3"/>
        <v/>
      </c>
      <c r="BD5" s="27" t="str">
        <f t="shared" si="3"/>
        <v/>
      </c>
      <c r="BE5" s="27" t="str">
        <f t="shared" si="3"/>
        <v/>
      </c>
      <c r="BF5" s="27" t="str">
        <f t="shared" si="3"/>
        <v/>
      </c>
      <c r="BG5" s="27" t="str">
        <f t="shared" si="3"/>
        <v/>
      </c>
      <c r="BH5" s="27" t="str">
        <f t="shared" si="3"/>
        <v/>
      </c>
      <c r="BI5" s="27" t="str">
        <f t="shared" si="3"/>
        <v/>
      </c>
      <c r="BJ5" s="27" t="str">
        <f t="shared" si="3"/>
        <v/>
      </c>
      <c r="BK5" s="27" t="str">
        <f t="shared" si="3"/>
        <v/>
      </c>
      <c r="BL5" s="27" t="str">
        <f t="shared" si="3"/>
        <v/>
      </c>
      <c r="BM5" s="27" t="str">
        <f t="shared" si="3"/>
        <v/>
      </c>
      <c r="BN5" s="27" t="str">
        <f t="shared" si="3"/>
        <v/>
      </c>
      <c r="BO5" s="27" t="str">
        <f t="shared" si="3"/>
        <v/>
      </c>
      <c r="BP5" s="27" t="str">
        <f t="shared" si="3"/>
        <v/>
      </c>
      <c r="BQ5" s="27" t="str">
        <f t="shared" si="3"/>
        <v/>
      </c>
      <c r="BR5" s="27" t="str">
        <f t="shared" si="4"/>
        <v/>
      </c>
      <c r="BS5" s="27" t="str">
        <f t="shared" si="4"/>
        <v/>
      </c>
      <c r="BT5" s="27" t="str">
        <f t="shared" si="4"/>
        <v/>
      </c>
      <c r="BU5" s="27" t="str">
        <f t="shared" si="4"/>
        <v/>
      </c>
      <c r="BV5" s="27" t="str">
        <f t="shared" si="4"/>
        <v/>
      </c>
      <c r="BW5" s="27" t="str">
        <f t="shared" si="4"/>
        <v/>
      </c>
      <c r="BX5" s="27" t="str">
        <f t="shared" si="4"/>
        <v/>
      </c>
      <c r="BY5" s="27" t="str">
        <f t="shared" si="4"/>
        <v/>
      </c>
      <c r="BZ5" s="27" t="str">
        <f t="shared" si="4"/>
        <v/>
      </c>
      <c r="CA5" s="27" t="str">
        <f t="shared" si="4"/>
        <v/>
      </c>
      <c r="CB5" s="27" t="str">
        <f t="shared" si="4"/>
        <v/>
      </c>
      <c r="CC5" s="27" t="str">
        <f t="shared" si="4"/>
        <v/>
      </c>
      <c r="CD5" s="27" t="str">
        <f t="shared" si="4"/>
        <v/>
      </c>
      <c r="CE5" s="27" t="str">
        <f t="shared" si="4"/>
        <v/>
      </c>
      <c r="CF5" s="27" t="str">
        <f t="shared" si="4"/>
        <v/>
      </c>
      <c r="CG5" s="33" t="s">
        <v>660</v>
      </c>
      <c r="CH5" s="33"/>
      <c r="CI5" s="36" t="s">
        <v>661</v>
      </c>
    </row>
    <row r="6" spans="1:87" s="28" customFormat="1" ht="56.1" customHeight="1" x14ac:dyDescent="0.2">
      <c r="A6" s="22">
        <v>57</v>
      </c>
      <c r="B6" s="23" t="s">
        <v>53</v>
      </c>
      <c r="C6" s="35" t="s">
        <v>655</v>
      </c>
      <c r="D6" s="25" t="s">
        <v>656</v>
      </c>
      <c r="E6" s="32" t="s">
        <v>666</v>
      </c>
      <c r="F6" s="32"/>
      <c r="G6" s="32" t="s">
        <v>86</v>
      </c>
      <c r="H6" s="32"/>
      <c r="I6" s="32"/>
      <c r="J6" s="29" t="s">
        <v>77</v>
      </c>
      <c r="K6" s="31"/>
      <c r="L6" s="26" t="s">
        <v>63</v>
      </c>
      <c r="M6" s="26" t="s">
        <v>63</v>
      </c>
      <c r="N6" s="37">
        <v>1416942</v>
      </c>
      <c r="O6" s="33"/>
      <c r="P6" s="33"/>
      <c r="Q6" s="43">
        <f t="shared" si="0"/>
        <v>1416942</v>
      </c>
      <c r="R6" s="33"/>
      <c r="S6" s="33"/>
      <c r="T6" s="33"/>
      <c r="U6" s="33"/>
      <c r="V6" s="33"/>
      <c r="W6" s="33"/>
      <c r="X6" s="38"/>
      <c r="Y6" s="38"/>
      <c r="Z6" s="38"/>
      <c r="AA6" s="38"/>
      <c r="AB6" s="38"/>
      <c r="AC6" s="38"/>
      <c r="AD6" s="38"/>
      <c r="AE6" s="38"/>
      <c r="AF6" s="38"/>
      <c r="AG6" s="38"/>
      <c r="AH6" s="38"/>
      <c r="AI6" s="38"/>
      <c r="AJ6" s="38"/>
      <c r="AK6" s="38"/>
      <c r="AL6" s="38"/>
      <c r="AM6" s="33"/>
      <c r="AN6" s="33"/>
      <c r="AO6" s="38"/>
      <c r="AP6" s="38"/>
      <c r="AQ6" s="38"/>
      <c r="AR6" s="38"/>
      <c r="AS6" s="38"/>
      <c r="AT6" s="38"/>
      <c r="AU6" s="38"/>
      <c r="AV6" s="38"/>
      <c r="AW6" s="38"/>
      <c r="AX6" s="38"/>
      <c r="AY6" s="38"/>
      <c r="AZ6" s="58">
        <f t="shared" si="1"/>
        <v>0</v>
      </c>
      <c r="BA6" s="26" t="e">
        <f t="shared" si="2"/>
        <v>#DIV/0!</v>
      </c>
      <c r="BB6" s="27" t="str">
        <f t="shared" si="3"/>
        <v/>
      </c>
      <c r="BC6" s="27" t="str">
        <f t="shared" si="3"/>
        <v/>
      </c>
      <c r="BD6" s="27" t="str">
        <f t="shared" si="3"/>
        <v/>
      </c>
      <c r="BE6" s="27" t="str">
        <f t="shared" si="3"/>
        <v/>
      </c>
      <c r="BF6" s="27" t="str">
        <f t="shared" si="3"/>
        <v/>
      </c>
      <c r="BG6" s="27" t="str">
        <f t="shared" si="3"/>
        <v/>
      </c>
      <c r="BH6" s="27" t="str">
        <f t="shared" si="3"/>
        <v/>
      </c>
      <c r="BI6" s="27" t="str">
        <f t="shared" si="3"/>
        <v/>
      </c>
      <c r="BJ6" s="27" t="str">
        <f t="shared" si="3"/>
        <v/>
      </c>
      <c r="BK6" s="27" t="str">
        <f t="shared" si="3"/>
        <v/>
      </c>
      <c r="BL6" s="27" t="str">
        <f t="shared" si="3"/>
        <v/>
      </c>
      <c r="BM6" s="27" t="str">
        <f t="shared" si="3"/>
        <v/>
      </c>
      <c r="BN6" s="27" t="str">
        <f t="shared" si="3"/>
        <v/>
      </c>
      <c r="BO6" s="27" t="str">
        <f t="shared" si="3"/>
        <v/>
      </c>
      <c r="BP6" s="27" t="str">
        <f t="shared" si="3"/>
        <v/>
      </c>
      <c r="BQ6" s="27" t="str">
        <f t="shared" si="3"/>
        <v/>
      </c>
      <c r="BR6" s="27" t="str">
        <f t="shared" si="4"/>
        <v/>
      </c>
      <c r="BS6" s="27" t="str">
        <f t="shared" si="4"/>
        <v/>
      </c>
      <c r="BT6" s="27" t="str">
        <f t="shared" si="4"/>
        <v/>
      </c>
      <c r="BU6" s="27" t="str">
        <f t="shared" si="4"/>
        <v/>
      </c>
      <c r="BV6" s="27" t="str">
        <f t="shared" si="4"/>
        <v/>
      </c>
      <c r="BW6" s="27" t="str">
        <f t="shared" si="4"/>
        <v/>
      </c>
      <c r="BX6" s="27" t="str">
        <f t="shared" si="4"/>
        <v/>
      </c>
      <c r="BY6" s="27" t="str">
        <f t="shared" si="4"/>
        <v/>
      </c>
      <c r="BZ6" s="27" t="str">
        <f t="shared" si="4"/>
        <v/>
      </c>
      <c r="CA6" s="27" t="str">
        <f t="shared" si="4"/>
        <v/>
      </c>
      <c r="CB6" s="27" t="str">
        <f t="shared" si="4"/>
        <v/>
      </c>
      <c r="CC6" s="27" t="str">
        <f t="shared" si="4"/>
        <v/>
      </c>
      <c r="CD6" s="27" t="str">
        <f t="shared" si="4"/>
        <v/>
      </c>
      <c r="CE6" s="27" t="str">
        <f t="shared" si="4"/>
        <v/>
      </c>
      <c r="CF6" s="27" t="str">
        <f t="shared" si="4"/>
        <v/>
      </c>
      <c r="CG6" s="33" t="s">
        <v>660</v>
      </c>
      <c r="CH6" s="38"/>
      <c r="CI6" s="36" t="s">
        <v>661</v>
      </c>
    </row>
    <row r="7" spans="1:87" s="28" customFormat="1" ht="56.1" customHeight="1" x14ac:dyDescent="0.2">
      <c r="A7" s="22">
        <v>58</v>
      </c>
      <c r="B7" s="23" t="s">
        <v>53</v>
      </c>
      <c r="C7" s="35" t="s">
        <v>655</v>
      </c>
      <c r="D7" s="25" t="s">
        <v>656</v>
      </c>
      <c r="E7" s="32" t="s">
        <v>668</v>
      </c>
      <c r="F7" s="32"/>
      <c r="G7" s="32" t="s">
        <v>86</v>
      </c>
      <c r="H7" s="32"/>
      <c r="I7" s="32"/>
      <c r="J7" s="29" t="s">
        <v>77</v>
      </c>
      <c r="K7" s="31"/>
      <c r="L7" s="26" t="s">
        <v>63</v>
      </c>
      <c r="M7" s="26" t="s">
        <v>63</v>
      </c>
      <c r="N7" s="39">
        <v>290661</v>
      </c>
      <c r="O7" s="33"/>
      <c r="P7" s="33"/>
      <c r="Q7" s="43">
        <f t="shared" si="0"/>
        <v>290661</v>
      </c>
      <c r="R7" s="33"/>
      <c r="S7" s="33"/>
      <c r="T7" s="33"/>
      <c r="U7" s="33"/>
      <c r="V7" s="33"/>
      <c r="W7" s="33"/>
      <c r="X7" s="33"/>
      <c r="Y7" s="33"/>
      <c r="Z7" s="33"/>
      <c r="AA7" s="33"/>
      <c r="AB7" s="33"/>
      <c r="AC7" s="33"/>
      <c r="AD7" s="33"/>
      <c r="AE7" s="33"/>
      <c r="AF7" s="33"/>
      <c r="AG7" s="33"/>
      <c r="AH7" s="33"/>
      <c r="AI7" s="33"/>
      <c r="AJ7" s="33"/>
      <c r="AK7" s="33"/>
      <c r="AL7" s="33"/>
      <c r="AM7" s="33"/>
      <c r="AN7" s="33"/>
      <c r="AO7" s="38"/>
      <c r="AP7" s="38"/>
      <c r="AQ7" s="38"/>
      <c r="AR7" s="38"/>
      <c r="AS7" s="38"/>
      <c r="AT7" s="38"/>
      <c r="AU7" s="38"/>
      <c r="AV7" s="38"/>
      <c r="AW7" s="38"/>
      <c r="AX7" s="38"/>
      <c r="AY7" s="38"/>
      <c r="AZ7" s="58">
        <f t="shared" si="1"/>
        <v>0</v>
      </c>
      <c r="BA7" s="26" t="e">
        <f t="shared" si="2"/>
        <v>#DIV/0!</v>
      </c>
      <c r="BB7" s="27" t="str">
        <f t="shared" si="3"/>
        <v/>
      </c>
      <c r="BC7" s="27" t="str">
        <f t="shared" si="3"/>
        <v/>
      </c>
      <c r="BD7" s="27" t="str">
        <f t="shared" si="3"/>
        <v/>
      </c>
      <c r="BE7" s="27" t="str">
        <f t="shared" si="3"/>
        <v/>
      </c>
      <c r="BF7" s="27" t="str">
        <f t="shared" si="3"/>
        <v/>
      </c>
      <c r="BG7" s="27" t="str">
        <f t="shared" si="3"/>
        <v/>
      </c>
      <c r="BH7" s="27" t="str">
        <f t="shared" si="3"/>
        <v/>
      </c>
      <c r="BI7" s="27" t="str">
        <f t="shared" si="3"/>
        <v/>
      </c>
      <c r="BJ7" s="27" t="str">
        <f t="shared" si="3"/>
        <v/>
      </c>
      <c r="BK7" s="27" t="str">
        <f t="shared" si="3"/>
        <v/>
      </c>
      <c r="BL7" s="27" t="str">
        <f t="shared" si="3"/>
        <v/>
      </c>
      <c r="BM7" s="27" t="str">
        <f t="shared" si="3"/>
        <v/>
      </c>
      <c r="BN7" s="27" t="str">
        <f t="shared" si="3"/>
        <v/>
      </c>
      <c r="BO7" s="27" t="str">
        <f t="shared" si="3"/>
        <v/>
      </c>
      <c r="BP7" s="27" t="str">
        <f t="shared" si="3"/>
        <v/>
      </c>
      <c r="BQ7" s="27" t="str">
        <f t="shared" si="3"/>
        <v/>
      </c>
      <c r="BR7" s="27" t="str">
        <f t="shared" si="4"/>
        <v/>
      </c>
      <c r="BS7" s="27" t="str">
        <f t="shared" si="4"/>
        <v/>
      </c>
      <c r="BT7" s="27" t="str">
        <f t="shared" si="4"/>
        <v/>
      </c>
      <c r="BU7" s="27" t="str">
        <f t="shared" si="4"/>
        <v/>
      </c>
      <c r="BV7" s="27" t="str">
        <f t="shared" si="4"/>
        <v/>
      </c>
      <c r="BW7" s="27" t="str">
        <f t="shared" si="4"/>
        <v/>
      </c>
      <c r="BX7" s="27" t="str">
        <f t="shared" si="4"/>
        <v/>
      </c>
      <c r="BY7" s="27" t="str">
        <f t="shared" si="4"/>
        <v/>
      </c>
      <c r="BZ7" s="27" t="str">
        <f t="shared" si="4"/>
        <v/>
      </c>
      <c r="CA7" s="27" t="str">
        <f t="shared" si="4"/>
        <v/>
      </c>
      <c r="CB7" s="27" t="str">
        <f t="shared" si="4"/>
        <v/>
      </c>
      <c r="CC7" s="27" t="str">
        <f t="shared" si="4"/>
        <v/>
      </c>
      <c r="CD7" s="27" t="str">
        <f t="shared" si="4"/>
        <v/>
      </c>
      <c r="CE7" s="27" t="str">
        <f t="shared" si="4"/>
        <v/>
      </c>
      <c r="CF7" s="27" t="str">
        <f t="shared" si="4"/>
        <v/>
      </c>
      <c r="CG7" s="33" t="s">
        <v>660</v>
      </c>
      <c r="CH7" s="38"/>
      <c r="CI7" s="36" t="s">
        <v>661</v>
      </c>
    </row>
    <row r="8" spans="1:87" s="28" customFormat="1" ht="56.1" customHeight="1" x14ac:dyDescent="0.2">
      <c r="A8" s="22">
        <v>59</v>
      </c>
      <c r="B8" s="23" t="s">
        <v>53</v>
      </c>
      <c r="C8" s="35" t="s">
        <v>655</v>
      </c>
      <c r="D8" s="25" t="s">
        <v>656</v>
      </c>
      <c r="E8" s="32" t="s">
        <v>670</v>
      </c>
      <c r="F8" s="32"/>
      <c r="G8" s="32" t="s">
        <v>86</v>
      </c>
      <c r="H8" s="32"/>
      <c r="I8" s="32"/>
      <c r="J8" s="29" t="s">
        <v>77</v>
      </c>
      <c r="K8" s="31"/>
      <c r="L8" s="26" t="s">
        <v>63</v>
      </c>
      <c r="M8" s="26" t="s">
        <v>63</v>
      </c>
      <c r="N8" s="39">
        <v>163011</v>
      </c>
      <c r="O8" s="33"/>
      <c r="P8" s="33"/>
      <c r="Q8" s="43">
        <f t="shared" si="0"/>
        <v>163011</v>
      </c>
      <c r="R8" s="33"/>
      <c r="S8" s="33"/>
      <c r="T8" s="33"/>
      <c r="U8" s="33"/>
      <c r="V8" s="33"/>
      <c r="W8" s="33"/>
      <c r="X8" s="38"/>
      <c r="Y8" s="38"/>
      <c r="Z8" s="33"/>
      <c r="AA8" s="38"/>
      <c r="AB8" s="38"/>
      <c r="AC8" s="38"/>
      <c r="AD8" s="38"/>
      <c r="AE8" s="38"/>
      <c r="AF8" s="38"/>
      <c r="AG8" s="38"/>
      <c r="AH8" s="38"/>
      <c r="AI8" s="38"/>
      <c r="AJ8" s="38"/>
      <c r="AK8" s="38"/>
      <c r="AL8" s="38"/>
      <c r="AM8" s="38"/>
      <c r="AN8" s="38"/>
      <c r="AO8" s="38"/>
      <c r="AP8" s="38"/>
      <c r="AQ8" s="38"/>
      <c r="AR8" s="38"/>
      <c r="AS8" s="38"/>
      <c r="AT8" s="38"/>
      <c r="AU8" s="38"/>
      <c r="AV8" s="38"/>
      <c r="AW8" s="38"/>
      <c r="AX8" s="38"/>
      <c r="AY8" s="38"/>
      <c r="AZ8" s="58">
        <f t="shared" si="1"/>
        <v>0</v>
      </c>
      <c r="BA8" s="26" t="e">
        <f t="shared" si="2"/>
        <v>#DIV/0!</v>
      </c>
      <c r="BB8" s="27" t="str">
        <f t="shared" si="3"/>
        <v/>
      </c>
      <c r="BC8" s="27" t="str">
        <f t="shared" si="3"/>
        <v/>
      </c>
      <c r="BD8" s="27" t="str">
        <f t="shared" si="3"/>
        <v/>
      </c>
      <c r="BE8" s="27" t="str">
        <f t="shared" si="3"/>
        <v/>
      </c>
      <c r="BF8" s="27" t="str">
        <f t="shared" si="3"/>
        <v/>
      </c>
      <c r="BG8" s="27" t="str">
        <f t="shared" si="3"/>
        <v/>
      </c>
      <c r="BH8" s="27" t="str">
        <f t="shared" si="3"/>
        <v/>
      </c>
      <c r="BI8" s="27" t="str">
        <f t="shared" si="3"/>
        <v/>
      </c>
      <c r="BJ8" s="27" t="str">
        <f t="shared" si="3"/>
        <v/>
      </c>
      <c r="BK8" s="27" t="str">
        <f t="shared" si="3"/>
        <v/>
      </c>
      <c r="BL8" s="27" t="str">
        <f t="shared" si="3"/>
        <v/>
      </c>
      <c r="BM8" s="27" t="str">
        <f t="shared" si="3"/>
        <v/>
      </c>
      <c r="BN8" s="27" t="str">
        <f t="shared" si="3"/>
        <v/>
      </c>
      <c r="BO8" s="27" t="str">
        <f t="shared" si="3"/>
        <v/>
      </c>
      <c r="BP8" s="27" t="str">
        <f t="shared" si="3"/>
        <v/>
      </c>
      <c r="BQ8" s="27" t="str">
        <f t="shared" si="3"/>
        <v/>
      </c>
      <c r="BR8" s="27" t="str">
        <f t="shared" si="4"/>
        <v/>
      </c>
      <c r="BS8" s="27" t="str">
        <f t="shared" si="4"/>
        <v/>
      </c>
      <c r="BT8" s="27" t="str">
        <f t="shared" si="4"/>
        <v/>
      </c>
      <c r="BU8" s="27" t="str">
        <f t="shared" si="4"/>
        <v/>
      </c>
      <c r="BV8" s="27" t="str">
        <f t="shared" si="4"/>
        <v/>
      </c>
      <c r="BW8" s="27" t="str">
        <f t="shared" si="4"/>
        <v/>
      </c>
      <c r="BX8" s="27" t="str">
        <f t="shared" si="4"/>
        <v/>
      </c>
      <c r="BY8" s="27" t="str">
        <f t="shared" si="4"/>
        <v/>
      </c>
      <c r="BZ8" s="27" t="str">
        <f t="shared" si="4"/>
        <v/>
      </c>
      <c r="CA8" s="27" t="str">
        <f t="shared" si="4"/>
        <v/>
      </c>
      <c r="CB8" s="27" t="str">
        <f t="shared" si="4"/>
        <v/>
      </c>
      <c r="CC8" s="27" t="str">
        <f t="shared" si="4"/>
        <v/>
      </c>
      <c r="CD8" s="27" t="str">
        <f t="shared" si="4"/>
        <v/>
      </c>
      <c r="CE8" s="27" t="str">
        <f t="shared" si="4"/>
        <v/>
      </c>
      <c r="CF8" s="27" t="str">
        <f t="shared" si="4"/>
        <v/>
      </c>
      <c r="CG8" s="33" t="s">
        <v>660</v>
      </c>
      <c r="CH8" s="38"/>
      <c r="CI8" s="36" t="s">
        <v>661</v>
      </c>
    </row>
    <row r="9" spans="1:87" s="28" customFormat="1" ht="56.1" customHeight="1" x14ac:dyDescent="0.2">
      <c r="A9" s="22">
        <v>60</v>
      </c>
      <c r="B9" s="23" t="s">
        <v>53</v>
      </c>
      <c r="C9" s="35" t="s">
        <v>655</v>
      </c>
      <c r="D9" s="25" t="s">
        <v>656</v>
      </c>
      <c r="E9" s="32" t="s">
        <v>672</v>
      </c>
      <c r="F9" s="32"/>
      <c r="G9" s="32" t="s">
        <v>86</v>
      </c>
      <c r="H9" s="32"/>
      <c r="I9" s="32"/>
      <c r="J9" s="29" t="s">
        <v>77</v>
      </c>
      <c r="K9" s="31"/>
      <c r="L9" s="26" t="s">
        <v>63</v>
      </c>
      <c r="M9" s="26" t="s">
        <v>63</v>
      </c>
      <c r="N9" s="39">
        <v>112854</v>
      </c>
      <c r="O9" s="33"/>
      <c r="P9" s="33"/>
      <c r="Q9" s="43">
        <f t="shared" si="0"/>
        <v>112854</v>
      </c>
      <c r="R9" s="33"/>
      <c r="S9" s="33"/>
      <c r="T9" s="33"/>
      <c r="U9" s="33"/>
      <c r="V9" s="33"/>
      <c r="W9" s="33"/>
      <c r="X9" s="38"/>
      <c r="Y9" s="38"/>
      <c r="Z9" s="33"/>
      <c r="AA9" s="38"/>
      <c r="AB9" s="38"/>
      <c r="AC9" s="38"/>
      <c r="AD9" s="38"/>
      <c r="AE9" s="38"/>
      <c r="AF9" s="38"/>
      <c r="AG9" s="38"/>
      <c r="AH9" s="38"/>
      <c r="AI9" s="38"/>
      <c r="AJ9" s="38"/>
      <c r="AK9" s="38"/>
      <c r="AL9" s="38"/>
      <c r="AM9" s="38"/>
      <c r="AN9" s="38"/>
      <c r="AO9" s="38"/>
      <c r="AP9" s="38"/>
      <c r="AQ9" s="38"/>
      <c r="AR9" s="38"/>
      <c r="AS9" s="38"/>
      <c r="AT9" s="38"/>
      <c r="AU9" s="38"/>
      <c r="AV9" s="38"/>
      <c r="AW9" s="38"/>
      <c r="AX9" s="38"/>
      <c r="AY9" s="38"/>
      <c r="AZ9" s="58">
        <f t="shared" si="1"/>
        <v>0</v>
      </c>
      <c r="BA9" s="26" t="e">
        <f t="shared" si="2"/>
        <v>#DIV/0!</v>
      </c>
      <c r="BB9" s="27" t="str">
        <f t="shared" si="3"/>
        <v/>
      </c>
      <c r="BC9" s="27" t="str">
        <f t="shared" si="3"/>
        <v/>
      </c>
      <c r="BD9" s="27" t="str">
        <f t="shared" si="3"/>
        <v/>
      </c>
      <c r="BE9" s="27" t="str">
        <f t="shared" si="3"/>
        <v/>
      </c>
      <c r="BF9" s="27" t="str">
        <f t="shared" si="3"/>
        <v/>
      </c>
      <c r="BG9" s="27" t="str">
        <f t="shared" si="3"/>
        <v/>
      </c>
      <c r="BH9" s="27" t="str">
        <f t="shared" si="3"/>
        <v/>
      </c>
      <c r="BI9" s="27" t="str">
        <f t="shared" si="3"/>
        <v/>
      </c>
      <c r="BJ9" s="27" t="str">
        <f t="shared" si="3"/>
        <v/>
      </c>
      <c r="BK9" s="27" t="str">
        <f t="shared" si="3"/>
        <v/>
      </c>
      <c r="BL9" s="27" t="str">
        <f t="shared" si="3"/>
        <v/>
      </c>
      <c r="BM9" s="27" t="str">
        <f t="shared" si="3"/>
        <v/>
      </c>
      <c r="BN9" s="27" t="str">
        <f t="shared" si="3"/>
        <v/>
      </c>
      <c r="BO9" s="27" t="str">
        <f t="shared" si="3"/>
        <v/>
      </c>
      <c r="BP9" s="27" t="str">
        <f t="shared" si="3"/>
        <v/>
      </c>
      <c r="BQ9" s="27" t="str">
        <f t="shared" si="3"/>
        <v/>
      </c>
      <c r="BR9" s="27" t="str">
        <f t="shared" si="4"/>
        <v/>
      </c>
      <c r="BS9" s="27" t="str">
        <f t="shared" si="4"/>
        <v/>
      </c>
      <c r="BT9" s="27" t="str">
        <f t="shared" si="4"/>
        <v/>
      </c>
      <c r="BU9" s="27" t="str">
        <f t="shared" si="4"/>
        <v/>
      </c>
      <c r="BV9" s="27" t="str">
        <f t="shared" si="4"/>
        <v/>
      </c>
      <c r="BW9" s="27" t="str">
        <f t="shared" si="4"/>
        <v/>
      </c>
      <c r="BX9" s="27" t="str">
        <f t="shared" si="4"/>
        <v/>
      </c>
      <c r="BY9" s="27" t="str">
        <f t="shared" si="4"/>
        <v/>
      </c>
      <c r="BZ9" s="27" t="str">
        <f t="shared" si="4"/>
        <v/>
      </c>
      <c r="CA9" s="27" t="str">
        <f t="shared" si="4"/>
        <v/>
      </c>
      <c r="CB9" s="27" t="str">
        <f t="shared" si="4"/>
        <v/>
      </c>
      <c r="CC9" s="27" t="str">
        <f t="shared" si="4"/>
        <v/>
      </c>
      <c r="CD9" s="27" t="str">
        <f t="shared" si="4"/>
        <v/>
      </c>
      <c r="CE9" s="27" t="str">
        <f t="shared" si="4"/>
        <v/>
      </c>
      <c r="CF9" s="27" t="str">
        <f t="shared" si="4"/>
        <v/>
      </c>
      <c r="CG9" s="33" t="s">
        <v>660</v>
      </c>
      <c r="CH9" s="38"/>
      <c r="CI9" s="36" t="s">
        <v>661</v>
      </c>
    </row>
    <row r="10" spans="1:87" s="28" customFormat="1" ht="56.1" customHeight="1" x14ac:dyDescent="0.2">
      <c r="A10" s="22">
        <v>61</v>
      </c>
      <c r="B10" s="23" t="s">
        <v>53</v>
      </c>
      <c r="C10" s="35" t="s">
        <v>655</v>
      </c>
      <c r="D10" s="25" t="s">
        <v>656</v>
      </c>
      <c r="E10" s="32" t="s">
        <v>674</v>
      </c>
      <c r="F10" s="32"/>
      <c r="G10" s="32" t="s">
        <v>86</v>
      </c>
      <c r="H10" s="32"/>
      <c r="I10" s="32"/>
      <c r="J10" s="29" t="s">
        <v>77</v>
      </c>
      <c r="K10" s="31"/>
      <c r="L10" s="26" t="s">
        <v>63</v>
      </c>
      <c r="M10" s="26" t="s">
        <v>63</v>
      </c>
      <c r="N10" s="39">
        <v>56427</v>
      </c>
      <c r="O10" s="33"/>
      <c r="P10" s="33"/>
      <c r="Q10" s="43">
        <f t="shared" si="0"/>
        <v>56427</v>
      </c>
      <c r="R10" s="33"/>
      <c r="S10" s="33"/>
      <c r="T10" s="33"/>
      <c r="U10" s="33"/>
      <c r="V10" s="33"/>
      <c r="W10" s="33"/>
      <c r="X10" s="38"/>
      <c r="Y10" s="38"/>
      <c r="Z10" s="38"/>
      <c r="AA10" s="38"/>
      <c r="AB10" s="38"/>
      <c r="AC10" s="38"/>
      <c r="AD10" s="38"/>
      <c r="AE10" s="38"/>
      <c r="AF10" s="38"/>
      <c r="AG10" s="38"/>
      <c r="AH10" s="38"/>
      <c r="AI10" s="38"/>
      <c r="AJ10" s="38"/>
      <c r="AK10" s="38"/>
      <c r="AL10" s="38"/>
      <c r="AM10" s="38"/>
      <c r="AN10" s="38"/>
      <c r="AO10" s="38"/>
      <c r="AP10" s="38"/>
      <c r="AQ10" s="38"/>
      <c r="AR10" s="38"/>
      <c r="AS10" s="38"/>
      <c r="AT10" s="38"/>
      <c r="AU10" s="38"/>
      <c r="AV10" s="38"/>
      <c r="AW10" s="38"/>
      <c r="AX10" s="38"/>
      <c r="AY10" s="38"/>
      <c r="AZ10" s="58">
        <f t="shared" si="1"/>
        <v>0</v>
      </c>
      <c r="BA10" s="26" t="e">
        <f t="shared" si="2"/>
        <v>#DIV/0!</v>
      </c>
      <c r="BB10" s="27" t="str">
        <f t="shared" si="3"/>
        <v/>
      </c>
      <c r="BC10" s="27" t="str">
        <f t="shared" si="3"/>
        <v/>
      </c>
      <c r="BD10" s="27" t="str">
        <f t="shared" si="3"/>
        <v/>
      </c>
      <c r="BE10" s="27" t="str">
        <f t="shared" si="3"/>
        <v/>
      </c>
      <c r="BF10" s="27" t="str">
        <f t="shared" si="3"/>
        <v/>
      </c>
      <c r="BG10" s="27" t="str">
        <f t="shared" si="3"/>
        <v/>
      </c>
      <c r="BH10" s="27" t="str">
        <f t="shared" si="3"/>
        <v/>
      </c>
      <c r="BI10" s="27" t="str">
        <f t="shared" si="3"/>
        <v/>
      </c>
      <c r="BJ10" s="27" t="str">
        <f t="shared" si="3"/>
        <v/>
      </c>
      <c r="BK10" s="27" t="str">
        <f t="shared" si="3"/>
        <v/>
      </c>
      <c r="BL10" s="27" t="str">
        <f t="shared" si="3"/>
        <v/>
      </c>
      <c r="BM10" s="27" t="str">
        <f t="shared" si="3"/>
        <v/>
      </c>
      <c r="BN10" s="27" t="str">
        <f t="shared" si="3"/>
        <v/>
      </c>
      <c r="BO10" s="27" t="str">
        <f t="shared" si="3"/>
        <v/>
      </c>
      <c r="BP10" s="27" t="str">
        <f t="shared" si="3"/>
        <v/>
      </c>
      <c r="BQ10" s="27" t="str">
        <f t="shared" si="3"/>
        <v/>
      </c>
      <c r="BR10" s="27" t="str">
        <f t="shared" si="4"/>
        <v/>
      </c>
      <c r="BS10" s="27" t="str">
        <f t="shared" si="4"/>
        <v/>
      </c>
      <c r="BT10" s="27" t="str">
        <f t="shared" si="4"/>
        <v/>
      </c>
      <c r="BU10" s="27" t="str">
        <f t="shared" si="4"/>
        <v/>
      </c>
      <c r="BV10" s="27" t="str">
        <f t="shared" si="4"/>
        <v/>
      </c>
      <c r="BW10" s="27" t="str">
        <f t="shared" si="4"/>
        <v/>
      </c>
      <c r="BX10" s="27" t="str">
        <f t="shared" si="4"/>
        <v/>
      </c>
      <c r="BY10" s="27" t="str">
        <f t="shared" si="4"/>
        <v/>
      </c>
      <c r="BZ10" s="27" t="str">
        <f t="shared" si="4"/>
        <v/>
      </c>
      <c r="CA10" s="27" t="str">
        <f t="shared" si="4"/>
        <v/>
      </c>
      <c r="CB10" s="27" t="str">
        <f t="shared" si="4"/>
        <v/>
      </c>
      <c r="CC10" s="27" t="str">
        <f t="shared" si="4"/>
        <v/>
      </c>
      <c r="CD10" s="27" t="str">
        <f t="shared" si="4"/>
        <v/>
      </c>
      <c r="CE10" s="27" t="str">
        <f t="shared" si="4"/>
        <v/>
      </c>
      <c r="CF10" s="27" t="str">
        <f t="shared" si="4"/>
        <v/>
      </c>
      <c r="CG10" s="33" t="s">
        <v>660</v>
      </c>
      <c r="CH10" s="38"/>
      <c r="CI10" s="36" t="s">
        <v>661</v>
      </c>
    </row>
    <row r="11" spans="1:87" s="28" customFormat="1" ht="56.1" customHeight="1" x14ac:dyDescent="0.2">
      <c r="A11" s="22">
        <v>62</v>
      </c>
      <c r="B11" s="23" t="s">
        <v>53</v>
      </c>
      <c r="C11" s="35" t="s">
        <v>655</v>
      </c>
      <c r="D11" s="25" t="s">
        <v>656</v>
      </c>
      <c r="E11" s="32" t="s">
        <v>676</v>
      </c>
      <c r="F11" s="32"/>
      <c r="G11" s="32" t="s">
        <v>86</v>
      </c>
      <c r="H11" s="32"/>
      <c r="I11" s="32"/>
      <c r="J11" s="29" t="s">
        <v>77</v>
      </c>
      <c r="K11" s="31"/>
      <c r="L11" s="26" t="s">
        <v>63</v>
      </c>
      <c r="M11" s="26" t="s">
        <v>63</v>
      </c>
      <c r="N11" s="39">
        <v>75236</v>
      </c>
      <c r="O11" s="33"/>
      <c r="P11" s="33"/>
      <c r="Q11" s="43">
        <f t="shared" si="0"/>
        <v>75236</v>
      </c>
      <c r="R11" s="33"/>
      <c r="S11" s="33"/>
      <c r="T11" s="33"/>
      <c r="U11" s="33"/>
      <c r="V11" s="33"/>
      <c r="W11" s="33"/>
      <c r="X11" s="33"/>
      <c r="Y11" s="33"/>
      <c r="Z11" s="38"/>
      <c r="AA11" s="38"/>
      <c r="AB11" s="38"/>
      <c r="AC11" s="38"/>
      <c r="AD11" s="38"/>
      <c r="AE11" s="38"/>
      <c r="AF11" s="38"/>
      <c r="AG11" s="38"/>
      <c r="AH11" s="38"/>
      <c r="AI11" s="38"/>
      <c r="AJ11" s="38"/>
      <c r="AK11" s="38"/>
      <c r="AL11" s="38"/>
      <c r="AM11" s="38"/>
      <c r="AN11" s="38"/>
      <c r="AO11" s="38"/>
      <c r="AP11" s="38"/>
      <c r="AQ11" s="38"/>
      <c r="AR11" s="38"/>
      <c r="AS11" s="38"/>
      <c r="AT11" s="38"/>
      <c r="AU11" s="38"/>
      <c r="AV11" s="38"/>
      <c r="AW11" s="38"/>
      <c r="AX11" s="38"/>
      <c r="AY11" s="38"/>
      <c r="AZ11" s="58">
        <f t="shared" si="1"/>
        <v>0</v>
      </c>
      <c r="BA11" s="26" t="e">
        <f t="shared" si="2"/>
        <v>#DIV/0!</v>
      </c>
      <c r="BB11" s="27" t="str">
        <f t="shared" si="3"/>
        <v/>
      </c>
      <c r="BC11" s="27" t="str">
        <f t="shared" si="3"/>
        <v/>
      </c>
      <c r="BD11" s="27" t="str">
        <f t="shared" si="3"/>
        <v/>
      </c>
      <c r="BE11" s="27" t="str">
        <f t="shared" si="3"/>
        <v/>
      </c>
      <c r="BF11" s="27" t="str">
        <f t="shared" si="3"/>
        <v/>
      </c>
      <c r="BG11" s="27" t="str">
        <f t="shared" si="3"/>
        <v/>
      </c>
      <c r="BH11" s="27" t="str">
        <f t="shared" si="3"/>
        <v/>
      </c>
      <c r="BI11" s="27" t="str">
        <f t="shared" si="3"/>
        <v/>
      </c>
      <c r="BJ11" s="27" t="str">
        <f t="shared" si="3"/>
        <v/>
      </c>
      <c r="BK11" s="27" t="str">
        <f t="shared" si="3"/>
        <v/>
      </c>
      <c r="BL11" s="27" t="str">
        <f t="shared" si="3"/>
        <v/>
      </c>
      <c r="BM11" s="27" t="str">
        <f t="shared" si="3"/>
        <v/>
      </c>
      <c r="BN11" s="27" t="str">
        <f t="shared" si="3"/>
        <v/>
      </c>
      <c r="BO11" s="27" t="str">
        <f t="shared" si="3"/>
        <v/>
      </c>
      <c r="BP11" s="27" t="str">
        <f t="shared" si="3"/>
        <v/>
      </c>
      <c r="BQ11" s="27" t="str">
        <f t="shared" si="3"/>
        <v/>
      </c>
      <c r="BR11" s="27" t="str">
        <f t="shared" si="4"/>
        <v/>
      </c>
      <c r="BS11" s="27" t="str">
        <f t="shared" si="4"/>
        <v/>
      </c>
      <c r="BT11" s="27" t="str">
        <f t="shared" si="4"/>
        <v/>
      </c>
      <c r="BU11" s="27" t="str">
        <f t="shared" si="4"/>
        <v/>
      </c>
      <c r="BV11" s="27" t="str">
        <f t="shared" si="4"/>
        <v/>
      </c>
      <c r="BW11" s="27" t="str">
        <f t="shared" si="4"/>
        <v/>
      </c>
      <c r="BX11" s="27" t="str">
        <f t="shared" si="4"/>
        <v/>
      </c>
      <c r="BY11" s="27" t="str">
        <f t="shared" si="4"/>
        <v/>
      </c>
      <c r="BZ11" s="27" t="str">
        <f t="shared" si="4"/>
        <v/>
      </c>
      <c r="CA11" s="27" t="str">
        <f t="shared" si="4"/>
        <v/>
      </c>
      <c r="CB11" s="27" t="str">
        <f t="shared" si="4"/>
        <v/>
      </c>
      <c r="CC11" s="27" t="str">
        <f t="shared" si="4"/>
        <v/>
      </c>
      <c r="CD11" s="27" t="str">
        <f t="shared" si="4"/>
        <v/>
      </c>
      <c r="CE11" s="27" t="str">
        <f t="shared" si="4"/>
        <v/>
      </c>
      <c r="CF11" s="27" t="str">
        <f t="shared" si="4"/>
        <v/>
      </c>
      <c r="CG11" s="33" t="s">
        <v>660</v>
      </c>
      <c r="CH11" s="33"/>
      <c r="CI11" s="36" t="s">
        <v>661</v>
      </c>
    </row>
    <row r="12" spans="1:87" s="28" customFormat="1" ht="56.1" customHeight="1" x14ac:dyDescent="0.2">
      <c r="A12" s="22">
        <v>63</v>
      </c>
      <c r="B12" s="23" t="s">
        <v>53</v>
      </c>
      <c r="C12" s="35" t="s">
        <v>655</v>
      </c>
      <c r="D12" s="25" t="s">
        <v>656</v>
      </c>
      <c r="E12" s="32" t="s">
        <v>678</v>
      </c>
      <c r="F12" s="32"/>
      <c r="G12" s="32" t="s">
        <v>86</v>
      </c>
      <c r="H12" s="32"/>
      <c r="I12" s="32"/>
      <c r="J12" s="29" t="s">
        <v>77</v>
      </c>
      <c r="K12" s="31"/>
      <c r="L12" s="26" t="s">
        <v>63</v>
      </c>
      <c r="M12" s="26" t="s">
        <v>63</v>
      </c>
      <c r="N12" s="37">
        <v>43888</v>
      </c>
      <c r="O12" s="33"/>
      <c r="P12" s="33"/>
      <c r="Q12" s="43">
        <f t="shared" si="0"/>
        <v>43888</v>
      </c>
      <c r="R12" s="33"/>
      <c r="S12" s="33"/>
      <c r="T12" s="33"/>
      <c r="U12" s="33"/>
      <c r="V12" s="33"/>
      <c r="W12" s="33"/>
      <c r="X12" s="38"/>
      <c r="Y12" s="38"/>
      <c r="Z12" s="33"/>
      <c r="AA12" s="38"/>
      <c r="AB12" s="38"/>
      <c r="AC12" s="38"/>
      <c r="AD12" s="38"/>
      <c r="AE12" s="38"/>
      <c r="AF12" s="38"/>
      <c r="AG12" s="38"/>
      <c r="AH12" s="38"/>
      <c r="AI12" s="38"/>
      <c r="AJ12" s="38"/>
      <c r="AK12" s="38"/>
      <c r="AL12" s="38"/>
      <c r="AM12" s="38"/>
      <c r="AN12" s="38"/>
      <c r="AO12" s="38"/>
      <c r="AP12" s="38"/>
      <c r="AQ12" s="38"/>
      <c r="AR12" s="38"/>
      <c r="AS12" s="38"/>
      <c r="AT12" s="38"/>
      <c r="AU12" s="38"/>
      <c r="AV12" s="38"/>
      <c r="AW12" s="38"/>
      <c r="AX12" s="38"/>
      <c r="AY12" s="38"/>
      <c r="AZ12" s="58">
        <f t="shared" si="1"/>
        <v>0</v>
      </c>
      <c r="BA12" s="26" t="e">
        <f t="shared" si="2"/>
        <v>#DIV/0!</v>
      </c>
      <c r="BB12" s="27" t="str">
        <f t="shared" si="3"/>
        <v/>
      </c>
      <c r="BC12" s="27" t="str">
        <f t="shared" si="3"/>
        <v/>
      </c>
      <c r="BD12" s="27" t="str">
        <f t="shared" si="3"/>
        <v/>
      </c>
      <c r="BE12" s="27" t="str">
        <f t="shared" si="3"/>
        <v/>
      </c>
      <c r="BF12" s="27" t="str">
        <f t="shared" si="3"/>
        <v/>
      </c>
      <c r="BG12" s="27" t="str">
        <f t="shared" si="3"/>
        <v/>
      </c>
      <c r="BH12" s="27" t="str">
        <f t="shared" si="3"/>
        <v/>
      </c>
      <c r="BI12" s="27" t="str">
        <f t="shared" si="3"/>
        <v/>
      </c>
      <c r="BJ12" s="27" t="str">
        <f t="shared" si="3"/>
        <v/>
      </c>
      <c r="BK12" s="27" t="str">
        <f t="shared" si="3"/>
        <v/>
      </c>
      <c r="BL12" s="27" t="str">
        <f t="shared" si="3"/>
        <v/>
      </c>
      <c r="BM12" s="27" t="str">
        <f t="shared" si="3"/>
        <v/>
      </c>
      <c r="BN12" s="27" t="str">
        <f t="shared" si="3"/>
        <v/>
      </c>
      <c r="BO12" s="27" t="str">
        <f t="shared" si="3"/>
        <v/>
      </c>
      <c r="BP12" s="27" t="str">
        <f t="shared" si="3"/>
        <v/>
      </c>
      <c r="BQ12" s="27" t="str">
        <f t="shared" si="3"/>
        <v/>
      </c>
      <c r="BR12" s="27" t="str">
        <f t="shared" si="4"/>
        <v/>
      </c>
      <c r="BS12" s="27" t="str">
        <f t="shared" si="4"/>
        <v/>
      </c>
      <c r="BT12" s="27" t="str">
        <f t="shared" si="4"/>
        <v/>
      </c>
      <c r="BU12" s="27" t="str">
        <f t="shared" si="4"/>
        <v/>
      </c>
      <c r="BV12" s="27" t="str">
        <f t="shared" si="4"/>
        <v/>
      </c>
      <c r="BW12" s="27" t="str">
        <f t="shared" si="4"/>
        <v/>
      </c>
      <c r="BX12" s="27" t="str">
        <f t="shared" si="4"/>
        <v/>
      </c>
      <c r="BY12" s="27" t="str">
        <f t="shared" si="4"/>
        <v/>
      </c>
      <c r="BZ12" s="27" t="str">
        <f t="shared" si="4"/>
        <v/>
      </c>
      <c r="CA12" s="27" t="str">
        <f t="shared" si="4"/>
        <v/>
      </c>
      <c r="CB12" s="27" t="str">
        <f t="shared" si="4"/>
        <v/>
      </c>
      <c r="CC12" s="27" t="str">
        <f t="shared" si="4"/>
        <v/>
      </c>
      <c r="CD12" s="27" t="str">
        <f t="shared" si="4"/>
        <v/>
      </c>
      <c r="CE12" s="27" t="str">
        <f t="shared" si="4"/>
        <v/>
      </c>
      <c r="CF12" s="27" t="str">
        <f t="shared" si="4"/>
        <v/>
      </c>
      <c r="CG12" s="33" t="s">
        <v>660</v>
      </c>
      <c r="CH12" s="38"/>
      <c r="CI12" s="36" t="s">
        <v>661</v>
      </c>
    </row>
    <row r="13" spans="1:87" s="28" customFormat="1" ht="56.1" customHeight="1" x14ac:dyDescent="0.2">
      <c r="A13" s="22">
        <v>64</v>
      </c>
      <c r="B13" s="23" t="s">
        <v>53</v>
      </c>
      <c r="C13" s="35" t="s">
        <v>655</v>
      </c>
      <c r="D13" s="25" t="s">
        <v>656</v>
      </c>
      <c r="E13" s="32" t="s">
        <v>680</v>
      </c>
      <c r="F13" s="32"/>
      <c r="G13" s="32" t="s">
        <v>86</v>
      </c>
      <c r="H13" s="32"/>
      <c r="I13" s="32"/>
      <c r="J13" s="29" t="s">
        <v>77</v>
      </c>
      <c r="K13" s="31"/>
      <c r="L13" s="26" t="s">
        <v>63</v>
      </c>
      <c r="M13" s="26" t="s">
        <v>63</v>
      </c>
      <c r="N13" s="39">
        <v>131663</v>
      </c>
      <c r="O13" s="33"/>
      <c r="P13" s="33"/>
      <c r="Q13" s="43">
        <f t="shared" si="0"/>
        <v>131663</v>
      </c>
      <c r="R13" s="33"/>
      <c r="S13" s="33"/>
      <c r="T13" s="33"/>
      <c r="U13" s="33"/>
      <c r="V13" s="33"/>
      <c r="W13" s="33"/>
      <c r="X13" s="33"/>
      <c r="Y13" s="33"/>
      <c r="Z13" s="38"/>
      <c r="AA13" s="38"/>
      <c r="AB13" s="38"/>
      <c r="AC13" s="38"/>
      <c r="AD13" s="38"/>
      <c r="AE13" s="38"/>
      <c r="AF13" s="38"/>
      <c r="AG13" s="38"/>
      <c r="AH13" s="38"/>
      <c r="AI13" s="38"/>
      <c r="AJ13" s="38"/>
      <c r="AK13" s="38"/>
      <c r="AL13" s="38"/>
      <c r="AM13" s="38"/>
      <c r="AN13" s="38"/>
      <c r="AO13" s="38"/>
      <c r="AP13" s="38"/>
      <c r="AQ13" s="38"/>
      <c r="AR13" s="38"/>
      <c r="AS13" s="38"/>
      <c r="AT13" s="38"/>
      <c r="AU13" s="38"/>
      <c r="AV13" s="38"/>
      <c r="AW13" s="38"/>
      <c r="AX13" s="38"/>
      <c r="AY13" s="38"/>
      <c r="AZ13" s="58">
        <f t="shared" si="1"/>
        <v>0</v>
      </c>
      <c r="BA13" s="26" t="e">
        <f t="shared" si="2"/>
        <v>#DIV/0!</v>
      </c>
      <c r="BB13" s="27" t="str">
        <f t="shared" si="3"/>
        <v/>
      </c>
      <c r="BC13" s="27" t="str">
        <f t="shared" si="3"/>
        <v/>
      </c>
      <c r="BD13" s="27" t="str">
        <f t="shared" si="3"/>
        <v/>
      </c>
      <c r="BE13" s="27" t="str">
        <f t="shared" si="3"/>
        <v/>
      </c>
      <c r="BF13" s="27" t="str">
        <f t="shared" si="3"/>
        <v/>
      </c>
      <c r="BG13" s="27" t="str">
        <f t="shared" si="3"/>
        <v/>
      </c>
      <c r="BH13" s="27" t="str">
        <f t="shared" si="3"/>
        <v/>
      </c>
      <c r="BI13" s="27" t="str">
        <f t="shared" si="3"/>
        <v/>
      </c>
      <c r="BJ13" s="27" t="str">
        <f t="shared" si="3"/>
        <v/>
      </c>
      <c r="BK13" s="27" t="str">
        <f t="shared" si="3"/>
        <v/>
      </c>
      <c r="BL13" s="27" t="str">
        <f t="shared" si="3"/>
        <v/>
      </c>
      <c r="BM13" s="27" t="str">
        <f t="shared" si="3"/>
        <v/>
      </c>
      <c r="BN13" s="27" t="str">
        <f t="shared" si="3"/>
        <v/>
      </c>
      <c r="BO13" s="27" t="str">
        <f t="shared" si="3"/>
        <v/>
      </c>
      <c r="BP13" s="27" t="str">
        <f t="shared" si="3"/>
        <v/>
      </c>
      <c r="BQ13" s="27" t="str">
        <f t="shared" si="3"/>
        <v/>
      </c>
      <c r="BR13" s="27" t="str">
        <f t="shared" si="4"/>
        <v/>
      </c>
      <c r="BS13" s="27" t="str">
        <f t="shared" si="4"/>
        <v/>
      </c>
      <c r="BT13" s="27" t="str">
        <f t="shared" si="4"/>
        <v/>
      </c>
      <c r="BU13" s="27" t="str">
        <f t="shared" si="4"/>
        <v/>
      </c>
      <c r="BV13" s="27" t="str">
        <f t="shared" si="4"/>
        <v/>
      </c>
      <c r="BW13" s="27" t="str">
        <f t="shared" si="4"/>
        <v/>
      </c>
      <c r="BX13" s="27" t="str">
        <f t="shared" si="4"/>
        <v/>
      </c>
      <c r="BY13" s="27" t="str">
        <f t="shared" si="4"/>
        <v/>
      </c>
      <c r="BZ13" s="27" t="str">
        <f t="shared" si="4"/>
        <v/>
      </c>
      <c r="CA13" s="27" t="str">
        <f t="shared" si="4"/>
        <v/>
      </c>
      <c r="CB13" s="27" t="str">
        <f t="shared" si="4"/>
        <v/>
      </c>
      <c r="CC13" s="27" t="str">
        <f t="shared" si="4"/>
        <v/>
      </c>
      <c r="CD13" s="27" t="str">
        <f t="shared" si="4"/>
        <v/>
      </c>
      <c r="CE13" s="27" t="str">
        <f t="shared" si="4"/>
        <v/>
      </c>
      <c r="CF13" s="27" t="str">
        <f t="shared" si="4"/>
        <v/>
      </c>
      <c r="CG13" s="33" t="s">
        <v>660</v>
      </c>
      <c r="CH13" s="33"/>
      <c r="CI13" s="36" t="s">
        <v>661</v>
      </c>
    </row>
    <row r="14" spans="1:87" s="28" customFormat="1" ht="56.1" customHeight="1" x14ac:dyDescent="0.2">
      <c r="A14" s="22">
        <v>65</v>
      </c>
      <c r="B14" s="23" t="s">
        <v>53</v>
      </c>
      <c r="C14" s="35" t="s">
        <v>655</v>
      </c>
      <c r="D14" s="25" t="s">
        <v>656</v>
      </c>
      <c r="E14" s="32" t="s">
        <v>682</v>
      </c>
      <c r="F14" s="32"/>
      <c r="G14" s="32" t="s">
        <v>86</v>
      </c>
      <c r="H14" s="32"/>
      <c r="I14" s="32"/>
      <c r="J14" s="29" t="s">
        <v>77</v>
      </c>
      <c r="K14" s="31"/>
      <c r="L14" s="26" t="s">
        <v>63</v>
      </c>
      <c r="M14" s="26" t="s">
        <v>63</v>
      </c>
      <c r="N14" s="39" t="s">
        <v>2514</v>
      </c>
      <c r="O14" s="33"/>
      <c r="P14" s="33"/>
      <c r="Q14" s="43" t="str">
        <f t="shared" si="0"/>
        <v>Refer to Transport Plan</v>
      </c>
      <c r="R14" s="33"/>
      <c r="S14" s="33"/>
      <c r="T14" s="33"/>
      <c r="U14" s="33"/>
      <c r="V14" s="33"/>
      <c r="W14" s="33"/>
      <c r="X14" s="38"/>
      <c r="Y14" s="38"/>
      <c r="Z14" s="38"/>
      <c r="AA14" s="38"/>
      <c r="AB14" s="38"/>
      <c r="AC14" s="38"/>
      <c r="AD14" s="38"/>
      <c r="AE14" s="38"/>
      <c r="AF14" s="38"/>
      <c r="AG14" s="38"/>
      <c r="AH14" s="38"/>
      <c r="AI14" s="38"/>
      <c r="AJ14" s="38"/>
      <c r="AK14" s="38"/>
      <c r="AL14" s="38"/>
      <c r="AM14" s="38"/>
      <c r="AN14" s="38"/>
      <c r="AO14" s="38"/>
      <c r="AP14" s="38"/>
      <c r="AQ14" s="38"/>
      <c r="AR14" s="38"/>
      <c r="AS14" s="38"/>
      <c r="AT14" s="38"/>
      <c r="AU14" s="38"/>
      <c r="AV14" s="38"/>
      <c r="AW14" s="38"/>
      <c r="AX14" s="38"/>
      <c r="AY14" s="38"/>
      <c r="AZ14" s="58">
        <f t="shared" si="1"/>
        <v>0</v>
      </c>
      <c r="BA14" s="26" t="e">
        <f t="shared" si="2"/>
        <v>#VALUE!</v>
      </c>
      <c r="BB14" s="27" t="str">
        <f t="shared" si="3"/>
        <v/>
      </c>
      <c r="BC14" s="27" t="str">
        <f t="shared" si="3"/>
        <v/>
      </c>
      <c r="BD14" s="27" t="str">
        <f t="shared" si="3"/>
        <v/>
      </c>
      <c r="BE14" s="27" t="str">
        <f t="shared" si="3"/>
        <v/>
      </c>
      <c r="BF14" s="27" t="str">
        <f t="shared" si="3"/>
        <v/>
      </c>
      <c r="BG14" s="27" t="str">
        <f t="shared" si="3"/>
        <v/>
      </c>
      <c r="BH14" s="27" t="str">
        <f t="shared" si="3"/>
        <v/>
      </c>
      <c r="BI14" s="27" t="str">
        <f t="shared" si="3"/>
        <v/>
      </c>
      <c r="BJ14" s="27" t="str">
        <f t="shared" si="3"/>
        <v/>
      </c>
      <c r="BK14" s="27" t="str">
        <f t="shared" si="3"/>
        <v/>
      </c>
      <c r="BL14" s="27" t="str">
        <f t="shared" si="3"/>
        <v/>
      </c>
      <c r="BM14" s="27" t="str">
        <f t="shared" si="3"/>
        <v/>
      </c>
      <c r="BN14" s="27" t="str">
        <f t="shared" si="3"/>
        <v/>
      </c>
      <c r="BO14" s="27" t="str">
        <f t="shared" si="3"/>
        <v/>
      </c>
      <c r="BP14" s="27" t="str">
        <f t="shared" si="3"/>
        <v/>
      </c>
      <c r="BQ14" s="27" t="str">
        <f t="shared" si="3"/>
        <v/>
      </c>
      <c r="BR14" s="27" t="str">
        <f t="shared" si="4"/>
        <v/>
      </c>
      <c r="BS14" s="27" t="str">
        <f t="shared" si="4"/>
        <v/>
      </c>
      <c r="BT14" s="27" t="str">
        <f t="shared" si="4"/>
        <v/>
      </c>
      <c r="BU14" s="27" t="str">
        <f t="shared" si="4"/>
        <v/>
      </c>
      <c r="BV14" s="27" t="str">
        <f t="shared" si="4"/>
        <v/>
      </c>
      <c r="BW14" s="27" t="str">
        <f t="shared" si="4"/>
        <v/>
      </c>
      <c r="BX14" s="27" t="str">
        <f t="shared" si="4"/>
        <v/>
      </c>
      <c r="BY14" s="27" t="str">
        <f t="shared" si="4"/>
        <v/>
      </c>
      <c r="BZ14" s="27" t="str">
        <f t="shared" si="4"/>
        <v/>
      </c>
      <c r="CA14" s="27" t="str">
        <f t="shared" si="4"/>
        <v/>
      </c>
      <c r="CB14" s="27" t="str">
        <f t="shared" si="4"/>
        <v/>
      </c>
      <c r="CC14" s="27" t="str">
        <f t="shared" si="4"/>
        <v/>
      </c>
      <c r="CD14" s="27" t="str">
        <f t="shared" si="4"/>
        <v/>
      </c>
      <c r="CE14" s="27" t="str">
        <f t="shared" si="4"/>
        <v/>
      </c>
      <c r="CF14" s="27" t="str">
        <f t="shared" si="4"/>
        <v/>
      </c>
      <c r="CG14" s="33" t="s">
        <v>660</v>
      </c>
      <c r="CH14" s="33"/>
      <c r="CI14" s="36" t="s">
        <v>661</v>
      </c>
    </row>
    <row r="15" spans="1:87" s="28" customFormat="1" ht="56.1" customHeight="1" x14ac:dyDescent="0.2">
      <c r="A15" s="22">
        <v>66</v>
      </c>
      <c r="B15" s="23" t="s">
        <v>53</v>
      </c>
      <c r="C15" s="35" t="s">
        <v>655</v>
      </c>
      <c r="D15" s="25" t="s">
        <v>656</v>
      </c>
      <c r="E15" s="32" t="s">
        <v>684</v>
      </c>
      <c r="F15" s="32"/>
      <c r="G15" s="32" t="s">
        <v>86</v>
      </c>
      <c r="H15" s="32"/>
      <c r="I15" s="32"/>
      <c r="J15" s="29" t="s">
        <v>77</v>
      </c>
      <c r="K15" s="31"/>
      <c r="L15" s="26" t="s">
        <v>63</v>
      </c>
      <c r="M15" s="26" t="s">
        <v>63</v>
      </c>
      <c r="N15" s="37">
        <v>401258</v>
      </c>
      <c r="O15" s="33"/>
      <c r="P15" s="33"/>
      <c r="Q15" s="43">
        <f t="shared" si="0"/>
        <v>401258</v>
      </c>
      <c r="R15" s="33"/>
      <c r="S15" s="33"/>
      <c r="T15" s="33"/>
      <c r="U15" s="33"/>
      <c r="V15" s="33"/>
      <c r="W15" s="33"/>
      <c r="X15" s="33"/>
      <c r="Y15" s="33"/>
      <c r="Z15" s="33"/>
      <c r="AA15" s="33"/>
      <c r="AB15" s="33"/>
      <c r="AC15" s="33"/>
      <c r="AD15" s="33"/>
      <c r="AE15" s="33"/>
      <c r="AF15" s="33"/>
      <c r="AG15" s="33"/>
      <c r="AH15" s="33"/>
      <c r="AI15" s="33"/>
      <c r="AJ15" s="33"/>
      <c r="AK15" s="33"/>
      <c r="AL15" s="33"/>
      <c r="AM15" s="33"/>
      <c r="AN15" s="33"/>
      <c r="AO15" s="33"/>
      <c r="AP15" s="33"/>
      <c r="AQ15" s="33"/>
      <c r="AR15" s="33"/>
      <c r="AS15" s="33"/>
      <c r="AT15" s="33"/>
      <c r="AU15" s="33"/>
      <c r="AV15" s="33"/>
      <c r="AW15" s="33"/>
      <c r="AX15" s="33"/>
      <c r="AY15" s="33"/>
      <c r="AZ15" s="58">
        <f t="shared" si="1"/>
        <v>0</v>
      </c>
      <c r="BA15" s="26" t="e">
        <f t="shared" si="2"/>
        <v>#DIV/0!</v>
      </c>
      <c r="BB15" s="27" t="str">
        <f t="shared" si="3"/>
        <v/>
      </c>
      <c r="BC15" s="27" t="str">
        <f t="shared" si="3"/>
        <v/>
      </c>
      <c r="BD15" s="27" t="str">
        <f t="shared" si="3"/>
        <v/>
      </c>
      <c r="BE15" s="27" t="str">
        <f t="shared" si="3"/>
        <v/>
      </c>
      <c r="BF15" s="27" t="str">
        <f t="shared" si="3"/>
        <v/>
      </c>
      <c r="BG15" s="27" t="str">
        <f t="shared" si="3"/>
        <v/>
      </c>
      <c r="BH15" s="27" t="str">
        <f t="shared" si="3"/>
        <v/>
      </c>
      <c r="BI15" s="27" t="str">
        <f t="shared" si="3"/>
        <v/>
      </c>
      <c r="BJ15" s="27" t="str">
        <f t="shared" si="3"/>
        <v/>
      </c>
      <c r="BK15" s="27" t="str">
        <f t="shared" si="3"/>
        <v/>
      </c>
      <c r="BL15" s="27" t="str">
        <f t="shared" si="3"/>
        <v/>
      </c>
      <c r="BM15" s="27" t="str">
        <f t="shared" si="3"/>
        <v/>
      </c>
      <c r="BN15" s="27" t="str">
        <f t="shared" si="3"/>
        <v/>
      </c>
      <c r="BO15" s="27" t="str">
        <f t="shared" si="3"/>
        <v/>
      </c>
      <c r="BP15" s="27" t="str">
        <f t="shared" si="3"/>
        <v/>
      </c>
      <c r="BQ15" s="27" t="str">
        <f t="shared" si="3"/>
        <v/>
      </c>
      <c r="BR15" s="27" t="str">
        <f t="shared" si="4"/>
        <v/>
      </c>
      <c r="BS15" s="27" t="str">
        <f t="shared" si="4"/>
        <v/>
      </c>
      <c r="BT15" s="27" t="str">
        <f t="shared" si="4"/>
        <v/>
      </c>
      <c r="BU15" s="27" t="str">
        <f t="shared" si="4"/>
        <v/>
      </c>
      <c r="BV15" s="27" t="str">
        <f t="shared" si="4"/>
        <v/>
      </c>
      <c r="BW15" s="27" t="str">
        <f t="shared" si="4"/>
        <v/>
      </c>
      <c r="BX15" s="27" t="str">
        <f t="shared" si="4"/>
        <v/>
      </c>
      <c r="BY15" s="27" t="str">
        <f t="shared" si="4"/>
        <v/>
      </c>
      <c r="BZ15" s="27" t="str">
        <f t="shared" si="4"/>
        <v/>
      </c>
      <c r="CA15" s="27" t="str">
        <f t="shared" si="4"/>
        <v/>
      </c>
      <c r="CB15" s="27" t="str">
        <f t="shared" si="4"/>
        <v/>
      </c>
      <c r="CC15" s="27" t="str">
        <f t="shared" si="4"/>
        <v/>
      </c>
      <c r="CD15" s="27" t="str">
        <f t="shared" si="4"/>
        <v/>
      </c>
      <c r="CE15" s="27" t="str">
        <f t="shared" si="4"/>
        <v/>
      </c>
      <c r="CF15" s="27" t="str">
        <f t="shared" si="4"/>
        <v/>
      </c>
      <c r="CG15" s="33" t="s">
        <v>660</v>
      </c>
      <c r="CH15" s="33"/>
      <c r="CI15" s="36" t="s">
        <v>661</v>
      </c>
    </row>
    <row r="16" spans="1:87" s="28" customFormat="1" ht="56.1" customHeight="1" x14ac:dyDescent="0.2">
      <c r="A16" s="22">
        <v>67</v>
      </c>
      <c r="B16" s="23" t="s">
        <v>53</v>
      </c>
      <c r="C16" s="35" t="s">
        <v>655</v>
      </c>
      <c r="D16" s="25" t="s">
        <v>656</v>
      </c>
      <c r="E16" s="32" t="s">
        <v>686</v>
      </c>
      <c r="F16" s="32"/>
      <c r="G16" s="32" t="s">
        <v>86</v>
      </c>
      <c r="H16" s="32"/>
      <c r="I16" s="32"/>
      <c r="J16" s="29" t="s">
        <v>77</v>
      </c>
      <c r="K16" s="31"/>
      <c r="L16" s="26" t="s">
        <v>63</v>
      </c>
      <c r="M16" s="26" t="s">
        <v>63</v>
      </c>
      <c r="N16" s="37">
        <v>75236</v>
      </c>
      <c r="O16" s="33"/>
      <c r="P16" s="33"/>
      <c r="Q16" s="43">
        <f t="shared" si="0"/>
        <v>75236</v>
      </c>
      <c r="R16" s="33"/>
      <c r="S16" s="33"/>
      <c r="T16" s="33"/>
      <c r="U16" s="33"/>
      <c r="V16" s="33"/>
      <c r="W16" s="33"/>
      <c r="X16" s="33"/>
      <c r="Y16" s="33"/>
      <c r="Z16" s="38"/>
      <c r="AA16" s="38"/>
      <c r="AB16" s="38"/>
      <c r="AC16" s="38"/>
      <c r="AD16" s="38"/>
      <c r="AE16" s="38"/>
      <c r="AF16" s="38"/>
      <c r="AG16" s="38"/>
      <c r="AH16" s="38"/>
      <c r="AI16" s="38"/>
      <c r="AJ16" s="38"/>
      <c r="AK16" s="38"/>
      <c r="AL16" s="38"/>
      <c r="AM16" s="38"/>
      <c r="AN16" s="38"/>
      <c r="AO16" s="38"/>
      <c r="AP16" s="38"/>
      <c r="AQ16" s="38"/>
      <c r="AR16" s="38"/>
      <c r="AS16" s="38"/>
      <c r="AT16" s="38"/>
      <c r="AU16" s="38"/>
      <c r="AV16" s="38"/>
      <c r="AW16" s="38"/>
      <c r="AX16" s="38"/>
      <c r="AY16" s="38"/>
      <c r="AZ16" s="58">
        <f t="shared" si="1"/>
        <v>0</v>
      </c>
      <c r="BA16" s="26" t="e">
        <f t="shared" si="2"/>
        <v>#DIV/0!</v>
      </c>
      <c r="BB16" s="27" t="str">
        <f t="shared" si="3"/>
        <v/>
      </c>
      <c r="BC16" s="27" t="str">
        <f t="shared" si="3"/>
        <v/>
      </c>
      <c r="BD16" s="27" t="str">
        <f t="shared" si="3"/>
        <v/>
      </c>
      <c r="BE16" s="27" t="str">
        <f t="shared" si="3"/>
        <v/>
      </c>
      <c r="BF16" s="27" t="str">
        <f t="shared" si="3"/>
        <v/>
      </c>
      <c r="BG16" s="27" t="str">
        <f t="shared" si="3"/>
        <v/>
      </c>
      <c r="BH16" s="27" t="str">
        <f t="shared" si="3"/>
        <v/>
      </c>
      <c r="BI16" s="27" t="str">
        <f t="shared" si="3"/>
        <v/>
      </c>
      <c r="BJ16" s="27" t="str">
        <f t="shared" si="3"/>
        <v/>
      </c>
      <c r="BK16" s="27" t="str">
        <f t="shared" si="3"/>
        <v/>
      </c>
      <c r="BL16" s="27" t="str">
        <f t="shared" si="3"/>
        <v/>
      </c>
      <c r="BM16" s="27" t="str">
        <f t="shared" si="3"/>
        <v/>
      </c>
      <c r="BN16" s="27" t="str">
        <f t="shared" si="3"/>
        <v/>
      </c>
      <c r="BO16" s="27" t="str">
        <f t="shared" si="3"/>
        <v/>
      </c>
      <c r="BP16" s="27" t="str">
        <f t="shared" si="3"/>
        <v/>
      </c>
      <c r="BQ16" s="27" t="str">
        <f t="shared" si="3"/>
        <v/>
      </c>
      <c r="BR16" s="27" t="str">
        <f t="shared" si="4"/>
        <v/>
      </c>
      <c r="BS16" s="27" t="str">
        <f t="shared" si="4"/>
        <v/>
      </c>
      <c r="BT16" s="27" t="str">
        <f t="shared" si="4"/>
        <v/>
      </c>
      <c r="BU16" s="27" t="str">
        <f t="shared" si="4"/>
        <v/>
      </c>
      <c r="BV16" s="27" t="str">
        <f t="shared" si="4"/>
        <v/>
      </c>
      <c r="BW16" s="27" t="str">
        <f t="shared" si="4"/>
        <v/>
      </c>
      <c r="BX16" s="27" t="str">
        <f t="shared" si="4"/>
        <v/>
      </c>
      <c r="BY16" s="27" t="str">
        <f t="shared" si="4"/>
        <v/>
      </c>
      <c r="BZ16" s="27" t="str">
        <f t="shared" si="4"/>
        <v/>
      </c>
      <c r="CA16" s="27" t="str">
        <f t="shared" si="4"/>
        <v/>
      </c>
      <c r="CB16" s="27" t="str">
        <f t="shared" si="4"/>
        <v/>
      </c>
      <c r="CC16" s="27" t="str">
        <f t="shared" si="4"/>
        <v/>
      </c>
      <c r="CD16" s="27" t="str">
        <f t="shared" si="4"/>
        <v/>
      </c>
      <c r="CE16" s="27" t="str">
        <f t="shared" si="4"/>
        <v/>
      </c>
      <c r="CF16" s="27" t="str">
        <f t="shared" si="4"/>
        <v/>
      </c>
      <c r="CG16" s="33" t="s">
        <v>660</v>
      </c>
      <c r="CH16" s="33"/>
      <c r="CI16" s="36" t="s">
        <v>661</v>
      </c>
    </row>
    <row r="17" spans="1:87" s="28" customFormat="1" ht="56.1" customHeight="1" x14ac:dyDescent="0.2">
      <c r="A17" s="22">
        <v>68</v>
      </c>
      <c r="B17" s="23" t="s">
        <v>53</v>
      </c>
      <c r="C17" s="35" t="s">
        <v>655</v>
      </c>
      <c r="D17" s="25" t="s">
        <v>656</v>
      </c>
      <c r="E17" s="32" t="s">
        <v>688</v>
      </c>
      <c r="F17" s="32"/>
      <c r="G17" s="32" t="s">
        <v>86</v>
      </c>
      <c r="H17" s="32"/>
      <c r="I17" s="32"/>
      <c r="J17" s="29" t="s">
        <v>77</v>
      </c>
      <c r="K17" s="31"/>
      <c r="L17" s="26" t="s">
        <v>63</v>
      </c>
      <c r="M17" s="26" t="s">
        <v>63</v>
      </c>
      <c r="N17" s="37">
        <v>25079</v>
      </c>
      <c r="O17" s="33"/>
      <c r="P17" s="33"/>
      <c r="Q17" s="43">
        <f t="shared" si="0"/>
        <v>25079</v>
      </c>
      <c r="R17" s="33"/>
      <c r="S17" s="33"/>
      <c r="T17" s="33"/>
      <c r="U17" s="33"/>
      <c r="V17" s="33"/>
      <c r="W17" s="33"/>
      <c r="X17" s="38"/>
      <c r="Y17" s="38"/>
      <c r="Z17" s="38"/>
      <c r="AA17" s="33"/>
      <c r="AB17" s="38"/>
      <c r="AC17" s="38"/>
      <c r="AD17" s="38"/>
      <c r="AE17" s="38"/>
      <c r="AF17" s="38"/>
      <c r="AG17" s="38"/>
      <c r="AH17" s="38"/>
      <c r="AI17" s="38"/>
      <c r="AJ17" s="38"/>
      <c r="AK17" s="38"/>
      <c r="AL17" s="38"/>
      <c r="AM17" s="38"/>
      <c r="AN17" s="38"/>
      <c r="AO17" s="38"/>
      <c r="AP17" s="33"/>
      <c r="AQ17" s="38"/>
      <c r="AR17" s="38"/>
      <c r="AS17" s="38"/>
      <c r="AT17" s="38"/>
      <c r="AU17" s="38"/>
      <c r="AV17" s="38"/>
      <c r="AW17" s="38"/>
      <c r="AX17" s="38"/>
      <c r="AY17" s="38"/>
      <c r="AZ17" s="58">
        <f t="shared" si="1"/>
        <v>0</v>
      </c>
      <c r="BA17" s="26" t="e">
        <f t="shared" si="2"/>
        <v>#DIV/0!</v>
      </c>
      <c r="BB17" s="27" t="str">
        <f t="shared" si="3"/>
        <v/>
      </c>
      <c r="BC17" s="27" t="str">
        <f t="shared" si="3"/>
        <v/>
      </c>
      <c r="BD17" s="27" t="str">
        <f t="shared" si="3"/>
        <v/>
      </c>
      <c r="BE17" s="27" t="str">
        <f t="shared" si="3"/>
        <v/>
      </c>
      <c r="BF17" s="27" t="str">
        <f t="shared" si="3"/>
        <v/>
      </c>
      <c r="BG17" s="27" t="str">
        <f t="shared" si="3"/>
        <v/>
      </c>
      <c r="BH17" s="27" t="str">
        <f t="shared" si="3"/>
        <v/>
      </c>
      <c r="BI17" s="27" t="str">
        <f t="shared" si="3"/>
        <v/>
      </c>
      <c r="BJ17" s="27" t="str">
        <f t="shared" si="3"/>
        <v/>
      </c>
      <c r="BK17" s="27" t="str">
        <f t="shared" si="3"/>
        <v/>
      </c>
      <c r="BL17" s="27" t="str">
        <f t="shared" si="3"/>
        <v/>
      </c>
      <c r="BM17" s="27" t="str">
        <f t="shared" si="3"/>
        <v/>
      </c>
      <c r="BN17" s="27" t="str">
        <f t="shared" si="3"/>
        <v/>
      </c>
      <c r="BO17" s="27" t="str">
        <f t="shared" si="3"/>
        <v/>
      </c>
      <c r="BP17" s="27" t="str">
        <f t="shared" si="3"/>
        <v/>
      </c>
      <c r="BQ17" s="27" t="str">
        <f t="shared" si="3"/>
        <v/>
      </c>
      <c r="BR17" s="27" t="str">
        <f t="shared" si="4"/>
        <v/>
      </c>
      <c r="BS17" s="27" t="str">
        <f t="shared" si="4"/>
        <v/>
      </c>
      <c r="BT17" s="27" t="str">
        <f t="shared" si="4"/>
        <v/>
      </c>
      <c r="BU17" s="27" t="str">
        <f t="shared" si="4"/>
        <v/>
      </c>
      <c r="BV17" s="27" t="str">
        <f t="shared" si="4"/>
        <v/>
      </c>
      <c r="BW17" s="27" t="str">
        <f t="shared" si="4"/>
        <v/>
      </c>
      <c r="BX17" s="27" t="str">
        <f t="shared" si="4"/>
        <v/>
      </c>
      <c r="BY17" s="27" t="str">
        <f t="shared" si="4"/>
        <v/>
      </c>
      <c r="BZ17" s="27" t="str">
        <f t="shared" si="4"/>
        <v/>
      </c>
      <c r="CA17" s="27" t="str">
        <f t="shared" si="4"/>
        <v/>
      </c>
      <c r="CB17" s="27" t="str">
        <f t="shared" si="4"/>
        <v/>
      </c>
      <c r="CC17" s="27" t="str">
        <f t="shared" si="4"/>
        <v/>
      </c>
      <c r="CD17" s="27" t="str">
        <f t="shared" si="4"/>
        <v/>
      </c>
      <c r="CE17" s="27" t="str">
        <f t="shared" si="4"/>
        <v/>
      </c>
      <c r="CF17" s="27" t="str">
        <f t="shared" si="4"/>
        <v/>
      </c>
      <c r="CG17" s="33" t="s">
        <v>660</v>
      </c>
      <c r="CH17" s="38"/>
      <c r="CI17" s="36" t="s">
        <v>661</v>
      </c>
    </row>
    <row r="18" spans="1:87" s="28" customFormat="1" ht="56.1" customHeight="1" x14ac:dyDescent="0.2">
      <c r="A18" s="22">
        <v>69</v>
      </c>
      <c r="B18" s="23" t="s">
        <v>53</v>
      </c>
      <c r="C18" s="35" t="s">
        <v>655</v>
      </c>
      <c r="D18" s="25" t="s">
        <v>656</v>
      </c>
      <c r="E18" s="32" t="s">
        <v>690</v>
      </c>
      <c r="F18" s="32"/>
      <c r="G18" s="32" t="s">
        <v>86</v>
      </c>
      <c r="H18" s="32"/>
      <c r="I18" s="32"/>
      <c r="J18" s="29" t="s">
        <v>77</v>
      </c>
      <c r="K18" s="31"/>
      <c r="L18" s="26" t="s">
        <v>63</v>
      </c>
      <c r="M18" s="26" t="s">
        <v>63</v>
      </c>
      <c r="N18" s="37">
        <v>125393</v>
      </c>
      <c r="O18" s="33"/>
      <c r="P18" s="33"/>
      <c r="Q18" s="43">
        <f t="shared" si="0"/>
        <v>125393</v>
      </c>
      <c r="R18" s="33"/>
      <c r="S18" s="33"/>
      <c r="T18" s="33"/>
      <c r="U18" s="33"/>
      <c r="V18" s="33"/>
      <c r="W18" s="33"/>
      <c r="X18" s="33"/>
      <c r="Y18" s="33"/>
      <c r="Z18" s="38"/>
      <c r="AA18" s="38"/>
      <c r="AB18" s="38"/>
      <c r="AC18" s="38"/>
      <c r="AD18" s="38"/>
      <c r="AE18" s="38"/>
      <c r="AF18" s="38"/>
      <c r="AG18" s="38"/>
      <c r="AH18" s="38"/>
      <c r="AI18" s="38"/>
      <c r="AJ18" s="38"/>
      <c r="AK18" s="38"/>
      <c r="AL18" s="38"/>
      <c r="AM18" s="38"/>
      <c r="AN18" s="38"/>
      <c r="AO18" s="38"/>
      <c r="AP18" s="38"/>
      <c r="AQ18" s="38"/>
      <c r="AR18" s="38"/>
      <c r="AS18" s="38"/>
      <c r="AT18" s="38"/>
      <c r="AU18" s="38"/>
      <c r="AV18" s="38"/>
      <c r="AW18" s="38"/>
      <c r="AX18" s="38"/>
      <c r="AY18" s="38"/>
      <c r="AZ18" s="58">
        <f t="shared" si="1"/>
        <v>0</v>
      </c>
      <c r="BA18" s="26" t="e">
        <f t="shared" si="2"/>
        <v>#DIV/0!</v>
      </c>
      <c r="BB18" s="27" t="str">
        <f t="shared" si="3"/>
        <v/>
      </c>
      <c r="BC18" s="27" t="str">
        <f t="shared" si="3"/>
        <v/>
      </c>
      <c r="BD18" s="27" t="str">
        <f t="shared" si="3"/>
        <v/>
      </c>
      <c r="BE18" s="27" t="str">
        <f t="shared" si="3"/>
        <v/>
      </c>
      <c r="BF18" s="27" t="str">
        <f t="shared" si="3"/>
        <v/>
      </c>
      <c r="BG18" s="27" t="str">
        <f t="shared" si="3"/>
        <v/>
      </c>
      <c r="BH18" s="27" t="str">
        <f t="shared" si="3"/>
        <v/>
      </c>
      <c r="BI18" s="27" t="str">
        <f t="shared" si="3"/>
        <v/>
      </c>
      <c r="BJ18" s="27" t="str">
        <f t="shared" si="3"/>
        <v/>
      </c>
      <c r="BK18" s="27" t="str">
        <f t="shared" si="3"/>
        <v/>
      </c>
      <c r="BL18" s="27" t="str">
        <f t="shared" si="3"/>
        <v/>
      </c>
      <c r="BM18" s="27" t="str">
        <f t="shared" si="3"/>
        <v/>
      </c>
      <c r="BN18" s="27" t="str">
        <f t="shared" si="3"/>
        <v/>
      </c>
      <c r="BO18" s="27" t="str">
        <f t="shared" si="3"/>
        <v/>
      </c>
      <c r="BP18" s="27" t="str">
        <f t="shared" si="3"/>
        <v/>
      </c>
      <c r="BQ18" s="27" t="str">
        <f t="shared" ref="BQ18:CF35" si="5">IF(AJ18="yes",(AJ$2*$BA18),"")</f>
        <v/>
      </c>
      <c r="BR18" s="27" t="str">
        <f t="shared" si="4"/>
        <v/>
      </c>
      <c r="BS18" s="27" t="str">
        <f t="shared" si="4"/>
        <v/>
      </c>
      <c r="BT18" s="27" t="str">
        <f t="shared" si="4"/>
        <v/>
      </c>
      <c r="BU18" s="27" t="str">
        <f t="shared" si="4"/>
        <v/>
      </c>
      <c r="BV18" s="27" t="str">
        <f t="shared" si="4"/>
        <v/>
      </c>
      <c r="BW18" s="27" t="str">
        <f t="shared" si="4"/>
        <v/>
      </c>
      <c r="BX18" s="27" t="str">
        <f t="shared" si="4"/>
        <v/>
      </c>
      <c r="BY18" s="27" t="str">
        <f t="shared" si="4"/>
        <v/>
      </c>
      <c r="BZ18" s="27" t="str">
        <f t="shared" si="4"/>
        <v/>
      </c>
      <c r="CA18" s="27" t="str">
        <f t="shared" si="4"/>
        <v/>
      </c>
      <c r="CB18" s="27" t="str">
        <f t="shared" si="4"/>
        <v/>
      </c>
      <c r="CC18" s="27" t="str">
        <f t="shared" si="4"/>
        <v/>
      </c>
      <c r="CD18" s="27" t="str">
        <f t="shared" si="4"/>
        <v/>
      </c>
      <c r="CE18" s="27" t="str">
        <f t="shared" si="4"/>
        <v/>
      </c>
      <c r="CF18" s="27" t="str">
        <f t="shared" si="4"/>
        <v/>
      </c>
      <c r="CG18" s="33" t="s">
        <v>660</v>
      </c>
      <c r="CH18" s="33"/>
      <c r="CI18" s="36" t="s">
        <v>661</v>
      </c>
    </row>
    <row r="19" spans="1:87" s="28" customFormat="1" ht="56.1" customHeight="1" x14ac:dyDescent="0.2">
      <c r="A19" s="22">
        <v>70</v>
      </c>
      <c r="B19" s="23" t="s">
        <v>53</v>
      </c>
      <c r="C19" s="35" t="s">
        <v>655</v>
      </c>
      <c r="D19" s="25" t="s">
        <v>656</v>
      </c>
      <c r="E19" s="32" t="s">
        <v>692</v>
      </c>
      <c r="F19" s="32"/>
      <c r="G19" s="32" t="s">
        <v>86</v>
      </c>
      <c r="H19" s="32"/>
      <c r="I19" s="32"/>
      <c r="J19" s="29" t="s">
        <v>77</v>
      </c>
      <c r="K19" s="31"/>
      <c r="L19" s="26" t="s">
        <v>63</v>
      </c>
      <c r="M19" s="26" t="s">
        <v>63</v>
      </c>
      <c r="N19" s="37">
        <v>31348</v>
      </c>
      <c r="O19" s="33"/>
      <c r="P19" s="33"/>
      <c r="Q19" s="43">
        <f t="shared" si="0"/>
        <v>31348</v>
      </c>
      <c r="R19" s="33"/>
      <c r="S19" s="33"/>
      <c r="T19" s="33"/>
      <c r="U19" s="33"/>
      <c r="V19" s="33"/>
      <c r="W19" s="33"/>
      <c r="X19" s="38"/>
      <c r="Y19" s="38"/>
      <c r="Z19" s="38"/>
      <c r="AA19" s="38"/>
      <c r="AB19" s="38"/>
      <c r="AC19" s="38"/>
      <c r="AD19" s="38"/>
      <c r="AE19" s="38"/>
      <c r="AF19" s="38"/>
      <c r="AG19" s="38"/>
      <c r="AH19" s="38"/>
      <c r="AI19" s="38"/>
      <c r="AJ19" s="38"/>
      <c r="AK19" s="38"/>
      <c r="AL19" s="38"/>
      <c r="AM19" s="38"/>
      <c r="AN19" s="38"/>
      <c r="AO19" s="38"/>
      <c r="AP19" s="38"/>
      <c r="AQ19" s="38"/>
      <c r="AR19" s="38"/>
      <c r="AS19" s="38"/>
      <c r="AT19" s="38"/>
      <c r="AU19" s="38"/>
      <c r="AV19" s="38"/>
      <c r="AW19" s="38"/>
      <c r="AX19" s="38"/>
      <c r="AY19" s="38"/>
      <c r="AZ19" s="58">
        <f t="shared" si="1"/>
        <v>0</v>
      </c>
      <c r="BA19" s="26" t="e">
        <f t="shared" si="2"/>
        <v>#DIV/0!</v>
      </c>
      <c r="BB19" s="27" t="str">
        <f t="shared" ref="BB19:BP35" si="6">IF(U19="yes",(U$2*$BA19),"")</f>
        <v/>
      </c>
      <c r="BC19" s="27" t="str">
        <f t="shared" si="6"/>
        <v/>
      </c>
      <c r="BD19" s="27" t="str">
        <f t="shared" si="6"/>
        <v/>
      </c>
      <c r="BE19" s="27" t="str">
        <f t="shared" si="6"/>
        <v/>
      </c>
      <c r="BF19" s="27" t="str">
        <f t="shared" si="6"/>
        <v/>
      </c>
      <c r="BG19" s="27" t="str">
        <f t="shared" si="6"/>
        <v/>
      </c>
      <c r="BH19" s="27" t="str">
        <f t="shared" si="6"/>
        <v/>
      </c>
      <c r="BI19" s="27" t="str">
        <f t="shared" si="6"/>
        <v/>
      </c>
      <c r="BJ19" s="27" t="str">
        <f t="shared" si="6"/>
        <v/>
      </c>
      <c r="BK19" s="27" t="str">
        <f t="shared" si="6"/>
        <v/>
      </c>
      <c r="BL19" s="27" t="str">
        <f t="shared" si="6"/>
        <v/>
      </c>
      <c r="BM19" s="27" t="str">
        <f t="shared" si="6"/>
        <v/>
      </c>
      <c r="BN19" s="27" t="str">
        <f t="shared" si="6"/>
        <v/>
      </c>
      <c r="BO19" s="27" t="str">
        <f t="shared" si="6"/>
        <v/>
      </c>
      <c r="BP19" s="27" t="str">
        <f t="shared" si="6"/>
        <v/>
      </c>
      <c r="BQ19" s="27" t="str">
        <f t="shared" si="5"/>
        <v/>
      </c>
      <c r="BR19" s="27" t="str">
        <f t="shared" si="4"/>
        <v/>
      </c>
      <c r="BS19" s="27" t="str">
        <f t="shared" si="4"/>
        <v/>
      </c>
      <c r="BT19" s="27" t="str">
        <f t="shared" si="4"/>
        <v/>
      </c>
      <c r="BU19" s="27" t="str">
        <f t="shared" si="4"/>
        <v/>
      </c>
      <c r="BV19" s="27" t="str">
        <f t="shared" si="4"/>
        <v/>
      </c>
      <c r="BW19" s="27" t="str">
        <f t="shared" si="4"/>
        <v/>
      </c>
      <c r="BX19" s="27" t="str">
        <f t="shared" si="4"/>
        <v/>
      </c>
      <c r="BY19" s="27" t="str">
        <f t="shared" si="4"/>
        <v/>
      </c>
      <c r="BZ19" s="27" t="str">
        <f t="shared" si="4"/>
        <v/>
      </c>
      <c r="CA19" s="27" t="str">
        <f t="shared" si="4"/>
        <v/>
      </c>
      <c r="CB19" s="27" t="str">
        <f t="shared" si="4"/>
        <v/>
      </c>
      <c r="CC19" s="27" t="str">
        <f t="shared" si="4"/>
        <v/>
      </c>
      <c r="CD19" s="27" t="str">
        <f t="shared" si="4"/>
        <v/>
      </c>
      <c r="CE19" s="27" t="str">
        <f t="shared" si="4"/>
        <v/>
      </c>
      <c r="CF19" s="27" t="str">
        <f t="shared" si="4"/>
        <v/>
      </c>
      <c r="CG19" s="33" t="s">
        <v>660</v>
      </c>
      <c r="CH19" s="38"/>
      <c r="CI19" s="36" t="s">
        <v>661</v>
      </c>
    </row>
    <row r="20" spans="1:87" s="28" customFormat="1" ht="56.1" customHeight="1" x14ac:dyDescent="0.2">
      <c r="A20" s="22">
        <v>71</v>
      </c>
      <c r="B20" s="23" t="s">
        <v>53</v>
      </c>
      <c r="C20" s="35" t="s">
        <v>655</v>
      </c>
      <c r="D20" s="25" t="s">
        <v>656</v>
      </c>
      <c r="E20" s="32" t="s">
        <v>694</v>
      </c>
      <c r="F20" s="32"/>
      <c r="G20" s="32" t="s">
        <v>86</v>
      </c>
      <c r="H20" s="32"/>
      <c r="I20" s="32"/>
      <c r="J20" s="29" t="s">
        <v>77</v>
      </c>
      <c r="K20" s="31"/>
      <c r="L20" s="26" t="s">
        <v>63</v>
      </c>
      <c r="M20" s="26" t="s">
        <v>63</v>
      </c>
      <c r="N20" s="39">
        <v>31348</v>
      </c>
      <c r="O20" s="33"/>
      <c r="P20" s="33"/>
      <c r="Q20" s="43">
        <f t="shared" si="0"/>
        <v>31348</v>
      </c>
      <c r="R20" s="33"/>
      <c r="S20" s="33"/>
      <c r="T20" s="33"/>
      <c r="U20" s="33"/>
      <c r="V20" s="33"/>
      <c r="W20" s="33"/>
      <c r="X20" s="38"/>
      <c r="Y20" s="38"/>
      <c r="Z20" s="38"/>
      <c r="AA20" s="33"/>
      <c r="AB20" s="38"/>
      <c r="AC20" s="38"/>
      <c r="AD20" s="38"/>
      <c r="AE20" s="38"/>
      <c r="AF20" s="38"/>
      <c r="AG20" s="38"/>
      <c r="AH20" s="38"/>
      <c r="AI20" s="38"/>
      <c r="AJ20" s="38"/>
      <c r="AK20" s="38"/>
      <c r="AL20" s="38"/>
      <c r="AM20" s="38"/>
      <c r="AN20" s="38"/>
      <c r="AO20" s="38"/>
      <c r="AP20" s="38"/>
      <c r="AQ20" s="33"/>
      <c r="AR20" s="38"/>
      <c r="AS20" s="38"/>
      <c r="AT20" s="38"/>
      <c r="AU20" s="38"/>
      <c r="AV20" s="38"/>
      <c r="AW20" s="38"/>
      <c r="AX20" s="38"/>
      <c r="AY20" s="38"/>
      <c r="AZ20" s="58">
        <f t="shared" si="1"/>
        <v>0</v>
      </c>
      <c r="BA20" s="26" t="e">
        <f t="shared" si="2"/>
        <v>#DIV/0!</v>
      </c>
      <c r="BB20" s="27" t="str">
        <f t="shared" si="6"/>
        <v/>
      </c>
      <c r="BC20" s="27" t="str">
        <f t="shared" si="6"/>
        <v/>
      </c>
      <c r="BD20" s="27" t="str">
        <f t="shared" si="6"/>
        <v/>
      </c>
      <c r="BE20" s="27" t="str">
        <f t="shared" si="6"/>
        <v/>
      </c>
      <c r="BF20" s="27" t="str">
        <f t="shared" si="6"/>
        <v/>
      </c>
      <c r="BG20" s="27" t="str">
        <f t="shared" si="6"/>
        <v/>
      </c>
      <c r="BH20" s="27" t="str">
        <f t="shared" si="6"/>
        <v/>
      </c>
      <c r="BI20" s="27" t="str">
        <f t="shared" si="6"/>
        <v/>
      </c>
      <c r="BJ20" s="27" t="str">
        <f t="shared" si="6"/>
        <v/>
      </c>
      <c r="BK20" s="27" t="str">
        <f t="shared" si="6"/>
        <v/>
      </c>
      <c r="BL20" s="27" t="str">
        <f t="shared" si="6"/>
        <v/>
      </c>
      <c r="BM20" s="27" t="str">
        <f t="shared" si="6"/>
        <v/>
      </c>
      <c r="BN20" s="27" t="str">
        <f t="shared" si="6"/>
        <v/>
      </c>
      <c r="BO20" s="27" t="str">
        <f t="shared" si="6"/>
        <v/>
      </c>
      <c r="BP20" s="27" t="str">
        <f t="shared" si="6"/>
        <v/>
      </c>
      <c r="BQ20" s="27" t="str">
        <f t="shared" si="5"/>
        <v/>
      </c>
      <c r="BR20" s="27" t="str">
        <f t="shared" si="5"/>
        <v/>
      </c>
      <c r="BS20" s="27" t="str">
        <f t="shared" si="5"/>
        <v/>
      </c>
      <c r="BT20" s="27" t="str">
        <f t="shared" si="5"/>
        <v/>
      </c>
      <c r="BU20" s="27" t="str">
        <f t="shared" si="5"/>
        <v/>
      </c>
      <c r="BV20" s="27" t="str">
        <f t="shared" si="5"/>
        <v/>
      </c>
      <c r="BW20" s="27" t="str">
        <f t="shared" si="5"/>
        <v/>
      </c>
      <c r="BX20" s="27" t="str">
        <f t="shared" si="5"/>
        <v/>
      </c>
      <c r="BY20" s="27" t="str">
        <f t="shared" si="5"/>
        <v/>
      </c>
      <c r="BZ20" s="27" t="str">
        <f t="shared" si="5"/>
        <v/>
      </c>
      <c r="CA20" s="27" t="str">
        <f t="shared" si="5"/>
        <v/>
      </c>
      <c r="CB20" s="27" t="str">
        <f t="shared" si="5"/>
        <v/>
      </c>
      <c r="CC20" s="27" t="str">
        <f t="shared" si="5"/>
        <v/>
      </c>
      <c r="CD20" s="27" t="str">
        <f t="shared" si="5"/>
        <v/>
      </c>
      <c r="CE20" s="27" t="str">
        <f t="shared" si="5"/>
        <v/>
      </c>
      <c r="CF20" s="27" t="str">
        <f t="shared" si="5"/>
        <v/>
      </c>
      <c r="CG20" s="33" t="s">
        <v>660</v>
      </c>
      <c r="CH20" s="38"/>
      <c r="CI20" s="36" t="s">
        <v>661</v>
      </c>
    </row>
    <row r="21" spans="1:87" s="28" customFormat="1" ht="56.1" customHeight="1" x14ac:dyDescent="0.2">
      <c r="A21" s="22">
        <v>72</v>
      </c>
      <c r="B21" s="23" t="s">
        <v>53</v>
      </c>
      <c r="C21" s="35" t="s">
        <v>655</v>
      </c>
      <c r="D21" s="25" t="s">
        <v>656</v>
      </c>
      <c r="E21" s="32" t="s">
        <v>696</v>
      </c>
      <c r="F21" s="32"/>
      <c r="G21" s="32" t="s">
        <v>86</v>
      </c>
      <c r="H21" s="32"/>
      <c r="I21" s="32"/>
      <c r="J21" s="29" t="s">
        <v>77</v>
      </c>
      <c r="K21" s="31"/>
      <c r="L21" s="26" t="s">
        <v>63</v>
      </c>
      <c r="M21" s="26" t="s">
        <v>63</v>
      </c>
      <c r="N21" s="39">
        <v>25079</v>
      </c>
      <c r="O21" s="33"/>
      <c r="P21" s="33"/>
      <c r="Q21" s="43">
        <f t="shared" si="0"/>
        <v>25079</v>
      </c>
      <c r="R21" s="33"/>
      <c r="S21" s="33"/>
      <c r="T21" s="33"/>
      <c r="U21" s="33"/>
      <c r="V21" s="33"/>
      <c r="W21" s="33"/>
      <c r="X21" s="38"/>
      <c r="Y21" s="38"/>
      <c r="Z21" s="38"/>
      <c r="AA21" s="33"/>
      <c r="AB21" s="38"/>
      <c r="AC21" s="38"/>
      <c r="AD21" s="38"/>
      <c r="AE21" s="38"/>
      <c r="AF21" s="38"/>
      <c r="AG21" s="38"/>
      <c r="AH21" s="38"/>
      <c r="AI21" s="38"/>
      <c r="AJ21" s="38"/>
      <c r="AK21" s="38"/>
      <c r="AL21" s="38"/>
      <c r="AM21" s="38"/>
      <c r="AN21" s="38"/>
      <c r="AO21" s="38"/>
      <c r="AP21" s="38"/>
      <c r="AQ21" s="33"/>
      <c r="AR21" s="38"/>
      <c r="AS21" s="38"/>
      <c r="AT21" s="38"/>
      <c r="AU21" s="38"/>
      <c r="AV21" s="38"/>
      <c r="AW21" s="38"/>
      <c r="AX21" s="38"/>
      <c r="AY21" s="38"/>
      <c r="AZ21" s="58">
        <f t="shared" si="1"/>
        <v>0</v>
      </c>
      <c r="BA21" s="26" t="e">
        <f t="shared" si="2"/>
        <v>#DIV/0!</v>
      </c>
      <c r="BB21" s="27" t="str">
        <f t="shared" si="6"/>
        <v/>
      </c>
      <c r="BC21" s="27" t="str">
        <f t="shared" si="6"/>
        <v/>
      </c>
      <c r="BD21" s="27" t="str">
        <f t="shared" si="6"/>
        <v/>
      </c>
      <c r="BE21" s="27" t="str">
        <f t="shared" si="6"/>
        <v/>
      </c>
      <c r="BF21" s="27" t="str">
        <f t="shared" si="6"/>
        <v/>
      </c>
      <c r="BG21" s="27" t="str">
        <f t="shared" si="6"/>
        <v/>
      </c>
      <c r="BH21" s="27" t="str">
        <f t="shared" si="6"/>
        <v/>
      </c>
      <c r="BI21" s="27" t="str">
        <f t="shared" si="6"/>
        <v/>
      </c>
      <c r="BJ21" s="27" t="str">
        <f t="shared" si="6"/>
        <v/>
      </c>
      <c r="BK21" s="27" t="str">
        <f t="shared" si="6"/>
        <v/>
      </c>
      <c r="BL21" s="27" t="str">
        <f t="shared" si="6"/>
        <v/>
      </c>
      <c r="BM21" s="27" t="str">
        <f t="shared" si="6"/>
        <v/>
      </c>
      <c r="BN21" s="27" t="str">
        <f t="shared" si="6"/>
        <v/>
      </c>
      <c r="BO21" s="27" t="str">
        <f t="shared" si="6"/>
        <v/>
      </c>
      <c r="BP21" s="27" t="str">
        <f t="shared" si="6"/>
        <v/>
      </c>
      <c r="BQ21" s="27" t="str">
        <f t="shared" si="5"/>
        <v/>
      </c>
      <c r="BR21" s="27" t="str">
        <f t="shared" si="5"/>
        <v/>
      </c>
      <c r="BS21" s="27" t="str">
        <f t="shared" si="5"/>
        <v/>
      </c>
      <c r="BT21" s="27" t="str">
        <f t="shared" si="5"/>
        <v/>
      </c>
      <c r="BU21" s="27" t="str">
        <f t="shared" si="5"/>
        <v/>
      </c>
      <c r="BV21" s="27" t="str">
        <f t="shared" si="5"/>
        <v/>
      </c>
      <c r="BW21" s="27" t="str">
        <f t="shared" si="5"/>
        <v/>
      </c>
      <c r="BX21" s="27" t="str">
        <f t="shared" si="5"/>
        <v/>
      </c>
      <c r="BY21" s="27" t="str">
        <f t="shared" si="5"/>
        <v/>
      </c>
      <c r="BZ21" s="27" t="str">
        <f t="shared" si="5"/>
        <v/>
      </c>
      <c r="CA21" s="27" t="str">
        <f t="shared" si="5"/>
        <v/>
      </c>
      <c r="CB21" s="27" t="str">
        <f t="shared" si="5"/>
        <v/>
      </c>
      <c r="CC21" s="27" t="str">
        <f t="shared" si="5"/>
        <v/>
      </c>
      <c r="CD21" s="27" t="str">
        <f t="shared" si="5"/>
        <v/>
      </c>
      <c r="CE21" s="27" t="str">
        <f t="shared" si="5"/>
        <v/>
      </c>
      <c r="CF21" s="27" t="str">
        <f t="shared" si="5"/>
        <v/>
      </c>
      <c r="CG21" s="33" t="s">
        <v>660</v>
      </c>
      <c r="CH21" s="38"/>
      <c r="CI21" s="36" t="s">
        <v>661</v>
      </c>
    </row>
    <row r="22" spans="1:87" s="28" customFormat="1" ht="56.1" customHeight="1" x14ac:dyDescent="0.2">
      <c r="A22" s="22">
        <v>73</v>
      </c>
      <c r="B22" s="23" t="s">
        <v>53</v>
      </c>
      <c r="C22" s="35" t="s">
        <v>655</v>
      </c>
      <c r="D22" s="25" t="s">
        <v>656</v>
      </c>
      <c r="E22" s="32" t="s">
        <v>698</v>
      </c>
      <c r="F22" s="32"/>
      <c r="G22" s="32" t="s">
        <v>86</v>
      </c>
      <c r="H22" s="32"/>
      <c r="I22" s="32"/>
      <c r="J22" s="29" t="s">
        <v>77</v>
      </c>
      <c r="K22" s="31"/>
      <c r="L22" s="26" t="s">
        <v>63</v>
      </c>
      <c r="M22" s="26" t="s">
        <v>63</v>
      </c>
      <c r="N22" s="39">
        <v>25079</v>
      </c>
      <c r="O22" s="33"/>
      <c r="P22" s="33"/>
      <c r="Q22" s="43">
        <f t="shared" si="0"/>
        <v>25079</v>
      </c>
      <c r="R22" s="33"/>
      <c r="S22" s="33"/>
      <c r="T22" s="33"/>
      <c r="U22" s="33"/>
      <c r="V22" s="33"/>
      <c r="W22" s="33"/>
      <c r="X22" s="38"/>
      <c r="Y22" s="38"/>
      <c r="Z22" s="38"/>
      <c r="AA22" s="33"/>
      <c r="AB22" s="38"/>
      <c r="AC22" s="38"/>
      <c r="AD22" s="38"/>
      <c r="AE22" s="38"/>
      <c r="AF22" s="38"/>
      <c r="AG22" s="38"/>
      <c r="AH22" s="38"/>
      <c r="AI22" s="38"/>
      <c r="AJ22" s="38"/>
      <c r="AK22" s="38"/>
      <c r="AL22" s="38"/>
      <c r="AM22" s="38"/>
      <c r="AN22" s="38"/>
      <c r="AO22" s="38"/>
      <c r="AP22" s="38"/>
      <c r="AQ22" s="33"/>
      <c r="AR22" s="38"/>
      <c r="AS22" s="38"/>
      <c r="AT22" s="38"/>
      <c r="AU22" s="38"/>
      <c r="AV22" s="38"/>
      <c r="AW22" s="38"/>
      <c r="AX22" s="38"/>
      <c r="AY22" s="38"/>
      <c r="AZ22" s="58">
        <f t="shared" si="1"/>
        <v>0</v>
      </c>
      <c r="BA22" s="26" t="e">
        <f t="shared" si="2"/>
        <v>#DIV/0!</v>
      </c>
      <c r="BB22" s="27" t="str">
        <f t="shared" si="6"/>
        <v/>
      </c>
      <c r="BC22" s="27" t="str">
        <f t="shared" si="6"/>
        <v/>
      </c>
      <c r="BD22" s="27" t="str">
        <f t="shared" si="6"/>
        <v/>
      </c>
      <c r="BE22" s="27" t="str">
        <f t="shared" si="6"/>
        <v/>
      </c>
      <c r="BF22" s="27" t="str">
        <f t="shared" si="6"/>
        <v/>
      </c>
      <c r="BG22" s="27" t="str">
        <f t="shared" si="6"/>
        <v/>
      </c>
      <c r="BH22" s="27" t="str">
        <f t="shared" si="6"/>
        <v/>
      </c>
      <c r="BI22" s="27" t="str">
        <f t="shared" si="6"/>
        <v/>
      </c>
      <c r="BJ22" s="27" t="str">
        <f t="shared" si="6"/>
        <v/>
      </c>
      <c r="BK22" s="27" t="str">
        <f t="shared" si="6"/>
        <v/>
      </c>
      <c r="BL22" s="27" t="str">
        <f t="shared" si="6"/>
        <v/>
      </c>
      <c r="BM22" s="27" t="str">
        <f t="shared" si="6"/>
        <v/>
      </c>
      <c r="BN22" s="27" t="str">
        <f t="shared" si="6"/>
        <v/>
      </c>
      <c r="BO22" s="27" t="str">
        <f t="shared" si="6"/>
        <v/>
      </c>
      <c r="BP22" s="27" t="str">
        <f t="shared" si="6"/>
        <v/>
      </c>
      <c r="BQ22" s="27" t="str">
        <f t="shared" si="5"/>
        <v/>
      </c>
      <c r="BR22" s="27" t="str">
        <f t="shared" si="5"/>
        <v/>
      </c>
      <c r="BS22" s="27" t="str">
        <f t="shared" si="5"/>
        <v/>
      </c>
      <c r="BT22" s="27" t="str">
        <f t="shared" si="5"/>
        <v/>
      </c>
      <c r="BU22" s="27" t="str">
        <f t="shared" si="5"/>
        <v/>
      </c>
      <c r="BV22" s="27" t="str">
        <f t="shared" si="5"/>
        <v/>
      </c>
      <c r="BW22" s="27" t="str">
        <f t="shared" si="5"/>
        <v/>
      </c>
      <c r="BX22" s="27" t="str">
        <f t="shared" si="5"/>
        <v/>
      </c>
      <c r="BY22" s="27" t="str">
        <f t="shared" si="5"/>
        <v/>
      </c>
      <c r="BZ22" s="27" t="str">
        <f t="shared" si="5"/>
        <v/>
      </c>
      <c r="CA22" s="27" t="str">
        <f t="shared" si="5"/>
        <v/>
      </c>
      <c r="CB22" s="27" t="str">
        <f t="shared" si="5"/>
        <v/>
      </c>
      <c r="CC22" s="27" t="str">
        <f t="shared" si="5"/>
        <v/>
      </c>
      <c r="CD22" s="27" t="str">
        <f t="shared" si="5"/>
        <v/>
      </c>
      <c r="CE22" s="27" t="str">
        <f t="shared" si="5"/>
        <v/>
      </c>
      <c r="CF22" s="27" t="str">
        <f t="shared" si="5"/>
        <v/>
      </c>
      <c r="CG22" s="33" t="s">
        <v>660</v>
      </c>
      <c r="CH22" s="38"/>
      <c r="CI22" s="36" t="s">
        <v>661</v>
      </c>
    </row>
    <row r="23" spans="1:87" s="28" customFormat="1" ht="56.1" customHeight="1" x14ac:dyDescent="0.2">
      <c r="A23" s="22">
        <v>74</v>
      </c>
      <c r="B23" s="23" t="s">
        <v>53</v>
      </c>
      <c r="C23" s="35" t="s">
        <v>655</v>
      </c>
      <c r="D23" s="25" t="s">
        <v>656</v>
      </c>
      <c r="E23" s="32" t="s">
        <v>700</v>
      </c>
      <c r="F23" s="32"/>
      <c r="G23" s="32" t="s">
        <v>86</v>
      </c>
      <c r="H23" s="32"/>
      <c r="I23" s="32"/>
      <c r="J23" s="29" t="s">
        <v>77</v>
      </c>
      <c r="K23" s="31"/>
      <c r="L23" s="26" t="s">
        <v>63</v>
      </c>
      <c r="M23" s="26" t="s">
        <v>63</v>
      </c>
      <c r="N23" s="39">
        <v>238247</v>
      </c>
      <c r="O23" s="33"/>
      <c r="P23" s="33"/>
      <c r="Q23" s="43">
        <f t="shared" si="0"/>
        <v>238247</v>
      </c>
      <c r="R23" s="33"/>
      <c r="S23" s="33"/>
      <c r="T23" s="33"/>
      <c r="U23" s="33"/>
      <c r="V23" s="33"/>
      <c r="W23" s="33"/>
      <c r="X23" s="38"/>
      <c r="Y23" s="38"/>
      <c r="Z23" s="38"/>
      <c r="AA23" s="33"/>
      <c r="AB23" s="38"/>
      <c r="AC23" s="38"/>
      <c r="AD23" s="38"/>
      <c r="AE23" s="38"/>
      <c r="AF23" s="38"/>
      <c r="AG23" s="38"/>
      <c r="AH23" s="38"/>
      <c r="AI23" s="38"/>
      <c r="AJ23" s="38"/>
      <c r="AK23" s="38"/>
      <c r="AL23" s="38"/>
      <c r="AM23" s="38"/>
      <c r="AN23" s="38"/>
      <c r="AO23" s="38"/>
      <c r="AP23" s="38"/>
      <c r="AQ23" s="33"/>
      <c r="AR23" s="38"/>
      <c r="AS23" s="38"/>
      <c r="AT23" s="38"/>
      <c r="AU23" s="38"/>
      <c r="AV23" s="38"/>
      <c r="AW23" s="38"/>
      <c r="AX23" s="38"/>
      <c r="AY23" s="38"/>
      <c r="AZ23" s="58">
        <f t="shared" si="1"/>
        <v>0</v>
      </c>
      <c r="BA23" s="26" t="e">
        <f t="shared" si="2"/>
        <v>#DIV/0!</v>
      </c>
      <c r="BB23" s="27" t="str">
        <f t="shared" si="6"/>
        <v/>
      </c>
      <c r="BC23" s="27" t="str">
        <f t="shared" si="6"/>
        <v/>
      </c>
      <c r="BD23" s="27" t="str">
        <f t="shared" si="6"/>
        <v/>
      </c>
      <c r="BE23" s="27" t="str">
        <f t="shared" si="6"/>
        <v/>
      </c>
      <c r="BF23" s="27" t="str">
        <f t="shared" si="6"/>
        <v/>
      </c>
      <c r="BG23" s="27" t="str">
        <f t="shared" si="6"/>
        <v/>
      </c>
      <c r="BH23" s="27" t="str">
        <f t="shared" si="6"/>
        <v/>
      </c>
      <c r="BI23" s="27" t="str">
        <f t="shared" si="6"/>
        <v/>
      </c>
      <c r="BJ23" s="27" t="str">
        <f t="shared" si="6"/>
        <v/>
      </c>
      <c r="BK23" s="27" t="str">
        <f t="shared" si="6"/>
        <v/>
      </c>
      <c r="BL23" s="27" t="str">
        <f t="shared" si="6"/>
        <v/>
      </c>
      <c r="BM23" s="27" t="str">
        <f t="shared" si="6"/>
        <v/>
      </c>
      <c r="BN23" s="27" t="str">
        <f t="shared" si="6"/>
        <v/>
      </c>
      <c r="BO23" s="27" t="str">
        <f t="shared" si="6"/>
        <v/>
      </c>
      <c r="BP23" s="27" t="str">
        <f t="shared" si="6"/>
        <v/>
      </c>
      <c r="BQ23" s="27" t="str">
        <f t="shared" si="5"/>
        <v/>
      </c>
      <c r="BR23" s="27" t="str">
        <f t="shared" si="5"/>
        <v/>
      </c>
      <c r="BS23" s="27" t="str">
        <f t="shared" si="5"/>
        <v/>
      </c>
      <c r="BT23" s="27" t="str">
        <f t="shared" si="5"/>
        <v/>
      </c>
      <c r="BU23" s="27" t="str">
        <f t="shared" si="5"/>
        <v/>
      </c>
      <c r="BV23" s="27" t="str">
        <f t="shared" si="5"/>
        <v/>
      </c>
      <c r="BW23" s="27" t="str">
        <f t="shared" si="5"/>
        <v/>
      </c>
      <c r="BX23" s="27" t="str">
        <f t="shared" si="5"/>
        <v/>
      </c>
      <c r="BY23" s="27" t="str">
        <f t="shared" si="5"/>
        <v/>
      </c>
      <c r="BZ23" s="27" t="str">
        <f t="shared" si="5"/>
        <v/>
      </c>
      <c r="CA23" s="27" t="str">
        <f t="shared" si="5"/>
        <v/>
      </c>
      <c r="CB23" s="27" t="str">
        <f t="shared" si="5"/>
        <v/>
      </c>
      <c r="CC23" s="27" t="str">
        <f t="shared" si="5"/>
        <v/>
      </c>
      <c r="CD23" s="27" t="str">
        <f t="shared" si="5"/>
        <v/>
      </c>
      <c r="CE23" s="27" t="str">
        <f t="shared" si="5"/>
        <v/>
      </c>
      <c r="CF23" s="27" t="str">
        <f t="shared" si="5"/>
        <v/>
      </c>
      <c r="CG23" s="33" t="s">
        <v>660</v>
      </c>
      <c r="CH23" s="38"/>
      <c r="CI23" s="36" t="s">
        <v>661</v>
      </c>
    </row>
    <row r="24" spans="1:87" s="28" customFormat="1" ht="56.1" customHeight="1" x14ac:dyDescent="0.2">
      <c r="A24" s="22">
        <v>75</v>
      </c>
      <c r="B24" s="23" t="s">
        <v>53</v>
      </c>
      <c r="C24" s="35" t="s">
        <v>655</v>
      </c>
      <c r="D24" s="25" t="s">
        <v>656</v>
      </c>
      <c r="E24" s="32" t="s">
        <v>702</v>
      </c>
      <c r="F24" s="32"/>
      <c r="G24" s="32" t="s">
        <v>86</v>
      </c>
      <c r="H24" s="32"/>
      <c r="I24" s="32"/>
      <c r="J24" s="29" t="s">
        <v>77</v>
      </c>
      <c r="K24" s="31"/>
      <c r="L24" s="26" t="s">
        <v>63</v>
      </c>
      <c r="M24" s="26" t="s">
        <v>63</v>
      </c>
      <c r="N24" s="39">
        <v>238247</v>
      </c>
      <c r="O24" s="33"/>
      <c r="P24" s="33"/>
      <c r="Q24" s="43">
        <f t="shared" si="0"/>
        <v>238247</v>
      </c>
      <c r="R24" s="33"/>
      <c r="S24" s="33"/>
      <c r="T24" s="33"/>
      <c r="U24" s="33"/>
      <c r="V24" s="33"/>
      <c r="W24" s="33"/>
      <c r="X24" s="38"/>
      <c r="Y24" s="38"/>
      <c r="Z24" s="38"/>
      <c r="AA24" s="33"/>
      <c r="AB24" s="38"/>
      <c r="AC24" s="38"/>
      <c r="AD24" s="38"/>
      <c r="AE24" s="38"/>
      <c r="AF24" s="38"/>
      <c r="AG24" s="38"/>
      <c r="AH24" s="38"/>
      <c r="AI24" s="38"/>
      <c r="AJ24" s="38"/>
      <c r="AK24" s="38"/>
      <c r="AL24" s="38"/>
      <c r="AM24" s="38"/>
      <c r="AN24" s="38"/>
      <c r="AO24" s="38"/>
      <c r="AP24" s="38"/>
      <c r="AQ24" s="33"/>
      <c r="AR24" s="38"/>
      <c r="AS24" s="38"/>
      <c r="AT24" s="38"/>
      <c r="AU24" s="38"/>
      <c r="AV24" s="38"/>
      <c r="AW24" s="38"/>
      <c r="AX24" s="38"/>
      <c r="AY24" s="38"/>
      <c r="AZ24" s="58">
        <f t="shared" si="1"/>
        <v>0</v>
      </c>
      <c r="BA24" s="26" t="e">
        <f t="shared" si="2"/>
        <v>#DIV/0!</v>
      </c>
      <c r="BB24" s="27" t="str">
        <f t="shared" si="6"/>
        <v/>
      </c>
      <c r="BC24" s="27" t="str">
        <f t="shared" si="6"/>
        <v/>
      </c>
      <c r="BD24" s="27" t="str">
        <f t="shared" si="6"/>
        <v/>
      </c>
      <c r="BE24" s="27" t="str">
        <f t="shared" si="6"/>
        <v/>
      </c>
      <c r="BF24" s="27" t="str">
        <f t="shared" si="6"/>
        <v/>
      </c>
      <c r="BG24" s="27" t="str">
        <f t="shared" si="6"/>
        <v/>
      </c>
      <c r="BH24" s="27" t="str">
        <f t="shared" si="6"/>
        <v/>
      </c>
      <c r="BI24" s="27" t="str">
        <f t="shared" si="6"/>
        <v/>
      </c>
      <c r="BJ24" s="27" t="str">
        <f t="shared" si="6"/>
        <v/>
      </c>
      <c r="BK24" s="27" t="str">
        <f t="shared" si="6"/>
        <v/>
      </c>
      <c r="BL24" s="27" t="str">
        <f t="shared" si="6"/>
        <v/>
      </c>
      <c r="BM24" s="27" t="str">
        <f t="shared" si="6"/>
        <v/>
      </c>
      <c r="BN24" s="27" t="str">
        <f t="shared" si="6"/>
        <v/>
      </c>
      <c r="BO24" s="27" t="str">
        <f t="shared" si="6"/>
        <v/>
      </c>
      <c r="BP24" s="27" t="str">
        <f t="shared" si="6"/>
        <v/>
      </c>
      <c r="BQ24" s="27" t="str">
        <f t="shared" si="5"/>
        <v/>
      </c>
      <c r="BR24" s="27" t="str">
        <f t="shared" si="5"/>
        <v/>
      </c>
      <c r="BS24" s="27" t="str">
        <f t="shared" si="5"/>
        <v/>
      </c>
      <c r="BT24" s="27" t="str">
        <f t="shared" si="5"/>
        <v/>
      </c>
      <c r="BU24" s="27" t="str">
        <f t="shared" si="5"/>
        <v/>
      </c>
      <c r="BV24" s="27" t="str">
        <f t="shared" si="5"/>
        <v/>
      </c>
      <c r="BW24" s="27" t="str">
        <f t="shared" si="5"/>
        <v/>
      </c>
      <c r="BX24" s="27" t="str">
        <f t="shared" si="5"/>
        <v/>
      </c>
      <c r="BY24" s="27" t="str">
        <f t="shared" si="5"/>
        <v/>
      </c>
      <c r="BZ24" s="27" t="str">
        <f t="shared" si="5"/>
        <v/>
      </c>
      <c r="CA24" s="27" t="str">
        <f t="shared" si="5"/>
        <v/>
      </c>
      <c r="CB24" s="27" t="str">
        <f t="shared" si="5"/>
        <v/>
      </c>
      <c r="CC24" s="27" t="str">
        <f t="shared" si="5"/>
        <v/>
      </c>
      <c r="CD24" s="27" t="str">
        <f t="shared" si="5"/>
        <v/>
      </c>
      <c r="CE24" s="27" t="str">
        <f t="shared" si="5"/>
        <v/>
      </c>
      <c r="CF24" s="27" t="str">
        <f t="shared" si="5"/>
        <v/>
      </c>
      <c r="CG24" s="33" t="s">
        <v>660</v>
      </c>
      <c r="CH24" s="38"/>
      <c r="CI24" s="36" t="s">
        <v>661</v>
      </c>
    </row>
    <row r="25" spans="1:87" s="28" customFormat="1" ht="56.1" customHeight="1" x14ac:dyDescent="0.2">
      <c r="A25" s="22">
        <v>76</v>
      </c>
      <c r="B25" s="23" t="s">
        <v>53</v>
      </c>
      <c r="C25" s="35" t="s">
        <v>655</v>
      </c>
      <c r="D25" s="25" t="s">
        <v>656</v>
      </c>
      <c r="E25" s="32" t="s">
        <v>704</v>
      </c>
      <c r="F25" s="32"/>
      <c r="G25" s="32" t="s">
        <v>86</v>
      </c>
      <c r="H25" s="32"/>
      <c r="I25" s="32"/>
      <c r="J25" s="29" t="s">
        <v>77</v>
      </c>
      <c r="K25" s="31"/>
      <c r="L25" s="26" t="s">
        <v>63</v>
      </c>
      <c r="M25" s="26" t="s">
        <v>63</v>
      </c>
      <c r="N25" s="39">
        <v>125393</v>
      </c>
      <c r="O25" s="33"/>
      <c r="P25" s="33"/>
      <c r="Q25" s="43">
        <f t="shared" si="0"/>
        <v>125393</v>
      </c>
      <c r="R25" s="33"/>
      <c r="S25" s="33"/>
      <c r="T25" s="33"/>
      <c r="U25" s="33"/>
      <c r="V25" s="33"/>
      <c r="W25" s="33"/>
      <c r="X25" s="33"/>
      <c r="Y25" s="33"/>
      <c r="Z25" s="38"/>
      <c r="AA25" s="38"/>
      <c r="AB25" s="38"/>
      <c r="AC25" s="38"/>
      <c r="AD25" s="38"/>
      <c r="AE25" s="38"/>
      <c r="AF25" s="38"/>
      <c r="AG25" s="38"/>
      <c r="AH25" s="38"/>
      <c r="AI25" s="38"/>
      <c r="AJ25" s="38"/>
      <c r="AK25" s="38"/>
      <c r="AL25" s="38"/>
      <c r="AM25" s="38"/>
      <c r="AN25" s="38"/>
      <c r="AO25" s="38"/>
      <c r="AP25" s="38"/>
      <c r="AQ25" s="38"/>
      <c r="AR25" s="38"/>
      <c r="AS25" s="38"/>
      <c r="AT25" s="38"/>
      <c r="AU25" s="38"/>
      <c r="AV25" s="38"/>
      <c r="AW25" s="38"/>
      <c r="AX25" s="38"/>
      <c r="AY25" s="38"/>
      <c r="AZ25" s="58">
        <f t="shared" si="1"/>
        <v>0</v>
      </c>
      <c r="BA25" s="26" t="e">
        <f t="shared" si="2"/>
        <v>#DIV/0!</v>
      </c>
      <c r="BB25" s="27" t="str">
        <f t="shared" si="6"/>
        <v/>
      </c>
      <c r="BC25" s="27" t="str">
        <f t="shared" si="6"/>
        <v/>
      </c>
      <c r="BD25" s="27" t="str">
        <f t="shared" si="6"/>
        <v/>
      </c>
      <c r="BE25" s="27" t="str">
        <f t="shared" si="6"/>
        <v/>
      </c>
      <c r="BF25" s="27" t="str">
        <f t="shared" si="6"/>
        <v/>
      </c>
      <c r="BG25" s="27" t="str">
        <f t="shared" si="6"/>
        <v/>
      </c>
      <c r="BH25" s="27" t="str">
        <f t="shared" si="6"/>
        <v/>
      </c>
      <c r="BI25" s="27" t="str">
        <f t="shared" si="6"/>
        <v/>
      </c>
      <c r="BJ25" s="27" t="str">
        <f t="shared" si="6"/>
        <v/>
      </c>
      <c r="BK25" s="27" t="str">
        <f t="shared" si="6"/>
        <v/>
      </c>
      <c r="BL25" s="27" t="str">
        <f t="shared" si="6"/>
        <v/>
      </c>
      <c r="BM25" s="27" t="str">
        <f t="shared" si="6"/>
        <v/>
      </c>
      <c r="BN25" s="27" t="str">
        <f t="shared" si="6"/>
        <v/>
      </c>
      <c r="BO25" s="27" t="str">
        <f t="shared" si="6"/>
        <v/>
      </c>
      <c r="BP25" s="27" t="str">
        <f t="shared" si="6"/>
        <v/>
      </c>
      <c r="BQ25" s="27" t="str">
        <f t="shared" si="5"/>
        <v/>
      </c>
      <c r="BR25" s="27" t="str">
        <f t="shared" si="5"/>
        <v/>
      </c>
      <c r="BS25" s="27" t="str">
        <f t="shared" si="5"/>
        <v/>
      </c>
      <c r="BT25" s="27" t="str">
        <f t="shared" si="5"/>
        <v/>
      </c>
      <c r="BU25" s="27" t="str">
        <f t="shared" si="5"/>
        <v/>
      </c>
      <c r="BV25" s="27" t="str">
        <f t="shared" si="5"/>
        <v/>
      </c>
      <c r="BW25" s="27" t="str">
        <f t="shared" si="5"/>
        <v/>
      </c>
      <c r="BX25" s="27" t="str">
        <f t="shared" si="5"/>
        <v/>
      </c>
      <c r="BY25" s="27" t="str">
        <f t="shared" si="5"/>
        <v/>
      </c>
      <c r="BZ25" s="27" t="str">
        <f t="shared" si="5"/>
        <v/>
      </c>
      <c r="CA25" s="27" t="str">
        <f t="shared" si="5"/>
        <v/>
      </c>
      <c r="CB25" s="27" t="str">
        <f t="shared" si="5"/>
        <v/>
      </c>
      <c r="CC25" s="27" t="str">
        <f t="shared" si="5"/>
        <v/>
      </c>
      <c r="CD25" s="27" t="str">
        <f t="shared" si="5"/>
        <v/>
      </c>
      <c r="CE25" s="27" t="str">
        <f t="shared" si="5"/>
        <v/>
      </c>
      <c r="CF25" s="27" t="str">
        <f t="shared" si="5"/>
        <v/>
      </c>
      <c r="CG25" s="33" t="s">
        <v>660</v>
      </c>
      <c r="CH25" s="33"/>
      <c r="CI25" s="36" t="s">
        <v>661</v>
      </c>
    </row>
    <row r="26" spans="1:87" s="28" customFormat="1" ht="56.1" customHeight="1" x14ac:dyDescent="0.2">
      <c r="A26" s="22">
        <v>77</v>
      </c>
      <c r="B26" s="23" t="s">
        <v>53</v>
      </c>
      <c r="C26" s="35" t="s">
        <v>655</v>
      </c>
      <c r="D26" s="25" t="s">
        <v>656</v>
      </c>
      <c r="E26" s="32" t="s">
        <v>706</v>
      </c>
      <c r="F26" s="32"/>
      <c r="G26" s="32" t="s">
        <v>86</v>
      </c>
      <c r="H26" s="32"/>
      <c r="I26" s="32"/>
      <c r="J26" s="29" t="s">
        <v>77</v>
      </c>
      <c r="K26" s="31"/>
      <c r="L26" s="26" t="s">
        <v>63</v>
      </c>
      <c r="M26" s="26" t="s">
        <v>63</v>
      </c>
      <c r="N26" s="39">
        <v>75236</v>
      </c>
      <c r="O26" s="33"/>
      <c r="P26" s="33"/>
      <c r="Q26" s="43">
        <f t="shared" si="0"/>
        <v>75236</v>
      </c>
      <c r="R26" s="33"/>
      <c r="S26" s="33"/>
      <c r="T26" s="33"/>
      <c r="U26" s="33"/>
      <c r="V26" s="33"/>
      <c r="W26" s="33"/>
      <c r="X26" s="33"/>
      <c r="Y26" s="33"/>
      <c r="Z26" s="38"/>
      <c r="AA26" s="38"/>
      <c r="AB26" s="38"/>
      <c r="AC26" s="38"/>
      <c r="AD26" s="38"/>
      <c r="AE26" s="38"/>
      <c r="AF26" s="38"/>
      <c r="AG26" s="38"/>
      <c r="AH26" s="38"/>
      <c r="AI26" s="38"/>
      <c r="AJ26" s="38"/>
      <c r="AK26" s="38"/>
      <c r="AL26" s="38"/>
      <c r="AM26" s="38"/>
      <c r="AN26" s="38"/>
      <c r="AO26" s="38"/>
      <c r="AP26" s="38"/>
      <c r="AQ26" s="38"/>
      <c r="AR26" s="38"/>
      <c r="AS26" s="38"/>
      <c r="AT26" s="38"/>
      <c r="AU26" s="38"/>
      <c r="AV26" s="38"/>
      <c r="AW26" s="38"/>
      <c r="AX26" s="38"/>
      <c r="AY26" s="38"/>
      <c r="AZ26" s="58">
        <f t="shared" si="1"/>
        <v>0</v>
      </c>
      <c r="BA26" s="26" t="e">
        <f t="shared" si="2"/>
        <v>#DIV/0!</v>
      </c>
      <c r="BB26" s="27" t="str">
        <f t="shared" si="6"/>
        <v/>
      </c>
      <c r="BC26" s="27" t="str">
        <f t="shared" si="6"/>
        <v/>
      </c>
      <c r="BD26" s="27" t="str">
        <f t="shared" si="6"/>
        <v/>
      </c>
      <c r="BE26" s="27" t="str">
        <f t="shared" si="6"/>
        <v/>
      </c>
      <c r="BF26" s="27" t="str">
        <f t="shared" si="6"/>
        <v/>
      </c>
      <c r="BG26" s="27" t="str">
        <f t="shared" si="6"/>
        <v/>
      </c>
      <c r="BH26" s="27" t="str">
        <f t="shared" si="6"/>
        <v/>
      </c>
      <c r="BI26" s="27" t="str">
        <f t="shared" si="6"/>
        <v/>
      </c>
      <c r="BJ26" s="27" t="str">
        <f t="shared" si="6"/>
        <v/>
      </c>
      <c r="BK26" s="27" t="str">
        <f t="shared" si="6"/>
        <v/>
      </c>
      <c r="BL26" s="27" t="str">
        <f t="shared" si="6"/>
        <v/>
      </c>
      <c r="BM26" s="27" t="str">
        <f t="shared" si="6"/>
        <v/>
      </c>
      <c r="BN26" s="27" t="str">
        <f t="shared" si="6"/>
        <v/>
      </c>
      <c r="BO26" s="27" t="str">
        <f t="shared" si="6"/>
        <v/>
      </c>
      <c r="BP26" s="27" t="str">
        <f t="shared" si="6"/>
        <v/>
      </c>
      <c r="BQ26" s="27" t="str">
        <f t="shared" si="5"/>
        <v/>
      </c>
      <c r="BR26" s="27" t="str">
        <f t="shared" si="5"/>
        <v/>
      </c>
      <c r="BS26" s="27" t="str">
        <f t="shared" si="5"/>
        <v/>
      </c>
      <c r="BT26" s="27" t="str">
        <f t="shared" si="5"/>
        <v/>
      </c>
      <c r="BU26" s="27" t="str">
        <f t="shared" si="5"/>
        <v/>
      </c>
      <c r="BV26" s="27" t="str">
        <f t="shared" si="5"/>
        <v/>
      </c>
      <c r="BW26" s="27" t="str">
        <f t="shared" si="5"/>
        <v/>
      </c>
      <c r="BX26" s="27" t="str">
        <f t="shared" si="5"/>
        <v/>
      </c>
      <c r="BY26" s="27" t="str">
        <f t="shared" si="5"/>
        <v/>
      </c>
      <c r="BZ26" s="27" t="str">
        <f t="shared" si="5"/>
        <v/>
      </c>
      <c r="CA26" s="27" t="str">
        <f t="shared" si="5"/>
        <v/>
      </c>
      <c r="CB26" s="27" t="str">
        <f t="shared" si="5"/>
        <v/>
      </c>
      <c r="CC26" s="27" t="str">
        <f t="shared" si="5"/>
        <v/>
      </c>
      <c r="CD26" s="27" t="str">
        <f t="shared" si="5"/>
        <v/>
      </c>
      <c r="CE26" s="27" t="str">
        <f t="shared" si="5"/>
        <v/>
      </c>
      <c r="CF26" s="27" t="str">
        <f t="shared" si="5"/>
        <v/>
      </c>
      <c r="CG26" s="33" t="s">
        <v>660</v>
      </c>
      <c r="CH26" s="33"/>
      <c r="CI26" s="36" t="s">
        <v>661</v>
      </c>
    </row>
    <row r="27" spans="1:87" s="28" customFormat="1" ht="56.1" customHeight="1" x14ac:dyDescent="0.2">
      <c r="A27" s="22">
        <v>78</v>
      </c>
      <c r="B27" s="23" t="s">
        <v>53</v>
      </c>
      <c r="C27" s="35" t="s">
        <v>655</v>
      </c>
      <c r="D27" s="25" t="s">
        <v>656</v>
      </c>
      <c r="E27" s="32" t="s">
        <v>708</v>
      </c>
      <c r="F27" s="32"/>
      <c r="G27" s="32" t="s">
        <v>86</v>
      </c>
      <c r="H27" s="32"/>
      <c r="I27" s="32"/>
      <c r="J27" s="29" t="s">
        <v>77</v>
      </c>
      <c r="K27" s="31"/>
      <c r="L27" s="26" t="s">
        <v>63</v>
      </c>
      <c r="M27" s="26" t="s">
        <v>63</v>
      </c>
      <c r="N27" s="39">
        <v>224454</v>
      </c>
      <c r="O27" s="33"/>
      <c r="P27" s="33"/>
      <c r="Q27" s="43">
        <f t="shared" si="0"/>
        <v>224454</v>
      </c>
      <c r="R27" s="33"/>
      <c r="S27" s="33"/>
      <c r="T27" s="33"/>
      <c r="U27" s="33"/>
      <c r="V27" s="33"/>
      <c r="W27" s="33"/>
      <c r="X27" s="33"/>
      <c r="Y27" s="33"/>
      <c r="Z27" s="38"/>
      <c r="AA27" s="38"/>
      <c r="AB27" s="38"/>
      <c r="AC27" s="38"/>
      <c r="AD27" s="38"/>
      <c r="AE27" s="38"/>
      <c r="AF27" s="38"/>
      <c r="AG27" s="38"/>
      <c r="AH27" s="38"/>
      <c r="AI27" s="38"/>
      <c r="AJ27" s="38"/>
      <c r="AK27" s="38"/>
      <c r="AL27" s="38"/>
      <c r="AM27" s="38"/>
      <c r="AN27" s="38"/>
      <c r="AO27" s="38"/>
      <c r="AP27" s="38"/>
      <c r="AQ27" s="38"/>
      <c r="AR27" s="38"/>
      <c r="AS27" s="38"/>
      <c r="AT27" s="38"/>
      <c r="AU27" s="38"/>
      <c r="AV27" s="38"/>
      <c r="AW27" s="38"/>
      <c r="AX27" s="38"/>
      <c r="AY27" s="38"/>
      <c r="AZ27" s="58">
        <f t="shared" si="1"/>
        <v>0</v>
      </c>
      <c r="BA27" s="26" t="e">
        <f t="shared" si="2"/>
        <v>#DIV/0!</v>
      </c>
      <c r="BB27" s="27" t="str">
        <f t="shared" si="6"/>
        <v/>
      </c>
      <c r="BC27" s="27" t="str">
        <f t="shared" si="6"/>
        <v/>
      </c>
      <c r="BD27" s="27" t="str">
        <f t="shared" si="6"/>
        <v/>
      </c>
      <c r="BE27" s="27" t="str">
        <f t="shared" si="6"/>
        <v/>
      </c>
      <c r="BF27" s="27" t="str">
        <f t="shared" si="6"/>
        <v/>
      </c>
      <c r="BG27" s="27" t="str">
        <f t="shared" si="6"/>
        <v/>
      </c>
      <c r="BH27" s="27" t="str">
        <f t="shared" si="6"/>
        <v/>
      </c>
      <c r="BI27" s="27" t="str">
        <f t="shared" si="6"/>
        <v/>
      </c>
      <c r="BJ27" s="27" t="str">
        <f t="shared" si="6"/>
        <v/>
      </c>
      <c r="BK27" s="27" t="str">
        <f t="shared" si="6"/>
        <v/>
      </c>
      <c r="BL27" s="27" t="str">
        <f t="shared" si="6"/>
        <v/>
      </c>
      <c r="BM27" s="27" t="str">
        <f t="shared" si="6"/>
        <v/>
      </c>
      <c r="BN27" s="27" t="str">
        <f t="shared" si="6"/>
        <v/>
      </c>
      <c r="BO27" s="27" t="str">
        <f t="shared" si="6"/>
        <v/>
      </c>
      <c r="BP27" s="27" t="str">
        <f t="shared" si="6"/>
        <v/>
      </c>
      <c r="BQ27" s="27" t="str">
        <f t="shared" si="5"/>
        <v/>
      </c>
      <c r="BR27" s="27" t="str">
        <f t="shared" si="5"/>
        <v/>
      </c>
      <c r="BS27" s="27" t="str">
        <f t="shared" si="5"/>
        <v/>
      </c>
      <c r="BT27" s="27" t="str">
        <f t="shared" si="5"/>
        <v/>
      </c>
      <c r="BU27" s="27" t="str">
        <f t="shared" si="5"/>
        <v/>
      </c>
      <c r="BV27" s="27" t="str">
        <f t="shared" si="5"/>
        <v/>
      </c>
      <c r="BW27" s="27" t="str">
        <f t="shared" si="5"/>
        <v/>
      </c>
      <c r="BX27" s="27" t="str">
        <f t="shared" si="5"/>
        <v/>
      </c>
      <c r="BY27" s="27" t="str">
        <f t="shared" si="5"/>
        <v/>
      </c>
      <c r="BZ27" s="27" t="str">
        <f t="shared" si="5"/>
        <v/>
      </c>
      <c r="CA27" s="27" t="str">
        <f t="shared" si="5"/>
        <v/>
      </c>
      <c r="CB27" s="27" t="str">
        <f t="shared" si="5"/>
        <v/>
      </c>
      <c r="CC27" s="27" t="str">
        <f t="shared" si="5"/>
        <v/>
      </c>
      <c r="CD27" s="27" t="str">
        <f t="shared" si="5"/>
        <v/>
      </c>
      <c r="CE27" s="27" t="str">
        <f t="shared" si="5"/>
        <v/>
      </c>
      <c r="CF27" s="27" t="str">
        <f t="shared" si="5"/>
        <v/>
      </c>
      <c r="CG27" s="33" t="s">
        <v>660</v>
      </c>
      <c r="CH27" s="33"/>
      <c r="CI27" s="36" t="s">
        <v>661</v>
      </c>
    </row>
    <row r="28" spans="1:87" s="28" customFormat="1" ht="56.1" customHeight="1" x14ac:dyDescent="0.2">
      <c r="A28" s="22">
        <v>79</v>
      </c>
      <c r="B28" s="23" t="s">
        <v>53</v>
      </c>
      <c r="C28" s="35" t="s">
        <v>655</v>
      </c>
      <c r="D28" s="25" t="s">
        <v>656</v>
      </c>
      <c r="E28" s="32" t="s">
        <v>710</v>
      </c>
      <c r="F28" s="32"/>
      <c r="G28" s="32" t="s">
        <v>86</v>
      </c>
      <c r="H28" s="32"/>
      <c r="I28" s="32"/>
      <c r="J28" s="29" t="s">
        <v>77</v>
      </c>
      <c r="K28" s="31"/>
      <c r="L28" s="26" t="s">
        <v>63</v>
      </c>
      <c r="M28" s="26" t="s">
        <v>63</v>
      </c>
      <c r="N28" s="39">
        <v>175550</v>
      </c>
      <c r="O28" s="33"/>
      <c r="P28" s="33"/>
      <c r="Q28" s="43">
        <f t="shared" si="0"/>
        <v>175550</v>
      </c>
      <c r="R28" s="33"/>
      <c r="S28" s="33"/>
      <c r="T28" s="33"/>
      <c r="U28" s="33"/>
      <c r="V28" s="33"/>
      <c r="W28" s="33"/>
      <c r="X28" s="33"/>
      <c r="Y28" s="33"/>
      <c r="Z28" s="38"/>
      <c r="AA28" s="38"/>
      <c r="AB28" s="38"/>
      <c r="AC28" s="38"/>
      <c r="AD28" s="38"/>
      <c r="AE28" s="38"/>
      <c r="AF28" s="38"/>
      <c r="AG28" s="38"/>
      <c r="AH28" s="38"/>
      <c r="AI28" s="38"/>
      <c r="AJ28" s="38"/>
      <c r="AK28" s="38"/>
      <c r="AL28" s="38"/>
      <c r="AM28" s="38"/>
      <c r="AN28" s="38"/>
      <c r="AO28" s="38"/>
      <c r="AP28" s="38"/>
      <c r="AQ28" s="38"/>
      <c r="AR28" s="38"/>
      <c r="AS28" s="38"/>
      <c r="AT28" s="38"/>
      <c r="AU28" s="38"/>
      <c r="AV28" s="38"/>
      <c r="AW28" s="38"/>
      <c r="AX28" s="38"/>
      <c r="AY28" s="38"/>
      <c r="AZ28" s="58">
        <f t="shared" si="1"/>
        <v>0</v>
      </c>
      <c r="BA28" s="26" t="e">
        <f t="shared" si="2"/>
        <v>#DIV/0!</v>
      </c>
      <c r="BB28" s="27" t="str">
        <f t="shared" si="6"/>
        <v/>
      </c>
      <c r="BC28" s="27" t="str">
        <f t="shared" si="6"/>
        <v/>
      </c>
      <c r="BD28" s="27" t="str">
        <f t="shared" si="6"/>
        <v/>
      </c>
      <c r="BE28" s="27" t="str">
        <f t="shared" si="6"/>
        <v/>
      </c>
      <c r="BF28" s="27" t="str">
        <f t="shared" si="6"/>
        <v/>
      </c>
      <c r="BG28" s="27" t="str">
        <f t="shared" si="6"/>
        <v/>
      </c>
      <c r="BH28" s="27" t="str">
        <f t="shared" si="6"/>
        <v/>
      </c>
      <c r="BI28" s="27" t="str">
        <f t="shared" si="6"/>
        <v/>
      </c>
      <c r="BJ28" s="27" t="str">
        <f t="shared" si="6"/>
        <v/>
      </c>
      <c r="BK28" s="27" t="str">
        <f t="shared" si="6"/>
        <v/>
      </c>
      <c r="BL28" s="27" t="str">
        <f t="shared" si="6"/>
        <v/>
      </c>
      <c r="BM28" s="27" t="str">
        <f t="shared" si="6"/>
        <v/>
      </c>
      <c r="BN28" s="27" t="str">
        <f t="shared" si="6"/>
        <v/>
      </c>
      <c r="BO28" s="27" t="str">
        <f t="shared" si="6"/>
        <v/>
      </c>
      <c r="BP28" s="27" t="str">
        <f t="shared" si="6"/>
        <v/>
      </c>
      <c r="BQ28" s="27" t="str">
        <f t="shared" si="5"/>
        <v/>
      </c>
      <c r="BR28" s="27" t="str">
        <f t="shared" si="5"/>
        <v/>
      </c>
      <c r="BS28" s="27" t="str">
        <f t="shared" si="5"/>
        <v/>
      </c>
      <c r="BT28" s="27" t="str">
        <f t="shared" si="5"/>
        <v/>
      </c>
      <c r="BU28" s="27" t="str">
        <f t="shared" si="5"/>
        <v/>
      </c>
      <c r="BV28" s="27" t="str">
        <f t="shared" si="5"/>
        <v/>
      </c>
      <c r="BW28" s="27" t="str">
        <f t="shared" si="5"/>
        <v/>
      </c>
      <c r="BX28" s="27" t="str">
        <f t="shared" si="5"/>
        <v/>
      </c>
      <c r="BY28" s="27" t="str">
        <f t="shared" si="5"/>
        <v/>
      </c>
      <c r="BZ28" s="27" t="str">
        <f t="shared" si="5"/>
        <v/>
      </c>
      <c r="CA28" s="27" t="str">
        <f t="shared" si="5"/>
        <v/>
      </c>
      <c r="CB28" s="27" t="str">
        <f t="shared" si="5"/>
        <v/>
      </c>
      <c r="CC28" s="27" t="str">
        <f t="shared" si="5"/>
        <v/>
      </c>
      <c r="CD28" s="27" t="str">
        <f t="shared" si="5"/>
        <v/>
      </c>
      <c r="CE28" s="27" t="str">
        <f t="shared" si="5"/>
        <v/>
      </c>
      <c r="CF28" s="27" t="str">
        <f t="shared" si="5"/>
        <v/>
      </c>
      <c r="CG28" s="33" t="s">
        <v>660</v>
      </c>
      <c r="CH28" s="33"/>
      <c r="CI28" s="36" t="s">
        <v>661</v>
      </c>
    </row>
    <row r="29" spans="1:87" s="28" customFormat="1" ht="56.1" customHeight="1" x14ac:dyDescent="0.2">
      <c r="A29" s="22">
        <v>80</v>
      </c>
      <c r="B29" s="23" t="s">
        <v>53</v>
      </c>
      <c r="C29" s="35" t="s">
        <v>655</v>
      </c>
      <c r="D29" s="25" t="s">
        <v>656</v>
      </c>
      <c r="E29" s="32" t="s">
        <v>712</v>
      </c>
      <c r="F29" s="32"/>
      <c r="G29" s="32" t="s">
        <v>86</v>
      </c>
      <c r="H29" s="32"/>
      <c r="I29" s="32"/>
      <c r="J29" s="29" t="s">
        <v>77</v>
      </c>
      <c r="K29" s="31"/>
      <c r="L29" s="26" t="s">
        <v>63</v>
      </c>
      <c r="M29" s="26" t="s">
        <v>63</v>
      </c>
      <c r="N29" s="39">
        <v>75236</v>
      </c>
      <c r="O29" s="33"/>
      <c r="P29" s="33"/>
      <c r="Q29" s="43">
        <f t="shared" si="0"/>
        <v>75236</v>
      </c>
      <c r="R29" s="33"/>
      <c r="S29" s="33"/>
      <c r="T29" s="33"/>
      <c r="U29" s="33"/>
      <c r="V29" s="33"/>
      <c r="W29" s="33"/>
      <c r="X29" s="33"/>
      <c r="Y29" s="33"/>
      <c r="Z29" s="38"/>
      <c r="AA29" s="38"/>
      <c r="AB29" s="38"/>
      <c r="AC29" s="38"/>
      <c r="AD29" s="38"/>
      <c r="AE29" s="38"/>
      <c r="AF29" s="38"/>
      <c r="AG29" s="38"/>
      <c r="AH29" s="38"/>
      <c r="AI29" s="38"/>
      <c r="AJ29" s="38"/>
      <c r="AK29" s="38"/>
      <c r="AL29" s="38"/>
      <c r="AM29" s="38"/>
      <c r="AN29" s="38"/>
      <c r="AO29" s="38"/>
      <c r="AP29" s="38"/>
      <c r="AQ29" s="38"/>
      <c r="AR29" s="38"/>
      <c r="AS29" s="38"/>
      <c r="AT29" s="38"/>
      <c r="AU29" s="38"/>
      <c r="AV29" s="38"/>
      <c r="AW29" s="38"/>
      <c r="AX29" s="38"/>
      <c r="AY29" s="38"/>
      <c r="AZ29" s="58">
        <f t="shared" si="1"/>
        <v>0</v>
      </c>
      <c r="BA29" s="26" t="e">
        <f t="shared" si="2"/>
        <v>#DIV/0!</v>
      </c>
      <c r="BB29" s="27" t="str">
        <f t="shared" si="6"/>
        <v/>
      </c>
      <c r="BC29" s="27" t="str">
        <f t="shared" si="6"/>
        <v/>
      </c>
      <c r="BD29" s="27" t="str">
        <f t="shared" si="6"/>
        <v/>
      </c>
      <c r="BE29" s="27" t="str">
        <f t="shared" si="6"/>
        <v/>
      </c>
      <c r="BF29" s="27" t="str">
        <f t="shared" si="6"/>
        <v/>
      </c>
      <c r="BG29" s="27" t="str">
        <f t="shared" si="6"/>
        <v/>
      </c>
      <c r="BH29" s="27" t="str">
        <f t="shared" si="6"/>
        <v/>
      </c>
      <c r="BI29" s="27" t="str">
        <f t="shared" si="6"/>
        <v/>
      </c>
      <c r="BJ29" s="27" t="str">
        <f t="shared" si="6"/>
        <v/>
      </c>
      <c r="BK29" s="27" t="str">
        <f t="shared" si="6"/>
        <v/>
      </c>
      <c r="BL29" s="27" t="str">
        <f t="shared" si="6"/>
        <v/>
      </c>
      <c r="BM29" s="27" t="str">
        <f t="shared" si="6"/>
        <v/>
      </c>
      <c r="BN29" s="27" t="str">
        <f t="shared" si="6"/>
        <v/>
      </c>
      <c r="BO29" s="27" t="str">
        <f t="shared" si="6"/>
        <v/>
      </c>
      <c r="BP29" s="27" t="str">
        <f t="shared" si="6"/>
        <v/>
      </c>
      <c r="BQ29" s="27" t="str">
        <f t="shared" si="5"/>
        <v/>
      </c>
      <c r="BR29" s="27" t="str">
        <f t="shared" si="5"/>
        <v/>
      </c>
      <c r="BS29" s="27" t="str">
        <f t="shared" si="5"/>
        <v/>
      </c>
      <c r="BT29" s="27" t="str">
        <f t="shared" si="5"/>
        <v/>
      </c>
      <c r="BU29" s="27" t="str">
        <f t="shared" si="5"/>
        <v/>
      </c>
      <c r="BV29" s="27" t="str">
        <f t="shared" si="5"/>
        <v/>
      </c>
      <c r="BW29" s="27" t="str">
        <f t="shared" si="5"/>
        <v/>
      </c>
      <c r="BX29" s="27" t="str">
        <f t="shared" si="5"/>
        <v/>
      </c>
      <c r="BY29" s="27" t="str">
        <f t="shared" si="5"/>
        <v/>
      </c>
      <c r="BZ29" s="27" t="str">
        <f t="shared" si="5"/>
        <v/>
      </c>
      <c r="CA29" s="27" t="str">
        <f t="shared" si="5"/>
        <v/>
      </c>
      <c r="CB29" s="27" t="str">
        <f t="shared" si="5"/>
        <v/>
      </c>
      <c r="CC29" s="27" t="str">
        <f t="shared" si="5"/>
        <v/>
      </c>
      <c r="CD29" s="27" t="str">
        <f t="shared" si="5"/>
        <v/>
      </c>
      <c r="CE29" s="27" t="str">
        <f t="shared" si="5"/>
        <v/>
      </c>
      <c r="CF29" s="27" t="str">
        <f t="shared" si="5"/>
        <v/>
      </c>
      <c r="CG29" s="33" t="s">
        <v>660</v>
      </c>
      <c r="CH29" s="33"/>
      <c r="CI29" s="36" t="s">
        <v>661</v>
      </c>
    </row>
    <row r="30" spans="1:87" s="28" customFormat="1" ht="56.1" customHeight="1" x14ac:dyDescent="0.2">
      <c r="A30" s="22">
        <v>81</v>
      </c>
      <c r="B30" s="23" t="s">
        <v>53</v>
      </c>
      <c r="C30" s="35" t="s">
        <v>655</v>
      </c>
      <c r="D30" s="64" t="s">
        <v>656</v>
      </c>
      <c r="E30" s="65" t="s">
        <v>714</v>
      </c>
      <c r="F30" s="65" t="s">
        <v>715</v>
      </c>
      <c r="G30" s="65" t="s">
        <v>86</v>
      </c>
      <c r="H30" s="65"/>
      <c r="I30" s="65"/>
      <c r="J30" s="66" t="s">
        <v>77</v>
      </c>
      <c r="K30" s="67"/>
      <c r="L30" s="68" t="s">
        <v>63</v>
      </c>
      <c r="M30" s="68" t="s">
        <v>63</v>
      </c>
      <c r="N30" s="69" t="s">
        <v>2515</v>
      </c>
      <c r="O30" s="70"/>
      <c r="P30" s="70"/>
      <c r="Q30" s="71" t="str">
        <f t="shared" si="0"/>
        <v>Being implemented</v>
      </c>
      <c r="R30" s="33"/>
      <c r="S30" s="33"/>
      <c r="T30" s="33"/>
      <c r="U30" s="33"/>
      <c r="V30" s="33"/>
      <c r="W30" s="33"/>
      <c r="X30" s="33"/>
      <c r="Y30" s="33"/>
      <c r="Z30" s="38"/>
      <c r="AA30" s="38"/>
      <c r="AB30" s="38"/>
      <c r="AC30" s="38"/>
      <c r="AD30" s="38"/>
      <c r="AE30" s="38"/>
      <c r="AF30" s="38"/>
      <c r="AG30" s="38"/>
      <c r="AH30" s="38"/>
      <c r="AI30" s="38"/>
      <c r="AJ30" s="38"/>
      <c r="AK30" s="38"/>
      <c r="AL30" s="38"/>
      <c r="AM30" s="38"/>
      <c r="AN30" s="38"/>
      <c r="AO30" s="38"/>
      <c r="AP30" s="38"/>
      <c r="AQ30" s="38"/>
      <c r="AR30" s="38"/>
      <c r="AS30" s="38"/>
      <c r="AT30" s="38"/>
      <c r="AU30" s="38"/>
      <c r="AV30" s="38"/>
      <c r="AW30" s="38"/>
      <c r="AX30" s="38"/>
      <c r="AY30" s="38"/>
      <c r="AZ30" s="58">
        <f t="shared" si="1"/>
        <v>0</v>
      </c>
      <c r="BA30" s="26" t="e">
        <f t="shared" si="2"/>
        <v>#VALUE!</v>
      </c>
      <c r="BB30" s="27" t="str">
        <f t="shared" si="6"/>
        <v/>
      </c>
      <c r="BC30" s="27" t="str">
        <f t="shared" si="6"/>
        <v/>
      </c>
      <c r="BD30" s="27" t="str">
        <f t="shared" si="6"/>
        <v/>
      </c>
      <c r="BE30" s="27" t="str">
        <f t="shared" si="6"/>
        <v/>
      </c>
      <c r="BF30" s="27" t="str">
        <f t="shared" si="6"/>
        <v/>
      </c>
      <c r="BG30" s="27" t="str">
        <f t="shared" si="6"/>
        <v/>
      </c>
      <c r="BH30" s="27" t="str">
        <f t="shared" si="6"/>
        <v/>
      </c>
      <c r="BI30" s="27" t="str">
        <f t="shared" si="6"/>
        <v/>
      </c>
      <c r="BJ30" s="27" t="str">
        <f t="shared" si="6"/>
        <v/>
      </c>
      <c r="BK30" s="27" t="str">
        <f t="shared" si="6"/>
        <v/>
      </c>
      <c r="BL30" s="27" t="str">
        <f t="shared" si="6"/>
        <v/>
      </c>
      <c r="BM30" s="27" t="str">
        <f t="shared" si="6"/>
        <v/>
      </c>
      <c r="BN30" s="27" t="str">
        <f t="shared" si="6"/>
        <v/>
      </c>
      <c r="BO30" s="27" t="str">
        <f t="shared" si="6"/>
        <v/>
      </c>
      <c r="BP30" s="27" t="str">
        <f t="shared" si="6"/>
        <v/>
      </c>
      <c r="BQ30" s="27" t="str">
        <f t="shared" si="5"/>
        <v/>
      </c>
      <c r="BR30" s="27" t="str">
        <f t="shared" si="5"/>
        <v/>
      </c>
      <c r="BS30" s="27" t="str">
        <f t="shared" si="5"/>
        <v/>
      </c>
      <c r="BT30" s="27" t="str">
        <f t="shared" si="5"/>
        <v/>
      </c>
      <c r="BU30" s="27" t="str">
        <f t="shared" si="5"/>
        <v/>
      </c>
      <c r="BV30" s="27" t="str">
        <f t="shared" si="5"/>
        <v/>
      </c>
      <c r="BW30" s="27" t="str">
        <f t="shared" si="5"/>
        <v/>
      </c>
      <c r="BX30" s="27" t="str">
        <f t="shared" si="5"/>
        <v/>
      </c>
      <c r="BY30" s="27" t="str">
        <f t="shared" si="5"/>
        <v/>
      </c>
      <c r="BZ30" s="27" t="str">
        <f t="shared" si="5"/>
        <v/>
      </c>
      <c r="CA30" s="27" t="str">
        <f t="shared" si="5"/>
        <v/>
      </c>
      <c r="CB30" s="27" t="str">
        <f t="shared" si="5"/>
        <v/>
      </c>
      <c r="CC30" s="27" t="str">
        <f t="shared" si="5"/>
        <v/>
      </c>
      <c r="CD30" s="27" t="str">
        <f t="shared" si="5"/>
        <v/>
      </c>
      <c r="CE30" s="27" t="str">
        <f t="shared" si="5"/>
        <v/>
      </c>
      <c r="CF30" s="27" t="str">
        <f t="shared" si="5"/>
        <v/>
      </c>
      <c r="CG30" s="33" t="s">
        <v>660</v>
      </c>
      <c r="CH30" s="33"/>
      <c r="CI30" s="36" t="s">
        <v>661</v>
      </c>
    </row>
    <row r="31" spans="1:87" s="28" customFormat="1" ht="56.1" customHeight="1" x14ac:dyDescent="0.2">
      <c r="A31" s="22">
        <v>82</v>
      </c>
      <c r="B31" s="23" t="s">
        <v>53</v>
      </c>
      <c r="C31" s="35" t="s">
        <v>655</v>
      </c>
      <c r="D31" s="64" t="s">
        <v>656</v>
      </c>
      <c r="E31" s="65" t="s">
        <v>716</v>
      </c>
      <c r="F31" s="65"/>
      <c r="G31" s="65" t="s">
        <v>86</v>
      </c>
      <c r="H31" s="65"/>
      <c r="I31" s="65"/>
      <c r="J31" s="66" t="s">
        <v>77</v>
      </c>
      <c r="K31" s="67"/>
      <c r="L31" s="68" t="s">
        <v>63</v>
      </c>
      <c r="M31" s="68" t="s">
        <v>63</v>
      </c>
      <c r="N31" s="69">
        <v>175550</v>
      </c>
      <c r="O31" s="70"/>
      <c r="P31" s="70"/>
      <c r="Q31" s="71">
        <f t="shared" si="0"/>
        <v>175550</v>
      </c>
      <c r="R31" s="33"/>
      <c r="S31" s="33"/>
      <c r="T31" s="33"/>
      <c r="U31" s="33"/>
      <c r="V31" s="33"/>
      <c r="W31" s="33"/>
      <c r="X31" s="33"/>
      <c r="Y31" s="33"/>
      <c r="Z31" s="38"/>
      <c r="AA31" s="38"/>
      <c r="AB31" s="38"/>
      <c r="AC31" s="38"/>
      <c r="AD31" s="38"/>
      <c r="AE31" s="38"/>
      <c r="AF31" s="38"/>
      <c r="AG31" s="38"/>
      <c r="AH31" s="38"/>
      <c r="AI31" s="38"/>
      <c r="AJ31" s="38"/>
      <c r="AK31" s="38"/>
      <c r="AL31" s="38"/>
      <c r="AM31" s="38"/>
      <c r="AN31" s="38"/>
      <c r="AO31" s="38"/>
      <c r="AP31" s="38"/>
      <c r="AQ31" s="38"/>
      <c r="AR31" s="38"/>
      <c r="AS31" s="38"/>
      <c r="AT31" s="38"/>
      <c r="AU31" s="38"/>
      <c r="AV31" s="38"/>
      <c r="AW31" s="38"/>
      <c r="AX31" s="38"/>
      <c r="AY31" s="38"/>
      <c r="AZ31" s="58">
        <f t="shared" si="1"/>
        <v>0</v>
      </c>
      <c r="BA31" s="26" t="e">
        <f t="shared" si="2"/>
        <v>#DIV/0!</v>
      </c>
      <c r="BB31" s="27" t="str">
        <f t="shared" si="6"/>
        <v/>
      </c>
      <c r="BC31" s="27" t="str">
        <f t="shared" si="6"/>
        <v/>
      </c>
      <c r="BD31" s="27" t="str">
        <f t="shared" si="6"/>
        <v/>
      </c>
      <c r="BE31" s="27" t="str">
        <f t="shared" si="6"/>
        <v/>
      </c>
      <c r="BF31" s="27" t="str">
        <f t="shared" si="6"/>
        <v/>
      </c>
      <c r="BG31" s="27" t="str">
        <f t="shared" si="6"/>
        <v/>
      </c>
      <c r="BH31" s="27" t="str">
        <f t="shared" si="6"/>
        <v/>
      </c>
      <c r="BI31" s="27" t="str">
        <f t="shared" si="6"/>
        <v/>
      </c>
      <c r="BJ31" s="27" t="str">
        <f t="shared" si="6"/>
        <v/>
      </c>
      <c r="BK31" s="27" t="str">
        <f t="shared" si="6"/>
        <v/>
      </c>
      <c r="BL31" s="27" t="str">
        <f t="shared" si="6"/>
        <v/>
      </c>
      <c r="BM31" s="27" t="str">
        <f t="shared" si="6"/>
        <v/>
      </c>
      <c r="BN31" s="27" t="str">
        <f t="shared" si="6"/>
        <v/>
      </c>
      <c r="BO31" s="27" t="str">
        <f t="shared" si="6"/>
        <v/>
      </c>
      <c r="BP31" s="27" t="str">
        <f t="shared" si="6"/>
        <v/>
      </c>
      <c r="BQ31" s="27" t="str">
        <f t="shared" si="5"/>
        <v/>
      </c>
      <c r="BR31" s="27" t="str">
        <f t="shared" si="5"/>
        <v/>
      </c>
      <c r="BS31" s="27" t="str">
        <f t="shared" si="5"/>
        <v/>
      </c>
      <c r="BT31" s="27" t="str">
        <f t="shared" si="5"/>
        <v/>
      </c>
      <c r="BU31" s="27" t="str">
        <f t="shared" si="5"/>
        <v/>
      </c>
      <c r="BV31" s="27" t="str">
        <f t="shared" si="5"/>
        <v/>
      </c>
      <c r="BW31" s="27" t="str">
        <f t="shared" si="5"/>
        <v/>
      </c>
      <c r="BX31" s="27" t="str">
        <f t="shared" si="5"/>
        <v/>
      </c>
      <c r="BY31" s="27" t="str">
        <f t="shared" si="5"/>
        <v/>
      </c>
      <c r="BZ31" s="27" t="str">
        <f t="shared" si="5"/>
        <v/>
      </c>
      <c r="CA31" s="27" t="str">
        <f t="shared" si="5"/>
        <v/>
      </c>
      <c r="CB31" s="27" t="str">
        <f t="shared" si="5"/>
        <v/>
      </c>
      <c r="CC31" s="27" t="str">
        <f t="shared" si="5"/>
        <v/>
      </c>
      <c r="CD31" s="27" t="str">
        <f t="shared" si="5"/>
        <v/>
      </c>
      <c r="CE31" s="27" t="str">
        <f t="shared" si="5"/>
        <v/>
      </c>
      <c r="CF31" s="27" t="str">
        <f t="shared" si="5"/>
        <v/>
      </c>
      <c r="CG31" s="33" t="s">
        <v>660</v>
      </c>
      <c r="CH31" s="33"/>
      <c r="CI31" s="36" t="s">
        <v>661</v>
      </c>
    </row>
    <row r="32" spans="1:87" s="28" customFormat="1" ht="56.1" customHeight="1" x14ac:dyDescent="0.2">
      <c r="A32" s="22">
        <v>83</v>
      </c>
      <c r="B32" s="23" t="s">
        <v>53</v>
      </c>
      <c r="C32" s="35" t="s">
        <v>655</v>
      </c>
      <c r="D32" s="25" t="s">
        <v>656</v>
      </c>
      <c r="E32" s="32" t="s">
        <v>719</v>
      </c>
      <c r="F32" s="32"/>
      <c r="G32" s="32" t="s">
        <v>86</v>
      </c>
      <c r="H32" s="32" t="s">
        <v>721</v>
      </c>
      <c r="I32" s="32"/>
      <c r="J32" s="29" t="s">
        <v>77</v>
      </c>
      <c r="K32" s="31" t="s">
        <v>722</v>
      </c>
      <c r="L32" s="26" t="s">
        <v>63</v>
      </c>
      <c r="M32" s="26" t="s">
        <v>63</v>
      </c>
      <c r="N32" s="39">
        <v>37618</v>
      </c>
      <c r="O32" s="33"/>
      <c r="P32" s="33"/>
      <c r="Q32" s="43">
        <f t="shared" si="0"/>
        <v>37618</v>
      </c>
      <c r="R32" s="33"/>
      <c r="S32" s="33"/>
      <c r="T32" s="33"/>
      <c r="U32" s="33"/>
      <c r="V32" s="33"/>
      <c r="W32" s="33"/>
      <c r="X32" s="33"/>
      <c r="Y32" s="33"/>
      <c r="Z32" s="38"/>
      <c r="AA32" s="38"/>
      <c r="AB32" s="38"/>
      <c r="AC32" s="38"/>
      <c r="AD32" s="38"/>
      <c r="AE32" s="38"/>
      <c r="AF32" s="38"/>
      <c r="AG32" s="38"/>
      <c r="AH32" s="38"/>
      <c r="AI32" s="38"/>
      <c r="AJ32" s="38"/>
      <c r="AK32" s="38"/>
      <c r="AL32" s="38"/>
      <c r="AM32" s="38"/>
      <c r="AN32" s="38"/>
      <c r="AO32" s="38"/>
      <c r="AP32" s="38"/>
      <c r="AQ32" s="38"/>
      <c r="AR32" s="38"/>
      <c r="AS32" s="38"/>
      <c r="AT32" s="38"/>
      <c r="AU32" s="38"/>
      <c r="AV32" s="38"/>
      <c r="AW32" s="38"/>
      <c r="AX32" s="38"/>
      <c r="AY32" s="38"/>
      <c r="AZ32" s="58">
        <f t="shared" si="1"/>
        <v>0</v>
      </c>
      <c r="BA32" s="26" t="e">
        <f t="shared" si="2"/>
        <v>#DIV/0!</v>
      </c>
      <c r="BB32" s="27" t="str">
        <f t="shared" si="6"/>
        <v/>
      </c>
      <c r="BC32" s="27" t="str">
        <f t="shared" si="6"/>
        <v/>
      </c>
      <c r="BD32" s="27" t="str">
        <f t="shared" si="6"/>
        <v/>
      </c>
      <c r="BE32" s="27" t="str">
        <f t="shared" si="6"/>
        <v/>
      </c>
      <c r="BF32" s="27" t="str">
        <f t="shared" si="6"/>
        <v/>
      </c>
      <c r="BG32" s="27" t="str">
        <f t="shared" si="6"/>
        <v/>
      </c>
      <c r="BH32" s="27" t="str">
        <f t="shared" si="6"/>
        <v/>
      </c>
      <c r="BI32" s="27" t="str">
        <f t="shared" si="6"/>
        <v/>
      </c>
      <c r="BJ32" s="27" t="str">
        <f t="shared" si="6"/>
        <v/>
      </c>
      <c r="BK32" s="27" t="str">
        <f t="shared" si="6"/>
        <v/>
      </c>
      <c r="BL32" s="27" t="str">
        <f t="shared" si="6"/>
        <v/>
      </c>
      <c r="BM32" s="27" t="str">
        <f t="shared" si="6"/>
        <v/>
      </c>
      <c r="BN32" s="27" t="str">
        <f t="shared" si="6"/>
        <v/>
      </c>
      <c r="BO32" s="27" t="str">
        <f t="shared" si="6"/>
        <v/>
      </c>
      <c r="BP32" s="27" t="str">
        <f t="shared" si="6"/>
        <v/>
      </c>
      <c r="BQ32" s="27" t="str">
        <f t="shared" si="5"/>
        <v/>
      </c>
      <c r="BR32" s="27" t="str">
        <f t="shared" si="5"/>
        <v/>
      </c>
      <c r="BS32" s="27" t="str">
        <f t="shared" si="5"/>
        <v/>
      </c>
      <c r="BT32" s="27" t="str">
        <f t="shared" si="5"/>
        <v/>
      </c>
      <c r="BU32" s="27" t="str">
        <f t="shared" si="5"/>
        <v/>
      </c>
      <c r="BV32" s="27" t="str">
        <f t="shared" si="5"/>
        <v/>
      </c>
      <c r="BW32" s="27" t="str">
        <f t="shared" si="5"/>
        <v/>
      </c>
      <c r="BX32" s="27" t="str">
        <f t="shared" si="5"/>
        <v/>
      </c>
      <c r="BY32" s="27" t="str">
        <f t="shared" si="5"/>
        <v/>
      </c>
      <c r="BZ32" s="27" t="str">
        <f t="shared" si="5"/>
        <v/>
      </c>
      <c r="CA32" s="27" t="str">
        <f t="shared" si="5"/>
        <v/>
      </c>
      <c r="CB32" s="27" t="str">
        <f t="shared" si="5"/>
        <v/>
      </c>
      <c r="CC32" s="27" t="str">
        <f t="shared" si="5"/>
        <v/>
      </c>
      <c r="CD32" s="27" t="str">
        <f t="shared" si="5"/>
        <v/>
      </c>
      <c r="CE32" s="27" t="str">
        <f t="shared" si="5"/>
        <v/>
      </c>
      <c r="CF32" s="27" t="str">
        <f t="shared" si="5"/>
        <v/>
      </c>
      <c r="CG32" s="33" t="s">
        <v>660</v>
      </c>
      <c r="CH32" s="33"/>
      <c r="CI32" s="36" t="s">
        <v>661</v>
      </c>
    </row>
    <row r="33" spans="1:87" s="28" customFormat="1" ht="56.1" customHeight="1" x14ac:dyDescent="0.2">
      <c r="A33" s="22">
        <v>84</v>
      </c>
      <c r="B33" s="23" t="s">
        <v>53</v>
      </c>
      <c r="C33" s="35" t="s">
        <v>655</v>
      </c>
      <c r="D33" s="25" t="s">
        <v>656</v>
      </c>
      <c r="E33" s="32" t="s">
        <v>724</v>
      </c>
      <c r="F33" s="32"/>
      <c r="G33" s="32" t="s">
        <v>86</v>
      </c>
      <c r="H33" s="32" t="s">
        <v>721</v>
      </c>
      <c r="I33" s="32"/>
      <c r="J33" s="29" t="s">
        <v>77</v>
      </c>
      <c r="K33" s="31" t="s">
        <v>722</v>
      </c>
      <c r="L33" s="26" t="s">
        <v>63</v>
      </c>
      <c r="M33" s="26" t="s">
        <v>63</v>
      </c>
      <c r="N33" s="39">
        <v>56427</v>
      </c>
      <c r="O33" s="33"/>
      <c r="P33" s="33"/>
      <c r="Q33" s="43">
        <f t="shared" si="0"/>
        <v>56427</v>
      </c>
      <c r="R33" s="33"/>
      <c r="S33" s="33"/>
      <c r="T33" s="33"/>
      <c r="U33" s="33"/>
      <c r="V33" s="33"/>
      <c r="W33" s="33"/>
      <c r="X33" s="33"/>
      <c r="Y33" s="33"/>
      <c r="Z33" s="38"/>
      <c r="AA33" s="38"/>
      <c r="AB33" s="38"/>
      <c r="AC33" s="38"/>
      <c r="AD33" s="38"/>
      <c r="AE33" s="38"/>
      <c r="AF33" s="38"/>
      <c r="AG33" s="38"/>
      <c r="AH33" s="38"/>
      <c r="AI33" s="38"/>
      <c r="AJ33" s="38"/>
      <c r="AK33" s="38"/>
      <c r="AL33" s="38"/>
      <c r="AM33" s="38"/>
      <c r="AN33" s="38"/>
      <c r="AO33" s="38"/>
      <c r="AP33" s="38"/>
      <c r="AQ33" s="38"/>
      <c r="AR33" s="38"/>
      <c r="AS33" s="38"/>
      <c r="AT33" s="38"/>
      <c r="AU33" s="38"/>
      <c r="AV33" s="38"/>
      <c r="AW33" s="38"/>
      <c r="AX33" s="38"/>
      <c r="AY33" s="38"/>
      <c r="AZ33" s="58">
        <f t="shared" si="1"/>
        <v>0</v>
      </c>
      <c r="BA33" s="26" t="e">
        <f t="shared" si="2"/>
        <v>#DIV/0!</v>
      </c>
      <c r="BB33" s="27" t="str">
        <f t="shared" si="6"/>
        <v/>
      </c>
      <c r="BC33" s="27" t="str">
        <f t="shared" si="6"/>
        <v/>
      </c>
      <c r="BD33" s="27" t="str">
        <f t="shared" si="6"/>
        <v/>
      </c>
      <c r="BE33" s="27" t="str">
        <f t="shared" si="6"/>
        <v/>
      </c>
      <c r="BF33" s="27" t="str">
        <f t="shared" si="6"/>
        <v/>
      </c>
      <c r="BG33" s="27" t="str">
        <f t="shared" si="6"/>
        <v/>
      </c>
      <c r="BH33" s="27" t="str">
        <f t="shared" si="6"/>
        <v/>
      </c>
      <c r="BI33" s="27" t="str">
        <f t="shared" si="6"/>
        <v/>
      </c>
      <c r="BJ33" s="27" t="str">
        <f t="shared" si="6"/>
        <v/>
      </c>
      <c r="BK33" s="27" t="str">
        <f t="shared" si="6"/>
        <v/>
      </c>
      <c r="BL33" s="27" t="str">
        <f t="shared" si="6"/>
        <v/>
      </c>
      <c r="BM33" s="27" t="str">
        <f t="shared" si="6"/>
        <v/>
      </c>
      <c r="BN33" s="27" t="str">
        <f t="shared" si="6"/>
        <v/>
      </c>
      <c r="BO33" s="27" t="str">
        <f t="shared" si="6"/>
        <v/>
      </c>
      <c r="BP33" s="27" t="str">
        <f t="shared" si="6"/>
        <v/>
      </c>
      <c r="BQ33" s="27" t="str">
        <f t="shared" si="5"/>
        <v/>
      </c>
      <c r="BR33" s="27" t="str">
        <f t="shared" si="5"/>
        <v/>
      </c>
      <c r="BS33" s="27" t="str">
        <f t="shared" si="5"/>
        <v/>
      </c>
      <c r="BT33" s="27" t="str">
        <f t="shared" si="5"/>
        <v/>
      </c>
      <c r="BU33" s="27" t="str">
        <f t="shared" si="5"/>
        <v/>
      </c>
      <c r="BV33" s="27" t="str">
        <f t="shared" si="5"/>
        <v/>
      </c>
      <c r="BW33" s="27" t="str">
        <f t="shared" si="5"/>
        <v/>
      </c>
      <c r="BX33" s="27" t="str">
        <f t="shared" si="5"/>
        <v/>
      </c>
      <c r="BY33" s="27" t="str">
        <f t="shared" si="5"/>
        <v/>
      </c>
      <c r="BZ33" s="27" t="str">
        <f t="shared" si="5"/>
        <v/>
      </c>
      <c r="CA33" s="27" t="str">
        <f t="shared" si="5"/>
        <v/>
      </c>
      <c r="CB33" s="27" t="str">
        <f t="shared" si="5"/>
        <v/>
      </c>
      <c r="CC33" s="27" t="str">
        <f t="shared" si="5"/>
        <v/>
      </c>
      <c r="CD33" s="27" t="str">
        <f t="shared" si="5"/>
        <v/>
      </c>
      <c r="CE33" s="27" t="str">
        <f t="shared" si="5"/>
        <v/>
      </c>
      <c r="CF33" s="27" t="str">
        <f t="shared" si="5"/>
        <v/>
      </c>
      <c r="CG33" s="33" t="s">
        <v>660</v>
      </c>
      <c r="CH33" s="33"/>
      <c r="CI33" s="36" t="s">
        <v>661</v>
      </c>
    </row>
    <row r="34" spans="1:87" s="28" customFormat="1" ht="56.1" customHeight="1" x14ac:dyDescent="0.2">
      <c r="A34" s="22">
        <v>85</v>
      </c>
      <c r="B34" s="23" t="s">
        <v>53</v>
      </c>
      <c r="C34" s="35" t="s">
        <v>655</v>
      </c>
      <c r="D34" s="25" t="s">
        <v>656</v>
      </c>
      <c r="E34" s="32" t="s">
        <v>726</v>
      </c>
      <c r="F34" s="32"/>
      <c r="G34" s="32" t="s">
        <v>86</v>
      </c>
      <c r="H34" s="32" t="s">
        <v>721</v>
      </c>
      <c r="I34" s="32"/>
      <c r="J34" s="29" t="s">
        <v>77</v>
      </c>
      <c r="K34" s="31" t="s">
        <v>722</v>
      </c>
      <c r="L34" s="26" t="s">
        <v>63</v>
      </c>
      <c r="M34" s="26" t="s">
        <v>63</v>
      </c>
      <c r="N34" s="39">
        <v>639505</v>
      </c>
      <c r="O34" s="33"/>
      <c r="P34" s="33"/>
      <c r="Q34" s="43">
        <f t="shared" si="0"/>
        <v>639505</v>
      </c>
      <c r="R34" s="33"/>
      <c r="S34" s="33"/>
      <c r="T34" s="33"/>
      <c r="U34" s="33"/>
      <c r="V34" s="33"/>
      <c r="W34" s="33"/>
      <c r="X34" s="33"/>
      <c r="Y34" s="33"/>
      <c r="Z34" s="38"/>
      <c r="AA34" s="38"/>
      <c r="AB34" s="38"/>
      <c r="AC34" s="38"/>
      <c r="AD34" s="38"/>
      <c r="AE34" s="38"/>
      <c r="AF34" s="38"/>
      <c r="AG34" s="38"/>
      <c r="AH34" s="38"/>
      <c r="AI34" s="38"/>
      <c r="AJ34" s="38"/>
      <c r="AK34" s="38"/>
      <c r="AL34" s="38"/>
      <c r="AM34" s="38"/>
      <c r="AN34" s="38"/>
      <c r="AO34" s="38"/>
      <c r="AP34" s="38"/>
      <c r="AQ34" s="38"/>
      <c r="AR34" s="38"/>
      <c r="AS34" s="38"/>
      <c r="AT34" s="38"/>
      <c r="AU34" s="38"/>
      <c r="AV34" s="38"/>
      <c r="AW34" s="38"/>
      <c r="AX34" s="38"/>
      <c r="AY34" s="38"/>
      <c r="AZ34" s="58">
        <f t="shared" si="1"/>
        <v>0</v>
      </c>
      <c r="BA34" s="26" t="e">
        <f t="shared" si="2"/>
        <v>#DIV/0!</v>
      </c>
      <c r="BB34" s="27" t="str">
        <f t="shared" si="6"/>
        <v/>
      </c>
      <c r="BC34" s="27" t="str">
        <f t="shared" si="6"/>
        <v/>
      </c>
      <c r="BD34" s="27" t="str">
        <f t="shared" si="6"/>
        <v/>
      </c>
      <c r="BE34" s="27" t="str">
        <f t="shared" si="6"/>
        <v/>
      </c>
      <c r="BF34" s="27" t="str">
        <f t="shared" si="6"/>
        <v/>
      </c>
      <c r="BG34" s="27" t="str">
        <f t="shared" si="6"/>
        <v/>
      </c>
      <c r="BH34" s="27" t="str">
        <f t="shared" si="6"/>
        <v/>
      </c>
      <c r="BI34" s="27" t="str">
        <f t="shared" si="6"/>
        <v/>
      </c>
      <c r="BJ34" s="27" t="str">
        <f t="shared" si="6"/>
        <v/>
      </c>
      <c r="BK34" s="27" t="str">
        <f t="shared" si="6"/>
        <v/>
      </c>
      <c r="BL34" s="27" t="str">
        <f t="shared" si="6"/>
        <v/>
      </c>
      <c r="BM34" s="27" t="str">
        <f t="shared" si="6"/>
        <v/>
      </c>
      <c r="BN34" s="27" t="str">
        <f t="shared" si="6"/>
        <v/>
      </c>
      <c r="BO34" s="27" t="str">
        <f t="shared" si="6"/>
        <v/>
      </c>
      <c r="BP34" s="27" t="str">
        <f t="shared" si="6"/>
        <v/>
      </c>
      <c r="BQ34" s="27" t="str">
        <f t="shared" si="5"/>
        <v/>
      </c>
      <c r="BR34" s="27" t="str">
        <f t="shared" si="5"/>
        <v/>
      </c>
      <c r="BS34" s="27" t="str">
        <f t="shared" si="5"/>
        <v/>
      </c>
      <c r="BT34" s="27" t="str">
        <f t="shared" si="5"/>
        <v/>
      </c>
      <c r="BU34" s="27" t="str">
        <f t="shared" si="5"/>
        <v/>
      </c>
      <c r="BV34" s="27" t="str">
        <f t="shared" si="5"/>
        <v/>
      </c>
      <c r="BW34" s="27" t="str">
        <f t="shared" si="5"/>
        <v/>
      </c>
      <c r="BX34" s="27" t="str">
        <f t="shared" si="5"/>
        <v/>
      </c>
      <c r="BY34" s="27" t="str">
        <f t="shared" si="5"/>
        <v/>
      </c>
      <c r="BZ34" s="27" t="str">
        <f t="shared" si="5"/>
        <v/>
      </c>
      <c r="CA34" s="27" t="str">
        <f t="shared" si="5"/>
        <v/>
      </c>
      <c r="CB34" s="27" t="str">
        <f t="shared" si="5"/>
        <v/>
      </c>
      <c r="CC34" s="27" t="str">
        <f t="shared" si="5"/>
        <v/>
      </c>
      <c r="CD34" s="27" t="str">
        <f t="shared" si="5"/>
        <v/>
      </c>
      <c r="CE34" s="27" t="str">
        <f t="shared" si="5"/>
        <v/>
      </c>
      <c r="CF34" s="27" t="str">
        <f t="shared" si="5"/>
        <v/>
      </c>
      <c r="CG34" s="33" t="s">
        <v>660</v>
      </c>
      <c r="CH34" s="33"/>
      <c r="CI34" s="36" t="s">
        <v>661</v>
      </c>
    </row>
    <row r="35" spans="1:87" s="28" customFormat="1" ht="56.1" customHeight="1" x14ac:dyDescent="0.2">
      <c r="A35" s="22">
        <v>86</v>
      </c>
      <c r="B35" s="23" t="s">
        <v>53</v>
      </c>
      <c r="C35" s="35" t="s">
        <v>655</v>
      </c>
      <c r="D35" s="25" t="s">
        <v>656</v>
      </c>
      <c r="E35" s="32" t="s">
        <v>728</v>
      </c>
      <c r="F35" s="32"/>
      <c r="G35" s="32" t="s">
        <v>86</v>
      </c>
      <c r="H35" s="32" t="s">
        <v>721</v>
      </c>
      <c r="I35" s="32"/>
      <c r="J35" s="29" t="s">
        <v>77</v>
      </c>
      <c r="K35" s="31" t="s">
        <v>722</v>
      </c>
      <c r="L35" s="26" t="s">
        <v>63</v>
      </c>
      <c r="M35" s="26" t="s">
        <v>63</v>
      </c>
      <c r="N35" s="39">
        <v>150472</v>
      </c>
      <c r="O35" s="33"/>
      <c r="P35" s="33"/>
      <c r="Q35" s="43">
        <f t="shared" si="0"/>
        <v>150472</v>
      </c>
      <c r="R35" s="33"/>
      <c r="S35" s="33"/>
      <c r="T35" s="33"/>
      <c r="U35" s="33"/>
      <c r="V35" s="33"/>
      <c r="W35" s="33"/>
      <c r="X35" s="33"/>
      <c r="Y35" s="33"/>
      <c r="Z35" s="38"/>
      <c r="AA35" s="38"/>
      <c r="AB35" s="38"/>
      <c r="AC35" s="38"/>
      <c r="AD35" s="38"/>
      <c r="AE35" s="38"/>
      <c r="AF35" s="38"/>
      <c r="AG35" s="38"/>
      <c r="AH35" s="38"/>
      <c r="AI35" s="38"/>
      <c r="AJ35" s="38"/>
      <c r="AK35" s="38"/>
      <c r="AL35" s="38"/>
      <c r="AM35" s="38"/>
      <c r="AN35" s="38"/>
      <c r="AO35" s="38"/>
      <c r="AP35" s="38"/>
      <c r="AQ35" s="38"/>
      <c r="AR35" s="38"/>
      <c r="AS35" s="38"/>
      <c r="AT35" s="38"/>
      <c r="AU35" s="38"/>
      <c r="AV35" s="38"/>
      <c r="AW35" s="38"/>
      <c r="AX35" s="38"/>
      <c r="AY35" s="38"/>
      <c r="AZ35" s="58">
        <f t="shared" si="1"/>
        <v>0</v>
      </c>
      <c r="BA35" s="26" t="e">
        <f t="shared" si="2"/>
        <v>#DIV/0!</v>
      </c>
      <c r="BB35" s="27" t="str">
        <f t="shared" si="6"/>
        <v/>
      </c>
      <c r="BC35" s="27" t="str">
        <f t="shared" si="6"/>
        <v/>
      </c>
      <c r="BD35" s="27" t="str">
        <f t="shared" si="6"/>
        <v/>
      </c>
      <c r="BE35" s="27" t="str">
        <f t="shared" si="6"/>
        <v/>
      </c>
      <c r="BF35" s="27" t="str">
        <f t="shared" si="6"/>
        <v/>
      </c>
      <c r="BG35" s="27" t="str">
        <f t="shared" si="6"/>
        <v/>
      </c>
      <c r="BH35" s="27" t="str">
        <f t="shared" si="6"/>
        <v/>
      </c>
      <c r="BI35" s="27" t="str">
        <f t="shared" si="6"/>
        <v/>
      </c>
      <c r="BJ35" s="27" t="str">
        <f t="shared" si="6"/>
        <v/>
      </c>
      <c r="BK35" s="27" t="str">
        <f t="shared" si="6"/>
        <v/>
      </c>
      <c r="BL35" s="27" t="str">
        <f t="shared" si="6"/>
        <v/>
      </c>
      <c r="BM35" s="27" t="str">
        <f t="shared" si="6"/>
        <v/>
      </c>
      <c r="BN35" s="27" t="str">
        <f t="shared" si="6"/>
        <v/>
      </c>
      <c r="BO35" s="27" t="str">
        <f t="shared" si="6"/>
        <v/>
      </c>
      <c r="BP35" s="27" t="str">
        <f t="shared" si="6"/>
        <v/>
      </c>
      <c r="BQ35" s="27" t="str">
        <f t="shared" si="5"/>
        <v/>
      </c>
      <c r="BR35" s="27" t="str">
        <f t="shared" si="5"/>
        <v/>
      </c>
      <c r="BS35" s="27" t="str">
        <f t="shared" si="5"/>
        <v/>
      </c>
      <c r="BT35" s="27" t="str">
        <f t="shared" si="5"/>
        <v/>
      </c>
      <c r="BU35" s="27" t="str">
        <f t="shared" si="5"/>
        <v/>
      </c>
      <c r="BV35" s="27" t="str">
        <f t="shared" si="5"/>
        <v/>
      </c>
      <c r="BW35" s="27" t="str">
        <f t="shared" si="5"/>
        <v/>
      </c>
      <c r="BX35" s="27" t="str">
        <f t="shared" si="5"/>
        <v/>
      </c>
      <c r="BY35" s="27" t="str">
        <f t="shared" si="5"/>
        <v/>
      </c>
      <c r="BZ35" s="27" t="str">
        <f t="shared" si="5"/>
        <v/>
      </c>
      <c r="CA35" s="27" t="str">
        <f t="shared" si="5"/>
        <v/>
      </c>
      <c r="CB35" s="27" t="str">
        <f t="shared" si="5"/>
        <v/>
      </c>
      <c r="CC35" s="27" t="str">
        <f t="shared" si="5"/>
        <v/>
      </c>
      <c r="CD35" s="27" t="str">
        <f t="shared" ref="CD35:CF98" si="7">IF(AW35="yes",(AW$2*$BA35),"")</f>
        <v/>
      </c>
      <c r="CE35" s="27" t="str">
        <f t="shared" si="7"/>
        <v/>
      </c>
      <c r="CF35" s="27" t="str">
        <f t="shared" si="7"/>
        <v/>
      </c>
      <c r="CG35" s="33" t="s">
        <v>660</v>
      </c>
      <c r="CH35" s="33"/>
      <c r="CI35" s="36" t="s">
        <v>661</v>
      </c>
    </row>
    <row r="36" spans="1:87" s="28" customFormat="1" ht="56.1" customHeight="1" x14ac:dyDescent="0.2">
      <c r="A36" s="22">
        <v>87</v>
      </c>
      <c r="B36" s="23" t="s">
        <v>53</v>
      </c>
      <c r="C36" s="35" t="s">
        <v>655</v>
      </c>
      <c r="D36" s="25" t="s">
        <v>656</v>
      </c>
      <c r="E36" s="32" t="s">
        <v>730</v>
      </c>
      <c r="F36" s="32"/>
      <c r="G36" s="32" t="s">
        <v>86</v>
      </c>
      <c r="H36" s="32" t="s">
        <v>732</v>
      </c>
      <c r="I36" s="32"/>
      <c r="J36" s="29" t="s">
        <v>77</v>
      </c>
      <c r="K36" s="31" t="s">
        <v>722</v>
      </c>
      <c r="L36" s="26" t="s">
        <v>63</v>
      </c>
      <c r="M36" s="26" t="s">
        <v>63</v>
      </c>
      <c r="N36" s="39">
        <v>31348</v>
      </c>
      <c r="O36" s="33"/>
      <c r="P36" s="33"/>
      <c r="Q36" s="43">
        <f t="shared" si="0"/>
        <v>31348</v>
      </c>
      <c r="R36" s="33"/>
      <c r="S36" s="33"/>
      <c r="T36" s="33"/>
      <c r="U36" s="33"/>
      <c r="V36" s="33"/>
      <c r="W36" s="33"/>
      <c r="X36" s="33"/>
      <c r="Y36" s="33"/>
      <c r="Z36" s="38"/>
      <c r="AA36" s="38"/>
      <c r="AB36" s="38"/>
      <c r="AC36" s="38"/>
      <c r="AD36" s="38"/>
      <c r="AE36" s="38"/>
      <c r="AF36" s="38"/>
      <c r="AG36" s="38"/>
      <c r="AH36" s="38"/>
      <c r="AI36" s="38"/>
      <c r="AJ36" s="38"/>
      <c r="AK36" s="38"/>
      <c r="AL36" s="38"/>
      <c r="AM36" s="38"/>
      <c r="AN36" s="38"/>
      <c r="AO36" s="38"/>
      <c r="AP36" s="38"/>
      <c r="AQ36" s="38"/>
      <c r="AR36" s="38"/>
      <c r="AS36" s="38"/>
      <c r="AT36" s="38"/>
      <c r="AU36" s="38"/>
      <c r="AV36" s="38"/>
      <c r="AW36" s="38"/>
      <c r="AX36" s="38"/>
      <c r="AY36" s="38"/>
      <c r="AZ36" s="58">
        <f t="shared" si="1"/>
        <v>0</v>
      </c>
      <c r="BA36" s="26" t="e">
        <f t="shared" si="2"/>
        <v>#DIV/0!</v>
      </c>
      <c r="BB36" s="27" t="str">
        <f t="shared" ref="BB36:BQ51" si="8">IF(U36="yes",(U$2*$BA36),"")</f>
        <v/>
      </c>
      <c r="BC36" s="27" t="str">
        <f t="shared" si="8"/>
        <v/>
      </c>
      <c r="BD36" s="27" t="str">
        <f t="shared" si="8"/>
        <v/>
      </c>
      <c r="BE36" s="27" t="str">
        <f t="shared" si="8"/>
        <v/>
      </c>
      <c r="BF36" s="27" t="str">
        <f t="shared" si="8"/>
        <v/>
      </c>
      <c r="BG36" s="27" t="str">
        <f t="shared" si="8"/>
        <v/>
      </c>
      <c r="BH36" s="27" t="str">
        <f t="shared" si="8"/>
        <v/>
      </c>
      <c r="BI36" s="27" t="str">
        <f t="shared" si="8"/>
        <v/>
      </c>
      <c r="BJ36" s="27" t="str">
        <f t="shared" si="8"/>
        <v/>
      </c>
      <c r="BK36" s="27" t="str">
        <f t="shared" si="8"/>
        <v/>
      </c>
      <c r="BL36" s="27" t="str">
        <f t="shared" si="8"/>
        <v/>
      </c>
      <c r="BM36" s="27" t="str">
        <f t="shared" si="8"/>
        <v/>
      </c>
      <c r="BN36" s="27" t="str">
        <f t="shared" si="8"/>
        <v/>
      </c>
      <c r="BO36" s="27" t="str">
        <f t="shared" si="8"/>
        <v/>
      </c>
      <c r="BP36" s="27" t="str">
        <f t="shared" si="8"/>
        <v/>
      </c>
      <c r="BQ36" s="27" t="str">
        <f t="shared" si="8"/>
        <v/>
      </c>
      <c r="BR36" s="27" t="str">
        <f t="shared" ref="BR36:CC57" si="9">IF(AK36="yes",(AK$2*$BA36),"")</f>
        <v/>
      </c>
      <c r="BS36" s="27" t="str">
        <f t="shared" si="9"/>
        <v/>
      </c>
      <c r="BT36" s="27" t="str">
        <f t="shared" si="9"/>
        <v/>
      </c>
      <c r="BU36" s="27" t="str">
        <f t="shared" si="9"/>
        <v/>
      </c>
      <c r="BV36" s="27" t="str">
        <f t="shared" si="9"/>
        <v/>
      </c>
      <c r="BW36" s="27" t="str">
        <f t="shared" si="9"/>
        <v/>
      </c>
      <c r="BX36" s="27" t="str">
        <f t="shared" si="9"/>
        <v/>
      </c>
      <c r="BY36" s="27" t="str">
        <f t="shared" si="9"/>
        <v/>
      </c>
      <c r="BZ36" s="27" t="str">
        <f t="shared" si="9"/>
        <v/>
      </c>
      <c r="CA36" s="27" t="str">
        <f t="shared" si="9"/>
        <v/>
      </c>
      <c r="CB36" s="27" t="str">
        <f t="shared" si="9"/>
        <v/>
      </c>
      <c r="CC36" s="27" t="str">
        <f t="shared" si="9"/>
        <v/>
      </c>
      <c r="CD36" s="27" t="str">
        <f t="shared" si="7"/>
        <v/>
      </c>
      <c r="CE36" s="27" t="str">
        <f t="shared" si="7"/>
        <v/>
      </c>
      <c r="CF36" s="27" t="str">
        <f t="shared" si="7"/>
        <v/>
      </c>
      <c r="CG36" s="33" t="s">
        <v>660</v>
      </c>
      <c r="CH36" s="33"/>
      <c r="CI36" s="36" t="s">
        <v>661</v>
      </c>
    </row>
    <row r="37" spans="1:87" s="28" customFormat="1" ht="56.1" customHeight="1" x14ac:dyDescent="0.2">
      <c r="A37" s="22">
        <v>88</v>
      </c>
      <c r="B37" s="23" t="s">
        <v>53</v>
      </c>
      <c r="C37" s="35" t="s">
        <v>655</v>
      </c>
      <c r="D37" s="25" t="s">
        <v>656</v>
      </c>
      <c r="E37" s="32" t="s">
        <v>733</v>
      </c>
      <c r="F37" s="32"/>
      <c r="G37" s="32" t="s">
        <v>86</v>
      </c>
      <c r="H37" s="32" t="s">
        <v>732</v>
      </c>
      <c r="I37" s="32"/>
      <c r="J37" s="29" t="s">
        <v>77</v>
      </c>
      <c r="K37" s="31" t="s">
        <v>722</v>
      </c>
      <c r="L37" s="26" t="s">
        <v>63</v>
      </c>
      <c r="M37" s="26" t="s">
        <v>63</v>
      </c>
      <c r="N37" s="39">
        <v>238247</v>
      </c>
      <c r="O37" s="33"/>
      <c r="P37" s="33"/>
      <c r="Q37" s="43">
        <f t="shared" si="0"/>
        <v>238247</v>
      </c>
      <c r="R37" s="33"/>
      <c r="S37" s="33"/>
      <c r="T37" s="33"/>
      <c r="U37" s="33"/>
      <c r="V37" s="33"/>
      <c r="W37" s="33"/>
      <c r="X37" s="33"/>
      <c r="Y37" s="33"/>
      <c r="Z37" s="38"/>
      <c r="AA37" s="38"/>
      <c r="AB37" s="38"/>
      <c r="AC37" s="38"/>
      <c r="AD37" s="38"/>
      <c r="AE37" s="38"/>
      <c r="AF37" s="38"/>
      <c r="AG37" s="38"/>
      <c r="AH37" s="38"/>
      <c r="AI37" s="38"/>
      <c r="AJ37" s="38"/>
      <c r="AK37" s="38"/>
      <c r="AL37" s="38"/>
      <c r="AM37" s="38"/>
      <c r="AN37" s="38"/>
      <c r="AO37" s="38"/>
      <c r="AP37" s="38"/>
      <c r="AQ37" s="38"/>
      <c r="AR37" s="38"/>
      <c r="AS37" s="38"/>
      <c r="AT37" s="38"/>
      <c r="AU37" s="38"/>
      <c r="AV37" s="38"/>
      <c r="AW37" s="38"/>
      <c r="AX37" s="38"/>
      <c r="AY37" s="38"/>
      <c r="AZ37" s="58">
        <f t="shared" si="1"/>
        <v>0</v>
      </c>
      <c r="BA37" s="26" t="e">
        <f t="shared" si="2"/>
        <v>#DIV/0!</v>
      </c>
      <c r="BB37" s="27" t="str">
        <f t="shared" si="8"/>
        <v/>
      </c>
      <c r="BC37" s="27" t="str">
        <f t="shared" si="8"/>
        <v/>
      </c>
      <c r="BD37" s="27" t="str">
        <f t="shared" si="8"/>
        <v/>
      </c>
      <c r="BE37" s="27" t="str">
        <f t="shared" si="8"/>
        <v/>
      </c>
      <c r="BF37" s="27" t="str">
        <f t="shared" si="8"/>
        <v/>
      </c>
      <c r="BG37" s="27" t="str">
        <f t="shared" si="8"/>
        <v/>
      </c>
      <c r="BH37" s="27" t="str">
        <f t="shared" si="8"/>
        <v/>
      </c>
      <c r="BI37" s="27" t="str">
        <f t="shared" si="8"/>
        <v/>
      </c>
      <c r="BJ37" s="27" t="str">
        <f t="shared" si="8"/>
        <v/>
      </c>
      <c r="BK37" s="27" t="str">
        <f t="shared" si="8"/>
        <v/>
      </c>
      <c r="BL37" s="27" t="str">
        <f t="shared" si="8"/>
        <v/>
      </c>
      <c r="BM37" s="27" t="str">
        <f t="shared" si="8"/>
        <v/>
      </c>
      <c r="BN37" s="27" t="str">
        <f t="shared" si="8"/>
        <v/>
      </c>
      <c r="BO37" s="27" t="str">
        <f t="shared" si="8"/>
        <v/>
      </c>
      <c r="BP37" s="27" t="str">
        <f t="shared" si="8"/>
        <v/>
      </c>
      <c r="BQ37" s="27" t="str">
        <f t="shared" si="8"/>
        <v/>
      </c>
      <c r="BR37" s="27" t="str">
        <f t="shared" si="9"/>
        <v/>
      </c>
      <c r="BS37" s="27" t="str">
        <f t="shared" si="9"/>
        <v/>
      </c>
      <c r="BT37" s="27" t="str">
        <f t="shared" si="9"/>
        <v/>
      </c>
      <c r="BU37" s="27" t="str">
        <f t="shared" si="9"/>
        <v/>
      </c>
      <c r="BV37" s="27" t="str">
        <f t="shared" si="9"/>
        <v/>
      </c>
      <c r="BW37" s="27" t="str">
        <f t="shared" si="9"/>
        <v/>
      </c>
      <c r="BX37" s="27" t="str">
        <f t="shared" si="9"/>
        <v/>
      </c>
      <c r="BY37" s="27" t="str">
        <f t="shared" si="9"/>
        <v/>
      </c>
      <c r="BZ37" s="27" t="str">
        <f t="shared" si="9"/>
        <v/>
      </c>
      <c r="CA37" s="27" t="str">
        <f t="shared" si="9"/>
        <v/>
      </c>
      <c r="CB37" s="27" t="str">
        <f t="shared" si="9"/>
        <v/>
      </c>
      <c r="CC37" s="27" t="str">
        <f t="shared" si="9"/>
        <v/>
      </c>
      <c r="CD37" s="27" t="str">
        <f t="shared" si="7"/>
        <v/>
      </c>
      <c r="CE37" s="27" t="str">
        <f t="shared" si="7"/>
        <v/>
      </c>
      <c r="CF37" s="27" t="str">
        <f t="shared" si="7"/>
        <v/>
      </c>
      <c r="CG37" s="33" t="s">
        <v>660</v>
      </c>
      <c r="CH37" s="33"/>
      <c r="CI37" s="36" t="s">
        <v>661</v>
      </c>
    </row>
    <row r="38" spans="1:87" s="28" customFormat="1" ht="56.1" customHeight="1" x14ac:dyDescent="0.2">
      <c r="A38" s="22">
        <v>89</v>
      </c>
      <c r="B38" s="23" t="s">
        <v>53</v>
      </c>
      <c r="C38" s="35" t="s">
        <v>655</v>
      </c>
      <c r="D38" s="25" t="s">
        <v>656</v>
      </c>
      <c r="E38" s="32" t="s">
        <v>735</v>
      </c>
      <c r="F38" s="32"/>
      <c r="G38" s="32" t="s">
        <v>86</v>
      </c>
      <c r="H38" s="32" t="s">
        <v>732</v>
      </c>
      <c r="I38" s="32"/>
      <c r="J38" s="29" t="s">
        <v>77</v>
      </c>
      <c r="K38" s="31" t="s">
        <v>722</v>
      </c>
      <c r="L38" s="26" t="s">
        <v>63</v>
      </c>
      <c r="M38" s="26" t="s">
        <v>63</v>
      </c>
      <c r="N38" s="39">
        <v>222573</v>
      </c>
      <c r="O38" s="33"/>
      <c r="P38" s="33"/>
      <c r="Q38" s="43">
        <f t="shared" si="0"/>
        <v>222573</v>
      </c>
      <c r="R38" s="33"/>
      <c r="S38" s="33"/>
      <c r="T38" s="33"/>
      <c r="U38" s="33"/>
      <c r="V38" s="33"/>
      <c r="W38" s="33"/>
      <c r="X38" s="33"/>
      <c r="Y38" s="33"/>
      <c r="Z38" s="38"/>
      <c r="AA38" s="38"/>
      <c r="AB38" s="38"/>
      <c r="AC38" s="38"/>
      <c r="AD38" s="38"/>
      <c r="AE38" s="38"/>
      <c r="AF38" s="38"/>
      <c r="AG38" s="38"/>
      <c r="AH38" s="38"/>
      <c r="AI38" s="38"/>
      <c r="AJ38" s="38"/>
      <c r="AK38" s="38"/>
      <c r="AL38" s="38"/>
      <c r="AM38" s="38"/>
      <c r="AN38" s="38"/>
      <c r="AO38" s="38"/>
      <c r="AP38" s="38"/>
      <c r="AQ38" s="38"/>
      <c r="AR38" s="38"/>
      <c r="AS38" s="38"/>
      <c r="AT38" s="38"/>
      <c r="AU38" s="38"/>
      <c r="AV38" s="38"/>
      <c r="AW38" s="38"/>
      <c r="AX38" s="38"/>
      <c r="AY38" s="38"/>
      <c r="AZ38" s="58">
        <f t="shared" si="1"/>
        <v>0</v>
      </c>
      <c r="BA38" s="26" t="e">
        <f t="shared" si="2"/>
        <v>#DIV/0!</v>
      </c>
      <c r="BB38" s="27" t="str">
        <f t="shared" si="8"/>
        <v/>
      </c>
      <c r="BC38" s="27" t="str">
        <f t="shared" si="8"/>
        <v/>
      </c>
      <c r="BD38" s="27" t="str">
        <f t="shared" si="8"/>
        <v/>
      </c>
      <c r="BE38" s="27" t="str">
        <f t="shared" si="8"/>
        <v/>
      </c>
      <c r="BF38" s="27" t="str">
        <f t="shared" si="8"/>
        <v/>
      </c>
      <c r="BG38" s="27" t="str">
        <f t="shared" si="8"/>
        <v/>
      </c>
      <c r="BH38" s="27" t="str">
        <f t="shared" si="8"/>
        <v/>
      </c>
      <c r="BI38" s="27" t="str">
        <f t="shared" si="8"/>
        <v/>
      </c>
      <c r="BJ38" s="27" t="str">
        <f t="shared" si="8"/>
        <v/>
      </c>
      <c r="BK38" s="27" t="str">
        <f t="shared" si="8"/>
        <v/>
      </c>
      <c r="BL38" s="27" t="str">
        <f t="shared" si="8"/>
        <v/>
      </c>
      <c r="BM38" s="27" t="str">
        <f t="shared" si="8"/>
        <v/>
      </c>
      <c r="BN38" s="27" t="str">
        <f t="shared" si="8"/>
        <v/>
      </c>
      <c r="BO38" s="27" t="str">
        <f t="shared" si="8"/>
        <v/>
      </c>
      <c r="BP38" s="27" t="str">
        <f t="shared" si="8"/>
        <v/>
      </c>
      <c r="BQ38" s="27" t="str">
        <f t="shared" si="8"/>
        <v/>
      </c>
      <c r="BR38" s="27" t="str">
        <f t="shared" si="9"/>
        <v/>
      </c>
      <c r="BS38" s="27" t="str">
        <f t="shared" si="9"/>
        <v/>
      </c>
      <c r="BT38" s="27" t="str">
        <f t="shared" si="9"/>
        <v/>
      </c>
      <c r="BU38" s="27" t="str">
        <f t="shared" si="9"/>
        <v/>
      </c>
      <c r="BV38" s="27" t="str">
        <f t="shared" si="9"/>
        <v/>
      </c>
      <c r="BW38" s="27" t="str">
        <f t="shared" si="9"/>
        <v/>
      </c>
      <c r="BX38" s="27" t="str">
        <f t="shared" si="9"/>
        <v/>
      </c>
      <c r="BY38" s="27" t="str">
        <f t="shared" si="9"/>
        <v/>
      </c>
      <c r="BZ38" s="27" t="str">
        <f t="shared" si="9"/>
        <v/>
      </c>
      <c r="CA38" s="27" t="str">
        <f t="shared" si="9"/>
        <v/>
      </c>
      <c r="CB38" s="27" t="str">
        <f t="shared" si="9"/>
        <v/>
      </c>
      <c r="CC38" s="27" t="str">
        <f t="shared" si="9"/>
        <v/>
      </c>
      <c r="CD38" s="27" t="str">
        <f t="shared" si="7"/>
        <v/>
      </c>
      <c r="CE38" s="27" t="str">
        <f t="shared" si="7"/>
        <v/>
      </c>
      <c r="CF38" s="27" t="str">
        <f t="shared" si="7"/>
        <v/>
      </c>
      <c r="CG38" s="33" t="s">
        <v>660</v>
      </c>
      <c r="CH38" s="33"/>
      <c r="CI38" s="36" t="s">
        <v>661</v>
      </c>
    </row>
    <row r="39" spans="1:87" s="28" customFormat="1" ht="56.1" customHeight="1" x14ac:dyDescent="0.2">
      <c r="A39" s="22">
        <v>90</v>
      </c>
      <c r="B39" s="23" t="s">
        <v>53</v>
      </c>
      <c r="C39" s="35" t="s">
        <v>655</v>
      </c>
      <c r="D39" s="25" t="s">
        <v>656</v>
      </c>
      <c r="E39" s="32" t="s">
        <v>737</v>
      </c>
      <c r="F39" s="32"/>
      <c r="G39" s="32" t="s">
        <v>86</v>
      </c>
      <c r="H39" s="32" t="s">
        <v>732</v>
      </c>
      <c r="I39" s="32"/>
      <c r="J39" s="29" t="s">
        <v>77</v>
      </c>
      <c r="K39" s="31" t="s">
        <v>722</v>
      </c>
      <c r="L39" s="26" t="s">
        <v>63</v>
      </c>
      <c r="M39" s="26" t="s">
        <v>63</v>
      </c>
      <c r="N39" s="39">
        <v>150472</v>
      </c>
      <c r="O39" s="33"/>
      <c r="P39" s="33"/>
      <c r="Q39" s="43">
        <f t="shared" si="0"/>
        <v>150472</v>
      </c>
      <c r="R39" s="33"/>
      <c r="S39" s="33"/>
      <c r="T39" s="33"/>
      <c r="U39" s="33"/>
      <c r="V39" s="33"/>
      <c r="W39" s="33"/>
      <c r="X39" s="33"/>
      <c r="Y39" s="33"/>
      <c r="Z39" s="38"/>
      <c r="AA39" s="38"/>
      <c r="AB39" s="38"/>
      <c r="AC39" s="38"/>
      <c r="AD39" s="38"/>
      <c r="AE39" s="38"/>
      <c r="AF39" s="38"/>
      <c r="AG39" s="38"/>
      <c r="AH39" s="38"/>
      <c r="AI39" s="38"/>
      <c r="AJ39" s="38"/>
      <c r="AK39" s="38"/>
      <c r="AL39" s="38"/>
      <c r="AM39" s="38"/>
      <c r="AN39" s="38"/>
      <c r="AO39" s="38"/>
      <c r="AP39" s="38"/>
      <c r="AQ39" s="38"/>
      <c r="AR39" s="38"/>
      <c r="AS39" s="38"/>
      <c r="AT39" s="38"/>
      <c r="AU39" s="38"/>
      <c r="AV39" s="38"/>
      <c r="AW39" s="38"/>
      <c r="AX39" s="38"/>
      <c r="AY39" s="38"/>
      <c r="AZ39" s="58">
        <f t="shared" si="1"/>
        <v>0</v>
      </c>
      <c r="BA39" s="26" t="e">
        <f t="shared" si="2"/>
        <v>#DIV/0!</v>
      </c>
      <c r="BB39" s="27" t="str">
        <f t="shared" si="8"/>
        <v/>
      </c>
      <c r="BC39" s="27" t="str">
        <f t="shared" si="8"/>
        <v/>
      </c>
      <c r="BD39" s="27" t="str">
        <f t="shared" si="8"/>
        <v/>
      </c>
      <c r="BE39" s="27" t="str">
        <f t="shared" si="8"/>
        <v/>
      </c>
      <c r="BF39" s="27" t="str">
        <f t="shared" si="8"/>
        <v/>
      </c>
      <c r="BG39" s="27" t="str">
        <f t="shared" si="8"/>
        <v/>
      </c>
      <c r="BH39" s="27" t="str">
        <f t="shared" si="8"/>
        <v/>
      </c>
      <c r="BI39" s="27" t="str">
        <f t="shared" si="8"/>
        <v/>
      </c>
      <c r="BJ39" s="27" t="str">
        <f t="shared" si="8"/>
        <v/>
      </c>
      <c r="BK39" s="27" t="str">
        <f t="shared" si="8"/>
        <v/>
      </c>
      <c r="BL39" s="27" t="str">
        <f t="shared" si="8"/>
        <v/>
      </c>
      <c r="BM39" s="27" t="str">
        <f t="shared" si="8"/>
        <v/>
      </c>
      <c r="BN39" s="27" t="str">
        <f t="shared" si="8"/>
        <v/>
      </c>
      <c r="BO39" s="27" t="str">
        <f t="shared" si="8"/>
        <v/>
      </c>
      <c r="BP39" s="27" t="str">
        <f t="shared" si="8"/>
        <v/>
      </c>
      <c r="BQ39" s="27" t="str">
        <f t="shared" si="8"/>
        <v/>
      </c>
      <c r="BR39" s="27" t="str">
        <f t="shared" si="9"/>
        <v/>
      </c>
      <c r="BS39" s="27" t="str">
        <f t="shared" si="9"/>
        <v/>
      </c>
      <c r="BT39" s="27" t="str">
        <f t="shared" si="9"/>
        <v/>
      </c>
      <c r="BU39" s="27" t="str">
        <f t="shared" si="9"/>
        <v/>
      </c>
      <c r="BV39" s="27" t="str">
        <f t="shared" si="9"/>
        <v/>
      </c>
      <c r="BW39" s="27" t="str">
        <f t="shared" si="9"/>
        <v/>
      </c>
      <c r="BX39" s="27" t="str">
        <f t="shared" si="9"/>
        <v/>
      </c>
      <c r="BY39" s="27" t="str">
        <f t="shared" si="9"/>
        <v/>
      </c>
      <c r="BZ39" s="27" t="str">
        <f t="shared" si="9"/>
        <v/>
      </c>
      <c r="CA39" s="27" t="str">
        <f t="shared" si="9"/>
        <v/>
      </c>
      <c r="CB39" s="27" t="str">
        <f t="shared" si="9"/>
        <v/>
      </c>
      <c r="CC39" s="27" t="str">
        <f t="shared" si="9"/>
        <v/>
      </c>
      <c r="CD39" s="27" t="str">
        <f t="shared" si="7"/>
        <v/>
      </c>
      <c r="CE39" s="27" t="str">
        <f t="shared" si="7"/>
        <v/>
      </c>
      <c r="CF39" s="27" t="str">
        <f t="shared" si="7"/>
        <v/>
      </c>
      <c r="CG39" s="33" t="s">
        <v>660</v>
      </c>
      <c r="CH39" s="33"/>
      <c r="CI39" s="36" t="s">
        <v>661</v>
      </c>
    </row>
    <row r="40" spans="1:87" s="28" customFormat="1" ht="56.1" customHeight="1" x14ac:dyDescent="0.2">
      <c r="A40" s="22">
        <v>91</v>
      </c>
      <c r="B40" s="23" t="s">
        <v>53</v>
      </c>
      <c r="C40" s="35" t="s">
        <v>655</v>
      </c>
      <c r="D40" s="25" t="s">
        <v>656</v>
      </c>
      <c r="E40" s="32" t="s">
        <v>739</v>
      </c>
      <c r="F40" s="32"/>
      <c r="G40" s="32" t="s">
        <v>86</v>
      </c>
      <c r="H40" s="32"/>
      <c r="I40" s="32"/>
      <c r="J40" s="29" t="s">
        <v>77</v>
      </c>
      <c r="K40" s="31"/>
      <c r="L40" s="26" t="s">
        <v>63</v>
      </c>
      <c r="M40" s="26" t="s">
        <v>63</v>
      </c>
      <c r="N40" s="39">
        <v>62697</v>
      </c>
      <c r="O40" s="33"/>
      <c r="P40" s="33"/>
      <c r="Q40" s="43">
        <f t="shared" si="0"/>
        <v>62697</v>
      </c>
      <c r="R40" s="33"/>
      <c r="S40" s="33"/>
      <c r="T40" s="33"/>
      <c r="U40" s="33"/>
      <c r="V40" s="33"/>
      <c r="W40" s="33"/>
      <c r="X40" s="33"/>
      <c r="Y40" s="33"/>
      <c r="Z40" s="38"/>
      <c r="AA40" s="38"/>
      <c r="AB40" s="38"/>
      <c r="AC40" s="38"/>
      <c r="AD40" s="38"/>
      <c r="AE40" s="38"/>
      <c r="AF40" s="38"/>
      <c r="AG40" s="38"/>
      <c r="AH40" s="38"/>
      <c r="AI40" s="38"/>
      <c r="AJ40" s="38"/>
      <c r="AK40" s="38"/>
      <c r="AL40" s="38"/>
      <c r="AM40" s="38"/>
      <c r="AN40" s="38"/>
      <c r="AO40" s="38"/>
      <c r="AP40" s="38"/>
      <c r="AQ40" s="38"/>
      <c r="AR40" s="38"/>
      <c r="AS40" s="38"/>
      <c r="AT40" s="38"/>
      <c r="AU40" s="38"/>
      <c r="AV40" s="38"/>
      <c r="AW40" s="38"/>
      <c r="AX40" s="38"/>
      <c r="AY40" s="38"/>
      <c r="AZ40" s="58">
        <f t="shared" si="1"/>
        <v>0</v>
      </c>
      <c r="BA40" s="26" t="e">
        <f t="shared" si="2"/>
        <v>#DIV/0!</v>
      </c>
      <c r="BB40" s="27" t="str">
        <f t="shared" si="8"/>
        <v/>
      </c>
      <c r="BC40" s="27" t="str">
        <f t="shared" si="8"/>
        <v/>
      </c>
      <c r="BD40" s="27" t="str">
        <f t="shared" si="8"/>
        <v/>
      </c>
      <c r="BE40" s="27" t="str">
        <f t="shared" si="8"/>
        <v/>
      </c>
      <c r="BF40" s="27" t="str">
        <f t="shared" si="8"/>
        <v/>
      </c>
      <c r="BG40" s="27" t="str">
        <f t="shared" si="8"/>
        <v/>
      </c>
      <c r="BH40" s="27" t="str">
        <f t="shared" si="8"/>
        <v/>
      </c>
      <c r="BI40" s="27" t="str">
        <f t="shared" si="8"/>
        <v/>
      </c>
      <c r="BJ40" s="27" t="str">
        <f t="shared" si="8"/>
        <v/>
      </c>
      <c r="BK40" s="27" t="str">
        <f t="shared" si="8"/>
        <v/>
      </c>
      <c r="BL40" s="27" t="str">
        <f t="shared" si="8"/>
        <v/>
      </c>
      <c r="BM40" s="27" t="str">
        <f t="shared" si="8"/>
        <v/>
      </c>
      <c r="BN40" s="27" t="str">
        <f t="shared" si="8"/>
        <v/>
      </c>
      <c r="BO40" s="27" t="str">
        <f t="shared" si="8"/>
        <v/>
      </c>
      <c r="BP40" s="27" t="str">
        <f t="shared" si="8"/>
        <v/>
      </c>
      <c r="BQ40" s="27" t="str">
        <f t="shared" si="8"/>
        <v/>
      </c>
      <c r="BR40" s="27" t="str">
        <f t="shared" si="9"/>
        <v/>
      </c>
      <c r="BS40" s="27" t="str">
        <f t="shared" si="9"/>
        <v/>
      </c>
      <c r="BT40" s="27" t="str">
        <f t="shared" si="9"/>
        <v/>
      </c>
      <c r="BU40" s="27" t="str">
        <f t="shared" si="9"/>
        <v/>
      </c>
      <c r="BV40" s="27" t="str">
        <f t="shared" si="9"/>
        <v/>
      </c>
      <c r="BW40" s="27" t="str">
        <f t="shared" si="9"/>
        <v/>
      </c>
      <c r="BX40" s="27" t="str">
        <f t="shared" si="9"/>
        <v/>
      </c>
      <c r="BY40" s="27" t="str">
        <f t="shared" si="9"/>
        <v/>
      </c>
      <c r="BZ40" s="27" t="str">
        <f t="shared" si="9"/>
        <v/>
      </c>
      <c r="CA40" s="27" t="str">
        <f t="shared" si="9"/>
        <v/>
      </c>
      <c r="CB40" s="27" t="str">
        <f t="shared" si="9"/>
        <v/>
      </c>
      <c r="CC40" s="27" t="str">
        <f t="shared" si="9"/>
        <v/>
      </c>
      <c r="CD40" s="27" t="str">
        <f t="shared" si="7"/>
        <v/>
      </c>
      <c r="CE40" s="27" t="str">
        <f t="shared" si="7"/>
        <v/>
      </c>
      <c r="CF40" s="27" t="str">
        <f t="shared" si="7"/>
        <v/>
      </c>
      <c r="CG40" s="33" t="s">
        <v>660</v>
      </c>
      <c r="CH40" s="33"/>
      <c r="CI40" s="36" t="s">
        <v>661</v>
      </c>
    </row>
    <row r="41" spans="1:87" s="28" customFormat="1" ht="56.1" customHeight="1" x14ac:dyDescent="0.2">
      <c r="A41" s="22">
        <v>92</v>
      </c>
      <c r="B41" s="23" t="s">
        <v>53</v>
      </c>
      <c r="C41" s="35" t="s">
        <v>655</v>
      </c>
      <c r="D41" s="25" t="s">
        <v>656</v>
      </c>
      <c r="E41" s="32" t="s">
        <v>741</v>
      </c>
      <c r="F41" s="32"/>
      <c r="G41" s="32" t="s">
        <v>86</v>
      </c>
      <c r="H41" s="32" t="s">
        <v>732</v>
      </c>
      <c r="I41" s="32"/>
      <c r="J41" s="29" t="s">
        <v>77</v>
      </c>
      <c r="K41" s="31" t="s">
        <v>722</v>
      </c>
      <c r="L41" s="26" t="s">
        <v>63</v>
      </c>
      <c r="M41" s="26" t="s">
        <v>63</v>
      </c>
      <c r="N41" s="39">
        <v>966240</v>
      </c>
      <c r="O41" s="33"/>
      <c r="P41" s="33"/>
      <c r="Q41" s="43">
        <f t="shared" si="0"/>
        <v>966240</v>
      </c>
      <c r="R41" s="33"/>
      <c r="S41" s="33"/>
      <c r="T41" s="33"/>
      <c r="U41" s="33"/>
      <c r="V41" s="33"/>
      <c r="W41" s="33"/>
      <c r="X41" s="33"/>
      <c r="Y41" s="33"/>
      <c r="Z41" s="38"/>
      <c r="AA41" s="38"/>
      <c r="AB41" s="38"/>
      <c r="AC41" s="38"/>
      <c r="AD41" s="38"/>
      <c r="AE41" s="38"/>
      <c r="AF41" s="38"/>
      <c r="AG41" s="38"/>
      <c r="AH41" s="38"/>
      <c r="AI41" s="38"/>
      <c r="AJ41" s="38"/>
      <c r="AK41" s="38"/>
      <c r="AL41" s="38"/>
      <c r="AM41" s="38"/>
      <c r="AN41" s="38"/>
      <c r="AO41" s="38"/>
      <c r="AP41" s="38"/>
      <c r="AQ41" s="38"/>
      <c r="AR41" s="38"/>
      <c r="AS41" s="38"/>
      <c r="AT41" s="38"/>
      <c r="AU41" s="38"/>
      <c r="AV41" s="38"/>
      <c r="AW41" s="38"/>
      <c r="AX41" s="38"/>
      <c r="AY41" s="38"/>
      <c r="AZ41" s="58">
        <f t="shared" si="1"/>
        <v>0</v>
      </c>
      <c r="BA41" s="26" t="e">
        <f t="shared" si="2"/>
        <v>#DIV/0!</v>
      </c>
      <c r="BB41" s="27" t="str">
        <f t="shared" si="8"/>
        <v/>
      </c>
      <c r="BC41" s="27" t="str">
        <f t="shared" si="8"/>
        <v/>
      </c>
      <c r="BD41" s="27" t="str">
        <f t="shared" si="8"/>
        <v/>
      </c>
      <c r="BE41" s="27" t="str">
        <f t="shared" si="8"/>
        <v/>
      </c>
      <c r="BF41" s="27" t="str">
        <f t="shared" si="8"/>
        <v/>
      </c>
      <c r="BG41" s="27" t="str">
        <f t="shared" si="8"/>
        <v/>
      </c>
      <c r="BH41" s="27" t="str">
        <f t="shared" si="8"/>
        <v/>
      </c>
      <c r="BI41" s="27" t="str">
        <f t="shared" si="8"/>
        <v/>
      </c>
      <c r="BJ41" s="27" t="str">
        <f t="shared" si="8"/>
        <v/>
      </c>
      <c r="BK41" s="27" t="str">
        <f t="shared" si="8"/>
        <v/>
      </c>
      <c r="BL41" s="27" t="str">
        <f t="shared" si="8"/>
        <v/>
      </c>
      <c r="BM41" s="27" t="str">
        <f t="shared" si="8"/>
        <v/>
      </c>
      <c r="BN41" s="27" t="str">
        <f t="shared" si="8"/>
        <v/>
      </c>
      <c r="BO41" s="27" t="str">
        <f t="shared" si="8"/>
        <v/>
      </c>
      <c r="BP41" s="27" t="str">
        <f t="shared" si="8"/>
        <v/>
      </c>
      <c r="BQ41" s="27" t="str">
        <f t="shared" si="8"/>
        <v/>
      </c>
      <c r="BR41" s="27" t="str">
        <f t="shared" si="9"/>
        <v/>
      </c>
      <c r="BS41" s="27" t="str">
        <f t="shared" si="9"/>
        <v/>
      </c>
      <c r="BT41" s="27" t="str">
        <f t="shared" si="9"/>
        <v/>
      </c>
      <c r="BU41" s="27" t="str">
        <f t="shared" si="9"/>
        <v/>
      </c>
      <c r="BV41" s="27" t="str">
        <f t="shared" si="9"/>
        <v/>
      </c>
      <c r="BW41" s="27" t="str">
        <f t="shared" si="9"/>
        <v/>
      </c>
      <c r="BX41" s="27" t="str">
        <f t="shared" si="9"/>
        <v/>
      </c>
      <c r="BY41" s="27" t="str">
        <f t="shared" si="9"/>
        <v/>
      </c>
      <c r="BZ41" s="27" t="str">
        <f t="shared" si="9"/>
        <v/>
      </c>
      <c r="CA41" s="27" t="str">
        <f t="shared" si="9"/>
        <v/>
      </c>
      <c r="CB41" s="27" t="str">
        <f t="shared" si="9"/>
        <v/>
      </c>
      <c r="CC41" s="27" t="str">
        <f t="shared" si="9"/>
        <v/>
      </c>
      <c r="CD41" s="27" t="str">
        <f t="shared" si="7"/>
        <v/>
      </c>
      <c r="CE41" s="27" t="str">
        <f t="shared" si="7"/>
        <v/>
      </c>
      <c r="CF41" s="27" t="str">
        <f t="shared" si="7"/>
        <v/>
      </c>
      <c r="CG41" s="33" t="s">
        <v>660</v>
      </c>
      <c r="CH41" s="33"/>
      <c r="CI41" s="36" t="s">
        <v>661</v>
      </c>
    </row>
    <row r="42" spans="1:87" s="28" customFormat="1" ht="56.1" customHeight="1" x14ac:dyDescent="0.2">
      <c r="A42" s="22">
        <v>93</v>
      </c>
      <c r="B42" s="23" t="s">
        <v>53</v>
      </c>
      <c r="C42" s="35" t="s">
        <v>655</v>
      </c>
      <c r="D42" s="25" t="s">
        <v>656</v>
      </c>
      <c r="E42" s="32" t="s">
        <v>743</v>
      </c>
      <c r="F42" s="32"/>
      <c r="G42" s="32" t="s">
        <v>86</v>
      </c>
      <c r="H42" s="32"/>
      <c r="I42" s="32"/>
      <c r="J42" s="29" t="s">
        <v>77</v>
      </c>
      <c r="K42" s="31"/>
      <c r="L42" s="26" t="s">
        <v>63</v>
      </c>
      <c r="M42" s="26" t="s">
        <v>63</v>
      </c>
      <c r="N42" s="39">
        <v>51160</v>
      </c>
      <c r="O42" s="33"/>
      <c r="P42" s="33"/>
      <c r="Q42" s="43">
        <f t="shared" si="0"/>
        <v>51160</v>
      </c>
      <c r="R42" s="33"/>
      <c r="S42" s="33"/>
      <c r="T42" s="33"/>
      <c r="U42" s="33"/>
      <c r="V42" s="33"/>
      <c r="W42" s="33"/>
      <c r="X42" s="33"/>
      <c r="Y42" s="33"/>
      <c r="Z42" s="38"/>
      <c r="AA42" s="38"/>
      <c r="AB42" s="38"/>
      <c r="AC42" s="38"/>
      <c r="AD42" s="38"/>
      <c r="AE42" s="38"/>
      <c r="AF42" s="38"/>
      <c r="AG42" s="38"/>
      <c r="AH42" s="38"/>
      <c r="AI42" s="38"/>
      <c r="AJ42" s="38"/>
      <c r="AK42" s="38"/>
      <c r="AL42" s="38"/>
      <c r="AM42" s="38"/>
      <c r="AN42" s="38"/>
      <c r="AO42" s="38"/>
      <c r="AP42" s="38"/>
      <c r="AQ42" s="38"/>
      <c r="AR42" s="38"/>
      <c r="AS42" s="38"/>
      <c r="AT42" s="38"/>
      <c r="AU42" s="38"/>
      <c r="AV42" s="38"/>
      <c r="AW42" s="38"/>
      <c r="AX42" s="38"/>
      <c r="AY42" s="38"/>
      <c r="AZ42" s="58">
        <f t="shared" si="1"/>
        <v>0</v>
      </c>
      <c r="BA42" s="26" t="e">
        <f t="shared" si="2"/>
        <v>#DIV/0!</v>
      </c>
      <c r="BB42" s="27" t="str">
        <f t="shared" si="8"/>
        <v/>
      </c>
      <c r="BC42" s="27" t="str">
        <f t="shared" si="8"/>
        <v/>
      </c>
      <c r="BD42" s="27" t="str">
        <f t="shared" si="8"/>
        <v/>
      </c>
      <c r="BE42" s="27" t="str">
        <f t="shared" si="8"/>
        <v/>
      </c>
      <c r="BF42" s="27" t="str">
        <f t="shared" si="8"/>
        <v/>
      </c>
      <c r="BG42" s="27" t="str">
        <f t="shared" si="8"/>
        <v/>
      </c>
      <c r="BH42" s="27" t="str">
        <f t="shared" si="8"/>
        <v/>
      </c>
      <c r="BI42" s="27" t="str">
        <f t="shared" si="8"/>
        <v/>
      </c>
      <c r="BJ42" s="27" t="str">
        <f t="shared" si="8"/>
        <v/>
      </c>
      <c r="BK42" s="27" t="str">
        <f t="shared" si="8"/>
        <v/>
      </c>
      <c r="BL42" s="27" t="str">
        <f t="shared" si="8"/>
        <v/>
      </c>
      <c r="BM42" s="27" t="str">
        <f t="shared" si="8"/>
        <v/>
      </c>
      <c r="BN42" s="27" t="str">
        <f t="shared" si="8"/>
        <v/>
      </c>
      <c r="BO42" s="27" t="str">
        <f t="shared" si="8"/>
        <v/>
      </c>
      <c r="BP42" s="27" t="str">
        <f t="shared" si="8"/>
        <v/>
      </c>
      <c r="BQ42" s="27" t="str">
        <f t="shared" si="8"/>
        <v/>
      </c>
      <c r="BR42" s="27" t="str">
        <f t="shared" si="9"/>
        <v/>
      </c>
      <c r="BS42" s="27" t="str">
        <f t="shared" si="9"/>
        <v/>
      </c>
      <c r="BT42" s="27" t="str">
        <f t="shared" si="9"/>
        <v/>
      </c>
      <c r="BU42" s="27" t="str">
        <f t="shared" si="9"/>
        <v/>
      </c>
      <c r="BV42" s="27" t="str">
        <f t="shared" si="9"/>
        <v/>
      </c>
      <c r="BW42" s="27" t="str">
        <f t="shared" si="9"/>
        <v/>
      </c>
      <c r="BX42" s="27" t="str">
        <f t="shared" si="9"/>
        <v/>
      </c>
      <c r="BY42" s="27" t="str">
        <f t="shared" si="9"/>
        <v/>
      </c>
      <c r="BZ42" s="27" t="str">
        <f t="shared" si="9"/>
        <v/>
      </c>
      <c r="CA42" s="27" t="str">
        <f t="shared" si="9"/>
        <v/>
      </c>
      <c r="CB42" s="27" t="str">
        <f t="shared" si="9"/>
        <v/>
      </c>
      <c r="CC42" s="27" t="str">
        <f t="shared" si="9"/>
        <v/>
      </c>
      <c r="CD42" s="27" t="str">
        <f t="shared" si="7"/>
        <v/>
      </c>
      <c r="CE42" s="27" t="str">
        <f t="shared" si="7"/>
        <v/>
      </c>
      <c r="CF42" s="27" t="str">
        <f t="shared" si="7"/>
        <v/>
      </c>
      <c r="CG42" s="33" t="s">
        <v>660</v>
      </c>
      <c r="CH42" s="33"/>
      <c r="CI42" s="36" t="s">
        <v>661</v>
      </c>
    </row>
    <row r="43" spans="1:87" s="28" customFormat="1" ht="56.1" customHeight="1" x14ac:dyDescent="0.2">
      <c r="A43" s="22">
        <v>94</v>
      </c>
      <c r="B43" s="23" t="s">
        <v>53</v>
      </c>
      <c r="C43" s="35" t="s">
        <v>655</v>
      </c>
      <c r="D43" s="25" t="s">
        <v>656</v>
      </c>
      <c r="E43" s="32" t="s">
        <v>745</v>
      </c>
      <c r="F43" s="32"/>
      <c r="G43" s="32" t="s">
        <v>86</v>
      </c>
      <c r="H43" s="32"/>
      <c r="I43" s="32"/>
      <c r="J43" s="29" t="s">
        <v>77</v>
      </c>
      <c r="K43" s="31"/>
      <c r="L43" s="26" t="s">
        <v>63</v>
      </c>
      <c r="M43" s="26" t="s">
        <v>63</v>
      </c>
      <c r="N43" s="37" t="s">
        <v>2514</v>
      </c>
      <c r="O43" s="33"/>
      <c r="P43" s="33"/>
      <c r="Q43" s="43" t="str">
        <f t="shared" si="0"/>
        <v>Refer to Transport Plan</v>
      </c>
      <c r="R43" s="33"/>
      <c r="S43" s="33"/>
      <c r="T43" s="33"/>
      <c r="U43" s="33"/>
      <c r="V43" s="33"/>
      <c r="W43" s="33"/>
      <c r="X43" s="33"/>
      <c r="Y43" s="33"/>
      <c r="Z43" s="38"/>
      <c r="AA43" s="38"/>
      <c r="AB43" s="38"/>
      <c r="AC43" s="38"/>
      <c r="AD43" s="38"/>
      <c r="AE43" s="38"/>
      <c r="AF43" s="38"/>
      <c r="AG43" s="38"/>
      <c r="AH43" s="38"/>
      <c r="AI43" s="38"/>
      <c r="AJ43" s="38"/>
      <c r="AK43" s="38"/>
      <c r="AL43" s="38"/>
      <c r="AM43" s="38"/>
      <c r="AN43" s="38"/>
      <c r="AO43" s="38"/>
      <c r="AP43" s="38"/>
      <c r="AQ43" s="38"/>
      <c r="AR43" s="38"/>
      <c r="AS43" s="38"/>
      <c r="AT43" s="38"/>
      <c r="AU43" s="38"/>
      <c r="AV43" s="38"/>
      <c r="AW43" s="38"/>
      <c r="AX43" s="38"/>
      <c r="AY43" s="38"/>
      <c r="AZ43" s="58">
        <f t="shared" si="1"/>
        <v>0</v>
      </c>
      <c r="BA43" s="26" t="e">
        <f t="shared" si="2"/>
        <v>#VALUE!</v>
      </c>
      <c r="BB43" s="27" t="str">
        <f t="shared" si="8"/>
        <v/>
      </c>
      <c r="BC43" s="27" t="str">
        <f t="shared" si="8"/>
        <v/>
      </c>
      <c r="BD43" s="27" t="str">
        <f t="shared" si="8"/>
        <v/>
      </c>
      <c r="BE43" s="27" t="str">
        <f t="shared" si="8"/>
        <v/>
      </c>
      <c r="BF43" s="27" t="str">
        <f t="shared" si="8"/>
        <v/>
      </c>
      <c r="BG43" s="27" t="str">
        <f t="shared" si="8"/>
        <v/>
      </c>
      <c r="BH43" s="27" t="str">
        <f t="shared" si="8"/>
        <v/>
      </c>
      <c r="BI43" s="27" t="str">
        <f t="shared" si="8"/>
        <v/>
      </c>
      <c r="BJ43" s="27" t="str">
        <f t="shared" si="8"/>
        <v/>
      </c>
      <c r="BK43" s="27" t="str">
        <f t="shared" si="8"/>
        <v/>
      </c>
      <c r="BL43" s="27" t="str">
        <f t="shared" si="8"/>
        <v/>
      </c>
      <c r="BM43" s="27" t="str">
        <f t="shared" si="8"/>
        <v/>
      </c>
      <c r="BN43" s="27" t="str">
        <f t="shared" si="8"/>
        <v/>
      </c>
      <c r="BO43" s="27" t="str">
        <f t="shared" si="8"/>
        <v/>
      </c>
      <c r="BP43" s="27" t="str">
        <f t="shared" si="8"/>
        <v/>
      </c>
      <c r="BQ43" s="27" t="str">
        <f t="shared" si="8"/>
        <v/>
      </c>
      <c r="BR43" s="27" t="str">
        <f t="shared" si="9"/>
        <v/>
      </c>
      <c r="BS43" s="27" t="str">
        <f t="shared" si="9"/>
        <v/>
      </c>
      <c r="BT43" s="27" t="str">
        <f t="shared" si="9"/>
        <v/>
      </c>
      <c r="BU43" s="27" t="str">
        <f t="shared" si="9"/>
        <v/>
      </c>
      <c r="BV43" s="27" t="str">
        <f t="shared" si="9"/>
        <v/>
      </c>
      <c r="BW43" s="27" t="str">
        <f t="shared" si="9"/>
        <v/>
      </c>
      <c r="BX43" s="27" t="str">
        <f t="shared" si="9"/>
        <v/>
      </c>
      <c r="BY43" s="27" t="str">
        <f t="shared" si="9"/>
        <v/>
      </c>
      <c r="BZ43" s="27" t="str">
        <f t="shared" si="9"/>
        <v/>
      </c>
      <c r="CA43" s="27" t="str">
        <f t="shared" si="9"/>
        <v/>
      </c>
      <c r="CB43" s="27" t="str">
        <f t="shared" si="9"/>
        <v/>
      </c>
      <c r="CC43" s="27" t="str">
        <f t="shared" si="9"/>
        <v/>
      </c>
      <c r="CD43" s="27" t="str">
        <f t="shared" si="7"/>
        <v/>
      </c>
      <c r="CE43" s="27" t="str">
        <f t="shared" si="7"/>
        <v/>
      </c>
      <c r="CF43" s="27" t="str">
        <f t="shared" si="7"/>
        <v/>
      </c>
      <c r="CG43" s="33" t="s">
        <v>660</v>
      </c>
      <c r="CH43" s="33"/>
      <c r="CI43" s="36" t="s">
        <v>661</v>
      </c>
    </row>
    <row r="44" spans="1:87" s="28" customFormat="1" ht="56.1" customHeight="1" x14ac:dyDescent="0.2">
      <c r="A44" s="22">
        <v>95</v>
      </c>
      <c r="B44" s="23" t="s">
        <v>53</v>
      </c>
      <c r="C44" s="35" t="s">
        <v>655</v>
      </c>
      <c r="D44" s="25" t="s">
        <v>656</v>
      </c>
      <c r="E44" s="32" t="s">
        <v>747</v>
      </c>
      <c r="F44" s="32"/>
      <c r="G44" s="32" t="s">
        <v>86</v>
      </c>
      <c r="H44" s="32"/>
      <c r="I44" s="32"/>
      <c r="J44" s="29" t="s">
        <v>77</v>
      </c>
      <c r="K44" s="31"/>
      <c r="L44" s="26" t="s">
        <v>63</v>
      </c>
      <c r="M44" s="26" t="s">
        <v>63</v>
      </c>
      <c r="N44" s="39">
        <v>130113</v>
      </c>
      <c r="O44" s="33"/>
      <c r="P44" s="33"/>
      <c r="Q44" s="43">
        <f t="shared" si="0"/>
        <v>130113</v>
      </c>
      <c r="R44" s="33"/>
      <c r="S44" s="33"/>
      <c r="T44" s="33"/>
      <c r="U44" s="33"/>
      <c r="V44" s="33"/>
      <c r="W44" s="33"/>
      <c r="X44" s="33"/>
      <c r="Y44" s="33"/>
      <c r="Z44" s="38"/>
      <c r="AA44" s="38"/>
      <c r="AB44" s="38"/>
      <c r="AC44" s="38"/>
      <c r="AD44" s="38"/>
      <c r="AE44" s="38"/>
      <c r="AF44" s="38"/>
      <c r="AG44" s="38"/>
      <c r="AH44" s="38"/>
      <c r="AI44" s="38"/>
      <c r="AJ44" s="38"/>
      <c r="AK44" s="38"/>
      <c r="AL44" s="38"/>
      <c r="AM44" s="38"/>
      <c r="AN44" s="38"/>
      <c r="AO44" s="38"/>
      <c r="AP44" s="38"/>
      <c r="AQ44" s="38"/>
      <c r="AR44" s="38"/>
      <c r="AS44" s="38"/>
      <c r="AT44" s="38"/>
      <c r="AU44" s="38"/>
      <c r="AV44" s="38"/>
      <c r="AW44" s="38"/>
      <c r="AX44" s="38"/>
      <c r="AY44" s="38"/>
      <c r="AZ44" s="58">
        <f t="shared" si="1"/>
        <v>0</v>
      </c>
      <c r="BA44" s="26" t="e">
        <f t="shared" si="2"/>
        <v>#DIV/0!</v>
      </c>
      <c r="BB44" s="27" t="str">
        <f t="shared" si="8"/>
        <v/>
      </c>
      <c r="BC44" s="27" t="str">
        <f t="shared" si="8"/>
        <v/>
      </c>
      <c r="BD44" s="27" t="str">
        <f t="shared" si="8"/>
        <v/>
      </c>
      <c r="BE44" s="27" t="str">
        <f t="shared" si="8"/>
        <v/>
      </c>
      <c r="BF44" s="27" t="str">
        <f t="shared" si="8"/>
        <v/>
      </c>
      <c r="BG44" s="27" t="str">
        <f t="shared" si="8"/>
        <v/>
      </c>
      <c r="BH44" s="27" t="str">
        <f t="shared" si="8"/>
        <v/>
      </c>
      <c r="BI44" s="27" t="str">
        <f t="shared" si="8"/>
        <v/>
      </c>
      <c r="BJ44" s="27" t="str">
        <f t="shared" si="8"/>
        <v/>
      </c>
      <c r="BK44" s="27" t="str">
        <f t="shared" si="8"/>
        <v/>
      </c>
      <c r="BL44" s="27" t="str">
        <f t="shared" si="8"/>
        <v/>
      </c>
      <c r="BM44" s="27" t="str">
        <f t="shared" si="8"/>
        <v/>
      </c>
      <c r="BN44" s="27" t="str">
        <f t="shared" si="8"/>
        <v/>
      </c>
      <c r="BO44" s="27" t="str">
        <f t="shared" si="8"/>
        <v/>
      </c>
      <c r="BP44" s="27" t="str">
        <f t="shared" si="8"/>
        <v/>
      </c>
      <c r="BQ44" s="27" t="str">
        <f t="shared" si="8"/>
        <v/>
      </c>
      <c r="BR44" s="27" t="str">
        <f t="shared" si="9"/>
        <v/>
      </c>
      <c r="BS44" s="27" t="str">
        <f t="shared" si="9"/>
        <v/>
      </c>
      <c r="BT44" s="27" t="str">
        <f t="shared" si="9"/>
        <v/>
      </c>
      <c r="BU44" s="27" t="str">
        <f t="shared" si="9"/>
        <v/>
      </c>
      <c r="BV44" s="27" t="str">
        <f t="shared" si="9"/>
        <v/>
      </c>
      <c r="BW44" s="27" t="str">
        <f t="shared" si="9"/>
        <v/>
      </c>
      <c r="BX44" s="27" t="str">
        <f t="shared" si="9"/>
        <v/>
      </c>
      <c r="BY44" s="27" t="str">
        <f t="shared" si="9"/>
        <v/>
      </c>
      <c r="BZ44" s="27" t="str">
        <f t="shared" si="9"/>
        <v/>
      </c>
      <c r="CA44" s="27" t="str">
        <f t="shared" si="9"/>
        <v/>
      </c>
      <c r="CB44" s="27" t="str">
        <f t="shared" si="9"/>
        <v/>
      </c>
      <c r="CC44" s="27" t="str">
        <f t="shared" si="9"/>
        <v/>
      </c>
      <c r="CD44" s="27" t="str">
        <f t="shared" si="7"/>
        <v/>
      </c>
      <c r="CE44" s="27" t="str">
        <f t="shared" si="7"/>
        <v/>
      </c>
      <c r="CF44" s="27" t="str">
        <f t="shared" si="7"/>
        <v/>
      </c>
      <c r="CG44" s="33" t="s">
        <v>660</v>
      </c>
      <c r="CH44" s="33"/>
      <c r="CI44" s="36" t="s">
        <v>661</v>
      </c>
    </row>
    <row r="45" spans="1:87" s="28" customFormat="1" ht="56.1" customHeight="1" x14ac:dyDescent="0.2">
      <c r="A45" s="22">
        <v>96</v>
      </c>
      <c r="B45" s="23" t="s">
        <v>53</v>
      </c>
      <c r="C45" s="35" t="s">
        <v>655</v>
      </c>
      <c r="D45" s="25" t="s">
        <v>656</v>
      </c>
      <c r="E45" s="32" t="s">
        <v>749</v>
      </c>
      <c r="F45" s="32"/>
      <c r="G45" s="32" t="s">
        <v>90</v>
      </c>
      <c r="H45" s="32"/>
      <c r="I45" s="32"/>
      <c r="J45" s="29" t="s">
        <v>77</v>
      </c>
      <c r="K45" s="31"/>
      <c r="L45" s="26" t="s">
        <v>63</v>
      </c>
      <c r="M45" s="26" t="s">
        <v>63</v>
      </c>
      <c r="N45" s="39">
        <v>412543</v>
      </c>
      <c r="O45" s="33"/>
      <c r="P45" s="33"/>
      <c r="Q45" s="43">
        <f t="shared" si="0"/>
        <v>412543</v>
      </c>
      <c r="R45" s="33"/>
      <c r="S45" s="33"/>
      <c r="T45" s="33"/>
      <c r="U45" s="33"/>
      <c r="V45" s="33"/>
      <c r="W45" s="33"/>
      <c r="X45" s="33"/>
      <c r="Y45" s="33"/>
      <c r="Z45" s="33"/>
      <c r="AA45" s="38"/>
      <c r="AB45" s="38"/>
      <c r="AC45" s="38"/>
      <c r="AD45" s="38"/>
      <c r="AE45" s="38"/>
      <c r="AF45" s="38"/>
      <c r="AG45" s="38"/>
      <c r="AH45" s="38"/>
      <c r="AI45" s="38"/>
      <c r="AJ45" s="38"/>
      <c r="AK45" s="38"/>
      <c r="AL45" s="38"/>
      <c r="AM45" s="38"/>
      <c r="AN45" s="38"/>
      <c r="AO45" s="38"/>
      <c r="AP45" s="38"/>
      <c r="AQ45" s="38"/>
      <c r="AR45" s="38"/>
      <c r="AS45" s="38"/>
      <c r="AT45" s="38"/>
      <c r="AU45" s="38"/>
      <c r="AV45" s="38"/>
      <c r="AW45" s="38"/>
      <c r="AX45" s="38"/>
      <c r="AY45" s="38"/>
      <c r="AZ45" s="58">
        <f t="shared" si="1"/>
        <v>0</v>
      </c>
      <c r="BA45" s="26" t="e">
        <f t="shared" si="2"/>
        <v>#DIV/0!</v>
      </c>
      <c r="BB45" s="27" t="str">
        <f t="shared" si="8"/>
        <v/>
      </c>
      <c r="BC45" s="27" t="str">
        <f t="shared" si="8"/>
        <v/>
      </c>
      <c r="BD45" s="27" t="str">
        <f t="shared" si="8"/>
        <v/>
      </c>
      <c r="BE45" s="27" t="str">
        <f t="shared" si="8"/>
        <v/>
      </c>
      <c r="BF45" s="27" t="str">
        <f t="shared" si="8"/>
        <v/>
      </c>
      <c r="BG45" s="27" t="str">
        <f t="shared" si="8"/>
        <v/>
      </c>
      <c r="BH45" s="27" t="str">
        <f t="shared" si="8"/>
        <v/>
      </c>
      <c r="BI45" s="27" t="str">
        <f t="shared" si="8"/>
        <v/>
      </c>
      <c r="BJ45" s="27" t="str">
        <f t="shared" si="8"/>
        <v/>
      </c>
      <c r="BK45" s="27" t="str">
        <f t="shared" si="8"/>
        <v/>
      </c>
      <c r="BL45" s="27" t="str">
        <f t="shared" si="8"/>
        <v/>
      </c>
      <c r="BM45" s="27" t="str">
        <f t="shared" si="8"/>
        <v/>
      </c>
      <c r="BN45" s="27" t="str">
        <f t="shared" si="8"/>
        <v/>
      </c>
      <c r="BO45" s="27" t="str">
        <f t="shared" si="8"/>
        <v/>
      </c>
      <c r="BP45" s="27" t="str">
        <f t="shared" si="8"/>
        <v/>
      </c>
      <c r="BQ45" s="27" t="str">
        <f t="shared" si="8"/>
        <v/>
      </c>
      <c r="BR45" s="27" t="str">
        <f t="shared" si="9"/>
        <v/>
      </c>
      <c r="BS45" s="27" t="str">
        <f t="shared" si="9"/>
        <v/>
      </c>
      <c r="BT45" s="27" t="str">
        <f t="shared" si="9"/>
        <v/>
      </c>
      <c r="BU45" s="27" t="str">
        <f t="shared" si="9"/>
        <v/>
      </c>
      <c r="BV45" s="27" t="str">
        <f t="shared" si="9"/>
        <v/>
      </c>
      <c r="BW45" s="27" t="str">
        <f t="shared" si="9"/>
        <v/>
      </c>
      <c r="BX45" s="27" t="str">
        <f t="shared" si="9"/>
        <v/>
      </c>
      <c r="BY45" s="27" t="str">
        <f t="shared" si="9"/>
        <v/>
      </c>
      <c r="BZ45" s="27" t="str">
        <f t="shared" si="9"/>
        <v/>
      </c>
      <c r="CA45" s="27" t="str">
        <f t="shared" si="9"/>
        <v/>
      </c>
      <c r="CB45" s="27" t="str">
        <f t="shared" si="9"/>
        <v/>
      </c>
      <c r="CC45" s="27" t="str">
        <f t="shared" si="9"/>
        <v/>
      </c>
      <c r="CD45" s="27" t="str">
        <f t="shared" si="7"/>
        <v/>
      </c>
      <c r="CE45" s="27" t="str">
        <f t="shared" si="7"/>
        <v/>
      </c>
      <c r="CF45" s="27" t="str">
        <f t="shared" si="7"/>
        <v/>
      </c>
      <c r="CG45" s="33" t="s">
        <v>660</v>
      </c>
      <c r="CH45" s="33"/>
      <c r="CI45" s="36" t="s">
        <v>661</v>
      </c>
    </row>
    <row r="46" spans="1:87" s="28" customFormat="1" ht="56.1" customHeight="1" x14ac:dyDescent="0.2">
      <c r="A46" s="22">
        <v>97</v>
      </c>
      <c r="B46" s="23" t="s">
        <v>53</v>
      </c>
      <c r="C46" s="35" t="s">
        <v>655</v>
      </c>
      <c r="D46" s="25" t="s">
        <v>656</v>
      </c>
      <c r="E46" s="32" t="s">
        <v>751</v>
      </c>
      <c r="F46" s="32"/>
      <c r="G46" s="32" t="s">
        <v>90</v>
      </c>
      <c r="H46" s="32"/>
      <c r="I46" s="32"/>
      <c r="J46" s="29" t="s">
        <v>77</v>
      </c>
      <c r="K46" s="31"/>
      <c r="L46" s="26" t="s">
        <v>63</v>
      </c>
      <c r="M46" s="26" t="s">
        <v>63</v>
      </c>
      <c r="N46" s="39">
        <v>435114</v>
      </c>
      <c r="O46" s="33"/>
      <c r="P46" s="33"/>
      <c r="Q46" s="43">
        <f t="shared" si="0"/>
        <v>435114</v>
      </c>
      <c r="R46" s="33"/>
      <c r="S46" s="33"/>
      <c r="T46" s="33"/>
      <c r="U46" s="33"/>
      <c r="V46" s="33"/>
      <c r="W46" s="33"/>
      <c r="X46" s="33"/>
      <c r="Y46" s="33"/>
      <c r="Z46" s="33"/>
      <c r="AA46" s="38"/>
      <c r="AB46" s="38"/>
      <c r="AC46" s="38"/>
      <c r="AD46" s="38"/>
      <c r="AE46" s="38"/>
      <c r="AF46" s="38"/>
      <c r="AG46" s="38"/>
      <c r="AH46" s="38"/>
      <c r="AI46" s="38"/>
      <c r="AJ46" s="38"/>
      <c r="AK46" s="38"/>
      <c r="AL46" s="38"/>
      <c r="AM46" s="38"/>
      <c r="AN46" s="38"/>
      <c r="AO46" s="38"/>
      <c r="AP46" s="38"/>
      <c r="AQ46" s="38"/>
      <c r="AR46" s="38"/>
      <c r="AS46" s="38"/>
      <c r="AT46" s="38"/>
      <c r="AU46" s="38"/>
      <c r="AV46" s="38"/>
      <c r="AW46" s="38"/>
      <c r="AX46" s="38"/>
      <c r="AY46" s="38"/>
      <c r="AZ46" s="58">
        <f t="shared" si="1"/>
        <v>0</v>
      </c>
      <c r="BA46" s="26" t="e">
        <f t="shared" si="2"/>
        <v>#DIV/0!</v>
      </c>
      <c r="BB46" s="27" t="str">
        <f t="shared" si="8"/>
        <v/>
      </c>
      <c r="BC46" s="27" t="str">
        <f t="shared" si="8"/>
        <v/>
      </c>
      <c r="BD46" s="27" t="str">
        <f t="shared" si="8"/>
        <v/>
      </c>
      <c r="BE46" s="27" t="str">
        <f t="shared" si="8"/>
        <v/>
      </c>
      <c r="BF46" s="27" t="str">
        <f t="shared" si="8"/>
        <v/>
      </c>
      <c r="BG46" s="27" t="str">
        <f t="shared" si="8"/>
        <v/>
      </c>
      <c r="BH46" s="27" t="str">
        <f t="shared" si="8"/>
        <v/>
      </c>
      <c r="BI46" s="27" t="str">
        <f t="shared" si="8"/>
        <v/>
      </c>
      <c r="BJ46" s="27" t="str">
        <f t="shared" si="8"/>
        <v/>
      </c>
      <c r="BK46" s="27" t="str">
        <f t="shared" si="8"/>
        <v/>
      </c>
      <c r="BL46" s="27" t="str">
        <f t="shared" si="8"/>
        <v/>
      </c>
      <c r="BM46" s="27" t="str">
        <f t="shared" si="8"/>
        <v/>
      </c>
      <c r="BN46" s="27" t="str">
        <f t="shared" si="8"/>
        <v/>
      </c>
      <c r="BO46" s="27" t="str">
        <f t="shared" si="8"/>
        <v/>
      </c>
      <c r="BP46" s="27" t="str">
        <f t="shared" si="8"/>
        <v/>
      </c>
      <c r="BQ46" s="27" t="str">
        <f t="shared" si="8"/>
        <v/>
      </c>
      <c r="BR46" s="27" t="str">
        <f t="shared" si="9"/>
        <v/>
      </c>
      <c r="BS46" s="27" t="str">
        <f t="shared" si="9"/>
        <v/>
      </c>
      <c r="BT46" s="27" t="str">
        <f t="shared" si="9"/>
        <v/>
      </c>
      <c r="BU46" s="27" t="str">
        <f t="shared" si="9"/>
        <v/>
      </c>
      <c r="BV46" s="27" t="str">
        <f t="shared" si="9"/>
        <v/>
      </c>
      <c r="BW46" s="27" t="str">
        <f t="shared" si="9"/>
        <v/>
      </c>
      <c r="BX46" s="27" t="str">
        <f t="shared" si="9"/>
        <v/>
      </c>
      <c r="BY46" s="27" t="str">
        <f t="shared" si="9"/>
        <v/>
      </c>
      <c r="BZ46" s="27" t="str">
        <f t="shared" si="9"/>
        <v/>
      </c>
      <c r="CA46" s="27" t="str">
        <f t="shared" si="9"/>
        <v/>
      </c>
      <c r="CB46" s="27" t="str">
        <f t="shared" si="9"/>
        <v/>
      </c>
      <c r="CC46" s="27" t="str">
        <f t="shared" si="9"/>
        <v/>
      </c>
      <c r="CD46" s="27" t="str">
        <f t="shared" si="7"/>
        <v/>
      </c>
      <c r="CE46" s="27" t="str">
        <f t="shared" si="7"/>
        <v/>
      </c>
      <c r="CF46" s="27" t="str">
        <f t="shared" si="7"/>
        <v/>
      </c>
      <c r="CG46" s="33" t="s">
        <v>660</v>
      </c>
      <c r="CH46" s="33"/>
      <c r="CI46" s="36" t="s">
        <v>661</v>
      </c>
    </row>
    <row r="47" spans="1:87" s="28" customFormat="1" ht="56.1" customHeight="1" x14ac:dyDescent="0.2">
      <c r="A47" s="22">
        <v>98</v>
      </c>
      <c r="B47" s="23" t="s">
        <v>53</v>
      </c>
      <c r="C47" s="35" t="s">
        <v>655</v>
      </c>
      <c r="D47" s="25" t="s">
        <v>656</v>
      </c>
      <c r="E47" s="32" t="s">
        <v>753</v>
      </c>
      <c r="F47" s="32"/>
      <c r="G47" s="32" t="s">
        <v>90</v>
      </c>
      <c r="H47" s="32" t="s">
        <v>755</v>
      </c>
      <c r="I47" s="32"/>
      <c r="J47" s="29" t="s">
        <v>77</v>
      </c>
      <c r="K47" s="31" t="s">
        <v>756</v>
      </c>
      <c r="L47" s="26" t="s">
        <v>63</v>
      </c>
      <c r="M47" s="26" t="s">
        <v>63</v>
      </c>
      <c r="N47" s="39">
        <v>198924</v>
      </c>
      <c r="O47" s="33"/>
      <c r="P47" s="33"/>
      <c r="Q47" s="43">
        <f t="shared" si="0"/>
        <v>198924</v>
      </c>
      <c r="R47" s="33"/>
      <c r="S47" s="33"/>
      <c r="T47" s="33"/>
      <c r="U47" s="33"/>
      <c r="V47" s="33"/>
      <c r="W47" s="33"/>
      <c r="X47" s="38"/>
      <c r="Y47" s="38"/>
      <c r="Z47" s="33"/>
      <c r="AA47" s="38"/>
      <c r="AB47" s="38"/>
      <c r="AC47" s="38"/>
      <c r="AD47" s="38"/>
      <c r="AE47" s="38"/>
      <c r="AF47" s="38"/>
      <c r="AG47" s="38"/>
      <c r="AH47" s="38"/>
      <c r="AI47" s="38"/>
      <c r="AJ47" s="38"/>
      <c r="AK47" s="38"/>
      <c r="AL47" s="38"/>
      <c r="AM47" s="38"/>
      <c r="AN47" s="38"/>
      <c r="AO47" s="38"/>
      <c r="AP47" s="38"/>
      <c r="AQ47" s="38"/>
      <c r="AR47" s="38"/>
      <c r="AS47" s="38"/>
      <c r="AT47" s="38"/>
      <c r="AU47" s="38"/>
      <c r="AV47" s="38"/>
      <c r="AW47" s="38"/>
      <c r="AX47" s="38"/>
      <c r="AY47" s="38"/>
      <c r="AZ47" s="58">
        <f t="shared" si="1"/>
        <v>0</v>
      </c>
      <c r="BA47" s="26" t="e">
        <f t="shared" si="2"/>
        <v>#DIV/0!</v>
      </c>
      <c r="BB47" s="27" t="str">
        <f t="shared" si="8"/>
        <v/>
      </c>
      <c r="BC47" s="27" t="str">
        <f t="shared" si="8"/>
        <v/>
      </c>
      <c r="BD47" s="27" t="str">
        <f t="shared" si="8"/>
        <v/>
      </c>
      <c r="BE47" s="27" t="str">
        <f t="shared" si="8"/>
        <v/>
      </c>
      <c r="BF47" s="27" t="str">
        <f t="shared" si="8"/>
        <v/>
      </c>
      <c r="BG47" s="27" t="str">
        <f t="shared" si="8"/>
        <v/>
      </c>
      <c r="BH47" s="27" t="str">
        <f t="shared" si="8"/>
        <v/>
      </c>
      <c r="BI47" s="27" t="str">
        <f t="shared" si="8"/>
        <v/>
      </c>
      <c r="BJ47" s="27" t="str">
        <f t="shared" si="8"/>
        <v/>
      </c>
      <c r="BK47" s="27" t="str">
        <f t="shared" si="8"/>
        <v/>
      </c>
      <c r="BL47" s="27" t="str">
        <f t="shared" si="8"/>
        <v/>
      </c>
      <c r="BM47" s="27" t="str">
        <f t="shared" si="8"/>
        <v/>
      </c>
      <c r="BN47" s="27" t="str">
        <f t="shared" si="8"/>
        <v/>
      </c>
      <c r="BO47" s="27" t="str">
        <f t="shared" si="8"/>
        <v/>
      </c>
      <c r="BP47" s="27" t="str">
        <f t="shared" si="8"/>
        <v/>
      </c>
      <c r="BQ47" s="27" t="str">
        <f t="shared" si="8"/>
        <v/>
      </c>
      <c r="BR47" s="27" t="str">
        <f t="shared" si="9"/>
        <v/>
      </c>
      <c r="BS47" s="27" t="str">
        <f t="shared" si="9"/>
        <v/>
      </c>
      <c r="BT47" s="27" t="str">
        <f t="shared" si="9"/>
        <v/>
      </c>
      <c r="BU47" s="27" t="str">
        <f t="shared" si="9"/>
        <v/>
      </c>
      <c r="BV47" s="27" t="str">
        <f t="shared" si="9"/>
        <v/>
      </c>
      <c r="BW47" s="27" t="str">
        <f t="shared" si="9"/>
        <v/>
      </c>
      <c r="BX47" s="27" t="str">
        <f t="shared" si="9"/>
        <v/>
      </c>
      <c r="BY47" s="27" t="str">
        <f t="shared" si="9"/>
        <v/>
      </c>
      <c r="BZ47" s="27" t="str">
        <f t="shared" si="9"/>
        <v/>
      </c>
      <c r="CA47" s="27" t="str">
        <f t="shared" si="9"/>
        <v/>
      </c>
      <c r="CB47" s="27" t="str">
        <f t="shared" si="9"/>
        <v/>
      </c>
      <c r="CC47" s="27" t="str">
        <f t="shared" si="9"/>
        <v/>
      </c>
      <c r="CD47" s="27" t="str">
        <f t="shared" si="7"/>
        <v/>
      </c>
      <c r="CE47" s="27" t="str">
        <f t="shared" si="7"/>
        <v/>
      </c>
      <c r="CF47" s="27" t="str">
        <f t="shared" si="7"/>
        <v/>
      </c>
      <c r="CG47" s="33" t="s">
        <v>660</v>
      </c>
      <c r="CH47" s="38"/>
      <c r="CI47" s="36" t="s">
        <v>661</v>
      </c>
    </row>
    <row r="48" spans="1:87" s="28" customFormat="1" ht="56.1" customHeight="1" x14ac:dyDescent="0.2">
      <c r="A48" s="22">
        <v>99</v>
      </c>
      <c r="B48" s="23" t="s">
        <v>53</v>
      </c>
      <c r="C48" s="35" t="s">
        <v>655</v>
      </c>
      <c r="D48" s="25" t="s">
        <v>656</v>
      </c>
      <c r="E48" s="32" t="s">
        <v>757</v>
      </c>
      <c r="F48" s="32"/>
      <c r="G48" s="32" t="s">
        <v>90</v>
      </c>
      <c r="H48" s="32"/>
      <c r="I48" s="32"/>
      <c r="J48" s="29" t="s">
        <v>77</v>
      </c>
      <c r="K48" s="31"/>
      <c r="L48" s="26" t="s">
        <v>63</v>
      </c>
      <c r="M48" s="26" t="s">
        <v>63</v>
      </c>
      <c r="N48" s="39">
        <v>248278</v>
      </c>
      <c r="O48" s="33"/>
      <c r="P48" s="33"/>
      <c r="Q48" s="43">
        <f t="shared" si="0"/>
        <v>248278</v>
      </c>
      <c r="R48" s="33"/>
      <c r="S48" s="33"/>
      <c r="T48" s="33"/>
      <c r="U48" s="33"/>
      <c r="V48" s="33"/>
      <c r="W48" s="33"/>
      <c r="X48" s="38"/>
      <c r="Y48" s="38"/>
      <c r="Z48" s="33"/>
      <c r="AA48" s="38"/>
      <c r="AB48" s="38"/>
      <c r="AC48" s="38"/>
      <c r="AD48" s="38"/>
      <c r="AE48" s="38"/>
      <c r="AF48" s="38"/>
      <c r="AG48" s="38"/>
      <c r="AH48" s="38"/>
      <c r="AI48" s="38"/>
      <c r="AJ48" s="38"/>
      <c r="AK48" s="38"/>
      <c r="AL48" s="38"/>
      <c r="AM48" s="38"/>
      <c r="AN48" s="38"/>
      <c r="AO48" s="38"/>
      <c r="AP48" s="38"/>
      <c r="AQ48" s="38"/>
      <c r="AR48" s="38"/>
      <c r="AS48" s="38"/>
      <c r="AT48" s="38"/>
      <c r="AU48" s="38"/>
      <c r="AV48" s="38"/>
      <c r="AW48" s="38"/>
      <c r="AX48" s="38"/>
      <c r="AY48" s="38"/>
      <c r="AZ48" s="58">
        <f t="shared" si="1"/>
        <v>0</v>
      </c>
      <c r="BA48" s="26" t="e">
        <f t="shared" si="2"/>
        <v>#DIV/0!</v>
      </c>
      <c r="BB48" s="27" t="str">
        <f t="shared" si="8"/>
        <v/>
      </c>
      <c r="BC48" s="27" t="str">
        <f t="shared" si="8"/>
        <v/>
      </c>
      <c r="BD48" s="27" t="str">
        <f t="shared" si="8"/>
        <v/>
      </c>
      <c r="BE48" s="27" t="str">
        <f t="shared" si="8"/>
        <v/>
      </c>
      <c r="BF48" s="27" t="str">
        <f t="shared" si="8"/>
        <v/>
      </c>
      <c r="BG48" s="27" t="str">
        <f t="shared" si="8"/>
        <v/>
      </c>
      <c r="BH48" s="27" t="str">
        <f t="shared" si="8"/>
        <v/>
      </c>
      <c r="BI48" s="27" t="str">
        <f t="shared" si="8"/>
        <v/>
      </c>
      <c r="BJ48" s="27" t="str">
        <f t="shared" si="8"/>
        <v/>
      </c>
      <c r="BK48" s="27" t="str">
        <f t="shared" si="8"/>
        <v/>
      </c>
      <c r="BL48" s="27" t="str">
        <f t="shared" si="8"/>
        <v/>
      </c>
      <c r="BM48" s="27" t="str">
        <f t="shared" si="8"/>
        <v/>
      </c>
      <c r="BN48" s="27" t="str">
        <f t="shared" si="8"/>
        <v/>
      </c>
      <c r="BO48" s="27" t="str">
        <f t="shared" si="8"/>
        <v/>
      </c>
      <c r="BP48" s="27" t="str">
        <f t="shared" si="8"/>
        <v/>
      </c>
      <c r="BQ48" s="27" t="str">
        <f t="shared" si="8"/>
        <v/>
      </c>
      <c r="BR48" s="27" t="str">
        <f t="shared" si="9"/>
        <v/>
      </c>
      <c r="BS48" s="27" t="str">
        <f t="shared" si="9"/>
        <v/>
      </c>
      <c r="BT48" s="27" t="str">
        <f t="shared" si="9"/>
        <v/>
      </c>
      <c r="BU48" s="27" t="str">
        <f t="shared" si="9"/>
        <v/>
      </c>
      <c r="BV48" s="27" t="str">
        <f t="shared" si="9"/>
        <v/>
      </c>
      <c r="BW48" s="27" t="str">
        <f t="shared" si="9"/>
        <v/>
      </c>
      <c r="BX48" s="27" t="str">
        <f t="shared" si="9"/>
        <v/>
      </c>
      <c r="BY48" s="27" t="str">
        <f t="shared" si="9"/>
        <v/>
      </c>
      <c r="BZ48" s="27" t="str">
        <f t="shared" si="9"/>
        <v/>
      </c>
      <c r="CA48" s="27" t="str">
        <f t="shared" si="9"/>
        <v/>
      </c>
      <c r="CB48" s="27" t="str">
        <f t="shared" si="9"/>
        <v/>
      </c>
      <c r="CC48" s="27" t="str">
        <f t="shared" si="9"/>
        <v/>
      </c>
      <c r="CD48" s="27" t="str">
        <f t="shared" si="7"/>
        <v/>
      </c>
      <c r="CE48" s="27" t="str">
        <f t="shared" si="7"/>
        <v/>
      </c>
      <c r="CF48" s="27" t="str">
        <f t="shared" si="7"/>
        <v/>
      </c>
      <c r="CG48" s="33" t="s">
        <v>660</v>
      </c>
      <c r="CH48" s="38"/>
      <c r="CI48" s="36" t="s">
        <v>661</v>
      </c>
    </row>
    <row r="49" spans="1:87" s="28" customFormat="1" ht="56.1" customHeight="1" x14ac:dyDescent="0.2">
      <c r="A49" s="22">
        <v>100</v>
      </c>
      <c r="B49" s="23" t="s">
        <v>53</v>
      </c>
      <c r="C49" s="35" t="s">
        <v>655</v>
      </c>
      <c r="D49" s="25" t="s">
        <v>656</v>
      </c>
      <c r="E49" s="32" t="s">
        <v>759</v>
      </c>
      <c r="F49" s="32"/>
      <c r="G49" s="32" t="s">
        <v>90</v>
      </c>
      <c r="H49" s="32"/>
      <c r="I49" s="32"/>
      <c r="J49" s="29" t="s">
        <v>77</v>
      </c>
      <c r="K49" s="31"/>
      <c r="L49" s="26" t="s">
        <v>63</v>
      </c>
      <c r="M49" s="26" t="s">
        <v>63</v>
      </c>
      <c r="N49" s="39">
        <v>37618</v>
      </c>
      <c r="O49" s="33"/>
      <c r="P49" s="33"/>
      <c r="Q49" s="43">
        <f t="shared" si="0"/>
        <v>37618</v>
      </c>
      <c r="R49" s="33"/>
      <c r="S49" s="33"/>
      <c r="T49" s="33"/>
      <c r="U49" s="33"/>
      <c r="V49" s="33"/>
      <c r="W49" s="33"/>
      <c r="X49" s="38"/>
      <c r="Y49" s="38"/>
      <c r="Z49" s="33"/>
      <c r="AA49" s="38"/>
      <c r="AB49" s="38"/>
      <c r="AC49" s="38"/>
      <c r="AD49" s="38"/>
      <c r="AE49" s="38"/>
      <c r="AF49" s="38"/>
      <c r="AG49" s="38"/>
      <c r="AH49" s="38"/>
      <c r="AI49" s="38"/>
      <c r="AJ49" s="38"/>
      <c r="AK49" s="38"/>
      <c r="AL49" s="38"/>
      <c r="AM49" s="38"/>
      <c r="AN49" s="38"/>
      <c r="AO49" s="38"/>
      <c r="AP49" s="38"/>
      <c r="AQ49" s="38"/>
      <c r="AR49" s="38"/>
      <c r="AS49" s="38"/>
      <c r="AT49" s="38"/>
      <c r="AU49" s="38"/>
      <c r="AV49" s="38"/>
      <c r="AW49" s="38"/>
      <c r="AX49" s="38"/>
      <c r="AY49" s="38"/>
      <c r="AZ49" s="58">
        <f t="shared" si="1"/>
        <v>0</v>
      </c>
      <c r="BA49" s="26" t="e">
        <f t="shared" si="2"/>
        <v>#DIV/0!</v>
      </c>
      <c r="BB49" s="27" t="str">
        <f t="shared" si="8"/>
        <v/>
      </c>
      <c r="BC49" s="27" t="str">
        <f t="shared" si="8"/>
        <v/>
      </c>
      <c r="BD49" s="27" t="str">
        <f t="shared" si="8"/>
        <v/>
      </c>
      <c r="BE49" s="27" t="str">
        <f t="shared" si="8"/>
        <v/>
      </c>
      <c r="BF49" s="27" t="str">
        <f t="shared" si="8"/>
        <v/>
      </c>
      <c r="BG49" s="27" t="str">
        <f t="shared" si="8"/>
        <v/>
      </c>
      <c r="BH49" s="27" t="str">
        <f t="shared" si="8"/>
        <v/>
      </c>
      <c r="BI49" s="27" t="str">
        <f t="shared" si="8"/>
        <v/>
      </c>
      <c r="BJ49" s="27" t="str">
        <f t="shared" si="8"/>
        <v/>
      </c>
      <c r="BK49" s="27" t="str">
        <f t="shared" si="8"/>
        <v/>
      </c>
      <c r="BL49" s="27" t="str">
        <f t="shared" si="8"/>
        <v/>
      </c>
      <c r="BM49" s="27" t="str">
        <f t="shared" si="8"/>
        <v/>
      </c>
      <c r="BN49" s="27" t="str">
        <f t="shared" si="8"/>
        <v/>
      </c>
      <c r="BO49" s="27" t="str">
        <f t="shared" si="8"/>
        <v/>
      </c>
      <c r="BP49" s="27" t="str">
        <f t="shared" si="8"/>
        <v/>
      </c>
      <c r="BQ49" s="27" t="str">
        <f t="shared" si="8"/>
        <v/>
      </c>
      <c r="BR49" s="27" t="str">
        <f t="shared" si="9"/>
        <v/>
      </c>
      <c r="BS49" s="27" t="str">
        <f t="shared" si="9"/>
        <v/>
      </c>
      <c r="BT49" s="27" t="str">
        <f t="shared" si="9"/>
        <v/>
      </c>
      <c r="BU49" s="27" t="str">
        <f t="shared" si="9"/>
        <v/>
      </c>
      <c r="BV49" s="27" t="str">
        <f t="shared" si="9"/>
        <v/>
      </c>
      <c r="BW49" s="27" t="str">
        <f t="shared" si="9"/>
        <v/>
      </c>
      <c r="BX49" s="27" t="str">
        <f t="shared" si="9"/>
        <v/>
      </c>
      <c r="BY49" s="27" t="str">
        <f t="shared" si="9"/>
        <v/>
      </c>
      <c r="BZ49" s="27" t="str">
        <f t="shared" si="9"/>
        <v/>
      </c>
      <c r="CA49" s="27" t="str">
        <f t="shared" si="9"/>
        <v/>
      </c>
      <c r="CB49" s="27" t="str">
        <f t="shared" si="9"/>
        <v/>
      </c>
      <c r="CC49" s="27" t="str">
        <f t="shared" si="9"/>
        <v/>
      </c>
      <c r="CD49" s="27" t="str">
        <f t="shared" si="7"/>
        <v/>
      </c>
      <c r="CE49" s="27" t="str">
        <f t="shared" si="7"/>
        <v/>
      </c>
      <c r="CF49" s="27" t="str">
        <f t="shared" si="7"/>
        <v/>
      </c>
      <c r="CG49" s="33" t="s">
        <v>660</v>
      </c>
      <c r="CH49" s="38"/>
      <c r="CI49" s="36" t="s">
        <v>661</v>
      </c>
    </row>
    <row r="50" spans="1:87" s="28" customFormat="1" ht="56.1" customHeight="1" x14ac:dyDescent="0.2">
      <c r="A50" s="22">
        <v>101</v>
      </c>
      <c r="B50" s="23" t="s">
        <v>53</v>
      </c>
      <c r="C50" s="35" t="s">
        <v>655</v>
      </c>
      <c r="D50" s="25" t="s">
        <v>656</v>
      </c>
      <c r="E50" s="32" t="s">
        <v>761</v>
      </c>
      <c r="F50" s="32"/>
      <c r="G50" s="32" t="s">
        <v>90</v>
      </c>
      <c r="H50" s="32"/>
      <c r="I50" s="32"/>
      <c r="J50" s="29" t="s">
        <v>77</v>
      </c>
      <c r="K50" s="31"/>
      <c r="L50" s="26" t="s">
        <v>63</v>
      </c>
      <c r="M50" s="26" t="s">
        <v>63</v>
      </c>
      <c r="N50" s="39">
        <v>37618</v>
      </c>
      <c r="O50" s="33"/>
      <c r="P50" s="33"/>
      <c r="Q50" s="43">
        <f t="shared" si="0"/>
        <v>37618</v>
      </c>
      <c r="R50" s="33"/>
      <c r="S50" s="33"/>
      <c r="T50" s="33"/>
      <c r="U50" s="33"/>
      <c r="V50" s="33"/>
      <c r="W50" s="33"/>
      <c r="X50" s="33"/>
      <c r="Y50" s="33"/>
      <c r="Z50" s="33"/>
      <c r="AA50" s="38"/>
      <c r="AB50" s="38"/>
      <c r="AC50" s="38"/>
      <c r="AD50" s="38"/>
      <c r="AE50" s="38"/>
      <c r="AF50" s="38"/>
      <c r="AG50" s="38"/>
      <c r="AH50" s="38"/>
      <c r="AI50" s="38"/>
      <c r="AJ50" s="38"/>
      <c r="AK50" s="38"/>
      <c r="AL50" s="38"/>
      <c r="AM50" s="38"/>
      <c r="AN50" s="38"/>
      <c r="AO50" s="38"/>
      <c r="AP50" s="38"/>
      <c r="AQ50" s="38"/>
      <c r="AR50" s="38"/>
      <c r="AS50" s="38"/>
      <c r="AT50" s="38"/>
      <c r="AU50" s="38"/>
      <c r="AV50" s="38"/>
      <c r="AW50" s="38"/>
      <c r="AX50" s="38"/>
      <c r="AY50" s="38"/>
      <c r="AZ50" s="58">
        <f t="shared" si="1"/>
        <v>0</v>
      </c>
      <c r="BA50" s="26" t="e">
        <f t="shared" si="2"/>
        <v>#DIV/0!</v>
      </c>
      <c r="BB50" s="27" t="str">
        <f t="shared" si="8"/>
        <v/>
      </c>
      <c r="BC50" s="27" t="str">
        <f t="shared" si="8"/>
        <v/>
      </c>
      <c r="BD50" s="27" t="str">
        <f t="shared" si="8"/>
        <v/>
      </c>
      <c r="BE50" s="27" t="str">
        <f t="shared" si="8"/>
        <v/>
      </c>
      <c r="BF50" s="27" t="str">
        <f t="shared" si="8"/>
        <v/>
      </c>
      <c r="BG50" s="27" t="str">
        <f t="shared" si="8"/>
        <v/>
      </c>
      <c r="BH50" s="27" t="str">
        <f t="shared" si="8"/>
        <v/>
      </c>
      <c r="BI50" s="27" t="str">
        <f t="shared" si="8"/>
        <v/>
      </c>
      <c r="BJ50" s="27" t="str">
        <f t="shared" si="8"/>
        <v/>
      </c>
      <c r="BK50" s="27" t="str">
        <f t="shared" si="8"/>
        <v/>
      </c>
      <c r="BL50" s="27" t="str">
        <f t="shared" si="8"/>
        <v/>
      </c>
      <c r="BM50" s="27" t="str">
        <f t="shared" si="8"/>
        <v/>
      </c>
      <c r="BN50" s="27" t="str">
        <f t="shared" si="8"/>
        <v/>
      </c>
      <c r="BO50" s="27" t="str">
        <f t="shared" si="8"/>
        <v/>
      </c>
      <c r="BP50" s="27" t="str">
        <f t="shared" si="8"/>
        <v/>
      </c>
      <c r="BQ50" s="27" t="str">
        <f t="shared" si="8"/>
        <v/>
      </c>
      <c r="BR50" s="27" t="str">
        <f t="shared" si="9"/>
        <v/>
      </c>
      <c r="BS50" s="27" t="str">
        <f t="shared" si="9"/>
        <v/>
      </c>
      <c r="BT50" s="27" t="str">
        <f t="shared" si="9"/>
        <v/>
      </c>
      <c r="BU50" s="27" t="str">
        <f t="shared" si="9"/>
        <v/>
      </c>
      <c r="BV50" s="27" t="str">
        <f t="shared" si="9"/>
        <v/>
      </c>
      <c r="BW50" s="27" t="str">
        <f t="shared" si="9"/>
        <v/>
      </c>
      <c r="BX50" s="27" t="str">
        <f t="shared" si="9"/>
        <v/>
      </c>
      <c r="BY50" s="27" t="str">
        <f t="shared" si="9"/>
        <v/>
      </c>
      <c r="BZ50" s="27" t="str">
        <f t="shared" si="9"/>
        <v/>
      </c>
      <c r="CA50" s="27" t="str">
        <f t="shared" si="9"/>
        <v/>
      </c>
      <c r="CB50" s="27" t="str">
        <f t="shared" si="9"/>
        <v/>
      </c>
      <c r="CC50" s="27" t="str">
        <f t="shared" si="9"/>
        <v/>
      </c>
      <c r="CD50" s="27" t="str">
        <f t="shared" si="7"/>
        <v/>
      </c>
      <c r="CE50" s="27" t="str">
        <f t="shared" si="7"/>
        <v/>
      </c>
      <c r="CF50" s="27" t="str">
        <f t="shared" si="7"/>
        <v/>
      </c>
      <c r="CG50" s="33" t="s">
        <v>660</v>
      </c>
      <c r="CH50" s="33"/>
      <c r="CI50" s="36" t="s">
        <v>661</v>
      </c>
    </row>
    <row r="51" spans="1:87" s="28" customFormat="1" ht="56.1" customHeight="1" x14ac:dyDescent="0.2">
      <c r="A51" s="22">
        <v>102</v>
      </c>
      <c r="B51" s="23" t="s">
        <v>53</v>
      </c>
      <c r="C51" s="35" t="s">
        <v>655</v>
      </c>
      <c r="D51" s="25" t="s">
        <v>656</v>
      </c>
      <c r="E51" s="32" t="s">
        <v>763</v>
      </c>
      <c r="F51" s="32"/>
      <c r="G51" s="32" t="s">
        <v>90</v>
      </c>
      <c r="H51" s="32"/>
      <c r="I51" s="32"/>
      <c r="J51" s="29" t="s">
        <v>77</v>
      </c>
      <c r="K51" s="31"/>
      <c r="L51" s="26" t="s">
        <v>63</v>
      </c>
      <c r="M51" s="26" t="s">
        <v>63</v>
      </c>
      <c r="N51" s="39">
        <v>62697</v>
      </c>
      <c r="O51" s="33"/>
      <c r="P51" s="33"/>
      <c r="Q51" s="43">
        <f t="shared" si="0"/>
        <v>62697</v>
      </c>
      <c r="R51" s="33"/>
      <c r="S51" s="33"/>
      <c r="T51" s="33"/>
      <c r="U51" s="33"/>
      <c r="V51" s="33"/>
      <c r="W51" s="33"/>
      <c r="X51" s="33"/>
      <c r="Y51" s="33"/>
      <c r="Z51" s="38"/>
      <c r="AA51" s="38"/>
      <c r="AB51" s="38"/>
      <c r="AC51" s="38"/>
      <c r="AD51" s="38"/>
      <c r="AE51" s="38"/>
      <c r="AF51" s="38"/>
      <c r="AG51" s="38"/>
      <c r="AH51" s="38"/>
      <c r="AI51" s="38"/>
      <c r="AJ51" s="38"/>
      <c r="AK51" s="38"/>
      <c r="AL51" s="38"/>
      <c r="AM51" s="38"/>
      <c r="AN51" s="38"/>
      <c r="AO51" s="38"/>
      <c r="AP51" s="38"/>
      <c r="AQ51" s="38"/>
      <c r="AR51" s="38"/>
      <c r="AS51" s="33"/>
      <c r="AT51" s="33"/>
      <c r="AU51" s="33"/>
      <c r="AV51" s="33"/>
      <c r="AW51" s="33"/>
      <c r="AX51" s="33"/>
      <c r="AY51" s="33"/>
      <c r="AZ51" s="58">
        <f t="shared" si="1"/>
        <v>0</v>
      </c>
      <c r="BA51" s="26" t="e">
        <f t="shared" si="2"/>
        <v>#DIV/0!</v>
      </c>
      <c r="BB51" s="27" t="str">
        <f t="shared" si="8"/>
        <v/>
      </c>
      <c r="BC51" s="27" t="str">
        <f t="shared" si="8"/>
        <v/>
      </c>
      <c r="BD51" s="27" t="str">
        <f t="shared" si="8"/>
        <v/>
      </c>
      <c r="BE51" s="27" t="str">
        <f t="shared" si="8"/>
        <v/>
      </c>
      <c r="BF51" s="27" t="str">
        <f t="shared" si="8"/>
        <v/>
      </c>
      <c r="BG51" s="27" t="str">
        <f t="shared" si="8"/>
        <v/>
      </c>
      <c r="BH51" s="27" t="str">
        <f t="shared" si="8"/>
        <v/>
      </c>
      <c r="BI51" s="27" t="str">
        <f t="shared" si="8"/>
        <v/>
      </c>
      <c r="BJ51" s="27" t="str">
        <f t="shared" si="8"/>
        <v/>
      </c>
      <c r="BK51" s="27" t="str">
        <f t="shared" si="8"/>
        <v/>
      </c>
      <c r="BL51" s="27" t="str">
        <f t="shared" si="8"/>
        <v/>
      </c>
      <c r="BM51" s="27" t="str">
        <f t="shared" si="8"/>
        <v/>
      </c>
      <c r="BN51" s="27" t="str">
        <f t="shared" si="8"/>
        <v/>
      </c>
      <c r="BO51" s="27" t="str">
        <f t="shared" si="8"/>
        <v/>
      </c>
      <c r="BP51" s="27" t="str">
        <f t="shared" si="8"/>
        <v/>
      </c>
      <c r="BQ51" s="27" t="str">
        <f t="shared" ref="BQ51:BW105" si="10">IF(AJ51="yes",(AJ$2*$BA51),"")</f>
        <v/>
      </c>
      <c r="BR51" s="27" t="str">
        <f t="shared" si="9"/>
        <v/>
      </c>
      <c r="BS51" s="27" t="str">
        <f t="shared" si="9"/>
        <v/>
      </c>
      <c r="BT51" s="27" t="str">
        <f t="shared" si="9"/>
        <v/>
      </c>
      <c r="BU51" s="27" t="str">
        <f t="shared" si="9"/>
        <v/>
      </c>
      <c r="BV51" s="27" t="str">
        <f t="shared" si="9"/>
        <v/>
      </c>
      <c r="BW51" s="27" t="str">
        <f t="shared" si="9"/>
        <v/>
      </c>
      <c r="BX51" s="27" t="str">
        <f t="shared" si="9"/>
        <v/>
      </c>
      <c r="BY51" s="27" t="str">
        <f t="shared" si="9"/>
        <v/>
      </c>
      <c r="BZ51" s="27" t="str">
        <f t="shared" si="9"/>
        <v/>
      </c>
      <c r="CA51" s="27" t="str">
        <f t="shared" si="9"/>
        <v/>
      </c>
      <c r="CB51" s="27" t="str">
        <f t="shared" si="9"/>
        <v/>
      </c>
      <c r="CC51" s="27" t="str">
        <f t="shared" si="9"/>
        <v/>
      </c>
      <c r="CD51" s="27" t="str">
        <f t="shared" si="7"/>
        <v/>
      </c>
      <c r="CE51" s="27" t="str">
        <f t="shared" si="7"/>
        <v/>
      </c>
      <c r="CF51" s="27" t="str">
        <f t="shared" si="7"/>
        <v/>
      </c>
      <c r="CG51" s="33" t="s">
        <v>660</v>
      </c>
      <c r="CH51" s="33"/>
      <c r="CI51" s="36" t="s">
        <v>661</v>
      </c>
    </row>
    <row r="52" spans="1:87" s="28" customFormat="1" ht="56.1" customHeight="1" x14ac:dyDescent="0.2">
      <c r="A52" s="22">
        <v>103</v>
      </c>
      <c r="B52" s="23" t="s">
        <v>53</v>
      </c>
      <c r="C52" s="35" t="s">
        <v>655</v>
      </c>
      <c r="D52" s="25" t="s">
        <v>656</v>
      </c>
      <c r="E52" s="32" t="s">
        <v>765</v>
      </c>
      <c r="F52" s="30"/>
      <c r="G52" s="32" t="s">
        <v>90</v>
      </c>
      <c r="H52" s="32"/>
      <c r="I52" s="32"/>
      <c r="J52" s="29" t="s">
        <v>77</v>
      </c>
      <c r="K52" s="31"/>
      <c r="L52" s="26" t="s">
        <v>63</v>
      </c>
      <c r="M52" s="26" t="s">
        <v>63</v>
      </c>
      <c r="N52" s="39">
        <v>75236</v>
      </c>
      <c r="O52" s="33"/>
      <c r="P52" s="33"/>
      <c r="Q52" s="43">
        <f t="shared" si="0"/>
        <v>75236</v>
      </c>
      <c r="R52" s="33"/>
      <c r="S52" s="33"/>
      <c r="T52" s="33"/>
      <c r="U52" s="33"/>
      <c r="V52" s="33"/>
      <c r="W52" s="33"/>
      <c r="X52" s="38"/>
      <c r="Y52" s="38"/>
      <c r="Z52" s="38"/>
      <c r="AA52" s="38"/>
      <c r="AB52" s="38"/>
      <c r="AC52" s="38"/>
      <c r="AD52" s="38"/>
      <c r="AE52" s="38"/>
      <c r="AF52" s="38"/>
      <c r="AG52" s="38"/>
      <c r="AH52" s="38"/>
      <c r="AI52" s="38"/>
      <c r="AJ52" s="38"/>
      <c r="AK52" s="38"/>
      <c r="AL52" s="38"/>
      <c r="AM52" s="38"/>
      <c r="AN52" s="38"/>
      <c r="AO52" s="38"/>
      <c r="AP52" s="38"/>
      <c r="AQ52" s="38"/>
      <c r="AR52" s="38"/>
      <c r="AS52" s="38"/>
      <c r="AT52" s="38"/>
      <c r="AU52" s="38"/>
      <c r="AV52" s="38"/>
      <c r="AW52" s="38"/>
      <c r="AX52" s="38"/>
      <c r="AY52" s="38"/>
      <c r="AZ52" s="58">
        <f t="shared" si="1"/>
        <v>0</v>
      </c>
      <c r="BA52" s="26" t="e">
        <f t="shared" si="2"/>
        <v>#DIV/0!</v>
      </c>
      <c r="BB52" s="27" t="str">
        <f t="shared" ref="BB52:BP68" si="11">IF(U52="yes",(U$2*$BA52),"")</f>
        <v/>
      </c>
      <c r="BC52" s="27" t="str">
        <f t="shared" si="11"/>
        <v/>
      </c>
      <c r="BD52" s="27" t="str">
        <f t="shared" si="11"/>
        <v/>
      </c>
      <c r="BE52" s="27" t="str">
        <f t="shared" si="11"/>
        <v/>
      </c>
      <c r="BF52" s="27" t="str">
        <f t="shared" si="11"/>
        <v/>
      </c>
      <c r="BG52" s="27" t="str">
        <f t="shared" si="11"/>
        <v/>
      </c>
      <c r="BH52" s="27" t="str">
        <f t="shared" si="11"/>
        <v/>
      </c>
      <c r="BI52" s="27" t="str">
        <f t="shared" si="11"/>
        <v/>
      </c>
      <c r="BJ52" s="27" t="str">
        <f t="shared" si="11"/>
        <v/>
      </c>
      <c r="BK52" s="27" t="str">
        <f t="shared" si="11"/>
        <v/>
      </c>
      <c r="BL52" s="27" t="str">
        <f t="shared" si="11"/>
        <v/>
      </c>
      <c r="BM52" s="27" t="str">
        <f t="shared" si="11"/>
        <v/>
      </c>
      <c r="BN52" s="27" t="str">
        <f t="shared" si="11"/>
        <v/>
      </c>
      <c r="BO52" s="27" t="str">
        <f t="shared" si="11"/>
        <v/>
      </c>
      <c r="BP52" s="27" t="str">
        <f t="shared" si="11"/>
        <v/>
      </c>
      <c r="BQ52" s="27" t="str">
        <f t="shared" si="10"/>
        <v/>
      </c>
      <c r="BR52" s="27" t="str">
        <f t="shared" si="9"/>
        <v/>
      </c>
      <c r="BS52" s="27" t="str">
        <f t="shared" si="9"/>
        <v/>
      </c>
      <c r="BT52" s="27" t="str">
        <f t="shared" si="9"/>
        <v/>
      </c>
      <c r="BU52" s="27" t="str">
        <f t="shared" si="9"/>
        <v/>
      </c>
      <c r="BV52" s="27" t="str">
        <f t="shared" si="9"/>
        <v/>
      </c>
      <c r="BW52" s="27" t="str">
        <f t="shared" si="9"/>
        <v/>
      </c>
      <c r="BX52" s="27" t="str">
        <f t="shared" si="9"/>
        <v/>
      </c>
      <c r="BY52" s="27" t="str">
        <f t="shared" si="9"/>
        <v/>
      </c>
      <c r="BZ52" s="27" t="str">
        <f t="shared" si="9"/>
        <v/>
      </c>
      <c r="CA52" s="27" t="str">
        <f t="shared" si="9"/>
        <v/>
      </c>
      <c r="CB52" s="27" t="str">
        <f t="shared" si="9"/>
        <v/>
      </c>
      <c r="CC52" s="27" t="str">
        <f t="shared" si="9"/>
        <v/>
      </c>
      <c r="CD52" s="27" t="str">
        <f t="shared" si="7"/>
        <v/>
      </c>
      <c r="CE52" s="27" t="str">
        <f t="shared" si="7"/>
        <v/>
      </c>
      <c r="CF52" s="27" t="str">
        <f t="shared" si="7"/>
        <v/>
      </c>
      <c r="CG52" s="33" t="s">
        <v>660</v>
      </c>
      <c r="CH52" s="38"/>
      <c r="CI52" s="36" t="s">
        <v>661</v>
      </c>
    </row>
    <row r="53" spans="1:87" s="28" customFormat="1" ht="56.1" customHeight="1" x14ac:dyDescent="0.2">
      <c r="A53" s="22">
        <v>104</v>
      </c>
      <c r="B53" s="23" t="s">
        <v>53</v>
      </c>
      <c r="C53" s="35" t="s">
        <v>655</v>
      </c>
      <c r="D53" s="25" t="s">
        <v>656</v>
      </c>
      <c r="E53" s="32" t="s">
        <v>767</v>
      </c>
      <c r="F53" s="32"/>
      <c r="G53" s="32" t="s">
        <v>90</v>
      </c>
      <c r="H53" s="32" t="s">
        <v>769</v>
      </c>
      <c r="I53" s="32"/>
      <c r="J53" s="29" t="s">
        <v>77</v>
      </c>
      <c r="K53" s="31" t="s">
        <v>722</v>
      </c>
      <c r="L53" s="26" t="s">
        <v>63</v>
      </c>
      <c r="M53" s="26" t="s">
        <v>63</v>
      </c>
      <c r="N53" s="39">
        <v>150472</v>
      </c>
      <c r="O53" s="33"/>
      <c r="P53" s="33"/>
      <c r="Q53" s="43">
        <f t="shared" si="0"/>
        <v>150472</v>
      </c>
      <c r="R53" s="33"/>
      <c r="S53" s="33"/>
      <c r="T53" s="33"/>
      <c r="U53" s="33"/>
      <c r="V53" s="33"/>
      <c r="W53" s="33"/>
      <c r="X53" s="33"/>
      <c r="Y53" s="33"/>
      <c r="Z53" s="38"/>
      <c r="AA53" s="38"/>
      <c r="AB53" s="38"/>
      <c r="AC53" s="38"/>
      <c r="AD53" s="38"/>
      <c r="AE53" s="38"/>
      <c r="AF53" s="38"/>
      <c r="AG53" s="38"/>
      <c r="AH53" s="38"/>
      <c r="AI53" s="38"/>
      <c r="AJ53" s="38"/>
      <c r="AK53" s="38"/>
      <c r="AL53" s="38"/>
      <c r="AM53" s="38"/>
      <c r="AN53" s="38"/>
      <c r="AO53" s="38"/>
      <c r="AP53" s="38"/>
      <c r="AQ53" s="38"/>
      <c r="AR53" s="38"/>
      <c r="AS53" s="38"/>
      <c r="AT53" s="38"/>
      <c r="AU53" s="38"/>
      <c r="AV53" s="38"/>
      <c r="AW53" s="38"/>
      <c r="AX53" s="38"/>
      <c r="AY53" s="38"/>
      <c r="AZ53" s="58">
        <f t="shared" si="1"/>
        <v>0</v>
      </c>
      <c r="BA53" s="26" t="e">
        <f t="shared" si="2"/>
        <v>#DIV/0!</v>
      </c>
      <c r="BB53" s="27" t="str">
        <f t="shared" si="11"/>
        <v/>
      </c>
      <c r="BC53" s="27" t="str">
        <f t="shared" si="11"/>
        <v/>
      </c>
      <c r="BD53" s="27" t="str">
        <f t="shared" si="11"/>
        <v/>
      </c>
      <c r="BE53" s="27" t="str">
        <f t="shared" si="11"/>
        <v/>
      </c>
      <c r="BF53" s="27" t="str">
        <f t="shared" si="11"/>
        <v/>
      </c>
      <c r="BG53" s="27" t="str">
        <f t="shared" si="11"/>
        <v/>
      </c>
      <c r="BH53" s="27" t="str">
        <f t="shared" si="11"/>
        <v/>
      </c>
      <c r="BI53" s="27" t="str">
        <f t="shared" si="11"/>
        <v/>
      </c>
      <c r="BJ53" s="27" t="str">
        <f t="shared" si="11"/>
        <v/>
      </c>
      <c r="BK53" s="27" t="str">
        <f t="shared" si="11"/>
        <v/>
      </c>
      <c r="BL53" s="27" t="str">
        <f t="shared" si="11"/>
        <v/>
      </c>
      <c r="BM53" s="27" t="str">
        <f t="shared" si="11"/>
        <v/>
      </c>
      <c r="BN53" s="27" t="str">
        <f t="shared" si="11"/>
        <v/>
      </c>
      <c r="BO53" s="27" t="str">
        <f t="shared" si="11"/>
        <v/>
      </c>
      <c r="BP53" s="27" t="str">
        <f t="shared" si="11"/>
        <v/>
      </c>
      <c r="BQ53" s="27" t="str">
        <f t="shared" si="10"/>
        <v/>
      </c>
      <c r="BR53" s="27" t="str">
        <f t="shared" si="9"/>
        <v/>
      </c>
      <c r="BS53" s="27" t="str">
        <f t="shared" si="9"/>
        <v/>
      </c>
      <c r="BT53" s="27" t="str">
        <f t="shared" si="9"/>
        <v/>
      </c>
      <c r="BU53" s="27" t="str">
        <f t="shared" si="9"/>
        <v/>
      </c>
      <c r="BV53" s="27" t="str">
        <f t="shared" si="9"/>
        <v/>
      </c>
      <c r="BW53" s="27" t="str">
        <f t="shared" si="9"/>
        <v/>
      </c>
      <c r="BX53" s="27" t="str">
        <f t="shared" si="9"/>
        <v/>
      </c>
      <c r="BY53" s="27" t="str">
        <f t="shared" si="9"/>
        <v/>
      </c>
      <c r="BZ53" s="27" t="str">
        <f t="shared" si="9"/>
        <v/>
      </c>
      <c r="CA53" s="27" t="str">
        <f t="shared" si="9"/>
        <v/>
      </c>
      <c r="CB53" s="27" t="str">
        <f t="shared" si="9"/>
        <v/>
      </c>
      <c r="CC53" s="27" t="str">
        <f t="shared" si="9"/>
        <v/>
      </c>
      <c r="CD53" s="27" t="str">
        <f t="shared" si="7"/>
        <v/>
      </c>
      <c r="CE53" s="27" t="str">
        <f t="shared" si="7"/>
        <v/>
      </c>
      <c r="CF53" s="27" t="str">
        <f t="shared" si="7"/>
        <v/>
      </c>
      <c r="CG53" s="33" t="s">
        <v>660</v>
      </c>
      <c r="CH53" s="33"/>
      <c r="CI53" s="36" t="s">
        <v>661</v>
      </c>
    </row>
    <row r="54" spans="1:87" s="28" customFormat="1" ht="56.1" customHeight="1" x14ac:dyDescent="0.2">
      <c r="A54" s="22">
        <v>105</v>
      </c>
      <c r="B54" s="23" t="s">
        <v>53</v>
      </c>
      <c r="C54" s="35" t="s">
        <v>655</v>
      </c>
      <c r="D54" s="25" t="s">
        <v>656</v>
      </c>
      <c r="E54" s="32" t="s">
        <v>770</v>
      </c>
      <c r="F54" s="32"/>
      <c r="G54" s="32" t="s">
        <v>90</v>
      </c>
      <c r="H54" s="32"/>
      <c r="I54" s="32"/>
      <c r="J54" s="29" t="s">
        <v>77</v>
      </c>
      <c r="K54" s="31"/>
      <c r="L54" s="26" t="s">
        <v>63</v>
      </c>
      <c r="M54" s="26" t="s">
        <v>63</v>
      </c>
      <c r="N54" s="39">
        <v>25079</v>
      </c>
      <c r="O54" s="33"/>
      <c r="P54" s="33"/>
      <c r="Q54" s="43">
        <f t="shared" si="0"/>
        <v>25079</v>
      </c>
      <c r="R54" s="33"/>
      <c r="S54" s="33"/>
      <c r="T54" s="33"/>
      <c r="U54" s="33"/>
      <c r="V54" s="33"/>
      <c r="W54" s="33"/>
      <c r="X54" s="38"/>
      <c r="Y54" s="38"/>
      <c r="Z54" s="38"/>
      <c r="AA54" s="33"/>
      <c r="AB54" s="38"/>
      <c r="AC54" s="38"/>
      <c r="AD54" s="38"/>
      <c r="AE54" s="38"/>
      <c r="AF54" s="38"/>
      <c r="AG54" s="38"/>
      <c r="AH54" s="38"/>
      <c r="AI54" s="38"/>
      <c r="AJ54" s="38"/>
      <c r="AK54" s="38"/>
      <c r="AL54" s="38"/>
      <c r="AM54" s="38"/>
      <c r="AN54" s="38"/>
      <c r="AO54" s="38"/>
      <c r="AP54" s="38"/>
      <c r="AQ54" s="33"/>
      <c r="AR54" s="33"/>
      <c r="AS54" s="38"/>
      <c r="AT54" s="38"/>
      <c r="AU54" s="38"/>
      <c r="AV54" s="38"/>
      <c r="AW54" s="38"/>
      <c r="AX54" s="38"/>
      <c r="AY54" s="38"/>
      <c r="AZ54" s="58">
        <f t="shared" si="1"/>
        <v>0</v>
      </c>
      <c r="BA54" s="26" t="e">
        <f t="shared" si="2"/>
        <v>#DIV/0!</v>
      </c>
      <c r="BB54" s="27" t="str">
        <f t="shared" si="11"/>
        <v/>
      </c>
      <c r="BC54" s="27" t="str">
        <f t="shared" si="11"/>
        <v/>
      </c>
      <c r="BD54" s="27" t="str">
        <f t="shared" si="11"/>
        <v/>
      </c>
      <c r="BE54" s="27" t="str">
        <f t="shared" si="11"/>
        <v/>
      </c>
      <c r="BF54" s="27" t="str">
        <f t="shared" si="11"/>
        <v/>
      </c>
      <c r="BG54" s="27" t="str">
        <f t="shared" si="11"/>
        <v/>
      </c>
      <c r="BH54" s="27" t="str">
        <f t="shared" si="11"/>
        <v/>
      </c>
      <c r="BI54" s="27" t="str">
        <f t="shared" si="11"/>
        <v/>
      </c>
      <c r="BJ54" s="27" t="str">
        <f t="shared" si="11"/>
        <v/>
      </c>
      <c r="BK54" s="27" t="str">
        <f t="shared" si="11"/>
        <v/>
      </c>
      <c r="BL54" s="27" t="str">
        <f t="shared" si="11"/>
        <v/>
      </c>
      <c r="BM54" s="27" t="str">
        <f t="shared" si="11"/>
        <v/>
      </c>
      <c r="BN54" s="27" t="str">
        <f t="shared" si="11"/>
        <v/>
      </c>
      <c r="BO54" s="27" t="str">
        <f t="shared" si="11"/>
        <v/>
      </c>
      <c r="BP54" s="27" t="str">
        <f t="shared" si="11"/>
        <v/>
      </c>
      <c r="BQ54" s="27" t="str">
        <f t="shared" si="10"/>
        <v/>
      </c>
      <c r="BR54" s="27" t="str">
        <f t="shared" si="9"/>
        <v/>
      </c>
      <c r="BS54" s="27" t="str">
        <f t="shared" si="9"/>
        <v/>
      </c>
      <c r="BT54" s="27" t="str">
        <f t="shared" si="9"/>
        <v/>
      </c>
      <c r="BU54" s="27" t="str">
        <f t="shared" si="9"/>
        <v/>
      </c>
      <c r="BV54" s="27" t="str">
        <f t="shared" si="9"/>
        <v/>
      </c>
      <c r="BW54" s="27" t="str">
        <f t="shared" si="9"/>
        <v/>
      </c>
      <c r="BX54" s="27" t="str">
        <f t="shared" si="9"/>
        <v/>
      </c>
      <c r="BY54" s="27" t="str">
        <f t="shared" si="9"/>
        <v/>
      </c>
      <c r="BZ54" s="27" t="str">
        <f t="shared" si="9"/>
        <v/>
      </c>
      <c r="CA54" s="27" t="str">
        <f t="shared" si="9"/>
        <v/>
      </c>
      <c r="CB54" s="27" t="str">
        <f t="shared" si="9"/>
        <v/>
      </c>
      <c r="CC54" s="27" t="str">
        <f t="shared" si="9"/>
        <v/>
      </c>
      <c r="CD54" s="27" t="str">
        <f t="shared" si="7"/>
        <v/>
      </c>
      <c r="CE54" s="27" t="str">
        <f t="shared" si="7"/>
        <v/>
      </c>
      <c r="CF54" s="27" t="str">
        <f t="shared" si="7"/>
        <v/>
      </c>
      <c r="CG54" s="33" t="s">
        <v>660</v>
      </c>
      <c r="CH54" s="38"/>
      <c r="CI54" s="36" t="s">
        <v>661</v>
      </c>
    </row>
    <row r="55" spans="1:87" s="28" customFormat="1" ht="56.1" customHeight="1" x14ac:dyDescent="0.2">
      <c r="A55" s="22">
        <v>106</v>
      </c>
      <c r="B55" s="23" t="s">
        <v>53</v>
      </c>
      <c r="C55" s="35" t="s">
        <v>655</v>
      </c>
      <c r="D55" s="25" t="s">
        <v>656</v>
      </c>
      <c r="E55" s="32" t="s">
        <v>772</v>
      </c>
      <c r="F55" s="32"/>
      <c r="G55" s="32" t="s">
        <v>90</v>
      </c>
      <c r="H55" s="32"/>
      <c r="I55" s="32"/>
      <c r="J55" s="29" t="s">
        <v>77</v>
      </c>
      <c r="K55" s="31"/>
      <c r="L55" s="26" t="s">
        <v>63</v>
      </c>
      <c r="M55" s="26" t="s">
        <v>63</v>
      </c>
      <c r="N55" s="39">
        <v>56427</v>
      </c>
      <c r="O55" s="33"/>
      <c r="P55" s="33"/>
      <c r="Q55" s="43">
        <f t="shared" si="0"/>
        <v>56427</v>
      </c>
      <c r="R55" s="33"/>
      <c r="S55" s="33"/>
      <c r="T55" s="33"/>
      <c r="U55" s="33"/>
      <c r="V55" s="33"/>
      <c r="W55" s="33"/>
      <c r="X55" s="38"/>
      <c r="Y55" s="38"/>
      <c r="Z55" s="38"/>
      <c r="AA55" s="33"/>
      <c r="AB55" s="38"/>
      <c r="AC55" s="38"/>
      <c r="AD55" s="38"/>
      <c r="AE55" s="38"/>
      <c r="AF55" s="38"/>
      <c r="AG55" s="38"/>
      <c r="AH55" s="38"/>
      <c r="AI55" s="38"/>
      <c r="AJ55" s="38"/>
      <c r="AK55" s="38"/>
      <c r="AL55" s="38"/>
      <c r="AM55" s="38"/>
      <c r="AN55" s="38"/>
      <c r="AO55" s="38"/>
      <c r="AP55" s="38"/>
      <c r="AQ55" s="33"/>
      <c r="AR55" s="33"/>
      <c r="AS55" s="38"/>
      <c r="AT55" s="38"/>
      <c r="AU55" s="38"/>
      <c r="AV55" s="38"/>
      <c r="AW55" s="38"/>
      <c r="AX55" s="38"/>
      <c r="AY55" s="38"/>
      <c r="AZ55" s="58">
        <f t="shared" si="1"/>
        <v>0</v>
      </c>
      <c r="BA55" s="26" t="e">
        <f t="shared" si="2"/>
        <v>#DIV/0!</v>
      </c>
      <c r="BB55" s="27" t="str">
        <f t="shared" si="11"/>
        <v/>
      </c>
      <c r="BC55" s="27" t="str">
        <f t="shared" si="11"/>
        <v/>
      </c>
      <c r="BD55" s="27" t="str">
        <f t="shared" si="11"/>
        <v/>
      </c>
      <c r="BE55" s="27" t="str">
        <f t="shared" si="11"/>
        <v/>
      </c>
      <c r="BF55" s="27" t="str">
        <f t="shared" si="11"/>
        <v/>
      </c>
      <c r="BG55" s="27" t="str">
        <f t="shared" si="11"/>
        <v/>
      </c>
      <c r="BH55" s="27" t="str">
        <f t="shared" si="11"/>
        <v/>
      </c>
      <c r="BI55" s="27" t="str">
        <f t="shared" si="11"/>
        <v/>
      </c>
      <c r="BJ55" s="27" t="str">
        <f t="shared" si="11"/>
        <v/>
      </c>
      <c r="BK55" s="27" t="str">
        <f t="shared" si="11"/>
        <v/>
      </c>
      <c r="BL55" s="27" t="str">
        <f t="shared" si="11"/>
        <v/>
      </c>
      <c r="BM55" s="27" t="str">
        <f t="shared" si="11"/>
        <v/>
      </c>
      <c r="BN55" s="27" t="str">
        <f t="shared" si="11"/>
        <v/>
      </c>
      <c r="BO55" s="27" t="str">
        <f t="shared" si="11"/>
        <v/>
      </c>
      <c r="BP55" s="27" t="str">
        <f t="shared" si="11"/>
        <v/>
      </c>
      <c r="BQ55" s="27" t="str">
        <f t="shared" si="10"/>
        <v/>
      </c>
      <c r="BR55" s="27" t="str">
        <f t="shared" si="9"/>
        <v/>
      </c>
      <c r="BS55" s="27" t="str">
        <f t="shared" si="9"/>
        <v/>
      </c>
      <c r="BT55" s="27" t="str">
        <f t="shared" si="9"/>
        <v/>
      </c>
      <c r="BU55" s="27" t="str">
        <f t="shared" si="9"/>
        <v/>
      </c>
      <c r="BV55" s="27" t="str">
        <f t="shared" si="9"/>
        <v/>
      </c>
      <c r="BW55" s="27" t="str">
        <f t="shared" si="9"/>
        <v/>
      </c>
      <c r="BX55" s="27" t="str">
        <f t="shared" si="9"/>
        <v/>
      </c>
      <c r="BY55" s="27" t="str">
        <f t="shared" si="9"/>
        <v/>
      </c>
      <c r="BZ55" s="27" t="str">
        <f t="shared" si="9"/>
        <v/>
      </c>
      <c r="CA55" s="27" t="str">
        <f t="shared" si="9"/>
        <v/>
      </c>
      <c r="CB55" s="27" t="str">
        <f t="shared" si="9"/>
        <v/>
      </c>
      <c r="CC55" s="27" t="str">
        <f t="shared" si="9"/>
        <v/>
      </c>
      <c r="CD55" s="27" t="str">
        <f t="shared" si="7"/>
        <v/>
      </c>
      <c r="CE55" s="27" t="str">
        <f t="shared" si="7"/>
        <v/>
      </c>
      <c r="CF55" s="27" t="str">
        <f t="shared" si="7"/>
        <v/>
      </c>
      <c r="CG55" s="33" t="s">
        <v>660</v>
      </c>
      <c r="CH55" s="38"/>
      <c r="CI55" s="36" t="s">
        <v>661</v>
      </c>
    </row>
    <row r="56" spans="1:87" s="28" customFormat="1" ht="56.1" customHeight="1" x14ac:dyDescent="0.2">
      <c r="A56" s="22">
        <v>107</v>
      </c>
      <c r="B56" s="23" t="s">
        <v>53</v>
      </c>
      <c r="C56" s="35" t="s">
        <v>655</v>
      </c>
      <c r="D56" s="25" t="s">
        <v>656</v>
      </c>
      <c r="E56" s="32" t="s">
        <v>774</v>
      </c>
      <c r="F56" s="32"/>
      <c r="G56" s="32" t="s">
        <v>90</v>
      </c>
      <c r="H56" s="32"/>
      <c r="I56" s="32"/>
      <c r="J56" s="29" t="s">
        <v>77</v>
      </c>
      <c r="K56" s="31"/>
      <c r="L56" s="26" t="s">
        <v>63</v>
      </c>
      <c r="M56" s="26" t="s">
        <v>63</v>
      </c>
      <c r="N56" s="39">
        <v>106584</v>
      </c>
      <c r="O56" s="33"/>
      <c r="P56" s="33"/>
      <c r="Q56" s="43">
        <f t="shared" si="0"/>
        <v>106584</v>
      </c>
      <c r="R56" s="33"/>
      <c r="S56" s="33"/>
      <c r="T56" s="33"/>
      <c r="U56" s="33"/>
      <c r="V56" s="33"/>
      <c r="W56" s="33"/>
      <c r="X56" s="33"/>
      <c r="Y56" s="38"/>
      <c r="Z56" s="38"/>
      <c r="AA56" s="38"/>
      <c r="AB56" s="38"/>
      <c r="AC56" s="38"/>
      <c r="AD56" s="38"/>
      <c r="AE56" s="38"/>
      <c r="AF56" s="38"/>
      <c r="AG56" s="38"/>
      <c r="AH56" s="38"/>
      <c r="AI56" s="38"/>
      <c r="AJ56" s="38"/>
      <c r="AK56" s="38"/>
      <c r="AL56" s="38"/>
      <c r="AM56" s="38"/>
      <c r="AN56" s="38"/>
      <c r="AO56" s="38"/>
      <c r="AP56" s="38"/>
      <c r="AQ56" s="38"/>
      <c r="AR56" s="38"/>
      <c r="AS56" s="38"/>
      <c r="AT56" s="38"/>
      <c r="AU56" s="38"/>
      <c r="AV56" s="38"/>
      <c r="AW56" s="38"/>
      <c r="AX56" s="38"/>
      <c r="AY56" s="38"/>
      <c r="AZ56" s="58">
        <f t="shared" si="1"/>
        <v>0</v>
      </c>
      <c r="BA56" s="26" t="e">
        <f t="shared" si="2"/>
        <v>#DIV/0!</v>
      </c>
      <c r="BB56" s="27" t="str">
        <f t="shared" si="11"/>
        <v/>
      </c>
      <c r="BC56" s="27" t="str">
        <f t="shared" si="11"/>
        <v/>
      </c>
      <c r="BD56" s="27" t="str">
        <f t="shared" si="11"/>
        <v/>
      </c>
      <c r="BE56" s="27" t="str">
        <f t="shared" si="11"/>
        <v/>
      </c>
      <c r="BF56" s="27" t="str">
        <f t="shared" si="11"/>
        <v/>
      </c>
      <c r="BG56" s="27" t="str">
        <f t="shared" si="11"/>
        <v/>
      </c>
      <c r="BH56" s="27" t="str">
        <f t="shared" si="11"/>
        <v/>
      </c>
      <c r="BI56" s="27" t="str">
        <f t="shared" si="11"/>
        <v/>
      </c>
      <c r="BJ56" s="27" t="str">
        <f t="shared" si="11"/>
        <v/>
      </c>
      <c r="BK56" s="27" t="str">
        <f t="shared" si="11"/>
        <v/>
      </c>
      <c r="BL56" s="27" t="str">
        <f t="shared" si="11"/>
        <v/>
      </c>
      <c r="BM56" s="27" t="str">
        <f t="shared" si="11"/>
        <v/>
      </c>
      <c r="BN56" s="27" t="str">
        <f t="shared" si="11"/>
        <v/>
      </c>
      <c r="BO56" s="27" t="str">
        <f t="shared" si="11"/>
        <v/>
      </c>
      <c r="BP56" s="27" t="str">
        <f t="shared" si="11"/>
        <v/>
      </c>
      <c r="BQ56" s="27" t="str">
        <f t="shared" si="10"/>
        <v/>
      </c>
      <c r="BR56" s="27" t="str">
        <f t="shared" si="9"/>
        <v/>
      </c>
      <c r="BS56" s="27" t="str">
        <f t="shared" si="9"/>
        <v/>
      </c>
      <c r="BT56" s="27" t="str">
        <f t="shared" si="9"/>
        <v/>
      </c>
      <c r="BU56" s="27" t="str">
        <f t="shared" si="9"/>
        <v/>
      </c>
      <c r="BV56" s="27" t="str">
        <f t="shared" si="9"/>
        <v/>
      </c>
      <c r="BW56" s="27" t="str">
        <f t="shared" si="9"/>
        <v/>
      </c>
      <c r="BX56" s="27" t="str">
        <f t="shared" si="9"/>
        <v/>
      </c>
      <c r="BY56" s="27" t="str">
        <f t="shared" si="9"/>
        <v/>
      </c>
      <c r="BZ56" s="27" t="str">
        <f t="shared" si="9"/>
        <v/>
      </c>
      <c r="CA56" s="27" t="str">
        <f t="shared" si="9"/>
        <v/>
      </c>
      <c r="CB56" s="27" t="str">
        <f t="shared" si="9"/>
        <v/>
      </c>
      <c r="CC56" s="27" t="str">
        <f t="shared" si="9"/>
        <v/>
      </c>
      <c r="CD56" s="27" t="str">
        <f t="shared" si="7"/>
        <v/>
      </c>
      <c r="CE56" s="27" t="str">
        <f t="shared" si="7"/>
        <v/>
      </c>
      <c r="CF56" s="27" t="str">
        <f t="shared" si="7"/>
        <v/>
      </c>
      <c r="CG56" s="33" t="s">
        <v>660</v>
      </c>
      <c r="CH56" s="38"/>
      <c r="CI56" s="36" t="s">
        <v>661</v>
      </c>
    </row>
    <row r="57" spans="1:87" s="28" customFormat="1" ht="56.1" customHeight="1" x14ac:dyDescent="0.2">
      <c r="A57" s="22">
        <v>108</v>
      </c>
      <c r="B57" s="23" t="s">
        <v>53</v>
      </c>
      <c r="C57" s="35" t="s">
        <v>655</v>
      </c>
      <c r="D57" s="25" t="s">
        <v>656</v>
      </c>
      <c r="E57" s="32" t="s">
        <v>776</v>
      </c>
      <c r="F57" s="32"/>
      <c r="G57" s="32" t="s">
        <v>90</v>
      </c>
      <c r="H57" s="32"/>
      <c r="I57" s="32"/>
      <c r="J57" s="29" t="s">
        <v>77</v>
      </c>
      <c r="K57" s="31"/>
      <c r="L57" s="26" t="s">
        <v>63</v>
      </c>
      <c r="M57" s="26" t="s">
        <v>63</v>
      </c>
      <c r="N57" s="28" t="s">
        <v>2516</v>
      </c>
      <c r="O57" s="33"/>
      <c r="P57" s="33"/>
      <c r="Q57" s="43" t="str">
        <f t="shared" si="0"/>
        <v xml:space="preserve">Refer to Urban Transport Plan </v>
      </c>
      <c r="R57" s="33"/>
      <c r="S57" s="33"/>
      <c r="T57" s="33"/>
      <c r="U57" s="33"/>
      <c r="V57" s="33"/>
      <c r="W57" s="33"/>
      <c r="X57" s="33"/>
      <c r="Y57" s="33"/>
      <c r="Z57" s="33"/>
      <c r="AA57" s="33"/>
      <c r="AB57" s="33"/>
      <c r="AC57" s="33"/>
      <c r="AD57" s="33"/>
      <c r="AE57" s="33"/>
      <c r="AF57" s="33"/>
      <c r="AG57" s="33"/>
      <c r="AH57" s="33"/>
      <c r="AI57" s="33"/>
      <c r="AJ57" s="33"/>
      <c r="AK57" s="33"/>
      <c r="AL57" s="33"/>
      <c r="AM57" s="33"/>
      <c r="AN57" s="33"/>
      <c r="AO57" s="33"/>
      <c r="AP57" s="33"/>
      <c r="AQ57" s="33"/>
      <c r="AR57" s="33"/>
      <c r="AS57" s="33"/>
      <c r="AT57" s="33"/>
      <c r="AU57" s="33"/>
      <c r="AV57" s="33"/>
      <c r="AW57" s="33"/>
      <c r="AX57" s="33"/>
      <c r="AY57" s="33"/>
      <c r="AZ57" s="58">
        <f t="shared" si="1"/>
        <v>0</v>
      </c>
      <c r="BA57" s="26" t="e">
        <f t="shared" si="2"/>
        <v>#VALUE!</v>
      </c>
      <c r="BB57" s="27" t="str">
        <f t="shared" si="11"/>
        <v/>
      </c>
      <c r="BC57" s="27" t="str">
        <f t="shared" si="11"/>
        <v/>
      </c>
      <c r="BD57" s="27" t="str">
        <f t="shared" si="11"/>
        <v/>
      </c>
      <c r="BE57" s="27" t="str">
        <f t="shared" si="11"/>
        <v/>
      </c>
      <c r="BF57" s="27" t="str">
        <f t="shared" si="11"/>
        <v/>
      </c>
      <c r="BG57" s="27" t="str">
        <f t="shared" si="11"/>
        <v/>
      </c>
      <c r="BH57" s="27" t="str">
        <f t="shared" si="11"/>
        <v/>
      </c>
      <c r="BI57" s="27" t="str">
        <f t="shared" si="11"/>
        <v/>
      </c>
      <c r="BJ57" s="27" t="str">
        <f t="shared" si="11"/>
        <v/>
      </c>
      <c r="BK57" s="27" t="str">
        <f t="shared" si="11"/>
        <v/>
      </c>
      <c r="BL57" s="27" t="str">
        <f t="shared" si="11"/>
        <v/>
      </c>
      <c r="BM57" s="27" t="str">
        <f t="shared" si="11"/>
        <v/>
      </c>
      <c r="BN57" s="27" t="str">
        <f t="shared" si="11"/>
        <v/>
      </c>
      <c r="BO57" s="27" t="str">
        <f t="shared" si="11"/>
        <v/>
      </c>
      <c r="BP57" s="27" t="str">
        <f t="shared" si="11"/>
        <v/>
      </c>
      <c r="BQ57" s="27" t="str">
        <f t="shared" si="10"/>
        <v/>
      </c>
      <c r="BR57" s="27" t="str">
        <f t="shared" si="9"/>
        <v/>
      </c>
      <c r="BS57" s="27" t="str">
        <f t="shared" si="9"/>
        <v/>
      </c>
      <c r="BT57" s="27" t="str">
        <f t="shared" si="9"/>
        <v/>
      </c>
      <c r="BU57" s="27" t="str">
        <f t="shared" ref="BU57:CC85" si="12">IF(AN57="yes",(AN$2*$BA57),"")</f>
        <v/>
      </c>
      <c r="BV57" s="27" t="str">
        <f t="shared" si="12"/>
        <v/>
      </c>
      <c r="BW57" s="27" t="str">
        <f t="shared" si="12"/>
        <v/>
      </c>
      <c r="BX57" s="27" t="str">
        <f t="shared" si="12"/>
        <v/>
      </c>
      <c r="BY57" s="27" t="str">
        <f t="shared" si="12"/>
        <v/>
      </c>
      <c r="BZ57" s="27" t="str">
        <f t="shared" si="12"/>
        <v/>
      </c>
      <c r="CA57" s="27" t="str">
        <f t="shared" si="12"/>
        <v/>
      </c>
      <c r="CB57" s="27" t="str">
        <f t="shared" si="12"/>
        <v/>
      </c>
      <c r="CC57" s="27" t="str">
        <f t="shared" si="12"/>
        <v/>
      </c>
      <c r="CD57" s="27" t="str">
        <f t="shared" si="7"/>
        <v/>
      </c>
      <c r="CE57" s="27" t="str">
        <f t="shared" si="7"/>
        <v/>
      </c>
      <c r="CF57" s="27" t="str">
        <f t="shared" si="7"/>
        <v/>
      </c>
      <c r="CG57" s="33" t="s">
        <v>660</v>
      </c>
      <c r="CH57" s="33"/>
      <c r="CI57" s="36" t="s">
        <v>661</v>
      </c>
    </row>
    <row r="58" spans="1:87" s="28" customFormat="1" ht="56.1" customHeight="1" x14ac:dyDescent="0.2">
      <c r="A58" s="22">
        <v>109</v>
      </c>
      <c r="B58" s="23" t="s">
        <v>53</v>
      </c>
      <c r="C58" s="35" t="s">
        <v>655</v>
      </c>
      <c r="D58" s="25" t="s">
        <v>656</v>
      </c>
      <c r="E58" s="32" t="s">
        <v>778</v>
      </c>
      <c r="F58" s="32"/>
      <c r="G58" s="32" t="s">
        <v>90</v>
      </c>
      <c r="H58" s="32"/>
      <c r="I58" s="32"/>
      <c r="J58" s="29" t="s">
        <v>77</v>
      </c>
      <c r="K58" s="31"/>
      <c r="L58" s="26" t="s">
        <v>63</v>
      </c>
      <c r="M58" s="26" t="s">
        <v>63</v>
      </c>
      <c r="N58" s="39">
        <v>99688</v>
      </c>
      <c r="O58" s="33"/>
      <c r="P58" s="33"/>
      <c r="Q58" s="43">
        <f t="shared" si="0"/>
        <v>99688</v>
      </c>
      <c r="R58" s="33"/>
      <c r="S58" s="33"/>
      <c r="T58" s="33"/>
      <c r="U58" s="33"/>
      <c r="V58" s="33"/>
      <c r="W58" s="33"/>
      <c r="X58" s="33"/>
      <c r="Y58" s="33"/>
      <c r="Z58" s="33"/>
      <c r="AA58" s="33"/>
      <c r="AB58" s="33"/>
      <c r="AC58" s="33"/>
      <c r="AD58" s="33"/>
      <c r="AE58" s="33"/>
      <c r="AF58" s="33"/>
      <c r="AG58" s="33"/>
      <c r="AH58" s="33"/>
      <c r="AI58" s="33"/>
      <c r="AJ58" s="33"/>
      <c r="AK58" s="33"/>
      <c r="AL58" s="33"/>
      <c r="AM58" s="33"/>
      <c r="AN58" s="33"/>
      <c r="AO58" s="33"/>
      <c r="AP58" s="33"/>
      <c r="AQ58" s="33"/>
      <c r="AR58" s="33"/>
      <c r="AS58" s="33"/>
      <c r="AT58" s="33"/>
      <c r="AU58" s="33"/>
      <c r="AV58" s="33"/>
      <c r="AW58" s="33"/>
      <c r="AX58" s="33"/>
      <c r="AY58" s="33"/>
      <c r="AZ58" s="58">
        <f t="shared" si="1"/>
        <v>0</v>
      </c>
      <c r="BA58" s="26" t="e">
        <f t="shared" si="2"/>
        <v>#DIV/0!</v>
      </c>
      <c r="BB58" s="27" t="str">
        <f t="shared" si="11"/>
        <v/>
      </c>
      <c r="BC58" s="27" t="str">
        <f t="shared" si="11"/>
        <v/>
      </c>
      <c r="BD58" s="27" t="str">
        <f t="shared" si="11"/>
        <v/>
      </c>
      <c r="BE58" s="27" t="str">
        <f t="shared" si="11"/>
        <v/>
      </c>
      <c r="BF58" s="27" t="str">
        <f t="shared" si="11"/>
        <v/>
      </c>
      <c r="BG58" s="27" t="str">
        <f t="shared" si="11"/>
        <v/>
      </c>
      <c r="BH58" s="27" t="str">
        <f t="shared" si="11"/>
        <v/>
      </c>
      <c r="BI58" s="27" t="str">
        <f t="shared" si="11"/>
        <v/>
      </c>
      <c r="BJ58" s="27" t="str">
        <f t="shared" si="11"/>
        <v/>
      </c>
      <c r="BK58" s="27" t="str">
        <f t="shared" si="11"/>
        <v/>
      </c>
      <c r="BL58" s="27" t="str">
        <f t="shared" si="11"/>
        <v/>
      </c>
      <c r="BM58" s="27" t="str">
        <f t="shared" si="11"/>
        <v/>
      </c>
      <c r="BN58" s="27" t="str">
        <f t="shared" si="11"/>
        <v/>
      </c>
      <c r="BO58" s="27" t="str">
        <f t="shared" si="11"/>
        <v/>
      </c>
      <c r="BP58" s="27" t="str">
        <f t="shared" si="11"/>
        <v/>
      </c>
      <c r="BQ58" s="27" t="str">
        <f t="shared" si="10"/>
        <v/>
      </c>
      <c r="BR58" s="27" t="str">
        <f t="shared" si="10"/>
        <v/>
      </c>
      <c r="BS58" s="27" t="str">
        <f t="shared" si="10"/>
        <v/>
      </c>
      <c r="BT58" s="27" t="str">
        <f t="shared" si="10"/>
        <v/>
      </c>
      <c r="BU58" s="27" t="str">
        <f t="shared" si="12"/>
        <v/>
      </c>
      <c r="BV58" s="27" t="str">
        <f t="shared" si="12"/>
        <v/>
      </c>
      <c r="BW58" s="27" t="str">
        <f t="shared" si="12"/>
        <v/>
      </c>
      <c r="BX58" s="27" t="str">
        <f t="shared" si="12"/>
        <v/>
      </c>
      <c r="BY58" s="27" t="str">
        <f t="shared" si="12"/>
        <v/>
      </c>
      <c r="BZ58" s="27" t="str">
        <f t="shared" si="12"/>
        <v/>
      </c>
      <c r="CA58" s="27" t="str">
        <f t="shared" si="12"/>
        <v/>
      </c>
      <c r="CB58" s="27" t="str">
        <f t="shared" si="12"/>
        <v/>
      </c>
      <c r="CC58" s="27" t="str">
        <f t="shared" si="12"/>
        <v/>
      </c>
      <c r="CD58" s="27" t="str">
        <f t="shared" si="7"/>
        <v/>
      </c>
      <c r="CE58" s="27" t="str">
        <f t="shared" si="7"/>
        <v/>
      </c>
      <c r="CF58" s="27" t="str">
        <f t="shared" si="7"/>
        <v/>
      </c>
      <c r="CG58" s="33" t="s">
        <v>660</v>
      </c>
      <c r="CH58" s="33"/>
      <c r="CI58" s="36" t="s">
        <v>661</v>
      </c>
    </row>
    <row r="59" spans="1:87" s="28" customFormat="1" ht="56.1" customHeight="1" x14ac:dyDescent="0.2">
      <c r="A59" s="22">
        <v>110</v>
      </c>
      <c r="B59" s="23" t="s">
        <v>53</v>
      </c>
      <c r="C59" s="35" t="s">
        <v>655</v>
      </c>
      <c r="D59" s="25" t="s">
        <v>656</v>
      </c>
      <c r="E59" s="32" t="s">
        <v>780</v>
      </c>
      <c r="F59" s="32"/>
      <c r="G59" s="32" t="s">
        <v>90</v>
      </c>
      <c r="H59" s="32"/>
      <c r="I59" s="32"/>
      <c r="J59" s="29" t="s">
        <v>77</v>
      </c>
      <c r="K59" s="31"/>
      <c r="L59" s="26" t="s">
        <v>63</v>
      </c>
      <c r="M59" s="26" t="s">
        <v>63</v>
      </c>
      <c r="N59" s="39">
        <v>25079</v>
      </c>
      <c r="O59" s="33"/>
      <c r="P59" s="33"/>
      <c r="Q59" s="43">
        <f t="shared" si="0"/>
        <v>25079</v>
      </c>
      <c r="R59" s="33"/>
      <c r="S59" s="33"/>
      <c r="T59" s="33"/>
      <c r="U59" s="33"/>
      <c r="V59" s="33"/>
      <c r="W59" s="33"/>
      <c r="X59" s="33"/>
      <c r="Y59" s="33"/>
      <c r="Z59" s="33"/>
      <c r="AA59" s="33"/>
      <c r="AB59" s="33"/>
      <c r="AC59" s="33"/>
      <c r="AD59" s="33"/>
      <c r="AE59" s="33"/>
      <c r="AF59" s="33"/>
      <c r="AG59" s="33"/>
      <c r="AH59" s="33"/>
      <c r="AI59" s="33"/>
      <c r="AJ59" s="33"/>
      <c r="AK59" s="33"/>
      <c r="AL59" s="33"/>
      <c r="AM59" s="33"/>
      <c r="AN59" s="33"/>
      <c r="AO59" s="33"/>
      <c r="AP59" s="33"/>
      <c r="AQ59" s="33"/>
      <c r="AR59" s="33"/>
      <c r="AS59" s="33"/>
      <c r="AT59" s="33"/>
      <c r="AU59" s="33"/>
      <c r="AV59" s="33"/>
      <c r="AW59" s="33"/>
      <c r="AX59" s="33"/>
      <c r="AY59" s="33"/>
      <c r="AZ59" s="58">
        <f t="shared" si="1"/>
        <v>0</v>
      </c>
      <c r="BA59" s="26" t="e">
        <f t="shared" si="2"/>
        <v>#DIV/0!</v>
      </c>
      <c r="BB59" s="27" t="str">
        <f t="shared" si="11"/>
        <v/>
      </c>
      <c r="BC59" s="27" t="str">
        <f t="shared" si="11"/>
        <v/>
      </c>
      <c r="BD59" s="27" t="str">
        <f t="shared" si="11"/>
        <v/>
      </c>
      <c r="BE59" s="27" t="str">
        <f t="shared" si="11"/>
        <v/>
      </c>
      <c r="BF59" s="27" t="str">
        <f t="shared" si="11"/>
        <v/>
      </c>
      <c r="BG59" s="27" t="str">
        <f t="shared" si="11"/>
        <v/>
      </c>
      <c r="BH59" s="27" t="str">
        <f t="shared" si="11"/>
        <v/>
      </c>
      <c r="BI59" s="27" t="str">
        <f t="shared" si="11"/>
        <v/>
      </c>
      <c r="BJ59" s="27" t="str">
        <f t="shared" si="11"/>
        <v/>
      </c>
      <c r="BK59" s="27" t="str">
        <f t="shared" si="11"/>
        <v/>
      </c>
      <c r="BL59" s="27" t="str">
        <f t="shared" si="11"/>
        <v/>
      </c>
      <c r="BM59" s="27" t="str">
        <f t="shared" si="11"/>
        <v/>
      </c>
      <c r="BN59" s="27" t="str">
        <f t="shared" si="11"/>
        <v/>
      </c>
      <c r="BO59" s="27" t="str">
        <f t="shared" si="11"/>
        <v/>
      </c>
      <c r="BP59" s="27" t="str">
        <f t="shared" si="11"/>
        <v/>
      </c>
      <c r="BQ59" s="27" t="str">
        <f t="shared" si="10"/>
        <v/>
      </c>
      <c r="BR59" s="27" t="str">
        <f t="shared" si="10"/>
        <v/>
      </c>
      <c r="BS59" s="27" t="str">
        <f t="shared" si="10"/>
        <v/>
      </c>
      <c r="BT59" s="27" t="str">
        <f t="shared" si="10"/>
        <v/>
      </c>
      <c r="BU59" s="27" t="str">
        <f t="shared" si="12"/>
        <v/>
      </c>
      <c r="BV59" s="27" t="str">
        <f t="shared" si="12"/>
        <v/>
      </c>
      <c r="BW59" s="27" t="str">
        <f t="shared" si="12"/>
        <v/>
      </c>
      <c r="BX59" s="27" t="str">
        <f t="shared" si="12"/>
        <v/>
      </c>
      <c r="BY59" s="27" t="str">
        <f t="shared" si="12"/>
        <v/>
      </c>
      <c r="BZ59" s="27" t="str">
        <f t="shared" si="12"/>
        <v/>
      </c>
      <c r="CA59" s="27" t="str">
        <f t="shared" si="12"/>
        <v/>
      </c>
      <c r="CB59" s="27" t="str">
        <f t="shared" si="12"/>
        <v/>
      </c>
      <c r="CC59" s="27" t="str">
        <f t="shared" si="12"/>
        <v/>
      </c>
      <c r="CD59" s="27" t="str">
        <f t="shared" si="7"/>
        <v/>
      </c>
      <c r="CE59" s="27" t="str">
        <f t="shared" si="7"/>
        <v/>
      </c>
      <c r="CF59" s="27" t="str">
        <f t="shared" si="7"/>
        <v/>
      </c>
      <c r="CG59" s="33" t="s">
        <v>660</v>
      </c>
      <c r="CH59" s="33"/>
      <c r="CI59" s="36" t="s">
        <v>661</v>
      </c>
    </row>
    <row r="60" spans="1:87" s="28" customFormat="1" ht="56.1" customHeight="1" x14ac:dyDescent="0.2">
      <c r="A60" s="22">
        <v>111</v>
      </c>
      <c r="B60" s="23" t="s">
        <v>53</v>
      </c>
      <c r="C60" s="35" t="s">
        <v>655</v>
      </c>
      <c r="D60" s="25" t="s">
        <v>656</v>
      </c>
      <c r="E60" s="32" t="s">
        <v>782</v>
      </c>
      <c r="F60" s="32"/>
      <c r="G60" s="32" t="s">
        <v>90</v>
      </c>
      <c r="H60" s="32" t="s">
        <v>769</v>
      </c>
      <c r="I60" s="32"/>
      <c r="J60" s="29" t="s">
        <v>77</v>
      </c>
      <c r="K60" s="31" t="s">
        <v>722</v>
      </c>
      <c r="L60" s="26" t="s">
        <v>63</v>
      </c>
      <c r="M60" s="26" t="s">
        <v>63</v>
      </c>
      <c r="N60" s="39">
        <v>75236</v>
      </c>
      <c r="O60" s="33"/>
      <c r="P60" s="33"/>
      <c r="Q60" s="43">
        <f t="shared" si="0"/>
        <v>75236</v>
      </c>
      <c r="R60" s="33"/>
      <c r="S60" s="33"/>
      <c r="T60" s="33"/>
      <c r="U60" s="33"/>
      <c r="V60" s="33"/>
      <c r="W60" s="33"/>
      <c r="X60" s="33"/>
      <c r="Y60" s="33"/>
      <c r="Z60" s="33"/>
      <c r="AA60" s="33"/>
      <c r="AB60" s="33"/>
      <c r="AC60" s="33"/>
      <c r="AD60" s="33"/>
      <c r="AE60" s="33"/>
      <c r="AF60" s="33"/>
      <c r="AG60" s="33"/>
      <c r="AH60" s="33"/>
      <c r="AI60" s="33"/>
      <c r="AJ60" s="33"/>
      <c r="AK60" s="33"/>
      <c r="AL60" s="33"/>
      <c r="AM60" s="33"/>
      <c r="AN60" s="33"/>
      <c r="AO60" s="33"/>
      <c r="AP60" s="33"/>
      <c r="AQ60" s="33"/>
      <c r="AR60" s="33"/>
      <c r="AS60" s="33"/>
      <c r="AT60" s="33"/>
      <c r="AU60" s="33"/>
      <c r="AV60" s="33"/>
      <c r="AW60" s="33"/>
      <c r="AX60" s="33"/>
      <c r="AY60" s="33"/>
      <c r="AZ60" s="58">
        <f t="shared" si="1"/>
        <v>0</v>
      </c>
      <c r="BA60" s="26" t="e">
        <f t="shared" si="2"/>
        <v>#DIV/0!</v>
      </c>
      <c r="BB60" s="27" t="str">
        <f t="shared" si="11"/>
        <v/>
      </c>
      <c r="BC60" s="27" t="str">
        <f t="shared" si="11"/>
        <v/>
      </c>
      <c r="BD60" s="27" t="str">
        <f t="shared" si="11"/>
        <v/>
      </c>
      <c r="BE60" s="27" t="str">
        <f t="shared" si="11"/>
        <v/>
      </c>
      <c r="BF60" s="27" t="str">
        <f t="shared" si="11"/>
        <v/>
      </c>
      <c r="BG60" s="27" t="str">
        <f t="shared" si="11"/>
        <v/>
      </c>
      <c r="BH60" s="27" t="str">
        <f t="shared" si="11"/>
        <v/>
      </c>
      <c r="BI60" s="27" t="str">
        <f t="shared" si="11"/>
        <v/>
      </c>
      <c r="BJ60" s="27" t="str">
        <f t="shared" si="11"/>
        <v/>
      </c>
      <c r="BK60" s="27" t="str">
        <f t="shared" si="11"/>
        <v/>
      </c>
      <c r="BL60" s="27" t="str">
        <f t="shared" si="11"/>
        <v/>
      </c>
      <c r="BM60" s="27" t="str">
        <f t="shared" si="11"/>
        <v/>
      </c>
      <c r="BN60" s="27" t="str">
        <f t="shared" si="11"/>
        <v/>
      </c>
      <c r="BO60" s="27" t="str">
        <f t="shared" si="11"/>
        <v/>
      </c>
      <c r="BP60" s="27" t="str">
        <f t="shared" si="11"/>
        <v/>
      </c>
      <c r="BQ60" s="27" t="str">
        <f t="shared" si="10"/>
        <v/>
      </c>
      <c r="BR60" s="27" t="str">
        <f t="shared" si="10"/>
        <v/>
      </c>
      <c r="BS60" s="27" t="str">
        <f t="shared" si="10"/>
        <v/>
      </c>
      <c r="BT60" s="27" t="str">
        <f t="shared" si="10"/>
        <v/>
      </c>
      <c r="BU60" s="27" t="str">
        <f t="shared" si="12"/>
        <v/>
      </c>
      <c r="BV60" s="27" t="str">
        <f t="shared" si="12"/>
        <v/>
      </c>
      <c r="BW60" s="27" t="str">
        <f t="shared" si="12"/>
        <v/>
      </c>
      <c r="BX60" s="27" t="str">
        <f t="shared" si="12"/>
        <v/>
      </c>
      <c r="BY60" s="27" t="str">
        <f t="shared" si="12"/>
        <v/>
      </c>
      <c r="BZ60" s="27" t="str">
        <f t="shared" si="12"/>
        <v/>
      </c>
      <c r="CA60" s="27" t="str">
        <f t="shared" si="12"/>
        <v/>
      </c>
      <c r="CB60" s="27" t="str">
        <f t="shared" si="12"/>
        <v/>
      </c>
      <c r="CC60" s="27" t="str">
        <f t="shared" si="12"/>
        <v/>
      </c>
      <c r="CD60" s="27" t="str">
        <f t="shared" si="7"/>
        <v/>
      </c>
      <c r="CE60" s="27" t="str">
        <f t="shared" si="7"/>
        <v/>
      </c>
      <c r="CF60" s="27" t="str">
        <f t="shared" si="7"/>
        <v/>
      </c>
      <c r="CG60" s="33" t="s">
        <v>660</v>
      </c>
      <c r="CH60" s="33"/>
      <c r="CI60" s="36" t="s">
        <v>661</v>
      </c>
    </row>
    <row r="61" spans="1:87" s="28" customFormat="1" ht="56.1" customHeight="1" x14ac:dyDescent="0.2">
      <c r="A61" s="22">
        <v>112</v>
      </c>
      <c r="B61" s="23" t="s">
        <v>53</v>
      </c>
      <c r="C61" s="35" t="s">
        <v>655</v>
      </c>
      <c r="D61" s="25" t="s">
        <v>656</v>
      </c>
      <c r="E61" s="32" t="s">
        <v>784</v>
      </c>
      <c r="F61" s="32"/>
      <c r="G61" s="32" t="s">
        <v>90</v>
      </c>
      <c r="H61" s="32"/>
      <c r="I61" s="32"/>
      <c r="J61" s="29" t="s">
        <v>77</v>
      </c>
      <c r="K61" s="31"/>
      <c r="L61" s="26" t="s">
        <v>63</v>
      </c>
      <c r="M61" s="26" t="s">
        <v>63</v>
      </c>
      <c r="N61" s="39">
        <v>952988</v>
      </c>
      <c r="O61" s="33"/>
      <c r="P61" s="33"/>
      <c r="Q61" s="43">
        <f t="shared" si="0"/>
        <v>952988</v>
      </c>
      <c r="R61" s="33"/>
      <c r="S61" s="33"/>
      <c r="T61" s="33"/>
      <c r="U61" s="33"/>
      <c r="V61" s="33"/>
      <c r="W61" s="33"/>
      <c r="X61" s="33"/>
      <c r="Y61" s="33"/>
      <c r="Z61" s="33"/>
      <c r="AA61" s="33"/>
      <c r="AB61" s="33"/>
      <c r="AC61" s="33"/>
      <c r="AD61" s="33"/>
      <c r="AE61" s="33"/>
      <c r="AF61" s="33"/>
      <c r="AG61" s="33"/>
      <c r="AH61" s="33"/>
      <c r="AI61" s="33"/>
      <c r="AJ61" s="33"/>
      <c r="AK61" s="33"/>
      <c r="AL61" s="33"/>
      <c r="AM61" s="33"/>
      <c r="AN61" s="33"/>
      <c r="AO61" s="33"/>
      <c r="AP61" s="33"/>
      <c r="AQ61" s="33"/>
      <c r="AR61" s="33"/>
      <c r="AS61" s="33"/>
      <c r="AT61" s="33"/>
      <c r="AU61" s="33"/>
      <c r="AV61" s="33"/>
      <c r="AW61" s="33"/>
      <c r="AX61" s="33"/>
      <c r="AY61" s="33"/>
      <c r="AZ61" s="58">
        <f t="shared" si="1"/>
        <v>0</v>
      </c>
      <c r="BA61" s="26" t="e">
        <f t="shared" si="2"/>
        <v>#DIV/0!</v>
      </c>
      <c r="BB61" s="27" t="str">
        <f t="shared" si="11"/>
        <v/>
      </c>
      <c r="BC61" s="27" t="str">
        <f t="shared" si="11"/>
        <v/>
      </c>
      <c r="BD61" s="27" t="str">
        <f t="shared" si="11"/>
        <v/>
      </c>
      <c r="BE61" s="27" t="str">
        <f t="shared" si="11"/>
        <v/>
      </c>
      <c r="BF61" s="27" t="str">
        <f t="shared" si="11"/>
        <v/>
      </c>
      <c r="BG61" s="27" t="str">
        <f t="shared" si="11"/>
        <v/>
      </c>
      <c r="BH61" s="27" t="str">
        <f t="shared" si="11"/>
        <v/>
      </c>
      <c r="BI61" s="27" t="str">
        <f t="shared" si="11"/>
        <v/>
      </c>
      <c r="BJ61" s="27" t="str">
        <f t="shared" si="11"/>
        <v/>
      </c>
      <c r="BK61" s="27" t="str">
        <f t="shared" si="11"/>
        <v/>
      </c>
      <c r="BL61" s="27" t="str">
        <f t="shared" si="11"/>
        <v/>
      </c>
      <c r="BM61" s="27" t="str">
        <f t="shared" si="11"/>
        <v/>
      </c>
      <c r="BN61" s="27" t="str">
        <f t="shared" si="11"/>
        <v/>
      </c>
      <c r="BO61" s="27" t="str">
        <f t="shared" si="11"/>
        <v/>
      </c>
      <c r="BP61" s="27" t="str">
        <f t="shared" si="11"/>
        <v/>
      </c>
      <c r="BQ61" s="27" t="str">
        <f t="shared" si="10"/>
        <v/>
      </c>
      <c r="BR61" s="27" t="str">
        <f t="shared" si="10"/>
        <v/>
      </c>
      <c r="BS61" s="27" t="str">
        <f t="shared" si="10"/>
        <v/>
      </c>
      <c r="BT61" s="27" t="str">
        <f t="shared" si="10"/>
        <v/>
      </c>
      <c r="BU61" s="27" t="str">
        <f t="shared" si="12"/>
        <v/>
      </c>
      <c r="BV61" s="27" t="str">
        <f t="shared" si="12"/>
        <v/>
      </c>
      <c r="BW61" s="27" t="str">
        <f t="shared" si="12"/>
        <v/>
      </c>
      <c r="BX61" s="27" t="str">
        <f t="shared" si="12"/>
        <v/>
      </c>
      <c r="BY61" s="27" t="str">
        <f t="shared" si="12"/>
        <v/>
      </c>
      <c r="BZ61" s="27" t="str">
        <f t="shared" si="12"/>
        <v/>
      </c>
      <c r="CA61" s="27" t="str">
        <f t="shared" si="12"/>
        <v/>
      </c>
      <c r="CB61" s="27" t="str">
        <f t="shared" si="12"/>
        <v/>
      </c>
      <c r="CC61" s="27" t="str">
        <f t="shared" si="12"/>
        <v/>
      </c>
      <c r="CD61" s="27" t="str">
        <f t="shared" si="7"/>
        <v/>
      </c>
      <c r="CE61" s="27" t="str">
        <f t="shared" si="7"/>
        <v/>
      </c>
      <c r="CF61" s="27" t="str">
        <f t="shared" si="7"/>
        <v/>
      </c>
      <c r="CG61" s="33" t="s">
        <v>660</v>
      </c>
      <c r="CH61" s="33"/>
      <c r="CI61" s="36" t="s">
        <v>661</v>
      </c>
    </row>
    <row r="62" spans="1:87" s="28" customFormat="1" ht="56.1" customHeight="1" x14ac:dyDescent="0.2">
      <c r="A62" s="22">
        <v>113</v>
      </c>
      <c r="B62" s="23" t="s">
        <v>53</v>
      </c>
      <c r="C62" s="35" t="s">
        <v>655</v>
      </c>
      <c r="D62" s="25" t="s">
        <v>656</v>
      </c>
      <c r="E62" s="30" t="s">
        <v>786</v>
      </c>
      <c r="F62" s="30"/>
      <c r="G62" s="32" t="s">
        <v>90</v>
      </c>
      <c r="H62" s="32"/>
      <c r="I62" s="32"/>
      <c r="J62" s="29" t="s">
        <v>77</v>
      </c>
      <c r="K62" s="31"/>
      <c r="L62" s="26" t="s">
        <v>63</v>
      </c>
      <c r="M62" s="26" t="s">
        <v>63</v>
      </c>
      <c r="N62" s="39">
        <v>50157</v>
      </c>
      <c r="O62" s="33"/>
      <c r="P62" s="33"/>
      <c r="Q62" s="43">
        <f t="shared" si="0"/>
        <v>50157</v>
      </c>
      <c r="R62" s="33"/>
      <c r="S62" s="33"/>
      <c r="T62" s="33"/>
      <c r="U62" s="33"/>
      <c r="V62" s="33"/>
      <c r="W62" s="33"/>
      <c r="X62" s="33"/>
      <c r="Y62" s="33"/>
      <c r="Z62" s="33"/>
      <c r="AA62" s="33"/>
      <c r="AB62" s="33"/>
      <c r="AC62" s="33"/>
      <c r="AD62" s="33"/>
      <c r="AE62" s="33"/>
      <c r="AF62" s="33"/>
      <c r="AG62" s="33"/>
      <c r="AH62" s="33"/>
      <c r="AI62" s="33"/>
      <c r="AJ62" s="33"/>
      <c r="AK62" s="33"/>
      <c r="AL62" s="33"/>
      <c r="AM62" s="33"/>
      <c r="AN62" s="33"/>
      <c r="AO62" s="33"/>
      <c r="AP62" s="33"/>
      <c r="AQ62" s="33"/>
      <c r="AR62" s="33"/>
      <c r="AS62" s="33"/>
      <c r="AT62" s="33"/>
      <c r="AU62" s="33"/>
      <c r="AV62" s="33"/>
      <c r="AW62" s="33"/>
      <c r="AX62" s="33"/>
      <c r="AY62" s="33"/>
      <c r="AZ62" s="58">
        <f t="shared" si="1"/>
        <v>0</v>
      </c>
      <c r="BA62" s="26" t="e">
        <f t="shared" si="2"/>
        <v>#DIV/0!</v>
      </c>
      <c r="BB62" s="27" t="str">
        <f t="shared" si="11"/>
        <v/>
      </c>
      <c r="BC62" s="27" t="str">
        <f t="shared" si="11"/>
        <v/>
      </c>
      <c r="BD62" s="27" t="str">
        <f t="shared" si="11"/>
        <v/>
      </c>
      <c r="BE62" s="27" t="str">
        <f t="shared" si="11"/>
        <v/>
      </c>
      <c r="BF62" s="27" t="str">
        <f t="shared" si="11"/>
        <v/>
      </c>
      <c r="BG62" s="27" t="str">
        <f t="shared" si="11"/>
        <v/>
      </c>
      <c r="BH62" s="27" t="str">
        <f t="shared" si="11"/>
        <v/>
      </c>
      <c r="BI62" s="27" t="str">
        <f t="shared" si="11"/>
        <v/>
      </c>
      <c r="BJ62" s="27" t="str">
        <f t="shared" si="11"/>
        <v/>
      </c>
      <c r="BK62" s="27" t="str">
        <f t="shared" si="11"/>
        <v/>
      </c>
      <c r="BL62" s="27" t="str">
        <f t="shared" si="11"/>
        <v/>
      </c>
      <c r="BM62" s="27" t="str">
        <f t="shared" si="11"/>
        <v/>
      </c>
      <c r="BN62" s="27" t="str">
        <f t="shared" si="11"/>
        <v/>
      </c>
      <c r="BO62" s="27" t="str">
        <f t="shared" si="11"/>
        <v/>
      </c>
      <c r="BP62" s="27" t="str">
        <f t="shared" si="11"/>
        <v/>
      </c>
      <c r="BQ62" s="27" t="str">
        <f t="shared" si="10"/>
        <v/>
      </c>
      <c r="BR62" s="27" t="str">
        <f t="shared" si="10"/>
        <v/>
      </c>
      <c r="BS62" s="27" t="str">
        <f t="shared" si="10"/>
        <v/>
      </c>
      <c r="BT62" s="27" t="str">
        <f t="shared" si="10"/>
        <v/>
      </c>
      <c r="BU62" s="27" t="str">
        <f t="shared" si="12"/>
        <v/>
      </c>
      <c r="BV62" s="27" t="str">
        <f t="shared" si="12"/>
        <v/>
      </c>
      <c r="BW62" s="27" t="str">
        <f t="shared" si="12"/>
        <v/>
      </c>
      <c r="BX62" s="27" t="str">
        <f t="shared" si="12"/>
        <v/>
      </c>
      <c r="BY62" s="27" t="str">
        <f t="shared" si="12"/>
        <v/>
      </c>
      <c r="BZ62" s="27" t="str">
        <f t="shared" si="12"/>
        <v/>
      </c>
      <c r="CA62" s="27" t="str">
        <f t="shared" si="12"/>
        <v/>
      </c>
      <c r="CB62" s="27" t="str">
        <f t="shared" si="12"/>
        <v/>
      </c>
      <c r="CC62" s="27" t="str">
        <f t="shared" si="12"/>
        <v/>
      </c>
      <c r="CD62" s="27" t="str">
        <f t="shared" si="7"/>
        <v/>
      </c>
      <c r="CE62" s="27" t="str">
        <f t="shared" si="7"/>
        <v/>
      </c>
      <c r="CF62" s="27" t="str">
        <f t="shared" si="7"/>
        <v/>
      </c>
      <c r="CG62" s="33" t="s">
        <v>660</v>
      </c>
      <c r="CH62" s="33"/>
      <c r="CI62" s="36" t="s">
        <v>661</v>
      </c>
    </row>
    <row r="63" spans="1:87" s="28" customFormat="1" ht="56.1" customHeight="1" x14ac:dyDescent="0.2">
      <c r="A63" s="22">
        <v>114</v>
      </c>
      <c r="B63" s="23" t="s">
        <v>53</v>
      </c>
      <c r="C63" s="35" t="s">
        <v>655</v>
      </c>
      <c r="D63" s="25" t="s">
        <v>656</v>
      </c>
      <c r="E63" s="32" t="s">
        <v>788</v>
      </c>
      <c r="F63" s="32"/>
      <c r="G63" s="32" t="s">
        <v>90</v>
      </c>
      <c r="H63" s="32" t="s">
        <v>38</v>
      </c>
      <c r="I63" s="32"/>
      <c r="J63" s="29" t="s">
        <v>77</v>
      </c>
      <c r="K63" s="63" t="s">
        <v>722</v>
      </c>
      <c r="L63" s="26" t="s">
        <v>63</v>
      </c>
      <c r="M63" s="26" t="s">
        <v>63</v>
      </c>
      <c r="N63" s="39">
        <v>25079</v>
      </c>
      <c r="O63" s="33"/>
      <c r="P63" s="33"/>
      <c r="Q63" s="43">
        <f t="shared" si="0"/>
        <v>25079</v>
      </c>
      <c r="R63" s="33"/>
      <c r="S63" s="33"/>
      <c r="T63" s="33"/>
      <c r="U63" s="33"/>
      <c r="V63" s="33"/>
      <c r="W63" s="33"/>
      <c r="X63" s="33"/>
      <c r="Y63" s="33"/>
      <c r="Z63" s="33"/>
      <c r="AA63" s="33"/>
      <c r="AB63" s="33"/>
      <c r="AC63" s="33"/>
      <c r="AD63" s="33"/>
      <c r="AE63" s="33"/>
      <c r="AF63" s="33"/>
      <c r="AG63" s="33"/>
      <c r="AH63" s="33"/>
      <c r="AI63" s="33"/>
      <c r="AJ63" s="33"/>
      <c r="AK63" s="33"/>
      <c r="AL63" s="33"/>
      <c r="AM63" s="33"/>
      <c r="AN63" s="33"/>
      <c r="AO63" s="33"/>
      <c r="AP63" s="33"/>
      <c r="AQ63" s="33"/>
      <c r="AR63" s="33"/>
      <c r="AS63" s="33"/>
      <c r="AT63" s="33"/>
      <c r="AU63" s="33"/>
      <c r="AV63" s="33"/>
      <c r="AW63" s="33"/>
      <c r="AX63" s="33"/>
      <c r="AY63" s="33"/>
      <c r="AZ63" s="58">
        <f t="shared" si="1"/>
        <v>0</v>
      </c>
      <c r="BA63" s="26" t="e">
        <f t="shared" si="2"/>
        <v>#DIV/0!</v>
      </c>
      <c r="BB63" s="27" t="str">
        <f t="shared" si="11"/>
        <v/>
      </c>
      <c r="BC63" s="27" t="str">
        <f t="shared" si="11"/>
        <v/>
      </c>
      <c r="BD63" s="27" t="str">
        <f t="shared" si="11"/>
        <v/>
      </c>
      <c r="BE63" s="27" t="str">
        <f t="shared" si="11"/>
        <v/>
      </c>
      <c r="BF63" s="27" t="str">
        <f t="shared" si="11"/>
        <v/>
      </c>
      <c r="BG63" s="27" t="str">
        <f t="shared" si="11"/>
        <v/>
      </c>
      <c r="BH63" s="27" t="str">
        <f t="shared" si="11"/>
        <v/>
      </c>
      <c r="BI63" s="27" t="str">
        <f t="shared" si="11"/>
        <v/>
      </c>
      <c r="BJ63" s="27" t="str">
        <f t="shared" si="11"/>
        <v/>
      </c>
      <c r="BK63" s="27" t="str">
        <f t="shared" si="11"/>
        <v/>
      </c>
      <c r="BL63" s="27" t="str">
        <f t="shared" si="11"/>
        <v/>
      </c>
      <c r="BM63" s="27" t="str">
        <f t="shared" si="11"/>
        <v/>
      </c>
      <c r="BN63" s="27" t="str">
        <f t="shared" si="11"/>
        <v/>
      </c>
      <c r="BO63" s="27" t="str">
        <f t="shared" si="11"/>
        <v/>
      </c>
      <c r="BP63" s="27" t="str">
        <f t="shared" si="11"/>
        <v/>
      </c>
      <c r="BQ63" s="27" t="str">
        <f t="shared" si="10"/>
        <v/>
      </c>
      <c r="BR63" s="27" t="str">
        <f t="shared" si="10"/>
        <v/>
      </c>
      <c r="BS63" s="27" t="str">
        <f t="shared" si="10"/>
        <v/>
      </c>
      <c r="BT63" s="27" t="str">
        <f t="shared" si="10"/>
        <v/>
      </c>
      <c r="BU63" s="27" t="str">
        <f t="shared" si="12"/>
        <v/>
      </c>
      <c r="BV63" s="27" t="str">
        <f t="shared" si="12"/>
        <v/>
      </c>
      <c r="BW63" s="27" t="str">
        <f t="shared" si="12"/>
        <v/>
      </c>
      <c r="BX63" s="27" t="str">
        <f t="shared" si="12"/>
        <v/>
      </c>
      <c r="BY63" s="27" t="str">
        <f t="shared" si="12"/>
        <v/>
      </c>
      <c r="BZ63" s="27" t="str">
        <f t="shared" si="12"/>
        <v/>
      </c>
      <c r="CA63" s="27" t="str">
        <f t="shared" si="12"/>
        <v/>
      </c>
      <c r="CB63" s="27" t="str">
        <f t="shared" si="12"/>
        <v/>
      </c>
      <c r="CC63" s="27" t="str">
        <f t="shared" si="12"/>
        <v/>
      </c>
      <c r="CD63" s="27" t="str">
        <f t="shared" si="7"/>
        <v/>
      </c>
      <c r="CE63" s="27" t="str">
        <f t="shared" si="7"/>
        <v/>
      </c>
      <c r="CF63" s="27" t="str">
        <f t="shared" si="7"/>
        <v/>
      </c>
      <c r="CG63" s="33" t="s">
        <v>660</v>
      </c>
      <c r="CH63" s="33"/>
      <c r="CI63" s="36" t="s">
        <v>661</v>
      </c>
    </row>
    <row r="64" spans="1:87" s="28" customFormat="1" ht="56.1" customHeight="1" x14ac:dyDescent="0.2">
      <c r="A64" s="22">
        <v>115</v>
      </c>
      <c r="B64" s="23" t="s">
        <v>53</v>
      </c>
      <c r="C64" s="35" t="s">
        <v>655</v>
      </c>
      <c r="D64" s="25" t="s">
        <v>656</v>
      </c>
      <c r="E64" s="32" t="s">
        <v>790</v>
      </c>
      <c r="F64" s="32"/>
      <c r="G64" s="32" t="s">
        <v>90</v>
      </c>
      <c r="H64" s="32" t="s">
        <v>769</v>
      </c>
      <c r="I64" s="32"/>
      <c r="J64" s="29" t="s">
        <v>77</v>
      </c>
      <c r="K64" s="63" t="s">
        <v>722</v>
      </c>
      <c r="L64" s="26" t="s">
        <v>63</v>
      </c>
      <c r="M64" s="26" t="s">
        <v>63</v>
      </c>
      <c r="N64" s="39">
        <v>144453</v>
      </c>
      <c r="O64" s="33"/>
      <c r="P64" s="33"/>
      <c r="Q64" s="43">
        <f t="shared" si="0"/>
        <v>144453</v>
      </c>
      <c r="R64" s="33"/>
      <c r="S64" s="33"/>
      <c r="T64" s="33"/>
      <c r="U64" s="33"/>
      <c r="V64" s="33"/>
      <c r="W64" s="33"/>
      <c r="X64" s="33"/>
      <c r="Y64" s="33"/>
      <c r="Z64" s="38"/>
      <c r="AA64" s="38"/>
      <c r="AB64" s="38"/>
      <c r="AC64" s="38"/>
      <c r="AD64" s="38"/>
      <c r="AE64" s="38"/>
      <c r="AF64" s="38"/>
      <c r="AG64" s="38"/>
      <c r="AH64" s="38"/>
      <c r="AI64" s="38"/>
      <c r="AJ64" s="38"/>
      <c r="AK64" s="38"/>
      <c r="AL64" s="38"/>
      <c r="AM64" s="38"/>
      <c r="AN64" s="38"/>
      <c r="AO64" s="38"/>
      <c r="AP64" s="38"/>
      <c r="AQ64" s="38"/>
      <c r="AR64" s="38"/>
      <c r="AS64" s="38"/>
      <c r="AT64" s="38"/>
      <c r="AU64" s="38"/>
      <c r="AV64" s="38"/>
      <c r="AW64" s="38"/>
      <c r="AX64" s="38"/>
      <c r="AY64" s="38"/>
      <c r="AZ64" s="58">
        <f t="shared" si="1"/>
        <v>0</v>
      </c>
      <c r="BA64" s="26" t="e">
        <f t="shared" si="2"/>
        <v>#DIV/0!</v>
      </c>
      <c r="BB64" s="27" t="str">
        <f t="shared" si="11"/>
        <v/>
      </c>
      <c r="BC64" s="27" t="str">
        <f t="shared" si="11"/>
        <v/>
      </c>
      <c r="BD64" s="27" t="str">
        <f t="shared" si="11"/>
        <v/>
      </c>
      <c r="BE64" s="27" t="str">
        <f t="shared" si="11"/>
        <v/>
      </c>
      <c r="BF64" s="27" t="str">
        <f t="shared" si="11"/>
        <v/>
      </c>
      <c r="BG64" s="27" t="str">
        <f t="shared" si="11"/>
        <v/>
      </c>
      <c r="BH64" s="27" t="str">
        <f t="shared" si="11"/>
        <v/>
      </c>
      <c r="BI64" s="27" t="str">
        <f t="shared" si="11"/>
        <v/>
      </c>
      <c r="BJ64" s="27" t="str">
        <f t="shared" si="11"/>
        <v/>
      </c>
      <c r="BK64" s="27" t="str">
        <f t="shared" si="11"/>
        <v/>
      </c>
      <c r="BL64" s="27" t="str">
        <f t="shared" si="11"/>
        <v/>
      </c>
      <c r="BM64" s="27" t="str">
        <f t="shared" si="11"/>
        <v/>
      </c>
      <c r="BN64" s="27" t="str">
        <f t="shared" si="11"/>
        <v/>
      </c>
      <c r="BO64" s="27" t="str">
        <f t="shared" si="11"/>
        <v/>
      </c>
      <c r="BP64" s="27" t="str">
        <f t="shared" si="11"/>
        <v/>
      </c>
      <c r="BQ64" s="27" t="str">
        <f t="shared" si="10"/>
        <v/>
      </c>
      <c r="BR64" s="27" t="str">
        <f t="shared" si="10"/>
        <v/>
      </c>
      <c r="BS64" s="27" t="str">
        <f t="shared" si="10"/>
        <v/>
      </c>
      <c r="BT64" s="27" t="str">
        <f t="shared" si="10"/>
        <v/>
      </c>
      <c r="BU64" s="27" t="str">
        <f t="shared" si="12"/>
        <v/>
      </c>
      <c r="BV64" s="27" t="str">
        <f t="shared" si="12"/>
        <v/>
      </c>
      <c r="BW64" s="27" t="str">
        <f t="shared" si="12"/>
        <v/>
      </c>
      <c r="BX64" s="27" t="str">
        <f t="shared" si="12"/>
        <v/>
      </c>
      <c r="BY64" s="27" t="str">
        <f t="shared" si="12"/>
        <v/>
      </c>
      <c r="BZ64" s="27" t="str">
        <f t="shared" si="12"/>
        <v/>
      </c>
      <c r="CA64" s="27" t="str">
        <f t="shared" si="12"/>
        <v/>
      </c>
      <c r="CB64" s="27" t="str">
        <f t="shared" si="12"/>
        <v/>
      </c>
      <c r="CC64" s="27" t="str">
        <f t="shared" si="12"/>
        <v/>
      </c>
      <c r="CD64" s="27" t="str">
        <f t="shared" si="7"/>
        <v/>
      </c>
      <c r="CE64" s="27" t="str">
        <f t="shared" si="7"/>
        <v/>
      </c>
      <c r="CF64" s="27" t="str">
        <f t="shared" si="7"/>
        <v/>
      </c>
      <c r="CG64" s="33" t="s">
        <v>660</v>
      </c>
      <c r="CH64" s="33"/>
      <c r="CI64" s="36" t="s">
        <v>661</v>
      </c>
    </row>
    <row r="65" spans="1:87" s="28" customFormat="1" ht="56.1" customHeight="1" x14ac:dyDescent="0.2">
      <c r="A65" s="22">
        <v>116</v>
      </c>
      <c r="B65" s="23" t="s">
        <v>53</v>
      </c>
      <c r="C65" s="35" t="s">
        <v>655</v>
      </c>
      <c r="D65" s="25" t="s">
        <v>656</v>
      </c>
      <c r="E65" s="32" t="s">
        <v>792</v>
      </c>
      <c r="F65" s="32"/>
      <c r="G65" s="32" t="s">
        <v>90</v>
      </c>
      <c r="H65" s="32" t="s">
        <v>794</v>
      </c>
      <c r="I65" s="32"/>
      <c r="J65" s="29" t="s">
        <v>77</v>
      </c>
      <c r="K65" s="63" t="s">
        <v>722</v>
      </c>
      <c r="L65" s="26" t="s">
        <v>63</v>
      </c>
      <c r="M65" s="26" t="s">
        <v>63</v>
      </c>
      <c r="N65" s="39">
        <v>50157</v>
      </c>
      <c r="O65" s="33"/>
      <c r="P65" s="33"/>
      <c r="Q65" s="43">
        <f t="shared" si="0"/>
        <v>50157</v>
      </c>
      <c r="R65" s="33"/>
      <c r="S65" s="33"/>
      <c r="T65" s="33"/>
      <c r="U65" s="33"/>
      <c r="V65" s="33"/>
      <c r="W65" s="33"/>
      <c r="X65" s="33"/>
      <c r="Y65" s="33"/>
      <c r="Z65" s="38"/>
      <c r="AA65" s="38"/>
      <c r="AB65" s="38"/>
      <c r="AC65" s="38"/>
      <c r="AD65" s="38"/>
      <c r="AE65" s="38"/>
      <c r="AF65" s="38"/>
      <c r="AG65" s="38"/>
      <c r="AH65" s="38"/>
      <c r="AI65" s="38"/>
      <c r="AJ65" s="38"/>
      <c r="AK65" s="38"/>
      <c r="AL65" s="38"/>
      <c r="AM65" s="38"/>
      <c r="AN65" s="38"/>
      <c r="AO65" s="38"/>
      <c r="AP65" s="38"/>
      <c r="AQ65" s="38"/>
      <c r="AR65" s="38"/>
      <c r="AS65" s="38"/>
      <c r="AT65" s="38"/>
      <c r="AU65" s="38"/>
      <c r="AV65" s="38"/>
      <c r="AW65" s="38"/>
      <c r="AX65" s="38"/>
      <c r="AY65" s="38"/>
      <c r="AZ65" s="58">
        <f t="shared" si="1"/>
        <v>0</v>
      </c>
      <c r="BA65" s="26" t="e">
        <f t="shared" si="2"/>
        <v>#DIV/0!</v>
      </c>
      <c r="BB65" s="27" t="str">
        <f t="shared" si="11"/>
        <v/>
      </c>
      <c r="BC65" s="27" t="str">
        <f t="shared" si="11"/>
        <v/>
      </c>
      <c r="BD65" s="27" t="str">
        <f t="shared" si="11"/>
        <v/>
      </c>
      <c r="BE65" s="27" t="str">
        <f t="shared" si="11"/>
        <v/>
      </c>
      <c r="BF65" s="27" t="str">
        <f t="shared" si="11"/>
        <v/>
      </c>
      <c r="BG65" s="27" t="str">
        <f t="shared" si="11"/>
        <v/>
      </c>
      <c r="BH65" s="27" t="str">
        <f t="shared" si="11"/>
        <v/>
      </c>
      <c r="BI65" s="27" t="str">
        <f t="shared" si="11"/>
        <v/>
      </c>
      <c r="BJ65" s="27" t="str">
        <f t="shared" si="11"/>
        <v/>
      </c>
      <c r="BK65" s="27" t="str">
        <f t="shared" si="11"/>
        <v/>
      </c>
      <c r="BL65" s="27" t="str">
        <f t="shared" si="11"/>
        <v/>
      </c>
      <c r="BM65" s="27" t="str">
        <f t="shared" si="11"/>
        <v/>
      </c>
      <c r="BN65" s="27" t="str">
        <f t="shared" si="11"/>
        <v/>
      </c>
      <c r="BO65" s="27" t="str">
        <f t="shared" si="11"/>
        <v/>
      </c>
      <c r="BP65" s="27" t="str">
        <f t="shared" si="11"/>
        <v/>
      </c>
      <c r="BQ65" s="27" t="str">
        <f t="shared" si="10"/>
        <v/>
      </c>
      <c r="BR65" s="27" t="str">
        <f t="shared" si="10"/>
        <v/>
      </c>
      <c r="BS65" s="27" t="str">
        <f t="shared" si="10"/>
        <v/>
      </c>
      <c r="BT65" s="27" t="str">
        <f t="shared" si="10"/>
        <v/>
      </c>
      <c r="BU65" s="27" t="str">
        <f t="shared" si="12"/>
        <v/>
      </c>
      <c r="BV65" s="27" t="str">
        <f t="shared" si="12"/>
        <v/>
      </c>
      <c r="BW65" s="27" t="str">
        <f t="shared" si="12"/>
        <v/>
      </c>
      <c r="BX65" s="27" t="str">
        <f t="shared" si="12"/>
        <v/>
      </c>
      <c r="BY65" s="27" t="str">
        <f t="shared" si="12"/>
        <v/>
      </c>
      <c r="BZ65" s="27" t="str">
        <f t="shared" si="12"/>
        <v/>
      </c>
      <c r="CA65" s="27" t="str">
        <f t="shared" si="12"/>
        <v/>
      </c>
      <c r="CB65" s="27" t="str">
        <f t="shared" si="12"/>
        <v/>
      </c>
      <c r="CC65" s="27" t="str">
        <f t="shared" si="12"/>
        <v/>
      </c>
      <c r="CD65" s="27" t="str">
        <f t="shared" si="7"/>
        <v/>
      </c>
      <c r="CE65" s="27" t="str">
        <f t="shared" si="7"/>
        <v/>
      </c>
      <c r="CF65" s="27" t="str">
        <f t="shared" si="7"/>
        <v/>
      </c>
      <c r="CG65" s="33" t="s">
        <v>660</v>
      </c>
      <c r="CH65" s="33"/>
      <c r="CI65" s="36" t="s">
        <v>661</v>
      </c>
    </row>
    <row r="66" spans="1:87" s="28" customFormat="1" ht="56.1" customHeight="1" x14ac:dyDescent="0.2">
      <c r="A66" s="22">
        <v>117</v>
      </c>
      <c r="B66" s="23" t="s">
        <v>53</v>
      </c>
      <c r="C66" s="35" t="s">
        <v>655</v>
      </c>
      <c r="D66" s="25" t="s">
        <v>656</v>
      </c>
      <c r="E66" s="30" t="s">
        <v>795</v>
      </c>
      <c r="F66" s="32"/>
      <c r="G66" s="32" t="s">
        <v>90</v>
      </c>
      <c r="H66" s="32" t="s">
        <v>797</v>
      </c>
      <c r="I66" s="32"/>
      <c r="J66" s="29" t="s">
        <v>77</v>
      </c>
      <c r="K66" s="63" t="s">
        <v>722</v>
      </c>
      <c r="L66" s="26" t="s">
        <v>63</v>
      </c>
      <c r="M66" s="26" t="s">
        <v>63</v>
      </c>
      <c r="N66" s="39">
        <v>12539</v>
      </c>
      <c r="O66" s="33"/>
      <c r="P66" s="33"/>
      <c r="Q66" s="43">
        <f t="shared" si="0"/>
        <v>12539</v>
      </c>
      <c r="R66" s="33"/>
      <c r="S66" s="33"/>
      <c r="T66" s="33"/>
      <c r="U66" s="33"/>
      <c r="V66" s="33"/>
      <c r="W66" s="33"/>
      <c r="X66" s="33"/>
      <c r="Y66" s="33"/>
      <c r="Z66" s="33"/>
      <c r="AA66" s="33"/>
      <c r="AB66" s="33"/>
      <c r="AC66" s="33"/>
      <c r="AD66" s="33"/>
      <c r="AE66" s="33"/>
      <c r="AF66" s="33"/>
      <c r="AG66" s="33"/>
      <c r="AH66" s="33"/>
      <c r="AI66" s="33"/>
      <c r="AJ66" s="33"/>
      <c r="AK66" s="33"/>
      <c r="AL66" s="33"/>
      <c r="AM66" s="33"/>
      <c r="AN66" s="33"/>
      <c r="AO66" s="33"/>
      <c r="AP66" s="33"/>
      <c r="AQ66" s="33"/>
      <c r="AR66" s="33"/>
      <c r="AS66" s="33"/>
      <c r="AT66" s="33"/>
      <c r="AU66" s="33"/>
      <c r="AV66" s="33"/>
      <c r="AW66" s="33"/>
      <c r="AX66" s="33"/>
      <c r="AY66" s="33"/>
      <c r="AZ66" s="58">
        <f t="shared" si="1"/>
        <v>0</v>
      </c>
      <c r="BA66" s="26" t="e">
        <f t="shared" si="2"/>
        <v>#DIV/0!</v>
      </c>
      <c r="BB66" s="27" t="str">
        <f t="shared" si="11"/>
        <v/>
      </c>
      <c r="BC66" s="27" t="str">
        <f t="shared" si="11"/>
        <v/>
      </c>
      <c r="BD66" s="27" t="str">
        <f t="shared" si="11"/>
        <v/>
      </c>
      <c r="BE66" s="27" t="str">
        <f t="shared" si="11"/>
        <v/>
      </c>
      <c r="BF66" s="27" t="str">
        <f t="shared" si="11"/>
        <v/>
      </c>
      <c r="BG66" s="27" t="str">
        <f t="shared" si="11"/>
        <v/>
      </c>
      <c r="BH66" s="27" t="str">
        <f t="shared" si="11"/>
        <v/>
      </c>
      <c r="BI66" s="27" t="str">
        <f t="shared" si="11"/>
        <v/>
      </c>
      <c r="BJ66" s="27" t="str">
        <f t="shared" si="11"/>
        <v/>
      </c>
      <c r="BK66" s="27" t="str">
        <f t="shared" si="11"/>
        <v/>
      </c>
      <c r="BL66" s="27" t="str">
        <f t="shared" si="11"/>
        <v/>
      </c>
      <c r="BM66" s="27" t="str">
        <f t="shared" si="11"/>
        <v/>
      </c>
      <c r="BN66" s="27" t="str">
        <f t="shared" si="11"/>
        <v/>
      </c>
      <c r="BO66" s="27" t="str">
        <f t="shared" si="11"/>
        <v/>
      </c>
      <c r="BP66" s="27" t="str">
        <f t="shared" si="11"/>
        <v/>
      </c>
      <c r="BQ66" s="27" t="str">
        <f t="shared" si="10"/>
        <v/>
      </c>
      <c r="BR66" s="27" t="str">
        <f t="shared" si="10"/>
        <v/>
      </c>
      <c r="BS66" s="27" t="str">
        <f t="shared" si="10"/>
        <v/>
      </c>
      <c r="BT66" s="27" t="str">
        <f t="shared" si="10"/>
        <v/>
      </c>
      <c r="BU66" s="27" t="str">
        <f t="shared" si="12"/>
        <v/>
      </c>
      <c r="BV66" s="27" t="str">
        <f t="shared" si="12"/>
        <v/>
      </c>
      <c r="BW66" s="27" t="str">
        <f t="shared" si="12"/>
        <v/>
      </c>
      <c r="BX66" s="27" t="str">
        <f t="shared" si="12"/>
        <v/>
      </c>
      <c r="BY66" s="27" t="str">
        <f t="shared" si="12"/>
        <v/>
      </c>
      <c r="BZ66" s="27" t="str">
        <f t="shared" si="12"/>
        <v/>
      </c>
      <c r="CA66" s="27" t="str">
        <f t="shared" si="12"/>
        <v/>
      </c>
      <c r="CB66" s="27" t="str">
        <f t="shared" si="12"/>
        <v/>
      </c>
      <c r="CC66" s="27" t="str">
        <f t="shared" si="12"/>
        <v/>
      </c>
      <c r="CD66" s="27" t="str">
        <f t="shared" si="7"/>
        <v/>
      </c>
      <c r="CE66" s="27" t="str">
        <f t="shared" si="7"/>
        <v/>
      </c>
      <c r="CF66" s="27" t="str">
        <f t="shared" si="7"/>
        <v/>
      </c>
      <c r="CG66" s="33" t="s">
        <v>660</v>
      </c>
      <c r="CH66" s="33"/>
      <c r="CI66" s="36" t="s">
        <v>661</v>
      </c>
    </row>
    <row r="67" spans="1:87" s="28" customFormat="1" ht="56.1" customHeight="1" x14ac:dyDescent="0.2">
      <c r="A67" s="22">
        <v>118</v>
      </c>
      <c r="B67" s="23" t="s">
        <v>53</v>
      </c>
      <c r="C67" s="35" t="s">
        <v>655</v>
      </c>
      <c r="D67" s="25" t="s">
        <v>656</v>
      </c>
      <c r="E67" s="32" t="s">
        <v>798</v>
      </c>
      <c r="F67" s="30"/>
      <c r="G67" s="32" t="s">
        <v>90</v>
      </c>
      <c r="H67" s="32" t="s">
        <v>794</v>
      </c>
      <c r="I67" s="32"/>
      <c r="J67" s="29" t="s">
        <v>77</v>
      </c>
      <c r="K67" s="63" t="s">
        <v>722</v>
      </c>
      <c r="L67" s="26" t="s">
        <v>63</v>
      </c>
      <c r="M67" s="26" t="s">
        <v>63</v>
      </c>
      <c r="N67" s="39">
        <v>75236</v>
      </c>
      <c r="O67" s="33"/>
      <c r="P67" s="33"/>
      <c r="Q67" s="43">
        <f>N67</f>
        <v>75236</v>
      </c>
      <c r="R67" s="33"/>
      <c r="S67" s="33"/>
      <c r="T67" s="33"/>
      <c r="U67" s="33"/>
      <c r="V67" s="33"/>
      <c r="W67" s="33"/>
      <c r="X67" s="33"/>
      <c r="Y67" s="33"/>
      <c r="Z67" s="33"/>
      <c r="AA67" s="33"/>
      <c r="AB67" s="33"/>
      <c r="AC67" s="33"/>
      <c r="AD67" s="33"/>
      <c r="AE67" s="33"/>
      <c r="AF67" s="33"/>
      <c r="AG67" s="33"/>
      <c r="AH67" s="33"/>
      <c r="AI67" s="33"/>
      <c r="AJ67" s="33"/>
      <c r="AK67" s="33"/>
      <c r="AL67" s="33"/>
      <c r="AM67" s="33"/>
      <c r="AN67" s="33"/>
      <c r="AO67" s="33"/>
      <c r="AP67" s="33"/>
      <c r="AQ67" s="33"/>
      <c r="AR67" s="33"/>
      <c r="AS67" s="33"/>
      <c r="AT67" s="33"/>
      <c r="AU67" s="33"/>
      <c r="AV67" s="33"/>
      <c r="AW67" s="33"/>
      <c r="AX67" s="33"/>
      <c r="AY67" s="33"/>
      <c r="AZ67" s="58">
        <f t="shared" ref="AZ67:AZ130" si="13">SUMIF(U67:AY67,"YES",$U$2:$AY$2)</f>
        <v>0</v>
      </c>
      <c r="BA67" s="26" t="e">
        <f t="shared" ref="BA67:BA130" si="14">Q67/AZ67</f>
        <v>#DIV/0!</v>
      </c>
      <c r="BB67" s="27" t="str">
        <f t="shared" si="11"/>
        <v/>
      </c>
      <c r="BC67" s="27" t="str">
        <f t="shared" si="11"/>
        <v/>
      </c>
      <c r="BD67" s="27" t="str">
        <f t="shared" si="11"/>
        <v/>
      </c>
      <c r="BE67" s="27" t="str">
        <f t="shared" si="11"/>
        <v/>
      </c>
      <c r="BF67" s="27" t="str">
        <f t="shared" si="11"/>
        <v/>
      </c>
      <c r="BG67" s="27" t="str">
        <f t="shared" si="11"/>
        <v/>
      </c>
      <c r="BH67" s="27" t="str">
        <f t="shared" si="11"/>
        <v/>
      </c>
      <c r="BI67" s="27" t="str">
        <f t="shared" si="11"/>
        <v/>
      </c>
      <c r="BJ67" s="27" t="str">
        <f t="shared" si="11"/>
        <v/>
      </c>
      <c r="BK67" s="27" t="str">
        <f t="shared" si="11"/>
        <v/>
      </c>
      <c r="BL67" s="27" t="str">
        <f t="shared" si="11"/>
        <v/>
      </c>
      <c r="BM67" s="27" t="str">
        <f t="shared" si="11"/>
        <v/>
      </c>
      <c r="BN67" s="27" t="str">
        <f t="shared" si="11"/>
        <v/>
      </c>
      <c r="BO67" s="27" t="str">
        <f t="shared" si="11"/>
        <v/>
      </c>
      <c r="BP67" s="27" t="str">
        <f t="shared" si="11"/>
        <v/>
      </c>
      <c r="BQ67" s="27" t="str">
        <f t="shared" si="10"/>
        <v/>
      </c>
      <c r="BR67" s="27" t="str">
        <f t="shared" si="10"/>
        <v/>
      </c>
      <c r="BS67" s="27" t="str">
        <f t="shared" si="10"/>
        <v/>
      </c>
      <c r="BT67" s="27" t="str">
        <f t="shared" si="10"/>
        <v/>
      </c>
      <c r="BU67" s="27" t="str">
        <f t="shared" si="12"/>
        <v/>
      </c>
      <c r="BV67" s="27" t="str">
        <f t="shared" si="12"/>
        <v/>
      </c>
      <c r="BW67" s="27" t="str">
        <f t="shared" si="12"/>
        <v/>
      </c>
      <c r="BX67" s="27" t="str">
        <f t="shared" si="12"/>
        <v/>
      </c>
      <c r="BY67" s="27" t="str">
        <f t="shared" si="12"/>
        <v/>
      </c>
      <c r="BZ67" s="27" t="str">
        <f t="shared" si="12"/>
        <v/>
      </c>
      <c r="CA67" s="27" t="str">
        <f t="shared" si="12"/>
        <v/>
      </c>
      <c r="CB67" s="27" t="str">
        <f t="shared" si="12"/>
        <v/>
      </c>
      <c r="CC67" s="27" t="str">
        <f t="shared" si="12"/>
        <v/>
      </c>
      <c r="CD67" s="27" t="str">
        <f t="shared" si="7"/>
        <v/>
      </c>
      <c r="CE67" s="27" t="str">
        <f t="shared" si="7"/>
        <v/>
      </c>
      <c r="CF67" s="27" t="str">
        <f t="shared" si="7"/>
        <v/>
      </c>
      <c r="CG67" s="33" t="s">
        <v>660</v>
      </c>
      <c r="CH67" s="33"/>
      <c r="CI67" s="36" t="s">
        <v>661</v>
      </c>
    </row>
    <row r="68" spans="1:87" s="28" customFormat="1" ht="56.1" customHeight="1" x14ac:dyDescent="0.2">
      <c r="A68" s="22">
        <v>119</v>
      </c>
      <c r="B68" s="23" t="s">
        <v>53</v>
      </c>
      <c r="C68" s="35" t="s">
        <v>655</v>
      </c>
      <c r="D68" s="25" t="s">
        <v>656</v>
      </c>
      <c r="E68" s="32" t="s">
        <v>800</v>
      </c>
      <c r="F68" s="32"/>
      <c r="G68" s="32" t="s">
        <v>90</v>
      </c>
      <c r="H68" s="32"/>
      <c r="I68" s="32"/>
      <c r="J68" s="29" t="s">
        <v>77</v>
      </c>
      <c r="K68" s="31"/>
      <c r="L68" s="26" t="s">
        <v>63</v>
      </c>
      <c r="M68" s="26" t="s">
        <v>63</v>
      </c>
      <c r="N68" s="39" t="s">
        <v>191</v>
      </c>
      <c r="O68" s="33"/>
      <c r="P68" s="33"/>
      <c r="Q68" s="43" t="str">
        <f t="shared" ref="Q68:Q130" si="15">N68</f>
        <v>TBC</v>
      </c>
      <c r="R68" s="33"/>
      <c r="S68" s="33"/>
      <c r="T68" s="33"/>
      <c r="U68" s="33"/>
      <c r="V68" s="33"/>
      <c r="W68" s="33"/>
      <c r="X68" s="33"/>
      <c r="Y68" s="33"/>
      <c r="Z68" s="33"/>
      <c r="AA68" s="33"/>
      <c r="AB68" s="33"/>
      <c r="AC68" s="33"/>
      <c r="AD68" s="33"/>
      <c r="AE68" s="33"/>
      <c r="AF68" s="33"/>
      <c r="AG68" s="33"/>
      <c r="AH68" s="33"/>
      <c r="AI68" s="33"/>
      <c r="AJ68" s="33"/>
      <c r="AK68" s="33"/>
      <c r="AL68" s="33"/>
      <c r="AM68" s="33"/>
      <c r="AN68" s="33"/>
      <c r="AO68" s="33"/>
      <c r="AP68" s="33"/>
      <c r="AQ68" s="33"/>
      <c r="AR68" s="33"/>
      <c r="AS68" s="33"/>
      <c r="AT68" s="33"/>
      <c r="AU68" s="33"/>
      <c r="AV68" s="33"/>
      <c r="AW68" s="33"/>
      <c r="AX68" s="33"/>
      <c r="AY68" s="33"/>
      <c r="AZ68" s="58">
        <f t="shared" si="13"/>
        <v>0</v>
      </c>
      <c r="BA68" s="26" t="e">
        <f t="shared" si="14"/>
        <v>#VALUE!</v>
      </c>
      <c r="BB68" s="27" t="str">
        <f t="shared" si="11"/>
        <v/>
      </c>
      <c r="BC68" s="27" t="str">
        <f t="shared" si="11"/>
        <v/>
      </c>
      <c r="BD68" s="27" t="str">
        <f t="shared" si="11"/>
        <v/>
      </c>
      <c r="BE68" s="27" t="str">
        <f t="shared" si="11"/>
        <v/>
      </c>
      <c r="BF68" s="27" t="str">
        <f t="shared" si="11"/>
        <v/>
      </c>
      <c r="BG68" s="27" t="str">
        <f t="shared" si="11"/>
        <v/>
      </c>
      <c r="BH68" s="27" t="str">
        <f t="shared" si="11"/>
        <v/>
      </c>
      <c r="BI68" s="27" t="str">
        <f t="shared" si="11"/>
        <v/>
      </c>
      <c r="BJ68" s="27" t="str">
        <f t="shared" si="11"/>
        <v/>
      </c>
      <c r="BK68" s="27" t="str">
        <f t="shared" si="11"/>
        <v/>
      </c>
      <c r="BL68" s="27" t="str">
        <f t="shared" si="11"/>
        <v/>
      </c>
      <c r="BM68" s="27" t="str">
        <f t="shared" si="11"/>
        <v/>
      </c>
      <c r="BN68" s="27" t="str">
        <f t="shared" si="11"/>
        <v/>
      </c>
      <c r="BO68" s="27" t="str">
        <f t="shared" si="11"/>
        <v/>
      </c>
      <c r="BP68" s="27" t="str">
        <f t="shared" si="11"/>
        <v/>
      </c>
      <c r="BQ68" s="27" t="str">
        <f t="shared" si="10"/>
        <v/>
      </c>
      <c r="BR68" s="27" t="str">
        <f t="shared" si="10"/>
        <v/>
      </c>
      <c r="BS68" s="27" t="str">
        <f t="shared" si="10"/>
        <v/>
      </c>
      <c r="BT68" s="27" t="str">
        <f t="shared" si="10"/>
        <v/>
      </c>
      <c r="BU68" s="27" t="str">
        <f t="shared" si="12"/>
        <v/>
      </c>
      <c r="BV68" s="27" t="str">
        <f t="shared" si="12"/>
        <v/>
      </c>
      <c r="BW68" s="27" t="str">
        <f t="shared" si="12"/>
        <v/>
      </c>
      <c r="BX68" s="27" t="str">
        <f t="shared" si="12"/>
        <v/>
      </c>
      <c r="BY68" s="27" t="str">
        <f t="shared" si="12"/>
        <v/>
      </c>
      <c r="BZ68" s="27" t="str">
        <f t="shared" si="12"/>
        <v/>
      </c>
      <c r="CA68" s="27" t="str">
        <f t="shared" si="12"/>
        <v/>
      </c>
      <c r="CB68" s="27" t="str">
        <f t="shared" si="12"/>
        <v/>
      </c>
      <c r="CC68" s="27" t="str">
        <f t="shared" si="12"/>
        <v/>
      </c>
      <c r="CD68" s="27" t="str">
        <f t="shared" si="7"/>
        <v/>
      </c>
      <c r="CE68" s="27" t="str">
        <f t="shared" si="7"/>
        <v/>
      </c>
      <c r="CF68" s="27" t="str">
        <f t="shared" si="7"/>
        <v/>
      </c>
      <c r="CG68" s="33" t="s">
        <v>660</v>
      </c>
      <c r="CH68" s="33" t="s">
        <v>802</v>
      </c>
      <c r="CI68" s="36" t="s">
        <v>661</v>
      </c>
    </row>
    <row r="69" spans="1:87" s="28" customFormat="1" ht="56.1" customHeight="1" x14ac:dyDescent="0.2">
      <c r="A69" s="22">
        <v>120</v>
      </c>
      <c r="B69" s="23" t="s">
        <v>53</v>
      </c>
      <c r="C69" s="35" t="s">
        <v>655</v>
      </c>
      <c r="D69" s="25" t="s">
        <v>656</v>
      </c>
      <c r="E69" s="30" t="s">
        <v>803</v>
      </c>
      <c r="F69" s="32"/>
      <c r="G69" s="32" t="s">
        <v>90</v>
      </c>
      <c r="H69" s="63" t="s">
        <v>755</v>
      </c>
      <c r="I69" s="32"/>
      <c r="J69" s="29" t="s">
        <v>77</v>
      </c>
      <c r="K69" s="63" t="s">
        <v>805</v>
      </c>
      <c r="L69" s="26" t="s">
        <v>63</v>
      </c>
      <c r="M69" s="26" t="s">
        <v>63</v>
      </c>
      <c r="N69" s="39">
        <v>25079</v>
      </c>
      <c r="O69" s="33"/>
      <c r="P69" s="33"/>
      <c r="Q69" s="43">
        <f t="shared" si="15"/>
        <v>25079</v>
      </c>
      <c r="R69" s="33"/>
      <c r="S69" s="33"/>
      <c r="T69" s="33"/>
      <c r="U69" s="33"/>
      <c r="V69" s="33"/>
      <c r="W69" s="33"/>
      <c r="X69" s="33"/>
      <c r="Y69" s="33"/>
      <c r="Z69" s="33"/>
      <c r="AA69" s="33"/>
      <c r="AB69" s="33"/>
      <c r="AC69" s="33"/>
      <c r="AD69" s="33"/>
      <c r="AE69" s="33"/>
      <c r="AF69" s="33"/>
      <c r="AG69" s="33"/>
      <c r="AH69" s="33"/>
      <c r="AI69" s="33"/>
      <c r="AJ69" s="33"/>
      <c r="AK69" s="33"/>
      <c r="AL69" s="33"/>
      <c r="AM69" s="33"/>
      <c r="AN69" s="33"/>
      <c r="AO69" s="33"/>
      <c r="AP69" s="33"/>
      <c r="AQ69" s="33"/>
      <c r="AR69" s="33"/>
      <c r="AS69" s="33"/>
      <c r="AT69" s="33"/>
      <c r="AU69" s="33"/>
      <c r="AV69" s="33"/>
      <c r="AW69" s="33"/>
      <c r="AX69" s="33"/>
      <c r="AY69" s="33"/>
      <c r="AZ69" s="58">
        <f t="shared" si="13"/>
        <v>0</v>
      </c>
      <c r="BA69" s="26" t="e">
        <f t="shared" si="14"/>
        <v>#DIV/0!</v>
      </c>
      <c r="BB69" s="27" t="str">
        <f t="shared" ref="BB69:BP85" si="16">IF(U69="yes",(U$2*$BA69),"")</f>
        <v/>
      </c>
      <c r="BC69" s="27" t="str">
        <f t="shared" si="16"/>
        <v/>
      </c>
      <c r="BD69" s="27" t="str">
        <f t="shared" si="16"/>
        <v/>
      </c>
      <c r="BE69" s="27" t="str">
        <f t="shared" si="16"/>
        <v/>
      </c>
      <c r="BF69" s="27" t="str">
        <f t="shared" si="16"/>
        <v/>
      </c>
      <c r="BG69" s="27" t="str">
        <f t="shared" si="16"/>
        <v/>
      </c>
      <c r="BH69" s="27" t="str">
        <f t="shared" si="16"/>
        <v/>
      </c>
      <c r="BI69" s="27" t="str">
        <f t="shared" si="16"/>
        <v/>
      </c>
      <c r="BJ69" s="27" t="str">
        <f t="shared" si="16"/>
        <v/>
      </c>
      <c r="BK69" s="27" t="str">
        <f t="shared" si="16"/>
        <v/>
      </c>
      <c r="BL69" s="27" t="str">
        <f t="shared" si="16"/>
        <v/>
      </c>
      <c r="BM69" s="27" t="str">
        <f t="shared" si="16"/>
        <v/>
      </c>
      <c r="BN69" s="27" t="str">
        <f t="shared" si="16"/>
        <v/>
      </c>
      <c r="BO69" s="27" t="str">
        <f t="shared" si="16"/>
        <v/>
      </c>
      <c r="BP69" s="27" t="str">
        <f t="shared" si="16"/>
        <v/>
      </c>
      <c r="BQ69" s="27" t="str">
        <f t="shared" si="10"/>
        <v/>
      </c>
      <c r="BR69" s="27" t="str">
        <f t="shared" si="10"/>
        <v/>
      </c>
      <c r="BS69" s="27" t="str">
        <f t="shared" si="10"/>
        <v/>
      </c>
      <c r="BT69" s="27" t="str">
        <f t="shared" si="10"/>
        <v/>
      </c>
      <c r="BU69" s="27" t="str">
        <f t="shared" si="12"/>
        <v/>
      </c>
      <c r="BV69" s="27" t="str">
        <f t="shared" si="12"/>
        <v/>
      </c>
      <c r="BW69" s="27" t="str">
        <f t="shared" si="12"/>
        <v/>
      </c>
      <c r="BX69" s="27" t="str">
        <f t="shared" si="12"/>
        <v/>
      </c>
      <c r="BY69" s="27" t="str">
        <f t="shared" si="12"/>
        <v/>
      </c>
      <c r="BZ69" s="27" t="str">
        <f t="shared" si="12"/>
        <v/>
      </c>
      <c r="CA69" s="27" t="str">
        <f t="shared" si="12"/>
        <v/>
      </c>
      <c r="CB69" s="27" t="str">
        <f t="shared" si="12"/>
        <v/>
      </c>
      <c r="CC69" s="27" t="str">
        <f t="shared" si="12"/>
        <v/>
      </c>
      <c r="CD69" s="27" t="str">
        <f t="shared" si="7"/>
        <v/>
      </c>
      <c r="CE69" s="27" t="str">
        <f t="shared" si="7"/>
        <v/>
      </c>
      <c r="CF69" s="27" t="str">
        <f t="shared" si="7"/>
        <v/>
      </c>
      <c r="CG69" s="33" t="s">
        <v>660</v>
      </c>
      <c r="CH69" s="33"/>
      <c r="CI69" s="36" t="s">
        <v>661</v>
      </c>
    </row>
    <row r="70" spans="1:87" s="28" customFormat="1" ht="56.1" customHeight="1" x14ac:dyDescent="0.2">
      <c r="A70" s="22">
        <v>121</v>
      </c>
      <c r="B70" s="23" t="s">
        <v>53</v>
      </c>
      <c r="C70" s="35" t="s">
        <v>655</v>
      </c>
      <c r="D70" s="25" t="s">
        <v>656</v>
      </c>
      <c r="E70" s="32" t="s">
        <v>806</v>
      </c>
      <c r="F70" s="32"/>
      <c r="G70" s="32" t="s">
        <v>90</v>
      </c>
      <c r="H70" s="63" t="s">
        <v>755</v>
      </c>
      <c r="I70" s="32"/>
      <c r="J70" s="29" t="s">
        <v>77</v>
      </c>
      <c r="K70" s="63" t="s">
        <v>808</v>
      </c>
      <c r="L70" s="26" t="s">
        <v>63</v>
      </c>
      <c r="M70" s="26" t="s">
        <v>63</v>
      </c>
      <c r="N70" s="39">
        <v>25079</v>
      </c>
      <c r="O70" s="33"/>
      <c r="P70" s="33"/>
      <c r="Q70" s="43">
        <f t="shared" si="15"/>
        <v>25079</v>
      </c>
      <c r="R70" s="33"/>
      <c r="S70" s="33"/>
      <c r="T70" s="33"/>
      <c r="U70" s="33"/>
      <c r="V70" s="33"/>
      <c r="W70" s="33"/>
      <c r="X70" s="33"/>
      <c r="Y70" s="33"/>
      <c r="Z70" s="33"/>
      <c r="AA70" s="33"/>
      <c r="AB70" s="33"/>
      <c r="AC70" s="33"/>
      <c r="AD70" s="33"/>
      <c r="AE70" s="33"/>
      <c r="AF70" s="33"/>
      <c r="AG70" s="33"/>
      <c r="AH70" s="33"/>
      <c r="AI70" s="33"/>
      <c r="AJ70" s="33"/>
      <c r="AK70" s="33"/>
      <c r="AL70" s="33"/>
      <c r="AM70" s="33"/>
      <c r="AN70" s="33"/>
      <c r="AO70" s="33"/>
      <c r="AP70" s="33"/>
      <c r="AQ70" s="33"/>
      <c r="AR70" s="33"/>
      <c r="AS70" s="33"/>
      <c r="AT70" s="33"/>
      <c r="AU70" s="33"/>
      <c r="AV70" s="33"/>
      <c r="AW70" s="33"/>
      <c r="AX70" s="33"/>
      <c r="AY70" s="33"/>
      <c r="AZ70" s="58">
        <f t="shared" si="13"/>
        <v>0</v>
      </c>
      <c r="BA70" s="26" t="e">
        <f t="shared" si="14"/>
        <v>#DIV/0!</v>
      </c>
      <c r="BB70" s="27" t="str">
        <f t="shared" si="16"/>
        <v/>
      </c>
      <c r="BC70" s="27" t="str">
        <f t="shared" si="16"/>
        <v/>
      </c>
      <c r="BD70" s="27" t="str">
        <f t="shared" si="16"/>
        <v/>
      </c>
      <c r="BE70" s="27" t="str">
        <f t="shared" si="16"/>
        <v/>
      </c>
      <c r="BF70" s="27" t="str">
        <f t="shared" si="16"/>
        <v/>
      </c>
      <c r="BG70" s="27" t="str">
        <f t="shared" si="16"/>
        <v/>
      </c>
      <c r="BH70" s="27" t="str">
        <f t="shared" si="16"/>
        <v/>
      </c>
      <c r="BI70" s="27" t="str">
        <f t="shared" si="16"/>
        <v/>
      </c>
      <c r="BJ70" s="27" t="str">
        <f t="shared" si="16"/>
        <v/>
      </c>
      <c r="BK70" s="27" t="str">
        <f t="shared" si="16"/>
        <v/>
      </c>
      <c r="BL70" s="27" t="str">
        <f t="shared" si="16"/>
        <v/>
      </c>
      <c r="BM70" s="27" t="str">
        <f t="shared" si="16"/>
        <v/>
      </c>
      <c r="BN70" s="27" t="str">
        <f t="shared" si="16"/>
        <v/>
      </c>
      <c r="BO70" s="27" t="str">
        <f t="shared" si="16"/>
        <v/>
      </c>
      <c r="BP70" s="27" t="str">
        <f t="shared" si="16"/>
        <v/>
      </c>
      <c r="BQ70" s="27" t="str">
        <f t="shared" si="10"/>
        <v/>
      </c>
      <c r="BR70" s="27" t="str">
        <f t="shared" si="10"/>
        <v/>
      </c>
      <c r="BS70" s="27" t="str">
        <f t="shared" si="10"/>
        <v/>
      </c>
      <c r="BT70" s="27" t="str">
        <f t="shared" si="10"/>
        <v/>
      </c>
      <c r="BU70" s="27" t="str">
        <f t="shared" si="12"/>
        <v/>
      </c>
      <c r="BV70" s="27" t="str">
        <f t="shared" si="12"/>
        <v/>
      </c>
      <c r="BW70" s="27" t="str">
        <f t="shared" si="12"/>
        <v/>
      </c>
      <c r="BX70" s="27" t="str">
        <f t="shared" si="12"/>
        <v/>
      </c>
      <c r="BY70" s="27" t="str">
        <f t="shared" si="12"/>
        <v/>
      </c>
      <c r="BZ70" s="27" t="str">
        <f t="shared" si="12"/>
        <v/>
      </c>
      <c r="CA70" s="27" t="str">
        <f t="shared" si="12"/>
        <v/>
      </c>
      <c r="CB70" s="27" t="str">
        <f t="shared" si="12"/>
        <v/>
      </c>
      <c r="CC70" s="27" t="str">
        <f t="shared" si="12"/>
        <v/>
      </c>
      <c r="CD70" s="27" t="str">
        <f t="shared" si="7"/>
        <v/>
      </c>
      <c r="CE70" s="27" t="str">
        <f t="shared" si="7"/>
        <v/>
      </c>
      <c r="CF70" s="27" t="str">
        <f t="shared" si="7"/>
        <v/>
      </c>
      <c r="CG70" s="33" t="s">
        <v>660</v>
      </c>
      <c r="CH70" s="33"/>
      <c r="CI70" s="36" t="s">
        <v>661</v>
      </c>
    </row>
    <row r="71" spans="1:87" s="28" customFormat="1" ht="56.1" customHeight="1" x14ac:dyDescent="0.2">
      <c r="A71" s="22">
        <v>122</v>
      </c>
      <c r="B71" s="23" t="s">
        <v>53</v>
      </c>
      <c r="C71" s="35" t="s">
        <v>655</v>
      </c>
      <c r="D71" s="25" t="s">
        <v>656</v>
      </c>
      <c r="E71" s="32" t="s">
        <v>809</v>
      </c>
      <c r="F71" s="32"/>
      <c r="G71" s="32" t="s">
        <v>90</v>
      </c>
      <c r="H71" s="63" t="s">
        <v>755</v>
      </c>
      <c r="I71" s="32"/>
      <c r="J71" s="29" t="s">
        <v>77</v>
      </c>
      <c r="K71" s="63" t="s">
        <v>808</v>
      </c>
      <c r="L71" s="26" t="s">
        <v>63</v>
      </c>
      <c r="M71" s="26" t="s">
        <v>63</v>
      </c>
      <c r="N71" s="39">
        <v>25079</v>
      </c>
      <c r="O71" s="33"/>
      <c r="P71" s="33"/>
      <c r="Q71" s="43">
        <f t="shared" si="15"/>
        <v>25079</v>
      </c>
      <c r="R71" s="33"/>
      <c r="S71" s="33"/>
      <c r="T71" s="33"/>
      <c r="U71" s="33"/>
      <c r="V71" s="33"/>
      <c r="W71" s="33"/>
      <c r="X71" s="33"/>
      <c r="Y71" s="33"/>
      <c r="Z71" s="33"/>
      <c r="AA71" s="33"/>
      <c r="AB71" s="33"/>
      <c r="AC71" s="33"/>
      <c r="AD71" s="33"/>
      <c r="AE71" s="33"/>
      <c r="AF71" s="33"/>
      <c r="AG71" s="33"/>
      <c r="AH71" s="33"/>
      <c r="AI71" s="33"/>
      <c r="AJ71" s="33"/>
      <c r="AK71" s="33"/>
      <c r="AL71" s="33"/>
      <c r="AM71" s="33"/>
      <c r="AN71" s="33"/>
      <c r="AO71" s="33"/>
      <c r="AP71" s="33"/>
      <c r="AQ71" s="33"/>
      <c r="AR71" s="33"/>
      <c r="AS71" s="33"/>
      <c r="AT71" s="33"/>
      <c r="AU71" s="33"/>
      <c r="AV71" s="33"/>
      <c r="AW71" s="33"/>
      <c r="AX71" s="33"/>
      <c r="AY71" s="33"/>
      <c r="AZ71" s="58">
        <f t="shared" si="13"/>
        <v>0</v>
      </c>
      <c r="BA71" s="26" t="e">
        <f t="shared" si="14"/>
        <v>#DIV/0!</v>
      </c>
      <c r="BB71" s="27" t="str">
        <f t="shared" si="16"/>
        <v/>
      </c>
      <c r="BC71" s="27" t="str">
        <f t="shared" si="16"/>
        <v/>
      </c>
      <c r="BD71" s="27" t="str">
        <f t="shared" si="16"/>
        <v/>
      </c>
      <c r="BE71" s="27" t="str">
        <f t="shared" si="16"/>
        <v/>
      </c>
      <c r="BF71" s="27" t="str">
        <f t="shared" si="16"/>
        <v/>
      </c>
      <c r="BG71" s="27" t="str">
        <f t="shared" si="16"/>
        <v/>
      </c>
      <c r="BH71" s="27" t="str">
        <f t="shared" si="16"/>
        <v/>
      </c>
      <c r="BI71" s="27" t="str">
        <f t="shared" si="16"/>
        <v/>
      </c>
      <c r="BJ71" s="27" t="str">
        <f t="shared" si="16"/>
        <v/>
      </c>
      <c r="BK71" s="27" t="str">
        <f t="shared" si="16"/>
        <v/>
      </c>
      <c r="BL71" s="27" t="str">
        <f t="shared" si="16"/>
        <v/>
      </c>
      <c r="BM71" s="27" t="str">
        <f t="shared" si="16"/>
        <v/>
      </c>
      <c r="BN71" s="27" t="str">
        <f t="shared" si="16"/>
        <v/>
      </c>
      <c r="BO71" s="27" t="str">
        <f t="shared" si="16"/>
        <v/>
      </c>
      <c r="BP71" s="27" t="str">
        <f t="shared" si="16"/>
        <v/>
      </c>
      <c r="BQ71" s="27" t="str">
        <f t="shared" si="10"/>
        <v/>
      </c>
      <c r="BR71" s="27" t="str">
        <f t="shared" si="10"/>
        <v/>
      </c>
      <c r="BS71" s="27" t="str">
        <f t="shared" si="10"/>
        <v/>
      </c>
      <c r="BT71" s="27" t="str">
        <f t="shared" si="10"/>
        <v/>
      </c>
      <c r="BU71" s="27" t="str">
        <f t="shared" si="12"/>
        <v/>
      </c>
      <c r="BV71" s="27" t="str">
        <f t="shared" si="12"/>
        <v/>
      </c>
      <c r="BW71" s="27" t="str">
        <f t="shared" si="12"/>
        <v/>
      </c>
      <c r="BX71" s="27" t="str">
        <f t="shared" si="12"/>
        <v/>
      </c>
      <c r="BY71" s="27" t="str">
        <f t="shared" si="12"/>
        <v/>
      </c>
      <c r="BZ71" s="27" t="str">
        <f t="shared" si="12"/>
        <v/>
      </c>
      <c r="CA71" s="27" t="str">
        <f t="shared" si="12"/>
        <v/>
      </c>
      <c r="CB71" s="27" t="str">
        <f t="shared" si="12"/>
        <v/>
      </c>
      <c r="CC71" s="27" t="str">
        <f t="shared" si="12"/>
        <v/>
      </c>
      <c r="CD71" s="27" t="str">
        <f t="shared" si="7"/>
        <v/>
      </c>
      <c r="CE71" s="27" t="str">
        <f t="shared" si="7"/>
        <v/>
      </c>
      <c r="CF71" s="27" t="str">
        <f t="shared" si="7"/>
        <v/>
      </c>
      <c r="CG71" s="33" t="s">
        <v>660</v>
      </c>
      <c r="CH71" s="33"/>
      <c r="CI71" s="36" t="s">
        <v>661</v>
      </c>
    </row>
    <row r="72" spans="1:87" s="28" customFormat="1" ht="56.1" customHeight="1" x14ac:dyDescent="0.2">
      <c r="A72" s="22">
        <v>123</v>
      </c>
      <c r="B72" s="23" t="s">
        <v>53</v>
      </c>
      <c r="C72" s="35" t="s">
        <v>655</v>
      </c>
      <c r="D72" s="25" t="s">
        <v>656</v>
      </c>
      <c r="E72" s="32" t="s">
        <v>811</v>
      </c>
      <c r="F72" s="32"/>
      <c r="G72" s="32" t="s">
        <v>90</v>
      </c>
      <c r="H72" s="32" t="s">
        <v>813</v>
      </c>
      <c r="I72" s="32"/>
      <c r="J72" s="29" t="s">
        <v>77</v>
      </c>
      <c r="K72" s="31"/>
      <c r="L72" s="26" t="s">
        <v>63</v>
      </c>
      <c r="M72" s="26" t="s">
        <v>63</v>
      </c>
      <c r="N72" s="39">
        <v>31348</v>
      </c>
      <c r="O72" s="33"/>
      <c r="P72" s="33"/>
      <c r="Q72" s="43">
        <f t="shared" si="15"/>
        <v>31348</v>
      </c>
      <c r="R72" s="33"/>
      <c r="S72" s="33"/>
      <c r="T72" s="33"/>
      <c r="U72" s="33"/>
      <c r="V72" s="33"/>
      <c r="W72" s="33"/>
      <c r="X72" s="33"/>
      <c r="Y72" s="33"/>
      <c r="Z72" s="33"/>
      <c r="AA72" s="33"/>
      <c r="AB72" s="33"/>
      <c r="AC72" s="33"/>
      <c r="AD72" s="33"/>
      <c r="AE72" s="33"/>
      <c r="AF72" s="33"/>
      <c r="AG72" s="33"/>
      <c r="AH72" s="33"/>
      <c r="AI72" s="33"/>
      <c r="AJ72" s="33"/>
      <c r="AK72" s="33"/>
      <c r="AL72" s="33"/>
      <c r="AM72" s="33"/>
      <c r="AN72" s="33"/>
      <c r="AO72" s="33"/>
      <c r="AP72" s="33"/>
      <c r="AQ72" s="33"/>
      <c r="AR72" s="33"/>
      <c r="AS72" s="33"/>
      <c r="AT72" s="33"/>
      <c r="AU72" s="33"/>
      <c r="AV72" s="33"/>
      <c r="AW72" s="33"/>
      <c r="AX72" s="33"/>
      <c r="AY72" s="33"/>
      <c r="AZ72" s="58">
        <f t="shared" si="13"/>
        <v>0</v>
      </c>
      <c r="BA72" s="26" t="e">
        <f t="shared" si="14"/>
        <v>#DIV/0!</v>
      </c>
      <c r="BB72" s="27" t="str">
        <f t="shared" si="16"/>
        <v/>
      </c>
      <c r="BC72" s="27" t="str">
        <f t="shared" si="16"/>
        <v/>
      </c>
      <c r="BD72" s="27" t="str">
        <f t="shared" si="16"/>
        <v/>
      </c>
      <c r="BE72" s="27" t="str">
        <f t="shared" si="16"/>
        <v/>
      </c>
      <c r="BF72" s="27" t="str">
        <f t="shared" si="16"/>
        <v/>
      </c>
      <c r="BG72" s="27" t="str">
        <f t="shared" si="16"/>
        <v/>
      </c>
      <c r="BH72" s="27" t="str">
        <f t="shared" si="16"/>
        <v/>
      </c>
      <c r="BI72" s="27" t="str">
        <f t="shared" si="16"/>
        <v/>
      </c>
      <c r="BJ72" s="27" t="str">
        <f t="shared" si="16"/>
        <v/>
      </c>
      <c r="BK72" s="27" t="str">
        <f t="shared" si="16"/>
        <v/>
      </c>
      <c r="BL72" s="27" t="str">
        <f t="shared" si="16"/>
        <v/>
      </c>
      <c r="BM72" s="27" t="str">
        <f t="shared" si="16"/>
        <v/>
      </c>
      <c r="BN72" s="27" t="str">
        <f t="shared" si="16"/>
        <v/>
      </c>
      <c r="BO72" s="27" t="str">
        <f t="shared" si="16"/>
        <v/>
      </c>
      <c r="BP72" s="27" t="str">
        <f t="shared" si="16"/>
        <v/>
      </c>
      <c r="BQ72" s="27" t="str">
        <f t="shared" si="10"/>
        <v/>
      </c>
      <c r="BR72" s="27" t="str">
        <f t="shared" si="10"/>
        <v/>
      </c>
      <c r="BS72" s="27" t="str">
        <f t="shared" si="10"/>
        <v/>
      </c>
      <c r="BT72" s="27" t="str">
        <f t="shared" si="10"/>
        <v/>
      </c>
      <c r="BU72" s="27" t="str">
        <f t="shared" si="12"/>
        <v/>
      </c>
      <c r="BV72" s="27" t="str">
        <f t="shared" si="12"/>
        <v/>
      </c>
      <c r="BW72" s="27" t="str">
        <f t="shared" si="12"/>
        <v/>
      </c>
      <c r="BX72" s="27" t="str">
        <f t="shared" si="12"/>
        <v/>
      </c>
      <c r="BY72" s="27" t="str">
        <f t="shared" si="12"/>
        <v/>
      </c>
      <c r="BZ72" s="27" t="str">
        <f t="shared" si="12"/>
        <v/>
      </c>
      <c r="CA72" s="27" t="str">
        <f t="shared" si="12"/>
        <v/>
      </c>
      <c r="CB72" s="27" t="str">
        <f t="shared" si="12"/>
        <v/>
      </c>
      <c r="CC72" s="27" t="str">
        <f t="shared" si="12"/>
        <v/>
      </c>
      <c r="CD72" s="27" t="str">
        <f t="shared" si="7"/>
        <v/>
      </c>
      <c r="CE72" s="27" t="str">
        <f t="shared" si="7"/>
        <v/>
      </c>
      <c r="CF72" s="27" t="str">
        <f t="shared" si="7"/>
        <v/>
      </c>
      <c r="CG72" s="33" t="s">
        <v>660</v>
      </c>
      <c r="CH72" s="33"/>
      <c r="CI72" s="36" t="s">
        <v>661</v>
      </c>
    </row>
    <row r="73" spans="1:87" s="28" customFormat="1" ht="56.1" customHeight="1" x14ac:dyDescent="0.2">
      <c r="A73" s="22">
        <v>124</v>
      </c>
      <c r="B73" s="23" t="s">
        <v>53</v>
      </c>
      <c r="C73" s="35" t="s">
        <v>655</v>
      </c>
      <c r="D73" s="25" t="s">
        <v>656</v>
      </c>
      <c r="E73" s="32" t="s">
        <v>814</v>
      </c>
      <c r="F73" s="32"/>
      <c r="G73" s="32" t="s">
        <v>90</v>
      </c>
      <c r="H73" s="32" t="s">
        <v>794</v>
      </c>
      <c r="I73" s="32"/>
      <c r="J73" s="29" t="s">
        <v>77</v>
      </c>
      <c r="K73" s="31"/>
      <c r="L73" s="26" t="s">
        <v>63</v>
      </c>
      <c r="M73" s="26" t="s">
        <v>63</v>
      </c>
      <c r="N73" s="39">
        <v>75236</v>
      </c>
      <c r="O73" s="33"/>
      <c r="P73" s="33"/>
      <c r="Q73" s="43">
        <f t="shared" si="15"/>
        <v>75236</v>
      </c>
      <c r="R73" s="33"/>
      <c r="S73" s="33"/>
      <c r="T73" s="33"/>
      <c r="U73" s="33"/>
      <c r="V73" s="33"/>
      <c r="W73" s="33"/>
      <c r="X73" s="33"/>
      <c r="Y73" s="33"/>
      <c r="Z73" s="33"/>
      <c r="AA73" s="33"/>
      <c r="AB73" s="33"/>
      <c r="AC73" s="33"/>
      <c r="AD73" s="33"/>
      <c r="AE73" s="33"/>
      <c r="AF73" s="33"/>
      <c r="AG73" s="33"/>
      <c r="AH73" s="33"/>
      <c r="AI73" s="33"/>
      <c r="AJ73" s="33"/>
      <c r="AK73" s="33"/>
      <c r="AL73" s="33"/>
      <c r="AM73" s="33"/>
      <c r="AN73" s="33"/>
      <c r="AO73" s="33"/>
      <c r="AP73" s="33"/>
      <c r="AQ73" s="33"/>
      <c r="AR73" s="33"/>
      <c r="AS73" s="33"/>
      <c r="AT73" s="33"/>
      <c r="AU73" s="33"/>
      <c r="AV73" s="33"/>
      <c r="AW73" s="33"/>
      <c r="AX73" s="33"/>
      <c r="AY73" s="33"/>
      <c r="AZ73" s="58">
        <f t="shared" si="13"/>
        <v>0</v>
      </c>
      <c r="BA73" s="26" t="e">
        <f t="shared" si="14"/>
        <v>#DIV/0!</v>
      </c>
      <c r="BB73" s="27" t="str">
        <f t="shared" si="16"/>
        <v/>
      </c>
      <c r="BC73" s="27" t="str">
        <f t="shared" si="16"/>
        <v/>
      </c>
      <c r="BD73" s="27" t="str">
        <f t="shared" si="16"/>
        <v/>
      </c>
      <c r="BE73" s="27" t="str">
        <f t="shared" si="16"/>
        <v/>
      </c>
      <c r="BF73" s="27" t="str">
        <f t="shared" si="16"/>
        <v/>
      </c>
      <c r="BG73" s="27" t="str">
        <f t="shared" si="16"/>
        <v/>
      </c>
      <c r="BH73" s="27" t="str">
        <f t="shared" si="16"/>
        <v/>
      </c>
      <c r="BI73" s="27" t="str">
        <f t="shared" si="16"/>
        <v/>
      </c>
      <c r="BJ73" s="27" t="str">
        <f t="shared" si="16"/>
        <v/>
      </c>
      <c r="BK73" s="27" t="str">
        <f t="shared" si="16"/>
        <v/>
      </c>
      <c r="BL73" s="27" t="str">
        <f t="shared" si="16"/>
        <v/>
      </c>
      <c r="BM73" s="27" t="str">
        <f t="shared" si="16"/>
        <v/>
      </c>
      <c r="BN73" s="27" t="str">
        <f t="shared" si="16"/>
        <v/>
      </c>
      <c r="BO73" s="27" t="str">
        <f t="shared" si="16"/>
        <v/>
      </c>
      <c r="BP73" s="27" t="str">
        <f t="shared" si="16"/>
        <v/>
      </c>
      <c r="BQ73" s="27" t="str">
        <f t="shared" si="10"/>
        <v/>
      </c>
      <c r="BR73" s="27" t="str">
        <f t="shared" si="10"/>
        <v/>
      </c>
      <c r="BS73" s="27" t="str">
        <f t="shared" si="10"/>
        <v/>
      </c>
      <c r="BT73" s="27" t="str">
        <f t="shared" si="10"/>
        <v/>
      </c>
      <c r="BU73" s="27" t="str">
        <f t="shared" si="12"/>
        <v/>
      </c>
      <c r="BV73" s="27" t="str">
        <f t="shared" si="12"/>
        <v/>
      </c>
      <c r="BW73" s="27" t="str">
        <f t="shared" si="12"/>
        <v/>
      </c>
      <c r="BX73" s="27" t="str">
        <f t="shared" si="12"/>
        <v/>
      </c>
      <c r="BY73" s="27" t="str">
        <f t="shared" si="12"/>
        <v/>
      </c>
      <c r="BZ73" s="27" t="str">
        <f t="shared" si="12"/>
        <v/>
      </c>
      <c r="CA73" s="27" t="str">
        <f t="shared" si="12"/>
        <v/>
      </c>
      <c r="CB73" s="27" t="str">
        <f t="shared" si="12"/>
        <v/>
      </c>
      <c r="CC73" s="27" t="str">
        <f t="shared" si="12"/>
        <v/>
      </c>
      <c r="CD73" s="27" t="str">
        <f t="shared" si="7"/>
        <v/>
      </c>
      <c r="CE73" s="27" t="str">
        <f t="shared" si="7"/>
        <v/>
      </c>
      <c r="CF73" s="27" t="str">
        <f t="shared" si="7"/>
        <v/>
      </c>
      <c r="CG73" s="33" t="s">
        <v>660</v>
      </c>
      <c r="CH73" s="33"/>
      <c r="CI73" s="36" t="s">
        <v>661</v>
      </c>
    </row>
    <row r="74" spans="1:87" s="28" customFormat="1" ht="56.1" customHeight="1" x14ac:dyDescent="0.2">
      <c r="A74" s="22">
        <v>125</v>
      </c>
      <c r="B74" s="23" t="s">
        <v>53</v>
      </c>
      <c r="C74" s="35" t="s">
        <v>655</v>
      </c>
      <c r="D74" s="25" t="s">
        <v>656</v>
      </c>
      <c r="E74" s="32" t="s">
        <v>816</v>
      </c>
      <c r="F74" s="32"/>
      <c r="G74" s="32" t="s">
        <v>90</v>
      </c>
      <c r="H74" s="32" t="s">
        <v>39</v>
      </c>
      <c r="I74" s="32"/>
      <c r="J74" s="29" t="s">
        <v>77</v>
      </c>
      <c r="K74" s="31"/>
      <c r="L74" s="26" t="s">
        <v>63</v>
      </c>
      <c r="M74" s="26" t="s">
        <v>63</v>
      </c>
      <c r="N74" s="39">
        <v>108841</v>
      </c>
      <c r="O74" s="33"/>
      <c r="P74" s="33"/>
      <c r="Q74" s="43">
        <f t="shared" si="15"/>
        <v>108841</v>
      </c>
      <c r="R74" s="33"/>
      <c r="S74" s="33"/>
      <c r="T74" s="33"/>
      <c r="U74" s="33"/>
      <c r="V74" s="33"/>
      <c r="W74" s="33"/>
      <c r="X74" s="33"/>
      <c r="Y74" s="33"/>
      <c r="Z74" s="33"/>
      <c r="AA74" s="33"/>
      <c r="AB74" s="33"/>
      <c r="AC74" s="33"/>
      <c r="AD74" s="33"/>
      <c r="AE74" s="33"/>
      <c r="AF74" s="33"/>
      <c r="AG74" s="33"/>
      <c r="AH74" s="33"/>
      <c r="AI74" s="33"/>
      <c r="AJ74" s="33"/>
      <c r="AK74" s="33"/>
      <c r="AL74" s="33"/>
      <c r="AM74" s="33"/>
      <c r="AN74" s="33"/>
      <c r="AO74" s="33"/>
      <c r="AP74" s="33"/>
      <c r="AQ74" s="33"/>
      <c r="AR74" s="33"/>
      <c r="AS74" s="33"/>
      <c r="AT74" s="33"/>
      <c r="AU74" s="33"/>
      <c r="AV74" s="33"/>
      <c r="AW74" s="33"/>
      <c r="AX74" s="33"/>
      <c r="AY74" s="33"/>
      <c r="AZ74" s="58">
        <f t="shared" si="13"/>
        <v>0</v>
      </c>
      <c r="BA74" s="26" t="e">
        <f t="shared" si="14"/>
        <v>#DIV/0!</v>
      </c>
      <c r="BB74" s="27" t="str">
        <f t="shared" si="16"/>
        <v/>
      </c>
      <c r="BC74" s="27" t="str">
        <f t="shared" si="16"/>
        <v/>
      </c>
      <c r="BD74" s="27" t="str">
        <f t="shared" si="16"/>
        <v/>
      </c>
      <c r="BE74" s="27" t="str">
        <f t="shared" si="16"/>
        <v/>
      </c>
      <c r="BF74" s="27" t="str">
        <f t="shared" si="16"/>
        <v/>
      </c>
      <c r="BG74" s="27" t="str">
        <f t="shared" si="16"/>
        <v/>
      </c>
      <c r="BH74" s="27" t="str">
        <f t="shared" si="16"/>
        <v/>
      </c>
      <c r="BI74" s="27" t="str">
        <f t="shared" si="16"/>
        <v/>
      </c>
      <c r="BJ74" s="27" t="str">
        <f t="shared" si="16"/>
        <v/>
      </c>
      <c r="BK74" s="27" t="str">
        <f t="shared" si="16"/>
        <v/>
      </c>
      <c r="BL74" s="27" t="str">
        <f t="shared" si="16"/>
        <v/>
      </c>
      <c r="BM74" s="27" t="str">
        <f t="shared" si="16"/>
        <v/>
      </c>
      <c r="BN74" s="27" t="str">
        <f t="shared" si="16"/>
        <v/>
      </c>
      <c r="BO74" s="27" t="str">
        <f t="shared" si="16"/>
        <v/>
      </c>
      <c r="BP74" s="27" t="str">
        <f t="shared" si="16"/>
        <v/>
      </c>
      <c r="BQ74" s="27" t="str">
        <f t="shared" si="10"/>
        <v/>
      </c>
      <c r="BR74" s="27" t="str">
        <f t="shared" si="10"/>
        <v/>
      </c>
      <c r="BS74" s="27" t="str">
        <f t="shared" si="10"/>
        <v/>
      </c>
      <c r="BT74" s="27" t="str">
        <f t="shared" si="10"/>
        <v/>
      </c>
      <c r="BU74" s="27" t="str">
        <f t="shared" si="12"/>
        <v/>
      </c>
      <c r="BV74" s="27" t="str">
        <f t="shared" si="12"/>
        <v/>
      </c>
      <c r="BW74" s="27" t="str">
        <f t="shared" si="12"/>
        <v/>
      </c>
      <c r="BX74" s="27" t="str">
        <f t="shared" si="12"/>
        <v/>
      </c>
      <c r="BY74" s="27" t="str">
        <f t="shared" si="12"/>
        <v/>
      </c>
      <c r="BZ74" s="27" t="str">
        <f t="shared" si="12"/>
        <v/>
      </c>
      <c r="CA74" s="27" t="str">
        <f t="shared" si="12"/>
        <v/>
      </c>
      <c r="CB74" s="27" t="str">
        <f t="shared" si="12"/>
        <v/>
      </c>
      <c r="CC74" s="27" t="str">
        <f t="shared" si="12"/>
        <v/>
      </c>
      <c r="CD74" s="27" t="str">
        <f t="shared" si="7"/>
        <v/>
      </c>
      <c r="CE74" s="27" t="str">
        <f t="shared" si="7"/>
        <v/>
      </c>
      <c r="CF74" s="27" t="str">
        <f t="shared" si="7"/>
        <v/>
      </c>
      <c r="CG74" s="33" t="s">
        <v>660</v>
      </c>
      <c r="CH74" s="33"/>
      <c r="CI74" s="36" t="s">
        <v>661</v>
      </c>
    </row>
    <row r="75" spans="1:87" s="28" customFormat="1" ht="56.1" customHeight="1" x14ac:dyDescent="0.2">
      <c r="A75" s="22">
        <v>126</v>
      </c>
      <c r="B75" s="23" t="s">
        <v>53</v>
      </c>
      <c r="C75" s="35" t="s">
        <v>655</v>
      </c>
      <c r="D75" s="25" t="s">
        <v>656</v>
      </c>
      <c r="E75" s="32" t="s">
        <v>819</v>
      </c>
      <c r="F75" s="32"/>
      <c r="G75" s="32" t="s">
        <v>90</v>
      </c>
      <c r="H75" s="32" t="s">
        <v>39</v>
      </c>
      <c r="I75" s="32"/>
      <c r="J75" s="29" t="s">
        <v>77</v>
      </c>
      <c r="K75" s="31"/>
      <c r="L75" s="26" t="s">
        <v>63</v>
      </c>
      <c r="M75" s="26" t="s">
        <v>63</v>
      </c>
      <c r="N75" s="39">
        <v>37618</v>
      </c>
      <c r="O75" s="33"/>
      <c r="P75" s="33"/>
      <c r="Q75" s="43">
        <f t="shared" si="15"/>
        <v>37618</v>
      </c>
      <c r="R75" s="33"/>
      <c r="S75" s="33"/>
      <c r="T75" s="33"/>
      <c r="U75" s="33"/>
      <c r="V75" s="33"/>
      <c r="W75" s="33"/>
      <c r="X75" s="33"/>
      <c r="Y75" s="33"/>
      <c r="Z75" s="33"/>
      <c r="AA75" s="33"/>
      <c r="AB75" s="33"/>
      <c r="AC75" s="33"/>
      <c r="AD75" s="33"/>
      <c r="AE75" s="33"/>
      <c r="AF75" s="33"/>
      <c r="AG75" s="33"/>
      <c r="AH75" s="33"/>
      <c r="AI75" s="33"/>
      <c r="AJ75" s="33"/>
      <c r="AK75" s="33"/>
      <c r="AL75" s="33"/>
      <c r="AM75" s="33"/>
      <c r="AN75" s="33"/>
      <c r="AO75" s="33"/>
      <c r="AP75" s="33"/>
      <c r="AQ75" s="33"/>
      <c r="AR75" s="33"/>
      <c r="AS75" s="33"/>
      <c r="AT75" s="33"/>
      <c r="AU75" s="33"/>
      <c r="AV75" s="33"/>
      <c r="AW75" s="33"/>
      <c r="AX75" s="33"/>
      <c r="AY75" s="33"/>
      <c r="AZ75" s="58">
        <f t="shared" si="13"/>
        <v>0</v>
      </c>
      <c r="BA75" s="26" t="e">
        <f t="shared" si="14"/>
        <v>#DIV/0!</v>
      </c>
      <c r="BB75" s="27" t="str">
        <f t="shared" si="16"/>
        <v/>
      </c>
      <c r="BC75" s="27" t="str">
        <f t="shared" si="16"/>
        <v/>
      </c>
      <c r="BD75" s="27" t="str">
        <f t="shared" si="16"/>
        <v/>
      </c>
      <c r="BE75" s="27" t="str">
        <f t="shared" si="16"/>
        <v/>
      </c>
      <c r="BF75" s="27" t="str">
        <f t="shared" si="16"/>
        <v/>
      </c>
      <c r="BG75" s="27" t="str">
        <f t="shared" si="16"/>
        <v/>
      </c>
      <c r="BH75" s="27" t="str">
        <f t="shared" si="16"/>
        <v/>
      </c>
      <c r="BI75" s="27" t="str">
        <f t="shared" si="16"/>
        <v/>
      </c>
      <c r="BJ75" s="27" t="str">
        <f t="shared" si="16"/>
        <v/>
      </c>
      <c r="BK75" s="27" t="str">
        <f t="shared" si="16"/>
        <v/>
      </c>
      <c r="BL75" s="27" t="str">
        <f t="shared" si="16"/>
        <v/>
      </c>
      <c r="BM75" s="27" t="str">
        <f t="shared" si="16"/>
        <v/>
      </c>
      <c r="BN75" s="27" t="str">
        <f t="shared" si="16"/>
        <v/>
      </c>
      <c r="BO75" s="27" t="str">
        <f t="shared" si="16"/>
        <v/>
      </c>
      <c r="BP75" s="27" t="str">
        <f t="shared" si="16"/>
        <v/>
      </c>
      <c r="BQ75" s="27" t="str">
        <f t="shared" si="10"/>
        <v/>
      </c>
      <c r="BR75" s="27" t="str">
        <f t="shared" si="10"/>
        <v/>
      </c>
      <c r="BS75" s="27" t="str">
        <f t="shared" si="10"/>
        <v/>
      </c>
      <c r="BT75" s="27" t="str">
        <f t="shared" si="10"/>
        <v/>
      </c>
      <c r="BU75" s="27" t="str">
        <f t="shared" si="12"/>
        <v/>
      </c>
      <c r="BV75" s="27" t="str">
        <f t="shared" si="12"/>
        <v/>
      </c>
      <c r="BW75" s="27" t="str">
        <f t="shared" si="12"/>
        <v/>
      </c>
      <c r="BX75" s="27" t="str">
        <f t="shared" si="12"/>
        <v/>
      </c>
      <c r="BY75" s="27" t="str">
        <f t="shared" si="12"/>
        <v/>
      </c>
      <c r="BZ75" s="27" t="str">
        <f t="shared" si="12"/>
        <v/>
      </c>
      <c r="CA75" s="27" t="str">
        <f t="shared" si="12"/>
        <v/>
      </c>
      <c r="CB75" s="27" t="str">
        <f t="shared" si="12"/>
        <v/>
      </c>
      <c r="CC75" s="27" t="str">
        <f t="shared" si="12"/>
        <v/>
      </c>
      <c r="CD75" s="27" t="str">
        <f t="shared" si="7"/>
        <v/>
      </c>
      <c r="CE75" s="27" t="str">
        <f t="shared" si="7"/>
        <v/>
      </c>
      <c r="CF75" s="27" t="str">
        <f t="shared" si="7"/>
        <v/>
      </c>
      <c r="CG75" s="33" t="s">
        <v>660</v>
      </c>
      <c r="CH75" s="33"/>
      <c r="CI75" s="36" t="s">
        <v>661</v>
      </c>
    </row>
    <row r="76" spans="1:87" s="28" customFormat="1" ht="56.1" customHeight="1" x14ac:dyDescent="0.2">
      <c r="A76" s="22">
        <v>127</v>
      </c>
      <c r="B76" s="23" t="s">
        <v>53</v>
      </c>
      <c r="C76" s="35" t="s">
        <v>655</v>
      </c>
      <c r="D76" s="25" t="s">
        <v>656</v>
      </c>
      <c r="E76" s="65" t="s">
        <v>821</v>
      </c>
      <c r="F76" s="65"/>
      <c r="G76" s="65" t="s">
        <v>90</v>
      </c>
      <c r="H76" s="65"/>
      <c r="I76" s="72"/>
      <c r="J76" s="29" t="s">
        <v>77</v>
      </c>
      <c r="K76" s="40"/>
      <c r="L76" s="26" t="s">
        <v>63</v>
      </c>
      <c r="M76" s="26" t="s">
        <v>63</v>
      </c>
      <c r="N76" s="39">
        <v>125393</v>
      </c>
      <c r="O76" s="33"/>
      <c r="P76" s="33"/>
      <c r="Q76" s="43">
        <f t="shared" si="15"/>
        <v>125393</v>
      </c>
      <c r="R76" s="33"/>
      <c r="S76" s="33"/>
      <c r="T76" s="33"/>
      <c r="U76" s="33"/>
      <c r="V76" s="33"/>
      <c r="W76" s="33"/>
      <c r="X76" s="33"/>
      <c r="Y76" s="33"/>
      <c r="Z76" s="33"/>
      <c r="AA76" s="33"/>
      <c r="AB76" s="33"/>
      <c r="AC76" s="33"/>
      <c r="AD76" s="33"/>
      <c r="AE76" s="33"/>
      <c r="AF76" s="33"/>
      <c r="AG76" s="33"/>
      <c r="AH76" s="33"/>
      <c r="AI76" s="33"/>
      <c r="AJ76" s="33"/>
      <c r="AK76" s="33"/>
      <c r="AL76" s="33"/>
      <c r="AM76" s="33"/>
      <c r="AN76" s="33"/>
      <c r="AO76" s="33"/>
      <c r="AP76" s="33"/>
      <c r="AQ76" s="33"/>
      <c r="AR76" s="33"/>
      <c r="AS76" s="33"/>
      <c r="AT76" s="33"/>
      <c r="AU76" s="33"/>
      <c r="AV76" s="33"/>
      <c r="AW76" s="33"/>
      <c r="AX76" s="33"/>
      <c r="AY76" s="33"/>
      <c r="AZ76" s="58">
        <f t="shared" si="13"/>
        <v>0</v>
      </c>
      <c r="BA76" s="26" t="e">
        <f t="shared" si="14"/>
        <v>#DIV/0!</v>
      </c>
      <c r="BB76" s="27" t="str">
        <f t="shared" si="16"/>
        <v/>
      </c>
      <c r="BC76" s="27" t="str">
        <f t="shared" si="16"/>
        <v/>
      </c>
      <c r="BD76" s="27" t="str">
        <f t="shared" si="16"/>
        <v/>
      </c>
      <c r="BE76" s="27" t="str">
        <f t="shared" si="16"/>
        <v/>
      </c>
      <c r="BF76" s="27" t="str">
        <f t="shared" si="16"/>
        <v/>
      </c>
      <c r="BG76" s="27" t="str">
        <f t="shared" si="16"/>
        <v/>
      </c>
      <c r="BH76" s="27" t="str">
        <f t="shared" si="16"/>
        <v/>
      </c>
      <c r="BI76" s="27" t="str">
        <f t="shared" si="16"/>
        <v/>
      </c>
      <c r="BJ76" s="27" t="str">
        <f t="shared" si="16"/>
        <v/>
      </c>
      <c r="BK76" s="27" t="str">
        <f t="shared" si="16"/>
        <v/>
      </c>
      <c r="BL76" s="27" t="str">
        <f t="shared" si="16"/>
        <v/>
      </c>
      <c r="BM76" s="27" t="str">
        <f t="shared" si="16"/>
        <v/>
      </c>
      <c r="BN76" s="27" t="str">
        <f t="shared" si="16"/>
        <v/>
      </c>
      <c r="BO76" s="27" t="str">
        <f t="shared" si="16"/>
        <v/>
      </c>
      <c r="BP76" s="27" t="str">
        <f t="shared" si="16"/>
        <v/>
      </c>
      <c r="BQ76" s="27" t="str">
        <f t="shared" si="10"/>
        <v/>
      </c>
      <c r="BR76" s="27" t="str">
        <f t="shared" si="10"/>
        <v/>
      </c>
      <c r="BS76" s="27" t="str">
        <f t="shared" si="10"/>
        <v/>
      </c>
      <c r="BT76" s="27" t="str">
        <f t="shared" si="10"/>
        <v/>
      </c>
      <c r="BU76" s="27" t="str">
        <f t="shared" si="12"/>
        <v/>
      </c>
      <c r="BV76" s="27" t="str">
        <f t="shared" si="12"/>
        <v/>
      </c>
      <c r="BW76" s="27" t="str">
        <f t="shared" si="12"/>
        <v/>
      </c>
      <c r="BX76" s="27" t="str">
        <f t="shared" si="12"/>
        <v/>
      </c>
      <c r="BY76" s="27" t="str">
        <f t="shared" si="12"/>
        <v/>
      </c>
      <c r="BZ76" s="27" t="str">
        <f t="shared" si="12"/>
        <v/>
      </c>
      <c r="CA76" s="27" t="str">
        <f t="shared" si="12"/>
        <v/>
      </c>
      <c r="CB76" s="27" t="str">
        <f t="shared" si="12"/>
        <v/>
      </c>
      <c r="CC76" s="27" t="str">
        <f t="shared" si="12"/>
        <v/>
      </c>
      <c r="CD76" s="27" t="str">
        <f t="shared" si="7"/>
        <v/>
      </c>
      <c r="CE76" s="27" t="str">
        <f t="shared" si="7"/>
        <v/>
      </c>
      <c r="CF76" s="27" t="str">
        <f t="shared" si="7"/>
        <v/>
      </c>
      <c r="CG76" s="33" t="s">
        <v>660</v>
      </c>
      <c r="CH76" s="33"/>
      <c r="CI76" s="36" t="s">
        <v>661</v>
      </c>
    </row>
    <row r="77" spans="1:87" s="28" customFormat="1" ht="56.1" customHeight="1" x14ac:dyDescent="0.2">
      <c r="A77" s="22">
        <v>128</v>
      </c>
      <c r="B77" s="23" t="s">
        <v>53</v>
      </c>
      <c r="C77" s="35" t="s">
        <v>655</v>
      </c>
      <c r="D77" s="25" t="s">
        <v>656</v>
      </c>
      <c r="E77" s="65" t="s">
        <v>822</v>
      </c>
      <c r="F77" s="65" t="s">
        <v>715</v>
      </c>
      <c r="G77" s="65" t="s">
        <v>90</v>
      </c>
      <c r="H77" s="65"/>
      <c r="I77" s="65"/>
      <c r="J77" s="29" t="s">
        <v>77</v>
      </c>
      <c r="K77" s="31"/>
      <c r="L77" s="26" t="s">
        <v>63</v>
      </c>
      <c r="M77" s="26" t="s">
        <v>63</v>
      </c>
      <c r="N77" s="39" t="s">
        <v>2515</v>
      </c>
      <c r="O77" s="33"/>
      <c r="P77" s="33"/>
      <c r="Q77" s="43" t="str">
        <f t="shared" si="15"/>
        <v>Being implemented</v>
      </c>
      <c r="R77" s="33"/>
      <c r="S77" s="33"/>
      <c r="T77" s="33"/>
      <c r="U77" s="33"/>
      <c r="V77" s="33"/>
      <c r="W77" s="33"/>
      <c r="X77" s="33"/>
      <c r="Y77" s="33"/>
      <c r="Z77" s="33"/>
      <c r="AA77" s="33"/>
      <c r="AB77" s="33"/>
      <c r="AC77" s="33"/>
      <c r="AD77" s="33"/>
      <c r="AE77" s="33"/>
      <c r="AF77" s="33"/>
      <c r="AG77" s="33"/>
      <c r="AH77" s="33"/>
      <c r="AI77" s="33"/>
      <c r="AJ77" s="33"/>
      <c r="AK77" s="33"/>
      <c r="AL77" s="33"/>
      <c r="AM77" s="33"/>
      <c r="AN77" s="33"/>
      <c r="AO77" s="33"/>
      <c r="AP77" s="33"/>
      <c r="AQ77" s="33"/>
      <c r="AR77" s="33"/>
      <c r="AS77" s="33"/>
      <c r="AT77" s="33"/>
      <c r="AU77" s="33"/>
      <c r="AV77" s="33"/>
      <c r="AW77" s="33"/>
      <c r="AX77" s="33"/>
      <c r="AY77" s="33"/>
      <c r="AZ77" s="58">
        <f t="shared" si="13"/>
        <v>0</v>
      </c>
      <c r="BA77" s="26" t="e">
        <f t="shared" si="14"/>
        <v>#VALUE!</v>
      </c>
      <c r="BB77" s="27" t="str">
        <f t="shared" si="16"/>
        <v/>
      </c>
      <c r="BC77" s="27" t="str">
        <f t="shared" si="16"/>
        <v/>
      </c>
      <c r="BD77" s="27" t="str">
        <f t="shared" si="16"/>
        <v/>
      </c>
      <c r="BE77" s="27" t="str">
        <f t="shared" si="16"/>
        <v/>
      </c>
      <c r="BF77" s="27" t="str">
        <f t="shared" si="16"/>
        <v/>
      </c>
      <c r="BG77" s="27" t="str">
        <f t="shared" si="16"/>
        <v/>
      </c>
      <c r="BH77" s="27" t="str">
        <f t="shared" si="16"/>
        <v/>
      </c>
      <c r="BI77" s="27" t="str">
        <f t="shared" si="16"/>
        <v/>
      </c>
      <c r="BJ77" s="27" t="str">
        <f t="shared" si="16"/>
        <v/>
      </c>
      <c r="BK77" s="27" t="str">
        <f t="shared" si="16"/>
        <v/>
      </c>
      <c r="BL77" s="27" t="str">
        <f t="shared" si="16"/>
        <v/>
      </c>
      <c r="BM77" s="27" t="str">
        <f t="shared" si="16"/>
        <v/>
      </c>
      <c r="BN77" s="27" t="str">
        <f t="shared" si="16"/>
        <v/>
      </c>
      <c r="BO77" s="27" t="str">
        <f t="shared" si="16"/>
        <v/>
      </c>
      <c r="BP77" s="27" t="str">
        <f t="shared" si="16"/>
        <v/>
      </c>
      <c r="BQ77" s="27" t="str">
        <f t="shared" si="10"/>
        <v/>
      </c>
      <c r="BR77" s="27" t="str">
        <f t="shared" si="10"/>
        <v/>
      </c>
      <c r="BS77" s="27" t="str">
        <f t="shared" si="10"/>
        <v/>
      </c>
      <c r="BT77" s="27" t="str">
        <f t="shared" si="10"/>
        <v/>
      </c>
      <c r="BU77" s="27" t="str">
        <f t="shared" si="12"/>
        <v/>
      </c>
      <c r="BV77" s="27" t="str">
        <f t="shared" si="12"/>
        <v/>
      </c>
      <c r="BW77" s="27" t="str">
        <f t="shared" si="12"/>
        <v/>
      </c>
      <c r="BX77" s="27" t="str">
        <f t="shared" si="12"/>
        <v/>
      </c>
      <c r="BY77" s="27" t="str">
        <f t="shared" si="12"/>
        <v/>
      </c>
      <c r="BZ77" s="27" t="str">
        <f t="shared" si="12"/>
        <v/>
      </c>
      <c r="CA77" s="27" t="str">
        <f t="shared" si="12"/>
        <v/>
      </c>
      <c r="CB77" s="27" t="str">
        <f t="shared" si="12"/>
        <v/>
      </c>
      <c r="CC77" s="27" t="str">
        <f t="shared" si="12"/>
        <v/>
      </c>
      <c r="CD77" s="27" t="str">
        <f t="shared" si="7"/>
        <v/>
      </c>
      <c r="CE77" s="27" t="str">
        <f t="shared" si="7"/>
        <v/>
      </c>
      <c r="CF77" s="27" t="str">
        <f t="shared" si="7"/>
        <v/>
      </c>
      <c r="CG77" s="33" t="s">
        <v>660</v>
      </c>
      <c r="CH77" s="33"/>
      <c r="CI77" s="36" t="s">
        <v>661</v>
      </c>
    </row>
    <row r="78" spans="1:87" s="28" customFormat="1" ht="56.1" customHeight="1" x14ac:dyDescent="0.2">
      <c r="A78" s="22">
        <v>129</v>
      </c>
      <c r="B78" s="23" t="s">
        <v>53</v>
      </c>
      <c r="C78" s="35" t="s">
        <v>655</v>
      </c>
      <c r="D78" s="25" t="s">
        <v>656</v>
      </c>
      <c r="E78" s="65" t="s">
        <v>823</v>
      </c>
      <c r="F78" s="65"/>
      <c r="G78" s="65" t="s">
        <v>90</v>
      </c>
      <c r="H78" s="65"/>
      <c r="I78" s="65"/>
      <c r="J78" s="29" t="s">
        <v>77</v>
      </c>
      <c r="K78" s="31"/>
      <c r="L78" s="26" t="s">
        <v>63</v>
      </c>
      <c r="M78" s="26" t="s">
        <v>63</v>
      </c>
      <c r="N78" s="39">
        <v>18809</v>
      </c>
      <c r="O78" s="33"/>
      <c r="P78" s="33"/>
      <c r="Q78" s="43">
        <f t="shared" si="15"/>
        <v>18809</v>
      </c>
      <c r="R78" s="33"/>
      <c r="S78" s="33"/>
      <c r="T78" s="33"/>
      <c r="U78" s="33"/>
      <c r="V78" s="33"/>
      <c r="W78" s="33"/>
      <c r="X78" s="33"/>
      <c r="Y78" s="33"/>
      <c r="Z78" s="33"/>
      <c r="AA78" s="33"/>
      <c r="AB78" s="33"/>
      <c r="AC78" s="33"/>
      <c r="AD78" s="33"/>
      <c r="AE78" s="33"/>
      <c r="AF78" s="33"/>
      <c r="AG78" s="33"/>
      <c r="AH78" s="33"/>
      <c r="AI78" s="33"/>
      <c r="AJ78" s="33"/>
      <c r="AK78" s="33"/>
      <c r="AL78" s="33"/>
      <c r="AM78" s="33"/>
      <c r="AN78" s="33"/>
      <c r="AO78" s="33"/>
      <c r="AP78" s="33"/>
      <c r="AQ78" s="33"/>
      <c r="AR78" s="33"/>
      <c r="AS78" s="33"/>
      <c r="AT78" s="33"/>
      <c r="AU78" s="33"/>
      <c r="AV78" s="33"/>
      <c r="AW78" s="33"/>
      <c r="AX78" s="33"/>
      <c r="AY78" s="33"/>
      <c r="AZ78" s="58">
        <f t="shared" si="13"/>
        <v>0</v>
      </c>
      <c r="BA78" s="26" t="e">
        <f t="shared" si="14"/>
        <v>#DIV/0!</v>
      </c>
      <c r="BB78" s="27" t="str">
        <f t="shared" si="16"/>
        <v/>
      </c>
      <c r="BC78" s="27" t="str">
        <f t="shared" si="16"/>
        <v/>
      </c>
      <c r="BD78" s="27" t="str">
        <f t="shared" si="16"/>
        <v/>
      </c>
      <c r="BE78" s="27" t="str">
        <f t="shared" si="16"/>
        <v/>
      </c>
      <c r="BF78" s="27" t="str">
        <f t="shared" si="16"/>
        <v/>
      </c>
      <c r="BG78" s="27" t="str">
        <f t="shared" si="16"/>
        <v/>
      </c>
      <c r="BH78" s="27" t="str">
        <f t="shared" si="16"/>
        <v/>
      </c>
      <c r="BI78" s="27" t="str">
        <f t="shared" si="16"/>
        <v/>
      </c>
      <c r="BJ78" s="27" t="str">
        <f t="shared" si="16"/>
        <v/>
      </c>
      <c r="BK78" s="27" t="str">
        <f t="shared" si="16"/>
        <v/>
      </c>
      <c r="BL78" s="27" t="str">
        <f t="shared" si="16"/>
        <v/>
      </c>
      <c r="BM78" s="27" t="str">
        <f t="shared" si="16"/>
        <v/>
      </c>
      <c r="BN78" s="27" t="str">
        <f t="shared" si="16"/>
        <v/>
      </c>
      <c r="BO78" s="27" t="str">
        <f t="shared" si="16"/>
        <v/>
      </c>
      <c r="BP78" s="27" t="str">
        <f t="shared" si="16"/>
        <v/>
      </c>
      <c r="BQ78" s="27" t="str">
        <f t="shared" si="10"/>
        <v/>
      </c>
      <c r="BR78" s="27" t="str">
        <f t="shared" si="10"/>
        <v/>
      </c>
      <c r="BS78" s="27" t="str">
        <f t="shared" si="10"/>
        <v/>
      </c>
      <c r="BT78" s="27" t="str">
        <f t="shared" si="10"/>
        <v/>
      </c>
      <c r="BU78" s="27" t="str">
        <f t="shared" si="12"/>
        <v/>
      </c>
      <c r="BV78" s="27" t="str">
        <f t="shared" si="12"/>
        <v/>
      </c>
      <c r="BW78" s="27" t="str">
        <f t="shared" si="12"/>
        <v/>
      </c>
      <c r="BX78" s="27" t="str">
        <f t="shared" si="12"/>
        <v/>
      </c>
      <c r="BY78" s="27" t="str">
        <f t="shared" si="12"/>
        <v/>
      </c>
      <c r="BZ78" s="27" t="str">
        <f t="shared" si="12"/>
        <v/>
      </c>
      <c r="CA78" s="27" t="str">
        <f t="shared" si="12"/>
        <v/>
      </c>
      <c r="CB78" s="27" t="str">
        <f t="shared" si="12"/>
        <v/>
      </c>
      <c r="CC78" s="27" t="str">
        <f t="shared" si="12"/>
        <v/>
      </c>
      <c r="CD78" s="27" t="str">
        <f t="shared" si="7"/>
        <v/>
      </c>
      <c r="CE78" s="27" t="str">
        <f t="shared" si="7"/>
        <v/>
      </c>
      <c r="CF78" s="27" t="str">
        <f t="shared" si="7"/>
        <v/>
      </c>
      <c r="CG78" s="33" t="s">
        <v>660</v>
      </c>
      <c r="CH78" s="33"/>
      <c r="CI78" s="36" t="s">
        <v>661</v>
      </c>
    </row>
    <row r="79" spans="1:87" s="28" customFormat="1" ht="56.1" customHeight="1" x14ac:dyDescent="0.2">
      <c r="A79" s="22">
        <v>130</v>
      </c>
      <c r="B79" s="23" t="s">
        <v>53</v>
      </c>
      <c r="C79" s="35" t="s">
        <v>655</v>
      </c>
      <c r="D79" s="25" t="s">
        <v>656</v>
      </c>
      <c r="E79" s="65" t="s">
        <v>824</v>
      </c>
      <c r="F79" s="65"/>
      <c r="G79" s="65" t="s">
        <v>215</v>
      </c>
      <c r="H79" s="65"/>
      <c r="I79" s="65"/>
      <c r="J79" s="29" t="s">
        <v>77</v>
      </c>
      <c r="K79" s="31"/>
      <c r="L79" s="26" t="s">
        <v>63</v>
      </c>
      <c r="M79" s="26" t="s">
        <v>63</v>
      </c>
      <c r="N79" s="39">
        <v>100816</v>
      </c>
      <c r="O79" s="33"/>
      <c r="P79" s="33"/>
      <c r="Q79" s="43">
        <f t="shared" si="15"/>
        <v>100816</v>
      </c>
      <c r="R79" s="33"/>
      <c r="S79" s="33"/>
      <c r="T79" s="33"/>
      <c r="U79" s="33"/>
      <c r="V79" s="33"/>
      <c r="W79" s="33"/>
      <c r="X79" s="33"/>
      <c r="Y79" s="33"/>
      <c r="Z79" s="33"/>
      <c r="AA79" s="33"/>
      <c r="AB79" s="33"/>
      <c r="AC79" s="33"/>
      <c r="AD79" s="33"/>
      <c r="AE79" s="33"/>
      <c r="AF79" s="33"/>
      <c r="AG79" s="33"/>
      <c r="AH79" s="33"/>
      <c r="AI79" s="33"/>
      <c r="AJ79" s="33"/>
      <c r="AK79" s="33"/>
      <c r="AL79" s="33"/>
      <c r="AM79" s="33"/>
      <c r="AN79" s="33"/>
      <c r="AO79" s="33"/>
      <c r="AP79" s="33"/>
      <c r="AQ79" s="33"/>
      <c r="AR79" s="33"/>
      <c r="AS79" s="33"/>
      <c r="AT79" s="33"/>
      <c r="AU79" s="33"/>
      <c r="AV79" s="33"/>
      <c r="AW79" s="33"/>
      <c r="AX79" s="33"/>
      <c r="AY79" s="33"/>
      <c r="AZ79" s="58">
        <f t="shared" si="13"/>
        <v>0</v>
      </c>
      <c r="BA79" s="26" t="e">
        <f t="shared" si="14"/>
        <v>#DIV/0!</v>
      </c>
      <c r="BB79" s="27" t="str">
        <f t="shared" si="16"/>
        <v/>
      </c>
      <c r="BC79" s="27" t="str">
        <f t="shared" si="16"/>
        <v/>
      </c>
      <c r="BD79" s="27" t="str">
        <f t="shared" si="16"/>
        <v/>
      </c>
      <c r="BE79" s="27" t="str">
        <f t="shared" si="16"/>
        <v/>
      </c>
      <c r="BF79" s="27" t="str">
        <f t="shared" si="16"/>
        <v/>
      </c>
      <c r="BG79" s="27" t="str">
        <f t="shared" si="16"/>
        <v/>
      </c>
      <c r="BH79" s="27" t="str">
        <f t="shared" si="16"/>
        <v/>
      </c>
      <c r="BI79" s="27" t="str">
        <f t="shared" si="16"/>
        <v/>
      </c>
      <c r="BJ79" s="27" t="str">
        <f t="shared" si="16"/>
        <v/>
      </c>
      <c r="BK79" s="27" t="str">
        <f t="shared" si="16"/>
        <v/>
      </c>
      <c r="BL79" s="27" t="str">
        <f t="shared" si="16"/>
        <v/>
      </c>
      <c r="BM79" s="27" t="str">
        <f t="shared" si="16"/>
        <v/>
      </c>
      <c r="BN79" s="27" t="str">
        <f t="shared" si="16"/>
        <v/>
      </c>
      <c r="BO79" s="27" t="str">
        <f t="shared" si="16"/>
        <v/>
      </c>
      <c r="BP79" s="27" t="str">
        <f t="shared" si="16"/>
        <v/>
      </c>
      <c r="BQ79" s="27" t="str">
        <f t="shared" si="10"/>
        <v/>
      </c>
      <c r="BR79" s="27" t="str">
        <f t="shared" si="10"/>
        <v/>
      </c>
      <c r="BS79" s="27" t="str">
        <f t="shared" si="10"/>
        <v/>
      </c>
      <c r="BT79" s="27" t="str">
        <f t="shared" si="10"/>
        <v/>
      </c>
      <c r="BU79" s="27" t="str">
        <f t="shared" si="12"/>
        <v/>
      </c>
      <c r="BV79" s="27" t="str">
        <f t="shared" si="12"/>
        <v/>
      </c>
      <c r="BW79" s="27" t="str">
        <f t="shared" si="12"/>
        <v/>
      </c>
      <c r="BX79" s="27" t="str">
        <f t="shared" si="12"/>
        <v/>
      </c>
      <c r="BY79" s="27" t="str">
        <f t="shared" si="12"/>
        <v/>
      </c>
      <c r="BZ79" s="27" t="str">
        <f t="shared" si="12"/>
        <v/>
      </c>
      <c r="CA79" s="27" t="str">
        <f t="shared" si="12"/>
        <v/>
      </c>
      <c r="CB79" s="27" t="str">
        <f t="shared" si="12"/>
        <v/>
      </c>
      <c r="CC79" s="27" t="str">
        <f t="shared" si="12"/>
        <v/>
      </c>
      <c r="CD79" s="27" t="str">
        <f t="shared" si="7"/>
        <v/>
      </c>
      <c r="CE79" s="27" t="str">
        <f t="shared" si="7"/>
        <v/>
      </c>
      <c r="CF79" s="27" t="str">
        <f t="shared" si="7"/>
        <v/>
      </c>
      <c r="CG79" s="33" t="s">
        <v>660</v>
      </c>
      <c r="CH79" s="33"/>
      <c r="CI79" s="36" t="s">
        <v>661</v>
      </c>
    </row>
    <row r="80" spans="1:87" s="28" customFormat="1" ht="56.1" customHeight="1" x14ac:dyDescent="0.2">
      <c r="A80" s="22">
        <v>131</v>
      </c>
      <c r="B80" s="23" t="s">
        <v>53</v>
      </c>
      <c r="C80" s="35" t="s">
        <v>655</v>
      </c>
      <c r="D80" s="25" t="s">
        <v>656</v>
      </c>
      <c r="E80" s="65" t="s">
        <v>826</v>
      </c>
      <c r="F80" s="65"/>
      <c r="G80" s="65" t="s">
        <v>215</v>
      </c>
      <c r="H80" s="65"/>
      <c r="I80" s="65"/>
      <c r="J80" s="29" t="s">
        <v>77</v>
      </c>
      <c r="K80" s="31"/>
      <c r="L80" s="26" t="s">
        <v>63</v>
      </c>
      <c r="M80" s="26" t="s">
        <v>63</v>
      </c>
      <c r="N80" s="39">
        <v>1095936</v>
      </c>
      <c r="O80" s="33"/>
      <c r="P80" s="33"/>
      <c r="Q80" s="43">
        <f t="shared" si="15"/>
        <v>1095936</v>
      </c>
      <c r="R80" s="33"/>
      <c r="S80" s="33"/>
      <c r="T80" s="33"/>
      <c r="U80" s="33"/>
      <c r="V80" s="33"/>
      <c r="W80" s="33"/>
      <c r="X80" s="33"/>
      <c r="Y80" s="33"/>
      <c r="Z80" s="33"/>
      <c r="AA80" s="33"/>
      <c r="AB80" s="33"/>
      <c r="AC80" s="33"/>
      <c r="AD80" s="33"/>
      <c r="AE80" s="33"/>
      <c r="AF80" s="33"/>
      <c r="AG80" s="33"/>
      <c r="AH80" s="33"/>
      <c r="AI80" s="33"/>
      <c r="AJ80" s="33"/>
      <c r="AK80" s="33"/>
      <c r="AL80" s="33"/>
      <c r="AM80" s="33"/>
      <c r="AN80" s="33"/>
      <c r="AO80" s="33"/>
      <c r="AP80" s="33"/>
      <c r="AQ80" s="33"/>
      <c r="AR80" s="33"/>
      <c r="AS80" s="33"/>
      <c r="AT80" s="33"/>
      <c r="AU80" s="33"/>
      <c r="AV80" s="33"/>
      <c r="AW80" s="33"/>
      <c r="AX80" s="33"/>
      <c r="AY80" s="33"/>
      <c r="AZ80" s="58">
        <f t="shared" si="13"/>
        <v>0</v>
      </c>
      <c r="BA80" s="26" t="e">
        <f t="shared" si="14"/>
        <v>#DIV/0!</v>
      </c>
      <c r="BB80" s="27" t="str">
        <f t="shared" si="16"/>
        <v/>
      </c>
      <c r="BC80" s="27" t="str">
        <f t="shared" si="16"/>
        <v/>
      </c>
      <c r="BD80" s="27" t="str">
        <f t="shared" si="16"/>
        <v/>
      </c>
      <c r="BE80" s="27" t="str">
        <f t="shared" si="16"/>
        <v/>
      </c>
      <c r="BF80" s="27" t="str">
        <f t="shared" si="16"/>
        <v/>
      </c>
      <c r="BG80" s="27" t="str">
        <f t="shared" si="16"/>
        <v/>
      </c>
      <c r="BH80" s="27" t="str">
        <f t="shared" si="16"/>
        <v/>
      </c>
      <c r="BI80" s="27" t="str">
        <f t="shared" si="16"/>
        <v/>
      </c>
      <c r="BJ80" s="27" t="str">
        <f t="shared" si="16"/>
        <v/>
      </c>
      <c r="BK80" s="27" t="str">
        <f t="shared" si="16"/>
        <v/>
      </c>
      <c r="BL80" s="27" t="str">
        <f t="shared" si="16"/>
        <v/>
      </c>
      <c r="BM80" s="27" t="str">
        <f t="shared" si="16"/>
        <v/>
      </c>
      <c r="BN80" s="27" t="str">
        <f t="shared" si="16"/>
        <v/>
      </c>
      <c r="BO80" s="27" t="str">
        <f t="shared" si="16"/>
        <v/>
      </c>
      <c r="BP80" s="27" t="str">
        <f t="shared" si="16"/>
        <v/>
      </c>
      <c r="BQ80" s="27" t="str">
        <f t="shared" si="10"/>
        <v/>
      </c>
      <c r="BR80" s="27" t="str">
        <f t="shared" si="10"/>
        <v/>
      </c>
      <c r="BS80" s="27" t="str">
        <f t="shared" si="10"/>
        <v/>
      </c>
      <c r="BT80" s="27" t="str">
        <f t="shared" si="10"/>
        <v/>
      </c>
      <c r="BU80" s="27" t="str">
        <f t="shared" si="12"/>
        <v/>
      </c>
      <c r="BV80" s="27" t="str">
        <f t="shared" si="12"/>
        <v/>
      </c>
      <c r="BW80" s="27" t="str">
        <f t="shared" si="12"/>
        <v/>
      </c>
      <c r="BX80" s="27" t="str">
        <f t="shared" si="12"/>
        <v/>
      </c>
      <c r="BY80" s="27" t="str">
        <f t="shared" si="12"/>
        <v/>
      </c>
      <c r="BZ80" s="27" t="str">
        <f t="shared" si="12"/>
        <v/>
      </c>
      <c r="CA80" s="27" t="str">
        <f t="shared" si="12"/>
        <v/>
      </c>
      <c r="CB80" s="27" t="str">
        <f t="shared" si="12"/>
        <v/>
      </c>
      <c r="CC80" s="27" t="str">
        <f t="shared" si="12"/>
        <v/>
      </c>
      <c r="CD80" s="27" t="str">
        <f t="shared" si="7"/>
        <v/>
      </c>
      <c r="CE80" s="27" t="str">
        <f t="shared" si="7"/>
        <v/>
      </c>
      <c r="CF80" s="27" t="str">
        <f t="shared" si="7"/>
        <v/>
      </c>
      <c r="CG80" s="33" t="s">
        <v>660</v>
      </c>
      <c r="CH80" s="33"/>
      <c r="CI80" s="36" t="s">
        <v>661</v>
      </c>
    </row>
    <row r="81" spans="1:87" s="28" customFormat="1" ht="56.1" customHeight="1" x14ac:dyDescent="0.2">
      <c r="A81" s="22">
        <v>132</v>
      </c>
      <c r="B81" s="23" t="s">
        <v>53</v>
      </c>
      <c r="C81" s="35" t="s">
        <v>655</v>
      </c>
      <c r="D81" s="25" t="s">
        <v>656</v>
      </c>
      <c r="E81" s="65" t="s">
        <v>828</v>
      </c>
      <c r="F81" s="65"/>
      <c r="G81" s="65" t="s">
        <v>215</v>
      </c>
      <c r="H81" s="65"/>
      <c r="I81" s="65"/>
      <c r="J81" s="29" t="s">
        <v>77</v>
      </c>
      <c r="K81" s="31"/>
      <c r="L81" s="26" t="s">
        <v>63</v>
      </c>
      <c r="M81" s="26" t="s">
        <v>63</v>
      </c>
      <c r="N81" s="39" t="s">
        <v>2517</v>
      </c>
      <c r="O81" s="33"/>
      <c r="P81" s="33"/>
      <c r="Q81" s="43" t="str">
        <f t="shared" si="15"/>
        <v>Refer to Urban Transport Plan scheme no.12</v>
      </c>
      <c r="R81" s="33"/>
      <c r="S81" s="33"/>
      <c r="T81" s="33"/>
      <c r="U81" s="33"/>
      <c r="V81" s="33"/>
      <c r="W81" s="33"/>
      <c r="X81" s="33"/>
      <c r="Y81" s="33"/>
      <c r="Z81" s="33"/>
      <c r="AA81" s="33"/>
      <c r="AB81" s="33"/>
      <c r="AC81" s="33"/>
      <c r="AD81" s="33"/>
      <c r="AE81" s="33"/>
      <c r="AF81" s="33"/>
      <c r="AG81" s="33"/>
      <c r="AH81" s="33"/>
      <c r="AI81" s="33"/>
      <c r="AJ81" s="33"/>
      <c r="AK81" s="33"/>
      <c r="AL81" s="33"/>
      <c r="AM81" s="33"/>
      <c r="AN81" s="33"/>
      <c r="AO81" s="33"/>
      <c r="AP81" s="33"/>
      <c r="AQ81" s="33"/>
      <c r="AR81" s="33"/>
      <c r="AS81" s="33"/>
      <c r="AT81" s="33"/>
      <c r="AU81" s="33"/>
      <c r="AV81" s="33"/>
      <c r="AW81" s="33"/>
      <c r="AX81" s="33"/>
      <c r="AY81" s="33"/>
      <c r="AZ81" s="58">
        <f t="shared" si="13"/>
        <v>0</v>
      </c>
      <c r="BA81" s="26" t="e">
        <f t="shared" si="14"/>
        <v>#VALUE!</v>
      </c>
      <c r="BB81" s="27" t="str">
        <f t="shared" si="16"/>
        <v/>
      </c>
      <c r="BC81" s="27" t="str">
        <f t="shared" si="16"/>
        <v/>
      </c>
      <c r="BD81" s="27" t="str">
        <f t="shared" si="16"/>
        <v/>
      </c>
      <c r="BE81" s="27" t="str">
        <f t="shared" si="16"/>
        <v/>
      </c>
      <c r="BF81" s="27" t="str">
        <f t="shared" si="16"/>
        <v/>
      </c>
      <c r="BG81" s="27" t="str">
        <f t="shared" si="16"/>
        <v/>
      </c>
      <c r="BH81" s="27" t="str">
        <f t="shared" si="16"/>
        <v/>
      </c>
      <c r="BI81" s="27" t="str">
        <f t="shared" si="16"/>
        <v/>
      </c>
      <c r="BJ81" s="27" t="str">
        <f t="shared" si="16"/>
        <v/>
      </c>
      <c r="BK81" s="27" t="str">
        <f t="shared" si="16"/>
        <v/>
      </c>
      <c r="BL81" s="27" t="str">
        <f t="shared" si="16"/>
        <v/>
      </c>
      <c r="BM81" s="27" t="str">
        <f t="shared" si="16"/>
        <v/>
      </c>
      <c r="BN81" s="27" t="str">
        <f t="shared" si="16"/>
        <v/>
      </c>
      <c r="BO81" s="27" t="str">
        <f t="shared" si="16"/>
        <v/>
      </c>
      <c r="BP81" s="27" t="str">
        <f t="shared" si="16"/>
        <v/>
      </c>
      <c r="BQ81" s="27" t="str">
        <f t="shared" si="10"/>
        <v/>
      </c>
      <c r="BR81" s="27" t="str">
        <f t="shared" si="10"/>
        <v/>
      </c>
      <c r="BS81" s="27" t="str">
        <f t="shared" si="10"/>
        <v/>
      </c>
      <c r="BT81" s="27" t="str">
        <f t="shared" si="10"/>
        <v/>
      </c>
      <c r="BU81" s="27" t="str">
        <f t="shared" si="12"/>
        <v/>
      </c>
      <c r="BV81" s="27" t="str">
        <f t="shared" si="12"/>
        <v/>
      </c>
      <c r="BW81" s="27" t="str">
        <f t="shared" si="12"/>
        <v/>
      </c>
      <c r="BX81" s="27" t="str">
        <f t="shared" si="12"/>
        <v/>
      </c>
      <c r="BY81" s="27" t="str">
        <f t="shared" si="12"/>
        <v/>
      </c>
      <c r="BZ81" s="27" t="str">
        <f t="shared" si="12"/>
        <v/>
      </c>
      <c r="CA81" s="27" t="str">
        <f t="shared" si="12"/>
        <v/>
      </c>
      <c r="CB81" s="27" t="str">
        <f t="shared" si="12"/>
        <v/>
      </c>
      <c r="CC81" s="27" t="str">
        <f t="shared" si="12"/>
        <v/>
      </c>
      <c r="CD81" s="27" t="str">
        <f t="shared" si="7"/>
        <v/>
      </c>
      <c r="CE81" s="27" t="str">
        <f t="shared" si="7"/>
        <v/>
      </c>
      <c r="CF81" s="27" t="str">
        <f t="shared" si="7"/>
        <v/>
      </c>
      <c r="CG81" s="33" t="s">
        <v>660</v>
      </c>
      <c r="CH81" s="33"/>
      <c r="CI81" s="36" t="s">
        <v>661</v>
      </c>
    </row>
    <row r="82" spans="1:87" s="28" customFormat="1" ht="56.1" customHeight="1" x14ac:dyDescent="0.2">
      <c r="A82" s="22">
        <v>133</v>
      </c>
      <c r="B82" s="23" t="s">
        <v>53</v>
      </c>
      <c r="C82" s="35" t="s">
        <v>655</v>
      </c>
      <c r="D82" s="32" t="s">
        <v>830</v>
      </c>
      <c r="E82" s="32" t="s">
        <v>831</v>
      </c>
      <c r="F82" s="25" t="s">
        <v>832</v>
      </c>
      <c r="G82" s="32" t="s">
        <v>58</v>
      </c>
      <c r="H82" s="32" t="s">
        <v>833</v>
      </c>
      <c r="I82" s="32"/>
      <c r="J82" s="29" t="s">
        <v>77</v>
      </c>
      <c r="K82" s="32" t="s">
        <v>722</v>
      </c>
      <c r="L82" s="26" t="s">
        <v>63</v>
      </c>
      <c r="M82" s="26" t="s">
        <v>63</v>
      </c>
      <c r="N82" s="39">
        <v>57224.488750000004</v>
      </c>
      <c r="O82" s="33"/>
      <c r="P82" s="33"/>
      <c r="Q82" s="43">
        <f t="shared" si="15"/>
        <v>57224.488750000004</v>
      </c>
      <c r="R82" s="33"/>
      <c r="S82" s="33"/>
      <c r="T82" s="33"/>
      <c r="U82" s="33"/>
      <c r="V82" s="33"/>
      <c r="W82" s="33"/>
      <c r="X82" s="33"/>
      <c r="Y82" s="33"/>
      <c r="Z82" s="33"/>
      <c r="AA82" s="33"/>
      <c r="AB82" s="33"/>
      <c r="AC82" s="33"/>
      <c r="AD82" s="33"/>
      <c r="AE82" s="33"/>
      <c r="AF82" s="33"/>
      <c r="AG82" s="33"/>
      <c r="AH82" s="33"/>
      <c r="AI82" s="33"/>
      <c r="AJ82" s="33"/>
      <c r="AK82" s="33"/>
      <c r="AL82" s="33"/>
      <c r="AM82" s="33"/>
      <c r="AN82" s="33"/>
      <c r="AO82" s="33"/>
      <c r="AP82" s="33"/>
      <c r="AQ82" s="33"/>
      <c r="AR82" s="33"/>
      <c r="AS82" s="33"/>
      <c r="AT82" s="33"/>
      <c r="AU82" s="33"/>
      <c r="AV82" s="33"/>
      <c r="AW82" s="33"/>
      <c r="AX82" s="33"/>
      <c r="AY82" s="33"/>
      <c r="AZ82" s="58">
        <f t="shared" si="13"/>
        <v>0</v>
      </c>
      <c r="BA82" s="26" t="e">
        <f t="shared" si="14"/>
        <v>#DIV/0!</v>
      </c>
      <c r="BB82" s="27" t="str">
        <f t="shared" si="16"/>
        <v/>
      </c>
      <c r="BC82" s="27" t="str">
        <f t="shared" si="16"/>
        <v/>
      </c>
      <c r="BD82" s="27" t="str">
        <f t="shared" si="16"/>
        <v/>
      </c>
      <c r="BE82" s="27" t="str">
        <f t="shared" si="16"/>
        <v/>
      </c>
      <c r="BF82" s="27" t="str">
        <f t="shared" si="16"/>
        <v/>
      </c>
      <c r="BG82" s="27" t="str">
        <f t="shared" si="16"/>
        <v/>
      </c>
      <c r="BH82" s="27" t="str">
        <f t="shared" si="16"/>
        <v/>
      </c>
      <c r="BI82" s="27" t="str">
        <f t="shared" si="16"/>
        <v/>
      </c>
      <c r="BJ82" s="27" t="str">
        <f t="shared" si="16"/>
        <v/>
      </c>
      <c r="BK82" s="27" t="str">
        <f t="shared" si="16"/>
        <v/>
      </c>
      <c r="BL82" s="27" t="str">
        <f t="shared" si="16"/>
        <v/>
      </c>
      <c r="BM82" s="27" t="str">
        <f t="shared" si="16"/>
        <v/>
      </c>
      <c r="BN82" s="27" t="str">
        <f t="shared" si="16"/>
        <v/>
      </c>
      <c r="BO82" s="27" t="str">
        <f t="shared" si="16"/>
        <v/>
      </c>
      <c r="BP82" s="27" t="str">
        <f t="shared" si="16"/>
        <v/>
      </c>
      <c r="BQ82" s="27" t="str">
        <f t="shared" si="10"/>
        <v/>
      </c>
      <c r="BR82" s="27" t="str">
        <f t="shared" si="10"/>
        <v/>
      </c>
      <c r="BS82" s="27" t="str">
        <f t="shared" si="10"/>
        <v/>
      </c>
      <c r="BT82" s="27" t="str">
        <f t="shared" si="10"/>
        <v/>
      </c>
      <c r="BU82" s="27" t="str">
        <f t="shared" si="12"/>
        <v/>
      </c>
      <c r="BV82" s="27" t="str">
        <f t="shared" si="12"/>
        <v/>
      </c>
      <c r="BW82" s="27" t="str">
        <f t="shared" si="12"/>
        <v/>
      </c>
      <c r="BX82" s="27" t="str">
        <f t="shared" si="12"/>
        <v/>
      </c>
      <c r="BY82" s="27" t="str">
        <f t="shared" si="12"/>
        <v/>
      </c>
      <c r="BZ82" s="27" t="str">
        <f t="shared" si="12"/>
        <v/>
      </c>
      <c r="CA82" s="27" t="str">
        <f t="shared" si="12"/>
        <v/>
      </c>
      <c r="CB82" s="27" t="str">
        <f t="shared" si="12"/>
        <v/>
      </c>
      <c r="CC82" s="27" t="str">
        <f t="shared" si="12"/>
        <v/>
      </c>
      <c r="CD82" s="27" t="str">
        <f t="shared" si="7"/>
        <v/>
      </c>
      <c r="CE82" s="27" t="str">
        <f t="shared" si="7"/>
        <v/>
      </c>
      <c r="CF82" s="27" t="str">
        <f t="shared" si="7"/>
        <v/>
      </c>
      <c r="CG82" s="33"/>
      <c r="CH82" s="33"/>
      <c r="CI82" s="36"/>
    </row>
    <row r="83" spans="1:87" s="28" customFormat="1" ht="56.1" customHeight="1" x14ac:dyDescent="0.2">
      <c r="A83" s="22">
        <v>134</v>
      </c>
      <c r="B83" s="23" t="s">
        <v>53</v>
      </c>
      <c r="C83" s="35" t="s">
        <v>655</v>
      </c>
      <c r="D83" s="32" t="s">
        <v>830</v>
      </c>
      <c r="E83" s="32" t="s">
        <v>835</v>
      </c>
      <c r="F83" s="25" t="s">
        <v>836</v>
      </c>
      <c r="G83" s="32" t="s">
        <v>58</v>
      </c>
      <c r="H83" s="32" t="s">
        <v>833</v>
      </c>
      <c r="I83" s="32"/>
      <c r="J83" s="29" t="s">
        <v>77</v>
      </c>
      <c r="K83" s="32" t="s">
        <v>722</v>
      </c>
      <c r="L83" s="26" t="s">
        <v>63</v>
      </c>
      <c r="M83" s="26" t="s">
        <v>63</v>
      </c>
      <c r="N83" s="39">
        <v>263305.00624999998</v>
      </c>
      <c r="O83" s="33"/>
      <c r="P83" s="33"/>
      <c r="Q83" s="43">
        <f t="shared" si="15"/>
        <v>263305.00624999998</v>
      </c>
      <c r="R83" s="33"/>
      <c r="S83" s="33"/>
      <c r="T83" s="33"/>
      <c r="U83" s="33"/>
      <c r="V83" s="33"/>
      <c r="W83" s="33"/>
      <c r="X83" s="33"/>
      <c r="Y83" s="33"/>
      <c r="Z83" s="33"/>
      <c r="AA83" s="33"/>
      <c r="AB83" s="33"/>
      <c r="AC83" s="33"/>
      <c r="AD83" s="33"/>
      <c r="AE83" s="33"/>
      <c r="AF83" s="33"/>
      <c r="AG83" s="33"/>
      <c r="AH83" s="33"/>
      <c r="AI83" s="33"/>
      <c r="AJ83" s="33"/>
      <c r="AK83" s="33"/>
      <c r="AL83" s="33"/>
      <c r="AM83" s="33"/>
      <c r="AN83" s="33"/>
      <c r="AO83" s="33"/>
      <c r="AP83" s="33"/>
      <c r="AQ83" s="33"/>
      <c r="AR83" s="33"/>
      <c r="AS83" s="33"/>
      <c r="AT83" s="33"/>
      <c r="AU83" s="33"/>
      <c r="AV83" s="33"/>
      <c r="AW83" s="33"/>
      <c r="AX83" s="33"/>
      <c r="AY83" s="33"/>
      <c r="AZ83" s="58">
        <f t="shared" si="13"/>
        <v>0</v>
      </c>
      <c r="BA83" s="26" t="e">
        <f t="shared" si="14"/>
        <v>#DIV/0!</v>
      </c>
      <c r="BB83" s="27" t="str">
        <f t="shared" si="16"/>
        <v/>
      </c>
      <c r="BC83" s="27" t="str">
        <f t="shared" si="16"/>
        <v/>
      </c>
      <c r="BD83" s="27" t="str">
        <f t="shared" si="16"/>
        <v/>
      </c>
      <c r="BE83" s="27" t="str">
        <f t="shared" si="16"/>
        <v/>
      </c>
      <c r="BF83" s="27" t="str">
        <f t="shared" si="16"/>
        <v/>
      </c>
      <c r="BG83" s="27" t="str">
        <f t="shared" si="16"/>
        <v/>
      </c>
      <c r="BH83" s="27" t="str">
        <f t="shared" si="16"/>
        <v/>
      </c>
      <c r="BI83" s="27" t="str">
        <f t="shared" si="16"/>
        <v/>
      </c>
      <c r="BJ83" s="27" t="str">
        <f t="shared" si="16"/>
        <v/>
      </c>
      <c r="BK83" s="27" t="str">
        <f t="shared" si="16"/>
        <v/>
      </c>
      <c r="BL83" s="27" t="str">
        <f t="shared" si="16"/>
        <v/>
      </c>
      <c r="BM83" s="27" t="str">
        <f t="shared" si="16"/>
        <v/>
      </c>
      <c r="BN83" s="27" t="str">
        <f t="shared" si="16"/>
        <v/>
      </c>
      <c r="BO83" s="27" t="str">
        <f t="shared" si="16"/>
        <v/>
      </c>
      <c r="BP83" s="27" t="str">
        <f t="shared" si="16"/>
        <v/>
      </c>
      <c r="BQ83" s="27" t="str">
        <f t="shared" si="10"/>
        <v/>
      </c>
      <c r="BR83" s="27" t="str">
        <f t="shared" si="10"/>
        <v/>
      </c>
      <c r="BS83" s="27" t="str">
        <f t="shared" si="10"/>
        <v/>
      </c>
      <c r="BT83" s="27" t="str">
        <f t="shared" si="10"/>
        <v/>
      </c>
      <c r="BU83" s="27" t="str">
        <f t="shared" si="12"/>
        <v/>
      </c>
      <c r="BV83" s="27" t="str">
        <f t="shared" si="12"/>
        <v/>
      </c>
      <c r="BW83" s="27" t="str">
        <f t="shared" si="12"/>
        <v/>
      </c>
      <c r="BX83" s="27" t="str">
        <f t="shared" si="12"/>
        <v/>
      </c>
      <c r="BY83" s="27" t="str">
        <f t="shared" si="12"/>
        <v/>
      </c>
      <c r="BZ83" s="27" t="str">
        <f t="shared" si="12"/>
        <v/>
      </c>
      <c r="CA83" s="27" t="str">
        <f t="shared" si="12"/>
        <v/>
      </c>
      <c r="CB83" s="27" t="str">
        <f t="shared" si="12"/>
        <v/>
      </c>
      <c r="CC83" s="27" t="str">
        <f t="shared" si="12"/>
        <v/>
      </c>
      <c r="CD83" s="27" t="str">
        <f t="shared" si="7"/>
        <v/>
      </c>
      <c r="CE83" s="27" t="str">
        <f t="shared" si="7"/>
        <v/>
      </c>
      <c r="CF83" s="27" t="str">
        <f t="shared" si="7"/>
        <v/>
      </c>
      <c r="CG83" s="33"/>
      <c r="CH83" s="33"/>
      <c r="CI83" s="36"/>
    </row>
    <row r="84" spans="1:87" s="28" customFormat="1" ht="56.1" customHeight="1" x14ac:dyDescent="0.2">
      <c r="A84" s="22">
        <v>135</v>
      </c>
      <c r="B84" s="23" t="s">
        <v>53</v>
      </c>
      <c r="C84" s="35" t="s">
        <v>655</v>
      </c>
      <c r="D84" s="32" t="s">
        <v>830</v>
      </c>
      <c r="E84" s="32" t="s">
        <v>837</v>
      </c>
      <c r="F84" s="25" t="s">
        <v>838</v>
      </c>
      <c r="G84" s="32" t="s">
        <v>58</v>
      </c>
      <c r="H84" s="32" t="s">
        <v>59</v>
      </c>
      <c r="I84" s="32"/>
      <c r="J84" s="29" t="s">
        <v>77</v>
      </c>
      <c r="K84" s="32" t="s">
        <v>722</v>
      </c>
      <c r="L84" s="26" t="s">
        <v>63</v>
      </c>
      <c r="M84" s="26" t="s">
        <v>63</v>
      </c>
      <c r="N84" s="39">
        <v>92718.686060000007</v>
      </c>
      <c r="O84" s="33"/>
      <c r="P84" s="33"/>
      <c r="Q84" s="43">
        <f t="shared" si="15"/>
        <v>92718.686060000007</v>
      </c>
      <c r="R84" s="33"/>
      <c r="S84" s="33"/>
      <c r="T84" s="33"/>
      <c r="U84" s="33"/>
      <c r="V84" s="33"/>
      <c r="W84" s="33"/>
      <c r="X84" s="33"/>
      <c r="Y84" s="33"/>
      <c r="Z84" s="33"/>
      <c r="AA84" s="33"/>
      <c r="AB84" s="33"/>
      <c r="AC84" s="33"/>
      <c r="AD84" s="33"/>
      <c r="AE84" s="33"/>
      <c r="AF84" s="33"/>
      <c r="AG84" s="33"/>
      <c r="AH84" s="33"/>
      <c r="AI84" s="33"/>
      <c r="AJ84" s="33"/>
      <c r="AK84" s="33"/>
      <c r="AL84" s="33"/>
      <c r="AM84" s="33"/>
      <c r="AN84" s="33"/>
      <c r="AO84" s="33"/>
      <c r="AP84" s="33"/>
      <c r="AQ84" s="33"/>
      <c r="AR84" s="33"/>
      <c r="AS84" s="33"/>
      <c r="AT84" s="33"/>
      <c r="AU84" s="33"/>
      <c r="AV84" s="33"/>
      <c r="AW84" s="33"/>
      <c r="AX84" s="33"/>
      <c r="AY84" s="33"/>
      <c r="AZ84" s="58">
        <f t="shared" si="13"/>
        <v>0</v>
      </c>
      <c r="BA84" s="26" t="e">
        <f t="shared" si="14"/>
        <v>#DIV/0!</v>
      </c>
      <c r="BB84" s="27" t="str">
        <f t="shared" si="16"/>
        <v/>
      </c>
      <c r="BC84" s="27" t="str">
        <f t="shared" si="16"/>
        <v/>
      </c>
      <c r="BD84" s="27" t="str">
        <f t="shared" si="16"/>
        <v/>
      </c>
      <c r="BE84" s="27" t="str">
        <f t="shared" si="16"/>
        <v/>
      </c>
      <c r="BF84" s="27" t="str">
        <f t="shared" si="16"/>
        <v/>
      </c>
      <c r="BG84" s="27" t="str">
        <f t="shared" si="16"/>
        <v/>
      </c>
      <c r="BH84" s="27" t="str">
        <f t="shared" si="16"/>
        <v/>
      </c>
      <c r="BI84" s="27" t="str">
        <f t="shared" si="16"/>
        <v/>
      </c>
      <c r="BJ84" s="27" t="str">
        <f t="shared" si="16"/>
        <v/>
      </c>
      <c r="BK84" s="27" t="str">
        <f t="shared" si="16"/>
        <v/>
      </c>
      <c r="BL84" s="27" t="str">
        <f t="shared" si="16"/>
        <v/>
      </c>
      <c r="BM84" s="27" t="str">
        <f t="shared" si="16"/>
        <v/>
      </c>
      <c r="BN84" s="27" t="str">
        <f t="shared" si="16"/>
        <v/>
      </c>
      <c r="BO84" s="27" t="str">
        <f t="shared" si="16"/>
        <v/>
      </c>
      <c r="BP84" s="27" t="str">
        <f t="shared" si="16"/>
        <v/>
      </c>
      <c r="BQ84" s="27" t="str">
        <f t="shared" si="10"/>
        <v/>
      </c>
      <c r="BR84" s="27" t="str">
        <f t="shared" si="10"/>
        <v/>
      </c>
      <c r="BS84" s="27" t="str">
        <f t="shared" si="10"/>
        <v/>
      </c>
      <c r="BT84" s="27" t="str">
        <f t="shared" si="10"/>
        <v/>
      </c>
      <c r="BU84" s="27" t="str">
        <f t="shared" si="12"/>
        <v/>
      </c>
      <c r="BV84" s="27" t="str">
        <f t="shared" si="12"/>
        <v/>
      </c>
      <c r="BW84" s="27" t="str">
        <f t="shared" si="12"/>
        <v/>
      </c>
      <c r="BX84" s="27" t="str">
        <f t="shared" si="12"/>
        <v/>
      </c>
      <c r="BY84" s="27" t="str">
        <f t="shared" si="12"/>
        <v/>
      </c>
      <c r="BZ84" s="27" t="str">
        <f t="shared" si="12"/>
        <v/>
      </c>
      <c r="CA84" s="27" t="str">
        <f t="shared" si="12"/>
        <v/>
      </c>
      <c r="CB84" s="27" t="str">
        <f t="shared" si="12"/>
        <v/>
      </c>
      <c r="CC84" s="27" t="str">
        <f t="shared" si="12"/>
        <v/>
      </c>
      <c r="CD84" s="27" t="str">
        <f t="shared" si="7"/>
        <v/>
      </c>
      <c r="CE84" s="27" t="str">
        <f t="shared" si="7"/>
        <v/>
      </c>
      <c r="CF84" s="27" t="str">
        <f t="shared" si="7"/>
        <v/>
      </c>
      <c r="CG84" s="33"/>
      <c r="CH84" s="33"/>
      <c r="CI84" s="36"/>
    </row>
    <row r="85" spans="1:87" s="28" customFormat="1" ht="56.1" customHeight="1" x14ac:dyDescent="0.2">
      <c r="A85" s="22">
        <v>136</v>
      </c>
      <c r="B85" s="23" t="s">
        <v>53</v>
      </c>
      <c r="C85" s="35" t="s">
        <v>655</v>
      </c>
      <c r="D85" s="32" t="s">
        <v>830</v>
      </c>
      <c r="E85" s="32" t="s">
        <v>840</v>
      </c>
      <c r="F85" s="25" t="s">
        <v>841</v>
      </c>
      <c r="G85" s="32" t="s">
        <v>58</v>
      </c>
      <c r="H85" s="32" t="s">
        <v>59</v>
      </c>
      <c r="I85" s="32"/>
      <c r="J85" s="29" t="s">
        <v>77</v>
      </c>
      <c r="K85" s="32" t="s">
        <v>722</v>
      </c>
      <c r="L85" s="26" t="s">
        <v>63</v>
      </c>
      <c r="M85" s="26" t="s">
        <v>63</v>
      </c>
      <c r="N85" s="39">
        <v>52360.88</v>
      </c>
      <c r="O85" s="33"/>
      <c r="P85" s="33"/>
      <c r="Q85" s="43">
        <f t="shared" si="15"/>
        <v>52360.88</v>
      </c>
      <c r="R85" s="33"/>
      <c r="S85" s="33"/>
      <c r="T85" s="33"/>
      <c r="U85" s="33"/>
      <c r="V85" s="33"/>
      <c r="W85" s="33"/>
      <c r="X85" s="33"/>
      <c r="Y85" s="33"/>
      <c r="Z85" s="33"/>
      <c r="AA85" s="33"/>
      <c r="AB85" s="33"/>
      <c r="AC85" s="33"/>
      <c r="AD85" s="33"/>
      <c r="AE85" s="33"/>
      <c r="AF85" s="33"/>
      <c r="AG85" s="33"/>
      <c r="AH85" s="33"/>
      <c r="AI85" s="33"/>
      <c r="AJ85" s="33"/>
      <c r="AK85" s="33"/>
      <c r="AL85" s="33"/>
      <c r="AM85" s="33"/>
      <c r="AN85" s="33"/>
      <c r="AO85" s="33"/>
      <c r="AP85" s="33"/>
      <c r="AQ85" s="33"/>
      <c r="AR85" s="33"/>
      <c r="AS85" s="33"/>
      <c r="AT85" s="33"/>
      <c r="AU85" s="33"/>
      <c r="AV85" s="33"/>
      <c r="AW85" s="33"/>
      <c r="AX85" s="33"/>
      <c r="AY85" s="33"/>
      <c r="AZ85" s="58">
        <f t="shared" si="13"/>
        <v>0</v>
      </c>
      <c r="BA85" s="26" t="e">
        <f t="shared" si="14"/>
        <v>#DIV/0!</v>
      </c>
      <c r="BB85" s="27" t="str">
        <f t="shared" si="16"/>
        <v/>
      </c>
      <c r="BC85" s="27" t="str">
        <f t="shared" si="16"/>
        <v/>
      </c>
      <c r="BD85" s="27" t="str">
        <f t="shared" si="16"/>
        <v/>
      </c>
      <c r="BE85" s="27" t="str">
        <f t="shared" si="16"/>
        <v/>
      </c>
      <c r="BF85" s="27" t="str">
        <f t="shared" si="16"/>
        <v/>
      </c>
      <c r="BG85" s="27" t="str">
        <f t="shared" si="16"/>
        <v/>
      </c>
      <c r="BH85" s="27" t="str">
        <f t="shared" si="16"/>
        <v/>
      </c>
      <c r="BI85" s="27" t="str">
        <f t="shared" si="16"/>
        <v/>
      </c>
      <c r="BJ85" s="27" t="str">
        <f t="shared" si="16"/>
        <v/>
      </c>
      <c r="BK85" s="27" t="str">
        <f t="shared" si="16"/>
        <v/>
      </c>
      <c r="BL85" s="27" t="str">
        <f t="shared" si="16"/>
        <v/>
      </c>
      <c r="BM85" s="27" t="str">
        <f t="shared" si="16"/>
        <v/>
      </c>
      <c r="BN85" s="27" t="str">
        <f t="shared" si="16"/>
        <v/>
      </c>
      <c r="BO85" s="27" t="str">
        <f t="shared" si="16"/>
        <v/>
      </c>
      <c r="BP85" s="27" t="str">
        <f t="shared" si="16"/>
        <v/>
      </c>
      <c r="BQ85" s="27" t="str">
        <f t="shared" si="10"/>
        <v/>
      </c>
      <c r="BR85" s="27" t="str">
        <f t="shared" si="10"/>
        <v/>
      </c>
      <c r="BS85" s="27" t="str">
        <f t="shared" si="10"/>
        <v/>
      </c>
      <c r="BT85" s="27" t="str">
        <f t="shared" si="10"/>
        <v/>
      </c>
      <c r="BU85" s="27" t="str">
        <f t="shared" si="12"/>
        <v/>
      </c>
      <c r="BV85" s="27" t="str">
        <f t="shared" si="12"/>
        <v/>
      </c>
      <c r="BW85" s="27" t="str">
        <f t="shared" si="12"/>
        <v/>
      </c>
      <c r="BX85" s="27" t="str">
        <f t="shared" ref="BX85:CF117" si="17">IF(AQ85="yes",(AQ$2*$BA85),"")</f>
        <v/>
      </c>
      <c r="BY85" s="27" t="str">
        <f t="shared" si="17"/>
        <v/>
      </c>
      <c r="BZ85" s="27" t="str">
        <f t="shared" si="17"/>
        <v/>
      </c>
      <c r="CA85" s="27" t="str">
        <f t="shared" si="17"/>
        <v/>
      </c>
      <c r="CB85" s="27" t="str">
        <f t="shared" si="17"/>
        <v/>
      </c>
      <c r="CC85" s="27" t="str">
        <f t="shared" si="17"/>
        <v/>
      </c>
      <c r="CD85" s="27" t="str">
        <f t="shared" si="7"/>
        <v/>
      </c>
      <c r="CE85" s="27" t="str">
        <f t="shared" si="7"/>
        <v/>
      </c>
      <c r="CF85" s="27" t="str">
        <f t="shared" si="7"/>
        <v/>
      </c>
      <c r="CG85" s="33"/>
      <c r="CH85" s="33"/>
      <c r="CI85" s="36"/>
    </row>
    <row r="86" spans="1:87" s="28" customFormat="1" ht="56.1" customHeight="1" x14ac:dyDescent="0.2">
      <c r="A86" s="22">
        <v>137</v>
      </c>
      <c r="B86" s="23" t="s">
        <v>53</v>
      </c>
      <c r="C86" s="35" t="s">
        <v>655</v>
      </c>
      <c r="D86" s="32" t="s">
        <v>830</v>
      </c>
      <c r="E86" s="32" t="s">
        <v>842</v>
      </c>
      <c r="F86" s="25" t="s">
        <v>843</v>
      </c>
      <c r="G86" s="32" t="s">
        <v>58</v>
      </c>
      <c r="H86" s="32" t="s">
        <v>833</v>
      </c>
      <c r="I86" s="32"/>
      <c r="J86" s="29" t="s">
        <v>77</v>
      </c>
      <c r="K86" s="32" t="s">
        <v>722</v>
      </c>
      <c r="L86" s="26" t="s">
        <v>63</v>
      </c>
      <c r="M86" s="26" t="s">
        <v>63</v>
      </c>
      <c r="N86" s="39">
        <v>71609.238593749993</v>
      </c>
      <c r="O86" s="33"/>
      <c r="P86" s="33"/>
      <c r="Q86" s="43">
        <f t="shared" si="15"/>
        <v>71609.238593749993</v>
      </c>
      <c r="R86" s="33"/>
      <c r="S86" s="33"/>
      <c r="T86" s="33"/>
      <c r="U86" s="33"/>
      <c r="V86" s="33"/>
      <c r="W86" s="33"/>
      <c r="X86" s="33"/>
      <c r="Y86" s="33"/>
      <c r="Z86" s="33"/>
      <c r="AA86" s="33"/>
      <c r="AB86" s="33"/>
      <c r="AC86" s="33"/>
      <c r="AD86" s="33"/>
      <c r="AE86" s="33"/>
      <c r="AF86" s="33"/>
      <c r="AG86" s="33"/>
      <c r="AH86" s="33"/>
      <c r="AI86" s="33"/>
      <c r="AJ86" s="33"/>
      <c r="AK86" s="33"/>
      <c r="AL86" s="33"/>
      <c r="AM86" s="33"/>
      <c r="AN86" s="33"/>
      <c r="AO86" s="33"/>
      <c r="AP86" s="33"/>
      <c r="AQ86" s="33"/>
      <c r="AR86" s="33"/>
      <c r="AS86" s="33"/>
      <c r="AT86" s="33"/>
      <c r="AU86" s="33"/>
      <c r="AV86" s="33"/>
      <c r="AW86" s="33"/>
      <c r="AX86" s="33"/>
      <c r="AY86" s="33"/>
      <c r="AZ86" s="58">
        <f t="shared" si="13"/>
        <v>0</v>
      </c>
      <c r="BA86" s="26" t="e">
        <f t="shared" si="14"/>
        <v>#DIV/0!</v>
      </c>
      <c r="BB86" s="27" t="str">
        <f t="shared" ref="BB86:BP102" si="18">IF(U86="yes",(U$2*$BA86),"")</f>
        <v/>
      </c>
      <c r="BC86" s="27" t="str">
        <f t="shared" si="18"/>
        <v/>
      </c>
      <c r="BD86" s="27" t="str">
        <f t="shared" si="18"/>
        <v/>
      </c>
      <c r="BE86" s="27" t="str">
        <f t="shared" si="18"/>
        <v/>
      </c>
      <c r="BF86" s="27" t="str">
        <f t="shared" si="18"/>
        <v/>
      </c>
      <c r="BG86" s="27" t="str">
        <f t="shared" si="18"/>
        <v/>
      </c>
      <c r="BH86" s="27" t="str">
        <f t="shared" si="18"/>
        <v/>
      </c>
      <c r="BI86" s="27" t="str">
        <f t="shared" si="18"/>
        <v/>
      </c>
      <c r="BJ86" s="27" t="str">
        <f t="shared" si="18"/>
        <v/>
      </c>
      <c r="BK86" s="27" t="str">
        <f t="shared" si="18"/>
        <v/>
      </c>
      <c r="BL86" s="27" t="str">
        <f t="shared" si="18"/>
        <v/>
      </c>
      <c r="BM86" s="27" t="str">
        <f t="shared" si="18"/>
        <v/>
      </c>
      <c r="BN86" s="27" t="str">
        <f t="shared" si="18"/>
        <v/>
      </c>
      <c r="BO86" s="27" t="str">
        <f t="shared" si="18"/>
        <v/>
      </c>
      <c r="BP86" s="27" t="str">
        <f t="shared" si="18"/>
        <v/>
      </c>
      <c r="BQ86" s="27" t="str">
        <f t="shared" si="10"/>
        <v/>
      </c>
      <c r="BR86" s="27" t="str">
        <f t="shared" si="10"/>
        <v/>
      </c>
      <c r="BS86" s="27" t="str">
        <f t="shared" si="10"/>
        <v/>
      </c>
      <c r="BT86" s="27" t="str">
        <f t="shared" si="10"/>
        <v/>
      </c>
      <c r="BU86" s="27" t="str">
        <f t="shared" si="10"/>
        <v/>
      </c>
      <c r="BV86" s="27" t="str">
        <f t="shared" si="10"/>
        <v/>
      </c>
      <c r="BW86" s="27" t="str">
        <f t="shared" si="10"/>
        <v/>
      </c>
      <c r="BX86" s="27" t="str">
        <f t="shared" si="17"/>
        <v/>
      </c>
      <c r="BY86" s="27" t="str">
        <f t="shared" si="17"/>
        <v/>
      </c>
      <c r="BZ86" s="27" t="str">
        <f t="shared" si="17"/>
        <v/>
      </c>
      <c r="CA86" s="27" t="str">
        <f t="shared" si="17"/>
        <v/>
      </c>
      <c r="CB86" s="27" t="str">
        <f t="shared" si="17"/>
        <v/>
      </c>
      <c r="CC86" s="27" t="str">
        <f t="shared" si="17"/>
        <v/>
      </c>
      <c r="CD86" s="27" t="str">
        <f t="shared" si="7"/>
        <v/>
      </c>
      <c r="CE86" s="27" t="str">
        <f t="shared" si="7"/>
        <v/>
      </c>
      <c r="CF86" s="27" t="str">
        <f t="shared" si="7"/>
        <v/>
      </c>
      <c r="CG86" s="33"/>
      <c r="CH86" s="33"/>
      <c r="CI86" s="36"/>
    </row>
    <row r="87" spans="1:87" s="28" customFormat="1" ht="56.1" customHeight="1" x14ac:dyDescent="0.2">
      <c r="A87" s="22">
        <v>138</v>
      </c>
      <c r="B87" s="23" t="s">
        <v>53</v>
      </c>
      <c r="C87" s="35" t="s">
        <v>655</v>
      </c>
      <c r="D87" s="32" t="s">
        <v>830</v>
      </c>
      <c r="E87" s="32" t="s">
        <v>844</v>
      </c>
      <c r="F87" s="25" t="s">
        <v>845</v>
      </c>
      <c r="G87" s="32" t="s">
        <v>58</v>
      </c>
      <c r="H87" s="32" t="s">
        <v>846</v>
      </c>
      <c r="I87" s="32"/>
      <c r="J87" s="29" t="s">
        <v>77</v>
      </c>
      <c r="K87" s="32" t="s">
        <v>722</v>
      </c>
      <c r="L87" s="26" t="s">
        <v>63</v>
      </c>
      <c r="M87" s="26" t="s">
        <v>63</v>
      </c>
      <c r="N87" s="39">
        <v>39229.033593749999</v>
      </c>
      <c r="O87" s="33"/>
      <c r="P87" s="33"/>
      <c r="Q87" s="43">
        <f t="shared" si="15"/>
        <v>39229.033593749999</v>
      </c>
      <c r="R87" s="33"/>
      <c r="S87" s="33"/>
      <c r="T87" s="33"/>
      <c r="U87" s="33"/>
      <c r="V87" s="33"/>
      <c r="W87" s="33"/>
      <c r="X87" s="33"/>
      <c r="Y87" s="33"/>
      <c r="Z87" s="33"/>
      <c r="AA87" s="33"/>
      <c r="AB87" s="33"/>
      <c r="AC87" s="33"/>
      <c r="AD87" s="33"/>
      <c r="AE87" s="33"/>
      <c r="AF87" s="33"/>
      <c r="AG87" s="33"/>
      <c r="AH87" s="33"/>
      <c r="AI87" s="33"/>
      <c r="AJ87" s="33"/>
      <c r="AK87" s="33"/>
      <c r="AL87" s="33"/>
      <c r="AM87" s="33"/>
      <c r="AN87" s="33"/>
      <c r="AO87" s="33"/>
      <c r="AP87" s="33"/>
      <c r="AQ87" s="33"/>
      <c r="AR87" s="33"/>
      <c r="AS87" s="33"/>
      <c r="AT87" s="33"/>
      <c r="AU87" s="33"/>
      <c r="AV87" s="33"/>
      <c r="AW87" s="33"/>
      <c r="AX87" s="33"/>
      <c r="AY87" s="33"/>
      <c r="AZ87" s="58">
        <f t="shared" si="13"/>
        <v>0</v>
      </c>
      <c r="BA87" s="26" t="e">
        <f t="shared" si="14"/>
        <v>#DIV/0!</v>
      </c>
      <c r="BB87" s="27" t="str">
        <f t="shared" si="18"/>
        <v/>
      </c>
      <c r="BC87" s="27" t="str">
        <f t="shared" si="18"/>
        <v/>
      </c>
      <c r="BD87" s="27" t="str">
        <f t="shared" si="18"/>
        <v/>
      </c>
      <c r="BE87" s="27" t="str">
        <f t="shared" si="18"/>
        <v/>
      </c>
      <c r="BF87" s="27" t="str">
        <f t="shared" si="18"/>
        <v/>
      </c>
      <c r="BG87" s="27" t="str">
        <f t="shared" si="18"/>
        <v/>
      </c>
      <c r="BH87" s="27" t="str">
        <f t="shared" si="18"/>
        <v/>
      </c>
      <c r="BI87" s="27" t="str">
        <f t="shared" si="18"/>
        <v/>
      </c>
      <c r="BJ87" s="27" t="str">
        <f t="shared" si="18"/>
        <v/>
      </c>
      <c r="BK87" s="27" t="str">
        <f t="shared" si="18"/>
        <v/>
      </c>
      <c r="BL87" s="27" t="str">
        <f t="shared" si="18"/>
        <v/>
      </c>
      <c r="BM87" s="27" t="str">
        <f t="shared" si="18"/>
        <v/>
      </c>
      <c r="BN87" s="27" t="str">
        <f t="shared" si="18"/>
        <v/>
      </c>
      <c r="BO87" s="27" t="str">
        <f t="shared" si="18"/>
        <v/>
      </c>
      <c r="BP87" s="27" t="str">
        <f t="shared" si="18"/>
        <v/>
      </c>
      <c r="BQ87" s="27" t="str">
        <f t="shared" si="10"/>
        <v/>
      </c>
      <c r="BR87" s="27" t="str">
        <f t="shared" si="10"/>
        <v/>
      </c>
      <c r="BS87" s="27" t="str">
        <f t="shared" si="10"/>
        <v/>
      </c>
      <c r="BT87" s="27" t="str">
        <f t="shared" si="10"/>
        <v/>
      </c>
      <c r="BU87" s="27" t="str">
        <f t="shared" si="10"/>
        <v/>
      </c>
      <c r="BV87" s="27" t="str">
        <f t="shared" si="10"/>
        <v/>
      </c>
      <c r="BW87" s="27" t="str">
        <f t="shared" si="10"/>
        <v/>
      </c>
      <c r="BX87" s="27" t="str">
        <f t="shared" si="17"/>
        <v/>
      </c>
      <c r="BY87" s="27" t="str">
        <f t="shared" si="17"/>
        <v/>
      </c>
      <c r="BZ87" s="27" t="str">
        <f t="shared" si="17"/>
        <v/>
      </c>
      <c r="CA87" s="27" t="str">
        <f t="shared" si="17"/>
        <v/>
      </c>
      <c r="CB87" s="27" t="str">
        <f t="shared" si="17"/>
        <v/>
      </c>
      <c r="CC87" s="27" t="str">
        <f t="shared" si="17"/>
        <v/>
      </c>
      <c r="CD87" s="27" t="str">
        <f t="shared" si="7"/>
        <v/>
      </c>
      <c r="CE87" s="27" t="str">
        <f t="shared" si="7"/>
        <v/>
      </c>
      <c r="CF87" s="27" t="str">
        <f t="shared" si="7"/>
        <v/>
      </c>
      <c r="CG87" s="33"/>
      <c r="CH87" s="33"/>
      <c r="CI87" s="36"/>
    </row>
    <row r="88" spans="1:87" s="28" customFormat="1" ht="56.1" customHeight="1" x14ac:dyDescent="0.2">
      <c r="A88" s="22">
        <v>139</v>
      </c>
      <c r="B88" s="23" t="s">
        <v>53</v>
      </c>
      <c r="C88" s="35" t="s">
        <v>655</v>
      </c>
      <c r="D88" s="32" t="s">
        <v>830</v>
      </c>
      <c r="E88" s="32" t="s">
        <v>847</v>
      </c>
      <c r="F88" s="25" t="s">
        <v>848</v>
      </c>
      <c r="G88" s="32" t="s">
        <v>58</v>
      </c>
      <c r="H88" s="32" t="s">
        <v>833</v>
      </c>
      <c r="I88" s="32"/>
      <c r="J88" s="29" t="s">
        <v>77</v>
      </c>
      <c r="K88" s="32" t="s">
        <v>834</v>
      </c>
      <c r="L88" s="26" t="s">
        <v>63</v>
      </c>
      <c r="M88" s="26" t="s">
        <v>63</v>
      </c>
      <c r="N88" s="39">
        <v>71609.238593749993</v>
      </c>
      <c r="O88" s="33"/>
      <c r="P88" s="33"/>
      <c r="Q88" s="43">
        <f t="shared" si="15"/>
        <v>71609.238593749993</v>
      </c>
      <c r="R88" s="33"/>
      <c r="S88" s="33"/>
      <c r="T88" s="33"/>
      <c r="U88" s="33"/>
      <c r="V88" s="33"/>
      <c r="W88" s="33"/>
      <c r="X88" s="33"/>
      <c r="Y88" s="33"/>
      <c r="Z88" s="33"/>
      <c r="AA88" s="33"/>
      <c r="AB88" s="33"/>
      <c r="AC88" s="33"/>
      <c r="AD88" s="33"/>
      <c r="AE88" s="33"/>
      <c r="AF88" s="33"/>
      <c r="AG88" s="33"/>
      <c r="AH88" s="33"/>
      <c r="AI88" s="33"/>
      <c r="AJ88" s="33"/>
      <c r="AK88" s="33"/>
      <c r="AL88" s="33"/>
      <c r="AM88" s="33"/>
      <c r="AN88" s="33"/>
      <c r="AO88" s="33"/>
      <c r="AP88" s="33"/>
      <c r="AQ88" s="33"/>
      <c r="AR88" s="33"/>
      <c r="AS88" s="33"/>
      <c r="AT88" s="33"/>
      <c r="AU88" s="33"/>
      <c r="AV88" s="33"/>
      <c r="AW88" s="33"/>
      <c r="AX88" s="33"/>
      <c r="AY88" s="33"/>
      <c r="AZ88" s="58">
        <f t="shared" si="13"/>
        <v>0</v>
      </c>
      <c r="BA88" s="26" t="e">
        <f t="shared" si="14"/>
        <v>#DIV/0!</v>
      </c>
      <c r="BB88" s="27" t="str">
        <f t="shared" si="18"/>
        <v/>
      </c>
      <c r="BC88" s="27" t="str">
        <f t="shared" si="18"/>
        <v/>
      </c>
      <c r="BD88" s="27" t="str">
        <f t="shared" si="18"/>
        <v/>
      </c>
      <c r="BE88" s="27" t="str">
        <f t="shared" si="18"/>
        <v/>
      </c>
      <c r="BF88" s="27" t="str">
        <f t="shared" si="18"/>
        <v/>
      </c>
      <c r="BG88" s="27" t="str">
        <f t="shared" si="18"/>
        <v/>
      </c>
      <c r="BH88" s="27" t="str">
        <f t="shared" si="18"/>
        <v/>
      </c>
      <c r="BI88" s="27" t="str">
        <f t="shared" si="18"/>
        <v/>
      </c>
      <c r="BJ88" s="27" t="str">
        <f t="shared" si="18"/>
        <v/>
      </c>
      <c r="BK88" s="27" t="str">
        <f t="shared" si="18"/>
        <v/>
      </c>
      <c r="BL88" s="27" t="str">
        <f t="shared" si="18"/>
        <v/>
      </c>
      <c r="BM88" s="27" t="str">
        <f t="shared" si="18"/>
        <v/>
      </c>
      <c r="BN88" s="27" t="str">
        <f t="shared" si="18"/>
        <v/>
      </c>
      <c r="BO88" s="27" t="str">
        <f t="shared" si="18"/>
        <v/>
      </c>
      <c r="BP88" s="27" t="str">
        <f t="shared" si="18"/>
        <v/>
      </c>
      <c r="BQ88" s="27" t="str">
        <f t="shared" si="10"/>
        <v/>
      </c>
      <c r="BR88" s="27" t="str">
        <f t="shared" si="10"/>
        <v/>
      </c>
      <c r="BS88" s="27" t="str">
        <f t="shared" si="10"/>
        <v/>
      </c>
      <c r="BT88" s="27" t="str">
        <f t="shared" si="10"/>
        <v/>
      </c>
      <c r="BU88" s="27" t="str">
        <f t="shared" si="10"/>
        <v/>
      </c>
      <c r="BV88" s="27" t="str">
        <f t="shared" si="10"/>
        <v/>
      </c>
      <c r="BW88" s="27" t="str">
        <f t="shared" si="10"/>
        <v/>
      </c>
      <c r="BX88" s="27" t="str">
        <f t="shared" si="17"/>
        <v/>
      </c>
      <c r="BY88" s="27" t="str">
        <f t="shared" si="17"/>
        <v/>
      </c>
      <c r="BZ88" s="27" t="str">
        <f t="shared" si="17"/>
        <v/>
      </c>
      <c r="CA88" s="27" t="str">
        <f t="shared" si="17"/>
        <v/>
      </c>
      <c r="CB88" s="27" t="str">
        <f t="shared" si="17"/>
        <v/>
      </c>
      <c r="CC88" s="27" t="str">
        <f t="shared" si="17"/>
        <v/>
      </c>
      <c r="CD88" s="27" t="str">
        <f t="shared" si="7"/>
        <v/>
      </c>
      <c r="CE88" s="27" t="str">
        <f t="shared" si="7"/>
        <v/>
      </c>
      <c r="CF88" s="27" t="str">
        <f t="shared" si="7"/>
        <v/>
      </c>
      <c r="CG88" s="33"/>
      <c r="CH88" s="33"/>
      <c r="CI88" s="36"/>
    </row>
    <row r="89" spans="1:87" s="28" customFormat="1" ht="56.1" customHeight="1" x14ac:dyDescent="0.2">
      <c r="A89" s="22">
        <v>140</v>
      </c>
      <c r="B89" s="23" t="s">
        <v>53</v>
      </c>
      <c r="C89" s="35" t="s">
        <v>655</v>
      </c>
      <c r="D89" s="32" t="s">
        <v>830</v>
      </c>
      <c r="E89" s="32" t="s">
        <v>849</v>
      </c>
      <c r="F89" s="25" t="s">
        <v>850</v>
      </c>
      <c r="G89" s="32" t="s">
        <v>58</v>
      </c>
      <c r="H89" s="32" t="s">
        <v>833</v>
      </c>
      <c r="I89" s="32"/>
      <c r="J89" s="29" t="s">
        <v>77</v>
      </c>
      <c r="K89" s="32" t="s">
        <v>722</v>
      </c>
      <c r="L89" s="26" t="s">
        <v>63</v>
      </c>
      <c r="M89" s="26" t="s">
        <v>63</v>
      </c>
      <c r="N89" s="39">
        <v>115439.27484375</v>
      </c>
      <c r="O89" s="33"/>
      <c r="P89" s="33"/>
      <c r="Q89" s="43">
        <f t="shared" si="15"/>
        <v>115439.27484375</v>
      </c>
      <c r="R89" s="33"/>
      <c r="S89" s="33"/>
      <c r="T89" s="33"/>
      <c r="U89" s="33"/>
      <c r="V89" s="33"/>
      <c r="W89" s="33"/>
      <c r="X89" s="33"/>
      <c r="Y89" s="33"/>
      <c r="Z89" s="33"/>
      <c r="AA89" s="33"/>
      <c r="AB89" s="33"/>
      <c r="AC89" s="33"/>
      <c r="AD89" s="33"/>
      <c r="AE89" s="33"/>
      <c r="AF89" s="33"/>
      <c r="AG89" s="33"/>
      <c r="AH89" s="33"/>
      <c r="AI89" s="33"/>
      <c r="AJ89" s="33"/>
      <c r="AK89" s="33"/>
      <c r="AL89" s="33"/>
      <c r="AM89" s="33"/>
      <c r="AN89" s="33"/>
      <c r="AO89" s="33"/>
      <c r="AP89" s="33"/>
      <c r="AQ89" s="33"/>
      <c r="AR89" s="33"/>
      <c r="AS89" s="33"/>
      <c r="AT89" s="33"/>
      <c r="AU89" s="33"/>
      <c r="AV89" s="33"/>
      <c r="AW89" s="33"/>
      <c r="AX89" s="33"/>
      <c r="AY89" s="33"/>
      <c r="AZ89" s="58">
        <f t="shared" si="13"/>
        <v>0</v>
      </c>
      <c r="BA89" s="26" t="e">
        <f t="shared" si="14"/>
        <v>#DIV/0!</v>
      </c>
      <c r="BB89" s="27" t="str">
        <f t="shared" si="18"/>
        <v/>
      </c>
      <c r="BC89" s="27" t="str">
        <f t="shared" si="18"/>
        <v/>
      </c>
      <c r="BD89" s="27" t="str">
        <f t="shared" si="18"/>
        <v/>
      </c>
      <c r="BE89" s="27" t="str">
        <f t="shared" si="18"/>
        <v/>
      </c>
      <c r="BF89" s="27" t="str">
        <f t="shared" si="18"/>
        <v/>
      </c>
      <c r="BG89" s="27" t="str">
        <f t="shared" si="18"/>
        <v/>
      </c>
      <c r="BH89" s="27" t="str">
        <f t="shared" si="18"/>
        <v/>
      </c>
      <c r="BI89" s="27" t="str">
        <f t="shared" si="18"/>
        <v/>
      </c>
      <c r="BJ89" s="27" t="str">
        <f t="shared" si="18"/>
        <v/>
      </c>
      <c r="BK89" s="27" t="str">
        <f t="shared" si="18"/>
        <v/>
      </c>
      <c r="BL89" s="27" t="str">
        <f t="shared" si="18"/>
        <v/>
      </c>
      <c r="BM89" s="27" t="str">
        <f t="shared" si="18"/>
        <v/>
      </c>
      <c r="BN89" s="27" t="str">
        <f t="shared" si="18"/>
        <v/>
      </c>
      <c r="BO89" s="27" t="str">
        <f t="shared" si="18"/>
        <v/>
      </c>
      <c r="BP89" s="27" t="str">
        <f t="shared" si="18"/>
        <v/>
      </c>
      <c r="BQ89" s="27" t="str">
        <f t="shared" si="10"/>
        <v/>
      </c>
      <c r="BR89" s="27" t="str">
        <f t="shared" si="10"/>
        <v/>
      </c>
      <c r="BS89" s="27" t="str">
        <f t="shared" si="10"/>
        <v/>
      </c>
      <c r="BT89" s="27" t="str">
        <f t="shared" si="10"/>
        <v/>
      </c>
      <c r="BU89" s="27" t="str">
        <f t="shared" si="10"/>
        <v/>
      </c>
      <c r="BV89" s="27" t="str">
        <f t="shared" si="10"/>
        <v/>
      </c>
      <c r="BW89" s="27" t="str">
        <f t="shared" si="10"/>
        <v/>
      </c>
      <c r="BX89" s="27" t="str">
        <f t="shared" si="17"/>
        <v/>
      </c>
      <c r="BY89" s="27" t="str">
        <f t="shared" si="17"/>
        <v/>
      </c>
      <c r="BZ89" s="27" t="str">
        <f t="shared" si="17"/>
        <v/>
      </c>
      <c r="CA89" s="27" t="str">
        <f t="shared" si="17"/>
        <v/>
      </c>
      <c r="CB89" s="27" t="str">
        <f t="shared" si="17"/>
        <v/>
      </c>
      <c r="CC89" s="27" t="str">
        <f t="shared" si="17"/>
        <v/>
      </c>
      <c r="CD89" s="27" t="str">
        <f t="shared" si="7"/>
        <v/>
      </c>
      <c r="CE89" s="27" t="str">
        <f t="shared" si="7"/>
        <v/>
      </c>
      <c r="CF89" s="27" t="str">
        <f t="shared" si="7"/>
        <v/>
      </c>
      <c r="CG89" s="33"/>
      <c r="CH89" s="33"/>
      <c r="CI89" s="36"/>
    </row>
    <row r="90" spans="1:87" s="28" customFormat="1" ht="56.1" customHeight="1" x14ac:dyDescent="0.2">
      <c r="A90" s="22">
        <v>141</v>
      </c>
      <c r="B90" s="23" t="s">
        <v>53</v>
      </c>
      <c r="C90" s="35" t="s">
        <v>655</v>
      </c>
      <c r="D90" s="32" t="s">
        <v>830</v>
      </c>
      <c r="E90" s="32" t="s">
        <v>851</v>
      </c>
      <c r="F90" s="25" t="s">
        <v>852</v>
      </c>
      <c r="G90" s="32" t="s">
        <v>58</v>
      </c>
      <c r="H90" s="32" t="s">
        <v>846</v>
      </c>
      <c r="I90" s="32"/>
      <c r="J90" s="29" t="s">
        <v>77</v>
      </c>
      <c r="K90" s="32" t="s">
        <v>722</v>
      </c>
      <c r="L90" s="26" t="s">
        <v>63</v>
      </c>
      <c r="M90" s="26" t="s">
        <v>63</v>
      </c>
      <c r="N90" s="39">
        <v>133329.399775</v>
      </c>
      <c r="O90" s="33"/>
      <c r="P90" s="33"/>
      <c r="Q90" s="43">
        <f t="shared" si="15"/>
        <v>133329.399775</v>
      </c>
      <c r="R90" s="33"/>
      <c r="S90" s="33"/>
      <c r="T90" s="33"/>
      <c r="U90" s="33"/>
      <c r="V90" s="33"/>
      <c r="W90" s="33"/>
      <c r="X90" s="33"/>
      <c r="Y90" s="33"/>
      <c r="Z90" s="33"/>
      <c r="AA90" s="33"/>
      <c r="AB90" s="33"/>
      <c r="AC90" s="33"/>
      <c r="AD90" s="33"/>
      <c r="AE90" s="33"/>
      <c r="AF90" s="33"/>
      <c r="AG90" s="33"/>
      <c r="AH90" s="33"/>
      <c r="AI90" s="33"/>
      <c r="AJ90" s="33"/>
      <c r="AK90" s="33"/>
      <c r="AL90" s="33"/>
      <c r="AM90" s="33"/>
      <c r="AN90" s="33"/>
      <c r="AO90" s="33"/>
      <c r="AP90" s="33"/>
      <c r="AQ90" s="33"/>
      <c r="AR90" s="33"/>
      <c r="AS90" s="33"/>
      <c r="AT90" s="33"/>
      <c r="AU90" s="33"/>
      <c r="AV90" s="33"/>
      <c r="AW90" s="33"/>
      <c r="AX90" s="33"/>
      <c r="AY90" s="33"/>
      <c r="AZ90" s="58">
        <f t="shared" si="13"/>
        <v>0</v>
      </c>
      <c r="BA90" s="26" t="e">
        <f t="shared" si="14"/>
        <v>#DIV/0!</v>
      </c>
      <c r="BB90" s="27" t="str">
        <f t="shared" si="18"/>
        <v/>
      </c>
      <c r="BC90" s="27" t="str">
        <f t="shared" si="18"/>
        <v/>
      </c>
      <c r="BD90" s="27" t="str">
        <f t="shared" si="18"/>
        <v/>
      </c>
      <c r="BE90" s="27" t="str">
        <f t="shared" si="18"/>
        <v/>
      </c>
      <c r="BF90" s="27" t="str">
        <f t="shared" si="18"/>
        <v/>
      </c>
      <c r="BG90" s="27" t="str">
        <f t="shared" si="18"/>
        <v/>
      </c>
      <c r="BH90" s="27" t="str">
        <f t="shared" si="18"/>
        <v/>
      </c>
      <c r="BI90" s="27" t="str">
        <f t="shared" si="18"/>
        <v/>
      </c>
      <c r="BJ90" s="27" t="str">
        <f t="shared" si="18"/>
        <v/>
      </c>
      <c r="BK90" s="27" t="str">
        <f t="shared" si="18"/>
        <v/>
      </c>
      <c r="BL90" s="27" t="str">
        <f t="shared" si="18"/>
        <v/>
      </c>
      <c r="BM90" s="27" t="str">
        <f t="shared" si="18"/>
        <v/>
      </c>
      <c r="BN90" s="27" t="str">
        <f t="shared" si="18"/>
        <v/>
      </c>
      <c r="BO90" s="27" t="str">
        <f t="shared" si="18"/>
        <v/>
      </c>
      <c r="BP90" s="27" t="str">
        <f t="shared" si="18"/>
        <v/>
      </c>
      <c r="BQ90" s="27" t="str">
        <f t="shared" si="10"/>
        <v/>
      </c>
      <c r="BR90" s="27" t="str">
        <f t="shared" si="10"/>
        <v/>
      </c>
      <c r="BS90" s="27" t="str">
        <f t="shared" si="10"/>
        <v/>
      </c>
      <c r="BT90" s="27" t="str">
        <f t="shared" si="10"/>
        <v/>
      </c>
      <c r="BU90" s="27" t="str">
        <f t="shared" si="10"/>
        <v/>
      </c>
      <c r="BV90" s="27" t="str">
        <f t="shared" si="10"/>
        <v/>
      </c>
      <c r="BW90" s="27" t="str">
        <f t="shared" si="10"/>
        <v/>
      </c>
      <c r="BX90" s="27" t="str">
        <f t="shared" si="17"/>
        <v/>
      </c>
      <c r="BY90" s="27" t="str">
        <f t="shared" si="17"/>
        <v/>
      </c>
      <c r="BZ90" s="27" t="str">
        <f t="shared" si="17"/>
        <v/>
      </c>
      <c r="CA90" s="27" t="str">
        <f t="shared" si="17"/>
        <v/>
      </c>
      <c r="CB90" s="27" t="str">
        <f t="shared" si="17"/>
        <v/>
      </c>
      <c r="CC90" s="27" t="str">
        <f t="shared" si="17"/>
        <v/>
      </c>
      <c r="CD90" s="27" t="str">
        <f t="shared" si="7"/>
        <v/>
      </c>
      <c r="CE90" s="27" t="str">
        <f t="shared" si="7"/>
        <v/>
      </c>
      <c r="CF90" s="27" t="str">
        <f t="shared" si="7"/>
        <v/>
      </c>
      <c r="CG90" s="33"/>
      <c r="CH90" s="33"/>
      <c r="CI90" s="36"/>
    </row>
    <row r="91" spans="1:87" s="28" customFormat="1" ht="56.1" customHeight="1" x14ac:dyDescent="0.2">
      <c r="A91" s="22">
        <v>142</v>
      </c>
      <c r="B91" s="23" t="s">
        <v>53</v>
      </c>
      <c r="C91" s="35" t="s">
        <v>655</v>
      </c>
      <c r="D91" s="32" t="s">
        <v>830</v>
      </c>
      <c r="E91" s="32" t="s">
        <v>854</v>
      </c>
      <c r="F91" s="25" t="s">
        <v>855</v>
      </c>
      <c r="G91" s="32" t="s">
        <v>58</v>
      </c>
      <c r="H91" s="32" t="s">
        <v>27</v>
      </c>
      <c r="I91" s="32"/>
      <c r="J91" s="29" t="s">
        <v>77</v>
      </c>
      <c r="K91" s="32" t="s">
        <v>722</v>
      </c>
      <c r="L91" s="26" t="s">
        <v>63</v>
      </c>
      <c r="M91" s="26" t="s">
        <v>63</v>
      </c>
      <c r="N91" s="39">
        <v>26135.216250000001</v>
      </c>
      <c r="O91" s="33"/>
      <c r="P91" s="33"/>
      <c r="Q91" s="43">
        <f t="shared" si="15"/>
        <v>26135.216250000001</v>
      </c>
      <c r="R91" s="33"/>
      <c r="S91" s="33"/>
      <c r="T91" s="33"/>
      <c r="U91" s="33"/>
      <c r="V91" s="33"/>
      <c r="W91" s="33"/>
      <c r="X91" s="33"/>
      <c r="Y91" s="33"/>
      <c r="Z91" s="33"/>
      <c r="AA91" s="33"/>
      <c r="AB91" s="33"/>
      <c r="AC91" s="33"/>
      <c r="AD91" s="33"/>
      <c r="AE91" s="33"/>
      <c r="AF91" s="33"/>
      <c r="AG91" s="33"/>
      <c r="AH91" s="33"/>
      <c r="AI91" s="33"/>
      <c r="AJ91" s="33"/>
      <c r="AK91" s="33"/>
      <c r="AL91" s="33"/>
      <c r="AM91" s="33"/>
      <c r="AN91" s="33"/>
      <c r="AO91" s="33"/>
      <c r="AP91" s="33"/>
      <c r="AQ91" s="33"/>
      <c r="AR91" s="33"/>
      <c r="AS91" s="33"/>
      <c r="AT91" s="33"/>
      <c r="AU91" s="33"/>
      <c r="AV91" s="33"/>
      <c r="AW91" s="33"/>
      <c r="AX91" s="33"/>
      <c r="AY91" s="33"/>
      <c r="AZ91" s="58">
        <f t="shared" si="13"/>
        <v>0</v>
      </c>
      <c r="BA91" s="26" t="e">
        <f t="shared" si="14"/>
        <v>#DIV/0!</v>
      </c>
      <c r="BB91" s="27" t="str">
        <f t="shared" si="18"/>
        <v/>
      </c>
      <c r="BC91" s="27" t="str">
        <f t="shared" si="18"/>
        <v/>
      </c>
      <c r="BD91" s="27" t="str">
        <f t="shared" si="18"/>
        <v/>
      </c>
      <c r="BE91" s="27" t="str">
        <f t="shared" si="18"/>
        <v/>
      </c>
      <c r="BF91" s="27" t="str">
        <f t="shared" si="18"/>
        <v/>
      </c>
      <c r="BG91" s="27" t="str">
        <f t="shared" si="18"/>
        <v/>
      </c>
      <c r="BH91" s="27" t="str">
        <f t="shared" si="18"/>
        <v/>
      </c>
      <c r="BI91" s="27" t="str">
        <f t="shared" si="18"/>
        <v/>
      </c>
      <c r="BJ91" s="27" t="str">
        <f t="shared" si="18"/>
        <v/>
      </c>
      <c r="BK91" s="27" t="str">
        <f t="shared" si="18"/>
        <v/>
      </c>
      <c r="BL91" s="27" t="str">
        <f t="shared" si="18"/>
        <v/>
      </c>
      <c r="BM91" s="27" t="str">
        <f t="shared" si="18"/>
        <v/>
      </c>
      <c r="BN91" s="27" t="str">
        <f t="shared" si="18"/>
        <v/>
      </c>
      <c r="BO91" s="27" t="str">
        <f t="shared" si="18"/>
        <v/>
      </c>
      <c r="BP91" s="27" t="str">
        <f t="shared" si="18"/>
        <v/>
      </c>
      <c r="BQ91" s="27" t="str">
        <f t="shared" si="10"/>
        <v/>
      </c>
      <c r="BR91" s="27" t="str">
        <f t="shared" si="10"/>
        <v/>
      </c>
      <c r="BS91" s="27" t="str">
        <f t="shared" si="10"/>
        <v/>
      </c>
      <c r="BT91" s="27" t="str">
        <f t="shared" si="10"/>
        <v/>
      </c>
      <c r="BU91" s="27" t="str">
        <f t="shared" si="10"/>
        <v/>
      </c>
      <c r="BV91" s="27" t="str">
        <f t="shared" si="10"/>
        <v/>
      </c>
      <c r="BW91" s="27" t="str">
        <f t="shared" si="10"/>
        <v/>
      </c>
      <c r="BX91" s="27" t="str">
        <f t="shared" si="17"/>
        <v/>
      </c>
      <c r="BY91" s="27" t="str">
        <f t="shared" si="17"/>
        <v/>
      </c>
      <c r="BZ91" s="27" t="str">
        <f t="shared" si="17"/>
        <v/>
      </c>
      <c r="CA91" s="27" t="str">
        <f t="shared" si="17"/>
        <v/>
      </c>
      <c r="CB91" s="27" t="str">
        <f t="shared" si="17"/>
        <v/>
      </c>
      <c r="CC91" s="27" t="str">
        <f t="shared" si="17"/>
        <v/>
      </c>
      <c r="CD91" s="27" t="str">
        <f t="shared" si="7"/>
        <v/>
      </c>
      <c r="CE91" s="27" t="str">
        <f t="shared" si="7"/>
        <v/>
      </c>
      <c r="CF91" s="27" t="str">
        <f t="shared" si="7"/>
        <v/>
      </c>
      <c r="CG91" s="33"/>
      <c r="CH91" s="33"/>
      <c r="CI91" s="36"/>
    </row>
    <row r="92" spans="1:87" s="28" customFormat="1" ht="56.1" customHeight="1" x14ac:dyDescent="0.2">
      <c r="A92" s="22">
        <v>143</v>
      </c>
      <c r="B92" s="23" t="s">
        <v>53</v>
      </c>
      <c r="C92" s="35" t="s">
        <v>655</v>
      </c>
      <c r="D92" s="32" t="s">
        <v>830</v>
      </c>
      <c r="E92" s="32" t="s">
        <v>856</v>
      </c>
      <c r="F92" s="25" t="s">
        <v>857</v>
      </c>
      <c r="G92" s="32" t="s">
        <v>58</v>
      </c>
      <c r="H92" s="32" t="s">
        <v>27</v>
      </c>
      <c r="I92" s="32"/>
      <c r="J92" s="29" t="s">
        <v>77</v>
      </c>
      <c r="K92" s="32" t="s">
        <v>722</v>
      </c>
      <c r="L92" s="26" t="s">
        <v>63</v>
      </c>
      <c r="M92" s="26" t="s">
        <v>63</v>
      </c>
      <c r="N92" s="39">
        <v>76498.028749999998</v>
      </c>
      <c r="O92" s="33"/>
      <c r="P92" s="33"/>
      <c r="Q92" s="43">
        <f t="shared" si="15"/>
        <v>76498.028749999998</v>
      </c>
      <c r="R92" s="33"/>
      <c r="S92" s="33"/>
      <c r="T92" s="33"/>
      <c r="U92" s="33"/>
      <c r="V92" s="33"/>
      <c r="W92" s="33"/>
      <c r="X92" s="33"/>
      <c r="Y92" s="33"/>
      <c r="Z92" s="33"/>
      <c r="AA92" s="33"/>
      <c r="AB92" s="33"/>
      <c r="AC92" s="33"/>
      <c r="AD92" s="33"/>
      <c r="AE92" s="33"/>
      <c r="AF92" s="33"/>
      <c r="AG92" s="33"/>
      <c r="AH92" s="33"/>
      <c r="AI92" s="33"/>
      <c r="AJ92" s="33"/>
      <c r="AK92" s="33"/>
      <c r="AL92" s="33"/>
      <c r="AM92" s="33"/>
      <c r="AN92" s="33"/>
      <c r="AO92" s="33"/>
      <c r="AP92" s="33"/>
      <c r="AQ92" s="33"/>
      <c r="AR92" s="33"/>
      <c r="AS92" s="33"/>
      <c r="AT92" s="33"/>
      <c r="AU92" s="33"/>
      <c r="AV92" s="33"/>
      <c r="AW92" s="33"/>
      <c r="AX92" s="33"/>
      <c r="AY92" s="33"/>
      <c r="AZ92" s="58">
        <f t="shared" si="13"/>
        <v>0</v>
      </c>
      <c r="BA92" s="26" t="e">
        <f t="shared" si="14"/>
        <v>#DIV/0!</v>
      </c>
      <c r="BB92" s="27" t="str">
        <f t="shared" si="18"/>
        <v/>
      </c>
      <c r="BC92" s="27" t="str">
        <f t="shared" si="18"/>
        <v/>
      </c>
      <c r="BD92" s="27" t="str">
        <f t="shared" si="18"/>
        <v/>
      </c>
      <c r="BE92" s="27" t="str">
        <f t="shared" si="18"/>
        <v/>
      </c>
      <c r="BF92" s="27" t="str">
        <f t="shared" si="18"/>
        <v/>
      </c>
      <c r="BG92" s="27" t="str">
        <f t="shared" si="18"/>
        <v/>
      </c>
      <c r="BH92" s="27" t="str">
        <f t="shared" si="18"/>
        <v/>
      </c>
      <c r="BI92" s="27" t="str">
        <f t="shared" si="18"/>
        <v/>
      </c>
      <c r="BJ92" s="27" t="str">
        <f t="shared" si="18"/>
        <v/>
      </c>
      <c r="BK92" s="27" t="str">
        <f t="shared" si="18"/>
        <v/>
      </c>
      <c r="BL92" s="27" t="str">
        <f t="shared" si="18"/>
        <v/>
      </c>
      <c r="BM92" s="27" t="str">
        <f t="shared" si="18"/>
        <v/>
      </c>
      <c r="BN92" s="27" t="str">
        <f t="shared" si="18"/>
        <v/>
      </c>
      <c r="BO92" s="27" t="str">
        <f t="shared" si="18"/>
        <v/>
      </c>
      <c r="BP92" s="27" t="str">
        <f t="shared" si="18"/>
        <v/>
      </c>
      <c r="BQ92" s="27" t="str">
        <f t="shared" si="10"/>
        <v/>
      </c>
      <c r="BR92" s="27" t="str">
        <f t="shared" si="10"/>
        <v/>
      </c>
      <c r="BS92" s="27" t="str">
        <f t="shared" si="10"/>
        <v/>
      </c>
      <c r="BT92" s="27" t="str">
        <f t="shared" si="10"/>
        <v/>
      </c>
      <c r="BU92" s="27" t="str">
        <f t="shared" si="10"/>
        <v/>
      </c>
      <c r="BV92" s="27" t="str">
        <f t="shared" si="10"/>
        <v/>
      </c>
      <c r="BW92" s="27" t="str">
        <f t="shared" si="10"/>
        <v/>
      </c>
      <c r="BX92" s="27" t="str">
        <f t="shared" si="17"/>
        <v/>
      </c>
      <c r="BY92" s="27" t="str">
        <f t="shared" si="17"/>
        <v/>
      </c>
      <c r="BZ92" s="27" t="str">
        <f t="shared" si="17"/>
        <v/>
      </c>
      <c r="CA92" s="27" t="str">
        <f t="shared" si="17"/>
        <v/>
      </c>
      <c r="CB92" s="27" t="str">
        <f t="shared" si="17"/>
        <v/>
      </c>
      <c r="CC92" s="27" t="str">
        <f t="shared" si="17"/>
        <v/>
      </c>
      <c r="CD92" s="27" t="str">
        <f t="shared" si="7"/>
        <v/>
      </c>
      <c r="CE92" s="27" t="str">
        <f t="shared" si="7"/>
        <v/>
      </c>
      <c r="CF92" s="27" t="str">
        <f t="shared" si="7"/>
        <v/>
      </c>
      <c r="CG92" s="33"/>
      <c r="CH92" s="33"/>
      <c r="CI92" s="36"/>
    </row>
    <row r="93" spans="1:87" s="28" customFormat="1" ht="56.1" customHeight="1" x14ac:dyDescent="0.2">
      <c r="A93" s="22">
        <v>144</v>
      </c>
      <c r="B93" s="23" t="s">
        <v>53</v>
      </c>
      <c r="C93" s="35" t="s">
        <v>655</v>
      </c>
      <c r="D93" s="32" t="s">
        <v>830</v>
      </c>
      <c r="E93" s="32" t="s">
        <v>859</v>
      </c>
      <c r="F93" s="25" t="s">
        <v>2518</v>
      </c>
      <c r="G93" s="32" t="s">
        <v>58</v>
      </c>
      <c r="H93" s="32" t="s">
        <v>861</v>
      </c>
      <c r="I93" s="32"/>
      <c r="J93" s="29" t="s">
        <v>77</v>
      </c>
      <c r="K93" s="32" t="s">
        <v>722</v>
      </c>
      <c r="L93" s="26" t="s">
        <v>63</v>
      </c>
      <c r="M93" s="26" t="s">
        <v>63</v>
      </c>
      <c r="N93" s="39">
        <v>27713.936250000002</v>
      </c>
      <c r="O93" s="33"/>
      <c r="P93" s="33"/>
      <c r="Q93" s="43">
        <f t="shared" si="15"/>
        <v>27713.936250000002</v>
      </c>
      <c r="R93" s="33"/>
      <c r="S93" s="33"/>
      <c r="T93" s="33"/>
      <c r="U93" s="33"/>
      <c r="V93" s="33"/>
      <c r="W93" s="33"/>
      <c r="X93" s="33"/>
      <c r="Y93" s="33"/>
      <c r="Z93" s="33"/>
      <c r="AA93" s="33"/>
      <c r="AB93" s="33"/>
      <c r="AC93" s="33"/>
      <c r="AD93" s="33"/>
      <c r="AE93" s="33"/>
      <c r="AF93" s="33"/>
      <c r="AG93" s="33"/>
      <c r="AH93" s="33"/>
      <c r="AI93" s="33"/>
      <c r="AJ93" s="33"/>
      <c r="AK93" s="33"/>
      <c r="AL93" s="33"/>
      <c r="AM93" s="33"/>
      <c r="AN93" s="33"/>
      <c r="AO93" s="33"/>
      <c r="AP93" s="33"/>
      <c r="AQ93" s="33"/>
      <c r="AR93" s="33"/>
      <c r="AS93" s="33"/>
      <c r="AT93" s="33"/>
      <c r="AU93" s="33"/>
      <c r="AV93" s="33"/>
      <c r="AW93" s="33"/>
      <c r="AX93" s="33"/>
      <c r="AY93" s="33"/>
      <c r="AZ93" s="58">
        <f t="shared" si="13"/>
        <v>0</v>
      </c>
      <c r="BA93" s="26" t="e">
        <f t="shared" si="14"/>
        <v>#DIV/0!</v>
      </c>
      <c r="BB93" s="27" t="str">
        <f t="shared" si="18"/>
        <v/>
      </c>
      <c r="BC93" s="27" t="str">
        <f t="shared" si="18"/>
        <v/>
      </c>
      <c r="BD93" s="27" t="str">
        <f t="shared" si="18"/>
        <v/>
      </c>
      <c r="BE93" s="27" t="str">
        <f t="shared" si="18"/>
        <v/>
      </c>
      <c r="BF93" s="27" t="str">
        <f t="shared" si="18"/>
        <v/>
      </c>
      <c r="BG93" s="27" t="str">
        <f t="shared" si="18"/>
        <v/>
      </c>
      <c r="BH93" s="27" t="str">
        <f t="shared" si="18"/>
        <v/>
      </c>
      <c r="BI93" s="27" t="str">
        <f t="shared" si="18"/>
        <v/>
      </c>
      <c r="BJ93" s="27" t="str">
        <f t="shared" si="18"/>
        <v/>
      </c>
      <c r="BK93" s="27" t="str">
        <f t="shared" si="18"/>
        <v/>
      </c>
      <c r="BL93" s="27" t="str">
        <f t="shared" si="18"/>
        <v/>
      </c>
      <c r="BM93" s="27" t="str">
        <f t="shared" si="18"/>
        <v/>
      </c>
      <c r="BN93" s="27" t="str">
        <f t="shared" si="18"/>
        <v/>
      </c>
      <c r="BO93" s="27" t="str">
        <f t="shared" si="18"/>
        <v/>
      </c>
      <c r="BP93" s="27" t="str">
        <f t="shared" si="18"/>
        <v/>
      </c>
      <c r="BQ93" s="27" t="str">
        <f t="shared" si="10"/>
        <v/>
      </c>
      <c r="BR93" s="27" t="str">
        <f t="shared" si="10"/>
        <v/>
      </c>
      <c r="BS93" s="27" t="str">
        <f t="shared" si="10"/>
        <v/>
      </c>
      <c r="BT93" s="27" t="str">
        <f t="shared" si="10"/>
        <v/>
      </c>
      <c r="BU93" s="27" t="str">
        <f t="shared" si="10"/>
        <v/>
      </c>
      <c r="BV93" s="27" t="str">
        <f t="shared" si="10"/>
        <v/>
      </c>
      <c r="BW93" s="27" t="str">
        <f t="shared" si="10"/>
        <v/>
      </c>
      <c r="BX93" s="27" t="str">
        <f t="shared" si="17"/>
        <v/>
      </c>
      <c r="BY93" s="27" t="str">
        <f t="shared" si="17"/>
        <v/>
      </c>
      <c r="BZ93" s="27" t="str">
        <f t="shared" si="17"/>
        <v/>
      </c>
      <c r="CA93" s="27" t="str">
        <f t="shared" si="17"/>
        <v/>
      </c>
      <c r="CB93" s="27" t="str">
        <f t="shared" si="17"/>
        <v/>
      </c>
      <c r="CC93" s="27" t="str">
        <f t="shared" si="17"/>
        <v/>
      </c>
      <c r="CD93" s="27" t="str">
        <f t="shared" si="7"/>
        <v/>
      </c>
      <c r="CE93" s="27" t="str">
        <f t="shared" si="7"/>
        <v/>
      </c>
      <c r="CF93" s="27" t="str">
        <f t="shared" si="7"/>
        <v/>
      </c>
      <c r="CG93" s="33"/>
      <c r="CH93" s="33"/>
      <c r="CI93" s="36"/>
    </row>
    <row r="94" spans="1:87" s="28" customFormat="1" ht="56.1" customHeight="1" x14ac:dyDescent="0.2">
      <c r="A94" s="22">
        <v>145</v>
      </c>
      <c r="B94" s="23" t="s">
        <v>53</v>
      </c>
      <c r="C94" s="35" t="s">
        <v>655</v>
      </c>
      <c r="D94" s="32" t="s">
        <v>830</v>
      </c>
      <c r="E94" s="32" t="s">
        <v>862</v>
      </c>
      <c r="F94" s="25" t="s">
        <v>863</v>
      </c>
      <c r="G94" s="32" t="s">
        <v>58</v>
      </c>
      <c r="H94" s="32" t="s">
        <v>833</v>
      </c>
      <c r="I94" s="32"/>
      <c r="J94" s="29" t="s">
        <v>77</v>
      </c>
      <c r="K94" s="32" t="s">
        <v>722</v>
      </c>
      <c r="L94" s="26" t="s">
        <v>63</v>
      </c>
      <c r="M94" s="26" t="s">
        <v>63</v>
      </c>
      <c r="N94" s="39">
        <v>207617.61109375002</v>
      </c>
      <c r="O94" s="33"/>
      <c r="P94" s="33"/>
      <c r="Q94" s="43">
        <f t="shared" si="15"/>
        <v>207617.61109375002</v>
      </c>
      <c r="R94" s="33"/>
      <c r="S94" s="33"/>
      <c r="T94" s="33"/>
      <c r="U94" s="33"/>
      <c r="V94" s="33"/>
      <c r="W94" s="33"/>
      <c r="X94" s="33"/>
      <c r="Y94" s="33"/>
      <c r="Z94" s="33"/>
      <c r="AA94" s="33"/>
      <c r="AB94" s="33"/>
      <c r="AC94" s="33"/>
      <c r="AD94" s="33"/>
      <c r="AE94" s="33"/>
      <c r="AF94" s="33"/>
      <c r="AG94" s="33"/>
      <c r="AH94" s="33"/>
      <c r="AI94" s="33"/>
      <c r="AJ94" s="33"/>
      <c r="AK94" s="33"/>
      <c r="AL94" s="33"/>
      <c r="AM94" s="33"/>
      <c r="AN94" s="33"/>
      <c r="AO94" s="33"/>
      <c r="AP94" s="33"/>
      <c r="AQ94" s="33"/>
      <c r="AR94" s="33"/>
      <c r="AS94" s="33"/>
      <c r="AT94" s="33"/>
      <c r="AU94" s="33"/>
      <c r="AV94" s="33"/>
      <c r="AW94" s="33"/>
      <c r="AX94" s="33"/>
      <c r="AY94" s="33"/>
      <c r="AZ94" s="58">
        <f t="shared" si="13"/>
        <v>0</v>
      </c>
      <c r="BA94" s="26" t="e">
        <f t="shared" si="14"/>
        <v>#DIV/0!</v>
      </c>
      <c r="BB94" s="27" t="str">
        <f t="shared" si="18"/>
        <v/>
      </c>
      <c r="BC94" s="27" t="str">
        <f t="shared" si="18"/>
        <v/>
      </c>
      <c r="BD94" s="27" t="str">
        <f t="shared" si="18"/>
        <v/>
      </c>
      <c r="BE94" s="27" t="str">
        <f t="shared" si="18"/>
        <v/>
      </c>
      <c r="BF94" s="27" t="str">
        <f t="shared" si="18"/>
        <v/>
      </c>
      <c r="BG94" s="27" t="str">
        <f t="shared" si="18"/>
        <v/>
      </c>
      <c r="BH94" s="27" t="str">
        <f t="shared" si="18"/>
        <v/>
      </c>
      <c r="BI94" s="27" t="str">
        <f t="shared" si="18"/>
        <v/>
      </c>
      <c r="BJ94" s="27" t="str">
        <f t="shared" si="18"/>
        <v/>
      </c>
      <c r="BK94" s="27" t="str">
        <f t="shared" si="18"/>
        <v/>
      </c>
      <c r="BL94" s="27" t="str">
        <f t="shared" si="18"/>
        <v/>
      </c>
      <c r="BM94" s="27" t="str">
        <f t="shared" si="18"/>
        <v/>
      </c>
      <c r="BN94" s="27" t="str">
        <f t="shared" si="18"/>
        <v/>
      </c>
      <c r="BO94" s="27" t="str">
        <f t="shared" si="18"/>
        <v/>
      </c>
      <c r="BP94" s="27" t="str">
        <f t="shared" si="18"/>
        <v/>
      </c>
      <c r="BQ94" s="27" t="str">
        <f t="shared" si="10"/>
        <v/>
      </c>
      <c r="BR94" s="27" t="str">
        <f t="shared" si="10"/>
        <v/>
      </c>
      <c r="BS94" s="27" t="str">
        <f t="shared" si="10"/>
        <v/>
      </c>
      <c r="BT94" s="27" t="str">
        <f t="shared" si="10"/>
        <v/>
      </c>
      <c r="BU94" s="27" t="str">
        <f t="shared" si="10"/>
        <v/>
      </c>
      <c r="BV94" s="27" t="str">
        <f t="shared" si="10"/>
        <v/>
      </c>
      <c r="BW94" s="27" t="str">
        <f t="shared" si="10"/>
        <v/>
      </c>
      <c r="BX94" s="27" t="str">
        <f t="shared" si="17"/>
        <v/>
      </c>
      <c r="BY94" s="27" t="str">
        <f t="shared" si="17"/>
        <v/>
      </c>
      <c r="BZ94" s="27" t="str">
        <f t="shared" si="17"/>
        <v/>
      </c>
      <c r="CA94" s="27" t="str">
        <f t="shared" si="17"/>
        <v/>
      </c>
      <c r="CB94" s="27" t="str">
        <f t="shared" si="17"/>
        <v/>
      </c>
      <c r="CC94" s="27" t="str">
        <f t="shared" si="17"/>
        <v/>
      </c>
      <c r="CD94" s="27" t="str">
        <f t="shared" si="7"/>
        <v/>
      </c>
      <c r="CE94" s="27" t="str">
        <f t="shared" si="7"/>
        <v/>
      </c>
      <c r="CF94" s="27" t="str">
        <f t="shared" si="7"/>
        <v/>
      </c>
      <c r="CG94" s="33"/>
      <c r="CH94" s="33"/>
      <c r="CI94" s="36"/>
    </row>
    <row r="95" spans="1:87" s="28" customFormat="1" ht="56.1" customHeight="1" x14ac:dyDescent="0.2">
      <c r="A95" s="22">
        <v>146</v>
      </c>
      <c r="B95" s="23" t="s">
        <v>1587</v>
      </c>
      <c r="C95" s="35" t="s">
        <v>655</v>
      </c>
      <c r="D95" s="32" t="s">
        <v>830</v>
      </c>
      <c r="E95" s="32" t="s">
        <v>865</v>
      </c>
      <c r="F95" s="25" t="s">
        <v>2519</v>
      </c>
      <c r="G95" s="32" t="s">
        <v>58</v>
      </c>
      <c r="H95" s="32" t="s">
        <v>867</v>
      </c>
      <c r="I95" s="32"/>
      <c r="J95" s="29" t="s">
        <v>77</v>
      </c>
      <c r="K95" s="32" t="s">
        <v>834</v>
      </c>
      <c r="L95" s="26" t="s">
        <v>63</v>
      </c>
      <c r="M95" s="26" t="s">
        <v>63</v>
      </c>
      <c r="N95" s="39">
        <v>324554.40874999994</v>
      </c>
      <c r="O95" s="33"/>
      <c r="P95" s="33"/>
      <c r="Q95" s="43">
        <f t="shared" si="15"/>
        <v>324554.40874999994</v>
      </c>
      <c r="R95" s="33"/>
      <c r="S95" s="33"/>
      <c r="T95" s="33"/>
      <c r="U95" s="33"/>
      <c r="V95" s="33"/>
      <c r="W95" s="33"/>
      <c r="X95" s="33"/>
      <c r="Y95" s="33"/>
      <c r="Z95" s="33"/>
      <c r="AA95" s="33"/>
      <c r="AB95" s="33"/>
      <c r="AC95" s="33"/>
      <c r="AD95" s="33"/>
      <c r="AE95" s="33"/>
      <c r="AF95" s="33"/>
      <c r="AG95" s="33"/>
      <c r="AH95" s="33"/>
      <c r="AI95" s="33"/>
      <c r="AJ95" s="33"/>
      <c r="AK95" s="33"/>
      <c r="AL95" s="33"/>
      <c r="AM95" s="33"/>
      <c r="AN95" s="33"/>
      <c r="AO95" s="33"/>
      <c r="AP95" s="33"/>
      <c r="AQ95" s="33"/>
      <c r="AR95" s="33"/>
      <c r="AS95" s="33"/>
      <c r="AT95" s="33"/>
      <c r="AU95" s="33"/>
      <c r="AV95" s="33"/>
      <c r="AW95" s="33"/>
      <c r="AX95" s="33"/>
      <c r="AY95" s="33"/>
      <c r="AZ95" s="58">
        <f t="shared" si="13"/>
        <v>0</v>
      </c>
      <c r="BA95" s="26" t="e">
        <f t="shared" si="14"/>
        <v>#DIV/0!</v>
      </c>
      <c r="BB95" s="27" t="str">
        <f t="shared" si="18"/>
        <v/>
      </c>
      <c r="BC95" s="27" t="str">
        <f t="shared" si="18"/>
        <v/>
      </c>
      <c r="BD95" s="27" t="str">
        <f t="shared" si="18"/>
        <v/>
      </c>
      <c r="BE95" s="27" t="str">
        <f t="shared" si="18"/>
        <v/>
      </c>
      <c r="BF95" s="27" t="str">
        <f t="shared" si="18"/>
        <v/>
      </c>
      <c r="BG95" s="27" t="str">
        <f t="shared" si="18"/>
        <v/>
      </c>
      <c r="BH95" s="27" t="str">
        <f t="shared" si="18"/>
        <v/>
      </c>
      <c r="BI95" s="27" t="str">
        <f t="shared" si="18"/>
        <v/>
      </c>
      <c r="BJ95" s="27" t="str">
        <f t="shared" si="18"/>
        <v/>
      </c>
      <c r="BK95" s="27" t="str">
        <f t="shared" si="18"/>
        <v/>
      </c>
      <c r="BL95" s="27" t="str">
        <f t="shared" si="18"/>
        <v/>
      </c>
      <c r="BM95" s="27" t="str">
        <f t="shared" si="18"/>
        <v/>
      </c>
      <c r="BN95" s="27" t="str">
        <f t="shared" si="18"/>
        <v/>
      </c>
      <c r="BO95" s="27" t="str">
        <f t="shared" si="18"/>
        <v/>
      </c>
      <c r="BP95" s="27" t="str">
        <f t="shared" si="18"/>
        <v/>
      </c>
      <c r="BQ95" s="27" t="str">
        <f t="shared" si="10"/>
        <v/>
      </c>
      <c r="BR95" s="27" t="str">
        <f t="shared" si="10"/>
        <v/>
      </c>
      <c r="BS95" s="27" t="str">
        <f t="shared" si="10"/>
        <v/>
      </c>
      <c r="BT95" s="27" t="str">
        <f t="shared" si="10"/>
        <v/>
      </c>
      <c r="BU95" s="27" t="str">
        <f t="shared" si="10"/>
        <v/>
      </c>
      <c r="BV95" s="27" t="str">
        <f t="shared" si="10"/>
        <v/>
      </c>
      <c r="BW95" s="27" t="str">
        <f t="shared" si="10"/>
        <v/>
      </c>
      <c r="BX95" s="27" t="str">
        <f t="shared" si="17"/>
        <v/>
      </c>
      <c r="BY95" s="27" t="str">
        <f t="shared" si="17"/>
        <v/>
      </c>
      <c r="BZ95" s="27" t="str">
        <f t="shared" si="17"/>
        <v/>
      </c>
      <c r="CA95" s="27" t="str">
        <f t="shared" si="17"/>
        <v/>
      </c>
      <c r="CB95" s="27" t="str">
        <f t="shared" si="17"/>
        <v/>
      </c>
      <c r="CC95" s="27" t="str">
        <f t="shared" si="17"/>
        <v/>
      </c>
      <c r="CD95" s="27" t="str">
        <f t="shared" si="7"/>
        <v/>
      </c>
      <c r="CE95" s="27" t="str">
        <f t="shared" si="7"/>
        <v/>
      </c>
      <c r="CF95" s="27" t="str">
        <f t="shared" si="7"/>
        <v/>
      </c>
      <c r="CG95" s="33"/>
      <c r="CH95" s="33"/>
      <c r="CI95" s="36"/>
    </row>
    <row r="96" spans="1:87" s="28" customFormat="1" ht="56.1" customHeight="1" x14ac:dyDescent="0.2">
      <c r="A96" s="22">
        <v>147</v>
      </c>
      <c r="B96" s="23" t="s">
        <v>869</v>
      </c>
      <c r="C96" s="35" t="s">
        <v>655</v>
      </c>
      <c r="D96" s="32" t="s">
        <v>900</v>
      </c>
      <c r="E96" s="32" t="s">
        <v>2520</v>
      </c>
      <c r="F96" s="25" t="s">
        <v>2521</v>
      </c>
      <c r="G96" s="32" t="s">
        <v>58</v>
      </c>
      <c r="H96" s="32" t="s">
        <v>846</v>
      </c>
      <c r="I96" s="32"/>
      <c r="J96" s="29" t="s">
        <v>77</v>
      </c>
      <c r="K96" s="32" t="s">
        <v>834</v>
      </c>
      <c r="L96" s="26" t="s">
        <v>63</v>
      </c>
      <c r="M96" s="26" t="s">
        <v>63</v>
      </c>
      <c r="N96" s="39"/>
      <c r="O96" s="33"/>
      <c r="P96" s="33"/>
      <c r="Q96" s="43">
        <f t="shared" si="15"/>
        <v>0</v>
      </c>
      <c r="R96" s="33"/>
      <c r="S96" s="33"/>
      <c r="T96" s="33"/>
      <c r="U96" s="33"/>
      <c r="V96" s="33"/>
      <c r="W96" s="33"/>
      <c r="X96" s="33"/>
      <c r="Y96" s="33"/>
      <c r="Z96" s="33"/>
      <c r="AA96" s="33"/>
      <c r="AB96" s="33"/>
      <c r="AC96" s="33"/>
      <c r="AD96" s="33"/>
      <c r="AE96" s="33"/>
      <c r="AF96" s="33"/>
      <c r="AG96" s="33"/>
      <c r="AH96" s="33"/>
      <c r="AI96" s="33"/>
      <c r="AJ96" s="33"/>
      <c r="AK96" s="33"/>
      <c r="AL96" s="33"/>
      <c r="AM96" s="33"/>
      <c r="AN96" s="33"/>
      <c r="AO96" s="33"/>
      <c r="AP96" s="33"/>
      <c r="AQ96" s="33"/>
      <c r="AR96" s="33"/>
      <c r="AS96" s="33"/>
      <c r="AT96" s="33"/>
      <c r="AU96" s="33"/>
      <c r="AV96" s="33"/>
      <c r="AW96" s="33"/>
      <c r="AX96" s="33"/>
      <c r="AY96" s="33"/>
      <c r="AZ96" s="58">
        <f t="shared" si="13"/>
        <v>0</v>
      </c>
      <c r="BA96" s="26" t="e">
        <f t="shared" si="14"/>
        <v>#DIV/0!</v>
      </c>
      <c r="BB96" s="27" t="str">
        <f t="shared" si="18"/>
        <v/>
      </c>
      <c r="BC96" s="27" t="str">
        <f t="shared" si="18"/>
        <v/>
      </c>
      <c r="BD96" s="27" t="str">
        <f t="shared" si="18"/>
        <v/>
      </c>
      <c r="BE96" s="27" t="str">
        <f t="shared" si="18"/>
        <v/>
      </c>
      <c r="BF96" s="27" t="str">
        <f t="shared" si="18"/>
        <v/>
      </c>
      <c r="BG96" s="27" t="str">
        <f t="shared" si="18"/>
        <v/>
      </c>
      <c r="BH96" s="27" t="str">
        <f t="shared" si="18"/>
        <v/>
      </c>
      <c r="BI96" s="27" t="str">
        <f t="shared" si="18"/>
        <v/>
      </c>
      <c r="BJ96" s="27" t="str">
        <f t="shared" si="18"/>
        <v/>
      </c>
      <c r="BK96" s="27" t="str">
        <f t="shared" si="18"/>
        <v/>
      </c>
      <c r="BL96" s="27" t="str">
        <f t="shared" si="18"/>
        <v/>
      </c>
      <c r="BM96" s="27" t="str">
        <f t="shared" si="18"/>
        <v/>
      </c>
      <c r="BN96" s="27" t="str">
        <f t="shared" si="18"/>
        <v/>
      </c>
      <c r="BO96" s="27" t="str">
        <f t="shared" si="18"/>
        <v/>
      </c>
      <c r="BP96" s="27" t="str">
        <f t="shared" si="18"/>
        <v/>
      </c>
      <c r="BQ96" s="27" t="str">
        <f t="shared" si="10"/>
        <v/>
      </c>
      <c r="BR96" s="27" t="str">
        <f t="shared" si="10"/>
        <v/>
      </c>
      <c r="BS96" s="27" t="str">
        <f t="shared" si="10"/>
        <v/>
      </c>
      <c r="BT96" s="27" t="str">
        <f t="shared" si="10"/>
        <v/>
      </c>
      <c r="BU96" s="27" t="str">
        <f t="shared" si="10"/>
        <v/>
      </c>
      <c r="BV96" s="27" t="str">
        <f t="shared" si="10"/>
        <v/>
      </c>
      <c r="BW96" s="27" t="str">
        <f t="shared" si="10"/>
        <v/>
      </c>
      <c r="BX96" s="27" t="str">
        <f t="shared" si="17"/>
        <v/>
      </c>
      <c r="BY96" s="27" t="str">
        <f t="shared" si="17"/>
        <v/>
      </c>
      <c r="BZ96" s="27" t="str">
        <f t="shared" si="17"/>
        <v/>
      </c>
      <c r="CA96" s="27" t="str">
        <f t="shared" si="17"/>
        <v/>
      </c>
      <c r="CB96" s="27" t="str">
        <f t="shared" si="17"/>
        <v/>
      </c>
      <c r="CC96" s="27" t="str">
        <f t="shared" si="17"/>
        <v/>
      </c>
      <c r="CD96" s="27" t="str">
        <f t="shared" si="7"/>
        <v/>
      </c>
      <c r="CE96" s="27" t="str">
        <f t="shared" si="7"/>
        <v/>
      </c>
      <c r="CF96" s="27" t="str">
        <f t="shared" si="7"/>
        <v/>
      </c>
      <c r="CG96" s="33"/>
      <c r="CH96" s="33"/>
      <c r="CI96" s="36"/>
    </row>
    <row r="97" spans="1:87" s="28" customFormat="1" ht="56.1" customHeight="1" x14ac:dyDescent="0.2">
      <c r="A97" s="22">
        <v>148</v>
      </c>
      <c r="B97" s="23" t="s">
        <v>53</v>
      </c>
      <c r="C97" s="35" t="s">
        <v>655</v>
      </c>
      <c r="D97" s="32" t="s">
        <v>870</v>
      </c>
      <c r="E97" s="32" t="s">
        <v>2522</v>
      </c>
      <c r="F97" s="25" t="s">
        <v>2523</v>
      </c>
      <c r="G97" s="32" t="s">
        <v>58</v>
      </c>
      <c r="H97" s="32" t="s">
        <v>833</v>
      </c>
      <c r="I97" s="32"/>
      <c r="J97" s="29" t="s">
        <v>77</v>
      </c>
      <c r="K97" s="32" t="s">
        <v>834</v>
      </c>
      <c r="L97" s="26" t="s">
        <v>63</v>
      </c>
      <c r="M97" s="26" t="s">
        <v>63</v>
      </c>
      <c r="N97" s="39">
        <v>40080.247349999998</v>
      </c>
      <c r="O97" s="33"/>
      <c r="P97" s="33"/>
      <c r="Q97" s="43">
        <f t="shared" si="15"/>
        <v>40080.247349999998</v>
      </c>
      <c r="R97" s="33"/>
      <c r="S97" s="33"/>
      <c r="T97" s="33"/>
      <c r="U97" s="33"/>
      <c r="V97" s="33"/>
      <c r="W97" s="33"/>
      <c r="X97" s="33"/>
      <c r="Y97" s="33"/>
      <c r="Z97" s="33"/>
      <c r="AA97" s="33"/>
      <c r="AB97" s="33"/>
      <c r="AC97" s="33"/>
      <c r="AD97" s="33"/>
      <c r="AE97" s="33"/>
      <c r="AF97" s="33"/>
      <c r="AG97" s="33"/>
      <c r="AH97" s="33"/>
      <c r="AI97" s="33"/>
      <c r="AJ97" s="33"/>
      <c r="AK97" s="33"/>
      <c r="AL97" s="33"/>
      <c r="AM97" s="33"/>
      <c r="AN97" s="33"/>
      <c r="AO97" s="33"/>
      <c r="AP97" s="33"/>
      <c r="AQ97" s="33"/>
      <c r="AR97" s="33"/>
      <c r="AS97" s="33"/>
      <c r="AT97" s="33"/>
      <c r="AU97" s="33"/>
      <c r="AV97" s="33"/>
      <c r="AW97" s="33"/>
      <c r="AX97" s="33"/>
      <c r="AY97" s="33"/>
      <c r="AZ97" s="58">
        <f t="shared" si="13"/>
        <v>0</v>
      </c>
      <c r="BA97" s="26" t="e">
        <f t="shared" si="14"/>
        <v>#DIV/0!</v>
      </c>
      <c r="BB97" s="27" t="str">
        <f t="shared" si="18"/>
        <v/>
      </c>
      <c r="BC97" s="27" t="str">
        <f t="shared" si="18"/>
        <v/>
      </c>
      <c r="BD97" s="27" t="str">
        <f t="shared" si="18"/>
        <v/>
      </c>
      <c r="BE97" s="27" t="str">
        <f t="shared" si="18"/>
        <v/>
      </c>
      <c r="BF97" s="27" t="str">
        <f t="shared" si="18"/>
        <v/>
      </c>
      <c r="BG97" s="27" t="str">
        <f t="shared" si="18"/>
        <v/>
      </c>
      <c r="BH97" s="27" t="str">
        <f t="shared" si="18"/>
        <v/>
      </c>
      <c r="BI97" s="27" t="str">
        <f t="shared" si="18"/>
        <v/>
      </c>
      <c r="BJ97" s="27" t="str">
        <f t="shared" si="18"/>
        <v/>
      </c>
      <c r="BK97" s="27" t="str">
        <f t="shared" si="18"/>
        <v/>
      </c>
      <c r="BL97" s="27" t="str">
        <f t="shared" si="18"/>
        <v/>
      </c>
      <c r="BM97" s="27" t="str">
        <f t="shared" si="18"/>
        <v/>
      </c>
      <c r="BN97" s="27" t="str">
        <f t="shared" si="18"/>
        <v/>
      </c>
      <c r="BO97" s="27" t="str">
        <f t="shared" si="18"/>
        <v/>
      </c>
      <c r="BP97" s="27" t="str">
        <f t="shared" si="18"/>
        <v/>
      </c>
      <c r="BQ97" s="27" t="str">
        <f t="shared" si="10"/>
        <v/>
      </c>
      <c r="BR97" s="27" t="str">
        <f t="shared" si="10"/>
        <v/>
      </c>
      <c r="BS97" s="27" t="str">
        <f t="shared" si="10"/>
        <v/>
      </c>
      <c r="BT97" s="27" t="str">
        <f t="shared" si="10"/>
        <v/>
      </c>
      <c r="BU97" s="27" t="str">
        <f t="shared" si="10"/>
        <v/>
      </c>
      <c r="BV97" s="27" t="str">
        <f t="shared" si="10"/>
        <v/>
      </c>
      <c r="BW97" s="27" t="str">
        <f t="shared" si="10"/>
        <v/>
      </c>
      <c r="BX97" s="27" t="str">
        <f t="shared" si="17"/>
        <v/>
      </c>
      <c r="BY97" s="27" t="str">
        <f t="shared" si="17"/>
        <v/>
      </c>
      <c r="BZ97" s="27" t="str">
        <f t="shared" si="17"/>
        <v/>
      </c>
      <c r="CA97" s="27" t="str">
        <f t="shared" si="17"/>
        <v/>
      </c>
      <c r="CB97" s="27" t="str">
        <f t="shared" si="17"/>
        <v/>
      </c>
      <c r="CC97" s="27" t="str">
        <f t="shared" si="17"/>
        <v/>
      </c>
      <c r="CD97" s="27" t="str">
        <f t="shared" si="7"/>
        <v/>
      </c>
      <c r="CE97" s="27" t="str">
        <f t="shared" si="7"/>
        <v/>
      </c>
      <c r="CF97" s="27" t="str">
        <f t="shared" si="7"/>
        <v/>
      </c>
      <c r="CG97" s="33"/>
      <c r="CH97" s="33"/>
      <c r="CI97" s="36"/>
    </row>
    <row r="98" spans="1:87" s="28" customFormat="1" ht="56.1" customHeight="1" x14ac:dyDescent="0.2">
      <c r="A98" s="22">
        <v>149</v>
      </c>
      <c r="B98" s="23" t="s">
        <v>53</v>
      </c>
      <c r="C98" s="35" t="s">
        <v>655</v>
      </c>
      <c r="D98" s="32" t="s">
        <v>870</v>
      </c>
      <c r="E98" s="32" t="s">
        <v>873</v>
      </c>
      <c r="F98" s="25" t="s">
        <v>2524</v>
      </c>
      <c r="G98" s="32" t="s">
        <v>58</v>
      </c>
      <c r="H98" s="32" t="s">
        <v>833</v>
      </c>
      <c r="I98" s="32"/>
      <c r="J98" s="29" t="s">
        <v>77</v>
      </c>
      <c r="K98" s="32" t="s">
        <v>834</v>
      </c>
      <c r="L98" s="26" t="s">
        <v>63</v>
      </c>
      <c r="M98" s="26" t="s">
        <v>63</v>
      </c>
      <c r="N98" s="39">
        <v>44337.52895</v>
      </c>
      <c r="O98" s="33"/>
      <c r="P98" s="33"/>
      <c r="Q98" s="43">
        <f t="shared" si="15"/>
        <v>44337.52895</v>
      </c>
      <c r="R98" s="33"/>
      <c r="S98" s="33"/>
      <c r="T98" s="33"/>
      <c r="U98" s="33"/>
      <c r="V98" s="33"/>
      <c r="W98" s="33"/>
      <c r="X98" s="33"/>
      <c r="Y98" s="33"/>
      <c r="Z98" s="33"/>
      <c r="AA98" s="33"/>
      <c r="AB98" s="33"/>
      <c r="AC98" s="33"/>
      <c r="AD98" s="33"/>
      <c r="AE98" s="33"/>
      <c r="AF98" s="33"/>
      <c r="AG98" s="33"/>
      <c r="AH98" s="33"/>
      <c r="AI98" s="33"/>
      <c r="AJ98" s="33"/>
      <c r="AK98" s="33"/>
      <c r="AL98" s="33"/>
      <c r="AM98" s="33"/>
      <c r="AN98" s="33"/>
      <c r="AO98" s="33"/>
      <c r="AP98" s="33"/>
      <c r="AQ98" s="33"/>
      <c r="AR98" s="33"/>
      <c r="AS98" s="33"/>
      <c r="AT98" s="33"/>
      <c r="AU98" s="33"/>
      <c r="AV98" s="33"/>
      <c r="AW98" s="33"/>
      <c r="AX98" s="33"/>
      <c r="AY98" s="33"/>
      <c r="AZ98" s="58">
        <f t="shared" si="13"/>
        <v>0</v>
      </c>
      <c r="BA98" s="26" t="e">
        <f t="shared" si="14"/>
        <v>#DIV/0!</v>
      </c>
      <c r="BB98" s="27" t="str">
        <f t="shared" si="18"/>
        <v/>
      </c>
      <c r="BC98" s="27" t="str">
        <f t="shared" si="18"/>
        <v/>
      </c>
      <c r="BD98" s="27" t="str">
        <f t="shared" si="18"/>
        <v/>
      </c>
      <c r="BE98" s="27" t="str">
        <f t="shared" si="18"/>
        <v/>
      </c>
      <c r="BF98" s="27" t="str">
        <f t="shared" si="18"/>
        <v/>
      </c>
      <c r="BG98" s="27" t="str">
        <f t="shared" si="18"/>
        <v/>
      </c>
      <c r="BH98" s="27" t="str">
        <f t="shared" si="18"/>
        <v/>
      </c>
      <c r="BI98" s="27" t="str">
        <f t="shared" si="18"/>
        <v/>
      </c>
      <c r="BJ98" s="27" t="str">
        <f t="shared" si="18"/>
        <v/>
      </c>
      <c r="BK98" s="27" t="str">
        <f t="shared" si="18"/>
        <v/>
      </c>
      <c r="BL98" s="27" t="str">
        <f t="shared" si="18"/>
        <v/>
      </c>
      <c r="BM98" s="27" t="str">
        <f t="shared" si="18"/>
        <v/>
      </c>
      <c r="BN98" s="27" t="str">
        <f t="shared" si="18"/>
        <v/>
      </c>
      <c r="BO98" s="27" t="str">
        <f t="shared" si="18"/>
        <v/>
      </c>
      <c r="BP98" s="27" t="str">
        <f t="shared" si="18"/>
        <v/>
      </c>
      <c r="BQ98" s="27" t="str">
        <f t="shared" si="10"/>
        <v/>
      </c>
      <c r="BR98" s="27" t="str">
        <f t="shared" si="10"/>
        <v/>
      </c>
      <c r="BS98" s="27" t="str">
        <f t="shared" si="10"/>
        <v/>
      </c>
      <c r="BT98" s="27" t="str">
        <f t="shared" si="10"/>
        <v/>
      </c>
      <c r="BU98" s="27" t="str">
        <f t="shared" si="10"/>
        <v/>
      </c>
      <c r="BV98" s="27" t="str">
        <f t="shared" si="10"/>
        <v/>
      </c>
      <c r="BW98" s="27" t="str">
        <f t="shared" si="10"/>
        <v/>
      </c>
      <c r="BX98" s="27" t="str">
        <f t="shared" si="17"/>
        <v/>
      </c>
      <c r="BY98" s="27" t="str">
        <f t="shared" si="17"/>
        <v/>
      </c>
      <c r="BZ98" s="27" t="str">
        <f t="shared" si="17"/>
        <v/>
      </c>
      <c r="CA98" s="27" t="str">
        <f t="shared" si="17"/>
        <v/>
      </c>
      <c r="CB98" s="27" t="str">
        <f t="shared" si="17"/>
        <v/>
      </c>
      <c r="CC98" s="27" t="str">
        <f t="shared" si="17"/>
        <v/>
      </c>
      <c r="CD98" s="27" t="str">
        <f t="shared" si="7"/>
        <v/>
      </c>
      <c r="CE98" s="27" t="str">
        <f t="shared" si="7"/>
        <v/>
      </c>
      <c r="CF98" s="27" t="str">
        <f t="shared" si="7"/>
        <v/>
      </c>
      <c r="CG98" s="33"/>
      <c r="CH98" s="33"/>
      <c r="CI98" s="36"/>
    </row>
    <row r="99" spans="1:87" s="28" customFormat="1" ht="56.1" customHeight="1" x14ac:dyDescent="0.2">
      <c r="A99" s="22">
        <v>150</v>
      </c>
      <c r="B99" s="23" t="s">
        <v>53</v>
      </c>
      <c r="C99" s="35" t="s">
        <v>655</v>
      </c>
      <c r="D99" s="32" t="s">
        <v>870</v>
      </c>
      <c r="E99" s="32" t="s">
        <v>2525</v>
      </c>
      <c r="F99" s="25" t="s">
        <v>2526</v>
      </c>
      <c r="G99" s="32" t="s">
        <v>58</v>
      </c>
      <c r="H99" s="32"/>
      <c r="I99" s="32"/>
      <c r="J99" s="29" t="s">
        <v>77</v>
      </c>
      <c r="K99" s="32" t="s">
        <v>834</v>
      </c>
      <c r="L99" s="26" t="s">
        <v>63</v>
      </c>
      <c r="M99" s="26" t="s">
        <v>63</v>
      </c>
      <c r="N99" s="39">
        <v>71266.216450000007</v>
      </c>
      <c r="O99" s="33"/>
      <c r="P99" s="33"/>
      <c r="Q99" s="43">
        <f t="shared" si="15"/>
        <v>71266.216450000007</v>
      </c>
      <c r="R99" s="33"/>
      <c r="S99" s="33"/>
      <c r="T99" s="33"/>
      <c r="U99" s="33"/>
      <c r="V99" s="33"/>
      <c r="W99" s="33"/>
      <c r="X99" s="33"/>
      <c r="Y99" s="33"/>
      <c r="Z99" s="33"/>
      <c r="AA99" s="33"/>
      <c r="AB99" s="33"/>
      <c r="AC99" s="33"/>
      <c r="AD99" s="33"/>
      <c r="AE99" s="33"/>
      <c r="AF99" s="33"/>
      <c r="AG99" s="33"/>
      <c r="AH99" s="33"/>
      <c r="AI99" s="33"/>
      <c r="AJ99" s="33"/>
      <c r="AK99" s="33"/>
      <c r="AL99" s="33"/>
      <c r="AM99" s="33"/>
      <c r="AN99" s="33"/>
      <c r="AO99" s="33"/>
      <c r="AP99" s="33"/>
      <c r="AQ99" s="33"/>
      <c r="AR99" s="33"/>
      <c r="AS99" s="33"/>
      <c r="AT99" s="33"/>
      <c r="AU99" s="33"/>
      <c r="AV99" s="33"/>
      <c r="AW99" s="33"/>
      <c r="AX99" s="33"/>
      <c r="AY99" s="33"/>
      <c r="AZ99" s="58">
        <f t="shared" si="13"/>
        <v>0</v>
      </c>
      <c r="BA99" s="26" t="e">
        <f t="shared" si="14"/>
        <v>#DIV/0!</v>
      </c>
      <c r="BB99" s="27" t="str">
        <f t="shared" si="18"/>
        <v/>
      </c>
      <c r="BC99" s="27" t="str">
        <f t="shared" si="18"/>
        <v/>
      </c>
      <c r="BD99" s="27" t="str">
        <f t="shared" si="18"/>
        <v/>
      </c>
      <c r="BE99" s="27" t="str">
        <f t="shared" si="18"/>
        <v/>
      </c>
      <c r="BF99" s="27" t="str">
        <f t="shared" si="18"/>
        <v/>
      </c>
      <c r="BG99" s="27" t="str">
        <f t="shared" si="18"/>
        <v/>
      </c>
      <c r="BH99" s="27" t="str">
        <f t="shared" si="18"/>
        <v/>
      </c>
      <c r="BI99" s="27" t="str">
        <f t="shared" si="18"/>
        <v/>
      </c>
      <c r="BJ99" s="27" t="str">
        <f t="shared" si="18"/>
        <v/>
      </c>
      <c r="BK99" s="27" t="str">
        <f t="shared" si="18"/>
        <v/>
      </c>
      <c r="BL99" s="27" t="str">
        <f t="shared" si="18"/>
        <v/>
      </c>
      <c r="BM99" s="27" t="str">
        <f t="shared" si="18"/>
        <v/>
      </c>
      <c r="BN99" s="27" t="str">
        <f t="shared" si="18"/>
        <v/>
      </c>
      <c r="BO99" s="27" t="str">
        <f t="shared" si="18"/>
        <v/>
      </c>
      <c r="BP99" s="27" t="str">
        <f t="shared" si="18"/>
        <v/>
      </c>
      <c r="BQ99" s="27" t="str">
        <f t="shared" si="10"/>
        <v/>
      </c>
      <c r="BR99" s="27" t="str">
        <f t="shared" si="10"/>
        <v/>
      </c>
      <c r="BS99" s="27" t="str">
        <f t="shared" si="10"/>
        <v/>
      </c>
      <c r="BT99" s="27" t="str">
        <f t="shared" si="10"/>
        <v/>
      </c>
      <c r="BU99" s="27" t="str">
        <f t="shared" si="10"/>
        <v/>
      </c>
      <c r="BV99" s="27" t="str">
        <f t="shared" si="10"/>
        <v/>
      </c>
      <c r="BW99" s="27" t="str">
        <f t="shared" si="10"/>
        <v/>
      </c>
      <c r="BX99" s="27" t="str">
        <f t="shared" si="17"/>
        <v/>
      </c>
      <c r="BY99" s="27" t="str">
        <f t="shared" si="17"/>
        <v/>
      </c>
      <c r="BZ99" s="27" t="str">
        <f t="shared" si="17"/>
        <v/>
      </c>
      <c r="CA99" s="27" t="str">
        <f t="shared" si="17"/>
        <v/>
      </c>
      <c r="CB99" s="27" t="str">
        <f t="shared" si="17"/>
        <v/>
      </c>
      <c r="CC99" s="27" t="str">
        <f t="shared" si="17"/>
        <v/>
      </c>
      <c r="CD99" s="27" t="str">
        <f t="shared" si="17"/>
        <v/>
      </c>
      <c r="CE99" s="27" t="str">
        <f t="shared" si="17"/>
        <v/>
      </c>
      <c r="CF99" s="27" t="str">
        <f t="shared" si="17"/>
        <v/>
      </c>
      <c r="CG99" s="33"/>
      <c r="CH99" s="33"/>
      <c r="CI99" s="36"/>
    </row>
    <row r="100" spans="1:87" s="28" customFormat="1" ht="56.1" customHeight="1" x14ac:dyDescent="0.2">
      <c r="A100" s="22">
        <v>151</v>
      </c>
      <c r="B100" s="23" t="s">
        <v>53</v>
      </c>
      <c r="C100" s="35" t="s">
        <v>655</v>
      </c>
      <c r="D100" s="32" t="s">
        <v>870</v>
      </c>
      <c r="E100" s="32" t="s">
        <v>875</v>
      </c>
      <c r="F100" s="25" t="s">
        <v>2527</v>
      </c>
      <c r="G100" s="32" t="s">
        <v>58</v>
      </c>
      <c r="H100" s="32" t="s">
        <v>2528</v>
      </c>
      <c r="I100" s="32"/>
      <c r="J100" s="29" t="s">
        <v>77</v>
      </c>
      <c r="K100" s="32" t="s">
        <v>834</v>
      </c>
      <c r="L100" s="26" t="s">
        <v>63</v>
      </c>
      <c r="M100" s="26" t="s">
        <v>63</v>
      </c>
      <c r="N100" s="39">
        <v>71266.216450000007</v>
      </c>
      <c r="O100" s="33"/>
      <c r="P100" s="33"/>
      <c r="Q100" s="43">
        <f t="shared" si="15"/>
        <v>71266.216450000007</v>
      </c>
      <c r="R100" s="33"/>
      <c r="S100" s="33"/>
      <c r="T100" s="33"/>
      <c r="U100" s="33"/>
      <c r="V100" s="33"/>
      <c r="W100" s="33"/>
      <c r="X100" s="33"/>
      <c r="Y100" s="33"/>
      <c r="Z100" s="33"/>
      <c r="AA100" s="33"/>
      <c r="AB100" s="33"/>
      <c r="AC100" s="33"/>
      <c r="AD100" s="33"/>
      <c r="AE100" s="33"/>
      <c r="AF100" s="33"/>
      <c r="AG100" s="33"/>
      <c r="AH100" s="33"/>
      <c r="AI100" s="33"/>
      <c r="AJ100" s="33"/>
      <c r="AK100" s="33"/>
      <c r="AL100" s="33"/>
      <c r="AM100" s="33"/>
      <c r="AN100" s="33"/>
      <c r="AO100" s="33"/>
      <c r="AP100" s="33"/>
      <c r="AQ100" s="33"/>
      <c r="AR100" s="33"/>
      <c r="AS100" s="33"/>
      <c r="AT100" s="33"/>
      <c r="AU100" s="33"/>
      <c r="AV100" s="33"/>
      <c r="AW100" s="33"/>
      <c r="AX100" s="33"/>
      <c r="AY100" s="33"/>
      <c r="AZ100" s="58">
        <f t="shared" si="13"/>
        <v>0</v>
      </c>
      <c r="BA100" s="26" t="e">
        <f t="shared" si="14"/>
        <v>#DIV/0!</v>
      </c>
      <c r="BB100" s="27" t="str">
        <f t="shared" si="18"/>
        <v/>
      </c>
      <c r="BC100" s="27" t="str">
        <f t="shared" si="18"/>
        <v/>
      </c>
      <c r="BD100" s="27" t="str">
        <f t="shared" si="18"/>
        <v/>
      </c>
      <c r="BE100" s="27" t="str">
        <f t="shared" si="18"/>
        <v/>
      </c>
      <c r="BF100" s="27" t="str">
        <f t="shared" si="18"/>
        <v/>
      </c>
      <c r="BG100" s="27" t="str">
        <f t="shared" si="18"/>
        <v/>
      </c>
      <c r="BH100" s="27" t="str">
        <f t="shared" si="18"/>
        <v/>
      </c>
      <c r="BI100" s="27" t="str">
        <f t="shared" si="18"/>
        <v/>
      </c>
      <c r="BJ100" s="27" t="str">
        <f t="shared" si="18"/>
        <v/>
      </c>
      <c r="BK100" s="27" t="str">
        <f t="shared" si="18"/>
        <v/>
      </c>
      <c r="BL100" s="27" t="str">
        <f t="shared" si="18"/>
        <v/>
      </c>
      <c r="BM100" s="27" t="str">
        <f t="shared" si="18"/>
        <v/>
      </c>
      <c r="BN100" s="27" t="str">
        <f t="shared" si="18"/>
        <v/>
      </c>
      <c r="BO100" s="27" t="str">
        <f t="shared" si="18"/>
        <v/>
      </c>
      <c r="BP100" s="27" t="str">
        <f t="shared" si="18"/>
        <v/>
      </c>
      <c r="BQ100" s="27" t="str">
        <f t="shared" si="10"/>
        <v/>
      </c>
      <c r="BR100" s="27" t="str">
        <f t="shared" si="10"/>
        <v/>
      </c>
      <c r="BS100" s="27" t="str">
        <f t="shared" si="10"/>
        <v/>
      </c>
      <c r="BT100" s="27" t="str">
        <f t="shared" si="10"/>
        <v/>
      </c>
      <c r="BU100" s="27" t="str">
        <f t="shared" si="10"/>
        <v/>
      </c>
      <c r="BV100" s="27" t="str">
        <f t="shared" si="10"/>
        <v/>
      </c>
      <c r="BW100" s="27" t="str">
        <f t="shared" si="10"/>
        <v/>
      </c>
      <c r="BX100" s="27" t="str">
        <f t="shared" si="17"/>
        <v/>
      </c>
      <c r="BY100" s="27" t="str">
        <f t="shared" si="17"/>
        <v/>
      </c>
      <c r="BZ100" s="27" t="str">
        <f t="shared" si="17"/>
        <v/>
      </c>
      <c r="CA100" s="27" t="str">
        <f t="shared" si="17"/>
        <v/>
      </c>
      <c r="CB100" s="27" t="str">
        <f t="shared" si="17"/>
        <v/>
      </c>
      <c r="CC100" s="27" t="str">
        <f t="shared" si="17"/>
        <v/>
      </c>
      <c r="CD100" s="27" t="str">
        <f t="shared" si="17"/>
        <v/>
      </c>
      <c r="CE100" s="27" t="str">
        <f t="shared" si="17"/>
        <v/>
      </c>
      <c r="CF100" s="27" t="str">
        <f t="shared" si="17"/>
        <v/>
      </c>
      <c r="CG100" s="33"/>
      <c r="CH100" s="33"/>
      <c r="CI100" s="36"/>
    </row>
    <row r="101" spans="1:87" s="28" customFormat="1" ht="56.1" customHeight="1" x14ac:dyDescent="0.2">
      <c r="A101" s="22">
        <v>152</v>
      </c>
      <c r="B101" s="23" t="s">
        <v>53</v>
      </c>
      <c r="C101" s="35" t="s">
        <v>655</v>
      </c>
      <c r="D101" s="32" t="s">
        <v>870</v>
      </c>
      <c r="E101" s="32" t="s">
        <v>2529</v>
      </c>
      <c r="F101" s="25" t="s">
        <v>2530</v>
      </c>
      <c r="G101" s="32" t="s">
        <v>58</v>
      </c>
      <c r="H101" s="32" t="s">
        <v>2531</v>
      </c>
      <c r="I101" s="32"/>
      <c r="J101" s="29" t="s">
        <v>77</v>
      </c>
      <c r="K101" s="32" t="s">
        <v>834</v>
      </c>
      <c r="L101" s="26" t="s">
        <v>63</v>
      </c>
      <c r="M101" s="26" t="s">
        <v>63</v>
      </c>
      <c r="N101" s="39">
        <v>71266.216450000007</v>
      </c>
      <c r="O101" s="33"/>
      <c r="P101" s="33"/>
      <c r="Q101" s="43">
        <f t="shared" si="15"/>
        <v>71266.216450000007</v>
      </c>
      <c r="R101" s="33"/>
      <c r="S101" s="33"/>
      <c r="T101" s="33"/>
      <c r="U101" s="33"/>
      <c r="V101" s="33"/>
      <c r="W101" s="33"/>
      <c r="X101" s="33"/>
      <c r="Y101" s="33"/>
      <c r="Z101" s="33"/>
      <c r="AA101" s="33"/>
      <c r="AB101" s="33"/>
      <c r="AC101" s="33"/>
      <c r="AD101" s="33"/>
      <c r="AE101" s="33"/>
      <c r="AF101" s="33"/>
      <c r="AG101" s="33"/>
      <c r="AH101" s="33"/>
      <c r="AI101" s="33"/>
      <c r="AJ101" s="33"/>
      <c r="AK101" s="33"/>
      <c r="AL101" s="33"/>
      <c r="AM101" s="33"/>
      <c r="AN101" s="33"/>
      <c r="AO101" s="33"/>
      <c r="AP101" s="33"/>
      <c r="AQ101" s="33"/>
      <c r="AR101" s="33"/>
      <c r="AS101" s="33"/>
      <c r="AT101" s="33"/>
      <c r="AU101" s="33"/>
      <c r="AV101" s="33"/>
      <c r="AW101" s="33"/>
      <c r="AX101" s="33"/>
      <c r="AY101" s="33"/>
      <c r="AZ101" s="58">
        <f t="shared" si="13"/>
        <v>0</v>
      </c>
      <c r="BA101" s="26" t="e">
        <f t="shared" si="14"/>
        <v>#DIV/0!</v>
      </c>
      <c r="BB101" s="27" t="str">
        <f t="shared" si="18"/>
        <v/>
      </c>
      <c r="BC101" s="27" t="str">
        <f t="shared" si="18"/>
        <v/>
      </c>
      <c r="BD101" s="27" t="str">
        <f t="shared" si="18"/>
        <v/>
      </c>
      <c r="BE101" s="27" t="str">
        <f t="shared" si="18"/>
        <v/>
      </c>
      <c r="BF101" s="27" t="str">
        <f t="shared" si="18"/>
        <v/>
      </c>
      <c r="BG101" s="27" t="str">
        <f t="shared" si="18"/>
        <v/>
      </c>
      <c r="BH101" s="27" t="str">
        <f t="shared" si="18"/>
        <v/>
      </c>
      <c r="BI101" s="27" t="str">
        <f t="shared" si="18"/>
        <v/>
      </c>
      <c r="BJ101" s="27" t="str">
        <f t="shared" si="18"/>
        <v/>
      </c>
      <c r="BK101" s="27" t="str">
        <f t="shared" si="18"/>
        <v/>
      </c>
      <c r="BL101" s="27" t="str">
        <f t="shared" si="18"/>
        <v/>
      </c>
      <c r="BM101" s="27" t="str">
        <f t="shared" si="18"/>
        <v/>
      </c>
      <c r="BN101" s="27" t="str">
        <f t="shared" si="18"/>
        <v/>
      </c>
      <c r="BO101" s="27" t="str">
        <f t="shared" si="18"/>
        <v/>
      </c>
      <c r="BP101" s="27" t="str">
        <f t="shared" si="18"/>
        <v/>
      </c>
      <c r="BQ101" s="27" t="str">
        <f t="shared" si="10"/>
        <v/>
      </c>
      <c r="BR101" s="27" t="str">
        <f t="shared" si="10"/>
        <v/>
      </c>
      <c r="BS101" s="27" t="str">
        <f t="shared" si="10"/>
        <v/>
      </c>
      <c r="BT101" s="27" t="str">
        <f t="shared" si="10"/>
        <v/>
      </c>
      <c r="BU101" s="27" t="str">
        <f t="shared" si="10"/>
        <v/>
      </c>
      <c r="BV101" s="27" t="str">
        <f t="shared" si="10"/>
        <v/>
      </c>
      <c r="BW101" s="27" t="str">
        <f t="shared" si="10"/>
        <v/>
      </c>
      <c r="BX101" s="27" t="str">
        <f t="shared" si="17"/>
        <v/>
      </c>
      <c r="BY101" s="27" t="str">
        <f t="shared" si="17"/>
        <v/>
      </c>
      <c r="BZ101" s="27" t="str">
        <f t="shared" si="17"/>
        <v/>
      </c>
      <c r="CA101" s="27" t="str">
        <f t="shared" si="17"/>
        <v/>
      </c>
      <c r="CB101" s="27" t="str">
        <f t="shared" si="17"/>
        <v/>
      </c>
      <c r="CC101" s="27" t="str">
        <f t="shared" si="17"/>
        <v/>
      </c>
      <c r="CD101" s="27" t="str">
        <f t="shared" si="17"/>
        <v/>
      </c>
      <c r="CE101" s="27" t="str">
        <f t="shared" si="17"/>
        <v/>
      </c>
      <c r="CF101" s="27" t="str">
        <f t="shared" si="17"/>
        <v/>
      </c>
      <c r="CG101" s="33"/>
      <c r="CH101" s="33"/>
      <c r="CI101" s="36"/>
    </row>
    <row r="102" spans="1:87" s="28" customFormat="1" ht="56.1" customHeight="1" x14ac:dyDescent="0.2">
      <c r="A102" s="22">
        <v>153</v>
      </c>
      <c r="B102" s="23" t="s">
        <v>53</v>
      </c>
      <c r="C102" s="35" t="s">
        <v>655</v>
      </c>
      <c r="D102" s="32" t="s">
        <v>870</v>
      </c>
      <c r="E102" s="32" t="s">
        <v>2532</v>
      </c>
      <c r="F102" s="25" t="s">
        <v>2533</v>
      </c>
      <c r="G102" s="32" t="s">
        <v>58</v>
      </c>
      <c r="H102" s="32" t="s">
        <v>2531</v>
      </c>
      <c r="I102" s="32"/>
      <c r="J102" s="29" t="s">
        <v>77</v>
      </c>
      <c r="K102" s="32" t="s">
        <v>834</v>
      </c>
      <c r="L102" s="26" t="s">
        <v>63</v>
      </c>
      <c r="M102" s="26" t="s">
        <v>63</v>
      </c>
      <c r="N102" s="39">
        <v>71266.216450000007</v>
      </c>
      <c r="O102" s="33"/>
      <c r="P102" s="33"/>
      <c r="Q102" s="43">
        <f t="shared" si="15"/>
        <v>71266.216450000007</v>
      </c>
      <c r="R102" s="33"/>
      <c r="S102" s="33"/>
      <c r="T102" s="33"/>
      <c r="U102" s="33"/>
      <c r="V102" s="33"/>
      <c r="W102" s="33"/>
      <c r="X102" s="33"/>
      <c r="Y102" s="33"/>
      <c r="Z102" s="33"/>
      <c r="AA102" s="33"/>
      <c r="AB102" s="33"/>
      <c r="AC102" s="33"/>
      <c r="AD102" s="33"/>
      <c r="AE102" s="33"/>
      <c r="AF102" s="33"/>
      <c r="AG102" s="33"/>
      <c r="AH102" s="33"/>
      <c r="AI102" s="33"/>
      <c r="AJ102" s="33"/>
      <c r="AK102" s="33"/>
      <c r="AL102" s="33"/>
      <c r="AM102" s="33"/>
      <c r="AN102" s="33"/>
      <c r="AO102" s="33"/>
      <c r="AP102" s="33"/>
      <c r="AQ102" s="33"/>
      <c r="AR102" s="33"/>
      <c r="AS102" s="33"/>
      <c r="AT102" s="33"/>
      <c r="AU102" s="33"/>
      <c r="AV102" s="33"/>
      <c r="AW102" s="33"/>
      <c r="AX102" s="33"/>
      <c r="AY102" s="33"/>
      <c r="AZ102" s="58">
        <f t="shared" si="13"/>
        <v>0</v>
      </c>
      <c r="BA102" s="26" t="e">
        <f t="shared" si="14"/>
        <v>#DIV/0!</v>
      </c>
      <c r="BB102" s="27" t="str">
        <f t="shared" si="18"/>
        <v/>
      </c>
      <c r="BC102" s="27" t="str">
        <f t="shared" si="18"/>
        <v/>
      </c>
      <c r="BD102" s="27" t="str">
        <f t="shared" si="18"/>
        <v/>
      </c>
      <c r="BE102" s="27" t="str">
        <f t="shared" si="18"/>
        <v/>
      </c>
      <c r="BF102" s="27" t="str">
        <f t="shared" si="18"/>
        <v/>
      </c>
      <c r="BG102" s="27" t="str">
        <f t="shared" si="18"/>
        <v/>
      </c>
      <c r="BH102" s="27" t="str">
        <f t="shared" si="18"/>
        <v/>
      </c>
      <c r="BI102" s="27" t="str">
        <f t="shared" si="18"/>
        <v/>
      </c>
      <c r="BJ102" s="27" t="str">
        <f t="shared" si="18"/>
        <v/>
      </c>
      <c r="BK102" s="27" t="str">
        <f t="shared" si="18"/>
        <v/>
      </c>
      <c r="BL102" s="27" t="str">
        <f t="shared" si="18"/>
        <v/>
      </c>
      <c r="BM102" s="27" t="str">
        <f t="shared" si="18"/>
        <v/>
      </c>
      <c r="BN102" s="27" t="str">
        <f t="shared" si="18"/>
        <v/>
      </c>
      <c r="BO102" s="27" t="str">
        <f t="shared" si="18"/>
        <v/>
      </c>
      <c r="BP102" s="27" t="str">
        <f t="shared" si="18"/>
        <v/>
      </c>
      <c r="BQ102" s="27" t="str">
        <f t="shared" si="10"/>
        <v/>
      </c>
      <c r="BR102" s="27" t="str">
        <f t="shared" si="10"/>
        <v/>
      </c>
      <c r="BS102" s="27" t="str">
        <f t="shared" si="10"/>
        <v/>
      </c>
      <c r="BT102" s="27" t="str">
        <f t="shared" si="10"/>
        <v/>
      </c>
      <c r="BU102" s="27" t="str">
        <f t="shared" si="10"/>
        <v/>
      </c>
      <c r="BV102" s="27" t="str">
        <f t="shared" si="10"/>
        <v/>
      </c>
      <c r="BW102" s="27" t="str">
        <f t="shared" si="10"/>
        <v/>
      </c>
      <c r="BX102" s="27" t="str">
        <f t="shared" si="17"/>
        <v/>
      </c>
      <c r="BY102" s="27" t="str">
        <f t="shared" si="17"/>
        <v/>
      </c>
      <c r="BZ102" s="27" t="str">
        <f t="shared" si="17"/>
        <v/>
      </c>
      <c r="CA102" s="27" t="str">
        <f t="shared" si="17"/>
        <v/>
      </c>
      <c r="CB102" s="27" t="str">
        <f t="shared" si="17"/>
        <v/>
      </c>
      <c r="CC102" s="27" t="str">
        <f t="shared" si="17"/>
        <v/>
      </c>
      <c r="CD102" s="27" t="str">
        <f t="shared" si="17"/>
        <v/>
      </c>
      <c r="CE102" s="27" t="str">
        <f t="shared" si="17"/>
        <v/>
      </c>
      <c r="CF102" s="27" t="str">
        <f t="shared" si="17"/>
        <v/>
      </c>
      <c r="CG102" s="33"/>
      <c r="CH102" s="33"/>
      <c r="CI102" s="36"/>
    </row>
    <row r="103" spans="1:87" s="28" customFormat="1" ht="56.1" customHeight="1" x14ac:dyDescent="0.2">
      <c r="A103" s="22">
        <v>154</v>
      </c>
      <c r="B103" s="23" t="s">
        <v>53</v>
      </c>
      <c r="C103" s="35" t="s">
        <v>655</v>
      </c>
      <c r="D103" s="32" t="s">
        <v>830</v>
      </c>
      <c r="E103" s="32" t="s">
        <v>880</v>
      </c>
      <c r="F103" s="25" t="s">
        <v>1589</v>
      </c>
      <c r="G103" s="32" t="s">
        <v>58</v>
      </c>
      <c r="H103" s="32" t="s">
        <v>59</v>
      </c>
      <c r="I103" s="32"/>
      <c r="J103" s="29" t="s">
        <v>77</v>
      </c>
      <c r="K103" s="32" t="s">
        <v>722</v>
      </c>
      <c r="L103" s="26" t="s">
        <v>63</v>
      </c>
      <c r="M103" s="26" t="s">
        <v>63</v>
      </c>
      <c r="N103" s="39">
        <v>87803.966249999998</v>
      </c>
      <c r="O103" s="33"/>
      <c r="P103" s="33"/>
      <c r="Q103" s="43">
        <f t="shared" si="15"/>
        <v>87803.966249999998</v>
      </c>
      <c r="R103" s="33"/>
      <c r="S103" s="33"/>
      <c r="T103" s="33"/>
      <c r="U103" s="33"/>
      <c r="V103" s="33"/>
      <c r="W103" s="33"/>
      <c r="X103" s="33"/>
      <c r="Y103" s="33"/>
      <c r="Z103" s="33"/>
      <c r="AA103" s="33"/>
      <c r="AB103" s="33"/>
      <c r="AC103" s="33"/>
      <c r="AD103" s="33"/>
      <c r="AE103" s="33"/>
      <c r="AF103" s="33"/>
      <c r="AG103" s="33"/>
      <c r="AH103" s="33"/>
      <c r="AI103" s="33"/>
      <c r="AJ103" s="33"/>
      <c r="AK103" s="33"/>
      <c r="AL103" s="33"/>
      <c r="AM103" s="33"/>
      <c r="AN103" s="33"/>
      <c r="AO103" s="33"/>
      <c r="AP103" s="33"/>
      <c r="AQ103" s="33"/>
      <c r="AR103" s="33"/>
      <c r="AS103" s="33"/>
      <c r="AT103" s="33"/>
      <c r="AU103" s="33"/>
      <c r="AV103" s="33"/>
      <c r="AW103" s="33"/>
      <c r="AX103" s="33"/>
      <c r="AY103" s="33"/>
      <c r="AZ103" s="58">
        <f t="shared" si="13"/>
        <v>0</v>
      </c>
      <c r="BA103" s="26" t="e">
        <f t="shared" si="14"/>
        <v>#DIV/0!</v>
      </c>
      <c r="BB103" s="27" t="str">
        <f t="shared" ref="BB103:BQ119" si="19">IF(U103="yes",(U$2*$BA103),"")</f>
        <v/>
      </c>
      <c r="BC103" s="27" t="str">
        <f t="shared" si="19"/>
        <v/>
      </c>
      <c r="BD103" s="27" t="str">
        <f t="shared" si="19"/>
        <v/>
      </c>
      <c r="BE103" s="27" t="str">
        <f t="shared" si="19"/>
        <v/>
      </c>
      <c r="BF103" s="27" t="str">
        <f t="shared" si="19"/>
        <v/>
      </c>
      <c r="BG103" s="27" t="str">
        <f t="shared" si="19"/>
        <v/>
      </c>
      <c r="BH103" s="27" t="str">
        <f t="shared" si="19"/>
        <v/>
      </c>
      <c r="BI103" s="27" t="str">
        <f t="shared" si="19"/>
        <v/>
      </c>
      <c r="BJ103" s="27" t="str">
        <f t="shared" si="19"/>
        <v/>
      </c>
      <c r="BK103" s="27" t="str">
        <f t="shared" si="19"/>
        <v/>
      </c>
      <c r="BL103" s="27" t="str">
        <f t="shared" si="19"/>
        <v/>
      </c>
      <c r="BM103" s="27" t="str">
        <f t="shared" si="19"/>
        <v/>
      </c>
      <c r="BN103" s="27" t="str">
        <f t="shared" si="19"/>
        <v/>
      </c>
      <c r="BO103" s="27" t="str">
        <f t="shared" si="19"/>
        <v/>
      </c>
      <c r="BP103" s="27" t="str">
        <f t="shared" si="19"/>
        <v/>
      </c>
      <c r="BQ103" s="27" t="str">
        <f t="shared" si="10"/>
        <v/>
      </c>
      <c r="BR103" s="27" t="str">
        <f t="shared" si="10"/>
        <v/>
      </c>
      <c r="BS103" s="27" t="str">
        <f t="shared" si="10"/>
        <v/>
      </c>
      <c r="BT103" s="27" t="str">
        <f t="shared" si="10"/>
        <v/>
      </c>
      <c r="BU103" s="27" t="str">
        <f t="shared" si="10"/>
        <v/>
      </c>
      <c r="BV103" s="27" t="str">
        <f t="shared" si="10"/>
        <v/>
      </c>
      <c r="BW103" s="27" t="str">
        <f t="shared" si="10"/>
        <v/>
      </c>
      <c r="BX103" s="27" t="str">
        <f t="shared" si="17"/>
        <v/>
      </c>
      <c r="BY103" s="27" t="str">
        <f t="shared" si="17"/>
        <v/>
      </c>
      <c r="BZ103" s="27" t="str">
        <f t="shared" si="17"/>
        <v/>
      </c>
      <c r="CA103" s="27" t="str">
        <f t="shared" si="17"/>
        <v/>
      </c>
      <c r="CB103" s="27" t="str">
        <f t="shared" si="17"/>
        <v/>
      </c>
      <c r="CC103" s="27" t="str">
        <f t="shared" si="17"/>
        <v/>
      </c>
      <c r="CD103" s="27" t="str">
        <f t="shared" si="17"/>
        <v/>
      </c>
      <c r="CE103" s="27" t="str">
        <f t="shared" si="17"/>
        <v/>
      </c>
      <c r="CF103" s="27" t="str">
        <f t="shared" si="17"/>
        <v/>
      </c>
      <c r="CG103" s="33"/>
      <c r="CH103" s="33"/>
      <c r="CI103" s="36"/>
    </row>
    <row r="104" spans="1:87" s="28" customFormat="1" ht="56.1" customHeight="1" x14ac:dyDescent="0.2">
      <c r="A104" s="22">
        <v>155</v>
      </c>
      <c r="B104" s="23" t="s">
        <v>53</v>
      </c>
      <c r="C104" s="35" t="s">
        <v>655</v>
      </c>
      <c r="D104" s="32" t="s">
        <v>830</v>
      </c>
      <c r="E104" s="32" t="s">
        <v>882</v>
      </c>
      <c r="F104" s="25" t="s">
        <v>1595</v>
      </c>
      <c r="G104" s="32" t="s">
        <v>58</v>
      </c>
      <c r="H104" s="32" t="s">
        <v>59</v>
      </c>
      <c r="I104" s="32"/>
      <c r="J104" s="29" t="s">
        <v>77</v>
      </c>
      <c r="K104" s="32" t="s">
        <v>722</v>
      </c>
      <c r="L104" s="26" t="s">
        <v>63</v>
      </c>
      <c r="M104" s="26" t="s">
        <v>63</v>
      </c>
      <c r="N104" s="39">
        <v>88580.992499999993</v>
      </c>
      <c r="O104" s="33"/>
      <c r="P104" s="33"/>
      <c r="Q104" s="43">
        <f t="shared" si="15"/>
        <v>88580.992499999993</v>
      </c>
      <c r="R104" s="33"/>
      <c r="S104" s="33"/>
      <c r="T104" s="33"/>
      <c r="U104" s="33"/>
      <c r="V104" s="33"/>
      <c r="W104" s="33"/>
      <c r="X104" s="33"/>
      <c r="Y104" s="33"/>
      <c r="Z104" s="33"/>
      <c r="AA104" s="33"/>
      <c r="AB104" s="33"/>
      <c r="AC104" s="33"/>
      <c r="AD104" s="33"/>
      <c r="AE104" s="33"/>
      <c r="AF104" s="33"/>
      <c r="AG104" s="33"/>
      <c r="AH104" s="33"/>
      <c r="AI104" s="33"/>
      <c r="AJ104" s="33"/>
      <c r="AK104" s="33"/>
      <c r="AL104" s="33"/>
      <c r="AM104" s="33"/>
      <c r="AN104" s="33"/>
      <c r="AO104" s="33"/>
      <c r="AP104" s="33"/>
      <c r="AQ104" s="33"/>
      <c r="AR104" s="33"/>
      <c r="AS104" s="33"/>
      <c r="AT104" s="33"/>
      <c r="AU104" s="33"/>
      <c r="AV104" s="33"/>
      <c r="AW104" s="33"/>
      <c r="AX104" s="33"/>
      <c r="AY104" s="33"/>
      <c r="AZ104" s="58">
        <f t="shared" si="13"/>
        <v>0</v>
      </c>
      <c r="BA104" s="26" t="e">
        <f t="shared" si="14"/>
        <v>#DIV/0!</v>
      </c>
      <c r="BB104" s="27" t="str">
        <f t="shared" si="19"/>
        <v/>
      </c>
      <c r="BC104" s="27" t="str">
        <f t="shared" si="19"/>
        <v/>
      </c>
      <c r="BD104" s="27" t="str">
        <f t="shared" si="19"/>
        <v/>
      </c>
      <c r="BE104" s="27" t="str">
        <f t="shared" si="19"/>
        <v/>
      </c>
      <c r="BF104" s="27" t="str">
        <f t="shared" si="19"/>
        <v/>
      </c>
      <c r="BG104" s="27" t="str">
        <f t="shared" si="19"/>
        <v/>
      </c>
      <c r="BH104" s="27" t="str">
        <f t="shared" si="19"/>
        <v/>
      </c>
      <c r="BI104" s="27" t="str">
        <f t="shared" si="19"/>
        <v/>
      </c>
      <c r="BJ104" s="27" t="str">
        <f t="shared" si="19"/>
        <v/>
      </c>
      <c r="BK104" s="27" t="str">
        <f t="shared" si="19"/>
        <v/>
      </c>
      <c r="BL104" s="27" t="str">
        <f t="shared" si="19"/>
        <v/>
      </c>
      <c r="BM104" s="27" t="str">
        <f t="shared" si="19"/>
        <v/>
      </c>
      <c r="BN104" s="27" t="str">
        <f t="shared" si="19"/>
        <v/>
      </c>
      <c r="BO104" s="27" t="str">
        <f t="shared" si="19"/>
        <v/>
      </c>
      <c r="BP104" s="27" t="str">
        <f t="shared" si="19"/>
        <v/>
      </c>
      <c r="BQ104" s="27" t="str">
        <f t="shared" si="10"/>
        <v/>
      </c>
      <c r="BR104" s="27" t="str">
        <f t="shared" si="10"/>
        <v/>
      </c>
      <c r="BS104" s="27" t="str">
        <f t="shared" si="10"/>
        <v/>
      </c>
      <c r="BT104" s="27" t="str">
        <f t="shared" si="10"/>
        <v/>
      </c>
      <c r="BU104" s="27" t="str">
        <f t="shared" si="10"/>
        <v/>
      </c>
      <c r="BV104" s="27" t="str">
        <f t="shared" si="10"/>
        <v/>
      </c>
      <c r="BW104" s="27" t="str">
        <f t="shared" si="10"/>
        <v/>
      </c>
      <c r="BX104" s="27" t="str">
        <f t="shared" si="17"/>
        <v/>
      </c>
      <c r="BY104" s="27" t="str">
        <f t="shared" si="17"/>
        <v/>
      </c>
      <c r="BZ104" s="27" t="str">
        <f t="shared" si="17"/>
        <v/>
      </c>
      <c r="CA104" s="27" t="str">
        <f t="shared" si="17"/>
        <v/>
      </c>
      <c r="CB104" s="27" t="str">
        <f t="shared" si="17"/>
        <v/>
      </c>
      <c r="CC104" s="27" t="str">
        <f t="shared" si="17"/>
        <v/>
      </c>
      <c r="CD104" s="27" t="str">
        <f t="shared" si="17"/>
        <v/>
      </c>
      <c r="CE104" s="27" t="str">
        <f t="shared" si="17"/>
        <v/>
      </c>
      <c r="CF104" s="27" t="str">
        <f t="shared" si="17"/>
        <v/>
      </c>
      <c r="CG104" s="33"/>
      <c r="CH104" s="33"/>
      <c r="CI104" s="36"/>
    </row>
    <row r="105" spans="1:87" s="28" customFormat="1" ht="56.1" customHeight="1" x14ac:dyDescent="0.2">
      <c r="A105" s="22">
        <v>156</v>
      </c>
      <c r="B105" s="23" t="s">
        <v>869</v>
      </c>
      <c r="C105" s="35" t="s">
        <v>655</v>
      </c>
      <c r="D105" s="32" t="s">
        <v>830</v>
      </c>
      <c r="E105" s="32" t="s">
        <v>884</v>
      </c>
      <c r="F105" s="25" t="s">
        <v>2534</v>
      </c>
      <c r="G105" s="32" t="s">
        <v>58</v>
      </c>
      <c r="H105" s="32" t="s">
        <v>59</v>
      </c>
      <c r="I105" s="32"/>
      <c r="J105" s="29" t="s">
        <v>77</v>
      </c>
      <c r="K105" s="32" t="s">
        <v>722</v>
      </c>
      <c r="L105" s="26" t="s">
        <v>63</v>
      </c>
      <c r="M105" s="26" t="s">
        <v>63</v>
      </c>
      <c r="N105" s="39">
        <v>87803.966249999998</v>
      </c>
      <c r="O105" s="33"/>
      <c r="P105" s="33"/>
      <c r="Q105" s="43">
        <f t="shared" si="15"/>
        <v>87803.966249999998</v>
      </c>
      <c r="R105" s="33"/>
      <c r="S105" s="33"/>
      <c r="T105" s="33"/>
      <c r="U105" s="33"/>
      <c r="V105" s="33"/>
      <c r="W105" s="33"/>
      <c r="X105" s="33"/>
      <c r="Y105" s="33"/>
      <c r="Z105" s="33"/>
      <c r="AA105" s="33"/>
      <c r="AB105" s="33"/>
      <c r="AC105" s="33"/>
      <c r="AD105" s="33"/>
      <c r="AE105" s="33"/>
      <c r="AF105" s="33"/>
      <c r="AG105" s="33"/>
      <c r="AH105" s="33"/>
      <c r="AI105" s="33"/>
      <c r="AJ105" s="33"/>
      <c r="AK105" s="33"/>
      <c r="AL105" s="33"/>
      <c r="AM105" s="33"/>
      <c r="AN105" s="33"/>
      <c r="AO105" s="33"/>
      <c r="AP105" s="33"/>
      <c r="AQ105" s="33"/>
      <c r="AR105" s="33"/>
      <c r="AS105" s="33"/>
      <c r="AT105" s="33"/>
      <c r="AU105" s="33"/>
      <c r="AV105" s="33"/>
      <c r="AW105" s="33"/>
      <c r="AX105" s="33"/>
      <c r="AY105" s="33"/>
      <c r="AZ105" s="58">
        <f t="shared" si="13"/>
        <v>0</v>
      </c>
      <c r="BA105" s="26" t="e">
        <f t="shared" si="14"/>
        <v>#DIV/0!</v>
      </c>
      <c r="BB105" s="27" t="str">
        <f t="shared" si="19"/>
        <v/>
      </c>
      <c r="BC105" s="27" t="str">
        <f t="shared" si="19"/>
        <v/>
      </c>
      <c r="BD105" s="27" t="str">
        <f t="shared" si="19"/>
        <v/>
      </c>
      <c r="BE105" s="27" t="str">
        <f t="shared" si="19"/>
        <v/>
      </c>
      <c r="BF105" s="27" t="str">
        <f t="shared" si="19"/>
        <v/>
      </c>
      <c r="BG105" s="27" t="str">
        <f t="shared" si="19"/>
        <v/>
      </c>
      <c r="BH105" s="27" t="str">
        <f t="shared" si="19"/>
        <v/>
      </c>
      <c r="BI105" s="27" t="str">
        <f t="shared" si="19"/>
        <v/>
      </c>
      <c r="BJ105" s="27" t="str">
        <f t="shared" si="19"/>
        <v/>
      </c>
      <c r="BK105" s="27" t="str">
        <f t="shared" si="19"/>
        <v/>
      </c>
      <c r="BL105" s="27" t="str">
        <f t="shared" si="19"/>
        <v/>
      </c>
      <c r="BM105" s="27" t="str">
        <f t="shared" si="19"/>
        <v/>
      </c>
      <c r="BN105" s="27" t="str">
        <f t="shared" si="19"/>
        <v/>
      </c>
      <c r="BO105" s="27" t="str">
        <f t="shared" si="19"/>
        <v/>
      </c>
      <c r="BP105" s="27" t="str">
        <f t="shared" si="19"/>
        <v/>
      </c>
      <c r="BQ105" s="27" t="str">
        <f t="shared" si="10"/>
        <v/>
      </c>
      <c r="BR105" s="27" t="str">
        <f t="shared" si="10"/>
        <v/>
      </c>
      <c r="BS105" s="27" t="str">
        <f t="shared" si="10"/>
        <v/>
      </c>
      <c r="BT105" s="27" t="str">
        <f t="shared" ref="BT105:CF133" si="20">IF(AM105="yes",(AM$2*$BA105),"")</f>
        <v/>
      </c>
      <c r="BU105" s="27" t="str">
        <f t="shared" si="20"/>
        <v/>
      </c>
      <c r="BV105" s="27" t="str">
        <f t="shared" si="20"/>
        <v/>
      </c>
      <c r="BW105" s="27" t="str">
        <f t="shared" si="20"/>
        <v/>
      </c>
      <c r="BX105" s="27" t="str">
        <f t="shared" si="17"/>
        <v/>
      </c>
      <c r="BY105" s="27" t="str">
        <f t="shared" si="17"/>
        <v/>
      </c>
      <c r="BZ105" s="27" t="str">
        <f t="shared" si="17"/>
        <v/>
      </c>
      <c r="CA105" s="27" t="str">
        <f t="shared" si="17"/>
        <v/>
      </c>
      <c r="CB105" s="27" t="str">
        <f t="shared" si="17"/>
        <v/>
      </c>
      <c r="CC105" s="27" t="str">
        <f t="shared" si="17"/>
        <v/>
      </c>
      <c r="CD105" s="27" t="str">
        <f t="shared" si="17"/>
        <v/>
      </c>
      <c r="CE105" s="27" t="str">
        <f t="shared" si="17"/>
        <v/>
      </c>
      <c r="CF105" s="27" t="str">
        <f t="shared" si="17"/>
        <v/>
      </c>
      <c r="CG105" s="33"/>
      <c r="CH105" s="33"/>
      <c r="CI105" s="36"/>
    </row>
    <row r="106" spans="1:87" s="28" customFormat="1" ht="56.1" customHeight="1" x14ac:dyDescent="0.2">
      <c r="A106" s="22">
        <v>157</v>
      </c>
      <c r="B106" s="23" t="s">
        <v>869</v>
      </c>
      <c r="C106" s="35" t="s">
        <v>655</v>
      </c>
      <c r="D106" s="32" t="s">
        <v>830</v>
      </c>
      <c r="E106" s="32" t="s">
        <v>886</v>
      </c>
      <c r="F106" s="25" t="s">
        <v>887</v>
      </c>
      <c r="G106" s="32" t="s">
        <v>58</v>
      </c>
      <c r="H106" s="32" t="s">
        <v>846</v>
      </c>
      <c r="I106" s="32"/>
      <c r="J106" s="29" t="s">
        <v>77</v>
      </c>
      <c r="K106" s="32" t="s">
        <v>722</v>
      </c>
      <c r="L106" s="26" t="s">
        <v>63</v>
      </c>
      <c r="M106" s="26" t="s">
        <v>63</v>
      </c>
      <c r="N106" s="39">
        <v>87803.966249999998</v>
      </c>
      <c r="O106" s="33"/>
      <c r="P106" s="33"/>
      <c r="Q106" s="43">
        <f t="shared" si="15"/>
        <v>87803.966249999998</v>
      </c>
      <c r="R106" s="33"/>
      <c r="S106" s="33"/>
      <c r="T106" s="33"/>
      <c r="U106" s="33"/>
      <c r="V106" s="33"/>
      <c r="W106" s="33"/>
      <c r="X106" s="33"/>
      <c r="Y106" s="33"/>
      <c r="Z106" s="33"/>
      <c r="AA106" s="33"/>
      <c r="AB106" s="33"/>
      <c r="AC106" s="33"/>
      <c r="AD106" s="33"/>
      <c r="AE106" s="33"/>
      <c r="AF106" s="33"/>
      <c r="AG106" s="33"/>
      <c r="AH106" s="33"/>
      <c r="AI106" s="33"/>
      <c r="AJ106" s="33"/>
      <c r="AK106" s="33"/>
      <c r="AL106" s="33"/>
      <c r="AM106" s="33"/>
      <c r="AN106" s="33"/>
      <c r="AO106" s="33"/>
      <c r="AP106" s="33"/>
      <c r="AQ106" s="33"/>
      <c r="AR106" s="33"/>
      <c r="AS106" s="33"/>
      <c r="AT106" s="33"/>
      <c r="AU106" s="33"/>
      <c r="AV106" s="33"/>
      <c r="AW106" s="33"/>
      <c r="AX106" s="33"/>
      <c r="AY106" s="33"/>
      <c r="AZ106" s="58">
        <f t="shared" si="13"/>
        <v>0</v>
      </c>
      <c r="BA106" s="26" t="e">
        <f t="shared" si="14"/>
        <v>#DIV/0!</v>
      </c>
      <c r="BB106" s="27" t="str">
        <f t="shared" si="19"/>
        <v/>
      </c>
      <c r="BC106" s="27" t="str">
        <f t="shared" si="19"/>
        <v/>
      </c>
      <c r="BD106" s="27" t="str">
        <f t="shared" si="19"/>
        <v/>
      </c>
      <c r="BE106" s="27" t="str">
        <f t="shared" si="19"/>
        <v/>
      </c>
      <c r="BF106" s="27" t="str">
        <f t="shared" si="19"/>
        <v/>
      </c>
      <c r="BG106" s="27" t="str">
        <f t="shared" si="19"/>
        <v/>
      </c>
      <c r="BH106" s="27" t="str">
        <f t="shared" si="19"/>
        <v/>
      </c>
      <c r="BI106" s="27" t="str">
        <f t="shared" si="19"/>
        <v/>
      </c>
      <c r="BJ106" s="27" t="str">
        <f t="shared" si="19"/>
        <v/>
      </c>
      <c r="BK106" s="27" t="str">
        <f t="shared" si="19"/>
        <v/>
      </c>
      <c r="BL106" s="27" t="str">
        <f t="shared" si="19"/>
        <v/>
      </c>
      <c r="BM106" s="27" t="str">
        <f t="shared" si="19"/>
        <v/>
      </c>
      <c r="BN106" s="27" t="str">
        <f t="shared" si="19"/>
        <v/>
      </c>
      <c r="BO106" s="27" t="str">
        <f t="shared" si="19"/>
        <v/>
      </c>
      <c r="BP106" s="27" t="str">
        <f t="shared" si="19"/>
        <v/>
      </c>
      <c r="BQ106" s="27" t="str">
        <f t="shared" si="19"/>
        <v/>
      </c>
      <c r="BR106" s="27" t="str">
        <f t="shared" ref="BR106:CA148" si="21">IF(AK106="yes",(AK$2*$BA106),"")</f>
        <v/>
      </c>
      <c r="BS106" s="27" t="str">
        <f t="shared" si="21"/>
        <v/>
      </c>
      <c r="BT106" s="27" t="str">
        <f t="shared" si="20"/>
        <v/>
      </c>
      <c r="BU106" s="27" t="str">
        <f t="shared" si="20"/>
        <v/>
      </c>
      <c r="BV106" s="27" t="str">
        <f t="shared" si="20"/>
        <v/>
      </c>
      <c r="BW106" s="27" t="str">
        <f t="shared" si="20"/>
        <v/>
      </c>
      <c r="BX106" s="27" t="str">
        <f t="shared" si="17"/>
        <v/>
      </c>
      <c r="BY106" s="27" t="str">
        <f t="shared" si="17"/>
        <v/>
      </c>
      <c r="BZ106" s="27" t="str">
        <f t="shared" si="17"/>
        <v/>
      </c>
      <c r="CA106" s="27" t="str">
        <f t="shared" si="17"/>
        <v/>
      </c>
      <c r="CB106" s="27" t="str">
        <f t="shared" si="17"/>
        <v/>
      </c>
      <c r="CC106" s="27" t="str">
        <f t="shared" si="17"/>
        <v/>
      </c>
      <c r="CD106" s="27" t="str">
        <f t="shared" si="17"/>
        <v/>
      </c>
      <c r="CE106" s="27" t="str">
        <f t="shared" si="17"/>
        <v/>
      </c>
      <c r="CF106" s="27" t="str">
        <f t="shared" si="17"/>
        <v/>
      </c>
      <c r="CG106" s="33"/>
      <c r="CH106" s="33"/>
      <c r="CI106" s="36"/>
    </row>
    <row r="107" spans="1:87" s="28" customFormat="1" ht="56.1" customHeight="1" x14ac:dyDescent="0.2">
      <c r="A107" s="22">
        <v>158</v>
      </c>
      <c r="B107" s="23" t="s">
        <v>869</v>
      </c>
      <c r="C107" s="35" t="s">
        <v>655</v>
      </c>
      <c r="D107" s="32" t="s">
        <v>830</v>
      </c>
      <c r="E107" s="32" t="s">
        <v>886</v>
      </c>
      <c r="F107" s="25" t="s">
        <v>888</v>
      </c>
      <c r="G107" s="32" t="s">
        <v>58</v>
      </c>
      <c r="H107" s="32" t="s">
        <v>846</v>
      </c>
      <c r="I107" s="32"/>
      <c r="J107" s="29" t="s">
        <v>77</v>
      </c>
      <c r="K107" s="32" t="s">
        <v>722</v>
      </c>
      <c r="L107" s="26" t="s">
        <v>63</v>
      </c>
      <c r="M107" s="26" t="s">
        <v>63</v>
      </c>
      <c r="N107" s="39">
        <v>87803.966249999998</v>
      </c>
      <c r="O107" s="33"/>
      <c r="P107" s="33"/>
      <c r="Q107" s="43">
        <f t="shared" si="15"/>
        <v>87803.966249999998</v>
      </c>
      <c r="R107" s="33"/>
      <c r="S107" s="33"/>
      <c r="T107" s="33"/>
      <c r="U107" s="33"/>
      <c r="V107" s="33"/>
      <c r="W107" s="33"/>
      <c r="X107" s="33"/>
      <c r="Y107" s="33"/>
      <c r="Z107" s="33"/>
      <c r="AA107" s="33"/>
      <c r="AB107" s="33"/>
      <c r="AC107" s="33"/>
      <c r="AD107" s="33"/>
      <c r="AE107" s="33"/>
      <c r="AF107" s="33"/>
      <c r="AG107" s="33"/>
      <c r="AH107" s="33"/>
      <c r="AI107" s="33"/>
      <c r="AJ107" s="33"/>
      <c r="AK107" s="33"/>
      <c r="AL107" s="33"/>
      <c r="AM107" s="33"/>
      <c r="AN107" s="33"/>
      <c r="AO107" s="33"/>
      <c r="AP107" s="33"/>
      <c r="AQ107" s="33"/>
      <c r="AR107" s="33"/>
      <c r="AS107" s="33"/>
      <c r="AT107" s="33"/>
      <c r="AU107" s="33"/>
      <c r="AV107" s="33"/>
      <c r="AW107" s="33"/>
      <c r="AX107" s="33"/>
      <c r="AY107" s="33"/>
      <c r="AZ107" s="58">
        <f t="shared" si="13"/>
        <v>0</v>
      </c>
      <c r="BA107" s="26" t="e">
        <f t="shared" si="14"/>
        <v>#DIV/0!</v>
      </c>
      <c r="BB107" s="27" t="str">
        <f t="shared" si="19"/>
        <v/>
      </c>
      <c r="BC107" s="27" t="str">
        <f t="shared" si="19"/>
        <v/>
      </c>
      <c r="BD107" s="27" t="str">
        <f t="shared" si="19"/>
        <v/>
      </c>
      <c r="BE107" s="27" t="str">
        <f t="shared" si="19"/>
        <v/>
      </c>
      <c r="BF107" s="27" t="str">
        <f t="shared" si="19"/>
        <v/>
      </c>
      <c r="BG107" s="27" t="str">
        <f t="shared" si="19"/>
        <v/>
      </c>
      <c r="BH107" s="27" t="str">
        <f t="shared" si="19"/>
        <v/>
      </c>
      <c r="BI107" s="27" t="str">
        <f t="shared" si="19"/>
        <v/>
      </c>
      <c r="BJ107" s="27" t="str">
        <f t="shared" si="19"/>
        <v/>
      </c>
      <c r="BK107" s="27" t="str">
        <f t="shared" si="19"/>
        <v/>
      </c>
      <c r="BL107" s="27" t="str">
        <f t="shared" si="19"/>
        <v/>
      </c>
      <c r="BM107" s="27" t="str">
        <f t="shared" si="19"/>
        <v/>
      </c>
      <c r="BN107" s="27" t="str">
        <f t="shared" si="19"/>
        <v/>
      </c>
      <c r="BO107" s="27" t="str">
        <f t="shared" si="19"/>
        <v/>
      </c>
      <c r="BP107" s="27" t="str">
        <f t="shared" si="19"/>
        <v/>
      </c>
      <c r="BQ107" s="27" t="str">
        <f t="shared" si="19"/>
        <v/>
      </c>
      <c r="BR107" s="27" t="str">
        <f t="shared" si="21"/>
        <v/>
      </c>
      <c r="BS107" s="27" t="str">
        <f t="shared" si="21"/>
        <v/>
      </c>
      <c r="BT107" s="27" t="str">
        <f t="shared" si="20"/>
        <v/>
      </c>
      <c r="BU107" s="27" t="str">
        <f t="shared" si="20"/>
        <v/>
      </c>
      <c r="BV107" s="27" t="str">
        <f t="shared" si="20"/>
        <v/>
      </c>
      <c r="BW107" s="27" t="str">
        <f t="shared" si="20"/>
        <v/>
      </c>
      <c r="BX107" s="27" t="str">
        <f t="shared" si="17"/>
        <v/>
      </c>
      <c r="BY107" s="27" t="str">
        <f t="shared" si="17"/>
        <v/>
      </c>
      <c r="BZ107" s="27" t="str">
        <f t="shared" si="17"/>
        <v/>
      </c>
      <c r="CA107" s="27" t="str">
        <f t="shared" si="17"/>
        <v/>
      </c>
      <c r="CB107" s="27" t="str">
        <f t="shared" si="17"/>
        <v/>
      </c>
      <c r="CC107" s="27" t="str">
        <f t="shared" si="17"/>
        <v/>
      </c>
      <c r="CD107" s="27" t="str">
        <f t="shared" si="17"/>
        <v/>
      </c>
      <c r="CE107" s="27" t="str">
        <f t="shared" si="17"/>
        <v/>
      </c>
      <c r="CF107" s="27" t="str">
        <f t="shared" si="17"/>
        <v/>
      </c>
      <c r="CG107" s="33"/>
      <c r="CH107" s="33"/>
      <c r="CI107" s="36"/>
    </row>
    <row r="108" spans="1:87" s="28" customFormat="1" ht="56.1" customHeight="1" x14ac:dyDescent="0.2">
      <c r="A108" s="22">
        <v>159</v>
      </c>
      <c r="B108" s="23" t="s">
        <v>53</v>
      </c>
      <c r="C108" s="35" t="s">
        <v>655</v>
      </c>
      <c r="D108" s="32" t="s">
        <v>830</v>
      </c>
      <c r="E108" s="32" t="s">
        <v>889</v>
      </c>
      <c r="F108" s="25" t="s">
        <v>1605</v>
      </c>
      <c r="G108" s="32" t="s">
        <v>58</v>
      </c>
      <c r="H108" s="32" t="s">
        <v>127</v>
      </c>
      <c r="I108" s="32"/>
      <c r="J108" s="29" t="s">
        <v>77</v>
      </c>
      <c r="K108" s="32" t="s">
        <v>722</v>
      </c>
      <c r="L108" s="26" t="s">
        <v>63</v>
      </c>
      <c r="M108" s="26" t="s">
        <v>63</v>
      </c>
      <c r="N108" s="39">
        <v>87803.966249999998</v>
      </c>
      <c r="O108" s="33"/>
      <c r="P108" s="33"/>
      <c r="Q108" s="43">
        <f t="shared" si="15"/>
        <v>87803.966249999998</v>
      </c>
      <c r="R108" s="33"/>
      <c r="S108" s="33"/>
      <c r="T108" s="33"/>
      <c r="U108" s="33"/>
      <c r="V108" s="33"/>
      <c r="W108" s="33"/>
      <c r="X108" s="33"/>
      <c r="Y108" s="33"/>
      <c r="Z108" s="33"/>
      <c r="AA108" s="33"/>
      <c r="AB108" s="33"/>
      <c r="AC108" s="33"/>
      <c r="AD108" s="33"/>
      <c r="AE108" s="33"/>
      <c r="AF108" s="33"/>
      <c r="AG108" s="33"/>
      <c r="AH108" s="33"/>
      <c r="AI108" s="33"/>
      <c r="AJ108" s="33"/>
      <c r="AK108" s="33"/>
      <c r="AL108" s="33"/>
      <c r="AM108" s="33"/>
      <c r="AN108" s="33"/>
      <c r="AO108" s="33"/>
      <c r="AP108" s="33"/>
      <c r="AQ108" s="33"/>
      <c r="AR108" s="33"/>
      <c r="AS108" s="33"/>
      <c r="AT108" s="33"/>
      <c r="AU108" s="33"/>
      <c r="AV108" s="33"/>
      <c r="AW108" s="33"/>
      <c r="AX108" s="33"/>
      <c r="AY108" s="33"/>
      <c r="AZ108" s="58">
        <f t="shared" si="13"/>
        <v>0</v>
      </c>
      <c r="BA108" s="26" t="e">
        <f t="shared" si="14"/>
        <v>#DIV/0!</v>
      </c>
      <c r="BB108" s="27" t="str">
        <f t="shared" si="19"/>
        <v/>
      </c>
      <c r="BC108" s="27" t="str">
        <f t="shared" si="19"/>
        <v/>
      </c>
      <c r="BD108" s="27" t="str">
        <f t="shared" si="19"/>
        <v/>
      </c>
      <c r="BE108" s="27" t="str">
        <f t="shared" si="19"/>
        <v/>
      </c>
      <c r="BF108" s="27" t="str">
        <f t="shared" si="19"/>
        <v/>
      </c>
      <c r="BG108" s="27" t="str">
        <f t="shared" si="19"/>
        <v/>
      </c>
      <c r="BH108" s="27" t="str">
        <f t="shared" si="19"/>
        <v/>
      </c>
      <c r="BI108" s="27" t="str">
        <f t="shared" si="19"/>
        <v/>
      </c>
      <c r="BJ108" s="27" t="str">
        <f t="shared" si="19"/>
        <v/>
      </c>
      <c r="BK108" s="27" t="str">
        <f t="shared" si="19"/>
        <v/>
      </c>
      <c r="BL108" s="27" t="str">
        <f t="shared" si="19"/>
        <v/>
      </c>
      <c r="BM108" s="27" t="str">
        <f t="shared" si="19"/>
        <v/>
      </c>
      <c r="BN108" s="27" t="str">
        <f t="shared" si="19"/>
        <v/>
      </c>
      <c r="BO108" s="27" t="str">
        <f t="shared" si="19"/>
        <v/>
      </c>
      <c r="BP108" s="27" t="str">
        <f t="shared" si="19"/>
        <v/>
      </c>
      <c r="BQ108" s="27" t="str">
        <f t="shared" si="19"/>
        <v/>
      </c>
      <c r="BR108" s="27" t="str">
        <f t="shared" si="21"/>
        <v/>
      </c>
      <c r="BS108" s="27" t="str">
        <f t="shared" si="21"/>
        <v/>
      </c>
      <c r="BT108" s="27" t="str">
        <f t="shared" si="20"/>
        <v/>
      </c>
      <c r="BU108" s="27" t="str">
        <f t="shared" si="20"/>
        <v/>
      </c>
      <c r="BV108" s="27" t="str">
        <f t="shared" si="20"/>
        <v/>
      </c>
      <c r="BW108" s="27" t="str">
        <f t="shared" si="20"/>
        <v/>
      </c>
      <c r="BX108" s="27" t="str">
        <f t="shared" si="17"/>
        <v/>
      </c>
      <c r="BY108" s="27" t="str">
        <f t="shared" si="17"/>
        <v/>
      </c>
      <c r="BZ108" s="27" t="str">
        <f t="shared" si="17"/>
        <v/>
      </c>
      <c r="CA108" s="27" t="str">
        <f t="shared" si="17"/>
        <v/>
      </c>
      <c r="CB108" s="27" t="str">
        <f t="shared" si="17"/>
        <v/>
      </c>
      <c r="CC108" s="27" t="str">
        <f t="shared" si="17"/>
        <v/>
      </c>
      <c r="CD108" s="27" t="str">
        <f t="shared" si="17"/>
        <v/>
      </c>
      <c r="CE108" s="27" t="str">
        <f t="shared" si="17"/>
        <v/>
      </c>
      <c r="CF108" s="27" t="str">
        <f t="shared" si="17"/>
        <v/>
      </c>
      <c r="CG108" s="33"/>
      <c r="CH108" s="33"/>
      <c r="CI108" s="36"/>
    </row>
    <row r="109" spans="1:87" s="28" customFormat="1" ht="56.1" customHeight="1" x14ac:dyDescent="0.2">
      <c r="A109" s="22">
        <v>160</v>
      </c>
      <c r="B109" s="23" t="s">
        <v>53</v>
      </c>
      <c r="C109" s="35" t="s">
        <v>655</v>
      </c>
      <c r="D109" s="32" t="s">
        <v>830</v>
      </c>
      <c r="E109" s="32" t="s">
        <v>891</v>
      </c>
      <c r="F109" s="25" t="s">
        <v>1609</v>
      </c>
      <c r="G109" s="32" t="s">
        <v>58</v>
      </c>
      <c r="H109" s="32" t="s">
        <v>27</v>
      </c>
      <c r="I109" s="32"/>
      <c r="J109" s="29" t="s">
        <v>77</v>
      </c>
      <c r="K109" s="32" t="s">
        <v>834</v>
      </c>
      <c r="L109" s="26" t="s">
        <v>63</v>
      </c>
      <c r="M109" s="26" t="s">
        <v>63</v>
      </c>
      <c r="N109" s="39">
        <v>87803.966249999998</v>
      </c>
      <c r="O109" s="33"/>
      <c r="P109" s="33"/>
      <c r="Q109" s="43">
        <f t="shared" si="15"/>
        <v>87803.966249999998</v>
      </c>
      <c r="R109" s="33"/>
      <c r="S109" s="33"/>
      <c r="T109" s="33"/>
      <c r="U109" s="33"/>
      <c r="V109" s="33"/>
      <c r="W109" s="33"/>
      <c r="X109" s="33"/>
      <c r="Y109" s="33"/>
      <c r="Z109" s="33"/>
      <c r="AA109" s="33"/>
      <c r="AB109" s="33"/>
      <c r="AC109" s="33"/>
      <c r="AD109" s="33"/>
      <c r="AE109" s="33"/>
      <c r="AF109" s="33"/>
      <c r="AG109" s="33"/>
      <c r="AH109" s="33"/>
      <c r="AI109" s="33"/>
      <c r="AJ109" s="33"/>
      <c r="AK109" s="33"/>
      <c r="AL109" s="33"/>
      <c r="AM109" s="33"/>
      <c r="AN109" s="33"/>
      <c r="AO109" s="33"/>
      <c r="AP109" s="33"/>
      <c r="AQ109" s="33"/>
      <c r="AR109" s="33"/>
      <c r="AS109" s="33"/>
      <c r="AT109" s="33"/>
      <c r="AU109" s="33"/>
      <c r="AV109" s="33"/>
      <c r="AW109" s="33"/>
      <c r="AX109" s="33"/>
      <c r="AY109" s="33"/>
      <c r="AZ109" s="58">
        <f t="shared" si="13"/>
        <v>0</v>
      </c>
      <c r="BA109" s="26" t="e">
        <f t="shared" si="14"/>
        <v>#DIV/0!</v>
      </c>
      <c r="BB109" s="27" t="str">
        <f t="shared" si="19"/>
        <v/>
      </c>
      <c r="BC109" s="27" t="str">
        <f t="shared" si="19"/>
        <v/>
      </c>
      <c r="BD109" s="27" t="str">
        <f t="shared" si="19"/>
        <v/>
      </c>
      <c r="BE109" s="27" t="str">
        <f t="shared" si="19"/>
        <v/>
      </c>
      <c r="BF109" s="27" t="str">
        <f t="shared" si="19"/>
        <v/>
      </c>
      <c r="BG109" s="27" t="str">
        <f t="shared" si="19"/>
        <v/>
      </c>
      <c r="BH109" s="27" t="str">
        <f t="shared" si="19"/>
        <v/>
      </c>
      <c r="BI109" s="27" t="str">
        <f t="shared" si="19"/>
        <v/>
      </c>
      <c r="BJ109" s="27" t="str">
        <f t="shared" si="19"/>
        <v/>
      </c>
      <c r="BK109" s="27" t="str">
        <f t="shared" si="19"/>
        <v/>
      </c>
      <c r="BL109" s="27" t="str">
        <f t="shared" si="19"/>
        <v/>
      </c>
      <c r="BM109" s="27" t="str">
        <f t="shared" si="19"/>
        <v/>
      </c>
      <c r="BN109" s="27" t="str">
        <f t="shared" si="19"/>
        <v/>
      </c>
      <c r="BO109" s="27" t="str">
        <f t="shared" si="19"/>
        <v/>
      </c>
      <c r="BP109" s="27" t="str">
        <f t="shared" si="19"/>
        <v/>
      </c>
      <c r="BQ109" s="27" t="str">
        <f t="shared" si="19"/>
        <v/>
      </c>
      <c r="BR109" s="27" t="str">
        <f t="shared" si="21"/>
        <v/>
      </c>
      <c r="BS109" s="27" t="str">
        <f t="shared" si="21"/>
        <v/>
      </c>
      <c r="BT109" s="27" t="str">
        <f t="shared" si="20"/>
        <v/>
      </c>
      <c r="BU109" s="27" t="str">
        <f t="shared" si="20"/>
        <v/>
      </c>
      <c r="BV109" s="27" t="str">
        <f t="shared" si="20"/>
        <v/>
      </c>
      <c r="BW109" s="27" t="str">
        <f t="shared" si="20"/>
        <v/>
      </c>
      <c r="BX109" s="27" t="str">
        <f t="shared" si="17"/>
        <v/>
      </c>
      <c r="BY109" s="27" t="str">
        <f t="shared" si="17"/>
        <v/>
      </c>
      <c r="BZ109" s="27" t="str">
        <f t="shared" si="17"/>
        <v/>
      </c>
      <c r="CA109" s="27" t="str">
        <f t="shared" si="17"/>
        <v/>
      </c>
      <c r="CB109" s="27" t="str">
        <f t="shared" si="17"/>
        <v/>
      </c>
      <c r="CC109" s="27" t="str">
        <f t="shared" si="17"/>
        <v/>
      </c>
      <c r="CD109" s="27" t="str">
        <f t="shared" si="17"/>
        <v/>
      </c>
      <c r="CE109" s="27" t="str">
        <f t="shared" si="17"/>
        <v/>
      </c>
      <c r="CF109" s="27" t="str">
        <f t="shared" si="17"/>
        <v/>
      </c>
      <c r="CG109" s="33"/>
      <c r="CH109" s="33"/>
      <c r="CI109" s="36"/>
    </row>
    <row r="110" spans="1:87" s="28" customFormat="1" ht="56.1" customHeight="1" x14ac:dyDescent="0.2">
      <c r="A110" s="22">
        <v>161</v>
      </c>
      <c r="B110" s="23" t="s">
        <v>53</v>
      </c>
      <c r="C110" s="35" t="s">
        <v>655</v>
      </c>
      <c r="D110" s="32" t="s">
        <v>830</v>
      </c>
      <c r="E110" s="32" t="s">
        <v>893</v>
      </c>
      <c r="F110" s="25" t="s">
        <v>1661</v>
      </c>
      <c r="G110" s="32" t="s">
        <v>58</v>
      </c>
      <c r="H110" s="32" t="s">
        <v>26</v>
      </c>
      <c r="I110" s="32"/>
      <c r="J110" s="29" t="s">
        <v>77</v>
      </c>
      <c r="K110" s="32" t="s">
        <v>722</v>
      </c>
      <c r="L110" s="26" t="s">
        <v>63</v>
      </c>
      <c r="M110" s="26" t="s">
        <v>63</v>
      </c>
      <c r="N110" s="39">
        <v>87803.966249999998</v>
      </c>
      <c r="O110" s="33"/>
      <c r="P110" s="33"/>
      <c r="Q110" s="43">
        <f t="shared" si="15"/>
        <v>87803.966249999998</v>
      </c>
      <c r="R110" s="33"/>
      <c r="S110" s="33"/>
      <c r="T110" s="33"/>
      <c r="U110" s="33"/>
      <c r="V110" s="33"/>
      <c r="W110" s="33"/>
      <c r="X110" s="33"/>
      <c r="Y110" s="33"/>
      <c r="Z110" s="33"/>
      <c r="AA110" s="33"/>
      <c r="AB110" s="33"/>
      <c r="AC110" s="33"/>
      <c r="AD110" s="33"/>
      <c r="AE110" s="33"/>
      <c r="AF110" s="33"/>
      <c r="AG110" s="33"/>
      <c r="AH110" s="33"/>
      <c r="AI110" s="33"/>
      <c r="AJ110" s="33"/>
      <c r="AK110" s="33"/>
      <c r="AL110" s="33"/>
      <c r="AM110" s="33"/>
      <c r="AN110" s="33"/>
      <c r="AO110" s="33"/>
      <c r="AP110" s="33"/>
      <c r="AQ110" s="33"/>
      <c r="AR110" s="33"/>
      <c r="AS110" s="33"/>
      <c r="AT110" s="33"/>
      <c r="AU110" s="33"/>
      <c r="AV110" s="33"/>
      <c r="AW110" s="33"/>
      <c r="AX110" s="33"/>
      <c r="AY110" s="33"/>
      <c r="AZ110" s="58">
        <f t="shared" si="13"/>
        <v>0</v>
      </c>
      <c r="BA110" s="26" t="e">
        <f t="shared" si="14"/>
        <v>#DIV/0!</v>
      </c>
      <c r="BB110" s="27" t="str">
        <f t="shared" si="19"/>
        <v/>
      </c>
      <c r="BC110" s="27" t="str">
        <f t="shared" si="19"/>
        <v/>
      </c>
      <c r="BD110" s="27" t="str">
        <f t="shared" si="19"/>
        <v/>
      </c>
      <c r="BE110" s="27" t="str">
        <f t="shared" si="19"/>
        <v/>
      </c>
      <c r="BF110" s="27" t="str">
        <f t="shared" si="19"/>
        <v/>
      </c>
      <c r="BG110" s="27" t="str">
        <f t="shared" si="19"/>
        <v/>
      </c>
      <c r="BH110" s="27" t="str">
        <f t="shared" si="19"/>
        <v/>
      </c>
      <c r="BI110" s="27" t="str">
        <f t="shared" si="19"/>
        <v/>
      </c>
      <c r="BJ110" s="27" t="str">
        <f t="shared" si="19"/>
        <v/>
      </c>
      <c r="BK110" s="27" t="str">
        <f t="shared" si="19"/>
        <v/>
      </c>
      <c r="BL110" s="27" t="str">
        <f t="shared" si="19"/>
        <v/>
      </c>
      <c r="BM110" s="27" t="str">
        <f t="shared" si="19"/>
        <v/>
      </c>
      <c r="BN110" s="27" t="str">
        <f t="shared" si="19"/>
        <v/>
      </c>
      <c r="BO110" s="27" t="str">
        <f t="shared" si="19"/>
        <v/>
      </c>
      <c r="BP110" s="27" t="str">
        <f t="shared" si="19"/>
        <v/>
      </c>
      <c r="BQ110" s="27" t="str">
        <f t="shared" si="19"/>
        <v/>
      </c>
      <c r="BR110" s="27" t="str">
        <f t="shared" si="21"/>
        <v/>
      </c>
      <c r="BS110" s="27" t="str">
        <f t="shared" si="21"/>
        <v/>
      </c>
      <c r="BT110" s="27" t="str">
        <f t="shared" si="20"/>
        <v/>
      </c>
      <c r="BU110" s="27" t="str">
        <f t="shared" si="20"/>
        <v/>
      </c>
      <c r="BV110" s="27" t="str">
        <f t="shared" si="20"/>
        <v/>
      </c>
      <c r="BW110" s="27" t="str">
        <f t="shared" si="20"/>
        <v/>
      </c>
      <c r="BX110" s="27" t="str">
        <f t="shared" si="17"/>
        <v/>
      </c>
      <c r="BY110" s="27" t="str">
        <f t="shared" si="17"/>
        <v/>
      </c>
      <c r="BZ110" s="27" t="str">
        <f t="shared" si="17"/>
        <v/>
      </c>
      <c r="CA110" s="27" t="str">
        <f t="shared" si="17"/>
        <v/>
      </c>
      <c r="CB110" s="27" t="str">
        <f t="shared" si="17"/>
        <v/>
      </c>
      <c r="CC110" s="27" t="str">
        <f t="shared" si="17"/>
        <v/>
      </c>
      <c r="CD110" s="27" t="str">
        <f t="shared" si="17"/>
        <v/>
      </c>
      <c r="CE110" s="27" t="str">
        <f t="shared" si="17"/>
        <v/>
      </c>
      <c r="CF110" s="27" t="str">
        <f t="shared" si="17"/>
        <v/>
      </c>
      <c r="CG110" s="33"/>
      <c r="CH110" s="33"/>
      <c r="CI110" s="36"/>
    </row>
    <row r="111" spans="1:87" s="28" customFormat="1" ht="56.1" customHeight="1" x14ac:dyDescent="0.2">
      <c r="A111" s="22">
        <v>162</v>
      </c>
      <c r="B111" s="23" t="s">
        <v>53</v>
      </c>
      <c r="C111" s="35" t="s">
        <v>655</v>
      </c>
      <c r="D111" s="32" t="s">
        <v>830</v>
      </c>
      <c r="E111" s="32" t="s">
        <v>895</v>
      </c>
      <c r="F111" s="25" t="s">
        <v>2535</v>
      </c>
      <c r="G111" s="32" t="s">
        <v>58</v>
      </c>
      <c r="H111" s="32" t="s">
        <v>833</v>
      </c>
      <c r="I111" s="32"/>
      <c r="J111" s="29" t="s">
        <v>77</v>
      </c>
      <c r="K111" s="32" t="s">
        <v>722</v>
      </c>
      <c r="L111" s="26" t="s">
        <v>63</v>
      </c>
      <c r="M111" s="26" t="s">
        <v>63</v>
      </c>
      <c r="N111" s="39">
        <v>468217.25039375003</v>
      </c>
      <c r="O111" s="33"/>
      <c r="P111" s="33"/>
      <c r="Q111" s="43">
        <f t="shared" si="15"/>
        <v>468217.25039375003</v>
      </c>
      <c r="R111" s="33"/>
      <c r="S111" s="33"/>
      <c r="T111" s="33"/>
      <c r="U111" s="33"/>
      <c r="V111" s="33"/>
      <c r="W111" s="33"/>
      <c r="X111" s="33"/>
      <c r="Y111" s="33"/>
      <c r="Z111" s="33"/>
      <c r="AA111" s="33"/>
      <c r="AB111" s="33"/>
      <c r="AC111" s="33"/>
      <c r="AD111" s="33"/>
      <c r="AE111" s="33"/>
      <c r="AF111" s="33"/>
      <c r="AG111" s="33"/>
      <c r="AH111" s="33"/>
      <c r="AI111" s="33"/>
      <c r="AJ111" s="33"/>
      <c r="AK111" s="33"/>
      <c r="AL111" s="33"/>
      <c r="AM111" s="33"/>
      <c r="AN111" s="33"/>
      <c r="AO111" s="33"/>
      <c r="AP111" s="33"/>
      <c r="AQ111" s="33"/>
      <c r="AR111" s="33"/>
      <c r="AS111" s="33"/>
      <c r="AT111" s="33"/>
      <c r="AU111" s="33"/>
      <c r="AV111" s="33"/>
      <c r="AW111" s="33"/>
      <c r="AX111" s="33"/>
      <c r="AY111" s="33"/>
      <c r="AZ111" s="58">
        <f t="shared" si="13"/>
        <v>0</v>
      </c>
      <c r="BA111" s="26" t="e">
        <f t="shared" si="14"/>
        <v>#DIV/0!</v>
      </c>
      <c r="BB111" s="27" t="str">
        <f t="shared" si="19"/>
        <v/>
      </c>
      <c r="BC111" s="27" t="str">
        <f t="shared" si="19"/>
        <v/>
      </c>
      <c r="BD111" s="27" t="str">
        <f t="shared" si="19"/>
        <v/>
      </c>
      <c r="BE111" s="27" t="str">
        <f t="shared" si="19"/>
        <v/>
      </c>
      <c r="BF111" s="27" t="str">
        <f t="shared" si="19"/>
        <v/>
      </c>
      <c r="BG111" s="27" t="str">
        <f t="shared" si="19"/>
        <v/>
      </c>
      <c r="BH111" s="27" t="str">
        <f t="shared" si="19"/>
        <v/>
      </c>
      <c r="BI111" s="27" t="str">
        <f t="shared" si="19"/>
        <v/>
      </c>
      <c r="BJ111" s="27" t="str">
        <f t="shared" si="19"/>
        <v/>
      </c>
      <c r="BK111" s="27" t="str">
        <f t="shared" si="19"/>
        <v/>
      </c>
      <c r="BL111" s="27" t="str">
        <f t="shared" si="19"/>
        <v/>
      </c>
      <c r="BM111" s="27" t="str">
        <f t="shared" si="19"/>
        <v/>
      </c>
      <c r="BN111" s="27" t="str">
        <f t="shared" si="19"/>
        <v/>
      </c>
      <c r="BO111" s="27" t="str">
        <f t="shared" si="19"/>
        <v/>
      </c>
      <c r="BP111" s="27" t="str">
        <f t="shared" si="19"/>
        <v/>
      </c>
      <c r="BQ111" s="27" t="str">
        <f t="shared" si="19"/>
        <v/>
      </c>
      <c r="BR111" s="27" t="str">
        <f t="shared" si="21"/>
        <v/>
      </c>
      <c r="BS111" s="27" t="str">
        <f t="shared" si="21"/>
        <v/>
      </c>
      <c r="BT111" s="27" t="str">
        <f t="shared" si="20"/>
        <v/>
      </c>
      <c r="BU111" s="27" t="str">
        <f t="shared" si="20"/>
        <v/>
      </c>
      <c r="BV111" s="27" t="str">
        <f t="shared" si="20"/>
        <v/>
      </c>
      <c r="BW111" s="27" t="str">
        <f t="shared" si="20"/>
        <v/>
      </c>
      <c r="BX111" s="27" t="str">
        <f t="shared" si="17"/>
        <v/>
      </c>
      <c r="BY111" s="27" t="str">
        <f t="shared" si="17"/>
        <v/>
      </c>
      <c r="BZ111" s="27" t="str">
        <f t="shared" si="17"/>
        <v/>
      </c>
      <c r="CA111" s="27" t="str">
        <f t="shared" si="17"/>
        <v/>
      </c>
      <c r="CB111" s="27" t="str">
        <f t="shared" si="17"/>
        <v/>
      </c>
      <c r="CC111" s="27" t="str">
        <f t="shared" si="17"/>
        <v/>
      </c>
      <c r="CD111" s="27" t="str">
        <f t="shared" si="17"/>
        <v/>
      </c>
      <c r="CE111" s="27" t="str">
        <f t="shared" si="17"/>
        <v/>
      </c>
      <c r="CF111" s="27" t="str">
        <f t="shared" si="17"/>
        <v/>
      </c>
      <c r="CG111" s="33"/>
      <c r="CH111" s="33"/>
      <c r="CI111" s="36"/>
    </row>
    <row r="112" spans="1:87" s="28" customFormat="1" ht="56.1" customHeight="1" x14ac:dyDescent="0.2">
      <c r="A112" s="22">
        <v>163</v>
      </c>
      <c r="B112" s="23" t="s">
        <v>53</v>
      </c>
      <c r="C112" s="35" t="s">
        <v>655</v>
      </c>
      <c r="D112" s="32" t="s">
        <v>897</v>
      </c>
      <c r="E112" s="32" t="s">
        <v>898</v>
      </c>
      <c r="F112" s="25" t="s">
        <v>899</v>
      </c>
      <c r="G112" s="32" t="s">
        <v>58</v>
      </c>
      <c r="H112" s="32" t="s">
        <v>2531</v>
      </c>
      <c r="I112" s="32"/>
      <c r="J112" s="29" t="s">
        <v>77</v>
      </c>
      <c r="K112" s="32" t="s">
        <v>868</v>
      </c>
      <c r="L112" s="26" t="s">
        <v>63</v>
      </c>
      <c r="M112" s="26" t="s">
        <v>63</v>
      </c>
      <c r="N112" s="39"/>
      <c r="O112" s="33"/>
      <c r="P112" s="33"/>
      <c r="Q112" s="43">
        <f t="shared" si="15"/>
        <v>0</v>
      </c>
      <c r="R112" s="33"/>
      <c r="S112" s="33"/>
      <c r="T112" s="33"/>
      <c r="U112" s="33"/>
      <c r="V112" s="33"/>
      <c r="W112" s="33"/>
      <c r="X112" s="33"/>
      <c r="Y112" s="33"/>
      <c r="Z112" s="33"/>
      <c r="AA112" s="33"/>
      <c r="AB112" s="33"/>
      <c r="AC112" s="33"/>
      <c r="AD112" s="33"/>
      <c r="AE112" s="33"/>
      <c r="AF112" s="33"/>
      <c r="AG112" s="33"/>
      <c r="AH112" s="33"/>
      <c r="AI112" s="33"/>
      <c r="AJ112" s="33"/>
      <c r="AK112" s="33"/>
      <c r="AL112" s="33"/>
      <c r="AM112" s="33"/>
      <c r="AN112" s="33"/>
      <c r="AO112" s="33"/>
      <c r="AP112" s="33"/>
      <c r="AQ112" s="33"/>
      <c r="AR112" s="33"/>
      <c r="AS112" s="33"/>
      <c r="AT112" s="33"/>
      <c r="AU112" s="33"/>
      <c r="AV112" s="33"/>
      <c r="AW112" s="33"/>
      <c r="AX112" s="33"/>
      <c r="AY112" s="33"/>
      <c r="AZ112" s="58">
        <f t="shared" si="13"/>
        <v>0</v>
      </c>
      <c r="BA112" s="26" t="e">
        <f t="shared" si="14"/>
        <v>#DIV/0!</v>
      </c>
      <c r="BB112" s="27" t="str">
        <f t="shared" si="19"/>
        <v/>
      </c>
      <c r="BC112" s="27" t="str">
        <f t="shared" si="19"/>
        <v/>
      </c>
      <c r="BD112" s="27" t="str">
        <f t="shared" si="19"/>
        <v/>
      </c>
      <c r="BE112" s="27" t="str">
        <f t="shared" si="19"/>
        <v/>
      </c>
      <c r="BF112" s="27" t="str">
        <f t="shared" si="19"/>
        <v/>
      </c>
      <c r="BG112" s="27" t="str">
        <f t="shared" si="19"/>
        <v/>
      </c>
      <c r="BH112" s="27" t="str">
        <f t="shared" si="19"/>
        <v/>
      </c>
      <c r="BI112" s="27" t="str">
        <f t="shared" si="19"/>
        <v/>
      </c>
      <c r="BJ112" s="27" t="str">
        <f t="shared" si="19"/>
        <v/>
      </c>
      <c r="BK112" s="27" t="str">
        <f t="shared" si="19"/>
        <v/>
      </c>
      <c r="BL112" s="27" t="str">
        <f t="shared" si="19"/>
        <v/>
      </c>
      <c r="BM112" s="27" t="str">
        <f t="shared" si="19"/>
        <v/>
      </c>
      <c r="BN112" s="27" t="str">
        <f t="shared" si="19"/>
        <v/>
      </c>
      <c r="BO112" s="27" t="str">
        <f t="shared" si="19"/>
        <v/>
      </c>
      <c r="BP112" s="27" t="str">
        <f t="shared" si="19"/>
        <v/>
      </c>
      <c r="BQ112" s="27" t="str">
        <f t="shared" si="19"/>
        <v/>
      </c>
      <c r="BR112" s="27" t="str">
        <f t="shared" si="21"/>
        <v/>
      </c>
      <c r="BS112" s="27" t="str">
        <f t="shared" si="21"/>
        <v/>
      </c>
      <c r="BT112" s="27" t="str">
        <f t="shared" si="20"/>
        <v/>
      </c>
      <c r="BU112" s="27" t="str">
        <f t="shared" si="20"/>
        <v/>
      </c>
      <c r="BV112" s="27" t="str">
        <f t="shared" si="20"/>
        <v/>
      </c>
      <c r="BW112" s="27" t="str">
        <f t="shared" si="20"/>
        <v/>
      </c>
      <c r="BX112" s="27" t="str">
        <f t="shared" si="17"/>
        <v/>
      </c>
      <c r="BY112" s="27" t="str">
        <f t="shared" si="17"/>
        <v/>
      </c>
      <c r="BZ112" s="27" t="str">
        <f t="shared" si="17"/>
        <v/>
      </c>
      <c r="CA112" s="27" t="str">
        <f t="shared" si="17"/>
        <v/>
      </c>
      <c r="CB112" s="27" t="str">
        <f t="shared" si="17"/>
        <v/>
      </c>
      <c r="CC112" s="27" t="str">
        <f t="shared" si="17"/>
        <v/>
      </c>
      <c r="CD112" s="27" t="str">
        <f t="shared" si="17"/>
        <v/>
      </c>
      <c r="CE112" s="27" t="str">
        <f t="shared" si="17"/>
        <v/>
      </c>
      <c r="CF112" s="27" t="str">
        <f t="shared" si="17"/>
        <v/>
      </c>
      <c r="CG112" s="33"/>
      <c r="CH112" s="33"/>
      <c r="CI112" s="36"/>
    </row>
    <row r="113" spans="1:87" s="28" customFormat="1" ht="56.1" customHeight="1" x14ac:dyDescent="0.2">
      <c r="A113" s="22">
        <v>164</v>
      </c>
      <c r="B113" s="23" t="s">
        <v>869</v>
      </c>
      <c r="C113" s="35" t="s">
        <v>655</v>
      </c>
      <c r="D113" s="32" t="s">
        <v>900</v>
      </c>
      <c r="E113" s="32" t="s">
        <v>2536</v>
      </c>
      <c r="F113" s="25" t="s">
        <v>2537</v>
      </c>
      <c r="G113" s="32" t="s">
        <v>58</v>
      </c>
      <c r="H113" s="32"/>
      <c r="I113" s="32"/>
      <c r="J113" s="29" t="s">
        <v>77</v>
      </c>
      <c r="K113" s="32" t="s">
        <v>868</v>
      </c>
      <c r="L113" s="26" t="s">
        <v>63</v>
      </c>
      <c r="M113" s="26" t="s">
        <v>63</v>
      </c>
      <c r="N113" s="39"/>
      <c r="O113" s="33"/>
      <c r="P113" s="33"/>
      <c r="Q113" s="43">
        <f t="shared" si="15"/>
        <v>0</v>
      </c>
      <c r="R113" s="33"/>
      <c r="S113" s="33"/>
      <c r="T113" s="33"/>
      <c r="U113" s="33"/>
      <c r="V113" s="33"/>
      <c r="W113" s="33"/>
      <c r="X113" s="33"/>
      <c r="Y113" s="33"/>
      <c r="Z113" s="33"/>
      <c r="AA113" s="33"/>
      <c r="AB113" s="33"/>
      <c r="AC113" s="33"/>
      <c r="AD113" s="33"/>
      <c r="AE113" s="33"/>
      <c r="AF113" s="33"/>
      <c r="AG113" s="33"/>
      <c r="AH113" s="33"/>
      <c r="AI113" s="33"/>
      <c r="AJ113" s="33"/>
      <c r="AK113" s="33"/>
      <c r="AL113" s="33"/>
      <c r="AM113" s="33"/>
      <c r="AN113" s="33"/>
      <c r="AO113" s="33"/>
      <c r="AP113" s="33"/>
      <c r="AQ113" s="33"/>
      <c r="AR113" s="33"/>
      <c r="AS113" s="33"/>
      <c r="AT113" s="33"/>
      <c r="AU113" s="33"/>
      <c r="AV113" s="33"/>
      <c r="AW113" s="33"/>
      <c r="AX113" s="33"/>
      <c r="AY113" s="33"/>
      <c r="AZ113" s="58">
        <f t="shared" si="13"/>
        <v>0</v>
      </c>
      <c r="BA113" s="26" t="e">
        <f t="shared" si="14"/>
        <v>#DIV/0!</v>
      </c>
      <c r="BB113" s="27" t="str">
        <f t="shared" si="19"/>
        <v/>
      </c>
      <c r="BC113" s="27" t="str">
        <f t="shared" si="19"/>
        <v/>
      </c>
      <c r="BD113" s="27" t="str">
        <f t="shared" si="19"/>
        <v/>
      </c>
      <c r="BE113" s="27" t="str">
        <f t="shared" si="19"/>
        <v/>
      </c>
      <c r="BF113" s="27" t="str">
        <f t="shared" si="19"/>
        <v/>
      </c>
      <c r="BG113" s="27" t="str">
        <f t="shared" si="19"/>
        <v/>
      </c>
      <c r="BH113" s="27" t="str">
        <f t="shared" si="19"/>
        <v/>
      </c>
      <c r="BI113" s="27" t="str">
        <f t="shared" si="19"/>
        <v/>
      </c>
      <c r="BJ113" s="27" t="str">
        <f t="shared" si="19"/>
        <v/>
      </c>
      <c r="BK113" s="27" t="str">
        <f t="shared" si="19"/>
        <v/>
      </c>
      <c r="BL113" s="27" t="str">
        <f t="shared" si="19"/>
        <v/>
      </c>
      <c r="BM113" s="27" t="str">
        <f t="shared" si="19"/>
        <v/>
      </c>
      <c r="BN113" s="27" t="str">
        <f t="shared" si="19"/>
        <v/>
      </c>
      <c r="BO113" s="27" t="str">
        <f t="shared" si="19"/>
        <v/>
      </c>
      <c r="BP113" s="27" t="str">
        <f t="shared" si="19"/>
        <v/>
      </c>
      <c r="BQ113" s="27" t="str">
        <f t="shared" si="19"/>
        <v/>
      </c>
      <c r="BR113" s="27" t="str">
        <f t="shared" si="21"/>
        <v/>
      </c>
      <c r="BS113" s="27" t="str">
        <f t="shared" si="21"/>
        <v/>
      </c>
      <c r="BT113" s="27" t="str">
        <f t="shared" si="20"/>
        <v/>
      </c>
      <c r="BU113" s="27" t="str">
        <f t="shared" si="20"/>
        <v/>
      </c>
      <c r="BV113" s="27" t="str">
        <f t="shared" si="20"/>
        <v/>
      </c>
      <c r="BW113" s="27" t="str">
        <f t="shared" si="20"/>
        <v/>
      </c>
      <c r="BX113" s="27" t="str">
        <f t="shared" si="17"/>
        <v/>
      </c>
      <c r="BY113" s="27" t="str">
        <f t="shared" si="17"/>
        <v/>
      </c>
      <c r="BZ113" s="27" t="str">
        <f t="shared" si="17"/>
        <v/>
      </c>
      <c r="CA113" s="27" t="str">
        <f t="shared" si="17"/>
        <v/>
      </c>
      <c r="CB113" s="27" t="str">
        <f t="shared" si="17"/>
        <v/>
      </c>
      <c r="CC113" s="27" t="str">
        <f t="shared" si="17"/>
        <v/>
      </c>
      <c r="CD113" s="27" t="str">
        <f t="shared" si="17"/>
        <v/>
      </c>
      <c r="CE113" s="27" t="str">
        <f t="shared" si="17"/>
        <v/>
      </c>
      <c r="CF113" s="27" t="str">
        <f t="shared" si="17"/>
        <v/>
      </c>
      <c r="CG113" s="33"/>
      <c r="CH113" s="33"/>
      <c r="CI113" s="36"/>
    </row>
    <row r="114" spans="1:87" s="28" customFormat="1" ht="56.1" customHeight="1" x14ac:dyDescent="0.2">
      <c r="A114" s="22">
        <v>165</v>
      </c>
      <c r="B114" s="23" t="s">
        <v>912</v>
      </c>
      <c r="C114" s="35" t="s">
        <v>655</v>
      </c>
      <c r="D114" s="32" t="s">
        <v>900</v>
      </c>
      <c r="E114" s="32" t="s">
        <v>2538</v>
      </c>
      <c r="F114" s="25" t="s">
        <v>2539</v>
      </c>
      <c r="G114" s="32" t="s">
        <v>58</v>
      </c>
      <c r="H114" s="32" t="s">
        <v>846</v>
      </c>
      <c r="I114" s="32"/>
      <c r="J114" s="29" t="s">
        <v>77</v>
      </c>
      <c r="K114" s="32" t="s">
        <v>722</v>
      </c>
      <c r="L114" s="26" t="s">
        <v>63</v>
      </c>
      <c r="M114" s="26" t="s">
        <v>63</v>
      </c>
      <c r="N114" s="39">
        <v>527577.90928699996</v>
      </c>
      <c r="O114" s="33"/>
      <c r="P114" s="33"/>
      <c r="Q114" s="43">
        <f t="shared" si="15"/>
        <v>527577.90928699996</v>
      </c>
      <c r="R114" s="33"/>
      <c r="S114" s="33"/>
      <c r="T114" s="33"/>
      <c r="U114" s="33"/>
      <c r="V114" s="33"/>
      <c r="W114" s="33"/>
      <c r="X114" s="33"/>
      <c r="Y114" s="33"/>
      <c r="Z114" s="33"/>
      <c r="AA114" s="33"/>
      <c r="AB114" s="33"/>
      <c r="AC114" s="33"/>
      <c r="AD114" s="33"/>
      <c r="AE114" s="33"/>
      <c r="AF114" s="33"/>
      <c r="AG114" s="33"/>
      <c r="AH114" s="33"/>
      <c r="AI114" s="33"/>
      <c r="AJ114" s="33"/>
      <c r="AK114" s="33"/>
      <c r="AL114" s="33"/>
      <c r="AM114" s="33"/>
      <c r="AN114" s="33"/>
      <c r="AO114" s="33"/>
      <c r="AP114" s="33"/>
      <c r="AQ114" s="33"/>
      <c r="AR114" s="33"/>
      <c r="AS114" s="33"/>
      <c r="AT114" s="33"/>
      <c r="AU114" s="33"/>
      <c r="AV114" s="33"/>
      <c r="AW114" s="33"/>
      <c r="AX114" s="33"/>
      <c r="AY114" s="33"/>
      <c r="AZ114" s="58">
        <f t="shared" si="13"/>
        <v>0</v>
      </c>
      <c r="BA114" s="26" t="e">
        <f t="shared" si="14"/>
        <v>#DIV/0!</v>
      </c>
      <c r="BB114" s="27" t="str">
        <f t="shared" si="19"/>
        <v/>
      </c>
      <c r="BC114" s="27" t="str">
        <f t="shared" si="19"/>
        <v/>
      </c>
      <c r="BD114" s="27" t="str">
        <f t="shared" si="19"/>
        <v/>
      </c>
      <c r="BE114" s="27" t="str">
        <f t="shared" si="19"/>
        <v/>
      </c>
      <c r="BF114" s="27" t="str">
        <f t="shared" si="19"/>
        <v/>
      </c>
      <c r="BG114" s="27" t="str">
        <f t="shared" si="19"/>
        <v/>
      </c>
      <c r="BH114" s="27" t="str">
        <f t="shared" si="19"/>
        <v/>
      </c>
      <c r="BI114" s="27" t="str">
        <f t="shared" si="19"/>
        <v/>
      </c>
      <c r="BJ114" s="27" t="str">
        <f t="shared" si="19"/>
        <v/>
      </c>
      <c r="BK114" s="27" t="str">
        <f t="shared" si="19"/>
        <v/>
      </c>
      <c r="BL114" s="27" t="str">
        <f t="shared" si="19"/>
        <v/>
      </c>
      <c r="BM114" s="27" t="str">
        <f t="shared" si="19"/>
        <v/>
      </c>
      <c r="BN114" s="27" t="str">
        <f t="shared" si="19"/>
        <v/>
      </c>
      <c r="BO114" s="27" t="str">
        <f t="shared" si="19"/>
        <v/>
      </c>
      <c r="BP114" s="27" t="str">
        <f t="shared" si="19"/>
        <v/>
      </c>
      <c r="BQ114" s="27" t="str">
        <f t="shared" si="19"/>
        <v/>
      </c>
      <c r="BR114" s="27" t="str">
        <f t="shared" si="21"/>
        <v/>
      </c>
      <c r="BS114" s="27" t="str">
        <f t="shared" si="21"/>
        <v/>
      </c>
      <c r="BT114" s="27" t="str">
        <f t="shared" si="20"/>
        <v/>
      </c>
      <c r="BU114" s="27" t="str">
        <f t="shared" si="20"/>
        <v/>
      </c>
      <c r="BV114" s="27" t="str">
        <f t="shared" si="20"/>
        <v/>
      </c>
      <c r="BW114" s="27" t="str">
        <f t="shared" si="20"/>
        <v/>
      </c>
      <c r="BX114" s="27" t="str">
        <f t="shared" si="17"/>
        <v/>
      </c>
      <c r="BY114" s="27" t="str">
        <f t="shared" si="17"/>
        <v/>
      </c>
      <c r="BZ114" s="27" t="str">
        <f t="shared" si="17"/>
        <v/>
      </c>
      <c r="CA114" s="27" t="str">
        <f t="shared" si="17"/>
        <v/>
      </c>
      <c r="CB114" s="27" t="str">
        <f t="shared" si="17"/>
        <v/>
      </c>
      <c r="CC114" s="27" t="str">
        <f t="shared" si="17"/>
        <v/>
      </c>
      <c r="CD114" s="27" t="str">
        <f t="shared" si="17"/>
        <v/>
      </c>
      <c r="CE114" s="27" t="str">
        <f t="shared" si="17"/>
        <v/>
      </c>
      <c r="CF114" s="27" t="str">
        <f t="shared" si="17"/>
        <v/>
      </c>
      <c r="CG114" s="33"/>
      <c r="CH114" s="33"/>
      <c r="CI114" s="36"/>
    </row>
    <row r="115" spans="1:87" s="28" customFormat="1" ht="56.1" customHeight="1" x14ac:dyDescent="0.2">
      <c r="A115" s="22">
        <v>166</v>
      </c>
      <c r="B115" s="23" t="s">
        <v>869</v>
      </c>
      <c r="C115" s="35" t="s">
        <v>655</v>
      </c>
      <c r="D115" s="32" t="s">
        <v>900</v>
      </c>
      <c r="E115" s="32" t="s">
        <v>2540</v>
      </c>
      <c r="F115" s="25" t="s">
        <v>2541</v>
      </c>
      <c r="G115" s="32" t="s">
        <v>58</v>
      </c>
      <c r="H115" s="32" t="s">
        <v>846</v>
      </c>
      <c r="I115" s="32"/>
      <c r="J115" s="29" t="s">
        <v>77</v>
      </c>
      <c r="K115" s="32" t="s">
        <v>2542</v>
      </c>
      <c r="L115" s="26" t="s">
        <v>63</v>
      </c>
      <c r="M115" s="26" t="s">
        <v>63</v>
      </c>
      <c r="N115" s="39">
        <v>10278125</v>
      </c>
      <c r="O115" s="33"/>
      <c r="P115" s="33"/>
      <c r="Q115" s="43">
        <f t="shared" si="15"/>
        <v>10278125</v>
      </c>
      <c r="R115" s="33"/>
      <c r="S115" s="33"/>
      <c r="T115" s="33"/>
      <c r="U115" s="33"/>
      <c r="V115" s="33"/>
      <c r="W115" s="33"/>
      <c r="X115" s="33"/>
      <c r="Y115" s="33"/>
      <c r="Z115" s="33"/>
      <c r="AA115" s="33"/>
      <c r="AB115" s="33"/>
      <c r="AC115" s="33"/>
      <c r="AD115" s="33"/>
      <c r="AE115" s="33"/>
      <c r="AF115" s="33"/>
      <c r="AG115" s="33"/>
      <c r="AH115" s="33"/>
      <c r="AI115" s="33"/>
      <c r="AJ115" s="33"/>
      <c r="AK115" s="33"/>
      <c r="AL115" s="33"/>
      <c r="AM115" s="33"/>
      <c r="AN115" s="33"/>
      <c r="AO115" s="33"/>
      <c r="AP115" s="33"/>
      <c r="AQ115" s="33"/>
      <c r="AR115" s="33"/>
      <c r="AS115" s="33"/>
      <c r="AT115" s="33"/>
      <c r="AU115" s="33"/>
      <c r="AV115" s="33"/>
      <c r="AW115" s="33"/>
      <c r="AX115" s="33"/>
      <c r="AY115" s="33"/>
      <c r="AZ115" s="58">
        <f t="shared" si="13"/>
        <v>0</v>
      </c>
      <c r="BA115" s="26" t="e">
        <f t="shared" si="14"/>
        <v>#DIV/0!</v>
      </c>
      <c r="BB115" s="27" t="str">
        <f t="shared" si="19"/>
        <v/>
      </c>
      <c r="BC115" s="27" t="str">
        <f t="shared" si="19"/>
        <v/>
      </c>
      <c r="BD115" s="27" t="str">
        <f t="shared" si="19"/>
        <v/>
      </c>
      <c r="BE115" s="27" t="str">
        <f t="shared" si="19"/>
        <v/>
      </c>
      <c r="BF115" s="27" t="str">
        <f t="shared" si="19"/>
        <v/>
      </c>
      <c r="BG115" s="27" t="str">
        <f t="shared" si="19"/>
        <v/>
      </c>
      <c r="BH115" s="27" t="str">
        <f t="shared" si="19"/>
        <v/>
      </c>
      <c r="BI115" s="27" t="str">
        <f t="shared" si="19"/>
        <v/>
      </c>
      <c r="BJ115" s="27" t="str">
        <f t="shared" si="19"/>
        <v/>
      </c>
      <c r="BK115" s="27" t="str">
        <f t="shared" si="19"/>
        <v/>
      </c>
      <c r="BL115" s="27" t="str">
        <f t="shared" si="19"/>
        <v/>
      </c>
      <c r="BM115" s="27" t="str">
        <f t="shared" si="19"/>
        <v/>
      </c>
      <c r="BN115" s="27" t="str">
        <f t="shared" si="19"/>
        <v/>
      </c>
      <c r="BO115" s="27" t="str">
        <f t="shared" si="19"/>
        <v/>
      </c>
      <c r="BP115" s="27" t="str">
        <f t="shared" si="19"/>
        <v/>
      </c>
      <c r="BQ115" s="27" t="str">
        <f t="shared" si="19"/>
        <v/>
      </c>
      <c r="BR115" s="27" t="str">
        <f t="shared" si="21"/>
        <v/>
      </c>
      <c r="BS115" s="27" t="str">
        <f t="shared" si="21"/>
        <v/>
      </c>
      <c r="BT115" s="27" t="str">
        <f t="shared" si="20"/>
        <v/>
      </c>
      <c r="BU115" s="27" t="str">
        <f t="shared" si="20"/>
        <v/>
      </c>
      <c r="BV115" s="27" t="str">
        <f t="shared" si="20"/>
        <v/>
      </c>
      <c r="BW115" s="27" t="str">
        <f t="shared" si="20"/>
        <v/>
      </c>
      <c r="BX115" s="27" t="str">
        <f t="shared" si="17"/>
        <v/>
      </c>
      <c r="BY115" s="27" t="str">
        <f t="shared" si="17"/>
        <v/>
      </c>
      <c r="BZ115" s="27" t="str">
        <f t="shared" si="17"/>
        <v/>
      </c>
      <c r="CA115" s="27" t="str">
        <f t="shared" si="17"/>
        <v/>
      </c>
      <c r="CB115" s="27" t="str">
        <f t="shared" si="17"/>
        <v/>
      </c>
      <c r="CC115" s="27" t="str">
        <f t="shared" si="17"/>
        <v/>
      </c>
      <c r="CD115" s="27" t="str">
        <f t="shared" si="17"/>
        <v/>
      </c>
      <c r="CE115" s="27" t="str">
        <f t="shared" si="17"/>
        <v/>
      </c>
      <c r="CF115" s="27" t="str">
        <f t="shared" si="17"/>
        <v/>
      </c>
      <c r="CG115" s="33"/>
      <c r="CH115" s="33"/>
      <c r="CI115" s="36"/>
    </row>
    <row r="116" spans="1:87" s="28" customFormat="1" ht="56.1" customHeight="1" x14ac:dyDescent="0.2">
      <c r="A116" s="22">
        <v>167</v>
      </c>
      <c r="B116" s="23" t="s">
        <v>53</v>
      </c>
      <c r="C116" s="35" t="s">
        <v>655</v>
      </c>
      <c r="D116" s="32" t="s">
        <v>900</v>
      </c>
      <c r="E116" s="32" t="s">
        <v>910</v>
      </c>
      <c r="F116" s="25" t="s">
        <v>911</v>
      </c>
      <c r="G116" s="32" t="s">
        <v>58</v>
      </c>
      <c r="H116" s="32" t="s">
        <v>833</v>
      </c>
      <c r="I116" s="32"/>
      <c r="J116" s="29" t="s">
        <v>77</v>
      </c>
      <c r="K116" s="32" t="s">
        <v>834</v>
      </c>
      <c r="L116" s="26" t="s">
        <v>63</v>
      </c>
      <c r="M116" s="26" t="s">
        <v>63</v>
      </c>
      <c r="N116" s="39">
        <v>44990.539343750002</v>
      </c>
      <c r="O116" s="33"/>
      <c r="P116" s="33"/>
      <c r="Q116" s="43">
        <f t="shared" si="15"/>
        <v>44990.539343750002</v>
      </c>
      <c r="R116" s="33"/>
      <c r="S116" s="33"/>
      <c r="T116" s="33"/>
      <c r="U116" s="33"/>
      <c r="V116" s="33"/>
      <c r="W116" s="33"/>
      <c r="X116" s="33"/>
      <c r="Y116" s="33"/>
      <c r="Z116" s="33"/>
      <c r="AA116" s="33"/>
      <c r="AB116" s="33"/>
      <c r="AC116" s="33"/>
      <c r="AD116" s="33"/>
      <c r="AE116" s="33"/>
      <c r="AF116" s="33"/>
      <c r="AG116" s="33"/>
      <c r="AH116" s="33"/>
      <c r="AI116" s="33"/>
      <c r="AJ116" s="33"/>
      <c r="AK116" s="33"/>
      <c r="AL116" s="33"/>
      <c r="AM116" s="33"/>
      <c r="AN116" s="33"/>
      <c r="AO116" s="33"/>
      <c r="AP116" s="33"/>
      <c r="AQ116" s="33"/>
      <c r="AR116" s="33"/>
      <c r="AS116" s="33"/>
      <c r="AT116" s="33"/>
      <c r="AU116" s="33"/>
      <c r="AV116" s="33"/>
      <c r="AW116" s="33"/>
      <c r="AX116" s="33"/>
      <c r="AY116" s="33"/>
      <c r="AZ116" s="58">
        <f t="shared" si="13"/>
        <v>0</v>
      </c>
      <c r="BA116" s="26" t="e">
        <f t="shared" si="14"/>
        <v>#DIV/0!</v>
      </c>
      <c r="BB116" s="27" t="str">
        <f t="shared" si="19"/>
        <v/>
      </c>
      <c r="BC116" s="27" t="str">
        <f t="shared" si="19"/>
        <v/>
      </c>
      <c r="BD116" s="27" t="str">
        <f t="shared" si="19"/>
        <v/>
      </c>
      <c r="BE116" s="27" t="str">
        <f t="shared" si="19"/>
        <v/>
      </c>
      <c r="BF116" s="27" t="str">
        <f t="shared" si="19"/>
        <v/>
      </c>
      <c r="BG116" s="27" t="str">
        <f t="shared" si="19"/>
        <v/>
      </c>
      <c r="BH116" s="27" t="str">
        <f t="shared" si="19"/>
        <v/>
      </c>
      <c r="BI116" s="27" t="str">
        <f t="shared" si="19"/>
        <v/>
      </c>
      <c r="BJ116" s="27" t="str">
        <f t="shared" si="19"/>
        <v/>
      </c>
      <c r="BK116" s="27" t="str">
        <f t="shared" si="19"/>
        <v/>
      </c>
      <c r="BL116" s="27" t="str">
        <f t="shared" si="19"/>
        <v/>
      </c>
      <c r="BM116" s="27" t="str">
        <f t="shared" si="19"/>
        <v/>
      </c>
      <c r="BN116" s="27" t="str">
        <f t="shared" si="19"/>
        <v/>
      </c>
      <c r="BO116" s="27" t="str">
        <f t="shared" si="19"/>
        <v/>
      </c>
      <c r="BP116" s="27" t="str">
        <f t="shared" si="19"/>
        <v/>
      </c>
      <c r="BQ116" s="27" t="str">
        <f t="shared" si="19"/>
        <v/>
      </c>
      <c r="BR116" s="27" t="str">
        <f t="shared" si="21"/>
        <v/>
      </c>
      <c r="BS116" s="27" t="str">
        <f t="shared" si="21"/>
        <v/>
      </c>
      <c r="BT116" s="27" t="str">
        <f t="shared" si="20"/>
        <v/>
      </c>
      <c r="BU116" s="27" t="str">
        <f t="shared" si="20"/>
        <v/>
      </c>
      <c r="BV116" s="27" t="str">
        <f t="shared" si="20"/>
        <v/>
      </c>
      <c r="BW116" s="27" t="str">
        <f t="shared" si="20"/>
        <v/>
      </c>
      <c r="BX116" s="27" t="str">
        <f t="shared" si="17"/>
        <v/>
      </c>
      <c r="BY116" s="27" t="str">
        <f t="shared" si="17"/>
        <v/>
      </c>
      <c r="BZ116" s="27" t="str">
        <f t="shared" si="17"/>
        <v/>
      </c>
      <c r="CA116" s="27" t="str">
        <f t="shared" si="17"/>
        <v/>
      </c>
      <c r="CB116" s="27" t="str">
        <f t="shared" si="17"/>
        <v/>
      </c>
      <c r="CC116" s="27" t="str">
        <f t="shared" si="17"/>
        <v/>
      </c>
      <c r="CD116" s="27" t="str">
        <f t="shared" si="17"/>
        <v/>
      </c>
      <c r="CE116" s="27" t="str">
        <f t="shared" si="17"/>
        <v/>
      </c>
      <c r="CF116" s="27" t="str">
        <f t="shared" si="17"/>
        <v/>
      </c>
      <c r="CG116" s="33"/>
      <c r="CH116" s="33"/>
      <c r="CI116" s="36"/>
    </row>
    <row r="117" spans="1:87" s="28" customFormat="1" ht="56.1" customHeight="1" x14ac:dyDescent="0.2">
      <c r="A117" s="22">
        <v>168</v>
      </c>
      <c r="B117" s="23" t="s">
        <v>53</v>
      </c>
      <c r="C117" s="35" t="s">
        <v>655</v>
      </c>
      <c r="D117" s="32" t="s">
        <v>900</v>
      </c>
      <c r="E117" s="32" t="s">
        <v>913</v>
      </c>
      <c r="F117" s="25" t="s">
        <v>911</v>
      </c>
      <c r="G117" s="32" t="s">
        <v>58</v>
      </c>
      <c r="H117" s="32" t="s">
        <v>833</v>
      </c>
      <c r="I117" s="32"/>
      <c r="J117" s="29" t="s">
        <v>77</v>
      </c>
      <c r="K117" s="32" t="s">
        <v>834</v>
      </c>
      <c r="L117" s="26" t="s">
        <v>63</v>
      </c>
      <c r="M117" s="26" t="s">
        <v>63</v>
      </c>
      <c r="N117" s="39">
        <v>44990.539343750002</v>
      </c>
      <c r="O117" s="33"/>
      <c r="P117" s="33"/>
      <c r="Q117" s="43">
        <f t="shared" si="15"/>
        <v>44990.539343750002</v>
      </c>
      <c r="R117" s="33"/>
      <c r="S117" s="33"/>
      <c r="T117" s="33"/>
      <c r="U117" s="33"/>
      <c r="V117" s="33"/>
      <c r="W117" s="33"/>
      <c r="X117" s="33"/>
      <c r="Y117" s="33"/>
      <c r="Z117" s="33"/>
      <c r="AA117" s="33"/>
      <c r="AB117" s="33"/>
      <c r="AC117" s="33"/>
      <c r="AD117" s="33"/>
      <c r="AE117" s="33"/>
      <c r="AF117" s="33"/>
      <c r="AG117" s="33"/>
      <c r="AH117" s="33"/>
      <c r="AI117" s="33"/>
      <c r="AJ117" s="33"/>
      <c r="AK117" s="33"/>
      <c r="AL117" s="33"/>
      <c r="AM117" s="33"/>
      <c r="AN117" s="33"/>
      <c r="AO117" s="33"/>
      <c r="AP117" s="33"/>
      <c r="AQ117" s="33"/>
      <c r="AR117" s="33"/>
      <c r="AS117" s="33"/>
      <c r="AT117" s="33"/>
      <c r="AU117" s="33"/>
      <c r="AV117" s="33"/>
      <c r="AW117" s="33"/>
      <c r="AX117" s="33"/>
      <c r="AY117" s="33"/>
      <c r="AZ117" s="58">
        <f t="shared" si="13"/>
        <v>0</v>
      </c>
      <c r="BA117" s="26" t="e">
        <f t="shared" si="14"/>
        <v>#DIV/0!</v>
      </c>
      <c r="BB117" s="27" t="str">
        <f t="shared" si="19"/>
        <v/>
      </c>
      <c r="BC117" s="27" t="str">
        <f t="shared" si="19"/>
        <v/>
      </c>
      <c r="BD117" s="27" t="str">
        <f t="shared" si="19"/>
        <v/>
      </c>
      <c r="BE117" s="27" t="str">
        <f t="shared" si="19"/>
        <v/>
      </c>
      <c r="BF117" s="27" t="str">
        <f t="shared" si="19"/>
        <v/>
      </c>
      <c r="BG117" s="27" t="str">
        <f t="shared" si="19"/>
        <v/>
      </c>
      <c r="BH117" s="27" t="str">
        <f t="shared" si="19"/>
        <v/>
      </c>
      <c r="BI117" s="27" t="str">
        <f t="shared" si="19"/>
        <v/>
      </c>
      <c r="BJ117" s="27" t="str">
        <f t="shared" si="19"/>
        <v/>
      </c>
      <c r="BK117" s="27" t="str">
        <f t="shared" si="19"/>
        <v/>
      </c>
      <c r="BL117" s="27" t="str">
        <f t="shared" si="19"/>
        <v/>
      </c>
      <c r="BM117" s="27" t="str">
        <f t="shared" si="19"/>
        <v/>
      </c>
      <c r="BN117" s="27" t="str">
        <f t="shared" si="19"/>
        <v/>
      </c>
      <c r="BO117" s="27" t="str">
        <f t="shared" si="19"/>
        <v/>
      </c>
      <c r="BP117" s="27" t="str">
        <f t="shared" si="19"/>
        <v/>
      </c>
      <c r="BQ117" s="27" t="str">
        <f t="shared" si="19"/>
        <v/>
      </c>
      <c r="BR117" s="27" t="str">
        <f t="shared" si="21"/>
        <v/>
      </c>
      <c r="BS117" s="27" t="str">
        <f t="shared" si="21"/>
        <v/>
      </c>
      <c r="BT117" s="27" t="str">
        <f t="shared" si="20"/>
        <v/>
      </c>
      <c r="BU117" s="27" t="str">
        <f t="shared" si="20"/>
        <v/>
      </c>
      <c r="BV117" s="27" t="str">
        <f t="shared" si="20"/>
        <v/>
      </c>
      <c r="BW117" s="27" t="str">
        <f t="shared" si="20"/>
        <v/>
      </c>
      <c r="BX117" s="27" t="str">
        <f t="shared" si="17"/>
        <v/>
      </c>
      <c r="BY117" s="27" t="str">
        <f t="shared" si="17"/>
        <v/>
      </c>
      <c r="BZ117" s="27" t="str">
        <f t="shared" si="17"/>
        <v/>
      </c>
      <c r="CA117" s="27" t="str">
        <f t="shared" si="17"/>
        <v/>
      </c>
      <c r="CB117" s="27" t="str">
        <f t="shared" si="17"/>
        <v/>
      </c>
      <c r="CC117" s="27" t="str">
        <f t="shared" si="17"/>
        <v/>
      </c>
      <c r="CD117" s="27" t="str">
        <f t="shared" si="17"/>
        <v/>
      </c>
      <c r="CE117" s="27" t="str">
        <f t="shared" si="17"/>
        <v/>
      </c>
      <c r="CF117" s="27" t="str">
        <f t="shared" si="17"/>
        <v/>
      </c>
      <c r="CG117" s="33"/>
      <c r="CH117" s="33"/>
      <c r="CI117" s="36"/>
    </row>
    <row r="118" spans="1:87" s="28" customFormat="1" ht="56.1" customHeight="1" x14ac:dyDescent="0.2">
      <c r="A118" s="22">
        <v>169</v>
      </c>
      <c r="B118" s="23" t="s">
        <v>53</v>
      </c>
      <c r="C118" s="35" t="s">
        <v>655</v>
      </c>
      <c r="D118" s="32" t="s">
        <v>900</v>
      </c>
      <c r="E118" s="32" t="s">
        <v>914</v>
      </c>
      <c r="F118" s="25" t="s">
        <v>911</v>
      </c>
      <c r="G118" s="32" t="s">
        <v>58</v>
      </c>
      <c r="H118" s="32" t="s">
        <v>833</v>
      </c>
      <c r="I118" s="32"/>
      <c r="J118" s="29" t="s">
        <v>77</v>
      </c>
      <c r="K118" s="32" t="s">
        <v>834</v>
      </c>
      <c r="L118" s="26" t="s">
        <v>63</v>
      </c>
      <c r="M118" s="26" t="s">
        <v>63</v>
      </c>
      <c r="N118" s="39">
        <v>43612.20166875</v>
      </c>
      <c r="O118" s="33"/>
      <c r="P118" s="33"/>
      <c r="Q118" s="43">
        <f t="shared" si="15"/>
        <v>43612.20166875</v>
      </c>
      <c r="R118" s="33"/>
      <c r="S118" s="33"/>
      <c r="T118" s="33"/>
      <c r="U118" s="33"/>
      <c r="V118" s="33"/>
      <c r="W118" s="33"/>
      <c r="X118" s="33"/>
      <c r="Y118" s="33"/>
      <c r="Z118" s="33"/>
      <c r="AA118" s="33"/>
      <c r="AB118" s="33"/>
      <c r="AC118" s="33"/>
      <c r="AD118" s="33"/>
      <c r="AE118" s="33"/>
      <c r="AF118" s="33"/>
      <c r="AG118" s="33"/>
      <c r="AH118" s="33"/>
      <c r="AI118" s="33"/>
      <c r="AJ118" s="33"/>
      <c r="AK118" s="33"/>
      <c r="AL118" s="33"/>
      <c r="AM118" s="33"/>
      <c r="AN118" s="33"/>
      <c r="AO118" s="33"/>
      <c r="AP118" s="33"/>
      <c r="AQ118" s="33"/>
      <c r="AR118" s="33"/>
      <c r="AS118" s="33"/>
      <c r="AT118" s="33"/>
      <c r="AU118" s="33"/>
      <c r="AV118" s="33"/>
      <c r="AW118" s="33"/>
      <c r="AX118" s="33"/>
      <c r="AY118" s="33"/>
      <c r="AZ118" s="58">
        <f t="shared" si="13"/>
        <v>0</v>
      </c>
      <c r="BA118" s="26" t="e">
        <f t="shared" si="14"/>
        <v>#DIV/0!</v>
      </c>
      <c r="BB118" s="27" t="str">
        <f t="shared" si="19"/>
        <v/>
      </c>
      <c r="BC118" s="27" t="str">
        <f t="shared" si="19"/>
        <v/>
      </c>
      <c r="BD118" s="27" t="str">
        <f t="shared" si="19"/>
        <v/>
      </c>
      <c r="BE118" s="27" t="str">
        <f t="shared" si="19"/>
        <v/>
      </c>
      <c r="BF118" s="27" t="str">
        <f t="shared" si="19"/>
        <v/>
      </c>
      <c r="BG118" s="27" t="str">
        <f t="shared" si="19"/>
        <v/>
      </c>
      <c r="BH118" s="27" t="str">
        <f t="shared" si="19"/>
        <v/>
      </c>
      <c r="BI118" s="27" t="str">
        <f t="shared" si="19"/>
        <v/>
      </c>
      <c r="BJ118" s="27" t="str">
        <f t="shared" si="19"/>
        <v/>
      </c>
      <c r="BK118" s="27" t="str">
        <f t="shared" si="19"/>
        <v/>
      </c>
      <c r="BL118" s="27" t="str">
        <f t="shared" si="19"/>
        <v/>
      </c>
      <c r="BM118" s="27" t="str">
        <f t="shared" si="19"/>
        <v/>
      </c>
      <c r="BN118" s="27" t="str">
        <f t="shared" si="19"/>
        <v/>
      </c>
      <c r="BO118" s="27" t="str">
        <f t="shared" si="19"/>
        <v/>
      </c>
      <c r="BP118" s="27" t="str">
        <f t="shared" si="19"/>
        <v/>
      </c>
      <c r="BQ118" s="27" t="str">
        <f t="shared" si="19"/>
        <v/>
      </c>
      <c r="BR118" s="27" t="str">
        <f t="shared" si="21"/>
        <v/>
      </c>
      <c r="BS118" s="27" t="str">
        <f t="shared" si="21"/>
        <v/>
      </c>
      <c r="BT118" s="27" t="str">
        <f t="shared" si="20"/>
        <v/>
      </c>
      <c r="BU118" s="27" t="str">
        <f t="shared" si="20"/>
        <v/>
      </c>
      <c r="BV118" s="27" t="str">
        <f t="shared" si="20"/>
        <v/>
      </c>
      <c r="BW118" s="27" t="str">
        <f t="shared" si="20"/>
        <v/>
      </c>
      <c r="BX118" s="27" t="str">
        <f t="shared" si="20"/>
        <v/>
      </c>
      <c r="BY118" s="27" t="str">
        <f t="shared" si="20"/>
        <v/>
      </c>
      <c r="BZ118" s="27" t="str">
        <f t="shared" si="20"/>
        <v/>
      </c>
      <c r="CA118" s="27" t="str">
        <f t="shared" si="20"/>
        <v/>
      </c>
      <c r="CB118" s="27" t="str">
        <f t="shared" si="20"/>
        <v/>
      </c>
      <c r="CC118" s="27" t="str">
        <f t="shared" si="20"/>
        <v/>
      </c>
      <c r="CD118" s="27" t="str">
        <f t="shared" si="20"/>
        <v/>
      </c>
      <c r="CE118" s="27" t="str">
        <f t="shared" si="20"/>
        <v/>
      </c>
      <c r="CF118" s="27" t="str">
        <f t="shared" si="20"/>
        <v/>
      </c>
      <c r="CG118" s="33"/>
      <c r="CH118" s="33"/>
      <c r="CI118" s="36"/>
    </row>
    <row r="119" spans="1:87" s="28" customFormat="1" ht="56.1" customHeight="1" x14ac:dyDescent="0.2">
      <c r="A119" s="22">
        <v>170</v>
      </c>
      <c r="B119" s="23" t="s">
        <v>53</v>
      </c>
      <c r="C119" s="35" t="s">
        <v>655</v>
      </c>
      <c r="D119" s="32" t="s">
        <v>900</v>
      </c>
      <c r="E119" s="32" t="s">
        <v>915</v>
      </c>
      <c r="F119" s="25" t="s">
        <v>911</v>
      </c>
      <c r="G119" s="32" t="s">
        <v>58</v>
      </c>
      <c r="H119" s="32" t="s">
        <v>833</v>
      </c>
      <c r="I119" s="32"/>
      <c r="J119" s="29" t="s">
        <v>77</v>
      </c>
      <c r="K119" s="32" t="s">
        <v>834</v>
      </c>
      <c r="L119" s="26" t="s">
        <v>63</v>
      </c>
      <c r="M119" s="26" t="s">
        <v>63</v>
      </c>
      <c r="N119" s="39">
        <v>44990.539343750002</v>
      </c>
      <c r="O119" s="33"/>
      <c r="P119" s="33"/>
      <c r="Q119" s="43">
        <f t="shared" si="15"/>
        <v>44990.539343750002</v>
      </c>
      <c r="R119" s="33"/>
      <c r="S119" s="33"/>
      <c r="T119" s="33"/>
      <c r="U119" s="33"/>
      <c r="V119" s="33"/>
      <c r="W119" s="33"/>
      <c r="X119" s="33"/>
      <c r="Y119" s="33"/>
      <c r="Z119" s="33"/>
      <c r="AA119" s="33"/>
      <c r="AB119" s="33"/>
      <c r="AC119" s="33"/>
      <c r="AD119" s="33"/>
      <c r="AE119" s="33"/>
      <c r="AF119" s="33"/>
      <c r="AG119" s="33"/>
      <c r="AH119" s="33"/>
      <c r="AI119" s="33"/>
      <c r="AJ119" s="33"/>
      <c r="AK119" s="33"/>
      <c r="AL119" s="33"/>
      <c r="AM119" s="33"/>
      <c r="AN119" s="33"/>
      <c r="AO119" s="33"/>
      <c r="AP119" s="33"/>
      <c r="AQ119" s="33"/>
      <c r="AR119" s="33"/>
      <c r="AS119" s="33"/>
      <c r="AT119" s="33"/>
      <c r="AU119" s="33"/>
      <c r="AV119" s="33"/>
      <c r="AW119" s="33"/>
      <c r="AX119" s="33"/>
      <c r="AY119" s="33"/>
      <c r="AZ119" s="58">
        <f t="shared" si="13"/>
        <v>0</v>
      </c>
      <c r="BA119" s="26" t="e">
        <f t="shared" si="14"/>
        <v>#DIV/0!</v>
      </c>
      <c r="BB119" s="27" t="str">
        <f t="shared" si="19"/>
        <v/>
      </c>
      <c r="BC119" s="27" t="str">
        <f t="shared" si="19"/>
        <v/>
      </c>
      <c r="BD119" s="27" t="str">
        <f t="shared" ref="BD119:BQ137" si="22">IF(W119="yes",(W$2*$BA119),"")</f>
        <v/>
      </c>
      <c r="BE119" s="27" t="str">
        <f t="shared" si="22"/>
        <v/>
      </c>
      <c r="BF119" s="27" t="str">
        <f t="shared" si="22"/>
        <v/>
      </c>
      <c r="BG119" s="27" t="str">
        <f t="shared" si="22"/>
        <v/>
      </c>
      <c r="BH119" s="27" t="str">
        <f t="shared" si="22"/>
        <v/>
      </c>
      <c r="BI119" s="27" t="str">
        <f t="shared" si="22"/>
        <v/>
      </c>
      <c r="BJ119" s="27" t="str">
        <f t="shared" si="22"/>
        <v/>
      </c>
      <c r="BK119" s="27" t="str">
        <f t="shared" si="22"/>
        <v/>
      </c>
      <c r="BL119" s="27" t="str">
        <f t="shared" si="22"/>
        <v/>
      </c>
      <c r="BM119" s="27" t="str">
        <f t="shared" si="22"/>
        <v/>
      </c>
      <c r="BN119" s="27" t="str">
        <f t="shared" si="22"/>
        <v/>
      </c>
      <c r="BO119" s="27" t="str">
        <f t="shared" si="22"/>
        <v/>
      </c>
      <c r="BP119" s="27" t="str">
        <f t="shared" si="22"/>
        <v/>
      </c>
      <c r="BQ119" s="27" t="str">
        <f t="shared" si="22"/>
        <v/>
      </c>
      <c r="BR119" s="27" t="str">
        <f t="shared" si="21"/>
        <v/>
      </c>
      <c r="BS119" s="27" t="str">
        <f t="shared" si="21"/>
        <v/>
      </c>
      <c r="BT119" s="27" t="str">
        <f t="shared" si="20"/>
        <v/>
      </c>
      <c r="BU119" s="27" t="str">
        <f t="shared" si="20"/>
        <v/>
      </c>
      <c r="BV119" s="27" t="str">
        <f t="shared" si="20"/>
        <v/>
      </c>
      <c r="BW119" s="27" t="str">
        <f t="shared" si="20"/>
        <v/>
      </c>
      <c r="BX119" s="27" t="str">
        <f t="shared" si="20"/>
        <v/>
      </c>
      <c r="BY119" s="27" t="str">
        <f t="shared" si="20"/>
        <v/>
      </c>
      <c r="BZ119" s="27" t="str">
        <f t="shared" si="20"/>
        <v/>
      </c>
      <c r="CA119" s="27" t="str">
        <f t="shared" si="20"/>
        <v/>
      </c>
      <c r="CB119" s="27" t="str">
        <f t="shared" si="20"/>
        <v/>
      </c>
      <c r="CC119" s="27" t="str">
        <f t="shared" si="20"/>
        <v/>
      </c>
      <c r="CD119" s="27" t="str">
        <f t="shared" si="20"/>
        <v/>
      </c>
      <c r="CE119" s="27" t="str">
        <f t="shared" si="20"/>
        <v/>
      </c>
      <c r="CF119" s="27" t="str">
        <f t="shared" si="20"/>
        <v/>
      </c>
      <c r="CG119" s="33"/>
      <c r="CH119" s="33"/>
      <c r="CI119" s="36"/>
    </row>
    <row r="120" spans="1:87" s="28" customFormat="1" ht="56.1" customHeight="1" x14ac:dyDescent="0.2">
      <c r="A120" s="22">
        <v>171</v>
      </c>
      <c r="B120" s="23" t="s">
        <v>53</v>
      </c>
      <c r="C120" s="35" t="s">
        <v>655</v>
      </c>
      <c r="D120" s="32" t="s">
        <v>900</v>
      </c>
      <c r="E120" s="32" t="s">
        <v>2543</v>
      </c>
      <c r="F120" s="25" t="s">
        <v>911</v>
      </c>
      <c r="G120" s="32" t="s">
        <v>58</v>
      </c>
      <c r="H120" s="32" t="s">
        <v>833</v>
      </c>
      <c r="I120" s="32"/>
      <c r="J120" s="29" t="s">
        <v>77</v>
      </c>
      <c r="K120" s="32" t="s">
        <v>834</v>
      </c>
      <c r="L120" s="26" t="s">
        <v>63</v>
      </c>
      <c r="M120" s="26" t="s">
        <v>63</v>
      </c>
      <c r="N120" s="39">
        <v>44691.939256249992</v>
      </c>
      <c r="O120" s="33"/>
      <c r="P120" s="33"/>
      <c r="Q120" s="43">
        <f t="shared" si="15"/>
        <v>44691.939256249992</v>
      </c>
      <c r="R120" s="33"/>
      <c r="S120" s="33"/>
      <c r="T120" s="33"/>
      <c r="U120" s="33"/>
      <c r="V120" s="33"/>
      <c r="W120" s="33"/>
      <c r="X120" s="33"/>
      <c r="Y120" s="33"/>
      <c r="Z120" s="33"/>
      <c r="AA120" s="33"/>
      <c r="AB120" s="33"/>
      <c r="AC120" s="33"/>
      <c r="AD120" s="33"/>
      <c r="AE120" s="33"/>
      <c r="AF120" s="33"/>
      <c r="AG120" s="33"/>
      <c r="AH120" s="33"/>
      <c r="AI120" s="33"/>
      <c r="AJ120" s="33"/>
      <c r="AK120" s="33"/>
      <c r="AL120" s="33"/>
      <c r="AM120" s="33"/>
      <c r="AN120" s="33"/>
      <c r="AO120" s="33"/>
      <c r="AP120" s="33"/>
      <c r="AQ120" s="33"/>
      <c r="AR120" s="33"/>
      <c r="AS120" s="33"/>
      <c r="AT120" s="33"/>
      <c r="AU120" s="33"/>
      <c r="AV120" s="33"/>
      <c r="AW120" s="33"/>
      <c r="AX120" s="33"/>
      <c r="AY120" s="33"/>
      <c r="AZ120" s="58">
        <f t="shared" si="13"/>
        <v>0</v>
      </c>
      <c r="BA120" s="26" t="e">
        <f t="shared" si="14"/>
        <v>#DIV/0!</v>
      </c>
      <c r="BB120" s="27" t="str">
        <f t="shared" ref="BB120:BF148" si="23">IF(U120="yes",(U$2*$BA120),"")</f>
        <v/>
      </c>
      <c r="BC120" s="27" t="str">
        <f t="shared" si="23"/>
        <v/>
      </c>
      <c r="BD120" s="27" t="str">
        <f t="shared" si="22"/>
        <v/>
      </c>
      <c r="BE120" s="27" t="str">
        <f t="shared" si="22"/>
        <v/>
      </c>
      <c r="BF120" s="27" t="str">
        <f t="shared" si="22"/>
        <v/>
      </c>
      <c r="BG120" s="27" t="str">
        <f t="shared" si="22"/>
        <v/>
      </c>
      <c r="BH120" s="27" t="str">
        <f t="shared" si="22"/>
        <v/>
      </c>
      <c r="BI120" s="27" t="str">
        <f t="shared" si="22"/>
        <v/>
      </c>
      <c r="BJ120" s="27" t="str">
        <f t="shared" si="22"/>
        <v/>
      </c>
      <c r="BK120" s="27" t="str">
        <f t="shared" si="22"/>
        <v/>
      </c>
      <c r="BL120" s="27" t="str">
        <f t="shared" si="22"/>
        <v/>
      </c>
      <c r="BM120" s="27" t="str">
        <f t="shared" si="22"/>
        <v/>
      </c>
      <c r="BN120" s="27" t="str">
        <f t="shared" si="22"/>
        <v/>
      </c>
      <c r="BO120" s="27" t="str">
        <f t="shared" si="22"/>
        <v/>
      </c>
      <c r="BP120" s="27" t="str">
        <f t="shared" si="22"/>
        <v/>
      </c>
      <c r="BQ120" s="27" t="str">
        <f t="shared" si="22"/>
        <v/>
      </c>
      <c r="BR120" s="27" t="str">
        <f t="shared" si="21"/>
        <v/>
      </c>
      <c r="BS120" s="27" t="str">
        <f t="shared" si="21"/>
        <v/>
      </c>
      <c r="BT120" s="27" t="str">
        <f t="shared" si="20"/>
        <v/>
      </c>
      <c r="BU120" s="27" t="str">
        <f t="shared" si="20"/>
        <v/>
      </c>
      <c r="BV120" s="27" t="str">
        <f t="shared" si="20"/>
        <v/>
      </c>
      <c r="BW120" s="27" t="str">
        <f t="shared" si="20"/>
        <v/>
      </c>
      <c r="BX120" s="27" t="str">
        <f t="shared" si="20"/>
        <v/>
      </c>
      <c r="BY120" s="27" t="str">
        <f t="shared" si="20"/>
        <v/>
      </c>
      <c r="BZ120" s="27" t="str">
        <f t="shared" si="20"/>
        <v/>
      </c>
      <c r="CA120" s="27" t="str">
        <f t="shared" si="20"/>
        <v/>
      </c>
      <c r="CB120" s="27" t="str">
        <f t="shared" si="20"/>
        <v/>
      </c>
      <c r="CC120" s="27" t="str">
        <f t="shared" si="20"/>
        <v/>
      </c>
      <c r="CD120" s="27" t="str">
        <f t="shared" si="20"/>
        <v/>
      </c>
      <c r="CE120" s="27" t="str">
        <f t="shared" si="20"/>
        <v/>
      </c>
      <c r="CF120" s="27" t="str">
        <f t="shared" si="20"/>
        <v/>
      </c>
      <c r="CG120" s="33"/>
      <c r="CH120" s="33"/>
      <c r="CI120" s="36"/>
    </row>
    <row r="121" spans="1:87" s="28" customFormat="1" ht="56.1" customHeight="1" x14ac:dyDescent="0.2">
      <c r="A121" s="22">
        <v>172</v>
      </c>
      <c r="B121" s="23" t="s">
        <v>53</v>
      </c>
      <c r="C121" s="35" t="s">
        <v>655</v>
      </c>
      <c r="D121" s="32" t="s">
        <v>900</v>
      </c>
      <c r="E121" s="32" t="s">
        <v>2544</v>
      </c>
      <c r="F121" s="25" t="s">
        <v>911</v>
      </c>
      <c r="G121" s="32" t="s">
        <v>58</v>
      </c>
      <c r="H121" s="32" t="s">
        <v>833</v>
      </c>
      <c r="I121" s="32"/>
      <c r="J121" s="29" t="s">
        <v>77</v>
      </c>
      <c r="K121" s="32" t="s">
        <v>834</v>
      </c>
      <c r="L121" s="26" t="s">
        <v>63</v>
      </c>
      <c r="M121" s="26" t="s">
        <v>63</v>
      </c>
      <c r="N121" s="39">
        <v>44990.539343750002</v>
      </c>
      <c r="O121" s="33"/>
      <c r="P121" s="33"/>
      <c r="Q121" s="43">
        <f t="shared" si="15"/>
        <v>44990.539343750002</v>
      </c>
      <c r="R121" s="33"/>
      <c r="S121" s="33"/>
      <c r="T121" s="33"/>
      <c r="U121" s="33"/>
      <c r="V121" s="33"/>
      <c r="W121" s="33"/>
      <c r="X121" s="33"/>
      <c r="Y121" s="33"/>
      <c r="Z121" s="33"/>
      <c r="AA121" s="33"/>
      <c r="AB121" s="33"/>
      <c r="AC121" s="33"/>
      <c r="AD121" s="33"/>
      <c r="AE121" s="33"/>
      <c r="AF121" s="33"/>
      <c r="AG121" s="33"/>
      <c r="AH121" s="33"/>
      <c r="AI121" s="33"/>
      <c r="AJ121" s="33"/>
      <c r="AK121" s="33"/>
      <c r="AL121" s="33"/>
      <c r="AM121" s="33"/>
      <c r="AN121" s="33"/>
      <c r="AO121" s="33"/>
      <c r="AP121" s="33"/>
      <c r="AQ121" s="33"/>
      <c r="AR121" s="33"/>
      <c r="AS121" s="33"/>
      <c r="AT121" s="33"/>
      <c r="AU121" s="33"/>
      <c r="AV121" s="33"/>
      <c r="AW121" s="33"/>
      <c r="AX121" s="33"/>
      <c r="AY121" s="33"/>
      <c r="AZ121" s="58">
        <f t="shared" si="13"/>
        <v>0</v>
      </c>
      <c r="BA121" s="26" t="e">
        <f t="shared" si="14"/>
        <v>#DIV/0!</v>
      </c>
      <c r="BB121" s="27" t="str">
        <f t="shared" si="23"/>
        <v/>
      </c>
      <c r="BC121" s="27" t="str">
        <f t="shared" si="23"/>
        <v/>
      </c>
      <c r="BD121" s="27" t="str">
        <f t="shared" si="22"/>
        <v/>
      </c>
      <c r="BE121" s="27" t="str">
        <f t="shared" si="22"/>
        <v/>
      </c>
      <c r="BF121" s="27" t="str">
        <f t="shared" si="22"/>
        <v/>
      </c>
      <c r="BG121" s="27" t="str">
        <f t="shared" si="22"/>
        <v/>
      </c>
      <c r="BH121" s="27" t="str">
        <f t="shared" si="22"/>
        <v/>
      </c>
      <c r="BI121" s="27" t="str">
        <f t="shared" si="22"/>
        <v/>
      </c>
      <c r="BJ121" s="27" t="str">
        <f t="shared" si="22"/>
        <v/>
      </c>
      <c r="BK121" s="27" t="str">
        <f t="shared" si="22"/>
        <v/>
      </c>
      <c r="BL121" s="27" t="str">
        <f t="shared" si="22"/>
        <v/>
      </c>
      <c r="BM121" s="27" t="str">
        <f t="shared" si="22"/>
        <v/>
      </c>
      <c r="BN121" s="27" t="str">
        <f t="shared" si="22"/>
        <v/>
      </c>
      <c r="BO121" s="27" t="str">
        <f t="shared" si="22"/>
        <v/>
      </c>
      <c r="BP121" s="27" t="str">
        <f t="shared" si="22"/>
        <v/>
      </c>
      <c r="BQ121" s="27" t="str">
        <f t="shared" si="22"/>
        <v/>
      </c>
      <c r="BR121" s="27" t="str">
        <f t="shared" si="21"/>
        <v/>
      </c>
      <c r="BS121" s="27" t="str">
        <f t="shared" si="21"/>
        <v/>
      </c>
      <c r="BT121" s="27" t="str">
        <f t="shared" si="20"/>
        <v/>
      </c>
      <c r="BU121" s="27" t="str">
        <f t="shared" si="20"/>
        <v/>
      </c>
      <c r="BV121" s="27" t="str">
        <f t="shared" si="20"/>
        <v/>
      </c>
      <c r="BW121" s="27" t="str">
        <f t="shared" si="20"/>
        <v/>
      </c>
      <c r="BX121" s="27" t="str">
        <f t="shared" si="20"/>
        <v/>
      </c>
      <c r="BY121" s="27" t="str">
        <f t="shared" si="20"/>
        <v/>
      </c>
      <c r="BZ121" s="27" t="str">
        <f t="shared" si="20"/>
        <v/>
      </c>
      <c r="CA121" s="27" t="str">
        <f t="shared" si="20"/>
        <v/>
      </c>
      <c r="CB121" s="27" t="str">
        <f t="shared" si="20"/>
        <v/>
      </c>
      <c r="CC121" s="27" t="str">
        <f t="shared" si="20"/>
        <v/>
      </c>
      <c r="CD121" s="27" t="str">
        <f t="shared" si="20"/>
        <v/>
      </c>
      <c r="CE121" s="27" t="str">
        <f t="shared" si="20"/>
        <v/>
      </c>
      <c r="CF121" s="27" t="str">
        <f t="shared" si="20"/>
        <v/>
      </c>
      <c r="CG121" s="33"/>
      <c r="CH121" s="33"/>
      <c r="CI121" s="36"/>
    </row>
    <row r="122" spans="1:87" s="28" customFormat="1" ht="56.1" customHeight="1" x14ac:dyDescent="0.2">
      <c r="A122" s="22">
        <v>173</v>
      </c>
      <c r="B122" s="23" t="s">
        <v>53</v>
      </c>
      <c r="C122" s="35" t="s">
        <v>655</v>
      </c>
      <c r="D122" s="32" t="s">
        <v>900</v>
      </c>
      <c r="E122" s="32" t="s">
        <v>2545</v>
      </c>
      <c r="F122" s="25" t="s">
        <v>2546</v>
      </c>
      <c r="G122" s="32" t="s">
        <v>58</v>
      </c>
      <c r="H122" s="32" t="s">
        <v>2547</v>
      </c>
      <c r="I122" s="32"/>
      <c r="J122" s="29" t="s">
        <v>77</v>
      </c>
      <c r="K122" s="32" t="s">
        <v>2548</v>
      </c>
      <c r="L122" s="26" t="s">
        <v>63</v>
      </c>
      <c r="M122" s="26" t="s">
        <v>63</v>
      </c>
      <c r="N122" s="39">
        <v>155816.375</v>
      </c>
      <c r="O122" s="33"/>
      <c r="P122" s="33"/>
      <c r="Q122" s="43">
        <f t="shared" si="15"/>
        <v>155816.375</v>
      </c>
      <c r="R122" s="33"/>
      <c r="S122" s="33"/>
      <c r="T122" s="33"/>
      <c r="U122" s="33"/>
      <c r="V122" s="33"/>
      <c r="W122" s="33"/>
      <c r="X122" s="33"/>
      <c r="Y122" s="33"/>
      <c r="Z122" s="33"/>
      <c r="AA122" s="33"/>
      <c r="AB122" s="33"/>
      <c r="AC122" s="33"/>
      <c r="AD122" s="33"/>
      <c r="AE122" s="33"/>
      <c r="AF122" s="33"/>
      <c r="AG122" s="33"/>
      <c r="AH122" s="33"/>
      <c r="AI122" s="33"/>
      <c r="AJ122" s="33"/>
      <c r="AK122" s="33"/>
      <c r="AL122" s="33"/>
      <c r="AM122" s="33"/>
      <c r="AN122" s="33"/>
      <c r="AO122" s="33"/>
      <c r="AP122" s="33"/>
      <c r="AQ122" s="33"/>
      <c r="AR122" s="33"/>
      <c r="AS122" s="33"/>
      <c r="AT122" s="33"/>
      <c r="AU122" s="33"/>
      <c r="AV122" s="33"/>
      <c r="AW122" s="33"/>
      <c r="AX122" s="33"/>
      <c r="AY122" s="33"/>
      <c r="AZ122" s="58">
        <f t="shared" si="13"/>
        <v>0</v>
      </c>
      <c r="BA122" s="26" t="e">
        <f t="shared" si="14"/>
        <v>#DIV/0!</v>
      </c>
      <c r="BB122" s="27" t="str">
        <f t="shared" si="23"/>
        <v/>
      </c>
      <c r="BC122" s="27" t="str">
        <f t="shared" si="23"/>
        <v/>
      </c>
      <c r="BD122" s="27" t="str">
        <f t="shared" si="22"/>
        <v/>
      </c>
      <c r="BE122" s="27" t="str">
        <f t="shared" si="22"/>
        <v/>
      </c>
      <c r="BF122" s="27" t="str">
        <f t="shared" si="22"/>
        <v/>
      </c>
      <c r="BG122" s="27" t="str">
        <f t="shared" si="22"/>
        <v/>
      </c>
      <c r="BH122" s="27" t="str">
        <f t="shared" si="22"/>
        <v/>
      </c>
      <c r="BI122" s="27" t="str">
        <f t="shared" si="22"/>
        <v/>
      </c>
      <c r="BJ122" s="27" t="str">
        <f t="shared" si="22"/>
        <v/>
      </c>
      <c r="BK122" s="27" t="str">
        <f t="shared" si="22"/>
        <v/>
      </c>
      <c r="BL122" s="27" t="str">
        <f t="shared" si="22"/>
        <v/>
      </c>
      <c r="BM122" s="27" t="str">
        <f t="shared" si="22"/>
        <v/>
      </c>
      <c r="BN122" s="27" t="str">
        <f t="shared" si="22"/>
        <v/>
      </c>
      <c r="BO122" s="27" t="str">
        <f t="shared" si="22"/>
        <v/>
      </c>
      <c r="BP122" s="27" t="str">
        <f t="shared" si="22"/>
        <v/>
      </c>
      <c r="BQ122" s="27" t="str">
        <f t="shared" si="22"/>
        <v/>
      </c>
      <c r="BR122" s="27" t="str">
        <f t="shared" si="21"/>
        <v/>
      </c>
      <c r="BS122" s="27" t="str">
        <f t="shared" si="21"/>
        <v/>
      </c>
      <c r="BT122" s="27" t="str">
        <f t="shared" si="20"/>
        <v/>
      </c>
      <c r="BU122" s="27" t="str">
        <f t="shared" si="20"/>
        <v/>
      </c>
      <c r="BV122" s="27" t="str">
        <f t="shared" si="20"/>
        <v/>
      </c>
      <c r="BW122" s="27" t="str">
        <f t="shared" si="20"/>
        <v/>
      </c>
      <c r="BX122" s="27" t="str">
        <f t="shared" si="20"/>
        <v/>
      </c>
      <c r="BY122" s="27" t="str">
        <f t="shared" si="20"/>
        <v/>
      </c>
      <c r="BZ122" s="27" t="str">
        <f t="shared" si="20"/>
        <v/>
      </c>
      <c r="CA122" s="27" t="str">
        <f t="shared" si="20"/>
        <v/>
      </c>
      <c r="CB122" s="27" t="str">
        <f t="shared" si="20"/>
        <v/>
      </c>
      <c r="CC122" s="27" t="str">
        <f t="shared" si="20"/>
        <v/>
      </c>
      <c r="CD122" s="27" t="str">
        <f t="shared" si="20"/>
        <v/>
      </c>
      <c r="CE122" s="27" t="str">
        <f t="shared" si="20"/>
        <v/>
      </c>
      <c r="CF122" s="27" t="str">
        <f t="shared" si="20"/>
        <v/>
      </c>
      <c r="CG122" s="33"/>
      <c r="CH122" s="33"/>
      <c r="CI122" s="36"/>
    </row>
    <row r="123" spans="1:87" s="28" customFormat="1" ht="56.1" customHeight="1" x14ac:dyDescent="0.2">
      <c r="A123" s="22">
        <v>174</v>
      </c>
      <c r="B123" s="23" t="s">
        <v>869</v>
      </c>
      <c r="C123" s="35" t="s">
        <v>655</v>
      </c>
      <c r="D123" s="32" t="s">
        <v>900</v>
      </c>
      <c r="E123" s="32" t="s">
        <v>916</v>
      </c>
      <c r="F123" s="25" t="s">
        <v>2549</v>
      </c>
      <c r="G123" s="32" t="s">
        <v>58</v>
      </c>
      <c r="H123" s="32" t="s">
        <v>846</v>
      </c>
      <c r="I123" s="32"/>
      <c r="J123" s="29" t="s">
        <v>77</v>
      </c>
      <c r="K123" s="32" t="s">
        <v>834</v>
      </c>
      <c r="L123" s="26" t="s">
        <v>63</v>
      </c>
      <c r="M123" s="26" t="s">
        <v>63</v>
      </c>
      <c r="N123" s="39">
        <v>339178.125</v>
      </c>
      <c r="O123" s="33"/>
      <c r="P123" s="33"/>
      <c r="Q123" s="43">
        <f t="shared" si="15"/>
        <v>339178.125</v>
      </c>
      <c r="R123" s="33"/>
      <c r="S123" s="33"/>
      <c r="T123" s="33"/>
      <c r="U123" s="33"/>
      <c r="V123" s="33"/>
      <c r="W123" s="33"/>
      <c r="X123" s="33"/>
      <c r="Y123" s="33"/>
      <c r="Z123" s="33"/>
      <c r="AA123" s="33"/>
      <c r="AB123" s="33"/>
      <c r="AC123" s="33"/>
      <c r="AD123" s="33"/>
      <c r="AE123" s="33"/>
      <c r="AF123" s="33"/>
      <c r="AG123" s="33"/>
      <c r="AH123" s="33"/>
      <c r="AI123" s="33"/>
      <c r="AJ123" s="33"/>
      <c r="AK123" s="33"/>
      <c r="AL123" s="33"/>
      <c r="AM123" s="33"/>
      <c r="AN123" s="33"/>
      <c r="AO123" s="33"/>
      <c r="AP123" s="33"/>
      <c r="AQ123" s="33"/>
      <c r="AR123" s="33"/>
      <c r="AS123" s="33"/>
      <c r="AT123" s="33"/>
      <c r="AU123" s="33"/>
      <c r="AV123" s="33"/>
      <c r="AW123" s="33"/>
      <c r="AX123" s="33"/>
      <c r="AY123" s="33"/>
      <c r="AZ123" s="58">
        <f t="shared" si="13"/>
        <v>0</v>
      </c>
      <c r="BA123" s="26" t="e">
        <f t="shared" si="14"/>
        <v>#DIV/0!</v>
      </c>
      <c r="BB123" s="27" t="str">
        <f t="shared" si="23"/>
        <v/>
      </c>
      <c r="BC123" s="27" t="str">
        <f t="shared" si="23"/>
        <v/>
      </c>
      <c r="BD123" s="27" t="str">
        <f t="shared" si="22"/>
        <v/>
      </c>
      <c r="BE123" s="27" t="str">
        <f t="shared" si="22"/>
        <v/>
      </c>
      <c r="BF123" s="27" t="str">
        <f t="shared" si="22"/>
        <v/>
      </c>
      <c r="BG123" s="27" t="str">
        <f t="shared" si="22"/>
        <v/>
      </c>
      <c r="BH123" s="27" t="str">
        <f t="shared" si="22"/>
        <v/>
      </c>
      <c r="BI123" s="27" t="str">
        <f t="shared" si="22"/>
        <v/>
      </c>
      <c r="BJ123" s="27" t="str">
        <f t="shared" si="22"/>
        <v/>
      </c>
      <c r="BK123" s="27" t="str">
        <f t="shared" si="22"/>
        <v/>
      </c>
      <c r="BL123" s="27" t="str">
        <f t="shared" si="22"/>
        <v/>
      </c>
      <c r="BM123" s="27" t="str">
        <f t="shared" si="22"/>
        <v/>
      </c>
      <c r="BN123" s="27" t="str">
        <f t="shared" si="22"/>
        <v/>
      </c>
      <c r="BO123" s="27" t="str">
        <f t="shared" si="22"/>
        <v/>
      </c>
      <c r="BP123" s="27" t="str">
        <f t="shared" si="22"/>
        <v/>
      </c>
      <c r="BQ123" s="27" t="str">
        <f t="shared" si="22"/>
        <v/>
      </c>
      <c r="BR123" s="27" t="str">
        <f t="shared" si="21"/>
        <v/>
      </c>
      <c r="BS123" s="27" t="str">
        <f t="shared" si="21"/>
        <v/>
      </c>
      <c r="BT123" s="27" t="str">
        <f t="shared" si="20"/>
        <v/>
      </c>
      <c r="BU123" s="27" t="str">
        <f t="shared" si="20"/>
        <v/>
      </c>
      <c r="BV123" s="27" t="str">
        <f t="shared" si="20"/>
        <v/>
      </c>
      <c r="BW123" s="27" t="str">
        <f t="shared" si="20"/>
        <v/>
      </c>
      <c r="BX123" s="27" t="str">
        <f t="shared" si="20"/>
        <v/>
      </c>
      <c r="BY123" s="27" t="str">
        <f t="shared" si="20"/>
        <v/>
      </c>
      <c r="BZ123" s="27" t="str">
        <f t="shared" si="20"/>
        <v/>
      </c>
      <c r="CA123" s="27" t="str">
        <f t="shared" si="20"/>
        <v/>
      </c>
      <c r="CB123" s="27" t="str">
        <f t="shared" si="20"/>
        <v/>
      </c>
      <c r="CC123" s="27" t="str">
        <f t="shared" si="20"/>
        <v/>
      </c>
      <c r="CD123" s="27" t="str">
        <f t="shared" si="20"/>
        <v/>
      </c>
      <c r="CE123" s="27" t="str">
        <f t="shared" si="20"/>
        <v/>
      </c>
      <c r="CF123" s="27" t="str">
        <f t="shared" si="20"/>
        <v/>
      </c>
      <c r="CG123" s="33"/>
      <c r="CH123" s="33"/>
      <c r="CI123" s="36"/>
    </row>
    <row r="124" spans="1:87" s="28" customFormat="1" ht="56.1" customHeight="1" x14ac:dyDescent="0.2">
      <c r="A124" s="22">
        <v>175</v>
      </c>
      <c r="B124" s="23" t="s">
        <v>869</v>
      </c>
      <c r="C124" s="35" t="s">
        <v>655</v>
      </c>
      <c r="D124" s="32" t="s">
        <v>900</v>
      </c>
      <c r="E124" s="32" t="s">
        <v>918</v>
      </c>
      <c r="F124" s="25" t="s">
        <v>2550</v>
      </c>
      <c r="G124" s="32" t="s">
        <v>58</v>
      </c>
      <c r="H124" s="32" t="s">
        <v>846</v>
      </c>
      <c r="I124" s="32"/>
      <c r="J124" s="29" t="s">
        <v>77</v>
      </c>
      <c r="K124" s="32" t="s">
        <v>834</v>
      </c>
      <c r="L124" s="26" t="s">
        <v>63</v>
      </c>
      <c r="M124" s="26" t="s">
        <v>63</v>
      </c>
      <c r="N124" s="39">
        <v>328900</v>
      </c>
      <c r="O124" s="33"/>
      <c r="P124" s="33"/>
      <c r="Q124" s="43">
        <f t="shared" si="15"/>
        <v>328900</v>
      </c>
      <c r="R124" s="33"/>
      <c r="S124" s="33"/>
      <c r="T124" s="33"/>
      <c r="U124" s="33"/>
      <c r="V124" s="33"/>
      <c r="W124" s="33"/>
      <c r="X124" s="33"/>
      <c r="Y124" s="33"/>
      <c r="Z124" s="33"/>
      <c r="AA124" s="33"/>
      <c r="AB124" s="33"/>
      <c r="AC124" s="33"/>
      <c r="AD124" s="33"/>
      <c r="AE124" s="33"/>
      <c r="AF124" s="33"/>
      <c r="AG124" s="33"/>
      <c r="AH124" s="33"/>
      <c r="AI124" s="33"/>
      <c r="AJ124" s="33"/>
      <c r="AK124" s="33"/>
      <c r="AL124" s="33"/>
      <c r="AM124" s="33"/>
      <c r="AN124" s="33"/>
      <c r="AO124" s="33"/>
      <c r="AP124" s="33"/>
      <c r="AQ124" s="33"/>
      <c r="AR124" s="33"/>
      <c r="AS124" s="33"/>
      <c r="AT124" s="33"/>
      <c r="AU124" s="33"/>
      <c r="AV124" s="33"/>
      <c r="AW124" s="33"/>
      <c r="AX124" s="33"/>
      <c r="AY124" s="33"/>
      <c r="AZ124" s="58">
        <f t="shared" si="13"/>
        <v>0</v>
      </c>
      <c r="BA124" s="26" t="e">
        <f t="shared" si="14"/>
        <v>#DIV/0!</v>
      </c>
      <c r="BB124" s="27" t="str">
        <f t="shared" si="23"/>
        <v/>
      </c>
      <c r="BC124" s="27" t="str">
        <f t="shared" si="23"/>
        <v/>
      </c>
      <c r="BD124" s="27" t="str">
        <f t="shared" si="22"/>
        <v/>
      </c>
      <c r="BE124" s="27" t="str">
        <f t="shared" si="22"/>
        <v/>
      </c>
      <c r="BF124" s="27" t="str">
        <f t="shared" si="22"/>
        <v/>
      </c>
      <c r="BG124" s="27" t="str">
        <f t="shared" si="22"/>
        <v/>
      </c>
      <c r="BH124" s="27" t="str">
        <f t="shared" si="22"/>
        <v/>
      </c>
      <c r="BI124" s="27" t="str">
        <f t="shared" si="22"/>
        <v/>
      </c>
      <c r="BJ124" s="27" t="str">
        <f t="shared" si="22"/>
        <v/>
      </c>
      <c r="BK124" s="27" t="str">
        <f t="shared" si="22"/>
        <v/>
      </c>
      <c r="BL124" s="27" t="str">
        <f t="shared" si="22"/>
        <v/>
      </c>
      <c r="BM124" s="27" t="str">
        <f t="shared" si="22"/>
        <v/>
      </c>
      <c r="BN124" s="27" t="str">
        <f t="shared" si="22"/>
        <v/>
      </c>
      <c r="BO124" s="27" t="str">
        <f t="shared" si="22"/>
        <v/>
      </c>
      <c r="BP124" s="27" t="str">
        <f t="shared" si="22"/>
        <v/>
      </c>
      <c r="BQ124" s="27" t="str">
        <f t="shared" si="22"/>
        <v/>
      </c>
      <c r="BR124" s="27" t="str">
        <f t="shared" si="21"/>
        <v/>
      </c>
      <c r="BS124" s="27" t="str">
        <f t="shared" si="21"/>
        <v/>
      </c>
      <c r="BT124" s="27" t="str">
        <f t="shared" si="20"/>
        <v/>
      </c>
      <c r="BU124" s="27" t="str">
        <f t="shared" si="20"/>
        <v/>
      </c>
      <c r="BV124" s="27" t="str">
        <f t="shared" si="20"/>
        <v/>
      </c>
      <c r="BW124" s="27" t="str">
        <f t="shared" si="20"/>
        <v/>
      </c>
      <c r="BX124" s="27" t="str">
        <f t="shared" si="20"/>
        <v/>
      </c>
      <c r="BY124" s="27" t="str">
        <f t="shared" si="20"/>
        <v/>
      </c>
      <c r="BZ124" s="27" t="str">
        <f t="shared" si="20"/>
        <v/>
      </c>
      <c r="CA124" s="27" t="str">
        <f t="shared" si="20"/>
        <v/>
      </c>
      <c r="CB124" s="27" t="str">
        <f t="shared" si="20"/>
        <v/>
      </c>
      <c r="CC124" s="27" t="str">
        <f t="shared" si="20"/>
        <v/>
      </c>
      <c r="CD124" s="27" t="str">
        <f t="shared" si="20"/>
        <v/>
      </c>
      <c r="CE124" s="27" t="str">
        <f t="shared" si="20"/>
        <v/>
      </c>
      <c r="CF124" s="27" t="str">
        <f t="shared" si="20"/>
        <v/>
      </c>
      <c r="CG124" s="33"/>
      <c r="CH124" s="33"/>
      <c r="CI124" s="36"/>
    </row>
    <row r="125" spans="1:87" s="28" customFormat="1" ht="56.1" customHeight="1" x14ac:dyDescent="0.2">
      <c r="A125" s="22">
        <v>176</v>
      </c>
      <c r="B125" s="23" t="s">
        <v>869</v>
      </c>
      <c r="C125" s="35" t="s">
        <v>655</v>
      </c>
      <c r="D125" s="32" t="s">
        <v>900</v>
      </c>
      <c r="E125" s="32" t="s">
        <v>920</v>
      </c>
      <c r="F125" s="25" t="s">
        <v>2551</v>
      </c>
      <c r="G125" s="32" t="s">
        <v>58</v>
      </c>
      <c r="H125" s="32" t="s">
        <v>846</v>
      </c>
      <c r="I125" s="32"/>
      <c r="J125" s="29" t="s">
        <v>77</v>
      </c>
      <c r="K125" s="32" t="s">
        <v>834</v>
      </c>
      <c r="L125" s="26" t="s">
        <v>63</v>
      </c>
      <c r="M125" s="26" t="s">
        <v>63</v>
      </c>
      <c r="N125" s="39">
        <v>328900</v>
      </c>
      <c r="O125" s="33"/>
      <c r="P125" s="33"/>
      <c r="Q125" s="43">
        <f t="shared" si="15"/>
        <v>328900</v>
      </c>
      <c r="R125" s="33"/>
      <c r="S125" s="33"/>
      <c r="T125" s="33"/>
      <c r="U125" s="33"/>
      <c r="V125" s="33"/>
      <c r="W125" s="33"/>
      <c r="X125" s="33"/>
      <c r="Y125" s="33"/>
      <c r="Z125" s="33"/>
      <c r="AA125" s="33"/>
      <c r="AB125" s="33"/>
      <c r="AC125" s="33"/>
      <c r="AD125" s="33"/>
      <c r="AE125" s="33"/>
      <c r="AF125" s="33"/>
      <c r="AG125" s="33"/>
      <c r="AH125" s="33"/>
      <c r="AI125" s="33"/>
      <c r="AJ125" s="33"/>
      <c r="AK125" s="33"/>
      <c r="AL125" s="33"/>
      <c r="AM125" s="33"/>
      <c r="AN125" s="33"/>
      <c r="AO125" s="33"/>
      <c r="AP125" s="33"/>
      <c r="AQ125" s="33"/>
      <c r="AR125" s="33"/>
      <c r="AS125" s="33"/>
      <c r="AT125" s="33"/>
      <c r="AU125" s="33"/>
      <c r="AV125" s="33"/>
      <c r="AW125" s="33"/>
      <c r="AX125" s="33"/>
      <c r="AY125" s="33"/>
      <c r="AZ125" s="58">
        <f t="shared" si="13"/>
        <v>0</v>
      </c>
      <c r="BA125" s="26" t="e">
        <f t="shared" si="14"/>
        <v>#DIV/0!</v>
      </c>
      <c r="BB125" s="27" t="str">
        <f t="shared" si="23"/>
        <v/>
      </c>
      <c r="BC125" s="27" t="str">
        <f t="shared" si="23"/>
        <v/>
      </c>
      <c r="BD125" s="27" t="str">
        <f t="shared" si="22"/>
        <v/>
      </c>
      <c r="BE125" s="27" t="str">
        <f t="shared" si="22"/>
        <v/>
      </c>
      <c r="BF125" s="27" t="str">
        <f t="shared" si="22"/>
        <v/>
      </c>
      <c r="BG125" s="27" t="str">
        <f t="shared" si="22"/>
        <v/>
      </c>
      <c r="BH125" s="27" t="str">
        <f t="shared" si="22"/>
        <v/>
      </c>
      <c r="BI125" s="27" t="str">
        <f t="shared" si="22"/>
        <v/>
      </c>
      <c r="BJ125" s="27" t="str">
        <f t="shared" si="22"/>
        <v/>
      </c>
      <c r="BK125" s="27" t="str">
        <f t="shared" si="22"/>
        <v/>
      </c>
      <c r="BL125" s="27" t="str">
        <f t="shared" si="22"/>
        <v/>
      </c>
      <c r="BM125" s="27" t="str">
        <f t="shared" si="22"/>
        <v/>
      </c>
      <c r="BN125" s="27" t="str">
        <f t="shared" si="22"/>
        <v/>
      </c>
      <c r="BO125" s="27" t="str">
        <f t="shared" si="22"/>
        <v/>
      </c>
      <c r="BP125" s="27" t="str">
        <f t="shared" si="22"/>
        <v/>
      </c>
      <c r="BQ125" s="27" t="str">
        <f t="shared" si="22"/>
        <v/>
      </c>
      <c r="BR125" s="27" t="str">
        <f t="shared" si="21"/>
        <v/>
      </c>
      <c r="BS125" s="27" t="str">
        <f t="shared" si="21"/>
        <v/>
      </c>
      <c r="BT125" s="27" t="str">
        <f t="shared" si="20"/>
        <v/>
      </c>
      <c r="BU125" s="27" t="str">
        <f t="shared" si="20"/>
        <v/>
      </c>
      <c r="BV125" s="27" t="str">
        <f t="shared" si="20"/>
        <v/>
      </c>
      <c r="BW125" s="27" t="str">
        <f t="shared" si="20"/>
        <v/>
      </c>
      <c r="BX125" s="27" t="str">
        <f t="shared" si="20"/>
        <v/>
      </c>
      <c r="BY125" s="27" t="str">
        <f t="shared" si="20"/>
        <v/>
      </c>
      <c r="BZ125" s="27" t="str">
        <f t="shared" si="20"/>
        <v/>
      </c>
      <c r="CA125" s="27" t="str">
        <f t="shared" si="20"/>
        <v/>
      </c>
      <c r="CB125" s="27" t="str">
        <f t="shared" si="20"/>
        <v/>
      </c>
      <c r="CC125" s="27" t="str">
        <f t="shared" si="20"/>
        <v/>
      </c>
      <c r="CD125" s="27" t="str">
        <f t="shared" si="20"/>
        <v/>
      </c>
      <c r="CE125" s="27" t="str">
        <f t="shared" si="20"/>
        <v/>
      </c>
      <c r="CF125" s="27" t="str">
        <f t="shared" si="20"/>
        <v/>
      </c>
      <c r="CG125" s="33"/>
      <c r="CH125" s="33"/>
      <c r="CI125" s="36"/>
    </row>
    <row r="126" spans="1:87" s="28" customFormat="1" ht="56.1" customHeight="1" x14ac:dyDescent="0.2">
      <c r="A126" s="22">
        <v>177</v>
      </c>
      <c r="B126" s="23" t="s">
        <v>869</v>
      </c>
      <c r="C126" s="35" t="s">
        <v>655</v>
      </c>
      <c r="D126" s="32" t="s">
        <v>900</v>
      </c>
      <c r="E126" s="32" t="s">
        <v>922</v>
      </c>
      <c r="F126" s="25" t="s">
        <v>2552</v>
      </c>
      <c r="G126" s="32" t="s">
        <v>58</v>
      </c>
      <c r="H126" s="32" t="s">
        <v>846</v>
      </c>
      <c r="I126" s="32"/>
      <c r="J126" s="29" t="s">
        <v>77</v>
      </c>
      <c r="K126" s="32" t="s">
        <v>834</v>
      </c>
      <c r="L126" s="26" t="s">
        <v>63</v>
      </c>
      <c r="M126" s="26" t="s">
        <v>63</v>
      </c>
      <c r="N126" s="39">
        <v>4933.5</v>
      </c>
      <c r="O126" s="33"/>
      <c r="P126" s="33"/>
      <c r="Q126" s="43">
        <f t="shared" si="15"/>
        <v>4933.5</v>
      </c>
      <c r="R126" s="33"/>
      <c r="S126" s="33"/>
      <c r="T126" s="33"/>
      <c r="U126" s="33"/>
      <c r="V126" s="33"/>
      <c r="W126" s="33"/>
      <c r="X126" s="33"/>
      <c r="Y126" s="33"/>
      <c r="Z126" s="33"/>
      <c r="AA126" s="33"/>
      <c r="AB126" s="33"/>
      <c r="AC126" s="33"/>
      <c r="AD126" s="33"/>
      <c r="AE126" s="33"/>
      <c r="AF126" s="33"/>
      <c r="AG126" s="33"/>
      <c r="AH126" s="33"/>
      <c r="AI126" s="33"/>
      <c r="AJ126" s="33"/>
      <c r="AK126" s="33"/>
      <c r="AL126" s="33"/>
      <c r="AM126" s="33"/>
      <c r="AN126" s="33"/>
      <c r="AO126" s="33"/>
      <c r="AP126" s="33"/>
      <c r="AQ126" s="33"/>
      <c r="AR126" s="33"/>
      <c r="AS126" s="33"/>
      <c r="AT126" s="33"/>
      <c r="AU126" s="33"/>
      <c r="AV126" s="33"/>
      <c r="AW126" s="33"/>
      <c r="AX126" s="33"/>
      <c r="AY126" s="33"/>
      <c r="AZ126" s="58">
        <f t="shared" si="13"/>
        <v>0</v>
      </c>
      <c r="BA126" s="26" t="e">
        <f t="shared" si="14"/>
        <v>#DIV/0!</v>
      </c>
      <c r="BB126" s="27" t="str">
        <f t="shared" si="23"/>
        <v/>
      </c>
      <c r="BC126" s="27" t="str">
        <f t="shared" si="23"/>
        <v/>
      </c>
      <c r="BD126" s="27" t="str">
        <f t="shared" si="22"/>
        <v/>
      </c>
      <c r="BE126" s="27" t="str">
        <f t="shared" si="22"/>
        <v/>
      </c>
      <c r="BF126" s="27" t="str">
        <f t="shared" si="22"/>
        <v/>
      </c>
      <c r="BG126" s="27" t="str">
        <f t="shared" si="22"/>
        <v/>
      </c>
      <c r="BH126" s="27" t="str">
        <f t="shared" si="22"/>
        <v/>
      </c>
      <c r="BI126" s="27" t="str">
        <f t="shared" si="22"/>
        <v/>
      </c>
      <c r="BJ126" s="27" t="str">
        <f t="shared" si="22"/>
        <v/>
      </c>
      <c r="BK126" s="27" t="str">
        <f t="shared" si="22"/>
        <v/>
      </c>
      <c r="BL126" s="27" t="str">
        <f t="shared" si="22"/>
        <v/>
      </c>
      <c r="BM126" s="27" t="str">
        <f t="shared" si="22"/>
        <v/>
      </c>
      <c r="BN126" s="27" t="str">
        <f t="shared" si="22"/>
        <v/>
      </c>
      <c r="BO126" s="27" t="str">
        <f t="shared" si="22"/>
        <v/>
      </c>
      <c r="BP126" s="27" t="str">
        <f t="shared" si="22"/>
        <v/>
      </c>
      <c r="BQ126" s="27" t="str">
        <f t="shared" si="22"/>
        <v/>
      </c>
      <c r="BR126" s="27" t="str">
        <f t="shared" si="21"/>
        <v/>
      </c>
      <c r="BS126" s="27" t="str">
        <f t="shared" si="21"/>
        <v/>
      </c>
      <c r="BT126" s="27" t="str">
        <f t="shared" si="20"/>
        <v/>
      </c>
      <c r="BU126" s="27" t="str">
        <f t="shared" si="20"/>
        <v/>
      </c>
      <c r="BV126" s="27" t="str">
        <f t="shared" si="20"/>
        <v/>
      </c>
      <c r="BW126" s="27" t="str">
        <f t="shared" si="20"/>
        <v/>
      </c>
      <c r="BX126" s="27" t="str">
        <f t="shared" si="20"/>
        <v/>
      </c>
      <c r="BY126" s="27" t="str">
        <f t="shared" si="20"/>
        <v/>
      </c>
      <c r="BZ126" s="27" t="str">
        <f t="shared" si="20"/>
        <v/>
      </c>
      <c r="CA126" s="27" t="str">
        <f t="shared" si="20"/>
        <v/>
      </c>
      <c r="CB126" s="27" t="str">
        <f t="shared" si="20"/>
        <v/>
      </c>
      <c r="CC126" s="27" t="str">
        <f t="shared" si="20"/>
        <v/>
      </c>
      <c r="CD126" s="27" t="str">
        <f t="shared" si="20"/>
        <v/>
      </c>
      <c r="CE126" s="27" t="str">
        <f t="shared" si="20"/>
        <v/>
      </c>
      <c r="CF126" s="27" t="str">
        <f t="shared" si="20"/>
        <v/>
      </c>
      <c r="CG126" s="33"/>
      <c r="CH126" s="33"/>
      <c r="CI126" s="36"/>
    </row>
    <row r="127" spans="1:87" s="28" customFormat="1" ht="56.1" customHeight="1" x14ac:dyDescent="0.2">
      <c r="A127" s="22">
        <v>178</v>
      </c>
      <c r="B127" s="23" t="s">
        <v>937</v>
      </c>
      <c r="C127" s="35" t="s">
        <v>655</v>
      </c>
      <c r="D127" s="32" t="s">
        <v>900</v>
      </c>
      <c r="E127" s="32" t="s">
        <v>924</v>
      </c>
      <c r="F127" s="25" t="s">
        <v>2553</v>
      </c>
      <c r="G127" s="32" t="s">
        <v>58</v>
      </c>
      <c r="H127" s="32" t="s">
        <v>833</v>
      </c>
      <c r="I127" s="32"/>
      <c r="J127" s="29" t="s">
        <v>77</v>
      </c>
      <c r="K127" s="32" t="s">
        <v>834</v>
      </c>
      <c r="L127" s="26" t="s">
        <v>63</v>
      </c>
      <c r="M127" s="26" t="s">
        <v>63</v>
      </c>
      <c r="N127" s="39">
        <v>217485.125</v>
      </c>
      <c r="O127" s="33"/>
      <c r="P127" s="33"/>
      <c r="Q127" s="43">
        <f t="shared" si="15"/>
        <v>217485.125</v>
      </c>
      <c r="R127" s="33"/>
      <c r="S127" s="33"/>
      <c r="T127" s="33"/>
      <c r="U127" s="33"/>
      <c r="V127" s="33"/>
      <c r="W127" s="33"/>
      <c r="X127" s="33"/>
      <c r="Y127" s="33"/>
      <c r="Z127" s="33"/>
      <c r="AA127" s="33"/>
      <c r="AB127" s="33"/>
      <c r="AC127" s="33"/>
      <c r="AD127" s="33"/>
      <c r="AE127" s="33"/>
      <c r="AF127" s="33"/>
      <c r="AG127" s="33"/>
      <c r="AH127" s="33"/>
      <c r="AI127" s="33"/>
      <c r="AJ127" s="33"/>
      <c r="AK127" s="33"/>
      <c r="AL127" s="33"/>
      <c r="AM127" s="33"/>
      <c r="AN127" s="33"/>
      <c r="AO127" s="33"/>
      <c r="AP127" s="33"/>
      <c r="AQ127" s="33"/>
      <c r="AR127" s="33"/>
      <c r="AS127" s="33"/>
      <c r="AT127" s="33"/>
      <c r="AU127" s="33"/>
      <c r="AV127" s="33"/>
      <c r="AW127" s="33"/>
      <c r="AX127" s="33"/>
      <c r="AY127" s="33"/>
      <c r="AZ127" s="58">
        <f t="shared" si="13"/>
        <v>0</v>
      </c>
      <c r="BA127" s="26" t="e">
        <f t="shared" si="14"/>
        <v>#DIV/0!</v>
      </c>
      <c r="BB127" s="27" t="str">
        <f t="shared" si="23"/>
        <v/>
      </c>
      <c r="BC127" s="27" t="str">
        <f t="shared" si="23"/>
        <v/>
      </c>
      <c r="BD127" s="27" t="str">
        <f t="shared" si="22"/>
        <v/>
      </c>
      <c r="BE127" s="27" t="str">
        <f t="shared" si="22"/>
        <v/>
      </c>
      <c r="BF127" s="27" t="str">
        <f t="shared" si="22"/>
        <v/>
      </c>
      <c r="BG127" s="27" t="str">
        <f t="shared" si="22"/>
        <v/>
      </c>
      <c r="BH127" s="27" t="str">
        <f t="shared" si="22"/>
        <v/>
      </c>
      <c r="BI127" s="27" t="str">
        <f t="shared" si="22"/>
        <v/>
      </c>
      <c r="BJ127" s="27" t="str">
        <f t="shared" si="22"/>
        <v/>
      </c>
      <c r="BK127" s="27" t="str">
        <f t="shared" si="22"/>
        <v/>
      </c>
      <c r="BL127" s="27" t="str">
        <f t="shared" si="22"/>
        <v/>
      </c>
      <c r="BM127" s="27" t="str">
        <f t="shared" si="22"/>
        <v/>
      </c>
      <c r="BN127" s="27" t="str">
        <f t="shared" si="22"/>
        <v/>
      </c>
      <c r="BO127" s="27" t="str">
        <f t="shared" si="22"/>
        <v/>
      </c>
      <c r="BP127" s="27" t="str">
        <f t="shared" si="22"/>
        <v/>
      </c>
      <c r="BQ127" s="27" t="str">
        <f t="shared" si="22"/>
        <v/>
      </c>
      <c r="BR127" s="27" t="str">
        <f t="shared" si="21"/>
        <v/>
      </c>
      <c r="BS127" s="27" t="str">
        <f t="shared" si="21"/>
        <v/>
      </c>
      <c r="BT127" s="27" t="str">
        <f t="shared" si="20"/>
        <v/>
      </c>
      <c r="BU127" s="27" t="str">
        <f t="shared" si="20"/>
        <v/>
      </c>
      <c r="BV127" s="27" t="str">
        <f t="shared" si="20"/>
        <v/>
      </c>
      <c r="BW127" s="27" t="str">
        <f t="shared" si="20"/>
        <v/>
      </c>
      <c r="BX127" s="27" t="str">
        <f t="shared" si="20"/>
        <v/>
      </c>
      <c r="BY127" s="27" t="str">
        <f t="shared" si="20"/>
        <v/>
      </c>
      <c r="BZ127" s="27" t="str">
        <f t="shared" si="20"/>
        <v/>
      </c>
      <c r="CA127" s="27" t="str">
        <f t="shared" si="20"/>
        <v/>
      </c>
      <c r="CB127" s="27" t="str">
        <f t="shared" si="20"/>
        <v/>
      </c>
      <c r="CC127" s="27" t="str">
        <f t="shared" si="20"/>
        <v/>
      </c>
      <c r="CD127" s="27" t="str">
        <f t="shared" si="20"/>
        <v/>
      </c>
      <c r="CE127" s="27" t="str">
        <f t="shared" si="20"/>
        <v/>
      </c>
      <c r="CF127" s="27" t="str">
        <f t="shared" si="20"/>
        <v/>
      </c>
      <c r="CG127" s="33"/>
      <c r="CH127" s="33"/>
      <c r="CI127" s="36"/>
    </row>
    <row r="128" spans="1:87" s="28" customFormat="1" ht="56.1" customHeight="1" x14ac:dyDescent="0.2">
      <c r="A128" s="22">
        <v>179</v>
      </c>
      <c r="B128" s="23" t="s">
        <v>869</v>
      </c>
      <c r="C128" s="35" t="s">
        <v>655</v>
      </c>
      <c r="D128" s="32" t="s">
        <v>900</v>
      </c>
      <c r="E128" s="32" t="s">
        <v>926</v>
      </c>
      <c r="F128" s="25" t="s">
        <v>2554</v>
      </c>
      <c r="G128" s="32" t="s">
        <v>58</v>
      </c>
      <c r="H128" s="32" t="s">
        <v>846</v>
      </c>
      <c r="I128" s="32"/>
      <c r="J128" s="29" t="s">
        <v>77</v>
      </c>
      <c r="K128" s="32" t="s">
        <v>834</v>
      </c>
      <c r="L128" s="26" t="s">
        <v>63</v>
      </c>
      <c r="M128" s="26" t="s">
        <v>63</v>
      </c>
      <c r="N128" s="39">
        <v>328900</v>
      </c>
      <c r="O128" s="33"/>
      <c r="P128" s="33"/>
      <c r="Q128" s="43">
        <f t="shared" si="15"/>
        <v>328900</v>
      </c>
      <c r="R128" s="33"/>
      <c r="S128" s="33"/>
      <c r="T128" s="33"/>
      <c r="U128" s="33"/>
      <c r="V128" s="33"/>
      <c r="W128" s="33"/>
      <c r="X128" s="33"/>
      <c r="Y128" s="33"/>
      <c r="Z128" s="33"/>
      <c r="AA128" s="33"/>
      <c r="AB128" s="33"/>
      <c r="AC128" s="33"/>
      <c r="AD128" s="33"/>
      <c r="AE128" s="33"/>
      <c r="AF128" s="33"/>
      <c r="AG128" s="33"/>
      <c r="AH128" s="33"/>
      <c r="AI128" s="33"/>
      <c r="AJ128" s="33"/>
      <c r="AK128" s="33"/>
      <c r="AL128" s="33"/>
      <c r="AM128" s="33"/>
      <c r="AN128" s="33"/>
      <c r="AO128" s="33"/>
      <c r="AP128" s="33"/>
      <c r="AQ128" s="33"/>
      <c r="AR128" s="33"/>
      <c r="AS128" s="33"/>
      <c r="AT128" s="33"/>
      <c r="AU128" s="33"/>
      <c r="AV128" s="33"/>
      <c r="AW128" s="33"/>
      <c r="AX128" s="33"/>
      <c r="AY128" s="33"/>
      <c r="AZ128" s="58">
        <f t="shared" si="13"/>
        <v>0</v>
      </c>
      <c r="BA128" s="26" t="e">
        <f t="shared" si="14"/>
        <v>#DIV/0!</v>
      </c>
      <c r="BB128" s="27" t="str">
        <f t="shared" si="23"/>
        <v/>
      </c>
      <c r="BC128" s="27" t="str">
        <f t="shared" si="23"/>
        <v/>
      </c>
      <c r="BD128" s="27" t="str">
        <f t="shared" si="22"/>
        <v/>
      </c>
      <c r="BE128" s="27" t="str">
        <f t="shared" si="22"/>
        <v/>
      </c>
      <c r="BF128" s="27" t="str">
        <f t="shared" si="22"/>
        <v/>
      </c>
      <c r="BG128" s="27" t="str">
        <f t="shared" si="22"/>
        <v/>
      </c>
      <c r="BH128" s="27" t="str">
        <f t="shared" si="22"/>
        <v/>
      </c>
      <c r="BI128" s="27" t="str">
        <f t="shared" si="22"/>
        <v/>
      </c>
      <c r="BJ128" s="27" t="str">
        <f t="shared" si="22"/>
        <v/>
      </c>
      <c r="BK128" s="27" t="str">
        <f t="shared" si="22"/>
        <v/>
      </c>
      <c r="BL128" s="27" t="str">
        <f t="shared" si="22"/>
        <v/>
      </c>
      <c r="BM128" s="27" t="str">
        <f t="shared" si="22"/>
        <v/>
      </c>
      <c r="BN128" s="27" t="str">
        <f t="shared" si="22"/>
        <v/>
      </c>
      <c r="BO128" s="27" t="str">
        <f t="shared" si="22"/>
        <v/>
      </c>
      <c r="BP128" s="27" t="str">
        <f t="shared" si="22"/>
        <v/>
      </c>
      <c r="BQ128" s="27" t="str">
        <f t="shared" si="22"/>
        <v/>
      </c>
      <c r="BR128" s="27" t="str">
        <f t="shared" si="21"/>
        <v/>
      </c>
      <c r="BS128" s="27" t="str">
        <f t="shared" si="21"/>
        <v/>
      </c>
      <c r="BT128" s="27" t="str">
        <f t="shared" si="20"/>
        <v/>
      </c>
      <c r="BU128" s="27" t="str">
        <f t="shared" si="20"/>
        <v/>
      </c>
      <c r="BV128" s="27" t="str">
        <f t="shared" si="20"/>
        <v/>
      </c>
      <c r="BW128" s="27" t="str">
        <f t="shared" si="20"/>
        <v/>
      </c>
      <c r="BX128" s="27" t="str">
        <f t="shared" si="20"/>
        <v/>
      </c>
      <c r="BY128" s="27" t="str">
        <f t="shared" si="20"/>
        <v/>
      </c>
      <c r="BZ128" s="27" t="str">
        <f t="shared" si="20"/>
        <v/>
      </c>
      <c r="CA128" s="27" t="str">
        <f t="shared" si="20"/>
        <v/>
      </c>
      <c r="CB128" s="27" t="str">
        <f t="shared" si="20"/>
        <v/>
      </c>
      <c r="CC128" s="27" t="str">
        <f t="shared" si="20"/>
        <v/>
      </c>
      <c r="CD128" s="27" t="str">
        <f t="shared" si="20"/>
        <v/>
      </c>
      <c r="CE128" s="27" t="str">
        <f t="shared" si="20"/>
        <v/>
      </c>
      <c r="CF128" s="27" t="str">
        <f t="shared" si="20"/>
        <v/>
      </c>
      <c r="CG128" s="33"/>
      <c r="CH128" s="33"/>
      <c r="CI128" s="36"/>
    </row>
    <row r="129" spans="1:87" s="28" customFormat="1" ht="56.1" customHeight="1" x14ac:dyDescent="0.2">
      <c r="A129" s="22">
        <v>180</v>
      </c>
      <c r="B129" s="23" t="s">
        <v>53</v>
      </c>
      <c r="C129" s="35" t="s">
        <v>655</v>
      </c>
      <c r="D129" s="32" t="s">
        <v>900</v>
      </c>
      <c r="E129" s="32" t="s">
        <v>928</v>
      </c>
      <c r="F129" s="25" t="s">
        <v>929</v>
      </c>
      <c r="G129" s="32" t="s">
        <v>58</v>
      </c>
      <c r="H129" s="32" t="s">
        <v>27</v>
      </c>
      <c r="I129" s="32"/>
      <c r="J129" s="29" t="s">
        <v>77</v>
      </c>
      <c r="K129" s="32" t="s">
        <v>834</v>
      </c>
      <c r="L129" s="26" t="s">
        <v>63</v>
      </c>
      <c r="M129" s="26" t="s">
        <v>63</v>
      </c>
      <c r="N129" s="39">
        <v>12333.75</v>
      </c>
      <c r="O129" s="33"/>
      <c r="P129" s="33"/>
      <c r="Q129" s="43">
        <f t="shared" si="15"/>
        <v>12333.75</v>
      </c>
      <c r="R129" s="33"/>
      <c r="S129" s="33"/>
      <c r="T129" s="33"/>
      <c r="U129" s="33"/>
      <c r="V129" s="33"/>
      <c r="W129" s="33"/>
      <c r="X129" s="33"/>
      <c r="Y129" s="33"/>
      <c r="Z129" s="33"/>
      <c r="AA129" s="33"/>
      <c r="AB129" s="33"/>
      <c r="AC129" s="33"/>
      <c r="AD129" s="33"/>
      <c r="AE129" s="33"/>
      <c r="AF129" s="33"/>
      <c r="AG129" s="33"/>
      <c r="AH129" s="33"/>
      <c r="AI129" s="33"/>
      <c r="AJ129" s="33"/>
      <c r="AK129" s="33"/>
      <c r="AL129" s="33"/>
      <c r="AM129" s="33"/>
      <c r="AN129" s="33"/>
      <c r="AO129" s="33"/>
      <c r="AP129" s="33"/>
      <c r="AQ129" s="33"/>
      <c r="AR129" s="33"/>
      <c r="AS129" s="33"/>
      <c r="AT129" s="33"/>
      <c r="AU129" s="33"/>
      <c r="AV129" s="33"/>
      <c r="AW129" s="33"/>
      <c r="AX129" s="33"/>
      <c r="AY129" s="33"/>
      <c r="AZ129" s="58">
        <f t="shared" si="13"/>
        <v>0</v>
      </c>
      <c r="BA129" s="26" t="e">
        <f t="shared" si="14"/>
        <v>#DIV/0!</v>
      </c>
      <c r="BB129" s="27" t="str">
        <f t="shared" si="23"/>
        <v/>
      </c>
      <c r="BC129" s="27" t="str">
        <f t="shared" si="23"/>
        <v/>
      </c>
      <c r="BD129" s="27" t="str">
        <f t="shared" si="22"/>
        <v/>
      </c>
      <c r="BE129" s="27" t="str">
        <f t="shared" si="22"/>
        <v/>
      </c>
      <c r="BF129" s="27" t="str">
        <f t="shared" si="22"/>
        <v/>
      </c>
      <c r="BG129" s="27" t="str">
        <f t="shared" si="22"/>
        <v/>
      </c>
      <c r="BH129" s="27" t="str">
        <f t="shared" si="22"/>
        <v/>
      </c>
      <c r="BI129" s="27" t="str">
        <f t="shared" si="22"/>
        <v/>
      </c>
      <c r="BJ129" s="27" t="str">
        <f t="shared" si="22"/>
        <v/>
      </c>
      <c r="BK129" s="27" t="str">
        <f t="shared" si="22"/>
        <v/>
      </c>
      <c r="BL129" s="27" t="str">
        <f t="shared" si="22"/>
        <v/>
      </c>
      <c r="BM129" s="27" t="str">
        <f t="shared" si="22"/>
        <v/>
      </c>
      <c r="BN129" s="27" t="str">
        <f t="shared" si="22"/>
        <v/>
      </c>
      <c r="BO129" s="27" t="str">
        <f t="shared" si="22"/>
        <v/>
      </c>
      <c r="BP129" s="27" t="str">
        <f t="shared" si="22"/>
        <v/>
      </c>
      <c r="BQ129" s="27" t="str">
        <f t="shared" si="22"/>
        <v/>
      </c>
      <c r="BR129" s="27" t="str">
        <f t="shared" si="21"/>
        <v/>
      </c>
      <c r="BS129" s="27" t="str">
        <f t="shared" si="21"/>
        <v/>
      </c>
      <c r="BT129" s="27" t="str">
        <f t="shared" si="20"/>
        <v/>
      </c>
      <c r="BU129" s="27" t="str">
        <f t="shared" si="20"/>
        <v/>
      </c>
      <c r="BV129" s="27" t="str">
        <f t="shared" si="20"/>
        <v/>
      </c>
      <c r="BW129" s="27" t="str">
        <f t="shared" si="20"/>
        <v/>
      </c>
      <c r="BX129" s="27" t="str">
        <f t="shared" si="20"/>
        <v/>
      </c>
      <c r="BY129" s="27" t="str">
        <f t="shared" si="20"/>
        <v/>
      </c>
      <c r="BZ129" s="27" t="str">
        <f t="shared" si="20"/>
        <v/>
      </c>
      <c r="CA129" s="27" t="str">
        <f t="shared" si="20"/>
        <v/>
      </c>
      <c r="CB129" s="27" t="str">
        <f t="shared" si="20"/>
        <v/>
      </c>
      <c r="CC129" s="27" t="str">
        <f t="shared" si="20"/>
        <v/>
      </c>
      <c r="CD129" s="27" t="str">
        <f t="shared" si="20"/>
        <v/>
      </c>
      <c r="CE129" s="27" t="str">
        <f t="shared" si="20"/>
        <v/>
      </c>
      <c r="CF129" s="27" t="str">
        <f t="shared" si="20"/>
        <v/>
      </c>
      <c r="CG129" s="33"/>
      <c r="CH129" s="33"/>
      <c r="CI129" s="36"/>
    </row>
    <row r="130" spans="1:87" s="28" customFormat="1" ht="56.1" customHeight="1" x14ac:dyDescent="0.2">
      <c r="A130" s="22">
        <v>181</v>
      </c>
      <c r="B130" s="23" t="s">
        <v>53</v>
      </c>
      <c r="C130" s="35" t="s">
        <v>655</v>
      </c>
      <c r="D130" s="32" t="s">
        <v>900</v>
      </c>
      <c r="E130" s="32" t="s">
        <v>930</v>
      </c>
      <c r="F130" s="25" t="s">
        <v>2555</v>
      </c>
      <c r="G130" s="32" t="s">
        <v>58</v>
      </c>
      <c r="H130" s="32" t="s">
        <v>27</v>
      </c>
      <c r="I130" s="32"/>
      <c r="J130" s="29" t="s">
        <v>77</v>
      </c>
      <c r="K130" s="32" t="s">
        <v>834</v>
      </c>
      <c r="L130" s="26" t="s">
        <v>63</v>
      </c>
      <c r="M130" s="26" t="s">
        <v>63</v>
      </c>
      <c r="N130" s="39">
        <v>227763.25</v>
      </c>
      <c r="O130" s="33"/>
      <c r="P130" s="33"/>
      <c r="Q130" s="43">
        <f t="shared" si="15"/>
        <v>227763.25</v>
      </c>
      <c r="R130" s="33"/>
      <c r="S130" s="33"/>
      <c r="T130" s="33"/>
      <c r="U130" s="33"/>
      <c r="V130" s="33"/>
      <c r="W130" s="33"/>
      <c r="X130" s="33"/>
      <c r="Y130" s="33"/>
      <c r="Z130" s="33"/>
      <c r="AA130" s="33"/>
      <c r="AB130" s="33"/>
      <c r="AC130" s="33"/>
      <c r="AD130" s="33"/>
      <c r="AE130" s="33"/>
      <c r="AF130" s="33"/>
      <c r="AG130" s="33"/>
      <c r="AH130" s="33"/>
      <c r="AI130" s="33"/>
      <c r="AJ130" s="33"/>
      <c r="AK130" s="33"/>
      <c r="AL130" s="33"/>
      <c r="AM130" s="33"/>
      <c r="AN130" s="33"/>
      <c r="AO130" s="33"/>
      <c r="AP130" s="33"/>
      <c r="AQ130" s="33"/>
      <c r="AR130" s="33"/>
      <c r="AS130" s="33"/>
      <c r="AT130" s="33"/>
      <c r="AU130" s="33"/>
      <c r="AV130" s="33"/>
      <c r="AW130" s="33"/>
      <c r="AX130" s="33"/>
      <c r="AY130" s="33"/>
      <c r="AZ130" s="58">
        <f t="shared" si="13"/>
        <v>0</v>
      </c>
      <c r="BA130" s="26" t="e">
        <f t="shared" si="14"/>
        <v>#DIV/0!</v>
      </c>
      <c r="BB130" s="27" t="str">
        <f t="shared" si="23"/>
        <v/>
      </c>
      <c r="BC130" s="27" t="str">
        <f t="shared" si="23"/>
        <v/>
      </c>
      <c r="BD130" s="27" t="str">
        <f t="shared" si="22"/>
        <v/>
      </c>
      <c r="BE130" s="27" t="str">
        <f t="shared" si="22"/>
        <v/>
      </c>
      <c r="BF130" s="27" t="str">
        <f t="shared" si="22"/>
        <v/>
      </c>
      <c r="BG130" s="27" t="str">
        <f t="shared" si="22"/>
        <v/>
      </c>
      <c r="BH130" s="27" t="str">
        <f t="shared" si="22"/>
        <v/>
      </c>
      <c r="BI130" s="27" t="str">
        <f t="shared" si="22"/>
        <v/>
      </c>
      <c r="BJ130" s="27" t="str">
        <f t="shared" si="22"/>
        <v/>
      </c>
      <c r="BK130" s="27" t="str">
        <f t="shared" si="22"/>
        <v/>
      </c>
      <c r="BL130" s="27" t="str">
        <f t="shared" si="22"/>
        <v/>
      </c>
      <c r="BM130" s="27" t="str">
        <f t="shared" si="22"/>
        <v/>
      </c>
      <c r="BN130" s="27" t="str">
        <f t="shared" si="22"/>
        <v/>
      </c>
      <c r="BO130" s="27" t="str">
        <f t="shared" si="22"/>
        <v/>
      </c>
      <c r="BP130" s="27" t="str">
        <f t="shared" si="22"/>
        <v/>
      </c>
      <c r="BQ130" s="27" t="str">
        <f t="shared" si="22"/>
        <v/>
      </c>
      <c r="BR130" s="27" t="str">
        <f t="shared" si="21"/>
        <v/>
      </c>
      <c r="BS130" s="27" t="str">
        <f t="shared" si="21"/>
        <v/>
      </c>
      <c r="BT130" s="27" t="str">
        <f t="shared" si="20"/>
        <v/>
      </c>
      <c r="BU130" s="27" t="str">
        <f t="shared" si="20"/>
        <v/>
      </c>
      <c r="BV130" s="27" t="str">
        <f t="shared" si="20"/>
        <v/>
      </c>
      <c r="BW130" s="27" t="str">
        <f t="shared" si="20"/>
        <v/>
      </c>
      <c r="BX130" s="27" t="str">
        <f t="shared" si="20"/>
        <v/>
      </c>
      <c r="BY130" s="27" t="str">
        <f t="shared" si="20"/>
        <v/>
      </c>
      <c r="BZ130" s="27" t="str">
        <f t="shared" si="20"/>
        <v/>
      </c>
      <c r="CA130" s="27" t="str">
        <f t="shared" si="20"/>
        <v/>
      </c>
      <c r="CB130" s="27" t="str">
        <f t="shared" si="20"/>
        <v/>
      </c>
      <c r="CC130" s="27" t="str">
        <f t="shared" si="20"/>
        <v/>
      </c>
      <c r="CD130" s="27" t="str">
        <f t="shared" si="20"/>
        <v/>
      </c>
      <c r="CE130" s="27" t="str">
        <f t="shared" si="20"/>
        <v/>
      </c>
      <c r="CF130" s="27" t="str">
        <f t="shared" si="20"/>
        <v/>
      </c>
      <c r="CG130" s="33"/>
      <c r="CH130" s="33"/>
      <c r="CI130" s="36"/>
    </row>
    <row r="131" spans="1:87" s="28" customFormat="1" ht="56.1" customHeight="1" x14ac:dyDescent="0.2">
      <c r="A131" s="22">
        <v>182</v>
      </c>
      <c r="B131" s="23" t="s">
        <v>53</v>
      </c>
      <c r="C131" s="35" t="s">
        <v>655</v>
      </c>
      <c r="D131" s="32" t="s">
        <v>932</v>
      </c>
      <c r="E131" s="32" t="s">
        <v>933</v>
      </c>
      <c r="F131" s="25" t="s">
        <v>934</v>
      </c>
      <c r="G131" s="32" t="s">
        <v>58</v>
      </c>
      <c r="H131" s="32" t="s">
        <v>27</v>
      </c>
      <c r="I131" s="32"/>
      <c r="J131" s="29" t="s">
        <v>77</v>
      </c>
      <c r="K131" s="32" t="s">
        <v>834</v>
      </c>
      <c r="L131" s="26" t="s">
        <v>63</v>
      </c>
      <c r="M131" s="26" t="s">
        <v>63</v>
      </c>
      <c r="N131" s="39">
        <v>19528.4375</v>
      </c>
      <c r="O131" s="33"/>
      <c r="P131" s="33"/>
      <c r="Q131" s="43">
        <f t="shared" ref="Q131:Q148" si="24">N131</f>
        <v>19528.4375</v>
      </c>
      <c r="R131" s="33"/>
      <c r="S131" s="33"/>
      <c r="T131" s="33"/>
      <c r="U131" s="33"/>
      <c r="V131" s="33"/>
      <c r="W131" s="33"/>
      <c r="X131" s="33"/>
      <c r="Y131" s="33"/>
      <c r="Z131" s="33"/>
      <c r="AA131" s="33"/>
      <c r="AB131" s="33"/>
      <c r="AC131" s="33"/>
      <c r="AD131" s="33"/>
      <c r="AE131" s="33"/>
      <c r="AF131" s="33"/>
      <c r="AG131" s="33"/>
      <c r="AH131" s="33"/>
      <c r="AI131" s="33"/>
      <c r="AJ131" s="33"/>
      <c r="AK131" s="33"/>
      <c r="AL131" s="33"/>
      <c r="AM131" s="33"/>
      <c r="AN131" s="33"/>
      <c r="AO131" s="33"/>
      <c r="AP131" s="33"/>
      <c r="AQ131" s="33"/>
      <c r="AR131" s="33"/>
      <c r="AS131" s="33"/>
      <c r="AT131" s="33"/>
      <c r="AU131" s="33"/>
      <c r="AV131" s="33"/>
      <c r="AW131" s="33"/>
      <c r="AX131" s="33"/>
      <c r="AY131" s="33"/>
      <c r="AZ131" s="58">
        <f t="shared" ref="AZ131:AZ148" si="25">SUMIF(U131:AY131,"YES",$U$2:$AY$2)</f>
        <v>0</v>
      </c>
      <c r="BA131" s="26" t="e">
        <f t="shared" ref="BA131:BA148" si="26">Q131/AZ131</f>
        <v>#DIV/0!</v>
      </c>
      <c r="BB131" s="27" t="str">
        <f t="shared" si="23"/>
        <v/>
      </c>
      <c r="BC131" s="27" t="str">
        <f t="shared" si="23"/>
        <v/>
      </c>
      <c r="BD131" s="27" t="str">
        <f t="shared" si="22"/>
        <v/>
      </c>
      <c r="BE131" s="27" t="str">
        <f t="shared" si="22"/>
        <v/>
      </c>
      <c r="BF131" s="27" t="str">
        <f t="shared" si="22"/>
        <v/>
      </c>
      <c r="BG131" s="27" t="str">
        <f t="shared" si="22"/>
        <v/>
      </c>
      <c r="BH131" s="27" t="str">
        <f t="shared" si="22"/>
        <v/>
      </c>
      <c r="BI131" s="27" t="str">
        <f t="shared" si="22"/>
        <v/>
      </c>
      <c r="BJ131" s="27" t="str">
        <f t="shared" si="22"/>
        <v/>
      </c>
      <c r="BK131" s="27" t="str">
        <f t="shared" si="22"/>
        <v/>
      </c>
      <c r="BL131" s="27" t="str">
        <f t="shared" si="22"/>
        <v/>
      </c>
      <c r="BM131" s="27" t="str">
        <f t="shared" si="22"/>
        <v/>
      </c>
      <c r="BN131" s="27" t="str">
        <f t="shared" si="22"/>
        <v/>
      </c>
      <c r="BO131" s="27" t="str">
        <f t="shared" si="22"/>
        <v/>
      </c>
      <c r="BP131" s="27" t="str">
        <f t="shared" si="22"/>
        <v/>
      </c>
      <c r="BQ131" s="27" t="str">
        <f t="shared" si="22"/>
        <v/>
      </c>
      <c r="BR131" s="27" t="str">
        <f t="shared" si="21"/>
        <v/>
      </c>
      <c r="BS131" s="27" t="str">
        <f t="shared" si="21"/>
        <v/>
      </c>
      <c r="BT131" s="27" t="str">
        <f t="shared" si="20"/>
        <v/>
      </c>
      <c r="BU131" s="27" t="str">
        <f t="shared" si="20"/>
        <v/>
      </c>
      <c r="BV131" s="27" t="str">
        <f t="shared" si="20"/>
        <v/>
      </c>
      <c r="BW131" s="27" t="str">
        <f t="shared" si="20"/>
        <v/>
      </c>
      <c r="BX131" s="27" t="str">
        <f t="shared" si="20"/>
        <v/>
      </c>
      <c r="BY131" s="27" t="str">
        <f t="shared" si="20"/>
        <v/>
      </c>
      <c r="BZ131" s="27" t="str">
        <f t="shared" si="20"/>
        <v/>
      </c>
      <c r="CA131" s="27" t="str">
        <f t="shared" si="20"/>
        <v/>
      </c>
      <c r="CB131" s="27" t="str">
        <f t="shared" si="20"/>
        <v/>
      </c>
      <c r="CC131" s="27" t="str">
        <f t="shared" si="20"/>
        <v/>
      </c>
      <c r="CD131" s="27" t="str">
        <f t="shared" si="20"/>
        <v/>
      </c>
      <c r="CE131" s="27" t="str">
        <f t="shared" si="20"/>
        <v/>
      </c>
      <c r="CF131" s="27" t="str">
        <f t="shared" si="20"/>
        <v/>
      </c>
      <c r="CG131" s="33"/>
      <c r="CH131" s="33"/>
      <c r="CI131" s="36"/>
    </row>
    <row r="132" spans="1:87" s="28" customFormat="1" ht="56.1" customHeight="1" x14ac:dyDescent="0.2">
      <c r="A132" s="22">
        <v>183</v>
      </c>
      <c r="B132" s="23" t="s">
        <v>53</v>
      </c>
      <c r="C132" s="35" t="s">
        <v>655</v>
      </c>
      <c r="D132" s="32" t="s">
        <v>932</v>
      </c>
      <c r="E132" s="32" t="s">
        <v>935</v>
      </c>
      <c r="F132" s="25" t="s">
        <v>936</v>
      </c>
      <c r="G132" s="32" t="s">
        <v>58</v>
      </c>
      <c r="H132" s="32" t="s">
        <v>27</v>
      </c>
      <c r="I132" s="32"/>
      <c r="J132" s="29" t="s">
        <v>77</v>
      </c>
      <c r="K132" s="32" t="s">
        <v>834</v>
      </c>
      <c r="L132" s="26" t="s">
        <v>63</v>
      </c>
      <c r="M132" s="26" t="s">
        <v>63</v>
      </c>
      <c r="N132" s="39">
        <v>962209.94720296876</v>
      </c>
      <c r="O132" s="33"/>
      <c r="P132" s="33"/>
      <c r="Q132" s="43">
        <f t="shared" si="24"/>
        <v>962209.94720296876</v>
      </c>
      <c r="R132" s="33"/>
      <c r="S132" s="33"/>
      <c r="T132" s="33"/>
      <c r="U132" s="33"/>
      <c r="V132" s="33"/>
      <c r="W132" s="33"/>
      <c r="X132" s="33"/>
      <c r="Y132" s="33"/>
      <c r="Z132" s="33"/>
      <c r="AA132" s="33"/>
      <c r="AB132" s="33"/>
      <c r="AC132" s="33"/>
      <c r="AD132" s="33"/>
      <c r="AE132" s="33"/>
      <c r="AF132" s="33"/>
      <c r="AG132" s="33"/>
      <c r="AH132" s="33"/>
      <c r="AI132" s="33"/>
      <c r="AJ132" s="33"/>
      <c r="AK132" s="33"/>
      <c r="AL132" s="33"/>
      <c r="AM132" s="33"/>
      <c r="AN132" s="33"/>
      <c r="AO132" s="33"/>
      <c r="AP132" s="33"/>
      <c r="AQ132" s="33"/>
      <c r="AR132" s="33"/>
      <c r="AS132" s="33"/>
      <c r="AT132" s="33"/>
      <c r="AU132" s="33"/>
      <c r="AV132" s="33"/>
      <c r="AW132" s="33"/>
      <c r="AX132" s="33"/>
      <c r="AY132" s="33"/>
      <c r="AZ132" s="58">
        <f t="shared" si="25"/>
        <v>0</v>
      </c>
      <c r="BA132" s="26" t="e">
        <f t="shared" si="26"/>
        <v>#DIV/0!</v>
      </c>
      <c r="BB132" s="27" t="str">
        <f t="shared" si="23"/>
        <v/>
      </c>
      <c r="BC132" s="27" t="str">
        <f t="shared" si="23"/>
        <v/>
      </c>
      <c r="BD132" s="27" t="str">
        <f t="shared" si="22"/>
        <v/>
      </c>
      <c r="BE132" s="27" t="str">
        <f t="shared" si="22"/>
        <v/>
      </c>
      <c r="BF132" s="27" t="str">
        <f t="shared" si="22"/>
        <v/>
      </c>
      <c r="BG132" s="27" t="str">
        <f t="shared" si="22"/>
        <v/>
      </c>
      <c r="BH132" s="27" t="str">
        <f t="shared" si="22"/>
        <v/>
      </c>
      <c r="BI132" s="27" t="str">
        <f t="shared" si="22"/>
        <v/>
      </c>
      <c r="BJ132" s="27" t="str">
        <f t="shared" si="22"/>
        <v/>
      </c>
      <c r="BK132" s="27" t="str">
        <f t="shared" si="22"/>
        <v/>
      </c>
      <c r="BL132" s="27" t="str">
        <f t="shared" si="22"/>
        <v/>
      </c>
      <c r="BM132" s="27" t="str">
        <f t="shared" si="22"/>
        <v/>
      </c>
      <c r="BN132" s="27" t="str">
        <f t="shared" si="22"/>
        <v/>
      </c>
      <c r="BO132" s="27" t="str">
        <f t="shared" si="22"/>
        <v/>
      </c>
      <c r="BP132" s="27" t="str">
        <f t="shared" si="22"/>
        <v/>
      </c>
      <c r="BQ132" s="27" t="str">
        <f t="shared" si="22"/>
        <v/>
      </c>
      <c r="BR132" s="27" t="str">
        <f t="shared" si="21"/>
        <v/>
      </c>
      <c r="BS132" s="27" t="str">
        <f t="shared" si="21"/>
        <v/>
      </c>
      <c r="BT132" s="27" t="str">
        <f t="shared" si="20"/>
        <v/>
      </c>
      <c r="BU132" s="27" t="str">
        <f t="shared" si="20"/>
        <v/>
      </c>
      <c r="BV132" s="27" t="str">
        <f t="shared" si="20"/>
        <v/>
      </c>
      <c r="BW132" s="27" t="str">
        <f t="shared" si="20"/>
        <v/>
      </c>
      <c r="BX132" s="27" t="str">
        <f t="shared" si="20"/>
        <v/>
      </c>
      <c r="BY132" s="27" t="str">
        <f t="shared" si="20"/>
        <v/>
      </c>
      <c r="BZ132" s="27" t="str">
        <f t="shared" si="20"/>
        <v/>
      </c>
      <c r="CA132" s="27" t="str">
        <f t="shared" si="20"/>
        <v/>
      </c>
      <c r="CB132" s="27" t="str">
        <f t="shared" si="20"/>
        <v/>
      </c>
      <c r="CC132" s="27" t="str">
        <f t="shared" si="20"/>
        <v/>
      </c>
      <c r="CD132" s="27" t="str">
        <f t="shared" si="20"/>
        <v/>
      </c>
      <c r="CE132" s="27" t="str">
        <f t="shared" si="20"/>
        <v/>
      </c>
      <c r="CF132" s="27" t="str">
        <f t="shared" si="20"/>
        <v/>
      </c>
      <c r="CG132" s="33"/>
      <c r="CH132" s="33"/>
      <c r="CI132" s="36"/>
    </row>
    <row r="133" spans="1:87" s="28" customFormat="1" ht="56.1" customHeight="1" x14ac:dyDescent="0.2">
      <c r="A133" s="22">
        <v>184</v>
      </c>
      <c r="B133" s="23" t="s">
        <v>912</v>
      </c>
      <c r="C133" s="35" t="s">
        <v>655</v>
      </c>
      <c r="D133" s="32" t="s">
        <v>900</v>
      </c>
      <c r="E133" s="32" t="s">
        <v>938</v>
      </c>
      <c r="F133" s="25" t="s">
        <v>2556</v>
      </c>
      <c r="G133" s="32" t="s">
        <v>58</v>
      </c>
      <c r="H133" s="32" t="s">
        <v>846</v>
      </c>
      <c r="I133" s="32"/>
      <c r="J133" s="29" t="s">
        <v>77</v>
      </c>
      <c r="K133" s="32" t="s">
        <v>834</v>
      </c>
      <c r="L133" s="26" t="s">
        <v>63</v>
      </c>
      <c r="M133" s="26" t="s">
        <v>63</v>
      </c>
      <c r="N133" s="39">
        <v>160338.75</v>
      </c>
      <c r="O133" s="33"/>
      <c r="P133" s="33"/>
      <c r="Q133" s="43">
        <f t="shared" si="24"/>
        <v>160338.75</v>
      </c>
      <c r="R133" s="33"/>
      <c r="S133" s="33"/>
      <c r="T133" s="33"/>
      <c r="U133" s="33"/>
      <c r="V133" s="33"/>
      <c r="W133" s="33"/>
      <c r="X133" s="33"/>
      <c r="Y133" s="33"/>
      <c r="Z133" s="33"/>
      <c r="AA133" s="33"/>
      <c r="AB133" s="33"/>
      <c r="AC133" s="33"/>
      <c r="AD133" s="33"/>
      <c r="AE133" s="33"/>
      <c r="AF133" s="33"/>
      <c r="AG133" s="33"/>
      <c r="AH133" s="33"/>
      <c r="AI133" s="33"/>
      <c r="AJ133" s="33"/>
      <c r="AK133" s="33"/>
      <c r="AL133" s="33"/>
      <c r="AM133" s="33"/>
      <c r="AN133" s="33"/>
      <c r="AO133" s="33"/>
      <c r="AP133" s="33"/>
      <c r="AQ133" s="33"/>
      <c r="AR133" s="33"/>
      <c r="AS133" s="33"/>
      <c r="AT133" s="33"/>
      <c r="AU133" s="33"/>
      <c r="AV133" s="33"/>
      <c r="AW133" s="33"/>
      <c r="AX133" s="33"/>
      <c r="AY133" s="33"/>
      <c r="AZ133" s="58">
        <f t="shared" si="25"/>
        <v>0</v>
      </c>
      <c r="BA133" s="26" t="e">
        <f t="shared" si="26"/>
        <v>#DIV/0!</v>
      </c>
      <c r="BB133" s="27" t="str">
        <f t="shared" si="23"/>
        <v/>
      </c>
      <c r="BC133" s="27" t="str">
        <f t="shared" si="23"/>
        <v/>
      </c>
      <c r="BD133" s="27" t="str">
        <f t="shared" si="22"/>
        <v/>
      </c>
      <c r="BE133" s="27" t="str">
        <f t="shared" si="22"/>
        <v/>
      </c>
      <c r="BF133" s="27" t="str">
        <f t="shared" si="22"/>
        <v/>
      </c>
      <c r="BG133" s="27" t="str">
        <f t="shared" si="22"/>
        <v/>
      </c>
      <c r="BH133" s="27" t="str">
        <f t="shared" si="22"/>
        <v/>
      </c>
      <c r="BI133" s="27" t="str">
        <f t="shared" si="22"/>
        <v/>
      </c>
      <c r="BJ133" s="27" t="str">
        <f t="shared" si="22"/>
        <v/>
      </c>
      <c r="BK133" s="27" t="str">
        <f t="shared" si="22"/>
        <v/>
      </c>
      <c r="BL133" s="27" t="str">
        <f t="shared" si="22"/>
        <v/>
      </c>
      <c r="BM133" s="27" t="str">
        <f t="shared" si="22"/>
        <v/>
      </c>
      <c r="BN133" s="27" t="str">
        <f t="shared" si="22"/>
        <v/>
      </c>
      <c r="BO133" s="27" t="str">
        <f t="shared" si="22"/>
        <v/>
      </c>
      <c r="BP133" s="27" t="str">
        <f t="shared" si="22"/>
        <v/>
      </c>
      <c r="BQ133" s="27" t="str">
        <f t="shared" si="22"/>
        <v/>
      </c>
      <c r="BR133" s="27" t="str">
        <f t="shared" si="21"/>
        <v/>
      </c>
      <c r="BS133" s="27" t="str">
        <f t="shared" si="21"/>
        <v/>
      </c>
      <c r="BT133" s="27" t="str">
        <f t="shared" si="20"/>
        <v/>
      </c>
      <c r="BU133" s="27" t="str">
        <f t="shared" si="20"/>
        <v/>
      </c>
      <c r="BV133" s="27" t="str">
        <f t="shared" si="20"/>
        <v/>
      </c>
      <c r="BW133" s="27" t="str">
        <f t="shared" si="20"/>
        <v/>
      </c>
      <c r="BX133" s="27" t="str">
        <f t="shared" si="20"/>
        <v/>
      </c>
      <c r="BY133" s="27" t="str">
        <f t="shared" si="20"/>
        <v/>
      </c>
      <c r="BZ133" s="27" t="str">
        <f t="shared" si="20"/>
        <v/>
      </c>
      <c r="CA133" s="27" t="str">
        <f t="shared" si="20"/>
        <v/>
      </c>
      <c r="CB133" s="27" t="str">
        <f t="shared" ref="CB133:CF148" si="27">IF(AU133="yes",(AU$2*$BA133),"")</f>
        <v/>
      </c>
      <c r="CC133" s="27" t="str">
        <f t="shared" si="27"/>
        <v/>
      </c>
      <c r="CD133" s="27" t="str">
        <f t="shared" si="27"/>
        <v/>
      </c>
      <c r="CE133" s="27" t="str">
        <f t="shared" si="27"/>
        <v/>
      </c>
      <c r="CF133" s="27" t="str">
        <f t="shared" si="27"/>
        <v/>
      </c>
      <c r="CG133" s="33"/>
      <c r="CH133" s="33"/>
      <c r="CI133" s="36"/>
    </row>
    <row r="134" spans="1:87" s="28" customFormat="1" ht="56.1" customHeight="1" x14ac:dyDescent="0.2">
      <c r="A134" s="22">
        <v>185</v>
      </c>
      <c r="B134" s="23" t="s">
        <v>869</v>
      </c>
      <c r="C134" s="35" t="s">
        <v>655</v>
      </c>
      <c r="D134" s="32" t="s">
        <v>932</v>
      </c>
      <c r="E134" s="32" t="s">
        <v>940</v>
      </c>
      <c r="F134" s="25" t="s">
        <v>941</v>
      </c>
      <c r="G134" s="32" t="s">
        <v>58</v>
      </c>
      <c r="H134" s="32" t="s">
        <v>846</v>
      </c>
      <c r="I134" s="32"/>
      <c r="J134" s="29" t="s">
        <v>77</v>
      </c>
      <c r="K134" s="32" t="s">
        <v>834</v>
      </c>
      <c r="L134" s="26" t="s">
        <v>63</v>
      </c>
      <c r="M134" s="26" t="s">
        <v>63</v>
      </c>
      <c r="N134" s="39">
        <v>19528.4375</v>
      </c>
      <c r="O134" s="33"/>
      <c r="P134" s="33"/>
      <c r="Q134" s="43">
        <f t="shared" si="24"/>
        <v>19528.4375</v>
      </c>
      <c r="R134" s="33"/>
      <c r="S134" s="33"/>
      <c r="T134" s="33"/>
      <c r="U134" s="33"/>
      <c r="V134" s="33"/>
      <c r="W134" s="33"/>
      <c r="X134" s="33"/>
      <c r="Y134" s="33"/>
      <c r="Z134" s="33"/>
      <c r="AA134" s="33"/>
      <c r="AB134" s="33"/>
      <c r="AC134" s="33"/>
      <c r="AD134" s="33"/>
      <c r="AE134" s="33"/>
      <c r="AF134" s="33"/>
      <c r="AG134" s="33"/>
      <c r="AH134" s="33"/>
      <c r="AI134" s="33"/>
      <c r="AJ134" s="33"/>
      <c r="AK134" s="33"/>
      <c r="AL134" s="33"/>
      <c r="AM134" s="33"/>
      <c r="AN134" s="33"/>
      <c r="AO134" s="33"/>
      <c r="AP134" s="33"/>
      <c r="AQ134" s="33"/>
      <c r="AR134" s="33"/>
      <c r="AS134" s="33"/>
      <c r="AT134" s="33"/>
      <c r="AU134" s="33"/>
      <c r="AV134" s="33"/>
      <c r="AW134" s="33"/>
      <c r="AX134" s="33"/>
      <c r="AY134" s="33"/>
      <c r="AZ134" s="58">
        <f t="shared" si="25"/>
        <v>0</v>
      </c>
      <c r="BA134" s="26" t="e">
        <f t="shared" si="26"/>
        <v>#DIV/0!</v>
      </c>
      <c r="BB134" s="27" t="str">
        <f t="shared" si="23"/>
        <v/>
      </c>
      <c r="BC134" s="27" t="str">
        <f t="shared" si="23"/>
        <v/>
      </c>
      <c r="BD134" s="27" t="str">
        <f t="shared" si="22"/>
        <v/>
      </c>
      <c r="BE134" s="27" t="str">
        <f t="shared" si="22"/>
        <v/>
      </c>
      <c r="BF134" s="27" t="str">
        <f t="shared" si="22"/>
        <v/>
      </c>
      <c r="BG134" s="27" t="str">
        <f t="shared" si="22"/>
        <v/>
      </c>
      <c r="BH134" s="27" t="str">
        <f t="shared" si="22"/>
        <v/>
      </c>
      <c r="BI134" s="27" t="str">
        <f t="shared" si="22"/>
        <v/>
      </c>
      <c r="BJ134" s="27" t="str">
        <f t="shared" si="22"/>
        <v/>
      </c>
      <c r="BK134" s="27" t="str">
        <f t="shared" si="22"/>
        <v/>
      </c>
      <c r="BL134" s="27" t="str">
        <f t="shared" si="22"/>
        <v/>
      </c>
      <c r="BM134" s="27" t="str">
        <f t="shared" si="22"/>
        <v/>
      </c>
      <c r="BN134" s="27" t="str">
        <f t="shared" si="22"/>
        <v/>
      </c>
      <c r="BO134" s="27" t="str">
        <f t="shared" si="22"/>
        <v/>
      </c>
      <c r="BP134" s="27" t="str">
        <f t="shared" si="22"/>
        <v/>
      </c>
      <c r="BQ134" s="27" t="str">
        <f t="shared" si="22"/>
        <v/>
      </c>
      <c r="BR134" s="27" t="str">
        <f t="shared" si="21"/>
        <v/>
      </c>
      <c r="BS134" s="27" t="str">
        <f t="shared" si="21"/>
        <v/>
      </c>
      <c r="BT134" s="27" t="str">
        <f t="shared" si="21"/>
        <v/>
      </c>
      <c r="BU134" s="27" t="str">
        <f t="shared" si="21"/>
        <v/>
      </c>
      <c r="BV134" s="27" t="str">
        <f t="shared" si="21"/>
        <v/>
      </c>
      <c r="BW134" s="27" t="str">
        <f t="shared" si="21"/>
        <v/>
      </c>
      <c r="BX134" s="27" t="str">
        <f t="shared" si="21"/>
        <v/>
      </c>
      <c r="BY134" s="27" t="str">
        <f t="shared" si="21"/>
        <v/>
      </c>
      <c r="BZ134" s="27" t="str">
        <f t="shared" si="21"/>
        <v/>
      </c>
      <c r="CA134" s="27" t="str">
        <f t="shared" si="21"/>
        <v/>
      </c>
      <c r="CB134" s="27" t="str">
        <f t="shared" si="27"/>
        <v/>
      </c>
      <c r="CC134" s="27" t="str">
        <f t="shared" si="27"/>
        <v/>
      </c>
      <c r="CD134" s="27" t="str">
        <f t="shared" si="27"/>
        <v/>
      </c>
      <c r="CE134" s="27" t="str">
        <f t="shared" si="27"/>
        <v/>
      </c>
      <c r="CF134" s="27" t="str">
        <f t="shared" si="27"/>
        <v/>
      </c>
      <c r="CG134" s="33"/>
      <c r="CH134" s="33"/>
      <c r="CI134" s="36"/>
    </row>
    <row r="135" spans="1:87" s="28" customFormat="1" ht="56.1" customHeight="1" x14ac:dyDescent="0.2">
      <c r="A135" s="22">
        <v>186</v>
      </c>
      <c r="B135" s="23" t="s">
        <v>869</v>
      </c>
      <c r="C135" s="35" t="s">
        <v>655</v>
      </c>
      <c r="D135" s="32" t="s">
        <v>932</v>
      </c>
      <c r="E135" s="32" t="s">
        <v>942</v>
      </c>
      <c r="F135" s="25" t="s">
        <v>943</v>
      </c>
      <c r="G135" s="32" t="s">
        <v>58</v>
      </c>
      <c r="H135" s="32" t="s">
        <v>846</v>
      </c>
      <c r="I135" s="32"/>
      <c r="J135" s="29" t="s">
        <v>77</v>
      </c>
      <c r="K135" s="32" t="s">
        <v>834</v>
      </c>
      <c r="L135" s="26" t="s">
        <v>63</v>
      </c>
      <c r="M135" s="26" t="s">
        <v>63</v>
      </c>
      <c r="N135" s="39">
        <v>1539663.125</v>
      </c>
      <c r="O135" s="33"/>
      <c r="P135" s="33"/>
      <c r="Q135" s="43">
        <f t="shared" si="24"/>
        <v>1539663.125</v>
      </c>
      <c r="R135" s="33"/>
      <c r="S135" s="33"/>
      <c r="T135" s="33"/>
      <c r="U135" s="33"/>
      <c r="V135" s="33"/>
      <c r="W135" s="33"/>
      <c r="X135" s="33"/>
      <c r="Y135" s="33"/>
      <c r="Z135" s="33"/>
      <c r="AA135" s="33"/>
      <c r="AB135" s="33"/>
      <c r="AC135" s="33"/>
      <c r="AD135" s="33"/>
      <c r="AE135" s="33"/>
      <c r="AF135" s="33"/>
      <c r="AG135" s="33"/>
      <c r="AH135" s="33"/>
      <c r="AI135" s="33"/>
      <c r="AJ135" s="33"/>
      <c r="AK135" s="33"/>
      <c r="AL135" s="33"/>
      <c r="AM135" s="33"/>
      <c r="AN135" s="33"/>
      <c r="AO135" s="33"/>
      <c r="AP135" s="33"/>
      <c r="AQ135" s="33"/>
      <c r="AR135" s="33"/>
      <c r="AS135" s="33"/>
      <c r="AT135" s="33"/>
      <c r="AU135" s="33"/>
      <c r="AV135" s="33"/>
      <c r="AW135" s="33"/>
      <c r="AX135" s="33"/>
      <c r="AY135" s="33"/>
      <c r="AZ135" s="58">
        <f t="shared" si="25"/>
        <v>0</v>
      </c>
      <c r="BA135" s="26" t="e">
        <f t="shared" si="26"/>
        <v>#DIV/0!</v>
      </c>
      <c r="BB135" s="27" t="str">
        <f t="shared" si="23"/>
        <v/>
      </c>
      <c r="BC135" s="27" t="str">
        <f t="shared" si="23"/>
        <v/>
      </c>
      <c r="BD135" s="27" t="str">
        <f t="shared" si="22"/>
        <v/>
      </c>
      <c r="BE135" s="27" t="str">
        <f t="shared" si="22"/>
        <v/>
      </c>
      <c r="BF135" s="27" t="str">
        <f t="shared" si="22"/>
        <v/>
      </c>
      <c r="BG135" s="27" t="str">
        <f t="shared" si="22"/>
        <v/>
      </c>
      <c r="BH135" s="27" t="str">
        <f t="shared" si="22"/>
        <v/>
      </c>
      <c r="BI135" s="27" t="str">
        <f t="shared" si="22"/>
        <v/>
      </c>
      <c r="BJ135" s="27" t="str">
        <f t="shared" si="22"/>
        <v/>
      </c>
      <c r="BK135" s="27" t="str">
        <f t="shared" si="22"/>
        <v/>
      </c>
      <c r="BL135" s="27" t="str">
        <f t="shared" si="22"/>
        <v/>
      </c>
      <c r="BM135" s="27" t="str">
        <f t="shared" si="22"/>
        <v/>
      </c>
      <c r="BN135" s="27" t="str">
        <f t="shared" si="22"/>
        <v/>
      </c>
      <c r="BO135" s="27" t="str">
        <f t="shared" si="22"/>
        <v/>
      </c>
      <c r="BP135" s="27" t="str">
        <f t="shared" si="22"/>
        <v/>
      </c>
      <c r="BQ135" s="27" t="str">
        <f t="shared" si="22"/>
        <v/>
      </c>
      <c r="BR135" s="27" t="str">
        <f t="shared" si="21"/>
        <v/>
      </c>
      <c r="BS135" s="27" t="str">
        <f t="shared" si="21"/>
        <v/>
      </c>
      <c r="BT135" s="27" t="str">
        <f t="shared" si="21"/>
        <v/>
      </c>
      <c r="BU135" s="27" t="str">
        <f t="shared" si="21"/>
        <v/>
      </c>
      <c r="BV135" s="27" t="str">
        <f t="shared" si="21"/>
        <v/>
      </c>
      <c r="BW135" s="27" t="str">
        <f t="shared" si="21"/>
        <v/>
      </c>
      <c r="BX135" s="27" t="str">
        <f t="shared" si="21"/>
        <v/>
      </c>
      <c r="BY135" s="27" t="str">
        <f t="shared" si="21"/>
        <v/>
      </c>
      <c r="BZ135" s="27" t="str">
        <f t="shared" si="21"/>
        <v/>
      </c>
      <c r="CA135" s="27" t="str">
        <f t="shared" si="21"/>
        <v/>
      </c>
      <c r="CB135" s="27" t="str">
        <f t="shared" si="27"/>
        <v/>
      </c>
      <c r="CC135" s="27" t="str">
        <f t="shared" si="27"/>
        <v/>
      </c>
      <c r="CD135" s="27" t="str">
        <f t="shared" si="27"/>
        <v/>
      </c>
      <c r="CE135" s="27" t="str">
        <f t="shared" si="27"/>
        <v/>
      </c>
      <c r="CF135" s="27" t="str">
        <f t="shared" si="27"/>
        <v/>
      </c>
      <c r="CG135" s="33"/>
      <c r="CH135" s="33"/>
      <c r="CI135" s="36"/>
    </row>
    <row r="136" spans="1:87" s="28" customFormat="1" ht="56.1" customHeight="1" x14ac:dyDescent="0.2">
      <c r="A136" s="22">
        <v>187</v>
      </c>
      <c r="B136" s="23" t="s">
        <v>869</v>
      </c>
      <c r="C136" s="35" t="s">
        <v>655</v>
      </c>
      <c r="D136" s="32" t="s">
        <v>932</v>
      </c>
      <c r="E136" s="32" t="s">
        <v>944</v>
      </c>
      <c r="F136" s="25" t="s">
        <v>945</v>
      </c>
      <c r="G136" s="32" t="s">
        <v>58</v>
      </c>
      <c r="H136" s="32" t="s">
        <v>846</v>
      </c>
      <c r="I136" s="32"/>
      <c r="J136" s="29" t="s">
        <v>77</v>
      </c>
      <c r="K136" s="32" t="s">
        <v>834</v>
      </c>
      <c r="L136" s="26" t="s">
        <v>63</v>
      </c>
      <c r="M136" s="26" t="s">
        <v>63</v>
      </c>
      <c r="N136" s="39">
        <v>203095.75</v>
      </c>
      <c r="O136" s="33"/>
      <c r="P136" s="33"/>
      <c r="Q136" s="43">
        <f t="shared" si="24"/>
        <v>203095.75</v>
      </c>
      <c r="R136" s="33"/>
      <c r="S136" s="33"/>
      <c r="T136" s="33"/>
      <c r="U136" s="33"/>
      <c r="V136" s="33"/>
      <c r="W136" s="33"/>
      <c r="X136" s="33"/>
      <c r="Y136" s="33"/>
      <c r="Z136" s="33"/>
      <c r="AA136" s="33"/>
      <c r="AB136" s="33"/>
      <c r="AC136" s="33"/>
      <c r="AD136" s="33"/>
      <c r="AE136" s="33"/>
      <c r="AF136" s="33"/>
      <c r="AG136" s="33"/>
      <c r="AH136" s="33"/>
      <c r="AI136" s="33"/>
      <c r="AJ136" s="33"/>
      <c r="AK136" s="33"/>
      <c r="AL136" s="33"/>
      <c r="AM136" s="33"/>
      <c r="AN136" s="33"/>
      <c r="AO136" s="33"/>
      <c r="AP136" s="33"/>
      <c r="AQ136" s="33"/>
      <c r="AR136" s="33"/>
      <c r="AS136" s="33"/>
      <c r="AT136" s="33"/>
      <c r="AU136" s="33"/>
      <c r="AV136" s="33"/>
      <c r="AW136" s="33"/>
      <c r="AX136" s="33"/>
      <c r="AY136" s="33"/>
      <c r="AZ136" s="58">
        <f t="shared" si="25"/>
        <v>0</v>
      </c>
      <c r="BA136" s="26" t="e">
        <f t="shared" si="26"/>
        <v>#DIV/0!</v>
      </c>
      <c r="BB136" s="27" t="str">
        <f t="shared" si="23"/>
        <v/>
      </c>
      <c r="BC136" s="27" t="str">
        <f t="shared" si="23"/>
        <v/>
      </c>
      <c r="BD136" s="27" t="str">
        <f t="shared" si="22"/>
        <v/>
      </c>
      <c r="BE136" s="27" t="str">
        <f t="shared" si="22"/>
        <v/>
      </c>
      <c r="BF136" s="27" t="str">
        <f t="shared" si="22"/>
        <v/>
      </c>
      <c r="BG136" s="27" t="str">
        <f t="shared" si="22"/>
        <v/>
      </c>
      <c r="BH136" s="27" t="str">
        <f t="shared" si="22"/>
        <v/>
      </c>
      <c r="BI136" s="27" t="str">
        <f t="shared" si="22"/>
        <v/>
      </c>
      <c r="BJ136" s="27" t="str">
        <f t="shared" si="22"/>
        <v/>
      </c>
      <c r="BK136" s="27" t="str">
        <f t="shared" si="22"/>
        <v/>
      </c>
      <c r="BL136" s="27" t="str">
        <f t="shared" si="22"/>
        <v/>
      </c>
      <c r="BM136" s="27" t="str">
        <f t="shared" si="22"/>
        <v/>
      </c>
      <c r="BN136" s="27" t="str">
        <f t="shared" si="22"/>
        <v/>
      </c>
      <c r="BO136" s="27" t="str">
        <f t="shared" si="22"/>
        <v/>
      </c>
      <c r="BP136" s="27" t="str">
        <f t="shared" si="22"/>
        <v/>
      </c>
      <c r="BQ136" s="27" t="str">
        <f t="shared" si="22"/>
        <v/>
      </c>
      <c r="BR136" s="27" t="str">
        <f t="shared" si="21"/>
        <v/>
      </c>
      <c r="BS136" s="27" t="str">
        <f t="shared" si="21"/>
        <v/>
      </c>
      <c r="BT136" s="27" t="str">
        <f t="shared" si="21"/>
        <v/>
      </c>
      <c r="BU136" s="27" t="str">
        <f t="shared" si="21"/>
        <v/>
      </c>
      <c r="BV136" s="27" t="str">
        <f t="shared" si="21"/>
        <v/>
      </c>
      <c r="BW136" s="27" t="str">
        <f t="shared" si="21"/>
        <v/>
      </c>
      <c r="BX136" s="27" t="str">
        <f t="shared" si="21"/>
        <v/>
      </c>
      <c r="BY136" s="27" t="str">
        <f t="shared" si="21"/>
        <v/>
      </c>
      <c r="BZ136" s="27" t="str">
        <f t="shared" si="21"/>
        <v/>
      </c>
      <c r="CA136" s="27" t="str">
        <f t="shared" si="21"/>
        <v/>
      </c>
      <c r="CB136" s="27" t="str">
        <f t="shared" si="27"/>
        <v/>
      </c>
      <c r="CC136" s="27" t="str">
        <f t="shared" si="27"/>
        <v/>
      </c>
      <c r="CD136" s="27" t="str">
        <f t="shared" si="27"/>
        <v/>
      </c>
      <c r="CE136" s="27" t="str">
        <f t="shared" si="27"/>
        <v/>
      </c>
      <c r="CF136" s="27" t="str">
        <f t="shared" si="27"/>
        <v/>
      </c>
      <c r="CG136" s="33"/>
      <c r="CH136" s="33"/>
      <c r="CI136" s="36"/>
    </row>
    <row r="137" spans="1:87" s="28" customFormat="1" ht="56.1" customHeight="1" x14ac:dyDescent="0.2">
      <c r="A137" s="22">
        <v>188</v>
      </c>
      <c r="B137" s="23" t="s">
        <v>53</v>
      </c>
      <c r="C137" s="35" t="s">
        <v>655</v>
      </c>
      <c r="D137" s="32" t="s">
        <v>830</v>
      </c>
      <c r="E137" s="32" t="s">
        <v>946</v>
      </c>
      <c r="F137" s="25" t="s">
        <v>947</v>
      </c>
      <c r="G137" s="32" t="s">
        <v>58</v>
      </c>
      <c r="H137" s="32" t="s">
        <v>948</v>
      </c>
      <c r="I137" s="32"/>
      <c r="J137" s="29" t="s">
        <v>77</v>
      </c>
      <c r="K137" s="32" t="s">
        <v>722</v>
      </c>
      <c r="L137" s="26" t="s">
        <v>63</v>
      </c>
      <c r="M137" s="26" t="s">
        <v>63</v>
      </c>
      <c r="N137" s="39">
        <v>313922.71625</v>
      </c>
      <c r="O137" s="33"/>
      <c r="P137" s="33"/>
      <c r="Q137" s="43">
        <f t="shared" si="24"/>
        <v>313922.71625</v>
      </c>
      <c r="R137" s="33"/>
      <c r="S137" s="33"/>
      <c r="T137" s="33"/>
      <c r="U137" s="33"/>
      <c r="V137" s="33"/>
      <c r="W137" s="33"/>
      <c r="X137" s="33"/>
      <c r="Y137" s="33"/>
      <c r="Z137" s="33"/>
      <c r="AA137" s="33"/>
      <c r="AB137" s="33"/>
      <c r="AC137" s="33"/>
      <c r="AD137" s="33"/>
      <c r="AE137" s="33"/>
      <c r="AF137" s="33"/>
      <c r="AG137" s="33"/>
      <c r="AH137" s="33"/>
      <c r="AI137" s="33"/>
      <c r="AJ137" s="33"/>
      <c r="AK137" s="33"/>
      <c r="AL137" s="33"/>
      <c r="AM137" s="33"/>
      <c r="AN137" s="33"/>
      <c r="AO137" s="33"/>
      <c r="AP137" s="33"/>
      <c r="AQ137" s="33"/>
      <c r="AR137" s="33"/>
      <c r="AS137" s="33"/>
      <c r="AT137" s="33"/>
      <c r="AU137" s="33"/>
      <c r="AV137" s="33"/>
      <c r="AW137" s="33"/>
      <c r="AX137" s="33"/>
      <c r="AY137" s="33"/>
      <c r="AZ137" s="58">
        <f t="shared" si="25"/>
        <v>0</v>
      </c>
      <c r="BA137" s="26" t="e">
        <f t="shared" si="26"/>
        <v>#DIV/0!</v>
      </c>
      <c r="BB137" s="27" t="str">
        <f t="shared" si="23"/>
        <v/>
      </c>
      <c r="BC137" s="27" t="str">
        <f t="shared" si="23"/>
        <v/>
      </c>
      <c r="BD137" s="27" t="str">
        <f t="shared" si="22"/>
        <v/>
      </c>
      <c r="BE137" s="27" t="str">
        <f t="shared" si="22"/>
        <v/>
      </c>
      <c r="BF137" s="27" t="str">
        <f t="shared" si="22"/>
        <v/>
      </c>
      <c r="BG137" s="27" t="str">
        <f t="shared" ref="BG137:BQ148" si="28">IF(Z137="yes",(Z$2*$BA137),"")</f>
        <v/>
      </c>
      <c r="BH137" s="27" t="str">
        <f t="shared" si="28"/>
        <v/>
      </c>
      <c r="BI137" s="27" t="str">
        <f t="shared" si="28"/>
        <v/>
      </c>
      <c r="BJ137" s="27" t="str">
        <f t="shared" si="28"/>
        <v/>
      </c>
      <c r="BK137" s="27" t="str">
        <f t="shared" si="28"/>
        <v/>
      </c>
      <c r="BL137" s="27" t="str">
        <f t="shared" si="28"/>
        <v/>
      </c>
      <c r="BM137" s="27" t="str">
        <f t="shared" si="28"/>
        <v/>
      </c>
      <c r="BN137" s="27" t="str">
        <f t="shared" si="28"/>
        <v/>
      </c>
      <c r="BO137" s="27" t="str">
        <f t="shared" si="28"/>
        <v/>
      </c>
      <c r="BP137" s="27" t="str">
        <f t="shared" si="28"/>
        <v/>
      </c>
      <c r="BQ137" s="27" t="str">
        <f t="shared" si="28"/>
        <v/>
      </c>
      <c r="BR137" s="27" t="str">
        <f t="shared" si="21"/>
        <v/>
      </c>
      <c r="BS137" s="27" t="str">
        <f t="shared" si="21"/>
        <v/>
      </c>
      <c r="BT137" s="27" t="str">
        <f t="shared" si="21"/>
        <v/>
      </c>
      <c r="BU137" s="27" t="str">
        <f t="shared" si="21"/>
        <v/>
      </c>
      <c r="BV137" s="27" t="str">
        <f t="shared" si="21"/>
        <v/>
      </c>
      <c r="BW137" s="27" t="str">
        <f t="shared" si="21"/>
        <v/>
      </c>
      <c r="BX137" s="27" t="str">
        <f t="shared" si="21"/>
        <v/>
      </c>
      <c r="BY137" s="27" t="str">
        <f t="shared" si="21"/>
        <v/>
      </c>
      <c r="BZ137" s="27" t="str">
        <f t="shared" si="21"/>
        <v/>
      </c>
      <c r="CA137" s="27" t="str">
        <f t="shared" si="21"/>
        <v/>
      </c>
      <c r="CB137" s="27" t="str">
        <f t="shared" si="27"/>
        <v/>
      </c>
      <c r="CC137" s="27" t="str">
        <f t="shared" si="27"/>
        <v/>
      </c>
      <c r="CD137" s="27" t="str">
        <f t="shared" si="27"/>
        <v/>
      </c>
      <c r="CE137" s="27" t="str">
        <f t="shared" si="27"/>
        <v/>
      </c>
      <c r="CF137" s="27" t="str">
        <f t="shared" si="27"/>
        <v/>
      </c>
      <c r="CG137" s="33"/>
      <c r="CH137" s="33"/>
      <c r="CI137" s="36"/>
    </row>
    <row r="138" spans="1:87" s="28" customFormat="1" ht="56.1" customHeight="1" x14ac:dyDescent="0.2">
      <c r="A138" s="22">
        <v>189</v>
      </c>
      <c r="B138" s="23" t="s">
        <v>53</v>
      </c>
      <c r="C138" s="35" t="s">
        <v>655</v>
      </c>
      <c r="D138" s="32" t="s">
        <v>830</v>
      </c>
      <c r="E138" s="32" t="s">
        <v>949</v>
      </c>
      <c r="F138" s="25" t="s">
        <v>950</v>
      </c>
      <c r="G138" s="32" t="s">
        <v>58</v>
      </c>
      <c r="H138" s="32" t="s">
        <v>2557</v>
      </c>
      <c r="I138" s="32"/>
      <c r="J138" s="29" t="s">
        <v>77</v>
      </c>
      <c r="K138" s="32" t="s">
        <v>722</v>
      </c>
      <c r="L138" s="26" t="s">
        <v>63</v>
      </c>
      <c r="M138" s="26" t="s">
        <v>63</v>
      </c>
      <c r="N138" s="39">
        <v>158723.02875</v>
      </c>
      <c r="O138" s="33"/>
      <c r="P138" s="33"/>
      <c r="Q138" s="43">
        <f t="shared" si="24"/>
        <v>158723.02875</v>
      </c>
      <c r="R138" s="33"/>
      <c r="S138" s="33"/>
      <c r="T138" s="33"/>
      <c r="U138" s="33"/>
      <c r="V138" s="33"/>
      <c r="W138" s="33"/>
      <c r="X138" s="33"/>
      <c r="Y138" s="33"/>
      <c r="Z138" s="33"/>
      <c r="AA138" s="33"/>
      <c r="AB138" s="33"/>
      <c r="AC138" s="33"/>
      <c r="AD138" s="33"/>
      <c r="AE138" s="33"/>
      <c r="AF138" s="33"/>
      <c r="AG138" s="33"/>
      <c r="AH138" s="33"/>
      <c r="AI138" s="33"/>
      <c r="AJ138" s="33"/>
      <c r="AK138" s="33"/>
      <c r="AL138" s="33"/>
      <c r="AM138" s="33"/>
      <c r="AN138" s="33"/>
      <c r="AO138" s="33"/>
      <c r="AP138" s="33"/>
      <c r="AQ138" s="33"/>
      <c r="AR138" s="33"/>
      <c r="AS138" s="33"/>
      <c r="AT138" s="33"/>
      <c r="AU138" s="33"/>
      <c r="AV138" s="33"/>
      <c r="AW138" s="33"/>
      <c r="AX138" s="33"/>
      <c r="AY138" s="33"/>
      <c r="AZ138" s="58">
        <f t="shared" si="25"/>
        <v>0</v>
      </c>
      <c r="BA138" s="26" t="e">
        <f t="shared" si="26"/>
        <v>#DIV/0!</v>
      </c>
      <c r="BB138" s="27" t="str">
        <f t="shared" si="23"/>
        <v/>
      </c>
      <c r="BC138" s="27" t="str">
        <f t="shared" si="23"/>
        <v/>
      </c>
      <c r="BD138" s="27" t="str">
        <f t="shared" si="23"/>
        <v/>
      </c>
      <c r="BE138" s="27" t="str">
        <f t="shared" si="23"/>
        <v/>
      </c>
      <c r="BF138" s="27" t="str">
        <f t="shared" si="23"/>
        <v/>
      </c>
      <c r="BG138" s="27" t="str">
        <f t="shared" si="28"/>
        <v/>
      </c>
      <c r="BH138" s="27" t="str">
        <f t="shared" si="28"/>
        <v/>
      </c>
      <c r="BI138" s="27" t="str">
        <f t="shared" si="28"/>
        <v/>
      </c>
      <c r="BJ138" s="27" t="str">
        <f t="shared" si="28"/>
        <v/>
      </c>
      <c r="BK138" s="27" t="str">
        <f t="shared" si="28"/>
        <v/>
      </c>
      <c r="BL138" s="27" t="str">
        <f t="shared" si="28"/>
        <v/>
      </c>
      <c r="BM138" s="27" t="str">
        <f t="shared" si="28"/>
        <v/>
      </c>
      <c r="BN138" s="27" t="str">
        <f t="shared" si="28"/>
        <v/>
      </c>
      <c r="BO138" s="27" t="str">
        <f t="shared" si="28"/>
        <v/>
      </c>
      <c r="BP138" s="27" t="str">
        <f t="shared" si="28"/>
        <v/>
      </c>
      <c r="BQ138" s="27" t="str">
        <f t="shared" si="28"/>
        <v/>
      </c>
      <c r="BR138" s="27" t="str">
        <f t="shared" si="21"/>
        <v/>
      </c>
      <c r="BS138" s="27" t="str">
        <f t="shared" si="21"/>
        <v/>
      </c>
      <c r="BT138" s="27" t="str">
        <f t="shared" si="21"/>
        <v/>
      </c>
      <c r="BU138" s="27" t="str">
        <f t="shared" si="21"/>
        <v/>
      </c>
      <c r="BV138" s="27" t="str">
        <f t="shared" si="21"/>
        <v/>
      </c>
      <c r="BW138" s="27" t="str">
        <f t="shared" si="21"/>
        <v/>
      </c>
      <c r="BX138" s="27" t="str">
        <f t="shared" si="21"/>
        <v/>
      </c>
      <c r="BY138" s="27" t="str">
        <f t="shared" si="21"/>
        <v/>
      </c>
      <c r="BZ138" s="27" t="str">
        <f t="shared" si="21"/>
        <v/>
      </c>
      <c r="CA138" s="27" t="str">
        <f t="shared" si="21"/>
        <v/>
      </c>
      <c r="CB138" s="27" t="str">
        <f t="shared" si="27"/>
        <v/>
      </c>
      <c r="CC138" s="27" t="str">
        <f t="shared" si="27"/>
        <v/>
      </c>
      <c r="CD138" s="27" t="str">
        <f t="shared" si="27"/>
        <v/>
      </c>
      <c r="CE138" s="27" t="str">
        <f t="shared" si="27"/>
        <v/>
      </c>
      <c r="CF138" s="27" t="str">
        <f t="shared" si="27"/>
        <v/>
      </c>
      <c r="CG138" s="33"/>
      <c r="CH138" s="33"/>
      <c r="CI138" s="36"/>
    </row>
    <row r="139" spans="1:87" s="28" customFormat="1" ht="47.85" customHeight="1" x14ac:dyDescent="0.2">
      <c r="A139" s="22">
        <v>190</v>
      </c>
      <c r="B139" s="23" t="s">
        <v>53</v>
      </c>
      <c r="C139" s="35" t="s">
        <v>655</v>
      </c>
      <c r="D139" s="32" t="s">
        <v>932</v>
      </c>
      <c r="E139" s="32" t="s">
        <v>952</v>
      </c>
      <c r="F139" s="25" t="s">
        <v>953</v>
      </c>
      <c r="G139" s="32" t="s">
        <v>58</v>
      </c>
      <c r="H139" s="32" t="s">
        <v>948</v>
      </c>
      <c r="I139" s="32"/>
      <c r="J139" s="29" t="s">
        <v>77</v>
      </c>
      <c r="K139" s="32" t="s">
        <v>722</v>
      </c>
      <c r="L139" s="26" t="s">
        <v>63</v>
      </c>
      <c r="M139" s="26" t="s">
        <v>63</v>
      </c>
      <c r="N139" s="39"/>
      <c r="O139" s="33"/>
      <c r="P139" s="33"/>
      <c r="Q139" s="43">
        <f t="shared" si="24"/>
        <v>0</v>
      </c>
      <c r="R139" s="33"/>
      <c r="S139" s="33"/>
      <c r="T139" s="33"/>
      <c r="U139" s="33"/>
      <c r="V139" s="33"/>
      <c r="W139" s="33"/>
      <c r="X139" s="33"/>
      <c r="Y139" s="33"/>
      <c r="Z139" s="33"/>
      <c r="AA139" s="33"/>
      <c r="AB139" s="33"/>
      <c r="AC139" s="33"/>
      <c r="AD139" s="33"/>
      <c r="AE139" s="33"/>
      <c r="AF139" s="33"/>
      <c r="AG139" s="33"/>
      <c r="AH139" s="33"/>
      <c r="AI139" s="33"/>
      <c r="AJ139" s="33"/>
      <c r="AK139" s="33"/>
      <c r="AL139" s="33"/>
      <c r="AM139" s="33"/>
      <c r="AN139" s="33"/>
      <c r="AO139" s="33"/>
      <c r="AP139" s="33"/>
      <c r="AQ139" s="33"/>
      <c r="AR139" s="33"/>
      <c r="AS139" s="33"/>
      <c r="AT139" s="33"/>
      <c r="AU139" s="33"/>
      <c r="AV139" s="33"/>
      <c r="AW139" s="33"/>
      <c r="AX139" s="33"/>
      <c r="AY139" s="33"/>
      <c r="AZ139" s="58">
        <f t="shared" si="25"/>
        <v>0</v>
      </c>
      <c r="BA139" s="26" t="e">
        <f t="shared" si="26"/>
        <v>#DIV/0!</v>
      </c>
      <c r="BB139" s="27" t="str">
        <f t="shared" si="23"/>
        <v/>
      </c>
      <c r="BC139" s="27" t="str">
        <f t="shared" si="23"/>
        <v/>
      </c>
      <c r="BD139" s="27" t="str">
        <f t="shared" si="23"/>
        <v/>
      </c>
      <c r="BE139" s="27" t="str">
        <f t="shared" si="23"/>
        <v/>
      </c>
      <c r="BF139" s="27" t="str">
        <f t="shared" si="23"/>
        <v/>
      </c>
      <c r="BG139" s="27" t="str">
        <f t="shared" si="28"/>
        <v/>
      </c>
      <c r="BH139" s="27" t="str">
        <f t="shared" si="28"/>
        <v/>
      </c>
      <c r="BI139" s="27" t="str">
        <f t="shared" si="28"/>
        <v/>
      </c>
      <c r="BJ139" s="27" t="str">
        <f t="shared" si="28"/>
        <v/>
      </c>
      <c r="BK139" s="27" t="str">
        <f t="shared" si="28"/>
        <v/>
      </c>
      <c r="BL139" s="27" t="str">
        <f t="shared" si="28"/>
        <v/>
      </c>
      <c r="BM139" s="27" t="str">
        <f t="shared" si="28"/>
        <v/>
      </c>
      <c r="BN139" s="27" t="str">
        <f t="shared" si="28"/>
        <v/>
      </c>
      <c r="BO139" s="27" t="str">
        <f t="shared" si="28"/>
        <v/>
      </c>
      <c r="BP139" s="27" t="str">
        <f t="shared" si="28"/>
        <v/>
      </c>
      <c r="BQ139" s="27" t="str">
        <f t="shared" si="28"/>
        <v/>
      </c>
      <c r="BR139" s="27" t="str">
        <f t="shared" si="21"/>
        <v/>
      </c>
      <c r="BS139" s="27" t="str">
        <f t="shared" si="21"/>
        <v/>
      </c>
      <c r="BT139" s="27" t="str">
        <f t="shared" si="21"/>
        <v/>
      </c>
      <c r="BU139" s="27" t="str">
        <f t="shared" si="21"/>
        <v/>
      </c>
      <c r="BV139" s="27" t="str">
        <f t="shared" si="21"/>
        <v/>
      </c>
      <c r="BW139" s="27" t="str">
        <f t="shared" si="21"/>
        <v/>
      </c>
      <c r="BX139" s="27" t="str">
        <f t="shared" si="21"/>
        <v/>
      </c>
      <c r="BY139" s="27" t="str">
        <f t="shared" si="21"/>
        <v/>
      </c>
      <c r="BZ139" s="27" t="str">
        <f t="shared" si="21"/>
        <v/>
      </c>
      <c r="CA139" s="27" t="str">
        <f t="shared" si="21"/>
        <v/>
      </c>
      <c r="CB139" s="27" t="str">
        <f t="shared" si="27"/>
        <v/>
      </c>
      <c r="CC139" s="27" t="str">
        <f t="shared" si="27"/>
        <v/>
      </c>
      <c r="CD139" s="27" t="str">
        <f t="shared" si="27"/>
        <v/>
      </c>
      <c r="CE139" s="27" t="str">
        <f t="shared" si="27"/>
        <v/>
      </c>
      <c r="CF139" s="27" t="str">
        <f t="shared" si="27"/>
        <v/>
      </c>
      <c r="CG139" s="33"/>
      <c r="CH139" s="33"/>
      <c r="CI139" s="36"/>
    </row>
    <row r="140" spans="1:87" s="28" customFormat="1" ht="47.85" customHeight="1" x14ac:dyDescent="0.2">
      <c r="A140" s="22">
        <v>191</v>
      </c>
      <c r="B140" s="23" t="s">
        <v>53</v>
      </c>
      <c r="C140" s="35" t="s">
        <v>655</v>
      </c>
      <c r="D140" s="32" t="s">
        <v>932</v>
      </c>
      <c r="E140" s="32" t="s">
        <v>954</v>
      </c>
      <c r="F140" s="42"/>
      <c r="G140" s="32" t="s">
        <v>58</v>
      </c>
      <c r="H140" s="32" t="s">
        <v>2558</v>
      </c>
      <c r="I140" s="32"/>
      <c r="J140" s="29" t="s">
        <v>77</v>
      </c>
      <c r="K140" s="32" t="s">
        <v>834</v>
      </c>
      <c r="L140" s="26" t="s">
        <v>63</v>
      </c>
      <c r="M140" s="26" t="s">
        <v>63</v>
      </c>
      <c r="N140" s="39">
        <v>17526.258750000001</v>
      </c>
      <c r="O140" s="33"/>
      <c r="P140" s="33"/>
      <c r="Q140" s="43">
        <f t="shared" si="24"/>
        <v>17526.258750000001</v>
      </c>
      <c r="R140" s="33"/>
      <c r="S140" s="33"/>
      <c r="T140" s="33"/>
      <c r="U140" s="33"/>
      <c r="V140" s="33"/>
      <c r="W140" s="33"/>
      <c r="X140" s="33"/>
      <c r="Y140" s="33"/>
      <c r="Z140" s="33"/>
      <c r="AA140" s="33"/>
      <c r="AB140" s="33"/>
      <c r="AC140" s="33"/>
      <c r="AD140" s="33"/>
      <c r="AE140" s="33"/>
      <c r="AF140" s="33"/>
      <c r="AG140" s="33"/>
      <c r="AH140" s="33"/>
      <c r="AI140" s="33"/>
      <c r="AJ140" s="33"/>
      <c r="AK140" s="33"/>
      <c r="AL140" s="33"/>
      <c r="AM140" s="33"/>
      <c r="AN140" s="33"/>
      <c r="AO140" s="33"/>
      <c r="AP140" s="33"/>
      <c r="AQ140" s="33"/>
      <c r="AR140" s="33"/>
      <c r="AS140" s="33"/>
      <c r="AT140" s="33"/>
      <c r="AU140" s="33"/>
      <c r="AV140" s="33"/>
      <c r="AW140" s="33"/>
      <c r="AX140" s="33"/>
      <c r="AY140" s="33"/>
      <c r="AZ140" s="58">
        <f t="shared" si="25"/>
        <v>0</v>
      </c>
      <c r="BA140" s="26" t="e">
        <f t="shared" si="26"/>
        <v>#DIV/0!</v>
      </c>
      <c r="BB140" s="27" t="str">
        <f t="shared" si="23"/>
        <v/>
      </c>
      <c r="BC140" s="27" t="str">
        <f t="shared" si="23"/>
        <v/>
      </c>
      <c r="BD140" s="27" t="str">
        <f t="shared" si="23"/>
        <v/>
      </c>
      <c r="BE140" s="27" t="str">
        <f t="shared" si="23"/>
        <v/>
      </c>
      <c r="BF140" s="27" t="str">
        <f t="shared" si="23"/>
        <v/>
      </c>
      <c r="BG140" s="27" t="str">
        <f t="shared" si="28"/>
        <v/>
      </c>
      <c r="BH140" s="27" t="str">
        <f t="shared" si="28"/>
        <v/>
      </c>
      <c r="BI140" s="27" t="str">
        <f t="shared" si="28"/>
        <v/>
      </c>
      <c r="BJ140" s="27" t="str">
        <f t="shared" si="28"/>
        <v/>
      </c>
      <c r="BK140" s="27" t="str">
        <f t="shared" si="28"/>
        <v/>
      </c>
      <c r="BL140" s="27" t="str">
        <f t="shared" si="28"/>
        <v/>
      </c>
      <c r="BM140" s="27" t="str">
        <f t="shared" si="28"/>
        <v/>
      </c>
      <c r="BN140" s="27" t="str">
        <f t="shared" si="28"/>
        <v/>
      </c>
      <c r="BO140" s="27" t="str">
        <f t="shared" si="28"/>
        <v/>
      </c>
      <c r="BP140" s="27" t="str">
        <f t="shared" si="28"/>
        <v/>
      </c>
      <c r="BQ140" s="27" t="str">
        <f t="shared" si="28"/>
        <v/>
      </c>
      <c r="BR140" s="27" t="str">
        <f t="shared" si="21"/>
        <v/>
      </c>
      <c r="BS140" s="27" t="str">
        <f t="shared" si="21"/>
        <v/>
      </c>
      <c r="BT140" s="27" t="str">
        <f t="shared" si="21"/>
        <v/>
      </c>
      <c r="BU140" s="27" t="str">
        <f t="shared" si="21"/>
        <v/>
      </c>
      <c r="BV140" s="27" t="str">
        <f t="shared" si="21"/>
        <v/>
      </c>
      <c r="BW140" s="27" t="str">
        <f t="shared" si="21"/>
        <v/>
      </c>
      <c r="BX140" s="27" t="str">
        <f t="shared" si="21"/>
        <v/>
      </c>
      <c r="BY140" s="27" t="str">
        <f t="shared" si="21"/>
        <v/>
      </c>
      <c r="BZ140" s="27" t="str">
        <f t="shared" si="21"/>
        <v/>
      </c>
      <c r="CA140" s="27" t="str">
        <f t="shared" si="21"/>
        <v/>
      </c>
      <c r="CB140" s="27" t="str">
        <f t="shared" si="27"/>
        <v/>
      </c>
      <c r="CC140" s="27" t="str">
        <f t="shared" si="27"/>
        <v/>
      </c>
      <c r="CD140" s="27" t="str">
        <f t="shared" si="27"/>
        <v/>
      </c>
      <c r="CE140" s="27" t="str">
        <f t="shared" si="27"/>
        <v/>
      </c>
      <c r="CF140" s="27" t="str">
        <f t="shared" si="27"/>
        <v/>
      </c>
      <c r="CG140" s="33"/>
      <c r="CH140" s="33"/>
      <c r="CI140" s="36"/>
    </row>
    <row r="141" spans="1:87" s="28" customFormat="1" ht="47.85" customHeight="1" x14ac:dyDescent="0.2">
      <c r="A141" s="22">
        <v>192</v>
      </c>
      <c r="B141" s="23" t="s">
        <v>53</v>
      </c>
      <c r="C141" s="35" t="s">
        <v>655</v>
      </c>
      <c r="D141" s="32" t="s">
        <v>900</v>
      </c>
      <c r="E141" s="32" t="s">
        <v>2559</v>
      </c>
      <c r="F141" s="25" t="s">
        <v>2560</v>
      </c>
      <c r="G141" s="32" t="s">
        <v>58</v>
      </c>
      <c r="H141" s="32" t="s">
        <v>2531</v>
      </c>
      <c r="I141" s="32"/>
      <c r="J141" s="29" t="s">
        <v>77</v>
      </c>
      <c r="K141" s="32" t="s">
        <v>834</v>
      </c>
      <c r="L141" s="26" t="s">
        <v>63</v>
      </c>
      <c r="M141" s="26" t="s">
        <v>63</v>
      </c>
      <c r="N141" s="39">
        <v>148005</v>
      </c>
      <c r="O141" s="33"/>
      <c r="P141" s="33"/>
      <c r="Q141" s="43">
        <f t="shared" si="24"/>
        <v>148005</v>
      </c>
      <c r="R141" s="33"/>
      <c r="S141" s="33"/>
      <c r="T141" s="33"/>
      <c r="U141" s="33"/>
      <c r="V141" s="33"/>
      <c r="W141" s="33"/>
      <c r="X141" s="33"/>
      <c r="Y141" s="33"/>
      <c r="Z141" s="33"/>
      <c r="AA141" s="33"/>
      <c r="AB141" s="33"/>
      <c r="AC141" s="33"/>
      <c r="AD141" s="33"/>
      <c r="AE141" s="33"/>
      <c r="AF141" s="33"/>
      <c r="AG141" s="33"/>
      <c r="AH141" s="33"/>
      <c r="AI141" s="33"/>
      <c r="AJ141" s="33"/>
      <c r="AK141" s="33"/>
      <c r="AL141" s="33"/>
      <c r="AM141" s="33"/>
      <c r="AN141" s="33"/>
      <c r="AO141" s="33"/>
      <c r="AP141" s="33"/>
      <c r="AQ141" s="33"/>
      <c r="AR141" s="33"/>
      <c r="AS141" s="33"/>
      <c r="AT141" s="33"/>
      <c r="AU141" s="33"/>
      <c r="AV141" s="33"/>
      <c r="AW141" s="33"/>
      <c r="AX141" s="33"/>
      <c r="AY141" s="33"/>
      <c r="AZ141" s="58">
        <f t="shared" si="25"/>
        <v>0</v>
      </c>
      <c r="BA141" s="26" t="e">
        <f t="shared" si="26"/>
        <v>#DIV/0!</v>
      </c>
      <c r="BB141" s="27" t="str">
        <f t="shared" si="23"/>
        <v/>
      </c>
      <c r="BC141" s="27" t="str">
        <f t="shared" si="23"/>
        <v/>
      </c>
      <c r="BD141" s="27" t="str">
        <f t="shared" si="23"/>
        <v/>
      </c>
      <c r="BE141" s="27" t="str">
        <f t="shared" si="23"/>
        <v/>
      </c>
      <c r="BF141" s="27" t="str">
        <f t="shared" si="23"/>
        <v/>
      </c>
      <c r="BG141" s="27" t="str">
        <f t="shared" si="28"/>
        <v/>
      </c>
      <c r="BH141" s="27" t="str">
        <f t="shared" si="28"/>
        <v/>
      </c>
      <c r="BI141" s="27" t="str">
        <f t="shared" si="28"/>
        <v/>
      </c>
      <c r="BJ141" s="27" t="str">
        <f t="shared" si="28"/>
        <v/>
      </c>
      <c r="BK141" s="27" t="str">
        <f t="shared" si="28"/>
        <v/>
      </c>
      <c r="BL141" s="27" t="str">
        <f t="shared" si="28"/>
        <v/>
      </c>
      <c r="BM141" s="27" t="str">
        <f t="shared" si="28"/>
        <v/>
      </c>
      <c r="BN141" s="27" t="str">
        <f t="shared" si="28"/>
        <v/>
      </c>
      <c r="BO141" s="27" t="str">
        <f t="shared" si="28"/>
        <v/>
      </c>
      <c r="BP141" s="27" t="str">
        <f t="shared" si="28"/>
        <v/>
      </c>
      <c r="BQ141" s="27" t="str">
        <f t="shared" si="28"/>
        <v/>
      </c>
      <c r="BR141" s="27" t="str">
        <f t="shared" si="21"/>
        <v/>
      </c>
      <c r="BS141" s="27" t="str">
        <f t="shared" si="21"/>
        <v/>
      </c>
      <c r="BT141" s="27" t="str">
        <f t="shared" si="21"/>
        <v/>
      </c>
      <c r="BU141" s="27" t="str">
        <f t="shared" si="21"/>
        <v/>
      </c>
      <c r="BV141" s="27" t="str">
        <f t="shared" si="21"/>
        <v/>
      </c>
      <c r="BW141" s="27" t="str">
        <f t="shared" si="21"/>
        <v/>
      </c>
      <c r="BX141" s="27" t="str">
        <f t="shared" si="21"/>
        <v/>
      </c>
      <c r="BY141" s="27" t="str">
        <f t="shared" si="21"/>
        <v/>
      </c>
      <c r="BZ141" s="27" t="str">
        <f t="shared" si="21"/>
        <v/>
      </c>
      <c r="CA141" s="27" t="str">
        <f t="shared" si="21"/>
        <v/>
      </c>
      <c r="CB141" s="27" t="str">
        <f t="shared" si="27"/>
        <v/>
      </c>
      <c r="CC141" s="27" t="str">
        <f t="shared" si="27"/>
        <v/>
      </c>
      <c r="CD141" s="27" t="str">
        <f t="shared" si="27"/>
        <v/>
      </c>
      <c r="CE141" s="27" t="str">
        <f t="shared" si="27"/>
        <v/>
      </c>
      <c r="CF141" s="27" t="str">
        <f t="shared" si="27"/>
        <v/>
      </c>
      <c r="CG141" s="33"/>
      <c r="CH141" s="33"/>
      <c r="CI141" s="36"/>
    </row>
    <row r="142" spans="1:87" s="28" customFormat="1" ht="47.85" customHeight="1" x14ac:dyDescent="0.2">
      <c r="A142" s="22">
        <v>193</v>
      </c>
      <c r="B142" s="23" t="s">
        <v>869</v>
      </c>
      <c r="C142" s="35" t="s">
        <v>655</v>
      </c>
      <c r="D142" s="32" t="s">
        <v>900</v>
      </c>
      <c r="E142" s="32" t="s">
        <v>957</v>
      </c>
      <c r="F142" s="25" t="s">
        <v>2561</v>
      </c>
      <c r="G142" s="32" t="s">
        <v>58</v>
      </c>
      <c r="H142" s="32" t="s">
        <v>846</v>
      </c>
      <c r="I142" s="32"/>
      <c r="J142" s="29" t="s">
        <v>77</v>
      </c>
      <c r="K142" s="32" t="s">
        <v>834</v>
      </c>
      <c r="L142" s="26" t="s">
        <v>63</v>
      </c>
      <c r="M142" s="26" t="s">
        <v>63</v>
      </c>
      <c r="N142" s="39">
        <v>1486231.77828125</v>
      </c>
      <c r="O142" s="33"/>
      <c r="P142" s="33"/>
      <c r="Q142" s="43">
        <f t="shared" si="24"/>
        <v>1486231.77828125</v>
      </c>
      <c r="R142" s="33"/>
      <c r="S142" s="33"/>
      <c r="T142" s="33"/>
      <c r="U142" s="33"/>
      <c r="V142" s="33"/>
      <c r="W142" s="33"/>
      <c r="X142" s="33"/>
      <c r="Y142" s="33"/>
      <c r="Z142" s="33"/>
      <c r="AA142" s="33"/>
      <c r="AB142" s="33"/>
      <c r="AC142" s="33"/>
      <c r="AD142" s="33"/>
      <c r="AE142" s="33"/>
      <c r="AF142" s="33"/>
      <c r="AG142" s="33"/>
      <c r="AH142" s="33"/>
      <c r="AI142" s="33"/>
      <c r="AJ142" s="33"/>
      <c r="AK142" s="33"/>
      <c r="AL142" s="33"/>
      <c r="AM142" s="33"/>
      <c r="AN142" s="33"/>
      <c r="AO142" s="33"/>
      <c r="AP142" s="33"/>
      <c r="AQ142" s="33"/>
      <c r="AR142" s="33"/>
      <c r="AS142" s="33"/>
      <c r="AT142" s="33"/>
      <c r="AU142" s="33"/>
      <c r="AV142" s="33"/>
      <c r="AW142" s="33"/>
      <c r="AX142" s="33"/>
      <c r="AY142" s="33"/>
      <c r="AZ142" s="58">
        <f t="shared" si="25"/>
        <v>0</v>
      </c>
      <c r="BA142" s="26" t="e">
        <f t="shared" si="26"/>
        <v>#DIV/0!</v>
      </c>
      <c r="BB142" s="27" t="str">
        <f t="shared" si="23"/>
        <v/>
      </c>
      <c r="BC142" s="27" t="str">
        <f t="shared" si="23"/>
        <v/>
      </c>
      <c r="BD142" s="27" t="str">
        <f t="shared" si="23"/>
        <v/>
      </c>
      <c r="BE142" s="27" t="str">
        <f t="shared" si="23"/>
        <v/>
      </c>
      <c r="BF142" s="27" t="str">
        <f t="shared" si="23"/>
        <v/>
      </c>
      <c r="BG142" s="27" t="str">
        <f t="shared" si="28"/>
        <v/>
      </c>
      <c r="BH142" s="27" t="str">
        <f t="shared" si="28"/>
        <v/>
      </c>
      <c r="BI142" s="27" t="str">
        <f t="shared" si="28"/>
        <v/>
      </c>
      <c r="BJ142" s="27" t="str">
        <f t="shared" si="28"/>
        <v/>
      </c>
      <c r="BK142" s="27" t="str">
        <f t="shared" si="28"/>
        <v/>
      </c>
      <c r="BL142" s="27" t="str">
        <f t="shared" si="28"/>
        <v/>
      </c>
      <c r="BM142" s="27" t="str">
        <f t="shared" si="28"/>
        <v/>
      </c>
      <c r="BN142" s="27" t="str">
        <f t="shared" si="28"/>
        <v/>
      </c>
      <c r="BO142" s="27" t="str">
        <f t="shared" si="28"/>
        <v/>
      </c>
      <c r="BP142" s="27" t="str">
        <f t="shared" si="28"/>
        <v/>
      </c>
      <c r="BQ142" s="27" t="str">
        <f t="shared" si="28"/>
        <v/>
      </c>
      <c r="BR142" s="27" t="str">
        <f t="shared" si="21"/>
        <v/>
      </c>
      <c r="BS142" s="27" t="str">
        <f t="shared" si="21"/>
        <v/>
      </c>
      <c r="BT142" s="27" t="str">
        <f t="shared" si="21"/>
        <v/>
      </c>
      <c r="BU142" s="27" t="str">
        <f t="shared" si="21"/>
        <v/>
      </c>
      <c r="BV142" s="27" t="str">
        <f t="shared" si="21"/>
        <v/>
      </c>
      <c r="BW142" s="27" t="str">
        <f t="shared" si="21"/>
        <v/>
      </c>
      <c r="BX142" s="27" t="str">
        <f t="shared" si="21"/>
        <v/>
      </c>
      <c r="BY142" s="27" t="str">
        <f t="shared" si="21"/>
        <v/>
      </c>
      <c r="BZ142" s="27" t="str">
        <f t="shared" si="21"/>
        <v/>
      </c>
      <c r="CA142" s="27" t="str">
        <f t="shared" si="21"/>
        <v/>
      </c>
      <c r="CB142" s="27" t="str">
        <f t="shared" si="27"/>
        <v/>
      </c>
      <c r="CC142" s="27" t="str">
        <f t="shared" si="27"/>
        <v/>
      </c>
      <c r="CD142" s="27" t="str">
        <f t="shared" si="27"/>
        <v/>
      </c>
      <c r="CE142" s="27" t="str">
        <f t="shared" si="27"/>
        <v/>
      </c>
      <c r="CF142" s="27" t="str">
        <f t="shared" si="27"/>
        <v/>
      </c>
      <c r="CG142" s="33"/>
      <c r="CH142" s="33"/>
      <c r="CI142" s="36"/>
    </row>
    <row r="143" spans="1:87" s="28" customFormat="1" ht="47.85" customHeight="1" x14ac:dyDescent="0.2">
      <c r="A143" s="22">
        <v>194</v>
      </c>
      <c r="B143" s="23" t="s">
        <v>912</v>
      </c>
      <c r="C143" s="35" t="s">
        <v>655</v>
      </c>
      <c r="D143" s="32" t="s">
        <v>870</v>
      </c>
      <c r="E143" s="32" t="s">
        <v>959</v>
      </c>
      <c r="F143" s="25" t="s">
        <v>960</v>
      </c>
      <c r="G143" s="32" t="s">
        <v>58</v>
      </c>
      <c r="H143" s="32" t="s">
        <v>2531</v>
      </c>
      <c r="I143" s="32"/>
      <c r="J143" s="29" t="s">
        <v>77</v>
      </c>
      <c r="K143" s="32" t="s">
        <v>722</v>
      </c>
      <c r="L143" s="26" t="s">
        <v>63</v>
      </c>
      <c r="M143" s="26" t="s">
        <v>63</v>
      </c>
      <c r="N143" s="39"/>
      <c r="O143" s="33"/>
      <c r="P143" s="33"/>
      <c r="Q143" s="43">
        <f t="shared" si="24"/>
        <v>0</v>
      </c>
      <c r="R143" s="33"/>
      <c r="S143" s="33"/>
      <c r="T143" s="33"/>
      <c r="U143" s="33"/>
      <c r="V143" s="33"/>
      <c r="W143" s="33"/>
      <c r="X143" s="33"/>
      <c r="Y143" s="33"/>
      <c r="Z143" s="33"/>
      <c r="AA143" s="33"/>
      <c r="AB143" s="33"/>
      <c r="AC143" s="33"/>
      <c r="AD143" s="33"/>
      <c r="AE143" s="33"/>
      <c r="AF143" s="33"/>
      <c r="AG143" s="33"/>
      <c r="AH143" s="33"/>
      <c r="AI143" s="33"/>
      <c r="AJ143" s="33"/>
      <c r="AK143" s="33"/>
      <c r="AL143" s="33"/>
      <c r="AM143" s="33"/>
      <c r="AN143" s="33"/>
      <c r="AO143" s="33"/>
      <c r="AP143" s="33"/>
      <c r="AQ143" s="33"/>
      <c r="AR143" s="33"/>
      <c r="AS143" s="33"/>
      <c r="AT143" s="33"/>
      <c r="AU143" s="33"/>
      <c r="AV143" s="33"/>
      <c r="AW143" s="33"/>
      <c r="AX143" s="33"/>
      <c r="AY143" s="33"/>
      <c r="AZ143" s="58">
        <f t="shared" si="25"/>
        <v>0</v>
      </c>
      <c r="BA143" s="26" t="e">
        <f t="shared" si="26"/>
        <v>#DIV/0!</v>
      </c>
      <c r="BB143" s="27" t="str">
        <f t="shared" si="23"/>
        <v/>
      </c>
      <c r="BC143" s="27" t="str">
        <f t="shared" si="23"/>
        <v/>
      </c>
      <c r="BD143" s="27" t="str">
        <f t="shared" si="23"/>
        <v/>
      </c>
      <c r="BE143" s="27" t="str">
        <f t="shared" si="23"/>
        <v/>
      </c>
      <c r="BF143" s="27" t="str">
        <f t="shared" si="23"/>
        <v/>
      </c>
      <c r="BG143" s="27" t="str">
        <f t="shared" si="28"/>
        <v/>
      </c>
      <c r="BH143" s="27" t="str">
        <f t="shared" si="28"/>
        <v/>
      </c>
      <c r="BI143" s="27" t="str">
        <f t="shared" si="28"/>
        <v/>
      </c>
      <c r="BJ143" s="27" t="str">
        <f t="shared" si="28"/>
        <v/>
      </c>
      <c r="BK143" s="27" t="str">
        <f t="shared" si="28"/>
        <v/>
      </c>
      <c r="BL143" s="27" t="str">
        <f t="shared" si="28"/>
        <v/>
      </c>
      <c r="BM143" s="27" t="str">
        <f t="shared" si="28"/>
        <v/>
      </c>
      <c r="BN143" s="27" t="str">
        <f t="shared" si="28"/>
        <v/>
      </c>
      <c r="BO143" s="27" t="str">
        <f t="shared" si="28"/>
        <v/>
      </c>
      <c r="BP143" s="27" t="str">
        <f t="shared" si="28"/>
        <v/>
      </c>
      <c r="BQ143" s="27" t="str">
        <f t="shared" si="28"/>
        <v/>
      </c>
      <c r="BR143" s="27" t="str">
        <f t="shared" si="21"/>
        <v/>
      </c>
      <c r="BS143" s="27" t="str">
        <f t="shared" si="21"/>
        <v/>
      </c>
      <c r="BT143" s="27" t="str">
        <f t="shared" si="21"/>
        <v/>
      </c>
      <c r="BU143" s="27" t="str">
        <f t="shared" si="21"/>
        <v/>
      </c>
      <c r="BV143" s="27" t="str">
        <f t="shared" si="21"/>
        <v/>
      </c>
      <c r="BW143" s="27" t="str">
        <f t="shared" si="21"/>
        <v/>
      </c>
      <c r="BX143" s="27" t="str">
        <f t="shared" si="21"/>
        <v/>
      </c>
      <c r="BY143" s="27" t="str">
        <f t="shared" si="21"/>
        <v/>
      </c>
      <c r="BZ143" s="27" t="str">
        <f t="shared" si="21"/>
        <v/>
      </c>
      <c r="CA143" s="27" t="str">
        <f t="shared" si="21"/>
        <v/>
      </c>
      <c r="CB143" s="27" t="str">
        <f t="shared" si="27"/>
        <v/>
      </c>
      <c r="CC143" s="27" t="str">
        <f t="shared" si="27"/>
        <v/>
      </c>
      <c r="CD143" s="27" t="str">
        <f t="shared" si="27"/>
        <v/>
      </c>
      <c r="CE143" s="27" t="str">
        <f t="shared" si="27"/>
        <v/>
      </c>
      <c r="CF143" s="27" t="str">
        <f t="shared" si="27"/>
        <v/>
      </c>
      <c r="CG143" s="33"/>
      <c r="CH143" s="33"/>
      <c r="CI143" s="36"/>
    </row>
    <row r="144" spans="1:87" s="28" customFormat="1" ht="47.85" customHeight="1" x14ac:dyDescent="0.2">
      <c r="A144" s="22">
        <v>195</v>
      </c>
      <c r="B144" s="23" t="s">
        <v>912</v>
      </c>
      <c r="C144" s="35" t="s">
        <v>655</v>
      </c>
      <c r="D144" s="32" t="s">
        <v>870</v>
      </c>
      <c r="E144" s="32" t="s">
        <v>961</v>
      </c>
      <c r="F144" s="25" t="s">
        <v>962</v>
      </c>
      <c r="G144" s="32" t="s">
        <v>58</v>
      </c>
      <c r="H144" s="32" t="s">
        <v>2531</v>
      </c>
      <c r="I144" s="32"/>
      <c r="J144" s="29" t="s">
        <v>77</v>
      </c>
      <c r="K144" s="32" t="s">
        <v>722</v>
      </c>
      <c r="L144" s="26" t="s">
        <v>63</v>
      </c>
      <c r="M144" s="26" t="s">
        <v>63</v>
      </c>
      <c r="N144" s="39"/>
      <c r="O144" s="33"/>
      <c r="P144" s="33"/>
      <c r="Q144" s="43">
        <f t="shared" si="24"/>
        <v>0</v>
      </c>
      <c r="R144" s="33"/>
      <c r="S144" s="33"/>
      <c r="T144" s="33"/>
      <c r="U144" s="33"/>
      <c r="V144" s="33"/>
      <c r="W144" s="33"/>
      <c r="X144" s="33"/>
      <c r="Y144" s="33"/>
      <c r="Z144" s="33"/>
      <c r="AA144" s="33"/>
      <c r="AB144" s="33"/>
      <c r="AC144" s="33"/>
      <c r="AD144" s="33"/>
      <c r="AE144" s="33"/>
      <c r="AF144" s="33"/>
      <c r="AG144" s="33"/>
      <c r="AH144" s="33"/>
      <c r="AI144" s="33"/>
      <c r="AJ144" s="33"/>
      <c r="AK144" s="33"/>
      <c r="AL144" s="33"/>
      <c r="AM144" s="33"/>
      <c r="AN144" s="33"/>
      <c r="AO144" s="33"/>
      <c r="AP144" s="33"/>
      <c r="AQ144" s="33"/>
      <c r="AR144" s="33"/>
      <c r="AS144" s="33"/>
      <c r="AT144" s="33"/>
      <c r="AU144" s="33"/>
      <c r="AV144" s="33"/>
      <c r="AW144" s="33"/>
      <c r="AX144" s="33"/>
      <c r="AY144" s="33"/>
      <c r="AZ144" s="58">
        <f t="shared" si="25"/>
        <v>0</v>
      </c>
      <c r="BA144" s="26" t="e">
        <f t="shared" si="26"/>
        <v>#DIV/0!</v>
      </c>
      <c r="BB144" s="27" t="str">
        <f t="shared" si="23"/>
        <v/>
      </c>
      <c r="BC144" s="27" t="str">
        <f t="shared" si="23"/>
        <v/>
      </c>
      <c r="BD144" s="27" t="str">
        <f t="shared" si="23"/>
        <v/>
      </c>
      <c r="BE144" s="27" t="str">
        <f t="shared" si="23"/>
        <v/>
      </c>
      <c r="BF144" s="27" t="str">
        <f t="shared" si="23"/>
        <v/>
      </c>
      <c r="BG144" s="27" t="str">
        <f t="shared" si="28"/>
        <v/>
      </c>
      <c r="BH144" s="27" t="str">
        <f t="shared" si="28"/>
        <v/>
      </c>
      <c r="BI144" s="27" t="str">
        <f t="shared" si="28"/>
        <v/>
      </c>
      <c r="BJ144" s="27" t="str">
        <f t="shared" si="28"/>
        <v/>
      </c>
      <c r="BK144" s="27" t="str">
        <f t="shared" si="28"/>
        <v/>
      </c>
      <c r="BL144" s="27" t="str">
        <f t="shared" si="28"/>
        <v/>
      </c>
      <c r="BM144" s="27" t="str">
        <f t="shared" si="28"/>
        <v/>
      </c>
      <c r="BN144" s="27" t="str">
        <f t="shared" si="28"/>
        <v/>
      </c>
      <c r="BO144" s="27" t="str">
        <f t="shared" si="28"/>
        <v/>
      </c>
      <c r="BP144" s="27" t="str">
        <f t="shared" si="28"/>
        <v/>
      </c>
      <c r="BQ144" s="27" t="str">
        <f t="shared" si="28"/>
        <v/>
      </c>
      <c r="BR144" s="27" t="str">
        <f t="shared" si="21"/>
        <v/>
      </c>
      <c r="BS144" s="27" t="str">
        <f t="shared" si="21"/>
        <v/>
      </c>
      <c r="BT144" s="27" t="str">
        <f t="shared" si="21"/>
        <v/>
      </c>
      <c r="BU144" s="27" t="str">
        <f t="shared" si="21"/>
        <v/>
      </c>
      <c r="BV144" s="27" t="str">
        <f t="shared" si="21"/>
        <v/>
      </c>
      <c r="BW144" s="27" t="str">
        <f t="shared" si="21"/>
        <v/>
      </c>
      <c r="BX144" s="27" t="str">
        <f t="shared" si="21"/>
        <v/>
      </c>
      <c r="BY144" s="27" t="str">
        <f t="shared" si="21"/>
        <v/>
      </c>
      <c r="BZ144" s="27" t="str">
        <f t="shared" si="21"/>
        <v/>
      </c>
      <c r="CA144" s="27" t="str">
        <f t="shared" si="21"/>
        <v/>
      </c>
      <c r="CB144" s="27" t="str">
        <f t="shared" si="27"/>
        <v/>
      </c>
      <c r="CC144" s="27" t="str">
        <f t="shared" si="27"/>
        <v/>
      </c>
      <c r="CD144" s="27" t="str">
        <f t="shared" si="27"/>
        <v/>
      </c>
      <c r="CE144" s="27" t="str">
        <f t="shared" si="27"/>
        <v/>
      </c>
      <c r="CF144" s="27" t="str">
        <f t="shared" si="27"/>
        <v/>
      </c>
      <c r="CG144" s="33"/>
      <c r="CH144" s="33"/>
      <c r="CI144" s="36"/>
    </row>
    <row r="145" spans="1:87" s="28" customFormat="1" ht="47.85" customHeight="1" x14ac:dyDescent="0.2">
      <c r="A145" s="22">
        <v>196</v>
      </c>
      <c r="B145" s="23" t="s">
        <v>53</v>
      </c>
      <c r="C145" s="35" t="s">
        <v>655</v>
      </c>
      <c r="D145" s="32" t="s">
        <v>932</v>
      </c>
      <c r="E145" s="32" t="s">
        <v>2562</v>
      </c>
      <c r="F145" s="42"/>
      <c r="G145" s="32" t="s">
        <v>58</v>
      </c>
      <c r="H145" s="32" t="s">
        <v>59</v>
      </c>
      <c r="I145" s="32"/>
      <c r="J145" s="29" t="s">
        <v>77</v>
      </c>
      <c r="K145" s="32" t="s">
        <v>834</v>
      </c>
      <c r="L145" s="26" t="s">
        <v>63</v>
      </c>
      <c r="M145" s="26" t="s">
        <v>63</v>
      </c>
      <c r="N145" s="39">
        <v>1062347</v>
      </c>
      <c r="O145" s="33"/>
      <c r="P145" s="33"/>
      <c r="Q145" s="43">
        <f t="shared" si="24"/>
        <v>1062347</v>
      </c>
      <c r="R145" s="33"/>
      <c r="S145" s="33"/>
      <c r="T145" s="33"/>
      <c r="U145" s="33"/>
      <c r="V145" s="33"/>
      <c r="W145" s="33"/>
      <c r="X145" s="33"/>
      <c r="Y145" s="33"/>
      <c r="Z145" s="33"/>
      <c r="AA145" s="33"/>
      <c r="AB145" s="33"/>
      <c r="AC145" s="33"/>
      <c r="AD145" s="33"/>
      <c r="AE145" s="33"/>
      <c r="AF145" s="33"/>
      <c r="AG145" s="33"/>
      <c r="AH145" s="33"/>
      <c r="AI145" s="33"/>
      <c r="AJ145" s="33"/>
      <c r="AK145" s="33"/>
      <c r="AL145" s="33"/>
      <c r="AM145" s="33"/>
      <c r="AN145" s="33"/>
      <c r="AO145" s="33"/>
      <c r="AP145" s="33"/>
      <c r="AQ145" s="33"/>
      <c r="AR145" s="33"/>
      <c r="AS145" s="33"/>
      <c r="AT145" s="33"/>
      <c r="AU145" s="33"/>
      <c r="AV145" s="33"/>
      <c r="AW145" s="33"/>
      <c r="AX145" s="33"/>
      <c r="AY145" s="33"/>
      <c r="AZ145" s="58">
        <f t="shared" si="25"/>
        <v>0</v>
      </c>
      <c r="BA145" s="26" t="e">
        <f t="shared" si="26"/>
        <v>#DIV/0!</v>
      </c>
      <c r="BB145" s="27" t="str">
        <f t="shared" si="23"/>
        <v/>
      </c>
      <c r="BC145" s="27" t="str">
        <f t="shared" si="23"/>
        <v/>
      </c>
      <c r="BD145" s="27" t="str">
        <f t="shared" si="23"/>
        <v/>
      </c>
      <c r="BE145" s="27" t="str">
        <f t="shared" si="23"/>
        <v/>
      </c>
      <c r="BF145" s="27" t="str">
        <f t="shared" si="23"/>
        <v/>
      </c>
      <c r="BG145" s="27" t="str">
        <f t="shared" si="28"/>
        <v/>
      </c>
      <c r="BH145" s="27" t="str">
        <f t="shared" si="28"/>
        <v/>
      </c>
      <c r="BI145" s="27" t="str">
        <f t="shared" si="28"/>
        <v/>
      </c>
      <c r="BJ145" s="27" t="str">
        <f t="shared" si="28"/>
        <v/>
      </c>
      <c r="BK145" s="27" t="str">
        <f t="shared" si="28"/>
        <v/>
      </c>
      <c r="BL145" s="27" t="str">
        <f t="shared" si="28"/>
        <v/>
      </c>
      <c r="BM145" s="27" t="str">
        <f t="shared" si="28"/>
        <v/>
      </c>
      <c r="BN145" s="27" t="str">
        <f t="shared" si="28"/>
        <v/>
      </c>
      <c r="BO145" s="27" t="str">
        <f t="shared" si="28"/>
        <v/>
      </c>
      <c r="BP145" s="27" t="str">
        <f t="shared" si="28"/>
        <v/>
      </c>
      <c r="BQ145" s="27" t="str">
        <f t="shared" si="28"/>
        <v/>
      </c>
      <c r="BR145" s="27" t="str">
        <f t="shared" si="21"/>
        <v/>
      </c>
      <c r="BS145" s="27" t="str">
        <f t="shared" si="21"/>
        <v/>
      </c>
      <c r="BT145" s="27" t="str">
        <f t="shared" si="21"/>
        <v/>
      </c>
      <c r="BU145" s="27" t="str">
        <f t="shared" si="21"/>
        <v/>
      </c>
      <c r="BV145" s="27" t="str">
        <f t="shared" si="21"/>
        <v/>
      </c>
      <c r="BW145" s="27" t="str">
        <f t="shared" si="21"/>
        <v/>
      </c>
      <c r="BX145" s="27" t="str">
        <f t="shared" si="21"/>
        <v/>
      </c>
      <c r="BY145" s="27" t="str">
        <f t="shared" si="21"/>
        <v/>
      </c>
      <c r="BZ145" s="27" t="str">
        <f t="shared" si="21"/>
        <v/>
      </c>
      <c r="CA145" s="27" t="str">
        <f t="shared" si="21"/>
        <v/>
      </c>
      <c r="CB145" s="27" t="str">
        <f t="shared" si="27"/>
        <v/>
      </c>
      <c r="CC145" s="27" t="str">
        <f t="shared" si="27"/>
        <v/>
      </c>
      <c r="CD145" s="27" t="str">
        <f t="shared" si="27"/>
        <v/>
      </c>
      <c r="CE145" s="27" t="str">
        <f t="shared" si="27"/>
        <v/>
      </c>
      <c r="CF145" s="27" t="str">
        <f t="shared" si="27"/>
        <v/>
      </c>
      <c r="CG145" s="33"/>
      <c r="CH145" s="33"/>
      <c r="CI145" s="36"/>
    </row>
    <row r="146" spans="1:87" s="28" customFormat="1" ht="47.85" customHeight="1" x14ac:dyDescent="0.2">
      <c r="A146" s="22">
        <v>197</v>
      </c>
      <c r="B146" s="23" t="s">
        <v>912</v>
      </c>
      <c r="C146" s="35" t="s">
        <v>655</v>
      </c>
      <c r="D146" s="32" t="s">
        <v>870</v>
      </c>
      <c r="E146" s="32" t="s">
        <v>965</v>
      </c>
      <c r="F146" s="25" t="s">
        <v>2563</v>
      </c>
      <c r="G146" s="32" t="s">
        <v>58</v>
      </c>
      <c r="H146" s="32" t="s">
        <v>2531</v>
      </c>
      <c r="I146" s="32"/>
      <c r="J146" s="29" t="s">
        <v>77</v>
      </c>
      <c r="K146" s="32" t="s">
        <v>722</v>
      </c>
      <c r="L146" s="26" t="s">
        <v>63</v>
      </c>
      <c r="M146" s="26" t="s">
        <v>63</v>
      </c>
      <c r="N146" s="39"/>
      <c r="O146" s="33"/>
      <c r="P146" s="33"/>
      <c r="Q146" s="43">
        <f t="shared" si="24"/>
        <v>0</v>
      </c>
      <c r="R146" s="33"/>
      <c r="S146" s="33"/>
      <c r="T146" s="33"/>
      <c r="U146" s="33"/>
      <c r="V146" s="33"/>
      <c r="W146" s="33"/>
      <c r="X146" s="33"/>
      <c r="Y146" s="33"/>
      <c r="Z146" s="33"/>
      <c r="AA146" s="33"/>
      <c r="AB146" s="33"/>
      <c r="AC146" s="33"/>
      <c r="AD146" s="33"/>
      <c r="AE146" s="33"/>
      <c r="AF146" s="33"/>
      <c r="AG146" s="33"/>
      <c r="AH146" s="33"/>
      <c r="AI146" s="33"/>
      <c r="AJ146" s="33"/>
      <c r="AK146" s="33"/>
      <c r="AL146" s="33"/>
      <c r="AM146" s="33"/>
      <c r="AN146" s="33"/>
      <c r="AO146" s="33"/>
      <c r="AP146" s="33"/>
      <c r="AQ146" s="33"/>
      <c r="AR146" s="33"/>
      <c r="AS146" s="33"/>
      <c r="AT146" s="33"/>
      <c r="AU146" s="33"/>
      <c r="AV146" s="33"/>
      <c r="AW146" s="33"/>
      <c r="AX146" s="33"/>
      <c r="AY146" s="33"/>
      <c r="AZ146" s="58">
        <f t="shared" si="25"/>
        <v>0</v>
      </c>
      <c r="BA146" s="26" t="e">
        <f t="shared" si="26"/>
        <v>#DIV/0!</v>
      </c>
      <c r="BB146" s="27" t="str">
        <f t="shared" si="23"/>
        <v/>
      </c>
      <c r="BC146" s="27" t="str">
        <f t="shared" si="23"/>
        <v/>
      </c>
      <c r="BD146" s="27" t="str">
        <f t="shared" si="23"/>
        <v/>
      </c>
      <c r="BE146" s="27" t="str">
        <f t="shared" si="23"/>
        <v/>
      </c>
      <c r="BF146" s="27" t="str">
        <f t="shared" si="23"/>
        <v/>
      </c>
      <c r="BG146" s="27" t="str">
        <f t="shared" si="28"/>
        <v/>
      </c>
      <c r="BH146" s="27" t="str">
        <f t="shared" si="28"/>
        <v/>
      </c>
      <c r="BI146" s="27" t="str">
        <f t="shared" si="28"/>
        <v/>
      </c>
      <c r="BJ146" s="27" t="str">
        <f t="shared" si="28"/>
        <v/>
      </c>
      <c r="BK146" s="27" t="str">
        <f t="shared" si="28"/>
        <v/>
      </c>
      <c r="BL146" s="27" t="str">
        <f t="shared" si="28"/>
        <v/>
      </c>
      <c r="BM146" s="27" t="str">
        <f t="shared" si="28"/>
        <v/>
      </c>
      <c r="BN146" s="27" t="str">
        <f t="shared" si="28"/>
        <v/>
      </c>
      <c r="BO146" s="27" t="str">
        <f t="shared" si="28"/>
        <v/>
      </c>
      <c r="BP146" s="27" t="str">
        <f t="shared" si="28"/>
        <v/>
      </c>
      <c r="BQ146" s="27" t="str">
        <f t="shared" si="28"/>
        <v/>
      </c>
      <c r="BR146" s="27" t="str">
        <f t="shared" si="21"/>
        <v/>
      </c>
      <c r="BS146" s="27" t="str">
        <f t="shared" si="21"/>
        <v/>
      </c>
      <c r="BT146" s="27" t="str">
        <f t="shared" si="21"/>
        <v/>
      </c>
      <c r="BU146" s="27" t="str">
        <f t="shared" si="21"/>
        <v/>
      </c>
      <c r="BV146" s="27" t="str">
        <f t="shared" si="21"/>
        <v/>
      </c>
      <c r="BW146" s="27" t="str">
        <f t="shared" si="21"/>
        <v/>
      </c>
      <c r="BX146" s="27" t="str">
        <f t="shared" si="21"/>
        <v/>
      </c>
      <c r="BY146" s="27" t="str">
        <f t="shared" si="21"/>
        <v/>
      </c>
      <c r="BZ146" s="27" t="str">
        <f t="shared" si="21"/>
        <v/>
      </c>
      <c r="CA146" s="27" t="str">
        <f t="shared" si="21"/>
        <v/>
      </c>
      <c r="CB146" s="27" t="str">
        <f t="shared" si="27"/>
        <v/>
      </c>
      <c r="CC146" s="27" t="str">
        <f t="shared" si="27"/>
        <v/>
      </c>
      <c r="CD146" s="27" t="str">
        <f t="shared" si="27"/>
        <v/>
      </c>
      <c r="CE146" s="27" t="str">
        <f t="shared" si="27"/>
        <v/>
      </c>
      <c r="CF146" s="27" t="str">
        <f t="shared" si="27"/>
        <v/>
      </c>
      <c r="CG146" s="33"/>
      <c r="CH146" s="33"/>
      <c r="CI146" s="36"/>
    </row>
    <row r="147" spans="1:87" s="28" customFormat="1" ht="47.85" customHeight="1" x14ac:dyDescent="0.2">
      <c r="A147" s="22">
        <v>198</v>
      </c>
      <c r="B147" s="23" t="s">
        <v>53</v>
      </c>
      <c r="C147" s="35" t="s">
        <v>655</v>
      </c>
      <c r="D147" s="32" t="s">
        <v>900</v>
      </c>
      <c r="E147" s="32" t="s">
        <v>967</v>
      </c>
      <c r="F147" s="25" t="s">
        <v>968</v>
      </c>
      <c r="G147" s="32" t="s">
        <v>58</v>
      </c>
      <c r="H147" s="32" t="s">
        <v>2531</v>
      </c>
      <c r="I147" s="32"/>
      <c r="J147" s="29" t="s">
        <v>77</v>
      </c>
      <c r="K147" s="32" t="s">
        <v>722</v>
      </c>
      <c r="L147" s="26" t="s">
        <v>63</v>
      </c>
      <c r="M147" s="26" t="s">
        <v>63</v>
      </c>
      <c r="N147" s="39"/>
      <c r="O147" s="33"/>
      <c r="P147" s="33"/>
      <c r="Q147" s="43">
        <f t="shared" si="24"/>
        <v>0</v>
      </c>
      <c r="R147" s="33"/>
      <c r="S147" s="33"/>
      <c r="T147" s="33"/>
      <c r="U147" s="33"/>
      <c r="V147" s="33"/>
      <c r="W147" s="33"/>
      <c r="X147" s="33"/>
      <c r="Y147" s="33"/>
      <c r="Z147" s="33"/>
      <c r="AA147" s="33"/>
      <c r="AB147" s="33"/>
      <c r="AC147" s="33"/>
      <c r="AD147" s="33"/>
      <c r="AE147" s="33"/>
      <c r="AF147" s="33"/>
      <c r="AG147" s="33"/>
      <c r="AH147" s="33"/>
      <c r="AI147" s="33"/>
      <c r="AJ147" s="33"/>
      <c r="AK147" s="33"/>
      <c r="AL147" s="33"/>
      <c r="AM147" s="33"/>
      <c r="AN147" s="33"/>
      <c r="AO147" s="33"/>
      <c r="AP147" s="33"/>
      <c r="AQ147" s="33"/>
      <c r="AR147" s="33"/>
      <c r="AS147" s="33"/>
      <c r="AT147" s="33"/>
      <c r="AU147" s="33"/>
      <c r="AV147" s="33"/>
      <c r="AW147" s="33"/>
      <c r="AX147" s="33"/>
      <c r="AY147" s="33"/>
      <c r="AZ147" s="58">
        <f t="shared" si="25"/>
        <v>0</v>
      </c>
      <c r="BA147" s="26" t="e">
        <f t="shared" si="26"/>
        <v>#DIV/0!</v>
      </c>
      <c r="BB147" s="27" t="str">
        <f t="shared" si="23"/>
        <v/>
      </c>
      <c r="BC147" s="27" t="str">
        <f t="shared" si="23"/>
        <v/>
      </c>
      <c r="BD147" s="27" t="str">
        <f t="shared" si="23"/>
        <v/>
      </c>
      <c r="BE147" s="27" t="str">
        <f t="shared" si="23"/>
        <v/>
      </c>
      <c r="BF147" s="27" t="str">
        <f t="shared" si="23"/>
        <v/>
      </c>
      <c r="BG147" s="27" t="str">
        <f t="shared" si="28"/>
        <v/>
      </c>
      <c r="BH147" s="27" t="str">
        <f t="shared" si="28"/>
        <v/>
      </c>
      <c r="BI147" s="27" t="str">
        <f t="shared" si="28"/>
        <v/>
      </c>
      <c r="BJ147" s="27" t="str">
        <f t="shared" si="28"/>
        <v/>
      </c>
      <c r="BK147" s="27" t="str">
        <f t="shared" si="28"/>
        <v/>
      </c>
      <c r="BL147" s="27" t="str">
        <f t="shared" si="28"/>
        <v/>
      </c>
      <c r="BM147" s="27" t="str">
        <f t="shared" si="28"/>
        <v/>
      </c>
      <c r="BN147" s="27" t="str">
        <f t="shared" si="28"/>
        <v/>
      </c>
      <c r="BO147" s="27" t="str">
        <f t="shared" si="28"/>
        <v/>
      </c>
      <c r="BP147" s="27" t="str">
        <f t="shared" si="28"/>
        <v/>
      </c>
      <c r="BQ147" s="27" t="str">
        <f t="shared" si="28"/>
        <v/>
      </c>
      <c r="BR147" s="27" t="str">
        <f t="shared" si="21"/>
        <v/>
      </c>
      <c r="BS147" s="27" t="str">
        <f t="shared" si="21"/>
        <v/>
      </c>
      <c r="BT147" s="27" t="str">
        <f t="shared" si="21"/>
        <v/>
      </c>
      <c r="BU147" s="27" t="str">
        <f t="shared" si="21"/>
        <v/>
      </c>
      <c r="BV147" s="27" t="str">
        <f t="shared" si="21"/>
        <v/>
      </c>
      <c r="BW147" s="27" t="str">
        <f t="shared" si="21"/>
        <v/>
      </c>
      <c r="BX147" s="27" t="str">
        <f t="shared" si="21"/>
        <v/>
      </c>
      <c r="BY147" s="27" t="str">
        <f t="shared" si="21"/>
        <v/>
      </c>
      <c r="BZ147" s="27" t="str">
        <f t="shared" si="21"/>
        <v/>
      </c>
      <c r="CA147" s="27" t="str">
        <f t="shared" si="21"/>
        <v/>
      </c>
      <c r="CB147" s="27" t="str">
        <f t="shared" si="27"/>
        <v/>
      </c>
      <c r="CC147" s="27" t="str">
        <f t="shared" si="27"/>
        <v/>
      </c>
      <c r="CD147" s="27" t="str">
        <f t="shared" si="27"/>
        <v/>
      </c>
      <c r="CE147" s="27" t="str">
        <f t="shared" si="27"/>
        <v/>
      </c>
      <c r="CF147" s="27" t="str">
        <f t="shared" si="27"/>
        <v/>
      </c>
      <c r="CG147" s="33"/>
      <c r="CH147" s="33"/>
      <c r="CI147" s="36"/>
    </row>
    <row r="148" spans="1:87" s="28" customFormat="1" ht="47.85" customHeight="1" x14ac:dyDescent="0.2">
      <c r="A148" s="22">
        <v>199</v>
      </c>
      <c r="B148" s="23" t="s">
        <v>53</v>
      </c>
      <c r="C148" s="35" t="s">
        <v>655</v>
      </c>
      <c r="D148" s="32" t="s">
        <v>900</v>
      </c>
      <c r="E148" s="32" t="s">
        <v>969</v>
      </c>
      <c r="F148" s="41" t="s">
        <v>970</v>
      </c>
      <c r="G148" s="32" t="s">
        <v>58</v>
      </c>
      <c r="H148" s="32" t="s">
        <v>833</v>
      </c>
      <c r="I148" s="32"/>
      <c r="J148" s="29" t="s">
        <v>77</v>
      </c>
      <c r="K148" s="32" t="s">
        <v>722</v>
      </c>
      <c r="L148" s="26" t="s">
        <v>63</v>
      </c>
      <c r="M148" s="26" t="s">
        <v>63</v>
      </c>
      <c r="N148" s="39"/>
      <c r="O148" s="33"/>
      <c r="P148" s="33"/>
      <c r="Q148" s="43">
        <f t="shared" si="24"/>
        <v>0</v>
      </c>
      <c r="R148" s="33"/>
      <c r="S148" s="33"/>
      <c r="T148" s="33"/>
      <c r="U148" s="33"/>
      <c r="V148" s="33"/>
      <c r="W148" s="33"/>
      <c r="X148" s="33"/>
      <c r="Y148" s="33"/>
      <c r="Z148" s="33"/>
      <c r="AA148" s="33"/>
      <c r="AB148" s="33"/>
      <c r="AC148" s="33"/>
      <c r="AD148" s="33"/>
      <c r="AE148" s="33"/>
      <c r="AF148" s="33"/>
      <c r="AG148" s="33"/>
      <c r="AH148" s="33"/>
      <c r="AI148" s="33"/>
      <c r="AJ148" s="33"/>
      <c r="AK148" s="33"/>
      <c r="AL148" s="33"/>
      <c r="AM148" s="33"/>
      <c r="AN148" s="33"/>
      <c r="AO148" s="33"/>
      <c r="AP148" s="33"/>
      <c r="AQ148" s="33"/>
      <c r="AR148" s="33"/>
      <c r="AS148" s="33"/>
      <c r="AT148" s="33"/>
      <c r="AU148" s="33"/>
      <c r="AV148" s="33"/>
      <c r="AW148" s="33"/>
      <c r="AX148" s="33"/>
      <c r="AY148" s="33"/>
      <c r="AZ148" s="58">
        <f t="shared" si="25"/>
        <v>0</v>
      </c>
      <c r="BA148" s="26" t="e">
        <f t="shared" si="26"/>
        <v>#DIV/0!</v>
      </c>
      <c r="BB148" s="27" t="str">
        <f t="shared" si="23"/>
        <v/>
      </c>
      <c r="BC148" s="27" t="str">
        <f t="shared" si="23"/>
        <v/>
      </c>
      <c r="BD148" s="27" t="str">
        <f t="shared" si="23"/>
        <v/>
      </c>
      <c r="BE148" s="27" t="str">
        <f t="shared" si="23"/>
        <v/>
      </c>
      <c r="BF148" s="27" t="str">
        <f t="shared" si="23"/>
        <v/>
      </c>
      <c r="BG148" s="27" t="str">
        <f t="shared" si="28"/>
        <v/>
      </c>
      <c r="BH148" s="27" t="str">
        <f t="shared" si="28"/>
        <v/>
      </c>
      <c r="BI148" s="27" t="str">
        <f t="shared" si="28"/>
        <v/>
      </c>
      <c r="BJ148" s="27" t="str">
        <f t="shared" si="28"/>
        <v/>
      </c>
      <c r="BK148" s="27" t="str">
        <f t="shared" si="28"/>
        <v/>
      </c>
      <c r="BL148" s="27" t="str">
        <f t="shared" si="28"/>
        <v/>
      </c>
      <c r="BM148" s="27" t="str">
        <f t="shared" si="28"/>
        <v/>
      </c>
      <c r="BN148" s="27" t="str">
        <f t="shared" si="28"/>
        <v/>
      </c>
      <c r="BO148" s="27" t="str">
        <f t="shared" si="28"/>
        <v/>
      </c>
      <c r="BP148" s="27" t="str">
        <f t="shared" si="28"/>
        <v/>
      </c>
      <c r="BQ148" s="27" t="str">
        <f t="shared" si="28"/>
        <v/>
      </c>
      <c r="BR148" s="27" t="str">
        <f t="shared" si="21"/>
        <v/>
      </c>
      <c r="BS148" s="27" t="str">
        <f t="shared" si="21"/>
        <v/>
      </c>
      <c r="BT148" s="27" t="str">
        <f t="shared" si="21"/>
        <v/>
      </c>
      <c r="BU148" s="27" t="str">
        <f t="shared" si="21"/>
        <v/>
      </c>
      <c r="BV148" s="27" t="str">
        <f t="shared" si="21"/>
        <v/>
      </c>
      <c r="BW148" s="27" t="str">
        <f t="shared" si="21"/>
        <v/>
      </c>
      <c r="BX148" s="27" t="str">
        <f t="shared" si="21"/>
        <v/>
      </c>
      <c r="BY148" s="27" t="str">
        <f t="shared" si="21"/>
        <v/>
      </c>
      <c r="BZ148" s="27" t="str">
        <f t="shared" si="21"/>
        <v/>
      </c>
      <c r="CA148" s="27" t="str">
        <f t="shared" si="21"/>
        <v/>
      </c>
      <c r="CB148" s="27" t="str">
        <f t="shared" si="27"/>
        <v/>
      </c>
      <c r="CC148" s="27" t="str">
        <f t="shared" si="27"/>
        <v/>
      </c>
      <c r="CD148" s="27" t="str">
        <f t="shared" si="27"/>
        <v/>
      </c>
      <c r="CE148" s="27" t="str">
        <f t="shared" si="27"/>
        <v/>
      </c>
      <c r="CF148" s="27" t="str">
        <f t="shared" si="27"/>
        <v/>
      </c>
      <c r="CG148" s="33"/>
      <c r="CH148" s="33"/>
      <c r="CI148" s="36"/>
    </row>
    <row r="149" spans="1:87" ht="47.85" customHeight="1" x14ac:dyDescent="0.2">
      <c r="A149" s="22">
        <v>200</v>
      </c>
      <c r="B149" s="23" t="s">
        <v>53</v>
      </c>
      <c r="C149" s="35" t="s">
        <v>655</v>
      </c>
      <c r="D149" s="32" t="s">
        <v>830</v>
      </c>
      <c r="E149" s="32" t="s">
        <v>971</v>
      </c>
      <c r="G149" s="32" t="s">
        <v>58</v>
      </c>
      <c r="H149" s="32" t="s">
        <v>2564</v>
      </c>
      <c r="K149" s="32" t="s">
        <v>722</v>
      </c>
      <c r="N149" s="39">
        <v>33580.17609375</v>
      </c>
    </row>
    <row r="150" spans="1:87" ht="47.85" customHeight="1" x14ac:dyDescent="0.2">
      <c r="A150" s="22">
        <v>201</v>
      </c>
      <c r="B150" s="23" t="s">
        <v>53</v>
      </c>
      <c r="C150" s="35" t="s">
        <v>655</v>
      </c>
      <c r="D150" s="32" t="s">
        <v>830</v>
      </c>
      <c r="E150" s="32" t="s">
        <v>973</v>
      </c>
      <c r="G150" s="32" t="s">
        <v>58</v>
      </c>
      <c r="H150" s="32" t="s">
        <v>861</v>
      </c>
      <c r="K150" s="32" t="s">
        <v>722</v>
      </c>
      <c r="N150" s="39">
        <v>95248.926093749993</v>
      </c>
    </row>
    <row r="151" spans="1:87" ht="47.85" customHeight="1" x14ac:dyDescent="0.2">
      <c r="A151" s="22">
        <v>202</v>
      </c>
      <c r="B151" s="23" t="s">
        <v>53</v>
      </c>
      <c r="C151" s="35" t="s">
        <v>655</v>
      </c>
      <c r="D151" s="32" t="s">
        <v>870</v>
      </c>
      <c r="E151" s="32" t="s">
        <v>975</v>
      </c>
      <c r="G151" s="32" t="s">
        <v>58</v>
      </c>
      <c r="H151" s="32" t="s">
        <v>846</v>
      </c>
      <c r="K151" s="32" t="s">
        <v>834</v>
      </c>
      <c r="N151" s="39"/>
    </row>
    <row r="152" spans="1:87" ht="47.85" customHeight="1" x14ac:dyDescent="0.2">
      <c r="A152" s="22">
        <v>203</v>
      </c>
      <c r="B152" s="23" t="s">
        <v>53</v>
      </c>
      <c r="C152" s="35" t="s">
        <v>655</v>
      </c>
      <c r="D152" s="32" t="s">
        <v>870</v>
      </c>
      <c r="E152" s="32" t="s">
        <v>977</v>
      </c>
      <c r="G152" s="32" t="s">
        <v>58</v>
      </c>
      <c r="H152" s="32" t="s">
        <v>833</v>
      </c>
      <c r="K152" s="32" t="s">
        <v>834</v>
      </c>
      <c r="N152" s="39"/>
    </row>
    <row r="153" spans="1:87" ht="47.85" customHeight="1" x14ac:dyDescent="0.2">
      <c r="A153" s="22">
        <v>204</v>
      </c>
      <c r="B153" s="23" t="s">
        <v>53</v>
      </c>
      <c r="C153" s="35" t="s">
        <v>655</v>
      </c>
      <c r="D153" s="32" t="s">
        <v>870</v>
      </c>
      <c r="E153" s="32" t="s">
        <v>979</v>
      </c>
      <c r="G153" s="32" t="s">
        <v>58</v>
      </c>
      <c r="H153" s="32" t="s">
        <v>833</v>
      </c>
      <c r="K153" s="32" t="s">
        <v>834</v>
      </c>
      <c r="N153" s="39"/>
    </row>
    <row r="154" spans="1:87" ht="47.85" customHeight="1" x14ac:dyDescent="0.2">
      <c r="A154" s="22">
        <v>205</v>
      </c>
      <c r="B154" s="23" t="s">
        <v>53</v>
      </c>
      <c r="C154" s="35" t="s">
        <v>655</v>
      </c>
      <c r="D154" s="32" t="s">
        <v>932</v>
      </c>
      <c r="E154" s="32" t="s">
        <v>989</v>
      </c>
      <c r="G154" s="32" t="s">
        <v>58</v>
      </c>
      <c r="H154" s="32" t="s">
        <v>833</v>
      </c>
      <c r="K154" s="32" t="s">
        <v>2565</v>
      </c>
      <c r="N154" s="39">
        <v>45223.75</v>
      </c>
    </row>
    <row r="155" spans="1:87" ht="47.85" customHeight="1" x14ac:dyDescent="0.2">
      <c r="A155" s="22">
        <v>206</v>
      </c>
      <c r="B155" s="23" t="s">
        <v>53</v>
      </c>
      <c r="C155" s="35" t="s">
        <v>655</v>
      </c>
      <c r="D155" s="32" t="s">
        <v>900</v>
      </c>
      <c r="E155" s="32" t="s">
        <v>991</v>
      </c>
      <c r="G155" s="32" t="s">
        <v>58</v>
      </c>
      <c r="H155" s="32" t="s">
        <v>861</v>
      </c>
      <c r="K155" s="32" t="s">
        <v>722</v>
      </c>
      <c r="N155" s="39">
        <v>37001.25</v>
      </c>
    </row>
    <row r="156" spans="1:87" ht="47.85" customHeight="1" x14ac:dyDescent="0.2">
      <c r="A156" s="22">
        <v>207</v>
      </c>
      <c r="B156" s="23" t="s">
        <v>53</v>
      </c>
      <c r="C156" s="35" t="s">
        <v>655</v>
      </c>
      <c r="D156" s="32" t="s">
        <v>900</v>
      </c>
      <c r="E156" s="32" t="s">
        <v>993</v>
      </c>
      <c r="G156" s="32" t="s">
        <v>58</v>
      </c>
      <c r="H156" s="32" t="s">
        <v>833</v>
      </c>
      <c r="K156" s="32" t="s">
        <v>2565</v>
      </c>
      <c r="N156" s="39">
        <v>129504.375</v>
      </c>
    </row>
    <row r="157" spans="1:87" ht="47.85" customHeight="1" x14ac:dyDescent="0.2">
      <c r="A157" s="22">
        <v>208</v>
      </c>
      <c r="B157" s="23" t="s">
        <v>53</v>
      </c>
      <c r="C157" s="35" t="s">
        <v>655</v>
      </c>
      <c r="D157" s="32" t="s">
        <v>932</v>
      </c>
      <c r="E157" s="32" t="s">
        <v>995</v>
      </c>
      <c r="G157" s="32" t="s">
        <v>58</v>
      </c>
      <c r="H157" s="32" t="s">
        <v>833</v>
      </c>
      <c r="K157" s="32" t="s">
        <v>2565</v>
      </c>
      <c r="N157" s="39">
        <v>16924.569090000005</v>
      </c>
    </row>
    <row r="158" spans="1:87" ht="47.85" customHeight="1" x14ac:dyDescent="0.2">
      <c r="A158" s="22">
        <v>209</v>
      </c>
      <c r="B158" s="23" t="s">
        <v>53</v>
      </c>
      <c r="C158" s="35" t="s">
        <v>655</v>
      </c>
      <c r="D158" s="32" t="s">
        <v>932</v>
      </c>
      <c r="E158" s="32" t="s">
        <v>997</v>
      </c>
      <c r="G158" s="32" t="s">
        <v>58</v>
      </c>
      <c r="H158" s="32" t="s">
        <v>833</v>
      </c>
      <c r="K158" s="32" t="s">
        <v>2565</v>
      </c>
      <c r="N158" s="39">
        <v>11305.9375</v>
      </c>
    </row>
    <row r="159" spans="1:87" ht="47.85" customHeight="1" x14ac:dyDescent="0.2">
      <c r="A159" s="22">
        <v>210</v>
      </c>
      <c r="B159" s="23" t="s">
        <v>53</v>
      </c>
      <c r="C159" s="35" t="s">
        <v>655</v>
      </c>
      <c r="D159" s="32" t="s">
        <v>932</v>
      </c>
      <c r="E159" s="32" t="s">
        <v>999</v>
      </c>
      <c r="G159" s="32" t="s">
        <v>58</v>
      </c>
      <c r="H159" s="32" t="s">
        <v>833</v>
      </c>
      <c r="K159" s="32" t="s">
        <v>2565</v>
      </c>
      <c r="N159" s="39">
        <v>388.513125</v>
      </c>
    </row>
    <row r="160" spans="1:87" ht="47.85" customHeight="1" x14ac:dyDescent="0.2">
      <c r="A160" s="22">
        <v>211</v>
      </c>
      <c r="B160" s="23" t="s">
        <v>53</v>
      </c>
      <c r="C160" s="35" t="s">
        <v>655</v>
      </c>
      <c r="D160" s="32" t="s">
        <v>932</v>
      </c>
      <c r="E160" s="32" t="s">
        <v>1001</v>
      </c>
      <c r="G160" s="32" t="s">
        <v>58</v>
      </c>
      <c r="H160" s="32" t="s">
        <v>833</v>
      </c>
      <c r="K160" s="32" t="s">
        <v>2565</v>
      </c>
      <c r="N160" s="39">
        <v>5726.41212</v>
      </c>
    </row>
    <row r="161" spans="1:14" ht="47.85" customHeight="1" x14ac:dyDescent="0.2">
      <c r="A161" s="22">
        <v>212</v>
      </c>
      <c r="B161" s="23" t="s">
        <v>53</v>
      </c>
      <c r="C161" s="35" t="s">
        <v>655</v>
      </c>
      <c r="D161" s="32" t="s">
        <v>932</v>
      </c>
      <c r="E161" s="32" t="s">
        <v>1003</v>
      </c>
      <c r="G161" s="32" t="s">
        <v>58</v>
      </c>
      <c r="H161" s="32" t="s">
        <v>833</v>
      </c>
      <c r="K161" s="32" t="s">
        <v>2565</v>
      </c>
      <c r="N161" s="39">
        <v>10758.582119999999</v>
      </c>
    </row>
    <row r="162" spans="1:14" ht="47.85" customHeight="1" x14ac:dyDescent="0.2">
      <c r="A162" s="22">
        <v>213</v>
      </c>
      <c r="B162" s="23" t="s">
        <v>53</v>
      </c>
      <c r="C162" s="35" t="s">
        <v>655</v>
      </c>
      <c r="D162" s="32" t="s">
        <v>900</v>
      </c>
      <c r="E162" s="32" t="s">
        <v>1005</v>
      </c>
      <c r="G162" s="32" t="s">
        <v>58</v>
      </c>
      <c r="H162" s="32" t="s">
        <v>833</v>
      </c>
      <c r="K162" s="32" t="s">
        <v>2565</v>
      </c>
      <c r="N162" s="39">
        <v>24667.5</v>
      </c>
    </row>
    <row r="163" spans="1:14" ht="47.85" customHeight="1" x14ac:dyDescent="0.2">
      <c r="A163" s="22">
        <v>214</v>
      </c>
      <c r="B163" s="23" t="s">
        <v>53</v>
      </c>
      <c r="C163" s="35" t="s">
        <v>655</v>
      </c>
      <c r="D163" s="32" t="s">
        <v>900</v>
      </c>
      <c r="E163" s="32" t="s">
        <v>1007</v>
      </c>
      <c r="G163" s="32" t="s">
        <v>58</v>
      </c>
      <c r="H163" s="32" t="s">
        <v>833</v>
      </c>
      <c r="K163" s="32" t="s">
        <v>2565</v>
      </c>
      <c r="N163" s="39">
        <v>102781.25</v>
      </c>
    </row>
    <row r="164" spans="1:14" ht="47.85" customHeight="1" x14ac:dyDescent="0.2">
      <c r="A164" s="22">
        <v>215</v>
      </c>
      <c r="B164" s="23" t="s">
        <v>53</v>
      </c>
      <c r="C164" s="35" t="s">
        <v>655</v>
      </c>
      <c r="D164" s="32" t="s">
        <v>932</v>
      </c>
      <c r="E164" s="32" t="s">
        <v>1009</v>
      </c>
      <c r="G164" s="32" t="s">
        <v>58</v>
      </c>
      <c r="H164" s="32" t="s">
        <v>833</v>
      </c>
      <c r="K164" s="32" t="s">
        <v>2565</v>
      </c>
      <c r="N164" s="39">
        <v>21645.731250000001</v>
      </c>
    </row>
    <row r="165" spans="1:14" ht="47.85" customHeight="1" x14ac:dyDescent="0.2">
      <c r="A165" s="22">
        <v>216</v>
      </c>
      <c r="B165" s="23" t="s">
        <v>53</v>
      </c>
      <c r="C165" s="35" t="s">
        <v>655</v>
      </c>
      <c r="D165" s="32" t="s">
        <v>932</v>
      </c>
      <c r="E165" s="32" t="s">
        <v>2566</v>
      </c>
      <c r="G165" s="32" t="s">
        <v>58</v>
      </c>
      <c r="H165" s="32" t="s">
        <v>833</v>
      </c>
      <c r="K165" s="32" t="s">
        <v>2565</v>
      </c>
      <c r="N165" s="39">
        <v>1679.16606</v>
      </c>
    </row>
    <row r="166" spans="1:14" ht="47.85" customHeight="1" x14ac:dyDescent="0.2">
      <c r="A166" s="22">
        <v>217</v>
      </c>
      <c r="B166" s="23" t="s">
        <v>53</v>
      </c>
      <c r="C166" s="35" t="s">
        <v>655</v>
      </c>
      <c r="D166" s="32" t="s">
        <v>932</v>
      </c>
      <c r="E166" s="32" t="s">
        <v>1013</v>
      </c>
      <c r="G166" s="32" t="s">
        <v>58</v>
      </c>
      <c r="H166" s="32" t="s">
        <v>833</v>
      </c>
      <c r="K166" s="32" t="s">
        <v>2565</v>
      </c>
      <c r="N166" s="39">
        <v>19528.4375</v>
      </c>
    </row>
    <row r="167" spans="1:14" ht="47.85" customHeight="1" x14ac:dyDescent="0.2">
      <c r="A167" s="22">
        <v>218</v>
      </c>
      <c r="B167" s="23" t="s">
        <v>53</v>
      </c>
      <c r="C167" s="35" t="s">
        <v>655</v>
      </c>
      <c r="D167" s="32" t="s">
        <v>932</v>
      </c>
      <c r="E167" s="32" t="s">
        <v>1015</v>
      </c>
      <c r="G167" s="32" t="s">
        <v>58</v>
      </c>
      <c r="H167" s="32" t="s">
        <v>833</v>
      </c>
      <c r="K167" s="32" t="s">
        <v>2565</v>
      </c>
      <c r="N167" s="39">
        <v>105317.33212000001</v>
      </c>
    </row>
    <row r="168" spans="1:14" ht="47.85" customHeight="1" x14ac:dyDescent="0.2">
      <c r="A168" s="22">
        <v>219</v>
      </c>
      <c r="B168" s="23" t="s">
        <v>53</v>
      </c>
      <c r="C168" s="35" t="s">
        <v>655</v>
      </c>
      <c r="D168" s="32" t="s">
        <v>932</v>
      </c>
      <c r="E168" s="32" t="s">
        <v>1017</v>
      </c>
      <c r="G168" s="32" t="s">
        <v>58</v>
      </c>
      <c r="H168" s="32" t="s">
        <v>833</v>
      </c>
      <c r="K168" s="32" t="s">
        <v>2565</v>
      </c>
      <c r="N168" s="39">
        <v>25499.008535000001</v>
      </c>
    </row>
    <row r="169" spans="1:14" ht="47.85" customHeight="1" x14ac:dyDescent="0.2">
      <c r="A169" s="22">
        <v>220</v>
      </c>
      <c r="B169" s="23" t="s">
        <v>53</v>
      </c>
      <c r="C169" s="35" t="s">
        <v>655</v>
      </c>
      <c r="D169" s="32" t="s">
        <v>932</v>
      </c>
      <c r="E169" s="32" t="s">
        <v>1019</v>
      </c>
      <c r="G169" s="32" t="s">
        <v>58</v>
      </c>
      <c r="H169" s="32" t="s">
        <v>833</v>
      </c>
      <c r="K169" s="32" t="s">
        <v>2565</v>
      </c>
      <c r="N169" s="39"/>
    </row>
    <row r="170" spans="1:14" ht="47.85" customHeight="1" x14ac:dyDescent="0.2">
      <c r="A170" s="22">
        <v>221</v>
      </c>
      <c r="B170" s="23" t="s">
        <v>53</v>
      </c>
      <c r="C170" s="35" t="s">
        <v>655</v>
      </c>
      <c r="D170" s="32" t="s">
        <v>932</v>
      </c>
      <c r="E170" s="32" t="s">
        <v>1021</v>
      </c>
      <c r="G170" s="32" t="s">
        <v>58</v>
      </c>
      <c r="H170" s="32" t="s">
        <v>833</v>
      </c>
      <c r="K170" s="32" t="s">
        <v>2565</v>
      </c>
      <c r="N170" s="39"/>
    </row>
    <row r="171" spans="1:14" ht="47.85" customHeight="1" x14ac:dyDescent="0.2">
      <c r="A171" s="22">
        <v>222</v>
      </c>
      <c r="B171" s="23" t="s">
        <v>53</v>
      </c>
      <c r="C171" s="35" t="s">
        <v>655</v>
      </c>
      <c r="D171" s="32" t="s">
        <v>932</v>
      </c>
      <c r="E171" s="32" t="s">
        <v>1023</v>
      </c>
      <c r="G171" s="32" t="s">
        <v>58</v>
      </c>
      <c r="H171" s="32" t="s">
        <v>833</v>
      </c>
      <c r="K171" s="32" t="s">
        <v>2565</v>
      </c>
      <c r="N171" s="39">
        <v>10822.865625</v>
      </c>
    </row>
    <row r="172" spans="1:14" ht="47.85" customHeight="1" x14ac:dyDescent="0.2">
      <c r="A172" s="22">
        <v>223</v>
      </c>
      <c r="B172" s="23" t="s">
        <v>53</v>
      </c>
      <c r="C172" s="35" t="s">
        <v>655</v>
      </c>
      <c r="D172" s="32" t="s">
        <v>932</v>
      </c>
      <c r="E172" s="32" t="s">
        <v>1025</v>
      </c>
      <c r="G172" s="32" t="s">
        <v>58</v>
      </c>
      <c r="H172" s="32" t="s">
        <v>2567</v>
      </c>
      <c r="K172" s="32" t="s">
        <v>722</v>
      </c>
      <c r="N172" s="39">
        <v>34370.050000000003</v>
      </c>
    </row>
    <row r="173" spans="1:14" ht="47.85" customHeight="1" x14ac:dyDescent="0.2">
      <c r="A173" s="22">
        <v>224</v>
      </c>
      <c r="B173" s="23" t="s">
        <v>53</v>
      </c>
      <c r="C173" s="35" t="s">
        <v>655</v>
      </c>
      <c r="D173" s="32" t="s">
        <v>932</v>
      </c>
      <c r="E173" s="32" t="s">
        <v>1028</v>
      </c>
      <c r="G173" s="32" t="s">
        <v>58</v>
      </c>
      <c r="H173" s="32" t="s">
        <v>2567</v>
      </c>
      <c r="K173" s="32" t="s">
        <v>722</v>
      </c>
      <c r="N173" s="39">
        <v>740025</v>
      </c>
    </row>
    <row r="174" spans="1:14" ht="47.85" customHeight="1" x14ac:dyDescent="0.2">
      <c r="A174" s="22">
        <v>225</v>
      </c>
      <c r="B174" s="23" t="s">
        <v>53</v>
      </c>
      <c r="C174" s="35" t="s">
        <v>655</v>
      </c>
      <c r="D174" s="32" t="s">
        <v>900</v>
      </c>
      <c r="E174" s="32" t="s">
        <v>1030</v>
      </c>
      <c r="G174" s="32" t="s">
        <v>58</v>
      </c>
      <c r="H174" s="32" t="s">
        <v>2567</v>
      </c>
      <c r="K174" s="32" t="s">
        <v>722</v>
      </c>
      <c r="N174" s="39">
        <v>24667.5</v>
      </c>
    </row>
    <row r="175" spans="1:14" ht="47.85" customHeight="1" x14ac:dyDescent="0.2">
      <c r="A175" s="22">
        <v>226</v>
      </c>
      <c r="B175" s="23" t="s">
        <v>53</v>
      </c>
      <c r="C175" s="35" t="s">
        <v>655</v>
      </c>
      <c r="D175" s="32" t="s">
        <v>900</v>
      </c>
      <c r="E175" s="32" t="s">
        <v>2568</v>
      </c>
      <c r="G175" s="32" t="s">
        <v>58</v>
      </c>
      <c r="H175" s="32" t="s">
        <v>833</v>
      </c>
      <c r="K175" s="32" t="s">
        <v>834</v>
      </c>
      <c r="N175" s="39">
        <v>493350</v>
      </c>
    </row>
    <row r="176" spans="1:14" ht="47.85" customHeight="1" x14ac:dyDescent="0.2">
      <c r="A176" s="22">
        <v>227</v>
      </c>
      <c r="B176" s="23" t="s">
        <v>53</v>
      </c>
      <c r="C176" s="35" t="s">
        <v>655</v>
      </c>
      <c r="D176" s="32" t="s">
        <v>932</v>
      </c>
      <c r="E176" s="32" t="s">
        <v>1034</v>
      </c>
      <c r="G176" s="32" t="s">
        <v>58</v>
      </c>
      <c r="H176" s="32" t="s">
        <v>2569</v>
      </c>
      <c r="K176" s="32" t="s">
        <v>722</v>
      </c>
      <c r="N176" s="39">
        <v>25661.254905000002</v>
      </c>
    </row>
    <row r="177" spans="1:14" ht="47.85" customHeight="1" x14ac:dyDescent="0.2">
      <c r="A177" s="22">
        <v>228</v>
      </c>
      <c r="B177" s="23" t="s">
        <v>53</v>
      </c>
      <c r="C177" s="35" t="s">
        <v>655</v>
      </c>
      <c r="D177" s="32" t="s">
        <v>932</v>
      </c>
      <c r="E177" s="32" t="s">
        <v>1037</v>
      </c>
      <c r="G177" s="32" t="s">
        <v>58</v>
      </c>
      <c r="H177" s="32" t="s">
        <v>2569</v>
      </c>
      <c r="K177" s="32" t="s">
        <v>722</v>
      </c>
      <c r="N177" s="39">
        <v>58379.75</v>
      </c>
    </row>
    <row r="178" spans="1:14" ht="47.85" customHeight="1" x14ac:dyDescent="0.2">
      <c r="A178" s="22">
        <v>229</v>
      </c>
      <c r="B178" s="23" t="s">
        <v>53</v>
      </c>
      <c r="C178" s="35" t="s">
        <v>655</v>
      </c>
      <c r="D178" s="32" t="s">
        <v>932</v>
      </c>
      <c r="E178" s="32" t="s">
        <v>1039</v>
      </c>
      <c r="G178" s="32" t="s">
        <v>58</v>
      </c>
      <c r="H178" s="32" t="s">
        <v>2569</v>
      </c>
      <c r="K178" s="32" t="s">
        <v>722</v>
      </c>
      <c r="N178" s="39">
        <v>55913</v>
      </c>
    </row>
    <row r="179" spans="1:14" ht="47.85" customHeight="1" x14ac:dyDescent="0.2">
      <c r="A179" s="22">
        <v>230</v>
      </c>
      <c r="B179" s="23" t="s">
        <v>53</v>
      </c>
      <c r="C179" s="35" t="s">
        <v>655</v>
      </c>
      <c r="D179" s="32" t="s">
        <v>932</v>
      </c>
      <c r="E179" s="32" t="s">
        <v>1041</v>
      </c>
      <c r="G179" s="32" t="s">
        <v>58</v>
      </c>
      <c r="H179" s="32" t="s">
        <v>2569</v>
      </c>
      <c r="K179" s="32" t="s">
        <v>722</v>
      </c>
      <c r="N179" s="39">
        <v>55913</v>
      </c>
    </row>
    <row r="180" spans="1:14" ht="47.85" customHeight="1" x14ac:dyDescent="0.2">
      <c r="A180" s="22">
        <v>231</v>
      </c>
      <c r="B180" s="23" t="s">
        <v>53</v>
      </c>
      <c r="C180" s="35" t="s">
        <v>655</v>
      </c>
      <c r="D180" s="32" t="s">
        <v>932</v>
      </c>
      <c r="E180" s="32" t="s">
        <v>1043</v>
      </c>
      <c r="G180" s="32" t="s">
        <v>58</v>
      </c>
      <c r="H180" s="32" t="s">
        <v>2569</v>
      </c>
      <c r="K180" s="32" t="s">
        <v>722</v>
      </c>
      <c r="N180" s="39">
        <v>106892.5</v>
      </c>
    </row>
    <row r="181" spans="1:14" ht="47.85" customHeight="1" x14ac:dyDescent="0.2">
      <c r="A181" s="22">
        <v>232</v>
      </c>
      <c r="B181" s="23" t="s">
        <v>53</v>
      </c>
      <c r="C181" s="35" t="s">
        <v>655</v>
      </c>
      <c r="D181" s="32" t="s">
        <v>900</v>
      </c>
      <c r="E181" s="32" t="s">
        <v>1045</v>
      </c>
      <c r="G181" s="32" t="s">
        <v>58</v>
      </c>
      <c r="H181" s="32" t="s">
        <v>2569</v>
      </c>
      <c r="K181" s="32" t="s">
        <v>722</v>
      </c>
      <c r="N181" s="39">
        <v>24667.5</v>
      </c>
    </row>
    <row r="182" spans="1:14" ht="47.85" customHeight="1" x14ac:dyDescent="0.2">
      <c r="A182" s="22">
        <v>233</v>
      </c>
      <c r="B182" s="23" t="s">
        <v>53</v>
      </c>
      <c r="C182" s="35" t="s">
        <v>655</v>
      </c>
      <c r="D182" s="32" t="s">
        <v>932</v>
      </c>
      <c r="E182" s="32" t="s">
        <v>2570</v>
      </c>
      <c r="G182" s="32" t="s">
        <v>58</v>
      </c>
      <c r="H182" s="32" t="s">
        <v>2571</v>
      </c>
      <c r="K182" s="32" t="s">
        <v>834</v>
      </c>
      <c r="N182" s="39"/>
    </row>
    <row r="183" spans="1:14" ht="47.85" customHeight="1" x14ac:dyDescent="0.2">
      <c r="A183" s="22">
        <v>234</v>
      </c>
      <c r="B183" s="23" t="s">
        <v>53</v>
      </c>
      <c r="C183" s="35" t="s">
        <v>655</v>
      </c>
      <c r="D183" s="32" t="s">
        <v>900</v>
      </c>
      <c r="E183" s="32" t="s">
        <v>2572</v>
      </c>
      <c r="G183" s="32" t="s">
        <v>58</v>
      </c>
      <c r="H183" s="32" t="s">
        <v>2571</v>
      </c>
      <c r="K183" s="32" t="s">
        <v>834</v>
      </c>
      <c r="N183" s="39">
        <v>423047.625</v>
      </c>
    </row>
    <row r="184" spans="1:14" ht="47.85" customHeight="1" x14ac:dyDescent="0.2">
      <c r="A184" s="22">
        <v>235</v>
      </c>
      <c r="B184" s="23" t="s">
        <v>53</v>
      </c>
      <c r="C184" s="35" t="s">
        <v>655</v>
      </c>
      <c r="D184" s="32" t="s">
        <v>932</v>
      </c>
      <c r="E184" s="32" t="s">
        <v>1049</v>
      </c>
      <c r="G184" s="32" t="s">
        <v>58</v>
      </c>
      <c r="H184" s="32" t="s">
        <v>2571</v>
      </c>
      <c r="K184" s="32" t="s">
        <v>834</v>
      </c>
      <c r="N184" s="39"/>
    </row>
    <row r="185" spans="1:14" ht="47.85" customHeight="1" x14ac:dyDescent="0.2">
      <c r="A185" s="22">
        <v>236</v>
      </c>
      <c r="B185" s="23" t="s">
        <v>53</v>
      </c>
      <c r="C185" s="35" t="s">
        <v>655</v>
      </c>
      <c r="D185" s="32" t="s">
        <v>932</v>
      </c>
      <c r="E185" s="32" t="s">
        <v>1051</v>
      </c>
      <c r="G185" s="32" t="s">
        <v>58</v>
      </c>
      <c r="H185" s="32" t="s">
        <v>2571</v>
      </c>
      <c r="K185" s="32" t="s">
        <v>834</v>
      </c>
      <c r="N185" s="39">
        <v>359734.375</v>
      </c>
    </row>
    <row r="186" spans="1:14" ht="47.85" customHeight="1" x14ac:dyDescent="0.2">
      <c r="A186" s="22">
        <v>237</v>
      </c>
      <c r="B186" s="23" t="s">
        <v>53</v>
      </c>
      <c r="C186" s="35" t="s">
        <v>655</v>
      </c>
      <c r="D186" s="32" t="s">
        <v>932</v>
      </c>
      <c r="E186" s="32" t="s">
        <v>1053</v>
      </c>
      <c r="G186" s="32" t="s">
        <v>58</v>
      </c>
      <c r="H186" s="32" t="s">
        <v>2571</v>
      </c>
      <c r="K186" s="32" t="s">
        <v>834</v>
      </c>
      <c r="N186" s="39">
        <v>47279.375</v>
      </c>
    </row>
    <row r="187" spans="1:14" ht="47.85" customHeight="1" x14ac:dyDescent="0.2">
      <c r="A187" s="22">
        <v>238</v>
      </c>
      <c r="B187" s="23" t="s">
        <v>53</v>
      </c>
      <c r="C187" s="35" t="s">
        <v>655</v>
      </c>
      <c r="D187" s="32" t="s">
        <v>932</v>
      </c>
      <c r="E187" s="32" t="s">
        <v>1055</v>
      </c>
      <c r="G187" s="32" t="s">
        <v>58</v>
      </c>
      <c r="H187" s="32" t="s">
        <v>2571</v>
      </c>
      <c r="K187" s="32" t="s">
        <v>834</v>
      </c>
      <c r="N187" s="39">
        <v>986700</v>
      </c>
    </row>
    <row r="188" spans="1:14" ht="47.85" customHeight="1" x14ac:dyDescent="0.2">
      <c r="A188" s="22">
        <v>239</v>
      </c>
      <c r="B188" s="23" t="s">
        <v>53</v>
      </c>
      <c r="C188" s="35" t="s">
        <v>655</v>
      </c>
      <c r="D188" s="32" t="s">
        <v>932</v>
      </c>
      <c r="E188" s="32" t="s">
        <v>1057</v>
      </c>
      <c r="G188" s="32" t="s">
        <v>58</v>
      </c>
      <c r="H188" s="32" t="s">
        <v>2571</v>
      </c>
      <c r="K188" s="32" t="s">
        <v>834</v>
      </c>
      <c r="N188" s="39">
        <v>13567.125</v>
      </c>
    </row>
    <row r="189" spans="1:14" ht="47.85" customHeight="1" x14ac:dyDescent="0.2">
      <c r="A189" s="22">
        <v>240</v>
      </c>
      <c r="B189" s="23" t="s">
        <v>53</v>
      </c>
      <c r="C189" s="35" t="s">
        <v>655</v>
      </c>
      <c r="D189" s="32" t="s">
        <v>932</v>
      </c>
      <c r="E189" s="32" t="s">
        <v>1059</v>
      </c>
      <c r="G189" s="32" t="s">
        <v>58</v>
      </c>
      <c r="H189" s="32" t="s">
        <v>833</v>
      </c>
      <c r="K189" s="32" t="s">
        <v>2565</v>
      </c>
      <c r="N189" s="39">
        <v>26695.563180000005</v>
      </c>
    </row>
    <row r="190" spans="1:14" ht="47.85" customHeight="1" x14ac:dyDescent="0.2">
      <c r="A190" s="22">
        <v>241</v>
      </c>
      <c r="B190" s="23" t="s">
        <v>53</v>
      </c>
      <c r="C190" s="35" t="s">
        <v>655</v>
      </c>
      <c r="D190" s="32" t="s">
        <v>932</v>
      </c>
      <c r="E190" s="32" t="s">
        <v>1061</v>
      </c>
      <c r="G190" s="32" t="s">
        <v>58</v>
      </c>
      <c r="H190" s="32" t="s">
        <v>833</v>
      </c>
      <c r="K190" s="32" t="s">
        <v>2565</v>
      </c>
      <c r="N190" s="39">
        <v>248155.05</v>
      </c>
    </row>
    <row r="191" spans="1:14" ht="47.85" customHeight="1" x14ac:dyDescent="0.2">
      <c r="A191" s="22">
        <v>242</v>
      </c>
      <c r="B191" s="23" t="s">
        <v>53</v>
      </c>
      <c r="C191" s="35" t="s">
        <v>655</v>
      </c>
      <c r="D191" s="32" t="s">
        <v>932</v>
      </c>
      <c r="E191" s="32" t="s">
        <v>1063</v>
      </c>
      <c r="G191" s="32" t="s">
        <v>58</v>
      </c>
      <c r="H191" s="32" t="s">
        <v>833</v>
      </c>
      <c r="K191" s="32" t="s">
        <v>2565</v>
      </c>
      <c r="N191" s="39">
        <v>70956.162420000008</v>
      </c>
    </row>
    <row r="192" spans="1:14" ht="47.85" customHeight="1" x14ac:dyDescent="0.2">
      <c r="A192" s="22">
        <v>243</v>
      </c>
      <c r="B192" s="23" t="s">
        <v>53</v>
      </c>
      <c r="C192" s="35" t="s">
        <v>655</v>
      </c>
      <c r="D192" s="32" t="s">
        <v>932</v>
      </c>
      <c r="E192" s="32" t="s">
        <v>1065</v>
      </c>
      <c r="G192" s="32" t="s">
        <v>58</v>
      </c>
      <c r="H192" s="32" t="s">
        <v>833</v>
      </c>
      <c r="K192" s="32" t="s">
        <v>2565</v>
      </c>
      <c r="N192" s="39">
        <v>47279.375</v>
      </c>
    </row>
    <row r="193" spans="1:14" ht="47.85" customHeight="1" x14ac:dyDescent="0.2">
      <c r="A193" s="22">
        <v>244</v>
      </c>
      <c r="B193" s="23" t="s">
        <v>53</v>
      </c>
      <c r="C193" s="35" t="s">
        <v>655</v>
      </c>
      <c r="D193" s="32" t="s">
        <v>932</v>
      </c>
      <c r="E193" s="32" t="s">
        <v>1067</v>
      </c>
      <c r="G193" s="32" t="s">
        <v>58</v>
      </c>
      <c r="H193" s="32" t="s">
        <v>833</v>
      </c>
      <c r="K193" s="32" t="s">
        <v>2565</v>
      </c>
      <c r="N193" s="39">
        <v>1644.5</v>
      </c>
    </row>
    <row r="194" spans="1:14" ht="47.85" customHeight="1" x14ac:dyDescent="0.2">
      <c r="A194" s="22">
        <v>245</v>
      </c>
      <c r="B194" s="23" t="s">
        <v>53</v>
      </c>
      <c r="C194" s="35" t="s">
        <v>655</v>
      </c>
      <c r="D194" s="32" t="s">
        <v>932</v>
      </c>
      <c r="E194" s="32" t="s">
        <v>1069</v>
      </c>
      <c r="G194" s="32" t="s">
        <v>58</v>
      </c>
      <c r="H194" s="32" t="s">
        <v>833</v>
      </c>
      <c r="K194" s="32" t="s">
        <v>2565</v>
      </c>
      <c r="N194" s="39">
        <v>113848.735</v>
      </c>
    </row>
    <row r="195" spans="1:14" ht="47.85" customHeight="1" x14ac:dyDescent="0.2">
      <c r="A195" s="22">
        <v>246</v>
      </c>
      <c r="B195" s="23" t="s">
        <v>53</v>
      </c>
      <c r="C195" s="35" t="s">
        <v>655</v>
      </c>
      <c r="D195" s="32" t="s">
        <v>932</v>
      </c>
      <c r="E195" s="32" t="s">
        <v>1071</v>
      </c>
      <c r="G195" s="32" t="s">
        <v>58</v>
      </c>
      <c r="H195" s="32" t="s">
        <v>833</v>
      </c>
      <c r="K195" s="32" t="s">
        <v>2565</v>
      </c>
      <c r="N195" s="39">
        <v>32468.596874999999</v>
      </c>
    </row>
    <row r="196" spans="1:14" ht="47.85" customHeight="1" x14ac:dyDescent="0.2">
      <c r="A196" s="22">
        <v>247</v>
      </c>
      <c r="B196" s="23" t="s">
        <v>53</v>
      </c>
      <c r="C196" s="35" t="s">
        <v>655</v>
      </c>
      <c r="D196" s="32" t="s">
        <v>932</v>
      </c>
      <c r="E196" s="32" t="s">
        <v>1073</v>
      </c>
      <c r="G196" s="32" t="s">
        <v>58</v>
      </c>
      <c r="H196" s="32" t="s">
        <v>833</v>
      </c>
      <c r="K196" s="32" t="s">
        <v>2565</v>
      </c>
      <c r="N196" s="39">
        <v>894196.875</v>
      </c>
    </row>
    <row r="197" spans="1:14" ht="47.85" customHeight="1" x14ac:dyDescent="0.2">
      <c r="A197" s="22">
        <v>248</v>
      </c>
      <c r="B197" s="23" t="s">
        <v>53</v>
      </c>
      <c r="C197" s="35" t="s">
        <v>655</v>
      </c>
      <c r="D197" s="32" t="s">
        <v>932</v>
      </c>
      <c r="E197" s="32" t="s">
        <v>1075</v>
      </c>
      <c r="G197" s="32" t="s">
        <v>58</v>
      </c>
      <c r="H197" s="32" t="s">
        <v>833</v>
      </c>
      <c r="K197" s="32" t="s">
        <v>2565</v>
      </c>
      <c r="N197" s="39">
        <v>85.822343750000002</v>
      </c>
    </row>
    <row r="198" spans="1:14" ht="47.85" customHeight="1" x14ac:dyDescent="0.2">
      <c r="A198" s="22">
        <v>249</v>
      </c>
      <c r="B198" s="23" t="s">
        <v>53</v>
      </c>
      <c r="C198" s="35" t="s">
        <v>655</v>
      </c>
      <c r="D198" s="32" t="s">
        <v>932</v>
      </c>
      <c r="E198" s="32" t="s">
        <v>1077</v>
      </c>
      <c r="G198" s="32" t="s">
        <v>58</v>
      </c>
      <c r="H198" s="32" t="s">
        <v>833</v>
      </c>
      <c r="K198" s="32" t="s">
        <v>2565</v>
      </c>
      <c r="N198" s="39">
        <v>47279.375</v>
      </c>
    </row>
    <row r="199" spans="1:14" ht="47.85" customHeight="1" x14ac:dyDescent="0.2">
      <c r="A199" s="22">
        <v>250</v>
      </c>
      <c r="B199" s="23" t="s">
        <v>53</v>
      </c>
      <c r="C199" s="35" t="s">
        <v>655</v>
      </c>
      <c r="D199" s="32" t="s">
        <v>932</v>
      </c>
      <c r="E199" s="32" t="s">
        <v>1079</v>
      </c>
      <c r="G199" s="32" t="s">
        <v>58</v>
      </c>
      <c r="H199" s="32" t="s">
        <v>833</v>
      </c>
      <c r="K199" s="32" t="s">
        <v>2565</v>
      </c>
      <c r="N199" s="39">
        <v>37001.25</v>
      </c>
    </row>
    <row r="200" spans="1:14" ht="47.85" customHeight="1" x14ac:dyDescent="0.2">
      <c r="A200" s="22">
        <v>251</v>
      </c>
      <c r="B200" s="23" t="s">
        <v>53</v>
      </c>
      <c r="C200" s="35" t="s">
        <v>655</v>
      </c>
      <c r="D200" s="32" t="s">
        <v>932</v>
      </c>
      <c r="E200" s="32" t="s">
        <v>1081</v>
      </c>
      <c r="G200" s="32" t="s">
        <v>58</v>
      </c>
      <c r="H200" s="32" t="s">
        <v>833</v>
      </c>
      <c r="K200" s="32" t="s">
        <v>2565</v>
      </c>
      <c r="N200" s="39">
        <v>4933.5</v>
      </c>
    </row>
    <row r="201" spans="1:14" ht="47.85" customHeight="1" x14ac:dyDescent="0.2">
      <c r="A201" s="22">
        <v>252</v>
      </c>
      <c r="B201" s="23" t="s">
        <v>53</v>
      </c>
      <c r="C201" s="35" t="s">
        <v>655</v>
      </c>
      <c r="D201" s="32" t="s">
        <v>932</v>
      </c>
      <c r="E201" s="32" t="s">
        <v>1083</v>
      </c>
      <c r="G201" s="32" t="s">
        <v>58</v>
      </c>
      <c r="H201" s="32" t="s">
        <v>833</v>
      </c>
      <c r="K201" s="32" t="s">
        <v>2565</v>
      </c>
      <c r="N201" s="39">
        <v>518.01749999999993</v>
      </c>
    </row>
    <row r="202" spans="1:14" ht="47.85" customHeight="1" x14ac:dyDescent="0.2">
      <c r="A202" s="22">
        <v>253</v>
      </c>
      <c r="B202" s="23" t="s">
        <v>53</v>
      </c>
      <c r="C202" s="35" t="s">
        <v>655</v>
      </c>
      <c r="D202" s="32" t="s">
        <v>932</v>
      </c>
      <c r="E202" s="32" t="s">
        <v>1085</v>
      </c>
      <c r="G202" s="32" t="s">
        <v>58</v>
      </c>
      <c r="H202" s="32" t="s">
        <v>833</v>
      </c>
      <c r="K202" s="32" t="s">
        <v>2565</v>
      </c>
      <c r="N202" s="39">
        <v>74002.5</v>
      </c>
    </row>
    <row r="203" spans="1:14" ht="47.85" customHeight="1" x14ac:dyDescent="0.2">
      <c r="A203" s="22">
        <v>254</v>
      </c>
      <c r="B203" s="23" t="s">
        <v>53</v>
      </c>
      <c r="C203" s="35" t="s">
        <v>655</v>
      </c>
      <c r="D203" s="32" t="s">
        <v>932</v>
      </c>
      <c r="E203" s="32" t="s">
        <v>1094</v>
      </c>
      <c r="G203" s="32" t="s">
        <v>58</v>
      </c>
      <c r="H203" s="32" t="s">
        <v>2573</v>
      </c>
      <c r="K203" s="32" t="s">
        <v>722</v>
      </c>
      <c r="N203" s="39">
        <v>621588.11</v>
      </c>
    </row>
    <row r="204" spans="1:14" ht="47.85" customHeight="1" x14ac:dyDescent="0.2">
      <c r="A204" s="22">
        <v>255</v>
      </c>
      <c r="B204" s="23" t="s">
        <v>53</v>
      </c>
      <c r="C204" s="35" t="s">
        <v>655</v>
      </c>
      <c r="D204" s="32" t="s">
        <v>932</v>
      </c>
      <c r="E204" s="32" t="s">
        <v>1090</v>
      </c>
      <c r="G204" s="32" t="s">
        <v>58</v>
      </c>
      <c r="H204" s="32" t="s">
        <v>846</v>
      </c>
      <c r="K204" s="32" t="s">
        <v>834</v>
      </c>
      <c r="N204" s="39">
        <v>118782.235</v>
      </c>
    </row>
    <row r="205" spans="1:14" ht="47.85" customHeight="1" x14ac:dyDescent="0.2">
      <c r="A205" s="22">
        <v>256</v>
      </c>
      <c r="B205" s="23" t="s">
        <v>53</v>
      </c>
      <c r="C205" s="35" t="s">
        <v>655</v>
      </c>
      <c r="D205" s="32" t="s">
        <v>932</v>
      </c>
      <c r="E205" s="32" t="s">
        <v>1092</v>
      </c>
      <c r="G205" s="32" t="s">
        <v>58</v>
      </c>
      <c r="H205" s="32" t="s">
        <v>846</v>
      </c>
      <c r="K205" s="32" t="s">
        <v>834</v>
      </c>
      <c r="N205" s="39">
        <v>13024.44</v>
      </c>
    </row>
    <row r="206" spans="1:14" ht="47.85" customHeight="1" x14ac:dyDescent="0.2">
      <c r="A206" s="22">
        <v>257</v>
      </c>
      <c r="B206" s="23" t="s">
        <v>53</v>
      </c>
      <c r="C206" s="35" t="s">
        <v>655</v>
      </c>
      <c r="D206" s="32" t="s">
        <v>932</v>
      </c>
      <c r="E206" s="32" t="s">
        <v>1087</v>
      </c>
      <c r="G206" s="32" t="s">
        <v>58</v>
      </c>
      <c r="H206" s="32" t="s">
        <v>2574</v>
      </c>
      <c r="K206" s="32" t="s">
        <v>722</v>
      </c>
      <c r="N206" s="39">
        <v>777.02625</v>
      </c>
    </row>
    <row r="207" spans="1:14" ht="47.85" customHeight="1" x14ac:dyDescent="0.2">
      <c r="A207" s="22">
        <v>258</v>
      </c>
      <c r="B207" s="23" t="s">
        <v>53</v>
      </c>
      <c r="C207" s="35" t="s">
        <v>655</v>
      </c>
      <c r="D207" s="32" t="s">
        <v>932</v>
      </c>
      <c r="E207" s="32" t="s">
        <v>1097</v>
      </c>
      <c r="G207" s="32" t="s">
        <v>58</v>
      </c>
      <c r="H207" s="32" t="s">
        <v>2575</v>
      </c>
      <c r="K207" s="32" t="s">
        <v>722</v>
      </c>
      <c r="N207" s="39">
        <v>1578.72</v>
      </c>
    </row>
    <row r="208" spans="1:14" ht="47.85" customHeight="1" x14ac:dyDescent="0.2">
      <c r="A208" s="22">
        <v>259</v>
      </c>
      <c r="B208" s="23" t="s">
        <v>53</v>
      </c>
      <c r="C208" s="35" t="s">
        <v>655</v>
      </c>
      <c r="D208" s="32" t="s">
        <v>932</v>
      </c>
      <c r="E208" s="32" t="s">
        <v>1100</v>
      </c>
      <c r="G208" s="32" t="s">
        <v>58</v>
      </c>
      <c r="H208" s="32" t="s">
        <v>2575</v>
      </c>
      <c r="K208" s="32" t="s">
        <v>722</v>
      </c>
      <c r="N208" s="39">
        <v>340138.10187499999</v>
      </c>
    </row>
    <row r="209" spans="1:14" ht="47.85" customHeight="1" x14ac:dyDescent="0.2">
      <c r="A209" s="22">
        <v>260</v>
      </c>
      <c r="B209" s="23" t="s">
        <v>53</v>
      </c>
      <c r="C209" s="35" t="s">
        <v>655</v>
      </c>
      <c r="D209" s="32" t="s">
        <v>932</v>
      </c>
      <c r="E209" s="32" t="s">
        <v>1102</v>
      </c>
      <c r="G209" s="32" t="s">
        <v>58</v>
      </c>
      <c r="H209" s="32" t="s">
        <v>2575</v>
      </c>
      <c r="K209" s="32" t="s">
        <v>722</v>
      </c>
      <c r="N209" s="39">
        <v>1013423.125</v>
      </c>
    </row>
    <row r="210" spans="1:14" ht="47.85" customHeight="1" x14ac:dyDescent="0.2">
      <c r="A210" s="22">
        <v>261</v>
      </c>
      <c r="B210" s="23" t="s">
        <v>53</v>
      </c>
      <c r="C210" s="35" t="s">
        <v>655</v>
      </c>
      <c r="D210" s="32" t="s">
        <v>932</v>
      </c>
      <c r="E210" s="32" t="s">
        <v>1104</v>
      </c>
      <c r="G210" s="32" t="s">
        <v>58</v>
      </c>
      <c r="H210" s="32" t="s">
        <v>2575</v>
      </c>
      <c r="K210" s="32" t="s">
        <v>722</v>
      </c>
      <c r="N210" s="39">
        <v>21645.731250000001</v>
      </c>
    </row>
    <row r="211" spans="1:14" ht="47.85" customHeight="1" x14ac:dyDescent="0.2">
      <c r="A211" s="22">
        <v>262</v>
      </c>
      <c r="B211" s="23" t="s">
        <v>53</v>
      </c>
      <c r="C211" s="35" t="s">
        <v>655</v>
      </c>
      <c r="D211" s="32" t="s">
        <v>932</v>
      </c>
      <c r="E211" s="32" t="s">
        <v>1106</v>
      </c>
      <c r="G211" s="32" t="s">
        <v>58</v>
      </c>
      <c r="H211" s="32" t="s">
        <v>1108</v>
      </c>
      <c r="K211" s="32" t="s">
        <v>722</v>
      </c>
      <c r="N211" s="39">
        <v>41046.720000000001</v>
      </c>
    </row>
    <row r="212" spans="1:14" ht="47.85" customHeight="1" x14ac:dyDescent="0.2">
      <c r="A212" s="22">
        <v>263</v>
      </c>
      <c r="B212" s="23" t="s">
        <v>53</v>
      </c>
      <c r="C212" s="35" t="s">
        <v>655</v>
      </c>
      <c r="D212" s="32" t="s">
        <v>900</v>
      </c>
      <c r="E212" s="32" t="s">
        <v>1109</v>
      </c>
      <c r="G212" s="32" t="s">
        <v>58</v>
      </c>
      <c r="H212" s="32" t="s">
        <v>1108</v>
      </c>
      <c r="K212" s="32" t="s">
        <v>722</v>
      </c>
      <c r="N212" s="39"/>
    </row>
    <row r="213" spans="1:14" ht="47.85" customHeight="1" x14ac:dyDescent="0.2">
      <c r="A213" s="22">
        <v>264</v>
      </c>
      <c r="B213" s="23" t="s">
        <v>53</v>
      </c>
      <c r="C213" s="35" t="s">
        <v>655</v>
      </c>
      <c r="D213" s="32" t="s">
        <v>932</v>
      </c>
      <c r="E213" s="32" t="s">
        <v>2576</v>
      </c>
      <c r="G213" s="32" t="s">
        <v>58</v>
      </c>
      <c r="H213" s="32" t="s">
        <v>833</v>
      </c>
      <c r="K213" s="32" t="s">
        <v>2565</v>
      </c>
      <c r="N213" s="39"/>
    </row>
    <row r="214" spans="1:14" ht="47.85" customHeight="1" x14ac:dyDescent="0.2">
      <c r="A214" s="22">
        <v>265</v>
      </c>
      <c r="B214" s="23" t="s">
        <v>53</v>
      </c>
      <c r="C214" s="35" t="s">
        <v>655</v>
      </c>
      <c r="D214" s="32" t="s">
        <v>932</v>
      </c>
      <c r="E214" s="32" t="s">
        <v>1113</v>
      </c>
      <c r="G214" s="32" t="s">
        <v>58</v>
      </c>
      <c r="H214" s="32" t="s">
        <v>833</v>
      </c>
      <c r="K214" s="32" t="s">
        <v>2565</v>
      </c>
      <c r="N214" s="39">
        <v>13567.125</v>
      </c>
    </row>
    <row r="215" spans="1:14" ht="47.85" customHeight="1" x14ac:dyDescent="0.2">
      <c r="A215" s="22">
        <v>266</v>
      </c>
      <c r="B215" s="23" t="s">
        <v>53</v>
      </c>
      <c r="C215" s="35" t="s">
        <v>655</v>
      </c>
      <c r="D215" s="32" t="s">
        <v>932</v>
      </c>
      <c r="E215" s="32" t="s">
        <v>1115</v>
      </c>
      <c r="G215" s="32" t="s">
        <v>58</v>
      </c>
      <c r="H215" s="32" t="s">
        <v>833</v>
      </c>
      <c r="K215" s="32" t="s">
        <v>2565</v>
      </c>
      <c r="N215" s="39">
        <v>8395.8302999999996</v>
      </c>
    </row>
    <row r="216" spans="1:14" ht="47.85" customHeight="1" x14ac:dyDescent="0.2">
      <c r="A216" s="22">
        <v>267</v>
      </c>
      <c r="B216" s="23" t="s">
        <v>53</v>
      </c>
      <c r="C216" s="35" t="s">
        <v>655</v>
      </c>
      <c r="D216" s="32" t="s">
        <v>932</v>
      </c>
      <c r="E216" s="32" t="s">
        <v>1117</v>
      </c>
      <c r="G216" s="32" t="s">
        <v>58</v>
      </c>
      <c r="H216" s="32" t="s">
        <v>833</v>
      </c>
      <c r="K216" s="32" t="s">
        <v>2565</v>
      </c>
      <c r="N216" s="39">
        <v>176783.75</v>
      </c>
    </row>
    <row r="217" spans="1:14" ht="47.85" customHeight="1" x14ac:dyDescent="0.2">
      <c r="A217" s="22">
        <v>268</v>
      </c>
      <c r="B217" s="23" t="s">
        <v>53</v>
      </c>
      <c r="C217" s="35" t="s">
        <v>655</v>
      </c>
      <c r="D217" s="32" t="s">
        <v>900</v>
      </c>
      <c r="E217" s="32" t="s">
        <v>1119</v>
      </c>
      <c r="G217" s="32" t="s">
        <v>58</v>
      </c>
      <c r="H217" s="32" t="s">
        <v>833</v>
      </c>
      <c r="K217" s="32" t="s">
        <v>2565</v>
      </c>
      <c r="N217" s="39"/>
    </row>
    <row r="218" spans="1:14" ht="47.85" customHeight="1" x14ac:dyDescent="0.2">
      <c r="A218" s="22">
        <v>269</v>
      </c>
      <c r="B218" s="23" t="s">
        <v>53</v>
      </c>
      <c r="C218" s="35" t="s">
        <v>655</v>
      </c>
      <c r="D218" s="32" t="s">
        <v>932</v>
      </c>
      <c r="E218" s="32" t="s">
        <v>1121</v>
      </c>
      <c r="G218" s="32" t="s">
        <v>58</v>
      </c>
      <c r="H218" s="32" t="s">
        <v>833</v>
      </c>
      <c r="K218" s="32" t="s">
        <v>2565</v>
      </c>
      <c r="N218" s="39">
        <v>742080.625</v>
      </c>
    </row>
    <row r="219" spans="1:14" ht="47.85" customHeight="1" x14ac:dyDescent="0.2">
      <c r="A219" s="22">
        <v>270</v>
      </c>
      <c r="B219" s="23" t="s">
        <v>53</v>
      </c>
      <c r="C219" s="35" t="s">
        <v>655</v>
      </c>
      <c r="D219" s="32" t="s">
        <v>932</v>
      </c>
      <c r="E219" s="32" t="s">
        <v>1123</v>
      </c>
      <c r="G219" s="32" t="s">
        <v>58</v>
      </c>
      <c r="H219" s="32" t="s">
        <v>833</v>
      </c>
      <c r="K219" s="32" t="s">
        <v>2565</v>
      </c>
      <c r="N219" s="39">
        <v>226118.75</v>
      </c>
    </row>
    <row r="220" spans="1:14" ht="47.85" customHeight="1" x14ac:dyDescent="0.2">
      <c r="A220" s="22">
        <v>271</v>
      </c>
      <c r="B220" s="23" t="s">
        <v>53</v>
      </c>
      <c r="C220" s="35" t="s">
        <v>655</v>
      </c>
      <c r="D220" s="32" t="s">
        <v>932</v>
      </c>
      <c r="E220" s="32" t="s">
        <v>1125</v>
      </c>
      <c r="G220" s="32" t="s">
        <v>58</v>
      </c>
      <c r="H220" s="32" t="s">
        <v>833</v>
      </c>
      <c r="K220" s="32" t="s">
        <v>2565</v>
      </c>
      <c r="N220" s="39">
        <v>11305.9375</v>
      </c>
    </row>
    <row r="221" spans="1:14" ht="47.85" customHeight="1" x14ac:dyDescent="0.2">
      <c r="A221" s="22">
        <v>272</v>
      </c>
      <c r="B221" s="23" t="s">
        <v>53</v>
      </c>
      <c r="C221" s="35" t="s">
        <v>655</v>
      </c>
      <c r="D221" s="32" t="s">
        <v>932</v>
      </c>
      <c r="E221" s="32" t="s">
        <v>1127</v>
      </c>
      <c r="G221" s="32" t="s">
        <v>58</v>
      </c>
      <c r="H221" s="32" t="s">
        <v>833</v>
      </c>
      <c r="K221" s="32" t="s">
        <v>2565</v>
      </c>
      <c r="N221" s="39">
        <v>167327.875</v>
      </c>
    </row>
    <row r="222" spans="1:14" ht="47.85" customHeight="1" x14ac:dyDescent="0.2">
      <c r="A222" s="22">
        <v>273</v>
      </c>
      <c r="B222" s="23" t="s">
        <v>53</v>
      </c>
      <c r="C222" s="35" t="s">
        <v>655</v>
      </c>
      <c r="D222" s="32" t="s">
        <v>932</v>
      </c>
      <c r="E222" s="32" t="s">
        <v>1129</v>
      </c>
      <c r="G222" s="32" t="s">
        <v>58</v>
      </c>
      <c r="H222" s="32" t="s">
        <v>833</v>
      </c>
      <c r="K222" s="32" t="s">
        <v>2565</v>
      </c>
      <c r="N222" s="39">
        <v>129504.375</v>
      </c>
    </row>
    <row r="223" spans="1:14" ht="47.85" customHeight="1" x14ac:dyDescent="0.2">
      <c r="A223" s="22">
        <v>274</v>
      </c>
      <c r="B223" s="23" t="s">
        <v>53</v>
      </c>
      <c r="C223" s="35" t="s">
        <v>655</v>
      </c>
      <c r="D223" s="32" t="s">
        <v>900</v>
      </c>
      <c r="E223" s="32" t="s">
        <v>1131</v>
      </c>
      <c r="G223" s="32" t="s">
        <v>58</v>
      </c>
      <c r="H223" s="32" t="s">
        <v>833</v>
      </c>
      <c r="K223" s="32" t="s">
        <v>2565</v>
      </c>
      <c r="N223" s="39">
        <v>207618.125</v>
      </c>
    </row>
    <row r="224" spans="1:14" ht="47.85" customHeight="1" x14ac:dyDescent="0.2">
      <c r="A224" s="22">
        <v>275</v>
      </c>
      <c r="B224" s="23" t="s">
        <v>53</v>
      </c>
      <c r="C224" s="35" t="s">
        <v>655</v>
      </c>
      <c r="D224" s="32" t="s">
        <v>932</v>
      </c>
      <c r="E224" s="32" t="s">
        <v>1133</v>
      </c>
      <c r="G224" s="32" t="s">
        <v>58</v>
      </c>
      <c r="H224" s="32" t="s">
        <v>833</v>
      </c>
      <c r="K224" s="32" t="s">
        <v>2565</v>
      </c>
      <c r="N224" s="39">
        <v>6783.5625</v>
      </c>
    </row>
    <row r="225" spans="1:14" ht="47.85" customHeight="1" x14ac:dyDescent="0.2">
      <c r="A225" s="22">
        <v>276</v>
      </c>
      <c r="B225" s="23" t="s">
        <v>53</v>
      </c>
      <c r="C225" s="35" t="s">
        <v>655</v>
      </c>
      <c r="D225" s="32" t="s">
        <v>932</v>
      </c>
      <c r="E225" s="32" t="s">
        <v>1135</v>
      </c>
      <c r="G225" s="32" t="s">
        <v>58</v>
      </c>
      <c r="H225" s="32" t="s">
        <v>59</v>
      </c>
      <c r="K225" s="32" t="s">
        <v>722</v>
      </c>
      <c r="N225" s="39">
        <v>8682.9599999999991</v>
      </c>
    </row>
    <row r="226" spans="1:14" ht="47.85" customHeight="1" x14ac:dyDescent="0.2">
      <c r="A226" s="22">
        <v>277</v>
      </c>
      <c r="B226" s="23" t="s">
        <v>53</v>
      </c>
      <c r="C226" s="35" t="s">
        <v>655</v>
      </c>
      <c r="D226" s="32" t="s">
        <v>932</v>
      </c>
      <c r="E226" s="32" t="s">
        <v>1137</v>
      </c>
      <c r="G226" s="32" t="s">
        <v>58</v>
      </c>
      <c r="H226" s="32" t="s">
        <v>59</v>
      </c>
      <c r="K226" s="32" t="s">
        <v>722</v>
      </c>
      <c r="N226" s="39">
        <v>378235</v>
      </c>
    </row>
    <row r="227" spans="1:14" ht="47.85" customHeight="1" x14ac:dyDescent="0.2">
      <c r="A227" s="22">
        <v>278</v>
      </c>
      <c r="B227" s="23" t="s">
        <v>53</v>
      </c>
      <c r="C227" s="35" t="s">
        <v>655</v>
      </c>
      <c r="D227" s="32" t="s">
        <v>932</v>
      </c>
      <c r="E227" s="32" t="s">
        <v>1139</v>
      </c>
      <c r="G227" s="32" t="s">
        <v>58</v>
      </c>
      <c r="H227" s="32" t="s">
        <v>59</v>
      </c>
      <c r="K227" s="32" t="s">
        <v>722</v>
      </c>
      <c r="N227" s="39">
        <v>107338.29106</v>
      </c>
    </row>
    <row r="228" spans="1:14" ht="47.85" customHeight="1" x14ac:dyDescent="0.2">
      <c r="A228" s="22">
        <v>279</v>
      </c>
      <c r="B228" s="23" t="s">
        <v>53</v>
      </c>
      <c r="C228" s="35" t="s">
        <v>655</v>
      </c>
      <c r="D228" s="32" t="s">
        <v>932</v>
      </c>
      <c r="E228" s="32" t="s">
        <v>1141</v>
      </c>
      <c r="G228" s="32" t="s">
        <v>58</v>
      </c>
      <c r="H228" s="32" t="s">
        <v>59</v>
      </c>
      <c r="K228" s="32" t="s">
        <v>722</v>
      </c>
      <c r="N228" s="39">
        <v>606409.375</v>
      </c>
    </row>
    <row r="229" spans="1:14" ht="47.85" customHeight="1" x14ac:dyDescent="0.2">
      <c r="A229" s="22">
        <v>280</v>
      </c>
      <c r="B229" s="23" t="s">
        <v>53</v>
      </c>
      <c r="C229" s="35" t="s">
        <v>655</v>
      </c>
      <c r="D229" s="32" t="s">
        <v>932</v>
      </c>
      <c r="E229" s="32" t="s">
        <v>1143</v>
      </c>
      <c r="G229" s="32" t="s">
        <v>58</v>
      </c>
      <c r="H229" s="32" t="s">
        <v>59</v>
      </c>
      <c r="K229" s="32" t="s">
        <v>722</v>
      </c>
      <c r="N229" s="39"/>
    </row>
    <row r="230" spans="1:14" ht="47.85" customHeight="1" x14ac:dyDescent="0.2">
      <c r="A230" s="22">
        <v>281</v>
      </c>
      <c r="B230" s="23" t="s">
        <v>53</v>
      </c>
      <c r="C230" s="35" t="s">
        <v>655</v>
      </c>
      <c r="D230" s="32" t="s">
        <v>932</v>
      </c>
      <c r="E230" s="32" t="s">
        <v>1145</v>
      </c>
      <c r="G230" s="32" t="s">
        <v>58</v>
      </c>
      <c r="H230" s="32" t="s">
        <v>833</v>
      </c>
      <c r="K230" s="32" t="s">
        <v>722</v>
      </c>
      <c r="N230" s="39"/>
    </row>
    <row r="231" spans="1:14" ht="47.85" customHeight="1" x14ac:dyDescent="0.2">
      <c r="A231" s="22">
        <v>282</v>
      </c>
      <c r="B231" s="23" t="s">
        <v>53</v>
      </c>
      <c r="C231" s="35" t="s">
        <v>655</v>
      </c>
      <c r="D231" s="32" t="s">
        <v>932</v>
      </c>
      <c r="E231" s="32" t="s">
        <v>1147</v>
      </c>
      <c r="G231" s="32" t="s">
        <v>58</v>
      </c>
      <c r="H231" s="32" t="s">
        <v>833</v>
      </c>
      <c r="K231" s="32" t="s">
        <v>722</v>
      </c>
      <c r="N231" s="39"/>
    </row>
    <row r="232" spans="1:14" ht="47.85" customHeight="1" x14ac:dyDescent="0.2">
      <c r="A232" s="22">
        <v>283</v>
      </c>
      <c r="B232" s="23" t="s">
        <v>53</v>
      </c>
      <c r="C232" s="35" t="s">
        <v>655</v>
      </c>
      <c r="D232" s="32" t="s">
        <v>932</v>
      </c>
      <c r="E232" s="32" t="s">
        <v>1149</v>
      </c>
      <c r="G232" s="32" t="s">
        <v>58</v>
      </c>
      <c r="H232" s="32" t="s">
        <v>833</v>
      </c>
      <c r="K232" s="32" t="s">
        <v>722</v>
      </c>
      <c r="N232" s="39"/>
    </row>
    <row r="233" spans="1:14" ht="47.85" customHeight="1" x14ac:dyDescent="0.2">
      <c r="A233" s="22">
        <v>284</v>
      </c>
      <c r="B233" s="23" t="s">
        <v>53</v>
      </c>
      <c r="C233" s="35" t="s">
        <v>655</v>
      </c>
      <c r="D233" s="32" t="s">
        <v>932</v>
      </c>
      <c r="E233" s="32" t="s">
        <v>1151</v>
      </c>
      <c r="G233" s="32" t="s">
        <v>58</v>
      </c>
      <c r="H233" s="32" t="s">
        <v>833</v>
      </c>
      <c r="K233" s="32" t="s">
        <v>722</v>
      </c>
      <c r="N233" s="39"/>
    </row>
    <row r="234" spans="1:14" ht="47.85" customHeight="1" x14ac:dyDescent="0.2">
      <c r="A234" s="22">
        <v>285</v>
      </c>
      <c r="B234" s="23" t="s">
        <v>53</v>
      </c>
      <c r="C234" s="35" t="s">
        <v>655</v>
      </c>
      <c r="D234" s="32" t="s">
        <v>932</v>
      </c>
      <c r="E234" s="32" t="s">
        <v>1153</v>
      </c>
      <c r="G234" s="32" t="s">
        <v>58</v>
      </c>
      <c r="H234" s="32" t="s">
        <v>948</v>
      </c>
      <c r="K234" s="32" t="s">
        <v>2565</v>
      </c>
      <c r="N234" s="39"/>
    </row>
    <row r="235" spans="1:14" ht="47.85" customHeight="1" x14ac:dyDescent="0.2">
      <c r="A235" s="22">
        <v>286</v>
      </c>
      <c r="B235" s="23" t="s">
        <v>53</v>
      </c>
      <c r="C235" s="35" t="s">
        <v>655</v>
      </c>
      <c r="D235" s="32" t="s">
        <v>932</v>
      </c>
      <c r="E235" s="32" t="s">
        <v>1155</v>
      </c>
      <c r="G235" s="32" t="s">
        <v>58</v>
      </c>
      <c r="H235" s="32" t="s">
        <v>948</v>
      </c>
      <c r="K235" s="32" t="s">
        <v>2565</v>
      </c>
      <c r="N235" s="39"/>
    </row>
    <row r="236" spans="1:14" ht="47.85" customHeight="1" x14ac:dyDescent="0.2">
      <c r="A236" s="22">
        <v>287</v>
      </c>
      <c r="B236" s="23" t="s">
        <v>53</v>
      </c>
      <c r="C236" s="35" t="s">
        <v>655</v>
      </c>
      <c r="D236" s="32" t="s">
        <v>932</v>
      </c>
      <c r="E236" s="32" t="s">
        <v>1157</v>
      </c>
      <c r="G236" s="32" t="s">
        <v>58</v>
      </c>
      <c r="H236" s="32" t="s">
        <v>948</v>
      </c>
      <c r="K236" s="32" t="s">
        <v>2565</v>
      </c>
      <c r="N236" s="39"/>
    </row>
    <row r="237" spans="1:14" ht="47.85" customHeight="1" x14ac:dyDescent="0.2">
      <c r="A237" s="22">
        <v>288</v>
      </c>
      <c r="B237" s="23" t="s">
        <v>53</v>
      </c>
      <c r="C237" s="35" t="s">
        <v>655</v>
      </c>
      <c r="D237" s="32" t="s">
        <v>870</v>
      </c>
      <c r="E237" s="32" t="s">
        <v>1159</v>
      </c>
      <c r="G237" s="32" t="s">
        <v>58</v>
      </c>
      <c r="H237" s="32" t="s">
        <v>948</v>
      </c>
      <c r="K237" s="32" t="s">
        <v>2565</v>
      </c>
      <c r="N237" s="39"/>
    </row>
    <row r="238" spans="1:14" ht="47.85" customHeight="1" x14ac:dyDescent="0.2">
      <c r="A238" s="22">
        <v>289</v>
      </c>
      <c r="B238" s="23" t="s">
        <v>53</v>
      </c>
      <c r="C238" s="35" t="s">
        <v>655</v>
      </c>
      <c r="D238" s="32" t="s">
        <v>932</v>
      </c>
      <c r="E238" s="32" t="s">
        <v>1161</v>
      </c>
      <c r="G238" s="32" t="s">
        <v>58</v>
      </c>
      <c r="H238" s="32" t="s">
        <v>948</v>
      </c>
      <c r="K238" s="32" t="s">
        <v>2565</v>
      </c>
      <c r="N238" s="39"/>
    </row>
    <row r="239" spans="1:14" ht="47.85" customHeight="1" x14ac:dyDescent="0.2">
      <c r="A239" s="22">
        <v>290</v>
      </c>
      <c r="B239" s="23" t="s">
        <v>53</v>
      </c>
      <c r="C239" s="35" t="s">
        <v>655</v>
      </c>
      <c r="D239" s="32" t="s">
        <v>932</v>
      </c>
      <c r="E239" s="32" t="s">
        <v>1163</v>
      </c>
      <c r="G239" s="32" t="s">
        <v>58</v>
      </c>
      <c r="H239" s="32" t="s">
        <v>948</v>
      </c>
      <c r="K239" s="32" t="s">
        <v>2565</v>
      </c>
      <c r="N239" s="39"/>
    </row>
    <row r="240" spans="1:14" ht="47.85" customHeight="1" x14ac:dyDescent="0.2">
      <c r="A240" s="22">
        <v>291</v>
      </c>
      <c r="B240" s="23" t="s">
        <v>53</v>
      </c>
      <c r="C240" s="35" t="s">
        <v>655</v>
      </c>
      <c r="D240" s="32" t="s">
        <v>932</v>
      </c>
      <c r="E240" s="32" t="s">
        <v>1165</v>
      </c>
      <c r="G240" s="32" t="s">
        <v>58</v>
      </c>
      <c r="H240" s="32" t="s">
        <v>1167</v>
      </c>
      <c r="K240" s="32" t="s">
        <v>722</v>
      </c>
      <c r="N240" s="39"/>
    </row>
    <row r="241" spans="1:14" ht="47.85" customHeight="1" x14ac:dyDescent="0.2">
      <c r="A241" s="22">
        <v>292</v>
      </c>
      <c r="B241" s="23" t="s">
        <v>53</v>
      </c>
      <c r="C241" s="35" t="s">
        <v>655</v>
      </c>
      <c r="D241" s="32" t="s">
        <v>932</v>
      </c>
      <c r="E241" s="32" t="s">
        <v>1168</v>
      </c>
      <c r="G241" s="32" t="s">
        <v>58</v>
      </c>
      <c r="H241" s="32" t="s">
        <v>948</v>
      </c>
      <c r="K241" s="32" t="s">
        <v>722</v>
      </c>
      <c r="N241" s="39"/>
    </row>
    <row r="242" spans="1:14" ht="47.85" customHeight="1" x14ac:dyDescent="0.2">
      <c r="A242" s="22">
        <v>293</v>
      </c>
      <c r="B242" s="23" t="s">
        <v>53</v>
      </c>
      <c r="C242" s="35" t="s">
        <v>655</v>
      </c>
      <c r="D242" s="32" t="s">
        <v>932</v>
      </c>
      <c r="E242" s="32" t="s">
        <v>1170</v>
      </c>
      <c r="G242" s="32" t="s">
        <v>58</v>
      </c>
      <c r="H242" s="32" t="s">
        <v>1172</v>
      </c>
      <c r="K242" s="32" t="s">
        <v>722</v>
      </c>
      <c r="N242" s="39"/>
    </row>
    <row r="243" spans="1:14" ht="47.85" customHeight="1" x14ac:dyDescent="0.2">
      <c r="A243" s="22">
        <v>294</v>
      </c>
      <c r="B243" s="23" t="s">
        <v>53</v>
      </c>
      <c r="C243" s="35" t="s">
        <v>655</v>
      </c>
      <c r="D243" s="32" t="s">
        <v>932</v>
      </c>
      <c r="E243" s="32" t="s">
        <v>1173</v>
      </c>
      <c r="G243" s="32" t="s">
        <v>58</v>
      </c>
      <c r="H243" s="32" t="s">
        <v>1172</v>
      </c>
      <c r="K243" s="32" t="s">
        <v>722</v>
      </c>
      <c r="N243" s="39"/>
    </row>
    <row r="244" spans="1:14" ht="47.85" customHeight="1" x14ac:dyDescent="0.2">
      <c r="A244" s="22">
        <v>295</v>
      </c>
      <c r="B244" s="23" t="s">
        <v>53</v>
      </c>
      <c r="C244" s="35" t="s">
        <v>655</v>
      </c>
      <c r="D244" s="32" t="s">
        <v>932</v>
      </c>
      <c r="E244" s="32" t="s">
        <v>1175</v>
      </c>
      <c r="G244" s="32" t="s">
        <v>58</v>
      </c>
      <c r="H244" s="32" t="s">
        <v>1172</v>
      </c>
      <c r="K244" s="32" t="s">
        <v>722</v>
      </c>
      <c r="N244" s="39"/>
    </row>
    <row r="245" spans="1:14" ht="47.85" customHeight="1" x14ac:dyDescent="0.2">
      <c r="A245" s="22">
        <v>296</v>
      </c>
      <c r="B245" s="23" t="s">
        <v>53</v>
      </c>
      <c r="C245" s="35" t="s">
        <v>655</v>
      </c>
      <c r="D245" s="32" t="s">
        <v>900</v>
      </c>
      <c r="E245" s="32" t="s">
        <v>1177</v>
      </c>
      <c r="G245" s="32" t="s">
        <v>58</v>
      </c>
      <c r="H245" s="32" t="s">
        <v>1172</v>
      </c>
      <c r="K245" s="32" t="s">
        <v>722</v>
      </c>
      <c r="N245" s="39"/>
    </row>
    <row r="246" spans="1:14" ht="47.85" customHeight="1" x14ac:dyDescent="0.2">
      <c r="A246" s="22">
        <v>297</v>
      </c>
      <c r="B246" s="23" t="s">
        <v>53</v>
      </c>
      <c r="C246" s="35" t="s">
        <v>655</v>
      </c>
      <c r="D246" s="32" t="s">
        <v>900</v>
      </c>
      <c r="E246" s="32" t="s">
        <v>1179</v>
      </c>
      <c r="G246" s="32" t="s">
        <v>58</v>
      </c>
      <c r="H246" s="32" t="s">
        <v>1181</v>
      </c>
      <c r="K246" s="32" t="s">
        <v>722</v>
      </c>
      <c r="N246" s="39"/>
    </row>
    <row r="247" spans="1:14" ht="47.85" customHeight="1" x14ac:dyDescent="0.2">
      <c r="A247" s="22">
        <v>298</v>
      </c>
      <c r="B247" s="23" t="s">
        <v>53</v>
      </c>
      <c r="C247" s="35" t="s">
        <v>655</v>
      </c>
      <c r="D247" s="32" t="s">
        <v>900</v>
      </c>
      <c r="E247" s="32" t="s">
        <v>1182</v>
      </c>
      <c r="G247" s="32" t="s">
        <v>58</v>
      </c>
      <c r="H247" s="32" t="s">
        <v>833</v>
      </c>
      <c r="K247" s="32" t="s">
        <v>2565</v>
      </c>
      <c r="N247" s="39"/>
    </row>
    <row r="248" spans="1:14" ht="47.85" customHeight="1" x14ac:dyDescent="0.2">
      <c r="A248" s="22">
        <v>299</v>
      </c>
      <c r="B248" s="23" t="s">
        <v>53</v>
      </c>
      <c r="C248" s="35" t="s">
        <v>655</v>
      </c>
      <c r="D248" s="32" t="s">
        <v>932</v>
      </c>
      <c r="E248" s="32" t="s">
        <v>1184</v>
      </c>
      <c r="G248" s="32" t="s">
        <v>58</v>
      </c>
      <c r="H248" s="32" t="s">
        <v>833</v>
      </c>
      <c r="K248" s="32" t="s">
        <v>2565</v>
      </c>
      <c r="N248" s="39"/>
    </row>
    <row r="249" spans="1:14" ht="47.85" customHeight="1" x14ac:dyDescent="0.2">
      <c r="A249" s="22">
        <v>300</v>
      </c>
      <c r="B249" s="23" t="s">
        <v>53</v>
      </c>
      <c r="C249" s="35" t="s">
        <v>655</v>
      </c>
      <c r="D249" s="32" t="s">
        <v>932</v>
      </c>
      <c r="E249" s="32" t="s">
        <v>1186</v>
      </c>
      <c r="G249" s="32" t="s">
        <v>58</v>
      </c>
      <c r="H249" s="32" t="s">
        <v>833</v>
      </c>
      <c r="K249" s="32" t="s">
        <v>2565</v>
      </c>
      <c r="N249" s="39"/>
    </row>
    <row r="250" spans="1:14" ht="47.85" customHeight="1" x14ac:dyDescent="0.2">
      <c r="A250" s="22">
        <v>301</v>
      </c>
      <c r="B250" s="23" t="s">
        <v>53</v>
      </c>
      <c r="C250" s="35" t="s">
        <v>655</v>
      </c>
      <c r="D250" s="32" t="s">
        <v>932</v>
      </c>
      <c r="E250" s="32" t="s">
        <v>1188</v>
      </c>
      <c r="G250" s="32" t="s">
        <v>58</v>
      </c>
      <c r="H250" s="32" t="s">
        <v>833</v>
      </c>
      <c r="K250" s="32" t="s">
        <v>2565</v>
      </c>
      <c r="N250" s="39"/>
    </row>
    <row r="251" spans="1:14" ht="47.85" customHeight="1" x14ac:dyDescent="0.2">
      <c r="A251" s="22">
        <v>302</v>
      </c>
      <c r="B251" s="23" t="s">
        <v>53</v>
      </c>
      <c r="C251" s="35" t="s">
        <v>655</v>
      </c>
      <c r="D251" s="32" t="s">
        <v>932</v>
      </c>
      <c r="E251" s="32" t="s">
        <v>1190</v>
      </c>
      <c r="G251" s="32" t="s">
        <v>58</v>
      </c>
      <c r="H251" s="32" t="s">
        <v>833</v>
      </c>
      <c r="K251" s="32" t="s">
        <v>2565</v>
      </c>
      <c r="N251" s="39"/>
    </row>
    <row r="252" spans="1:14" ht="47.85" customHeight="1" x14ac:dyDescent="0.2">
      <c r="A252" s="22">
        <v>303</v>
      </c>
      <c r="B252" s="23" t="s">
        <v>53</v>
      </c>
      <c r="C252" s="35" t="s">
        <v>655</v>
      </c>
      <c r="D252" s="32" t="s">
        <v>932</v>
      </c>
      <c r="E252" s="32" t="s">
        <v>1192</v>
      </c>
      <c r="G252" s="32" t="s">
        <v>58</v>
      </c>
      <c r="H252" s="32" t="s">
        <v>2577</v>
      </c>
      <c r="K252" s="32" t="s">
        <v>722</v>
      </c>
      <c r="N252" s="39"/>
    </row>
    <row r="253" spans="1:14" ht="47.85" customHeight="1" x14ac:dyDescent="0.2">
      <c r="A253" s="22">
        <v>304</v>
      </c>
      <c r="B253" s="23" t="s">
        <v>53</v>
      </c>
      <c r="C253" s="35" t="s">
        <v>655</v>
      </c>
      <c r="D253" s="32" t="s">
        <v>932</v>
      </c>
      <c r="E253" s="32" t="s">
        <v>1195</v>
      </c>
      <c r="G253" s="32" t="s">
        <v>58</v>
      </c>
      <c r="H253" s="32" t="s">
        <v>2577</v>
      </c>
      <c r="K253" s="32" t="s">
        <v>722</v>
      </c>
      <c r="N253" s="39"/>
    </row>
    <row r="254" spans="1:14" ht="47.85" customHeight="1" x14ac:dyDescent="0.2">
      <c r="A254" s="22">
        <v>305</v>
      </c>
      <c r="B254" s="23" t="s">
        <v>53</v>
      </c>
      <c r="C254" s="35" t="s">
        <v>655</v>
      </c>
      <c r="D254" s="32" t="s">
        <v>932</v>
      </c>
      <c r="E254" s="32" t="s">
        <v>1197</v>
      </c>
      <c r="G254" s="32" t="s">
        <v>58</v>
      </c>
      <c r="H254" s="32" t="s">
        <v>2577</v>
      </c>
      <c r="K254" s="32" t="s">
        <v>722</v>
      </c>
      <c r="N254" s="39"/>
    </row>
    <row r="255" spans="1:14" ht="47.85" customHeight="1" x14ac:dyDescent="0.2">
      <c r="A255" s="22">
        <v>306</v>
      </c>
      <c r="B255" s="23" t="s">
        <v>53</v>
      </c>
      <c r="C255" s="35" t="s">
        <v>655</v>
      </c>
      <c r="D255" s="32" t="s">
        <v>932</v>
      </c>
      <c r="E255" s="32" t="s">
        <v>1199</v>
      </c>
      <c r="G255" s="32" t="s">
        <v>58</v>
      </c>
      <c r="H255" s="32" t="s">
        <v>2577</v>
      </c>
      <c r="K255" s="32" t="s">
        <v>722</v>
      </c>
      <c r="N255" s="39"/>
    </row>
    <row r="256" spans="1:14" ht="47.85" customHeight="1" x14ac:dyDescent="0.2">
      <c r="A256" s="22">
        <v>307</v>
      </c>
      <c r="B256" s="23" t="s">
        <v>53</v>
      </c>
      <c r="C256" s="35" t="s">
        <v>655</v>
      </c>
      <c r="D256" s="32" t="s">
        <v>932</v>
      </c>
      <c r="E256" s="32" t="s">
        <v>1201</v>
      </c>
      <c r="G256" s="32" t="s">
        <v>58</v>
      </c>
      <c r="H256" s="32" t="s">
        <v>2577</v>
      </c>
      <c r="K256" s="32" t="s">
        <v>722</v>
      </c>
      <c r="N256" s="39"/>
    </row>
    <row r="257" spans="1:14" ht="47.85" customHeight="1" x14ac:dyDescent="0.2">
      <c r="A257" s="22">
        <v>308</v>
      </c>
      <c r="B257" s="23" t="s">
        <v>53</v>
      </c>
      <c r="C257" s="35" t="s">
        <v>655</v>
      </c>
      <c r="D257" s="32" t="s">
        <v>932</v>
      </c>
      <c r="E257" s="32" t="s">
        <v>1203</v>
      </c>
      <c r="G257" s="32" t="s">
        <v>58</v>
      </c>
      <c r="H257" s="32" t="s">
        <v>833</v>
      </c>
      <c r="K257" s="32" t="s">
        <v>2565</v>
      </c>
      <c r="N257" s="39"/>
    </row>
    <row r="258" spans="1:14" ht="47.85" customHeight="1" x14ac:dyDescent="0.2">
      <c r="A258" s="22">
        <v>309</v>
      </c>
      <c r="B258" s="23" t="s">
        <v>53</v>
      </c>
      <c r="C258" s="35" t="s">
        <v>655</v>
      </c>
      <c r="D258" s="32" t="s">
        <v>932</v>
      </c>
      <c r="E258" s="32" t="s">
        <v>1205</v>
      </c>
      <c r="G258" s="32" t="s">
        <v>58</v>
      </c>
      <c r="H258" s="32" t="s">
        <v>833</v>
      </c>
      <c r="K258" s="32" t="s">
        <v>2565</v>
      </c>
      <c r="N258" s="39"/>
    </row>
    <row r="259" spans="1:14" ht="47.85" customHeight="1" x14ac:dyDescent="0.2">
      <c r="A259" s="22">
        <v>310</v>
      </c>
      <c r="B259" s="23" t="s">
        <v>53</v>
      </c>
      <c r="C259" s="35" t="s">
        <v>655</v>
      </c>
      <c r="D259" s="32" t="s">
        <v>932</v>
      </c>
      <c r="E259" s="32" t="s">
        <v>1207</v>
      </c>
      <c r="G259" s="32" t="s">
        <v>58</v>
      </c>
      <c r="H259" s="32" t="s">
        <v>833</v>
      </c>
      <c r="K259" s="32" t="s">
        <v>2565</v>
      </c>
      <c r="N259" s="39"/>
    </row>
    <row r="260" spans="1:14" ht="47.85" customHeight="1" x14ac:dyDescent="0.2">
      <c r="A260" s="22">
        <v>311</v>
      </c>
      <c r="B260" s="23" t="s">
        <v>53</v>
      </c>
      <c r="C260" s="35" t="s">
        <v>655</v>
      </c>
      <c r="D260" s="32" t="s">
        <v>932</v>
      </c>
      <c r="E260" s="32" t="s">
        <v>1209</v>
      </c>
      <c r="G260" s="32" t="s">
        <v>58</v>
      </c>
      <c r="H260" s="32" t="s">
        <v>833</v>
      </c>
      <c r="K260" s="32" t="s">
        <v>2565</v>
      </c>
      <c r="N260" s="39"/>
    </row>
    <row r="261" spans="1:14" ht="47.85" customHeight="1" x14ac:dyDescent="0.2">
      <c r="A261" s="22">
        <v>312</v>
      </c>
      <c r="B261" s="23" t="s">
        <v>53</v>
      </c>
      <c r="C261" s="35" t="s">
        <v>655</v>
      </c>
      <c r="D261" s="32" t="s">
        <v>932</v>
      </c>
      <c r="E261" s="32" t="s">
        <v>1211</v>
      </c>
      <c r="G261" s="32" t="s">
        <v>58</v>
      </c>
      <c r="H261" s="32" t="s">
        <v>833</v>
      </c>
      <c r="K261" s="32" t="s">
        <v>2565</v>
      </c>
      <c r="N261" s="39"/>
    </row>
    <row r="262" spans="1:14" ht="47.85" customHeight="1" x14ac:dyDescent="0.2">
      <c r="A262" s="22">
        <v>313</v>
      </c>
      <c r="B262" s="23" t="s">
        <v>53</v>
      </c>
      <c r="C262" s="35" t="s">
        <v>655</v>
      </c>
      <c r="D262" s="32" t="s">
        <v>932</v>
      </c>
      <c r="E262" s="32" t="s">
        <v>1213</v>
      </c>
      <c r="G262" s="32" t="s">
        <v>58</v>
      </c>
      <c r="H262" s="32" t="s">
        <v>833</v>
      </c>
      <c r="K262" s="32" t="s">
        <v>2565</v>
      </c>
      <c r="N262" s="39"/>
    </row>
    <row r="263" spans="1:14" ht="47.85" customHeight="1" x14ac:dyDescent="0.2">
      <c r="A263" s="22">
        <v>314</v>
      </c>
      <c r="B263" s="23" t="s">
        <v>53</v>
      </c>
      <c r="C263" s="35" t="s">
        <v>655</v>
      </c>
      <c r="D263" s="32" t="s">
        <v>932</v>
      </c>
      <c r="E263" s="32" t="s">
        <v>1215</v>
      </c>
      <c r="G263" s="32" t="s">
        <v>58</v>
      </c>
      <c r="H263" s="32" t="s">
        <v>833</v>
      </c>
      <c r="K263" s="32" t="s">
        <v>2565</v>
      </c>
      <c r="N263" s="39"/>
    </row>
    <row r="264" spans="1:14" ht="47.85" customHeight="1" x14ac:dyDescent="0.2">
      <c r="A264" s="22">
        <v>315</v>
      </c>
      <c r="B264" s="23" t="s">
        <v>53</v>
      </c>
      <c r="C264" s="35" t="s">
        <v>655</v>
      </c>
      <c r="D264" s="32" t="s">
        <v>932</v>
      </c>
      <c r="E264" s="32" t="s">
        <v>1217</v>
      </c>
      <c r="G264" s="32" t="s">
        <v>58</v>
      </c>
      <c r="H264" s="32" t="s">
        <v>833</v>
      </c>
      <c r="K264" s="32" t="s">
        <v>2565</v>
      </c>
      <c r="N264" s="39"/>
    </row>
    <row r="265" spans="1:14" ht="47.85" customHeight="1" x14ac:dyDescent="0.2">
      <c r="A265" s="22">
        <v>316</v>
      </c>
      <c r="B265" s="23" t="s">
        <v>53</v>
      </c>
      <c r="C265" s="35" t="s">
        <v>655</v>
      </c>
      <c r="D265" s="32" t="s">
        <v>932</v>
      </c>
      <c r="E265" s="32" t="s">
        <v>2578</v>
      </c>
      <c r="G265" s="32" t="s">
        <v>58</v>
      </c>
      <c r="H265" s="32" t="s">
        <v>833</v>
      </c>
      <c r="K265" s="32" t="s">
        <v>2565</v>
      </c>
      <c r="N265" s="39"/>
    </row>
    <row r="266" spans="1:14" ht="47.85" customHeight="1" x14ac:dyDescent="0.2">
      <c r="A266" s="22">
        <v>317</v>
      </c>
      <c r="B266" s="23" t="s">
        <v>53</v>
      </c>
      <c r="C266" s="35" t="s">
        <v>655</v>
      </c>
      <c r="D266" s="32" t="s">
        <v>932</v>
      </c>
      <c r="E266" s="32" t="s">
        <v>1221</v>
      </c>
      <c r="G266" s="32" t="s">
        <v>58</v>
      </c>
      <c r="H266" s="32" t="s">
        <v>833</v>
      </c>
      <c r="K266" s="32" t="s">
        <v>2565</v>
      </c>
      <c r="N266" s="39"/>
    </row>
    <row r="267" spans="1:14" ht="47.85" customHeight="1" x14ac:dyDescent="0.2">
      <c r="A267" s="22">
        <v>318</v>
      </c>
      <c r="B267" s="23" t="s">
        <v>53</v>
      </c>
      <c r="C267" s="35" t="s">
        <v>655</v>
      </c>
      <c r="D267" s="32" t="s">
        <v>932</v>
      </c>
      <c r="E267" s="32" t="s">
        <v>1223</v>
      </c>
      <c r="G267" s="32" t="s">
        <v>58</v>
      </c>
      <c r="H267" s="32" t="s">
        <v>833</v>
      </c>
      <c r="K267" s="32" t="s">
        <v>2565</v>
      </c>
      <c r="N267" s="39"/>
    </row>
    <row r="268" spans="1:14" ht="47.85" customHeight="1" x14ac:dyDescent="0.2">
      <c r="A268" s="22">
        <v>319</v>
      </c>
      <c r="B268" s="23" t="s">
        <v>53</v>
      </c>
      <c r="C268" s="35" t="s">
        <v>655</v>
      </c>
      <c r="D268" s="32" t="s">
        <v>932</v>
      </c>
      <c r="E268" s="32" t="s">
        <v>1225</v>
      </c>
      <c r="G268" s="32" t="s">
        <v>58</v>
      </c>
      <c r="H268" s="32" t="s">
        <v>833</v>
      </c>
      <c r="K268" s="32" t="s">
        <v>2565</v>
      </c>
      <c r="N268" s="39"/>
    </row>
    <row r="269" spans="1:14" ht="47.85" customHeight="1" x14ac:dyDescent="0.2">
      <c r="A269" s="22">
        <v>320</v>
      </c>
      <c r="B269" s="23" t="s">
        <v>53</v>
      </c>
      <c r="C269" s="35" t="s">
        <v>655</v>
      </c>
      <c r="D269" s="32" t="s">
        <v>932</v>
      </c>
      <c r="E269" s="32" t="s">
        <v>1227</v>
      </c>
      <c r="G269" s="32" t="s">
        <v>58</v>
      </c>
      <c r="H269" s="32" t="s">
        <v>833</v>
      </c>
      <c r="K269" s="32" t="s">
        <v>2565</v>
      </c>
      <c r="N269" s="39"/>
    </row>
    <row r="270" spans="1:14" ht="47.85" customHeight="1" x14ac:dyDescent="0.2">
      <c r="A270" s="22">
        <v>321</v>
      </c>
      <c r="B270" s="23" t="s">
        <v>53</v>
      </c>
      <c r="C270" s="35" t="s">
        <v>655</v>
      </c>
      <c r="D270" s="32" t="s">
        <v>932</v>
      </c>
      <c r="E270" s="32" t="s">
        <v>1229</v>
      </c>
      <c r="G270" s="32" t="s">
        <v>58</v>
      </c>
      <c r="H270" s="32" t="s">
        <v>833</v>
      </c>
      <c r="K270" s="32" t="s">
        <v>2565</v>
      </c>
      <c r="N270" s="39"/>
    </row>
    <row r="271" spans="1:14" ht="47.85" customHeight="1" x14ac:dyDescent="0.2">
      <c r="A271" s="22">
        <v>322</v>
      </c>
      <c r="B271" s="23" t="s">
        <v>53</v>
      </c>
      <c r="C271" s="35" t="s">
        <v>655</v>
      </c>
      <c r="D271" s="32" t="s">
        <v>932</v>
      </c>
      <c r="E271" s="32" t="s">
        <v>1231</v>
      </c>
      <c r="G271" s="32" t="s">
        <v>58</v>
      </c>
      <c r="H271" s="32" t="s">
        <v>833</v>
      </c>
      <c r="K271" s="32" t="s">
        <v>2565</v>
      </c>
      <c r="N271" s="39"/>
    </row>
    <row r="272" spans="1:14" ht="47.85" customHeight="1" x14ac:dyDescent="0.2">
      <c r="A272" s="22">
        <v>323</v>
      </c>
      <c r="B272" s="23" t="s">
        <v>53</v>
      </c>
      <c r="C272" s="35" t="s">
        <v>655</v>
      </c>
      <c r="D272" s="32" t="s">
        <v>932</v>
      </c>
      <c r="E272" s="32" t="s">
        <v>1233</v>
      </c>
      <c r="G272" s="32" t="s">
        <v>58</v>
      </c>
      <c r="H272" s="32" t="s">
        <v>833</v>
      </c>
      <c r="K272" s="32" t="s">
        <v>2565</v>
      </c>
      <c r="N272" s="39"/>
    </row>
    <row r="273" spans="1:14" ht="47.85" customHeight="1" x14ac:dyDescent="0.2">
      <c r="A273" s="22">
        <v>324</v>
      </c>
      <c r="B273" s="23" t="s">
        <v>53</v>
      </c>
      <c r="C273" s="35" t="s">
        <v>655</v>
      </c>
      <c r="D273" s="32" t="s">
        <v>932</v>
      </c>
      <c r="E273" s="32" t="s">
        <v>1235</v>
      </c>
      <c r="G273" s="32" t="s">
        <v>58</v>
      </c>
      <c r="H273" s="32" t="s">
        <v>833</v>
      </c>
      <c r="K273" s="32" t="s">
        <v>2565</v>
      </c>
      <c r="N273" s="39"/>
    </row>
    <row r="274" spans="1:14" ht="47.85" customHeight="1" x14ac:dyDescent="0.2">
      <c r="A274" s="22">
        <v>325</v>
      </c>
      <c r="B274" s="23" t="s">
        <v>53</v>
      </c>
      <c r="C274" s="35" t="s">
        <v>655</v>
      </c>
      <c r="D274" s="32" t="s">
        <v>932</v>
      </c>
      <c r="E274" s="32" t="s">
        <v>1237</v>
      </c>
      <c r="G274" s="32" t="s">
        <v>58</v>
      </c>
      <c r="H274" s="32" t="s">
        <v>833</v>
      </c>
      <c r="K274" s="32" t="s">
        <v>2565</v>
      </c>
      <c r="N274" s="39"/>
    </row>
    <row r="275" spans="1:14" ht="47.85" customHeight="1" x14ac:dyDescent="0.2">
      <c r="A275" s="22">
        <v>326</v>
      </c>
      <c r="B275" s="23" t="s">
        <v>53</v>
      </c>
      <c r="C275" s="35" t="s">
        <v>655</v>
      </c>
      <c r="D275" s="32" t="s">
        <v>932</v>
      </c>
      <c r="E275" s="32" t="s">
        <v>1239</v>
      </c>
      <c r="G275" s="32" t="s">
        <v>58</v>
      </c>
      <c r="H275" s="32" t="s">
        <v>833</v>
      </c>
      <c r="K275" s="32" t="s">
        <v>2565</v>
      </c>
      <c r="N275" s="39"/>
    </row>
    <row r="276" spans="1:14" ht="47.85" customHeight="1" x14ac:dyDescent="0.2">
      <c r="A276" s="22">
        <v>327</v>
      </c>
      <c r="B276" s="23" t="s">
        <v>53</v>
      </c>
      <c r="C276" s="35" t="s">
        <v>655</v>
      </c>
      <c r="D276" s="32" t="s">
        <v>932</v>
      </c>
      <c r="E276" s="32" t="s">
        <v>1241</v>
      </c>
      <c r="G276" s="32" t="s">
        <v>58</v>
      </c>
      <c r="H276" s="32" t="s">
        <v>833</v>
      </c>
      <c r="K276" s="32" t="s">
        <v>2565</v>
      </c>
      <c r="N276" s="39"/>
    </row>
    <row r="277" spans="1:14" ht="47.85" customHeight="1" x14ac:dyDescent="0.2">
      <c r="A277" s="22">
        <v>328</v>
      </c>
      <c r="B277" s="23" t="s">
        <v>53</v>
      </c>
      <c r="C277" s="35" t="s">
        <v>655</v>
      </c>
      <c r="D277" s="32" t="s">
        <v>932</v>
      </c>
      <c r="E277" s="32" t="s">
        <v>1243</v>
      </c>
      <c r="G277" s="32" t="s">
        <v>58</v>
      </c>
      <c r="H277" s="32" t="s">
        <v>833</v>
      </c>
      <c r="K277" s="32" t="s">
        <v>2565</v>
      </c>
      <c r="N277" s="39"/>
    </row>
    <row r="278" spans="1:14" ht="47.85" customHeight="1" x14ac:dyDescent="0.2">
      <c r="A278" s="22">
        <v>329</v>
      </c>
      <c r="B278" s="23" t="s">
        <v>53</v>
      </c>
      <c r="C278" s="35" t="s">
        <v>655</v>
      </c>
      <c r="D278" s="32" t="s">
        <v>932</v>
      </c>
      <c r="E278" s="32" t="s">
        <v>1245</v>
      </c>
      <c r="G278" s="32" t="s">
        <v>58</v>
      </c>
      <c r="H278" s="32" t="s">
        <v>833</v>
      </c>
      <c r="K278" s="32" t="s">
        <v>2565</v>
      </c>
      <c r="N278" s="39"/>
    </row>
    <row r="279" spans="1:14" ht="47.85" customHeight="1" x14ac:dyDescent="0.2">
      <c r="A279" s="22">
        <v>330</v>
      </c>
      <c r="B279" s="23" t="s">
        <v>53</v>
      </c>
      <c r="C279" s="35" t="s">
        <v>655</v>
      </c>
      <c r="D279" s="32" t="s">
        <v>932</v>
      </c>
      <c r="E279" s="32" t="s">
        <v>1247</v>
      </c>
      <c r="G279" s="32" t="s">
        <v>58</v>
      </c>
      <c r="H279" s="32" t="s">
        <v>833</v>
      </c>
      <c r="K279" s="32" t="s">
        <v>2565</v>
      </c>
      <c r="N279" s="39"/>
    </row>
    <row r="280" spans="1:14" ht="47.85" customHeight="1" x14ac:dyDescent="0.2">
      <c r="A280" s="22">
        <v>331</v>
      </c>
      <c r="B280" s="23" t="s">
        <v>53</v>
      </c>
      <c r="C280" s="35" t="s">
        <v>655</v>
      </c>
      <c r="D280" s="32" t="s">
        <v>932</v>
      </c>
      <c r="E280" s="32" t="s">
        <v>1249</v>
      </c>
      <c r="G280" s="32" t="s">
        <v>58</v>
      </c>
      <c r="H280" s="32" t="s">
        <v>833</v>
      </c>
      <c r="K280" s="32" t="s">
        <v>722</v>
      </c>
      <c r="N280" s="39"/>
    </row>
    <row r="281" spans="1:14" ht="47.85" customHeight="1" x14ac:dyDescent="0.2">
      <c r="A281" s="22">
        <v>332</v>
      </c>
      <c r="B281" s="23" t="s">
        <v>53</v>
      </c>
      <c r="C281" s="35" t="s">
        <v>655</v>
      </c>
      <c r="D281" s="32" t="s">
        <v>932</v>
      </c>
      <c r="E281" s="32" t="s">
        <v>1251</v>
      </c>
      <c r="G281" s="32" t="s">
        <v>58</v>
      </c>
      <c r="H281" s="32" t="s">
        <v>833</v>
      </c>
      <c r="K281" s="32" t="s">
        <v>722</v>
      </c>
      <c r="N281" s="39"/>
    </row>
    <row r="282" spans="1:14" ht="47.85" customHeight="1" x14ac:dyDescent="0.2">
      <c r="A282" s="22">
        <v>333</v>
      </c>
      <c r="B282" s="23" t="s">
        <v>53</v>
      </c>
      <c r="C282" s="35" t="s">
        <v>655</v>
      </c>
      <c r="D282" s="32" t="s">
        <v>932</v>
      </c>
      <c r="E282" s="32" t="s">
        <v>1253</v>
      </c>
      <c r="G282" s="32" t="s">
        <v>58</v>
      </c>
      <c r="H282" s="32" t="s">
        <v>846</v>
      </c>
      <c r="K282" s="32" t="s">
        <v>722</v>
      </c>
      <c r="N282" s="39"/>
    </row>
    <row r="283" spans="1:14" ht="47.85" customHeight="1" x14ac:dyDescent="0.2">
      <c r="A283" s="22">
        <v>334</v>
      </c>
      <c r="B283" s="23" t="s">
        <v>53</v>
      </c>
      <c r="C283" s="35" t="s">
        <v>655</v>
      </c>
      <c r="D283" s="32" t="s">
        <v>932</v>
      </c>
      <c r="E283" s="32" t="s">
        <v>1255</v>
      </c>
      <c r="G283" s="32" t="s">
        <v>58</v>
      </c>
      <c r="H283" s="32" t="s">
        <v>846</v>
      </c>
      <c r="K283" s="32" t="s">
        <v>722</v>
      </c>
      <c r="N283" s="39"/>
    </row>
    <row r="284" spans="1:14" ht="47.85" customHeight="1" x14ac:dyDescent="0.2">
      <c r="A284" s="22">
        <v>335</v>
      </c>
      <c r="B284" s="23" t="s">
        <v>53</v>
      </c>
      <c r="C284" s="35" t="s">
        <v>655</v>
      </c>
      <c r="D284" s="32" t="s">
        <v>932</v>
      </c>
      <c r="E284" s="32" t="s">
        <v>1257</v>
      </c>
      <c r="G284" s="32" t="s">
        <v>58</v>
      </c>
      <c r="H284" s="32" t="s">
        <v>846</v>
      </c>
      <c r="K284" s="32" t="s">
        <v>722</v>
      </c>
      <c r="N284" s="39"/>
    </row>
    <row r="285" spans="1:14" ht="47.85" customHeight="1" x14ac:dyDescent="0.2">
      <c r="A285" s="22">
        <v>336</v>
      </c>
      <c r="B285" s="23" t="s">
        <v>53</v>
      </c>
      <c r="C285" s="35" t="s">
        <v>655</v>
      </c>
      <c r="D285" s="32" t="s">
        <v>932</v>
      </c>
      <c r="E285" s="32" t="s">
        <v>1259</v>
      </c>
      <c r="G285" s="32" t="s">
        <v>58</v>
      </c>
      <c r="H285" s="32" t="s">
        <v>846</v>
      </c>
      <c r="K285" s="32" t="s">
        <v>722</v>
      </c>
      <c r="N285" s="39"/>
    </row>
    <row r="286" spans="1:14" ht="47.85" customHeight="1" x14ac:dyDescent="0.2">
      <c r="A286" s="22">
        <v>337</v>
      </c>
      <c r="B286" s="23" t="s">
        <v>53</v>
      </c>
      <c r="C286" s="35" t="s">
        <v>655</v>
      </c>
      <c r="D286" s="32" t="s">
        <v>932</v>
      </c>
      <c r="E286" s="32" t="s">
        <v>1261</v>
      </c>
      <c r="G286" s="32" t="s">
        <v>58</v>
      </c>
      <c r="H286" s="32" t="s">
        <v>846</v>
      </c>
      <c r="K286" s="32" t="s">
        <v>722</v>
      </c>
      <c r="N286" s="39"/>
    </row>
    <row r="287" spans="1:14" ht="47.85" customHeight="1" x14ac:dyDescent="0.2">
      <c r="A287" s="22">
        <v>338</v>
      </c>
      <c r="B287" s="23" t="s">
        <v>53</v>
      </c>
      <c r="C287" s="35" t="s">
        <v>655</v>
      </c>
      <c r="D287" s="32" t="s">
        <v>932</v>
      </c>
      <c r="E287" s="32" t="s">
        <v>1263</v>
      </c>
      <c r="G287" s="32" t="s">
        <v>58</v>
      </c>
      <c r="H287" s="32" t="s">
        <v>846</v>
      </c>
      <c r="K287" s="32" t="s">
        <v>722</v>
      </c>
      <c r="N287" s="39"/>
    </row>
    <row r="288" spans="1:14" ht="47.85" customHeight="1" x14ac:dyDescent="0.2">
      <c r="A288" s="22">
        <v>339</v>
      </c>
      <c r="B288" s="23" t="s">
        <v>53</v>
      </c>
      <c r="C288" s="35" t="s">
        <v>655</v>
      </c>
      <c r="D288" s="32" t="s">
        <v>932</v>
      </c>
      <c r="E288" s="32" t="s">
        <v>1265</v>
      </c>
      <c r="G288" s="32" t="s">
        <v>58</v>
      </c>
      <c r="H288" s="32" t="s">
        <v>59</v>
      </c>
      <c r="K288" s="32" t="s">
        <v>722</v>
      </c>
      <c r="N288" s="39"/>
    </row>
    <row r="289" spans="1:14" ht="47.85" customHeight="1" x14ac:dyDescent="0.2">
      <c r="A289" s="22">
        <v>340</v>
      </c>
      <c r="B289" s="23" t="s">
        <v>53</v>
      </c>
      <c r="C289" s="35" t="s">
        <v>655</v>
      </c>
      <c r="D289" s="32" t="s">
        <v>932</v>
      </c>
      <c r="E289" s="32" t="s">
        <v>1267</v>
      </c>
      <c r="G289" s="32" t="s">
        <v>58</v>
      </c>
      <c r="H289" s="32" t="s">
        <v>59</v>
      </c>
      <c r="K289" s="32" t="s">
        <v>722</v>
      </c>
      <c r="N289" s="39"/>
    </row>
    <row r="290" spans="1:14" ht="47.85" customHeight="1" x14ac:dyDescent="0.2">
      <c r="A290" s="22">
        <v>341</v>
      </c>
      <c r="B290" s="23" t="s">
        <v>53</v>
      </c>
      <c r="C290" s="35" t="s">
        <v>655</v>
      </c>
      <c r="D290" s="32" t="s">
        <v>932</v>
      </c>
      <c r="E290" s="32" t="s">
        <v>1269</v>
      </c>
      <c r="G290" s="32" t="s">
        <v>58</v>
      </c>
      <c r="H290" s="32" t="s">
        <v>59</v>
      </c>
      <c r="K290" s="32" t="s">
        <v>722</v>
      </c>
      <c r="N290" s="39"/>
    </row>
    <row r="291" spans="1:14" ht="47.85" customHeight="1" x14ac:dyDescent="0.2">
      <c r="A291" s="22">
        <v>342</v>
      </c>
      <c r="B291" s="23" t="s">
        <v>53</v>
      </c>
      <c r="C291" s="35" t="s">
        <v>655</v>
      </c>
      <c r="D291" s="32" t="s">
        <v>932</v>
      </c>
      <c r="E291" s="32" t="s">
        <v>1277</v>
      </c>
      <c r="G291" s="32" t="s">
        <v>58</v>
      </c>
      <c r="H291" s="32" t="s">
        <v>833</v>
      </c>
      <c r="K291" s="32" t="s">
        <v>722</v>
      </c>
      <c r="N291" s="39"/>
    </row>
    <row r="292" spans="1:14" ht="47.85" customHeight="1" x14ac:dyDescent="0.2">
      <c r="A292" s="22">
        <v>343</v>
      </c>
      <c r="B292" s="23" t="s">
        <v>53</v>
      </c>
      <c r="C292" s="35" t="s">
        <v>655</v>
      </c>
      <c r="D292" s="32" t="s">
        <v>932</v>
      </c>
      <c r="E292" s="32" t="s">
        <v>1279</v>
      </c>
      <c r="G292" s="32" t="s">
        <v>58</v>
      </c>
      <c r="H292" s="32" t="s">
        <v>833</v>
      </c>
      <c r="K292" s="32" t="s">
        <v>722</v>
      </c>
      <c r="N292" s="39"/>
    </row>
    <row r="293" spans="1:14" ht="47.85" customHeight="1" x14ac:dyDescent="0.2">
      <c r="A293" s="22">
        <v>344</v>
      </c>
      <c r="B293" s="23" t="s">
        <v>53</v>
      </c>
      <c r="C293" s="35" t="s">
        <v>655</v>
      </c>
      <c r="D293" s="32" t="s">
        <v>932</v>
      </c>
      <c r="E293" s="32" t="s">
        <v>1281</v>
      </c>
      <c r="G293" s="32" t="s">
        <v>58</v>
      </c>
      <c r="H293" s="32" t="s">
        <v>833</v>
      </c>
      <c r="K293" s="32" t="s">
        <v>722</v>
      </c>
      <c r="N293" s="39"/>
    </row>
    <row r="294" spans="1:14" ht="47.85" customHeight="1" x14ac:dyDescent="0.2">
      <c r="A294" s="22">
        <v>345</v>
      </c>
      <c r="B294" s="23" t="s">
        <v>53</v>
      </c>
      <c r="C294" s="35" t="s">
        <v>655</v>
      </c>
      <c r="D294" s="32" t="s">
        <v>932</v>
      </c>
      <c r="E294" s="32" t="s">
        <v>1283</v>
      </c>
      <c r="G294" s="32" t="s">
        <v>58</v>
      </c>
      <c r="H294" s="32" t="s">
        <v>833</v>
      </c>
      <c r="K294" s="32" t="s">
        <v>722</v>
      </c>
      <c r="N294" s="39"/>
    </row>
    <row r="295" spans="1:14" ht="47.85" customHeight="1" x14ac:dyDescent="0.2">
      <c r="A295" s="22">
        <v>346</v>
      </c>
      <c r="B295" s="23" t="s">
        <v>53</v>
      </c>
      <c r="C295" s="35" t="s">
        <v>655</v>
      </c>
      <c r="D295" s="32" t="s">
        <v>932</v>
      </c>
      <c r="E295" s="32" t="s">
        <v>1285</v>
      </c>
      <c r="G295" s="32" t="s">
        <v>58</v>
      </c>
      <c r="H295" s="32" t="s">
        <v>833</v>
      </c>
      <c r="K295" s="32" t="s">
        <v>722</v>
      </c>
      <c r="N295" s="39"/>
    </row>
    <row r="296" spans="1:14" ht="47.85" customHeight="1" x14ac:dyDescent="0.2">
      <c r="A296" s="22">
        <v>347</v>
      </c>
      <c r="B296" s="23" t="s">
        <v>53</v>
      </c>
      <c r="C296" s="35" t="s">
        <v>655</v>
      </c>
      <c r="D296" s="73" t="s">
        <v>932</v>
      </c>
      <c r="E296" s="32" t="s">
        <v>1287</v>
      </c>
      <c r="G296" s="32" t="s">
        <v>58</v>
      </c>
      <c r="H296" s="32" t="s">
        <v>833</v>
      </c>
      <c r="K296" s="32" t="s">
        <v>722</v>
      </c>
      <c r="N296" s="39"/>
    </row>
    <row r="297" spans="1:14" x14ac:dyDescent="0.2">
      <c r="D297" s="74"/>
    </row>
  </sheetData>
  <phoneticPr fontId="26" type="noConversion"/>
  <conditionalFormatting sqref="T1:T2">
    <cfRule type="containsText" dxfId="597" priority="3" operator="containsText" text="Important">
      <formula>NOT(ISERROR(SEARCH("Important",T1)))</formula>
    </cfRule>
    <cfRule type="containsText" dxfId="596" priority="4" operator="containsText" text="Essential">
      <formula>NOT(ISERROR(SEARCH("Essential",T1)))</formula>
    </cfRule>
    <cfRule type="containsText" dxfId="595" priority="7" operator="containsText" text="Desirable">
      <formula>NOT(ISERROR(SEARCH("Desirable",T1)))</formula>
    </cfRule>
    <cfRule type="containsText" dxfId="594" priority="8" operator="containsText" text="Critical">
      <formula>NOT(ISERROR(SEARCH("Critical",T1)))</formula>
    </cfRule>
    <cfRule type="colorScale" priority="10">
      <colorScale>
        <cfvo type="min"/>
        <cfvo type="percentile" val="50"/>
        <cfvo type="max"/>
        <color rgb="FFF8696B"/>
        <color rgb="FFFFEB84"/>
        <color rgb="FF63BE7B"/>
      </colorScale>
    </cfRule>
  </conditionalFormatting>
  <conditionalFormatting sqref="T1:T148">
    <cfRule type="containsText" priority="1" operator="containsText" text="Critical - Delivery">
      <formula>NOT(ISERROR(SEARCH("Critical - Delivery",T1)))</formula>
    </cfRule>
    <cfRule type="containsText" dxfId="593" priority="2" operator="containsText" text="Critical - Local Plan">
      <formula>NOT(ISERROR(SEARCH("Critical - Local Plan",T1)))</formula>
    </cfRule>
    <cfRule type="containsText" dxfId="592" priority="5" operator="containsText" text="Important">
      <formula>NOT(ISERROR(SEARCH("Important",T1)))</formula>
    </cfRule>
    <cfRule type="containsText" priority="6" operator="containsText" text="Important">
      <formula>NOT(ISERROR(SEARCH("Important",T1)))</formula>
    </cfRule>
    <cfRule type="containsText" dxfId="591" priority="9" operator="containsText" text="Essential">
      <formula>NOT(ISERROR(SEARCH("Essential",T1)))</formula>
    </cfRule>
  </conditionalFormatting>
  <conditionalFormatting sqref="T3:T148">
    <cfRule type="colorScale" priority="15">
      <colorScale>
        <cfvo type="min"/>
        <cfvo type="percentile" val="50"/>
        <cfvo type="max"/>
        <color rgb="FFF8696B"/>
        <color rgb="FFFFEB84"/>
        <color rgb="FF63BE7B"/>
      </colorScale>
    </cfRule>
    <cfRule type="containsText" dxfId="590" priority="16" operator="containsText" text="Important">
      <formula>NOT(ISERROR(SEARCH("Important",T3)))</formula>
    </cfRule>
    <cfRule type="containsText" dxfId="589" priority="18" operator="containsText" text="Desirable">
      <formula>NOT(ISERROR(SEARCH("Desirable",T3)))</formula>
    </cfRule>
    <cfRule type="containsText" dxfId="588" priority="19" operator="containsText" text="Critical">
      <formula>NOT(ISERROR(SEARCH("Critical",T3)))</formula>
    </cfRule>
    <cfRule type="containsText" dxfId="587" priority="20" operator="containsText" text="Essential">
      <formula>NOT(ISERROR(SEARCH("Essential",T3)))</formula>
    </cfRule>
  </conditionalFormatting>
  <pageMargins left="0.7" right="0.7" top="0.75" bottom="0.75" header="0.3" footer="0.3"/>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F49969-2CAF-4553-9B98-09216B522D64}">
  <sheetPr codeName="Sheet8"/>
  <dimension ref="A1:CF218"/>
  <sheetViews>
    <sheetView workbookViewId="0"/>
  </sheetViews>
  <sheetFormatPr defaultColWidth="8.625" defaultRowHeight="14.25" x14ac:dyDescent="0.2"/>
  <cols>
    <col min="1" max="1" width="8.625" style="119"/>
    <col min="2" max="2" width="22.125" style="119" customWidth="1"/>
    <col min="3" max="3" width="15.625" style="119" customWidth="1"/>
    <col min="4" max="4" width="15.125" style="119" customWidth="1"/>
    <col min="5" max="5" width="16.125" style="119" customWidth="1"/>
    <col min="6" max="6" width="26.125" style="119" customWidth="1"/>
    <col min="7" max="8" width="13.125" style="119" customWidth="1"/>
    <col min="9" max="11" width="14.625" style="119" customWidth="1"/>
    <col min="12" max="13" width="12.125" style="119" customWidth="1"/>
    <col min="14" max="14" width="12.625" style="119" customWidth="1"/>
    <col min="15" max="15" width="13.625" style="119" customWidth="1"/>
    <col min="16" max="16" width="13.125" style="119" customWidth="1"/>
    <col min="17" max="17" width="16.125" style="119" customWidth="1"/>
    <col min="18" max="18" width="11.625" style="119" customWidth="1"/>
    <col min="19" max="16384" width="8.625" style="119"/>
  </cols>
  <sheetData>
    <row r="1" spans="1:84" ht="90" x14ac:dyDescent="0.2">
      <c r="A1" s="97" t="s">
        <v>0</v>
      </c>
      <c r="B1" s="98" t="s">
        <v>1</v>
      </c>
      <c r="C1" s="98" t="s">
        <v>2</v>
      </c>
      <c r="D1" s="98" t="s">
        <v>3</v>
      </c>
      <c r="E1" s="99" t="s">
        <v>4</v>
      </c>
      <c r="F1" s="99" t="s">
        <v>5</v>
      </c>
      <c r="G1" s="98" t="s">
        <v>6</v>
      </c>
      <c r="H1" s="98" t="s">
        <v>7</v>
      </c>
      <c r="I1" s="98" t="s">
        <v>8</v>
      </c>
      <c r="J1" s="100" t="s">
        <v>9</v>
      </c>
      <c r="K1" s="100" t="s">
        <v>10</v>
      </c>
      <c r="L1" s="101" t="s">
        <v>11</v>
      </c>
      <c r="M1" s="101" t="s">
        <v>12</v>
      </c>
      <c r="N1" s="102" t="s">
        <v>2509</v>
      </c>
      <c r="O1" s="103" t="s">
        <v>2512</v>
      </c>
      <c r="P1" s="104" t="s">
        <v>15</v>
      </c>
      <c r="Q1" s="105" t="s">
        <v>16</v>
      </c>
      <c r="R1" s="106" t="s">
        <v>17</v>
      </c>
      <c r="S1" s="106" t="s">
        <v>18</v>
      </c>
      <c r="T1" s="106" t="s">
        <v>19</v>
      </c>
      <c r="U1" s="106" t="s">
        <v>20</v>
      </c>
      <c r="V1" s="106" t="s">
        <v>21</v>
      </c>
      <c r="W1" s="106" t="s">
        <v>22</v>
      </c>
      <c r="X1" s="106" t="s">
        <v>23</v>
      </c>
      <c r="Y1" s="106" t="s">
        <v>24</v>
      </c>
      <c r="Z1" s="106" t="s">
        <v>25</v>
      </c>
      <c r="AA1" s="106" t="s">
        <v>26</v>
      </c>
      <c r="AB1" s="106" t="s">
        <v>27</v>
      </c>
      <c r="AC1" s="106" t="s">
        <v>28</v>
      </c>
      <c r="AD1" s="106" t="s">
        <v>29</v>
      </c>
      <c r="AE1" s="106" t="s">
        <v>30</v>
      </c>
      <c r="AF1" s="106" t="s">
        <v>31</v>
      </c>
      <c r="AG1" s="106" t="s">
        <v>32</v>
      </c>
      <c r="AH1" s="107" t="s">
        <v>33</v>
      </c>
      <c r="AI1" s="108" t="s">
        <v>34</v>
      </c>
      <c r="AJ1" s="108" t="s">
        <v>35</v>
      </c>
      <c r="AK1" s="108" t="s">
        <v>36</v>
      </c>
      <c r="AL1" s="109" t="s">
        <v>37</v>
      </c>
      <c r="AM1" s="110" t="s">
        <v>38</v>
      </c>
      <c r="AN1" s="110" t="s">
        <v>39</v>
      </c>
      <c r="AO1" s="110" t="s">
        <v>40</v>
      </c>
      <c r="AP1" s="111" t="s">
        <v>41</v>
      </c>
      <c r="AQ1" s="112" t="s">
        <v>42</v>
      </c>
      <c r="AR1" s="113" t="s">
        <v>43</v>
      </c>
      <c r="AS1" s="114" t="s">
        <v>44</v>
      </c>
      <c r="AT1" s="115" t="s">
        <v>45</v>
      </c>
      <c r="AU1" s="116" t="s">
        <v>46</v>
      </c>
      <c r="AV1" s="117" t="s">
        <v>47</v>
      </c>
      <c r="AW1" s="118" t="s">
        <v>48</v>
      </c>
      <c r="AX1" s="118" t="s">
        <v>49</v>
      </c>
      <c r="AY1" s="106" t="s">
        <v>17</v>
      </c>
      <c r="AZ1" s="106" t="s">
        <v>18</v>
      </c>
      <c r="BA1" s="106" t="s">
        <v>19</v>
      </c>
      <c r="BB1" s="106" t="s">
        <v>20</v>
      </c>
      <c r="BC1" s="106" t="s">
        <v>21</v>
      </c>
      <c r="BD1" s="106" t="s">
        <v>22</v>
      </c>
      <c r="BE1" s="106" t="s">
        <v>23</v>
      </c>
      <c r="BF1" s="106" t="s">
        <v>24</v>
      </c>
      <c r="BG1" s="106" t="s">
        <v>25</v>
      </c>
      <c r="BH1" s="106" t="s">
        <v>26</v>
      </c>
      <c r="BI1" s="106" t="s">
        <v>27</v>
      </c>
      <c r="BJ1" s="106" t="s">
        <v>28</v>
      </c>
      <c r="BK1" s="106" t="s">
        <v>29</v>
      </c>
      <c r="BL1" s="106" t="s">
        <v>30</v>
      </c>
      <c r="BM1" s="106" t="s">
        <v>31</v>
      </c>
      <c r="BN1" s="106" t="s">
        <v>32</v>
      </c>
      <c r="BO1" s="107" t="s">
        <v>33</v>
      </c>
      <c r="BP1" s="108" t="s">
        <v>34</v>
      </c>
      <c r="BQ1" s="108" t="s">
        <v>35</v>
      </c>
      <c r="BR1" s="108" t="s">
        <v>36</v>
      </c>
      <c r="BS1" s="109" t="s">
        <v>37</v>
      </c>
      <c r="BT1" s="110" t="s">
        <v>38</v>
      </c>
      <c r="BU1" s="110" t="s">
        <v>39</v>
      </c>
      <c r="BV1" s="110" t="s">
        <v>40</v>
      </c>
      <c r="BW1" s="111" t="s">
        <v>41</v>
      </c>
      <c r="BX1" s="112" t="s">
        <v>42</v>
      </c>
      <c r="BY1" s="113" t="s">
        <v>43</v>
      </c>
      <c r="BZ1" s="114" t="s">
        <v>44</v>
      </c>
      <c r="CA1" s="115" t="s">
        <v>45</v>
      </c>
      <c r="CB1" s="116" t="s">
        <v>46</v>
      </c>
      <c r="CC1" s="117" t="s">
        <v>47</v>
      </c>
      <c r="CD1" s="99" t="s">
        <v>50</v>
      </c>
      <c r="CE1" s="99" t="s">
        <v>51</v>
      </c>
      <c r="CF1" s="99" t="s">
        <v>52</v>
      </c>
    </row>
    <row r="2" spans="1:84" ht="48" x14ac:dyDescent="0.2">
      <c r="A2" s="94">
        <v>746</v>
      </c>
      <c r="B2" s="95" t="s">
        <v>53</v>
      </c>
      <c r="C2" s="96" t="s">
        <v>655</v>
      </c>
      <c r="D2" s="121" t="s">
        <v>830</v>
      </c>
      <c r="E2" s="122" t="s">
        <v>831</v>
      </c>
      <c r="F2" s="122" t="s">
        <v>832</v>
      </c>
      <c r="G2" s="75" t="s">
        <v>58</v>
      </c>
      <c r="H2" s="122" t="s">
        <v>833</v>
      </c>
      <c r="I2" s="122" t="s">
        <v>81</v>
      </c>
      <c r="J2" s="88" t="s">
        <v>77</v>
      </c>
      <c r="K2" s="121" t="s">
        <v>834</v>
      </c>
      <c r="N2" s="126">
        <v>370629.1875</v>
      </c>
      <c r="P2" s="120"/>
      <c r="Q2" s="119" t="s">
        <v>65</v>
      </c>
    </row>
    <row r="3" spans="1:84" ht="80.849999999999994" customHeight="1" x14ac:dyDescent="0.2">
      <c r="A3" s="94">
        <v>747</v>
      </c>
      <c r="B3" s="95" t="s">
        <v>53</v>
      </c>
      <c r="C3" s="96" t="s">
        <v>655</v>
      </c>
      <c r="D3" s="121" t="s">
        <v>830</v>
      </c>
      <c r="E3" s="122" t="s">
        <v>835</v>
      </c>
      <c r="F3" s="122" t="s">
        <v>836</v>
      </c>
      <c r="G3" s="75" t="s">
        <v>58</v>
      </c>
      <c r="H3" s="122" t="s">
        <v>833</v>
      </c>
      <c r="I3" s="122" t="s">
        <v>81</v>
      </c>
      <c r="J3" s="88" t="s">
        <v>77</v>
      </c>
      <c r="K3" s="121" t="s">
        <v>834</v>
      </c>
      <c r="N3" s="126">
        <v>370629.1875</v>
      </c>
      <c r="P3" s="120"/>
      <c r="Q3" s="119" t="s">
        <v>65</v>
      </c>
    </row>
    <row r="4" spans="1:84" ht="36" x14ac:dyDescent="0.2">
      <c r="A4" s="94">
        <v>748</v>
      </c>
      <c r="B4" s="95" t="s">
        <v>53</v>
      </c>
      <c r="C4" s="96" t="s">
        <v>655</v>
      </c>
      <c r="D4" s="121" t="s">
        <v>830</v>
      </c>
      <c r="E4" s="122" t="s">
        <v>837</v>
      </c>
      <c r="F4" s="122" t="s">
        <v>838</v>
      </c>
      <c r="G4" s="75" t="s">
        <v>58</v>
      </c>
      <c r="H4" s="122" t="s">
        <v>59</v>
      </c>
      <c r="I4" s="122" t="s">
        <v>81</v>
      </c>
      <c r="J4" s="88" t="s">
        <v>77</v>
      </c>
      <c r="K4" s="121" t="s">
        <v>834</v>
      </c>
      <c r="N4" s="126">
        <v>370629.1875</v>
      </c>
      <c r="P4" s="120"/>
      <c r="Q4" s="119" t="s">
        <v>65</v>
      </c>
    </row>
    <row r="5" spans="1:84" ht="36" x14ac:dyDescent="0.2">
      <c r="A5" s="94">
        <v>749</v>
      </c>
      <c r="B5" s="95" t="s">
        <v>53</v>
      </c>
      <c r="C5" s="96" t="s">
        <v>655</v>
      </c>
      <c r="D5" s="121" t="s">
        <v>830</v>
      </c>
      <c r="E5" s="122" t="s">
        <v>840</v>
      </c>
      <c r="F5" s="122" t="s">
        <v>841</v>
      </c>
      <c r="G5" s="75" t="s">
        <v>58</v>
      </c>
      <c r="H5" s="122" t="s">
        <v>59</v>
      </c>
      <c r="I5" s="122" t="s">
        <v>81</v>
      </c>
      <c r="J5" s="88" t="s">
        <v>77</v>
      </c>
      <c r="K5" s="121" t="s">
        <v>834</v>
      </c>
      <c r="N5" s="126">
        <v>370629.1875</v>
      </c>
      <c r="P5" s="120"/>
      <c r="Q5" s="119" t="s">
        <v>65</v>
      </c>
    </row>
    <row r="6" spans="1:84" ht="48" x14ac:dyDescent="0.2">
      <c r="A6" s="94">
        <v>750</v>
      </c>
      <c r="B6" s="95" t="s">
        <v>53</v>
      </c>
      <c r="C6" s="96" t="s">
        <v>655</v>
      </c>
      <c r="D6" s="121" t="s">
        <v>830</v>
      </c>
      <c r="E6" s="122" t="s">
        <v>842</v>
      </c>
      <c r="F6" s="122" t="s">
        <v>843</v>
      </c>
      <c r="G6" s="75" t="s">
        <v>58</v>
      </c>
      <c r="H6" s="122" t="s">
        <v>833</v>
      </c>
      <c r="I6" s="122" t="s">
        <v>81</v>
      </c>
      <c r="J6" s="88" t="s">
        <v>77</v>
      </c>
      <c r="K6" s="121" t="s">
        <v>834</v>
      </c>
      <c r="N6" s="126">
        <v>370629.1875</v>
      </c>
      <c r="P6" s="120"/>
      <c r="Q6" s="119" t="s">
        <v>65</v>
      </c>
    </row>
    <row r="7" spans="1:84" ht="36" x14ac:dyDescent="0.2">
      <c r="A7" s="94">
        <v>751</v>
      </c>
      <c r="B7" s="95" t="s">
        <v>53</v>
      </c>
      <c r="C7" s="96" t="s">
        <v>655</v>
      </c>
      <c r="D7" s="121" t="s">
        <v>830</v>
      </c>
      <c r="E7" s="122" t="s">
        <v>844</v>
      </c>
      <c r="F7" s="122" t="s">
        <v>845</v>
      </c>
      <c r="G7" s="75" t="s">
        <v>58</v>
      </c>
      <c r="H7" s="122" t="s">
        <v>846</v>
      </c>
      <c r="I7" s="122" t="s">
        <v>81</v>
      </c>
      <c r="J7" s="88" t="s">
        <v>77</v>
      </c>
      <c r="K7" s="121" t="s">
        <v>834</v>
      </c>
      <c r="N7" s="126">
        <v>370629.1875</v>
      </c>
      <c r="P7" s="120"/>
      <c r="Q7" s="119" t="s">
        <v>65</v>
      </c>
    </row>
    <row r="8" spans="1:84" ht="72" x14ac:dyDescent="0.2">
      <c r="A8" s="94">
        <v>752</v>
      </c>
      <c r="B8" s="95" t="s">
        <v>53</v>
      </c>
      <c r="C8" s="96" t="s">
        <v>655</v>
      </c>
      <c r="D8" s="121" t="s">
        <v>830</v>
      </c>
      <c r="E8" s="122" t="s">
        <v>847</v>
      </c>
      <c r="F8" s="122" t="s">
        <v>848</v>
      </c>
      <c r="G8" s="75" t="s">
        <v>58</v>
      </c>
      <c r="H8" s="122" t="s">
        <v>833</v>
      </c>
      <c r="I8" s="122" t="s">
        <v>81</v>
      </c>
      <c r="J8" s="88" t="s">
        <v>77</v>
      </c>
      <c r="K8" s="121" t="s">
        <v>834</v>
      </c>
      <c r="N8" s="126">
        <v>370629.1875</v>
      </c>
      <c r="P8" s="120"/>
      <c r="Q8" s="119" t="s">
        <v>65</v>
      </c>
    </row>
    <row r="9" spans="1:84" ht="48" x14ac:dyDescent="0.2">
      <c r="A9" s="94">
        <v>753</v>
      </c>
      <c r="B9" s="95" t="s">
        <v>53</v>
      </c>
      <c r="C9" s="96" t="s">
        <v>655</v>
      </c>
      <c r="D9" s="121" t="s">
        <v>830</v>
      </c>
      <c r="E9" s="122" t="s">
        <v>849</v>
      </c>
      <c r="F9" s="122" t="s">
        <v>850</v>
      </c>
      <c r="G9" s="75" t="s">
        <v>58</v>
      </c>
      <c r="H9" s="122" t="s">
        <v>833</v>
      </c>
      <c r="I9" s="122" t="s">
        <v>81</v>
      </c>
      <c r="J9" s="88" t="s">
        <v>77</v>
      </c>
      <c r="K9" s="121" t="s">
        <v>834</v>
      </c>
      <c r="N9" s="126">
        <v>370629.1875</v>
      </c>
      <c r="P9" s="120"/>
      <c r="Q9" s="119" t="s">
        <v>65</v>
      </c>
    </row>
    <row r="10" spans="1:84" ht="48" x14ac:dyDescent="0.2">
      <c r="A10" s="94">
        <v>754</v>
      </c>
      <c r="B10" s="95" t="s">
        <v>53</v>
      </c>
      <c r="C10" s="96" t="s">
        <v>655</v>
      </c>
      <c r="D10" s="121" t="s">
        <v>830</v>
      </c>
      <c r="E10" s="122" t="s">
        <v>851</v>
      </c>
      <c r="F10" s="122" t="s">
        <v>852</v>
      </c>
      <c r="G10" s="75" t="s">
        <v>58</v>
      </c>
      <c r="H10" s="122" t="s">
        <v>846</v>
      </c>
      <c r="I10" s="122" t="s">
        <v>81</v>
      </c>
      <c r="J10" s="88" t="s">
        <v>77</v>
      </c>
      <c r="K10" s="121" t="s">
        <v>834</v>
      </c>
      <c r="N10" s="126">
        <v>370629.1875</v>
      </c>
      <c r="P10" s="120"/>
      <c r="Q10" s="119" t="s">
        <v>65</v>
      </c>
    </row>
    <row r="11" spans="1:84" ht="48" x14ac:dyDescent="0.2">
      <c r="A11" s="94">
        <v>755</v>
      </c>
      <c r="B11" s="95" t="s">
        <v>53</v>
      </c>
      <c r="C11" s="96" t="s">
        <v>655</v>
      </c>
      <c r="D11" s="121" t="s">
        <v>830</v>
      </c>
      <c r="E11" s="122" t="s">
        <v>854</v>
      </c>
      <c r="F11" s="122" t="s">
        <v>855</v>
      </c>
      <c r="G11" s="75" t="s">
        <v>58</v>
      </c>
      <c r="H11" s="122" t="s">
        <v>27</v>
      </c>
      <c r="I11" s="122" t="s">
        <v>81</v>
      </c>
      <c r="J11" s="88" t="s">
        <v>77</v>
      </c>
      <c r="K11" s="121" t="s">
        <v>834</v>
      </c>
      <c r="N11" s="126">
        <v>370629.1875</v>
      </c>
      <c r="P11" s="120"/>
      <c r="Q11" s="119" t="s">
        <v>65</v>
      </c>
    </row>
    <row r="12" spans="1:84" ht="36" x14ac:dyDescent="0.2">
      <c r="A12" s="94">
        <v>756</v>
      </c>
      <c r="B12" s="95" t="s">
        <v>53</v>
      </c>
      <c r="C12" s="96" t="s">
        <v>655</v>
      </c>
      <c r="D12" s="121" t="s">
        <v>830</v>
      </c>
      <c r="E12" s="122" t="s">
        <v>856</v>
      </c>
      <c r="F12" s="122" t="s">
        <v>857</v>
      </c>
      <c r="G12" s="75" t="s">
        <v>58</v>
      </c>
      <c r="H12" s="122" t="s">
        <v>858</v>
      </c>
      <c r="I12" s="122" t="s">
        <v>81</v>
      </c>
      <c r="J12" s="88" t="s">
        <v>77</v>
      </c>
      <c r="K12" s="121" t="s">
        <v>834</v>
      </c>
      <c r="N12" s="126">
        <v>370629.1875</v>
      </c>
      <c r="P12" s="120"/>
      <c r="Q12" s="119" t="s">
        <v>65</v>
      </c>
    </row>
    <row r="13" spans="1:84" ht="36" x14ac:dyDescent="0.2">
      <c r="A13" s="94">
        <v>757</v>
      </c>
      <c r="B13" s="95" t="s">
        <v>53</v>
      </c>
      <c r="C13" s="96" t="s">
        <v>655</v>
      </c>
      <c r="D13" s="121" t="s">
        <v>830</v>
      </c>
      <c r="E13" s="122" t="s">
        <v>859</v>
      </c>
      <c r="F13" s="122" t="s">
        <v>860</v>
      </c>
      <c r="G13" s="75" t="s">
        <v>58</v>
      </c>
      <c r="H13" s="122" t="s">
        <v>861</v>
      </c>
      <c r="I13" s="122" t="s">
        <v>81</v>
      </c>
      <c r="J13" s="88" t="s">
        <v>77</v>
      </c>
      <c r="K13" s="121" t="s">
        <v>834</v>
      </c>
      <c r="N13" s="126">
        <v>370629.1875</v>
      </c>
      <c r="P13" s="120"/>
      <c r="Q13" s="119" t="s">
        <v>65</v>
      </c>
    </row>
    <row r="14" spans="1:84" ht="48" x14ac:dyDescent="0.2">
      <c r="A14" s="94">
        <v>758</v>
      </c>
      <c r="B14" s="95" t="s">
        <v>53</v>
      </c>
      <c r="C14" s="96" t="s">
        <v>655</v>
      </c>
      <c r="D14" s="121" t="s">
        <v>830</v>
      </c>
      <c r="E14" s="122" t="s">
        <v>862</v>
      </c>
      <c r="F14" s="122" t="s">
        <v>863</v>
      </c>
      <c r="G14" s="75" t="s">
        <v>58</v>
      </c>
      <c r="H14" s="122" t="s">
        <v>833</v>
      </c>
      <c r="I14" s="122" t="s">
        <v>81</v>
      </c>
      <c r="J14" s="88" t="s">
        <v>77</v>
      </c>
      <c r="K14" s="121" t="s">
        <v>834</v>
      </c>
      <c r="N14" s="126">
        <v>370629.1875</v>
      </c>
      <c r="P14" s="120"/>
      <c r="Q14" s="119" t="s">
        <v>65</v>
      </c>
    </row>
    <row r="15" spans="1:84" ht="276" x14ac:dyDescent="0.2">
      <c r="A15" s="94">
        <v>759</v>
      </c>
      <c r="B15" s="95" t="s">
        <v>2579</v>
      </c>
      <c r="C15" s="96" t="s">
        <v>655</v>
      </c>
      <c r="D15" s="121" t="s">
        <v>830</v>
      </c>
      <c r="E15" s="122" t="s">
        <v>865</v>
      </c>
      <c r="F15" s="122" t="s">
        <v>866</v>
      </c>
      <c r="G15" s="75" t="s">
        <v>58</v>
      </c>
      <c r="H15" s="122" t="s">
        <v>867</v>
      </c>
      <c r="I15" s="122" t="s">
        <v>60</v>
      </c>
      <c r="J15" s="88" t="s">
        <v>77</v>
      </c>
      <c r="K15" s="121" t="s">
        <v>868</v>
      </c>
      <c r="N15" s="126">
        <v>877751.875</v>
      </c>
      <c r="P15" s="120"/>
      <c r="Q15" s="119" t="s">
        <v>65</v>
      </c>
    </row>
    <row r="16" spans="1:84" ht="72" x14ac:dyDescent="0.2">
      <c r="A16" s="94">
        <v>760</v>
      </c>
      <c r="B16" s="95" t="s">
        <v>869</v>
      </c>
      <c r="C16" s="96" t="s">
        <v>655</v>
      </c>
      <c r="D16" s="121" t="s">
        <v>870</v>
      </c>
      <c r="E16" s="122" t="s">
        <v>871</v>
      </c>
      <c r="F16" s="122" t="s">
        <v>872</v>
      </c>
      <c r="G16" s="75" t="s">
        <v>58</v>
      </c>
      <c r="H16" s="122" t="s">
        <v>833</v>
      </c>
      <c r="I16" s="122" t="s">
        <v>81</v>
      </c>
      <c r="J16" s="88" t="s">
        <v>77</v>
      </c>
      <c r="K16" s="121" t="s">
        <v>868</v>
      </c>
      <c r="N16" s="126">
        <v>40080.247349999998</v>
      </c>
      <c r="P16" s="120"/>
      <c r="Q16" s="119" t="s">
        <v>65</v>
      </c>
    </row>
    <row r="17" spans="1:17" ht="120" x14ac:dyDescent="0.2">
      <c r="A17" s="94">
        <v>761</v>
      </c>
      <c r="B17" s="95" t="s">
        <v>53</v>
      </c>
      <c r="C17" s="96" t="s">
        <v>655</v>
      </c>
      <c r="D17" s="121" t="s">
        <v>870</v>
      </c>
      <c r="E17" s="122" t="s">
        <v>873</v>
      </c>
      <c r="F17" s="122" t="s">
        <v>874</v>
      </c>
      <c r="G17" s="75" t="s">
        <v>58</v>
      </c>
      <c r="H17" s="122" t="s">
        <v>833</v>
      </c>
      <c r="I17" s="122" t="s">
        <v>81</v>
      </c>
      <c r="J17" s="88" t="s">
        <v>77</v>
      </c>
      <c r="K17" s="122" t="s">
        <v>868</v>
      </c>
      <c r="N17" s="126">
        <v>44337.52895</v>
      </c>
      <c r="P17" s="120"/>
      <c r="Q17" s="119" t="s">
        <v>65</v>
      </c>
    </row>
    <row r="18" spans="1:17" ht="156" x14ac:dyDescent="0.2">
      <c r="A18" s="94">
        <v>762</v>
      </c>
      <c r="B18" s="95" t="s">
        <v>53</v>
      </c>
      <c r="C18" s="96" t="s">
        <v>655</v>
      </c>
      <c r="D18" s="121" t="s">
        <v>870</v>
      </c>
      <c r="E18" s="122" t="s">
        <v>875</v>
      </c>
      <c r="F18" s="122" t="s">
        <v>876</v>
      </c>
      <c r="G18" s="75" t="s">
        <v>58</v>
      </c>
      <c r="H18" s="122" t="s">
        <v>833</v>
      </c>
      <c r="I18" s="122" t="s">
        <v>81</v>
      </c>
      <c r="J18" s="88" t="s">
        <v>77</v>
      </c>
      <c r="K18" s="122" t="s">
        <v>834</v>
      </c>
      <c r="N18" s="126">
        <v>71266.216450000007</v>
      </c>
      <c r="P18" s="120"/>
      <c r="Q18" s="119" t="s">
        <v>65</v>
      </c>
    </row>
    <row r="19" spans="1:17" ht="168" x14ac:dyDescent="0.2">
      <c r="A19" s="94">
        <v>763</v>
      </c>
      <c r="B19" s="95" t="s">
        <v>53</v>
      </c>
      <c r="C19" s="96" t="s">
        <v>655</v>
      </c>
      <c r="D19" s="121" t="s">
        <v>870</v>
      </c>
      <c r="E19" s="122" t="s">
        <v>877</v>
      </c>
      <c r="F19" s="122" t="s">
        <v>878</v>
      </c>
      <c r="G19" s="75" t="s">
        <v>58</v>
      </c>
      <c r="H19" s="122" t="s">
        <v>833</v>
      </c>
      <c r="I19" s="122" t="s">
        <v>81</v>
      </c>
      <c r="J19" s="88" t="s">
        <v>77</v>
      </c>
      <c r="K19" s="122" t="s">
        <v>879</v>
      </c>
      <c r="N19" s="131">
        <v>285064.86580000003</v>
      </c>
      <c r="P19" s="120"/>
      <c r="Q19" s="119" t="s">
        <v>65</v>
      </c>
    </row>
    <row r="20" spans="1:17" ht="120" x14ac:dyDescent="0.2">
      <c r="A20" s="94">
        <v>764</v>
      </c>
      <c r="B20" s="95" t="s">
        <v>53</v>
      </c>
      <c r="C20" s="96" t="s">
        <v>655</v>
      </c>
      <c r="D20" s="121" t="s">
        <v>830</v>
      </c>
      <c r="E20" s="122" t="s">
        <v>880</v>
      </c>
      <c r="F20" s="125" t="s">
        <v>1589</v>
      </c>
      <c r="G20" s="75" t="s">
        <v>58</v>
      </c>
      <c r="H20" s="122" t="s">
        <v>59</v>
      </c>
      <c r="I20" s="122" t="s">
        <v>60</v>
      </c>
      <c r="J20" s="88" t="s">
        <v>77</v>
      </c>
      <c r="K20" s="121" t="s">
        <v>834</v>
      </c>
      <c r="N20" s="126">
        <v>370629.1875</v>
      </c>
      <c r="P20" s="120"/>
      <c r="Q20" s="119" t="s">
        <v>65</v>
      </c>
    </row>
    <row r="21" spans="1:17" ht="120" x14ac:dyDescent="0.2">
      <c r="A21" s="94">
        <v>765</v>
      </c>
      <c r="B21" s="95" t="s">
        <v>53</v>
      </c>
      <c r="C21" s="96" t="s">
        <v>655</v>
      </c>
      <c r="D21" s="121" t="s">
        <v>830</v>
      </c>
      <c r="E21" s="122" t="s">
        <v>882</v>
      </c>
      <c r="F21" s="125" t="s">
        <v>1595</v>
      </c>
      <c r="G21" s="75" t="s">
        <v>58</v>
      </c>
      <c r="H21" s="122" t="s">
        <v>59</v>
      </c>
      <c r="I21" s="122" t="s">
        <v>60</v>
      </c>
      <c r="J21" s="88" t="s">
        <v>77</v>
      </c>
      <c r="K21" s="121" t="s">
        <v>834</v>
      </c>
      <c r="N21" s="126">
        <v>370629.1875</v>
      </c>
      <c r="P21" s="120"/>
      <c r="Q21" s="119" t="s">
        <v>65</v>
      </c>
    </row>
    <row r="22" spans="1:17" ht="144" x14ac:dyDescent="0.2">
      <c r="A22" s="94">
        <v>766</v>
      </c>
      <c r="B22" s="95" t="s">
        <v>53</v>
      </c>
      <c r="C22" s="96" t="s">
        <v>655</v>
      </c>
      <c r="D22" s="121" t="s">
        <v>830</v>
      </c>
      <c r="E22" s="122" t="s">
        <v>884</v>
      </c>
      <c r="F22" s="125" t="s">
        <v>1597</v>
      </c>
      <c r="G22" s="75" t="s">
        <v>58</v>
      </c>
      <c r="H22" s="122" t="s">
        <v>59</v>
      </c>
      <c r="I22" s="122" t="s">
        <v>60</v>
      </c>
      <c r="J22" s="88" t="s">
        <v>77</v>
      </c>
      <c r="K22" s="121" t="s">
        <v>834</v>
      </c>
      <c r="N22" s="126">
        <v>370629.1875</v>
      </c>
      <c r="P22" s="120"/>
      <c r="Q22" s="119" t="s">
        <v>65</v>
      </c>
    </row>
    <row r="23" spans="1:17" ht="144" x14ac:dyDescent="0.2">
      <c r="A23" s="94">
        <v>767</v>
      </c>
      <c r="B23" s="95" t="s">
        <v>53</v>
      </c>
      <c r="C23" s="96" t="s">
        <v>655</v>
      </c>
      <c r="D23" s="121" t="s">
        <v>830</v>
      </c>
      <c r="E23" s="122" t="s">
        <v>886</v>
      </c>
      <c r="F23" s="125" t="s">
        <v>887</v>
      </c>
      <c r="G23" s="75" t="s">
        <v>58</v>
      </c>
      <c r="H23" s="122" t="s">
        <v>846</v>
      </c>
      <c r="I23" s="122" t="s">
        <v>60</v>
      </c>
      <c r="J23" s="88" t="s">
        <v>77</v>
      </c>
      <c r="K23" s="121" t="s">
        <v>834</v>
      </c>
      <c r="N23" s="126">
        <v>370629.1875</v>
      </c>
      <c r="P23" s="120"/>
      <c r="Q23" s="119" t="s">
        <v>65</v>
      </c>
    </row>
    <row r="24" spans="1:17" ht="144" x14ac:dyDescent="0.2">
      <c r="A24" s="94">
        <v>768</v>
      </c>
      <c r="B24" s="95" t="s">
        <v>53</v>
      </c>
      <c r="C24" s="96" t="s">
        <v>655</v>
      </c>
      <c r="D24" s="121" t="s">
        <v>830</v>
      </c>
      <c r="E24" s="122" t="s">
        <v>886</v>
      </c>
      <c r="F24" s="125" t="s">
        <v>888</v>
      </c>
      <c r="G24" s="75" t="s">
        <v>58</v>
      </c>
      <c r="H24" s="122" t="s">
        <v>846</v>
      </c>
      <c r="I24" s="122" t="s">
        <v>60</v>
      </c>
      <c r="J24" s="88" t="s">
        <v>77</v>
      </c>
      <c r="K24" s="121" t="s">
        <v>834</v>
      </c>
      <c r="N24" s="126">
        <v>370629.1875</v>
      </c>
      <c r="P24" s="120"/>
      <c r="Q24" s="119" t="s">
        <v>65</v>
      </c>
    </row>
    <row r="25" spans="1:17" ht="96" x14ac:dyDescent="0.2">
      <c r="A25" s="94">
        <v>769</v>
      </c>
      <c r="B25" s="95" t="s">
        <v>869</v>
      </c>
      <c r="C25" s="96" t="s">
        <v>655</v>
      </c>
      <c r="D25" s="121" t="s">
        <v>830</v>
      </c>
      <c r="E25" s="122" t="s">
        <v>889</v>
      </c>
      <c r="F25" s="122" t="s">
        <v>1605</v>
      </c>
      <c r="G25" s="75" t="s">
        <v>58</v>
      </c>
      <c r="H25" s="122" t="s">
        <v>127</v>
      </c>
      <c r="I25" s="122" t="s">
        <v>60</v>
      </c>
      <c r="J25" s="88" t="s">
        <v>77</v>
      </c>
      <c r="K25" s="121" t="s">
        <v>834</v>
      </c>
      <c r="N25" s="126">
        <v>370629.1875</v>
      </c>
      <c r="P25" s="120"/>
      <c r="Q25" s="119" t="s">
        <v>65</v>
      </c>
    </row>
    <row r="26" spans="1:17" ht="96" x14ac:dyDescent="0.2">
      <c r="A26" s="94">
        <v>770</v>
      </c>
      <c r="B26" s="95" t="s">
        <v>869</v>
      </c>
      <c r="C26" s="96" t="s">
        <v>655</v>
      </c>
      <c r="D26" s="121" t="s">
        <v>830</v>
      </c>
      <c r="E26" s="122" t="s">
        <v>891</v>
      </c>
      <c r="F26" s="122" t="s">
        <v>1609</v>
      </c>
      <c r="G26" s="75" t="s">
        <v>58</v>
      </c>
      <c r="H26" s="122" t="s">
        <v>27</v>
      </c>
      <c r="I26" s="122" t="s">
        <v>60</v>
      </c>
      <c r="J26" s="88" t="s">
        <v>77</v>
      </c>
      <c r="K26" s="122" t="s">
        <v>834</v>
      </c>
      <c r="N26" s="126">
        <v>370629.1875</v>
      </c>
      <c r="P26" s="120"/>
      <c r="Q26" s="119" t="s">
        <v>65</v>
      </c>
    </row>
    <row r="27" spans="1:17" ht="96" x14ac:dyDescent="0.2">
      <c r="A27" s="94">
        <v>771</v>
      </c>
      <c r="B27" s="95" t="s">
        <v>869</v>
      </c>
      <c r="C27" s="96" t="s">
        <v>655</v>
      </c>
      <c r="D27" s="121" t="s">
        <v>830</v>
      </c>
      <c r="E27" s="122" t="s">
        <v>893</v>
      </c>
      <c r="F27" s="122" t="s">
        <v>1661</v>
      </c>
      <c r="G27" s="75" t="s">
        <v>58</v>
      </c>
      <c r="H27" s="122" t="s">
        <v>26</v>
      </c>
      <c r="I27" s="122" t="s">
        <v>60</v>
      </c>
      <c r="J27" s="88" t="s">
        <v>77</v>
      </c>
      <c r="K27" s="121" t="s">
        <v>834</v>
      </c>
      <c r="N27" s="126">
        <v>370629.1875</v>
      </c>
      <c r="P27" s="120"/>
      <c r="Q27" s="119" t="s">
        <v>65</v>
      </c>
    </row>
    <row r="28" spans="1:17" ht="120" x14ac:dyDescent="0.2">
      <c r="A28" s="94">
        <v>772</v>
      </c>
      <c r="B28" s="95" t="s">
        <v>53</v>
      </c>
      <c r="C28" s="96" t="s">
        <v>655</v>
      </c>
      <c r="D28" s="121" t="s">
        <v>830</v>
      </c>
      <c r="E28" s="122" t="s">
        <v>895</v>
      </c>
      <c r="F28" s="122" t="s">
        <v>2580</v>
      </c>
      <c r="G28" s="75" t="s">
        <v>58</v>
      </c>
      <c r="H28" s="122" t="s">
        <v>833</v>
      </c>
      <c r="I28" s="122" t="s">
        <v>81</v>
      </c>
      <c r="J28" s="88" t="s">
        <v>77</v>
      </c>
      <c r="K28" s="121" t="s">
        <v>834</v>
      </c>
      <c r="N28" s="126">
        <v>877751.875</v>
      </c>
      <c r="P28" s="120"/>
      <c r="Q28" s="119" t="s">
        <v>65</v>
      </c>
    </row>
    <row r="29" spans="1:17" ht="36" x14ac:dyDescent="0.2">
      <c r="A29" s="94">
        <v>773</v>
      </c>
      <c r="B29" s="95" t="s">
        <v>53</v>
      </c>
      <c r="C29" s="96" t="s">
        <v>655</v>
      </c>
      <c r="D29" s="121" t="s">
        <v>897</v>
      </c>
      <c r="E29" s="122" t="s">
        <v>898</v>
      </c>
      <c r="F29" s="122" t="s">
        <v>899</v>
      </c>
      <c r="G29" s="75" t="s">
        <v>58</v>
      </c>
      <c r="H29" s="122" t="s">
        <v>833</v>
      </c>
      <c r="I29" s="122" t="s">
        <v>81</v>
      </c>
      <c r="J29" s="88" t="s">
        <v>77</v>
      </c>
      <c r="K29" s="122" t="s">
        <v>868</v>
      </c>
      <c r="N29" s="130">
        <v>7410000</v>
      </c>
      <c r="P29" s="120"/>
      <c r="Q29" s="119" t="s">
        <v>65</v>
      </c>
    </row>
    <row r="30" spans="1:17" ht="228" x14ac:dyDescent="0.2">
      <c r="A30" s="94">
        <v>774</v>
      </c>
      <c r="B30" s="95" t="s">
        <v>53</v>
      </c>
      <c r="C30" s="96" t="s">
        <v>655</v>
      </c>
      <c r="D30" s="122" t="s">
        <v>900</v>
      </c>
      <c r="E30" s="122" t="s">
        <v>901</v>
      </c>
      <c r="F30" s="122" t="s">
        <v>902</v>
      </c>
      <c r="G30" s="75" t="s">
        <v>58</v>
      </c>
      <c r="H30" s="122" t="s">
        <v>903</v>
      </c>
      <c r="I30" s="122" t="s">
        <v>81</v>
      </c>
      <c r="J30" s="88" t="s">
        <v>77</v>
      </c>
      <c r="K30" s="122" t="s">
        <v>904</v>
      </c>
      <c r="N30" s="130">
        <v>106900000</v>
      </c>
      <c r="P30" s="120"/>
      <c r="Q30" s="119" t="s">
        <v>65</v>
      </c>
    </row>
    <row r="31" spans="1:17" ht="108" x14ac:dyDescent="0.2">
      <c r="A31" s="94">
        <v>775</v>
      </c>
      <c r="B31" s="95" t="s">
        <v>53</v>
      </c>
      <c r="C31" s="96" t="s">
        <v>655</v>
      </c>
      <c r="D31" s="122" t="s">
        <v>900</v>
      </c>
      <c r="E31" s="122" t="s">
        <v>905</v>
      </c>
      <c r="F31" s="122" t="s">
        <v>906</v>
      </c>
      <c r="G31" s="75" t="s">
        <v>58</v>
      </c>
      <c r="H31" s="122" t="s">
        <v>846</v>
      </c>
      <c r="I31" s="122" t="s">
        <v>81</v>
      </c>
      <c r="J31" s="88" t="s">
        <v>77</v>
      </c>
      <c r="K31" s="121" t="s">
        <v>722</v>
      </c>
      <c r="N31" s="126">
        <v>1056500</v>
      </c>
      <c r="P31" s="120"/>
      <c r="Q31" s="119" t="s">
        <v>65</v>
      </c>
    </row>
    <row r="32" spans="1:17" ht="120" x14ac:dyDescent="0.2">
      <c r="A32" s="94">
        <v>776</v>
      </c>
      <c r="B32" s="95" t="s">
        <v>53</v>
      </c>
      <c r="C32" s="96" t="s">
        <v>655</v>
      </c>
      <c r="D32" s="122" t="s">
        <v>900</v>
      </c>
      <c r="E32" s="124" t="s">
        <v>907</v>
      </c>
      <c r="F32" s="124" t="s">
        <v>908</v>
      </c>
      <c r="G32" s="75" t="s">
        <v>58</v>
      </c>
      <c r="H32" s="122" t="s">
        <v>846</v>
      </c>
      <c r="I32" s="122" t="s">
        <v>909</v>
      </c>
      <c r="J32" s="88" t="s">
        <v>77</v>
      </c>
      <c r="K32" s="122" t="s">
        <v>834</v>
      </c>
      <c r="N32" s="126">
        <v>22000000</v>
      </c>
      <c r="P32" s="120"/>
      <c r="Q32" s="119" t="s">
        <v>65</v>
      </c>
    </row>
    <row r="33" spans="1:17" ht="48" x14ac:dyDescent="0.2">
      <c r="A33" s="94">
        <v>777</v>
      </c>
      <c r="B33" s="95" t="s">
        <v>869</v>
      </c>
      <c r="C33" s="96" t="s">
        <v>655</v>
      </c>
      <c r="D33" s="122" t="s">
        <v>900</v>
      </c>
      <c r="E33" s="122" t="s">
        <v>910</v>
      </c>
      <c r="F33" s="122" t="s">
        <v>911</v>
      </c>
      <c r="G33" s="75" t="s">
        <v>58</v>
      </c>
      <c r="H33" s="122" t="s">
        <v>833</v>
      </c>
      <c r="I33" s="122" t="s">
        <v>81</v>
      </c>
      <c r="J33" s="88" t="s">
        <v>77</v>
      </c>
      <c r="K33" s="122" t="s">
        <v>834</v>
      </c>
      <c r="N33" s="126">
        <v>44990.539343750002</v>
      </c>
      <c r="P33" s="120"/>
      <c r="Q33" s="119" t="s">
        <v>65</v>
      </c>
    </row>
    <row r="34" spans="1:17" ht="48" x14ac:dyDescent="0.2">
      <c r="A34" s="94">
        <v>778</v>
      </c>
      <c r="B34" s="95" t="s">
        <v>912</v>
      </c>
      <c r="C34" s="96" t="s">
        <v>655</v>
      </c>
      <c r="D34" s="122" t="s">
        <v>900</v>
      </c>
      <c r="E34" s="122" t="s">
        <v>913</v>
      </c>
      <c r="F34" s="122" t="s">
        <v>911</v>
      </c>
      <c r="G34" s="75" t="s">
        <v>58</v>
      </c>
      <c r="H34" s="122" t="s">
        <v>833</v>
      </c>
      <c r="I34" s="122" t="s">
        <v>81</v>
      </c>
      <c r="J34" s="88" t="s">
        <v>77</v>
      </c>
      <c r="K34" s="122" t="s">
        <v>834</v>
      </c>
      <c r="N34" s="126">
        <v>44990.539343750002</v>
      </c>
      <c r="P34" s="120"/>
      <c r="Q34" s="119" t="s">
        <v>65</v>
      </c>
    </row>
    <row r="35" spans="1:17" ht="72" x14ac:dyDescent="0.2">
      <c r="A35" s="94">
        <v>779</v>
      </c>
      <c r="B35" s="95" t="s">
        <v>869</v>
      </c>
      <c r="C35" s="96" t="s">
        <v>655</v>
      </c>
      <c r="D35" s="122" t="s">
        <v>900</v>
      </c>
      <c r="E35" s="122" t="s">
        <v>914</v>
      </c>
      <c r="F35" s="122" t="s">
        <v>911</v>
      </c>
      <c r="G35" s="75" t="s">
        <v>58</v>
      </c>
      <c r="H35" s="122" t="s">
        <v>833</v>
      </c>
      <c r="I35" s="122" t="s">
        <v>81</v>
      </c>
      <c r="J35" s="88" t="s">
        <v>77</v>
      </c>
      <c r="K35" s="122" t="s">
        <v>834</v>
      </c>
      <c r="N35" s="126">
        <v>43612.20166875</v>
      </c>
      <c r="P35" s="120"/>
      <c r="Q35" s="119" t="s">
        <v>65</v>
      </c>
    </row>
    <row r="36" spans="1:17" ht="48" x14ac:dyDescent="0.2">
      <c r="A36" s="94">
        <v>780</v>
      </c>
      <c r="B36" s="95" t="s">
        <v>53</v>
      </c>
      <c r="C36" s="96" t="s">
        <v>655</v>
      </c>
      <c r="D36" s="122" t="s">
        <v>900</v>
      </c>
      <c r="E36" s="122" t="s">
        <v>915</v>
      </c>
      <c r="F36" s="122" t="s">
        <v>911</v>
      </c>
      <c r="G36" s="75" t="s">
        <v>58</v>
      </c>
      <c r="H36" s="122" t="s">
        <v>833</v>
      </c>
      <c r="I36" s="122" t="s">
        <v>81</v>
      </c>
      <c r="J36" s="88" t="s">
        <v>77</v>
      </c>
      <c r="K36" s="122" t="s">
        <v>834</v>
      </c>
      <c r="N36" s="126">
        <v>44990.539343750002</v>
      </c>
      <c r="P36" s="120"/>
      <c r="Q36" s="119" t="s">
        <v>65</v>
      </c>
    </row>
    <row r="37" spans="1:17" ht="72" x14ac:dyDescent="0.2">
      <c r="A37" s="94">
        <v>781</v>
      </c>
      <c r="B37" s="95" t="s">
        <v>53</v>
      </c>
      <c r="C37" s="96" t="s">
        <v>655</v>
      </c>
      <c r="D37" s="122" t="s">
        <v>900</v>
      </c>
      <c r="E37" s="122" t="s">
        <v>916</v>
      </c>
      <c r="F37" s="125" t="s">
        <v>917</v>
      </c>
      <c r="G37" s="75" t="s">
        <v>58</v>
      </c>
      <c r="H37" s="122" t="s">
        <v>846</v>
      </c>
      <c r="I37" s="122" t="s">
        <v>81</v>
      </c>
      <c r="J37" s="88" t="s">
        <v>77</v>
      </c>
      <c r="K37" s="122" t="s">
        <v>834</v>
      </c>
      <c r="N37" s="126">
        <v>339178.125</v>
      </c>
      <c r="P37" s="120"/>
      <c r="Q37" s="119" t="s">
        <v>65</v>
      </c>
    </row>
    <row r="38" spans="1:17" ht="108" x14ac:dyDescent="0.2">
      <c r="A38" s="94">
        <v>782</v>
      </c>
      <c r="B38" s="95" t="s">
        <v>53</v>
      </c>
      <c r="C38" s="96" t="s">
        <v>655</v>
      </c>
      <c r="D38" s="122" t="s">
        <v>900</v>
      </c>
      <c r="E38" s="122" t="s">
        <v>918</v>
      </c>
      <c r="F38" s="125" t="s">
        <v>919</v>
      </c>
      <c r="G38" s="75" t="s">
        <v>58</v>
      </c>
      <c r="H38" s="122" t="s">
        <v>846</v>
      </c>
      <c r="I38" s="122" t="s">
        <v>81</v>
      </c>
      <c r="J38" s="88" t="s">
        <v>77</v>
      </c>
      <c r="K38" s="122" t="s">
        <v>834</v>
      </c>
      <c r="N38" s="126">
        <v>328900</v>
      </c>
      <c r="P38" s="120"/>
      <c r="Q38" s="119" t="s">
        <v>65</v>
      </c>
    </row>
    <row r="39" spans="1:17" ht="108" x14ac:dyDescent="0.2">
      <c r="A39" s="94">
        <v>783</v>
      </c>
      <c r="B39" s="95" t="s">
        <v>53</v>
      </c>
      <c r="C39" s="96" t="s">
        <v>655</v>
      </c>
      <c r="D39" s="122" t="s">
        <v>900</v>
      </c>
      <c r="E39" s="122" t="s">
        <v>920</v>
      </c>
      <c r="F39" s="125" t="s">
        <v>921</v>
      </c>
      <c r="G39" s="75" t="s">
        <v>58</v>
      </c>
      <c r="H39" s="122" t="s">
        <v>846</v>
      </c>
      <c r="I39" s="122" t="s">
        <v>81</v>
      </c>
      <c r="J39" s="88" t="s">
        <v>77</v>
      </c>
      <c r="K39" s="122" t="s">
        <v>834</v>
      </c>
      <c r="N39" s="126">
        <v>328900</v>
      </c>
      <c r="P39" s="120"/>
      <c r="Q39" s="119" t="s">
        <v>65</v>
      </c>
    </row>
    <row r="40" spans="1:17" ht="144" x14ac:dyDescent="0.2">
      <c r="A40" s="94">
        <v>784</v>
      </c>
      <c r="B40" s="95" t="s">
        <v>53</v>
      </c>
      <c r="C40" s="96" t="s">
        <v>655</v>
      </c>
      <c r="D40" s="122" t="s">
        <v>900</v>
      </c>
      <c r="E40" s="122" t="s">
        <v>922</v>
      </c>
      <c r="F40" s="125" t="s">
        <v>923</v>
      </c>
      <c r="G40" s="75" t="s">
        <v>58</v>
      </c>
      <c r="H40" s="122" t="s">
        <v>846</v>
      </c>
      <c r="I40" s="122" t="s">
        <v>81</v>
      </c>
      <c r="J40" s="88" t="s">
        <v>77</v>
      </c>
      <c r="K40" s="122" t="s">
        <v>834</v>
      </c>
      <c r="N40" s="126">
        <v>4933.5</v>
      </c>
      <c r="P40" s="120"/>
      <c r="Q40" s="119" t="s">
        <v>65</v>
      </c>
    </row>
    <row r="41" spans="1:17" ht="60" x14ac:dyDescent="0.2">
      <c r="A41" s="94">
        <v>785</v>
      </c>
      <c r="B41" s="95" t="s">
        <v>53</v>
      </c>
      <c r="C41" s="96" t="s">
        <v>655</v>
      </c>
      <c r="D41" s="122" t="s">
        <v>900</v>
      </c>
      <c r="E41" s="122" t="s">
        <v>924</v>
      </c>
      <c r="F41" s="125" t="s">
        <v>925</v>
      </c>
      <c r="G41" s="75" t="s">
        <v>58</v>
      </c>
      <c r="H41" s="122" t="s">
        <v>833</v>
      </c>
      <c r="I41" s="122" t="s">
        <v>81</v>
      </c>
      <c r="J41" s="88" t="s">
        <v>77</v>
      </c>
      <c r="K41" s="122" t="s">
        <v>834</v>
      </c>
      <c r="N41" s="126">
        <v>217485.125</v>
      </c>
      <c r="P41" s="120"/>
      <c r="Q41" s="119" t="s">
        <v>65</v>
      </c>
    </row>
    <row r="42" spans="1:17" ht="96" x14ac:dyDescent="0.2">
      <c r="A42" s="94">
        <v>786</v>
      </c>
      <c r="B42" s="95" t="s">
        <v>53</v>
      </c>
      <c r="C42" s="96" t="s">
        <v>655</v>
      </c>
      <c r="D42" s="122" t="s">
        <v>900</v>
      </c>
      <c r="E42" s="122" t="s">
        <v>926</v>
      </c>
      <c r="F42" s="125" t="s">
        <v>927</v>
      </c>
      <c r="G42" s="75" t="s">
        <v>58</v>
      </c>
      <c r="H42" s="122" t="s">
        <v>846</v>
      </c>
      <c r="I42" s="122" t="s">
        <v>81</v>
      </c>
      <c r="J42" s="88" t="s">
        <v>77</v>
      </c>
      <c r="K42" s="122" t="s">
        <v>834</v>
      </c>
      <c r="N42" s="126">
        <v>328900</v>
      </c>
      <c r="P42" s="120"/>
      <c r="Q42" s="119" t="s">
        <v>65</v>
      </c>
    </row>
    <row r="43" spans="1:17" ht="120" x14ac:dyDescent="0.2">
      <c r="A43" s="94">
        <v>787</v>
      </c>
      <c r="B43" s="95" t="s">
        <v>869</v>
      </c>
      <c r="C43" s="96" t="s">
        <v>655</v>
      </c>
      <c r="D43" s="121" t="s">
        <v>900</v>
      </c>
      <c r="E43" s="122" t="s">
        <v>928</v>
      </c>
      <c r="F43" s="122" t="s">
        <v>929</v>
      </c>
      <c r="G43" s="75" t="s">
        <v>58</v>
      </c>
      <c r="H43" s="122" t="s">
        <v>27</v>
      </c>
      <c r="I43" s="122" t="s">
        <v>81</v>
      </c>
      <c r="J43" s="88" t="s">
        <v>77</v>
      </c>
      <c r="K43" s="122" t="s">
        <v>834</v>
      </c>
      <c r="N43" s="126">
        <v>12333.75</v>
      </c>
      <c r="P43" s="120"/>
      <c r="Q43" s="119" t="s">
        <v>65</v>
      </c>
    </row>
    <row r="44" spans="1:17" ht="84" x14ac:dyDescent="0.2">
      <c r="A44" s="94">
        <v>788</v>
      </c>
      <c r="B44" s="95" t="s">
        <v>869</v>
      </c>
      <c r="C44" s="96" t="s">
        <v>655</v>
      </c>
      <c r="D44" s="122" t="s">
        <v>900</v>
      </c>
      <c r="E44" s="122" t="s">
        <v>930</v>
      </c>
      <c r="F44" s="125" t="s">
        <v>931</v>
      </c>
      <c r="G44" s="75" t="s">
        <v>58</v>
      </c>
      <c r="H44" s="122" t="s">
        <v>27</v>
      </c>
      <c r="I44" s="122" t="s">
        <v>81</v>
      </c>
      <c r="J44" s="88" t="s">
        <v>77</v>
      </c>
      <c r="K44" s="122" t="s">
        <v>834</v>
      </c>
      <c r="N44" s="126">
        <v>227763.25</v>
      </c>
      <c r="P44" s="120"/>
      <c r="Q44" s="119" t="s">
        <v>65</v>
      </c>
    </row>
    <row r="45" spans="1:17" ht="96" x14ac:dyDescent="0.2">
      <c r="A45" s="94">
        <v>789</v>
      </c>
      <c r="B45" s="95" t="s">
        <v>869</v>
      </c>
      <c r="C45" s="96" t="s">
        <v>655</v>
      </c>
      <c r="D45" s="122" t="s">
        <v>932</v>
      </c>
      <c r="E45" s="122" t="s">
        <v>933</v>
      </c>
      <c r="F45" s="125" t="s">
        <v>934</v>
      </c>
      <c r="G45" s="75" t="s">
        <v>58</v>
      </c>
      <c r="H45" s="122" t="s">
        <v>27</v>
      </c>
      <c r="I45" s="122" t="s">
        <v>81</v>
      </c>
      <c r="J45" s="88" t="s">
        <v>77</v>
      </c>
      <c r="K45" s="122" t="s">
        <v>834</v>
      </c>
      <c r="N45" s="126">
        <v>22248.029374999998</v>
      </c>
      <c r="P45" s="120"/>
      <c r="Q45" s="119" t="s">
        <v>65</v>
      </c>
    </row>
    <row r="46" spans="1:17" ht="60" x14ac:dyDescent="0.2">
      <c r="A46" s="94">
        <v>790</v>
      </c>
      <c r="B46" s="95" t="s">
        <v>869</v>
      </c>
      <c r="C46" s="96" t="s">
        <v>655</v>
      </c>
      <c r="D46" s="122" t="s">
        <v>932</v>
      </c>
      <c r="E46" s="122" t="s">
        <v>935</v>
      </c>
      <c r="F46" s="125" t="s">
        <v>936</v>
      </c>
      <c r="G46" s="75" t="s">
        <v>58</v>
      </c>
      <c r="H46" s="122" t="s">
        <v>27</v>
      </c>
      <c r="I46" s="122" t="s">
        <v>81</v>
      </c>
      <c r="J46" s="88" t="s">
        <v>77</v>
      </c>
      <c r="K46" s="122" t="s">
        <v>834</v>
      </c>
      <c r="N46" s="126">
        <v>962209.94720296876</v>
      </c>
      <c r="P46" s="120"/>
      <c r="Q46" s="119" t="s">
        <v>65</v>
      </c>
    </row>
    <row r="47" spans="1:17" ht="264" x14ac:dyDescent="0.2">
      <c r="A47" s="94">
        <v>791</v>
      </c>
      <c r="B47" s="95" t="s">
        <v>937</v>
      </c>
      <c r="C47" s="96" t="s">
        <v>655</v>
      </c>
      <c r="D47" s="122" t="s">
        <v>900</v>
      </c>
      <c r="E47" s="122" t="s">
        <v>938</v>
      </c>
      <c r="F47" s="125" t="s">
        <v>939</v>
      </c>
      <c r="G47" s="75" t="s">
        <v>58</v>
      </c>
      <c r="H47" s="122" t="s">
        <v>846</v>
      </c>
      <c r="I47" s="122" t="s">
        <v>81</v>
      </c>
      <c r="J47" s="88" t="s">
        <v>77</v>
      </c>
      <c r="K47" s="122" t="s">
        <v>834</v>
      </c>
      <c r="N47" s="126">
        <v>320677.5</v>
      </c>
      <c r="P47" s="120"/>
      <c r="Q47" s="119" t="s">
        <v>65</v>
      </c>
    </row>
    <row r="48" spans="1:17" ht="96" x14ac:dyDescent="0.2">
      <c r="A48" s="94">
        <v>792</v>
      </c>
      <c r="B48" s="95" t="s">
        <v>869</v>
      </c>
      <c r="C48" s="96" t="s">
        <v>655</v>
      </c>
      <c r="D48" s="122" t="s">
        <v>932</v>
      </c>
      <c r="E48" s="122" t="s">
        <v>940</v>
      </c>
      <c r="F48" s="125" t="s">
        <v>941</v>
      </c>
      <c r="G48" s="75" t="s">
        <v>58</v>
      </c>
      <c r="H48" s="122" t="s">
        <v>846</v>
      </c>
      <c r="I48" s="122" t="s">
        <v>81</v>
      </c>
      <c r="J48" s="88" t="s">
        <v>77</v>
      </c>
      <c r="K48" s="122" t="s">
        <v>834</v>
      </c>
      <c r="N48" s="126">
        <v>22248.029374999998</v>
      </c>
      <c r="P48" s="120"/>
      <c r="Q48" s="119" t="s">
        <v>65</v>
      </c>
    </row>
    <row r="49" spans="1:17" ht="312" x14ac:dyDescent="0.2">
      <c r="A49" s="94">
        <v>793</v>
      </c>
      <c r="B49" s="95" t="s">
        <v>53</v>
      </c>
      <c r="C49" s="96" t="s">
        <v>655</v>
      </c>
      <c r="D49" s="122" t="s">
        <v>932</v>
      </c>
      <c r="E49" s="122" t="s">
        <v>942</v>
      </c>
      <c r="F49" s="125" t="s">
        <v>943</v>
      </c>
      <c r="G49" s="75" t="s">
        <v>58</v>
      </c>
      <c r="H49" s="122" t="s">
        <v>846</v>
      </c>
      <c r="I49" s="122" t="s">
        <v>81</v>
      </c>
      <c r="J49" s="88" t="s">
        <v>77</v>
      </c>
      <c r="K49" s="122" t="s">
        <v>834</v>
      </c>
      <c r="N49" s="126">
        <v>1539663.125</v>
      </c>
      <c r="P49" s="120"/>
      <c r="Q49" s="119" t="s">
        <v>65</v>
      </c>
    </row>
    <row r="50" spans="1:17" ht="72" x14ac:dyDescent="0.2">
      <c r="A50" s="94">
        <v>794</v>
      </c>
      <c r="B50" s="95" t="s">
        <v>53</v>
      </c>
      <c r="C50" s="96" t="s">
        <v>655</v>
      </c>
      <c r="D50" s="122" t="s">
        <v>932</v>
      </c>
      <c r="E50" s="122" t="s">
        <v>944</v>
      </c>
      <c r="F50" s="125" t="s">
        <v>945</v>
      </c>
      <c r="G50" s="75" t="s">
        <v>58</v>
      </c>
      <c r="H50" s="122" t="s">
        <v>846</v>
      </c>
      <c r="I50" s="122" t="s">
        <v>81</v>
      </c>
      <c r="J50" s="88" t="s">
        <v>77</v>
      </c>
      <c r="K50" s="122" t="s">
        <v>834</v>
      </c>
      <c r="N50" s="126">
        <v>203095.75</v>
      </c>
      <c r="P50" s="120"/>
      <c r="Q50" s="119" t="s">
        <v>65</v>
      </c>
    </row>
    <row r="51" spans="1:17" ht="48" x14ac:dyDescent="0.2">
      <c r="A51" s="94">
        <v>795</v>
      </c>
      <c r="B51" s="95" t="s">
        <v>53</v>
      </c>
      <c r="C51" s="96" t="s">
        <v>655</v>
      </c>
      <c r="D51" s="121" t="s">
        <v>830</v>
      </c>
      <c r="E51" s="122" t="s">
        <v>946</v>
      </c>
      <c r="F51" s="122" t="s">
        <v>947</v>
      </c>
      <c r="G51" s="75" t="s">
        <v>58</v>
      </c>
      <c r="H51" s="122" t="s">
        <v>948</v>
      </c>
      <c r="I51" s="122" t="s">
        <v>81</v>
      </c>
      <c r="J51" s="88" t="s">
        <v>77</v>
      </c>
      <c r="K51" s="121" t="s">
        <v>834</v>
      </c>
      <c r="N51" s="126">
        <v>370629.1875</v>
      </c>
      <c r="P51" s="120"/>
      <c r="Q51" s="119" t="s">
        <v>65</v>
      </c>
    </row>
    <row r="52" spans="1:17" ht="72" x14ac:dyDescent="0.2">
      <c r="A52" s="94">
        <v>796</v>
      </c>
      <c r="B52" s="95" t="s">
        <v>53</v>
      </c>
      <c r="C52" s="96" t="s">
        <v>655</v>
      </c>
      <c r="D52" s="121" t="s">
        <v>830</v>
      </c>
      <c r="E52" s="122" t="s">
        <v>949</v>
      </c>
      <c r="F52" s="122" t="s">
        <v>950</v>
      </c>
      <c r="G52" s="75" t="s">
        <v>58</v>
      </c>
      <c r="H52" s="122" t="s">
        <v>951</v>
      </c>
      <c r="I52" s="122" t="s">
        <v>81</v>
      </c>
      <c r="J52" s="88" t="s">
        <v>77</v>
      </c>
      <c r="K52" s="121" t="s">
        <v>834</v>
      </c>
      <c r="N52" s="126">
        <v>370629.1875</v>
      </c>
      <c r="P52" s="120"/>
      <c r="Q52" s="119" t="s">
        <v>65</v>
      </c>
    </row>
    <row r="53" spans="1:17" ht="132" x14ac:dyDescent="0.2">
      <c r="A53" s="94">
        <v>797</v>
      </c>
      <c r="B53" s="95" t="s">
        <v>912</v>
      </c>
      <c r="C53" s="96" t="s">
        <v>655</v>
      </c>
      <c r="D53" s="122" t="s">
        <v>932</v>
      </c>
      <c r="E53" s="125" t="s">
        <v>952</v>
      </c>
      <c r="F53" s="125" t="s">
        <v>953</v>
      </c>
      <c r="G53" s="75" t="s">
        <v>58</v>
      </c>
      <c r="H53" s="122" t="s">
        <v>948</v>
      </c>
      <c r="I53" s="122" t="s">
        <v>81</v>
      </c>
      <c r="J53" s="88" t="s">
        <v>77</v>
      </c>
      <c r="K53" s="121" t="s">
        <v>722</v>
      </c>
      <c r="N53" s="127" t="s">
        <v>2581</v>
      </c>
      <c r="P53" s="120"/>
      <c r="Q53" s="119" t="s">
        <v>65</v>
      </c>
    </row>
    <row r="54" spans="1:17" ht="84" x14ac:dyDescent="0.2">
      <c r="A54" s="94">
        <v>798</v>
      </c>
      <c r="B54" s="95" t="s">
        <v>869</v>
      </c>
      <c r="C54" s="96" t="s">
        <v>655</v>
      </c>
      <c r="D54" s="122" t="s">
        <v>932</v>
      </c>
      <c r="E54" s="125" t="s">
        <v>954</v>
      </c>
      <c r="F54" s="125" t="s">
        <v>955</v>
      </c>
      <c r="G54" s="75" t="s">
        <v>58</v>
      </c>
      <c r="H54" s="122" t="s">
        <v>956</v>
      </c>
      <c r="I54" s="122" t="s">
        <v>81</v>
      </c>
      <c r="J54" s="88" t="s">
        <v>77</v>
      </c>
      <c r="K54" s="122" t="s">
        <v>834</v>
      </c>
      <c r="N54" s="126">
        <v>17526.258750000001</v>
      </c>
      <c r="P54" s="120"/>
      <c r="Q54" s="119" t="s">
        <v>65</v>
      </c>
    </row>
    <row r="55" spans="1:17" ht="336" x14ac:dyDescent="0.2">
      <c r="A55" s="94">
        <v>799</v>
      </c>
      <c r="B55" s="95" t="s">
        <v>869</v>
      </c>
      <c r="C55" s="96" t="s">
        <v>655</v>
      </c>
      <c r="D55" s="121" t="s">
        <v>932</v>
      </c>
      <c r="E55" s="125" t="s">
        <v>957</v>
      </c>
      <c r="F55" s="125" t="s">
        <v>1920</v>
      </c>
      <c r="G55" s="75" t="s">
        <v>58</v>
      </c>
      <c r="H55" s="122" t="s">
        <v>846</v>
      </c>
      <c r="I55" s="122" t="s">
        <v>81</v>
      </c>
      <c r="J55" s="88" t="s">
        <v>77</v>
      </c>
      <c r="K55" s="122" t="s">
        <v>834</v>
      </c>
      <c r="N55" s="126">
        <v>1486231.77828125</v>
      </c>
      <c r="P55" s="120"/>
      <c r="Q55" s="119" t="s">
        <v>65</v>
      </c>
    </row>
    <row r="56" spans="1:17" ht="144" x14ac:dyDescent="0.2">
      <c r="A56" s="94">
        <v>800</v>
      </c>
      <c r="B56" s="95" t="s">
        <v>869</v>
      </c>
      <c r="C56" s="96" t="s">
        <v>655</v>
      </c>
      <c r="D56" s="121" t="s">
        <v>870</v>
      </c>
      <c r="E56" s="125" t="s">
        <v>959</v>
      </c>
      <c r="F56" s="122" t="s">
        <v>960</v>
      </c>
      <c r="G56" s="75" t="s">
        <v>58</v>
      </c>
      <c r="H56" s="122" t="s">
        <v>833</v>
      </c>
      <c r="I56" s="122" t="s">
        <v>81</v>
      </c>
      <c r="J56" s="88" t="s">
        <v>77</v>
      </c>
      <c r="K56" s="121" t="s">
        <v>722</v>
      </c>
      <c r="N56" s="127" t="s">
        <v>2581</v>
      </c>
      <c r="P56" s="120"/>
      <c r="Q56" s="119" t="s">
        <v>65</v>
      </c>
    </row>
    <row r="57" spans="1:17" ht="144" x14ac:dyDescent="0.2">
      <c r="A57" s="94">
        <v>801</v>
      </c>
      <c r="B57" s="95" t="s">
        <v>53</v>
      </c>
      <c r="C57" s="96" t="s">
        <v>655</v>
      </c>
      <c r="D57" s="121" t="s">
        <v>870</v>
      </c>
      <c r="E57" s="125" t="s">
        <v>961</v>
      </c>
      <c r="F57" s="125" t="s">
        <v>962</v>
      </c>
      <c r="G57" s="75" t="s">
        <v>58</v>
      </c>
      <c r="H57" s="122" t="s">
        <v>833</v>
      </c>
      <c r="I57" s="122" t="s">
        <v>81</v>
      </c>
      <c r="J57" s="88" t="s">
        <v>77</v>
      </c>
      <c r="K57" s="121" t="s">
        <v>722</v>
      </c>
      <c r="N57" s="127" t="s">
        <v>2581</v>
      </c>
      <c r="P57" s="120"/>
      <c r="Q57" s="119" t="s">
        <v>65</v>
      </c>
    </row>
    <row r="58" spans="1:17" ht="264" x14ac:dyDescent="0.2">
      <c r="A58" s="94">
        <v>802</v>
      </c>
      <c r="B58" s="95" t="s">
        <v>53</v>
      </c>
      <c r="C58" s="96" t="s">
        <v>655</v>
      </c>
      <c r="D58" s="121" t="s">
        <v>932</v>
      </c>
      <c r="E58" s="125" t="s">
        <v>963</v>
      </c>
      <c r="F58" s="125" t="s">
        <v>1802</v>
      </c>
      <c r="G58" s="75" t="s">
        <v>58</v>
      </c>
      <c r="H58" s="122" t="s">
        <v>59</v>
      </c>
      <c r="I58" s="122" t="s">
        <v>81</v>
      </c>
      <c r="J58" s="88" t="s">
        <v>77</v>
      </c>
      <c r="K58" s="122" t="s">
        <v>834</v>
      </c>
      <c r="N58" s="126">
        <v>1062347</v>
      </c>
      <c r="P58" s="120"/>
      <c r="Q58" s="119" t="s">
        <v>65</v>
      </c>
    </row>
    <row r="59" spans="1:17" ht="132" x14ac:dyDescent="0.2">
      <c r="A59" s="94">
        <v>803</v>
      </c>
      <c r="B59" s="95" t="s">
        <v>53</v>
      </c>
      <c r="C59" s="96" t="s">
        <v>655</v>
      </c>
      <c r="D59" s="121" t="s">
        <v>870</v>
      </c>
      <c r="E59" s="125" t="s">
        <v>965</v>
      </c>
      <c r="F59" s="125" t="s">
        <v>966</v>
      </c>
      <c r="G59" s="75" t="s">
        <v>58</v>
      </c>
      <c r="H59" s="122" t="s">
        <v>833</v>
      </c>
      <c r="I59" s="122" t="s">
        <v>81</v>
      </c>
      <c r="J59" s="88" t="s">
        <v>77</v>
      </c>
      <c r="K59" s="121" t="s">
        <v>722</v>
      </c>
      <c r="N59" s="127" t="s">
        <v>2581</v>
      </c>
      <c r="P59" s="120"/>
      <c r="Q59" s="119" t="s">
        <v>65</v>
      </c>
    </row>
    <row r="60" spans="1:17" ht="144" x14ac:dyDescent="0.2">
      <c r="A60" s="94">
        <v>804</v>
      </c>
      <c r="B60" s="95" t="s">
        <v>53</v>
      </c>
      <c r="C60" s="96" t="s">
        <v>655</v>
      </c>
      <c r="D60" s="121" t="s">
        <v>900</v>
      </c>
      <c r="E60" s="125" t="s">
        <v>967</v>
      </c>
      <c r="F60" s="125" t="s">
        <v>968</v>
      </c>
      <c r="G60" s="75" t="s">
        <v>58</v>
      </c>
      <c r="H60" s="122" t="s">
        <v>833</v>
      </c>
      <c r="I60" s="122" t="s">
        <v>81</v>
      </c>
      <c r="J60" s="88" t="s">
        <v>77</v>
      </c>
      <c r="K60" s="121" t="s">
        <v>722</v>
      </c>
      <c r="N60" s="127" t="s">
        <v>2581</v>
      </c>
      <c r="P60" s="120"/>
      <c r="Q60" s="119" t="s">
        <v>65</v>
      </c>
    </row>
    <row r="61" spans="1:17" ht="48" x14ac:dyDescent="0.2">
      <c r="A61" s="94">
        <v>805</v>
      </c>
      <c r="B61" s="95" t="s">
        <v>53</v>
      </c>
      <c r="C61" s="96" t="s">
        <v>655</v>
      </c>
      <c r="D61" s="123" t="s">
        <v>900</v>
      </c>
      <c r="E61" s="125" t="s">
        <v>969</v>
      </c>
      <c r="F61" s="125" t="s">
        <v>970</v>
      </c>
      <c r="G61" s="75" t="s">
        <v>58</v>
      </c>
      <c r="H61" s="122" t="s">
        <v>833</v>
      </c>
      <c r="I61" s="122" t="s">
        <v>81</v>
      </c>
      <c r="J61" s="88" t="s">
        <v>77</v>
      </c>
      <c r="K61" s="121" t="s">
        <v>722</v>
      </c>
      <c r="N61" s="127" t="s">
        <v>2581</v>
      </c>
      <c r="P61" s="120"/>
      <c r="Q61" s="119" t="s">
        <v>65</v>
      </c>
    </row>
    <row r="62" spans="1:17" ht="36" x14ac:dyDescent="0.2">
      <c r="A62" s="94">
        <v>806</v>
      </c>
      <c r="B62" s="95" t="s">
        <v>869</v>
      </c>
      <c r="C62" s="96" t="s">
        <v>655</v>
      </c>
      <c r="D62" s="123" t="s">
        <v>830</v>
      </c>
      <c r="E62" s="125" t="s">
        <v>971</v>
      </c>
      <c r="F62" s="125" t="s">
        <v>972</v>
      </c>
      <c r="G62" s="75" t="s">
        <v>58</v>
      </c>
      <c r="H62" s="122" t="s">
        <v>18</v>
      </c>
      <c r="I62" s="122" t="s">
        <v>81</v>
      </c>
      <c r="J62" s="88" t="s">
        <v>77</v>
      </c>
      <c r="K62" s="121" t="s">
        <v>834</v>
      </c>
      <c r="N62" s="126">
        <v>370629.1875</v>
      </c>
      <c r="P62" s="120"/>
      <c r="Q62" s="119" t="s">
        <v>65</v>
      </c>
    </row>
    <row r="63" spans="1:17" ht="48" x14ac:dyDescent="0.2">
      <c r="A63" s="94">
        <v>807</v>
      </c>
      <c r="B63" s="95" t="s">
        <v>912</v>
      </c>
      <c r="C63" s="96" t="s">
        <v>655</v>
      </c>
      <c r="D63" s="123" t="s">
        <v>830</v>
      </c>
      <c r="E63" s="125" t="s">
        <v>973</v>
      </c>
      <c r="F63" s="125" t="s">
        <v>974</v>
      </c>
      <c r="G63" s="75" t="s">
        <v>58</v>
      </c>
      <c r="H63" s="122" t="s">
        <v>861</v>
      </c>
      <c r="I63" s="122" t="s">
        <v>81</v>
      </c>
      <c r="J63" s="88" t="s">
        <v>77</v>
      </c>
      <c r="K63" s="121" t="s">
        <v>834</v>
      </c>
      <c r="N63" s="126">
        <v>370629.1875</v>
      </c>
      <c r="P63" s="120"/>
      <c r="Q63" s="119" t="s">
        <v>65</v>
      </c>
    </row>
    <row r="64" spans="1:17" ht="120" x14ac:dyDescent="0.2">
      <c r="A64" s="94">
        <v>808</v>
      </c>
      <c r="B64" s="95" t="s">
        <v>912</v>
      </c>
      <c r="C64" s="96" t="s">
        <v>655</v>
      </c>
      <c r="D64" s="123" t="s">
        <v>870</v>
      </c>
      <c r="E64" s="125" t="s">
        <v>975</v>
      </c>
      <c r="F64" s="125" t="s">
        <v>976</v>
      </c>
      <c r="G64" s="75" t="s">
        <v>58</v>
      </c>
      <c r="H64" s="122" t="s">
        <v>846</v>
      </c>
      <c r="I64" s="122" t="s">
        <v>81</v>
      </c>
      <c r="J64" s="88" t="s">
        <v>77</v>
      </c>
      <c r="K64" s="122" t="s">
        <v>904</v>
      </c>
      <c r="N64" s="126">
        <v>1235967.1431250002</v>
      </c>
      <c r="P64" s="120"/>
      <c r="Q64" s="119" t="s">
        <v>65</v>
      </c>
    </row>
    <row r="65" spans="1:17" ht="156" x14ac:dyDescent="0.2">
      <c r="A65" s="94">
        <v>809</v>
      </c>
      <c r="B65" s="95" t="s">
        <v>53</v>
      </c>
      <c r="C65" s="96" t="s">
        <v>655</v>
      </c>
      <c r="D65" s="123" t="s">
        <v>870</v>
      </c>
      <c r="E65" s="125" t="s">
        <v>977</v>
      </c>
      <c r="F65" s="125" t="s">
        <v>978</v>
      </c>
      <c r="G65" s="75" t="s">
        <v>58</v>
      </c>
      <c r="H65" s="122" t="s">
        <v>833</v>
      </c>
      <c r="I65" s="122" t="s">
        <v>81</v>
      </c>
      <c r="J65" s="88" t="s">
        <v>77</v>
      </c>
      <c r="K65" s="122" t="s">
        <v>834</v>
      </c>
      <c r="N65" s="126">
        <v>814028</v>
      </c>
      <c r="P65" s="120"/>
      <c r="Q65" s="119" t="s">
        <v>65</v>
      </c>
    </row>
    <row r="66" spans="1:17" ht="60" x14ac:dyDescent="0.2">
      <c r="A66" s="94">
        <v>810</v>
      </c>
      <c r="B66" s="95" t="s">
        <v>912</v>
      </c>
      <c r="C66" s="96" t="s">
        <v>655</v>
      </c>
      <c r="D66" s="123" t="s">
        <v>870</v>
      </c>
      <c r="E66" s="125" t="s">
        <v>979</v>
      </c>
      <c r="F66" s="125" t="s">
        <v>980</v>
      </c>
      <c r="G66" s="75" t="s">
        <v>58</v>
      </c>
      <c r="H66" s="122" t="s">
        <v>833</v>
      </c>
      <c r="I66" s="122" t="s">
        <v>81</v>
      </c>
      <c r="J66" s="88" t="s">
        <v>77</v>
      </c>
      <c r="K66" s="122" t="s">
        <v>834</v>
      </c>
      <c r="N66" s="126">
        <v>1041842.140625</v>
      </c>
      <c r="P66" s="120"/>
      <c r="Q66" s="119" t="s">
        <v>65</v>
      </c>
    </row>
    <row r="67" spans="1:17" ht="96" x14ac:dyDescent="0.2">
      <c r="A67" s="94">
        <v>811</v>
      </c>
      <c r="B67" s="95" t="s">
        <v>53</v>
      </c>
      <c r="C67" s="96" t="s">
        <v>655</v>
      </c>
      <c r="D67" s="123" t="s">
        <v>870</v>
      </c>
      <c r="E67" s="125" t="s">
        <v>981</v>
      </c>
      <c r="F67" s="125" t="s">
        <v>2582</v>
      </c>
      <c r="G67" s="75" t="s">
        <v>58</v>
      </c>
      <c r="H67" s="122" t="s">
        <v>833</v>
      </c>
      <c r="I67" s="122" t="s">
        <v>81</v>
      </c>
      <c r="J67" s="88" t="s">
        <v>77</v>
      </c>
      <c r="K67" s="122" t="s">
        <v>868</v>
      </c>
      <c r="N67" s="126">
        <v>877752</v>
      </c>
      <c r="P67" s="120"/>
      <c r="Q67" s="119" t="s">
        <v>65</v>
      </c>
    </row>
    <row r="68" spans="1:17" ht="144" x14ac:dyDescent="0.2">
      <c r="A68" s="94">
        <v>812</v>
      </c>
      <c r="B68" s="95" t="s">
        <v>53</v>
      </c>
      <c r="C68" s="96" t="s">
        <v>655</v>
      </c>
      <c r="D68" s="123" t="s">
        <v>897</v>
      </c>
      <c r="E68" s="125" t="s">
        <v>983</v>
      </c>
      <c r="F68" s="125" t="s">
        <v>984</v>
      </c>
      <c r="G68" s="75" t="s">
        <v>58</v>
      </c>
      <c r="H68" s="122" t="s">
        <v>833</v>
      </c>
      <c r="I68" s="122" t="s">
        <v>81</v>
      </c>
      <c r="J68" s="88" t="s">
        <v>77</v>
      </c>
      <c r="K68" s="122" t="s">
        <v>868</v>
      </c>
      <c r="N68" s="126">
        <v>10308959.375</v>
      </c>
      <c r="P68" s="120"/>
      <c r="Q68" s="119" t="s">
        <v>65</v>
      </c>
    </row>
    <row r="69" spans="1:17" ht="72" x14ac:dyDescent="0.2">
      <c r="A69" s="94">
        <v>813</v>
      </c>
      <c r="B69" s="95" t="s">
        <v>53</v>
      </c>
      <c r="C69" s="96" t="s">
        <v>655</v>
      </c>
      <c r="D69" s="123" t="s">
        <v>932</v>
      </c>
      <c r="E69" s="125" t="s">
        <v>985</v>
      </c>
      <c r="F69" s="125" t="s">
        <v>986</v>
      </c>
      <c r="G69" s="75" t="s">
        <v>58</v>
      </c>
      <c r="H69" s="122" t="s">
        <v>833</v>
      </c>
      <c r="I69" s="122" t="s">
        <v>81</v>
      </c>
      <c r="J69" s="88" t="s">
        <v>77</v>
      </c>
      <c r="K69" s="122" t="s">
        <v>868</v>
      </c>
      <c r="N69" s="126">
        <v>5344625</v>
      </c>
      <c r="P69" s="120"/>
      <c r="Q69" s="119" t="s">
        <v>65</v>
      </c>
    </row>
    <row r="70" spans="1:17" ht="60" x14ac:dyDescent="0.2">
      <c r="A70" s="94">
        <v>814</v>
      </c>
      <c r="B70" s="95" t="s">
        <v>53</v>
      </c>
      <c r="C70" s="96" t="s">
        <v>655</v>
      </c>
      <c r="D70" s="123" t="s">
        <v>932</v>
      </c>
      <c r="E70" s="125" t="s">
        <v>987</v>
      </c>
      <c r="F70" s="125" t="s">
        <v>988</v>
      </c>
      <c r="G70" s="75" t="s">
        <v>58</v>
      </c>
      <c r="H70" s="122" t="s">
        <v>833</v>
      </c>
      <c r="I70" s="122" t="s">
        <v>81</v>
      </c>
      <c r="J70" s="88" t="s">
        <v>77</v>
      </c>
      <c r="K70" s="122" t="s">
        <v>868</v>
      </c>
      <c r="N70" s="126">
        <v>2600365.625</v>
      </c>
      <c r="P70" s="120"/>
      <c r="Q70" s="119" t="s">
        <v>65</v>
      </c>
    </row>
    <row r="71" spans="1:17" ht="96" x14ac:dyDescent="0.2">
      <c r="A71" s="94">
        <v>815</v>
      </c>
      <c r="B71" s="95" t="s">
        <v>53</v>
      </c>
      <c r="C71" s="96" t="s">
        <v>655</v>
      </c>
      <c r="D71" s="122" t="s">
        <v>932</v>
      </c>
      <c r="E71" s="123" t="s">
        <v>989</v>
      </c>
      <c r="F71" s="122" t="s">
        <v>990</v>
      </c>
      <c r="G71" s="75" t="s">
        <v>58</v>
      </c>
      <c r="H71" s="122" t="s">
        <v>833</v>
      </c>
      <c r="I71" s="122" t="s">
        <v>81</v>
      </c>
      <c r="J71" s="88" t="s">
        <v>77</v>
      </c>
      <c r="K71" s="121" t="s">
        <v>722</v>
      </c>
      <c r="N71" s="126">
        <v>45223.75</v>
      </c>
      <c r="P71" s="120"/>
      <c r="Q71" s="119" t="s">
        <v>65</v>
      </c>
    </row>
    <row r="72" spans="1:17" ht="96" x14ac:dyDescent="0.2">
      <c r="A72" s="94">
        <v>816</v>
      </c>
      <c r="B72" s="95" t="s">
        <v>53</v>
      </c>
      <c r="C72" s="96" t="s">
        <v>655</v>
      </c>
      <c r="D72" s="122" t="s">
        <v>900</v>
      </c>
      <c r="E72" s="125" t="s">
        <v>991</v>
      </c>
      <c r="F72" s="122" t="s">
        <v>2583</v>
      </c>
      <c r="G72" s="75" t="s">
        <v>58</v>
      </c>
      <c r="H72" s="125" t="s">
        <v>861</v>
      </c>
      <c r="I72" s="122" t="s">
        <v>81</v>
      </c>
      <c r="J72" s="88" t="s">
        <v>77</v>
      </c>
      <c r="K72" s="121" t="s">
        <v>722</v>
      </c>
      <c r="N72" s="126">
        <v>37001.25</v>
      </c>
      <c r="P72" s="120"/>
      <c r="Q72" s="119" t="s">
        <v>65</v>
      </c>
    </row>
    <row r="73" spans="1:17" ht="108" x14ac:dyDescent="0.2">
      <c r="A73" s="94">
        <v>817</v>
      </c>
      <c r="B73" s="95" t="s">
        <v>53</v>
      </c>
      <c r="C73" s="96" t="s">
        <v>655</v>
      </c>
      <c r="D73" s="122" t="s">
        <v>900</v>
      </c>
      <c r="E73" s="125" t="s">
        <v>993</v>
      </c>
      <c r="F73" s="125" t="s">
        <v>2584</v>
      </c>
      <c r="G73" s="75" t="s">
        <v>58</v>
      </c>
      <c r="H73" s="122" t="s">
        <v>833</v>
      </c>
      <c r="I73" s="122" t="s">
        <v>81</v>
      </c>
      <c r="J73" s="88" t="s">
        <v>77</v>
      </c>
      <c r="K73" s="121" t="s">
        <v>722</v>
      </c>
      <c r="N73" s="126">
        <v>129504.375</v>
      </c>
      <c r="P73" s="120"/>
      <c r="Q73" s="119" t="s">
        <v>65</v>
      </c>
    </row>
    <row r="74" spans="1:17" ht="132" x14ac:dyDescent="0.2">
      <c r="A74" s="94">
        <v>818</v>
      </c>
      <c r="B74" s="95" t="s">
        <v>53</v>
      </c>
      <c r="C74" s="96" t="s">
        <v>655</v>
      </c>
      <c r="D74" s="122" t="s">
        <v>932</v>
      </c>
      <c r="E74" s="125" t="s">
        <v>995</v>
      </c>
      <c r="F74" s="125" t="s">
        <v>996</v>
      </c>
      <c r="G74" s="75" t="s">
        <v>58</v>
      </c>
      <c r="H74" s="122" t="s">
        <v>833</v>
      </c>
      <c r="I74" s="122" t="s">
        <v>81</v>
      </c>
      <c r="J74" s="88" t="s">
        <v>77</v>
      </c>
      <c r="K74" s="121" t="s">
        <v>722</v>
      </c>
      <c r="N74" s="126">
        <v>16924.569090000005</v>
      </c>
      <c r="P74" s="120"/>
      <c r="Q74" s="119" t="s">
        <v>65</v>
      </c>
    </row>
    <row r="75" spans="1:17" ht="60" x14ac:dyDescent="0.2">
      <c r="A75" s="94">
        <v>819</v>
      </c>
      <c r="B75" s="95" t="s">
        <v>53</v>
      </c>
      <c r="C75" s="96" t="s">
        <v>655</v>
      </c>
      <c r="D75" s="122" t="s">
        <v>932</v>
      </c>
      <c r="E75" s="125" t="s">
        <v>997</v>
      </c>
      <c r="F75" s="125" t="s">
        <v>998</v>
      </c>
      <c r="G75" s="75" t="s">
        <v>58</v>
      </c>
      <c r="H75" s="122" t="s">
        <v>833</v>
      </c>
      <c r="I75" s="122" t="s">
        <v>81</v>
      </c>
      <c r="J75" s="88" t="s">
        <v>77</v>
      </c>
      <c r="K75" s="121" t="s">
        <v>722</v>
      </c>
      <c r="N75" s="126">
        <v>11305.9375</v>
      </c>
      <c r="P75" s="120"/>
      <c r="Q75" s="119" t="s">
        <v>65</v>
      </c>
    </row>
    <row r="76" spans="1:17" ht="36" x14ac:dyDescent="0.2">
      <c r="A76" s="94">
        <v>820</v>
      </c>
      <c r="B76" s="95" t="s">
        <v>53</v>
      </c>
      <c r="C76" s="96" t="s">
        <v>655</v>
      </c>
      <c r="D76" s="122" t="s">
        <v>932</v>
      </c>
      <c r="E76" s="125" t="s">
        <v>999</v>
      </c>
      <c r="F76" s="125" t="s">
        <v>1000</v>
      </c>
      <c r="G76" s="75" t="s">
        <v>58</v>
      </c>
      <c r="H76" s="122" t="s">
        <v>833</v>
      </c>
      <c r="I76" s="122" t="s">
        <v>81</v>
      </c>
      <c r="J76" s="88" t="s">
        <v>77</v>
      </c>
      <c r="K76" s="121" t="s">
        <v>722</v>
      </c>
      <c r="N76" s="126">
        <v>388.513125</v>
      </c>
      <c r="P76" s="120"/>
      <c r="Q76" s="119" t="s">
        <v>65</v>
      </c>
    </row>
    <row r="77" spans="1:17" ht="60" x14ac:dyDescent="0.2">
      <c r="A77" s="94">
        <v>821</v>
      </c>
      <c r="B77" s="95" t="s">
        <v>53</v>
      </c>
      <c r="C77" s="96" t="s">
        <v>655</v>
      </c>
      <c r="D77" s="122" t="s">
        <v>932</v>
      </c>
      <c r="E77" s="125" t="s">
        <v>1001</v>
      </c>
      <c r="F77" s="125" t="s">
        <v>1002</v>
      </c>
      <c r="G77" s="75" t="s">
        <v>58</v>
      </c>
      <c r="H77" s="122" t="s">
        <v>833</v>
      </c>
      <c r="I77" s="122" t="s">
        <v>81</v>
      </c>
      <c r="J77" s="88" t="s">
        <v>77</v>
      </c>
      <c r="K77" s="121" t="s">
        <v>722</v>
      </c>
      <c r="N77" s="126">
        <v>5726.41212</v>
      </c>
      <c r="P77" s="120"/>
      <c r="Q77" s="119" t="s">
        <v>65</v>
      </c>
    </row>
    <row r="78" spans="1:17" ht="84" x14ac:dyDescent="0.2">
      <c r="A78" s="94">
        <v>822</v>
      </c>
      <c r="B78" s="95" t="s">
        <v>53</v>
      </c>
      <c r="C78" s="96" t="s">
        <v>655</v>
      </c>
      <c r="D78" s="122" t="s">
        <v>932</v>
      </c>
      <c r="E78" s="125" t="s">
        <v>1003</v>
      </c>
      <c r="F78" s="125" t="s">
        <v>1004</v>
      </c>
      <c r="G78" s="75" t="s">
        <v>58</v>
      </c>
      <c r="H78" s="122" t="s">
        <v>833</v>
      </c>
      <c r="I78" s="122" t="s">
        <v>81</v>
      </c>
      <c r="J78" s="88" t="s">
        <v>77</v>
      </c>
      <c r="K78" s="121" t="s">
        <v>722</v>
      </c>
      <c r="N78" s="126">
        <v>10758.582119999999</v>
      </c>
      <c r="P78" s="120"/>
      <c r="Q78" s="119" t="s">
        <v>65</v>
      </c>
    </row>
    <row r="79" spans="1:17" ht="96" x14ac:dyDescent="0.2">
      <c r="A79" s="94">
        <v>823</v>
      </c>
      <c r="B79" s="95" t="s">
        <v>53</v>
      </c>
      <c r="C79" s="96" t="s">
        <v>655</v>
      </c>
      <c r="D79" s="122" t="s">
        <v>900</v>
      </c>
      <c r="E79" s="125" t="s">
        <v>1005</v>
      </c>
      <c r="F79" s="125" t="s">
        <v>2585</v>
      </c>
      <c r="G79" s="75" t="s">
        <v>58</v>
      </c>
      <c r="H79" s="122" t="s">
        <v>833</v>
      </c>
      <c r="I79" s="122" t="s">
        <v>81</v>
      </c>
      <c r="J79" s="88" t="s">
        <v>77</v>
      </c>
      <c r="K79" s="121" t="s">
        <v>722</v>
      </c>
      <c r="N79" s="126">
        <v>24667.5</v>
      </c>
      <c r="P79" s="120"/>
      <c r="Q79" s="119" t="s">
        <v>65</v>
      </c>
    </row>
    <row r="80" spans="1:17" ht="60" x14ac:dyDescent="0.2">
      <c r="A80" s="94">
        <v>824</v>
      </c>
      <c r="B80" s="95" t="s">
        <v>53</v>
      </c>
      <c r="C80" s="96" t="s">
        <v>655</v>
      </c>
      <c r="D80" s="122" t="s">
        <v>900</v>
      </c>
      <c r="E80" s="125" t="s">
        <v>1007</v>
      </c>
      <c r="F80" s="125" t="s">
        <v>1008</v>
      </c>
      <c r="G80" s="75" t="s">
        <v>58</v>
      </c>
      <c r="H80" s="122" t="s">
        <v>833</v>
      </c>
      <c r="I80" s="122" t="s">
        <v>81</v>
      </c>
      <c r="J80" s="88" t="s">
        <v>77</v>
      </c>
      <c r="K80" s="121" t="s">
        <v>722</v>
      </c>
      <c r="N80" s="126">
        <v>102781.25</v>
      </c>
      <c r="P80" s="120"/>
      <c r="Q80" s="119" t="s">
        <v>65</v>
      </c>
    </row>
    <row r="81" spans="1:17" ht="60" x14ac:dyDescent="0.2">
      <c r="A81" s="94">
        <v>825</v>
      </c>
      <c r="B81" s="95" t="s">
        <v>53</v>
      </c>
      <c r="C81" s="96" t="s">
        <v>655</v>
      </c>
      <c r="D81" s="122" t="s">
        <v>932</v>
      </c>
      <c r="E81" s="125" t="s">
        <v>1009</v>
      </c>
      <c r="F81" s="125" t="s">
        <v>1010</v>
      </c>
      <c r="G81" s="75" t="s">
        <v>58</v>
      </c>
      <c r="H81" s="122" t="s">
        <v>833</v>
      </c>
      <c r="I81" s="122" t="s">
        <v>81</v>
      </c>
      <c r="J81" s="88" t="s">
        <v>77</v>
      </c>
      <c r="K81" s="121" t="s">
        <v>722</v>
      </c>
      <c r="N81" s="126">
        <v>21645.731250000001</v>
      </c>
      <c r="P81" s="120"/>
      <c r="Q81" s="119" t="s">
        <v>65</v>
      </c>
    </row>
    <row r="82" spans="1:17" ht="36" x14ac:dyDescent="0.2">
      <c r="A82" s="94">
        <v>826</v>
      </c>
      <c r="B82" s="95" t="s">
        <v>53</v>
      </c>
      <c r="C82" s="96" t="s">
        <v>655</v>
      </c>
      <c r="D82" s="122" t="s">
        <v>932</v>
      </c>
      <c r="E82" s="125" t="s">
        <v>1011</v>
      </c>
      <c r="F82" s="125" t="s">
        <v>1012</v>
      </c>
      <c r="G82" s="75" t="s">
        <v>58</v>
      </c>
      <c r="H82" s="122" t="s">
        <v>833</v>
      </c>
      <c r="I82" s="122" t="s">
        <v>81</v>
      </c>
      <c r="J82" s="88" t="s">
        <v>77</v>
      </c>
      <c r="K82" s="121" t="s">
        <v>722</v>
      </c>
      <c r="N82" s="128">
        <v>1679.16606</v>
      </c>
      <c r="P82" s="120"/>
      <c r="Q82" s="119" t="s">
        <v>65</v>
      </c>
    </row>
    <row r="83" spans="1:17" ht="48" x14ac:dyDescent="0.2">
      <c r="A83" s="94">
        <v>827</v>
      </c>
      <c r="B83" s="95" t="s">
        <v>53</v>
      </c>
      <c r="C83" s="96" t="s">
        <v>655</v>
      </c>
      <c r="D83" s="122" t="s">
        <v>932</v>
      </c>
      <c r="E83" s="125" t="s">
        <v>1013</v>
      </c>
      <c r="F83" s="125" t="s">
        <v>1781</v>
      </c>
      <c r="G83" s="75" t="s">
        <v>58</v>
      </c>
      <c r="H83" s="122" t="s">
        <v>833</v>
      </c>
      <c r="I83" s="122" t="s">
        <v>81</v>
      </c>
      <c r="J83" s="88" t="s">
        <v>77</v>
      </c>
      <c r="K83" s="121" t="s">
        <v>722</v>
      </c>
      <c r="N83" s="128">
        <v>22248.029374999998</v>
      </c>
      <c r="P83" s="120"/>
      <c r="Q83" s="119" t="s">
        <v>65</v>
      </c>
    </row>
    <row r="84" spans="1:17" ht="84" x14ac:dyDescent="0.2">
      <c r="A84" s="94">
        <v>828</v>
      </c>
      <c r="B84" s="95" t="s">
        <v>53</v>
      </c>
      <c r="C84" s="96" t="s">
        <v>655</v>
      </c>
      <c r="D84" s="122" t="s">
        <v>932</v>
      </c>
      <c r="E84" s="125" t="s">
        <v>1015</v>
      </c>
      <c r="F84" s="125" t="s">
        <v>1016</v>
      </c>
      <c r="G84" s="75" t="s">
        <v>58</v>
      </c>
      <c r="H84" s="122" t="s">
        <v>833</v>
      </c>
      <c r="I84" s="122" t="s">
        <v>81</v>
      </c>
      <c r="J84" s="88" t="s">
        <v>77</v>
      </c>
      <c r="K84" s="121" t="s">
        <v>722</v>
      </c>
      <c r="N84" s="128">
        <v>105317.33212000001</v>
      </c>
      <c r="P84" s="120"/>
      <c r="Q84" s="119" t="s">
        <v>65</v>
      </c>
    </row>
    <row r="85" spans="1:17" ht="84" x14ac:dyDescent="0.2">
      <c r="A85" s="94">
        <v>829</v>
      </c>
      <c r="B85" s="95" t="s">
        <v>53</v>
      </c>
      <c r="C85" s="96" t="s">
        <v>655</v>
      </c>
      <c r="D85" s="122" t="s">
        <v>932</v>
      </c>
      <c r="E85" s="125" t="s">
        <v>1017</v>
      </c>
      <c r="F85" s="125" t="s">
        <v>1018</v>
      </c>
      <c r="G85" s="75" t="s">
        <v>58</v>
      </c>
      <c r="H85" s="122" t="s">
        <v>833</v>
      </c>
      <c r="I85" s="122" t="s">
        <v>81</v>
      </c>
      <c r="J85" s="88" t="s">
        <v>77</v>
      </c>
      <c r="K85" s="121" t="s">
        <v>722</v>
      </c>
      <c r="N85" s="128">
        <v>19357.54106</v>
      </c>
      <c r="P85" s="120"/>
      <c r="Q85" s="119" t="s">
        <v>65</v>
      </c>
    </row>
    <row r="86" spans="1:17" ht="36" x14ac:dyDescent="0.2">
      <c r="A86" s="94">
        <v>830</v>
      </c>
      <c r="B86" s="95" t="s">
        <v>53</v>
      </c>
      <c r="C86" s="96" t="s">
        <v>655</v>
      </c>
      <c r="D86" s="122" t="s">
        <v>932</v>
      </c>
      <c r="E86" s="125" t="s">
        <v>1019</v>
      </c>
      <c r="F86" s="125" t="s">
        <v>1020</v>
      </c>
      <c r="G86" s="75" t="s">
        <v>58</v>
      </c>
      <c r="H86" s="122" t="s">
        <v>833</v>
      </c>
      <c r="I86" s="122" t="s">
        <v>81</v>
      </c>
      <c r="J86" s="88" t="s">
        <v>77</v>
      </c>
      <c r="K86" s="121" t="s">
        <v>722</v>
      </c>
      <c r="N86" s="128">
        <v>3734.6595000000002</v>
      </c>
      <c r="P86" s="120"/>
      <c r="Q86" s="119" t="s">
        <v>65</v>
      </c>
    </row>
    <row r="87" spans="1:17" ht="36" x14ac:dyDescent="0.2">
      <c r="A87" s="94">
        <v>831</v>
      </c>
      <c r="B87" s="95" t="s">
        <v>53</v>
      </c>
      <c r="C87" s="96" t="s">
        <v>655</v>
      </c>
      <c r="D87" s="122" t="s">
        <v>932</v>
      </c>
      <c r="E87" s="125" t="s">
        <v>1021</v>
      </c>
      <c r="F87" s="125" t="s">
        <v>1022</v>
      </c>
      <c r="G87" s="75" t="s">
        <v>58</v>
      </c>
      <c r="H87" s="122" t="s">
        <v>833</v>
      </c>
      <c r="I87" s="122" t="s">
        <v>81</v>
      </c>
      <c r="J87" s="88" t="s">
        <v>77</v>
      </c>
      <c r="K87" s="121" t="s">
        <v>722</v>
      </c>
      <c r="N87" s="128">
        <v>2406.8079749999997</v>
      </c>
      <c r="P87" s="120"/>
      <c r="Q87" s="119" t="s">
        <v>65</v>
      </c>
    </row>
    <row r="88" spans="1:17" ht="36" x14ac:dyDescent="0.2">
      <c r="A88" s="94">
        <v>832</v>
      </c>
      <c r="B88" s="95" t="s">
        <v>53</v>
      </c>
      <c r="C88" s="96" t="s">
        <v>655</v>
      </c>
      <c r="D88" s="122" t="s">
        <v>932</v>
      </c>
      <c r="E88" s="125" t="s">
        <v>1023</v>
      </c>
      <c r="F88" s="125" t="s">
        <v>1792</v>
      </c>
      <c r="G88" s="75" t="s">
        <v>58</v>
      </c>
      <c r="H88" s="122" t="s">
        <v>833</v>
      </c>
      <c r="I88" s="122" t="s">
        <v>81</v>
      </c>
      <c r="J88" s="88" t="s">
        <v>77</v>
      </c>
      <c r="K88" s="121" t="s">
        <v>722</v>
      </c>
      <c r="N88" s="128">
        <v>10822.865625</v>
      </c>
      <c r="P88" s="120"/>
      <c r="Q88" s="119" t="s">
        <v>65</v>
      </c>
    </row>
    <row r="89" spans="1:17" ht="108" x14ac:dyDescent="0.2">
      <c r="A89" s="94">
        <v>833</v>
      </c>
      <c r="B89" s="95" t="s">
        <v>53</v>
      </c>
      <c r="C89" s="96" t="s">
        <v>655</v>
      </c>
      <c r="D89" s="122" t="s">
        <v>932</v>
      </c>
      <c r="E89" s="125" t="s">
        <v>1025</v>
      </c>
      <c r="F89" s="125" t="s">
        <v>1026</v>
      </c>
      <c r="G89" s="75" t="s">
        <v>58</v>
      </c>
      <c r="H89" s="125" t="s">
        <v>1027</v>
      </c>
      <c r="I89" s="122" t="s">
        <v>81</v>
      </c>
      <c r="J89" s="88" t="s">
        <v>77</v>
      </c>
      <c r="K89" s="121" t="s">
        <v>722</v>
      </c>
      <c r="N89" s="128">
        <v>34370.050000000003</v>
      </c>
      <c r="P89" s="120"/>
      <c r="Q89" s="119" t="s">
        <v>65</v>
      </c>
    </row>
    <row r="90" spans="1:17" ht="96" x14ac:dyDescent="0.2">
      <c r="A90" s="94">
        <v>834</v>
      </c>
      <c r="B90" s="95" t="s">
        <v>53</v>
      </c>
      <c r="C90" s="96" t="s">
        <v>655</v>
      </c>
      <c r="D90" s="122" t="s">
        <v>932</v>
      </c>
      <c r="E90" s="125" t="s">
        <v>1028</v>
      </c>
      <c r="F90" s="125" t="s">
        <v>1029</v>
      </c>
      <c r="G90" s="75" t="s">
        <v>58</v>
      </c>
      <c r="H90" s="125" t="s">
        <v>1027</v>
      </c>
      <c r="I90" s="122" t="s">
        <v>81</v>
      </c>
      <c r="J90" s="88" t="s">
        <v>77</v>
      </c>
      <c r="K90" s="121" t="s">
        <v>722</v>
      </c>
      <c r="N90" s="128">
        <v>740025</v>
      </c>
      <c r="P90" s="120"/>
      <c r="Q90" s="119" t="s">
        <v>65</v>
      </c>
    </row>
    <row r="91" spans="1:17" ht="96" x14ac:dyDescent="0.2">
      <c r="A91" s="94">
        <v>835</v>
      </c>
      <c r="B91" s="95" t="s">
        <v>53</v>
      </c>
      <c r="C91" s="96" t="s">
        <v>655</v>
      </c>
      <c r="D91" s="122" t="s">
        <v>900</v>
      </c>
      <c r="E91" s="125" t="s">
        <v>1030</v>
      </c>
      <c r="F91" s="125" t="s">
        <v>1031</v>
      </c>
      <c r="G91" s="75" t="s">
        <v>58</v>
      </c>
      <c r="H91" s="125" t="s">
        <v>1027</v>
      </c>
      <c r="I91" s="122" t="s">
        <v>81</v>
      </c>
      <c r="J91" s="88" t="s">
        <v>77</v>
      </c>
      <c r="K91" s="121" t="s">
        <v>722</v>
      </c>
      <c r="N91" s="128">
        <v>24667.5</v>
      </c>
      <c r="P91" s="120"/>
      <c r="Q91" s="119" t="s">
        <v>65</v>
      </c>
    </row>
    <row r="92" spans="1:17" ht="96" x14ac:dyDescent="0.2">
      <c r="A92" s="94">
        <v>836</v>
      </c>
      <c r="B92" s="95" t="s">
        <v>53</v>
      </c>
      <c r="C92" s="96" t="s">
        <v>655</v>
      </c>
      <c r="D92" s="122" t="s">
        <v>900</v>
      </c>
      <c r="E92" s="125" t="s">
        <v>1032</v>
      </c>
      <c r="F92" s="125" t="s">
        <v>1033</v>
      </c>
      <c r="G92" s="75" t="s">
        <v>58</v>
      </c>
      <c r="H92" s="125" t="s">
        <v>833</v>
      </c>
      <c r="I92" s="122" t="s">
        <v>81</v>
      </c>
      <c r="J92" s="88" t="s">
        <v>77</v>
      </c>
      <c r="K92" s="122" t="s">
        <v>834</v>
      </c>
      <c r="N92" s="128">
        <v>493350</v>
      </c>
      <c r="P92" s="120"/>
      <c r="Q92" s="119" t="s">
        <v>65</v>
      </c>
    </row>
    <row r="93" spans="1:17" ht="156" x14ac:dyDescent="0.2">
      <c r="A93" s="94">
        <v>837</v>
      </c>
      <c r="B93" s="95" t="s">
        <v>53</v>
      </c>
      <c r="C93" s="96" t="s">
        <v>655</v>
      </c>
      <c r="D93" s="122" t="s">
        <v>932</v>
      </c>
      <c r="E93" s="125" t="s">
        <v>1034</v>
      </c>
      <c r="F93" s="125" t="s">
        <v>1035</v>
      </c>
      <c r="G93" s="75" t="s">
        <v>58</v>
      </c>
      <c r="H93" s="125" t="s">
        <v>1036</v>
      </c>
      <c r="I93" s="122" t="s">
        <v>81</v>
      </c>
      <c r="J93" s="88" t="s">
        <v>77</v>
      </c>
      <c r="K93" s="121" t="s">
        <v>722</v>
      </c>
      <c r="N93" s="128">
        <v>25661.254905000002</v>
      </c>
      <c r="P93" s="120"/>
      <c r="Q93" s="119" t="s">
        <v>65</v>
      </c>
    </row>
    <row r="94" spans="1:17" ht="84" x14ac:dyDescent="0.2">
      <c r="A94" s="94">
        <v>838</v>
      </c>
      <c r="B94" s="95" t="s">
        <v>53</v>
      </c>
      <c r="C94" s="96" t="s">
        <v>655</v>
      </c>
      <c r="D94" s="122" t="s">
        <v>932</v>
      </c>
      <c r="E94" s="125" t="s">
        <v>1037</v>
      </c>
      <c r="F94" s="125" t="s">
        <v>1038</v>
      </c>
      <c r="G94" s="75" t="s">
        <v>58</v>
      </c>
      <c r="H94" s="125" t="s">
        <v>1036</v>
      </c>
      <c r="I94" s="122" t="s">
        <v>81</v>
      </c>
      <c r="J94" s="88" t="s">
        <v>77</v>
      </c>
      <c r="K94" s="121" t="s">
        <v>722</v>
      </c>
      <c r="N94" s="128">
        <v>58379.75</v>
      </c>
      <c r="P94" s="120"/>
      <c r="Q94" s="119" t="s">
        <v>65</v>
      </c>
    </row>
    <row r="95" spans="1:17" ht="84" x14ac:dyDescent="0.2">
      <c r="A95" s="94">
        <v>839</v>
      </c>
      <c r="B95" s="95" t="s">
        <v>53</v>
      </c>
      <c r="C95" s="96" t="s">
        <v>655</v>
      </c>
      <c r="D95" s="122" t="s">
        <v>932</v>
      </c>
      <c r="E95" s="125" t="s">
        <v>1039</v>
      </c>
      <c r="F95" s="125" t="s">
        <v>1040</v>
      </c>
      <c r="G95" s="75" t="s">
        <v>58</v>
      </c>
      <c r="H95" s="125" t="s">
        <v>1036</v>
      </c>
      <c r="I95" s="122" t="s">
        <v>81</v>
      </c>
      <c r="J95" s="88" t="s">
        <v>77</v>
      </c>
      <c r="K95" s="121" t="s">
        <v>722</v>
      </c>
      <c r="N95" s="128">
        <v>55913</v>
      </c>
      <c r="P95" s="120"/>
      <c r="Q95" s="119" t="s">
        <v>65</v>
      </c>
    </row>
    <row r="96" spans="1:17" ht="84" x14ac:dyDescent="0.2">
      <c r="A96" s="94">
        <v>840</v>
      </c>
      <c r="B96" s="95" t="s">
        <v>53</v>
      </c>
      <c r="C96" s="96" t="s">
        <v>655</v>
      </c>
      <c r="D96" s="122" t="s">
        <v>932</v>
      </c>
      <c r="E96" s="125" t="s">
        <v>1041</v>
      </c>
      <c r="F96" s="125" t="s">
        <v>1042</v>
      </c>
      <c r="G96" s="75" t="s">
        <v>58</v>
      </c>
      <c r="H96" s="125" t="s">
        <v>1036</v>
      </c>
      <c r="I96" s="122" t="s">
        <v>81</v>
      </c>
      <c r="J96" s="88" t="s">
        <v>77</v>
      </c>
      <c r="K96" s="121" t="s">
        <v>722</v>
      </c>
      <c r="N96" s="128">
        <v>55913</v>
      </c>
      <c r="P96" s="120"/>
      <c r="Q96" s="119" t="s">
        <v>65</v>
      </c>
    </row>
    <row r="97" spans="1:17" ht="84" x14ac:dyDescent="0.2">
      <c r="A97" s="94">
        <v>841</v>
      </c>
      <c r="B97" s="95" t="s">
        <v>53</v>
      </c>
      <c r="C97" s="96" t="s">
        <v>655</v>
      </c>
      <c r="D97" s="122" t="s">
        <v>932</v>
      </c>
      <c r="E97" s="125" t="s">
        <v>1043</v>
      </c>
      <c r="F97" s="125" t="s">
        <v>1044</v>
      </c>
      <c r="G97" s="75" t="s">
        <v>58</v>
      </c>
      <c r="H97" s="125" t="s">
        <v>1036</v>
      </c>
      <c r="I97" s="122" t="s">
        <v>81</v>
      </c>
      <c r="J97" s="88" t="s">
        <v>77</v>
      </c>
      <c r="K97" s="121" t="s">
        <v>722</v>
      </c>
      <c r="N97" s="128">
        <v>106892.5</v>
      </c>
      <c r="P97" s="120"/>
      <c r="Q97" s="119" t="s">
        <v>65</v>
      </c>
    </row>
    <row r="98" spans="1:17" ht="84" x14ac:dyDescent="0.2">
      <c r="A98" s="94">
        <v>842</v>
      </c>
      <c r="B98" s="95" t="s">
        <v>53</v>
      </c>
      <c r="C98" s="96" t="s">
        <v>655</v>
      </c>
      <c r="D98" s="122" t="s">
        <v>900</v>
      </c>
      <c r="E98" s="125" t="s">
        <v>1045</v>
      </c>
      <c r="F98" s="125" t="s">
        <v>2586</v>
      </c>
      <c r="G98" s="75" t="s">
        <v>58</v>
      </c>
      <c r="H98" s="125" t="s">
        <v>1036</v>
      </c>
      <c r="I98" s="122" t="s">
        <v>81</v>
      </c>
      <c r="J98" s="88" t="s">
        <v>77</v>
      </c>
      <c r="K98" s="121" t="s">
        <v>722</v>
      </c>
      <c r="N98" s="128">
        <v>24667.5</v>
      </c>
      <c r="P98" s="120"/>
      <c r="Q98" s="119" t="s">
        <v>65</v>
      </c>
    </row>
    <row r="99" spans="1:17" ht="84" x14ac:dyDescent="0.2">
      <c r="A99" s="94">
        <v>843</v>
      </c>
      <c r="B99" s="95" t="s">
        <v>53</v>
      </c>
      <c r="C99" s="96" t="s">
        <v>655</v>
      </c>
      <c r="D99" s="122" t="s">
        <v>900</v>
      </c>
      <c r="E99" s="125" t="s">
        <v>1047</v>
      </c>
      <c r="F99" s="125" t="s">
        <v>1048</v>
      </c>
      <c r="G99" s="75" t="s">
        <v>58</v>
      </c>
      <c r="H99" s="125" t="s">
        <v>25</v>
      </c>
      <c r="I99" s="125" t="s">
        <v>81</v>
      </c>
      <c r="J99" s="88" t="s">
        <v>77</v>
      </c>
      <c r="K99" s="122" t="s">
        <v>834</v>
      </c>
      <c r="N99" s="128">
        <v>423047.625</v>
      </c>
      <c r="P99" s="120"/>
      <c r="Q99" s="119" t="s">
        <v>65</v>
      </c>
    </row>
    <row r="100" spans="1:17" ht="144" x14ac:dyDescent="0.2">
      <c r="A100" s="94">
        <v>844</v>
      </c>
      <c r="B100" s="95" t="s">
        <v>53</v>
      </c>
      <c r="C100" s="96" t="s">
        <v>655</v>
      </c>
      <c r="D100" s="122" t="s">
        <v>932</v>
      </c>
      <c r="E100" s="125" t="s">
        <v>1049</v>
      </c>
      <c r="F100" s="125" t="s">
        <v>1050</v>
      </c>
      <c r="G100" s="75" t="s">
        <v>58</v>
      </c>
      <c r="H100" s="125" t="s">
        <v>25</v>
      </c>
      <c r="I100" s="122" t="s">
        <v>81</v>
      </c>
      <c r="J100" s="88" t="s">
        <v>77</v>
      </c>
      <c r="K100" s="122" t="s">
        <v>834</v>
      </c>
      <c r="N100" s="128">
        <v>296928.864375</v>
      </c>
      <c r="P100" s="120"/>
      <c r="Q100" s="119" t="s">
        <v>65</v>
      </c>
    </row>
    <row r="101" spans="1:17" ht="72" x14ac:dyDescent="0.2">
      <c r="A101" s="94">
        <v>845</v>
      </c>
      <c r="B101" s="95" t="s">
        <v>53</v>
      </c>
      <c r="C101" s="96" t="s">
        <v>655</v>
      </c>
      <c r="D101" s="122" t="s">
        <v>932</v>
      </c>
      <c r="E101" s="125" t="s">
        <v>1051</v>
      </c>
      <c r="F101" s="125" t="s">
        <v>1052</v>
      </c>
      <c r="G101" s="75" t="s">
        <v>58</v>
      </c>
      <c r="H101" s="125" t="s">
        <v>25</v>
      </c>
      <c r="I101" s="125" t="s">
        <v>81</v>
      </c>
      <c r="J101" s="88" t="s">
        <v>77</v>
      </c>
      <c r="K101" s="122" t="s">
        <v>834</v>
      </c>
      <c r="N101" s="128">
        <v>359734.375</v>
      </c>
      <c r="P101" s="120"/>
      <c r="Q101" s="119" t="s">
        <v>65</v>
      </c>
    </row>
    <row r="102" spans="1:17" ht="36" x14ac:dyDescent="0.2">
      <c r="A102" s="94">
        <v>846</v>
      </c>
      <c r="B102" s="95" t="s">
        <v>53</v>
      </c>
      <c r="C102" s="96" t="s">
        <v>655</v>
      </c>
      <c r="D102" s="122" t="s">
        <v>932</v>
      </c>
      <c r="E102" s="125" t="s">
        <v>1053</v>
      </c>
      <c r="F102" s="125" t="s">
        <v>1054</v>
      </c>
      <c r="G102" s="75" t="s">
        <v>58</v>
      </c>
      <c r="H102" s="125" t="s">
        <v>25</v>
      </c>
      <c r="I102" s="122" t="s">
        <v>81</v>
      </c>
      <c r="J102" s="88" t="s">
        <v>77</v>
      </c>
      <c r="K102" s="122" t="s">
        <v>834</v>
      </c>
      <c r="N102" s="128">
        <v>47279.375</v>
      </c>
      <c r="P102" s="120"/>
      <c r="Q102" s="119" t="s">
        <v>65</v>
      </c>
    </row>
    <row r="103" spans="1:17" ht="36" x14ac:dyDescent="0.2">
      <c r="A103" s="94">
        <v>847</v>
      </c>
      <c r="B103" s="95" t="s">
        <v>53</v>
      </c>
      <c r="C103" s="96" t="s">
        <v>655</v>
      </c>
      <c r="D103" s="122" t="s">
        <v>932</v>
      </c>
      <c r="E103" s="125" t="s">
        <v>1055</v>
      </c>
      <c r="F103" s="125" t="s">
        <v>1056</v>
      </c>
      <c r="G103" s="75" t="s">
        <v>58</v>
      </c>
      <c r="H103" s="125" t="s">
        <v>25</v>
      </c>
      <c r="I103" s="125" t="s">
        <v>81</v>
      </c>
      <c r="J103" s="88" t="s">
        <v>77</v>
      </c>
      <c r="K103" s="122" t="s">
        <v>834</v>
      </c>
      <c r="N103" s="128">
        <v>986700</v>
      </c>
      <c r="P103" s="120"/>
      <c r="Q103" s="119" t="s">
        <v>65</v>
      </c>
    </row>
    <row r="104" spans="1:17" ht="48" x14ac:dyDescent="0.2">
      <c r="A104" s="94">
        <v>848</v>
      </c>
      <c r="B104" s="95" t="s">
        <v>53</v>
      </c>
      <c r="C104" s="96" t="s">
        <v>655</v>
      </c>
      <c r="D104" s="122" t="s">
        <v>932</v>
      </c>
      <c r="E104" s="125" t="s">
        <v>1057</v>
      </c>
      <c r="F104" s="125" t="s">
        <v>1058</v>
      </c>
      <c r="G104" s="75" t="s">
        <v>58</v>
      </c>
      <c r="H104" s="125" t="s">
        <v>25</v>
      </c>
      <c r="I104" s="122" t="s">
        <v>81</v>
      </c>
      <c r="J104" s="88" t="s">
        <v>77</v>
      </c>
      <c r="K104" s="122" t="s">
        <v>834</v>
      </c>
      <c r="N104" s="128">
        <v>13567.125</v>
      </c>
      <c r="P104" s="120"/>
      <c r="Q104" s="119" t="s">
        <v>65</v>
      </c>
    </row>
    <row r="105" spans="1:17" ht="72" x14ac:dyDescent="0.2">
      <c r="A105" s="94">
        <v>849</v>
      </c>
      <c r="B105" s="95" t="s">
        <v>53</v>
      </c>
      <c r="C105" s="96" t="s">
        <v>655</v>
      </c>
      <c r="D105" s="122" t="s">
        <v>932</v>
      </c>
      <c r="E105" s="125" t="s">
        <v>1059</v>
      </c>
      <c r="F105" s="125" t="s">
        <v>1060</v>
      </c>
      <c r="G105" s="75" t="s">
        <v>58</v>
      </c>
      <c r="H105" s="125" t="s">
        <v>833</v>
      </c>
      <c r="I105" s="125" t="s">
        <v>81</v>
      </c>
      <c r="J105" s="88" t="s">
        <v>77</v>
      </c>
      <c r="K105" s="121" t="s">
        <v>722</v>
      </c>
      <c r="N105" s="128">
        <v>26695.563180000005</v>
      </c>
      <c r="P105" s="120"/>
      <c r="Q105" s="119" t="s">
        <v>65</v>
      </c>
    </row>
    <row r="106" spans="1:17" ht="84" x14ac:dyDescent="0.2">
      <c r="A106" s="94">
        <v>850</v>
      </c>
      <c r="B106" s="95" t="s">
        <v>53</v>
      </c>
      <c r="C106" s="96" t="s">
        <v>655</v>
      </c>
      <c r="D106" s="122" t="s">
        <v>932</v>
      </c>
      <c r="E106" s="125" t="s">
        <v>1061</v>
      </c>
      <c r="F106" s="125" t="s">
        <v>1062</v>
      </c>
      <c r="G106" s="75" t="s">
        <v>58</v>
      </c>
      <c r="H106" s="125" t="s">
        <v>833</v>
      </c>
      <c r="I106" s="122" t="s">
        <v>81</v>
      </c>
      <c r="J106" s="88" t="s">
        <v>77</v>
      </c>
      <c r="K106" s="121" t="s">
        <v>722</v>
      </c>
      <c r="N106" s="128">
        <v>248155.05</v>
      </c>
      <c r="P106" s="120"/>
      <c r="Q106" s="119" t="s">
        <v>65</v>
      </c>
    </row>
    <row r="107" spans="1:17" ht="108" x14ac:dyDescent="0.2">
      <c r="A107" s="94">
        <v>851</v>
      </c>
      <c r="B107" s="95" t="s">
        <v>53</v>
      </c>
      <c r="C107" s="96" t="s">
        <v>655</v>
      </c>
      <c r="D107" s="122" t="s">
        <v>932</v>
      </c>
      <c r="E107" s="125" t="s">
        <v>1063</v>
      </c>
      <c r="F107" s="125" t="s">
        <v>1064</v>
      </c>
      <c r="G107" s="75" t="s">
        <v>58</v>
      </c>
      <c r="H107" s="125" t="s">
        <v>833</v>
      </c>
      <c r="I107" s="125" t="s">
        <v>81</v>
      </c>
      <c r="J107" s="88" t="s">
        <v>77</v>
      </c>
      <c r="K107" s="121" t="s">
        <v>722</v>
      </c>
      <c r="N107" s="128">
        <v>70956.162420000008</v>
      </c>
      <c r="P107" s="120"/>
      <c r="Q107" s="119" t="s">
        <v>65</v>
      </c>
    </row>
    <row r="108" spans="1:17" ht="36" x14ac:dyDescent="0.2">
      <c r="A108" s="94">
        <v>852</v>
      </c>
      <c r="B108" s="95" t="s">
        <v>53</v>
      </c>
      <c r="C108" s="96" t="s">
        <v>655</v>
      </c>
      <c r="D108" s="122" t="s">
        <v>932</v>
      </c>
      <c r="E108" s="125" t="s">
        <v>1065</v>
      </c>
      <c r="F108" s="125" t="s">
        <v>1066</v>
      </c>
      <c r="G108" s="75" t="s">
        <v>58</v>
      </c>
      <c r="H108" s="125" t="s">
        <v>833</v>
      </c>
      <c r="I108" s="122" t="s">
        <v>81</v>
      </c>
      <c r="J108" s="88" t="s">
        <v>77</v>
      </c>
      <c r="K108" s="121" t="s">
        <v>722</v>
      </c>
      <c r="N108" s="128">
        <v>47279.375</v>
      </c>
      <c r="P108" s="120"/>
      <c r="Q108" s="119" t="s">
        <v>65</v>
      </c>
    </row>
    <row r="109" spans="1:17" ht="36" x14ac:dyDescent="0.2">
      <c r="A109" s="94">
        <v>853</v>
      </c>
      <c r="B109" s="95" t="s">
        <v>53</v>
      </c>
      <c r="C109" s="96" t="s">
        <v>655</v>
      </c>
      <c r="D109" s="122" t="s">
        <v>932</v>
      </c>
      <c r="E109" s="125" t="s">
        <v>1067</v>
      </c>
      <c r="F109" s="125" t="s">
        <v>1068</v>
      </c>
      <c r="G109" s="75" t="s">
        <v>58</v>
      </c>
      <c r="H109" s="125" t="s">
        <v>833</v>
      </c>
      <c r="I109" s="125" t="s">
        <v>81</v>
      </c>
      <c r="J109" s="88" t="s">
        <v>77</v>
      </c>
      <c r="K109" s="121" t="s">
        <v>722</v>
      </c>
      <c r="N109" s="128">
        <v>1644.5</v>
      </c>
      <c r="P109" s="120"/>
      <c r="Q109" s="119" t="s">
        <v>65</v>
      </c>
    </row>
    <row r="110" spans="1:17" ht="72" x14ac:dyDescent="0.2">
      <c r="A110" s="94">
        <v>854</v>
      </c>
      <c r="B110" s="95" t="s">
        <v>53</v>
      </c>
      <c r="C110" s="96" t="s">
        <v>655</v>
      </c>
      <c r="D110" s="122" t="s">
        <v>932</v>
      </c>
      <c r="E110" s="125" t="s">
        <v>1069</v>
      </c>
      <c r="F110" s="125" t="s">
        <v>1070</v>
      </c>
      <c r="G110" s="75" t="s">
        <v>58</v>
      </c>
      <c r="H110" s="125" t="s">
        <v>833</v>
      </c>
      <c r="I110" s="122" t="s">
        <v>81</v>
      </c>
      <c r="J110" s="88" t="s">
        <v>77</v>
      </c>
      <c r="K110" s="121" t="s">
        <v>722</v>
      </c>
      <c r="N110" s="128">
        <v>113848.735</v>
      </c>
      <c r="P110" s="120"/>
      <c r="Q110" s="119" t="s">
        <v>65</v>
      </c>
    </row>
    <row r="111" spans="1:17" ht="36" x14ac:dyDescent="0.2">
      <c r="A111" s="94">
        <v>855</v>
      </c>
      <c r="B111" s="95" t="s">
        <v>53</v>
      </c>
      <c r="C111" s="96" t="s">
        <v>655</v>
      </c>
      <c r="D111" s="122" t="s">
        <v>932</v>
      </c>
      <c r="E111" s="125" t="s">
        <v>1071</v>
      </c>
      <c r="F111" s="125" t="s">
        <v>1072</v>
      </c>
      <c r="G111" s="75" t="s">
        <v>58</v>
      </c>
      <c r="H111" s="125" t="s">
        <v>833</v>
      </c>
      <c r="I111" s="125" t="s">
        <v>81</v>
      </c>
      <c r="J111" s="88" t="s">
        <v>77</v>
      </c>
      <c r="K111" s="121" t="s">
        <v>722</v>
      </c>
      <c r="N111" s="128">
        <v>32468.596874999999</v>
      </c>
      <c r="P111" s="120"/>
      <c r="Q111" s="119" t="s">
        <v>65</v>
      </c>
    </row>
    <row r="112" spans="1:17" ht="84" x14ac:dyDescent="0.2">
      <c r="A112" s="94">
        <v>856</v>
      </c>
      <c r="B112" s="95" t="s">
        <v>53</v>
      </c>
      <c r="C112" s="96" t="s">
        <v>655</v>
      </c>
      <c r="D112" s="122" t="s">
        <v>932</v>
      </c>
      <c r="E112" s="125" t="s">
        <v>1073</v>
      </c>
      <c r="F112" s="125" t="s">
        <v>1074</v>
      </c>
      <c r="G112" s="75" t="s">
        <v>58</v>
      </c>
      <c r="H112" s="125" t="s">
        <v>833</v>
      </c>
      <c r="I112" s="122" t="s">
        <v>81</v>
      </c>
      <c r="J112" s="88" t="s">
        <v>77</v>
      </c>
      <c r="K112" s="121" t="s">
        <v>722</v>
      </c>
      <c r="N112" s="128">
        <v>894196.875</v>
      </c>
      <c r="P112" s="120"/>
      <c r="Q112" s="119" t="s">
        <v>65</v>
      </c>
    </row>
    <row r="113" spans="1:17" ht="60" x14ac:dyDescent="0.2">
      <c r="A113" s="94">
        <v>857</v>
      </c>
      <c r="B113" s="95" t="s">
        <v>53</v>
      </c>
      <c r="C113" s="96" t="s">
        <v>655</v>
      </c>
      <c r="D113" s="122" t="s">
        <v>932</v>
      </c>
      <c r="E113" s="125" t="s">
        <v>1075</v>
      </c>
      <c r="F113" s="125" t="s">
        <v>1076</v>
      </c>
      <c r="G113" s="75" t="s">
        <v>58</v>
      </c>
      <c r="H113" s="125" t="s">
        <v>833</v>
      </c>
      <c r="I113" s="125" t="s">
        <v>81</v>
      </c>
      <c r="J113" s="88" t="s">
        <v>77</v>
      </c>
      <c r="K113" s="121" t="s">
        <v>722</v>
      </c>
      <c r="N113" s="128">
        <v>85.822343750000002</v>
      </c>
      <c r="P113" s="120"/>
      <c r="Q113" s="119" t="s">
        <v>65</v>
      </c>
    </row>
    <row r="114" spans="1:17" ht="84" x14ac:dyDescent="0.2">
      <c r="A114" s="94">
        <v>858</v>
      </c>
      <c r="B114" s="95" t="s">
        <v>53</v>
      </c>
      <c r="C114" s="96" t="s">
        <v>655</v>
      </c>
      <c r="D114" s="122" t="s">
        <v>932</v>
      </c>
      <c r="E114" s="125" t="s">
        <v>1077</v>
      </c>
      <c r="F114" s="125" t="s">
        <v>2587</v>
      </c>
      <c r="G114" s="75" t="s">
        <v>58</v>
      </c>
      <c r="H114" s="125" t="s">
        <v>833</v>
      </c>
      <c r="I114" s="122" t="s">
        <v>81</v>
      </c>
      <c r="J114" s="88" t="s">
        <v>77</v>
      </c>
      <c r="K114" s="121" t="s">
        <v>722</v>
      </c>
      <c r="N114" s="128">
        <v>47279.375</v>
      </c>
      <c r="P114" s="120"/>
      <c r="Q114" s="119" t="s">
        <v>65</v>
      </c>
    </row>
    <row r="115" spans="1:17" ht="84" x14ac:dyDescent="0.2">
      <c r="A115" s="94">
        <v>859</v>
      </c>
      <c r="B115" s="95" t="s">
        <v>53</v>
      </c>
      <c r="C115" s="96" t="s">
        <v>655</v>
      </c>
      <c r="D115" s="122" t="s">
        <v>932</v>
      </c>
      <c r="E115" s="125" t="s">
        <v>1079</v>
      </c>
      <c r="F115" s="125" t="s">
        <v>2588</v>
      </c>
      <c r="G115" s="75" t="s">
        <v>58</v>
      </c>
      <c r="H115" s="125" t="s">
        <v>833</v>
      </c>
      <c r="I115" s="125" t="s">
        <v>81</v>
      </c>
      <c r="J115" s="88" t="s">
        <v>77</v>
      </c>
      <c r="K115" s="121" t="s">
        <v>722</v>
      </c>
      <c r="N115" s="128">
        <v>37001.25</v>
      </c>
      <c r="P115" s="120"/>
      <c r="Q115" s="119" t="s">
        <v>65</v>
      </c>
    </row>
    <row r="116" spans="1:17" ht="48" x14ac:dyDescent="0.2">
      <c r="A116" s="94">
        <v>860</v>
      </c>
      <c r="B116" s="95" t="s">
        <v>53</v>
      </c>
      <c r="C116" s="96" t="s">
        <v>655</v>
      </c>
      <c r="D116" s="122" t="s">
        <v>932</v>
      </c>
      <c r="E116" s="125" t="s">
        <v>1081</v>
      </c>
      <c r="F116" s="125" t="s">
        <v>1082</v>
      </c>
      <c r="G116" s="75" t="s">
        <v>58</v>
      </c>
      <c r="H116" s="125" t="s">
        <v>833</v>
      </c>
      <c r="I116" s="122" t="s">
        <v>81</v>
      </c>
      <c r="J116" s="88" t="s">
        <v>77</v>
      </c>
      <c r="K116" s="121" t="s">
        <v>722</v>
      </c>
      <c r="N116" s="128">
        <v>4933.5</v>
      </c>
      <c r="P116" s="120"/>
      <c r="Q116" s="119" t="s">
        <v>65</v>
      </c>
    </row>
    <row r="117" spans="1:17" ht="36" x14ac:dyDescent="0.2">
      <c r="A117" s="94">
        <v>861</v>
      </c>
      <c r="B117" s="95" t="s">
        <v>53</v>
      </c>
      <c r="C117" s="96" t="s">
        <v>655</v>
      </c>
      <c r="D117" s="122" t="s">
        <v>932</v>
      </c>
      <c r="E117" s="125" t="s">
        <v>1083</v>
      </c>
      <c r="F117" s="125" t="s">
        <v>1084</v>
      </c>
      <c r="G117" s="75" t="s">
        <v>58</v>
      </c>
      <c r="H117" s="125" t="s">
        <v>833</v>
      </c>
      <c r="I117" s="125" t="s">
        <v>81</v>
      </c>
      <c r="J117" s="88" t="s">
        <v>77</v>
      </c>
      <c r="K117" s="121" t="s">
        <v>722</v>
      </c>
      <c r="N117" s="128">
        <v>518.01749999999993</v>
      </c>
      <c r="P117" s="120"/>
      <c r="Q117" s="119" t="s">
        <v>65</v>
      </c>
    </row>
    <row r="118" spans="1:17" ht="48" x14ac:dyDescent="0.2">
      <c r="A118" s="94">
        <v>862</v>
      </c>
      <c r="B118" s="95" t="s">
        <v>53</v>
      </c>
      <c r="C118" s="96" t="s">
        <v>655</v>
      </c>
      <c r="D118" s="122" t="s">
        <v>932</v>
      </c>
      <c r="E118" s="125" t="s">
        <v>1085</v>
      </c>
      <c r="F118" s="125" t="s">
        <v>1086</v>
      </c>
      <c r="G118" s="75" t="s">
        <v>58</v>
      </c>
      <c r="H118" s="125" t="s">
        <v>833</v>
      </c>
      <c r="I118" s="122" t="s">
        <v>81</v>
      </c>
      <c r="J118" s="88" t="s">
        <v>77</v>
      </c>
      <c r="K118" s="121" t="s">
        <v>722</v>
      </c>
      <c r="N118" s="128">
        <v>74002.5</v>
      </c>
      <c r="P118" s="120"/>
      <c r="Q118" s="119" t="s">
        <v>65</v>
      </c>
    </row>
    <row r="119" spans="1:17" ht="180" x14ac:dyDescent="0.2">
      <c r="A119" s="94">
        <v>863</v>
      </c>
      <c r="B119" s="95" t="s">
        <v>53</v>
      </c>
      <c r="C119" s="96" t="s">
        <v>655</v>
      </c>
      <c r="D119" s="122" t="s">
        <v>932</v>
      </c>
      <c r="E119" s="125" t="s">
        <v>1094</v>
      </c>
      <c r="F119" s="125" t="s">
        <v>1866</v>
      </c>
      <c r="G119" s="75" t="s">
        <v>58</v>
      </c>
      <c r="H119" s="125" t="s">
        <v>1096</v>
      </c>
      <c r="I119" s="125" t="s">
        <v>81</v>
      </c>
      <c r="J119" s="88" t="s">
        <v>77</v>
      </c>
      <c r="K119" s="121" t="s">
        <v>722</v>
      </c>
      <c r="N119" s="128">
        <v>621588.11</v>
      </c>
      <c r="P119" s="120"/>
      <c r="Q119" s="119" t="s">
        <v>65</v>
      </c>
    </row>
    <row r="120" spans="1:17" ht="144" x14ac:dyDescent="0.2">
      <c r="A120" s="94">
        <v>864</v>
      </c>
      <c r="B120" s="95" t="s">
        <v>53</v>
      </c>
      <c r="C120" s="96" t="s">
        <v>655</v>
      </c>
      <c r="D120" s="122" t="s">
        <v>932</v>
      </c>
      <c r="E120" s="125" t="s">
        <v>1090</v>
      </c>
      <c r="F120" s="125" t="s">
        <v>1091</v>
      </c>
      <c r="G120" s="75" t="s">
        <v>58</v>
      </c>
      <c r="H120" s="125" t="s">
        <v>846</v>
      </c>
      <c r="I120" s="122" t="s">
        <v>81</v>
      </c>
      <c r="J120" s="88" t="s">
        <v>77</v>
      </c>
      <c r="K120" s="122" t="s">
        <v>834</v>
      </c>
      <c r="N120" s="128">
        <v>118782.235</v>
      </c>
      <c r="P120" s="120"/>
      <c r="Q120" s="119" t="s">
        <v>65</v>
      </c>
    </row>
    <row r="121" spans="1:17" ht="72" x14ac:dyDescent="0.2">
      <c r="A121" s="94">
        <v>865</v>
      </c>
      <c r="B121" s="95" t="s">
        <v>53</v>
      </c>
      <c r="C121" s="96" t="s">
        <v>655</v>
      </c>
      <c r="D121" s="122" t="s">
        <v>932</v>
      </c>
      <c r="E121" s="125" t="s">
        <v>1092</v>
      </c>
      <c r="F121" s="125" t="s">
        <v>1093</v>
      </c>
      <c r="G121" s="75" t="s">
        <v>58</v>
      </c>
      <c r="H121" s="125" t="s">
        <v>846</v>
      </c>
      <c r="I121" s="125" t="s">
        <v>81</v>
      </c>
      <c r="J121" s="88" t="s">
        <v>77</v>
      </c>
      <c r="K121" s="122" t="s">
        <v>834</v>
      </c>
      <c r="N121" s="128">
        <v>13024.44</v>
      </c>
      <c r="P121" s="120"/>
      <c r="Q121" s="119" t="s">
        <v>65</v>
      </c>
    </row>
    <row r="122" spans="1:17" ht="84" x14ac:dyDescent="0.2">
      <c r="A122" s="94">
        <v>866</v>
      </c>
      <c r="B122" s="95" t="s">
        <v>53</v>
      </c>
      <c r="C122" s="96" t="s">
        <v>655</v>
      </c>
      <c r="D122" s="122" t="s">
        <v>932</v>
      </c>
      <c r="E122" s="125" t="s">
        <v>1087</v>
      </c>
      <c r="F122" s="125" t="s">
        <v>1088</v>
      </c>
      <c r="G122" s="75" t="s">
        <v>58</v>
      </c>
      <c r="H122" s="125" t="s">
        <v>1089</v>
      </c>
      <c r="I122" s="122" t="s">
        <v>81</v>
      </c>
      <c r="J122" s="88" t="s">
        <v>77</v>
      </c>
      <c r="K122" s="121" t="s">
        <v>722</v>
      </c>
      <c r="N122" s="128">
        <v>777.02625</v>
      </c>
      <c r="P122" s="120"/>
      <c r="Q122" s="119" t="s">
        <v>65</v>
      </c>
    </row>
    <row r="123" spans="1:17" ht="48" x14ac:dyDescent="0.2">
      <c r="A123" s="94">
        <v>867</v>
      </c>
      <c r="B123" s="95" t="s">
        <v>53</v>
      </c>
      <c r="C123" s="96" t="s">
        <v>655</v>
      </c>
      <c r="D123" s="122" t="s">
        <v>932</v>
      </c>
      <c r="E123" s="125" t="s">
        <v>1097</v>
      </c>
      <c r="F123" s="125" t="s">
        <v>1098</v>
      </c>
      <c r="G123" s="75" t="s">
        <v>58</v>
      </c>
      <c r="H123" s="125" t="s">
        <v>1099</v>
      </c>
      <c r="I123" s="125" t="s">
        <v>81</v>
      </c>
      <c r="J123" s="88" t="s">
        <v>77</v>
      </c>
      <c r="K123" s="121" t="s">
        <v>722</v>
      </c>
      <c r="N123" s="128">
        <v>1578.72</v>
      </c>
      <c r="P123" s="120"/>
      <c r="Q123" s="119" t="s">
        <v>65</v>
      </c>
    </row>
    <row r="124" spans="1:17" ht="108" x14ac:dyDescent="0.2">
      <c r="A124" s="94">
        <v>868</v>
      </c>
      <c r="B124" s="95" t="s">
        <v>53</v>
      </c>
      <c r="C124" s="96" t="s">
        <v>655</v>
      </c>
      <c r="D124" s="122" t="s">
        <v>932</v>
      </c>
      <c r="E124" s="125" t="s">
        <v>1100</v>
      </c>
      <c r="F124" s="125" t="s">
        <v>1101</v>
      </c>
      <c r="G124" s="75" t="s">
        <v>58</v>
      </c>
      <c r="H124" s="125" t="s">
        <v>1099</v>
      </c>
      <c r="I124" s="122" t="s">
        <v>81</v>
      </c>
      <c r="J124" s="88" t="s">
        <v>77</v>
      </c>
      <c r="K124" s="121" t="s">
        <v>722</v>
      </c>
      <c r="N124" s="128">
        <v>340138.10187499999</v>
      </c>
      <c r="P124" s="120"/>
      <c r="Q124" s="119" t="s">
        <v>65</v>
      </c>
    </row>
    <row r="125" spans="1:17" ht="156" x14ac:dyDescent="0.2">
      <c r="A125" s="94">
        <v>869</v>
      </c>
      <c r="B125" s="95" t="s">
        <v>53</v>
      </c>
      <c r="C125" s="96" t="s">
        <v>655</v>
      </c>
      <c r="D125" s="122" t="s">
        <v>932</v>
      </c>
      <c r="E125" s="125" t="s">
        <v>1102</v>
      </c>
      <c r="F125" s="125" t="s">
        <v>2589</v>
      </c>
      <c r="G125" s="75" t="s">
        <v>58</v>
      </c>
      <c r="H125" s="125" t="s">
        <v>1099</v>
      </c>
      <c r="I125" s="125" t="s">
        <v>81</v>
      </c>
      <c r="J125" s="88" t="s">
        <v>77</v>
      </c>
      <c r="K125" s="121" t="s">
        <v>722</v>
      </c>
      <c r="N125" s="128">
        <v>1013423.125</v>
      </c>
      <c r="P125" s="120"/>
      <c r="Q125" s="119" t="s">
        <v>65</v>
      </c>
    </row>
    <row r="126" spans="1:17" ht="48" x14ac:dyDescent="0.2">
      <c r="A126" s="94">
        <v>870</v>
      </c>
      <c r="B126" s="95" t="s">
        <v>53</v>
      </c>
      <c r="C126" s="96" t="s">
        <v>655</v>
      </c>
      <c r="D126" s="122" t="s">
        <v>932</v>
      </c>
      <c r="E126" s="125" t="s">
        <v>1104</v>
      </c>
      <c r="F126" s="125" t="s">
        <v>1105</v>
      </c>
      <c r="G126" s="75" t="s">
        <v>58</v>
      </c>
      <c r="H126" s="125" t="s">
        <v>1099</v>
      </c>
      <c r="I126" s="122" t="s">
        <v>81</v>
      </c>
      <c r="J126" s="88" t="s">
        <v>77</v>
      </c>
      <c r="K126" s="121" t="s">
        <v>722</v>
      </c>
      <c r="N126" s="128">
        <v>21645.731250000001</v>
      </c>
      <c r="P126" s="120"/>
      <c r="Q126" s="119" t="s">
        <v>65</v>
      </c>
    </row>
    <row r="127" spans="1:17" ht="120" x14ac:dyDescent="0.2">
      <c r="A127" s="94">
        <v>871</v>
      </c>
      <c r="B127" s="95" t="s">
        <v>53</v>
      </c>
      <c r="C127" s="96" t="s">
        <v>655</v>
      </c>
      <c r="D127" s="122" t="s">
        <v>932</v>
      </c>
      <c r="E127" s="125" t="s">
        <v>1106</v>
      </c>
      <c r="F127" s="125" t="s">
        <v>1107</v>
      </c>
      <c r="G127" s="75" t="s">
        <v>58</v>
      </c>
      <c r="H127" s="125" t="s">
        <v>1108</v>
      </c>
      <c r="I127" s="125" t="s">
        <v>81</v>
      </c>
      <c r="J127" s="88" t="s">
        <v>77</v>
      </c>
      <c r="K127" s="121" t="s">
        <v>722</v>
      </c>
      <c r="N127" s="128">
        <v>41046.720000000001</v>
      </c>
      <c r="P127" s="120"/>
      <c r="Q127" s="119" t="s">
        <v>65</v>
      </c>
    </row>
    <row r="128" spans="1:17" ht="72" x14ac:dyDescent="0.2">
      <c r="A128" s="94">
        <v>872</v>
      </c>
      <c r="B128" s="95" t="s">
        <v>53</v>
      </c>
      <c r="C128" s="96" t="s">
        <v>655</v>
      </c>
      <c r="D128" s="122" t="s">
        <v>900</v>
      </c>
      <c r="E128" s="125" t="s">
        <v>1109</v>
      </c>
      <c r="F128" s="125" t="s">
        <v>1110</v>
      </c>
      <c r="G128" s="75" t="s">
        <v>58</v>
      </c>
      <c r="H128" s="125" t="s">
        <v>1108</v>
      </c>
      <c r="I128" s="122" t="s">
        <v>81</v>
      </c>
      <c r="J128" s="88" t="s">
        <v>77</v>
      </c>
      <c r="K128" s="121" t="s">
        <v>834</v>
      </c>
      <c r="N128" s="128">
        <v>493350</v>
      </c>
      <c r="P128" s="120"/>
      <c r="Q128" s="119" t="s">
        <v>65</v>
      </c>
    </row>
    <row r="129" spans="1:17" ht="360" x14ac:dyDescent="0.2">
      <c r="A129" s="94">
        <v>873</v>
      </c>
      <c r="B129" s="95" t="s">
        <v>53</v>
      </c>
      <c r="C129" s="96" t="s">
        <v>655</v>
      </c>
      <c r="D129" s="122" t="s">
        <v>932</v>
      </c>
      <c r="E129" s="125" t="s">
        <v>1111</v>
      </c>
      <c r="F129" s="125" t="s">
        <v>1112</v>
      </c>
      <c r="G129" s="75" t="s">
        <v>58</v>
      </c>
      <c r="H129" s="121" t="s">
        <v>833</v>
      </c>
      <c r="I129" s="125" t="s">
        <v>81</v>
      </c>
      <c r="J129" s="88" t="s">
        <v>77</v>
      </c>
      <c r="K129" s="122" t="s">
        <v>834</v>
      </c>
      <c r="N129" s="128">
        <v>1346845.5</v>
      </c>
      <c r="P129" s="120"/>
      <c r="Q129" s="119" t="s">
        <v>65</v>
      </c>
    </row>
    <row r="130" spans="1:17" ht="48" x14ac:dyDescent="0.2">
      <c r="A130" s="94">
        <v>874</v>
      </c>
      <c r="B130" s="95" t="s">
        <v>53</v>
      </c>
      <c r="C130" s="96" t="s">
        <v>655</v>
      </c>
      <c r="D130" s="122" t="s">
        <v>932</v>
      </c>
      <c r="E130" s="125" t="s">
        <v>1113</v>
      </c>
      <c r="F130" s="125" t="s">
        <v>1114</v>
      </c>
      <c r="G130" s="75" t="s">
        <v>58</v>
      </c>
      <c r="H130" s="121" t="s">
        <v>833</v>
      </c>
      <c r="I130" s="122" t="s">
        <v>81</v>
      </c>
      <c r="J130" s="88" t="s">
        <v>77</v>
      </c>
      <c r="K130" s="122" t="s">
        <v>834</v>
      </c>
      <c r="N130" s="128">
        <v>13567.125</v>
      </c>
      <c r="P130" s="120"/>
      <c r="Q130" s="119" t="s">
        <v>65</v>
      </c>
    </row>
    <row r="131" spans="1:17" ht="60" x14ac:dyDescent="0.2">
      <c r="A131" s="94">
        <v>875</v>
      </c>
      <c r="B131" s="95" t="s">
        <v>53</v>
      </c>
      <c r="C131" s="96" t="s">
        <v>655</v>
      </c>
      <c r="D131" s="122" t="s">
        <v>932</v>
      </c>
      <c r="E131" s="125" t="s">
        <v>1115</v>
      </c>
      <c r="F131" s="125" t="s">
        <v>1116</v>
      </c>
      <c r="G131" s="75" t="s">
        <v>58</v>
      </c>
      <c r="H131" s="121" t="s">
        <v>833</v>
      </c>
      <c r="I131" s="125" t="s">
        <v>81</v>
      </c>
      <c r="J131" s="88" t="s">
        <v>77</v>
      </c>
      <c r="K131" s="121" t="s">
        <v>722</v>
      </c>
      <c r="N131" s="128">
        <v>8395.8302999999996</v>
      </c>
      <c r="P131" s="120"/>
      <c r="Q131" s="119" t="s">
        <v>65</v>
      </c>
    </row>
    <row r="132" spans="1:17" ht="84" x14ac:dyDescent="0.2">
      <c r="A132" s="94">
        <v>876</v>
      </c>
      <c r="B132" s="95" t="s">
        <v>53</v>
      </c>
      <c r="C132" s="96" t="s">
        <v>655</v>
      </c>
      <c r="D132" s="122" t="s">
        <v>932</v>
      </c>
      <c r="E132" s="125" t="s">
        <v>1117</v>
      </c>
      <c r="F132" s="125" t="s">
        <v>1118</v>
      </c>
      <c r="G132" s="75" t="s">
        <v>58</v>
      </c>
      <c r="H132" s="121" t="s">
        <v>833</v>
      </c>
      <c r="I132" s="122" t="s">
        <v>81</v>
      </c>
      <c r="J132" s="88" t="s">
        <v>77</v>
      </c>
      <c r="K132" s="121" t="s">
        <v>722</v>
      </c>
      <c r="N132" s="128">
        <v>176783.75</v>
      </c>
      <c r="P132" s="120"/>
      <c r="Q132" s="119" t="s">
        <v>65</v>
      </c>
    </row>
    <row r="133" spans="1:17" ht="144" x14ac:dyDescent="0.2">
      <c r="A133" s="94">
        <v>877</v>
      </c>
      <c r="B133" s="95" t="s">
        <v>53</v>
      </c>
      <c r="C133" s="96" t="s">
        <v>655</v>
      </c>
      <c r="D133" s="122" t="s">
        <v>900</v>
      </c>
      <c r="E133" s="125" t="s">
        <v>1119</v>
      </c>
      <c r="F133" s="125" t="s">
        <v>1120</v>
      </c>
      <c r="G133" s="75" t="s">
        <v>58</v>
      </c>
      <c r="H133" s="121" t="s">
        <v>833</v>
      </c>
      <c r="I133" s="125" t="s">
        <v>81</v>
      </c>
      <c r="J133" s="88" t="s">
        <v>77</v>
      </c>
      <c r="K133" s="121" t="s">
        <v>722</v>
      </c>
      <c r="N133" s="128">
        <v>34850.860687500004</v>
      </c>
      <c r="P133" s="120"/>
      <c r="Q133" s="119" t="s">
        <v>65</v>
      </c>
    </row>
    <row r="134" spans="1:17" ht="96" x14ac:dyDescent="0.2">
      <c r="A134" s="94">
        <v>878</v>
      </c>
      <c r="B134" s="95" t="s">
        <v>53</v>
      </c>
      <c r="C134" s="96" t="s">
        <v>655</v>
      </c>
      <c r="D134" s="122" t="s">
        <v>932</v>
      </c>
      <c r="E134" s="121" t="s">
        <v>1121</v>
      </c>
      <c r="F134" s="125" t="s">
        <v>1122</v>
      </c>
      <c r="G134" s="75" t="s">
        <v>58</v>
      </c>
      <c r="H134" s="121" t="s">
        <v>833</v>
      </c>
      <c r="I134" s="122" t="s">
        <v>81</v>
      </c>
      <c r="J134" s="88" t="s">
        <v>77</v>
      </c>
      <c r="K134" s="121" t="s">
        <v>722</v>
      </c>
      <c r="N134" s="128">
        <v>742080.625</v>
      </c>
      <c r="P134" s="120"/>
      <c r="Q134" s="119" t="s">
        <v>65</v>
      </c>
    </row>
    <row r="135" spans="1:17" ht="48" x14ac:dyDescent="0.2">
      <c r="A135" s="94">
        <v>879</v>
      </c>
      <c r="B135" s="95" t="s">
        <v>53</v>
      </c>
      <c r="C135" s="96" t="s">
        <v>655</v>
      </c>
      <c r="D135" s="122" t="s">
        <v>932</v>
      </c>
      <c r="E135" s="122" t="s">
        <v>1123</v>
      </c>
      <c r="F135" s="125" t="s">
        <v>1906</v>
      </c>
      <c r="G135" s="75" t="s">
        <v>58</v>
      </c>
      <c r="H135" s="121" t="s">
        <v>833</v>
      </c>
      <c r="I135" s="125" t="s">
        <v>81</v>
      </c>
      <c r="J135" s="88" t="s">
        <v>77</v>
      </c>
      <c r="K135" s="121" t="s">
        <v>722</v>
      </c>
      <c r="N135" s="128">
        <v>226118.75</v>
      </c>
      <c r="P135" s="120"/>
      <c r="Q135" s="119" t="s">
        <v>65</v>
      </c>
    </row>
    <row r="136" spans="1:17" ht="36" x14ac:dyDescent="0.2">
      <c r="A136" s="94">
        <v>880</v>
      </c>
      <c r="B136" s="95" t="s">
        <v>53</v>
      </c>
      <c r="C136" s="96" t="s">
        <v>655</v>
      </c>
      <c r="D136" s="122" t="s">
        <v>932</v>
      </c>
      <c r="E136" s="121" t="s">
        <v>1125</v>
      </c>
      <c r="F136" s="125" t="s">
        <v>1126</v>
      </c>
      <c r="G136" s="75" t="s">
        <v>58</v>
      </c>
      <c r="H136" s="121" t="s">
        <v>833</v>
      </c>
      <c r="I136" s="122" t="s">
        <v>81</v>
      </c>
      <c r="J136" s="88" t="s">
        <v>77</v>
      </c>
      <c r="K136" s="121" t="s">
        <v>722</v>
      </c>
      <c r="N136" s="128">
        <v>11305.9375</v>
      </c>
      <c r="P136" s="120"/>
      <c r="Q136" s="119" t="s">
        <v>65</v>
      </c>
    </row>
    <row r="137" spans="1:17" ht="48" x14ac:dyDescent="0.2">
      <c r="A137" s="94">
        <v>881</v>
      </c>
      <c r="B137" s="95" t="s">
        <v>53</v>
      </c>
      <c r="C137" s="96" t="s">
        <v>655</v>
      </c>
      <c r="D137" s="122" t="s">
        <v>932</v>
      </c>
      <c r="E137" s="121" t="s">
        <v>1127</v>
      </c>
      <c r="F137" s="125" t="s">
        <v>1128</v>
      </c>
      <c r="G137" s="75" t="s">
        <v>58</v>
      </c>
      <c r="H137" s="121" t="s">
        <v>833</v>
      </c>
      <c r="I137" s="125" t="s">
        <v>81</v>
      </c>
      <c r="J137" s="88" t="s">
        <v>77</v>
      </c>
      <c r="K137" s="121" t="s">
        <v>722</v>
      </c>
      <c r="N137" s="128">
        <v>167327.875</v>
      </c>
      <c r="P137" s="120"/>
      <c r="Q137" s="119" t="s">
        <v>65</v>
      </c>
    </row>
    <row r="138" spans="1:17" ht="48" x14ac:dyDescent="0.2">
      <c r="A138" s="94">
        <v>882</v>
      </c>
      <c r="B138" s="95" t="s">
        <v>53</v>
      </c>
      <c r="C138" s="96" t="s">
        <v>655</v>
      </c>
      <c r="D138" s="122" t="s">
        <v>932</v>
      </c>
      <c r="E138" s="121" t="s">
        <v>1129</v>
      </c>
      <c r="F138" s="125" t="s">
        <v>1130</v>
      </c>
      <c r="G138" s="75" t="s">
        <v>58</v>
      </c>
      <c r="H138" s="121" t="s">
        <v>833</v>
      </c>
      <c r="I138" s="122" t="s">
        <v>81</v>
      </c>
      <c r="J138" s="88" t="s">
        <v>77</v>
      </c>
      <c r="K138" s="121" t="s">
        <v>722</v>
      </c>
      <c r="N138" s="128">
        <v>129504.375</v>
      </c>
      <c r="P138" s="120"/>
      <c r="Q138" s="119" t="s">
        <v>65</v>
      </c>
    </row>
    <row r="139" spans="1:17" ht="36" x14ac:dyDescent="0.2">
      <c r="A139" s="94">
        <v>883</v>
      </c>
      <c r="B139" s="95" t="s">
        <v>53</v>
      </c>
      <c r="C139" s="96" t="s">
        <v>655</v>
      </c>
      <c r="D139" s="122" t="s">
        <v>900</v>
      </c>
      <c r="E139" s="121" t="s">
        <v>1131</v>
      </c>
      <c r="F139" s="125" t="s">
        <v>1132</v>
      </c>
      <c r="G139" s="75" t="s">
        <v>58</v>
      </c>
      <c r="H139" s="121" t="s">
        <v>833</v>
      </c>
      <c r="I139" s="125" t="s">
        <v>81</v>
      </c>
      <c r="J139" s="88" t="s">
        <v>77</v>
      </c>
      <c r="K139" s="121" t="s">
        <v>722</v>
      </c>
      <c r="N139" s="128">
        <v>207618.125</v>
      </c>
      <c r="P139" s="120"/>
      <c r="Q139" s="119" t="s">
        <v>65</v>
      </c>
    </row>
    <row r="140" spans="1:17" ht="48" x14ac:dyDescent="0.2">
      <c r="A140" s="94">
        <v>884</v>
      </c>
      <c r="B140" s="95" t="s">
        <v>53</v>
      </c>
      <c r="C140" s="96" t="s">
        <v>655</v>
      </c>
      <c r="D140" s="122" t="s">
        <v>932</v>
      </c>
      <c r="E140" s="121" t="s">
        <v>1133</v>
      </c>
      <c r="F140" s="125" t="s">
        <v>1134</v>
      </c>
      <c r="G140" s="75" t="s">
        <v>58</v>
      </c>
      <c r="H140" s="121" t="s">
        <v>833</v>
      </c>
      <c r="I140" s="122" t="s">
        <v>81</v>
      </c>
      <c r="J140" s="88" t="s">
        <v>77</v>
      </c>
      <c r="K140" s="121" t="s">
        <v>722</v>
      </c>
      <c r="N140" s="128">
        <v>6783.5625</v>
      </c>
      <c r="P140" s="120"/>
      <c r="Q140" s="119" t="s">
        <v>65</v>
      </c>
    </row>
    <row r="141" spans="1:17" ht="84" x14ac:dyDescent="0.2">
      <c r="A141" s="94">
        <v>885</v>
      </c>
      <c r="B141" s="95" t="s">
        <v>53</v>
      </c>
      <c r="C141" s="96" t="s">
        <v>655</v>
      </c>
      <c r="D141" s="122" t="s">
        <v>932</v>
      </c>
      <c r="E141" s="122" t="s">
        <v>1135</v>
      </c>
      <c r="F141" s="125" t="s">
        <v>1136</v>
      </c>
      <c r="G141" s="75" t="s">
        <v>58</v>
      </c>
      <c r="H141" s="121" t="s">
        <v>59</v>
      </c>
      <c r="I141" s="125" t="s">
        <v>81</v>
      </c>
      <c r="J141" s="88" t="s">
        <v>77</v>
      </c>
      <c r="K141" s="121" t="s">
        <v>722</v>
      </c>
      <c r="N141" s="128">
        <v>8682.9599999999991</v>
      </c>
      <c r="P141" s="120"/>
      <c r="Q141" s="119" t="s">
        <v>65</v>
      </c>
    </row>
    <row r="142" spans="1:17" ht="48" x14ac:dyDescent="0.2">
      <c r="A142" s="94">
        <v>886</v>
      </c>
      <c r="B142" s="95" t="s">
        <v>53</v>
      </c>
      <c r="C142" s="96" t="s">
        <v>655</v>
      </c>
      <c r="D142" s="122" t="s">
        <v>932</v>
      </c>
      <c r="E142" s="122" t="s">
        <v>1137</v>
      </c>
      <c r="F142" s="125" t="s">
        <v>1138</v>
      </c>
      <c r="G142" s="75" t="s">
        <v>58</v>
      </c>
      <c r="H142" s="121" t="s">
        <v>59</v>
      </c>
      <c r="I142" s="122" t="s">
        <v>81</v>
      </c>
      <c r="J142" s="88" t="s">
        <v>77</v>
      </c>
      <c r="K142" s="121" t="s">
        <v>722</v>
      </c>
      <c r="N142" s="128">
        <v>378235</v>
      </c>
      <c r="P142" s="120"/>
      <c r="Q142" s="119" t="s">
        <v>65</v>
      </c>
    </row>
    <row r="143" spans="1:17" ht="48" x14ac:dyDescent="0.2">
      <c r="A143" s="94">
        <v>887</v>
      </c>
      <c r="B143" s="95" t="s">
        <v>53</v>
      </c>
      <c r="C143" s="96" t="s">
        <v>655</v>
      </c>
      <c r="D143" s="122" t="s">
        <v>932</v>
      </c>
      <c r="E143" s="122" t="s">
        <v>1139</v>
      </c>
      <c r="F143" s="125" t="s">
        <v>1140</v>
      </c>
      <c r="G143" s="75" t="s">
        <v>58</v>
      </c>
      <c r="H143" s="121" t="s">
        <v>59</v>
      </c>
      <c r="I143" s="125" t="s">
        <v>81</v>
      </c>
      <c r="J143" s="88" t="s">
        <v>77</v>
      </c>
      <c r="K143" s="121" t="s">
        <v>722</v>
      </c>
      <c r="N143" s="128">
        <v>107338.29106</v>
      </c>
      <c r="P143" s="120"/>
      <c r="Q143" s="119" t="s">
        <v>65</v>
      </c>
    </row>
    <row r="144" spans="1:17" ht="48" x14ac:dyDescent="0.2">
      <c r="A144" s="94">
        <v>888</v>
      </c>
      <c r="B144" s="95" t="s">
        <v>53</v>
      </c>
      <c r="C144" s="96" t="s">
        <v>655</v>
      </c>
      <c r="D144" s="122" t="s">
        <v>932</v>
      </c>
      <c r="E144" s="122" t="s">
        <v>1141</v>
      </c>
      <c r="F144" s="125" t="s">
        <v>1142</v>
      </c>
      <c r="G144" s="75" t="s">
        <v>58</v>
      </c>
      <c r="H144" s="121" t="s">
        <v>59</v>
      </c>
      <c r="I144" s="122" t="s">
        <v>81</v>
      </c>
      <c r="J144" s="88" t="s">
        <v>77</v>
      </c>
      <c r="K144" s="121" t="s">
        <v>722</v>
      </c>
      <c r="N144" s="128">
        <v>606409.375</v>
      </c>
      <c r="P144" s="120"/>
      <c r="Q144" s="119" t="s">
        <v>65</v>
      </c>
    </row>
    <row r="145" spans="1:17" ht="72" x14ac:dyDescent="0.2">
      <c r="A145" s="94">
        <v>889</v>
      </c>
      <c r="B145" s="95" t="s">
        <v>53</v>
      </c>
      <c r="C145" s="96" t="s">
        <v>655</v>
      </c>
      <c r="D145" s="122" t="s">
        <v>932</v>
      </c>
      <c r="E145" s="122" t="s">
        <v>1143</v>
      </c>
      <c r="F145" s="125" t="s">
        <v>1144</v>
      </c>
      <c r="G145" s="75" t="s">
        <v>58</v>
      </c>
      <c r="H145" s="121" t="s">
        <v>59</v>
      </c>
      <c r="I145" s="125" t="s">
        <v>81</v>
      </c>
      <c r="J145" s="88" t="s">
        <v>77</v>
      </c>
      <c r="K145" s="121" t="s">
        <v>722</v>
      </c>
      <c r="N145" s="128">
        <v>34476.120250000007</v>
      </c>
      <c r="P145" s="120"/>
      <c r="Q145" s="119" t="s">
        <v>65</v>
      </c>
    </row>
    <row r="146" spans="1:17" ht="156" x14ac:dyDescent="0.2">
      <c r="A146" s="94">
        <v>890</v>
      </c>
      <c r="B146" s="95" t="s">
        <v>53</v>
      </c>
      <c r="C146" s="96" t="s">
        <v>655</v>
      </c>
      <c r="D146" s="122" t="s">
        <v>932</v>
      </c>
      <c r="E146" s="122" t="s">
        <v>1145</v>
      </c>
      <c r="F146" s="125" t="s">
        <v>1146</v>
      </c>
      <c r="G146" s="75" t="s">
        <v>58</v>
      </c>
      <c r="H146" s="121" t="s">
        <v>833</v>
      </c>
      <c r="I146" s="122" t="s">
        <v>81</v>
      </c>
      <c r="J146" s="88" t="s">
        <v>77</v>
      </c>
      <c r="K146" s="121" t="s">
        <v>722</v>
      </c>
      <c r="N146" s="128">
        <v>1167595</v>
      </c>
      <c r="P146" s="120"/>
      <c r="Q146" s="119" t="s">
        <v>65</v>
      </c>
    </row>
    <row r="147" spans="1:17" ht="48" x14ac:dyDescent="0.2">
      <c r="A147" s="94">
        <v>891</v>
      </c>
      <c r="B147" s="95" t="s">
        <v>53</v>
      </c>
      <c r="C147" s="96" t="s">
        <v>655</v>
      </c>
      <c r="D147" s="122" t="s">
        <v>932</v>
      </c>
      <c r="E147" s="122" t="s">
        <v>1147</v>
      </c>
      <c r="F147" s="125" t="s">
        <v>1148</v>
      </c>
      <c r="G147" s="75" t="s">
        <v>58</v>
      </c>
      <c r="H147" s="121" t="s">
        <v>833</v>
      </c>
      <c r="I147" s="125" t="s">
        <v>81</v>
      </c>
      <c r="J147" s="88" t="s">
        <v>77</v>
      </c>
      <c r="K147" s="121" t="s">
        <v>722</v>
      </c>
      <c r="N147" s="129">
        <v>402902.5</v>
      </c>
      <c r="P147" s="120"/>
      <c r="Q147" s="119" t="s">
        <v>65</v>
      </c>
    </row>
    <row r="148" spans="1:17" ht="120" x14ac:dyDescent="0.2">
      <c r="A148" s="94">
        <v>892</v>
      </c>
      <c r="B148" s="95" t="s">
        <v>53</v>
      </c>
      <c r="C148" s="96" t="s">
        <v>655</v>
      </c>
      <c r="D148" s="122" t="s">
        <v>932</v>
      </c>
      <c r="E148" s="122" t="s">
        <v>1149</v>
      </c>
      <c r="F148" s="125" t="s">
        <v>1150</v>
      </c>
      <c r="G148" s="75" t="s">
        <v>58</v>
      </c>
      <c r="H148" s="121" t="s">
        <v>833</v>
      </c>
      <c r="I148" s="122" t="s">
        <v>81</v>
      </c>
      <c r="J148" s="88" t="s">
        <v>77</v>
      </c>
      <c r="K148" s="121" t="s">
        <v>722</v>
      </c>
      <c r="N148" s="129">
        <v>25057.575400000002</v>
      </c>
      <c r="P148" s="120"/>
      <c r="Q148" s="119" t="s">
        <v>65</v>
      </c>
    </row>
    <row r="149" spans="1:17" ht="48" x14ac:dyDescent="0.2">
      <c r="A149" s="94">
        <v>893</v>
      </c>
      <c r="B149" s="95" t="s">
        <v>53</v>
      </c>
      <c r="C149" s="96" t="s">
        <v>655</v>
      </c>
      <c r="D149" s="122" t="s">
        <v>932</v>
      </c>
      <c r="E149" s="122" t="s">
        <v>1151</v>
      </c>
      <c r="F149" s="125" t="s">
        <v>1152</v>
      </c>
      <c r="G149" s="75" t="s">
        <v>58</v>
      </c>
      <c r="H149" s="121" t="s">
        <v>833</v>
      </c>
      <c r="I149" s="125" t="s">
        <v>81</v>
      </c>
      <c r="J149" s="88" t="s">
        <v>77</v>
      </c>
      <c r="K149" s="121" t="s">
        <v>722</v>
      </c>
      <c r="N149" s="129">
        <v>9044.75</v>
      </c>
      <c r="P149" s="120"/>
      <c r="Q149" s="119" t="s">
        <v>65</v>
      </c>
    </row>
    <row r="150" spans="1:17" ht="120" x14ac:dyDescent="0.2">
      <c r="A150" s="94">
        <v>894</v>
      </c>
      <c r="B150" s="95" t="s">
        <v>53</v>
      </c>
      <c r="C150" s="96" t="s">
        <v>655</v>
      </c>
      <c r="D150" s="122" t="s">
        <v>932</v>
      </c>
      <c r="E150" s="122" t="s">
        <v>1153</v>
      </c>
      <c r="F150" s="125" t="s">
        <v>1938</v>
      </c>
      <c r="G150" s="75" t="s">
        <v>58</v>
      </c>
      <c r="H150" s="121" t="s">
        <v>948</v>
      </c>
      <c r="I150" s="122" t="s">
        <v>81</v>
      </c>
      <c r="J150" s="88" t="s">
        <v>77</v>
      </c>
      <c r="K150" s="121" t="s">
        <v>722</v>
      </c>
      <c r="N150" s="129">
        <v>15889.459121250002</v>
      </c>
      <c r="P150" s="120"/>
      <c r="Q150" s="119" t="s">
        <v>65</v>
      </c>
    </row>
    <row r="151" spans="1:17" ht="60" x14ac:dyDescent="0.2">
      <c r="A151" s="94">
        <v>895</v>
      </c>
      <c r="B151" s="95" t="s">
        <v>53</v>
      </c>
      <c r="C151" s="96" t="s">
        <v>655</v>
      </c>
      <c r="D151" s="122" t="s">
        <v>932</v>
      </c>
      <c r="E151" s="122" t="s">
        <v>1155</v>
      </c>
      <c r="F151" s="125" t="s">
        <v>1156</v>
      </c>
      <c r="G151" s="75" t="s">
        <v>58</v>
      </c>
      <c r="H151" s="121" t="s">
        <v>948</v>
      </c>
      <c r="I151" s="122" t="s">
        <v>81</v>
      </c>
      <c r="J151" s="88" t="s">
        <v>77</v>
      </c>
      <c r="K151" s="121" t="s">
        <v>722</v>
      </c>
      <c r="N151" s="129">
        <v>5132.6160600000003</v>
      </c>
      <c r="P151" s="120"/>
      <c r="Q151" s="119" t="s">
        <v>65</v>
      </c>
    </row>
    <row r="152" spans="1:17" ht="36" x14ac:dyDescent="0.2">
      <c r="A152" s="94">
        <v>896</v>
      </c>
      <c r="B152" s="95" t="s">
        <v>53</v>
      </c>
      <c r="C152" s="96" t="s">
        <v>655</v>
      </c>
      <c r="D152" s="122" t="s">
        <v>932</v>
      </c>
      <c r="E152" s="122" t="s">
        <v>1157</v>
      </c>
      <c r="F152" s="125" t="s">
        <v>1158</v>
      </c>
      <c r="G152" s="75" t="s">
        <v>58</v>
      </c>
      <c r="H152" s="121" t="s">
        <v>948</v>
      </c>
      <c r="I152" s="122" t="s">
        <v>81</v>
      </c>
      <c r="J152" s="88" t="s">
        <v>77</v>
      </c>
      <c r="K152" s="121" t="s">
        <v>722</v>
      </c>
      <c r="N152" s="129">
        <v>7400.25</v>
      </c>
      <c r="P152" s="120"/>
      <c r="Q152" s="119" t="s">
        <v>65</v>
      </c>
    </row>
    <row r="153" spans="1:17" ht="36" x14ac:dyDescent="0.2">
      <c r="A153" s="94">
        <v>897</v>
      </c>
      <c r="B153" s="95" t="s">
        <v>53</v>
      </c>
      <c r="C153" s="96" t="s">
        <v>655</v>
      </c>
      <c r="D153" s="122" t="s">
        <v>870</v>
      </c>
      <c r="E153" s="122" t="s">
        <v>1159</v>
      </c>
      <c r="F153" s="125" t="s">
        <v>1160</v>
      </c>
      <c r="G153" s="75" t="s">
        <v>58</v>
      </c>
      <c r="H153" s="121" t="s">
        <v>948</v>
      </c>
      <c r="I153" s="122" t="s">
        <v>81</v>
      </c>
      <c r="J153" s="88" t="s">
        <v>77</v>
      </c>
      <c r="K153" s="121" t="s">
        <v>722</v>
      </c>
      <c r="N153" s="129">
        <v>3668.6739374999997</v>
      </c>
      <c r="P153" s="120"/>
      <c r="Q153" s="119" t="s">
        <v>65</v>
      </c>
    </row>
    <row r="154" spans="1:17" ht="96" x14ac:dyDescent="0.2">
      <c r="A154" s="94">
        <v>898</v>
      </c>
      <c r="B154" s="95" t="s">
        <v>53</v>
      </c>
      <c r="C154" s="96" t="s">
        <v>655</v>
      </c>
      <c r="D154" s="122" t="s">
        <v>932</v>
      </c>
      <c r="E154" s="122" t="s">
        <v>1161</v>
      </c>
      <c r="F154" s="125" t="s">
        <v>1162</v>
      </c>
      <c r="G154" s="75" t="s">
        <v>58</v>
      </c>
      <c r="H154" s="121" t="s">
        <v>948</v>
      </c>
      <c r="I154" s="122" t="s">
        <v>81</v>
      </c>
      <c r="J154" s="88" t="s">
        <v>77</v>
      </c>
      <c r="K154" s="121" t="s">
        <v>722</v>
      </c>
      <c r="N154" s="129">
        <v>283676.25</v>
      </c>
      <c r="P154" s="120"/>
      <c r="Q154" s="119" t="s">
        <v>65</v>
      </c>
    </row>
    <row r="155" spans="1:17" ht="30" x14ac:dyDescent="0.2">
      <c r="A155" s="94">
        <v>899</v>
      </c>
      <c r="B155" s="95" t="s">
        <v>53</v>
      </c>
      <c r="C155" s="96" t="s">
        <v>655</v>
      </c>
      <c r="D155" s="122" t="s">
        <v>932</v>
      </c>
      <c r="E155" s="122" t="s">
        <v>1163</v>
      </c>
      <c r="F155" s="125" t="s">
        <v>1164</v>
      </c>
      <c r="G155" s="75" t="s">
        <v>58</v>
      </c>
      <c r="H155" s="121" t="s">
        <v>948</v>
      </c>
      <c r="I155" s="122" t="s">
        <v>81</v>
      </c>
      <c r="J155" s="88" t="s">
        <v>77</v>
      </c>
      <c r="K155" s="121" t="s">
        <v>722</v>
      </c>
      <c r="N155" s="129">
        <v>13567.125</v>
      </c>
      <c r="P155" s="120"/>
      <c r="Q155" s="119" t="s">
        <v>65</v>
      </c>
    </row>
    <row r="156" spans="1:17" ht="120" x14ac:dyDescent="0.2">
      <c r="A156" s="94">
        <v>900</v>
      </c>
      <c r="B156" s="95" t="s">
        <v>53</v>
      </c>
      <c r="C156" s="96" t="s">
        <v>655</v>
      </c>
      <c r="D156" s="122" t="s">
        <v>932</v>
      </c>
      <c r="E156" s="122" t="s">
        <v>1165</v>
      </c>
      <c r="F156" s="125" t="s">
        <v>1825</v>
      </c>
      <c r="G156" s="75" t="s">
        <v>58</v>
      </c>
      <c r="H156" s="122" t="s">
        <v>1167</v>
      </c>
      <c r="I156" s="122" t="s">
        <v>81</v>
      </c>
      <c r="J156" s="88" t="s">
        <v>77</v>
      </c>
      <c r="K156" s="121" t="s">
        <v>722</v>
      </c>
      <c r="N156" s="128">
        <v>45633.542954999997</v>
      </c>
      <c r="P156" s="120"/>
      <c r="Q156" s="119" t="s">
        <v>65</v>
      </c>
    </row>
    <row r="157" spans="1:17" ht="30" x14ac:dyDescent="0.2">
      <c r="A157" s="94">
        <v>901</v>
      </c>
      <c r="B157" s="95" t="s">
        <v>53</v>
      </c>
      <c r="C157" s="96" t="s">
        <v>655</v>
      </c>
      <c r="D157" s="122" t="s">
        <v>932</v>
      </c>
      <c r="E157" s="122" t="s">
        <v>1168</v>
      </c>
      <c r="F157" s="125" t="s">
        <v>1169</v>
      </c>
      <c r="G157" s="75" t="s">
        <v>58</v>
      </c>
      <c r="H157" s="121" t="s">
        <v>948</v>
      </c>
      <c r="I157" s="122" t="s">
        <v>81</v>
      </c>
      <c r="J157" s="88" t="s">
        <v>77</v>
      </c>
      <c r="K157" s="121" t="s">
        <v>722</v>
      </c>
      <c r="N157" s="128">
        <v>1036.0349999999999</v>
      </c>
      <c r="P157" s="120"/>
      <c r="Q157" s="119" t="s">
        <v>65</v>
      </c>
    </row>
    <row r="158" spans="1:17" ht="60" x14ac:dyDescent="0.2">
      <c r="A158" s="94">
        <v>902</v>
      </c>
      <c r="B158" s="95" t="s">
        <v>53</v>
      </c>
      <c r="C158" s="96" t="s">
        <v>655</v>
      </c>
      <c r="D158" s="122" t="s">
        <v>932</v>
      </c>
      <c r="E158" s="122" t="s">
        <v>1170</v>
      </c>
      <c r="F158" s="125" t="s">
        <v>1171</v>
      </c>
      <c r="G158" s="75" t="s">
        <v>58</v>
      </c>
      <c r="H158" s="122" t="s">
        <v>1172</v>
      </c>
      <c r="I158" s="122" t="s">
        <v>81</v>
      </c>
      <c r="J158" s="88" t="s">
        <v>77</v>
      </c>
      <c r="K158" s="121" t="s">
        <v>722</v>
      </c>
      <c r="N158" s="128">
        <v>42791.666060000003</v>
      </c>
      <c r="P158" s="120"/>
      <c r="Q158" s="119" t="s">
        <v>65</v>
      </c>
    </row>
    <row r="159" spans="1:17" ht="60" x14ac:dyDescent="0.2">
      <c r="A159" s="94">
        <v>903</v>
      </c>
      <c r="B159" s="95" t="s">
        <v>53</v>
      </c>
      <c r="C159" s="96" t="s">
        <v>655</v>
      </c>
      <c r="D159" s="122" t="s">
        <v>932</v>
      </c>
      <c r="E159" s="122" t="s">
        <v>1173</v>
      </c>
      <c r="F159" s="125" t="s">
        <v>1174</v>
      </c>
      <c r="G159" s="75" t="s">
        <v>58</v>
      </c>
      <c r="H159" s="122" t="s">
        <v>1172</v>
      </c>
      <c r="I159" s="122" t="s">
        <v>81</v>
      </c>
      <c r="J159" s="88" t="s">
        <v>77</v>
      </c>
      <c r="K159" s="121" t="s">
        <v>722</v>
      </c>
      <c r="N159" s="128">
        <v>1850.0625</v>
      </c>
      <c r="P159" s="120"/>
      <c r="Q159" s="119" t="s">
        <v>65</v>
      </c>
    </row>
    <row r="160" spans="1:17" ht="36" x14ac:dyDescent="0.2">
      <c r="A160" s="94">
        <v>904</v>
      </c>
      <c r="B160" s="95" t="s">
        <v>53</v>
      </c>
      <c r="C160" s="96" t="s">
        <v>655</v>
      </c>
      <c r="D160" s="122" t="s">
        <v>932</v>
      </c>
      <c r="E160" s="122" t="s">
        <v>1175</v>
      </c>
      <c r="F160" s="125" t="s">
        <v>1176</v>
      </c>
      <c r="G160" s="75" t="s">
        <v>58</v>
      </c>
      <c r="H160" s="122" t="s">
        <v>1172</v>
      </c>
      <c r="I160" s="122" t="s">
        <v>81</v>
      </c>
      <c r="J160" s="88" t="s">
        <v>77</v>
      </c>
      <c r="K160" s="121" t="s">
        <v>722</v>
      </c>
      <c r="N160" s="128">
        <v>2261.1875</v>
      </c>
      <c r="P160" s="120"/>
      <c r="Q160" s="119" t="s">
        <v>65</v>
      </c>
    </row>
    <row r="161" spans="1:17" ht="132" x14ac:dyDescent="0.2">
      <c r="A161" s="94">
        <v>905</v>
      </c>
      <c r="B161" s="95" t="s">
        <v>53</v>
      </c>
      <c r="C161" s="96" t="s">
        <v>655</v>
      </c>
      <c r="D161" s="122" t="s">
        <v>900</v>
      </c>
      <c r="E161" s="122" t="s">
        <v>1177</v>
      </c>
      <c r="F161" s="125" t="s">
        <v>1178</v>
      </c>
      <c r="G161" s="75" t="s">
        <v>58</v>
      </c>
      <c r="H161" s="122" t="s">
        <v>1172</v>
      </c>
      <c r="I161" s="122" t="s">
        <v>81</v>
      </c>
      <c r="J161" s="88" t="s">
        <v>77</v>
      </c>
      <c r="K161" s="121" t="s">
        <v>722</v>
      </c>
      <c r="N161" s="128">
        <v>84691.75</v>
      </c>
      <c r="P161" s="120"/>
      <c r="Q161" s="119" t="s">
        <v>65</v>
      </c>
    </row>
    <row r="162" spans="1:17" ht="30" x14ac:dyDescent="0.2">
      <c r="A162" s="94">
        <v>906</v>
      </c>
      <c r="B162" s="95" t="s">
        <v>53</v>
      </c>
      <c r="C162" s="96" t="s">
        <v>655</v>
      </c>
      <c r="D162" s="122" t="s">
        <v>900</v>
      </c>
      <c r="E162" s="122" t="s">
        <v>1179</v>
      </c>
      <c r="F162" s="125" t="s">
        <v>1180</v>
      </c>
      <c r="G162" s="75" t="s">
        <v>58</v>
      </c>
      <c r="H162" s="122" t="s">
        <v>1181</v>
      </c>
      <c r="I162" s="122" t="s">
        <v>81</v>
      </c>
      <c r="J162" s="88" t="s">
        <v>77</v>
      </c>
      <c r="K162" s="121" t="s">
        <v>722</v>
      </c>
      <c r="N162" s="128">
        <v>86336.25</v>
      </c>
      <c r="P162" s="120"/>
      <c r="Q162" s="119" t="s">
        <v>65</v>
      </c>
    </row>
    <row r="163" spans="1:17" ht="84" x14ac:dyDescent="0.2">
      <c r="A163" s="94">
        <v>907</v>
      </c>
      <c r="B163" s="95" t="s">
        <v>53</v>
      </c>
      <c r="C163" s="96" t="s">
        <v>655</v>
      </c>
      <c r="D163" s="122" t="s">
        <v>900</v>
      </c>
      <c r="E163" s="122" t="s">
        <v>1182</v>
      </c>
      <c r="F163" s="125" t="s">
        <v>1183</v>
      </c>
      <c r="G163" s="75" t="s">
        <v>58</v>
      </c>
      <c r="H163" s="122" t="s">
        <v>833</v>
      </c>
      <c r="I163" s="122" t="s">
        <v>81</v>
      </c>
      <c r="J163" s="88" t="s">
        <v>77</v>
      </c>
      <c r="K163" s="122" t="s">
        <v>834</v>
      </c>
      <c r="N163" s="128">
        <v>61103.864249999999</v>
      </c>
      <c r="P163" s="120"/>
      <c r="Q163" s="119" t="s">
        <v>65</v>
      </c>
    </row>
    <row r="164" spans="1:17" ht="120" x14ac:dyDescent="0.2">
      <c r="A164" s="94">
        <v>908</v>
      </c>
      <c r="B164" s="95" t="s">
        <v>53</v>
      </c>
      <c r="C164" s="96" t="s">
        <v>655</v>
      </c>
      <c r="D164" s="122" t="s">
        <v>932</v>
      </c>
      <c r="E164" s="122" t="s">
        <v>1184</v>
      </c>
      <c r="F164" s="125" t="s">
        <v>1185</v>
      </c>
      <c r="G164" s="75" t="s">
        <v>58</v>
      </c>
      <c r="H164" s="122" t="s">
        <v>833</v>
      </c>
      <c r="I164" s="122" t="s">
        <v>81</v>
      </c>
      <c r="J164" s="88" t="s">
        <v>77</v>
      </c>
      <c r="K164" s="122" t="s">
        <v>834</v>
      </c>
      <c r="N164" s="128">
        <v>203360.35004999998</v>
      </c>
      <c r="P164" s="120"/>
      <c r="Q164" s="119" t="s">
        <v>65</v>
      </c>
    </row>
    <row r="165" spans="1:17" ht="108" x14ac:dyDescent="0.2">
      <c r="A165" s="94">
        <v>909</v>
      </c>
      <c r="B165" s="95" t="s">
        <v>53</v>
      </c>
      <c r="C165" s="96" t="s">
        <v>655</v>
      </c>
      <c r="D165" s="122" t="s">
        <v>932</v>
      </c>
      <c r="E165" s="122" t="s">
        <v>1186</v>
      </c>
      <c r="F165" s="125" t="s">
        <v>1187</v>
      </c>
      <c r="G165" s="75" t="s">
        <v>58</v>
      </c>
      <c r="H165" s="122" t="s">
        <v>833</v>
      </c>
      <c r="I165" s="122" t="s">
        <v>81</v>
      </c>
      <c r="J165" s="88" t="s">
        <v>77</v>
      </c>
      <c r="K165" s="122" t="s">
        <v>834</v>
      </c>
      <c r="N165" s="128">
        <v>188708.84175000002</v>
      </c>
      <c r="P165" s="120"/>
      <c r="Q165" s="119" t="s">
        <v>65</v>
      </c>
    </row>
    <row r="166" spans="1:17" ht="48" x14ac:dyDescent="0.2">
      <c r="A166" s="94">
        <v>910</v>
      </c>
      <c r="B166" s="95" t="s">
        <v>53</v>
      </c>
      <c r="C166" s="96" t="s">
        <v>655</v>
      </c>
      <c r="D166" s="122" t="s">
        <v>932</v>
      </c>
      <c r="E166" s="122" t="s">
        <v>1188</v>
      </c>
      <c r="F166" s="125" t="s">
        <v>1189</v>
      </c>
      <c r="G166" s="75" t="s">
        <v>58</v>
      </c>
      <c r="H166" s="122" t="s">
        <v>833</v>
      </c>
      <c r="I166" s="122" t="s">
        <v>81</v>
      </c>
      <c r="J166" s="88" t="s">
        <v>77</v>
      </c>
      <c r="K166" s="122" t="s">
        <v>834</v>
      </c>
      <c r="N166" s="128">
        <v>1554.0525</v>
      </c>
      <c r="P166" s="120"/>
      <c r="Q166" s="119" t="s">
        <v>65</v>
      </c>
    </row>
    <row r="167" spans="1:17" ht="48" x14ac:dyDescent="0.2">
      <c r="A167" s="94">
        <v>911</v>
      </c>
      <c r="B167" s="95" t="s">
        <v>53</v>
      </c>
      <c r="C167" s="96" t="s">
        <v>655</v>
      </c>
      <c r="D167" s="122" t="s">
        <v>932</v>
      </c>
      <c r="E167" s="122" t="s">
        <v>1190</v>
      </c>
      <c r="F167" s="125" t="s">
        <v>1191</v>
      </c>
      <c r="G167" s="75" t="s">
        <v>58</v>
      </c>
      <c r="H167" s="122" t="s">
        <v>833</v>
      </c>
      <c r="I167" s="122" t="s">
        <v>81</v>
      </c>
      <c r="J167" s="88" t="s">
        <v>77</v>
      </c>
      <c r="K167" s="122" t="s">
        <v>834</v>
      </c>
      <c r="N167" s="128">
        <v>130293.73499999999</v>
      </c>
      <c r="P167" s="120"/>
      <c r="Q167" s="119" t="s">
        <v>65</v>
      </c>
    </row>
    <row r="168" spans="1:17" ht="228" x14ac:dyDescent="0.2">
      <c r="A168" s="94">
        <v>912</v>
      </c>
      <c r="B168" s="95" t="s">
        <v>53</v>
      </c>
      <c r="C168" s="96" t="s">
        <v>655</v>
      </c>
      <c r="D168" s="122" t="s">
        <v>932</v>
      </c>
      <c r="E168" s="122" t="s">
        <v>1192</v>
      </c>
      <c r="F168" s="125" t="s">
        <v>1193</v>
      </c>
      <c r="G168" s="75" t="s">
        <v>58</v>
      </c>
      <c r="H168" s="122" t="s">
        <v>1194</v>
      </c>
      <c r="I168" s="122" t="s">
        <v>81</v>
      </c>
      <c r="J168" s="88" t="s">
        <v>77</v>
      </c>
      <c r="K168" s="121" t="s">
        <v>722</v>
      </c>
      <c r="N168" s="128">
        <v>890493.87212499988</v>
      </c>
      <c r="P168" s="120"/>
      <c r="Q168" s="119" t="s">
        <v>65</v>
      </c>
    </row>
    <row r="169" spans="1:17" ht="72" x14ac:dyDescent="0.2">
      <c r="A169" s="94">
        <v>913</v>
      </c>
      <c r="B169" s="95" t="s">
        <v>53</v>
      </c>
      <c r="C169" s="96" t="s">
        <v>655</v>
      </c>
      <c r="D169" s="122" t="s">
        <v>932</v>
      </c>
      <c r="E169" s="122" t="s">
        <v>1195</v>
      </c>
      <c r="F169" s="125" t="s">
        <v>2590</v>
      </c>
      <c r="G169" s="75" t="s">
        <v>58</v>
      </c>
      <c r="H169" s="122" t="s">
        <v>1194</v>
      </c>
      <c r="I169" s="122" t="s">
        <v>81</v>
      </c>
      <c r="J169" s="88" t="s">
        <v>77</v>
      </c>
      <c r="K169" s="121" t="s">
        <v>722</v>
      </c>
      <c r="N169" s="128">
        <v>12333.75</v>
      </c>
      <c r="P169" s="120"/>
      <c r="Q169" s="119" t="s">
        <v>65</v>
      </c>
    </row>
    <row r="170" spans="1:17" ht="72" x14ac:dyDescent="0.2">
      <c r="A170" s="94">
        <v>914</v>
      </c>
      <c r="B170" s="95" t="s">
        <v>53</v>
      </c>
      <c r="C170" s="96" t="s">
        <v>655</v>
      </c>
      <c r="D170" s="122" t="s">
        <v>932</v>
      </c>
      <c r="E170" s="122" t="s">
        <v>1197</v>
      </c>
      <c r="F170" s="125" t="s">
        <v>1198</v>
      </c>
      <c r="G170" s="75" t="s">
        <v>58</v>
      </c>
      <c r="H170" s="122" t="s">
        <v>1194</v>
      </c>
      <c r="I170" s="122" t="s">
        <v>81</v>
      </c>
      <c r="J170" s="88" t="s">
        <v>77</v>
      </c>
      <c r="K170" s="121" t="s">
        <v>722</v>
      </c>
      <c r="N170" s="128">
        <v>518.01749999999993</v>
      </c>
      <c r="P170" s="120"/>
      <c r="Q170" s="119" t="s">
        <v>65</v>
      </c>
    </row>
    <row r="171" spans="1:17" ht="72" x14ac:dyDescent="0.2">
      <c r="A171" s="94">
        <v>915</v>
      </c>
      <c r="B171" s="95" t="s">
        <v>53</v>
      </c>
      <c r="C171" s="96" t="s">
        <v>655</v>
      </c>
      <c r="D171" s="122" t="s">
        <v>932</v>
      </c>
      <c r="E171" s="122" t="s">
        <v>1199</v>
      </c>
      <c r="F171" s="125" t="s">
        <v>1200</v>
      </c>
      <c r="G171" s="75" t="s">
        <v>58</v>
      </c>
      <c r="H171" s="122" t="s">
        <v>1194</v>
      </c>
      <c r="I171" s="122" t="s">
        <v>81</v>
      </c>
      <c r="J171" s="88" t="s">
        <v>77</v>
      </c>
      <c r="K171" s="121" t="s">
        <v>722</v>
      </c>
      <c r="N171" s="128">
        <v>1578.72</v>
      </c>
      <c r="P171" s="120"/>
      <c r="Q171" s="119" t="s">
        <v>65</v>
      </c>
    </row>
    <row r="172" spans="1:17" ht="72" x14ac:dyDescent="0.2">
      <c r="A172" s="94">
        <v>916</v>
      </c>
      <c r="B172" s="95" t="s">
        <v>53</v>
      </c>
      <c r="C172" s="96" t="s">
        <v>655</v>
      </c>
      <c r="D172" s="122" t="s">
        <v>932</v>
      </c>
      <c r="E172" s="122" t="s">
        <v>1201</v>
      </c>
      <c r="F172" s="125" t="s">
        <v>1202</v>
      </c>
      <c r="G172" s="75" t="s">
        <v>58</v>
      </c>
      <c r="H172" s="122" t="s">
        <v>1194</v>
      </c>
      <c r="I172" s="122" t="s">
        <v>81</v>
      </c>
      <c r="J172" s="88" t="s">
        <v>77</v>
      </c>
      <c r="K172" s="121" t="s">
        <v>722</v>
      </c>
      <c r="N172" s="128">
        <v>4522.375</v>
      </c>
      <c r="P172" s="120"/>
      <c r="Q172" s="119" t="s">
        <v>65</v>
      </c>
    </row>
    <row r="173" spans="1:17" ht="96" x14ac:dyDescent="0.2">
      <c r="A173" s="94">
        <v>917</v>
      </c>
      <c r="B173" s="95" t="s">
        <v>53</v>
      </c>
      <c r="C173" s="96" t="s">
        <v>655</v>
      </c>
      <c r="D173" s="122" t="s">
        <v>932</v>
      </c>
      <c r="E173" s="122" t="s">
        <v>1203</v>
      </c>
      <c r="F173" s="125" t="s">
        <v>1204</v>
      </c>
      <c r="G173" s="75" t="s">
        <v>58</v>
      </c>
      <c r="H173" s="122" t="s">
        <v>833</v>
      </c>
      <c r="I173" s="122" t="s">
        <v>81</v>
      </c>
      <c r="J173" s="88" t="s">
        <v>77</v>
      </c>
      <c r="K173" s="121" t="s">
        <v>722</v>
      </c>
      <c r="N173" s="128">
        <v>21480.014985000002</v>
      </c>
      <c r="P173" s="120"/>
      <c r="Q173" s="119" t="s">
        <v>65</v>
      </c>
    </row>
    <row r="174" spans="1:17" ht="48" x14ac:dyDescent="0.2">
      <c r="A174" s="94">
        <v>918</v>
      </c>
      <c r="B174" s="95" t="s">
        <v>53</v>
      </c>
      <c r="C174" s="96" t="s">
        <v>655</v>
      </c>
      <c r="D174" s="122" t="s">
        <v>932</v>
      </c>
      <c r="E174" s="122" t="s">
        <v>1205</v>
      </c>
      <c r="F174" s="125" t="s">
        <v>1206</v>
      </c>
      <c r="G174" s="75" t="s">
        <v>58</v>
      </c>
      <c r="H174" s="122" t="s">
        <v>833</v>
      </c>
      <c r="I174" s="122" t="s">
        <v>81</v>
      </c>
      <c r="J174" s="88" t="s">
        <v>77</v>
      </c>
      <c r="K174" s="121" t="s">
        <v>722</v>
      </c>
      <c r="N174" s="128">
        <v>292721</v>
      </c>
      <c r="P174" s="120"/>
      <c r="Q174" s="119" t="s">
        <v>65</v>
      </c>
    </row>
    <row r="175" spans="1:17" ht="48" x14ac:dyDescent="0.2">
      <c r="A175" s="94">
        <v>919</v>
      </c>
      <c r="B175" s="95" t="s">
        <v>53</v>
      </c>
      <c r="C175" s="96" t="s">
        <v>655</v>
      </c>
      <c r="D175" s="122" t="s">
        <v>932</v>
      </c>
      <c r="E175" s="122" t="s">
        <v>1207</v>
      </c>
      <c r="F175" s="125" t="s">
        <v>1208</v>
      </c>
      <c r="G175" s="75" t="s">
        <v>58</v>
      </c>
      <c r="H175" s="122" t="s">
        <v>833</v>
      </c>
      <c r="I175" s="122" t="s">
        <v>81</v>
      </c>
      <c r="J175" s="88" t="s">
        <v>77</v>
      </c>
      <c r="K175" s="121" t="s">
        <v>722</v>
      </c>
      <c r="N175" s="128">
        <v>294400.16606000002</v>
      </c>
      <c r="P175" s="120"/>
      <c r="Q175" s="119" t="s">
        <v>65</v>
      </c>
    </row>
    <row r="176" spans="1:17" ht="84" x14ac:dyDescent="0.2">
      <c r="A176" s="94">
        <v>920</v>
      </c>
      <c r="B176" s="95" t="s">
        <v>53</v>
      </c>
      <c r="C176" s="96" t="s">
        <v>655</v>
      </c>
      <c r="D176" s="122" t="s">
        <v>932</v>
      </c>
      <c r="E176" s="122" t="s">
        <v>1209</v>
      </c>
      <c r="F176" s="125" t="s">
        <v>1993</v>
      </c>
      <c r="G176" s="75" t="s">
        <v>58</v>
      </c>
      <c r="H176" s="122" t="s">
        <v>833</v>
      </c>
      <c r="I176" s="122" t="s">
        <v>81</v>
      </c>
      <c r="J176" s="88" t="s">
        <v>77</v>
      </c>
      <c r="K176" s="121" t="s">
        <v>722</v>
      </c>
      <c r="N176" s="128">
        <v>77291.5</v>
      </c>
      <c r="P176" s="120"/>
      <c r="Q176" s="119" t="s">
        <v>65</v>
      </c>
    </row>
    <row r="177" spans="1:17" ht="60" x14ac:dyDescent="0.2">
      <c r="A177" s="94">
        <v>921</v>
      </c>
      <c r="B177" s="95" t="s">
        <v>53</v>
      </c>
      <c r="C177" s="96" t="s">
        <v>655</v>
      </c>
      <c r="D177" s="122" t="s">
        <v>932</v>
      </c>
      <c r="E177" s="122" t="s">
        <v>1211</v>
      </c>
      <c r="F177" s="125" t="s">
        <v>1212</v>
      </c>
      <c r="G177" s="75" t="s">
        <v>58</v>
      </c>
      <c r="H177" s="122" t="s">
        <v>833</v>
      </c>
      <c r="I177" s="122" t="s">
        <v>81</v>
      </c>
      <c r="J177" s="88" t="s">
        <v>77</v>
      </c>
      <c r="K177" s="121" t="s">
        <v>722</v>
      </c>
      <c r="N177" s="128">
        <v>4145.9160600000005</v>
      </c>
      <c r="P177" s="120"/>
      <c r="Q177" s="119" t="s">
        <v>65</v>
      </c>
    </row>
    <row r="178" spans="1:17" ht="96" x14ac:dyDescent="0.2">
      <c r="A178" s="94">
        <v>922</v>
      </c>
      <c r="B178" s="95" t="s">
        <v>53</v>
      </c>
      <c r="C178" s="96" t="s">
        <v>655</v>
      </c>
      <c r="D178" s="122" t="s">
        <v>932</v>
      </c>
      <c r="E178" s="122" t="s">
        <v>1213</v>
      </c>
      <c r="F178" s="125" t="s">
        <v>1214</v>
      </c>
      <c r="G178" s="75" t="s">
        <v>58</v>
      </c>
      <c r="H178" s="122" t="s">
        <v>833</v>
      </c>
      <c r="I178" s="122" t="s">
        <v>81</v>
      </c>
      <c r="J178" s="88" t="s">
        <v>77</v>
      </c>
      <c r="K178" s="121" t="s">
        <v>722</v>
      </c>
      <c r="N178" s="128">
        <v>44518.391060000002</v>
      </c>
      <c r="P178" s="120"/>
      <c r="Q178" s="119" t="s">
        <v>65</v>
      </c>
    </row>
    <row r="179" spans="1:17" ht="30" x14ac:dyDescent="0.2">
      <c r="A179" s="94">
        <v>923</v>
      </c>
      <c r="B179" s="95" t="s">
        <v>53</v>
      </c>
      <c r="C179" s="96" t="s">
        <v>655</v>
      </c>
      <c r="D179" s="122" t="s">
        <v>932</v>
      </c>
      <c r="E179" s="122" t="s">
        <v>1215</v>
      </c>
      <c r="F179" s="125" t="s">
        <v>1216</v>
      </c>
      <c r="G179" s="75" t="s">
        <v>58</v>
      </c>
      <c r="H179" s="122" t="s">
        <v>833</v>
      </c>
      <c r="I179" s="122" t="s">
        <v>81</v>
      </c>
      <c r="J179" s="88" t="s">
        <v>77</v>
      </c>
      <c r="K179" s="121" t="s">
        <v>722</v>
      </c>
      <c r="N179" s="128">
        <v>6783.5625</v>
      </c>
      <c r="P179" s="120"/>
      <c r="Q179" s="119" t="s">
        <v>65</v>
      </c>
    </row>
    <row r="180" spans="1:17" ht="30" x14ac:dyDescent="0.2">
      <c r="A180" s="94">
        <v>924</v>
      </c>
      <c r="B180" s="95" t="s">
        <v>53</v>
      </c>
      <c r="C180" s="96" t="s">
        <v>655</v>
      </c>
      <c r="D180" s="122" t="s">
        <v>932</v>
      </c>
      <c r="E180" s="122" t="s">
        <v>1217</v>
      </c>
      <c r="F180" s="125" t="s">
        <v>1218</v>
      </c>
      <c r="G180" s="75" t="s">
        <v>58</v>
      </c>
      <c r="H180" s="122" t="s">
        <v>833</v>
      </c>
      <c r="I180" s="122" t="s">
        <v>81</v>
      </c>
      <c r="J180" s="88" t="s">
        <v>77</v>
      </c>
      <c r="K180" s="121" t="s">
        <v>722</v>
      </c>
      <c r="N180" s="128">
        <v>518.01749999999993</v>
      </c>
      <c r="P180" s="120"/>
      <c r="Q180" s="119" t="s">
        <v>65</v>
      </c>
    </row>
    <row r="181" spans="1:17" ht="48" x14ac:dyDescent="0.2">
      <c r="A181" s="94">
        <v>925</v>
      </c>
      <c r="B181" s="95" t="s">
        <v>53</v>
      </c>
      <c r="C181" s="96" t="s">
        <v>655</v>
      </c>
      <c r="D181" s="122" t="s">
        <v>932</v>
      </c>
      <c r="E181" s="122" t="s">
        <v>1219</v>
      </c>
      <c r="F181" s="122" t="s">
        <v>1220</v>
      </c>
      <c r="G181" s="75" t="s">
        <v>58</v>
      </c>
      <c r="H181" s="122" t="s">
        <v>833</v>
      </c>
      <c r="I181" s="122" t="s">
        <v>81</v>
      </c>
      <c r="J181" s="88" t="s">
        <v>77</v>
      </c>
      <c r="K181" s="121" t="s">
        <v>722</v>
      </c>
      <c r="N181" s="128">
        <v>599009.125</v>
      </c>
      <c r="P181" s="120"/>
      <c r="Q181" s="119" t="s">
        <v>65</v>
      </c>
    </row>
    <row r="182" spans="1:17" ht="48" x14ac:dyDescent="0.2">
      <c r="A182" s="94">
        <v>926</v>
      </c>
      <c r="B182" s="95" t="s">
        <v>53</v>
      </c>
      <c r="C182" s="96" t="s">
        <v>655</v>
      </c>
      <c r="D182" s="122" t="s">
        <v>932</v>
      </c>
      <c r="E182" s="122" t="s">
        <v>1221</v>
      </c>
      <c r="F182" s="122" t="s">
        <v>1222</v>
      </c>
      <c r="G182" s="75" t="s">
        <v>58</v>
      </c>
      <c r="H182" s="122" t="s">
        <v>833</v>
      </c>
      <c r="I182" s="122" t="s">
        <v>81</v>
      </c>
      <c r="J182" s="88" t="s">
        <v>77</v>
      </c>
      <c r="K182" s="121" t="s">
        <v>722</v>
      </c>
      <c r="N182" s="128">
        <v>4522.375</v>
      </c>
      <c r="P182" s="120"/>
      <c r="Q182" s="119" t="s">
        <v>65</v>
      </c>
    </row>
    <row r="183" spans="1:17" ht="156" x14ac:dyDescent="0.2">
      <c r="A183" s="94">
        <v>927</v>
      </c>
      <c r="B183" s="95" t="s">
        <v>53</v>
      </c>
      <c r="C183" s="96" t="s">
        <v>655</v>
      </c>
      <c r="D183" s="122" t="s">
        <v>932</v>
      </c>
      <c r="E183" s="121" t="s">
        <v>1223</v>
      </c>
      <c r="F183" s="122" t="s">
        <v>2007</v>
      </c>
      <c r="G183" s="75" t="s">
        <v>58</v>
      </c>
      <c r="H183" s="122" t="s">
        <v>833</v>
      </c>
      <c r="I183" s="122" t="s">
        <v>81</v>
      </c>
      <c r="J183" s="88" t="s">
        <v>77</v>
      </c>
      <c r="K183" s="121" t="s">
        <v>722</v>
      </c>
      <c r="N183" s="128">
        <v>1288592.9931874999</v>
      </c>
      <c r="P183" s="120"/>
      <c r="Q183" s="119" t="s">
        <v>65</v>
      </c>
    </row>
    <row r="184" spans="1:17" ht="72" x14ac:dyDescent="0.2">
      <c r="A184" s="94">
        <v>928</v>
      </c>
      <c r="B184" s="95" t="s">
        <v>53</v>
      </c>
      <c r="C184" s="96" t="s">
        <v>655</v>
      </c>
      <c r="D184" s="122" t="s">
        <v>932</v>
      </c>
      <c r="E184" s="122" t="s">
        <v>1225</v>
      </c>
      <c r="F184" s="122" t="s">
        <v>1226</v>
      </c>
      <c r="G184" s="75" t="s">
        <v>58</v>
      </c>
      <c r="H184" s="122" t="s">
        <v>833</v>
      </c>
      <c r="I184" s="122" t="s">
        <v>81</v>
      </c>
      <c r="J184" s="88" t="s">
        <v>77</v>
      </c>
      <c r="K184" s="121" t="s">
        <v>722</v>
      </c>
      <c r="N184" s="128">
        <v>152116.25</v>
      </c>
      <c r="P184" s="120"/>
      <c r="Q184" s="119" t="s">
        <v>65</v>
      </c>
    </row>
    <row r="185" spans="1:17" ht="180" x14ac:dyDescent="0.2">
      <c r="A185" s="94">
        <v>929</v>
      </c>
      <c r="B185" s="95" t="s">
        <v>53</v>
      </c>
      <c r="C185" s="96" t="s">
        <v>655</v>
      </c>
      <c r="D185" s="122" t="s">
        <v>932</v>
      </c>
      <c r="E185" s="122" t="s">
        <v>1227</v>
      </c>
      <c r="F185" s="122" t="s">
        <v>1228</v>
      </c>
      <c r="G185" s="75" t="s">
        <v>58</v>
      </c>
      <c r="H185" s="122" t="s">
        <v>833</v>
      </c>
      <c r="I185" s="122" t="s">
        <v>81</v>
      </c>
      <c r="J185" s="88" t="s">
        <v>77</v>
      </c>
      <c r="K185" s="121" t="s">
        <v>722</v>
      </c>
      <c r="N185" s="128">
        <v>222042.16606000002</v>
      </c>
      <c r="P185" s="120"/>
      <c r="Q185" s="119" t="s">
        <v>65</v>
      </c>
    </row>
    <row r="186" spans="1:17" ht="36" x14ac:dyDescent="0.2">
      <c r="A186" s="94">
        <v>930</v>
      </c>
      <c r="B186" s="95" t="s">
        <v>53</v>
      </c>
      <c r="C186" s="96" t="s">
        <v>655</v>
      </c>
      <c r="D186" s="122" t="s">
        <v>932</v>
      </c>
      <c r="E186" s="121" t="s">
        <v>1229</v>
      </c>
      <c r="F186" s="122" t="s">
        <v>1230</v>
      </c>
      <c r="G186" s="75" t="s">
        <v>58</v>
      </c>
      <c r="H186" s="122" t="s">
        <v>833</v>
      </c>
      <c r="I186" s="122" t="s">
        <v>81</v>
      </c>
      <c r="J186" s="88" t="s">
        <v>77</v>
      </c>
      <c r="K186" s="121" t="s">
        <v>722</v>
      </c>
      <c r="N186" s="128">
        <v>4522.375</v>
      </c>
      <c r="P186" s="120"/>
      <c r="Q186" s="119" t="s">
        <v>65</v>
      </c>
    </row>
    <row r="187" spans="1:17" ht="36" x14ac:dyDescent="0.2">
      <c r="A187" s="94">
        <v>931</v>
      </c>
      <c r="B187" s="95" t="s">
        <v>53</v>
      </c>
      <c r="C187" s="96" t="s">
        <v>655</v>
      </c>
      <c r="D187" s="122" t="s">
        <v>932</v>
      </c>
      <c r="E187" s="121" t="s">
        <v>1231</v>
      </c>
      <c r="F187" s="122" t="s">
        <v>1232</v>
      </c>
      <c r="G187" s="75" t="s">
        <v>58</v>
      </c>
      <c r="H187" s="122" t="s">
        <v>833</v>
      </c>
      <c r="I187" s="122" t="s">
        <v>81</v>
      </c>
      <c r="J187" s="88" t="s">
        <v>77</v>
      </c>
      <c r="K187" s="121" t="s">
        <v>722</v>
      </c>
      <c r="N187" s="128">
        <v>388.513125</v>
      </c>
      <c r="P187" s="120"/>
      <c r="Q187" s="119" t="s">
        <v>65</v>
      </c>
    </row>
    <row r="188" spans="1:17" ht="60" x14ac:dyDescent="0.2">
      <c r="A188" s="94">
        <v>932</v>
      </c>
      <c r="B188" s="95" t="s">
        <v>53</v>
      </c>
      <c r="C188" s="96" t="s">
        <v>655</v>
      </c>
      <c r="D188" s="122" t="s">
        <v>932</v>
      </c>
      <c r="E188" s="122" t="s">
        <v>1233</v>
      </c>
      <c r="F188" s="122" t="s">
        <v>1234</v>
      </c>
      <c r="G188" s="75" t="s">
        <v>58</v>
      </c>
      <c r="H188" s="122" t="s">
        <v>833</v>
      </c>
      <c r="I188" s="122" t="s">
        <v>81</v>
      </c>
      <c r="J188" s="88" t="s">
        <v>77</v>
      </c>
      <c r="K188" s="121" t="s">
        <v>722</v>
      </c>
      <c r="N188" s="128">
        <v>129504.375</v>
      </c>
      <c r="P188" s="120"/>
      <c r="Q188" s="119" t="s">
        <v>65</v>
      </c>
    </row>
    <row r="189" spans="1:17" ht="48" x14ac:dyDescent="0.2">
      <c r="A189" s="94">
        <v>933</v>
      </c>
      <c r="B189" s="95" t="s">
        <v>53</v>
      </c>
      <c r="C189" s="96" t="s">
        <v>655</v>
      </c>
      <c r="D189" s="122" t="s">
        <v>932</v>
      </c>
      <c r="E189" s="122" t="s">
        <v>1235</v>
      </c>
      <c r="F189" s="122" t="s">
        <v>1236</v>
      </c>
      <c r="G189" s="75" t="s">
        <v>58</v>
      </c>
      <c r="H189" s="122" t="s">
        <v>833</v>
      </c>
      <c r="I189" s="122" t="s">
        <v>81</v>
      </c>
      <c r="J189" s="88" t="s">
        <v>77</v>
      </c>
      <c r="K189" s="121" t="s">
        <v>722</v>
      </c>
      <c r="N189" s="128">
        <v>71570.416060000003</v>
      </c>
      <c r="P189" s="120"/>
      <c r="Q189" s="119" t="s">
        <v>65</v>
      </c>
    </row>
    <row r="190" spans="1:17" ht="144" x14ac:dyDescent="0.2">
      <c r="A190" s="94">
        <v>934</v>
      </c>
      <c r="B190" s="95" t="s">
        <v>53</v>
      </c>
      <c r="C190" s="96" t="s">
        <v>655</v>
      </c>
      <c r="D190" s="122" t="s">
        <v>932</v>
      </c>
      <c r="E190" s="121" t="s">
        <v>1237</v>
      </c>
      <c r="F190" s="122" t="s">
        <v>2022</v>
      </c>
      <c r="G190" s="75" t="s">
        <v>58</v>
      </c>
      <c r="H190" s="122" t="s">
        <v>833</v>
      </c>
      <c r="I190" s="122" t="s">
        <v>81</v>
      </c>
      <c r="J190" s="88" t="s">
        <v>77</v>
      </c>
      <c r="K190" s="121" t="s">
        <v>722</v>
      </c>
      <c r="N190" s="128">
        <v>417830.03762499994</v>
      </c>
      <c r="P190" s="120"/>
      <c r="Q190" s="119" t="s">
        <v>65</v>
      </c>
    </row>
    <row r="191" spans="1:17" ht="30" x14ac:dyDescent="0.2">
      <c r="A191" s="94">
        <v>935</v>
      </c>
      <c r="B191" s="95" t="s">
        <v>53</v>
      </c>
      <c r="C191" s="96" t="s">
        <v>655</v>
      </c>
      <c r="D191" s="122" t="s">
        <v>932</v>
      </c>
      <c r="E191" s="122" t="s">
        <v>1239</v>
      </c>
      <c r="F191" s="122" t="s">
        <v>1240</v>
      </c>
      <c r="G191" s="75" t="s">
        <v>58</v>
      </c>
      <c r="H191" s="122" t="s">
        <v>833</v>
      </c>
      <c r="I191" s="122" t="s">
        <v>81</v>
      </c>
      <c r="J191" s="88" t="s">
        <v>77</v>
      </c>
      <c r="K191" s="121" t="s">
        <v>722</v>
      </c>
      <c r="N191" s="128">
        <v>2261.1875</v>
      </c>
      <c r="P191" s="120"/>
      <c r="Q191" s="119" t="s">
        <v>65</v>
      </c>
    </row>
    <row r="192" spans="1:17" ht="36" x14ac:dyDescent="0.2">
      <c r="A192" s="94">
        <v>936</v>
      </c>
      <c r="B192" s="95" t="s">
        <v>53</v>
      </c>
      <c r="C192" s="96" t="s">
        <v>655</v>
      </c>
      <c r="D192" s="122" t="s">
        <v>932</v>
      </c>
      <c r="E192" s="121" t="s">
        <v>1241</v>
      </c>
      <c r="F192" s="122" t="s">
        <v>1242</v>
      </c>
      <c r="G192" s="75" t="s">
        <v>58</v>
      </c>
      <c r="H192" s="122" t="s">
        <v>833</v>
      </c>
      <c r="I192" s="122" t="s">
        <v>81</v>
      </c>
      <c r="J192" s="88" t="s">
        <v>77</v>
      </c>
      <c r="K192" s="121" t="s">
        <v>722</v>
      </c>
      <c r="N192" s="128">
        <v>518.01749999999993</v>
      </c>
      <c r="P192" s="120"/>
      <c r="Q192" s="119" t="s">
        <v>65</v>
      </c>
    </row>
    <row r="193" spans="1:17" ht="60" x14ac:dyDescent="0.2">
      <c r="A193" s="94">
        <v>937</v>
      </c>
      <c r="B193" s="95" t="s">
        <v>53</v>
      </c>
      <c r="C193" s="96" t="s">
        <v>655</v>
      </c>
      <c r="D193" s="122" t="s">
        <v>932</v>
      </c>
      <c r="E193" s="122" t="s">
        <v>1243</v>
      </c>
      <c r="F193" s="122" t="s">
        <v>1244</v>
      </c>
      <c r="G193" s="75" t="s">
        <v>58</v>
      </c>
      <c r="H193" s="122" t="s">
        <v>833</v>
      </c>
      <c r="I193" s="122" t="s">
        <v>81</v>
      </c>
      <c r="J193" s="88" t="s">
        <v>77</v>
      </c>
      <c r="K193" s="121" t="s">
        <v>722</v>
      </c>
      <c r="N193" s="128">
        <v>4836.6060599999992</v>
      </c>
      <c r="P193" s="120"/>
      <c r="Q193" s="119" t="s">
        <v>65</v>
      </c>
    </row>
    <row r="194" spans="1:17" ht="60" x14ac:dyDescent="0.2">
      <c r="A194" s="94">
        <v>938</v>
      </c>
      <c r="B194" s="95" t="s">
        <v>53</v>
      </c>
      <c r="C194" s="96" t="s">
        <v>655</v>
      </c>
      <c r="D194" s="122" t="s">
        <v>932</v>
      </c>
      <c r="E194" s="122" t="s">
        <v>1245</v>
      </c>
      <c r="F194" s="122" t="s">
        <v>2032</v>
      </c>
      <c r="G194" s="75" t="s">
        <v>58</v>
      </c>
      <c r="H194" s="122" t="s">
        <v>833</v>
      </c>
      <c r="I194" s="122" t="s">
        <v>81</v>
      </c>
      <c r="J194" s="88" t="s">
        <v>77</v>
      </c>
      <c r="K194" s="121" t="s">
        <v>722</v>
      </c>
      <c r="N194" s="128">
        <v>251608.5</v>
      </c>
      <c r="P194" s="120"/>
      <c r="Q194" s="119" t="s">
        <v>65</v>
      </c>
    </row>
    <row r="195" spans="1:17" ht="36" x14ac:dyDescent="0.2">
      <c r="A195" s="94">
        <v>939</v>
      </c>
      <c r="B195" s="95" t="s">
        <v>53</v>
      </c>
      <c r="C195" s="96" t="s">
        <v>655</v>
      </c>
      <c r="D195" s="122" t="s">
        <v>932</v>
      </c>
      <c r="E195" s="122" t="s">
        <v>1247</v>
      </c>
      <c r="F195" s="122" t="s">
        <v>1248</v>
      </c>
      <c r="G195" s="75" t="s">
        <v>58</v>
      </c>
      <c r="H195" s="122" t="s">
        <v>833</v>
      </c>
      <c r="I195" s="122" t="s">
        <v>81</v>
      </c>
      <c r="J195" s="88" t="s">
        <v>77</v>
      </c>
      <c r="K195" s="121" t="s">
        <v>722</v>
      </c>
      <c r="N195" s="128">
        <v>6783.5625</v>
      </c>
      <c r="P195" s="120"/>
      <c r="Q195" s="119" t="s">
        <v>65</v>
      </c>
    </row>
    <row r="196" spans="1:17" ht="108" x14ac:dyDescent="0.2">
      <c r="A196" s="94">
        <v>940</v>
      </c>
      <c r="B196" s="95" t="s">
        <v>53</v>
      </c>
      <c r="C196" s="96" t="s">
        <v>655</v>
      </c>
      <c r="D196" s="122" t="s">
        <v>932</v>
      </c>
      <c r="E196" s="122" t="s">
        <v>1249</v>
      </c>
      <c r="F196" s="122" t="s">
        <v>1968</v>
      </c>
      <c r="G196" s="75" t="s">
        <v>58</v>
      </c>
      <c r="H196" s="122" t="s">
        <v>833</v>
      </c>
      <c r="I196" s="122" t="s">
        <v>81</v>
      </c>
      <c r="J196" s="88" t="s">
        <v>77</v>
      </c>
      <c r="K196" s="121" t="s">
        <v>834</v>
      </c>
      <c r="N196" s="128">
        <v>1099672.0109375</v>
      </c>
      <c r="P196" s="120"/>
      <c r="Q196" s="119" t="s">
        <v>65</v>
      </c>
    </row>
    <row r="197" spans="1:17" ht="36" x14ac:dyDescent="0.2">
      <c r="A197" s="94">
        <v>941</v>
      </c>
      <c r="B197" s="95" t="s">
        <v>53</v>
      </c>
      <c r="C197" s="96" t="s">
        <v>655</v>
      </c>
      <c r="D197" s="122" t="s">
        <v>932</v>
      </c>
      <c r="E197" s="122" t="s">
        <v>1251</v>
      </c>
      <c r="F197" s="121" t="s">
        <v>1252</v>
      </c>
      <c r="G197" s="75" t="s">
        <v>58</v>
      </c>
      <c r="H197" s="122" t="s">
        <v>833</v>
      </c>
      <c r="I197" s="122" t="s">
        <v>81</v>
      </c>
      <c r="J197" s="88" t="s">
        <v>77</v>
      </c>
      <c r="K197" s="121" t="s">
        <v>722</v>
      </c>
      <c r="N197" s="128">
        <v>4522.375</v>
      </c>
      <c r="P197" s="120"/>
      <c r="Q197" s="119" t="s">
        <v>65</v>
      </c>
    </row>
    <row r="198" spans="1:17" ht="60" x14ac:dyDescent="0.2">
      <c r="A198" s="94">
        <v>942</v>
      </c>
      <c r="B198" s="95" t="s">
        <v>53</v>
      </c>
      <c r="C198" s="96" t="s">
        <v>655</v>
      </c>
      <c r="D198" s="122" t="s">
        <v>932</v>
      </c>
      <c r="E198" s="122" t="s">
        <v>1253</v>
      </c>
      <c r="F198" s="122" t="s">
        <v>1254</v>
      </c>
      <c r="G198" s="75" t="s">
        <v>58</v>
      </c>
      <c r="H198" s="121" t="s">
        <v>846</v>
      </c>
      <c r="I198" s="122" t="s">
        <v>81</v>
      </c>
      <c r="J198" s="88" t="s">
        <v>77</v>
      </c>
      <c r="K198" s="121" t="s">
        <v>722</v>
      </c>
      <c r="N198" s="128">
        <v>575575</v>
      </c>
      <c r="P198" s="120"/>
      <c r="Q198" s="119" t="s">
        <v>65</v>
      </c>
    </row>
    <row r="199" spans="1:17" ht="96" x14ac:dyDescent="0.2">
      <c r="A199" s="94">
        <v>943</v>
      </c>
      <c r="B199" s="95" t="s">
        <v>53</v>
      </c>
      <c r="C199" s="96" t="s">
        <v>655</v>
      </c>
      <c r="D199" s="122" t="s">
        <v>932</v>
      </c>
      <c r="E199" s="122" t="s">
        <v>1255</v>
      </c>
      <c r="F199" s="122" t="s">
        <v>1256</v>
      </c>
      <c r="G199" s="75" t="s">
        <v>58</v>
      </c>
      <c r="H199" s="121" t="s">
        <v>846</v>
      </c>
      <c r="I199" s="122" t="s">
        <v>81</v>
      </c>
      <c r="J199" s="88" t="s">
        <v>77</v>
      </c>
      <c r="K199" s="121" t="s">
        <v>722</v>
      </c>
      <c r="N199" s="128">
        <v>291076.5</v>
      </c>
      <c r="P199" s="120"/>
      <c r="Q199" s="119" t="s">
        <v>65</v>
      </c>
    </row>
    <row r="200" spans="1:17" ht="60" x14ac:dyDescent="0.2">
      <c r="A200" s="94">
        <v>944</v>
      </c>
      <c r="B200" s="95" t="s">
        <v>53</v>
      </c>
      <c r="C200" s="96" t="s">
        <v>655</v>
      </c>
      <c r="D200" s="122" t="s">
        <v>932</v>
      </c>
      <c r="E200" s="122" t="s">
        <v>1257</v>
      </c>
      <c r="F200" s="122" t="s">
        <v>1258</v>
      </c>
      <c r="G200" s="75" t="s">
        <v>58</v>
      </c>
      <c r="H200" s="121" t="s">
        <v>846</v>
      </c>
      <c r="I200" s="122" t="s">
        <v>81</v>
      </c>
      <c r="J200" s="88" t="s">
        <v>77</v>
      </c>
      <c r="K200" s="121" t="s">
        <v>722</v>
      </c>
      <c r="N200" s="128">
        <v>196106.625</v>
      </c>
      <c r="P200" s="120"/>
      <c r="Q200" s="119" t="s">
        <v>65</v>
      </c>
    </row>
    <row r="201" spans="1:17" ht="60" x14ac:dyDescent="0.2">
      <c r="A201" s="94">
        <v>945</v>
      </c>
      <c r="B201" s="95" t="s">
        <v>53</v>
      </c>
      <c r="C201" s="96" t="s">
        <v>655</v>
      </c>
      <c r="D201" s="122" t="s">
        <v>932</v>
      </c>
      <c r="E201" s="122" t="s">
        <v>1259</v>
      </c>
      <c r="F201" s="122" t="s">
        <v>1260</v>
      </c>
      <c r="G201" s="75" t="s">
        <v>58</v>
      </c>
      <c r="H201" s="121" t="s">
        <v>846</v>
      </c>
      <c r="I201" s="122" t="s">
        <v>81</v>
      </c>
      <c r="J201" s="88" t="s">
        <v>77</v>
      </c>
      <c r="K201" s="121" t="s">
        <v>722</v>
      </c>
      <c r="N201" s="128">
        <v>71535.75</v>
      </c>
      <c r="P201" s="120"/>
      <c r="Q201" s="119" t="s">
        <v>65</v>
      </c>
    </row>
    <row r="202" spans="1:17" ht="36" x14ac:dyDescent="0.2">
      <c r="A202" s="94">
        <v>946</v>
      </c>
      <c r="B202" s="95" t="s">
        <v>53</v>
      </c>
      <c r="C202" s="96" t="s">
        <v>655</v>
      </c>
      <c r="D202" s="122" t="s">
        <v>932</v>
      </c>
      <c r="E202" s="122" t="s">
        <v>1261</v>
      </c>
      <c r="F202" s="122" t="s">
        <v>1262</v>
      </c>
      <c r="G202" s="75" t="s">
        <v>58</v>
      </c>
      <c r="H202" s="121" t="s">
        <v>846</v>
      </c>
      <c r="I202" s="122" t="s">
        <v>81</v>
      </c>
      <c r="J202" s="88" t="s">
        <v>77</v>
      </c>
      <c r="K202" s="121" t="s">
        <v>722</v>
      </c>
      <c r="N202" s="128">
        <v>789.36</v>
      </c>
      <c r="P202" s="120"/>
      <c r="Q202" s="119" t="s">
        <v>65</v>
      </c>
    </row>
    <row r="203" spans="1:17" ht="48" x14ac:dyDescent="0.2">
      <c r="A203" s="94">
        <v>947</v>
      </c>
      <c r="B203" s="95" t="s">
        <v>53</v>
      </c>
      <c r="C203" s="96" t="s">
        <v>655</v>
      </c>
      <c r="D203" s="122" t="s">
        <v>932</v>
      </c>
      <c r="E203" s="122" t="s">
        <v>1263</v>
      </c>
      <c r="F203" s="122" t="s">
        <v>1264</v>
      </c>
      <c r="G203" s="75" t="s">
        <v>58</v>
      </c>
      <c r="H203" s="121" t="s">
        <v>846</v>
      </c>
      <c r="I203" s="122" t="s">
        <v>81</v>
      </c>
      <c r="J203" s="88" t="s">
        <v>77</v>
      </c>
      <c r="K203" s="121" t="s">
        <v>722</v>
      </c>
      <c r="N203" s="128">
        <v>6783.5625</v>
      </c>
      <c r="P203" s="120"/>
      <c r="Q203" s="119" t="s">
        <v>65</v>
      </c>
    </row>
    <row r="204" spans="1:17" ht="144" x14ac:dyDescent="0.2">
      <c r="A204" s="94">
        <v>948</v>
      </c>
      <c r="B204" s="95" t="s">
        <v>53</v>
      </c>
      <c r="C204" s="96" t="s">
        <v>655</v>
      </c>
      <c r="D204" s="122" t="s">
        <v>932</v>
      </c>
      <c r="E204" s="121" t="s">
        <v>1265</v>
      </c>
      <c r="F204" s="122" t="s">
        <v>2591</v>
      </c>
      <c r="G204" s="75" t="s">
        <v>58</v>
      </c>
      <c r="H204" s="122" t="s">
        <v>59</v>
      </c>
      <c r="I204" s="122" t="s">
        <v>81</v>
      </c>
      <c r="J204" s="88" t="s">
        <v>77</v>
      </c>
      <c r="K204" s="121" t="s">
        <v>722</v>
      </c>
      <c r="N204" s="128">
        <v>1987279.3744375</v>
      </c>
      <c r="P204" s="120"/>
      <c r="Q204" s="119" t="s">
        <v>65</v>
      </c>
    </row>
    <row r="205" spans="1:17" ht="36" x14ac:dyDescent="0.2">
      <c r="A205" s="94">
        <v>949</v>
      </c>
      <c r="B205" s="95" t="s">
        <v>53</v>
      </c>
      <c r="C205" s="96" t="s">
        <v>655</v>
      </c>
      <c r="D205" s="122" t="s">
        <v>932</v>
      </c>
      <c r="E205" s="122" t="s">
        <v>1267</v>
      </c>
      <c r="F205" s="122" t="s">
        <v>1268</v>
      </c>
      <c r="G205" s="75" t="s">
        <v>58</v>
      </c>
      <c r="H205" s="122" t="s">
        <v>59</v>
      </c>
      <c r="I205" s="122" t="s">
        <v>81</v>
      </c>
      <c r="J205" s="88" t="s">
        <v>77</v>
      </c>
      <c r="K205" s="121" t="s">
        <v>722</v>
      </c>
      <c r="N205" s="128">
        <v>129504.375</v>
      </c>
      <c r="P205" s="120"/>
      <c r="Q205" s="119" t="s">
        <v>65</v>
      </c>
    </row>
    <row r="206" spans="1:17" ht="216" x14ac:dyDescent="0.2">
      <c r="A206" s="94">
        <v>950</v>
      </c>
      <c r="B206" s="95" t="s">
        <v>53</v>
      </c>
      <c r="C206" s="96" t="s">
        <v>655</v>
      </c>
      <c r="D206" s="122" t="s">
        <v>932</v>
      </c>
      <c r="E206" s="121" t="s">
        <v>1269</v>
      </c>
      <c r="F206" s="122" t="s">
        <v>1270</v>
      </c>
      <c r="G206" s="75" t="s">
        <v>58</v>
      </c>
      <c r="H206" s="122" t="s">
        <v>59</v>
      </c>
      <c r="I206" s="122" t="s">
        <v>81</v>
      </c>
      <c r="J206" s="88" t="s">
        <v>77</v>
      </c>
      <c r="K206" s="121" t="s">
        <v>722</v>
      </c>
      <c r="N206" s="128">
        <v>781137.5</v>
      </c>
      <c r="P206" s="120"/>
      <c r="Q206" s="119" t="s">
        <v>65</v>
      </c>
    </row>
    <row r="207" spans="1:17" ht="84" x14ac:dyDescent="0.2">
      <c r="A207" s="94">
        <v>951</v>
      </c>
      <c r="B207" s="95" t="s">
        <v>53</v>
      </c>
      <c r="C207" s="96" t="s">
        <v>655</v>
      </c>
      <c r="D207" s="122" t="s">
        <v>932</v>
      </c>
      <c r="E207" s="122" t="s">
        <v>1271</v>
      </c>
      <c r="F207" s="122" t="s">
        <v>1272</v>
      </c>
      <c r="G207" s="75" t="s">
        <v>58</v>
      </c>
      <c r="H207" s="122" t="s">
        <v>59</v>
      </c>
      <c r="I207" s="122" t="s">
        <v>81</v>
      </c>
      <c r="J207" s="88" t="s">
        <v>77</v>
      </c>
      <c r="K207" s="121" t="s">
        <v>722</v>
      </c>
      <c r="N207" s="128">
        <v>279873.34375</v>
      </c>
      <c r="P207" s="120"/>
      <c r="Q207" s="119" t="s">
        <v>65</v>
      </c>
    </row>
    <row r="208" spans="1:17" ht="72" x14ac:dyDescent="0.2">
      <c r="A208" s="94">
        <v>952</v>
      </c>
      <c r="B208" s="95" t="s">
        <v>53</v>
      </c>
      <c r="C208" s="96" t="s">
        <v>655</v>
      </c>
      <c r="D208" s="122" t="s">
        <v>932</v>
      </c>
      <c r="E208" s="122" t="s">
        <v>1273</v>
      </c>
      <c r="F208" s="122" t="s">
        <v>1274</v>
      </c>
      <c r="G208" s="75" t="s">
        <v>58</v>
      </c>
      <c r="H208" s="122" t="s">
        <v>59</v>
      </c>
      <c r="I208" s="122" t="s">
        <v>81</v>
      </c>
      <c r="J208" s="88" t="s">
        <v>77</v>
      </c>
      <c r="K208" s="121" t="s">
        <v>722</v>
      </c>
      <c r="N208" s="128">
        <v>79151.840624999997</v>
      </c>
      <c r="P208" s="120"/>
      <c r="Q208" s="119" t="s">
        <v>65</v>
      </c>
    </row>
    <row r="209" spans="1:17" ht="108" x14ac:dyDescent="0.2">
      <c r="A209" s="94">
        <v>953</v>
      </c>
      <c r="B209" s="95" t="s">
        <v>53</v>
      </c>
      <c r="C209" s="96" t="s">
        <v>655</v>
      </c>
      <c r="D209" s="122" t="s">
        <v>932</v>
      </c>
      <c r="E209" s="122" t="s">
        <v>1275</v>
      </c>
      <c r="F209" s="122" t="s">
        <v>1276</v>
      </c>
      <c r="G209" s="75" t="s">
        <v>58</v>
      </c>
      <c r="H209" s="122" t="s">
        <v>59</v>
      </c>
      <c r="I209" s="122" t="s">
        <v>81</v>
      </c>
      <c r="J209" s="88" t="s">
        <v>77</v>
      </c>
      <c r="K209" s="121" t="s">
        <v>722</v>
      </c>
      <c r="N209" s="128">
        <v>124150.49968750001</v>
      </c>
      <c r="P209" s="120"/>
      <c r="Q209" s="119" t="s">
        <v>65</v>
      </c>
    </row>
    <row r="210" spans="1:17" ht="108" x14ac:dyDescent="0.2">
      <c r="A210" s="94">
        <v>954</v>
      </c>
      <c r="B210" s="95" t="s">
        <v>53</v>
      </c>
      <c r="C210" s="96" t="s">
        <v>655</v>
      </c>
      <c r="D210" s="122" t="s">
        <v>932</v>
      </c>
      <c r="E210" s="122" t="s">
        <v>1277</v>
      </c>
      <c r="F210" s="122" t="s">
        <v>2064</v>
      </c>
      <c r="G210" s="75" t="s">
        <v>58</v>
      </c>
      <c r="H210" s="122" t="s">
        <v>833</v>
      </c>
      <c r="I210" s="122" t="s">
        <v>81</v>
      </c>
      <c r="J210" s="88" t="s">
        <v>77</v>
      </c>
      <c r="K210" s="121" t="s">
        <v>722</v>
      </c>
      <c r="N210" s="128">
        <v>1258042.5</v>
      </c>
      <c r="P210" s="120"/>
      <c r="Q210" s="119" t="s">
        <v>65</v>
      </c>
    </row>
    <row r="211" spans="1:17" ht="120" x14ac:dyDescent="0.2">
      <c r="A211" s="94">
        <v>955</v>
      </c>
      <c r="B211" s="95" t="s">
        <v>53</v>
      </c>
      <c r="C211" s="96" t="s">
        <v>655</v>
      </c>
      <c r="D211" s="122" t="s">
        <v>932</v>
      </c>
      <c r="E211" s="122" t="s">
        <v>1279</v>
      </c>
      <c r="F211" s="122" t="s">
        <v>1280</v>
      </c>
      <c r="G211" s="75" t="s">
        <v>58</v>
      </c>
      <c r="H211" s="122" t="s">
        <v>833</v>
      </c>
      <c r="I211" s="122" t="s">
        <v>81</v>
      </c>
      <c r="J211" s="88" t="s">
        <v>77</v>
      </c>
      <c r="K211" s="121" t="s">
        <v>722</v>
      </c>
      <c r="N211" s="128">
        <v>152150.02803000002</v>
      </c>
      <c r="P211" s="120"/>
      <c r="Q211" s="119" t="s">
        <v>65</v>
      </c>
    </row>
    <row r="212" spans="1:17" ht="48" x14ac:dyDescent="0.2">
      <c r="A212" s="94">
        <v>956</v>
      </c>
      <c r="B212" s="95" t="s">
        <v>53</v>
      </c>
      <c r="C212" s="96" t="s">
        <v>655</v>
      </c>
      <c r="D212" s="122" t="s">
        <v>932</v>
      </c>
      <c r="E212" s="121" t="s">
        <v>1281</v>
      </c>
      <c r="F212" s="122" t="s">
        <v>1282</v>
      </c>
      <c r="G212" s="75" t="s">
        <v>58</v>
      </c>
      <c r="H212" s="122" t="s">
        <v>833</v>
      </c>
      <c r="I212" s="122" t="s">
        <v>81</v>
      </c>
      <c r="J212" s="88" t="s">
        <v>77</v>
      </c>
      <c r="K212" s="121" t="s">
        <v>722</v>
      </c>
      <c r="N212" s="128">
        <v>6783.5625</v>
      </c>
      <c r="P212" s="120"/>
      <c r="Q212" s="119" t="s">
        <v>65</v>
      </c>
    </row>
    <row r="213" spans="1:17" ht="36" x14ac:dyDescent="0.2">
      <c r="A213" s="94">
        <v>957</v>
      </c>
      <c r="B213" s="95" t="s">
        <v>53</v>
      </c>
      <c r="C213" s="96" t="s">
        <v>655</v>
      </c>
      <c r="D213" s="122" t="s">
        <v>932</v>
      </c>
      <c r="E213" s="121" t="s">
        <v>1283</v>
      </c>
      <c r="F213" s="122" t="s">
        <v>1284</v>
      </c>
      <c r="G213" s="75" t="s">
        <v>58</v>
      </c>
      <c r="H213" s="122" t="s">
        <v>833</v>
      </c>
      <c r="I213" s="122" t="s">
        <v>81</v>
      </c>
      <c r="J213" s="88" t="s">
        <v>77</v>
      </c>
      <c r="K213" s="121" t="s">
        <v>722</v>
      </c>
      <c r="N213" s="128">
        <v>518.01749999999993</v>
      </c>
      <c r="P213" s="120"/>
      <c r="Q213" s="119" t="s">
        <v>65</v>
      </c>
    </row>
    <row r="214" spans="1:17" ht="72" x14ac:dyDescent="0.2">
      <c r="A214" s="94">
        <v>958</v>
      </c>
      <c r="B214" s="95" t="s">
        <v>53</v>
      </c>
      <c r="C214" s="96" t="s">
        <v>655</v>
      </c>
      <c r="D214" s="122" t="s">
        <v>932</v>
      </c>
      <c r="E214" s="122" t="s">
        <v>1285</v>
      </c>
      <c r="F214" s="122" t="s">
        <v>1286</v>
      </c>
      <c r="G214" s="75" t="s">
        <v>58</v>
      </c>
      <c r="H214" s="122" t="s">
        <v>833</v>
      </c>
      <c r="I214" s="122" t="s">
        <v>81</v>
      </c>
      <c r="J214" s="88" t="s">
        <v>77</v>
      </c>
      <c r="K214" s="121" t="s">
        <v>722</v>
      </c>
      <c r="N214" s="128">
        <v>7106.016059999999</v>
      </c>
      <c r="P214" s="120"/>
      <c r="Q214" s="119" t="s">
        <v>65</v>
      </c>
    </row>
    <row r="215" spans="1:17" ht="30" x14ac:dyDescent="0.2">
      <c r="A215" s="94">
        <v>959</v>
      </c>
      <c r="B215" s="95" t="s">
        <v>53</v>
      </c>
      <c r="C215" s="96" t="s">
        <v>655</v>
      </c>
      <c r="D215" s="122" t="s">
        <v>932</v>
      </c>
      <c r="E215" s="121" t="s">
        <v>1287</v>
      </c>
      <c r="F215" s="121" t="s">
        <v>1288</v>
      </c>
      <c r="G215" s="75" t="s">
        <v>58</v>
      </c>
      <c r="H215" s="122" t="s">
        <v>833</v>
      </c>
      <c r="I215" s="122" t="s">
        <v>81</v>
      </c>
      <c r="J215" s="88" t="s">
        <v>77</v>
      </c>
      <c r="K215" s="121" t="s">
        <v>722</v>
      </c>
      <c r="N215" s="128">
        <v>129504.375</v>
      </c>
      <c r="P215" s="120"/>
      <c r="Q215" s="119" t="s">
        <v>65</v>
      </c>
    </row>
    <row r="216" spans="1:17" ht="15" x14ac:dyDescent="0.2">
      <c r="A216" s="132"/>
      <c r="B216" s="133"/>
      <c r="C216" s="133"/>
    </row>
    <row r="217" spans="1:17" ht="15" x14ac:dyDescent="0.2">
      <c r="A217" s="132"/>
      <c r="B217" s="133"/>
      <c r="C217" s="133"/>
    </row>
    <row r="218" spans="1:17" ht="15" x14ac:dyDescent="0.2">
      <c r="A218" s="132"/>
      <c r="B218" s="133"/>
      <c r="C218" s="133"/>
    </row>
  </sheetData>
  <conditionalFormatting sqref="Q1">
    <cfRule type="containsText" priority="1" operator="containsText" text="Critical - Delivery">
      <formula>NOT(ISERROR(SEARCH("Critical - Delivery",Q1)))</formula>
    </cfRule>
    <cfRule type="containsText" dxfId="586" priority="2" operator="containsText" text="Critical - Local Plan">
      <formula>NOT(ISERROR(SEARCH("Critical - Local Plan",Q1)))</formula>
    </cfRule>
    <cfRule type="containsText" dxfId="585" priority="3" operator="containsText" text="Important">
      <formula>NOT(ISERROR(SEARCH("Important",Q1)))</formula>
    </cfRule>
    <cfRule type="containsText" dxfId="584" priority="4" operator="containsText" text="Essential">
      <formula>NOT(ISERROR(SEARCH("Essential",Q1)))</formula>
    </cfRule>
    <cfRule type="containsText" dxfId="583" priority="5" operator="containsText" text="Important">
      <formula>NOT(ISERROR(SEARCH("Important",Q1)))</formula>
    </cfRule>
    <cfRule type="containsText" priority="6" operator="containsText" text="Important">
      <formula>NOT(ISERROR(SEARCH("Important",Q1)))</formula>
    </cfRule>
    <cfRule type="containsText" dxfId="582" priority="7" operator="containsText" text="Desirable">
      <formula>NOT(ISERROR(SEARCH("Desirable",Q1)))</formula>
    </cfRule>
    <cfRule type="containsText" dxfId="581" priority="8" operator="containsText" text="Critical">
      <formula>NOT(ISERROR(SEARCH("Critical",Q1)))</formula>
    </cfRule>
    <cfRule type="containsText" dxfId="580" priority="9" operator="containsText" text="Essential">
      <formula>NOT(ISERROR(SEARCH("Essential",Q1)))</formula>
    </cfRule>
    <cfRule type="colorScale" priority="10">
      <colorScale>
        <cfvo type="min"/>
        <cfvo type="percentile" val="50"/>
        <cfvo type="max"/>
        <color rgb="FFF8696B"/>
        <color rgb="FFFFEB84"/>
        <color rgb="FF63BE7B"/>
      </colorScale>
    </cfRule>
  </conditionalFormatting>
  <pageMargins left="0.7" right="0.7" top="0.75" bottom="0.75" header="0.3" footer="0.3"/>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40F9A37-8E1B-49A7-AC3F-AB52E478F603}">
  <sheetPr codeName="Sheet9"/>
  <dimension ref="A3:B26"/>
  <sheetViews>
    <sheetView workbookViewId="0"/>
  </sheetViews>
  <sheetFormatPr defaultRowHeight="14.25" x14ac:dyDescent="0.2"/>
  <cols>
    <col min="1" max="1" width="48" bestFit="1" customWidth="1"/>
    <col min="2" max="2" width="12.125" bestFit="1" customWidth="1"/>
  </cols>
  <sheetData>
    <row r="3" spans="1:2" x14ac:dyDescent="0.2">
      <c r="A3" s="152" t="s">
        <v>1322</v>
      </c>
      <c r="B3" t="s">
        <v>2592</v>
      </c>
    </row>
    <row r="4" spans="1:2" x14ac:dyDescent="0.2">
      <c r="A4" s="153" t="s">
        <v>266</v>
      </c>
      <c r="B4">
        <v>1</v>
      </c>
    </row>
    <row r="5" spans="1:2" x14ac:dyDescent="0.2">
      <c r="A5" s="153" t="s">
        <v>255</v>
      </c>
      <c r="B5">
        <v>1</v>
      </c>
    </row>
    <row r="6" spans="1:2" x14ac:dyDescent="0.2">
      <c r="A6" s="153" t="s">
        <v>291</v>
      </c>
      <c r="B6">
        <v>1</v>
      </c>
    </row>
    <row r="7" spans="1:2" x14ac:dyDescent="0.2">
      <c r="A7" s="153" t="s">
        <v>1296</v>
      </c>
      <c r="B7">
        <v>1</v>
      </c>
    </row>
    <row r="8" spans="1:2" x14ac:dyDescent="0.2">
      <c r="A8" s="153" t="s">
        <v>299</v>
      </c>
      <c r="B8">
        <v>21</v>
      </c>
    </row>
    <row r="9" spans="1:2" x14ac:dyDescent="0.2">
      <c r="A9" s="153" t="s">
        <v>304</v>
      </c>
      <c r="B9">
        <v>21</v>
      </c>
    </row>
    <row r="10" spans="1:2" x14ac:dyDescent="0.2">
      <c r="A10" s="153" t="s">
        <v>525</v>
      </c>
      <c r="B10">
        <v>144</v>
      </c>
    </row>
    <row r="11" spans="1:2" x14ac:dyDescent="0.2">
      <c r="A11" s="153" t="s">
        <v>334</v>
      </c>
      <c r="B11">
        <v>326</v>
      </c>
    </row>
    <row r="12" spans="1:2" x14ac:dyDescent="0.2">
      <c r="A12" s="153" t="s">
        <v>583</v>
      </c>
      <c r="B12">
        <v>1</v>
      </c>
    </row>
    <row r="13" spans="1:2" x14ac:dyDescent="0.2">
      <c r="A13" s="153" t="s">
        <v>230</v>
      </c>
      <c r="B13">
        <v>5</v>
      </c>
    </row>
    <row r="14" spans="1:2" x14ac:dyDescent="0.2">
      <c r="A14" s="153" t="s">
        <v>276</v>
      </c>
      <c r="B14">
        <v>1</v>
      </c>
    </row>
    <row r="15" spans="1:2" x14ac:dyDescent="0.2">
      <c r="A15" s="153" t="s">
        <v>195</v>
      </c>
      <c r="B15">
        <v>6</v>
      </c>
    </row>
    <row r="16" spans="1:2" x14ac:dyDescent="0.2">
      <c r="A16" s="153" t="s">
        <v>216</v>
      </c>
      <c r="B16">
        <v>2</v>
      </c>
    </row>
    <row r="17" spans="1:2" x14ac:dyDescent="0.2">
      <c r="A17" s="153" t="s">
        <v>61</v>
      </c>
      <c r="B17">
        <v>24</v>
      </c>
    </row>
    <row r="18" spans="1:2" x14ac:dyDescent="0.2">
      <c r="A18" s="153" t="s">
        <v>77</v>
      </c>
      <c r="B18">
        <v>302</v>
      </c>
    </row>
    <row r="19" spans="1:2" x14ac:dyDescent="0.2">
      <c r="A19" s="153" t="s">
        <v>626</v>
      </c>
      <c r="B19">
        <v>23</v>
      </c>
    </row>
    <row r="20" spans="1:2" x14ac:dyDescent="0.2">
      <c r="A20" s="153" t="s">
        <v>158</v>
      </c>
      <c r="B20">
        <v>9</v>
      </c>
    </row>
    <row r="21" spans="1:2" x14ac:dyDescent="0.2">
      <c r="A21" s="153" t="s">
        <v>261</v>
      </c>
      <c r="B21">
        <v>1</v>
      </c>
    </row>
    <row r="22" spans="1:2" x14ac:dyDescent="0.2">
      <c r="A22" s="153" t="s">
        <v>272</v>
      </c>
      <c r="B22">
        <v>1</v>
      </c>
    </row>
    <row r="23" spans="1:2" x14ac:dyDescent="0.2">
      <c r="A23" s="153" t="s">
        <v>242</v>
      </c>
      <c r="B23">
        <v>1</v>
      </c>
    </row>
    <row r="24" spans="1:2" x14ac:dyDescent="0.2">
      <c r="A24" s="153" t="s">
        <v>248</v>
      </c>
      <c r="B24">
        <v>1</v>
      </c>
    </row>
    <row r="25" spans="1:2" x14ac:dyDescent="0.2">
      <c r="A25" s="153" t="s">
        <v>1354</v>
      </c>
    </row>
    <row r="26" spans="1:2" x14ac:dyDescent="0.2">
      <c r="A26" s="153" t="s">
        <v>1355</v>
      </c>
      <c r="B26">
        <v>893</v>
      </c>
    </row>
  </sheetData>
  <pageMargins left="0.7" right="0.7" top="0.75" bottom="0.75" header="0.3" footer="0.3"/>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D359554-D1D6-405F-A66D-7220FE099CD4}">
  <dimension ref="B2:N207"/>
  <sheetViews>
    <sheetView topLeftCell="A93" zoomScaleNormal="100" workbookViewId="0">
      <selection activeCell="B114" sqref="B114"/>
    </sheetView>
  </sheetViews>
  <sheetFormatPr defaultRowHeight="14.25" x14ac:dyDescent="0.2"/>
  <cols>
    <col min="2" max="2" width="14.625" customWidth="1"/>
    <col min="3" max="3" width="11.625" customWidth="1"/>
    <col min="6" max="6" width="25.125" bestFit="1" customWidth="1"/>
    <col min="7" max="7" width="12.125" bestFit="1" customWidth="1"/>
    <col min="8" max="8" width="14.625" bestFit="1" customWidth="1"/>
    <col min="9" max="9" width="22.125" hidden="1" customWidth="1"/>
    <col min="10" max="10" width="23.125" bestFit="1" customWidth="1"/>
    <col min="12" max="12" width="33.5" bestFit="1" customWidth="1"/>
    <col min="14" max="14" width="21.125" customWidth="1"/>
  </cols>
  <sheetData>
    <row r="2" spans="2:14" ht="18" x14ac:dyDescent="0.25">
      <c r="B2" s="771" t="s">
        <v>2140</v>
      </c>
    </row>
    <row r="3" spans="2:14" x14ac:dyDescent="0.2">
      <c r="B3" s="770" t="s">
        <v>2593</v>
      </c>
      <c r="C3" s="768"/>
      <c r="D3" s="768"/>
      <c r="E3" s="768"/>
      <c r="F3" s="768"/>
      <c r="G3" s="768"/>
    </row>
    <row r="4" spans="2:14" x14ac:dyDescent="0.2">
      <c r="B4" s="768" t="s">
        <v>2594</v>
      </c>
      <c r="C4" s="768"/>
      <c r="D4" s="768"/>
      <c r="E4" s="768"/>
      <c r="F4" s="768"/>
      <c r="G4" s="768"/>
    </row>
    <row r="5" spans="2:14" x14ac:dyDescent="0.2">
      <c r="B5" s="768" t="s">
        <v>2143</v>
      </c>
      <c r="C5" s="768"/>
      <c r="D5" s="768"/>
      <c r="E5" s="768"/>
      <c r="F5" s="768"/>
      <c r="G5" s="768"/>
    </row>
    <row r="6" spans="2:14" x14ac:dyDescent="0.2">
      <c r="B6" s="768"/>
      <c r="C6" s="768"/>
      <c r="D6" s="768"/>
      <c r="E6" s="768"/>
      <c r="F6" s="768"/>
      <c r="G6" s="768"/>
    </row>
    <row r="7" spans="2:14" x14ac:dyDescent="0.2">
      <c r="B7" s="768"/>
      <c r="C7" s="768"/>
      <c r="D7" s="769"/>
      <c r="E7" s="768"/>
      <c r="F7" s="768"/>
      <c r="G7" s="768"/>
    </row>
    <row r="8" spans="2:14" x14ac:dyDescent="0.2">
      <c r="B8" s="768"/>
      <c r="C8" s="768"/>
      <c r="D8" s="768"/>
      <c r="E8" s="768"/>
      <c r="F8" s="768"/>
      <c r="G8" s="768"/>
    </row>
    <row r="9" spans="2:14" x14ac:dyDescent="0.2">
      <c r="B9" s="768"/>
      <c r="C9" s="768"/>
      <c r="D9" s="768"/>
      <c r="E9" s="768"/>
      <c r="F9" s="768"/>
      <c r="G9" s="768"/>
    </row>
    <row r="12" spans="2:14" ht="20.25" x14ac:dyDescent="0.3">
      <c r="B12" s="919" t="s">
        <v>2119</v>
      </c>
      <c r="C12" s="768" t="s">
        <v>2595</v>
      </c>
      <c r="D12" s="768"/>
      <c r="E12" s="768"/>
      <c r="F12" s="920"/>
      <c r="G12" s="920"/>
      <c r="H12" s="920"/>
      <c r="I12" s="768"/>
      <c r="J12" s="768"/>
    </row>
    <row r="13" spans="2:14" ht="15" x14ac:dyDescent="0.25">
      <c r="B13" s="921" t="s">
        <v>2120</v>
      </c>
      <c r="C13" s="768" t="s">
        <v>2121</v>
      </c>
      <c r="D13" s="768"/>
      <c r="E13" s="768"/>
      <c r="F13" s="768"/>
      <c r="G13" s="768"/>
      <c r="H13" s="768"/>
      <c r="I13" s="768"/>
      <c r="J13" s="768"/>
    </row>
    <row r="14" spans="2:14" ht="15" x14ac:dyDescent="0.25">
      <c r="B14" s="921" t="s">
        <v>2122</v>
      </c>
      <c r="C14" s="768">
        <v>5000</v>
      </c>
      <c r="D14" s="768"/>
      <c r="E14" s="921" t="s">
        <v>2122</v>
      </c>
      <c r="F14" s="921" t="s">
        <v>2123</v>
      </c>
      <c r="G14" s="921" t="s">
        <v>2124</v>
      </c>
      <c r="H14" s="921" t="s">
        <v>2125</v>
      </c>
      <c r="I14" s="921" t="s">
        <v>2132</v>
      </c>
      <c r="J14" s="768"/>
    </row>
    <row r="15" spans="2:14" ht="15" x14ac:dyDescent="0.25">
      <c r="B15" s="921" t="s">
        <v>2126</v>
      </c>
      <c r="C15" s="768">
        <f>C14*2.4</f>
        <v>12000</v>
      </c>
      <c r="D15" s="768"/>
      <c r="E15" s="768">
        <v>1.03</v>
      </c>
      <c r="F15" s="768" t="s">
        <v>428</v>
      </c>
      <c r="G15" s="922">
        <v>1237304</v>
      </c>
      <c r="H15" s="923" t="str">
        <f t="shared" ref="H15:H18" si="0">TEXT(G15,"£#,##0_);($#,##0)")</f>
        <v xml:space="preserve">£1,237,304 </v>
      </c>
      <c r="I15" s="768"/>
      <c r="J15" s="921"/>
      <c r="L15" s="727"/>
      <c r="N15" s="727"/>
    </row>
    <row r="16" spans="2:14" ht="15" x14ac:dyDescent="0.25">
      <c r="B16" s="768"/>
      <c r="C16" s="768"/>
      <c r="D16" s="768"/>
      <c r="E16" s="768">
        <v>19.760000000000002</v>
      </c>
      <c r="F16" s="768" t="s">
        <v>330</v>
      </c>
      <c r="G16" s="922">
        <v>2238731</v>
      </c>
      <c r="H16" s="923" t="str">
        <f t="shared" si="0"/>
        <v xml:space="preserve">£2,238,731 </v>
      </c>
      <c r="I16" s="768"/>
      <c r="J16" s="768"/>
    </row>
    <row r="17" spans="2:12" ht="15" x14ac:dyDescent="0.25">
      <c r="B17" s="768"/>
      <c r="C17" s="768"/>
      <c r="D17" s="768"/>
      <c r="E17" s="768">
        <v>2.06</v>
      </c>
      <c r="F17" s="768" t="s">
        <v>2596</v>
      </c>
      <c r="G17" s="922">
        <v>438465</v>
      </c>
      <c r="H17" s="923" t="str">
        <f t="shared" si="0"/>
        <v xml:space="preserve">£438,465 </v>
      </c>
      <c r="I17" s="768"/>
      <c r="J17" s="768"/>
    </row>
    <row r="18" spans="2:12" ht="15" x14ac:dyDescent="0.25">
      <c r="B18" s="768"/>
      <c r="C18" s="768"/>
      <c r="D18" s="768"/>
      <c r="E18" s="924">
        <v>20.85</v>
      </c>
      <c r="F18" s="920" t="s">
        <v>2597</v>
      </c>
      <c r="G18" s="925">
        <v>4433862</v>
      </c>
      <c r="H18" s="923" t="str">
        <f t="shared" si="0"/>
        <v xml:space="preserve">£4,433,862 </v>
      </c>
      <c r="I18" s="768"/>
      <c r="J18" s="768"/>
    </row>
    <row r="19" spans="2:12" ht="15" x14ac:dyDescent="0.25">
      <c r="B19" s="768"/>
      <c r="C19" s="768"/>
      <c r="D19" s="926" t="s">
        <v>1379</v>
      </c>
      <c r="E19" s="926"/>
      <c r="F19" s="927"/>
      <c r="G19" s="928">
        <f>SUM(G15:G18)</f>
        <v>8348362</v>
      </c>
      <c r="H19" s="929" t="str">
        <f>TEXT(G19,"£#,##0_);($#,##0)")</f>
        <v xml:space="preserve">£8,348,362 </v>
      </c>
      <c r="I19" s="768"/>
      <c r="J19" s="768"/>
    </row>
    <row r="20" spans="2:12" x14ac:dyDescent="0.2">
      <c r="B20" s="768"/>
      <c r="C20" s="768"/>
      <c r="D20" s="768"/>
      <c r="E20" s="768"/>
      <c r="F20" s="768"/>
      <c r="G20" s="768"/>
      <c r="H20" s="768"/>
      <c r="I20" s="768"/>
      <c r="J20" s="768"/>
    </row>
    <row r="21" spans="2:12" x14ac:dyDescent="0.2">
      <c r="B21" s="768"/>
      <c r="C21" s="768"/>
      <c r="D21" s="768"/>
      <c r="E21" s="768"/>
      <c r="F21" s="768"/>
      <c r="G21" s="768"/>
      <c r="H21" s="768"/>
      <c r="I21" s="768"/>
      <c r="J21" s="768"/>
    </row>
    <row r="24" spans="2:12" ht="15" x14ac:dyDescent="0.25">
      <c r="B24" s="727" t="s">
        <v>2120</v>
      </c>
      <c r="C24" t="s">
        <v>2598</v>
      </c>
    </row>
    <row r="25" spans="2:12" ht="15" x14ac:dyDescent="0.25">
      <c r="B25" s="727" t="s">
        <v>2122</v>
      </c>
      <c r="C25" s="240">
        <v>80</v>
      </c>
    </row>
    <row r="26" spans="2:12" ht="15" x14ac:dyDescent="0.25">
      <c r="B26" s="727" t="s">
        <v>2126</v>
      </c>
      <c r="C26">
        <f>C25*2.4</f>
        <v>192</v>
      </c>
      <c r="E26" s="727" t="s">
        <v>2122</v>
      </c>
      <c r="F26" s="727" t="s">
        <v>2123</v>
      </c>
      <c r="G26" s="727" t="s">
        <v>2124</v>
      </c>
      <c r="H26" s="727" t="s">
        <v>2125</v>
      </c>
      <c r="I26" s="727"/>
      <c r="J26" s="727" t="s">
        <v>2133</v>
      </c>
      <c r="L26" s="727" t="s">
        <v>2134</v>
      </c>
    </row>
    <row r="27" spans="2:12" ht="129" x14ac:dyDescent="0.25">
      <c r="B27" s="727"/>
      <c r="E27" s="727"/>
      <c r="F27" s="727"/>
      <c r="G27" s="727"/>
      <c r="H27" s="727"/>
      <c r="I27" s="727"/>
      <c r="J27" s="34" t="str">
        <f>_xlfn.CONCAT($B$4, C28, $B$5)</f>
        <v xml:space="preserve">Associated playing pitch provision in line with the Sport England requirements to support development at Site to the south of Green Lane (Hm16). This includes but is not limited to contributions towards: </v>
      </c>
      <c r="K27" s="34"/>
      <c r="L27" s="34" t="s">
        <v>2599</v>
      </c>
    </row>
    <row r="28" spans="2:12" ht="57" x14ac:dyDescent="0.25">
      <c r="B28" s="727" t="s">
        <v>2136</v>
      </c>
      <c r="C28" s="916" t="s">
        <v>1374</v>
      </c>
      <c r="E28" s="750">
        <f>$E$15*$C29</f>
        <v>1.6480000000000002E-2</v>
      </c>
      <c r="F28" t="s">
        <v>428</v>
      </c>
      <c r="G28" s="917">
        <f>$G$15*$C29</f>
        <v>19796.864000000001</v>
      </c>
      <c r="H28" s="728" t="str">
        <f t="shared" ref="H28:H31" si="1">TEXT(G28,"£#,##0_);($#,##0)")</f>
        <v xml:space="preserve">£19,797 </v>
      </c>
      <c r="J28" s="34" t="str">
        <f>_xlfn.CONCAT(ROUND(E28, 2), " ", F28)</f>
        <v>0.02 Artificial Grass Pitches (AGP)</v>
      </c>
      <c r="K28" s="34"/>
      <c r="L28" s="34" t="str">
        <f>_xlfn.CONCAT(J28, " = ", H28)</f>
        <v xml:space="preserve">0.02 Artificial Grass Pitches (AGP) = £19,797 </v>
      </c>
    </row>
    <row r="29" spans="2:12" ht="29.25" x14ac:dyDescent="0.25">
      <c r="B29" s="727" t="s">
        <v>2137</v>
      </c>
      <c r="C29">
        <f>C25/$C$200</f>
        <v>1.6E-2</v>
      </c>
      <c r="E29" s="750">
        <f>$E$16*$C29</f>
        <v>0.31616000000000005</v>
      </c>
      <c r="F29" t="s">
        <v>330</v>
      </c>
      <c r="G29" s="917">
        <f>$G$16*$C29</f>
        <v>35819.696000000004</v>
      </c>
      <c r="H29" s="728" t="str">
        <f t="shared" si="1"/>
        <v xml:space="preserve">£35,820 </v>
      </c>
      <c r="J29" s="34" t="str">
        <f t="shared" ref="J29:J31" si="2">_xlfn.CONCAT(ROUND(E29, 2), " ", F29)</f>
        <v>0.32 Natural Grass Pitches (NGP)</v>
      </c>
      <c r="K29" s="34"/>
      <c r="L29" s="34" t="str">
        <f t="shared" ref="L29:L31" si="3">_xlfn.CONCAT(J29, " = ", H29)</f>
        <v xml:space="preserve">0.32 Natural Grass Pitches (NGP) = £35,820 </v>
      </c>
    </row>
    <row r="30" spans="2:12" ht="29.25" x14ac:dyDescent="0.25">
      <c r="E30" s="750">
        <f>$E$17*$C29</f>
        <v>3.2960000000000003E-2</v>
      </c>
      <c r="F30" t="s">
        <v>2596</v>
      </c>
      <c r="G30" s="917">
        <f>$G$17*$C29</f>
        <v>7015.4400000000005</v>
      </c>
      <c r="H30" s="728" t="str">
        <f t="shared" si="1"/>
        <v xml:space="preserve">£7,015 </v>
      </c>
      <c r="J30" s="34" t="str">
        <f t="shared" si="2"/>
        <v>0.03 Changing rooms for AGP</v>
      </c>
      <c r="K30" s="34"/>
      <c r="L30" s="34" t="str">
        <f t="shared" si="3"/>
        <v xml:space="preserve">0.03 Changing rooms for AGP = £7,015 </v>
      </c>
    </row>
    <row r="31" spans="2:12" ht="29.25" x14ac:dyDescent="0.25">
      <c r="E31" s="750">
        <f>$E$18*$C29</f>
        <v>0.33360000000000001</v>
      </c>
      <c r="F31" s="613" t="s">
        <v>2597</v>
      </c>
      <c r="G31" s="917">
        <f>$G$18*$C29</f>
        <v>70941.792000000001</v>
      </c>
      <c r="H31" s="728" t="str">
        <f t="shared" si="1"/>
        <v xml:space="preserve">£70,942 </v>
      </c>
      <c r="J31" s="34" t="str">
        <f t="shared" si="2"/>
        <v>0.33 Changing rooms for NGP</v>
      </c>
      <c r="K31" s="34"/>
      <c r="L31" s="34" t="str">
        <f t="shared" si="3"/>
        <v xml:space="preserve">0.33 Changing rooms for NGP = £70,942 </v>
      </c>
    </row>
    <row r="32" spans="2:12" ht="100.5" x14ac:dyDescent="0.25">
      <c r="D32" s="74" t="s">
        <v>1379</v>
      </c>
      <c r="E32" s="74"/>
      <c r="F32" s="729"/>
      <c r="G32" s="730">
        <f>SUM(G28:G31)</f>
        <v>133573.79200000002</v>
      </c>
      <c r="H32" s="731" t="str">
        <f>TEXT(G32,"£#,##0_);($#,##0)")</f>
        <v xml:space="preserve">£133,574 </v>
      </c>
      <c r="J32" s="34" t="s">
        <v>2139</v>
      </c>
      <c r="K32" s="34"/>
      <c r="L32" s="34" t="str">
        <f>_xlfn.CONCAT("= ", H32)</f>
        <v xml:space="preserve">= £133,574 </v>
      </c>
    </row>
    <row r="35" spans="2:12" ht="15" x14ac:dyDescent="0.25">
      <c r="B35" s="727" t="s">
        <v>2120</v>
      </c>
      <c r="C35" t="s">
        <v>2600</v>
      </c>
    </row>
    <row r="36" spans="2:12" ht="15" x14ac:dyDescent="0.25">
      <c r="B36" s="727" t="s">
        <v>2122</v>
      </c>
      <c r="C36" s="240">
        <v>90</v>
      </c>
    </row>
    <row r="37" spans="2:12" ht="15" x14ac:dyDescent="0.25">
      <c r="B37" s="727" t="s">
        <v>2126</v>
      </c>
      <c r="C37">
        <f>C36*2.4</f>
        <v>216</v>
      </c>
      <c r="E37" s="727" t="s">
        <v>2122</v>
      </c>
      <c r="F37" s="727" t="s">
        <v>2123</v>
      </c>
      <c r="G37" s="727" t="s">
        <v>2124</v>
      </c>
      <c r="H37" s="727" t="s">
        <v>2125</v>
      </c>
      <c r="I37" s="727"/>
      <c r="J37" s="727" t="s">
        <v>2133</v>
      </c>
      <c r="L37" s="727" t="s">
        <v>2134</v>
      </c>
    </row>
    <row r="38" spans="2:12" ht="114.75" x14ac:dyDescent="0.25">
      <c r="B38" s="727"/>
      <c r="E38" s="727"/>
      <c r="F38" s="727"/>
      <c r="G38" s="727"/>
      <c r="H38" s="727"/>
      <c r="I38" s="727"/>
      <c r="J38" s="34" t="str">
        <f>_xlfn.CONCAT($B$4, C39, $B$5)</f>
        <v xml:space="preserve">Associated playing pitch provision in line with the Sport England requirements to support development at Old Town (Hm15). This includes but is not limited to contributions towards: </v>
      </c>
      <c r="K38" s="34"/>
      <c r="L38" s="34" t="s">
        <v>2599</v>
      </c>
    </row>
    <row r="39" spans="2:12" ht="29.25" x14ac:dyDescent="0.25">
      <c r="B39" s="727" t="s">
        <v>2136</v>
      </c>
      <c r="C39" s="916" t="s">
        <v>2601</v>
      </c>
      <c r="E39" s="750">
        <f>$E$15*$C40</f>
        <v>1.8539999999999997E-2</v>
      </c>
      <c r="F39" t="s">
        <v>428</v>
      </c>
      <c r="G39" s="917">
        <f>$G$15*$C40</f>
        <v>22271.471999999998</v>
      </c>
      <c r="H39" s="728" t="str">
        <f>TEXT(G39,"£#,##0_);($#,##0)")</f>
        <v xml:space="preserve">£22,271 </v>
      </c>
      <c r="J39" s="34" t="str">
        <f>_xlfn.CONCAT(ROUND(E39, 2), " ", F39)</f>
        <v>0.02 Artificial Grass Pitches (AGP)</v>
      </c>
      <c r="K39" s="34"/>
      <c r="L39" s="34" t="str">
        <f>_xlfn.CONCAT(J39, " = ", H39)</f>
        <v xml:space="preserve">0.02 Artificial Grass Pitches (AGP) = £22,271 </v>
      </c>
    </row>
    <row r="40" spans="2:12" ht="29.25" x14ac:dyDescent="0.25">
      <c r="B40" s="727" t="s">
        <v>2137</v>
      </c>
      <c r="C40">
        <f>C36/$C$200</f>
        <v>1.7999999999999999E-2</v>
      </c>
      <c r="E40" s="750">
        <f>$E$16*$C40</f>
        <v>0.35568</v>
      </c>
      <c r="F40" t="s">
        <v>330</v>
      </c>
      <c r="G40" s="917">
        <f>$G$16*$C40</f>
        <v>40297.157999999996</v>
      </c>
      <c r="H40" s="728" t="str">
        <f>TEXT(G40,"£#,##0_);($#,##0)")</f>
        <v xml:space="preserve">£40,297 </v>
      </c>
      <c r="J40" s="34" t="str">
        <f>_xlfn.CONCAT(ROUND(E40, 2), " ", F40)</f>
        <v>0.36 Natural Grass Pitches (NGP)</v>
      </c>
      <c r="K40" s="34"/>
      <c r="L40" s="34" t="str">
        <f>_xlfn.CONCAT(J40, " = ", H40)</f>
        <v xml:space="preserve">0.36 Natural Grass Pitches (NGP) = £40,297 </v>
      </c>
    </row>
    <row r="41" spans="2:12" ht="29.25" x14ac:dyDescent="0.25">
      <c r="E41" s="750">
        <f>$E$17*$C40</f>
        <v>3.7079999999999995E-2</v>
      </c>
      <c r="F41" t="s">
        <v>2596</v>
      </c>
      <c r="G41" s="917">
        <f>$G$17*$C40</f>
        <v>7892.369999999999</v>
      </c>
      <c r="H41" s="728" t="str">
        <f>TEXT(G41,"£#,##0_);($#,##0)")</f>
        <v xml:space="preserve">£7,892 </v>
      </c>
      <c r="J41" s="34" t="str">
        <f>_xlfn.CONCAT(ROUND(E41, 2), " ", F41)</f>
        <v>0.04 Changing rooms for AGP</v>
      </c>
      <c r="K41" s="34"/>
      <c r="L41" s="34" t="str">
        <f>_xlfn.CONCAT(J41, " = ", H41)</f>
        <v xml:space="preserve">0.04 Changing rooms for AGP = £7,892 </v>
      </c>
    </row>
    <row r="42" spans="2:12" ht="29.25" x14ac:dyDescent="0.25">
      <c r="E42" s="750">
        <f>$E$18*$C40</f>
        <v>0.37530000000000002</v>
      </c>
      <c r="F42" s="613" t="s">
        <v>2597</v>
      </c>
      <c r="G42" s="917">
        <f>$G$18*$C40</f>
        <v>79809.515999999989</v>
      </c>
      <c r="H42" s="728" t="str">
        <f>TEXT(G42,"£#,##0_);($#,##0)")</f>
        <v xml:space="preserve">£79,810 </v>
      </c>
      <c r="J42" s="34" t="str">
        <f>_xlfn.CONCAT(ROUND(E42, 2), " ", F42)</f>
        <v>0.38 Changing rooms for NGP</v>
      </c>
      <c r="K42" s="34"/>
      <c r="L42" s="34" t="str">
        <f>_xlfn.CONCAT(J42, " = ", H42)</f>
        <v xml:space="preserve">0.38 Changing rooms for NGP = £79,810 </v>
      </c>
    </row>
    <row r="43" spans="2:12" ht="100.5" x14ac:dyDescent="0.25">
      <c r="D43" s="74" t="s">
        <v>1379</v>
      </c>
      <c r="E43" s="74"/>
      <c r="F43" s="729"/>
      <c r="G43" s="730">
        <f>SUM(G39:G42)</f>
        <v>150270.51599999997</v>
      </c>
      <c r="H43" s="731" t="str">
        <f>TEXT(G43,"£#,##0_);($#,##0)")</f>
        <v xml:space="preserve">£150,271 </v>
      </c>
      <c r="J43" s="34" t="s">
        <v>2139</v>
      </c>
      <c r="K43" s="34"/>
      <c r="L43" s="34" t="str">
        <f>_xlfn.CONCAT("= ", H43)</f>
        <v xml:space="preserve">= £150,271 </v>
      </c>
    </row>
    <row r="46" spans="2:12" ht="15" x14ac:dyDescent="0.25">
      <c r="B46" s="727" t="s">
        <v>2120</v>
      </c>
      <c r="C46" t="s">
        <v>2602</v>
      </c>
    </row>
    <row r="47" spans="2:12" ht="15" x14ac:dyDescent="0.25">
      <c r="B47" s="727" t="s">
        <v>2122</v>
      </c>
      <c r="C47" s="240">
        <v>100</v>
      </c>
    </row>
    <row r="48" spans="2:12" ht="15" x14ac:dyDescent="0.25">
      <c r="B48" s="727" t="s">
        <v>2126</v>
      </c>
      <c r="C48">
        <f>C47*2.4</f>
        <v>240</v>
      </c>
      <c r="E48" s="727" t="s">
        <v>2122</v>
      </c>
      <c r="F48" s="727" t="s">
        <v>2123</v>
      </c>
      <c r="G48" s="727" t="s">
        <v>2124</v>
      </c>
      <c r="H48" s="727" t="s">
        <v>2125</v>
      </c>
      <c r="I48" s="727"/>
      <c r="J48" s="727" t="s">
        <v>2133</v>
      </c>
      <c r="L48" s="727" t="s">
        <v>2134</v>
      </c>
    </row>
    <row r="49" spans="2:12" ht="129" x14ac:dyDescent="0.25">
      <c r="B49" s="727"/>
      <c r="E49" s="727"/>
      <c r="F49" s="727"/>
      <c r="G49" s="727"/>
      <c r="H49" s="727"/>
      <c r="I49" s="727"/>
      <c r="J49" s="34" t="str">
        <f>_xlfn.CONCAT($B$4, C50, $B$5)</f>
        <v xml:space="preserve">Associated playing pitch provision in line with the Sport England requirements to support development at Symbio Site, Whiteleaf Road (Hm07). This includes but is not limited to contributions towards: </v>
      </c>
      <c r="K49" s="34"/>
      <c r="L49" s="34" t="s">
        <v>2599</v>
      </c>
    </row>
    <row r="50" spans="2:12" ht="57" x14ac:dyDescent="0.25">
      <c r="B50" s="727" t="s">
        <v>2136</v>
      </c>
      <c r="C50" s="916" t="s">
        <v>1366</v>
      </c>
      <c r="E50" s="750">
        <f>$E$15*$C51</f>
        <v>2.06E-2</v>
      </c>
      <c r="F50" t="s">
        <v>428</v>
      </c>
      <c r="G50" s="917">
        <f>$G$15*$C51</f>
        <v>24746.080000000002</v>
      </c>
      <c r="H50" s="728" t="str">
        <f t="shared" ref="H50:H53" si="4">TEXT(G50,"£#,##0_);($#,##0)")</f>
        <v xml:space="preserve">£24,746 </v>
      </c>
      <c r="J50" s="34" t="str">
        <f>_xlfn.CONCAT(ROUND(E50, 2), " ", F50)</f>
        <v>0.02 Artificial Grass Pitches (AGP)</v>
      </c>
      <c r="K50" s="34"/>
      <c r="L50" s="34" t="str">
        <f>_xlfn.CONCAT(J50, " = ", H50)</f>
        <v xml:space="preserve">0.02 Artificial Grass Pitches (AGP) = £24,746 </v>
      </c>
    </row>
    <row r="51" spans="2:12" ht="29.25" x14ac:dyDescent="0.25">
      <c r="B51" s="727" t="s">
        <v>2137</v>
      </c>
      <c r="C51">
        <f>C47/$C$200</f>
        <v>0.02</v>
      </c>
      <c r="E51" s="750">
        <f>$E$16*$C51</f>
        <v>0.39520000000000005</v>
      </c>
      <c r="F51" t="s">
        <v>330</v>
      </c>
      <c r="G51" s="917">
        <f>$G$16*$C51</f>
        <v>44774.62</v>
      </c>
      <c r="H51" s="728" t="str">
        <f t="shared" si="4"/>
        <v xml:space="preserve">£44,775 </v>
      </c>
      <c r="J51" s="34" t="str">
        <f t="shared" ref="J51:J53" si="5">_xlfn.CONCAT(ROUND(E51, 2), " ", F51)</f>
        <v>0.4 Natural Grass Pitches (NGP)</v>
      </c>
      <c r="K51" s="34"/>
      <c r="L51" s="34" t="str">
        <f t="shared" ref="L51:L53" si="6">_xlfn.CONCAT(J51, " = ", H51)</f>
        <v xml:space="preserve">0.4 Natural Grass Pitches (NGP) = £44,775 </v>
      </c>
    </row>
    <row r="52" spans="2:12" ht="29.25" x14ac:dyDescent="0.25">
      <c r="E52" s="750">
        <f>$E$17*$C51</f>
        <v>4.1200000000000001E-2</v>
      </c>
      <c r="F52" t="s">
        <v>2596</v>
      </c>
      <c r="G52" s="917">
        <f>$G$17*$C51</f>
        <v>8769.3000000000011</v>
      </c>
      <c r="H52" s="728" t="str">
        <f t="shared" si="4"/>
        <v xml:space="preserve">£8,769 </v>
      </c>
      <c r="J52" s="34" t="str">
        <f t="shared" si="5"/>
        <v>0.04 Changing rooms for AGP</v>
      </c>
      <c r="K52" s="34"/>
      <c r="L52" s="34" t="str">
        <f t="shared" si="6"/>
        <v xml:space="preserve">0.04 Changing rooms for AGP = £8,769 </v>
      </c>
    </row>
    <row r="53" spans="2:12" ht="29.25" x14ac:dyDescent="0.25">
      <c r="E53" s="750">
        <f>$E$18*$C51</f>
        <v>0.41700000000000004</v>
      </c>
      <c r="F53" s="613" t="s">
        <v>2597</v>
      </c>
      <c r="G53" s="917">
        <f>$G$18*$C51</f>
        <v>88677.24</v>
      </c>
      <c r="H53" s="728" t="str">
        <f t="shared" si="4"/>
        <v xml:space="preserve">£88,677 </v>
      </c>
      <c r="J53" s="34" t="str">
        <f t="shared" si="5"/>
        <v>0.42 Changing rooms for NGP</v>
      </c>
      <c r="K53" s="34"/>
      <c r="L53" s="34" t="str">
        <f t="shared" si="6"/>
        <v xml:space="preserve">0.42 Changing rooms for NGP = £88,677 </v>
      </c>
    </row>
    <row r="54" spans="2:12" ht="100.5" x14ac:dyDescent="0.25">
      <c r="D54" s="74" t="s">
        <v>1379</v>
      </c>
      <c r="E54" s="74"/>
      <c r="F54" s="729"/>
      <c r="G54" s="730">
        <f>SUM(G50:G53)</f>
        <v>166967.24000000002</v>
      </c>
      <c r="H54" s="731" t="str">
        <f>TEXT(G54,"£#,##0_);($#,##0)")</f>
        <v xml:space="preserve">£166,967 </v>
      </c>
      <c r="J54" s="34" t="s">
        <v>2139</v>
      </c>
      <c r="K54" s="34"/>
      <c r="L54" s="34" t="str">
        <f>_xlfn.CONCAT("= ", H54)</f>
        <v xml:space="preserve">= £166,967 </v>
      </c>
    </row>
    <row r="57" spans="2:12" ht="15" x14ac:dyDescent="0.25">
      <c r="B57" s="727" t="s">
        <v>2120</v>
      </c>
      <c r="C57" t="s">
        <v>2603</v>
      </c>
    </row>
    <row r="58" spans="2:12" ht="15" x14ac:dyDescent="0.25">
      <c r="B58" s="727" t="s">
        <v>2122</v>
      </c>
      <c r="C58" s="240">
        <v>200</v>
      </c>
    </row>
    <row r="59" spans="2:12" ht="15" x14ac:dyDescent="0.25">
      <c r="B59" s="727" t="s">
        <v>2126</v>
      </c>
      <c r="C59">
        <f>C58*2.4</f>
        <v>480</v>
      </c>
      <c r="E59" s="727" t="s">
        <v>2122</v>
      </c>
      <c r="F59" s="727" t="s">
        <v>2123</v>
      </c>
      <c r="G59" s="727" t="s">
        <v>2124</v>
      </c>
      <c r="H59" s="727" t="s">
        <v>2125</v>
      </c>
      <c r="I59" s="727"/>
      <c r="J59" s="727" t="s">
        <v>2133</v>
      </c>
      <c r="L59" s="727" t="s">
        <v>2134</v>
      </c>
    </row>
    <row r="60" spans="2:12" ht="114.75" x14ac:dyDescent="0.25">
      <c r="B60" s="727"/>
      <c r="E60" s="727"/>
      <c r="F60" s="727"/>
      <c r="G60" s="727"/>
      <c r="H60" s="727"/>
      <c r="I60" s="727"/>
      <c r="J60" s="34" t="str">
        <f>_xlfn.CONCAT($B$4, C61, $B$5)</f>
        <v xml:space="preserve">Associated playing pitch provision in line with the Sport England requirements to support development at Civic Zone, Marlowes (Hm02). This includes but is not limited to contributions towards: </v>
      </c>
      <c r="K60" s="34"/>
      <c r="L60" s="34" t="s">
        <v>2599</v>
      </c>
    </row>
    <row r="61" spans="2:12" ht="42.75" x14ac:dyDescent="0.25">
      <c r="B61" s="727" t="s">
        <v>2136</v>
      </c>
      <c r="C61" s="916" t="s">
        <v>1361</v>
      </c>
      <c r="E61" s="750">
        <f>$E$15*$C62</f>
        <v>4.1200000000000001E-2</v>
      </c>
      <c r="F61" t="s">
        <v>428</v>
      </c>
      <c r="G61" s="917">
        <f>$G$15*$C62</f>
        <v>49492.160000000003</v>
      </c>
      <c r="H61" s="728" t="str">
        <f t="shared" ref="H61:H64" si="7">TEXT(G61,"£#,##0_);($#,##0)")</f>
        <v xml:space="preserve">£49,492 </v>
      </c>
      <c r="J61" s="34" t="str">
        <f>_xlfn.CONCAT(ROUND(E61, 2), " ", F61)</f>
        <v>0.04 Artificial Grass Pitches (AGP)</v>
      </c>
      <c r="K61" s="34"/>
      <c r="L61" s="34" t="str">
        <f>_xlfn.CONCAT(J61, " = ", H61)</f>
        <v xml:space="preserve">0.04 Artificial Grass Pitches (AGP) = £49,492 </v>
      </c>
    </row>
    <row r="62" spans="2:12" ht="29.25" x14ac:dyDescent="0.25">
      <c r="B62" s="727" t="s">
        <v>2137</v>
      </c>
      <c r="C62">
        <f>C58/$C$200</f>
        <v>0.04</v>
      </c>
      <c r="E62" s="750">
        <f>$E$16*$C62</f>
        <v>0.7904000000000001</v>
      </c>
      <c r="F62" t="s">
        <v>330</v>
      </c>
      <c r="G62" s="917">
        <f>$G$16*$C62</f>
        <v>89549.24</v>
      </c>
      <c r="H62" s="728" t="str">
        <f t="shared" si="7"/>
        <v xml:space="preserve">£89,549 </v>
      </c>
      <c r="J62" s="34" t="str">
        <f t="shared" ref="J62:J64" si="8">_xlfn.CONCAT(ROUND(E62, 2), " ", F62)</f>
        <v>0.79 Natural Grass Pitches (NGP)</v>
      </c>
      <c r="K62" s="34"/>
      <c r="L62" s="34" t="str">
        <f t="shared" ref="L62:L64" si="9">_xlfn.CONCAT(J62, " = ", H62)</f>
        <v xml:space="preserve">0.79 Natural Grass Pitches (NGP) = £89,549 </v>
      </c>
    </row>
    <row r="63" spans="2:12" ht="29.25" x14ac:dyDescent="0.25">
      <c r="E63" s="750">
        <f>$E$17*$C62</f>
        <v>8.2400000000000001E-2</v>
      </c>
      <c r="F63" t="s">
        <v>2596</v>
      </c>
      <c r="G63" s="917">
        <f>$G$17*$C62</f>
        <v>17538.600000000002</v>
      </c>
      <c r="H63" s="728" t="str">
        <f t="shared" si="7"/>
        <v xml:space="preserve">£17,539 </v>
      </c>
      <c r="J63" s="34" t="str">
        <f t="shared" si="8"/>
        <v>0.08 Changing rooms for AGP</v>
      </c>
      <c r="K63" s="34"/>
      <c r="L63" s="34" t="str">
        <f t="shared" si="9"/>
        <v xml:space="preserve">0.08 Changing rooms for AGP = £17,539 </v>
      </c>
    </row>
    <row r="64" spans="2:12" ht="29.25" x14ac:dyDescent="0.25">
      <c r="E64" s="750">
        <f>$E$18*$C62</f>
        <v>0.83400000000000007</v>
      </c>
      <c r="F64" s="613" t="s">
        <v>2597</v>
      </c>
      <c r="G64" s="917">
        <f>$G$18*$C62</f>
        <v>177354.48</v>
      </c>
      <c r="H64" s="728" t="str">
        <f t="shared" si="7"/>
        <v xml:space="preserve">£177,354 </v>
      </c>
      <c r="J64" s="34" t="str">
        <f t="shared" si="8"/>
        <v>0.83 Changing rooms for NGP</v>
      </c>
      <c r="K64" s="34"/>
      <c r="L64" s="34" t="str">
        <f t="shared" si="9"/>
        <v xml:space="preserve">0.83 Changing rooms for NGP = £177,354 </v>
      </c>
    </row>
    <row r="65" spans="2:12" ht="100.5" x14ac:dyDescent="0.25">
      <c r="D65" s="74" t="s">
        <v>1379</v>
      </c>
      <c r="E65" s="74"/>
      <c r="F65" s="729"/>
      <c r="G65" s="730">
        <f>SUM(G61:G64)</f>
        <v>333934.48000000004</v>
      </c>
      <c r="H65" s="731" t="str">
        <f>TEXT(G65,"£#,##0_);($#,##0)")</f>
        <v xml:space="preserve">£333,934 </v>
      </c>
      <c r="J65" s="34" t="s">
        <v>2139</v>
      </c>
      <c r="K65" s="34"/>
      <c r="L65" s="34" t="str">
        <f>_xlfn.CONCAT("= ", H65)</f>
        <v xml:space="preserve">= £333,934 </v>
      </c>
    </row>
    <row r="68" spans="2:12" ht="15" x14ac:dyDescent="0.25">
      <c r="B68" s="727" t="s">
        <v>2120</v>
      </c>
      <c r="C68" t="s">
        <v>1498</v>
      </c>
    </row>
    <row r="69" spans="2:12" ht="15" x14ac:dyDescent="0.25">
      <c r="B69" s="727" t="s">
        <v>2122</v>
      </c>
      <c r="C69" s="240">
        <v>200</v>
      </c>
    </row>
    <row r="70" spans="2:12" ht="15" x14ac:dyDescent="0.25">
      <c r="B70" s="727" t="s">
        <v>2126</v>
      </c>
      <c r="C70">
        <f>C69*2.4</f>
        <v>480</v>
      </c>
      <c r="E70" s="727" t="s">
        <v>2122</v>
      </c>
      <c r="F70" s="727" t="s">
        <v>2123</v>
      </c>
      <c r="G70" s="727" t="s">
        <v>2124</v>
      </c>
      <c r="H70" s="727" t="s">
        <v>2125</v>
      </c>
      <c r="I70" s="727"/>
      <c r="J70" s="727" t="s">
        <v>2133</v>
      </c>
      <c r="L70" s="727" t="s">
        <v>2134</v>
      </c>
    </row>
    <row r="71" spans="2:12" ht="114.75" x14ac:dyDescent="0.25">
      <c r="B71" s="727"/>
      <c r="E71" s="727"/>
      <c r="F71" s="727"/>
      <c r="G71" s="727"/>
      <c r="H71" s="727"/>
      <c r="I71" s="727"/>
      <c r="J71" s="34" t="str">
        <f>_xlfn.CONCAT($B$4, C72, $B$5)</f>
        <v xml:space="preserve">Associated playing pitch provision in line with the Sport England requirements to support development at Grovehill Local Centre. This includes but is not limited to contributions towards: </v>
      </c>
      <c r="K71" s="34"/>
      <c r="L71" s="34" t="s">
        <v>2599</v>
      </c>
    </row>
    <row r="72" spans="2:12" ht="29.25" x14ac:dyDescent="0.25">
      <c r="B72" s="727" t="s">
        <v>2136</v>
      </c>
      <c r="C72" s="916" t="s">
        <v>328</v>
      </c>
      <c r="E72" s="750">
        <f>$E$15*$C73</f>
        <v>4.1200000000000001E-2</v>
      </c>
      <c r="F72" t="s">
        <v>428</v>
      </c>
      <c r="G72" s="917">
        <f>$G$15*$C73</f>
        <v>49492.160000000003</v>
      </c>
      <c r="H72" s="728" t="str">
        <f t="shared" ref="H72:H75" si="10">TEXT(G72,"£#,##0_);($#,##0)")</f>
        <v xml:space="preserve">£49,492 </v>
      </c>
      <c r="J72" s="34" t="str">
        <f>_xlfn.CONCAT(ROUND(E72, 2), " ", F72)</f>
        <v>0.04 Artificial Grass Pitches (AGP)</v>
      </c>
      <c r="K72" s="34"/>
      <c r="L72" s="34" t="str">
        <f>_xlfn.CONCAT(J72, " = ", H72)</f>
        <v xml:space="preserve">0.04 Artificial Grass Pitches (AGP) = £49,492 </v>
      </c>
    </row>
    <row r="73" spans="2:12" ht="29.25" x14ac:dyDescent="0.25">
      <c r="B73" s="727" t="s">
        <v>2137</v>
      </c>
      <c r="C73">
        <f>C69/$C$200</f>
        <v>0.04</v>
      </c>
      <c r="E73" s="750">
        <f>$E$16*$C73</f>
        <v>0.7904000000000001</v>
      </c>
      <c r="F73" t="s">
        <v>330</v>
      </c>
      <c r="G73" s="917">
        <f>$G$16*$C73</f>
        <v>89549.24</v>
      </c>
      <c r="H73" s="728" t="str">
        <f t="shared" si="10"/>
        <v xml:space="preserve">£89,549 </v>
      </c>
      <c r="J73" s="34" t="str">
        <f t="shared" ref="J73:J75" si="11">_xlfn.CONCAT(ROUND(E73, 2), " ", F73)</f>
        <v>0.79 Natural Grass Pitches (NGP)</v>
      </c>
      <c r="K73" s="34"/>
      <c r="L73" s="34" t="str">
        <f t="shared" ref="L73:L75" si="12">_xlfn.CONCAT(J73, " = ", H73)</f>
        <v xml:space="preserve">0.79 Natural Grass Pitches (NGP) = £89,549 </v>
      </c>
    </row>
    <row r="74" spans="2:12" ht="29.25" x14ac:dyDescent="0.25">
      <c r="E74" s="750">
        <f>$E$17*$C73</f>
        <v>8.2400000000000001E-2</v>
      </c>
      <c r="F74" t="s">
        <v>2596</v>
      </c>
      <c r="G74" s="917">
        <f>$G$17*$C73</f>
        <v>17538.600000000002</v>
      </c>
      <c r="H74" s="728" t="str">
        <f t="shared" si="10"/>
        <v xml:space="preserve">£17,539 </v>
      </c>
      <c r="J74" s="34" t="str">
        <f t="shared" si="11"/>
        <v>0.08 Changing rooms for AGP</v>
      </c>
      <c r="K74" s="34"/>
      <c r="L74" s="34" t="str">
        <f t="shared" si="12"/>
        <v xml:space="preserve">0.08 Changing rooms for AGP = £17,539 </v>
      </c>
    </row>
    <row r="75" spans="2:12" ht="29.25" x14ac:dyDescent="0.25">
      <c r="E75" s="750">
        <f>$E$18*$C73</f>
        <v>0.83400000000000007</v>
      </c>
      <c r="F75" s="613" t="s">
        <v>2597</v>
      </c>
      <c r="G75" s="917">
        <f>$G$18*$C73</f>
        <v>177354.48</v>
      </c>
      <c r="H75" s="728" t="str">
        <f t="shared" si="10"/>
        <v xml:space="preserve">£177,354 </v>
      </c>
      <c r="J75" s="34" t="str">
        <f t="shared" si="11"/>
        <v>0.83 Changing rooms for NGP</v>
      </c>
      <c r="K75" s="34"/>
      <c r="L75" s="34" t="str">
        <f t="shared" si="12"/>
        <v xml:space="preserve">0.83 Changing rooms for NGP = £177,354 </v>
      </c>
    </row>
    <row r="76" spans="2:12" ht="100.5" x14ac:dyDescent="0.25">
      <c r="D76" s="74" t="s">
        <v>1379</v>
      </c>
      <c r="E76" s="74"/>
      <c r="F76" s="729"/>
      <c r="G76" s="730">
        <f>SUM(G72:G75)</f>
        <v>333934.48000000004</v>
      </c>
      <c r="H76" s="731" t="str">
        <f>TEXT(G76,"£#,##0_);($#,##0)")</f>
        <v xml:space="preserve">£333,934 </v>
      </c>
      <c r="J76" s="34" t="s">
        <v>2139</v>
      </c>
      <c r="K76" s="34"/>
      <c r="L76" s="34" t="str">
        <f>_xlfn.CONCAT("= ", H76)</f>
        <v xml:space="preserve">= £333,934 </v>
      </c>
    </row>
    <row r="79" spans="2:12" ht="15" x14ac:dyDescent="0.25">
      <c r="B79" s="727" t="s">
        <v>2120</v>
      </c>
      <c r="C79" t="s">
        <v>2604</v>
      </c>
    </row>
    <row r="80" spans="2:12" ht="15" x14ac:dyDescent="0.25">
      <c r="B80" s="727" t="s">
        <v>2122</v>
      </c>
      <c r="C80" s="240">
        <v>234</v>
      </c>
    </row>
    <row r="81" spans="2:12" ht="15" x14ac:dyDescent="0.25">
      <c r="B81" s="727" t="s">
        <v>2126</v>
      </c>
      <c r="C81">
        <f>C80*2.4</f>
        <v>561.6</v>
      </c>
      <c r="E81" s="727" t="s">
        <v>2122</v>
      </c>
      <c r="F81" s="727" t="s">
        <v>2123</v>
      </c>
      <c r="G81" s="727" t="s">
        <v>2124</v>
      </c>
      <c r="H81" s="727" t="s">
        <v>2125</v>
      </c>
      <c r="I81" s="727"/>
      <c r="J81" s="727" t="s">
        <v>2133</v>
      </c>
      <c r="L81" s="727" t="s">
        <v>2134</v>
      </c>
    </row>
    <row r="82" spans="2:12" ht="129" x14ac:dyDescent="0.25">
      <c r="B82" s="727"/>
      <c r="E82" s="727"/>
      <c r="F82" s="727"/>
      <c r="G82" s="727"/>
      <c r="H82" s="727"/>
      <c r="I82" s="727"/>
      <c r="J82" s="34" t="str">
        <f>_xlfn.CONCAT($B$4, C83, $B$5)</f>
        <v xml:space="preserve">Associated playing pitch provision in line with the Sport England requirements to support development at Plots 2/3 Kier Park, Marylands Avenue (Hm12) . This includes but is not limited to contributions towards: </v>
      </c>
      <c r="K82" s="34"/>
      <c r="L82" s="34" t="s">
        <v>2605</v>
      </c>
    </row>
    <row r="83" spans="2:12" ht="71.25" x14ac:dyDescent="0.25">
      <c r="B83" s="727" t="s">
        <v>2136</v>
      </c>
      <c r="C83" s="916" t="s">
        <v>2606</v>
      </c>
      <c r="E83" s="750">
        <f>$E$15*$C84</f>
        <v>4.8204000000000004E-2</v>
      </c>
      <c r="F83" t="s">
        <v>428</v>
      </c>
      <c r="G83" s="917">
        <f>$G$15*$C84</f>
        <v>57905.8272</v>
      </c>
      <c r="H83" s="728" t="str">
        <f t="shared" ref="H83:H86" si="13">TEXT(G83,"£#,##0_);($#,##0)")</f>
        <v xml:space="preserve">£57,906 </v>
      </c>
      <c r="J83" s="34" t="str">
        <f>_xlfn.CONCAT(ROUND(E83, 2), " ", F83)</f>
        <v>0.05 Artificial Grass Pitches (AGP)</v>
      </c>
      <c r="K83" s="34"/>
      <c r="L83" s="34" t="str">
        <f>_xlfn.CONCAT(J83, " = ", H83)</f>
        <v xml:space="preserve">0.05 Artificial Grass Pitches (AGP) = £57,906 </v>
      </c>
    </row>
    <row r="84" spans="2:12" ht="29.25" x14ac:dyDescent="0.25">
      <c r="B84" s="727" t="s">
        <v>2137</v>
      </c>
      <c r="C84">
        <f>C80/$C$200</f>
        <v>4.6800000000000001E-2</v>
      </c>
      <c r="E84" s="750">
        <f>$E$16*$C84</f>
        <v>0.92476800000000015</v>
      </c>
      <c r="F84" t="s">
        <v>330</v>
      </c>
      <c r="G84" s="917">
        <f>$G$16*$C84</f>
        <v>104772.61080000001</v>
      </c>
      <c r="H84" s="728" t="str">
        <f t="shared" si="13"/>
        <v xml:space="preserve">£104,773 </v>
      </c>
      <c r="J84" s="34" t="str">
        <f t="shared" ref="J84:J86" si="14">_xlfn.CONCAT(ROUND(E84, 2), " ", F84)</f>
        <v>0.92 Natural Grass Pitches (NGP)</v>
      </c>
      <c r="K84" s="34"/>
      <c r="L84" s="34" t="str">
        <f t="shared" ref="L84:L86" si="15">_xlfn.CONCAT(J84, " = ", H84)</f>
        <v xml:space="preserve">0.92 Natural Grass Pitches (NGP) = £104,773 </v>
      </c>
    </row>
    <row r="85" spans="2:12" ht="29.25" x14ac:dyDescent="0.25">
      <c r="E85" s="750">
        <f>$E$17*$C84</f>
        <v>9.6408000000000008E-2</v>
      </c>
      <c r="F85" t="s">
        <v>2596</v>
      </c>
      <c r="G85" s="917">
        <f>$G$17*$C84</f>
        <v>20520.162</v>
      </c>
      <c r="H85" s="728" t="str">
        <f t="shared" si="13"/>
        <v xml:space="preserve">£20,520 </v>
      </c>
      <c r="J85" s="34" t="str">
        <f t="shared" si="14"/>
        <v>0.1 Changing rooms for AGP</v>
      </c>
      <c r="K85" s="34"/>
      <c r="L85" s="34" t="str">
        <f t="shared" si="15"/>
        <v xml:space="preserve">0.1 Changing rooms for AGP = £20,520 </v>
      </c>
    </row>
    <row r="86" spans="2:12" ht="29.25" x14ac:dyDescent="0.25">
      <c r="E86" s="750">
        <f>$E$18*$C84</f>
        <v>0.97578000000000009</v>
      </c>
      <c r="F86" s="613" t="s">
        <v>2597</v>
      </c>
      <c r="G86" s="917">
        <f>$G$18*$C84</f>
        <v>207504.74160000001</v>
      </c>
      <c r="H86" s="728" t="str">
        <f t="shared" si="13"/>
        <v xml:space="preserve">£207,505 </v>
      </c>
      <c r="J86" s="34" t="str">
        <f t="shared" si="14"/>
        <v>0.98 Changing rooms for NGP</v>
      </c>
      <c r="K86" s="34"/>
      <c r="L86" s="34" t="str">
        <f t="shared" si="15"/>
        <v xml:space="preserve">0.98 Changing rooms for NGP = £207,505 </v>
      </c>
    </row>
    <row r="87" spans="2:12" ht="100.5" x14ac:dyDescent="0.25">
      <c r="D87" s="74" t="s">
        <v>1379</v>
      </c>
      <c r="E87" s="74"/>
      <c r="F87" s="729"/>
      <c r="G87" s="730">
        <f>SUM(G83:G86)</f>
        <v>390703.34160000004</v>
      </c>
      <c r="H87" s="731" t="str">
        <f>TEXT(G87,"£#,##0_);($#,##0)")</f>
        <v xml:space="preserve">£390,703 </v>
      </c>
      <c r="J87" s="34" t="s">
        <v>2139</v>
      </c>
      <c r="K87" s="34"/>
      <c r="L87" s="34" t="str">
        <f>_xlfn.CONCAT("= ", H87)</f>
        <v xml:space="preserve">= £390,703 </v>
      </c>
    </row>
    <row r="90" spans="2:12" ht="15" x14ac:dyDescent="0.25">
      <c r="B90" s="727" t="s">
        <v>2120</v>
      </c>
      <c r="C90" t="s">
        <v>2607</v>
      </c>
    </row>
    <row r="91" spans="2:12" ht="15" x14ac:dyDescent="0.25">
      <c r="B91" s="727" t="s">
        <v>2122</v>
      </c>
      <c r="C91" s="240">
        <v>350</v>
      </c>
    </row>
    <row r="92" spans="2:12" ht="15" x14ac:dyDescent="0.25">
      <c r="B92" s="727" t="s">
        <v>2126</v>
      </c>
      <c r="C92">
        <f>C91*2.4</f>
        <v>840</v>
      </c>
      <c r="E92" s="727" t="s">
        <v>2122</v>
      </c>
      <c r="F92" s="727" t="s">
        <v>2123</v>
      </c>
      <c r="G92" s="727" t="s">
        <v>2124</v>
      </c>
      <c r="H92" s="727" t="s">
        <v>2125</v>
      </c>
      <c r="I92" s="727"/>
      <c r="J92" s="727" t="s">
        <v>2133</v>
      </c>
      <c r="L92" s="727" t="s">
        <v>2134</v>
      </c>
    </row>
    <row r="93" spans="2:12" ht="114.75" x14ac:dyDescent="0.25">
      <c r="B93" s="727"/>
      <c r="E93" s="727"/>
      <c r="F93" s="727"/>
      <c r="G93" s="727"/>
      <c r="H93" s="727"/>
      <c r="I93" s="727"/>
      <c r="J93" s="34" t="str">
        <f>_xlfn.CONCAT($B$4, C94, $B$5)</f>
        <v xml:space="preserve">Associated playing pitch provision in line with the Sport England requirements to support development at Paradise (Hm04). This includes but is not limited to contributions towards: </v>
      </c>
      <c r="K93" s="34"/>
      <c r="L93" s="34" t="s">
        <v>2605</v>
      </c>
    </row>
    <row r="94" spans="2:12" ht="29.25" x14ac:dyDescent="0.25">
      <c r="B94" s="727" t="s">
        <v>2136</v>
      </c>
      <c r="C94" s="916" t="s">
        <v>1363</v>
      </c>
      <c r="E94" s="750">
        <f>$E$15*$C95</f>
        <v>7.2100000000000011E-2</v>
      </c>
      <c r="F94" t="s">
        <v>428</v>
      </c>
      <c r="G94" s="917">
        <f>$G$15*$C95</f>
        <v>86611.280000000013</v>
      </c>
      <c r="H94" s="728" t="str">
        <f t="shared" ref="H94:H97" si="16">TEXT(G94,"£#,##0_);($#,##0)")</f>
        <v xml:space="preserve">£86,611 </v>
      </c>
      <c r="J94" s="34" t="str">
        <f>_xlfn.CONCAT(ROUND(E94, 2), " ", F94)</f>
        <v>0.07 Artificial Grass Pitches (AGP)</v>
      </c>
      <c r="K94" s="34"/>
      <c r="L94" s="34" t="str">
        <f>_xlfn.CONCAT(J94, " = ", H94)</f>
        <v xml:space="preserve">0.07 Artificial Grass Pitches (AGP) = £86,611 </v>
      </c>
    </row>
    <row r="95" spans="2:12" ht="29.25" x14ac:dyDescent="0.25">
      <c r="B95" s="727" t="s">
        <v>2137</v>
      </c>
      <c r="C95">
        <f>C91/$C$200</f>
        <v>7.0000000000000007E-2</v>
      </c>
      <c r="E95" s="750">
        <f>$E$16*$C95</f>
        <v>1.3832000000000002</v>
      </c>
      <c r="F95" t="s">
        <v>330</v>
      </c>
      <c r="G95" s="917">
        <f>$G$16*$C95</f>
        <v>156711.17000000001</v>
      </c>
      <c r="H95" s="728" t="str">
        <f t="shared" si="16"/>
        <v xml:space="preserve">£156,711 </v>
      </c>
      <c r="J95" s="34" t="str">
        <f t="shared" ref="J95:J97" si="17">_xlfn.CONCAT(ROUND(E95, 2), " ", F95)</f>
        <v>1.38 Natural Grass Pitches (NGP)</v>
      </c>
      <c r="K95" s="34"/>
      <c r="L95" s="34" t="str">
        <f t="shared" ref="L95:L97" si="18">_xlfn.CONCAT(J95, " = ", H95)</f>
        <v xml:space="preserve">1.38 Natural Grass Pitches (NGP) = £156,711 </v>
      </c>
    </row>
    <row r="96" spans="2:12" ht="29.25" x14ac:dyDescent="0.25">
      <c r="E96" s="750">
        <f>$E$17*$C95</f>
        <v>0.14420000000000002</v>
      </c>
      <c r="F96" t="s">
        <v>2596</v>
      </c>
      <c r="G96" s="917">
        <f>$G$17*$C95</f>
        <v>30692.550000000003</v>
      </c>
      <c r="H96" s="728" t="str">
        <f t="shared" si="16"/>
        <v xml:space="preserve">£30,693 </v>
      </c>
      <c r="J96" s="34" t="str">
        <f t="shared" si="17"/>
        <v>0.14 Changing rooms for AGP</v>
      </c>
      <c r="K96" s="34"/>
      <c r="L96" s="34" t="str">
        <f t="shared" si="18"/>
        <v xml:space="preserve">0.14 Changing rooms for AGP = £30,693 </v>
      </c>
    </row>
    <row r="97" spans="2:12" ht="29.25" x14ac:dyDescent="0.25">
      <c r="E97" s="750">
        <f>$E$18*$C95</f>
        <v>1.4595000000000002</v>
      </c>
      <c r="F97" s="613" t="s">
        <v>2597</v>
      </c>
      <c r="G97" s="917">
        <f>$G$18*$C95</f>
        <v>310370.34000000003</v>
      </c>
      <c r="H97" s="728" t="str">
        <f t="shared" si="16"/>
        <v xml:space="preserve">£310,370 </v>
      </c>
      <c r="J97" s="34" t="str">
        <f t="shared" si="17"/>
        <v>1.46 Changing rooms for NGP</v>
      </c>
      <c r="K97" s="34"/>
      <c r="L97" s="34" t="str">
        <f t="shared" si="18"/>
        <v xml:space="preserve">1.46 Changing rooms for NGP = £310,370 </v>
      </c>
    </row>
    <row r="98" spans="2:12" ht="100.5" x14ac:dyDescent="0.25">
      <c r="D98" s="74" t="s">
        <v>1379</v>
      </c>
      <c r="E98" s="74"/>
      <c r="F98" s="729"/>
      <c r="G98" s="730">
        <f>SUM(G94:G97)</f>
        <v>584385.34000000008</v>
      </c>
      <c r="H98" s="731" t="str">
        <f>TEXT(G98,"£#,##0_);($#,##0)")</f>
        <v xml:space="preserve">£584,385 </v>
      </c>
      <c r="J98" s="34" t="s">
        <v>2139</v>
      </c>
      <c r="K98" s="34"/>
      <c r="L98" s="34" t="str">
        <f>_xlfn.CONCAT("= ", H98)</f>
        <v xml:space="preserve">= £584,385 </v>
      </c>
    </row>
    <row r="101" spans="2:12" ht="15" x14ac:dyDescent="0.25">
      <c r="B101" s="727" t="s">
        <v>2120</v>
      </c>
      <c r="C101" t="s">
        <v>2608</v>
      </c>
    </row>
    <row r="102" spans="2:12" ht="15" x14ac:dyDescent="0.25">
      <c r="B102" s="727" t="s">
        <v>2122</v>
      </c>
      <c r="C102" s="240">
        <v>350</v>
      </c>
    </row>
    <row r="103" spans="2:12" ht="15" x14ac:dyDescent="0.25">
      <c r="B103" s="727" t="s">
        <v>2126</v>
      </c>
      <c r="C103">
        <f>C102*2.4</f>
        <v>840</v>
      </c>
      <c r="E103" s="727" t="s">
        <v>2122</v>
      </c>
      <c r="F103" s="727" t="s">
        <v>2123</v>
      </c>
      <c r="G103" s="727" t="s">
        <v>2124</v>
      </c>
      <c r="H103" s="727" t="s">
        <v>2125</v>
      </c>
      <c r="I103" s="727"/>
      <c r="J103" s="727" t="s">
        <v>2133</v>
      </c>
      <c r="L103" s="727" t="s">
        <v>2134</v>
      </c>
    </row>
    <row r="104" spans="2:12" ht="129" x14ac:dyDescent="0.25">
      <c r="B104" s="727"/>
      <c r="E104" s="727"/>
      <c r="F104" s="727"/>
      <c r="G104" s="727"/>
      <c r="H104" s="727"/>
      <c r="I104" s="727"/>
      <c r="J104" s="34" t="str">
        <f>_xlfn.CONCAT($B$4, C105, $B$5)</f>
        <v xml:space="preserve">Associated playing pitch provision in line with the Sport England requirements to support development at Marchmont Farm (Hm14). This includes but is not limited to contributions towards: </v>
      </c>
      <c r="K104" s="34"/>
      <c r="L104" s="34" t="s">
        <v>2605</v>
      </c>
    </row>
    <row r="105" spans="2:12" ht="42.75" x14ac:dyDescent="0.25">
      <c r="B105" s="727" t="s">
        <v>2136</v>
      </c>
      <c r="C105" s="916" t="s">
        <v>2609</v>
      </c>
      <c r="E105" s="750">
        <f>$E$15*$C106</f>
        <v>7.2100000000000011E-2</v>
      </c>
      <c r="F105" t="s">
        <v>428</v>
      </c>
      <c r="G105" s="917">
        <f>$G$15*$C106</f>
        <v>86611.280000000013</v>
      </c>
      <c r="H105" s="728" t="str">
        <f t="shared" ref="H105:H108" si="19">TEXT(G105,"£#,##0_);($#,##0)")</f>
        <v xml:space="preserve">£86,611 </v>
      </c>
      <c r="J105" s="34" t="str">
        <f>_xlfn.CONCAT(ROUND(E105, 2), " ", F105)</f>
        <v>0.07 Artificial Grass Pitches (AGP)</v>
      </c>
      <c r="K105" s="34"/>
      <c r="L105" s="34" t="str">
        <f>_xlfn.CONCAT(J105, " = ", H105)</f>
        <v xml:space="preserve">0.07 Artificial Grass Pitches (AGP) = £86,611 </v>
      </c>
    </row>
    <row r="106" spans="2:12" ht="29.25" x14ac:dyDescent="0.25">
      <c r="B106" s="727" t="s">
        <v>2137</v>
      </c>
      <c r="C106">
        <f>C102/$C$200</f>
        <v>7.0000000000000007E-2</v>
      </c>
      <c r="E106" s="750">
        <f>$E$16*$C106</f>
        <v>1.3832000000000002</v>
      </c>
      <c r="F106" t="s">
        <v>330</v>
      </c>
      <c r="G106" s="917">
        <f>$G$16*$C106</f>
        <v>156711.17000000001</v>
      </c>
      <c r="H106" s="728" t="str">
        <f t="shared" si="19"/>
        <v xml:space="preserve">£156,711 </v>
      </c>
      <c r="J106" s="34" t="str">
        <f t="shared" ref="J106:J108" si="20">_xlfn.CONCAT(ROUND(E106, 2), " ", F106)</f>
        <v>1.38 Natural Grass Pitches (NGP)</v>
      </c>
      <c r="K106" s="34"/>
      <c r="L106" s="34" t="str">
        <f t="shared" ref="L106:L108" si="21">_xlfn.CONCAT(J106, " = ", H106)</f>
        <v xml:space="preserve">1.38 Natural Grass Pitches (NGP) = £156,711 </v>
      </c>
    </row>
    <row r="107" spans="2:12" ht="29.25" x14ac:dyDescent="0.25">
      <c r="E107" s="750">
        <f>$E$17*$C106</f>
        <v>0.14420000000000002</v>
      </c>
      <c r="F107" t="s">
        <v>2596</v>
      </c>
      <c r="G107" s="917">
        <f>$G$17*$C106</f>
        <v>30692.550000000003</v>
      </c>
      <c r="H107" s="728" t="str">
        <f t="shared" si="19"/>
        <v xml:space="preserve">£30,693 </v>
      </c>
      <c r="J107" s="34" t="str">
        <f t="shared" si="20"/>
        <v>0.14 Changing rooms for AGP</v>
      </c>
      <c r="K107" s="34"/>
      <c r="L107" s="34" t="str">
        <f t="shared" si="21"/>
        <v xml:space="preserve">0.14 Changing rooms for AGP = £30,693 </v>
      </c>
    </row>
    <row r="108" spans="2:12" ht="29.25" x14ac:dyDescent="0.25">
      <c r="E108" s="750">
        <f>$E$18*$C106</f>
        <v>1.4595000000000002</v>
      </c>
      <c r="F108" s="613" t="s">
        <v>2597</v>
      </c>
      <c r="G108" s="917">
        <f>$G$18*$C106</f>
        <v>310370.34000000003</v>
      </c>
      <c r="H108" s="728" t="str">
        <f t="shared" si="19"/>
        <v xml:space="preserve">£310,370 </v>
      </c>
      <c r="J108" s="34" t="str">
        <f t="shared" si="20"/>
        <v>1.46 Changing rooms for NGP</v>
      </c>
      <c r="K108" s="34"/>
      <c r="L108" s="34" t="str">
        <f t="shared" si="21"/>
        <v xml:space="preserve">1.46 Changing rooms for NGP = £310,370 </v>
      </c>
    </row>
    <row r="109" spans="2:12" ht="100.5" x14ac:dyDescent="0.25">
      <c r="D109" s="74" t="s">
        <v>1379</v>
      </c>
      <c r="E109" s="74"/>
      <c r="F109" s="729"/>
      <c r="G109" s="730">
        <f>SUM(G105:G108)</f>
        <v>584385.34000000008</v>
      </c>
      <c r="H109" s="731" t="str">
        <f>TEXT(G109,"£#,##0_);($#,##0)")</f>
        <v xml:space="preserve">£584,385 </v>
      </c>
      <c r="J109" s="34" t="s">
        <v>2139</v>
      </c>
      <c r="K109" s="34"/>
      <c r="L109" s="34" t="str">
        <f>_xlfn.CONCAT("= ", H109)</f>
        <v xml:space="preserve">= £584,385 </v>
      </c>
    </row>
    <row r="111" spans="2:12" ht="15" x14ac:dyDescent="0.25">
      <c r="B111" s="727" t="s">
        <v>2120</v>
      </c>
      <c r="C111" t="s">
        <v>2610</v>
      </c>
    </row>
    <row r="112" spans="2:12" ht="15" x14ac:dyDescent="0.25">
      <c r="B112" s="727" t="s">
        <v>2122</v>
      </c>
      <c r="C112" s="240">
        <v>390</v>
      </c>
    </row>
    <row r="113" spans="2:12" ht="15" x14ac:dyDescent="0.25">
      <c r="B113" s="727" t="s">
        <v>2126</v>
      </c>
      <c r="C113">
        <f>C112*2.4</f>
        <v>936</v>
      </c>
      <c r="E113" s="727" t="s">
        <v>2122</v>
      </c>
      <c r="F113" s="727" t="s">
        <v>2123</v>
      </c>
      <c r="G113" s="727" t="s">
        <v>2124</v>
      </c>
      <c r="H113" s="727" t="s">
        <v>2125</v>
      </c>
      <c r="I113" s="727"/>
      <c r="J113" s="727" t="s">
        <v>2133</v>
      </c>
      <c r="L113" s="727" t="s">
        <v>2134</v>
      </c>
    </row>
    <row r="114" spans="2:12" ht="129" x14ac:dyDescent="0.25">
      <c r="B114" s="727"/>
      <c r="E114" s="727"/>
      <c r="F114" s="727"/>
      <c r="G114" s="727"/>
      <c r="H114" s="727"/>
      <c r="I114" s="727"/>
      <c r="J114" s="34" t="str">
        <f>_xlfn.CONCAT($B$4, C115, $B$5)</f>
        <v xml:space="preserve">Associated playing pitch provision in line with the Sport England requirements to support development at Hemel Hempstead Station Gateway (Hm08). This includes but is not limited to contributions towards: </v>
      </c>
      <c r="K114" s="34"/>
      <c r="L114" s="34" t="s">
        <v>2605</v>
      </c>
    </row>
    <row r="115" spans="2:12" ht="71.25" x14ac:dyDescent="0.25">
      <c r="B115" s="727" t="s">
        <v>2136</v>
      </c>
      <c r="C115" s="916" t="s">
        <v>1367</v>
      </c>
      <c r="E115" s="750">
        <f>$E$15*$C116</f>
        <v>8.0340000000000009E-2</v>
      </c>
      <c r="F115" t="s">
        <v>428</v>
      </c>
      <c r="G115" s="917">
        <f>$G$15*$C116</f>
        <v>96509.712</v>
      </c>
      <c r="H115" s="728" t="str">
        <f t="shared" ref="H115:H118" si="22">TEXT(G115,"£#,##0_);($#,##0)")</f>
        <v xml:space="preserve">£96,510 </v>
      </c>
      <c r="J115" s="34" t="str">
        <f>_xlfn.CONCAT(ROUND(E115, 2), " ", F115)</f>
        <v>0.08 Artificial Grass Pitches (AGP)</v>
      </c>
      <c r="K115" s="34"/>
      <c r="L115" s="34" t="str">
        <f>_xlfn.CONCAT(J115, " = ", H115)</f>
        <v xml:space="preserve">0.08 Artificial Grass Pitches (AGP) = £96,510 </v>
      </c>
    </row>
    <row r="116" spans="2:12" ht="29.25" x14ac:dyDescent="0.25">
      <c r="B116" s="727" t="s">
        <v>2137</v>
      </c>
      <c r="C116">
        <f>C112/$C$200</f>
        <v>7.8E-2</v>
      </c>
      <c r="E116" s="750">
        <f>$E$16*$C116</f>
        <v>1.5412800000000002</v>
      </c>
      <c r="F116" t="s">
        <v>330</v>
      </c>
      <c r="G116" s="917">
        <f>$G$16*$C116</f>
        <v>174621.01800000001</v>
      </c>
      <c r="H116" s="728" t="str">
        <f t="shared" si="22"/>
        <v xml:space="preserve">£174,621 </v>
      </c>
      <c r="J116" s="34" t="str">
        <f t="shared" ref="J116:J118" si="23">_xlfn.CONCAT(ROUND(E116, 2), " ", F116)</f>
        <v>1.54 Natural Grass Pitches (NGP)</v>
      </c>
      <c r="K116" s="34"/>
      <c r="L116" s="34" t="str">
        <f t="shared" ref="L116:L118" si="24">_xlfn.CONCAT(J116, " = ", H116)</f>
        <v xml:space="preserve">1.54 Natural Grass Pitches (NGP) = £174,621 </v>
      </c>
    </row>
    <row r="117" spans="2:12" ht="29.25" x14ac:dyDescent="0.25">
      <c r="E117" s="750">
        <f>$E$17*$C116</f>
        <v>0.16068000000000002</v>
      </c>
      <c r="F117" t="s">
        <v>2596</v>
      </c>
      <c r="G117" s="917">
        <f>$G$17*$C116</f>
        <v>34200.269999999997</v>
      </c>
      <c r="H117" s="728" t="str">
        <f t="shared" si="22"/>
        <v xml:space="preserve">£34,200 </v>
      </c>
      <c r="J117" s="34" t="str">
        <f t="shared" si="23"/>
        <v>0.16 Changing rooms for AGP</v>
      </c>
      <c r="K117" s="34"/>
      <c r="L117" s="34" t="str">
        <f t="shared" si="24"/>
        <v xml:space="preserve">0.16 Changing rooms for AGP = £34,200 </v>
      </c>
    </row>
    <row r="118" spans="2:12" ht="29.25" x14ac:dyDescent="0.25">
      <c r="E118" s="750">
        <f>$E$18*$C116</f>
        <v>1.6263000000000001</v>
      </c>
      <c r="F118" s="613" t="s">
        <v>2597</v>
      </c>
      <c r="G118" s="917">
        <f>$G$18*$C116</f>
        <v>345841.23599999998</v>
      </c>
      <c r="H118" s="728" t="str">
        <f t="shared" si="22"/>
        <v xml:space="preserve">£345,841 </v>
      </c>
      <c r="J118" s="34" t="str">
        <f t="shared" si="23"/>
        <v>1.63 Changing rooms for NGP</v>
      </c>
      <c r="K118" s="34"/>
      <c r="L118" s="34" t="str">
        <f t="shared" si="24"/>
        <v xml:space="preserve">1.63 Changing rooms for NGP = £345,841 </v>
      </c>
    </row>
    <row r="119" spans="2:12" ht="100.5" x14ac:dyDescent="0.25">
      <c r="D119" s="74" t="s">
        <v>1379</v>
      </c>
      <c r="E119" s="74"/>
      <c r="F119" s="729"/>
      <c r="G119" s="730">
        <f>SUM(G115:G118)</f>
        <v>651172.23600000003</v>
      </c>
      <c r="H119" s="731" t="str">
        <f>TEXT(G119,"£#,##0_);($#,##0)")</f>
        <v xml:space="preserve">£651,172 </v>
      </c>
      <c r="J119" s="34" t="s">
        <v>2139</v>
      </c>
      <c r="K119" s="34"/>
      <c r="L119" s="34" t="str">
        <f>_xlfn.CONCAT("= ", H119)</f>
        <v xml:space="preserve">= £651,172 </v>
      </c>
    </row>
    <row r="122" spans="2:12" ht="15" x14ac:dyDescent="0.25">
      <c r="B122" s="727" t="s">
        <v>2120</v>
      </c>
      <c r="C122" t="s">
        <v>2611</v>
      </c>
    </row>
    <row r="123" spans="2:12" ht="15" x14ac:dyDescent="0.25">
      <c r="B123" s="727" t="s">
        <v>2122</v>
      </c>
      <c r="C123" s="240">
        <v>450</v>
      </c>
    </row>
    <row r="124" spans="2:12" ht="15" x14ac:dyDescent="0.25">
      <c r="B124" s="727" t="s">
        <v>2126</v>
      </c>
      <c r="C124">
        <f>C123*2.4</f>
        <v>1080</v>
      </c>
      <c r="E124" s="727" t="s">
        <v>2122</v>
      </c>
      <c r="F124" s="727" t="s">
        <v>2123</v>
      </c>
      <c r="G124" s="727" t="s">
        <v>2124</v>
      </c>
      <c r="H124" s="727" t="s">
        <v>2125</v>
      </c>
      <c r="I124" s="727"/>
      <c r="J124" s="727" t="s">
        <v>2133</v>
      </c>
      <c r="L124" s="727" t="s">
        <v>2134</v>
      </c>
    </row>
    <row r="125" spans="2:12" ht="129" x14ac:dyDescent="0.25">
      <c r="B125" s="727"/>
      <c r="E125" s="727"/>
      <c r="F125" s="727"/>
      <c r="G125" s="727"/>
      <c r="H125" s="727"/>
      <c r="I125" s="727"/>
      <c r="J125" s="34" t="str">
        <f>_xlfn.CONCAT($B$4, C126, $B$5)</f>
        <v xml:space="preserve">Associated playing pitch provision in line with the Sport England requirements to support development at Hemel Hospital/Market Square (Hm03). This includes but is not limited to contributions towards: </v>
      </c>
      <c r="K125" s="34"/>
      <c r="L125" s="34" t="s">
        <v>2605</v>
      </c>
    </row>
    <row r="126" spans="2:12" ht="57" x14ac:dyDescent="0.25">
      <c r="B126" s="727" t="s">
        <v>2136</v>
      </c>
      <c r="C126" s="916" t="s">
        <v>1362</v>
      </c>
      <c r="E126" s="750">
        <f>$E$15*$C127</f>
        <v>9.2700000000000005E-2</v>
      </c>
      <c r="F126" t="s">
        <v>428</v>
      </c>
      <c r="G126" s="917">
        <f>$G$15*$C127</f>
        <v>111357.36</v>
      </c>
      <c r="H126" s="728" t="str">
        <f t="shared" ref="H126:H129" si="25">TEXT(G126,"£#,##0_);($#,##0)")</f>
        <v xml:space="preserve">£111,357 </v>
      </c>
      <c r="J126" s="34" t="str">
        <f>_xlfn.CONCAT(ROUND(E126, 2), " ", F126)</f>
        <v>0.09 Artificial Grass Pitches (AGP)</v>
      </c>
      <c r="K126" s="34"/>
      <c r="L126" s="34" t="str">
        <f>_xlfn.CONCAT(J126, " = ", H126)</f>
        <v xml:space="preserve">0.09 Artificial Grass Pitches (AGP) = £111,357 </v>
      </c>
    </row>
    <row r="127" spans="2:12" ht="29.25" x14ac:dyDescent="0.25">
      <c r="B127" s="727" t="s">
        <v>2137</v>
      </c>
      <c r="C127">
        <f>C123/$C$200</f>
        <v>0.09</v>
      </c>
      <c r="E127" s="750">
        <f>$E$16*$C127</f>
        <v>1.7784</v>
      </c>
      <c r="F127" t="s">
        <v>330</v>
      </c>
      <c r="G127" s="917">
        <f>$G$16*$C127</f>
        <v>201485.78999999998</v>
      </c>
      <c r="H127" s="728" t="str">
        <f t="shared" si="25"/>
        <v xml:space="preserve">£201,486 </v>
      </c>
      <c r="J127" s="34" t="str">
        <f t="shared" ref="J127:J129" si="26">_xlfn.CONCAT(ROUND(E127, 2), " ", F127)</f>
        <v>1.78 Natural Grass Pitches (NGP)</v>
      </c>
      <c r="K127" s="34"/>
      <c r="L127" s="34" t="str">
        <f t="shared" ref="L127:L129" si="27">_xlfn.CONCAT(J127, " = ", H127)</f>
        <v xml:space="preserve">1.78 Natural Grass Pitches (NGP) = £201,486 </v>
      </c>
    </row>
    <row r="128" spans="2:12" ht="29.25" x14ac:dyDescent="0.25">
      <c r="E128" s="750">
        <f>$E$17*$C127</f>
        <v>0.18540000000000001</v>
      </c>
      <c r="F128" t="s">
        <v>2596</v>
      </c>
      <c r="G128" s="917">
        <f>$G$17*$C127</f>
        <v>39461.85</v>
      </c>
      <c r="H128" s="728" t="str">
        <f t="shared" si="25"/>
        <v xml:space="preserve">£39,462 </v>
      </c>
      <c r="J128" s="34" t="str">
        <f t="shared" si="26"/>
        <v>0.19 Changing rooms for AGP</v>
      </c>
      <c r="K128" s="34"/>
      <c r="L128" s="34" t="str">
        <f t="shared" si="27"/>
        <v xml:space="preserve">0.19 Changing rooms for AGP = £39,462 </v>
      </c>
    </row>
    <row r="129" spans="2:12" ht="29.25" x14ac:dyDescent="0.25">
      <c r="E129" s="750">
        <f>$E$18*$C127</f>
        <v>1.8765000000000001</v>
      </c>
      <c r="F129" s="613" t="s">
        <v>2597</v>
      </c>
      <c r="G129" s="917">
        <f>$G$18*$C127</f>
        <v>399047.57999999996</v>
      </c>
      <c r="H129" s="728" t="str">
        <f t="shared" si="25"/>
        <v xml:space="preserve">£399,048 </v>
      </c>
      <c r="J129" s="34" t="str">
        <f t="shared" si="26"/>
        <v>1.88 Changing rooms for NGP</v>
      </c>
      <c r="K129" s="34"/>
      <c r="L129" s="34" t="str">
        <f t="shared" si="27"/>
        <v xml:space="preserve">1.88 Changing rooms for NGP = £399,048 </v>
      </c>
    </row>
    <row r="130" spans="2:12" ht="100.5" x14ac:dyDescent="0.25">
      <c r="D130" s="74" t="s">
        <v>1379</v>
      </c>
      <c r="E130" s="74"/>
      <c r="F130" s="729"/>
      <c r="G130" s="730">
        <f>SUM(G126:G129)</f>
        <v>751352.57999999984</v>
      </c>
      <c r="H130" s="731" t="str">
        <f>TEXT(G130,"£#,##0_);($#,##0)")</f>
        <v xml:space="preserve">£751,353 </v>
      </c>
      <c r="J130" s="34" t="s">
        <v>2139</v>
      </c>
      <c r="K130" s="34"/>
      <c r="L130" s="34" t="str">
        <f>_xlfn.CONCAT("= ", H130)</f>
        <v xml:space="preserve">= £751,353 </v>
      </c>
    </row>
    <row r="134" spans="2:12" ht="15" x14ac:dyDescent="0.25">
      <c r="B134" s="727" t="s">
        <v>2120</v>
      </c>
      <c r="C134" t="s">
        <v>2612</v>
      </c>
    </row>
    <row r="135" spans="2:12" ht="15" x14ac:dyDescent="0.25">
      <c r="B135" s="727" t="s">
        <v>2122</v>
      </c>
      <c r="C135" s="240">
        <v>480</v>
      </c>
    </row>
    <row r="136" spans="2:12" ht="15" x14ac:dyDescent="0.25">
      <c r="B136" s="727" t="s">
        <v>2126</v>
      </c>
      <c r="C136">
        <f>C135*2.4</f>
        <v>1152</v>
      </c>
      <c r="E136" s="727" t="s">
        <v>2122</v>
      </c>
      <c r="F136" s="727" t="s">
        <v>2123</v>
      </c>
      <c r="G136" s="727" t="s">
        <v>2124</v>
      </c>
      <c r="H136" s="727" t="s">
        <v>2125</v>
      </c>
      <c r="I136" s="727"/>
      <c r="J136" s="727" t="s">
        <v>2133</v>
      </c>
      <c r="L136" s="727" t="s">
        <v>2134</v>
      </c>
    </row>
    <row r="137" spans="2:12" ht="129" x14ac:dyDescent="0.25">
      <c r="B137" s="727"/>
      <c r="E137" s="727"/>
      <c r="F137" s="727"/>
      <c r="G137" s="727"/>
      <c r="H137" s="727"/>
      <c r="I137" s="727"/>
      <c r="J137" s="34" t="str">
        <f>_xlfn.CONCAT($B$4, C138, $B$5)</f>
        <v xml:space="preserve">Associated playing pitch provision in line with the Sport England requirements to support development at National Grid and 339-353 London Road (Hm09). This includes but is not limited to contributions towards: </v>
      </c>
      <c r="K137" s="34"/>
      <c r="L137" s="34" t="s">
        <v>2605</v>
      </c>
    </row>
    <row r="138" spans="2:12" ht="71.25" x14ac:dyDescent="0.25">
      <c r="B138" s="727" t="s">
        <v>2136</v>
      </c>
      <c r="C138" s="916" t="s">
        <v>1365</v>
      </c>
      <c r="E138" s="750">
        <f>$E$15*$C139</f>
        <v>9.888000000000001E-2</v>
      </c>
      <c r="F138" t="s">
        <v>428</v>
      </c>
      <c r="G138" s="917">
        <f>$G$15*$C139</f>
        <v>118781.18400000001</v>
      </c>
      <c r="H138" s="728" t="str">
        <f t="shared" ref="H138:H141" si="28">TEXT(G138,"£#,##0_);($#,##0)")</f>
        <v xml:space="preserve">£118,781 </v>
      </c>
      <c r="J138" s="34" t="str">
        <f>_xlfn.CONCAT(ROUND(E138, 2), " ", F138)</f>
        <v>0.1 Artificial Grass Pitches (AGP)</v>
      </c>
      <c r="K138" s="34"/>
      <c r="L138" s="34" t="str">
        <f>_xlfn.CONCAT(J138, " = ", H138)</f>
        <v xml:space="preserve">0.1 Artificial Grass Pitches (AGP) = £118,781 </v>
      </c>
    </row>
    <row r="139" spans="2:12" ht="29.25" x14ac:dyDescent="0.25">
      <c r="B139" s="727" t="s">
        <v>2137</v>
      </c>
      <c r="C139">
        <f>C135/$C$200</f>
        <v>9.6000000000000002E-2</v>
      </c>
      <c r="E139" s="750">
        <f>$E$16*$C139</f>
        <v>1.8969600000000002</v>
      </c>
      <c r="F139" t="s">
        <v>330</v>
      </c>
      <c r="G139" s="917">
        <f>$G$16*$C139</f>
        <v>214918.17600000001</v>
      </c>
      <c r="H139" s="728" t="str">
        <f t="shared" si="28"/>
        <v xml:space="preserve">£214,918 </v>
      </c>
      <c r="J139" s="34" t="str">
        <f t="shared" ref="J139:J141" si="29">_xlfn.CONCAT(ROUND(E139, 2), " ", F139)</f>
        <v>1.9 Natural Grass Pitches (NGP)</v>
      </c>
      <c r="K139" s="34"/>
      <c r="L139" s="34" t="str">
        <f t="shared" ref="L139:L141" si="30">_xlfn.CONCAT(J139, " = ", H139)</f>
        <v xml:space="preserve">1.9 Natural Grass Pitches (NGP) = £214,918 </v>
      </c>
    </row>
    <row r="140" spans="2:12" ht="29.25" x14ac:dyDescent="0.25">
      <c r="E140" s="750">
        <f>$E$17*$C139</f>
        <v>0.19776000000000002</v>
      </c>
      <c r="F140" t="s">
        <v>2596</v>
      </c>
      <c r="G140" s="917">
        <f>$G$17*$C139</f>
        <v>42092.639999999999</v>
      </c>
      <c r="H140" s="728" t="str">
        <f t="shared" si="28"/>
        <v xml:space="preserve">£42,093 </v>
      </c>
      <c r="J140" s="34" t="str">
        <f t="shared" si="29"/>
        <v>0.2 Changing rooms for AGP</v>
      </c>
      <c r="K140" s="34"/>
      <c r="L140" s="34" t="str">
        <f t="shared" si="30"/>
        <v xml:space="preserve">0.2 Changing rooms for AGP = £42,093 </v>
      </c>
    </row>
    <row r="141" spans="2:12" ht="29.25" x14ac:dyDescent="0.25">
      <c r="E141" s="750">
        <f>$E$18*$C139</f>
        <v>2.0016000000000003</v>
      </c>
      <c r="F141" s="613" t="s">
        <v>2597</v>
      </c>
      <c r="G141" s="917">
        <f>$G$18*$C139</f>
        <v>425650.75200000004</v>
      </c>
      <c r="H141" s="728" t="str">
        <f t="shared" si="28"/>
        <v xml:space="preserve">£425,651 </v>
      </c>
      <c r="J141" s="34" t="str">
        <f t="shared" si="29"/>
        <v>2 Changing rooms for NGP</v>
      </c>
      <c r="K141" s="34"/>
      <c r="L141" s="34" t="str">
        <f t="shared" si="30"/>
        <v xml:space="preserve">2 Changing rooms for NGP = £425,651 </v>
      </c>
    </row>
    <row r="142" spans="2:12" ht="100.5" x14ac:dyDescent="0.25">
      <c r="D142" s="74" t="s">
        <v>1379</v>
      </c>
      <c r="E142" s="74"/>
      <c r="F142" s="729"/>
      <c r="G142" s="730">
        <f>SUM(G138:G141)</f>
        <v>801442.75200000009</v>
      </c>
      <c r="H142" s="731" t="str">
        <f>TEXT(G142,"£#,##0_);($#,##0)")</f>
        <v xml:space="preserve">£801,443 </v>
      </c>
      <c r="J142" s="34" t="s">
        <v>2139</v>
      </c>
      <c r="K142" s="34"/>
      <c r="L142" s="34" t="str">
        <f>_xlfn.CONCAT("= ", H142)</f>
        <v xml:space="preserve">= £801,443 </v>
      </c>
    </row>
    <row r="145" spans="2:12" ht="15" x14ac:dyDescent="0.25">
      <c r="B145" s="727" t="s">
        <v>2120</v>
      </c>
      <c r="C145" t="s">
        <v>2613</v>
      </c>
    </row>
    <row r="146" spans="2:12" ht="15" x14ac:dyDescent="0.25">
      <c r="B146" s="727" t="s">
        <v>2122</v>
      </c>
      <c r="C146" s="240">
        <v>500</v>
      </c>
    </row>
    <row r="147" spans="2:12" ht="15" x14ac:dyDescent="0.25">
      <c r="B147" s="727" t="s">
        <v>2126</v>
      </c>
      <c r="C147">
        <f>C146*2.4</f>
        <v>1200</v>
      </c>
      <c r="E147" s="727" t="s">
        <v>2122</v>
      </c>
      <c r="F147" s="727" t="s">
        <v>2123</v>
      </c>
      <c r="G147" s="727" t="s">
        <v>2124</v>
      </c>
      <c r="H147" s="727" t="s">
        <v>2125</v>
      </c>
      <c r="I147" s="727"/>
      <c r="J147" s="727" t="s">
        <v>2133</v>
      </c>
      <c r="L147" s="727" t="s">
        <v>2134</v>
      </c>
    </row>
    <row r="148" spans="2:12" ht="114.75" x14ac:dyDescent="0.25">
      <c r="B148" s="727"/>
      <c r="E148" s="727"/>
      <c r="F148" s="727"/>
      <c r="G148" s="727"/>
      <c r="H148" s="727"/>
      <c r="I148" s="727"/>
      <c r="J148" s="34" t="str">
        <f>_xlfn.CONCAT($B$4, C149, $B$5)</f>
        <v xml:space="preserve">Associated playing pitch provision in line with the Sport England requirements to support development at Riverside (Hm06). This includes but is not limited to contributions towards: </v>
      </c>
      <c r="K148" s="34"/>
      <c r="L148" s="34" t="s">
        <v>2605</v>
      </c>
    </row>
    <row r="149" spans="2:12" ht="29.25" x14ac:dyDescent="0.25">
      <c r="B149" s="727" t="s">
        <v>2136</v>
      </c>
      <c r="C149" s="916" t="s">
        <v>1364</v>
      </c>
      <c r="E149" s="750">
        <f>$E$15*$C150</f>
        <v>0.10300000000000001</v>
      </c>
      <c r="F149" t="s">
        <v>428</v>
      </c>
      <c r="G149" s="917">
        <f>$G$15*$C150</f>
        <v>123730.40000000001</v>
      </c>
      <c r="H149" s="728" t="str">
        <f t="shared" ref="H149:H152" si="31">TEXT(G149,"£#,##0_);($#,##0)")</f>
        <v xml:space="preserve">£123,730 </v>
      </c>
      <c r="J149" s="34" t="str">
        <f>_xlfn.CONCAT(ROUND(E149, 2), " ", F149)</f>
        <v>0.1 Artificial Grass Pitches (AGP)</v>
      </c>
      <c r="K149" s="34"/>
      <c r="L149" s="34" t="str">
        <f>_xlfn.CONCAT(J149, " = ", H149)</f>
        <v xml:space="preserve">0.1 Artificial Grass Pitches (AGP) = £123,730 </v>
      </c>
    </row>
    <row r="150" spans="2:12" ht="29.25" x14ac:dyDescent="0.25">
      <c r="B150" s="727" t="s">
        <v>2137</v>
      </c>
      <c r="C150">
        <f>C146/$C$200</f>
        <v>0.1</v>
      </c>
      <c r="E150" s="750">
        <f>$E$16*$C150</f>
        <v>1.9760000000000002</v>
      </c>
      <c r="F150" t="s">
        <v>330</v>
      </c>
      <c r="G150" s="917">
        <f>$G$16*$C150</f>
        <v>223873.1</v>
      </c>
      <c r="H150" s="728" t="str">
        <f t="shared" si="31"/>
        <v xml:space="preserve">£223,873 </v>
      </c>
      <c r="J150" s="34" t="str">
        <f t="shared" ref="J150:J152" si="32">_xlfn.CONCAT(ROUND(E150, 2), " ", F150)</f>
        <v>1.98 Natural Grass Pitches (NGP)</v>
      </c>
      <c r="K150" s="34"/>
      <c r="L150" s="34" t="str">
        <f t="shared" ref="L150:L152" si="33">_xlfn.CONCAT(J150, " = ", H150)</f>
        <v xml:space="preserve">1.98 Natural Grass Pitches (NGP) = £223,873 </v>
      </c>
    </row>
    <row r="151" spans="2:12" ht="29.25" x14ac:dyDescent="0.25">
      <c r="E151" s="750">
        <f>$E$17*$C150</f>
        <v>0.20600000000000002</v>
      </c>
      <c r="F151" t="s">
        <v>2596</v>
      </c>
      <c r="G151" s="917">
        <f>$G$17*$C150</f>
        <v>43846.5</v>
      </c>
      <c r="H151" s="728" t="str">
        <f t="shared" si="31"/>
        <v xml:space="preserve">£43,847 </v>
      </c>
      <c r="J151" s="34" t="str">
        <f t="shared" si="32"/>
        <v>0.21 Changing rooms for AGP</v>
      </c>
      <c r="K151" s="34"/>
      <c r="L151" s="34" t="str">
        <f t="shared" si="33"/>
        <v xml:space="preserve">0.21 Changing rooms for AGP = £43,847 </v>
      </c>
    </row>
    <row r="152" spans="2:12" ht="29.25" x14ac:dyDescent="0.25">
      <c r="E152" s="750">
        <f>$E$18*$C150</f>
        <v>2.0850000000000004</v>
      </c>
      <c r="F152" s="613" t="s">
        <v>2597</v>
      </c>
      <c r="G152" s="917">
        <f>$G$18*$C150</f>
        <v>443386.2</v>
      </c>
      <c r="H152" s="728" t="str">
        <f t="shared" si="31"/>
        <v xml:space="preserve">£443,386 </v>
      </c>
      <c r="J152" s="34" t="str">
        <f t="shared" si="32"/>
        <v>2.09 Changing rooms for NGP</v>
      </c>
      <c r="K152" s="34"/>
      <c r="L152" s="34" t="str">
        <f t="shared" si="33"/>
        <v xml:space="preserve">2.09 Changing rooms for NGP = £443,386 </v>
      </c>
    </row>
    <row r="153" spans="2:12" ht="100.5" x14ac:dyDescent="0.25">
      <c r="D153" s="74" t="s">
        <v>1379</v>
      </c>
      <c r="E153" s="74"/>
      <c r="F153" s="729"/>
      <c r="G153" s="730">
        <f>SUM(G149:G152)</f>
        <v>834836.2</v>
      </c>
      <c r="H153" s="731" t="str">
        <f>TEXT(G153,"£#,##0_);($#,##0)")</f>
        <v xml:space="preserve">£834,836 </v>
      </c>
      <c r="J153" s="34" t="s">
        <v>2139</v>
      </c>
      <c r="K153" s="34"/>
      <c r="L153" s="34" t="str">
        <f>_xlfn.CONCAT("= ", H153)</f>
        <v xml:space="preserve">= £834,836 </v>
      </c>
    </row>
    <row r="156" spans="2:12" ht="15" x14ac:dyDescent="0.25">
      <c r="B156" s="727" t="s">
        <v>2120</v>
      </c>
      <c r="C156" t="s">
        <v>2614</v>
      </c>
    </row>
    <row r="157" spans="2:12" ht="15" x14ac:dyDescent="0.25">
      <c r="B157" s="727" t="s">
        <v>2122</v>
      </c>
      <c r="C157" s="240">
        <v>500</v>
      </c>
    </row>
    <row r="158" spans="2:12" ht="15" x14ac:dyDescent="0.25">
      <c r="B158" s="727" t="s">
        <v>2126</v>
      </c>
      <c r="C158">
        <f>C157*2.4</f>
        <v>1200</v>
      </c>
      <c r="E158" s="727" t="s">
        <v>2122</v>
      </c>
      <c r="F158" s="727" t="s">
        <v>2123</v>
      </c>
      <c r="G158" s="727" t="s">
        <v>2124</v>
      </c>
      <c r="H158" s="727" t="s">
        <v>2125</v>
      </c>
      <c r="I158" s="727"/>
      <c r="J158" s="727" t="s">
        <v>2133</v>
      </c>
      <c r="L158" s="727" t="s">
        <v>2134</v>
      </c>
    </row>
    <row r="159" spans="2:12" ht="129" x14ac:dyDescent="0.25">
      <c r="B159" s="727"/>
      <c r="E159" s="727"/>
      <c r="F159" s="727"/>
      <c r="G159" s="727"/>
      <c r="H159" s="727"/>
      <c r="I159" s="727"/>
      <c r="J159" s="34" t="str">
        <f>_xlfn.CONCAT($B$4, C160, $B$5)</f>
        <v xml:space="preserve">Associated playing pitch provision in line with the Sport England requirements to support development at Apsley Mills Retail Park (Hm10). This includes but is not limited to contributions towards: </v>
      </c>
      <c r="K159" s="34"/>
      <c r="L159" s="34" t="s">
        <v>2605</v>
      </c>
    </row>
    <row r="160" spans="2:12" ht="42.75" x14ac:dyDescent="0.25">
      <c r="B160" s="727" t="s">
        <v>2136</v>
      </c>
      <c r="C160" s="916" t="s">
        <v>1368</v>
      </c>
      <c r="E160" s="750">
        <f>$E$15*$C161</f>
        <v>0.10300000000000001</v>
      </c>
      <c r="F160" t="s">
        <v>428</v>
      </c>
      <c r="G160" s="917">
        <f>$G$15*$C161</f>
        <v>123730.40000000001</v>
      </c>
      <c r="H160" s="728" t="str">
        <f t="shared" ref="H160:H163" si="34">TEXT(G160,"£#,##0_);($#,##0)")</f>
        <v xml:space="preserve">£123,730 </v>
      </c>
      <c r="J160" s="34" t="str">
        <f>_xlfn.CONCAT(ROUND(E160, 2), " ", F160)</f>
        <v>0.1 Artificial Grass Pitches (AGP)</v>
      </c>
      <c r="K160" s="34"/>
      <c r="L160" s="34" t="str">
        <f>_xlfn.CONCAT(J160, " = ", H160)</f>
        <v xml:space="preserve">0.1 Artificial Grass Pitches (AGP) = £123,730 </v>
      </c>
    </row>
    <row r="161" spans="2:12" ht="29.25" x14ac:dyDescent="0.25">
      <c r="B161" s="727" t="s">
        <v>2137</v>
      </c>
      <c r="C161">
        <f>C157/$C$200</f>
        <v>0.1</v>
      </c>
      <c r="E161" s="750">
        <f>$E$16*$C161</f>
        <v>1.9760000000000002</v>
      </c>
      <c r="F161" t="s">
        <v>330</v>
      </c>
      <c r="G161" s="917">
        <f>$G$16*$C161</f>
        <v>223873.1</v>
      </c>
      <c r="H161" s="728" t="str">
        <f t="shared" si="34"/>
        <v xml:space="preserve">£223,873 </v>
      </c>
      <c r="J161" s="34" t="str">
        <f t="shared" ref="J161:J163" si="35">_xlfn.CONCAT(ROUND(E161, 2), " ", F161)</f>
        <v>1.98 Natural Grass Pitches (NGP)</v>
      </c>
      <c r="K161" s="34"/>
      <c r="L161" s="34" t="str">
        <f t="shared" ref="L161:L163" si="36">_xlfn.CONCAT(J161, " = ", H161)</f>
        <v xml:space="preserve">1.98 Natural Grass Pitches (NGP) = £223,873 </v>
      </c>
    </row>
    <row r="162" spans="2:12" ht="29.25" x14ac:dyDescent="0.25">
      <c r="E162" s="750">
        <f>$E$17*$C161</f>
        <v>0.20600000000000002</v>
      </c>
      <c r="F162" t="s">
        <v>2596</v>
      </c>
      <c r="G162" s="917">
        <f>$G$17*$C161</f>
        <v>43846.5</v>
      </c>
      <c r="H162" s="728" t="str">
        <f t="shared" si="34"/>
        <v xml:space="preserve">£43,847 </v>
      </c>
      <c r="J162" s="34" t="str">
        <f t="shared" si="35"/>
        <v>0.21 Changing rooms for AGP</v>
      </c>
      <c r="K162" s="34"/>
      <c r="L162" s="34" t="str">
        <f t="shared" si="36"/>
        <v xml:space="preserve">0.21 Changing rooms for AGP = £43,847 </v>
      </c>
    </row>
    <row r="163" spans="2:12" ht="29.25" x14ac:dyDescent="0.25">
      <c r="E163" s="750">
        <f>$E$18*$C161</f>
        <v>2.0850000000000004</v>
      </c>
      <c r="F163" s="613" t="s">
        <v>2597</v>
      </c>
      <c r="G163" s="917">
        <f>$G$18*$C161</f>
        <v>443386.2</v>
      </c>
      <c r="H163" s="728" t="str">
        <f t="shared" si="34"/>
        <v xml:space="preserve">£443,386 </v>
      </c>
      <c r="J163" s="34" t="str">
        <f t="shared" si="35"/>
        <v>2.09 Changing rooms for NGP</v>
      </c>
      <c r="K163" s="34"/>
      <c r="L163" s="34" t="str">
        <f t="shared" si="36"/>
        <v xml:space="preserve">2.09 Changing rooms for NGP = £443,386 </v>
      </c>
    </row>
    <row r="164" spans="2:12" ht="100.5" x14ac:dyDescent="0.25">
      <c r="D164" s="74" t="s">
        <v>1379</v>
      </c>
      <c r="E164" s="74"/>
      <c r="F164" s="729"/>
      <c r="G164" s="730">
        <f>SUM(G160:G163)</f>
        <v>834836.2</v>
      </c>
      <c r="H164" s="731" t="str">
        <f>TEXT(G164,"£#,##0_);($#,##0)")</f>
        <v xml:space="preserve">£834,836 </v>
      </c>
      <c r="J164" s="34" t="s">
        <v>2139</v>
      </c>
      <c r="K164" s="34"/>
      <c r="L164" s="34" t="str">
        <f>_xlfn.CONCAT("= ", H164)</f>
        <v xml:space="preserve">= £834,836 </v>
      </c>
    </row>
    <row r="167" spans="2:12" ht="15" x14ac:dyDescent="0.25">
      <c r="B167" s="727" t="s">
        <v>2120</v>
      </c>
      <c r="C167" t="s">
        <v>2615</v>
      </c>
    </row>
    <row r="168" spans="2:12" ht="15" x14ac:dyDescent="0.25">
      <c r="B168" s="727" t="s">
        <v>2122</v>
      </c>
      <c r="C168" s="240">
        <v>500</v>
      </c>
    </row>
    <row r="169" spans="2:12" ht="15" x14ac:dyDescent="0.25">
      <c r="B169" s="727" t="s">
        <v>2126</v>
      </c>
      <c r="C169">
        <f>C168*2.4</f>
        <v>1200</v>
      </c>
      <c r="E169" s="727" t="s">
        <v>2122</v>
      </c>
      <c r="F169" s="727" t="s">
        <v>2123</v>
      </c>
      <c r="G169" s="727" t="s">
        <v>2124</v>
      </c>
      <c r="H169" s="727" t="s">
        <v>2125</v>
      </c>
      <c r="I169" s="727"/>
      <c r="J169" s="727" t="s">
        <v>2133</v>
      </c>
      <c r="L169" s="727" t="s">
        <v>2134</v>
      </c>
    </row>
    <row r="170" spans="2:12" ht="129" x14ac:dyDescent="0.25">
      <c r="B170" s="727"/>
      <c r="E170" s="727"/>
      <c r="F170" s="727"/>
      <c r="G170" s="727"/>
      <c r="H170" s="727"/>
      <c r="I170" s="727"/>
      <c r="J170" s="34" t="str">
        <f>_xlfn.CONCAT($B$4, C171, $B$5)</f>
        <v xml:space="preserve">Associated playing pitch provision in line with the Sport England requirements to support development at Shendish Manor and Fairfields (Hm11). This includes but is not limited to contributions towards: </v>
      </c>
      <c r="K170" s="34"/>
      <c r="L170" s="34" t="s">
        <v>2605</v>
      </c>
    </row>
    <row r="171" spans="2:12" ht="57" x14ac:dyDescent="0.25">
      <c r="B171" s="727" t="s">
        <v>2136</v>
      </c>
      <c r="C171" s="916" t="s">
        <v>1369</v>
      </c>
      <c r="E171" s="750">
        <f>$E$15*$C172</f>
        <v>0.10300000000000001</v>
      </c>
      <c r="F171" t="s">
        <v>428</v>
      </c>
      <c r="G171" s="917">
        <f>$G$15*$C172</f>
        <v>123730.40000000001</v>
      </c>
      <c r="H171" s="728" t="str">
        <f t="shared" ref="H171:H174" si="37">TEXT(G171,"£#,##0_);($#,##0)")</f>
        <v xml:space="preserve">£123,730 </v>
      </c>
      <c r="J171" s="34" t="str">
        <f>_xlfn.CONCAT(ROUND(E171, 2), " ", F171)</f>
        <v>0.1 Artificial Grass Pitches (AGP)</v>
      </c>
      <c r="K171" s="34"/>
      <c r="L171" s="34" t="str">
        <f>_xlfn.CONCAT(J171, " = ", H171)</f>
        <v xml:space="preserve">0.1 Artificial Grass Pitches (AGP) = £123,730 </v>
      </c>
    </row>
    <row r="172" spans="2:12" ht="29.25" x14ac:dyDescent="0.25">
      <c r="B172" s="727" t="s">
        <v>2137</v>
      </c>
      <c r="C172">
        <f>C168/$C$200</f>
        <v>0.1</v>
      </c>
      <c r="E172" s="750">
        <f>$E$16*$C172</f>
        <v>1.9760000000000002</v>
      </c>
      <c r="F172" t="s">
        <v>330</v>
      </c>
      <c r="G172" s="917">
        <f>$G$16*$C172</f>
        <v>223873.1</v>
      </c>
      <c r="H172" s="728" t="str">
        <f t="shared" si="37"/>
        <v xml:space="preserve">£223,873 </v>
      </c>
      <c r="J172" s="34" t="str">
        <f t="shared" ref="J172:J174" si="38">_xlfn.CONCAT(ROUND(E172, 2), " ", F172)</f>
        <v>1.98 Natural Grass Pitches (NGP)</v>
      </c>
      <c r="K172" s="34"/>
      <c r="L172" s="34" t="str">
        <f t="shared" ref="L172:L174" si="39">_xlfn.CONCAT(J172, " = ", H172)</f>
        <v xml:space="preserve">1.98 Natural Grass Pitches (NGP) = £223,873 </v>
      </c>
    </row>
    <row r="173" spans="2:12" ht="29.25" x14ac:dyDescent="0.25">
      <c r="E173" s="750">
        <f>$E$17*$C172</f>
        <v>0.20600000000000002</v>
      </c>
      <c r="F173" t="s">
        <v>2596</v>
      </c>
      <c r="G173" s="917">
        <f>$G$17*$C172</f>
        <v>43846.5</v>
      </c>
      <c r="H173" s="728" t="str">
        <f t="shared" si="37"/>
        <v xml:space="preserve">£43,847 </v>
      </c>
      <c r="J173" s="34" t="str">
        <f t="shared" si="38"/>
        <v>0.21 Changing rooms for AGP</v>
      </c>
      <c r="K173" s="34"/>
      <c r="L173" s="34" t="str">
        <f t="shared" si="39"/>
        <v xml:space="preserve">0.21 Changing rooms for AGP = £43,847 </v>
      </c>
    </row>
    <row r="174" spans="2:12" ht="29.25" x14ac:dyDescent="0.25">
      <c r="E174" s="750">
        <f>$E$18*$C172</f>
        <v>2.0850000000000004</v>
      </c>
      <c r="F174" s="613" t="s">
        <v>2597</v>
      </c>
      <c r="G174" s="917">
        <f>$G$18*$C172</f>
        <v>443386.2</v>
      </c>
      <c r="H174" s="728" t="str">
        <f t="shared" si="37"/>
        <v xml:space="preserve">£443,386 </v>
      </c>
      <c r="J174" s="34" t="str">
        <f t="shared" si="38"/>
        <v>2.09 Changing rooms for NGP</v>
      </c>
      <c r="K174" s="34"/>
      <c r="L174" s="34" t="str">
        <f t="shared" si="39"/>
        <v xml:space="preserve">2.09 Changing rooms for NGP = £443,386 </v>
      </c>
    </row>
    <row r="175" spans="2:12" ht="100.5" x14ac:dyDescent="0.25">
      <c r="D175" s="74" t="s">
        <v>1379</v>
      </c>
      <c r="E175" s="74"/>
      <c r="F175" s="729"/>
      <c r="G175" s="730">
        <f>SUM(G171:G174)</f>
        <v>834836.2</v>
      </c>
      <c r="H175" s="731" t="str">
        <f>TEXT(G175,"£#,##0_);($#,##0)")</f>
        <v xml:space="preserve">£834,836 </v>
      </c>
      <c r="J175" s="34" t="s">
        <v>2139</v>
      </c>
      <c r="K175" s="34"/>
      <c r="L175" s="34" t="str">
        <f>_xlfn.CONCAT("= ", H175)</f>
        <v xml:space="preserve">= £834,836 </v>
      </c>
    </row>
    <row r="178" spans="2:12" ht="15" x14ac:dyDescent="0.25">
      <c r="B178" s="727" t="s">
        <v>2120</v>
      </c>
      <c r="C178" t="s">
        <v>2616</v>
      </c>
    </row>
    <row r="179" spans="2:12" ht="15" x14ac:dyDescent="0.25">
      <c r="B179" s="727" t="s">
        <v>2122</v>
      </c>
      <c r="C179" s="240">
        <v>750</v>
      </c>
    </row>
    <row r="180" spans="2:12" ht="15" x14ac:dyDescent="0.25">
      <c r="B180" s="727" t="s">
        <v>2126</v>
      </c>
      <c r="C180">
        <f>C179*2.4</f>
        <v>1800</v>
      </c>
      <c r="E180" s="727" t="s">
        <v>2122</v>
      </c>
      <c r="F180" s="727" t="s">
        <v>2123</v>
      </c>
      <c r="G180" s="727" t="s">
        <v>2124</v>
      </c>
      <c r="H180" s="727" t="s">
        <v>2125</v>
      </c>
      <c r="I180" s="727"/>
      <c r="J180" s="727" t="s">
        <v>2133</v>
      </c>
      <c r="L180" s="727" t="s">
        <v>2134</v>
      </c>
    </row>
    <row r="181" spans="2:12" ht="129" x14ac:dyDescent="0.25">
      <c r="B181" s="727"/>
      <c r="E181" s="727"/>
      <c r="F181" s="727"/>
      <c r="G181" s="727"/>
      <c r="H181" s="727"/>
      <c r="I181" s="727"/>
      <c r="J181" s="34" t="str">
        <f>_xlfn.CONCAT($B$4, C182, $B$5)</f>
        <v xml:space="preserve">Associated playing pitch provision in line with the Sport England requirements to support development at Polehanger Lane (Hm13). This includes but is not limited to contributions towards: </v>
      </c>
      <c r="K181" s="34"/>
      <c r="L181" s="34" t="s">
        <v>2605</v>
      </c>
    </row>
    <row r="182" spans="2:12" ht="29.25" x14ac:dyDescent="0.25">
      <c r="B182" s="727" t="s">
        <v>2136</v>
      </c>
      <c r="C182" s="916" t="s">
        <v>1370</v>
      </c>
      <c r="E182" s="750">
        <f>$E$15*$C183</f>
        <v>0.1545</v>
      </c>
      <c r="F182" t="s">
        <v>428</v>
      </c>
      <c r="G182" s="917">
        <f>$G$15*$C183</f>
        <v>185595.6</v>
      </c>
      <c r="H182" s="728" t="str">
        <f t="shared" ref="H182:H185" si="40">TEXT(G182,"£#,##0_);($#,##0)")</f>
        <v xml:space="preserve">£185,596 </v>
      </c>
      <c r="J182" s="34" t="str">
        <f>_xlfn.CONCAT(ROUND(E182, 2), " ", F182)</f>
        <v>0.15 Artificial Grass Pitches (AGP)</v>
      </c>
      <c r="K182" s="34"/>
      <c r="L182" s="34" t="str">
        <f>_xlfn.CONCAT(J182, " = ", H182)</f>
        <v xml:space="preserve">0.15 Artificial Grass Pitches (AGP) = £185,596 </v>
      </c>
    </row>
    <row r="183" spans="2:12" ht="29.25" x14ac:dyDescent="0.25">
      <c r="B183" s="727" t="s">
        <v>2137</v>
      </c>
      <c r="C183">
        <f>C179/$C$200</f>
        <v>0.15</v>
      </c>
      <c r="E183" s="750">
        <f>$E$16*$C183</f>
        <v>2.964</v>
      </c>
      <c r="F183" t="s">
        <v>330</v>
      </c>
      <c r="G183" s="917">
        <f>$G$16*$C183</f>
        <v>335809.64999999997</v>
      </c>
      <c r="H183" s="728" t="str">
        <f t="shared" si="40"/>
        <v xml:space="preserve">£335,810 </v>
      </c>
      <c r="J183" s="34" t="str">
        <f t="shared" ref="J183:J185" si="41">_xlfn.CONCAT(ROUND(E183, 2), " ", F183)</f>
        <v>2.96 Natural Grass Pitches (NGP)</v>
      </c>
      <c r="K183" s="34"/>
      <c r="L183" s="34" t="str">
        <f t="shared" ref="L183:L185" si="42">_xlfn.CONCAT(J183, " = ", H183)</f>
        <v xml:space="preserve">2.96 Natural Grass Pitches (NGP) = £335,810 </v>
      </c>
    </row>
    <row r="184" spans="2:12" ht="29.25" x14ac:dyDescent="0.25">
      <c r="E184" s="750">
        <f>$E$17*$C183</f>
        <v>0.309</v>
      </c>
      <c r="F184" t="s">
        <v>2596</v>
      </c>
      <c r="G184" s="917">
        <f>$G$17*$C183</f>
        <v>65769.75</v>
      </c>
      <c r="H184" s="728" t="str">
        <f t="shared" si="40"/>
        <v xml:space="preserve">£65,770 </v>
      </c>
      <c r="J184" s="34" t="str">
        <f t="shared" si="41"/>
        <v>0.31 Changing rooms for AGP</v>
      </c>
      <c r="K184" s="34"/>
      <c r="L184" s="34" t="str">
        <f t="shared" si="42"/>
        <v xml:space="preserve">0.31 Changing rooms for AGP = £65,770 </v>
      </c>
    </row>
    <row r="185" spans="2:12" ht="29.25" x14ac:dyDescent="0.25">
      <c r="E185" s="750">
        <f>$E$18*$C183</f>
        <v>3.1274999999999999</v>
      </c>
      <c r="F185" s="613" t="s">
        <v>2597</v>
      </c>
      <c r="G185" s="917">
        <f>$G$18*$C183</f>
        <v>665079.29999999993</v>
      </c>
      <c r="H185" s="728" t="str">
        <f t="shared" si="40"/>
        <v xml:space="preserve">£665,079 </v>
      </c>
      <c r="J185" s="34" t="str">
        <f t="shared" si="41"/>
        <v>3.13 Changing rooms for NGP</v>
      </c>
      <c r="K185" s="34"/>
      <c r="L185" s="34" t="str">
        <f t="shared" si="42"/>
        <v xml:space="preserve">3.13 Changing rooms for NGP = £665,079 </v>
      </c>
    </row>
    <row r="186" spans="2:12" ht="100.5" x14ac:dyDescent="0.25">
      <c r="D186" s="74" t="s">
        <v>1379</v>
      </c>
      <c r="E186" s="74"/>
      <c r="F186" s="729"/>
      <c r="G186" s="730">
        <f>SUM(G182:G185)</f>
        <v>1252254.2999999998</v>
      </c>
      <c r="H186" s="731" t="str">
        <f>TEXT(G186,"£#,##0_);($#,##0)")</f>
        <v xml:space="preserve">£1,252,254 </v>
      </c>
      <c r="J186" s="34" t="s">
        <v>2139</v>
      </c>
      <c r="K186" s="34"/>
      <c r="L186" s="34" t="str">
        <f>_xlfn.CONCAT("= ", H186)</f>
        <v xml:space="preserve">= £1,252,254 </v>
      </c>
    </row>
    <row r="188" spans="2:12" ht="15" x14ac:dyDescent="0.25">
      <c r="B188" s="727" t="s">
        <v>2120</v>
      </c>
      <c r="C188" t="s">
        <v>1498</v>
      </c>
    </row>
    <row r="189" spans="2:12" ht="15" x14ac:dyDescent="0.25">
      <c r="B189" s="727" t="s">
        <v>2122</v>
      </c>
      <c r="C189" s="240">
        <v>2380</v>
      </c>
    </row>
    <row r="190" spans="2:12" ht="15" x14ac:dyDescent="0.25">
      <c r="B190" s="727" t="s">
        <v>2126</v>
      </c>
      <c r="C190">
        <f>C189*2.4</f>
        <v>5712</v>
      </c>
      <c r="E190" s="727" t="s">
        <v>2122</v>
      </c>
      <c r="F190" s="727" t="s">
        <v>2123</v>
      </c>
      <c r="G190" s="727" t="s">
        <v>2124</v>
      </c>
      <c r="H190" s="727" t="s">
        <v>2125</v>
      </c>
      <c r="I190" s="727"/>
      <c r="J190" s="727" t="s">
        <v>2133</v>
      </c>
      <c r="L190" s="727" t="s">
        <v>2134</v>
      </c>
    </row>
    <row r="191" spans="2:12" ht="114.75" x14ac:dyDescent="0.25">
      <c r="B191" s="727"/>
      <c r="E191" s="727"/>
      <c r="F191" s="727"/>
      <c r="G191" s="727"/>
      <c r="H191" s="727"/>
      <c r="I191" s="727"/>
      <c r="J191" s="34" t="str">
        <f>_xlfn.CONCAT($B$4, C192, $B$5)</f>
        <v xml:space="preserve">Associated playing pitch provision in line with the Sport England requirements to support development at Windfall. This includes but is not limited to contributions towards: </v>
      </c>
      <c r="K191" s="34"/>
      <c r="L191" s="34" t="s">
        <v>2605</v>
      </c>
    </row>
    <row r="192" spans="2:12" ht="29.25" x14ac:dyDescent="0.25">
      <c r="B192" s="727" t="s">
        <v>2136</v>
      </c>
      <c r="C192" s="916" t="s">
        <v>310</v>
      </c>
      <c r="E192" s="750">
        <f>$E$15*$C193</f>
        <v>0.49027999999999999</v>
      </c>
      <c r="F192" t="s">
        <v>428</v>
      </c>
      <c r="G192" s="917">
        <f>$G$15*$C193</f>
        <v>588956.70400000003</v>
      </c>
      <c r="H192" s="728" t="str">
        <f t="shared" ref="H192:H195" si="43">TEXT(G192,"£#,##0_);($#,##0)")</f>
        <v xml:space="preserve">£588,957 </v>
      </c>
      <c r="J192" s="34" t="str">
        <f>_xlfn.CONCAT(ROUND(E192, 2), " ", F192)</f>
        <v>0.49 Artificial Grass Pitches (AGP)</v>
      </c>
      <c r="K192" s="34"/>
      <c r="L192" s="34" t="str">
        <f>_xlfn.CONCAT(J192, " = ", H192)</f>
        <v xml:space="preserve">0.49 Artificial Grass Pitches (AGP) = £588,957 </v>
      </c>
    </row>
    <row r="193" spans="2:12" ht="29.25" x14ac:dyDescent="0.25">
      <c r="B193" s="727" t="s">
        <v>2137</v>
      </c>
      <c r="C193">
        <f>C189/$C$200</f>
        <v>0.47599999999999998</v>
      </c>
      <c r="E193" s="750">
        <f>$E$16*$C193</f>
        <v>9.4057600000000008</v>
      </c>
      <c r="F193" t="s">
        <v>330</v>
      </c>
      <c r="G193" s="917">
        <f>$G$16*$C193</f>
        <v>1065635.956</v>
      </c>
      <c r="H193" s="728" t="str">
        <f t="shared" si="43"/>
        <v xml:space="preserve">£1,065,636 </v>
      </c>
      <c r="J193" s="34" t="str">
        <f t="shared" ref="J193:J195" si="44">_xlfn.CONCAT(ROUND(E193, 2), " ", F193)</f>
        <v>9.41 Natural Grass Pitches (NGP)</v>
      </c>
      <c r="K193" s="34"/>
      <c r="L193" s="34" t="str">
        <f t="shared" ref="L193:L195" si="45">_xlfn.CONCAT(J193, " = ", H193)</f>
        <v xml:space="preserve">9.41 Natural Grass Pitches (NGP) = £1,065,636 </v>
      </c>
    </row>
    <row r="194" spans="2:12" ht="29.25" x14ac:dyDescent="0.25">
      <c r="E194" s="750">
        <f>$E$17*$C193</f>
        <v>0.98055999999999999</v>
      </c>
      <c r="F194" t="s">
        <v>2596</v>
      </c>
      <c r="G194" s="917">
        <f>$G$17*$C193</f>
        <v>208709.34</v>
      </c>
      <c r="H194" s="728" t="str">
        <f t="shared" si="43"/>
        <v xml:space="preserve">£208,709 </v>
      </c>
      <c r="J194" s="34" t="str">
        <f t="shared" si="44"/>
        <v>0.98 Changing rooms for AGP</v>
      </c>
      <c r="K194" s="34"/>
      <c r="L194" s="34" t="str">
        <f t="shared" si="45"/>
        <v xml:space="preserve">0.98 Changing rooms for AGP = £208,709 </v>
      </c>
    </row>
    <row r="195" spans="2:12" ht="29.25" x14ac:dyDescent="0.25">
      <c r="E195" s="750">
        <f>$E$18*$C193</f>
        <v>9.9245999999999999</v>
      </c>
      <c r="F195" s="613" t="s">
        <v>2597</v>
      </c>
      <c r="G195" s="917">
        <f>$G$18*$C193</f>
        <v>2110518.3119999999</v>
      </c>
      <c r="H195" s="728" t="str">
        <f t="shared" si="43"/>
        <v xml:space="preserve">£2,110,518 </v>
      </c>
      <c r="J195" s="34" t="str">
        <f t="shared" si="44"/>
        <v>9.92 Changing rooms for NGP</v>
      </c>
      <c r="K195" s="34"/>
      <c r="L195" s="34" t="str">
        <f t="shared" si="45"/>
        <v xml:space="preserve">9.92 Changing rooms for NGP = £2,110,518 </v>
      </c>
    </row>
    <row r="196" spans="2:12" ht="100.5" x14ac:dyDescent="0.25">
      <c r="D196" s="74" t="s">
        <v>1379</v>
      </c>
      <c r="E196" s="74"/>
      <c r="F196" s="729"/>
      <c r="G196" s="730">
        <f>SUM(G192:G195)</f>
        <v>3973820.3119999999</v>
      </c>
      <c r="H196" s="731" t="str">
        <f>TEXT(G196,"£#,##0_);($#,##0)")</f>
        <v xml:space="preserve">£3,973,820 </v>
      </c>
      <c r="J196" s="34" t="s">
        <v>2139</v>
      </c>
      <c r="K196" s="34"/>
      <c r="L196" s="34" t="str">
        <f>_xlfn.CONCAT("= ", H196)</f>
        <v xml:space="preserve">= £3,973,820 </v>
      </c>
    </row>
    <row r="199" spans="2:12" ht="15" x14ac:dyDescent="0.25">
      <c r="B199" s="727" t="s">
        <v>2120</v>
      </c>
      <c r="C199" t="s">
        <v>2121</v>
      </c>
    </row>
    <row r="200" spans="2:12" ht="15" x14ac:dyDescent="0.25">
      <c r="B200" s="727" t="s">
        <v>2122</v>
      </c>
      <c r="C200" s="240">
        <v>5000</v>
      </c>
    </row>
    <row r="201" spans="2:12" ht="15" x14ac:dyDescent="0.25">
      <c r="B201" s="727" t="s">
        <v>2126</v>
      </c>
      <c r="C201">
        <f>C200*2.4</f>
        <v>12000</v>
      </c>
      <c r="E201" s="727" t="s">
        <v>2122</v>
      </c>
      <c r="F201" s="727" t="s">
        <v>2123</v>
      </c>
      <c r="G201" s="727" t="s">
        <v>2124</v>
      </c>
      <c r="H201" s="727" t="s">
        <v>2125</v>
      </c>
      <c r="I201" s="727" t="s">
        <v>2132</v>
      </c>
      <c r="J201" s="727" t="s">
        <v>2133</v>
      </c>
      <c r="L201" s="727" t="s">
        <v>2134</v>
      </c>
    </row>
    <row r="202" spans="2:12" ht="129" x14ac:dyDescent="0.25">
      <c r="B202" s="727"/>
      <c r="E202" s="727"/>
      <c r="F202" s="727"/>
      <c r="G202" s="727"/>
      <c r="H202" s="727"/>
      <c r="I202" s="727"/>
      <c r="J202" s="34" t="str">
        <f>_xlfn.CONCAT($B$4, C203, $B$5)</f>
        <v xml:space="preserve">Associated playing pitch provision in line with the Sport England requirements to support development at North Hemel Hempstead (Hm01). This includes but is not limited to contributions towards: </v>
      </c>
      <c r="K202" s="34"/>
      <c r="L202" s="34" t="s">
        <v>2605</v>
      </c>
    </row>
    <row r="203" spans="2:12" ht="42.75" x14ac:dyDescent="0.25">
      <c r="B203" s="727" t="s">
        <v>2136</v>
      </c>
      <c r="C203" s="916" t="s">
        <v>1360</v>
      </c>
      <c r="E203" s="750">
        <f>$E$15*$C204</f>
        <v>1.03</v>
      </c>
      <c r="F203" t="s">
        <v>428</v>
      </c>
      <c r="G203" s="917">
        <v>1237304</v>
      </c>
      <c r="H203" s="728" t="str">
        <f t="shared" ref="H203:H206" si="46">TEXT(G203,"£#,##0_);($#,##0)")</f>
        <v xml:space="preserve">£1,237,304 </v>
      </c>
      <c r="J203" s="34" t="str">
        <f>_xlfn.CONCAT(ROUND(E203, 2), " ", F203)</f>
        <v>1.03 Artificial Grass Pitches (AGP)</v>
      </c>
      <c r="K203" s="34"/>
      <c r="L203" s="34" t="str">
        <f>_xlfn.CONCAT(J203, " = ", H203)</f>
        <v xml:space="preserve">1.03 Artificial Grass Pitches (AGP) = £1,237,304 </v>
      </c>
    </row>
    <row r="204" spans="2:12" ht="29.25" x14ac:dyDescent="0.25">
      <c r="B204" s="727" t="s">
        <v>2137</v>
      </c>
      <c r="C204">
        <f>C200/C14</f>
        <v>1</v>
      </c>
      <c r="E204" s="750">
        <f>$E$16*$C204</f>
        <v>19.760000000000002</v>
      </c>
      <c r="F204" t="s">
        <v>330</v>
      </c>
      <c r="G204" s="917">
        <v>2238731</v>
      </c>
      <c r="H204" s="728" t="str">
        <f t="shared" si="46"/>
        <v xml:space="preserve">£2,238,731 </v>
      </c>
      <c r="I204" s="34"/>
      <c r="J204" s="34" t="str">
        <f t="shared" ref="J204:J206" si="47">_xlfn.CONCAT(ROUND(E204, 2), " ", F204)</f>
        <v>19.76 Natural Grass Pitches (NGP)</v>
      </c>
      <c r="K204" s="34"/>
      <c r="L204" s="34" t="str">
        <f t="shared" ref="L204:L206" si="48">_xlfn.CONCAT(J204, " = ", H204)</f>
        <v xml:space="preserve">19.76 Natural Grass Pitches (NGP) = £2,238,731 </v>
      </c>
    </row>
    <row r="205" spans="2:12" ht="29.25" x14ac:dyDescent="0.25">
      <c r="E205" s="750">
        <f>$E$17*$C204</f>
        <v>2.06</v>
      </c>
      <c r="F205" t="s">
        <v>2596</v>
      </c>
      <c r="G205" s="917">
        <v>438465</v>
      </c>
      <c r="H205" s="728" t="str">
        <f t="shared" si="46"/>
        <v xml:space="preserve">£438,465 </v>
      </c>
      <c r="J205" s="34" t="str">
        <f t="shared" si="47"/>
        <v>2.06 Changing rooms for AGP</v>
      </c>
      <c r="K205" s="34"/>
      <c r="L205" s="34" t="str">
        <f t="shared" si="48"/>
        <v xml:space="preserve">2.06 Changing rooms for AGP = £438,465 </v>
      </c>
    </row>
    <row r="206" spans="2:12" ht="29.25" x14ac:dyDescent="0.25">
      <c r="E206" s="750">
        <f>$E$18*$C204</f>
        <v>20.85</v>
      </c>
      <c r="F206" s="613" t="s">
        <v>2597</v>
      </c>
      <c r="G206" s="918">
        <v>4433862</v>
      </c>
      <c r="H206" s="728" t="str">
        <f t="shared" si="46"/>
        <v xml:space="preserve">£4,433,862 </v>
      </c>
      <c r="J206" s="34" t="str">
        <f t="shared" si="47"/>
        <v>20.85 Changing rooms for NGP</v>
      </c>
      <c r="K206" s="34"/>
      <c r="L206" s="34" t="str">
        <f t="shared" si="48"/>
        <v xml:space="preserve">20.85 Changing rooms for NGP = £4,433,862 </v>
      </c>
    </row>
    <row r="207" spans="2:12" ht="100.5" x14ac:dyDescent="0.25">
      <c r="D207" s="74" t="s">
        <v>1379</v>
      </c>
      <c r="E207" s="74"/>
      <c r="F207" s="729"/>
      <c r="G207" s="730">
        <f>SUM(G203:G206)</f>
        <v>8348362</v>
      </c>
      <c r="H207" s="731" t="str">
        <f>TEXT(G207,"£#,##0_);($#,##0)")</f>
        <v xml:space="preserve">£8,348,362 </v>
      </c>
      <c r="J207" s="34" t="s">
        <v>2139</v>
      </c>
      <c r="K207" s="34"/>
      <c r="L207" s="34" t="str">
        <f>_xlfn.CONCAT("= ", H207)</f>
        <v xml:space="preserve">= £8,348,362 </v>
      </c>
    </row>
  </sheetData>
  <pageMargins left="0.7" right="0.7" top="0.75" bottom="0.75" header="0.3" footer="0.3"/>
</worksheet>
</file>

<file path=xl/worksheets/sheet18.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3661A30-EA38-4FF5-AAD6-FC166AB1B578}">
  <sheetPr filterMode="1"/>
  <dimension ref="A1:CB230"/>
  <sheetViews>
    <sheetView topLeftCell="AP2" workbookViewId="0">
      <selection activeCell="H9" sqref="H9"/>
    </sheetView>
  </sheetViews>
  <sheetFormatPr defaultRowHeight="15" x14ac:dyDescent="0.25"/>
  <cols>
    <col min="1" max="1" width="6.75" hidden="1" customWidth="1"/>
    <col min="2" max="2" width="9.75" hidden="1" customWidth="1"/>
    <col min="3" max="3" width="7.5" customWidth="1"/>
    <col min="4" max="4" width="9.5" customWidth="1"/>
    <col min="5" max="5" width="9.25" customWidth="1"/>
    <col min="6" max="6" width="13.75" customWidth="1"/>
    <col min="7" max="7" width="10.625" customWidth="1"/>
    <col min="8" max="8" width="9.125" style="34" customWidth="1"/>
    <col min="9" max="9" width="25.25" style="34" customWidth="1"/>
    <col min="10" max="10" width="38.125" style="34" customWidth="1"/>
    <col min="11" max="11" width="26.625" style="34" bestFit="1" customWidth="1"/>
    <col min="12" max="12" width="28" style="34" bestFit="1" customWidth="1"/>
    <col min="13" max="13" width="25" style="34" customWidth="1"/>
    <col min="14" max="15" width="0" style="34" hidden="1" customWidth="1"/>
    <col min="16" max="16" width="25" style="34" customWidth="1"/>
    <col min="17" max="18" width="0" style="34" hidden="1" customWidth="1"/>
    <col min="19" max="19" width="25" style="34" customWidth="1"/>
    <col min="20" max="20" width="27" style="34" customWidth="1"/>
    <col min="21" max="23" width="0" style="34" hidden="1" customWidth="1"/>
    <col min="24" max="24" width="27.5" style="34" customWidth="1"/>
    <col min="25" max="25" width="27.625" style="34" customWidth="1"/>
    <col min="26" max="34" width="13.75" style="34" customWidth="1"/>
    <col min="35" max="45" width="13.25" style="34" customWidth="1"/>
    <col min="46" max="52" width="8.75" style="34" customWidth="1"/>
    <col min="53" max="53" width="27.25" style="34" bestFit="1" customWidth="1"/>
    <col min="54" max="54" width="27.75" style="34" bestFit="1" customWidth="1"/>
    <col min="55" max="55" width="17.125" style="34" bestFit="1" customWidth="1"/>
    <col min="56" max="57" width="9" style="34" customWidth="1"/>
    <col min="58" max="58" width="32.25" customWidth="1"/>
    <col min="59" max="59" width="18.5" style="945" customWidth="1"/>
    <col min="60" max="79" width="16.75" customWidth="1"/>
  </cols>
  <sheetData>
    <row r="1" spans="3:80" ht="105.75" thickBot="1" x14ac:dyDescent="0.3">
      <c r="W1" s="1232" t="s">
        <v>1410</v>
      </c>
      <c r="AN1" s="261" t="s">
        <v>1414</v>
      </c>
      <c r="AO1" s="261" t="s">
        <v>1414</v>
      </c>
      <c r="AP1" s="261" t="s">
        <v>1414</v>
      </c>
      <c r="AQ1" s="261" t="s">
        <v>1414</v>
      </c>
      <c r="AR1" s="261" t="s">
        <v>1414</v>
      </c>
      <c r="AS1" s="261" t="s">
        <v>1414</v>
      </c>
      <c r="AT1" s="1233" t="s">
        <v>1411</v>
      </c>
      <c r="AU1" s="1233" t="s">
        <v>1411</v>
      </c>
      <c r="AV1" s="1233" t="s">
        <v>1411</v>
      </c>
      <c r="AW1" s="1233" t="s">
        <v>1411</v>
      </c>
      <c r="AX1" s="1233" t="s">
        <v>1411</v>
      </c>
      <c r="AY1" s="1233" t="s">
        <v>1411</v>
      </c>
      <c r="BG1" s="1234"/>
    </row>
    <row r="2" spans="3:80" ht="90" x14ac:dyDescent="0.25">
      <c r="C2" s="969"/>
      <c r="D2" s="970"/>
      <c r="E2" s="970"/>
      <c r="F2" s="970"/>
      <c r="G2" s="971"/>
      <c r="H2" s="1235" t="s">
        <v>1416</v>
      </c>
      <c r="I2" s="1236" t="s">
        <v>1417</v>
      </c>
      <c r="J2" s="1236" t="s">
        <v>1418</v>
      </c>
      <c r="K2" s="1236" t="s">
        <v>1420</v>
      </c>
      <c r="L2" s="1236" t="s">
        <v>1421</v>
      </c>
      <c r="M2" s="1236" t="s">
        <v>1422</v>
      </c>
      <c r="N2" s="1236" t="s">
        <v>1423</v>
      </c>
      <c r="O2" s="1237" t="s">
        <v>1424</v>
      </c>
      <c r="P2" s="1236" t="s">
        <v>1425</v>
      </c>
      <c r="Q2" s="1236" t="s">
        <v>1426</v>
      </c>
      <c r="R2" s="1236" t="s">
        <v>1427</v>
      </c>
      <c r="S2" s="1236" t="s">
        <v>1428</v>
      </c>
      <c r="T2" s="1236" t="s">
        <v>1429</v>
      </c>
      <c r="U2" s="1236" t="s">
        <v>1430</v>
      </c>
      <c r="V2" s="1236" t="s">
        <v>1431</v>
      </c>
      <c r="W2" s="1236" t="s">
        <v>1432</v>
      </c>
      <c r="X2" s="1238" t="s">
        <v>1433</v>
      </c>
      <c r="Y2" s="1238" t="s">
        <v>1434</v>
      </c>
      <c r="Z2" s="1239" t="s">
        <v>2617</v>
      </c>
      <c r="AA2" s="1239" t="s">
        <v>2617</v>
      </c>
      <c r="AB2" s="1239" t="s">
        <v>2617</v>
      </c>
      <c r="AC2" s="1239" t="s">
        <v>2617</v>
      </c>
      <c r="AD2" s="1239" t="s">
        <v>2617</v>
      </c>
      <c r="AE2" s="1239" t="s">
        <v>2617</v>
      </c>
      <c r="AF2" s="1239" t="s">
        <v>2617</v>
      </c>
      <c r="AG2" s="1239" t="s">
        <v>2617</v>
      </c>
      <c r="AH2" s="1239" t="s">
        <v>2617</v>
      </c>
      <c r="AI2" s="1239" t="s">
        <v>2617</v>
      </c>
      <c r="AJ2" s="1239" t="s">
        <v>2617</v>
      </c>
      <c r="AK2" s="1239" t="s">
        <v>2617</v>
      </c>
      <c r="AL2" s="1239" t="s">
        <v>2617</v>
      </c>
      <c r="AM2" s="1239" t="s">
        <v>2617</v>
      </c>
      <c r="AN2" s="1239" t="s">
        <v>2617</v>
      </c>
      <c r="AO2" s="1239" t="s">
        <v>2617</v>
      </c>
      <c r="AP2" s="1239" t="s">
        <v>2617</v>
      </c>
      <c r="AQ2" s="1239" t="s">
        <v>2617</v>
      </c>
      <c r="AR2" s="1239" t="s">
        <v>2617</v>
      </c>
      <c r="AS2" s="1239" t="s">
        <v>2617</v>
      </c>
      <c r="AT2" s="1239" t="s">
        <v>2617</v>
      </c>
      <c r="AU2" s="1239" t="s">
        <v>2617</v>
      </c>
      <c r="AV2" s="1239" t="s">
        <v>2617</v>
      </c>
      <c r="AW2" s="1239" t="s">
        <v>2617</v>
      </c>
      <c r="AX2" s="1239" t="s">
        <v>2617</v>
      </c>
      <c r="AY2" s="1239" t="s">
        <v>2617</v>
      </c>
      <c r="AZ2" s="1235" t="s">
        <v>1437</v>
      </c>
      <c r="BA2" s="1236" t="s">
        <v>1438</v>
      </c>
      <c r="BB2" s="1238" t="s">
        <v>1439</v>
      </c>
      <c r="BC2" s="1240" t="s">
        <v>1440</v>
      </c>
      <c r="BD2" s="1241" t="s">
        <v>1440</v>
      </c>
      <c r="BE2" s="1241" t="s">
        <v>1440</v>
      </c>
      <c r="BF2" s="1241" t="s">
        <v>1441</v>
      </c>
      <c r="BG2" s="1242"/>
      <c r="BH2" s="1243" t="s">
        <v>1442</v>
      </c>
      <c r="BI2" s="1244"/>
      <c r="BJ2" s="1244"/>
      <c r="BK2" s="1244"/>
      <c r="BL2" s="1244"/>
      <c r="BM2" s="1244"/>
      <c r="BN2" s="1244"/>
      <c r="BO2" s="1244"/>
      <c r="BP2" s="1244"/>
      <c r="BQ2" s="1244"/>
      <c r="BR2" s="1244"/>
      <c r="BS2" s="1244"/>
      <c r="BT2" s="1244"/>
      <c r="BU2" s="1244"/>
      <c r="BV2" s="1244"/>
      <c r="BW2" s="1244"/>
      <c r="BX2" s="1244"/>
      <c r="BY2" s="1244"/>
      <c r="BZ2" s="1244"/>
      <c r="CA2" s="1244"/>
      <c r="CB2" s="1244"/>
    </row>
    <row r="3" spans="3:80" ht="75" customHeight="1" thickBot="1" x14ac:dyDescent="0.3">
      <c r="C3" s="1245" t="s">
        <v>1443</v>
      </c>
      <c r="D3" s="1245" t="s">
        <v>1444</v>
      </c>
      <c r="E3" s="1245" t="s">
        <v>1445</v>
      </c>
      <c r="F3" s="1245" t="s">
        <v>1446</v>
      </c>
      <c r="G3" s="1245" t="s">
        <v>1447</v>
      </c>
      <c r="H3" s="1246" t="s">
        <v>191</v>
      </c>
      <c r="I3" s="1247" t="s">
        <v>1448</v>
      </c>
      <c r="J3" s="1247" t="s">
        <v>1449</v>
      </c>
      <c r="K3" s="1247" t="s">
        <v>1420</v>
      </c>
      <c r="L3" s="1247" t="s">
        <v>1421</v>
      </c>
      <c r="M3" s="1247" t="s">
        <v>1451</v>
      </c>
      <c r="N3" s="1247" t="s">
        <v>1451</v>
      </c>
      <c r="O3" s="1248" t="s">
        <v>1452</v>
      </c>
      <c r="P3" s="1247" t="s">
        <v>1451</v>
      </c>
      <c r="Q3" s="1247" t="s">
        <v>1453</v>
      </c>
      <c r="R3" s="1247" t="s">
        <v>1451</v>
      </c>
      <c r="S3" s="1247" t="s">
        <v>1451</v>
      </c>
      <c r="T3" s="1247" t="s">
        <v>1454</v>
      </c>
      <c r="U3" s="1247" t="s">
        <v>1455</v>
      </c>
      <c r="V3" s="1247" t="s">
        <v>1456</v>
      </c>
      <c r="W3" s="1247" t="s">
        <v>1457</v>
      </c>
      <c r="X3" s="1249"/>
      <c r="Y3" s="1249" t="s">
        <v>1458</v>
      </c>
      <c r="Z3" s="1250" t="s">
        <v>1459</v>
      </c>
      <c r="AA3" s="1250" t="s">
        <v>1460</v>
      </c>
      <c r="AB3" s="1250" t="s">
        <v>1461</v>
      </c>
      <c r="AC3" s="1250" t="s">
        <v>1462</v>
      </c>
      <c r="AD3" s="1250" t="s">
        <v>1463</v>
      </c>
      <c r="AE3" s="1250" t="s">
        <v>1464</v>
      </c>
      <c r="AF3" s="1250" t="s">
        <v>1465</v>
      </c>
      <c r="AG3" s="1250" t="s">
        <v>1466</v>
      </c>
      <c r="AH3" s="1250" t="s">
        <v>1467</v>
      </c>
      <c r="AI3" s="1250" t="s">
        <v>1468</v>
      </c>
      <c r="AJ3" s="1250" t="s">
        <v>1469</v>
      </c>
      <c r="AK3" s="1250" t="s">
        <v>1470</v>
      </c>
      <c r="AL3" s="1250" t="s">
        <v>1471</v>
      </c>
      <c r="AM3" s="1250" t="s">
        <v>1472</v>
      </c>
      <c r="AN3" s="1250" t="s">
        <v>1473</v>
      </c>
      <c r="AO3" s="1250" t="s">
        <v>1474</v>
      </c>
      <c r="AP3" s="1250" t="s">
        <v>1475</v>
      </c>
      <c r="AQ3" s="1250" t="s">
        <v>1476</v>
      </c>
      <c r="AR3" s="1250" t="s">
        <v>1477</v>
      </c>
      <c r="AS3" s="1250" t="s">
        <v>1478</v>
      </c>
      <c r="AT3" s="1250" t="s">
        <v>1473</v>
      </c>
      <c r="AU3" s="1250" t="s">
        <v>1474</v>
      </c>
      <c r="AV3" s="1250" t="s">
        <v>1475</v>
      </c>
      <c r="AW3" s="1250" t="s">
        <v>1476</v>
      </c>
      <c r="AX3" s="1250" t="s">
        <v>1477</v>
      </c>
      <c r="AY3" s="1250" t="s">
        <v>1478</v>
      </c>
      <c r="AZ3" s="1251" t="s">
        <v>1479</v>
      </c>
      <c r="BA3" s="1247" t="s">
        <v>1480</v>
      </c>
      <c r="BB3" s="1249" t="s">
        <v>1481</v>
      </c>
      <c r="BC3" s="1252" t="s">
        <v>1482</v>
      </c>
      <c r="BD3" s="1253"/>
      <c r="BE3" s="1253"/>
      <c r="BF3" s="1254" t="s">
        <v>1483</v>
      </c>
      <c r="BG3" s="1255" t="s">
        <v>1484</v>
      </c>
      <c r="BH3" s="1256" t="s">
        <v>1459</v>
      </c>
      <c r="BI3" s="1250" t="s">
        <v>1460</v>
      </c>
      <c r="BJ3" s="1250" t="s">
        <v>1461</v>
      </c>
      <c r="BK3" s="1250" t="s">
        <v>1462</v>
      </c>
      <c r="BL3" s="1250" t="s">
        <v>1463</v>
      </c>
      <c r="BM3" s="1250" t="s">
        <v>1464</v>
      </c>
      <c r="BN3" s="1250" t="s">
        <v>1465</v>
      </c>
      <c r="BO3" s="1250" t="s">
        <v>1466</v>
      </c>
      <c r="BP3" s="1250" t="s">
        <v>1467</v>
      </c>
      <c r="BQ3" s="1250" t="s">
        <v>1468</v>
      </c>
      <c r="BR3" s="1250" t="s">
        <v>1469</v>
      </c>
      <c r="BS3" s="1250" t="s">
        <v>1470</v>
      </c>
      <c r="BT3" s="1250" t="s">
        <v>1471</v>
      </c>
      <c r="BU3" s="1250" t="s">
        <v>1472</v>
      </c>
      <c r="BV3" s="1250" t="s">
        <v>1473</v>
      </c>
      <c r="BW3" s="1250" t="s">
        <v>1474</v>
      </c>
      <c r="BX3" s="1250" t="s">
        <v>1475</v>
      </c>
      <c r="BY3" s="1250" t="s">
        <v>1476</v>
      </c>
      <c r="BZ3" s="1250" t="s">
        <v>1477</v>
      </c>
      <c r="CA3" s="1250" t="s">
        <v>1478</v>
      </c>
      <c r="CB3" s="1250" t="s">
        <v>1379</v>
      </c>
    </row>
    <row r="4" spans="3:80" ht="75" hidden="1" x14ac:dyDescent="0.25">
      <c r="C4" s="597"/>
      <c r="D4" s="597" t="s">
        <v>66</v>
      </c>
      <c r="E4" s="597"/>
      <c r="F4" s="597"/>
      <c r="G4" s="597"/>
      <c r="H4" s="499" t="s">
        <v>1486</v>
      </c>
      <c r="I4" s="773" t="s">
        <v>831</v>
      </c>
      <c r="J4" s="773" t="s">
        <v>832</v>
      </c>
      <c r="K4" s="773">
        <v>51.767179280000001</v>
      </c>
      <c r="L4" s="773">
        <v>-0.45673127299999999</v>
      </c>
      <c r="M4" s="773" t="s">
        <v>1488</v>
      </c>
      <c r="N4" s="773" t="s">
        <v>1489</v>
      </c>
      <c r="O4" s="773">
        <v>2</v>
      </c>
      <c r="P4" s="773" t="s">
        <v>830</v>
      </c>
      <c r="Q4" s="773" t="s">
        <v>1490</v>
      </c>
      <c r="R4" s="773" t="s">
        <v>1491</v>
      </c>
      <c r="S4" s="773" t="s">
        <v>1492</v>
      </c>
      <c r="T4" s="773" t="s">
        <v>1493</v>
      </c>
      <c r="U4" s="773" t="s">
        <v>1494</v>
      </c>
      <c r="V4" s="946" t="str">
        <f>_xlfn.XLOOKUP(H4, [5]GIS!D:D, [5]GIS!E:E, "Not mapped")</f>
        <v>Multiple - Scenario 1</v>
      </c>
      <c r="W4" s="1257" t="s">
        <v>1495</v>
      </c>
      <c r="X4" s="579" t="s">
        <v>1496</v>
      </c>
      <c r="Y4" s="1258" t="s">
        <v>1497</v>
      </c>
      <c r="Z4" s="1259" t="s">
        <v>1498</v>
      </c>
      <c r="AA4" s="1259" t="s">
        <v>1498</v>
      </c>
      <c r="AB4" s="1259" t="s">
        <v>1498</v>
      </c>
      <c r="AC4" s="1259" t="s">
        <v>1498</v>
      </c>
      <c r="AD4" s="1259" t="s">
        <v>1498</v>
      </c>
      <c r="AE4" s="1259" t="s">
        <v>1498</v>
      </c>
      <c r="AF4" s="1259" t="s">
        <v>1498</v>
      </c>
      <c r="AG4" s="1259" t="s">
        <v>1498</v>
      </c>
      <c r="AH4" s="1259" t="s">
        <v>1498</v>
      </c>
      <c r="AI4" s="1259" t="s">
        <v>1498</v>
      </c>
      <c r="AJ4" s="1259" t="s">
        <v>1498</v>
      </c>
      <c r="AK4" s="1259" t="s">
        <v>1498</v>
      </c>
      <c r="AL4" s="1259" t="s">
        <v>1498</v>
      </c>
      <c r="AM4" s="1259" t="s">
        <v>1498</v>
      </c>
      <c r="AN4" s="1259" t="s">
        <v>1498</v>
      </c>
      <c r="AO4" s="1259" t="s">
        <v>1498</v>
      </c>
      <c r="AP4" s="1259" t="s">
        <v>1498</v>
      </c>
      <c r="AQ4" s="1259" t="s">
        <v>1498</v>
      </c>
      <c r="AR4" s="1259" t="s">
        <v>1498</v>
      </c>
      <c r="AS4" s="1259" t="s">
        <v>1498</v>
      </c>
      <c r="AT4" s="1259" t="s">
        <v>1498</v>
      </c>
      <c r="AU4" s="1259" t="s">
        <v>1498</v>
      </c>
      <c r="AV4" s="1259" t="s">
        <v>1498</v>
      </c>
      <c r="AW4" s="1259" t="s">
        <v>1498</v>
      </c>
      <c r="AX4" s="1259" t="s">
        <v>1498</v>
      </c>
      <c r="AY4" s="1259" t="s">
        <v>1498</v>
      </c>
      <c r="AZ4" s="947" t="s">
        <v>1499</v>
      </c>
      <c r="BA4" s="773" t="s">
        <v>834</v>
      </c>
      <c r="BB4" s="957" t="s">
        <v>53</v>
      </c>
      <c r="BC4" s="979">
        <v>370629.19</v>
      </c>
      <c r="BD4" s="948">
        <v>0</v>
      </c>
      <c r="BE4" s="948" t="s">
        <v>1500</v>
      </c>
      <c r="BF4" s="1260" t="s">
        <v>1501</v>
      </c>
      <c r="BG4" s="1261">
        <v>370629.19</v>
      </c>
      <c r="BH4" s="976" t="e">
        <f t="shared" ref="BH4:BU8" si="0">Z4/(SUM($Z4:$AY4))</f>
        <v>#VALUE!</v>
      </c>
      <c r="BI4" s="972" t="e">
        <f t="shared" si="0"/>
        <v>#VALUE!</v>
      </c>
      <c r="BJ4" s="972" t="e">
        <f t="shared" si="0"/>
        <v>#VALUE!</v>
      </c>
      <c r="BK4" s="972" t="e">
        <f t="shared" si="0"/>
        <v>#VALUE!</v>
      </c>
      <c r="BL4" s="972" t="e">
        <f t="shared" si="0"/>
        <v>#VALUE!</v>
      </c>
      <c r="BM4" s="972" t="e">
        <f t="shared" si="0"/>
        <v>#VALUE!</v>
      </c>
      <c r="BN4" s="972" t="e">
        <f t="shared" si="0"/>
        <v>#VALUE!</v>
      </c>
      <c r="BO4" s="972" t="e">
        <f t="shared" si="0"/>
        <v>#VALUE!</v>
      </c>
      <c r="BP4" s="972" t="e">
        <f t="shared" si="0"/>
        <v>#VALUE!</v>
      </c>
      <c r="BQ4" s="972" t="e">
        <f t="shared" si="0"/>
        <v>#VALUE!</v>
      </c>
      <c r="BR4" s="972" t="e">
        <f t="shared" si="0"/>
        <v>#VALUE!</v>
      </c>
      <c r="BS4" s="972" t="e">
        <f t="shared" si="0"/>
        <v>#VALUE!</v>
      </c>
      <c r="BT4" s="972" t="e">
        <f t="shared" si="0"/>
        <v>#VALUE!</v>
      </c>
      <c r="BU4" s="972" t="e">
        <f t="shared" si="0"/>
        <v>#VALUE!</v>
      </c>
      <c r="BV4" s="972" t="e">
        <f t="shared" ref="BV4:CA8" si="1">AM4/(SUM($Z4:$AY4))</f>
        <v>#VALUE!</v>
      </c>
      <c r="BW4" s="972" t="e">
        <f t="shared" si="1"/>
        <v>#VALUE!</v>
      </c>
      <c r="BX4" s="972" t="e">
        <f t="shared" si="1"/>
        <v>#VALUE!</v>
      </c>
      <c r="BY4" s="972" t="e">
        <f t="shared" si="1"/>
        <v>#VALUE!</v>
      </c>
      <c r="BZ4" s="972" t="e">
        <f t="shared" si="1"/>
        <v>#VALUE!</v>
      </c>
      <c r="CA4" s="972" t="e">
        <f t="shared" si="1"/>
        <v>#VALUE!</v>
      </c>
      <c r="CB4" s="973" t="e">
        <f t="shared" ref="CB4:CB8" si="2">SUM(BH4:CA4)</f>
        <v>#VALUE!</v>
      </c>
    </row>
    <row r="5" spans="3:80" ht="75" hidden="1" x14ac:dyDescent="0.25">
      <c r="C5" s="597"/>
      <c r="D5" s="597" t="s">
        <v>66</v>
      </c>
      <c r="E5" s="597"/>
      <c r="F5" s="597"/>
      <c r="G5" s="597"/>
      <c r="H5" s="499" t="s">
        <v>1502</v>
      </c>
      <c r="I5" s="499" t="s">
        <v>835</v>
      </c>
      <c r="J5" s="499" t="s">
        <v>836</v>
      </c>
      <c r="K5" s="499">
        <v>51.759415990000001</v>
      </c>
      <c r="L5" s="499">
        <v>-0.46255637900000002</v>
      </c>
      <c r="M5" s="499" t="s">
        <v>1488</v>
      </c>
      <c r="N5" s="499" t="s">
        <v>1489</v>
      </c>
      <c r="O5" s="499">
        <v>2</v>
      </c>
      <c r="P5" s="499" t="s">
        <v>830</v>
      </c>
      <c r="Q5" s="499" t="s">
        <v>1490</v>
      </c>
      <c r="R5" s="499" t="s">
        <v>1491</v>
      </c>
      <c r="S5" s="499" t="s">
        <v>1492</v>
      </c>
      <c r="T5" s="499" t="s">
        <v>1493</v>
      </c>
      <c r="U5" s="499" t="s">
        <v>1504</v>
      </c>
      <c r="V5" s="946" t="str">
        <f>_xlfn.XLOOKUP(H5, [5]GIS!D:D, [5]GIS!E:E, "Not mapped")</f>
        <v>Multiple - Scenario 1</v>
      </c>
      <c r="W5" s="1257" t="s">
        <v>1495</v>
      </c>
      <c r="X5" s="579" t="s">
        <v>1496</v>
      </c>
      <c r="Y5" s="1258" t="s">
        <v>1497</v>
      </c>
      <c r="Z5" s="1259" t="s">
        <v>1498</v>
      </c>
      <c r="AA5" s="1259" t="s">
        <v>1498</v>
      </c>
      <c r="AB5" s="1259" t="s">
        <v>1498</v>
      </c>
      <c r="AC5" s="1259" t="s">
        <v>1498</v>
      </c>
      <c r="AD5" s="1259" t="s">
        <v>1498</v>
      </c>
      <c r="AE5" s="1259" t="s">
        <v>1498</v>
      </c>
      <c r="AF5" s="1259" t="s">
        <v>1498</v>
      </c>
      <c r="AG5" s="1259" t="s">
        <v>1498</v>
      </c>
      <c r="AH5" s="1259" t="s">
        <v>1498</v>
      </c>
      <c r="AI5" s="1259" t="s">
        <v>1498</v>
      </c>
      <c r="AJ5" s="1259" t="s">
        <v>1498</v>
      </c>
      <c r="AK5" s="1259" t="s">
        <v>1498</v>
      </c>
      <c r="AL5" s="1259" t="s">
        <v>1498</v>
      </c>
      <c r="AM5" s="1259" t="s">
        <v>1498</v>
      </c>
      <c r="AN5" s="1259" t="s">
        <v>1498</v>
      </c>
      <c r="AO5" s="1259" t="s">
        <v>1498</v>
      </c>
      <c r="AP5" s="1259" t="s">
        <v>1498</v>
      </c>
      <c r="AQ5" s="1259" t="s">
        <v>1498</v>
      </c>
      <c r="AR5" s="1259" t="s">
        <v>1498</v>
      </c>
      <c r="AS5" s="1259" t="s">
        <v>1498</v>
      </c>
      <c r="AT5" s="1259" t="s">
        <v>1498</v>
      </c>
      <c r="AU5" s="1259" t="s">
        <v>1498</v>
      </c>
      <c r="AV5" s="1259" t="s">
        <v>1498</v>
      </c>
      <c r="AW5" s="1259" t="s">
        <v>1498</v>
      </c>
      <c r="AX5" s="1259" t="s">
        <v>1498</v>
      </c>
      <c r="AY5" s="1259" t="s">
        <v>1498</v>
      </c>
      <c r="AZ5" s="905" t="s">
        <v>1499</v>
      </c>
      <c r="BA5" s="499" t="s">
        <v>834</v>
      </c>
      <c r="BB5" s="953" t="s">
        <v>53</v>
      </c>
      <c r="BC5" s="979">
        <v>370629.19</v>
      </c>
      <c r="BD5" s="948">
        <v>1</v>
      </c>
      <c r="BE5" s="948">
        <v>4</v>
      </c>
      <c r="BF5" s="1260" t="s">
        <v>1501</v>
      </c>
      <c r="BG5" s="1261">
        <v>370629.19</v>
      </c>
      <c r="BH5" s="976" t="e">
        <f t="shared" si="0"/>
        <v>#VALUE!</v>
      </c>
      <c r="BI5" s="972" t="e">
        <f t="shared" si="0"/>
        <v>#VALUE!</v>
      </c>
      <c r="BJ5" s="972" t="e">
        <f t="shared" si="0"/>
        <v>#VALUE!</v>
      </c>
      <c r="BK5" s="972" t="e">
        <f t="shared" si="0"/>
        <v>#VALUE!</v>
      </c>
      <c r="BL5" s="972" t="e">
        <f t="shared" si="0"/>
        <v>#VALUE!</v>
      </c>
      <c r="BM5" s="972" t="e">
        <f t="shared" si="0"/>
        <v>#VALUE!</v>
      </c>
      <c r="BN5" s="972" t="e">
        <f t="shared" si="0"/>
        <v>#VALUE!</v>
      </c>
      <c r="BO5" s="972" t="e">
        <f t="shared" si="0"/>
        <v>#VALUE!</v>
      </c>
      <c r="BP5" s="972" t="e">
        <f t="shared" si="0"/>
        <v>#VALUE!</v>
      </c>
      <c r="BQ5" s="972" t="e">
        <f t="shared" si="0"/>
        <v>#VALUE!</v>
      </c>
      <c r="BR5" s="972" t="e">
        <f t="shared" si="0"/>
        <v>#VALUE!</v>
      </c>
      <c r="BS5" s="972" t="e">
        <f t="shared" si="0"/>
        <v>#VALUE!</v>
      </c>
      <c r="BT5" s="972" t="e">
        <f t="shared" si="0"/>
        <v>#VALUE!</v>
      </c>
      <c r="BU5" s="972" t="e">
        <f t="shared" si="0"/>
        <v>#VALUE!</v>
      </c>
      <c r="BV5" s="972" t="e">
        <f t="shared" si="1"/>
        <v>#VALUE!</v>
      </c>
      <c r="BW5" s="972" t="e">
        <f t="shared" si="1"/>
        <v>#VALUE!</v>
      </c>
      <c r="BX5" s="972" t="e">
        <f t="shared" si="1"/>
        <v>#VALUE!</v>
      </c>
      <c r="BY5" s="972" t="e">
        <f t="shared" si="1"/>
        <v>#VALUE!</v>
      </c>
      <c r="BZ5" s="972" t="e">
        <f t="shared" si="1"/>
        <v>#VALUE!</v>
      </c>
      <c r="CA5" s="972" t="e">
        <f t="shared" si="1"/>
        <v>#VALUE!</v>
      </c>
      <c r="CB5" s="973" t="e">
        <f t="shared" si="2"/>
        <v>#VALUE!</v>
      </c>
    </row>
    <row r="6" spans="3:80" ht="57.75" hidden="1" x14ac:dyDescent="0.25">
      <c r="C6" s="597" t="s">
        <v>66</v>
      </c>
      <c r="D6" s="597" t="s">
        <v>66</v>
      </c>
      <c r="E6" s="597"/>
      <c r="F6" s="597"/>
      <c r="G6" s="597"/>
      <c r="H6" s="499" t="s">
        <v>1506</v>
      </c>
      <c r="I6" s="499" t="s">
        <v>837</v>
      </c>
      <c r="J6" s="499" t="s">
        <v>838</v>
      </c>
      <c r="K6" s="499">
        <v>51.772893109999998</v>
      </c>
      <c r="L6" s="499">
        <v>-0.45847975099999999</v>
      </c>
      <c r="M6" s="499" t="s">
        <v>1488</v>
      </c>
      <c r="N6" s="499" t="s">
        <v>1489</v>
      </c>
      <c r="O6" s="499">
        <v>2</v>
      </c>
      <c r="P6" s="499" t="s">
        <v>830</v>
      </c>
      <c r="Q6" s="499" t="s">
        <v>1490</v>
      </c>
      <c r="R6" s="499" t="s">
        <v>1491</v>
      </c>
      <c r="S6" s="499" t="s">
        <v>1492</v>
      </c>
      <c r="T6" s="499" t="s">
        <v>1493</v>
      </c>
      <c r="U6" s="499" t="s">
        <v>1507</v>
      </c>
      <c r="V6" s="946" t="str">
        <f>_xlfn.XLOOKUP(H6, [5]GIS!D:D, [5]GIS!E:E, "Not mapped")</f>
        <v>Single - Scenario 2</v>
      </c>
      <c r="W6" s="499" t="s">
        <v>1508</v>
      </c>
      <c r="X6" s="579" t="s">
        <v>1496</v>
      </c>
      <c r="Y6" s="1258" t="s">
        <v>1497</v>
      </c>
      <c r="Z6" s="1259" t="s">
        <v>1498</v>
      </c>
      <c r="AA6" s="1259" t="s">
        <v>1498</v>
      </c>
      <c r="AB6" s="1259" t="s">
        <v>1498</v>
      </c>
      <c r="AC6" s="1259" t="s">
        <v>1498</v>
      </c>
      <c r="AD6" s="1259" t="s">
        <v>1498</v>
      </c>
      <c r="AE6" s="1259" t="s">
        <v>1498</v>
      </c>
      <c r="AF6" s="1259" t="s">
        <v>1498</v>
      </c>
      <c r="AG6" s="1259" t="s">
        <v>1498</v>
      </c>
      <c r="AH6" s="1259" t="s">
        <v>1498</v>
      </c>
      <c r="AI6" s="1259" t="s">
        <v>1498</v>
      </c>
      <c r="AJ6" s="1259" t="s">
        <v>1498</v>
      </c>
      <c r="AK6" s="1259" t="s">
        <v>1498</v>
      </c>
      <c r="AL6" s="1259" t="s">
        <v>1498</v>
      </c>
      <c r="AM6" s="1259" t="s">
        <v>1498</v>
      </c>
      <c r="AN6" s="1259" t="s">
        <v>1498</v>
      </c>
      <c r="AO6" s="1259" t="s">
        <v>1498</v>
      </c>
      <c r="AP6" s="1259" t="s">
        <v>1498</v>
      </c>
      <c r="AQ6" s="1259" t="s">
        <v>1498</v>
      </c>
      <c r="AR6" s="1259" t="s">
        <v>1498</v>
      </c>
      <c r="AS6" s="1259" t="s">
        <v>1498</v>
      </c>
      <c r="AT6" s="1259" t="s">
        <v>1498</v>
      </c>
      <c r="AU6" s="1259" t="s">
        <v>1498</v>
      </c>
      <c r="AV6" s="1259" t="s">
        <v>1498</v>
      </c>
      <c r="AW6" s="1259" t="s">
        <v>1498</v>
      </c>
      <c r="AX6" s="1259" t="s">
        <v>1498</v>
      </c>
      <c r="AY6" s="1259" t="s">
        <v>1498</v>
      </c>
      <c r="AZ6" s="905" t="s">
        <v>1509</v>
      </c>
      <c r="BA6" s="499" t="s">
        <v>834</v>
      </c>
      <c r="BB6" s="953" t="s">
        <v>53</v>
      </c>
      <c r="BC6" s="979">
        <v>370629.19</v>
      </c>
      <c r="BD6" s="948">
        <v>1</v>
      </c>
      <c r="BE6" s="948">
        <v>1</v>
      </c>
      <c r="BF6" s="1260" t="s">
        <v>1501</v>
      </c>
      <c r="BG6" s="1261">
        <v>370629.19</v>
      </c>
      <c r="BH6" s="976" t="e">
        <f t="shared" si="0"/>
        <v>#VALUE!</v>
      </c>
      <c r="BI6" s="972" t="e">
        <f t="shared" si="0"/>
        <v>#VALUE!</v>
      </c>
      <c r="BJ6" s="972" t="e">
        <f t="shared" si="0"/>
        <v>#VALUE!</v>
      </c>
      <c r="BK6" s="972" t="e">
        <f t="shared" si="0"/>
        <v>#VALUE!</v>
      </c>
      <c r="BL6" s="972" t="e">
        <f t="shared" si="0"/>
        <v>#VALUE!</v>
      </c>
      <c r="BM6" s="972" t="e">
        <f t="shared" si="0"/>
        <v>#VALUE!</v>
      </c>
      <c r="BN6" s="972" t="e">
        <f t="shared" si="0"/>
        <v>#VALUE!</v>
      </c>
      <c r="BO6" s="972" t="e">
        <f t="shared" si="0"/>
        <v>#VALUE!</v>
      </c>
      <c r="BP6" s="972" t="e">
        <f t="shared" si="0"/>
        <v>#VALUE!</v>
      </c>
      <c r="BQ6" s="972" t="e">
        <f t="shared" si="0"/>
        <v>#VALUE!</v>
      </c>
      <c r="BR6" s="972" t="e">
        <f t="shared" si="0"/>
        <v>#VALUE!</v>
      </c>
      <c r="BS6" s="972" t="e">
        <f t="shared" si="0"/>
        <v>#VALUE!</v>
      </c>
      <c r="BT6" s="972" t="e">
        <f t="shared" si="0"/>
        <v>#VALUE!</v>
      </c>
      <c r="BU6" s="972" t="e">
        <f t="shared" si="0"/>
        <v>#VALUE!</v>
      </c>
      <c r="BV6" s="972" t="e">
        <f t="shared" si="1"/>
        <v>#VALUE!</v>
      </c>
      <c r="BW6" s="972" t="e">
        <f t="shared" si="1"/>
        <v>#VALUE!</v>
      </c>
      <c r="BX6" s="972" t="e">
        <f t="shared" si="1"/>
        <v>#VALUE!</v>
      </c>
      <c r="BY6" s="972" t="e">
        <f t="shared" si="1"/>
        <v>#VALUE!</v>
      </c>
      <c r="BZ6" s="972" t="e">
        <f t="shared" si="1"/>
        <v>#VALUE!</v>
      </c>
      <c r="CA6" s="972" t="e">
        <f t="shared" si="1"/>
        <v>#VALUE!</v>
      </c>
      <c r="CB6" s="973" t="e">
        <f t="shared" si="2"/>
        <v>#VALUE!</v>
      </c>
    </row>
    <row r="7" spans="3:80" ht="43.5" hidden="1" x14ac:dyDescent="0.25">
      <c r="C7" s="597" t="s">
        <v>66</v>
      </c>
      <c r="D7" s="597" t="s">
        <v>66</v>
      </c>
      <c r="E7" s="597"/>
      <c r="F7" s="597"/>
      <c r="G7" s="597"/>
      <c r="H7" s="499" t="s">
        <v>1510</v>
      </c>
      <c r="I7" s="499" t="s">
        <v>840</v>
      </c>
      <c r="J7" s="499" t="s">
        <v>841</v>
      </c>
      <c r="K7" s="499">
        <v>51.780078410000002</v>
      </c>
      <c r="L7" s="499">
        <v>-0.43755959700000002</v>
      </c>
      <c r="M7" s="499" t="s">
        <v>1488</v>
      </c>
      <c r="N7" s="499" t="s">
        <v>1489</v>
      </c>
      <c r="O7" s="499">
        <v>2</v>
      </c>
      <c r="P7" s="499" t="s">
        <v>830</v>
      </c>
      <c r="Q7" s="499" t="s">
        <v>1490</v>
      </c>
      <c r="R7" s="499" t="s">
        <v>1491</v>
      </c>
      <c r="S7" s="499" t="s">
        <v>1492</v>
      </c>
      <c r="T7" s="499" t="s">
        <v>1493</v>
      </c>
      <c r="U7" s="499" t="s">
        <v>1511</v>
      </c>
      <c r="V7" s="946" t="str">
        <f>_xlfn.XLOOKUP(H7, [5]GIS!D:D, [5]GIS!E:E, "Not mapped")</f>
        <v>Multiple - Scenario 1</v>
      </c>
      <c r="W7" s="499" t="s">
        <v>1508</v>
      </c>
      <c r="X7" s="579" t="s">
        <v>1496</v>
      </c>
      <c r="Y7" s="1258" t="s">
        <v>1497</v>
      </c>
      <c r="Z7" s="1259" t="s">
        <v>1498</v>
      </c>
      <c r="AA7" s="1259" t="s">
        <v>1498</v>
      </c>
      <c r="AB7" s="1259" t="s">
        <v>1498</v>
      </c>
      <c r="AC7" s="1259" t="s">
        <v>1498</v>
      </c>
      <c r="AD7" s="1259" t="s">
        <v>1498</v>
      </c>
      <c r="AE7" s="1259" t="s">
        <v>1498</v>
      </c>
      <c r="AF7" s="1259" t="s">
        <v>1498</v>
      </c>
      <c r="AG7" s="1259" t="s">
        <v>1498</v>
      </c>
      <c r="AH7" s="1259" t="s">
        <v>1498</v>
      </c>
      <c r="AI7" s="1259" t="s">
        <v>1498</v>
      </c>
      <c r="AJ7" s="1259" t="s">
        <v>1498</v>
      </c>
      <c r="AK7" s="1259" t="s">
        <v>1498</v>
      </c>
      <c r="AL7" s="1259" t="s">
        <v>1498</v>
      </c>
      <c r="AM7" s="1259" t="s">
        <v>1498</v>
      </c>
      <c r="AN7" s="1259" t="s">
        <v>1498</v>
      </c>
      <c r="AO7" s="1259" t="s">
        <v>1498</v>
      </c>
      <c r="AP7" s="1259" t="s">
        <v>1498</v>
      </c>
      <c r="AQ7" s="1259" t="s">
        <v>1498</v>
      </c>
      <c r="AR7" s="1259" t="s">
        <v>1498</v>
      </c>
      <c r="AS7" s="1259" t="s">
        <v>1498</v>
      </c>
      <c r="AT7" s="1259" t="s">
        <v>1498</v>
      </c>
      <c r="AU7" s="1259" t="s">
        <v>1498</v>
      </c>
      <c r="AV7" s="1259" t="s">
        <v>1498</v>
      </c>
      <c r="AW7" s="1259" t="s">
        <v>1498</v>
      </c>
      <c r="AX7" s="1259" t="s">
        <v>1498</v>
      </c>
      <c r="AY7" s="1259" t="s">
        <v>1498</v>
      </c>
      <c r="AZ7" s="905" t="s">
        <v>1512</v>
      </c>
      <c r="BA7" s="499" t="s">
        <v>834</v>
      </c>
      <c r="BB7" s="953" t="s">
        <v>53</v>
      </c>
      <c r="BC7" s="979">
        <v>370629.19</v>
      </c>
      <c r="BD7" s="948">
        <v>0</v>
      </c>
      <c r="BE7" s="948" t="s">
        <v>1500</v>
      </c>
      <c r="BF7" s="1260" t="s">
        <v>1501</v>
      </c>
      <c r="BG7" s="1261">
        <v>370629.19</v>
      </c>
      <c r="BH7" s="976" t="e">
        <f t="shared" si="0"/>
        <v>#VALUE!</v>
      </c>
      <c r="BI7" s="972" t="e">
        <f t="shared" si="0"/>
        <v>#VALUE!</v>
      </c>
      <c r="BJ7" s="972" t="e">
        <f t="shared" si="0"/>
        <v>#VALUE!</v>
      </c>
      <c r="BK7" s="972" t="e">
        <f t="shared" si="0"/>
        <v>#VALUE!</v>
      </c>
      <c r="BL7" s="972" t="e">
        <f t="shared" si="0"/>
        <v>#VALUE!</v>
      </c>
      <c r="BM7" s="972" t="e">
        <f t="shared" si="0"/>
        <v>#VALUE!</v>
      </c>
      <c r="BN7" s="972" t="e">
        <f t="shared" si="0"/>
        <v>#VALUE!</v>
      </c>
      <c r="BO7" s="972" t="e">
        <f t="shared" si="0"/>
        <v>#VALUE!</v>
      </c>
      <c r="BP7" s="972" t="e">
        <f t="shared" si="0"/>
        <v>#VALUE!</v>
      </c>
      <c r="BQ7" s="972" t="e">
        <f t="shared" si="0"/>
        <v>#VALUE!</v>
      </c>
      <c r="BR7" s="972" t="e">
        <f t="shared" si="0"/>
        <v>#VALUE!</v>
      </c>
      <c r="BS7" s="972" t="e">
        <f t="shared" si="0"/>
        <v>#VALUE!</v>
      </c>
      <c r="BT7" s="972" t="e">
        <f t="shared" si="0"/>
        <v>#VALUE!</v>
      </c>
      <c r="BU7" s="972" t="e">
        <f t="shared" si="0"/>
        <v>#VALUE!</v>
      </c>
      <c r="BV7" s="972" t="e">
        <f t="shared" si="1"/>
        <v>#VALUE!</v>
      </c>
      <c r="BW7" s="972" t="e">
        <f t="shared" si="1"/>
        <v>#VALUE!</v>
      </c>
      <c r="BX7" s="972" t="e">
        <f t="shared" si="1"/>
        <v>#VALUE!</v>
      </c>
      <c r="BY7" s="972" t="e">
        <f t="shared" si="1"/>
        <v>#VALUE!</v>
      </c>
      <c r="BZ7" s="972" t="e">
        <f t="shared" si="1"/>
        <v>#VALUE!</v>
      </c>
      <c r="CA7" s="972" t="e">
        <f t="shared" si="1"/>
        <v>#VALUE!</v>
      </c>
      <c r="CB7" s="973" t="e">
        <f t="shared" si="2"/>
        <v>#VALUE!</v>
      </c>
    </row>
    <row r="8" spans="3:80" ht="43.5" hidden="1" x14ac:dyDescent="0.25">
      <c r="C8" s="597"/>
      <c r="D8" s="597" t="s">
        <v>66</v>
      </c>
      <c r="E8" s="597"/>
      <c r="F8" s="597"/>
      <c r="G8" s="597"/>
      <c r="H8" s="499" t="s">
        <v>1513</v>
      </c>
      <c r="I8" s="499" t="s">
        <v>842</v>
      </c>
      <c r="J8" s="499" t="s">
        <v>843</v>
      </c>
      <c r="K8" s="499">
        <v>51.755802580000001</v>
      </c>
      <c r="L8" s="499">
        <v>-0.45156132599999999</v>
      </c>
      <c r="M8" s="499" t="s">
        <v>1488</v>
      </c>
      <c r="N8" s="499" t="s">
        <v>1489</v>
      </c>
      <c r="O8" s="499">
        <v>2</v>
      </c>
      <c r="P8" s="499" t="s">
        <v>830</v>
      </c>
      <c r="Q8" s="499" t="s">
        <v>1490</v>
      </c>
      <c r="R8" s="499" t="s">
        <v>1491</v>
      </c>
      <c r="S8" s="499" t="s">
        <v>1492</v>
      </c>
      <c r="T8" s="499" t="s">
        <v>1493</v>
      </c>
      <c r="U8" s="499" t="s">
        <v>1514</v>
      </c>
      <c r="V8" s="946" t="str">
        <f>_xlfn.XLOOKUP(H8, [5]GIS!D:D, [5]GIS!E:E, "Not mapped")</f>
        <v>Multiple - Scenario 2</v>
      </c>
      <c r="W8" s="1262" t="s">
        <v>1515</v>
      </c>
      <c r="X8" s="579" t="s">
        <v>1496</v>
      </c>
      <c r="Y8" s="1258" t="s">
        <v>1497</v>
      </c>
      <c r="Z8" s="1259" t="s">
        <v>1498</v>
      </c>
      <c r="AA8" s="1259" t="s">
        <v>1498</v>
      </c>
      <c r="AB8" s="1259" t="s">
        <v>1498</v>
      </c>
      <c r="AC8" s="1259" t="s">
        <v>1498</v>
      </c>
      <c r="AD8" s="1259" t="s">
        <v>1498</v>
      </c>
      <c r="AE8" s="1259" t="s">
        <v>1498</v>
      </c>
      <c r="AF8" s="1259" t="s">
        <v>1498</v>
      </c>
      <c r="AG8" s="1259" t="s">
        <v>1498</v>
      </c>
      <c r="AH8" s="1259" t="s">
        <v>1498</v>
      </c>
      <c r="AI8" s="1259" t="s">
        <v>1498</v>
      </c>
      <c r="AJ8" s="1259" t="s">
        <v>1498</v>
      </c>
      <c r="AK8" s="1259" t="s">
        <v>1498</v>
      </c>
      <c r="AL8" s="1259" t="s">
        <v>1498</v>
      </c>
      <c r="AM8" s="1259" t="s">
        <v>1498</v>
      </c>
      <c r="AN8" s="1259" t="s">
        <v>1498</v>
      </c>
      <c r="AO8" s="1259" t="s">
        <v>1498</v>
      </c>
      <c r="AP8" s="1259" t="s">
        <v>1498</v>
      </c>
      <c r="AQ8" s="1259" t="s">
        <v>1498</v>
      </c>
      <c r="AR8" s="1259" t="s">
        <v>1498</v>
      </c>
      <c r="AS8" s="1259" t="s">
        <v>1498</v>
      </c>
      <c r="AT8" s="1259" t="s">
        <v>1498</v>
      </c>
      <c r="AU8" s="1259" t="s">
        <v>1498</v>
      </c>
      <c r="AV8" s="1259" t="s">
        <v>1498</v>
      </c>
      <c r="AW8" s="1259" t="s">
        <v>1498</v>
      </c>
      <c r="AX8" s="1259" t="s">
        <v>1498</v>
      </c>
      <c r="AY8" s="1259" t="s">
        <v>1498</v>
      </c>
      <c r="AZ8" s="905" t="s">
        <v>1516</v>
      </c>
      <c r="BA8" s="499" t="s">
        <v>834</v>
      </c>
      <c r="BB8" s="953" t="s">
        <v>53</v>
      </c>
      <c r="BC8" s="979">
        <v>370629.19</v>
      </c>
      <c r="BD8" s="948">
        <v>1</v>
      </c>
      <c r="BE8" s="948">
        <v>6</v>
      </c>
      <c r="BF8" s="1260" t="s">
        <v>1501</v>
      </c>
      <c r="BG8" s="1261">
        <v>370629.19</v>
      </c>
      <c r="BH8" s="976" t="e">
        <f t="shared" si="0"/>
        <v>#VALUE!</v>
      </c>
      <c r="BI8" s="972" t="e">
        <f t="shared" si="0"/>
        <v>#VALUE!</v>
      </c>
      <c r="BJ8" s="972" t="e">
        <f t="shared" si="0"/>
        <v>#VALUE!</v>
      </c>
      <c r="BK8" s="972" t="e">
        <f t="shared" si="0"/>
        <v>#VALUE!</v>
      </c>
      <c r="BL8" s="972" t="e">
        <f t="shared" si="0"/>
        <v>#VALUE!</v>
      </c>
      <c r="BM8" s="972" t="e">
        <f t="shared" si="0"/>
        <v>#VALUE!</v>
      </c>
      <c r="BN8" s="972" t="e">
        <f t="shared" si="0"/>
        <v>#VALUE!</v>
      </c>
      <c r="BO8" s="972" t="e">
        <f t="shared" si="0"/>
        <v>#VALUE!</v>
      </c>
      <c r="BP8" s="972" t="e">
        <f t="shared" si="0"/>
        <v>#VALUE!</v>
      </c>
      <c r="BQ8" s="972" t="e">
        <f t="shared" si="0"/>
        <v>#VALUE!</v>
      </c>
      <c r="BR8" s="972" t="e">
        <f t="shared" si="0"/>
        <v>#VALUE!</v>
      </c>
      <c r="BS8" s="972" t="e">
        <f t="shared" si="0"/>
        <v>#VALUE!</v>
      </c>
      <c r="BT8" s="972" t="e">
        <f t="shared" si="0"/>
        <v>#VALUE!</v>
      </c>
      <c r="BU8" s="972" t="e">
        <f t="shared" si="0"/>
        <v>#VALUE!</v>
      </c>
      <c r="BV8" s="972" t="e">
        <f t="shared" si="1"/>
        <v>#VALUE!</v>
      </c>
      <c r="BW8" s="972" t="e">
        <f t="shared" si="1"/>
        <v>#VALUE!</v>
      </c>
      <c r="BX8" s="972" t="e">
        <f t="shared" si="1"/>
        <v>#VALUE!</v>
      </c>
      <c r="BY8" s="972" t="e">
        <f t="shared" si="1"/>
        <v>#VALUE!</v>
      </c>
      <c r="BZ8" s="972" t="e">
        <f t="shared" si="1"/>
        <v>#VALUE!</v>
      </c>
      <c r="CA8" s="972" t="e">
        <f t="shared" si="1"/>
        <v>#VALUE!</v>
      </c>
      <c r="CB8" s="973" t="e">
        <f t="shared" si="2"/>
        <v>#VALUE!</v>
      </c>
    </row>
    <row r="9" spans="3:80" ht="57.75" x14ac:dyDescent="0.25">
      <c r="C9" s="597"/>
      <c r="D9" s="597"/>
      <c r="E9" s="597"/>
      <c r="F9" s="597"/>
      <c r="G9" s="597" t="s">
        <v>66</v>
      </c>
      <c r="H9" s="499" t="s">
        <v>1517</v>
      </c>
      <c r="I9" s="499" t="s">
        <v>1518</v>
      </c>
      <c r="J9" s="499" t="s">
        <v>1519</v>
      </c>
      <c r="K9" s="499" t="s">
        <v>1521</v>
      </c>
      <c r="L9" s="499" t="s">
        <v>1521</v>
      </c>
      <c r="M9" s="499" t="s">
        <v>1522</v>
      </c>
      <c r="N9" s="499" t="s">
        <v>1523</v>
      </c>
      <c r="O9" s="499">
        <v>3</v>
      </c>
      <c r="P9" s="499" t="s">
        <v>870</v>
      </c>
      <c r="Q9" s="499" t="s">
        <v>1490</v>
      </c>
      <c r="R9" s="499" t="s">
        <v>1491</v>
      </c>
      <c r="S9" s="499" t="s">
        <v>1492</v>
      </c>
      <c r="T9" s="499" t="s">
        <v>1524</v>
      </c>
      <c r="U9" s="499"/>
      <c r="V9" s="946" t="str">
        <f>_xlfn.XLOOKUP(H9, [5]GIS!D:D, [5]GIS!E:E, "Not mapped")</f>
        <v>Single - Scenario 3</v>
      </c>
      <c r="W9" s="1262" t="s">
        <v>1515</v>
      </c>
      <c r="X9" s="987" t="s">
        <v>2618</v>
      </c>
      <c r="Y9" s="987" t="s">
        <v>1526</v>
      </c>
      <c r="Z9" s="949">
        <v>13</v>
      </c>
      <c r="AA9" s="949">
        <v>5</v>
      </c>
      <c r="AB9" s="949">
        <v>5</v>
      </c>
      <c r="AC9" s="949">
        <v>81</v>
      </c>
      <c r="AD9" s="949">
        <v>2</v>
      </c>
      <c r="AE9" s="950">
        <v>4</v>
      </c>
      <c r="AF9" s="950">
        <v>3</v>
      </c>
      <c r="AG9" s="950">
        <v>20</v>
      </c>
      <c r="AH9" s="950">
        <v>1</v>
      </c>
      <c r="AI9" s="950">
        <v>0</v>
      </c>
      <c r="AJ9" s="950">
        <v>8</v>
      </c>
      <c r="AK9" s="950">
        <v>125</v>
      </c>
      <c r="AL9" s="950">
        <v>5</v>
      </c>
      <c r="AM9" s="950">
        <v>16</v>
      </c>
      <c r="AN9" s="951">
        <f>AT9*[5]TripRateCalculations!O$4</f>
        <v>4.18</v>
      </c>
      <c r="AO9" s="951">
        <f>AU9*[5]TripRateCalculations!P$4</f>
        <v>0.23389830508474579</v>
      </c>
      <c r="AP9" s="951">
        <f>AV9*[5]TripRateCalculations!Q$4</f>
        <v>4.331550802139037</v>
      </c>
      <c r="AQ9" s="951">
        <f>AW9*[5]TripRateCalculations!R$4</f>
        <v>0.29290617848970252</v>
      </c>
      <c r="AR9" s="951">
        <f>AX9*[5]TripRateCalculations!S$4</f>
        <v>1.318840579710145</v>
      </c>
      <c r="AS9" s="951">
        <f>AY9*[5]TripRateCalculations!T$4</f>
        <v>0.22706422018348627</v>
      </c>
      <c r="AT9" s="950">
        <v>19</v>
      </c>
      <c r="AU9" s="950">
        <v>3</v>
      </c>
      <c r="AV9" s="950">
        <v>15</v>
      </c>
      <c r="AW9" s="950">
        <v>2</v>
      </c>
      <c r="AX9" s="950">
        <v>13</v>
      </c>
      <c r="AY9" s="950">
        <v>9</v>
      </c>
      <c r="AZ9" s="905"/>
      <c r="BA9" s="499" t="s">
        <v>868</v>
      </c>
      <c r="BB9" s="953" t="s">
        <v>53</v>
      </c>
      <c r="BC9" s="982">
        <f>ROUND((VLOOKUP(H9,'[5]Cost Summary'!A:H,8,)),0.1)</f>
        <v>2429027</v>
      </c>
      <c r="BD9" s="966"/>
      <c r="BE9" s="966"/>
      <c r="BF9" s="967" t="s">
        <v>1527</v>
      </c>
      <c r="BG9" s="1261" t="s">
        <v>1528</v>
      </c>
      <c r="BH9" s="977">
        <f t="shared" ref="BH9:BQ10" si="3">Z9/(SUM($Z9:$AS9))</f>
        <v>4.3538798717229002E-2</v>
      </c>
      <c r="BI9" s="974">
        <f t="shared" si="3"/>
        <v>1.6745691814318849E-2</v>
      </c>
      <c r="BJ9" s="974">
        <f t="shared" si="3"/>
        <v>1.6745691814318849E-2</v>
      </c>
      <c r="BK9" s="974">
        <f t="shared" si="3"/>
        <v>0.27128020739196534</v>
      </c>
      <c r="BL9" s="974">
        <f t="shared" si="3"/>
        <v>6.6982767257275392E-3</v>
      </c>
      <c r="BM9" s="974">
        <f t="shared" si="3"/>
        <v>1.3396553451455078E-2</v>
      </c>
      <c r="BN9" s="974">
        <f t="shared" si="3"/>
        <v>1.0047415088591308E-2</v>
      </c>
      <c r="BO9" s="974">
        <f t="shared" si="3"/>
        <v>6.6982767257275394E-2</v>
      </c>
      <c r="BP9" s="974">
        <f t="shared" si="3"/>
        <v>3.3491383628637696E-3</v>
      </c>
      <c r="BQ9" s="974">
        <f t="shared" si="3"/>
        <v>0</v>
      </c>
      <c r="BR9" s="974">
        <f t="shared" ref="BR9:CA10" si="4">AJ9/(SUM($Z9:$AS9))</f>
        <v>2.6793106902910157E-2</v>
      </c>
      <c r="BS9" s="974">
        <f t="shared" si="4"/>
        <v>0.41864229535797121</v>
      </c>
      <c r="BT9" s="974">
        <f t="shared" si="4"/>
        <v>1.6745691814318849E-2</v>
      </c>
      <c r="BU9" s="974">
        <f t="shared" si="4"/>
        <v>5.3586213805820314E-2</v>
      </c>
      <c r="BV9" s="974">
        <f t="shared" si="4"/>
        <v>1.3999398356770556E-2</v>
      </c>
      <c r="BW9" s="974">
        <f t="shared" si="4"/>
        <v>7.8335778656813597E-4</v>
      </c>
      <c r="BX9" s="974">
        <f t="shared" si="4"/>
        <v>1.4506962962137182E-2</v>
      </c>
      <c r="BY9" s="974">
        <f t="shared" si="4"/>
        <v>9.8098331909968542E-4</v>
      </c>
      <c r="BZ9" s="974">
        <f t="shared" si="4"/>
        <v>4.4169795800087395E-3</v>
      </c>
      <c r="CA9" s="974">
        <f t="shared" si="4"/>
        <v>7.6046949065025962E-4</v>
      </c>
      <c r="CB9" s="973">
        <f t="shared" ref="CB9:CB72" si="5">SUM(BH9:CA9)</f>
        <v>1.0000000000000002</v>
      </c>
    </row>
    <row r="10" spans="3:80" ht="72" x14ac:dyDescent="0.25">
      <c r="C10" s="597"/>
      <c r="D10" s="597"/>
      <c r="E10" s="597"/>
      <c r="F10" s="597"/>
      <c r="G10" s="597" t="s">
        <v>66</v>
      </c>
      <c r="H10" s="499" t="s">
        <v>1529</v>
      </c>
      <c r="I10" s="499" t="s">
        <v>1530</v>
      </c>
      <c r="J10" s="499" t="s">
        <v>1531</v>
      </c>
      <c r="K10" s="499">
        <v>51.789486522322598</v>
      </c>
      <c r="L10" s="499">
        <v>-0.408878107281546</v>
      </c>
      <c r="M10" s="499" t="s">
        <v>1522</v>
      </c>
      <c r="N10" s="499" t="s">
        <v>1523</v>
      </c>
      <c r="O10" s="499">
        <v>2</v>
      </c>
      <c r="P10" s="499" t="s">
        <v>900</v>
      </c>
      <c r="Q10" s="499" t="s">
        <v>1490</v>
      </c>
      <c r="R10" s="499" t="s">
        <v>1491</v>
      </c>
      <c r="S10" s="499" t="s">
        <v>1492</v>
      </c>
      <c r="T10" s="499" t="s">
        <v>1493</v>
      </c>
      <c r="U10" s="499"/>
      <c r="V10" s="946" t="str">
        <f>_xlfn.XLOOKUP(H10, [5]GIS!D:D, [5]GIS!E:E, "Not mapped")</f>
        <v>Single - Scenario 3</v>
      </c>
      <c r="W10" s="773" t="s">
        <v>1515</v>
      </c>
      <c r="X10" s="987" t="s">
        <v>2618</v>
      </c>
      <c r="Y10" s="987" t="s">
        <v>1526</v>
      </c>
      <c r="Z10" s="949">
        <v>2</v>
      </c>
      <c r="AA10" s="949">
        <v>0</v>
      </c>
      <c r="AB10" s="949">
        <v>0</v>
      </c>
      <c r="AC10" s="949">
        <v>18</v>
      </c>
      <c r="AD10" s="949">
        <v>0</v>
      </c>
      <c r="AE10" s="950">
        <v>0</v>
      </c>
      <c r="AF10" s="950">
        <v>0</v>
      </c>
      <c r="AG10" s="950">
        <v>0</v>
      </c>
      <c r="AH10" s="950">
        <v>54</v>
      </c>
      <c r="AI10" s="950">
        <v>0</v>
      </c>
      <c r="AJ10" s="950">
        <v>1</v>
      </c>
      <c r="AK10" s="950">
        <v>82</v>
      </c>
      <c r="AL10" s="950">
        <v>104</v>
      </c>
      <c r="AM10" s="950">
        <v>13</v>
      </c>
      <c r="AN10" s="951">
        <f>AT10*[5]TripRateCalculations!O$4</f>
        <v>3.74</v>
      </c>
      <c r="AO10" s="951">
        <f>AU10*[5]TripRateCalculations!P$4</f>
        <v>7.796610169491526E-2</v>
      </c>
      <c r="AP10" s="951">
        <f>AV10*[5]TripRateCalculations!Q$4</f>
        <v>4.331550802139037</v>
      </c>
      <c r="AQ10" s="951">
        <f>AW10*[5]TripRateCalculations!R$4</f>
        <v>3.5148741418764304</v>
      </c>
      <c r="AR10" s="951">
        <f>AX10*[5]TripRateCalculations!S$4</f>
        <v>1.9275362318840581</v>
      </c>
      <c r="AS10" s="951">
        <f>AY10*[5]TripRateCalculations!T$4</f>
        <v>2.5229357798165139E-2</v>
      </c>
      <c r="AT10" s="950">
        <v>17</v>
      </c>
      <c r="AU10" s="950">
        <v>1</v>
      </c>
      <c r="AV10" s="950">
        <v>15</v>
      </c>
      <c r="AW10" s="950">
        <v>24</v>
      </c>
      <c r="AX10" s="950">
        <v>19</v>
      </c>
      <c r="AY10" s="950">
        <v>1</v>
      </c>
      <c r="AZ10" s="905"/>
      <c r="BA10" s="499" t="s">
        <v>904</v>
      </c>
      <c r="BB10" s="953" t="s">
        <v>869</v>
      </c>
      <c r="BC10" s="982">
        <f>ROUND((VLOOKUP(H10,'[5]Cost Summary'!A:H,8,)),0.1)</f>
        <v>1708604</v>
      </c>
      <c r="BD10" s="966"/>
      <c r="BE10" s="966"/>
      <c r="BF10" s="967" t="s">
        <v>1527</v>
      </c>
      <c r="BG10" s="1261" t="s">
        <v>1528</v>
      </c>
      <c r="BH10" s="977">
        <f t="shared" si="3"/>
        <v>6.9536881019075167E-3</v>
      </c>
      <c r="BI10" s="974">
        <f t="shared" si="3"/>
        <v>0</v>
      </c>
      <c r="BJ10" s="974">
        <f t="shared" si="3"/>
        <v>0</v>
      </c>
      <c r="BK10" s="974">
        <f t="shared" si="3"/>
        <v>6.2583192917167657E-2</v>
      </c>
      <c r="BL10" s="974">
        <f t="shared" si="3"/>
        <v>0</v>
      </c>
      <c r="BM10" s="974">
        <f t="shared" si="3"/>
        <v>0</v>
      </c>
      <c r="BN10" s="974">
        <f t="shared" si="3"/>
        <v>0</v>
      </c>
      <c r="BO10" s="974">
        <f t="shared" si="3"/>
        <v>0</v>
      </c>
      <c r="BP10" s="974">
        <f t="shared" si="3"/>
        <v>0.18774957875150297</v>
      </c>
      <c r="BQ10" s="974">
        <f t="shared" si="3"/>
        <v>0</v>
      </c>
      <c r="BR10" s="974">
        <f t="shared" si="4"/>
        <v>3.4768440509537583E-3</v>
      </c>
      <c r="BS10" s="974">
        <f t="shared" si="4"/>
        <v>0.28510121217820822</v>
      </c>
      <c r="BT10" s="974">
        <f t="shared" si="4"/>
        <v>0.3615917812991909</v>
      </c>
      <c r="BU10" s="974">
        <f t="shared" si="4"/>
        <v>4.5198972662398862E-2</v>
      </c>
      <c r="BV10" s="974">
        <f t="shared" si="4"/>
        <v>1.3003396750567057E-2</v>
      </c>
      <c r="BW10" s="974">
        <f t="shared" si="4"/>
        <v>2.7107597685402184E-4</v>
      </c>
      <c r="BX10" s="974">
        <f t="shared" si="4"/>
        <v>1.5060126637821091E-2</v>
      </c>
      <c r="BY10" s="974">
        <f t="shared" si="4"/>
        <v>1.2220669250034264E-2</v>
      </c>
      <c r="BZ10" s="974">
        <f t="shared" si="4"/>
        <v>6.7017428808239113E-3</v>
      </c>
      <c r="CA10" s="974">
        <f t="shared" si="4"/>
        <v>8.7718542569934283E-5</v>
      </c>
      <c r="CB10" s="973">
        <f t="shared" si="5"/>
        <v>1.0000000000000002</v>
      </c>
    </row>
    <row r="11" spans="3:80" ht="75" hidden="1" x14ac:dyDescent="0.25">
      <c r="C11" s="597"/>
      <c r="D11" s="597" t="s">
        <v>66</v>
      </c>
      <c r="E11" s="597"/>
      <c r="F11" s="597"/>
      <c r="G11" s="597"/>
      <c r="H11" s="499" t="s">
        <v>1532</v>
      </c>
      <c r="I11" s="499" t="s">
        <v>849</v>
      </c>
      <c r="J11" s="499" t="s">
        <v>850</v>
      </c>
      <c r="K11" s="499">
        <v>51.742113070000002</v>
      </c>
      <c r="L11" s="499">
        <v>-0.44803235800000002</v>
      </c>
      <c r="M11" s="499" t="s">
        <v>1488</v>
      </c>
      <c r="N11" s="499" t="s">
        <v>1489</v>
      </c>
      <c r="O11" s="499">
        <v>2</v>
      </c>
      <c r="P11" s="499" t="s">
        <v>830</v>
      </c>
      <c r="Q11" s="499" t="s">
        <v>1490</v>
      </c>
      <c r="R11" s="499" t="s">
        <v>1491</v>
      </c>
      <c r="S11" s="499" t="s">
        <v>1492</v>
      </c>
      <c r="T11" s="499" t="s">
        <v>1493</v>
      </c>
      <c r="U11" s="499" t="s">
        <v>1534</v>
      </c>
      <c r="V11" s="946" t="str">
        <f>_xlfn.XLOOKUP(H11, [5]GIS!D:D, [5]GIS!E:E, "Not mapped")</f>
        <v>Multiple - Scenario 2</v>
      </c>
      <c r="W11" s="1257" t="s">
        <v>1495</v>
      </c>
      <c r="X11" s="579" t="s">
        <v>1496</v>
      </c>
      <c r="Y11" s="1258" t="s">
        <v>1497</v>
      </c>
      <c r="Z11" s="1259" t="s">
        <v>1498</v>
      </c>
      <c r="AA11" s="1259" t="s">
        <v>1498</v>
      </c>
      <c r="AB11" s="1259" t="s">
        <v>1498</v>
      </c>
      <c r="AC11" s="1259" t="s">
        <v>1498</v>
      </c>
      <c r="AD11" s="1259" t="s">
        <v>1498</v>
      </c>
      <c r="AE11" s="1259" t="s">
        <v>1498</v>
      </c>
      <c r="AF11" s="1259" t="s">
        <v>1498</v>
      </c>
      <c r="AG11" s="1259" t="s">
        <v>1498</v>
      </c>
      <c r="AH11" s="1259" t="s">
        <v>1498</v>
      </c>
      <c r="AI11" s="1259" t="s">
        <v>1498</v>
      </c>
      <c r="AJ11" s="1259" t="s">
        <v>1498</v>
      </c>
      <c r="AK11" s="1259" t="s">
        <v>1498</v>
      </c>
      <c r="AL11" s="1259" t="s">
        <v>1498</v>
      </c>
      <c r="AM11" s="1259" t="s">
        <v>1498</v>
      </c>
      <c r="AN11" s="1259" t="s">
        <v>1498</v>
      </c>
      <c r="AO11" s="1259" t="s">
        <v>1498</v>
      </c>
      <c r="AP11" s="1259" t="s">
        <v>1498</v>
      </c>
      <c r="AQ11" s="1259" t="s">
        <v>1498</v>
      </c>
      <c r="AR11" s="1259" t="s">
        <v>1498</v>
      </c>
      <c r="AS11" s="1259" t="s">
        <v>1498</v>
      </c>
      <c r="AT11" s="1259" t="s">
        <v>1498</v>
      </c>
      <c r="AU11" s="1259" t="s">
        <v>1498</v>
      </c>
      <c r="AV11" s="1259" t="s">
        <v>1498</v>
      </c>
      <c r="AW11" s="1259" t="s">
        <v>1498</v>
      </c>
      <c r="AX11" s="1259" t="s">
        <v>1498</v>
      </c>
      <c r="AY11" s="1259" t="s">
        <v>1498</v>
      </c>
      <c r="AZ11" s="905" t="s">
        <v>1535</v>
      </c>
      <c r="BA11" s="499" t="s">
        <v>834</v>
      </c>
      <c r="BB11" s="953" t="s">
        <v>53</v>
      </c>
      <c r="BC11" s="979">
        <v>370629.19</v>
      </c>
      <c r="BD11" s="948">
        <v>0</v>
      </c>
      <c r="BE11" s="948" t="s">
        <v>1500</v>
      </c>
      <c r="BF11" s="1260" t="s">
        <v>1501</v>
      </c>
      <c r="BG11" s="1261">
        <v>370629.19</v>
      </c>
      <c r="BH11" s="976" t="e">
        <f t="shared" ref="BH11:BU17" si="6">Z11/(SUM($Z11:$AY11))</f>
        <v>#VALUE!</v>
      </c>
      <c r="BI11" s="972" t="e">
        <f t="shared" si="6"/>
        <v>#VALUE!</v>
      </c>
      <c r="BJ11" s="972" t="e">
        <f t="shared" si="6"/>
        <v>#VALUE!</v>
      </c>
      <c r="BK11" s="972" t="e">
        <f t="shared" si="6"/>
        <v>#VALUE!</v>
      </c>
      <c r="BL11" s="972" t="e">
        <f t="shared" si="6"/>
        <v>#VALUE!</v>
      </c>
      <c r="BM11" s="972" t="e">
        <f t="shared" si="6"/>
        <v>#VALUE!</v>
      </c>
      <c r="BN11" s="972" t="e">
        <f t="shared" si="6"/>
        <v>#VALUE!</v>
      </c>
      <c r="BO11" s="972" t="e">
        <f t="shared" si="6"/>
        <v>#VALUE!</v>
      </c>
      <c r="BP11" s="972" t="e">
        <f t="shared" si="6"/>
        <v>#VALUE!</v>
      </c>
      <c r="BQ11" s="972" t="e">
        <f t="shared" si="6"/>
        <v>#VALUE!</v>
      </c>
      <c r="BR11" s="972" t="e">
        <f t="shared" si="6"/>
        <v>#VALUE!</v>
      </c>
      <c r="BS11" s="972" t="e">
        <f t="shared" si="6"/>
        <v>#VALUE!</v>
      </c>
      <c r="BT11" s="972" t="e">
        <f t="shared" si="6"/>
        <v>#VALUE!</v>
      </c>
      <c r="BU11" s="972" t="e">
        <f t="shared" si="6"/>
        <v>#VALUE!</v>
      </c>
      <c r="BV11" s="972" t="e">
        <f t="shared" ref="BV11:CA17" si="7">AM11/(SUM($Z11:$AY11))</f>
        <v>#VALUE!</v>
      </c>
      <c r="BW11" s="972" t="e">
        <f t="shared" si="7"/>
        <v>#VALUE!</v>
      </c>
      <c r="BX11" s="972" t="e">
        <f t="shared" si="7"/>
        <v>#VALUE!</v>
      </c>
      <c r="BY11" s="972" t="e">
        <f t="shared" si="7"/>
        <v>#VALUE!</v>
      </c>
      <c r="BZ11" s="972" t="e">
        <f t="shared" si="7"/>
        <v>#VALUE!</v>
      </c>
      <c r="CA11" s="972" t="e">
        <f t="shared" si="7"/>
        <v>#VALUE!</v>
      </c>
      <c r="CB11" s="973" t="e">
        <f t="shared" si="5"/>
        <v>#VALUE!</v>
      </c>
    </row>
    <row r="12" spans="3:80" ht="75" hidden="1" customHeight="1" x14ac:dyDescent="0.25">
      <c r="C12" s="597" t="s">
        <v>66</v>
      </c>
      <c r="D12" s="597"/>
      <c r="E12" s="597"/>
      <c r="F12" s="597"/>
      <c r="G12" s="597"/>
      <c r="H12" s="499" t="s">
        <v>1536</v>
      </c>
      <c r="I12" s="499" t="s">
        <v>851</v>
      </c>
      <c r="J12" s="499" t="s">
        <v>852</v>
      </c>
      <c r="K12" s="499">
        <v>51.748033479999997</v>
      </c>
      <c r="L12" s="499">
        <v>-0.43281126800000003</v>
      </c>
      <c r="M12" s="499" t="s">
        <v>1488</v>
      </c>
      <c r="N12" s="499" t="s">
        <v>1489</v>
      </c>
      <c r="O12" s="499">
        <v>2</v>
      </c>
      <c r="P12" s="499" t="s">
        <v>830</v>
      </c>
      <c r="Q12" s="499" t="s">
        <v>1490</v>
      </c>
      <c r="R12" s="499" t="s">
        <v>1491</v>
      </c>
      <c r="S12" s="499" t="s">
        <v>1492</v>
      </c>
      <c r="T12" s="499" t="s">
        <v>1493</v>
      </c>
      <c r="U12" s="499" t="s">
        <v>1538</v>
      </c>
      <c r="V12" s="946" t="str">
        <f>_xlfn.XLOOKUP(H12, [5]GIS!D:D, [5]GIS!E:E, "Not mapped")</f>
        <v>Multiple - Scenario 1</v>
      </c>
      <c r="W12" s="499"/>
      <c r="X12" s="579" t="s">
        <v>1496</v>
      </c>
      <c r="Y12" s="1258" t="s">
        <v>1497</v>
      </c>
      <c r="Z12" s="1259" t="s">
        <v>1498</v>
      </c>
      <c r="AA12" s="1259" t="s">
        <v>1498</v>
      </c>
      <c r="AB12" s="1259" t="s">
        <v>1498</v>
      </c>
      <c r="AC12" s="1259" t="s">
        <v>1498</v>
      </c>
      <c r="AD12" s="1259" t="s">
        <v>1498</v>
      </c>
      <c r="AE12" s="1259" t="s">
        <v>1498</v>
      </c>
      <c r="AF12" s="1259" t="s">
        <v>1498</v>
      </c>
      <c r="AG12" s="1259" t="s">
        <v>1498</v>
      </c>
      <c r="AH12" s="1259" t="s">
        <v>1498</v>
      </c>
      <c r="AI12" s="1259" t="s">
        <v>1498</v>
      </c>
      <c r="AJ12" s="1259" t="s">
        <v>1498</v>
      </c>
      <c r="AK12" s="1259" t="s">
        <v>1498</v>
      </c>
      <c r="AL12" s="1259" t="s">
        <v>1498</v>
      </c>
      <c r="AM12" s="1259" t="s">
        <v>1498</v>
      </c>
      <c r="AN12" s="1259" t="s">
        <v>1498</v>
      </c>
      <c r="AO12" s="1259" t="s">
        <v>1498</v>
      </c>
      <c r="AP12" s="1259" t="s">
        <v>1498</v>
      </c>
      <c r="AQ12" s="1259" t="s">
        <v>1498</v>
      </c>
      <c r="AR12" s="1259" t="s">
        <v>1498</v>
      </c>
      <c r="AS12" s="1259" t="s">
        <v>1498</v>
      </c>
      <c r="AT12" s="1259" t="s">
        <v>1498</v>
      </c>
      <c r="AU12" s="1259" t="s">
        <v>1498</v>
      </c>
      <c r="AV12" s="1259" t="s">
        <v>1498</v>
      </c>
      <c r="AW12" s="1259" t="s">
        <v>1498</v>
      </c>
      <c r="AX12" s="1259" t="s">
        <v>1498</v>
      </c>
      <c r="AY12" s="1259" t="s">
        <v>1498</v>
      </c>
      <c r="AZ12" s="905" t="s">
        <v>1539</v>
      </c>
      <c r="BA12" s="499" t="s">
        <v>834</v>
      </c>
      <c r="BB12" s="953" t="s">
        <v>53</v>
      </c>
      <c r="BC12" s="979">
        <v>370629.19</v>
      </c>
      <c r="BD12" s="948">
        <v>0</v>
      </c>
      <c r="BE12" s="948" t="s">
        <v>1500</v>
      </c>
      <c r="BF12" s="1260" t="s">
        <v>1501</v>
      </c>
      <c r="BG12" s="1261">
        <v>370629.19</v>
      </c>
      <c r="BH12" s="976" t="e">
        <f t="shared" si="6"/>
        <v>#VALUE!</v>
      </c>
      <c r="BI12" s="972" t="e">
        <f t="shared" si="6"/>
        <v>#VALUE!</v>
      </c>
      <c r="BJ12" s="972" t="e">
        <f t="shared" si="6"/>
        <v>#VALUE!</v>
      </c>
      <c r="BK12" s="972" t="e">
        <f t="shared" si="6"/>
        <v>#VALUE!</v>
      </c>
      <c r="BL12" s="972" t="e">
        <f t="shared" si="6"/>
        <v>#VALUE!</v>
      </c>
      <c r="BM12" s="972" t="e">
        <f t="shared" si="6"/>
        <v>#VALUE!</v>
      </c>
      <c r="BN12" s="972" t="e">
        <f t="shared" si="6"/>
        <v>#VALUE!</v>
      </c>
      <c r="BO12" s="972" t="e">
        <f t="shared" si="6"/>
        <v>#VALUE!</v>
      </c>
      <c r="BP12" s="972" t="e">
        <f t="shared" si="6"/>
        <v>#VALUE!</v>
      </c>
      <c r="BQ12" s="972" t="e">
        <f t="shared" si="6"/>
        <v>#VALUE!</v>
      </c>
      <c r="BR12" s="972" t="e">
        <f t="shared" si="6"/>
        <v>#VALUE!</v>
      </c>
      <c r="BS12" s="972" t="e">
        <f t="shared" si="6"/>
        <v>#VALUE!</v>
      </c>
      <c r="BT12" s="972" t="e">
        <f t="shared" si="6"/>
        <v>#VALUE!</v>
      </c>
      <c r="BU12" s="972" t="e">
        <f t="shared" si="6"/>
        <v>#VALUE!</v>
      </c>
      <c r="BV12" s="972" t="e">
        <f t="shared" si="7"/>
        <v>#VALUE!</v>
      </c>
      <c r="BW12" s="972" t="e">
        <f t="shared" si="7"/>
        <v>#VALUE!</v>
      </c>
      <c r="BX12" s="972" t="e">
        <f t="shared" si="7"/>
        <v>#VALUE!</v>
      </c>
      <c r="BY12" s="972" t="e">
        <f t="shared" si="7"/>
        <v>#VALUE!</v>
      </c>
      <c r="BZ12" s="972" t="e">
        <f t="shared" si="7"/>
        <v>#VALUE!</v>
      </c>
      <c r="CA12" s="972" t="e">
        <f t="shared" si="7"/>
        <v>#VALUE!</v>
      </c>
      <c r="CB12" s="973" t="e">
        <f t="shared" si="5"/>
        <v>#VALUE!</v>
      </c>
    </row>
    <row r="13" spans="3:80" ht="72" hidden="1" x14ac:dyDescent="0.25">
      <c r="C13" s="597" t="s">
        <v>66</v>
      </c>
      <c r="D13" s="597"/>
      <c r="E13" s="597"/>
      <c r="F13" s="597"/>
      <c r="G13" s="597"/>
      <c r="H13" s="499" t="s">
        <v>1540</v>
      </c>
      <c r="I13" s="499" t="s">
        <v>854</v>
      </c>
      <c r="J13" s="499" t="s">
        <v>855</v>
      </c>
      <c r="K13" s="499">
        <v>51.756870999999997</v>
      </c>
      <c r="L13" s="499">
        <v>-0.49613299999999999</v>
      </c>
      <c r="M13" s="499" t="s">
        <v>1488</v>
      </c>
      <c r="N13" s="499" t="s">
        <v>1489</v>
      </c>
      <c r="O13" s="499">
        <v>2</v>
      </c>
      <c r="P13" s="499" t="s">
        <v>830</v>
      </c>
      <c r="Q13" s="499" t="s">
        <v>1490</v>
      </c>
      <c r="R13" s="499" t="s">
        <v>1491</v>
      </c>
      <c r="S13" s="499" t="s">
        <v>1492</v>
      </c>
      <c r="T13" s="499" t="s">
        <v>1493</v>
      </c>
      <c r="U13" s="499" t="s">
        <v>1504</v>
      </c>
      <c r="V13" s="946" t="str">
        <f>_xlfn.XLOOKUP(H13, [5]GIS!D:D, [5]GIS!E:E, "Not mapped")</f>
        <v>Single - Scenario 3</v>
      </c>
      <c r="W13" s="499" t="s">
        <v>1542</v>
      </c>
      <c r="X13" s="579" t="s">
        <v>1496</v>
      </c>
      <c r="Y13" s="1258" t="s">
        <v>1497</v>
      </c>
      <c r="Z13" s="1259" t="s">
        <v>1498</v>
      </c>
      <c r="AA13" s="1259" t="s">
        <v>1498</v>
      </c>
      <c r="AB13" s="1259" t="s">
        <v>1498</v>
      </c>
      <c r="AC13" s="1259" t="s">
        <v>1498</v>
      </c>
      <c r="AD13" s="1259" t="s">
        <v>1498</v>
      </c>
      <c r="AE13" s="1259" t="s">
        <v>1498</v>
      </c>
      <c r="AF13" s="1259" t="s">
        <v>1498</v>
      </c>
      <c r="AG13" s="1259" t="s">
        <v>1498</v>
      </c>
      <c r="AH13" s="1259" t="s">
        <v>1498</v>
      </c>
      <c r="AI13" s="1259" t="s">
        <v>1498</v>
      </c>
      <c r="AJ13" s="1259" t="s">
        <v>1498</v>
      </c>
      <c r="AK13" s="1259" t="s">
        <v>1498</v>
      </c>
      <c r="AL13" s="1259" t="s">
        <v>1498</v>
      </c>
      <c r="AM13" s="1259" t="s">
        <v>1498</v>
      </c>
      <c r="AN13" s="1259" t="s">
        <v>1498</v>
      </c>
      <c r="AO13" s="1259" t="s">
        <v>1498</v>
      </c>
      <c r="AP13" s="1259" t="s">
        <v>1498</v>
      </c>
      <c r="AQ13" s="1259" t="s">
        <v>1498</v>
      </c>
      <c r="AR13" s="1259" t="s">
        <v>1498</v>
      </c>
      <c r="AS13" s="1259" t="s">
        <v>1498</v>
      </c>
      <c r="AT13" s="1259" t="s">
        <v>1498</v>
      </c>
      <c r="AU13" s="1259" t="s">
        <v>1498</v>
      </c>
      <c r="AV13" s="1259" t="s">
        <v>1498</v>
      </c>
      <c r="AW13" s="1259" t="s">
        <v>1498</v>
      </c>
      <c r="AX13" s="1259" t="s">
        <v>1498</v>
      </c>
      <c r="AY13" s="1259" t="s">
        <v>1498</v>
      </c>
      <c r="AZ13" s="905" t="s">
        <v>1543</v>
      </c>
      <c r="BA13" s="499" t="s">
        <v>834</v>
      </c>
      <c r="BB13" s="953" t="s">
        <v>53</v>
      </c>
      <c r="BC13" s="979">
        <v>370629.19</v>
      </c>
      <c r="BD13" s="948">
        <v>0</v>
      </c>
      <c r="BE13" s="948" t="s">
        <v>1500</v>
      </c>
      <c r="BF13" s="1260" t="s">
        <v>1501</v>
      </c>
      <c r="BG13" s="1261">
        <v>370629.19</v>
      </c>
      <c r="BH13" s="976" t="e">
        <f t="shared" si="6"/>
        <v>#VALUE!</v>
      </c>
      <c r="BI13" s="972" t="e">
        <f t="shared" si="6"/>
        <v>#VALUE!</v>
      </c>
      <c r="BJ13" s="972" t="e">
        <f t="shared" si="6"/>
        <v>#VALUE!</v>
      </c>
      <c r="BK13" s="972" t="e">
        <f t="shared" si="6"/>
        <v>#VALUE!</v>
      </c>
      <c r="BL13" s="972" t="e">
        <f t="shared" si="6"/>
        <v>#VALUE!</v>
      </c>
      <c r="BM13" s="972" t="e">
        <f t="shared" si="6"/>
        <v>#VALUE!</v>
      </c>
      <c r="BN13" s="972" t="e">
        <f t="shared" si="6"/>
        <v>#VALUE!</v>
      </c>
      <c r="BO13" s="972" t="e">
        <f t="shared" si="6"/>
        <v>#VALUE!</v>
      </c>
      <c r="BP13" s="972" t="e">
        <f t="shared" si="6"/>
        <v>#VALUE!</v>
      </c>
      <c r="BQ13" s="972" t="e">
        <f t="shared" si="6"/>
        <v>#VALUE!</v>
      </c>
      <c r="BR13" s="972" t="e">
        <f t="shared" si="6"/>
        <v>#VALUE!</v>
      </c>
      <c r="BS13" s="972" t="e">
        <f t="shared" si="6"/>
        <v>#VALUE!</v>
      </c>
      <c r="BT13" s="972" t="e">
        <f t="shared" si="6"/>
        <v>#VALUE!</v>
      </c>
      <c r="BU13" s="972" t="e">
        <f t="shared" si="6"/>
        <v>#VALUE!</v>
      </c>
      <c r="BV13" s="972" t="e">
        <f t="shared" si="7"/>
        <v>#VALUE!</v>
      </c>
      <c r="BW13" s="972" t="e">
        <f t="shared" si="7"/>
        <v>#VALUE!</v>
      </c>
      <c r="BX13" s="972" t="e">
        <f t="shared" si="7"/>
        <v>#VALUE!</v>
      </c>
      <c r="BY13" s="972" t="e">
        <f t="shared" si="7"/>
        <v>#VALUE!</v>
      </c>
      <c r="BZ13" s="972" t="e">
        <f t="shared" si="7"/>
        <v>#VALUE!</v>
      </c>
      <c r="CA13" s="972" t="e">
        <f t="shared" si="7"/>
        <v>#VALUE!</v>
      </c>
      <c r="CB13" s="973" t="e">
        <f t="shared" si="5"/>
        <v>#VALUE!</v>
      </c>
    </row>
    <row r="14" spans="3:80" ht="63" hidden="1" customHeight="1" x14ac:dyDescent="0.25">
      <c r="C14" s="597" t="s">
        <v>66</v>
      </c>
      <c r="D14" s="597" t="s">
        <v>66</v>
      </c>
      <c r="E14" s="597"/>
      <c r="F14" s="597"/>
      <c r="G14" s="597"/>
      <c r="H14" s="499" t="s">
        <v>1544</v>
      </c>
      <c r="I14" s="499" t="s">
        <v>856</v>
      </c>
      <c r="J14" s="499" t="s">
        <v>857</v>
      </c>
      <c r="K14" s="499">
        <v>51.763736000000002</v>
      </c>
      <c r="L14" s="499">
        <v>-0.49191400000000002</v>
      </c>
      <c r="M14" s="499" t="s">
        <v>1488</v>
      </c>
      <c r="N14" s="499" t="s">
        <v>1489</v>
      </c>
      <c r="O14" s="499">
        <v>2</v>
      </c>
      <c r="P14" s="499" t="s">
        <v>830</v>
      </c>
      <c r="Q14" s="499" t="s">
        <v>1490</v>
      </c>
      <c r="R14" s="499" t="s">
        <v>1491</v>
      </c>
      <c r="S14" s="499" t="s">
        <v>1492</v>
      </c>
      <c r="T14" s="499" t="s">
        <v>1493</v>
      </c>
      <c r="U14" s="499" t="s">
        <v>1504</v>
      </c>
      <c r="V14" s="946" t="str">
        <f>_xlfn.XLOOKUP(H14, [5]GIS!D:D, [5]GIS!E:E, "Not mapped")</f>
        <v>Single - Scenario 3</v>
      </c>
      <c r="W14" s="499" t="s">
        <v>1546</v>
      </c>
      <c r="X14" s="579" t="s">
        <v>1496</v>
      </c>
      <c r="Y14" s="1258" t="s">
        <v>1497</v>
      </c>
      <c r="Z14" s="1259" t="s">
        <v>1498</v>
      </c>
      <c r="AA14" s="1259" t="s">
        <v>1498</v>
      </c>
      <c r="AB14" s="1259" t="s">
        <v>1498</v>
      </c>
      <c r="AC14" s="1259" t="s">
        <v>1498</v>
      </c>
      <c r="AD14" s="1259" t="s">
        <v>1498</v>
      </c>
      <c r="AE14" s="1259" t="s">
        <v>1498</v>
      </c>
      <c r="AF14" s="1259" t="s">
        <v>1498</v>
      </c>
      <c r="AG14" s="1259" t="s">
        <v>1498</v>
      </c>
      <c r="AH14" s="1259" t="s">
        <v>1498</v>
      </c>
      <c r="AI14" s="1259" t="s">
        <v>1498</v>
      </c>
      <c r="AJ14" s="1259" t="s">
        <v>1498</v>
      </c>
      <c r="AK14" s="1259" t="s">
        <v>1498</v>
      </c>
      <c r="AL14" s="1259" t="s">
        <v>1498</v>
      </c>
      <c r="AM14" s="1259" t="s">
        <v>1498</v>
      </c>
      <c r="AN14" s="1259" t="s">
        <v>1498</v>
      </c>
      <c r="AO14" s="1259" t="s">
        <v>1498</v>
      </c>
      <c r="AP14" s="1259" t="s">
        <v>1498</v>
      </c>
      <c r="AQ14" s="1259" t="s">
        <v>1498</v>
      </c>
      <c r="AR14" s="1259" t="s">
        <v>1498</v>
      </c>
      <c r="AS14" s="1259" t="s">
        <v>1498</v>
      </c>
      <c r="AT14" s="1259" t="s">
        <v>1498</v>
      </c>
      <c r="AU14" s="1259" t="s">
        <v>1498</v>
      </c>
      <c r="AV14" s="1259" t="s">
        <v>1498</v>
      </c>
      <c r="AW14" s="1259" t="s">
        <v>1498</v>
      </c>
      <c r="AX14" s="1259" t="s">
        <v>1498</v>
      </c>
      <c r="AY14" s="1259" t="s">
        <v>1498</v>
      </c>
      <c r="AZ14" s="905" t="s">
        <v>1547</v>
      </c>
      <c r="BA14" s="499" t="s">
        <v>834</v>
      </c>
      <c r="BB14" s="953" t="s">
        <v>53</v>
      </c>
      <c r="BC14" s="979">
        <v>370629.19</v>
      </c>
      <c r="BD14" s="948">
        <v>0</v>
      </c>
      <c r="BE14" s="948" t="s">
        <v>1500</v>
      </c>
      <c r="BF14" s="1260" t="s">
        <v>1501</v>
      </c>
      <c r="BG14" s="1261">
        <v>370629.19</v>
      </c>
      <c r="BH14" s="976" t="e">
        <f t="shared" si="6"/>
        <v>#VALUE!</v>
      </c>
      <c r="BI14" s="972" t="e">
        <f t="shared" si="6"/>
        <v>#VALUE!</v>
      </c>
      <c r="BJ14" s="972" t="e">
        <f t="shared" si="6"/>
        <v>#VALUE!</v>
      </c>
      <c r="BK14" s="972" t="e">
        <f t="shared" si="6"/>
        <v>#VALUE!</v>
      </c>
      <c r="BL14" s="972" t="e">
        <f t="shared" si="6"/>
        <v>#VALUE!</v>
      </c>
      <c r="BM14" s="972" t="e">
        <f t="shared" si="6"/>
        <v>#VALUE!</v>
      </c>
      <c r="BN14" s="972" t="e">
        <f t="shared" si="6"/>
        <v>#VALUE!</v>
      </c>
      <c r="BO14" s="972" t="e">
        <f t="shared" si="6"/>
        <v>#VALUE!</v>
      </c>
      <c r="BP14" s="972" t="e">
        <f t="shared" si="6"/>
        <v>#VALUE!</v>
      </c>
      <c r="BQ14" s="972" t="e">
        <f t="shared" si="6"/>
        <v>#VALUE!</v>
      </c>
      <c r="BR14" s="972" t="e">
        <f t="shared" si="6"/>
        <v>#VALUE!</v>
      </c>
      <c r="BS14" s="972" t="e">
        <f t="shared" si="6"/>
        <v>#VALUE!</v>
      </c>
      <c r="BT14" s="972" t="e">
        <f t="shared" si="6"/>
        <v>#VALUE!</v>
      </c>
      <c r="BU14" s="972" t="e">
        <f t="shared" si="6"/>
        <v>#VALUE!</v>
      </c>
      <c r="BV14" s="972" t="e">
        <f t="shared" si="7"/>
        <v>#VALUE!</v>
      </c>
      <c r="BW14" s="972" t="e">
        <f t="shared" si="7"/>
        <v>#VALUE!</v>
      </c>
      <c r="BX14" s="972" t="e">
        <f t="shared" si="7"/>
        <v>#VALUE!</v>
      </c>
      <c r="BY14" s="972" t="e">
        <f t="shared" si="7"/>
        <v>#VALUE!</v>
      </c>
      <c r="BZ14" s="972" t="e">
        <f t="shared" si="7"/>
        <v>#VALUE!</v>
      </c>
      <c r="CA14" s="972" t="e">
        <f t="shared" si="7"/>
        <v>#VALUE!</v>
      </c>
      <c r="CB14" s="973" t="e">
        <f t="shared" si="5"/>
        <v>#VALUE!</v>
      </c>
    </row>
    <row r="15" spans="3:80" ht="72" hidden="1" x14ac:dyDescent="0.25">
      <c r="C15" s="597" t="s">
        <v>66</v>
      </c>
      <c r="D15" s="597"/>
      <c r="E15" s="597"/>
      <c r="F15" s="597"/>
      <c r="G15" s="597"/>
      <c r="H15" s="499" t="s">
        <v>1548</v>
      </c>
      <c r="I15" s="499" t="s">
        <v>859</v>
      </c>
      <c r="J15" s="499" t="s">
        <v>860</v>
      </c>
      <c r="K15" s="499">
        <v>51.751010260000001</v>
      </c>
      <c r="L15" s="499">
        <v>-0.50209890400000001</v>
      </c>
      <c r="M15" s="499" t="s">
        <v>1488</v>
      </c>
      <c r="N15" s="499" t="s">
        <v>1489</v>
      </c>
      <c r="O15" s="499">
        <v>2</v>
      </c>
      <c r="P15" s="499" t="s">
        <v>830</v>
      </c>
      <c r="Q15" s="499" t="s">
        <v>1490</v>
      </c>
      <c r="R15" s="499" t="s">
        <v>1491</v>
      </c>
      <c r="S15" s="499" t="s">
        <v>1492</v>
      </c>
      <c r="T15" s="499" t="s">
        <v>1493</v>
      </c>
      <c r="U15" s="499" t="s">
        <v>1504</v>
      </c>
      <c r="V15" s="946" t="str">
        <f>_xlfn.XLOOKUP(H15, [5]GIS!D:D, [5]GIS!E:E, "Not mapped")</f>
        <v>Single - Scenario 3</v>
      </c>
      <c r="W15" s="499" t="s">
        <v>1542</v>
      </c>
      <c r="X15" s="579" t="s">
        <v>1496</v>
      </c>
      <c r="Y15" s="1258" t="s">
        <v>1497</v>
      </c>
      <c r="Z15" s="1259" t="s">
        <v>1498</v>
      </c>
      <c r="AA15" s="1259" t="s">
        <v>1498</v>
      </c>
      <c r="AB15" s="1259" t="s">
        <v>1498</v>
      </c>
      <c r="AC15" s="1259" t="s">
        <v>1498</v>
      </c>
      <c r="AD15" s="1259" t="s">
        <v>1498</v>
      </c>
      <c r="AE15" s="1259" t="s">
        <v>1498</v>
      </c>
      <c r="AF15" s="1259" t="s">
        <v>1498</v>
      </c>
      <c r="AG15" s="1259" t="s">
        <v>1498</v>
      </c>
      <c r="AH15" s="1259" t="s">
        <v>1498</v>
      </c>
      <c r="AI15" s="1259" t="s">
        <v>1498</v>
      </c>
      <c r="AJ15" s="1259" t="s">
        <v>1498</v>
      </c>
      <c r="AK15" s="1259" t="s">
        <v>1498</v>
      </c>
      <c r="AL15" s="1259" t="s">
        <v>1498</v>
      </c>
      <c r="AM15" s="1259" t="s">
        <v>1498</v>
      </c>
      <c r="AN15" s="1259" t="s">
        <v>1498</v>
      </c>
      <c r="AO15" s="1259" t="s">
        <v>1498</v>
      </c>
      <c r="AP15" s="1259" t="s">
        <v>1498</v>
      </c>
      <c r="AQ15" s="1259" t="s">
        <v>1498</v>
      </c>
      <c r="AR15" s="1259" t="s">
        <v>1498</v>
      </c>
      <c r="AS15" s="1259" t="s">
        <v>1498</v>
      </c>
      <c r="AT15" s="1259" t="s">
        <v>1498</v>
      </c>
      <c r="AU15" s="1259" t="s">
        <v>1498</v>
      </c>
      <c r="AV15" s="1259" t="s">
        <v>1498</v>
      </c>
      <c r="AW15" s="1259" t="s">
        <v>1498</v>
      </c>
      <c r="AX15" s="1259" t="s">
        <v>1498</v>
      </c>
      <c r="AY15" s="1259" t="s">
        <v>1498</v>
      </c>
      <c r="AZ15" s="905" t="s">
        <v>1550</v>
      </c>
      <c r="BA15" s="499" t="s">
        <v>834</v>
      </c>
      <c r="BB15" s="953" t="s">
        <v>53</v>
      </c>
      <c r="BC15" s="979">
        <v>370629.19</v>
      </c>
      <c r="BD15" s="948">
        <v>0</v>
      </c>
      <c r="BE15" s="948" t="s">
        <v>1500</v>
      </c>
      <c r="BF15" s="1260" t="s">
        <v>1501</v>
      </c>
      <c r="BG15" s="1261">
        <v>370629.19</v>
      </c>
      <c r="BH15" s="976" t="e">
        <f t="shared" si="6"/>
        <v>#VALUE!</v>
      </c>
      <c r="BI15" s="972" t="e">
        <f t="shared" si="6"/>
        <v>#VALUE!</v>
      </c>
      <c r="BJ15" s="972" t="e">
        <f t="shared" si="6"/>
        <v>#VALUE!</v>
      </c>
      <c r="BK15" s="972" t="e">
        <f t="shared" si="6"/>
        <v>#VALUE!</v>
      </c>
      <c r="BL15" s="972" t="e">
        <f t="shared" si="6"/>
        <v>#VALUE!</v>
      </c>
      <c r="BM15" s="972" t="e">
        <f t="shared" si="6"/>
        <v>#VALUE!</v>
      </c>
      <c r="BN15" s="972" t="e">
        <f t="shared" si="6"/>
        <v>#VALUE!</v>
      </c>
      <c r="BO15" s="972" t="e">
        <f t="shared" si="6"/>
        <v>#VALUE!</v>
      </c>
      <c r="BP15" s="972" t="e">
        <f t="shared" si="6"/>
        <v>#VALUE!</v>
      </c>
      <c r="BQ15" s="972" t="e">
        <f t="shared" si="6"/>
        <v>#VALUE!</v>
      </c>
      <c r="BR15" s="972" t="e">
        <f t="shared" si="6"/>
        <v>#VALUE!</v>
      </c>
      <c r="BS15" s="972" t="e">
        <f t="shared" si="6"/>
        <v>#VALUE!</v>
      </c>
      <c r="BT15" s="972" t="e">
        <f t="shared" si="6"/>
        <v>#VALUE!</v>
      </c>
      <c r="BU15" s="972" t="e">
        <f t="shared" si="6"/>
        <v>#VALUE!</v>
      </c>
      <c r="BV15" s="972" t="e">
        <f t="shared" si="7"/>
        <v>#VALUE!</v>
      </c>
      <c r="BW15" s="972" t="e">
        <f t="shared" si="7"/>
        <v>#VALUE!</v>
      </c>
      <c r="BX15" s="972" t="e">
        <f t="shared" si="7"/>
        <v>#VALUE!</v>
      </c>
      <c r="BY15" s="972" t="e">
        <f t="shared" si="7"/>
        <v>#VALUE!</v>
      </c>
      <c r="BZ15" s="972" t="e">
        <f t="shared" si="7"/>
        <v>#VALUE!</v>
      </c>
      <c r="CA15" s="972" t="e">
        <f t="shared" si="7"/>
        <v>#VALUE!</v>
      </c>
      <c r="CB15" s="973" t="e">
        <f t="shared" si="5"/>
        <v>#VALUE!</v>
      </c>
    </row>
    <row r="16" spans="3:80" ht="75" hidden="1" x14ac:dyDescent="0.25">
      <c r="C16" s="597"/>
      <c r="D16" s="597" t="s">
        <v>66</v>
      </c>
      <c r="E16" s="597"/>
      <c r="F16" s="597"/>
      <c r="G16" s="597"/>
      <c r="H16" s="499" t="s">
        <v>1551</v>
      </c>
      <c r="I16" s="499" t="s">
        <v>862</v>
      </c>
      <c r="J16" s="499" t="s">
        <v>863</v>
      </c>
      <c r="K16" s="499">
        <v>51.75977185</v>
      </c>
      <c r="L16" s="499">
        <v>-0.44028828599999997</v>
      </c>
      <c r="M16" s="499" t="s">
        <v>1488</v>
      </c>
      <c r="N16" s="499" t="s">
        <v>1489</v>
      </c>
      <c r="O16" s="499">
        <v>2</v>
      </c>
      <c r="P16" s="499" t="s">
        <v>830</v>
      </c>
      <c r="Q16" s="499" t="s">
        <v>1490</v>
      </c>
      <c r="R16" s="499" t="s">
        <v>1491</v>
      </c>
      <c r="S16" s="499" t="s">
        <v>1492</v>
      </c>
      <c r="T16" s="499" t="s">
        <v>1493</v>
      </c>
      <c r="U16" s="499" t="s">
        <v>1553</v>
      </c>
      <c r="V16" s="946" t="str">
        <f>_xlfn.XLOOKUP(H16, [5]GIS!D:D, [5]GIS!E:E, "Not mapped")</f>
        <v>Single - Scenario 3</v>
      </c>
      <c r="W16" s="1257" t="s">
        <v>1495</v>
      </c>
      <c r="X16" s="579" t="s">
        <v>1496</v>
      </c>
      <c r="Y16" s="1258" t="s">
        <v>1497</v>
      </c>
      <c r="Z16" s="1259" t="s">
        <v>1498</v>
      </c>
      <c r="AA16" s="1259" t="s">
        <v>1498</v>
      </c>
      <c r="AB16" s="1259" t="s">
        <v>1498</v>
      </c>
      <c r="AC16" s="1259" t="s">
        <v>1498</v>
      </c>
      <c r="AD16" s="1259" t="s">
        <v>1498</v>
      </c>
      <c r="AE16" s="1259" t="s">
        <v>1498</v>
      </c>
      <c r="AF16" s="1259" t="s">
        <v>1498</v>
      </c>
      <c r="AG16" s="1259" t="s">
        <v>1498</v>
      </c>
      <c r="AH16" s="1259" t="s">
        <v>1498</v>
      </c>
      <c r="AI16" s="1259" t="s">
        <v>1498</v>
      </c>
      <c r="AJ16" s="1259" t="s">
        <v>1498</v>
      </c>
      <c r="AK16" s="1259" t="s">
        <v>1498</v>
      </c>
      <c r="AL16" s="1259" t="s">
        <v>1498</v>
      </c>
      <c r="AM16" s="1259" t="s">
        <v>1498</v>
      </c>
      <c r="AN16" s="1259" t="s">
        <v>1498</v>
      </c>
      <c r="AO16" s="1259" t="s">
        <v>1498</v>
      </c>
      <c r="AP16" s="1259" t="s">
        <v>1498</v>
      </c>
      <c r="AQ16" s="1259" t="s">
        <v>1498</v>
      </c>
      <c r="AR16" s="1259" t="s">
        <v>1498</v>
      </c>
      <c r="AS16" s="1259" t="s">
        <v>1498</v>
      </c>
      <c r="AT16" s="1259" t="s">
        <v>1498</v>
      </c>
      <c r="AU16" s="1259" t="s">
        <v>1498</v>
      </c>
      <c r="AV16" s="1259" t="s">
        <v>1498</v>
      </c>
      <c r="AW16" s="1259" t="s">
        <v>1498</v>
      </c>
      <c r="AX16" s="1259" t="s">
        <v>1498</v>
      </c>
      <c r="AY16" s="1259" t="s">
        <v>1498</v>
      </c>
      <c r="AZ16" s="905" t="s">
        <v>1554</v>
      </c>
      <c r="BA16" s="499" t="s">
        <v>834</v>
      </c>
      <c r="BB16" s="953" t="s">
        <v>53</v>
      </c>
      <c r="BC16" s="979">
        <v>370629.19</v>
      </c>
      <c r="BD16" s="948">
        <v>2</v>
      </c>
      <c r="BE16" s="948" t="s">
        <v>1555</v>
      </c>
      <c r="BF16" s="1260" t="s">
        <v>1501</v>
      </c>
      <c r="BG16" s="1261">
        <v>370629.19</v>
      </c>
      <c r="BH16" s="976" t="e">
        <f t="shared" si="6"/>
        <v>#VALUE!</v>
      </c>
      <c r="BI16" s="972" t="e">
        <f t="shared" si="6"/>
        <v>#VALUE!</v>
      </c>
      <c r="BJ16" s="972" t="e">
        <f t="shared" si="6"/>
        <v>#VALUE!</v>
      </c>
      <c r="BK16" s="972" t="e">
        <f t="shared" si="6"/>
        <v>#VALUE!</v>
      </c>
      <c r="BL16" s="972" t="e">
        <f t="shared" si="6"/>
        <v>#VALUE!</v>
      </c>
      <c r="BM16" s="972" t="e">
        <f t="shared" si="6"/>
        <v>#VALUE!</v>
      </c>
      <c r="BN16" s="972" t="e">
        <f t="shared" si="6"/>
        <v>#VALUE!</v>
      </c>
      <c r="BO16" s="972" t="e">
        <f t="shared" si="6"/>
        <v>#VALUE!</v>
      </c>
      <c r="BP16" s="972" t="e">
        <f t="shared" si="6"/>
        <v>#VALUE!</v>
      </c>
      <c r="BQ16" s="972" t="e">
        <f t="shared" si="6"/>
        <v>#VALUE!</v>
      </c>
      <c r="BR16" s="972" t="e">
        <f t="shared" si="6"/>
        <v>#VALUE!</v>
      </c>
      <c r="BS16" s="972" t="e">
        <f t="shared" si="6"/>
        <v>#VALUE!</v>
      </c>
      <c r="BT16" s="972" t="e">
        <f t="shared" si="6"/>
        <v>#VALUE!</v>
      </c>
      <c r="BU16" s="972" t="e">
        <f t="shared" si="6"/>
        <v>#VALUE!</v>
      </c>
      <c r="BV16" s="972" t="e">
        <f t="shared" si="7"/>
        <v>#VALUE!</v>
      </c>
      <c r="BW16" s="972" t="e">
        <f t="shared" si="7"/>
        <v>#VALUE!</v>
      </c>
      <c r="BX16" s="972" t="e">
        <f t="shared" si="7"/>
        <v>#VALUE!</v>
      </c>
      <c r="BY16" s="972" t="e">
        <f t="shared" si="7"/>
        <v>#VALUE!</v>
      </c>
      <c r="BZ16" s="972" t="e">
        <f t="shared" si="7"/>
        <v>#VALUE!</v>
      </c>
      <c r="CA16" s="972" t="e">
        <f t="shared" si="7"/>
        <v>#VALUE!</v>
      </c>
      <c r="CB16" s="973" t="e">
        <f t="shared" si="5"/>
        <v>#VALUE!</v>
      </c>
    </row>
    <row r="17" spans="3:80" ht="57.75" hidden="1" x14ac:dyDescent="0.25">
      <c r="C17" s="597"/>
      <c r="D17" s="597"/>
      <c r="E17" s="597"/>
      <c r="F17" s="597"/>
      <c r="G17" s="597" t="s">
        <v>66</v>
      </c>
      <c r="H17" s="499" t="s">
        <v>1556</v>
      </c>
      <c r="I17" s="499" t="s">
        <v>1557</v>
      </c>
      <c r="J17" s="499" t="s">
        <v>1558</v>
      </c>
      <c r="K17" s="499">
        <v>51.784147919409399</v>
      </c>
      <c r="L17" s="499">
        <v>-0.45310197043822198</v>
      </c>
      <c r="M17" s="499" t="s">
        <v>1560</v>
      </c>
      <c r="N17" s="499" t="s">
        <v>1523</v>
      </c>
      <c r="O17" s="499">
        <v>3</v>
      </c>
      <c r="P17" s="499" t="s">
        <v>870</v>
      </c>
      <c r="Q17" s="499" t="s">
        <v>1490</v>
      </c>
      <c r="R17" s="499" t="s">
        <v>1491</v>
      </c>
      <c r="S17" s="499" t="s">
        <v>1492</v>
      </c>
      <c r="T17" s="499" t="s">
        <v>1561</v>
      </c>
      <c r="U17" s="499"/>
      <c r="V17" s="946" t="str">
        <f>_xlfn.XLOOKUP(H17, [5]GIS!D:D, [5]GIS!E:E, "Not mapped")</f>
        <v>Not mapped</v>
      </c>
      <c r="W17" s="499" t="s">
        <v>1562</v>
      </c>
      <c r="X17" s="952" t="s">
        <v>1563</v>
      </c>
      <c r="Y17" s="952" t="s">
        <v>2619</v>
      </c>
      <c r="Z17" s="1259" t="s">
        <v>1498</v>
      </c>
      <c r="AA17" s="1259" t="s">
        <v>1498</v>
      </c>
      <c r="AB17" s="1259" t="s">
        <v>1498</v>
      </c>
      <c r="AC17" s="1259" t="s">
        <v>1498</v>
      </c>
      <c r="AD17" s="1259" t="s">
        <v>1498</v>
      </c>
      <c r="AE17" s="1259" t="s">
        <v>1498</v>
      </c>
      <c r="AF17" s="1259" t="s">
        <v>1498</v>
      </c>
      <c r="AG17" s="1259" t="s">
        <v>1498</v>
      </c>
      <c r="AH17" s="1259" t="s">
        <v>1498</v>
      </c>
      <c r="AI17" s="1259" t="s">
        <v>1498</v>
      </c>
      <c r="AJ17" s="1259" t="s">
        <v>1498</v>
      </c>
      <c r="AK17" s="1259" t="s">
        <v>1498</v>
      </c>
      <c r="AL17" s="1259" t="s">
        <v>1498</v>
      </c>
      <c r="AM17" s="1259" t="s">
        <v>1498</v>
      </c>
      <c r="AN17" s="1259" t="s">
        <v>1498</v>
      </c>
      <c r="AO17" s="1259" t="s">
        <v>1498</v>
      </c>
      <c r="AP17" s="1259" t="s">
        <v>1498</v>
      </c>
      <c r="AQ17" s="1259" t="s">
        <v>1498</v>
      </c>
      <c r="AR17" s="1259" t="s">
        <v>1498</v>
      </c>
      <c r="AS17" s="1259" t="s">
        <v>1498</v>
      </c>
      <c r="AT17" s="1259" t="s">
        <v>1498</v>
      </c>
      <c r="AU17" s="1259" t="s">
        <v>1498</v>
      </c>
      <c r="AV17" s="1259" t="s">
        <v>1498</v>
      </c>
      <c r="AW17" s="1259" t="s">
        <v>1498</v>
      </c>
      <c r="AX17" s="1259" t="s">
        <v>1498</v>
      </c>
      <c r="AY17" s="1259" t="s">
        <v>1498</v>
      </c>
      <c r="AZ17" s="905"/>
      <c r="BA17" s="499" t="s">
        <v>1565</v>
      </c>
      <c r="BB17" s="953" t="s">
        <v>53</v>
      </c>
      <c r="BC17" s="982">
        <f>ROUND((VLOOKUP(H17,'[5]Cost Summary'!A:H,8,)),0.1)</f>
        <v>109695</v>
      </c>
      <c r="BD17" s="966"/>
      <c r="BE17" s="966"/>
      <c r="BF17" s="967" t="s">
        <v>1527</v>
      </c>
      <c r="BG17" s="1261" t="s">
        <v>1528</v>
      </c>
      <c r="BH17" s="976" t="e">
        <f t="shared" si="6"/>
        <v>#VALUE!</v>
      </c>
      <c r="BI17" s="972" t="e">
        <f t="shared" si="6"/>
        <v>#VALUE!</v>
      </c>
      <c r="BJ17" s="972" t="e">
        <f t="shared" si="6"/>
        <v>#VALUE!</v>
      </c>
      <c r="BK17" s="972" t="e">
        <f t="shared" si="6"/>
        <v>#VALUE!</v>
      </c>
      <c r="BL17" s="972" t="e">
        <f t="shared" si="6"/>
        <v>#VALUE!</v>
      </c>
      <c r="BM17" s="972" t="e">
        <f t="shared" si="6"/>
        <v>#VALUE!</v>
      </c>
      <c r="BN17" s="972" t="e">
        <f t="shared" si="6"/>
        <v>#VALUE!</v>
      </c>
      <c r="BO17" s="972" t="e">
        <f t="shared" si="6"/>
        <v>#VALUE!</v>
      </c>
      <c r="BP17" s="972" t="e">
        <f t="shared" si="6"/>
        <v>#VALUE!</v>
      </c>
      <c r="BQ17" s="972" t="e">
        <f t="shared" si="6"/>
        <v>#VALUE!</v>
      </c>
      <c r="BR17" s="972" t="e">
        <f t="shared" si="6"/>
        <v>#VALUE!</v>
      </c>
      <c r="BS17" s="972" t="e">
        <f t="shared" si="6"/>
        <v>#VALUE!</v>
      </c>
      <c r="BT17" s="972" t="e">
        <f t="shared" si="6"/>
        <v>#VALUE!</v>
      </c>
      <c r="BU17" s="972" t="e">
        <f t="shared" si="6"/>
        <v>#VALUE!</v>
      </c>
      <c r="BV17" s="972" t="e">
        <f t="shared" si="7"/>
        <v>#VALUE!</v>
      </c>
      <c r="BW17" s="972" t="e">
        <f t="shared" si="7"/>
        <v>#VALUE!</v>
      </c>
      <c r="BX17" s="972" t="e">
        <f t="shared" si="7"/>
        <v>#VALUE!</v>
      </c>
      <c r="BY17" s="972" t="e">
        <f t="shared" si="7"/>
        <v>#VALUE!</v>
      </c>
      <c r="BZ17" s="972" t="e">
        <f t="shared" si="7"/>
        <v>#VALUE!</v>
      </c>
      <c r="CA17" s="972" t="e">
        <f t="shared" si="7"/>
        <v>#VALUE!</v>
      </c>
      <c r="CB17" s="973" t="e">
        <f t="shared" si="5"/>
        <v>#VALUE!</v>
      </c>
    </row>
    <row r="18" spans="3:80" ht="114.75" x14ac:dyDescent="0.25">
      <c r="C18" s="597"/>
      <c r="D18" s="597"/>
      <c r="E18" s="597"/>
      <c r="F18" s="597"/>
      <c r="G18" s="597" t="s">
        <v>66</v>
      </c>
      <c r="H18" s="499" t="s">
        <v>1566</v>
      </c>
      <c r="I18" s="499" t="s">
        <v>1567</v>
      </c>
      <c r="J18" s="499" t="s">
        <v>1568</v>
      </c>
      <c r="K18" s="499">
        <v>51.765387937027597</v>
      </c>
      <c r="L18" s="499">
        <v>-0.47929404834780998</v>
      </c>
      <c r="M18" s="499" t="s">
        <v>1522</v>
      </c>
      <c r="N18" s="499" t="s">
        <v>1523</v>
      </c>
      <c r="O18" s="499">
        <v>2</v>
      </c>
      <c r="P18" s="499" t="s">
        <v>870</v>
      </c>
      <c r="Q18" s="499" t="s">
        <v>1490</v>
      </c>
      <c r="R18" s="499" t="s">
        <v>1491</v>
      </c>
      <c r="S18" s="499" t="s">
        <v>1492</v>
      </c>
      <c r="T18" s="499" t="s">
        <v>1493</v>
      </c>
      <c r="U18" s="499"/>
      <c r="V18" s="946" t="str">
        <f>_xlfn.XLOOKUP(H18, [5]GIS!D:D, [5]GIS!E:E, "Not mapped")</f>
        <v>Multiple - Scenario 1</v>
      </c>
      <c r="W18" s="1257" t="s">
        <v>1515</v>
      </c>
      <c r="X18" s="987" t="s">
        <v>2618</v>
      </c>
      <c r="Y18" s="987" t="s">
        <v>1526</v>
      </c>
      <c r="Z18" s="949">
        <v>12</v>
      </c>
      <c r="AA18" s="949">
        <v>5</v>
      </c>
      <c r="AB18" s="949">
        <v>4</v>
      </c>
      <c r="AC18" s="949">
        <v>119</v>
      </c>
      <c r="AD18" s="949">
        <v>3</v>
      </c>
      <c r="AE18" s="949">
        <v>4</v>
      </c>
      <c r="AF18" s="949">
        <v>3</v>
      </c>
      <c r="AG18" s="949">
        <v>20</v>
      </c>
      <c r="AH18" s="949">
        <v>20</v>
      </c>
      <c r="AI18" s="949">
        <v>2</v>
      </c>
      <c r="AJ18" s="949">
        <v>7</v>
      </c>
      <c r="AK18" s="949">
        <v>163</v>
      </c>
      <c r="AL18" s="949">
        <v>32</v>
      </c>
      <c r="AM18" s="949">
        <v>32</v>
      </c>
      <c r="AN18" s="951">
        <f>AT18*[5]TripRateCalculations!O$4</f>
        <v>3.52</v>
      </c>
      <c r="AO18" s="951">
        <f>AU18*[5]TripRateCalculations!P$4</f>
        <v>0.54576271186440684</v>
      </c>
      <c r="AP18" s="951">
        <f>AV18*[5]TripRateCalculations!Q$4</f>
        <v>14.727272727272727</v>
      </c>
      <c r="AQ18" s="951">
        <f>AW18*[5]TripRateCalculations!R$4</f>
        <v>3.8077803203661329</v>
      </c>
      <c r="AR18" s="951">
        <f>AX18*[5]TripRateCalculations!S$4</f>
        <v>1.2173913043478262</v>
      </c>
      <c r="AS18" s="951">
        <f>AY18*[5]TripRateCalculations!T$4</f>
        <v>0.20183486238532111</v>
      </c>
      <c r="AT18" s="949">
        <v>16</v>
      </c>
      <c r="AU18" s="949">
        <v>7</v>
      </c>
      <c r="AV18" s="949">
        <v>51</v>
      </c>
      <c r="AW18" s="949">
        <v>26</v>
      </c>
      <c r="AX18" s="949">
        <v>12</v>
      </c>
      <c r="AY18" s="949">
        <v>8</v>
      </c>
      <c r="AZ18" s="905"/>
      <c r="BA18" s="499" t="s">
        <v>868</v>
      </c>
      <c r="BB18" s="953" t="s">
        <v>53</v>
      </c>
      <c r="BC18" s="982">
        <f>ROUND((VLOOKUP(H18,'[5]Cost Summary'!A:H,8,)),0.1)</f>
        <v>901923</v>
      </c>
      <c r="BD18" s="966"/>
      <c r="BE18" s="966"/>
      <c r="BF18" s="967" t="s">
        <v>1527</v>
      </c>
      <c r="BG18" s="1261" t="s">
        <v>1528</v>
      </c>
      <c r="BH18" s="977">
        <f t="shared" ref="BH18:BQ20" si="8">Z18/(SUM($Z18:$AS18))</f>
        <v>2.6665479049857384E-2</v>
      </c>
      <c r="BI18" s="974">
        <f t="shared" si="8"/>
        <v>1.111061627077391E-2</v>
      </c>
      <c r="BJ18" s="974">
        <f t="shared" si="8"/>
        <v>8.8884930166191287E-3</v>
      </c>
      <c r="BK18" s="974">
        <f t="shared" si="8"/>
        <v>0.26443266724441905</v>
      </c>
      <c r="BL18" s="974">
        <f t="shared" si="8"/>
        <v>6.6663697624643461E-3</v>
      </c>
      <c r="BM18" s="974">
        <f t="shared" si="8"/>
        <v>8.8884930166191287E-3</v>
      </c>
      <c r="BN18" s="974">
        <f t="shared" si="8"/>
        <v>6.6663697624643461E-3</v>
      </c>
      <c r="BO18" s="974">
        <f t="shared" si="8"/>
        <v>4.4442465083095642E-2</v>
      </c>
      <c r="BP18" s="974">
        <f t="shared" si="8"/>
        <v>4.4442465083095642E-2</v>
      </c>
      <c r="BQ18" s="974">
        <f t="shared" si="8"/>
        <v>4.4442465083095644E-3</v>
      </c>
      <c r="BR18" s="974">
        <f t="shared" ref="BR18:CA20" si="9">AJ18/(SUM($Z18:$AS18))</f>
        <v>1.5554862779083474E-2</v>
      </c>
      <c r="BS18" s="974">
        <f t="shared" si="9"/>
        <v>0.36220609042722945</v>
      </c>
      <c r="BT18" s="974">
        <f t="shared" si="9"/>
        <v>7.110794413295303E-2</v>
      </c>
      <c r="BU18" s="974">
        <f t="shared" si="9"/>
        <v>7.110794413295303E-2</v>
      </c>
      <c r="BV18" s="974">
        <f t="shared" si="9"/>
        <v>7.8218738546248327E-3</v>
      </c>
      <c r="BW18" s="974">
        <f t="shared" si="9"/>
        <v>1.2127520132844743E-3</v>
      </c>
      <c r="BX18" s="974">
        <f t="shared" si="9"/>
        <v>3.2725815197552244E-2</v>
      </c>
      <c r="BY18" s="974">
        <f t="shared" si="9"/>
        <v>8.4613571965985301E-3</v>
      </c>
      <c r="BZ18" s="974">
        <f t="shared" si="9"/>
        <v>2.7051935267971262E-3</v>
      </c>
      <c r="CA18" s="974">
        <f t="shared" si="9"/>
        <v>4.4850194120555237E-4</v>
      </c>
      <c r="CB18" s="973">
        <f t="shared" si="5"/>
        <v>1</v>
      </c>
    </row>
    <row r="19" spans="3:80" ht="57.75" x14ac:dyDescent="0.25">
      <c r="C19" s="597"/>
      <c r="D19" s="597"/>
      <c r="E19" s="597"/>
      <c r="F19" s="597"/>
      <c r="G19" s="597" t="s">
        <v>66</v>
      </c>
      <c r="H19" s="499" t="s">
        <v>1570</v>
      </c>
      <c r="I19" s="499" t="s">
        <v>1571</v>
      </c>
      <c r="J19" s="499" t="s">
        <v>1572</v>
      </c>
      <c r="K19" s="499" t="s">
        <v>1521</v>
      </c>
      <c r="L19" s="499" t="s">
        <v>1521</v>
      </c>
      <c r="M19" s="499" t="s">
        <v>1522</v>
      </c>
      <c r="N19" s="499" t="s">
        <v>1523</v>
      </c>
      <c r="O19" s="499">
        <v>3</v>
      </c>
      <c r="P19" s="499" t="s">
        <v>870</v>
      </c>
      <c r="Q19" s="499" t="s">
        <v>1490</v>
      </c>
      <c r="R19" s="499" t="s">
        <v>1491</v>
      </c>
      <c r="S19" s="499" t="s">
        <v>1492</v>
      </c>
      <c r="T19" s="499" t="s">
        <v>1524</v>
      </c>
      <c r="U19" s="499"/>
      <c r="V19" s="946" t="str">
        <f>_xlfn.XLOOKUP(H19, [5]GIS!D:D, [5]GIS!E:E, "Not mapped")</f>
        <v>Single - Scenario 3</v>
      </c>
      <c r="W19" s="1257" t="s">
        <v>1515</v>
      </c>
      <c r="X19" s="987" t="s">
        <v>2618</v>
      </c>
      <c r="Y19" s="987" t="s">
        <v>1526</v>
      </c>
      <c r="Z19" s="949">
        <v>0</v>
      </c>
      <c r="AA19" s="949">
        <v>0</v>
      </c>
      <c r="AB19" s="949">
        <v>0</v>
      </c>
      <c r="AC19" s="949">
        <v>4</v>
      </c>
      <c r="AD19" s="949">
        <v>0</v>
      </c>
      <c r="AE19" s="949">
        <v>0</v>
      </c>
      <c r="AF19" s="949">
        <v>0</v>
      </c>
      <c r="AG19" s="949">
        <v>0</v>
      </c>
      <c r="AH19" s="949">
        <v>45</v>
      </c>
      <c r="AI19" s="949">
        <v>3</v>
      </c>
      <c r="AJ19" s="949">
        <v>14</v>
      </c>
      <c r="AK19" s="949">
        <v>44</v>
      </c>
      <c r="AL19" s="949">
        <v>1</v>
      </c>
      <c r="AM19" s="949">
        <v>14</v>
      </c>
      <c r="AN19" s="951">
        <f>AT19*[5]TripRateCalculations!O$4</f>
        <v>0</v>
      </c>
      <c r="AO19" s="951">
        <f>AU19*[5]TripRateCalculations!P$4</f>
        <v>0</v>
      </c>
      <c r="AP19" s="951">
        <f>AV19*[5]TripRateCalculations!Q$4</f>
        <v>12.41711229946524</v>
      </c>
      <c r="AQ19" s="951">
        <f>AW19*[5]TripRateCalculations!R$4</f>
        <v>6.7368421052631575</v>
      </c>
      <c r="AR19" s="951">
        <f>AX19*[5]TripRateCalculations!S$4</f>
        <v>0</v>
      </c>
      <c r="AS19" s="951">
        <f>AY19*[5]TripRateCalculations!T$4</f>
        <v>0.42889908256880738</v>
      </c>
      <c r="AT19" s="949">
        <v>0</v>
      </c>
      <c r="AU19" s="949">
        <v>0</v>
      </c>
      <c r="AV19" s="949">
        <v>43</v>
      </c>
      <c r="AW19" s="949">
        <v>46</v>
      </c>
      <c r="AX19" s="949">
        <v>0</v>
      </c>
      <c r="AY19" s="949">
        <v>17</v>
      </c>
      <c r="AZ19" s="905"/>
      <c r="BA19" s="499" t="s">
        <v>1573</v>
      </c>
      <c r="BB19" s="953" t="s">
        <v>53</v>
      </c>
      <c r="BC19" s="982">
        <f>ROUND((VLOOKUP(H19,'[5]Cost Summary'!A:H,8,)),0.1)</f>
        <v>1244205</v>
      </c>
      <c r="BD19" s="966"/>
      <c r="BE19" s="966"/>
      <c r="BF19" s="967" t="s">
        <v>1527</v>
      </c>
      <c r="BG19" s="1261" t="s">
        <v>1528</v>
      </c>
      <c r="BH19" s="977">
        <f t="shared" si="8"/>
        <v>0</v>
      </c>
      <c r="BI19" s="974">
        <f t="shared" si="8"/>
        <v>0</v>
      </c>
      <c r="BJ19" s="974">
        <f t="shared" si="8"/>
        <v>0</v>
      </c>
      <c r="BK19" s="974">
        <f t="shared" si="8"/>
        <v>2.7665797869672236E-2</v>
      </c>
      <c r="BL19" s="974">
        <f t="shared" si="8"/>
        <v>0</v>
      </c>
      <c r="BM19" s="974">
        <f t="shared" si="8"/>
        <v>0</v>
      </c>
      <c r="BN19" s="974">
        <f t="shared" si="8"/>
        <v>0</v>
      </c>
      <c r="BO19" s="974">
        <f t="shared" si="8"/>
        <v>0</v>
      </c>
      <c r="BP19" s="974">
        <f t="shared" si="8"/>
        <v>0.31124022603381268</v>
      </c>
      <c r="BQ19" s="974">
        <f t="shared" si="8"/>
        <v>2.0749348402254179E-2</v>
      </c>
      <c r="BR19" s="974">
        <f t="shared" si="9"/>
        <v>9.6830292543852822E-2</v>
      </c>
      <c r="BS19" s="974">
        <f t="shared" si="9"/>
        <v>0.30432377656639459</v>
      </c>
      <c r="BT19" s="974">
        <f t="shared" si="9"/>
        <v>6.916449467418059E-3</v>
      </c>
      <c r="BU19" s="974">
        <f t="shared" si="9"/>
        <v>9.6830292543852822E-2</v>
      </c>
      <c r="BV19" s="974">
        <f t="shared" si="9"/>
        <v>0</v>
      </c>
      <c r="BW19" s="974">
        <f t="shared" si="9"/>
        <v>0</v>
      </c>
      <c r="BX19" s="974">
        <f t="shared" si="9"/>
        <v>8.5882329750506595E-2</v>
      </c>
      <c r="BY19" s="974">
        <f t="shared" si="9"/>
        <v>4.6595027991026924E-2</v>
      </c>
      <c r="BZ19" s="974">
        <f t="shared" si="9"/>
        <v>0</v>
      </c>
      <c r="CA19" s="974">
        <f t="shared" si="9"/>
        <v>2.9664588312091219E-3</v>
      </c>
      <c r="CB19" s="973">
        <f t="shared" si="5"/>
        <v>1</v>
      </c>
    </row>
    <row r="20" spans="3:80" ht="75" x14ac:dyDescent="0.25">
      <c r="C20" s="597"/>
      <c r="D20" s="597"/>
      <c r="E20" s="597"/>
      <c r="F20" s="597"/>
      <c r="G20" s="597" t="s">
        <v>66</v>
      </c>
      <c r="H20" s="1262" t="s">
        <v>1574</v>
      </c>
      <c r="I20" s="1262" t="s">
        <v>1575</v>
      </c>
      <c r="J20" s="1262" t="s">
        <v>1576</v>
      </c>
      <c r="K20" s="499">
        <v>51.750126150782599</v>
      </c>
      <c r="L20" s="499">
        <v>-0.45572802317021999</v>
      </c>
      <c r="M20" s="1262" t="s">
        <v>1522</v>
      </c>
      <c r="N20" s="1262" t="s">
        <v>1523</v>
      </c>
      <c r="O20" s="1262">
        <v>3</v>
      </c>
      <c r="P20" s="1262" t="s">
        <v>870</v>
      </c>
      <c r="Q20" s="1262" t="s">
        <v>1578</v>
      </c>
      <c r="R20" s="1262" t="s">
        <v>1491</v>
      </c>
      <c r="S20" s="1262" t="s">
        <v>1492</v>
      </c>
      <c r="T20" s="1262" t="s">
        <v>1493</v>
      </c>
      <c r="U20" s="1263"/>
      <c r="V20" s="946" t="str">
        <f>_xlfn.XLOOKUP(H20, [5]GIS!D:D, [5]GIS!E:E, "Not mapped")</f>
        <v>Multiple - Scenario 2</v>
      </c>
      <c r="W20" s="1264"/>
      <c r="X20" s="987" t="s">
        <v>2618</v>
      </c>
      <c r="Y20" s="987" t="s">
        <v>1526</v>
      </c>
      <c r="Z20" s="1265">
        <v>21</v>
      </c>
      <c r="AA20" s="1265">
        <v>32</v>
      </c>
      <c r="AB20" s="1265">
        <v>24</v>
      </c>
      <c r="AC20" s="1265">
        <v>24</v>
      </c>
      <c r="AD20" s="1265">
        <v>22</v>
      </c>
      <c r="AE20" s="987">
        <v>2</v>
      </c>
      <c r="AF20" s="987">
        <v>45</v>
      </c>
      <c r="AG20" s="987">
        <v>5</v>
      </c>
      <c r="AH20" s="987">
        <v>0</v>
      </c>
      <c r="AI20" s="987">
        <v>0</v>
      </c>
      <c r="AJ20" s="987">
        <v>0</v>
      </c>
      <c r="AK20" s="987">
        <v>2</v>
      </c>
      <c r="AL20" s="987">
        <v>0</v>
      </c>
      <c r="AM20" s="987">
        <v>0</v>
      </c>
      <c r="AN20" s="951">
        <f>AT20*[5]TripRateCalculations!O$4</f>
        <v>0</v>
      </c>
      <c r="AO20" s="951">
        <f>AU20*[5]TripRateCalculations!P$4</f>
        <v>2.3389830508474576</v>
      </c>
      <c r="AP20" s="951">
        <f>AV20*[5]TripRateCalculations!Q$4</f>
        <v>0</v>
      </c>
      <c r="AQ20" s="951">
        <f>AW20*[5]TripRateCalculations!R$4</f>
        <v>0</v>
      </c>
      <c r="AR20" s="951">
        <f>AX20*[5]TripRateCalculations!S$4</f>
        <v>0</v>
      </c>
      <c r="AS20" s="951">
        <f>AY20*[5]TripRateCalculations!T$4</f>
        <v>0</v>
      </c>
      <c r="AT20" s="987">
        <v>0</v>
      </c>
      <c r="AU20" s="987">
        <v>30</v>
      </c>
      <c r="AV20" s="987">
        <v>0</v>
      </c>
      <c r="AW20" s="987">
        <v>0</v>
      </c>
      <c r="AX20" s="987">
        <v>0</v>
      </c>
      <c r="AY20" s="987">
        <v>0</v>
      </c>
      <c r="AZ20" s="1266"/>
      <c r="BA20" s="1262" t="s">
        <v>904</v>
      </c>
      <c r="BB20" s="1267" t="s">
        <v>53</v>
      </c>
      <c r="BC20" s="982">
        <f>ROUND((VLOOKUP(H20,'[5]Cost Summary'!A:H,8,)),0.1)</f>
        <v>1309074</v>
      </c>
      <c r="BD20" s="966"/>
      <c r="BE20" s="966"/>
      <c r="BF20" s="967" t="s">
        <v>1527</v>
      </c>
      <c r="BG20" s="1261" t="s">
        <v>1528</v>
      </c>
      <c r="BH20" s="977">
        <f t="shared" si="8"/>
        <v>0.11709668273320104</v>
      </c>
      <c r="BI20" s="974">
        <f t="shared" si="8"/>
        <v>0.17843304035535396</v>
      </c>
      <c r="BJ20" s="974">
        <f t="shared" si="8"/>
        <v>0.13382478026651545</v>
      </c>
      <c r="BK20" s="974">
        <f t="shared" si="8"/>
        <v>0.13382478026651545</v>
      </c>
      <c r="BL20" s="974">
        <f t="shared" si="8"/>
        <v>0.12267271524430584</v>
      </c>
      <c r="BM20" s="974">
        <f t="shared" si="8"/>
        <v>1.1152065022209622E-2</v>
      </c>
      <c r="BN20" s="974">
        <f t="shared" si="8"/>
        <v>0.25092146299971652</v>
      </c>
      <c r="BO20" s="974">
        <f t="shared" si="8"/>
        <v>2.7880162555524054E-2</v>
      </c>
      <c r="BP20" s="974">
        <f t="shared" si="8"/>
        <v>0</v>
      </c>
      <c r="BQ20" s="974">
        <f t="shared" si="8"/>
        <v>0</v>
      </c>
      <c r="BR20" s="974">
        <f t="shared" si="9"/>
        <v>0</v>
      </c>
      <c r="BS20" s="974">
        <f t="shared" si="9"/>
        <v>1.1152065022209622E-2</v>
      </c>
      <c r="BT20" s="974">
        <f t="shared" si="9"/>
        <v>0</v>
      </c>
      <c r="BU20" s="974">
        <f t="shared" si="9"/>
        <v>0</v>
      </c>
      <c r="BV20" s="974">
        <f t="shared" si="9"/>
        <v>0</v>
      </c>
      <c r="BW20" s="974">
        <f t="shared" si="9"/>
        <v>1.304224553444854E-2</v>
      </c>
      <c r="BX20" s="974">
        <f t="shared" si="9"/>
        <v>0</v>
      </c>
      <c r="BY20" s="974">
        <f t="shared" si="9"/>
        <v>0</v>
      </c>
      <c r="BZ20" s="974">
        <f t="shared" si="9"/>
        <v>0</v>
      </c>
      <c r="CA20" s="974">
        <f t="shared" si="9"/>
        <v>0</v>
      </c>
      <c r="CB20" s="973">
        <f t="shared" si="5"/>
        <v>1.0000000000000002</v>
      </c>
    </row>
    <row r="21" spans="3:80" ht="157.5" hidden="1" x14ac:dyDescent="0.25">
      <c r="C21" s="597"/>
      <c r="D21" s="597" t="s">
        <v>66</v>
      </c>
      <c r="E21" s="597"/>
      <c r="F21" s="597"/>
      <c r="G21" s="597"/>
      <c r="H21" s="499" t="s">
        <v>1579</v>
      </c>
      <c r="I21" s="499" t="s">
        <v>877</v>
      </c>
      <c r="J21" s="499" t="s">
        <v>878</v>
      </c>
      <c r="K21" s="499" t="s">
        <v>1580</v>
      </c>
      <c r="L21" s="499" t="s">
        <v>1580</v>
      </c>
      <c r="M21" s="499" t="s">
        <v>1581</v>
      </c>
      <c r="N21" s="499" t="s">
        <v>1523</v>
      </c>
      <c r="O21" s="499">
        <v>2</v>
      </c>
      <c r="P21" s="499" t="s">
        <v>870</v>
      </c>
      <c r="Q21" s="499" t="s">
        <v>1490</v>
      </c>
      <c r="R21" s="499" t="s">
        <v>1491</v>
      </c>
      <c r="S21" s="499" t="s">
        <v>1492</v>
      </c>
      <c r="T21" s="499" t="s">
        <v>1493</v>
      </c>
      <c r="U21" s="499" t="s">
        <v>1580</v>
      </c>
      <c r="V21" s="946" t="str">
        <f>_xlfn.XLOOKUP(H21, [5]GIS!D:D, [5]GIS!E:E, "Not mapped")</f>
        <v>Not mapped</v>
      </c>
      <c r="W21" s="1268" t="s">
        <v>1580</v>
      </c>
      <c r="X21" s="1269" t="s">
        <v>1582</v>
      </c>
      <c r="Y21" s="1270" t="s">
        <v>1583</v>
      </c>
      <c r="Z21" s="1259" t="s">
        <v>1498</v>
      </c>
      <c r="AA21" s="1259" t="s">
        <v>1498</v>
      </c>
      <c r="AB21" s="1259" t="s">
        <v>1498</v>
      </c>
      <c r="AC21" s="1259" t="s">
        <v>1498</v>
      </c>
      <c r="AD21" s="1259" t="s">
        <v>1498</v>
      </c>
      <c r="AE21" s="1259" t="s">
        <v>1498</v>
      </c>
      <c r="AF21" s="1259" t="s">
        <v>1498</v>
      </c>
      <c r="AG21" s="1259" t="s">
        <v>1498</v>
      </c>
      <c r="AH21" s="1259" t="s">
        <v>1498</v>
      </c>
      <c r="AI21" s="1259" t="s">
        <v>1498</v>
      </c>
      <c r="AJ21" s="1259" t="s">
        <v>1498</v>
      </c>
      <c r="AK21" s="1259" t="s">
        <v>1498</v>
      </c>
      <c r="AL21" s="1259" t="s">
        <v>1498</v>
      </c>
      <c r="AM21" s="1259" t="s">
        <v>1498</v>
      </c>
      <c r="AN21" s="1259" t="s">
        <v>1498</v>
      </c>
      <c r="AO21" s="1259" t="s">
        <v>1498</v>
      </c>
      <c r="AP21" s="1259" t="s">
        <v>1498</v>
      </c>
      <c r="AQ21" s="1259" t="s">
        <v>1498</v>
      </c>
      <c r="AR21" s="1259" t="s">
        <v>1498</v>
      </c>
      <c r="AS21" s="1259" t="s">
        <v>1498</v>
      </c>
      <c r="AT21" s="1259" t="s">
        <v>1498</v>
      </c>
      <c r="AU21" s="1259" t="s">
        <v>1498</v>
      </c>
      <c r="AV21" s="1259" t="s">
        <v>1498</v>
      </c>
      <c r="AW21" s="1259" t="s">
        <v>1498</v>
      </c>
      <c r="AX21" s="1259" t="s">
        <v>1498</v>
      </c>
      <c r="AY21" s="1259" t="s">
        <v>1498</v>
      </c>
      <c r="AZ21" s="905" t="s">
        <v>1580</v>
      </c>
      <c r="BA21" s="499" t="s">
        <v>879</v>
      </c>
      <c r="BB21" s="953" t="s">
        <v>53</v>
      </c>
      <c r="BC21" s="980">
        <f>ROUND((VLOOKUP(H21,'[5]Cost Summary'!A:H,8,)),0.1)</f>
        <v>109695</v>
      </c>
      <c r="BD21" s="499">
        <v>0</v>
      </c>
      <c r="BE21" s="499" t="s">
        <v>1500</v>
      </c>
      <c r="BF21" s="954" t="s">
        <v>1584</v>
      </c>
      <c r="BG21" s="1261">
        <v>285064.87</v>
      </c>
      <c r="BH21" s="976" t="e">
        <f t="shared" ref="BH21:BH31" si="10">Z21/(SUM($Z21:$AY21))</f>
        <v>#VALUE!</v>
      </c>
      <c r="BI21" s="972" t="e">
        <f t="shared" ref="BI21:BI31" si="11">AA21/(SUM($Z21:$AY21))</f>
        <v>#VALUE!</v>
      </c>
      <c r="BJ21" s="972" t="e">
        <f t="shared" ref="BJ21:BJ31" si="12">AB21/(SUM($Z21:$AY21))</f>
        <v>#VALUE!</v>
      </c>
      <c r="BK21" s="972" t="e">
        <f t="shared" ref="BK21:BK31" si="13">AC21/(SUM($Z21:$AY21))</f>
        <v>#VALUE!</v>
      </c>
      <c r="BL21" s="972" t="e">
        <f t="shared" ref="BL21:BL31" si="14">AD21/(SUM($Z21:$AY21))</f>
        <v>#VALUE!</v>
      </c>
      <c r="BM21" s="972" t="e">
        <f t="shared" ref="BM21:BM31" si="15">AE21/(SUM($Z21:$AY21))</f>
        <v>#VALUE!</v>
      </c>
      <c r="BN21" s="972" t="e">
        <f t="shared" ref="BN21:BN31" si="16">AF21/(SUM($Z21:$AY21))</f>
        <v>#VALUE!</v>
      </c>
      <c r="BO21" s="972" t="e">
        <f t="shared" ref="BO21:BO31" si="17">AG21/(SUM($Z21:$AY21))</f>
        <v>#VALUE!</v>
      </c>
      <c r="BP21" s="972" t="e">
        <f t="shared" ref="BP21:BP31" si="18">AH21/(SUM($Z21:$AY21))</f>
        <v>#VALUE!</v>
      </c>
      <c r="BQ21" s="972" t="e">
        <f t="shared" ref="BQ21:BQ31" si="19">AI21/(SUM($Z21:$AY21))</f>
        <v>#VALUE!</v>
      </c>
      <c r="BR21" s="972" t="e">
        <f t="shared" ref="BR21:BR31" si="20">AJ21/(SUM($Z21:$AY21))</f>
        <v>#VALUE!</v>
      </c>
      <c r="BS21" s="972" t="e">
        <f t="shared" ref="BS21:BS31" si="21">AK21/(SUM($Z21:$AY21))</f>
        <v>#VALUE!</v>
      </c>
      <c r="BT21" s="972" t="e">
        <f t="shared" ref="BT21:BT31" si="22">AL21/(SUM($Z21:$AY21))</f>
        <v>#VALUE!</v>
      </c>
      <c r="BU21" s="972" t="e">
        <f t="shared" ref="BU21:BU31" si="23">AM21/(SUM($Z21:$AY21))</f>
        <v>#VALUE!</v>
      </c>
      <c r="BV21" s="972" t="e">
        <f t="shared" ref="BV21:BV31" si="24">AM21/(SUM($Z21:$AY21))</f>
        <v>#VALUE!</v>
      </c>
      <c r="BW21" s="972" t="e">
        <f t="shared" ref="BW21:BW31" si="25">AN21/(SUM($Z21:$AY21))</f>
        <v>#VALUE!</v>
      </c>
      <c r="BX21" s="972" t="e">
        <f t="shared" ref="BX21:BX31" si="26">AO21/(SUM($Z21:$AY21))</f>
        <v>#VALUE!</v>
      </c>
      <c r="BY21" s="972" t="e">
        <f t="shared" ref="BY21:BY31" si="27">AP21/(SUM($Z21:$AY21))</f>
        <v>#VALUE!</v>
      </c>
      <c r="BZ21" s="972" t="e">
        <f t="shared" ref="BZ21:BZ31" si="28">AQ21/(SUM($Z21:$AY21))</f>
        <v>#VALUE!</v>
      </c>
      <c r="CA21" s="972" t="e">
        <f t="shared" ref="CA21:CA31" si="29">AR21/(SUM($Z21:$AY21))</f>
        <v>#VALUE!</v>
      </c>
      <c r="CB21" s="973" t="e">
        <f t="shared" si="5"/>
        <v>#VALUE!</v>
      </c>
    </row>
    <row r="22" spans="3:80" ht="257.25" hidden="1" x14ac:dyDescent="0.25">
      <c r="C22" s="597"/>
      <c r="D22" s="597"/>
      <c r="E22" s="597"/>
      <c r="F22" s="597"/>
      <c r="G22" s="597"/>
      <c r="H22" s="499" t="s">
        <v>1585</v>
      </c>
      <c r="I22" s="499" t="s">
        <v>865</v>
      </c>
      <c r="J22" s="499" t="s">
        <v>866</v>
      </c>
      <c r="K22" s="499">
        <v>51.75757685</v>
      </c>
      <c r="L22" s="499">
        <v>-0.42302620099999999</v>
      </c>
      <c r="M22" s="499" t="s">
        <v>1522</v>
      </c>
      <c r="N22" s="499" t="s">
        <v>1523</v>
      </c>
      <c r="O22" s="499">
        <v>2</v>
      </c>
      <c r="P22" s="499" t="s">
        <v>830</v>
      </c>
      <c r="Q22" s="499" t="s">
        <v>1490</v>
      </c>
      <c r="R22" s="499" t="s">
        <v>1491</v>
      </c>
      <c r="S22" s="499" t="s">
        <v>1492</v>
      </c>
      <c r="T22" s="499" t="s">
        <v>1561</v>
      </c>
      <c r="U22" s="499" t="s">
        <v>1504</v>
      </c>
      <c r="V22" s="946" t="str">
        <f>_xlfn.XLOOKUP(H22, [5]GIS!D:D, [5]GIS!E:E, "Not mapped")</f>
        <v>Single - Scenario 1</v>
      </c>
      <c r="W22" s="499" t="s">
        <v>1546</v>
      </c>
      <c r="X22" s="952" t="s">
        <v>1563</v>
      </c>
      <c r="Y22" s="952" t="s">
        <v>1586</v>
      </c>
      <c r="Z22" s="1259" t="s">
        <v>1498</v>
      </c>
      <c r="AA22" s="1259" t="s">
        <v>1498</v>
      </c>
      <c r="AB22" s="1259" t="s">
        <v>1498</v>
      </c>
      <c r="AC22" s="1259" t="s">
        <v>1498</v>
      </c>
      <c r="AD22" s="1259" t="s">
        <v>1498</v>
      </c>
      <c r="AE22" s="1259" t="s">
        <v>1498</v>
      </c>
      <c r="AF22" s="1259" t="s">
        <v>1498</v>
      </c>
      <c r="AG22" s="1259" t="s">
        <v>1498</v>
      </c>
      <c r="AH22" s="1259" t="s">
        <v>1498</v>
      </c>
      <c r="AI22" s="1259" t="s">
        <v>1498</v>
      </c>
      <c r="AJ22" s="1259" t="s">
        <v>1498</v>
      </c>
      <c r="AK22" s="1259" t="s">
        <v>1498</v>
      </c>
      <c r="AL22" s="1259" t="s">
        <v>1498</v>
      </c>
      <c r="AM22" s="1259" t="s">
        <v>1498</v>
      </c>
      <c r="AN22" s="1259" t="s">
        <v>1498</v>
      </c>
      <c r="AO22" s="1259" t="s">
        <v>1498</v>
      </c>
      <c r="AP22" s="1259" t="s">
        <v>1498</v>
      </c>
      <c r="AQ22" s="1259" t="s">
        <v>1498</v>
      </c>
      <c r="AR22" s="1259" t="s">
        <v>1498</v>
      </c>
      <c r="AS22" s="1259" t="s">
        <v>1498</v>
      </c>
      <c r="AT22" s="1259" t="s">
        <v>1498</v>
      </c>
      <c r="AU22" s="1259" t="s">
        <v>1498</v>
      </c>
      <c r="AV22" s="1259" t="s">
        <v>1498</v>
      </c>
      <c r="AW22" s="1259" t="s">
        <v>1498</v>
      </c>
      <c r="AX22" s="1259" t="s">
        <v>1498</v>
      </c>
      <c r="AY22" s="1259" t="s">
        <v>1498</v>
      </c>
      <c r="AZ22" s="905" t="s">
        <v>1554</v>
      </c>
      <c r="BA22" s="499" t="s">
        <v>868</v>
      </c>
      <c r="BB22" s="953" t="s">
        <v>1587</v>
      </c>
      <c r="BC22" s="979">
        <v>877751.88</v>
      </c>
      <c r="BD22" s="948">
        <v>1</v>
      </c>
      <c r="BE22" s="948">
        <v>8</v>
      </c>
      <c r="BF22" s="1260" t="s">
        <v>1501</v>
      </c>
      <c r="BG22" s="1261">
        <v>877751.88</v>
      </c>
      <c r="BH22" s="976" t="e">
        <f t="shared" si="10"/>
        <v>#VALUE!</v>
      </c>
      <c r="BI22" s="972" t="e">
        <f t="shared" si="11"/>
        <v>#VALUE!</v>
      </c>
      <c r="BJ22" s="972" t="e">
        <f t="shared" si="12"/>
        <v>#VALUE!</v>
      </c>
      <c r="BK22" s="972" t="e">
        <f t="shared" si="13"/>
        <v>#VALUE!</v>
      </c>
      <c r="BL22" s="972" t="e">
        <f t="shared" si="14"/>
        <v>#VALUE!</v>
      </c>
      <c r="BM22" s="972" t="e">
        <f t="shared" si="15"/>
        <v>#VALUE!</v>
      </c>
      <c r="BN22" s="972" t="e">
        <f t="shared" si="16"/>
        <v>#VALUE!</v>
      </c>
      <c r="BO22" s="972" t="e">
        <f t="shared" si="17"/>
        <v>#VALUE!</v>
      </c>
      <c r="BP22" s="972" t="e">
        <f t="shared" si="18"/>
        <v>#VALUE!</v>
      </c>
      <c r="BQ22" s="972" t="e">
        <f t="shared" si="19"/>
        <v>#VALUE!</v>
      </c>
      <c r="BR22" s="972" t="e">
        <f t="shared" si="20"/>
        <v>#VALUE!</v>
      </c>
      <c r="BS22" s="972" t="e">
        <f t="shared" si="21"/>
        <v>#VALUE!</v>
      </c>
      <c r="BT22" s="972" t="e">
        <f t="shared" si="22"/>
        <v>#VALUE!</v>
      </c>
      <c r="BU22" s="972" t="e">
        <f t="shared" si="23"/>
        <v>#VALUE!</v>
      </c>
      <c r="BV22" s="972" t="e">
        <f t="shared" si="24"/>
        <v>#VALUE!</v>
      </c>
      <c r="BW22" s="972" t="e">
        <f t="shared" si="25"/>
        <v>#VALUE!</v>
      </c>
      <c r="BX22" s="972" t="e">
        <f t="shared" si="26"/>
        <v>#VALUE!</v>
      </c>
      <c r="BY22" s="972" t="e">
        <f t="shared" si="27"/>
        <v>#VALUE!</v>
      </c>
      <c r="BZ22" s="972" t="e">
        <f t="shared" si="28"/>
        <v>#VALUE!</v>
      </c>
      <c r="CA22" s="972" t="e">
        <f t="shared" si="29"/>
        <v>#VALUE!</v>
      </c>
      <c r="CB22" s="973" t="e">
        <f t="shared" si="5"/>
        <v>#VALUE!</v>
      </c>
    </row>
    <row r="23" spans="3:80" ht="114.75" hidden="1" x14ac:dyDescent="0.25">
      <c r="C23" s="597" t="s">
        <v>66</v>
      </c>
      <c r="D23" s="597"/>
      <c r="E23" s="597"/>
      <c r="F23" s="597"/>
      <c r="G23" s="597"/>
      <c r="H23" s="499" t="s">
        <v>1588</v>
      </c>
      <c r="I23" s="499" t="s">
        <v>880</v>
      </c>
      <c r="J23" s="499" t="s">
        <v>1589</v>
      </c>
      <c r="K23" s="499">
        <v>51.781202479999997</v>
      </c>
      <c r="L23" s="499">
        <v>-0.470383834</v>
      </c>
      <c r="M23" s="499" t="s">
        <v>1590</v>
      </c>
      <c r="N23" s="499" t="s">
        <v>1489</v>
      </c>
      <c r="O23" s="499">
        <v>2</v>
      </c>
      <c r="P23" s="499" t="s">
        <v>830</v>
      </c>
      <c r="Q23" s="499" t="s">
        <v>1490</v>
      </c>
      <c r="R23" s="499" t="s">
        <v>1491</v>
      </c>
      <c r="S23" s="499" t="s">
        <v>1492</v>
      </c>
      <c r="T23" s="499" t="s">
        <v>1561</v>
      </c>
      <c r="U23" s="499" t="s">
        <v>1591</v>
      </c>
      <c r="V23" s="946" t="str">
        <f>_xlfn.XLOOKUP(H23, [5]GIS!D:D, [5]GIS!E:E, "Not mapped")</f>
        <v>Single - Scenario 1</v>
      </c>
      <c r="W23" s="499" t="s">
        <v>1546</v>
      </c>
      <c r="X23" s="952" t="s">
        <v>1563</v>
      </c>
      <c r="Y23" s="1271" t="s">
        <v>1592</v>
      </c>
      <c r="Z23" s="1259" t="s">
        <v>1498</v>
      </c>
      <c r="AA23" s="1259" t="s">
        <v>1498</v>
      </c>
      <c r="AB23" s="1259" t="s">
        <v>1498</v>
      </c>
      <c r="AC23" s="1259" t="s">
        <v>1498</v>
      </c>
      <c r="AD23" s="1259" t="s">
        <v>1498</v>
      </c>
      <c r="AE23" s="1259" t="s">
        <v>1498</v>
      </c>
      <c r="AF23" s="1259" t="s">
        <v>1498</v>
      </c>
      <c r="AG23" s="1259" t="s">
        <v>1498</v>
      </c>
      <c r="AH23" s="1259" t="s">
        <v>1498</v>
      </c>
      <c r="AI23" s="1259" t="s">
        <v>1498</v>
      </c>
      <c r="AJ23" s="1259" t="s">
        <v>1498</v>
      </c>
      <c r="AK23" s="1259" t="s">
        <v>1498</v>
      </c>
      <c r="AL23" s="1259" t="s">
        <v>1498</v>
      </c>
      <c r="AM23" s="1259" t="s">
        <v>1498</v>
      </c>
      <c r="AN23" s="1259" t="s">
        <v>1498</v>
      </c>
      <c r="AO23" s="1259" t="s">
        <v>1498</v>
      </c>
      <c r="AP23" s="1259" t="s">
        <v>1498</v>
      </c>
      <c r="AQ23" s="1259" t="s">
        <v>1498</v>
      </c>
      <c r="AR23" s="1259" t="s">
        <v>1498</v>
      </c>
      <c r="AS23" s="1259" t="s">
        <v>1498</v>
      </c>
      <c r="AT23" s="1259" t="s">
        <v>1498</v>
      </c>
      <c r="AU23" s="1259" t="s">
        <v>1498</v>
      </c>
      <c r="AV23" s="1259" t="s">
        <v>1498</v>
      </c>
      <c r="AW23" s="1259" t="s">
        <v>1498</v>
      </c>
      <c r="AX23" s="1259" t="s">
        <v>1498</v>
      </c>
      <c r="AY23" s="1259" t="s">
        <v>1498</v>
      </c>
      <c r="AZ23" s="905" t="s">
        <v>1593</v>
      </c>
      <c r="BA23" s="499" t="s">
        <v>834</v>
      </c>
      <c r="BB23" s="953" t="s">
        <v>53</v>
      </c>
      <c r="BC23" s="979">
        <v>370629.19</v>
      </c>
      <c r="BD23" s="948">
        <v>0</v>
      </c>
      <c r="BE23" s="948" t="s">
        <v>1500</v>
      </c>
      <c r="BF23" s="1260" t="s">
        <v>1501</v>
      </c>
      <c r="BG23" s="1261">
        <v>370629.19</v>
      </c>
      <c r="BH23" s="976" t="e">
        <f t="shared" si="10"/>
        <v>#VALUE!</v>
      </c>
      <c r="BI23" s="972" t="e">
        <f t="shared" si="11"/>
        <v>#VALUE!</v>
      </c>
      <c r="BJ23" s="972" t="e">
        <f t="shared" si="12"/>
        <v>#VALUE!</v>
      </c>
      <c r="BK23" s="972" t="e">
        <f t="shared" si="13"/>
        <v>#VALUE!</v>
      </c>
      <c r="BL23" s="972" t="e">
        <f t="shared" si="14"/>
        <v>#VALUE!</v>
      </c>
      <c r="BM23" s="972" t="e">
        <f t="shared" si="15"/>
        <v>#VALUE!</v>
      </c>
      <c r="BN23" s="972" t="e">
        <f t="shared" si="16"/>
        <v>#VALUE!</v>
      </c>
      <c r="BO23" s="972" t="e">
        <f t="shared" si="17"/>
        <v>#VALUE!</v>
      </c>
      <c r="BP23" s="972" t="e">
        <f t="shared" si="18"/>
        <v>#VALUE!</v>
      </c>
      <c r="BQ23" s="972" t="e">
        <f t="shared" si="19"/>
        <v>#VALUE!</v>
      </c>
      <c r="BR23" s="972" t="e">
        <f t="shared" si="20"/>
        <v>#VALUE!</v>
      </c>
      <c r="BS23" s="972" t="e">
        <f t="shared" si="21"/>
        <v>#VALUE!</v>
      </c>
      <c r="BT23" s="972" t="e">
        <f t="shared" si="22"/>
        <v>#VALUE!</v>
      </c>
      <c r="BU23" s="972" t="e">
        <f t="shared" si="23"/>
        <v>#VALUE!</v>
      </c>
      <c r="BV23" s="972" t="e">
        <f t="shared" si="24"/>
        <v>#VALUE!</v>
      </c>
      <c r="BW23" s="972" t="e">
        <f t="shared" si="25"/>
        <v>#VALUE!</v>
      </c>
      <c r="BX23" s="972" t="e">
        <f t="shared" si="26"/>
        <v>#VALUE!</v>
      </c>
      <c r="BY23" s="972" t="e">
        <f t="shared" si="27"/>
        <v>#VALUE!</v>
      </c>
      <c r="BZ23" s="972" t="e">
        <f t="shared" si="28"/>
        <v>#VALUE!</v>
      </c>
      <c r="CA23" s="972" t="e">
        <f t="shared" si="29"/>
        <v>#VALUE!</v>
      </c>
      <c r="CB23" s="973" t="e">
        <f t="shared" si="5"/>
        <v>#VALUE!</v>
      </c>
    </row>
    <row r="24" spans="3:80" ht="114.75" hidden="1" x14ac:dyDescent="0.25">
      <c r="C24" s="597" t="s">
        <v>66</v>
      </c>
      <c r="D24" s="597" t="s">
        <v>66</v>
      </c>
      <c r="E24" s="597"/>
      <c r="F24" s="597"/>
      <c r="G24" s="597"/>
      <c r="H24" s="499" t="s">
        <v>1594</v>
      </c>
      <c r="I24" s="499" t="s">
        <v>882</v>
      </c>
      <c r="J24" s="499" t="s">
        <v>1595</v>
      </c>
      <c r="K24" s="499">
        <v>51.784384809999999</v>
      </c>
      <c r="L24" s="499">
        <v>-0.45212253299999999</v>
      </c>
      <c r="M24" s="499" t="s">
        <v>1590</v>
      </c>
      <c r="N24" s="499" t="s">
        <v>1489</v>
      </c>
      <c r="O24" s="499">
        <v>2</v>
      </c>
      <c r="P24" s="499" t="s">
        <v>830</v>
      </c>
      <c r="Q24" s="499" t="s">
        <v>1490</v>
      </c>
      <c r="R24" s="499" t="s">
        <v>1491</v>
      </c>
      <c r="S24" s="499" t="s">
        <v>1492</v>
      </c>
      <c r="T24" s="499" t="s">
        <v>1561</v>
      </c>
      <c r="U24" s="499" t="s">
        <v>1591</v>
      </c>
      <c r="V24" s="946" t="str">
        <f>_xlfn.XLOOKUP(H24, [5]GIS!D:D, [5]GIS!E:E, "Not mapped")</f>
        <v>Single - Scenario 1</v>
      </c>
      <c r="W24" s="499" t="s">
        <v>1546</v>
      </c>
      <c r="X24" s="952" t="s">
        <v>1563</v>
      </c>
      <c r="Y24" s="1271" t="s">
        <v>1592</v>
      </c>
      <c r="Z24" s="1259" t="s">
        <v>1498</v>
      </c>
      <c r="AA24" s="1259" t="s">
        <v>1498</v>
      </c>
      <c r="AB24" s="1259" t="s">
        <v>1498</v>
      </c>
      <c r="AC24" s="1259" t="s">
        <v>1498</v>
      </c>
      <c r="AD24" s="1259" t="s">
        <v>1498</v>
      </c>
      <c r="AE24" s="1259" t="s">
        <v>1498</v>
      </c>
      <c r="AF24" s="1259" t="s">
        <v>1498</v>
      </c>
      <c r="AG24" s="1259" t="s">
        <v>1498</v>
      </c>
      <c r="AH24" s="1259" t="s">
        <v>1498</v>
      </c>
      <c r="AI24" s="1259" t="s">
        <v>1498</v>
      </c>
      <c r="AJ24" s="1259" t="s">
        <v>1498</v>
      </c>
      <c r="AK24" s="1259" t="s">
        <v>1498</v>
      </c>
      <c r="AL24" s="1259" t="s">
        <v>1498</v>
      </c>
      <c r="AM24" s="1259" t="s">
        <v>1498</v>
      </c>
      <c r="AN24" s="1259" t="s">
        <v>1498</v>
      </c>
      <c r="AO24" s="1259" t="s">
        <v>1498</v>
      </c>
      <c r="AP24" s="1259" t="s">
        <v>1498</v>
      </c>
      <c r="AQ24" s="1259" t="s">
        <v>1498</v>
      </c>
      <c r="AR24" s="1259" t="s">
        <v>1498</v>
      </c>
      <c r="AS24" s="1259" t="s">
        <v>1498</v>
      </c>
      <c r="AT24" s="1259" t="s">
        <v>1498</v>
      </c>
      <c r="AU24" s="1259" t="s">
        <v>1498</v>
      </c>
      <c r="AV24" s="1259" t="s">
        <v>1498</v>
      </c>
      <c r="AW24" s="1259" t="s">
        <v>1498</v>
      </c>
      <c r="AX24" s="1259" t="s">
        <v>1498</v>
      </c>
      <c r="AY24" s="1259" t="s">
        <v>1498</v>
      </c>
      <c r="AZ24" s="905" t="s">
        <v>1593</v>
      </c>
      <c r="BA24" s="499" t="s">
        <v>834</v>
      </c>
      <c r="BB24" s="953" t="s">
        <v>53</v>
      </c>
      <c r="BC24" s="979">
        <v>370629.19</v>
      </c>
      <c r="BD24" s="948">
        <v>0</v>
      </c>
      <c r="BE24" s="948" t="s">
        <v>1500</v>
      </c>
      <c r="BF24" s="1260" t="s">
        <v>1501</v>
      </c>
      <c r="BG24" s="1261">
        <v>370629.19</v>
      </c>
      <c r="BH24" s="976" t="e">
        <f t="shared" si="10"/>
        <v>#VALUE!</v>
      </c>
      <c r="BI24" s="972" t="e">
        <f t="shared" si="11"/>
        <v>#VALUE!</v>
      </c>
      <c r="BJ24" s="972" t="e">
        <f t="shared" si="12"/>
        <v>#VALUE!</v>
      </c>
      <c r="BK24" s="972" t="e">
        <f t="shared" si="13"/>
        <v>#VALUE!</v>
      </c>
      <c r="BL24" s="972" t="e">
        <f t="shared" si="14"/>
        <v>#VALUE!</v>
      </c>
      <c r="BM24" s="972" t="e">
        <f t="shared" si="15"/>
        <v>#VALUE!</v>
      </c>
      <c r="BN24" s="972" t="e">
        <f t="shared" si="16"/>
        <v>#VALUE!</v>
      </c>
      <c r="BO24" s="972" t="e">
        <f t="shared" si="17"/>
        <v>#VALUE!</v>
      </c>
      <c r="BP24" s="972" t="e">
        <f t="shared" si="18"/>
        <v>#VALUE!</v>
      </c>
      <c r="BQ24" s="972" t="e">
        <f t="shared" si="19"/>
        <v>#VALUE!</v>
      </c>
      <c r="BR24" s="972" t="e">
        <f t="shared" si="20"/>
        <v>#VALUE!</v>
      </c>
      <c r="BS24" s="972" t="e">
        <f t="shared" si="21"/>
        <v>#VALUE!</v>
      </c>
      <c r="BT24" s="972" t="e">
        <f t="shared" si="22"/>
        <v>#VALUE!</v>
      </c>
      <c r="BU24" s="972" t="e">
        <f t="shared" si="23"/>
        <v>#VALUE!</v>
      </c>
      <c r="BV24" s="972" t="e">
        <f t="shared" si="24"/>
        <v>#VALUE!</v>
      </c>
      <c r="BW24" s="972" t="e">
        <f t="shared" si="25"/>
        <v>#VALUE!</v>
      </c>
      <c r="BX24" s="972" t="e">
        <f t="shared" si="26"/>
        <v>#VALUE!</v>
      </c>
      <c r="BY24" s="972" t="e">
        <f t="shared" si="27"/>
        <v>#VALUE!</v>
      </c>
      <c r="BZ24" s="972" t="e">
        <f t="shared" si="28"/>
        <v>#VALUE!</v>
      </c>
      <c r="CA24" s="972" t="e">
        <f t="shared" si="29"/>
        <v>#VALUE!</v>
      </c>
      <c r="CB24" s="973" t="e">
        <f t="shared" si="5"/>
        <v>#VALUE!</v>
      </c>
    </row>
    <row r="25" spans="3:80" ht="144.6" hidden="1" customHeight="1" x14ac:dyDescent="0.25">
      <c r="C25" s="597" t="s">
        <v>66</v>
      </c>
      <c r="D25" s="597"/>
      <c r="E25" s="597"/>
      <c r="F25" s="597"/>
      <c r="G25" s="597"/>
      <c r="H25" s="499" t="s">
        <v>1596</v>
      </c>
      <c r="I25" s="499" t="s">
        <v>884</v>
      </c>
      <c r="J25" s="499" t="s">
        <v>1597</v>
      </c>
      <c r="K25" s="499">
        <v>51.782594779999997</v>
      </c>
      <c r="L25" s="499">
        <v>-0.42968170700000002</v>
      </c>
      <c r="M25" s="499" t="s">
        <v>1590</v>
      </c>
      <c r="N25" s="499" t="s">
        <v>1489</v>
      </c>
      <c r="O25" s="499">
        <v>2</v>
      </c>
      <c r="P25" s="499" t="s">
        <v>830</v>
      </c>
      <c r="Q25" s="499" t="s">
        <v>1490</v>
      </c>
      <c r="R25" s="499" t="s">
        <v>1491</v>
      </c>
      <c r="S25" s="499" t="s">
        <v>1492</v>
      </c>
      <c r="T25" s="499" t="s">
        <v>1561</v>
      </c>
      <c r="U25" s="499" t="s">
        <v>1591</v>
      </c>
      <c r="V25" s="946" t="str">
        <f>_xlfn.XLOOKUP(H25, [5]GIS!D:D, [5]GIS!E:E, "Not mapped")</f>
        <v>Single - Scenario 1</v>
      </c>
      <c r="W25" s="499" t="s">
        <v>1546</v>
      </c>
      <c r="X25" s="952" t="s">
        <v>1563</v>
      </c>
      <c r="Y25" s="1271" t="s">
        <v>1564</v>
      </c>
      <c r="Z25" s="1259" t="s">
        <v>1498</v>
      </c>
      <c r="AA25" s="1259" t="s">
        <v>1498</v>
      </c>
      <c r="AB25" s="1259" t="s">
        <v>1498</v>
      </c>
      <c r="AC25" s="1259" t="s">
        <v>1498</v>
      </c>
      <c r="AD25" s="1259" t="s">
        <v>1498</v>
      </c>
      <c r="AE25" s="1259" t="s">
        <v>1498</v>
      </c>
      <c r="AF25" s="1259" t="s">
        <v>1498</v>
      </c>
      <c r="AG25" s="1259" t="s">
        <v>1498</v>
      </c>
      <c r="AH25" s="1259" t="s">
        <v>1498</v>
      </c>
      <c r="AI25" s="1259" t="s">
        <v>1498</v>
      </c>
      <c r="AJ25" s="1259" t="s">
        <v>1498</v>
      </c>
      <c r="AK25" s="1259" t="s">
        <v>1498</v>
      </c>
      <c r="AL25" s="1259" t="s">
        <v>1498</v>
      </c>
      <c r="AM25" s="1259" t="s">
        <v>1498</v>
      </c>
      <c r="AN25" s="1259" t="s">
        <v>1498</v>
      </c>
      <c r="AO25" s="1259" t="s">
        <v>1498</v>
      </c>
      <c r="AP25" s="1259" t="s">
        <v>1498</v>
      </c>
      <c r="AQ25" s="1259" t="s">
        <v>1498</v>
      </c>
      <c r="AR25" s="1259" t="s">
        <v>1498</v>
      </c>
      <c r="AS25" s="1259" t="s">
        <v>1498</v>
      </c>
      <c r="AT25" s="1259" t="s">
        <v>1498</v>
      </c>
      <c r="AU25" s="1259" t="s">
        <v>1498</v>
      </c>
      <c r="AV25" s="1259" t="s">
        <v>1498</v>
      </c>
      <c r="AW25" s="1259" t="s">
        <v>1498</v>
      </c>
      <c r="AX25" s="1259" t="s">
        <v>1498</v>
      </c>
      <c r="AY25" s="1259" t="s">
        <v>1498</v>
      </c>
      <c r="AZ25" s="905" t="s">
        <v>1593</v>
      </c>
      <c r="BA25" s="499" t="s">
        <v>834</v>
      </c>
      <c r="BB25" s="953" t="s">
        <v>869</v>
      </c>
      <c r="BC25" s="979">
        <v>370629.19</v>
      </c>
      <c r="BD25" s="948">
        <v>0</v>
      </c>
      <c r="BE25" s="948" t="s">
        <v>1500</v>
      </c>
      <c r="BF25" s="1260" t="s">
        <v>1501</v>
      </c>
      <c r="BG25" s="1261">
        <v>370629.19</v>
      </c>
      <c r="BH25" s="976" t="e">
        <f t="shared" si="10"/>
        <v>#VALUE!</v>
      </c>
      <c r="BI25" s="972" t="e">
        <f t="shared" si="11"/>
        <v>#VALUE!</v>
      </c>
      <c r="BJ25" s="972" t="e">
        <f t="shared" si="12"/>
        <v>#VALUE!</v>
      </c>
      <c r="BK25" s="972" t="e">
        <f t="shared" si="13"/>
        <v>#VALUE!</v>
      </c>
      <c r="BL25" s="972" t="e">
        <f t="shared" si="14"/>
        <v>#VALUE!</v>
      </c>
      <c r="BM25" s="972" t="e">
        <f t="shared" si="15"/>
        <v>#VALUE!</v>
      </c>
      <c r="BN25" s="972" t="e">
        <f t="shared" si="16"/>
        <v>#VALUE!</v>
      </c>
      <c r="BO25" s="972" t="e">
        <f t="shared" si="17"/>
        <v>#VALUE!</v>
      </c>
      <c r="BP25" s="972" t="e">
        <f t="shared" si="18"/>
        <v>#VALUE!</v>
      </c>
      <c r="BQ25" s="972" t="e">
        <f t="shared" si="19"/>
        <v>#VALUE!</v>
      </c>
      <c r="BR25" s="972" t="e">
        <f t="shared" si="20"/>
        <v>#VALUE!</v>
      </c>
      <c r="BS25" s="972" t="e">
        <f t="shared" si="21"/>
        <v>#VALUE!</v>
      </c>
      <c r="BT25" s="972" t="e">
        <f t="shared" si="22"/>
        <v>#VALUE!</v>
      </c>
      <c r="BU25" s="972" t="e">
        <f t="shared" si="23"/>
        <v>#VALUE!</v>
      </c>
      <c r="BV25" s="972" t="e">
        <f t="shared" si="24"/>
        <v>#VALUE!</v>
      </c>
      <c r="BW25" s="972" t="e">
        <f t="shared" si="25"/>
        <v>#VALUE!</v>
      </c>
      <c r="BX25" s="972" t="e">
        <f t="shared" si="26"/>
        <v>#VALUE!</v>
      </c>
      <c r="BY25" s="972" t="e">
        <f t="shared" si="27"/>
        <v>#VALUE!</v>
      </c>
      <c r="BZ25" s="972" t="e">
        <f t="shared" si="28"/>
        <v>#VALUE!</v>
      </c>
      <c r="CA25" s="972" t="e">
        <f t="shared" si="29"/>
        <v>#VALUE!</v>
      </c>
      <c r="CB25" s="973" t="e">
        <f t="shared" si="5"/>
        <v>#VALUE!</v>
      </c>
    </row>
    <row r="26" spans="3:80" ht="135" hidden="1" customHeight="1" x14ac:dyDescent="0.25">
      <c r="C26" s="597"/>
      <c r="D26" s="597"/>
      <c r="E26" s="597"/>
      <c r="F26" s="597"/>
      <c r="G26" s="597"/>
      <c r="H26" s="499" t="s">
        <v>1598</v>
      </c>
      <c r="I26" s="499" t="s">
        <v>886</v>
      </c>
      <c r="J26" s="499" t="s">
        <v>887</v>
      </c>
      <c r="K26" s="499">
        <v>51.775067720000003</v>
      </c>
      <c r="L26" s="499">
        <v>-0.42077476699999999</v>
      </c>
      <c r="M26" s="499" t="s">
        <v>1590</v>
      </c>
      <c r="N26" s="499" t="s">
        <v>1489</v>
      </c>
      <c r="O26" s="499">
        <v>2</v>
      </c>
      <c r="P26" s="499" t="s">
        <v>830</v>
      </c>
      <c r="Q26" s="499" t="s">
        <v>1490</v>
      </c>
      <c r="R26" s="499" t="s">
        <v>1491</v>
      </c>
      <c r="S26" s="499" t="s">
        <v>1492</v>
      </c>
      <c r="T26" s="499" t="s">
        <v>1561</v>
      </c>
      <c r="U26" s="499" t="s">
        <v>1599</v>
      </c>
      <c r="V26" s="946" t="str">
        <f>_xlfn.XLOOKUP(H26, [5]GIS!D:D, [5]GIS!E:E, "Not mapped")</f>
        <v>Single - Scenario 1</v>
      </c>
      <c r="W26" s="499" t="s">
        <v>1546</v>
      </c>
      <c r="X26" s="952" t="s">
        <v>1563</v>
      </c>
      <c r="Y26" s="952" t="s">
        <v>1600</v>
      </c>
      <c r="Z26" s="1259" t="s">
        <v>1498</v>
      </c>
      <c r="AA26" s="1259" t="s">
        <v>1498</v>
      </c>
      <c r="AB26" s="1259" t="s">
        <v>1498</v>
      </c>
      <c r="AC26" s="1259" t="s">
        <v>1498</v>
      </c>
      <c r="AD26" s="1259" t="s">
        <v>1498</v>
      </c>
      <c r="AE26" s="1259" t="s">
        <v>1498</v>
      </c>
      <c r="AF26" s="1259" t="s">
        <v>1498</v>
      </c>
      <c r="AG26" s="1259" t="s">
        <v>1498</v>
      </c>
      <c r="AH26" s="1259" t="s">
        <v>1498</v>
      </c>
      <c r="AI26" s="1259" t="s">
        <v>1498</v>
      </c>
      <c r="AJ26" s="1259" t="s">
        <v>1498</v>
      </c>
      <c r="AK26" s="1259" t="s">
        <v>1498</v>
      </c>
      <c r="AL26" s="1259" t="s">
        <v>1498</v>
      </c>
      <c r="AM26" s="1259" t="s">
        <v>1498</v>
      </c>
      <c r="AN26" s="1259" t="s">
        <v>1498</v>
      </c>
      <c r="AO26" s="1259" t="s">
        <v>1498</v>
      </c>
      <c r="AP26" s="1259" t="s">
        <v>1498</v>
      </c>
      <c r="AQ26" s="1259" t="s">
        <v>1498</v>
      </c>
      <c r="AR26" s="1259" t="s">
        <v>1498</v>
      </c>
      <c r="AS26" s="1259" t="s">
        <v>1498</v>
      </c>
      <c r="AT26" s="1259" t="s">
        <v>1498</v>
      </c>
      <c r="AU26" s="1259" t="s">
        <v>1498</v>
      </c>
      <c r="AV26" s="1259" t="s">
        <v>1498</v>
      </c>
      <c r="AW26" s="1259" t="s">
        <v>1498</v>
      </c>
      <c r="AX26" s="1259" t="s">
        <v>1498</v>
      </c>
      <c r="AY26" s="1259" t="s">
        <v>1498</v>
      </c>
      <c r="AZ26" s="905" t="s">
        <v>1601</v>
      </c>
      <c r="BA26" s="499" t="s">
        <v>834</v>
      </c>
      <c r="BB26" s="953" t="s">
        <v>869</v>
      </c>
      <c r="BC26" s="979">
        <v>370629.19</v>
      </c>
      <c r="BD26" s="948">
        <v>0</v>
      </c>
      <c r="BE26" s="948" t="s">
        <v>1500</v>
      </c>
      <c r="BF26" s="1260" t="s">
        <v>1501</v>
      </c>
      <c r="BG26" s="1261">
        <v>370629.19</v>
      </c>
      <c r="BH26" s="976" t="e">
        <f t="shared" si="10"/>
        <v>#VALUE!</v>
      </c>
      <c r="BI26" s="972" t="e">
        <f t="shared" si="11"/>
        <v>#VALUE!</v>
      </c>
      <c r="BJ26" s="972" t="e">
        <f t="shared" si="12"/>
        <v>#VALUE!</v>
      </c>
      <c r="BK26" s="972" t="e">
        <f t="shared" si="13"/>
        <v>#VALUE!</v>
      </c>
      <c r="BL26" s="972" t="e">
        <f t="shared" si="14"/>
        <v>#VALUE!</v>
      </c>
      <c r="BM26" s="972" t="e">
        <f t="shared" si="15"/>
        <v>#VALUE!</v>
      </c>
      <c r="BN26" s="972" t="e">
        <f t="shared" si="16"/>
        <v>#VALUE!</v>
      </c>
      <c r="BO26" s="972" t="e">
        <f t="shared" si="17"/>
        <v>#VALUE!</v>
      </c>
      <c r="BP26" s="972" t="e">
        <f t="shared" si="18"/>
        <v>#VALUE!</v>
      </c>
      <c r="BQ26" s="972" t="e">
        <f t="shared" si="19"/>
        <v>#VALUE!</v>
      </c>
      <c r="BR26" s="972" t="e">
        <f t="shared" si="20"/>
        <v>#VALUE!</v>
      </c>
      <c r="BS26" s="972" t="e">
        <f t="shared" si="21"/>
        <v>#VALUE!</v>
      </c>
      <c r="BT26" s="972" t="e">
        <f t="shared" si="22"/>
        <v>#VALUE!</v>
      </c>
      <c r="BU26" s="972" t="e">
        <f t="shared" si="23"/>
        <v>#VALUE!</v>
      </c>
      <c r="BV26" s="972" t="e">
        <f t="shared" si="24"/>
        <v>#VALUE!</v>
      </c>
      <c r="BW26" s="972" t="e">
        <f t="shared" si="25"/>
        <v>#VALUE!</v>
      </c>
      <c r="BX26" s="972" t="e">
        <f t="shared" si="26"/>
        <v>#VALUE!</v>
      </c>
      <c r="BY26" s="972" t="e">
        <f t="shared" si="27"/>
        <v>#VALUE!</v>
      </c>
      <c r="BZ26" s="972" t="e">
        <f t="shared" si="28"/>
        <v>#VALUE!</v>
      </c>
      <c r="CA26" s="972" t="e">
        <f t="shared" si="29"/>
        <v>#VALUE!</v>
      </c>
      <c r="CB26" s="973" t="e">
        <f t="shared" si="5"/>
        <v>#VALUE!</v>
      </c>
    </row>
    <row r="27" spans="3:80" ht="143.25" hidden="1" x14ac:dyDescent="0.25">
      <c r="C27" s="597"/>
      <c r="D27" s="597"/>
      <c r="E27" s="597"/>
      <c r="F27" s="597"/>
      <c r="G27" s="597"/>
      <c r="H27" s="499" t="s">
        <v>1602</v>
      </c>
      <c r="I27" s="499" t="s">
        <v>886</v>
      </c>
      <c r="J27" s="499" t="s">
        <v>888</v>
      </c>
      <c r="K27" s="499">
        <v>51.745435000000001</v>
      </c>
      <c r="L27" s="499">
        <v>-0.41129072300000002</v>
      </c>
      <c r="M27" s="499" t="s">
        <v>1590</v>
      </c>
      <c r="N27" s="499" t="s">
        <v>1489</v>
      </c>
      <c r="O27" s="499">
        <v>2</v>
      </c>
      <c r="P27" s="499" t="s">
        <v>830</v>
      </c>
      <c r="Q27" s="499" t="s">
        <v>1490</v>
      </c>
      <c r="R27" s="499" t="s">
        <v>1491</v>
      </c>
      <c r="S27" s="499" t="s">
        <v>1492</v>
      </c>
      <c r="T27" s="499" t="s">
        <v>1561</v>
      </c>
      <c r="U27" s="499" t="s">
        <v>1599</v>
      </c>
      <c r="V27" s="946" t="str">
        <f>_xlfn.XLOOKUP(H27, [5]GIS!D:D, [5]GIS!E:E, "Not mapped")</f>
        <v>Single - Scenario 1</v>
      </c>
      <c r="W27" s="499" t="s">
        <v>1546</v>
      </c>
      <c r="X27" s="952" t="s">
        <v>1563</v>
      </c>
      <c r="Y27" s="952" t="s">
        <v>1603</v>
      </c>
      <c r="Z27" s="1259" t="s">
        <v>1498</v>
      </c>
      <c r="AA27" s="1259" t="s">
        <v>1498</v>
      </c>
      <c r="AB27" s="1259" t="s">
        <v>1498</v>
      </c>
      <c r="AC27" s="1259" t="s">
        <v>1498</v>
      </c>
      <c r="AD27" s="1259" t="s">
        <v>1498</v>
      </c>
      <c r="AE27" s="1259" t="s">
        <v>1498</v>
      </c>
      <c r="AF27" s="1259" t="s">
        <v>1498</v>
      </c>
      <c r="AG27" s="1259" t="s">
        <v>1498</v>
      </c>
      <c r="AH27" s="1259" t="s">
        <v>1498</v>
      </c>
      <c r="AI27" s="1259" t="s">
        <v>1498</v>
      </c>
      <c r="AJ27" s="1259" t="s">
        <v>1498</v>
      </c>
      <c r="AK27" s="1259" t="s">
        <v>1498</v>
      </c>
      <c r="AL27" s="1259" t="s">
        <v>1498</v>
      </c>
      <c r="AM27" s="1259" t="s">
        <v>1498</v>
      </c>
      <c r="AN27" s="1259" t="s">
        <v>1498</v>
      </c>
      <c r="AO27" s="1259" t="s">
        <v>1498</v>
      </c>
      <c r="AP27" s="1259" t="s">
        <v>1498</v>
      </c>
      <c r="AQ27" s="1259" t="s">
        <v>1498</v>
      </c>
      <c r="AR27" s="1259" t="s">
        <v>1498</v>
      </c>
      <c r="AS27" s="1259" t="s">
        <v>1498</v>
      </c>
      <c r="AT27" s="1259" t="s">
        <v>1498</v>
      </c>
      <c r="AU27" s="1259" t="s">
        <v>1498</v>
      </c>
      <c r="AV27" s="1259" t="s">
        <v>1498</v>
      </c>
      <c r="AW27" s="1259" t="s">
        <v>1498</v>
      </c>
      <c r="AX27" s="1259" t="s">
        <v>1498</v>
      </c>
      <c r="AY27" s="1259" t="s">
        <v>1498</v>
      </c>
      <c r="AZ27" s="905" t="s">
        <v>1554</v>
      </c>
      <c r="BA27" s="499" t="s">
        <v>834</v>
      </c>
      <c r="BB27" s="953" t="s">
        <v>869</v>
      </c>
      <c r="BC27" s="979">
        <v>370629.19</v>
      </c>
      <c r="BD27" s="948">
        <v>0</v>
      </c>
      <c r="BE27" s="948" t="s">
        <v>1500</v>
      </c>
      <c r="BF27" s="1260" t="s">
        <v>1501</v>
      </c>
      <c r="BG27" s="1261">
        <v>370629.19</v>
      </c>
      <c r="BH27" s="976" t="e">
        <f t="shared" si="10"/>
        <v>#VALUE!</v>
      </c>
      <c r="BI27" s="972" t="e">
        <f t="shared" si="11"/>
        <v>#VALUE!</v>
      </c>
      <c r="BJ27" s="972" t="e">
        <f t="shared" si="12"/>
        <v>#VALUE!</v>
      </c>
      <c r="BK27" s="972" t="e">
        <f t="shared" si="13"/>
        <v>#VALUE!</v>
      </c>
      <c r="BL27" s="972" t="e">
        <f t="shared" si="14"/>
        <v>#VALUE!</v>
      </c>
      <c r="BM27" s="972" t="e">
        <f t="shared" si="15"/>
        <v>#VALUE!</v>
      </c>
      <c r="BN27" s="972" t="e">
        <f t="shared" si="16"/>
        <v>#VALUE!</v>
      </c>
      <c r="BO27" s="972" t="e">
        <f t="shared" si="17"/>
        <v>#VALUE!</v>
      </c>
      <c r="BP27" s="972" t="e">
        <f t="shared" si="18"/>
        <v>#VALUE!</v>
      </c>
      <c r="BQ27" s="972" t="e">
        <f t="shared" si="19"/>
        <v>#VALUE!</v>
      </c>
      <c r="BR27" s="972" t="e">
        <f t="shared" si="20"/>
        <v>#VALUE!</v>
      </c>
      <c r="BS27" s="972" t="e">
        <f t="shared" si="21"/>
        <v>#VALUE!</v>
      </c>
      <c r="BT27" s="972" t="e">
        <f t="shared" si="22"/>
        <v>#VALUE!</v>
      </c>
      <c r="BU27" s="972" t="e">
        <f t="shared" si="23"/>
        <v>#VALUE!</v>
      </c>
      <c r="BV27" s="972" t="e">
        <f t="shared" si="24"/>
        <v>#VALUE!</v>
      </c>
      <c r="BW27" s="972" t="e">
        <f t="shared" si="25"/>
        <v>#VALUE!</v>
      </c>
      <c r="BX27" s="972" t="e">
        <f t="shared" si="26"/>
        <v>#VALUE!</v>
      </c>
      <c r="BY27" s="972" t="e">
        <f t="shared" si="27"/>
        <v>#VALUE!</v>
      </c>
      <c r="BZ27" s="972" t="e">
        <f t="shared" si="28"/>
        <v>#VALUE!</v>
      </c>
      <c r="CA27" s="972" t="e">
        <f t="shared" si="29"/>
        <v>#VALUE!</v>
      </c>
      <c r="CB27" s="973" t="e">
        <f t="shared" si="5"/>
        <v>#VALUE!</v>
      </c>
    </row>
    <row r="28" spans="3:80" ht="114.75" hidden="1" x14ac:dyDescent="0.25">
      <c r="C28" s="597"/>
      <c r="D28" s="597"/>
      <c r="E28" s="597"/>
      <c r="F28" s="597"/>
      <c r="G28" s="597"/>
      <c r="H28" s="499" t="s">
        <v>1604</v>
      </c>
      <c r="I28" s="499" t="s">
        <v>889</v>
      </c>
      <c r="J28" s="499" t="s">
        <v>1605</v>
      </c>
      <c r="K28" s="499">
        <v>51.76924546</v>
      </c>
      <c r="L28" s="499">
        <v>-0.46950562899999998</v>
      </c>
      <c r="M28" s="499" t="s">
        <v>1590</v>
      </c>
      <c r="N28" s="499" t="s">
        <v>1489</v>
      </c>
      <c r="O28" s="499">
        <v>2</v>
      </c>
      <c r="P28" s="499" t="s">
        <v>830</v>
      </c>
      <c r="Q28" s="499" t="s">
        <v>1490</v>
      </c>
      <c r="R28" s="499" t="s">
        <v>1491</v>
      </c>
      <c r="S28" s="499" t="s">
        <v>1492</v>
      </c>
      <c r="T28" s="499" t="s">
        <v>1561</v>
      </c>
      <c r="U28" s="499" t="s">
        <v>1606</v>
      </c>
      <c r="V28" s="946" t="str">
        <f>_xlfn.XLOOKUP(H28, [5]GIS!D:D, [5]GIS!E:E, "Not mapped")</f>
        <v>Single - Scenario 1</v>
      </c>
      <c r="W28" s="499" t="s">
        <v>1546</v>
      </c>
      <c r="X28" s="952" t="s">
        <v>1563</v>
      </c>
      <c r="Y28" s="952" t="s">
        <v>127</v>
      </c>
      <c r="Z28" s="1259" t="s">
        <v>1498</v>
      </c>
      <c r="AA28" s="1259" t="s">
        <v>1498</v>
      </c>
      <c r="AB28" s="1259" t="s">
        <v>1498</v>
      </c>
      <c r="AC28" s="1259" t="s">
        <v>1498</v>
      </c>
      <c r="AD28" s="1259" t="s">
        <v>1498</v>
      </c>
      <c r="AE28" s="1259" t="s">
        <v>1498</v>
      </c>
      <c r="AF28" s="1259" t="s">
        <v>1498</v>
      </c>
      <c r="AG28" s="1259" t="s">
        <v>1498</v>
      </c>
      <c r="AH28" s="1259" t="s">
        <v>1498</v>
      </c>
      <c r="AI28" s="1259" t="s">
        <v>1498</v>
      </c>
      <c r="AJ28" s="1259" t="s">
        <v>1498</v>
      </c>
      <c r="AK28" s="1259" t="s">
        <v>1498</v>
      </c>
      <c r="AL28" s="1259" t="s">
        <v>1498</v>
      </c>
      <c r="AM28" s="1259" t="s">
        <v>1498</v>
      </c>
      <c r="AN28" s="1259" t="s">
        <v>1498</v>
      </c>
      <c r="AO28" s="1259" t="s">
        <v>1498</v>
      </c>
      <c r="AP28" s="1259" t="s">
        <v>1498</v>
      </c>
      <c r="AQ28" s="1259" t="s">
        <v>1498</v>
      </c>
      <c r="AR28" s="1259" t="s">
        <v>1498</v>
      </c>
      <c r="AS28" s="1259" t="s">
        <v>1498</v>
      </c>
      <c r="AT28" s="1259" t="s">
        <v>1498</v>
      </c>
      <c r="AU28" s="1259" t="s">
        <v>1498</v>
      </c>
      <c r="AV28" s="1259" t="s">
        <v>1498</v>
      </c>
      <c r="AW28" s="1259" t="s">
        <v>1498</v>
      </c>
      <c r="AX28" s="1259" t="s">
        <v>1498</v>
      </c>
      <c r="AY28" s="1259" t="s">
        <v>1498</v>
      </c>
      <c r="AZ28" s="905" t="s">
        <v>1607</v>
      </c>
      <c r="BA28" s="499" t="s">
        <v>834</v>
      </c>
      <c r="BB28" s="953" t="s">
        <v>53</v>
      </c>
      <c r="BC28" s="979">
        <v>370629.19</v>
      </c>
      <c r="BD28" s="948">
        <v>0</v>
      </c>
      <c r="BE28" s="948" t="s">
        <v>1500</v>
      </c>
      <c r="BF28" s="1260" t="s">
        <v>1501</v>
      </c>
      <c r="BG28" s="1261">
        <v>370629.19</v>
      </c>
      <c r="BH28" s="976" t="e">
        <f t="shared" si="10"/>
        <v>#VALUE!</v>
      </c>
      <c r="BI28" s="972" t="e">
        <f t="shared" si="11"/>
        <v>#VALUE!</v>
      </c>
      <c r="BJ28" s="972" t="e">
        <f t="shared" si="12"/>
        <v>#VALUE!</v>
      </c>
      <c r="BK28" s="972" t="e">
        <f t="shared" si="13"/>
        <v>#VALUE!</v>
      </c>
      <c r="BL28" s="972" t="e">
        <f t="shared" si="14"/>
        <v>#VALUE!</v>
      </c>
      <c r="BM28" s="972" t="e">
        <f t="shared" si="15"/>
        <v>#VALUE!</v>
      </c>
      <c r="BN28" s="972" t="e">
        <f t="shared" si="16"/>
        <v>#VALUE!</v>
      </c>
      <c r="BO28" s="972" t="e">
        <f t="shared" si="17"/>
        <v>#VALUE!</v>
      </c>
      <c r="BP28" s="972" t="e">
        <f t="shared" si="18"/>
        <v>#VALUE!</v>
      </c>
      <c r="BQ28" s="972" t="e">
        <f t="shared" si="19"/>
        <v>#VALUE!</v>
      </c>
      <c r="BR28" s="972" t="e">
        <f t="shared" si="20"/>
        <v>#VALUE!</v>
      </c>
      <c r="BS28" s="972" t="e">
        <f t="shared" si="21"/>
        <v>#VALUE!</v>
      </c>
      <c r="BT28" s="972" t="e">
        <f t="shared" si="22"/>
        <v>#VALUE!</v>
      </c>
      <c r="BU28" s="972" t="e">
        <f t="shared" si="23"/>
        <v>#VALUE!</v>
      </c>
      <c r="BV28" s="972" t="e">
        <f t="shared" si="24"/>
        <v>#VALUE!</v>
      </c>
      <c r="BW28" s="972" t="e">
        <f t="shared" si="25"/>
        <v>#VALUE!</v>
      </c>
      <c r="BX28" s="972" t="e">
        <f t="shared" si="26"/>
        <v>#VALUE!</v>
      </c>
      <c r="BY28" s="972" t="e">
        <f t="shared" si="27"/>
        <v>#VALUE!</v>
      </c>
      <c r="BZ28" s="972" t="e">
        <f t="shared" si="28"/>
        <v>#VALUE!</v>
      </c>
      <c r="CA28" s="972" t="e">
        <f t="shared" si="29"/>
        <v>#VALUE!</v>
      </c>
      <c r="CB28" s="973" t="e">
        <f t="shared" si="5"/>
        <v>#VALUE!</v>
      </c>
    </row>
    <row r="29" spans="3:80" ht="100.5" hidden="1" x14ac:dyDescent="0.25">
      <c r="C29" s="597"/>
      <c r="D29" s="597"/>
      <c r="E29" s="597"/>
      <c r="F29" s="597"/>
      <c r="G29" s="597"/>
      <c r="H29" s="499" t="s">
        <v>1608</v>
      </c>
      <c r="I29" s="499" t="s">
        <v>891</v>
      </c>
      <c r="J29" s="499" t="s">
        <v>1609</v>
      </c>
      <c r="K29" s="499">
        <v>51.766119609999997</v>
      </c>
      <c r="L29" s="499">
        <v>-0.50238487300000001</v>
      </c>
      <c r="M29" s="499" t="s">
        <v>1590</v>
      </c>
      <c r="N29" s="499" t="s">
        <v>1489</v>
      </c>
      <c r="O29" s="499">
        <v>2</v>
      </c>
      <c r="P29" s="499" t="s">
        <v>830</v>
      </c>
      <c r="Q29" s="499" t="s">
        <v>1490</v>
      </c>
      <c r="R29" s="499" t="s">
        <v>1491</v>
      </c>
      <c r="S29" s="499" t="s">
        <v>1492</v>
      </c>
      <c r="T29" s="499" t="s">
        <v>1561</v>
      </c>
      <c r="U29" s="499" t="s">
        <v>1610</v>
      </c>
      <c r="V29" s="946" t="str">
        <f>_xlfn.XLOOKUP(H29, [5]GIS!D:D, [5]GIS!E:E, "Not mapped")</f>
        <v>Single - Scenario 1</v>
      </c>
      <c r="W29" s="499" t="s">
        <v>1546</v>
      </c>
      <c r="X29" s="952" t="s">
        <v>1563</v>
      </c>
      <c r="Y29" s="952" t="s">
        <v>27</v>
      </c>
      <c r="Z29" s="1259" t="s">
        <v>1498</v>
      </c>
      <c r="AA29" s="1259" t="s">
        <v>1498</v>
      </c>
      <c r="AB29" s="1259" t="s">
        <v>1498</v>
      </c>
      <c r="AC29" s="1259" t="s">
        <v>1498</v>
      </c>
      <c r="AD29" s="1259" t="s">
        <v>1498</v>
      </c>
      <c r="AE29" s="1259" t="s">
        <v>1498</v>
      </c>
      <c r="AF29" s="1259" t="s">
        <v>1498</v>
      </c>
      <c r="AG29" s="1259" t="s">
        <v>1498</v>
      </c>
      <c r="AH29" s="1259" t="s">
        <v>1498</v>
      </c>
      <c r="AI29" s="1259" t="s">
        <v>1498</v>
      </c>
      <c r="AJ29" s="1259" t="s">
        <v>1498</v>
      </c>
      <c r="AK29" s="1259" t="s">
        <v>1498</v>
      </c>
      <c r="AL29" s="1259" t="s">
        <v>1498</v>
      </c>
      <c r="AM29" s="1259" t="s">
        <v>1498</v>
      </c>
      <c r="AN29" s="1259" t="s">
        <v>1498</v>
      </c>
      <c r="AO29" s="1259" t="s">
        <v>1498</v>
      </c>
      <c r="AP29" s="1259" t="s">
        <v>1498</v>
      </c>
      <c r="AQ29" s="1259" t="s">
        <v>1498</v>
      </c>
      <c r="AR29" s="1259" t="s">
        <v>1498</v>
      </c>
      <c r="AS29" s="1259" t="s">
        <v>1498</v>
      </c>
      <c r="AT29" s="1259" t="s">
        <v>1498</v>
      </c>
      <c r="AU29" s="1259" t="s">
        <v>1498</v>
      </c>
      <c r="AV29" s="1259" t="s">
        <v>1498</v>
      </c>
      <c r="AW29" s="1259" t="s">
        <v>1498</v>
      </c>
      <c r="AX29" s="1259" t="s">
        <v>1498</v>
      </c>
      <c r="AY29" s="1259" t="s">
        <v>1498</v>
      </c>
      <c r="AZ29" s="905" t="s">
        <v>1611</v>
      </c>
      <c r="BA29" s="499" t="s">
        <v>834</v>
      </c>
      <c r="BB29" s="953" t="s">
        <v>53</v>
      </c>
      <c r="BC29" s="979">
        <v>370629.19</v>
      </c>
      <c r="BD29" s="948">
        <v>0</v>
      </c>
      <c r="BE29" s="948" t="s">
        <v>1500</v>
      </c>
      <c r="BF29" s="1260" t="s">
        <v>1501</v>
      </c>
      <c r="BG29" s="1261">
        <v>370629.19</v>
      </c>
      <c r="BH29" s="976" t="e">
        <f t="shared" si="10"/>
        <v>#VALUE!</v>
      </c>
      <c r="BI29" s="972" t="e">
        <f t="shared" si="11"/>
        <v>#VALUE!</v>
      </c>
      <c r="BJ29" s="972" t="e">
        <f t="shared" si="12"/>
        <v>#VALUE!</v>
      </c>
      <c r="BK29" s="972" t="e">
        <f t="shared" si="13"/>
        <v>#VALUE!</v>
      </c>
      <c r="BL29" s="972" t="e">
        <f t="shared" si="14"/>
        <v>#VALUE!</v>
      </c>
      <c r="BM29" s="972" t="e">
        <f t="shared" si="15"/>
        <v>#VALUE!</v>
      </c>
      <c r="BN29" s="972" t="e">
        <f t="shared" si="16"/>
        <v>#VALUE!</v>
      </c>
      <c r="BO29" s="972" t="e">
        <f t="shared" si="17"/>
        <v>#VALUE!</v>
      </c>
      <c r="BP29" s="972" t="e">
        <f t="shared" si="18"/>
        <v>#VALUE!</v>
      </c>
      <c r="BQ29" s="972" t="e">
        <f t="shared" si="19"/>
        <v>#VALUE!</v>
      </c>
      <c r="BR29" s="972" t="e">
        <f t="shared" si="20"/>
        <v>#VALUE!</v>
      </c>
      <c r="BS29" s="972" t="e">
        <f t="shared" si="21"/>
        <v>#VALUE!</v>
      </c>
      <c r="BT29" s="972" t="e">
        <f t="shared" si="22"/>
        <v>#VALUE!</v>
      </c>
      <c r="BU29" s="972" t="e">
        <f t="shared" si="23"/>
        <v>#VALUE!</v>
      </c>
      <c r="BV29" s="972" t="e">
        <f t="shared" si="24"/>
        <v>#VALUE!</v>
      </c>
      <c r="BW29" s="972" t="e">
        <f t="shared" si="25"/>
        <v>#VALUE!</v>
      </c>
      <c r="BX29" s="972" t="e">
        <f t="shared" si="26"/>
        <v>#VALUE!</v>
      </c>
      <c r="BY29" s="972" t="e">
        <f t="shared" si="27"/>
        <v>#VALUE!</v>
      </c>
      <c r="BZ29" s="972" t="e">
        <f t="shared" si="28"/>
        <v>#VALUE!</v>
      </c>
      <c r="CA29" s="972" t="e">
        <f t="shared" si="29"/>
        <v>#VALUE!</v>
      </c>
      <c r="CB29" s="973" t="e">
        <f t="shared" si="5"/>
        <v>#VALUE!</v>
      </c>
    </row>
    <row r="30" spans="3:80" ht="173.25" hidden="1" x14ac:dyDescent="0.25">
      <c r="C30" s="597"/>
      <c r="D30" s="597" t="s">
        <v>66</v>
      </c>
      <c r="E30" s="597"/>
      <c r="F30" s="597"/>
      <c r="G30" s="597"/>
      <c r="H30" s="499" t="s">
        <v>1612</v>
      </c>
      <c r="I30" s="499" t="s">
        <v>895</v>
      </c>
      <c r="J30" s="499" t="s">
        <v>1613</v>
      </c>
      <c r="K30" s="499">
        <v>51.742661290000001</v>
      </c>
      <c r="L30" s="499">
        <v>-0.49065777399999999</v>
      </c>
      <c r="M30" s="499" t="s">
        <v>1615</v>
      </c>
      <c r="N30" s="499" t="s">
        <v>1523</v>
      </c>
      <c r="O30" s="499">
        <v>2</v>
      </c>
      <c r="P30" s="499" t="s">
        <v>830</v>
      </c>
      <c r="Q30" s="499" t="s">
        <v>1616</v>
      </c>
      <c r="R30" s="499" t="s">
        <v>1491</v>
      </c>
      <c r="S30" s="499" t="s">
        <v>1492</v>
      </c>
      <c r="T30" s="499" t="s">
        <v>1493</v>
      </c>
      <c r="U30" s="499" t="s">
        <v>1617</v>
      </c>
      <c r="V30" s="946" t="str">
        <f>_xlfn.XLOOKUP(H30, [5]GIS!D:D, [5]GIS!E:E, "Not mapped")</f>
        <v>Single - Scenario 1</v>
      </c>
      <c r="W30" s="1262" t="s">
        <v>1515</v>
      </c>
      <c r="X30" s="1272" t="s">
        <v>1618</v>
      </c>
      <c r="Y30" s="1272" t="s">
        <v>1619</v>
      </c>
      <c r="Z30" s="1259" t="s">
        <v>1498</v>
      </c>
      <c r="AA30" s="1259" t="s">
        <v>1498</v>
      </c>
      <c r="AB30" s="1259" t="s">
        <v>1498</v>
      </c>
      <c r="AC30" s="1259" t="s">
        <v>1498</v>
      </c>
      <c r="AD30" s="1259" t="s">
        <v>1498</v>
      </c>
      <c r="AE30" s="1259" t="s">
        <v>1498</v>
      </c>
      <c r="AF30" s="1259" t="s">
        <v>1498</v>
      </c>
      <c r="AG30" s="1259" t="s">
        <v>1498</v>
      </c>
      <c r="AH30" s="1259" t="s">
        <v>1498</v>
      </c>
      <c r="AI30" s="1259" t="s">
        <v>1498</v>
      </c>
      <c r="AJ30" s="1259" t="s">
        <v>1498</v>
      </c>
      <c r="AK30" s="1259" t="s">
        <v>1498</v>
      </c>
      <c r="AL30" s="1259" t="s">
        <v>1498</v>
      </c>
      <c r="AM30" s="1259" t="s">
        <v>1498</v>
      </c>
      <c r="AN30" s="1259" t="s">
        <v>1498</v>
      </c>
      <c r="AO30" s="1259" t="s">
        <v>1498</v>
      </c>
      <c r="AP30" s="1259" t="s">
        <v>1498</v>
      </c>
      <c r="AQ30" s="1259" t="s">
        <v>1498</v>
      </c>
      <c r="AR30" s="1259" t="s">
        <v>1498</v>
      </c>
      <c r="AS30" s="1259" t="s">
        <v>1498</v>
      </c>
      <c r="AT30" s="1259" t="s">
        <v>1498</v>
      </c>
      <c r="AU30" s="1259" t="s">
        <v>1498</v>
      </c>
      <c r="AV30" s="1259" t="s">
        <v>1498</v>
      </c>
      <c r="AW30" s="1259" t="s">
        <v>1498</v>
      </c>
      <c r="AX30" s="1259" t="s">
        <v>1498</v>
      </c>
      <c r="AY30" s="1259" t="s">
        <v>1498</v>
      </c>
      <c r="AZ30" s="905" t="s">
        <v>1620</v>
      </c>
      <c r="BA30" s="499" t="s">
        <v>834</v>
      </c>
      <c r="BB30" s="953" t="s">
        <v>53</v>
      </c>
      <c r="BC30" s="980">
        <f>ROUND((VLOOKUP(H30,'[5]Cost Summary'!A:H,8,)),0.1)</f>
        <v>720694</v>
      </c>
      <c r="BD30" s="954">
        <v>1</v>
      </c>
      <c r="BE30" s="954">
        <v>9</v>
      </c>
      <c r="BF30" s="954" t="s">
        <v>1584</v>
      </c>
      <c r="BG30" s="1261">
        <v>877751.88</v>
      </c>
      <c r="BH30" s="976" t="e">
        <f t="shared" si="10"/>
        <v>#VALUE!</v>
      </c>
      <c r="BI30" s="972" t="e">
        <f t="shared" si="11"/>
        <v>#VALUE!</v>
      </c>
      <c r="BJ30" s="972" t="e">
        <f t="shared" si="12"/>
        <v>#VALUE!</v>
      </c>
      <c r="BK30" s="972" t="e">
        <f t="shared" si="13"/>
        <v>#VALUE!</v>
      </c>
      <c r="BL30" s="972" t="e">
        <f t="shared" si="14"/>
        <v>#VALUE!</v>
      </c>
      <c r="BM30" s="972" t="e">
        <f t="shared" si="15"/>
        <v>#VALUE!</v>
      </c>
      <c r="BN30" s="972" t="e">
        <f t="shared" si="16"/>
        <v>#VALUE!</v>
      </c>
      <c r="BO30" s="972" t="e">
        <f t="shared" si="17"/>
        <v>#VALUE!</v>
      </c>
      <c r="BP30" s="972" t="e">
        <f t="shared" si="18"/>
        <v>#VALUE!</v>
      </c>
      <c r="BQ30" s="972" t="e">
        <f t="shared" si="19"/>
        <v>#VALUE!</v>
      </c>
      <c r="BR30" s="972" t="e">
        <f t="shared" si="20"/>
        <v>#VALUE!</v>
      </c>
      <c r="BS30" s="972" t="e">
        <f t="shared" si="21"/>
        <v>#VALUE!</v>
      </c>
      <c r="BT30" s="972" t="e">
        <f t="shared" si="22"/>
        <v>#VALUE!</v>
      </c>
      <c r="BU30" s="972" t="e">
        <f t="shared" si="23"/>
        <v>#VALUE!</v>
      </c>
      <c r="BV30" s="972" t="e">
        <f t="shared" si="24"/>
        <v>#VALUE!</v>
      </c>
      <c r="BW30" s="972" t="e">
        <f t="shared" si="25"/>
        <v>#VALUE!</v>
      </c>
      <c r="BX30" s="972" t="e">
        <f t="shared" si="26"/>
        <v>#VALUE!</v>
      </c>
      <c r="BY30" s="972" t="e">
        <f t="shared" si="27"/>
        <v>#VALUE!</v>
      </c>
      <c r="BZ30" s="972" t="e">
        <f t="shared" si="28"/>
        <v>#VALUE!</v>
      </c>
      <c r="CA30" s="972" t="e">
        <f t="shared" si="29"/>
        <v>#VALUE!</v>
      </c>
      <c r="CB30" s="973" t="e">
        <f t="shared" si="5"/>
        <v>#VALUE!</v>
      </c>
    </row>
    <row r="31" spans="3:80" ht="165" hidden="1" x14ac:dyDescent="0.25">
      <c r="C31" s="597"/>
      <c r="D31" s="597" t="s">
        <v>66</v>
      </c>
      <c r="E31" s="597"/>
      <c r="F31" s="597"/>
      <c r="G31" s="597"/>
      <c r="H31" s="499" t="s">
        <v>1621</v>
      </c>
      <c r="I31" s="499" t="s">
        <v>898</v>
      </c>
      <c r="J31" s="499" t="s">
        <v>899</v>
      </c>
      <c r="K31" s="499">
        <v>51.742213960000001</v>
      </c>
      <c r="L31" s="499">
        <v>-0.49086454899999998</v>
      </c>
      <c r="M31" s="499" t="s">
        <v>1615</v>
      </c>
      <c r="N31" s="499" t="s">
        <v>1523</v>
      </c>
      <c r="O31" s="499">
        <v>3</v>
      </c>
      <c r="P31" s="499" t="s">
        <v>897</v>
      </c>
      <c r="Q31" s="499" t="s">
        <v>1490</v>
      </c>
      <c r="R31" s="499" t="s">
        <v>1491</v>
      </c>
      <c r="S31" s="499" t="s">
        <v>1492</v>
      </c>
      <c r="T31" s="499" t="s">
        <v>1493</v>
      </c>
      <c r="U31" s="499" t="s">
        <v>1617</v>
      </c>
      <c r="V31" s="946" t="str">
        <f>_xlfn.XLOOKUP(H31, [5]GIS!D:D, [5]GIS!E:E, "Not mapped")</f>
        <v>Single - Scenario 2</v>
      </c>
      <c r="W31" s="1262" t="s">
        <v>1515</v>
      </c>
      <c r="X31" s="1272" t="s">
        <v>1618</v>
      </c>
      <c r="Y31" s="1272" t="s">
        <v>1619</v>
      </c>
      <c r="Z31" s="1259" t="s">
        <v>1498</v>
      </c>
      <c r="AA31" s="1259" t="s">
        <v>1498</v>
      </c>
      <c r="AB31" s="1259" t="s">
        <v>1498</v>
      </c>
      <c r="AC31" s="1259" t="s">
        <v>1498</v>
      </c>
      <c r="AD31" s="1259" t="s">
        <v>1498</v>
      </c>
      <c r="AE31" s="1259" t="s">
        <v>1498</v>
      </c>
      <c r="AF31" s="1259" t="s">
        <v>1498</v>
      </c>
      <c r="AG31" s="1259" t="s">
        <v>1498</v>
      </c>
      <c r="AH31" s="1259" t="s">
        <v>1498</v>
      </c>
      <c r="AI31" s="1259" t="s">
        <v>1498</v>
      </c>
      <c r="AJ31" s="1259" t="s">
        <v>1498</v>
      </c>
      <c r="AK31" s="1259" t="s">
        <v>1498</v>
      </c>
      <c r="AL31" s="1259" t="s">
        <v>1498</v>
      </c>
      <c r="AM31" s="1259" t="s">
        <v>1498</v>
      </c>
      <c r="AN31" s="1259" t="s">
        <v>1498</v>
      </c>
      <c r="AO31" s="1259" t="s">
        <v>1498</v>
      </c>
      <c r="AP31" s="1259" t="s">
        <v>1498</v>
      </c>
      <c r="AQ31" s="1259" t="s">
        <v>1498</v>
      </c>
      <c r="AR31" s="1259" t="s">
        <v>1498</v>
      </c>
      <c r="AS31" s="1259" t="s">
        <v>1498</v>
      </c>
      <c r="AT31" s="1259" t="s">
        <v>1498</v>
      </c>
      <c r="AU31" s="1259" t="s">
        <v>1498</v>
      </c>
      <c r="AV31" s="1259" t="s">
        <v>1498</v>
      </c>
      <c r="AW31" s="1259" t="s">
        <v>1498</v>
      </c>
      <c r="AX31" s="1259" t="s">
        <v>1498</v>
      </c>
      <c r="AY31" s="1259" t="s">
        <v>1498</v>
      </c>
      <c r="AZ31" s="905" t="s">
        <v>1620</v>
      </c>
      <c r="BA31" s="499" t="s">
        <v>868</v>
      </c>
      <c r="BB31" s="953" t="s">
        <v>53</v>
      </c>
      <c r="BC31" s="1273" t="s">
        <v>1622</v>
      </c>
      <c r="BD31" s="1274">
        <v>1</v>
      </c>
      <c r="BE31" s="1274">
        <v>9</v>
      </c>
      <c r="BF31" s="1274" t="s">
        <v>1623</v>
      </c>
      <c r="BG31" s="1261">
        <v>7410000</v>
      </c>
      <c r="BH31" s="976" t="e">
        <f t="shared" si="10"/>
        <v>#VALUE!</v>
      </c>
      <c r="BI31" s="972" t="e">
        <f t="shared" si="11"/>
        <v>#VALUE!</v>
      </c>
      <c r="BJ31" s="972" t="e">
        <f t="shared" si="12"/>
        <v>#VALUE!</v>
      </c>
      <c r="BK31" s="972" t="e">
        <f t="shared" si="13"/>
        <v>#VALUE!</v>
      </c>
      <c r="BL31" s="972" t="e">
        <f t="shared" si="14"/>
        <v>#VALUE!</v>
      </c>
      <c r="BM31" s="972" t="e">
        <f t="shared" si="15"/>
        <v>#VALUE!</v>
      </c>
      <c r="BN31" s="972" t="e">
        <f t="shared" si="16"/>
        <v>#VALUE!</v>
      </c>
      <c r="BO31" s="972" t="e">
        <f t="shared" si="17"/>
        <v>#VALUE!</v>
      </c>
      <c r="BP31" s="972" t="e">
        <f t="shared" si="18"/>
        <v>#VALUE!</v>
      </c>
      <c r="BQ31" s="972" t="e">
        <f t="shared" si="19"/>
        <v>#VALUE!</v>
      </c>
      <c r="BR31" s="972" t="e">
        <f t="shared" si="20"/>
        <v>#VALUE!</v>
      </c>
      <c r="BS31" s="972" t="e">
        <f t="shared" si="21"/>
        <v>#VALUE!</v>
      </c>
      <c r="BT31" s="972" t="e">
        <f t="shared" si="22"/>
        <v>#VALUE!</v>
      </c>
      <c r="BU31" s="972" t="e">
        <f t="shared" si="23"/>
        <v>#VALUE!</v>
      </c>
      <c r="BV31" s="972" t="e">
        <f t="shared" si="24"/>
        <v>#VALUE!</v>
      </c>
      <c r="BW31" s="972" t="e">
        <f t="shared" si="25"/>
        <v>#VALUE!</v>
      </c>
      <c r="BX31" s="972" t="e">
        <f t="shared" si="26"/>
        <v>#VALUE!</v>
      </c>
      <c r="BY31" s="972" t="e">
        <f t="shared" si="27"/>
        <v>#VALUE!</v>
      </c>
      <c r="BZ31" s="972" t="e">
        <f t="shared" si="28"/>
        <v>#VALUE!</v>
      </c>
      <c r="CA31" s="972" t="e">
        <f t="shared" si="29"/>
        <v>#VALUE!</v>
      </c>
      <c r="CB31" s="973" t="e">
        <f t="shared" si="5"/>
        <v>#VALUE!</v>
      </c>
    </row>
    <row r="32" spans="3:80" ht="72" x14ac:dyDescent="0.25">
      <c r="C32" s="597"/>
      <c r="D32" s="597"/>
      <c r="E32" s="597"/>
      <c r="F32" s="597"/>
      <c r="G32" s="597" t="s">
        <v>66</v>
      </c>
      <c r="H32" s="499" t="s">
        <v>1624</v>
      </c>
      <c r="I32" s="499" t="s">
        <v>1625</v>
      </c>
      <c r="J32" s="499" t="s">
        <v>1626</v>
      </c>
      <c r="K32" s="499">
        <v>51.7496245860467</v>
      </c>
      <c r="L32" s="499">
        <v>-0.45118354852086501</v>
      </c>
      <c r="M32" s="499" t="s">
        <v>1522</v>
      </c>
      <c r="N32" s="499" t="s">
        <v>1523</v>
      </c>
      <c r="O32" s="499">
        <v>3</v>
      </c>
      <c r="P32" s="499" t="s">
        <v>870</v>
      </c>
      <c r="Q32" s="499" t="s">
        <v>1578</v>
      </c>
      <c r="R32" s="499" t="s">
        <v>1491</v>
      </c>
      <c r="S32" s="499" t="s">
        <v>1492</v>
      </c>
      <c r="T32" s="499" t="s">
        <v>1493</v>
      </c>
      <c r="U32" s="499"/>
      <c r="V32" s="946" t="str">
        <f>_xlfn.XLOOKUP(H32, [5]GIS!D:D, [5]GIS!E:E, "Not mapped")</f>
        <v>Multiple - Scenario 2</v>
      </c>
      <c r="W32" s="499"/>
      <c r="X32" s="987" t="s">
        <v>2618</v>
      </c>
      <c r="Y32" s="987" t="s">
        <v>1526</v>
      </c>
      <c r="Z32" s="1265">
        <v>21</v>
      </c>
      <c r="AA32" s="1265">
        <v>32</v>
      </c>
      <c r="AB32" s="1265">
        <v>24</v>
      </c>
      <c r="AC32" s="1265">
        <v>24</v>
      </c>
      <c r="AD32" s="1265">
        <v>22</v>
      </c>
      <c r="AE32" s="1265">
        <v>41</v>
      </c>
      <c r="AF32" s="1265">
        <v>45</v>
      </c>
      <c r="AG32" s="1265">
        <v>69</v>
      </c>
      <c r="AH32" s="1265">
        <v>19</v>
      </c>
      <c r="AI32" s="949">
        <v>12</v>
      </c>
      <c r="AJ32" s="949">
        <v>197</v>
      </c>
      <c r="AK32" s="949">
        <v>31</v>
      </c>
      <c r="AL32" s="949">
        <v>11</v>
      </c>
      <c r="AM32" s="949">
        <v>8</v>
      </c>
      <c r="AN32" s="951">
        <f>AT32*[5]TripRateCalculations!O$4</f>
        <v>0.66</v>
      </c>
      <c r="AO32" s="951">
        <f>AU32*[5]TripRateCalculations!P$4</f>
        <v>2.3389830508474576</v>
      </c>
      <c r="AP32" s="951">
        <f>AV32*[5]TripRateCalculations!Q$4</f>
        <v>7.7967914438502675</v>
      </c>
      <c r="AQ32" s="951">
        <f>AW32*[5]TripRateCalculations!R$4</f>
        <v>12.009153318077804</v>
      </c>
      <c r="AR32" s="951">
        <f>AX32*[5]TripRateCalculations!S$4</f>
        <v>1.2173913043478262</v>
      </c>
      <c r="AS32" s="951">
        <f>AY32*[5]TripRateCalculations!T$4</f>
        <v>3.431192660550459</v>
      </c>
      <c r="AT32" s="949">
        <v>3</v>
      </c>
      <c r="AU32" s="949">
        <v>30</v>
      </c>
      <c r="AV32" s="949">
        <v>27</v>
      </c>
      <c r="AW32" s="949">
        <v>82</v>
      </c>
      <c r="AX32" s="949">
        <v>12</v>
      </c>
      <c r="AY32" s="949">
        <v>136</v>
      </c>
      <c r="AZ32" s="905"/>
      <c r="BA32" s="499" t="s">
        <v>904</v>
      </c>
      <c r="BB32" s="953" t="s">
        <v>53</v>
      </c>
      <c r="BC32" s="982">
        <f>ROUND((VLOOKUP(H32,'[5]Cost Summary'!A:H,8,)),0.1)</f>
        <v>9492614679</v>
      </c>
      <c r="BD32" s="966"/>
      <c r="BE32" s="966"/>
      <c r="BF32" s="967" t="s">
        <v>1527</v>
      </c>
      <c r="BG32" s="1261" t="s">
        <v>1528</v>
      </c>
      <c r="BH32" s="977">
        <f t="shared" ref="BH32:BQ38" si="30">Z32/(SUM($Z32:$AS32))</f>
        <v>3.5992584800830021E-2</v>
      </c>
      <c r="BI32" s="974">
        <f t="shared" si="30"/>
        <v>5.4845843506026698E-2</v>
      </c>
      <c r="BJ32" s="974">
        <f t="shared" si="30"/>
        <v>4.1134382629520023E-2</v>
      </c>
      <c r="BK32" s="974">
        <f t="shared" si="30"/>
        <v>4.1134382629520023E-2</v>
      </c>
      <c r="BL32" s="974">
        <f t="shared" si="30"/>
        <v>3.770651741039336E-2</v>
      </c>
      <c r="BM32" s="974">
        <f t="shared" si="30"/>
        <v>7.0271236992096711E-2</v>
      </c>
      <c r="BN32" s="974">
        <f t="shared" si="30"/>
        <v>7.7126967430350052E-2</v>
      </c>
      <c r="BO32" s="974">
        <f t="shared" si="30"/>
        <v>0.11826135005987007</v>
      </c>
      <c r="BP32" s="974">
        <f t="shared" si="30"/>
        <v>3.2564719581703351E-2</v>
      </c>
      <c r="BQ32" s="974">
        <f t="shared" si="30"/>
        <v>2.0567191314760012E-2</v>
      </c>
      <c r="BR32" s="974">
        <f t="shared" ref="BR32:CA38" si="31">AJ32/(SUM($Z32:$AS32))</f>
        <v>0.33764472408397689</v>
      </c>
      <c r="BS32" s="974">
        <f t="shared" si="31"/>
        <v>5.3131910896463366E-2</v>
      </c>
      <c r="BT32" s="974">
        <f t="shared" si="31"/>
        <v>1.885325870519668E-2</v>
      </c>
      <c r="BU32" s="974">
        <f t="shared" si="31"/>
        <v>1.3711460876506674E-2</v>
      </c>
      <c r="BV32" s="974">
        <f t="shared" si="31"/>
        <v>1.1311955223118008E-3</v>
      </c>
      <c r="BW32" s="974">
        <f t="shared" si="31"/>
        <v>4.0088593240633925E-3</v>
      </c>
      <c r="BX32" s="974">
        <f t="shared" si="31"/>
        <v>1.3363175105579366E-2</v>
      </c>
      <c r="BY32" s="974">
        <f t="shared" si="31"/>
        <v>2.0582879485099265E-2</v>
      </c>
      <c r="BZ32" s="974">
        <f t="shared" si="31"/>
        <v>2.0865266551205811E-3</v>
      </c>
      <c r="CA32" s="974">
        <f t="shared" si="31"/>
        <v>5.8808329906118086E-3</v>
      </c>
      <c r="CB32" s="973">
        <f t="shared" si="5"/>
        <v>1.0000000000000002</v>
      </c>
    </row>
    <row r="33" spans="3:80" ht="75" x14ac:dyDescent="0.25">
      <c r="C33" s="597"/>
      <c r="D33" s="597" t="s">
        <v>66</v>
      </c>
      <c r="E33" s="597"/>
      <c r="F33" s="597"/>
      <c r="G33" s="597"/>
      <c r="H33" s="499" t="s">
        <v>1628</v>
      </c>
      <c r="I33" s="499" t="s">
        <v>871</v>
      </c>
      <c r="J33" s="499" t="s">
        <v>872</v>
      </c>
      <c r="K33" s="499">
        <v>51.746630199999998</v>
      </c>
      <c r="L33" s="499">
        <v>-0.47295741499999999</v>
      </c>
      <c r="M33" s="499" t="s">
        <v>1522</v>
      </c>
      <c r="N33" s="499" t="s">
        <v>1523</v>
      </c>
      <c r="O33" s="499">
        <v>3</v>
      </c>
      <c r="P33" s="499" t="s">
        <v>870</v>
      </c>
      <c r="Q33" s="499" t="s">
        <v>1616</v>
      </c>
      <c r="R33" s="499" t="s">
        <v>1630</v>
      </c>
      <c r="S33" s="499" t="s">
        <v>1492</v>
      </c>
      <c r="T33" s="499" t="s">
        <v>1493</v>
      </c>
      <c r="U33" s="499" t="s">
        <v>1504</v>
      </c>
      <c r="V33" s="946" t="str">
        <f>_xlfn.XLOOKUP(H33, [5]GIS!D:D, [5]GIS!E:E, "Not mapped")</f>
        <v>Single - Scenario 2</v>
      </c>
      <c r="W33" s="1262" t="s">
        <v>1495</v>
      </c>
      <c r="X33" s="987" t="s">
        <v>2618</v>
      </c>
      <c r="Y33" s="987" t="s">
        <v>1526</v>
      </c>
      <c r="Z33" s="949">
        <v>11</v>
      </c>
      <c r="AA33" s="949">
        <v>38</v>
      </c>
      <c r="AB33" s="949">
        <v>1</v>
      </c>
      <c r="AC33" s="949">
        <v>12</v>
      </c>
      <c r="AD33" s="949">
        <v>1</v>
      </c>
      <c r="AE33" s="949">
        <v>1</v>
      </c>
      <c r="AF33" s="949">
        <v>33</v>
      </c>
      <c r="AG33" s="949">
        <v>3</v>
      </c>
      <c r="AH33" s="949">
        <v>3</v>
      </c>
      <c r="AI33" s="949">
        <v>0</v>
      </c>
      <c r="AJ33" s="949">
        <v>3</v>
      </c>
      <c r="AK33" s="949">
        <v>4</v>
      </c>
      <c r="AL33" s="949">
        <v>1</v>
      </c>
      <c r="AM33" s="949">
        <v>1</v>
      </c>
      <c r="AN33" s="951">
        <f>AT33*[5]TripRateCalculations!O$4</f>
        <v>0.88</v>
      </c>
      <c r="AO33" s="951">
        <f>AU33*[5]TripRateCalculations!P$4</f>
        <v>0.31186440677966104</v>
      </c>
      <c r="AP33" s="951">
        <f>AV33*[5]TripRateCalculations!Q$4</f>
        <v>0.28877005347593582</v>
      </c>
      <c r="AQ33" s="951">
        <f>AW33*[5]TripRateCalculations!R$4</f>
        <v>0.14645308924485126</v>
      </c>
      <c r="AR33" s="951">
        <f>AX33*[5]TripRateCalculations!S$4</f>
        <v>0.20289855072463769</v>
      </c>
      <c r="AS33" s="951">
        <f>AY33*[5]TripRateCalculations!T$4</f>
        <v>5.0458715596330278E-2</v>
      </c>
      <c r="AT33" s="949">
        <v>4</v>
      </c>
      <c r="AU33" s="949">
        <v>4</v>
      </c>
      <c r="AV33" s="949">
        <v>1</v>
      </c>
      <c r="AW33" s="949">
        <v>1</v>
      </c>
      <c r="AX33" s="949">
        <v>2</v>
      </c>
      <c r="AY33" s="949">
        <v>2</v>
      </c>
      <c r="AZ33" s="905" t="s">
        <v>1631</v>
      </c>
      <c r="BA33" s="579" t="s">
        <v>868</v>
      </c>
      <c r="BB33" s="953" t="s">
        <v>53</v>
      </c>
      <c r="BC33" s="980">
        <f>ROUND((VLOOKUP(H33,'[5]Cost Summary'!A:H,8,)),0.1)</f>
        <v>61693</v>
      </c>
      <c r="BD33" s="499">
        <v>3</v>
      </c>
      <c r="BE33" s="499" t="s">
        <v>1632</v>
      </c>
      <c r="BF33" s="954" t="s">
        <v>1584</v>
      </c>
      <c r="BG33" s="1261">
        <v>40080.25</v>
      </c>
      <c r="BH33" s="977">
        <f t="shared" si="30"/>
        <v>9.6592527521211169E-2</v>
      </c>
      <c r="BI33" s="974">
        <f t="shared" si="30"/>
        <v>0.33368327689145677</v>
      </c>
      <c r="BJ33" s="974">
        <f t="shared" si="30"/>
        <v>8.781138865564652E-3</v>
      </c>
      <c r="BK33" s="974">
        <f t="shared" si="30"/>
        <v>0.10537366638677582</v>
      </c>
      <c r="BL33" s="974">
        <f t="shared" si="30"/>
        <v>8.781138865564652E-3</v>
      </c>
      <c r="BM33" s="974">
        <f t="shared" si="30"/>
        <v>8.781138865564652E-3</v>
      </c>
      <c r="BN33" s="974">
        <f t="shared" si="30"/>
        <v>0.28977758256363351</v>
      </c>
      <c r="BO33" s="974">
        <f t="shared" si="30"/>
        <v>2.6343416596693956E-2</v>
      </c>
      <c r="BP33" s="974">
        <f t="shared" si="30"/>
        <v>2.6343416596693956E-2</v>
      </c>
      <c r="BQ33" s="974">
        <f t="shared" si="30"/>
        <v>0</v>
      </c>
      <c r="BR33" s="974">
        <f t="shared" si="31"/>
        <v>2.6343416596693956E-2</v>
      </c>
      <c r="BS33" s="974">
        <f t="shared" si="31"/>
        <v>3.5124555462258608E-2</v>
      </c>
      <c r="BT33" s="974">
        <f t="shared" si="31"/>
        <v>8.781138865564652E-3</v>
      </c>
      <c r="BU33" s="974">
        <f t="shared" si="31"/>
        <v>8.781138865564652E-3</v>
      </c>
      <c r="BV33" s="974">
        <f t="shared" si="31"/>
        <v>7.7274022016968931E-3</v>
      </c>
      <c r="BW33" s="974">
        <f t="shared" si="31"/>
        <v>2.7385246631591456E-3</v>
      </c>
      <c r="BX33" s="974">
        <f t="shared" si="31"/>
        <v>2.535729939788723E-3</v>
      </c>
      <c r="BY33" s="974">
        <f t="shared" si="31"/>
        <v>1.2860249139499719E-3</v>
      </c>
      <c r="BZ33" s="974">
        <f t="shared" si="31"/>
        <v>1.7816803495348569E-3</v>
      </c>
      <c r="CA33" s="974">
        <f t="shared" si="31"/>
        <v>4.4308498862940903E-4</v>
      </c>
      <c r="CB33" s="973">
        <f t="shared" si="5"/>
        <v>0.99999999999999989</v>
      </c>
    </row>
    <row r="34" spans="3:80" ht="114.75" x14ac:dyDescent="0.25">
      <c r="C34" s="597"/>
      <c r="D34" s="597" t="s">
        <v>66</v>
      </c>
      <c r="E34" s="597"/>
      <c r="F34" s="597"/>
      <c r="G34" s="597"/>
      <c r="H34" s="499" t="s">
        <v>1633</v>
      </c>
      <c r="I34" s="499" t="s">
        <v>873</v>
      </c>
      <c r="J34" s="499" t="s">
        <v>874</v>
      </c>
      <c r="K34" s="499">
        <v>51.746660210000002</v>
      </c>
      <c r="L34" s="499">
        <v>-0.47162341299999999</v>
      </c>
      <c r="M34" s="499" t="s">
        <v>1522</v>
      </c>
      <c r="N34" s="499" t="s">
        <v>1523</v>
      </c>
      <c r="O34" s="499">
        <v>2</v>
      </c>
      <c r="P34" s="499" t="s">
        <v>870</v>
      </c>
      <c r="Q34" s="499" t="s">
        <v>1616</v>
      </c>
      <c r="R34" s="499" t="s">
        <v>1630</v>
      </c>
      <c r="S34" s="499" t="s">
        <v>1492</v>
      </c>
      <c r="T34" s="499" t="s">
        <v>1493</v>
      </c>
      <c r="U34" s="499" t="s">
        <v>1504</v>
      </c>
      <c r="V34" s="946" t="str">
        <f>_xlfn.XLOOKUP(H34, [5]GIS!D:D, [5]GIS!E:E, "Not mapped")</f>
        <v>Single - Scenario 2</v>
      </c>
      <c r="W34" s="1267" t="s">
        <v>1495</v>
      </c>
      <c r="X34" s="987" t="s">
        <v>2618</v>
      </c>
      <c r="Y34" s="987" t="s">
        <v>1526</v>
      </c>
      <c r="Z34" s="949">
        <v>13</v>
      </c>
      <c r="AA34" s="949">
        <v>0</v>
      </c>
      <c r="AB34" s="949">
        <v>25</v>
      </c>
      <c r="AC34" s="949">
        <v>14</v>
      </c>
      <c r="AD34" s="949">
        <v>23</v>
      </c>
      <c r="AE34" s="949">
        <v>2</v>
      </c>
      <c r="AF34" s="949">
        <v>0</v>
      </c>
      <c r="AG34" s="949">
        <v>9</v>
      </c>
      <c r="AH34" s="949">
        <v>1</v>
      </c>
      <c r="AI34" s="949">
        <v>10</v>
      </c>
      <c r="AJ34" s="949">
        <v>123</v>
      </c>
      <c r="AK34" s="949">
        <v>4</v>
      </c>
      <c r="AL34" s="949">
        <v>1</v>
      </c>
      <c r="AM34" s="949">
        <v>0</v>
      </c>
      <c r="AN34" s="951">
        <f>AT34*[5]TripRateCalculations!O$4</f>
        <v>0.44</v>
      </c>
      <c r="AO34" s="951">
        <f>AU34*[5]TripRateCalculations!P$4</f>
        <v>2.8847457627118644</v>
      </c>
      <c r="AP34" s="951">
        <f>AV34*[5]TripRateCalculations!Q$4</f>
        <v>0.28877005347593582</v>
      </c>
      <c r="AQ34" s="951">
        <f>AW34*[5]TripRateCalculations!R$4</f>
        <v>8.0549199084668199</v>
      </c>
      <c r="AR34" s="951">
        <f>AX34*[5]TripRateCalculations!S$4</f>
        <v>0.10144927536231885</v>
      </c>
      <c r="AS34" s="951">
        <f>AY34*[5]TripRateCalculations!T$4</f>
        <v>2.4472477064220186</v>
      </c>
      <c r="AT34" s="949">
        <v>2</v>
      </c>
      <c r="AU34" s="949">
        <v>37</v>
      </c>
      <c r="AV34" s="949">
        <v>1</v>
      </c>
      <c r="AW34" s="949">
        <v>55</v>
      </c>
      <c r="AX34" s="949">
        <v>1</v>
      </c>
      <c r="AY34" s="949">
        <v>97</v>
      </c>
      <c r="AZ34" s="905" t="s">
        <v>1635</v>
      </c>
      <c r="BA34" s="499" t="s">
        <v>868</v>
      </c>
      <c r="BB34" s="953" t="s">
        <v>53</v>
      </c>
      <c r="BC34" s="980">
        <f>ROUND((VLOOKUP(H34,'[5]Cost Summary'!A:H,8,)),0.1)</f>
        <v>68246</v>
      </c>
      <c r="BD34" s="499">
        <v>3</v>
      </c>
      <c r="BE34" s="499" t="s">
        <v>1632</v>
      </c>
      <c r="BF34" s="954" t="s">
        <v>1584</v>
      </c>
      <c r="BG34" s="1261">
        <v>44337.53</v>
      </c>
      <c r="BH34" s="977">
        <f t="shared" si="30"/>
        <v>5.4343933701242304E-2</v>
      </c>
      <c r="BI34" s="974">
        <f t="shared" si="30"/>
        <v>0</v>
      </c>
      <c r="BJ34" s="974">
        <f t="shared" si="30"/>
        <v>0.10450756481008136</v>
      </c>
      <c r="BK34" s="974">
        <f t="shared" si="30"/>
        <v>5.852423629364556E-2</v>
      </c>
      <c r="BL34" s="974">
        <f t="shared" si="30"/>
        <v>9.614695962527485E-2</v>
      </c>
      <c r="BM34" s="974">
        <f t="shared" si="30"/>
        <v>8.3606051848065088E-3</v>
      </c>
      <c r="BN34" s="974">
        <f t="shared" si="30"/>
        <v>0</v>
      </c>
      <c r="BO34" s="974">
        <f t="shared" si="30"/>
        <v>3.762272333162929E-2</v>
      </c>
      <c r="BP34" s="974">
        <f t="shared" si="30"/>
        <v>4.1803025924032544E-3</v>
      </c>
      <c r="BQ34" s="974">
        <f t="shared" si="30"/>
        <v>4.1803025924032539E-2</v>
      </c>
      <c r="BR34" s="974">
        <f t="shared" si="31"/>
        <v>0.51417721886560031</v>
      </c>
      <c r="BS34" s="974">
        <f t="shared" si="31"/>
        <v>1.6721210369613018E-2</v>
      </c>
      <c r="BT34" s="974">
        <f t="shared" si="31"/>
        <v>4.1803025924032544E-3</v>
      </c>
      <c r="BU34" s="974">
        <f t="shared" si="31"/>
        <v>0</v>
      </c>
      <c r="BV34" s="974">
        <f t="shared" si="31"/>
        <v>1.8393331406574317E-3</v>
      </c>
      <c r="BW34" s="974">
        <f t="shared" si="31"/>
        <v>1.205911019028871E-2</v>
      </c>
      <c r="BX34" s="974">
        <f t="shared" si="31"/>
        <v>1.2071462031538807E-3</v>
      </c>
      <c r="BY34" s="974">
        <f t="shared" si="31"/>
        <v>3.367200257496443E-2</v>
      </c>
      <c r="BZ34" s="974">
        <f t="shared" si="31"/>
        <v>4.2408866879453308E-4</v>
      </c>
      <c r="CA34" s="974">
        <f t="shared" si="31"/>
        <v>1.0230235931408883E-2</v>
      </c>
      <c r="CB34" s="973">
        <f t="shared" si="5"/>
        <v>1</v>
      </c>
    </row>
    <row r="35" spans="3:80" ht="143.25" x14ac:dyDescent="0.25">
      <c r="C35" s="597"/>
      <c r="D35" s="597" t="s">
        <v>66</v>
      </c>
      <c r="E35" s="597"/>
      <c r="F35" s="597"/>
      <c r="G35" s="597"/>
      <c r="H35" s="499" t="s">
        <v>1636</v>
      </c>
      <c r="I35" s="499" t="s">
        <v>875</v>
      </c>
      <c r="J35" s="499" t="s">
        <v>876</v>
      </c>
      <c r="K35" s="499">
        <v>51.744121939999999</v>
      </c>
      <c r="L35" s="499">
        <v>-0.48009569299999999</v>
      </c>
      <c r="M35" s="499" t="s">
        <v>1522</v>
      </c>
      <c r="N35" s="499" t="s">
        <v>1523</v>
      </c>
      <c r="O35" s="499">
        <v>2</v>
      </c>
      <c r="P35" s="499" t="s">
        <v>870</v>
      </c>
      <c r="Q35" s="499" t="s">
        <v>1616</v>
      </c>
      <c r="R35" s="499" t="s">
        <v>1491</v>
      </c>
      <c r="S35" s="499" t="s">
        <v>1492</v>
      </c>
      <c r="T35" s="499" t="s">
        <v>1493</v>
      </c>
      <c r="U35" s="499" t="s">
        <v>1504</v>
      </c>
      <c r="V35" s="946" t="str">
        <f>_xlfn.XLOOKUP(H35, [5]GIS!D:D, [5]GIS!E:E, "Not mapped")</f>
        <v>Multiple - Scenario 1</v>
      </c>
      <c r="W35" s="1257" t="s">
        <v>1495</v>
      </c>
      <c r="X35" s="987" t="s">
        <v>2618</v>
      </c>
      <c r="Y35" s="987" t="s">
        <v>1526</v>
      </c>
      <c r="Z35" s="949">
        <v>0</v>
      </c>
      <c r="AA35" s="949">
        <v>0</v>
      </c>
      <c r="AB35" s="949">
        <v>0</v>
      </c>
      <c r="AC35" s="949">
        <v>0</v>
      </c>
      <c r="AD35" s="949">
        <v>0</v>
      </c>
      <c r="AE35" s="950">
        <v>0</v>
      </c>
      <c r="AF35" s="950">
        <v>0</v>
      </c>
      <c r="AG35" s="950">
        <v>1</v>
      </c>
      <c r="AH35" s="950">
        <v>1</v>
      </c>
      <c r="AI35" s="950">
        <v>0</v>
      </c>
      <c r="AJ35" s="950">
        <v>4</v>
      </c>
      <c r="AK35" s="950">
        <v>1</v>
      </c>
      <c r="AL35" s="950">
        <v>1</v>
      </c>
      <c r="AM35" s="950">
        <v>0</v>
      </c>
      <c r="AN35" s="951">
        <f>AT35*[5]TripRateCalculations!O$4</f>
        <v>0.22</v>
      </c>
      <c r="AO35" s="951">
        <f>AU35*[5]TripRateCalculations!P$4</f>
        <v>7.796610169491526E-2</v>
      </c>
      <c r="AP35" s="951">
        <f>AV35*[5]TripRateCalculations!Q$4</f>
        <v>0.28877005347593582</v>
      </c>
      <c r="AQ35" s="951">
        <f>AW35*[5]TripRateCalculations!R$4</f>
        <v>0.14645308924485126</v>
      </c>
      <c r="AR35" s="951">
        <f>AX35*[5]TripRateCalculations!S$4</f>
        <v>0</v>
      </c>
      <c r="AS35" s="951">
        <f>AY35*[5]TripRateCalculations!T$4</f>
        <v>5.0458715596330278E-2</v>
      </c>
      <c r="AT35" s="950">
        <v>1</v>
      </c>
      <c r="AU35" s="950">
        <v>1</v>
      </c>
      <c r="AV35" s="950">
        <v>1</v>
      </c>
      <c r="AW35" s="950">
        <v>1</v>
      </c>
      <c r="AX35" s="950">
        <v>0</v>
      </c>
      <c r="AY35" s="950">
        <v>2</v>
      </c>
      <c r="AZ35" s="905" t="s">
        <v>1638</v>
      </c>
      <c r="BA35" s="499" t="s">
        <v>834</v>
      </c>
      <c r="BB35" s="953" t="s">
        <v>53</v>
      </c>
      <c r="BC35" s="980">
        <f>ROUND((VLOOKUP(H35,'[5]Cost Summary'!A:H,8,)),0.1)</f>
        <v>109695</v>
      </c>
      <c r="BD35" s="499">
        <v>1</v>
      </c>
      <c r="BE35" s="499">
        <v>9</v>
      </c>
      <c r="BF35" s="954" t="s">
        <v>1584</v>
      </c>
      <c r="BG35" s="1261">
        <v>71266.22</v>
      </c>
      <c r="BH35" s="977">
        <f t="shared" si="30"/>
        <v>0</v>
      </c>
      <c r="BI35" s="974">
        <f t="shared" si="30"/>
        <v>0</v>
      </c>
      <c r="BJ35" s="974">
        <f t="shared" si="30"/>
        <v>0</v>
      </c>
      <c r="BK35" s="974">
        <f t="shared" si="30"/>
        <v>0</v>
      </c>
      <c r="BL35" s="974">
        <f t="shared" si="30"/>
        <v>0</v>
      </c>
      <c r="BM35" s="974">
        <f t="shared" si="30"/>
        <v>0</v>
      </c>
      <c r="BN35" s="974">
        <f t="shared" si="30"/>
        <v>0</v>
      </c>
      <c r="BO35" s="974">
        <f t="shared" si="30"/>
        <v>0.11384791427804787</v>
      </c>
      <c r="BP35" s="974">
        <f t="shared" si="30"/>
        <v>0.11384791427804787</v>
      </c>
      <c r="BQ35" s="974">
        <f t="shared" si="30"/>
        <v>0</v>
      </c>
      <c r="BR35" s="974">
        <f t="shared" si="31"/>
        <v>0.45539165711219148</v>
      </c>
      <c r="BS35" s="974">
        <f t="shared" si="31"/>
        <v>0.11384791427804787</v>
      </c>
      <c r="BT35" s="974">
        <f t="shared" si="31"/>
        <v>0.11384791427804787</v>
      </c>
      <c r="BU35" s="974">
        <f t="shared" si="31"/>
        <v>0</v>
      </c>
      <c r="BV35" s="974">
        <f t="shared" si="31"/>
        <v>2.5046541141170532E-2</v>
      </c>
      <c r="BW35" s="974">
        <f t="shared" si="31"/>
        <v>8.876278062356276E-3</v>
      </c>
      <c r="BX35" s="974">
        <f t="shared" si="31"/>
        <v>3.2875868294195643E-2</v>
      </c>
      <c r="BY35" s="974">
        <f t="shared" si="31"/>
        <v>1.6673378750103121E-2</v>
      </c>
      <c r="BZ35" s="974">
        <f t="shared" si="31"/>
        <v>0</v>
      </c>
      <c r="CA35" s="974">
        <f t="shared" si="31"/>
        <v>5.7446195277914072E-3</v>
      </c>
      <c r="CB35" s="973">
        <f t="shared" si="5"/>
        <v>0.99999999999999989</v>
      </c>
    </row>
    <row r="36" spans="3:80" ht="214.5" x14ac:dyDescent="0.25">
      <c r="C36" s="597"/>
      <c r="D36" s="597"/>
      <c r="E36" s="597"/>
      <c r="F36" s="597"/>
      <c r="G36" s="597"/>
      <c r="H36" s="499" t="s">
        <v>1639</v>
      </c>
      <c r="I36" s="499" t="s">
        <v>901</v>
      </c>
      <c r="J36" s="499" t="s">
        <v>902</v>
      </c>
      <c r="K36" s="499">
        <v>51.75785277</v>
      </c>
      <c r="L36" s="499">
        <v>-0.41224909900000001</v>
      </c>
      <c r="M36" s="499" t="s">
        <v>1640</v>
      </c>
      <c r="N36" s="499" t="s">
        <v>1523</v>
      </c>
      <c r="O36" s="499">
        <v>3</v>
      </c>
      <c r="P36" s="499" t="s">
        <v>900</v>
      </c>
      <c r="Q36" s="499" t="s">
        <v>1490</v>
      </c>
      <c r="R36" s="499" t="s">
        <v>1491</v>
      </c>
      <c r="S36" s="499" t="s">
        <v>1492</v>
      </c>
      <c r="T36" s="499" t="s">
        <v>1493</v>
      </c>
      <c r="U36" s="499" t="s">
        <v>1504</v>
      </c>
      <c r="V36" s="946" t="str">
        <f>_xlfn.XLOOKUP(H36, [5]GIS!D:D, [5]GIS!E:E, "Not mapped")</f>
        <v>Single - Scenario 1</v>
      </c>
      <c r="W36" s="773" t="s">
        <v>1641</v>
      </c>
      <c r="X36" s="987" t="s">
        <v>2618</v>
      </c>
      <c r="Y36" s="987" t="s">
        <v>1526</v>
      </c>
      <c r="Z36" s="949">
        <v>16</v>
      </c>
      <c r="AA36" s="949">
        <v>19</v>
      </c>
      <c r="AB36" s="949">
        <v>13</v>
      </c>
      <c r="AC36" s="949">
        <v>20</v>
      </c>
      <c r="AD36" s="949">
        <v>14</v>
      </c>
      <c r="AE36" s="949">
        <v>34</v>
      </c>
      <c r="AF36" s="949">
        <v>37</v>
      </c>
      <c r="AG36" s="949">
        <v>51</v>
      </c>
      <c r="AH36" s="949">
        <v>307</v>
      </c>
      <c r="AI36" s="949">
        <v>225</v>
      </c>
      <c r="AJ36" s="949">
        <v>235</v>
      </c>
      <c r="AK36" s="949">
        <v>71</v>
      </c>
      <c r="AL36" s="949">
        <v>99</v>
      </c>
      <c r="AM36" s="949">
        <v>12</v>
      </c>
      <c r="AN36" s="951">
        <f>AT36*[5]TripRateCalculations!O$4</f>
        <v>5.94</v>
      </c>
      <c r="AO36" s="951">
        <f>AU36*[5]TripRateCalculations!P$4</f>
        <v>1.3254237288135595</v>
      </c>
      <c r="AP36" s="951">
        <f>AV36*[5]TripRateCalculations!Q$4</f>
        <v>5.7754010695187166</v>
      </c>
      <c r="AQ36" s="951">
        <f>AW36*[5]TripRateCalculations!R$4</f>
        <v>19.917620137299771</v>
      </c>
      <c r="AR36" s="951">
        <f>AX36*[5]TripRateCalculations!S$4</f>
        <v>4.9710144927536231</v>
      </c>
      <c r="AS36" s="951">
        <f>AY36*[5]TripRateCalculations!T$4</f>
        <v>7.5435779816513762</v>
      </c>
      <c r="AT36" s="949">
        <v>27</v>
      </c>
      <c r="AU36" s="949">
        <v>17</v>
      </c>
      <c r="AV36" s="949">
        <v>20</v>
      </c>
      <c r="AW36" s="949">
        <v>136</v>
      </c>
      <c r="AX36" s="949">
        <v>49</v>
      </c>
      <c r="AY36" s="949">
        <v>299</v>
      </c>
      <c r="AZ36" s="905" t="s">
        <v>1642</v>
      </c>
      <c r="BA36" s="499" t="s">
        <v>904</v>
      </c>
      <c r="BB36" s="953" t="s">
        <v>869</v>
      </c>
      <c r="BC36" s="979">
        <v>106900000</v>
      </c>
      <c r="BD36" s="948">
        <v>1</v>
      </c>
      <c r="BE36" s="948">
        <v>8</v>
      </c>
      <c r="BF36" s="955" t="s">
        <v>1643</v>
      </c>
      <c r="BG36" s="1261">
        <v>106900000</v>
      </c>
      <c r="BH36" s="977">
        <f t="shared" si="30"/>
        <v>1.3350321200864759E-2</v>
      </c>
      <c r="BI36" s="974">
        <f t="shared" si="30"/>
        <v>1.5853506426026901E-2</v>
      </c>
      <c r="BJ36" s="974">
        <f t="shared" si="30"/>
        <v>1.0847135975702617E-2</v>
      </c>
      <c r="BK36" s="974">
        <f t="shared" si="30"/>
        <v>1.6687901501080949E-2</v>
      </c>
      <c r="BL36" s="974">
        <f t="shared" si="30"/>
        <v>1.1681531050756663E-2</v>
      </c>
      <c r="BM36" s="974">
        <f t="shared" si="30"/>
        <v>2.836943255183761E-2</v>
      </c>
      <c r="BN36" s="974">
        <f t="shared" si="30"/>
        <v>3.0872617776999754E-2</v>
      </c>
      <c r="BO36" s="974">
        <f t="shared" si="30"/>
        <v>4.2554148827756419E-2</v>
      </c>
      <c r="BP36" s="974">
        <f t="shared" si="30"/>
        <v>0.25615928804159255</v>
      </c>
      <c r="BQ36" s="974">
        <f t="shared" si="30"/>
        <v>0.18773889188716067</v>
      </c>
      <c r="BR36" s="974">
        <f t="shared" si="31"/>
        <v>0.19608284263770115</v>
      </c>
      <c r="BS36" s="974">
        <f t="shared" si="31"/>
        <v>5.9242050328837365E-2</v>
      </c>
      <c r="BT36" s="974">
        <f t="shared" si="31"/>
        <v>8.2605112430350694E-2</v>
      </c>
      <c r="BU36" s="974">
        <f t="shared" si="31"/>
        <v>1.0012740900648569E-2</v>
      </c>
      <c r="BV36" s="974">
        <f t="shared" si="31"/>
        <v>4.9563067458210418E-3</v>
      </c>
      <c r="BW36" s="974">
        <f t="shared" si="31"/>
        <v>1.1059270316818054E-3</v>
      </c>
      <c r="BX36" s="974">
        <f t="shared" si="31"/>
        <v>4.8189662088682951E-3</v>
      </c>
      <c r="BY36" s="974">
        <f t="shared" si="31"/>
        <v>1.6619164149360249E-2</v>
      </c>
      <c r="BZ36" s="974">
        <f t="shared" si="31"/>
        <v>4.1477900107759168E-3</v>
      </c>
      <c r="CA36" s="974">
        <f t="shared" si="31"/>
        <v>6.2943243161760597E-3</v>
      </c>
      <c r="CB36" s="973">
        <f t="shared" si="5"/>
        <v>1</v>
      </c>
    </row>
    <row r="37" spans="3:80" ht="100.5" x14ac:dyDescent="0.25">
      <c r="C37" s="597"/>
      <c r="D37" s="597"/>
      <c r="E37" s="597"/>
      <c r="F37" s="597"/>
      <c r="G37" s="597"/>
      <c r="H37" s="499" t="s">
        <v>1644</v>
      </c>
      <c r="I37" s="499" t="s">
        <v>905</v>
      </c>
      <c r="J37" s="499" t="s">
        <v>906</v>
      </c>
      <c r="K37" s="499">
        <v>51.756380849999999</v>
      </c>
      <c r="L37" s="499">
        <v>-0.42350580999999998</v>
      </c>
      <c r="M37" s="499" t="s">
        <v>1522</v>
      </c>
      <c r="N37" s="499" t="s">
        <v>1523</v>
      </c>
      <c r="O37" s="499">
        <v>3</v>
      </c>
      <c r="P37" s="499" t="s">
        <v>900</v>
      </c>
      <c r="Q37" s="499" t="s">
        <v>1490</v>
      </c>
      <c r="R37" s="499" t="s">
        <v>1491</v>
      </c>
      <c r="S37" s="499" t="s">
        <v>1492</v>
      </c>
      <c r="T37" s="499" t="s">
        <v>1493</v>
      </c>
      <c r="U37" s="499" t="s">
        <v>1504</v>
      </c>
      <c r="V37" s="946" t="str">
        <f>_xlfn.XLOOKUP(H37, [5]GIS!D:D, [5]GIS!E:E, "Not mapped")</f>
        <v>Single - Scenario 2</v>
      </c>
      <c r="W37" s="773" t="s">
        <v>1546</v>
      </c>
      <c r="X37" s="987" t="s">
        <v>2618</v>
      </c>
      <c r="Y37" s="987" t="s">
        <v>1526</v>
      </c>
      <c r="Z37" s="949">
        <v>16</v>
      </c>
      <c r="AA37" s="949">
        <v>19</v>
      </c>
      <c r="AB37" s="949">
        <v>13</v>
      </c>
      <c r="AC37" s="949">
        <v>20</v>
      </c>
      <c r="AD37" s="949">
        <v>14</v>
      </c>
      <c r="AE37" s="950">
        <v>34</v>
      </c>
      <c r="AF37" s="950">
        <v>37</v>
      </c>
      <c r="AG37" s="950">
        <v>51</v>
      </c>
      <c r="AH37" s="950">
        <v>307</v>
      </c>
      <c r="AI37" s="950">
        <v>225</v>
      </c>
      <c r="AJ37" s="950">
        <v>235</v>
      </c>
      <c r="AK37" s="950">
        <v>71</v>
      </c>
      <c r="AL37" s="950">
        <v>99</v>
      </c>
      <c r="AM37" s="950">
        <v>12</v>
      </c>
      <c r="AN37" s="951">
        <f>AT37*[5]TripRateCalculations!O$4</f>
        <v>5.94</v>
      </c>
      <c r="AO37" s="951">
        <f>AU37*[5]TripRateCalculations!P$4</f>
        <v>1.3254237288135595</v>
      </c>
      <c r="AP37" s="951">
        <f>AV37*[5]TripRateCalculations!Q$4</f>
        <v>5.7754010695187166</v>
      </c>
      <c r="AQ37" s="951">
        <f>AW37*[5]TripRateCalculations!R$4</f>
        <v>19.917620137299771</v>
      </c>
      <c r="AR37" s="951">
        <f>AX37*[5]TripRateCalculations!S$4</f>
        <v>4.9710144927536231</v>
      </c>
      <c r="AS37" s="951">
        <f>AY37*[5]TripRateCalculations!T$4</f>
        <v>7.5435779816513762</v>
      </c>
      <c r="AT37" s="950">
        <v>27</v>
      </c>
      <c r="AU37" s="950">
        <v>17</v>
      </c>
      <c r="AV37" s="950">
        <v>20</v>
      </c>
      <c r="AW37" s="950">
        <v>136</v>
      </c>
      <c r="AX37" s="950">
        <v>49</v>
      </c>
      <c r="AY37" s="950">
        <v>299</v>
      </c>
      <c r="AZ37" s="905" t="s">
        <v>1642</v>
      </c>
      <c r="BA37" s="1275" t="s">
        <v>722</v>
      </c>
      <c r="BB37" s="953" t="s">
        <v>912</v>
      </c>
      <c r="BC37" s="980">
        <f>ROUND((VLOOKUP(H37,'[5]Cost Summary'!A:H,8,)),0.1)</f>
        <v>812064</v>
      </c>
      <c r="BD37" s="499">
        <v>1</v>
      </c>
      <c r="BE37" s="499">
        <v>8</v>
      </c>
      <c r="BF37" s="954" t="s">
        <v>1584</v>
      </c>
      <c r="BG37" s="1261">
        <v>1056500</v>
      </c>
      <c r="BH37" s="977">
        <f t="shared" si="30"/>
        <v>1.3350321200864759E-2</v>
      </c>
      <c r="BI37" s="974">
        <f t="shared" si="30"/>
        <v>1.5853506426026901E-2</v>
      </c>
      <c r="BJ37" s="974">
        <f t="shared" si="30"/>
        <v>1.0847135975702617E-2</v>
      </c>
      <c r="BK37" s="974">
        <f t="shared" si="30"/>
        <v>1.6687901501080949E-2</v>
      </c>
      <c r="BL37" s="974">
        <f t="shared" si="30"/>
        <v>1.1681531050756663E-2</v>
      </c>
      <c r="BM37" s="974">
        <f t="shared" si="30"/>
        <v>2.836943255183761E-2</v>
      </c>
      <c r="BN37" s="974">
        <f t="shared" si="30"/>
        <v>3.0872617776999754E-2</v>
      </c>
      <c r="BO37" s="974">
        <f t="shared" si="30"/>
        <v>4.2554148827756419E-2</v>
      </c>
      <c r="BP37" s="974">
        <f t="shared" si="30"/>
        <v>0.25615928804159255</v>
      </c>
      <c r="BQ37" s="974">
        <f t="shared" si="30"/>
        <v>0.18773889188716067</v>
      </c>
      <c r="BR37" s="974">
        <f t="shared" si="31"/>
        <v>0.19608284263770115</v>
      </c>
      <c r="BS37" s="974">
        <f t="shared" si="31"/>
        <v>5.9242050328837365E-2</v>
      </c>
      <c r="BT37" s="974">
        <f t="shared" si="31"/>
        <v>8.2605112430350694E-2</v>
      </c>
      <c r="BU37" s="974">
        <f t="shared" si="31"/>
        <v>1.0012740900648569E-2</v>
      </c>
      <c r="BV37" s="974">
        <f t="shared" si="31"/>
        <v>4.9563067458210418E-3</v>
      </c>
      <c r="BW37" s="974">
        <f t="shared" si="31"/>
        <v>1.1059270316818054E-3</v>
      </c>
      <c r="BX37" s="974">
        <f t="shared" si="31"/>
        <v>4.8189662088682951E-3</v>
      </c>
      <c r="BY37" s="974">
        <f t="shared" si="31"/>
        <v>1.6619164149360249E-2</v>
      </c>
      <c r="BZ37" s="974">
        <f t="shared" si="31"/>
        <v>4.1477900107759168E-3</v>
      </c>
      <c r="CA37" s="974">
        <f t="shared" si="31"/>
        <v>6.2943243161760597E-3</v>
      </c>
      <c r="CB37" s="973">
        <f t="shared" si="5"/>
        <v>1</v>
      </c>
    </row>
    <row r="38" spans="3:80" ht="114.75" x14ac:dyDescent="0.25">
      <c r="C38" s="597" t="s">
        <v>66</v>
      </c>
      <c r="D38" s="597" t="s">
        <v>66</v>
      </c>
      <c r="E38" s="597" t="s">
        <v>66</v>
      </c>
      <c r="F38" s="597"/>
      <c r="G38" s="597"/>
      <c r="H38" s="579" t="s">
        <v>1646</v>
      </c>
      <c r="I38" s="499" t="s">
        <v>1647</v>
      </c>
      <c r="J38" s="499" t="s">
        <v>908</v>
      </c>
      <c r="K38" s="499">
        <v>51.756453280000002</v>
      </c>
      <c r="L38" s="499">
        <v>-0.42096693600000001</v>
      </c>
      <c r="M38" s="499" t="s">
        <v>1522</v>
      </c>
      <c r="N38" s="499" t="s">
        <v>1523</v>
      </c>
      <c r="O38" s="499">
        <v>3</v>
      </c>
      <c r="P38" s="499" t="s">
        <v>900</v>
      </c>
      <c r="Q38" s="499" t="s">
        <v>1490</v>
      </c>
      <c r="R38" s="499" t="s">
        <v>1491</v>
      </c>
      <c r="S38" s="499" t="s">
        <v>1492</v>
      </c>
      <c r="T38" s="499" t="s">
        <v>1649</v>
      </c>
      <c r="U38" s="499" t="s">
        <v>1504</v>
      </c>
      <c r="V38" s="946" t="str">
        <f>_xlfn.XLOOKUP(H38, [5]GIS!D:D, [5]GIS!E:E, "Not mapped")</f>
        <v>Single - Scenario 1</v>
      </c>
      <c r="W38" s="773" t="s">
        <v>1546</v>
      </c>
      <c r="X38" s="987" t="s">
        <v>2618</v>
      </c>
      <c r="Y38" s="987" t="s">
        <v>1526</v>
      </c>
      <c r="Z38" s="949">
        <v>16</v>
      </c>
      <c r="AA38" s="949">
        <v>19</v>
      </c>
      <c r="AB38" s="949">
        <v>13</v>
      </c>
      <c r="AC38" s="949">
        <v>20</v>
      </c>
      <c r="AD38" s="949">
        <v>14</v>
      </c>
      <c r="AE38" s="950">
        <v>34</v>
      </c>
      <c r="AF38" s="950">
        <v>37</v>
      </c>
      <c r="AG38" s="950">
        <v>51</v>
      </c>
      <c r="AH38" s="950">
        <v>288</v>
      </c>
      <c r="AI38" s="950">
        <v>211</v>
      </c>
      <c r="AJ38" s="950">
        <v>235</v>
      </c>
      <c r="AK38" s="950">
        <v>71</v>
      </c>
      <c r="AL38" s="950">
        <v>94</v>
      </c>
      <c r="AM38" s="950">
        <v>12</v>
      </c>
      <c r="AN38" s="951">
        <f>AT38*[5]TripRateCalculations!O$4</f>
        <v>5.94</v>
      </c>
      <c r="AO38" s="951">
        <f>AU38*[5]TripRateCalculations!P$4</f>
        <v>1.3254237288135595</v>
      </c>
      <c r="AP38" s="951">
        <f>AV38*[5]TripRateCalculations!Q$4</f>
        <v>5.7754010695187166</v>
      </c>
      <c r="AQ38" s="951">
        <f>AW38*[5]TripRateCalculations!R$4</f>
        <v>19.917620137299771</v>
      </c>
      <c r="AR38" s="951">
        <f>AX38*[5]TripRateCalculations!S$4</f>
        <v>4.9710144927536231</v>
      </c>
      <c r="AS38" s="951">
        <f>AY38*[5]TripRateCalculations!T$4</f>
        <v>7.5435779816513762</v>
      </c>
      <c r="AT38" s="950">
        <v>27</v>
      </c>
      <c r="AU38" s="950">
        <v>17</v>
      </c>
      <c r="AV38" s="950">
        <v>20</v>
      </c>
      <c r="AW38" s="950">
        <v>136</v>
      </c>
      <c r="AX38" s="950">
        <v>49</v>
      </c>
      <c r="AY38" s="950">
        <v>299</v>
      </c>
      <c r="AZ38" s="905" t="s">
        <v>1642</v>
      </c>
      <c r="BA38" s="1275" t="s">
        <v>834</v>
      </c>
      <c r="BB38" s="953" t="s">
        <v>869</v>
      </c>
      <c r="BC38" s="980">
        <f>ROUND((VLOOKUP(H38,'[5]Cost Summary'!A:H,8,)),0.1)</f>
        <v>15820406</v>
      </c>
      <c r="BD38" s="499">
        <v>1</v>
      </c>
      <c r="BE38" s="499">
        <v>8</v>
      </c>
      <c r="BF38" s="954" t="s">
        <v>1584</v>
      </c>
      <c r="BG38" s="1261">
        <v>22000000</v>
      </c>
      <c r="BH38" s="977">
        <f t="shared" si="30"/>
        <v>1.3787481039377757E-2</v>
      </c>
      <c r="BI38" s="974">
        <f t="shared" si="30"/>
        <v>1.6372633734261087E-2</v>
      </c>
      <c r="BJ38" s="974">
        <f t="shared" si="30"/>
        <v>1.1202328344494427E-2</v>
      </c>
      <c r="BK38" s="974">
        <f t="shared" si="30"/>
        <v>1.7234351299222198E-2</v>
      </c>
      <c r="BL38" s="974">
        <f t="shared" si="30"/>
        <v>1.2064045909455538E-2</v>
      </c>
      <c r="BM38" s="974">
        <f t="shared" si="30"/>
        <v>2.9298397208677735E-2</v>
      </c>
      <c r="BN38" s="974">
        <f t="shared" si="30"/>
        <v>3.1883549903561063E-2</v>
      </c>
      <c r="BO38" s="974">
        <f t="shared" si="30"/>
        <v>4.3947595813016598E-2</v>
      </c>
      <c r="BP38" s="974">
        <f t="shared" si="30"/>
        <v>0.24817465870879962</v>
      </c>
      <c r="BQ38" s="974">
        <f t="shared" si="30"/>
        <v>0.18182240620679418</v>
      </c>
      <c r="BR38" s="974">
        <f t="shared" si="31"/>
        <v>0.20250362776586081</v>
      </c>
      <c r="BS38" s="974">
        <f t="shared" si="31"/>
        <v>6.1181947112238795E-2</v>
      </c>
      <c r="BT38" s="974">
        <f t="shared" si="31"/>
        <v>8.1001451106344324E-2</v>
      </c>
      <c r="BU38" s="974">
        <f t="shared" si="31"/>
        <v>1.0340610779533318E-2</v>
      </c>
      <c r="BV38" s="974">
        <f t="shared" si="31"/>
        <v>5.1186023358689922E-3</v>
      </c>
      <c r="BW38" s="974">
        <f t="shared" si="31"/>
        <v>1.1421409081348948E-3</v>
      </c>
      <c r="BX38" s="974">
        <f t="shared" si="31"/>
        <v>4.9767645462994578E-3</v>
      </c>
      <c r="BY38" s="974">
        <f t="shared" si="31"/>
        <v>1.7163363124534325E-2</v>
      </c>
      <c r="BZ38" s="974">
        <f t="shared" si="31"/>
        <v>4.2836105040820385E-3</v>
      </c>
      <c r="CA38" s="974">
        <f t="shared" si="31"/>
        <v>6.5004336494428674E-3</v>
      </c>
      <c r="CB38" s="973">
        <f t="shared" si="5"/>
        <v>1</v>
      </c>
    </row>
    <row r="39" spans="3:80" ht="43.5" hidden="1" x14ac:dyDescent="0.25">
      <c r="C39" s="597"/>
      <c r="D39" s="597"/>
      <c r="E39" s="597"/>
      <c r="F39" s="597"/>
      <c r="G39" s="597" t="s">
        <v>66</v>
      </c>
      <c r="H39" s="499" t="s">
        <v>1650</v>
      </c>
      <c r="I39" s="499" t="s">
        <v>1651</v>
      </c>
      <c r="J39" s="499" t="s">
        <v>1652</v>
      </c>
      <c r="K39" s="499">
        <v>51.772489681769898</v>
      </c>
      <c r="L39" s="499">
        <v>-0.47009970057594203</v>
      </c>
      <c r="M39" s="499" t="s">
        <v>1560</v>
      </c>
      <c r="N39" s="499" t="s">
        <v>1523</v>
      </c>
      <c r="O39" s="499">
        <v>3</v>
      </c>
      <c r="P39" s="499" t="s">
        <v>870</v>
      </c>
      <c r="Q39" s="499" t="s">
        <v>1490</v>
      </c>
      <c r="R39" s="499" t="s">
        <v>1491</v>
      </c>
      <c r="S39" s="499" t="s">
        <v>1492</v>
      </c>
      <c r="T39" s="499" t="s">
        <v>1561</v>
      </c>
      <c r="U39" s="499"/>
      <c r="V39" s="946" t="str">
        <f>_xlfn.XLOOKUP(H39, [5]GIS!D:D, [5]GIS!E:E, "Not mapped")</f>
        <v>Not mapped</v>
      </c>
      <c r="W39" s="499" t="s">
        <v>1562</v>
      </c>
      <c r="X39" s="986" t="s">
        <v>1653</v>
      </c>
      <c r="Y39" s="986" t="s">
        <v>1654</v>
      </c>
      <c r="Z39" s="1259" t="s">
        <v>1498</v>
      </c>
      <c r="AA39" s="1259" t="s">
        <v>1498</v>
      </c>
      <c r="AB39" s="1259" t="s">
        <v>1498</v>
      </c>
      <c r="AC39" s="1259" t="s">
        <v>1498</v>
      </c>
      <c r="AD39" s="1259" t="s">
        <v>1498</v>
      </c>
      <c r="AE39" s="1259" t="s">
        <v>1498</v>
      </c>
      <c r="AF39" s="1259" t="s">
        <v>1498</v>
      </c>
      <c r="AG39" s="1259" t="s">
        <v>1498</v>
      </c>
      <c r="AH39" s="1259" t="s">
        <v>1498</v>
      </c>
      <c r="AI39" s="1259" t="s">
        <v>1498</v>
      </c>
      <c r="AJ39" s="1259" t="s">
        <v>1498</v>
      </c>
      <c r="AK39" s="1259" t="s">
        <v>1498</v>
      </c>
      <c r="AL39" s="1259" t="s">
        <v>1498</v>
      </c>
      <c r="AM39" s="1259" t="s">
        <v>1498</v>
      </c>
      <c r="AN39" s="1259" t="s">
        <v>1498</v>
      </c>
      <c r="AO39" s="1259" t="s">
        <v>1498</v>
      </c>
      <c r="AP39" s="1259" t="s">
        <v>1498</v>
      </c>
      <c r="AQ39" s="1259" t="s">
        <v>1498</v>
      </c>
      <c r="AR39" s="1259" t="s">
        <v>1498</v>
      </c>
      <c r="AS39" s="1259" t="s">
        <v>1498</v>
      </c>
      <c r="AT39" s="1259" t="s">
        <v>1498</v>
      </c>
      <c r="AU39" s="1259" t="s">
        <v>1498</v>
      </c>
      <c r="AV39" s="1259" t="s">
        <v>1498</v>
      </c>
      <c r="AW39" s="1259" t="s">
        <v>1498</v>
      </c>
      <c r="AX39" s="1259" t="s">
        <v>1498</v>
      </c>
      <c r="AY39" s="1259" t="s">
        <v>1498</v>
      </c>
      <c r="AZ39" s="905"/>
      <c r="BA39" s="499" t="s">
        <v>1565</v>
      </c>
      <c r="BB39" s="953" t="s">
        <v>53</v>
      </c>
      <c r="BC39" s="982">
        <f>ROUND((VLOOKUP(H39,'[5]Cost Summary'!A:H,8,)),0.1)</f>
        <v>109695</v>
      </c>
      <c r="BD39" s="966"/>
      <c r="BE39" s="966"/>
      <c r="BF39" s="967" t="s">
        <v>1527</v>
      </c>
      <c r="BG39" s="1261" t="s">
        <v>1528</v>
      </c>
      <c r="BH39" s="976" t="e">
        <f t="shared" ref="BH39:BH53" si="32">Z39/(SUM($Z39:$AY39))</f>
        <v>#VALUE!</v>
      </c>
      <c r="BI39" s="972" t="e">
        <f t="shared" ref="BI39:BI53" si="33">AA39/(SUM($Z39:$AY39))</f>
        <v>#VALUE!</v>
      </c>
      <c r="BJ39" s="972" t="e">
        <f t="shared" ref="BJ39:BJ53" si="34">AB39/(SUM($Z39:$AY39))</f>
        <v>#VALUE!</v>
      </c>
      <c r="BK39" s="972" t="e">
        <f t="shared" ref="BK39:BK53" si="35">AC39/(SUM($Z39:$AY39))</f>
        <v>#VALUE!</v>
      </c>
      <c r="BL39" s="972" t="e">
        <f t="shared" ref="BL39:BL53" si="36">AD39/(SUM($Z39:$AY39))</f>
        <v>#VALUE!</v>
      </c>
      <c r="BM39" s="972" t="e">
        <f t="shared" ref="BM39:BM53" si="37">AE39/(SUM($Z39:$AY39))</f>
        <v>#VALUE!</v>
      </c>
      <c r="BN39" s="972" t="e">
        <f t="shared" ref="BN39:BN53" si="38">AF39/(SUM($Z39:$AY39))</f>
        <v>#VALUE!</v>
      </c>
      <c r="BO39" s="972" t="e">
        <f t="shared" ref="BO39:BO53" si="39">AG39/(SUM($Z39:$AY39))</f>
        <v>#VALUE!</v>
      </c>
      <c r="BP39" s="972" t="e">
        <f t="shared" ref="BP39:BP53" si="40">AH39/(SUM($Z39:$AY39))</f>
        <v>#VALUE!</v>
      </c>
      <c r="BQ39" s="972" t="e">
        <f t="shared" ref="BQ39:BQ53" si="41">AI39/(SUM($Z39:$AY39))</f>
        <v>#VALUE!</v>
      </c>
      <c r="BR39" s="972" t="e">
        <f t="shared" ref="BR39:BR53" si="42">AJ39/(SUM($Z39:$AY39))</f>
        <v>#VALUE!</v>
      </c>
      <c r="BS39" s="972" t="e">
        <f t="shared" ref="BS39:BS53" si="43">AK39/(SUM($Z39:$AY39))</f>
        <v>#VALUE!</v>
      </c>
      <c r="BT39" s="972" t="e">
        <f t="shared" ref="BT39:BT53" si="44">AL39/(SUM($Z39:$AY39))</f>
        <v>#VALUE!</v>
      </c>
      <c r="BU39" s="972" t="e">
        <f t="shared" ref="BU39:BU53" si="45">AM39/(SUM($Z39:$AY39))</f>
        <v>#VALUE!</v>
      </c>
      <c r="BV39" s="972" t="e">
        <f t="shared" ref="BV39:BV53" si="46">AM39/(SUM($Z39:$AY39))</f>
        <v>#VALUE!</v>
      </c>
      <c r="BW39" s="972" t="e">
        <f t="shared" ref="BW39:BW53" si="47">AN39/(SUM($Z39:$AY39))</f>
        <v>#VALUE!</v>
      </c>
      <c r="BX39" s="972" t="e">
        <f t="shared" ref="BX39:BX53" si="48">AO39/(SUM($Z39:$AY39))</f>
        <v>#VALUE!</v>
      </c>
      <c r="BY39" s="972" t="e">
        <f t="shared" ref="BY39:BY53" si="49">AP39/(SUM($Z39:$AY39))</f>
        <v>#VALUE!</v>
      </c>
      <c r="BZ39" s="972" t="e">
        <f t="shared" ref="BZ39:BZ53" si="50">AQ39/(SUM($Z39:$AY39))</f>
        <v>#VALUE!</v>
      </c>
      <c r="CA39" s="972" t="e">
        <f t="shared" ref="CA39:CA53" si="51">AR39/(SUM($Z39:$AY39))</f>
        <v>#VALUE!</v>
      </c>
      <c r="CB39" s="973" t="e">
        <f t="shared" si="5"/>
        <v>#VALUE!</v>
      </c>
    </row>
    <row r="40" spans="3:80" ht="100.5" hidden="1" x14ac:dyDescent="0.25">
      <c r="C40" s="597"/>
      <c r="D40" s="597"/>
      <c r="E40" s="597"/>
      <c r="F40" s="597"/>
      <c r="G40" s="597" t="s">
        <v>66</v>
      </c>
      <c r="H40" s="499" t="s">
        <v>1655</v>
      </c>
      <c r="I40" s="499" t="s">
        <v>1656</v>
      </c>
      <c r="J40" s="499" t="s">
        <v>1657</v>
      </c>
      <c r="K40" s="499">
        <v>51.776728566992503</v>
      </c>
      <c r="L40" s="499">
        <v>-0.43172940377076502</v>
      </c>
      <c r="M40" s="499" t="s">
        <v>1522</v>
      </c>
      <c r="N40" s="499" t="s">
        <v>1489</v>
      </c>
      <c r="O40" s="499">
        <v>2</v>
      </c>
      <c r="P40" s="499" t="s">
        <v>932</v>
      </c>
      <c r="Q40" s="499" t="s">
        <v>1490</v>
      </c>
      <c r="R40" s="499" t="s">
        <v>1491</v>
      </c>
      <c r="S40" s="499" t="s">
        <v>1492</v>
      </c>
      <c r="T40" s="499" t="s">
        <v>1493</v>
      </c>
      <c r="U40" s="499">
        <v>14</v>
      </c>
      <c r="V40" s="946" t="str">
        <f>_xlfn.XLOOKUP(H40, [5]GIS!D:D, [5]GIS!E:E, "Not mapped")</f>
        <v>Single - Scenario 2</v>
      </c>
      <c r="W40" s="1262" t="s">
        <v>1658</v>
      </c>
      <c r="X40" s="1276" t="s">
        <v>1653</v>
      </c>
      <c r="Y40" s="986" t="s">
        <v>1659</v>
      </c>
      <c r="Z40" s="1259" t="s">
        <v>1498</v>
      </c>
      <c r="AA40" s="1259" t="s">
        <v>1498</v>
      </c>
      <c r="AB40" s="1259" t="s">
        <v>1498</v>
      </c>
      <c r="AC40" s="1259" t="s">
        <v>1498</v>
      </c>
      <c r="AD40" s="1259" t="s">
        <v>1498</v>
      </c>
      <c r="AE40" s="1259" t="s">
        <v>1498</v>
      </c>
      <c r="AF40" s="1259" t="s">
        <v>1498</v>
      </c>
      <c r="AG40" s="1259" t="s">
        <v>1498</v>
      </c>
      <c r="AH40" s="1259" t="s">
        <v>1498</v>
      </c>
      <c r="AI40" s="1259" t="s">
        <v>1498</v>
      </c>
      <c r="AJ40" s="1259" t="s">
        <v>1498</v>
      </c>
      <c r="AK40" s="1259" t="s">
        <v>1498</v>
      </c>
      <c r="AL40" s="1259" t="s">
        <v>1498</v>
      </c>
      <c r="AM40" s="1259" t="s">
        <v>1498</v>
      </c>
      <c r="AN40" s="1259" t="s">
        <v>1498</v>
      </c>
      <c r="AO40" s="1259" t="s">
        <v>1498</v>
      </c>
      <c r="AP40" s="1259" t="s">
        <v>1498</v>
      </c>
      <c r="AQ40" s="1259" t="s">
        <v>1498</v>
      </c>
      <c r="AR40" s="1259" t="s">
        <v>1498</v>
      </c>
      <c r="AS40" s="1259" t="s">
        <v>1498</v>
      </c>
      <c r="AT40" s="1259" t="s">
        <v>1498</v>
      </c>
      <c r="AU40" s="1259" t="s">
        <v>1498</v>
      </c>
      <c r="AV40" s="1259" t="s">
        <v>1498</v>
      </c>
      <c r="AW40" s="1259" t="s">
        <v>1498</v>
      </c>
      <c r="AX40" s="1259" t="s">
        <v>1498</v>
      </c>
      <c r="AY40" s="1259" t="s">
        <v>1498</v>
      </c>
      <c r="AZ40" s="905"/>
      <c r="BA40" s="499" t="s">
        <v>834</v>
      </c>
      <c r="BB40" s="953" t="s">
        <v>53</v>
      </c>
      <c r="BC40" s="982">
        <f>ROUND((VLOOKUP(H40,'[5]Cost Summary'!A:H,8,)),0.1)</f>
        <v>622119</v>
      </c>
      <c r="BD40" s="966"/>
      <c r="BE40" s="966"/>
      <c r="BF40" s="967" t="s">
        <v>1527</v>
      </c>
      <c r="BG40" s="1261" t="s">
        <v>1528</v>
      </c>
      <c r="BH40" s="976" t="e">
        <f t="shared" si="32"/>
        <v>#VALUE!</v>
      </c>
      <c r="BI40" s="972" t="e">
        <f t="shared" si="33"/>
        <v>#VALUE!</v>
      </c>
      <c r="BJ40" s="972" t="e">
        <f t="shared" si="34"/>
        <v>#VALUE!</v>
      </c>
      <c r="BK40" s="972" t="e">
        <f t="shared" si="35"/>
        <v>#VALUE!</v>
      </c>
      <c r="BL40" s="972" t="e">
        <f t="shared" si="36"/>
        <v>#VALUE!</v>
      </c>
      <c r="BM40" s="972" t="e">
        <f t="shared" si="37"/>
        <v>#VALUE!</v>
      </c>
      <c r="BN40" s="972" t="e">
        <f t="shared" si="38"/>
        <v>#VALUE!</v>
      </c>
      <c r="BO40" s="972" t="e">
        <f t="shared" si="39"/>
        <v>#VALUE!</v>
      </c>
      <c r="BP40" s="972" t="e">
        <f t="shared" si="40"/>
        <v>#VALUE!</v>
      </c>
      <c r="BQ40" s="972" t="e">
        <f t="shared" si="41"/>
        <v>#VALUE!</v>
      </c>
      <c r="BR40" s="972" t="e">
        <f t="shared" si="42"/>
        <v>#VALUE!</v>
      </c>
      <c r="BS40" s="972" t="e">
        <f t="shared" si="43"/>
        <v>#VALUE!</v>
      </c>
      <c r="BT40" s="972" t="e">
        <f t="shared" si="44"/>
        <v>#VALUE!</v>
      </c>
      <c r="BU40" s="972" t="e">
        <f t="shared" si="45"/>
        <v>#VALUE!</v>
      </c>
      <c r="BV40" s="972" t="e">
        <f t="shared" si="46"/>
        <v>#VALUE!</v>
      </c>
      <c r="BW40" s="972" t="e">
        <f t="shared" si="47"/>
        <v>#VALUE!</v>
      </c>
      <c r="BX40" s="972" t="e">
        <f t="shared" si="48"/>
        <v>#VALUE!</v>
      </c>
      <c r="BY40" s="972" t="e">
        <f t="shared" si="49"/>
        <v>#VALUE!</v>
      </c>
      <c r="BZ40" s="972" t="e">
        <f t="shared" si="50"/>
        <v>#VALUE!</v>
      </c>
      <c r="CA40" s="972" t="e">
        <f t="shared" si="51"/>
        <v>#VALUE!</v>
      </c>
      <c r="CB40" s="973" t="e">
        <f t="shared" si="5"/>
        <v>#VALUE!</v>
      </c>
    </row>
    <row r="41" spans="3:80" ht="100.5" hidden="1" x14ac:dyDescent="0.25">
      <c r="C41" s="597"/>
      <c r="D41" s="597"/>
      <c r="E41" s="597"/>
      <c r="F41" s="597"/>
      <c r="G41" s="597"/>
      <c r="H41" s="499" t="s">
        <v>1660</v>
      </c>
      <c r="I41" s="499" t="s">
        <v>893</v>
      </c>
      <c r="J41" s="499" t="s">
        <v>1661</v>
      </c>
      <c r="K41" s="499">
        <v>51.727675429999998</v>
      </c>
      <c r="L41" s="499">
        <v>-0.45911531300000002</v>
      </c>
      <c r="M41" s="499" t="s">
        <v>1590</v>
      </c>
      <c r="N41" s="499" t="s">
        <v>1489</v>
      </c>
      <c r="O41" s="499">
        <v>2</v>
      </c>
      <c r="P41" s="499" t="s">
        <v>830</v>
      </c>
      <c r="Q41" s="499" t="s">
        <v>1490</v>
      </c>
      <c r="R41" s="499" t="s">
        <v>1491</v>
      </c>
      <c r="S41" s="499" t="s">
        <v>1492</v>
      </c>
      <c r="T41" s="499" t="s">
        <v>1561</v>
      </c>
      <c r="U41" s="499" t="s">
        <v>1662</v>
      </c>
      <c r="V41" s="946" t="str">
        <f>_xlfn.XLOOKUP(H41, [5]GIS!D:D, [5]GIS!E:E, "Not mapped")</f>
        <v>Single - Scenario 1</v>
      </c>
      <c r="W41" s="499" t="s">
        <v>1546</v>
      </c>
      <c r="X41" s="952" t="s">
        <v>1563</v>
      </c>
      <c r="Y41" s="952" t="s">
        <v>26</v>
      </c>
      <c r="Z41" s="1259" t="s">
        <v>1498</v>
      </c>
      <c r="AA41" s="1259" t="s">
        <v>1498</v>
      </c>
      <c r="AB41" s="1259" t="s">
        <v>1498</v>
      </c>
      <c r="AC41" s="1259" t="s">
        <v>1498</v>
      </c>
      <c r="AD41" s="1259" t="s">
        <v>1498</v>
      </c>
      <c r="AE41" s="1259" t="s">
        <v>1498</v>
      </c>
      <c r="AF41" s="1259" t="s">
        <v>1498</v>
      </c>
      <c r="AG41" s="1259" t="s">
        <v>1498</v>
      </c>
      <c r="AH41" s="1259" t="s">
        <v>1498</v>
      </c>
      <c r="AI41" s="1259" t="s">
        <v>1498</v>
      </c>
      <c r="AJ41" s="1259" t="s">
        <v>1498</v>
      </c>
      <c r="AK41" s="1259" t="s">
        <v>1498</v>
      </c>
      <c r="AL41" s="1259" t="s">
        <v>1498</v>
      </c>
      <c r="AM41" s="1259" t="s">
        <v>1498</v>
      </c>
      <c r="AN41" s="1259" t="s">
        <v>1498</v>
      </c>
      <c r="AO41" s="1259" t="s">
        <v>1498</v>
      </c>
      <c r="AP41" s="1259" t="s">
        <v>1498</v>
      </c>
      <c r="AQ41" s="1259" t="s">
        <v>1498</v>
      </c>
      <c r="AR41" s="1259" t="s">
        <v>1498</v>
      </c>
      <c r="AS41" s="1259" t="s">
        <v>1498</v>
      </c>
      <c r="AT41" s="1259" t="s">
        <v>1498</v>
      </c>
      <c r="AU41" s="1259" t="s">
        <v>1498</v>
      </c>
      <c r="AV41" s="1259" t="s">
        <v>1498</v>
      </c>
      <c r="AW41" s="1259" t="s">
        <v>1498</v>
      </c>
      <c r="AX41" s="1259" t="s">
        <v>1498</v>
      </c>
      <c r="AY41" s="1259" t="s">
        <v>1498</v>
      </c>
      <c r="AZ41" s="905" t="s">
        <v>1663</v>
      </c>
      <c r="BA41" s="499" t="s">
        <v>834</v>
      </c>
      <c r="BB41" s="953" t="s">
        <v>53</v>
      </c>
      <c r="BC41" s="979">
        <v>370629.19</v>
      </c>
      <c r="BD41" s="948">
        <v>0</v>
      </c>
      <c r="BE41" s="948" t="s">
        <v>1500</v>
      </c>
      <c r="BF41" s="1260" t="s">
        <v>1501</v>
      </c>
      <c r="BG41" s="1261">
        <v>370629.19</v>
      </c>
      <c r="BH41" s="976" t="e">
        <f t="shared" si="32"/>
        <v>#VALUE!</v>
      </c>
      <c r="BI41" s="972" t="e">
        <f t="shared" si="33"/>
        <v>#VALUE!</v>
      </c>
      <c r="BJ41" s="972" t="e">
        <f t="shared" si="34"/>
        <v>#VALUE!</v>
      </c>
      <c r="BK41" s="972" t="e">
        <f t="shared" si="35"/>
        <v>#VALUE!</v>
      </c>
      <c r="BL41" s="972" t="e">
        <f t="shared" si="36"/>
        <v>#VALUE!</v>
      </c>
      <c r="BM41" s="972" t="e">
        <f t="shared" si="37"/>
        <v>#VALUE!</v>
      </c>
      <c r="BN41" s="972" t="e">
        <f t="shared" si="38"/>
        <v>#VALUE!</v>
      </c>
      <c r="BO41" s="972" t="e">
        <f t="shared" si="39"/>
        <v>#VALUE!</v>
      </c>
      <c r="BP41" s="972" t="e">
        <f t="shared" si="40"/>
        <v>#VALUE!</v>
      </c>
      <c r="BQ41" s="972" t="e">
        <f t="shared" si="41"/>
        <v>#VALUE!</v>
      </c>
      <c r="BR41" s="972" t="e">
        <f t="shared" si="42"/>
        <v>#VALUE!</v>
      </c>
      <c r="BS41" s="972" t="e">
        <f t="shared" si="43"/>
        <v>#VALUE!</v>
      </c>
      <c r="BT41" s="972" t="e">
        <f t="shared" si="44"/>
        <v>#VALUE!</v>
      </c>
      <c r="BU41" s="972" t="e">
        <f t="shared" si="45"/>
        <v>#VALUE!</v>
      </c>
      <c r="BV41" s="972" t="e">
        <f t="shared" si="46"/>
        <v>#VALUE!</v>
      </c>
      <c r="BW41" s="972" t="e">
        <f t="shared" si="47"/>
        <v>#VALUE!</v>
      </c>
      <c r="BX41" s="972" t="e">
        <f t="shared" si="48"/>
        <v>#VALUE!</v>
      </c>
      <c r="BY41" s="972" t="e">
        <f t="shared" si="49"/>
        <v>#VALUE!</v>
      </c>
      <c r="BZ41" s="972" t="e">
        <f t="shared" si="50"/>
        <v>#VALUE!</v>
      </c>
      <c r="CA41" s="972" t="e">
        <f t="shared" si="51"/>
        <v>#VALUE!</v>
      </c>
      <c r="CB41" s="973" t="e">
        <f t="shared" si="5"/>
        <v>#VALUE!</v>
      </c>
    </row>
    <row r="42" spans="3:80" ht="86.25" hidden="1" x14ac:dyDescent="0.25">
      <c r="C42" s="597"/>
      <c r="D42" s="597"/>
      <c r="E42" s="597"/>
      <c r="F42" s="597"/>
      <c r="G42" s="597" t="s">
        <v>66</v>
      </c>
      <c r="H42" s="499" t="s">
        <v>1664</v>
      </c>
      <c r="I42" s="499" t="s">
        <v>1665</v>
      </c>
      <c r="J42" s="499" t="s">
        <v>1666</v>
      </c>
      <c r="K42" s="499">
        <v>51.743551370660697</v>
      </c>
      <c r="L42" s="499">
        <v>-0.41583057901873899</v>
      </c>
      <c r="M42" s="499" t="s">
        <v>1522</v>
      </c>
      <c r="N42" s="499" t="s">
        <v>1523</v>
      </c>
      <c r="O42" s="499">
        <v>2</v>
      </c>
      <c r="P42" s="499" t="s">
        <v>870</v>
      </c>
      <c r="Q42" s="499" t="s">
        <v>1616</v>
      </c>
      <c r="R42" s="499" t="s">
        <v>1491</v>
      </c>
      <c r="S42" s="499" t="s">
        <v>1492</v>
      </c>
      <c r="T42" s="499" t="s">
        <v>1493</v>
      </c>
      <c r="U42" s="499"/>
      <c r="V42" s="946" t="str">
        <f>_xlfn.XLOOKUP(H42, [5]GIS!D:D, [5]GIS!E:E, "Not mapped")</f>
        <v>Single - Scenario 2</v>
      </c>
      <c r="W42" s="499" t="s">
        <v>1515</v>
      </c>
      <c r="X42" s="956" t="s">
        <v>1667</v>
      </c>
      <c r="Y42" s="956" t="s">
        <v>1603</v>
      </c>
      <c r="Z42" s="1259" t="s">
        <v>1498</v>
      </c>
      <c r="AA42" s="1259" t="s">
        <v>1498</v>
      </c>
      <c r="AB42" s="1259" t="s">
        <v>1498</v>
      </c>
      <c r="AC42" s="1259" t="s">
        <v>1498</v>
      </c>
      <c r="AD42" s="1259" t="s">
        <v>1498</v>
      </c>
      <c r="AE42" s="1259" t="s">
        <v>1498</v>
      </c>
      <c r="AF42" s="1259" t="s">
        <v>1498</v>
      </c>
      <c r="AG42" s="1259" t="s">
        <v>1498</v>
      </c>
      <c r="AH42" s="1259" t="s">
        <v>1498</v>
      </c>
      <c r="AI42" s="1259" t="s">
        <v>1498</v>
      </c>
      <c r="AJ42" s="1259" t="s">
        <v>1498</v>
      </c>
      <c r="AK42" s="1259" t="s">
        <v>1498</v>
      </c>
      <c r="AL42" s="1259" t="s">
        <v>1498</v>
      </c>
      <c r="AM42" s="1259" t="s">
        <v>1498</v>
      </c>
      <c r="AN42" s="1259" t="s">
        <v>1498</v>
      </c>
      <c r="AO42" s="1259" t="s">
        <v>1498</v>
      </c>
      <c r="AP42" s="1259" t="s">
        <v>1498</v>
      </c>
      <c r="AQ42" s="1259" t="s">
        <v>1498</v>
      </c>
      <c r="AR42" s="1259" t="s">
        <v>1498</v>
      </c>
      <c r="AS42" s="1259" t="s">
        <v>1498</v>
      </c>
      <c r="AT42" s="1259" t="s">
        <v>1498</v>
      </c>
      <c r="AU42" s="1259" t="s">
        <v>1498</v>
      </c>
      <c r="AV42" s="1259" t="s">
        <v>1498</v>
      </c>
      <c r="AW42" s="1259" t="s">
        <v>1498</v>
      </c>
      <c r="AX42" s="1259" t="s">
        <v>1498</v>
      </c>
      <c r="AY42" s="1259" t="s">
        <v>1498</v>
      </c>
      <c r="AZ42" s="905"/>
      <c r="BA42" s="499" t="s">
        <v>868</v>
      </c>
      <c r="BB42" s="953" t="s">
        <v>53</v>
      </c>
      <c r="BC42" s="982">
        <f>ROUND((VLOOKUP(H42,'[5]Cost Summary'!A:H,8,)),0.1)</f>
        <v>126563</v>
      </c>
      <c r="BD42" s="966"/>
      <c r="BE42" s="966"/>
      <c r="BF42" s="967" t="s">
        <v>1527</v>
      </c>
      <c r="BG42" s="1261" t="s">
        <v>1528</v>
      </c>
      <c r="BH42" s="976" t="e">
        <f t="shared" si="32"/>
        <v>#VALUE!</v>
      </c>
      <c r="BI42" s="972" t="e">
        <f t="shared" si="33"/>
        <v>#VALUE!</v>
      </c>
      <c r="BJ42" s="972" t="e">
        <f t="shared" si="34"/>
        <v>#VALUE!</v>
      </c>
      <c r="BK42" s="972" t="e">
        <f t="shared" si="35"/>
        <v>#VALUE!</v>
      </c>
      <c r="BL42" s="972" t="e">
        <f t="shared" si="36"/>
        <v>#VALUE!</v>
      </c>
      <c r="BM42" s="972" t="e">
        <f t="shared" si="37"/>
        <v>#VALUE!</v>
      </c>
      <c r="BN42" s="972" t="e">
        <f t="shared" si="38"/>
        <v>#VALUE!</v>
      </c>
      <c r="BO42" s="972" t="e">
        <f t="shared" si="39"/>
        <v>#VALUE!</v>
      </c>
      <c r="BP42" s="972" t="e">
        <f t="shared" si="40"/>
        <v>#VALUE!</v>
      </c>
      <c r="BQ42" s="972" t="e">
        <f t="shared" si="41"/>
        <v>#VALUE!</v>
      </c>
      <c r="BR42" s="972" t="e">
        <f t="shared" si="42"/>
        <v>#VALUE!</v>
      </c>
      <c r="BS42" s="972" t="e">
        <f t="shared" si="43"/>
        <v>#VALUE!</v>
      </c>
      <c r="BT42" s="972" t="e">
        <f t="shared" si="44"/>
        <v>#VALUE!</v>
      </c>
      <c r="BU42" s="972" t="e">
        <f t="shared" si="45"/>
        <v>#VALUE!</v>
      </c>
      <c r="BV42" s="972" t="e">
        <f t="shared" si="46"/>
        <v>#VALUE!</v>
      </c>
      <c r="BW42" s="972" t="e">
        <f t="shared" si="47"/>
        <v>#VALUE!</v>
      </c>
      <c r="BX42" s="972" t="e">
        <f t="shared" si="48"/>
        <v>#VALUE!</v>
      </c>
      <c r="BY42" s="972" t="e">
        <f t="shared" si="49"/>
        <v>#VALUE!</v>
      </c>
      <c r="BZ42" s="972" t="e">
        <f t="shared" si="50"/>
        <v>#VALUE!</v>
      </c>
      <c r="CA42" s="972" t="e">
        <f t="shared" si="51"/>
        <v>#VALUE!</v>
      </c>
      <c r="CB42" s="973" t="e">
        <f t="shared" si="5"/>
        <v>#VALUE!</v>
      </c>
    </row>
    <row r="43" spans="3:80" ht="200.25" hidden="1" x14ac:dyDescent="0.25">
      <c r="C43" s="597"/>
      <c r="D43" s="597"/>
      <c r="E43" s="597"/>
      <c r="F43" s="597"/>
      <c r="G43" s="597" t="s">
        <v>66</v>
      </c>
      <c r="H43" s="499" t="s">
        <v>1668</v>
      </c>
      <c r="I43" s="499" t="s">
        <v>1669</v>
      </c>
      <c r="J43" s="499" t="s">
        <v>1670</v>
      </c>
      <c r="K43" s="499">
        <v>51.773087432948998</v>
      </c>
      <c r="L43" s="499">
        <v>-0.46517518143189002</v>
      </c>
      <c r="M43" s="499" t="s">
        <v>1560</v>
      </c>
      <c r="N43" s="499" t="s">
        <v>1489</v>
      </c>
      <c r="O43" s="499">
        <v>1</v>
      </c>
      <c r="P43" s="499" t="s">
        <v>932</v>
      </c>
      <c r="Q43" s="499" t="s">
        <v>1490</v>
      </c>
      <c r="R43" s="499" t="s">
        <v>1491</v>
      </c>
      <c r="S43" s="499" t="s">
        <v>1492</v>
      </c>
      <c r="T43" s="499" t="s">
        <v>1493</v>
      </c>
      <c r="U43" s="499"/>
      <c r="V43" s="946" t="str">
        <f>_xlfn.XLOOKUP(H43, [5]GIS!D:D, [5]GIS!E:E, "Not mapped")</f>
        <v>Single - Scenario 1</v>
      </c>
      <c r="W43" s="773" t="s">
        <v>1658</v>
      </c>
      <c r="X43" s="956" t="s">
        <v>1667</v>
      </c>
      <c r="Y43" s="956" t="s">
        <v>127</v>
      </c>
      <c r="Z43" s="1259" t="s">
        <v>1498</v>
      </c>
      <c r="AA43" s="1259" t="s">
        <v>1498</v>
      </c>
      <c r="AB43" s="1259" t="s">
        <v>1498</v>
      </c>
      <c r="AC43" s="1259" t="s">
        <v>1498</v>
      </c>
      <c r="AD43" s="1259" t="s">
        <v>1498</v>
      </c>
      <c r="AE43" s="1259" t="s">
        <v>1498</v>
      </c>
      <c r="AF43" s="1259" t="s">
        <v>1498</v>
      </c>
      <c r="AG43" s="1259" t="s">
        <v>1498</v>
      </c>
      <c r="AH43" s="1259" t="s">
        <v>1498</v>
      </c>
      <c r="AI43" s="1259" t="s">
        <v>1498</v>
      </c>
      <c r="AJ43" s="1259" t="s">
        <v>1498</v>
      </c>
      <c r="AK43" s="1259" t="s">
        <v>1498</v>
      </c>
      <c r="AL43" s="1259" t="s">
        <v>1498</v>
      </c>
      <c r="AM43" s="1259" t="s">
        <v>1498</v>
      </c>
      <c r="AN43" s="1259" t="s">
        <v>1498</v>
      </c>
      <c r="AO43" s="1259" t="s">
        <v>1498</v>
      </c>
      <c r="AP43" s="1259" t="s">
        <v>1498</v>
      </c>
      <c r="AQ43" s="1259" t="s">
        <v>1498</v>
      </c>
      <c r="AR43" s="1259" t="s">
        <v>1498</v>
      </c>
      <c r="AS43" s="1259" t="s">
        <v>1498</v>
      </c>
      <c r="AT43" s="1259" t="s">
        <v>1498</v>
      </c>
      <c r="AU43" s="1259" t="s">
        <v>1498</v>
      </c>
      <c r="AV43" s="1259" t="s">
        <v>1498</v>
      </c>
      <c r="AW43" s="1259" t="s">
        <v>1498</v>
      </c>
      <c r="AX43" s="1259" t="s">
        <v>1498</v>
      </c>
      <c r="AY43" s="1259" t="s">
        <v>1498</v>
      </c>
      <c r="AZ43" s="905"/>
      <c r="BA43" s="499" t="s">
        <v>722</v>
      </c>
      <c r="BB43" s="953" t="s">
        <v>53</v>
      </c>
      <c r="BC43" s="982">
        <f>ROUND((VLOOKUP(H43,'[5]Cost Summary'!A:H,8,)),0.1)</f>
        <v>134473</v>
      </c>
      <c r="BD43" s="966"/>
      <c r="BE43" s="966"/>
      <c r="BF43" s="967" t="s">
        <v>1527</v>
      </c>
      <c r="BG43" s="1261" t="s">
        <v>1528</v>
      </c>
      <c r="BH43" s="976" t="e">
        <f t="shared" si="32"/>
        <v>#VALUE!</v>
      </c>
      <c r="BI43" s="972" t="e">
        <f t="shared" si="33"/>
        <v>#VALUE!</v>
      </c>
      <c r="BJ43" s="972" t="e">
        <f t="shared" si="34"/>
        <v>#VALUE!</v>
      </c>
      <c r="BK43" s="972" t="e">
        <f t="shared" si="35"/>
        <v>#VALUE!</v>
      </c>
      <c r="BL43" s="972" t="e">
        <f t="shared" si="36"/>
        <v>#VALUE!</v>
      </c>
      <c r="BM43" s="972" t="e">
        <f t="shared" si="37"/>
        <v>#VALUE!</v>
      </c>
      <c r="BN43" s="972" t="e">
        <f t="shared" si="38"/>
        <v>#VALUE!</v>
      </c>
      <c r="BO43" s="972" t="e">
        <f t="shared" si="39"/>
        <v>#VALUE!</v>
      </c>
      <c r="BP43" s="972" t="e">
        <f t="shared" si="40"/>
        <v>#VALUE!</v>
      </c>
      <c r="BQ43" s="972" t="e">
        <f t="shared" si="41"/>
        <v>#VALUE!</v>
      </c>
      <c r="BR43" s="972" t="e">
        <f t="shared" si="42"/>
        <v>#VALUE!</v>
      </c>
      <c r="BS43" s="972" t="e">
        <f t="shared" si="43"/>
        <v>#VALUE!</v>
      </c>
      <c r="BT43" s="972" t="e">
        <f t="shared" si="44"/>
        <v>#VALUE!</v>
      </c>
      <c r="BU43" s="972" t="e">
        <f t="shared" si="45"/>
        <v>#VALUE!</v>
      </c>
      <c r="BV43" s="972" t="e">
        <f t="shared" si="46"/>
        <v>#VALUE!</v>
      </c>
      <c r="BW43" s="972" t="e">
        <f t="shared" si="47"/>
        <v>#VALUE!</v>
      </c>
      <c r="BX43" s="972" t="e">
        <f t="shared" si="48"/>
        <v>#VALUE!</v>
      </c>
      <c r="BY43" s="972" t="e">
        <f t="shared" si="49"/>
        <v>#VALUE!</v>
      </c>
      <c r="BZ43" s="972" t="e">
        <f t="shared" si="50"/>
        <v>#VALUE!</v>
      </c>
      <c r="CA43" s="972" t="e">
        <f t="shared" si="51"/>
        <v>#VALUE!</v>
      </c>
      <c r="CB43" s="973" t="e">
        <f t="shared" si="5"/>
        <v>#VALUE!</v>
      </c>
    </row>
    <row r="44" spans="3:80" ht="100.5" hidden="1" x14ac:dyDescent="0.25">
      <c r="C44" s="597"/>
      <c r="D44" s="597"/>
      <c r="E44" s="597"/>
      <c r="F44" s="597"/>
      <c r="G44" s="597"/>
      <c r="H44" s="499" t="s">
        <v>1676</v>
      </c>
      <c r="I44" s="499" t="s">
        <v>926</v>
      </c>
      <c r="J44" s="499" t="s">
        <v>927</v>
      </c>
      <c r="K44" s="499">
        <v>51.742133850000002</v>
      </c>
      <c r="L44" s="499">
        <v>-0.41906038000000001</v>
      </c>
      <c r="M44" s="499" t="s">
        <v>1674</v>
      </c>
      <c r="N44" s="499" t="s">
        <v>1489</v>
      </c>
      <c r="O44" s="499">
        <v>1</v>
      </c>
      <c r="P44" s="499" t="s">
        <v>900</v>
      </c>
      <c r="Q44" s="499" t="s">
        <v>1490</v>
      </c>
      <c r="R44" s="499" t="s">
        <v>1491</v>
      </c>
      <c r="S44" s="499" t="s">
        <v>1492</v>
      </c>
      <c r="T44" s="499" t="s">
        <v>1493</v>
      </c>
      <c r="U44" s="499" t="s">
        <v>1672</v>
      </c>
      <c r="V44" s="946" t="str">
        <f>_xlfn.XLOOKUP(H44, [5]GIS!D:D, [5]GIS!E:E, "Not mapped")</f>
        <v>Single - Scenario 2</v>
      </c>
      <c r="W44" s="499" t="s">
        <v>1508</v>
      </c>
      <c r="X44" s="1277" t="s">
        <v>1691</v>
      </c>
      <c r="Y44" s="1278" t="s">
        <v>1692</v>
      </c>
      <c r="Z44" s="1259" t="s">
        <v>1498</v>
      </c>
      <c r="AA44" s="1259" t="s">
        <v>1498</v>
      </c>
      <c r="AB44" s="1259" t="s">
        <v>1498</v>
      </c>
      <c r="AC44" s="1259" t="s">
        <v>1498</v>
      </c>
      <c r="AD44" s="1259" t="s">
        <v>1498</v>
      </c>
      <c r="AE44" s="1259" t="s">
        <v>1498</v>
      </c>
      <c r="AF44" s="1259" t="s">
        <v>1498</v>
      </c>
      <c r="AG44" s="1259" t="s">
        <v>1498</v>
      </c>
      <c r="AH44" s="1259" t="s">
        <v>1498</v>
      </c>
      <c r="AI44" s="1259" t="s">
        <v>1498</v>
      </c>
      <c r="AJ44" s="1259" t="s">
        <v>1498</v>
      </c>
      <c r="AK44" s="1259" t="s">
        <v>1498</v>
      </c>
      <c r="AL44" s="1259" t="s">
        <v>1498</v>
      </c>
      <c r="AM44" s="1259" t="s">
        <v>1498</v>
      </c>
      <c r="AN44" s="1259" t="s">
        <v>1498</v>
      </c>
      <c r="AO44" s="1259" t="s">
        <v>1498</v>
      </c>
      <c r="AP44" s="1259" t="s">
        <v>1498</v>
      </c>
      <c r="AQ44" s="1259" t="s">
        <v>1498</v>
      </c>
      <c r="AR44" s="1259" t="s">
        <v>1498</v>
      </c>
      <c r="AS44" s="1259"/>
      <c r="AT44" s="1259" t="s">
        <v>1498</v>
      </c>
      <c r="AU44" s="1259" t="s">
        <v>1498</v>
      </c>
      <c r="AV44" s="1259" t="s">
        <v>1498</v>
      </c>
      <c r="AW44" s="1259" t="s">
        <v>1498</v>
      </c>
      <c r="AX44" s="1259" t="s">
        <v>1498</v>
      </c>
      <c r="AY44" s="1259" t="s">
        <v>1498</v>
      </c>
      <c r="AZ44" s="905" t="s">
        <v>1642</v>
      </c>
      <c r="BA44" s="499" t="s">
        <v>834</v>
      </c>
      <c r="BB44" s="953" t="s">
        <v>869</v>
      </c>
      <c r="BC44" s="980">
        <f>ROUND((VLOOKUP(H44,'[5]Cost Summary'!A:H,8,)),0.1)</f>
        <v>506253</v>
      </c>
      <c r="BD44" s="499">
        <v>0</v>
      </c>
      <c r="BE44" s="499" t="s">
        <v>1500</v>
      </c>
      <c r="BF44" s="954" t="s">
        <v>1584</v>
      </c>
      <c r="BG44" s="1261">
        <v>328900</v>
      </c>
      <c r="BH44" s="976" t="e">
        <f t="shared" si="32"/>
        <v>#VALUE!</v>
      </c>
      <c r="BI44" s="972" t="e">
        <f t="shared" si="33"/>
        <v>#VALUE!</v>
      </c>
      <c r="BJ44" s="972" t="e">
        <f t="shared" si="34"/>
        <v>#VALUE!</v>
      </c>
      <c r="BK44" s="972" t="e">
        <f t="shared" si="35"/>
        <v>#VALUE!</v>
      </c>
      <c r="BL44" s="972" t="e">
        <f t="shared" si="36"/>
        <v>#VALUE!</v>
      </c>
      <c r="BM44" s="972" t="e">
        <f t="shared" si="37"/>
        <v>#VALUE!</v>
      </c>
      <c r="BN44" s="972" t="e">
        <f t="shared" si="38"/>
        <v>#VALUE!</v>
      </c>
      <c r="BO44" s="972" t="e">
        <f t="shared" si="39"/>
        <v>#VALUE!</v>
      </c>
      <c r="BP44" s="972" t="e">
        <f t="shared" si="40"/>
        <v>#VALUE!</v>
      </c>
      <c r="BQ44" s="972" t="e">
        <f t="shared" si="41"/>
        <v>#VALUE!</v>
      </c>
      <c r="BR44" s="972" t="e">
        <f t="shared" si="42"/>
        <v>#VALUE!</v>
      </c>
      <c r="BS44" s="972" t="e">
        <f t="shared" si="43"/>
        <v>#VALUE!</v>
      </c>
      <c r="BT44" s="972" t="e">
        <f t="shared" si="44"/>
        <v>#VALUE!</v>
      </c>
      <c r="BU44" s="972" t="e">
        <f t="shared" si="45"/>
        <v>#VALUE!</v>
      </c>
      <c r="BV44" s="972" t="e">
        <f t="shared" si="46"/>
        <v>#VALUE!</v>
      </c>
      <c r="BW44" s="972" t="e">
        <f t="shared" si="47"/>
        <v>#VALUE!</v>
      </c>
      <c r="BX44" s="972" t="e">
        <f t="shared" si="48"/>
        <v>#VALUE!</v>
      </c>
      <c r="BY44" s="972" t="e">
        <f t="shared" si="49"/>
        <v>#VALUE!</v>
      </c>
      <c r="BZ44" s="972" t="e">
        <f t="shared" si="50"/>
        <v>#VALUE!</v>
      </c>
      <c r="CA44" s="972" t="e">
        <f t="shared" si="51"/>
        <v>#VALUE!</v>
      </c>
      <c r="CB44" s="973" t="e">
        <f t="shared" si="5"/>
        <v>#VALUE!</v>
      </c>
    </row>
    <row r="45" spans="3:80" ht="143.25" hidden="1" x14ac:dyDescent="0.25">
      <c r="C45" s="597"/>
      <c r="D45" s="597"/>
      <c r="E45" s="597"/>
      <c r="F45" s="597"/>
      <c r="G45" s="597"/>
      <c r="H45" s="499" t="s">
        <v>1671</v>
      </c>
      <c r="I45" s="499" t="s">
        <v>922</v>
      </c>
      <c r="J45" s="499" t="s">
        <v>923</v>
      </c>
      <c r="K45" s="499">
        <v>51.754334069999999</v>
      </c>
      <c r="L45" s="499">
        <v>-0.42429657599999998</v>
      </c>
      <c r="M45" s="499" t="s">
        <v>1560</v>
      </c>
      <c r="N45" s="499" t="s">
        <v>1489</v>
      </c>
      <c r="O45" s="499">
        <v>1</v>
      </c>
      <c r="P45" s="499" t="s">
        <v>900</v>
      </c>
      <c r="Q45" s="499" t="s">
        <v>1490</v>
      </c>
      <c r="R45" s="499" t="s">
        <v>1491</v>
      </c>
      <c r="S45" s="499" t="s">
        <v>1492</v>
      </c>
      <c r="T45" s="499" t="s">
        <v>1493</v>
      </c>
      <c r="U45" s="499" t="s">
        <v>1672</v>
      </c>
      <c r="V45" s="946" t="str">
        <f>_xlfn.XLOOKUP(H45, [5]GIS!D:D, [5]GIS!E:E, "Not mapped")</f>
        <v>Single - Scenario 2</v>
      </c>
      <c r="W45" s="499" t="s">
        <v>1542</v>
      </c>
      <c r="X45" s="956" t="s">
        <v>1667</v>
      </c>
      <c r="Y45" s="956" t="s">
        <v>1603</v>
      </c>
      <c r="Z45" s="1259" t="s">
        <v>1498</v>
      </c>
      <c r="AA45" s="1259" t="s">
        <v>1498</v>
      </c>
      <c r="AB45" s="1259" t="s">
        <v>1498</v>
      </c>
      <c r="AC45" s="1259" t="s">
        <v>1498</v>
      </c>
      <c r="AD45" s="1259" t="s">
        <v>1498</v>
      </c>
      <c r="AE45" s="1259" t="s">
        <v>1498</v>
      </c>
      <c r="AF45" s="1259" t="s">
        <v>1498</v>
      </c>
      <c r="AG45" s="1259" t="s">
        <v>1498</v>
      </c>
      <c r="AH45" s="1259" t="s">
        <v>1498</v>
      </c>
      <c r="AI45" s="1259" t="s">
        <v>1498</v>
      </c>
      <c r="AJ45" s="1259" t="s">
        <v>1498</v>
      </c>
      <c r="AK45" s="1259" t="s">
        <v>1498</v>
      </c>
      <c r="AL45" s="1259" t="s">
        <v>1498</v>
      </c>
      <c r="AM45" s="1259" t="s">
        <v>1498</v>
      </c>
      <c r="AN45" s="1259" t="s">
        <v>1498</v>
      </c>
      <c r="AO45" s="1259" t="s">
        <v>1498</v>
      </c>
      <c r="AP45" s="1259" t="s">
        <v>1498</v>
      </c>
      <c r="AQ45" s="1259" t="s">
        <v>1498</v>
      </c>
      <c r="AR45" s="1259" t="s">
        <v>1498</v>
      </c>
      <c r="AS45" s="1259"/>
      <c r="AT45" s="1259" t="s">
        <v>1498</v>
      </c>
      <c r="AU45" s="1259" t="s">
        <v>1498</v>
      </c>
      <c r="AV45" s="1259" t="s">
        <v>1498</v>
      </c>
      <c r="AW45" s="1259" t="s">
        <v>1498</v>
      </c>
      <c r="AX45" s="1259" t="s">
        <v>1498</v>
      </c>
      <c r="AY45" s="1259" t="s">
        <v>1498</v>
      </c>
      <c r="AZ45" s="905" t="s">
        <v>1539</v>
      </c>
      <c r="BA45" s="499" t="s">
        <v>834</v>
      </c>
      <c r="BB45" s="953" t="s">
        <v>869</v>
      </c>
      <c r="BC45" s="980">
        <f>ROUND((VLOOKUP(H45,'[5]Cost Summary'!A:H,8,)),0.1)</f>
        <v>7594</v>
      </c>
      <c r="BD45" s="499">
        <v>1</v>
      </c>
      <c r="BE45" s="499">
        <v>8</v>
      </c>
      <c r="BF45" s="954" t="s">
        <v>1584</v>
      </c>
      <c r="BG45" s="1261">
        <v>4933.5</v>
      </c>
      <c r="BH45" s="976" t="e">
        <f t="shared" si="32"/>
        <v>#VALUE!</v>
      </c>
      <c r="BI45" s="972" t="e">
        <f t="shared" si="33"/>
        <v>#VALUE!</v>
      </c>
      <c r="BJ45" s="972" t="e">
        <f t="shared" si="34"/>
        <v>#VALUE!</v>
      </c>
      <c r="BK45" s="972" t="e">
        <f t="shared" si="35"/>
        <v>#VALUE!</v>
      </c>
      <c r="BL45" s="972" t="e">
        <f t="shared" si="36"/>
        <v>#VALUE!</v>
      </c>
      <c r="BM45" s="972" t="e">
        <f t="shared" si="37"/>
        <v>#VALUE!</v>
      </c>
      <c r="BN45" s="972" t="e">
        <f t="shared" si="38"/>
        <v>#VALUE!</v>
      </c>
      <c r="BO45" s="972" t="e">
        <f t="shared" si="39"/>
        <v>#VALUE!</v>
      </c>
      <c r="BP45" s="972" t="e">
        <f t="shared" si="40"/>
        <v>#VALUE!</v>
      </c>
      <c r="BQ45" s="972" t="e">
        <f t="shared" si="41"/>
        <v>#VALUE!</v>
      </c>
      <c r="BR45" s="972" t="e">
        <f t="shared" si="42"/>
        <v>#VALUE!</v>
      </c>
      <c r="BS45" s="972" t="e">
        <f t="shared" si="43"/>
        <v>#VALUE!</v>
      </c>
      <c r="BT45" s="972" t="e">
        <f t="shared" si="44"/>
        <v>#VALUE!</v>
      </c>
      <c r="BU45" s="972" t="e">
        <f t="shared" si="45"/>
        <v>#VALUE!</v>
      </c>
      <c r="BV45" s="972" t="e">
        <f t="shared" si="46"/>
        <v>#VALUE!</v>
      </c>
      <c r="BW45" s="972" t="e">
        <f t="shared" si="47"/>
        <v>#VALUE!</v>
      </c>
      <c r="BX45" s="972" t="e">
        <f t="shared" si="48"/>
        <v>#VALUE!</v>
      </c>
      <c r="BY45" s="972" t="e">
        <f t="shared" si="49"/>
        <v>#VALUE!</v>
      </c>
      <c r="BZ45" s="972" t="e">
        <f t="shared" si="50"/>
        <v>#VALUE!</v>
      </c>
      <c r="CA45" s="972" t="e">
        <f t="shared" si="51"/>
        <v>#VALUE!</v>
      </c>
      <c r="CB45" s="973" t="e">
        <f t="shared" si="5"/>
        <v>#VALUE!</v>
      </c>
    </row>
    <row r="46" spans="3:80" ht="143.25" hidden="1" x14ac:dyDescent="0.25">
      <c r="C46" s="597"/>
      <c r="D46" s="597" t="s">
        <v>66</v>
      </c>
      <c r="E46" s="597"/>
      <c r="F46" s="597"/>
      <c r="G46" s="597"/>
      <c r="H46" s="499" t="s">
        <v>1673</v>
      </c>
      <c r="I46" s="499" t="s">
        <v>924</v>
      </c>
      <c r="J46" s="499" t="s">
        <v>925</v>
      </c>
      <c r="K46" s="499">
        <v>51.737615140000003</v>
      </c>
      <c r="L46" s="499">
        <v>-0.43622331800000003</v>
      </c>
      <c r="M46" s="499" t="s">
        <v>1674</v>
      </c>
      <c r="N46" s="499" t="s">
        <v>1489</v>
      </c>
      <c r="O46" s="499">
        <v>1</v>
      </c>
      <c r="P46" s="499" t="s">
        <v>900</v>
      </c>
      <c r="Q46" s="499" t="s">
        <v>1490</v>
      </c>
      <c r="R46" s="499" t="s">
        <v>1491</v>
      </c>
      <c r="S46" s="499" t="s">
        <v>1492</v>
      </c>
      <c r="T46" s="499" t="s">
        <v>1493</v>
      </c>
      <c r="U46" s="499" t="s">
        <v>1610</v>
      </c>
      <c r="V46" s="946" t="str">
        <f>_xlfn.XLOOKUP(H46, [5]GIS!D:D, [5]GIS!E:E, "Not mapped")</f>
        <v>Single - Scenario 2 (longer segment, one edge in close proximity of a development)</v>
      </c>
      <c r="W46" s="1262" t="s">
        <v>1495</v>
      </c>
      <c r="X46" s="956" t="s">
        <v>1667</v>
      </c>
      <c r="Y46" s="956" t="s">
        <v>27</v>
      </c>
      <c r="Z46" s="1259" t="s">
        <v>1498</v>
      </c>
      <c r="AA46" s="1259" t="s">
        <v>1498</v>
      </c>
      <c r="AB46" s="1259" t="s">
        <v>1498</v>
      </c>
      <c r="AC46" s="1259" t="s">
        <v>1498</v>
      </c>
      <c r="AD46" s="1259" t="s">
        <v>1498</v>
      </c>
      <c r="AE46" s="1259" t="s">
        <v>1498</v>
      </c>
      <c r="AF46" s="1259" t="s">
        <v>1498</v>
      </c>
      <c r="AG46" s="1259" t="s">
        <v>1498</v>
      </c>
      <c r="AH46" s="1259" t="s">
        <v>1498</v>
      </c>
      <c r="AI46" s="1259" t="s">
        <v>1498</v>
      </c>
      <c r="AJ46" s="1259" t="s">
        <v>1498</v>
      </c>
      <c r="AK46" s="1259" t="s">
        <v>1498</v>
      </c>
      <c r="AL46" s="1259" t="s">
        <v>1498</v>
      </c>
      <c r="AM46" s="1259" t="s">
        <v>1498</v>
      </c>
      <c r="AN46" s="1259" t="s">
        <v>1498</v>
      </c>
      <c r="AO46" s="1259" t="s">
        <v>1498</v>
      </c>
      <c r="AP46" s="1259" t="s">
        <v>1498</v>
      </c>
      <c r="AQ46" s="1259" t="s">
        <v>1498</v>
      </c>
      <c r="AR46" s="1259" t="s">
        <v>1498</v>
      </c>
      <c r="AS46" s="1259"/>
      <c r="AT46" s="1259" t="s">
        <v>1498</v>
      </c>
      <c r="AU46" s="1259" t="s">
        <v>1498</v>
      </c>
      <c r="AV46" s="1259" t="s">
        <v>1498</v>
      </c>
      <c r="AW46" s="1259" t="s">
        <v>1498</v>
      </c>
      <c r="AX46" s="1259" t="s">
        <v>1498</v>
      </c>
      <c r="AY46" s="1259" t="s">
        <v>1498</v>
      </c>
      <c r="AZ46" s="905" t="s">
        <v>1675</v>
      </c>
      <c r="BA46" s="499" t="s">
        <v>834</v>
      </c>
      <c r="BB46" s="953" t="s">
        <v>937</v>
      </c>
      <c r="BC46" s="980">
        <f>ROUND((VLOOKUP(H46,'[5]Cost Summary'!A:H,8,)),0.1)</f>
        <v>334760</v>
      </c>
      <c r="BD46" s="499">
        <v>0</v>
      </c>
      <c r="BE46" s="499" t="s">
        <v>1500</v>
      </c>
      <c r="BF46" s="954" t="s">
        <v>1584</v>
      </c>
      <c r="BG46" s="1261">
        <v>217485.13</v>
      </c>
      <c r="BH46" s="976" t="e">
        <f t="shared" si="32"/>
        <v>#VALUE!</v>
      </c>
      <c r="BI46" s="972" t="e">
        <f t="shared" si="33"/>
        <v>#VALUE!</v>
      </c>
      <c r="BJ46" s="972" t="e">
        <f t="shared" si="34"/>
        <v>#VALUE!</v>
      </c>
      <c r="BK46" s="972" t="e">
        <f t="shared" si="35"/>
        <v>#VALUE!</v>
      </c>
      <c r="BL46" s="972" t="e">
        <f t="shared" si="36"/>
        <v>#VALUE!</v>
      </c>
      <c r="BM46" s="972" t="e">
        <f t="shared" si="37"/>
        <v>#VALUE!</v>
      </c>
      <c r="BN46" s="972" t="e">
        <f t="shared" si="38"/>
        <v>#VALUE!</v>
      </c>
      <c r="BO46" s="972" t="e">
        <f t="shared" si="39"/>
        <v>#VALUE!</v>
      </c>
      <c r="BP46" s="972" t="e">
        <f t="shared" si="40"/>
        <v>#VALUE!</v>
      </c>
      <c r="BQ46" s="972" t="e">
        <f t="shared" si="41"/>
        <v>#VALUE!</v>
      </c>
      <c r="BR46" s="972" t="e">
        <f t="shared" si="42"/>
        <v>#VALUE!</v>
      </c>
      <c r="BS46" s="972" t="e">
        <f t="shared" si="43"/>
        <v>#VALUE!</v>
      </c>
      <c r="BT46" s="972" t="e">
        <f t="shared" si="44"/>
        <v>#VALUE!</v>
      </c>
      <c r="BU46" s="972" t="e">
        <f t="shared" si="45"/>
        <v>#VALUE!</v>
      </c>
      <c r="BV46" s="972" t="e">
        <f t="shared" si="46"/>
        <v>#VALUE!</v>
      </c>
      <c r="BW46" s="972" t="e">
        <f t="shared" si="47"/>
        <v>#VALUE!</v>
      </c>
      <c r="BX46" s="972" t="e">
        <f t="shared" si="48"/>
        <v>#VALUE!</v>
      </c>
      <c r="BY46" s="972" t="e">
        <f t="shared" si="49"/>
        <v>#VALUE!</v>
      </c>
      <c r="BZ46" s="972" t="e">
        <f t="shared" si="50"/>
        <v>#VALUE!</v>
      </c>
      <c r="CA46" s="972" t="e">
        <f t="shared" si="51"/>
        <v>#VALUE!</v>
      </c>
      <c r="CB46" s="973" t="e">
        <f t="shared" si="5"/>
        <v>#VALUE!</v>
      </c>
    </row>
    <row r="47" spans="3:80" ht="114.75" hidden="1" x14ac:dyDescent="0.25">
      <c r="C47" s="597"/>
      <c r="D47" s="597"/>
      <c r="E47" s="597"/>
      <c r="F47" s="597"/>
      <c r="G47" s="597"/>
      <c r="H47" s="499" t="s">
        <v>1677</v>
      </c>
      <c r="I47" s="499" t="s">
        <v>928</v>
      </c>
      <c r="J47" s="499" t="s">
        <v>929</v>
      </c>
      <c r="K47" s="499">
        <v>51.765134689999996</v>
      </c>
      <c r="L47" s="499">
        <v>-0.50813070500000002</v>
      </c>
      <c r="M47" s="499" t="s">
        <v>1560</v>
      </c>
      <c r="N47" s="499" t="s">
        <v>1489</v>
      </c>
      <c r="O47" s="499">
        <v>2</v>
      </c>
      <c r="P47" s="499" t="s">
        <v>900</v>
      </c>
      <c r="Q47" s="499" t="s">
        <v>1490</v>
      </c>
      <c r="R47" s="499" t="s">
        <v>1491</v>
      </c>
      <c r="S47" s="499" t="s">
        <v>1492</v>
      </c>
      <c r="T47" s="499" t="s">
        <v>1493</v>
      </c>
      <c r="U47" s="499" t="s">
        <v>1610</v>
      </c>
      <c r="V47" s="946" t="str">
        <f>_xlfn.XLOOKUP(H47, [5]GIS!D:D, [5]GIS!E:E, "Not mapped")</f>
        <v>Single - Scenario 2</v>
      </c>
      <c r="W47" s="499" t="s">
        <v>1542</v>
      </c>
      <c r="X47" s="956" t="s">
        <v>1667</v>
      </c>
      <c r="Y47" s="956" t="s">
        <v>27</v>
      </c>
      <c r="Z47" s="1259" t="s">
        <v>1498</v>
      </c>
      <c r="AA47" s="1259" t="s">
        <v>1498</v>
      </c>
      <c r="AB47" s="1259" t="s">
        <v>1498</v>
      </c>
      <c r="AC47" s="1259" t="s">
        <v>1498</v>
      </c>
      <c r="AD47" s="1259" t="s">
        <v>1498</v>
      </c>
      <c r="AE47" s="1259" t="s">
        <v>1498</v>
      </c>
      <c r="AF47" s="1259" t="s">
        <v>1498</v>
      </c>
      <c r="AG47" s="1259" t="s">
        <v>1498</v>
      </c>
      <c r="AH47" s="1259" t="s">
        <v>1498</v>
      </c>
      <c r="AI47" s="1259" t="s">
        <v>1498</v>
      </c>
      <c r="AJ47" s="1259" t="s">
        <v>1498</v>
      </c>
      <c r="AK47" s="1259" t="s">
        <v>1498</v>
      </c>
      <c r="AL47" s="1259" t="s">
        <v>1498</v>
      </c>
      <c r="AM47" s="1259" t="s">
        <v>1498</v>
      </c>
      <c r="AN47" s="1259" t="s">
        <v>1498</v>
      </c>
      <c r="AO47" s="1259" t="s">
        <v>1498</v>
      </c>
      <c r="AP47" s="1259" t="s">
        <v>1498</v>
      </c>
      <c r="AQ47" s="1259" t="s">
        <v>1498</v>
      </c>
      <c r="AR47" s="1259" t="s">
        <v>1498</v>
      </c>
      <c r="AS47" s="1259"/>
      <c r="AT47" s="1259" t="s">
        <v>1498</v>
      </c>
      <c r="AU47" s="1259" t="s">
        <v>1498</v>
      </c>
      <c r="AV47" s="1259" t="s">
        <v>1498</v>
      </c>
      <c r="AW47" s="1259" t="s">
        <v>1498</v>
      </c>
      <c r="AX47" s="1259" t="s">
        <v>1498</v>
      </c>
      <c r="AY47" s="1259" t="s">
        <v>1498</v>
      </c>
      <c r="AZ47" s="905" t="s">
        <v>1678</v>
      </c>
      <c r="BA47" s="499" t="s">
        <v>834</v>
      </c>
      <c r="BB47" s="953" t="s">
        <v>53</v>
      </c>
      <c r="BC47" s="980">
        <f>ROUND((VLOOKUP(H47,'[5]Cost Summary'!A:H,8,)),0.1)</f>
        <v>18984</v>
      </c>
      <c r="BD47" s="499">
        <v>0</v>
      </c>
      <c r="BE47" s="499" t="s">
        <v>1500</v>
      </c>
      <c r="BF47" s="954" t="s">
        <v>1584</v>
      </c>
      <c r="BG47" s="1261">
        <v>12333.75</v>
      </c>
      <c r="BH47" s="976" t="e">
        <f t="shared" si="32"/>
        <v>#VALUE!</v>
      </c>
      <c r="BI47" s="972" t="e">
        <f t="shared" si="33"/>
        <v>#VALUE!</v>
      </c>
      <c r="BJ47" s="972" t="e">
        <f t="shared" si="34"/>
        <v>#VALUE!</v>
      </c>
      <c r="BK47" s="972" t="e">
        <f t="shared" si="35"/>
        <v>#VALUE!</v>
      </c>
      <c r="BL47" s="972" t="e">
        <f t="shared" si="36"/>
        <v>#VALUE!</v>
      </c>
      <c r="BM47" s="972" t="e">
        <f t="shared" si="37"/>
        <v>#VALUE!</v>
      </c>
      <c r="BN47" s="972" t="e">
        <f t="shared" si="38"/>
        <v>#VALUE!</v>
      </c>
      <c r="BO47" s="972" t="e">
        <f t="shared" si="39"/>
        <v>#VALUE!</v>
      </c>
      <c r="BP47" s="972" t="e">
        <f t="shared" si="40"/>
        <v>#VALUE!</v>
      </c>
      <c r="BQ47" s="972" t="e">
        <f t="shared" si="41"/>
        <v>#VALUE!</v>
      </c>
      <c r="BR47" s="972" t="e">
        <f t="shared" si="42"/>
        <v>#VALUE!</v>
      </c>
      <c r="BS47" s="972" t="e">
        <f t="shared" si="43"/>
        <v>#VALUE!</v>
      </c>
      <c r="BT47" s="972" t="e">
        <f t="shared" si="44"/>
        <v>#VALUE!</v>
      </c>
      <c r="BU47" s="972" t="e">
        <f t="shared" si="45"/>
        <v>#VALUE!</v>
      </c>
      <c r="BV47" s="972" t="e">
        <f t="shared" si="46"/>
        <v>#VALUE!</v>
      </c>
      <c r="BW47" s="972" t="e">
        <f t="shared" si="47"/>
        <v>#VALUE!</v>
      </c>
      <c r="BX47" s="972" t="e">
        <f t="shared" si="48"/>
        <v>#VALUE!</v>
      </c>
      <c r="BY47" s="972" t="e">
        <f t="shared" si="49"/>
        <v>#VALUE!</v>
      </c>
      <c r="BZ47" s="972" t="e">
        <f t="shared" si="50"/>
        <v>#VALUE!</v>
      </c>
      <c r="CA47" s="972" t="e">
        <f t="shared" si="51"/>
        <v>#VALUE!</v>
      </c>
      <c r="CB47" s="973" t="e">
        <f t="shared" si="5"/>
        <v>#VALUE!</v>
      </c>
    </row>
    <row r="48" spans="3:80" ht="86.25" hidden="1" x14ac:dyDescent="0.25">
      <c r="C48" s="597"/>
      <c r="D48" s="597"/>
      <c r="E48" s="597"/>
      <c r="F48" s="597"/>
      <c r="G48" s="597"/>
      <c r="H48" s="499" t="s">
        <v>1679</v>
      </c>
      <c r="I48" s="499" t="s">
        <v>930</v>
      </c>
      <c r="J48" s="499" t="s">
        <v>931</v>
      </c>
      <c r="K48" s="499">
        <v>51.762515260000001</v>
      </c>
      <c r="L48" s="499">
        <v>-0.50830787200000005</v>
      </c>
      <c r="M48" s="499" t="s">
        <v>1674</v>
      </c>
      <c r="N48" s="499" t="s">
        <v>1489</v>
      </c>
      <c r="O48" s="499">
        <v>1</v>
      </c>
      <c r="P48" s="499" t="s">
        <v>900</v>
      </c>
      <c r="Q48" s="499" t="s">
        <v>1490</v>
      </c>
      <c r="R48" s="499" t="s">
        <v>1491</v>
      </c>
      <c r="S48" s="499" t="s">
        <v>1492</v>
      </c>
      <c r="T48" s="499" t="s">
        <v>1493</v>
      </c>
      <c r="U48" s="499" t="s">
        <v>1610</v>
      </c>
      <c r="V48" s="946" t="str">
        <f>_xlfn.XLOOKUP(H48, [5]GIS!D:D, [5]GIS!E:E, "Not mapped")</f>
        <v>Single - Scenario 2</v>
      </c>
      <c r="W48" s="499" t="s">
        <v>1508</v>
      </c>
      <c r="X48" s="956" t="s">
        <v>1667</v>
      </c>
      <c r="Y48" s="956" t="s">
        <v>27</v>
      </c>
      <c r="Z48" s="1259" t="s">
        <v>1498</v>
      </c>
      <c r="AA48" s="1259" t="s">
        <v>1498</v>
      </c>
      <c r="AB48" s="1259" t="s">
        <v>1498</v>
      </c>
      <c r="AC48" s="1259" t="s">
        <v>1498</v>
      </c>
      <c r="AD48" s="1259" t="s">
        <v>1498</v>
      </c>
      <c r="AE48" s="1259" t="s">
        <v>1498</v>
      </c>
      <c r="AF48" s="1259" t="s">
        <v>1498</v>
      </c>
      <c r="AG48" s="1259" t="s">
        <v>1498</v>
      </c>
      <c r="AH48" s="1259" t="s">
        <v>1498</v>
      </c>
      <c r="AI48" s="1259" t="s">
        <v>1498</v>
      </c>
      <c r="AJ48" s="1259" t="s">
        <v>1498</v>
      </c>
      <c r="AK48" s="1259" t="s">
        <v>1498</v>
      </c>
      <c r="AL48" s="1259" t="s">
        <v>1498</v>
      </c>
      <c r="AM48" s="1259" t="s">
        <v>1498</v>
      </c>
      <c r="AN48" s="1259" t="s">
        <v>1498</v>
      </c>
      <c r="AO48" s="1259" t="s">
        <v>1498</v>
      </c>
      <c r="AP48" s="1259" t="s">
        <v>1498</v>
      </c>
      <c r="AQ48" s="1259" t="s">
        <v>1498</v>
      </c>
      <c r="AR48" s="1259" t="s">
        <v>1498</v>
      </c>
      <c r="AS48" s="1259"/>
      <c r="AT48" s="1259" t="s">
        <v>1498</v>
      </c>
      <c r="AU48" s="1259" t="s">
        <v>1498</v>
      </c>
      <c r="AV48" s="1259" t="s">
        <v>1498</v>
      </c>
      <c r="AW48" s="1259" t="s">
        <v>1498</v>
      </c>
      <c r="AX48" s="1259" t="s">
        <v>1498</v>
      </c>
      <c r="AY48" s="1259" t="s">
        <v>1498</v>
      </c>
      <c r="AZ48" s="905" t="s">
        <v>1678</v>
      </c>
      <c r="BA48" s="499" t="s">
        <v>834</v>
      </c>
      <c r="BB48" s="953" t="s">
        <v>53</v>
      </c>
      <c r="BC48" s="980">
        <f>ROUND((VLOOKUP(H48,'[5]Cost Summary'!A:H,8,)),0.1)</f>
        <v>350580</v>
      </c>
      <c r="BD48" s="499">
        <v>0</v>
      </c>
      <c r="BE48" s="499" t="s">
        <v>1500</v>
      </c>
      <c r="BF48" s="954" t="s">
        <v>1584</v>
      </c>
      <c r="BG48" s="1261">
        <v>227763.25</v>
      </c>
      <c r="BH48" s="976" t="e">
        <f t="shared" si="32"/>
        <v>#VALUE!</v>
      </c>
      <c r="BI48" s="972" t="e">
        <f t="shared" si="33"/>
        <v>#VALUE!</v>
      </c>
      <c r="BJ48" s="972" t="e">
        <f t="shared" si="34"/>
        <v>#VALUE!</v>
      </c>
      <c r="BK48" s="972" t="e">
        <f t="shared" si="35"/>
        <v>#VALUE!</v>
      </c>
      <c r="BL48" s="972" t="e">
        <f t="shared" si="36"/>
        <v>#VALUE!</v>
      </c>
      <c r="BM48" s="972" t="e">
        <f t="shared" si="37"/>
        <v>#VALUE!</v>
      </c>
      <c r="BN48" s="972" t="e">
        <f t="shared" si="38"/>
        <v>#VALUE!</v>
      </c>
      <c r="BO48" s="972" t="e">
        <f t="shared" si="39"/>
        <v>#VALUE!</v>
      </c>
      <c r="BP48" s="972" t="e">
        <f t="shared" si="40"/>
        <v>#VALUE!</v>
      </c>
      <c r="BQ48" s="972" t="e">
        <f t="shared" si="41"/>
        <v>#VALUE!</v>
      </c>
      <c r="BR48" s="972" t="e">
        <f t="shared" si="42"/>
        <v>#VALUE!</v>
      </c>
      <c r="BS48" s="972" t="e">
        <f t="shared" si="43"/>
        <v>#VALUE!</v>
      </c>
      <c r="BT48" s="972" t="e">
        <f t="shared" si="44"/>
        <v>#VALUE!</v>
      </c>
      <c r="BU48" s="972" t="e">
        <f t="shared" si="45"/>
        <v>#VALUE!</v>
      </c>
      <c r="BV48" s="972" t="e">
        <f t="shared" si="46"/>
        <v>#VALUE!</v>
      </c>
      <c r="BW48" s="972" t="e">
        <f t="shared" si="47"/>
        <v>#VALUE!</v>
      </c>
      <c r="BX48" s="972" t="e">
        <f t="shared" si="48"/>
        <v>#VALUE!</v>
      </c>
      <c r="BY48" s="972" t="e">
        <f t="shared" si="49"/>
        <v>#VALUE!</v>
      </c>
      <c r="BZ48" s="972" t="e">
        <f t="shared" si="50"/>
        <v>#VALUE!</v>
      </c>
      <c r="CA48" s="972" t="e">
        <f t="shared" si="51"/>
        <v>#VALUE!</v>
      </c>
      <c r="CB48" s="973" t="e">
        <f t="shared" si="5"/>
        <v>#VALUE!</v>
      </c>
    </row>
    <row r="49" spans="3:80" ht="72" hidden="1" x14ac:dyDescent="0.25">
      <c r="C49" s="597"/>
      <c r="D49" s="597"/>
      <c r="E49" s="597"/>
      <c r="F49" s="597"/>
      <c r="G49" s="597"/>
      <c r="H49" s="499" t="s">
        <v>1680</v>
      </c>
      <c r="I49" s="499" t="s">
        <v>916</v>
      </c>
      <c r="J49" s="499" t="s">
        <v>917</v>
      </c>
      <c r="K49" s="499">
        <v>51.772272270000002</v>
      </c>
      <c r="L49" s="499">
        <v>-0.429057464</v>
      </c>
      <c r="M49" s="499" t="s">
        <v>1674</v>
      </c>
      <c r="N49" s="499" t="s">
        <v>1489</v>
      </c>
      <c r="O49" s="499">
        <v>1</v>
      </c>
      <c r="P49" s="499" t="s">
        <v>900</v>
      </c>
      <c r="Q49" s="499" t="s">
        <v>1490</v>
      </c>
      <c r="R49" s="499" t="s">
        <v>1491</v>
      </c>
      <c r="S49" s="499" t="s">
        <v>1492</v>
      </c>
      <c r="T49" s="499" t="s">
        <v>1493</v>
      </c>
      <c r="U49" s="499" t="s">
        <v>1681</v>
      </c>
      <c r="V49" s="946" t="str">
        <f>_xlfn.XLOOKUP(H49, [5]GIS!D:D, [5]GIS!E:E, "Not mapped")</f>
        <v>Single - Scenario 2</v>
      </c>
      <c r="W49" s="499" t="s">
        <v>1546</v>
      </c>
      <c r="X49" s="986" t="s">
        <v>1653</v>
      </c>
      <c r="Y49" s="986" t="s">
        <v>1682</v>
      </c>
      <c r="Z49" s="1259" t="s">
        <v>1498</v>
      </c>
      <c r="AA49" s="1259" t="s">
        <v>1498</v>
      </c>
      <c r="AB49" s="1259" t="s">
        <v>1498</v>
      </c>
      <c r="AC49" s="1259" t="s">
        <v>1498</v>
      </c>
      <c r="AD49" s="1259" t="s">
        <v>1498</v>
      </c>
      <c r="AE49" s="1259" t="s">
        <v>1498</v>
      </c>
      <c r="AF49" s="1259" t="s">
        <v>1498</v>
      </c>
      <c r="AG49" s="1259" t="s">
        <v>1498</v>
      </c>
      <c r="AH49" s="1259" t="s">
        <v>1498</v>
      </c>
      <c r="AI49" s="1259" t="s">
        <v>1498</v>
      </c>
      <c r="AJ49" s="1259" t="s">
        <v>1498</v>
      </c>
      <c r="AK49" s="1259" t="s">
        <v>1498</v>
      </c>
      <c r="AL49" s="1259" t="s">
        <v>1498</v>
      </c>
      <c r="AM49" s="1259" t="s">
        <v>1498</v>
      </c>
      <c r="AN49" s="1259" t="s">
        <v>1498</v>
      </c>
      <c r="AO49" s="1259" t="s">
        <v>1498</v>
      </c>
      <c r="AP49" s="1259" t="s">
        <v>1498</v>
      </c>
      <c r="AQ49" s="1259" t="s">
        <v>1498</v>
      </c>
      <c r="AR49" s="1259" t="s">
        <v>1498</v>
      </c>
      <c r="AS49" s="1259"/>
      <c r="AT49" s="1259" t="s">
        <v>1498</v>
      </c>
      <c r="AU49" s="1259" t="s">
        <v>1498</v>
      </c>
      <c r="AV49" s="1259" t="s">
        <v>1498</v>
      </c>
      <c r="AW49" s="1259" t="s">
        <v>1498</v>
      </c>
      <c r="AX49" s="1259" t="s">
        <v>1498</v>
      </c>
      <c r="AY49" s="1259" t="s">
        <v>1498</v>
      </c>
      <c r="AZ49" s="905" t="s">
        <v>1683</v>
      </c>
      <c r="BA49" s="499" t="s">
        <v>834</v>
      </c>
      <c r="BB49" s="953" t="s">
        <v>869</v>
      </c>
      <c r="BC49" s="980">
        <f>ROUND((VLOOKUP(H49,'[5]Cost Summary'!A:H,8,)),0.1)</f>
        <v>522073</v>
      </c>
      <c r="BD49" s="499">
        <v>0</v>
      </c>
      <c r="BE49" s="499" t="s">
        <v>1500</v>
      </c>
      <c r="BF49" s="954" t="s">
        <v>1584</v>
      </c>
      <c r="BG49" s="1261">
        <v>339178.13</v>
      </c>
      <c r="BH49" s="976" t="e">
        <f t="shared" si="32"/>
        <v>#VALUE!</v>
      </c>
      <c r="BI49" s="972" t="e">
        <f t="shared" si="33"/>
        <v>#VALUE!</v>
      </c>
      <c r="BJ49" s="972" t="e">
        <f t="shared" si="34"/>
        <v>#VALUE!</v>
      </c>
      <c r="BK49" s="972" t="e">
        <f t="shared" si="35"/>
        <v>#VALUE!</v>
      </c>
      <c r="BL49" s="972" t="e">
        <f t="shared" si="36"/>
        <v>#VALUE!</v>
      </c>
      <c r="BM49" s="972" t="e">
        <f t="shared" si="37"/>
        <v>#VALUE!</v>
      </c>
      <c r="BN49" s="972" t="e">
        <f t="shared" si="38"/>
        <v>#VALUE!</v>
      </c>
      <c r="BO49" s="972" t="e">
        <f t="shared" si="39"/>
        <v>#VALUE!</v>
      </c>
      <c r="BP49" s="972" t="e">
        <f t="shared" si="40"/>
        <v>#VALUE!</v>
      </c>
      <c r="BQ49" s="972" t="e">
        <f t="shared" si="41"/>
        <v>#VALUE!</v>
      </c>
      <c r="BR49" s="972" t="e">
        <f t="shared" si="42"/>
        <v>#VALUE!</v>
      </c>
      <c r="BS49" s="972" t="e">
        <f t="shared" si="43"/>
        <v>#VALUE!</v>
      </c>
      <c r="BT49" s="972" t="e">
        <f t="shared" si="44"/>
        <v>#VALUE!</v>
      </c>
      <c r="BU49" s="972" t="e">
        <f t="shared" si="45"/>
        <v>#VALUE!</v>
      </c>
      <c r="BV49" s="972" t="e">
        <f t="shared" si="46"/>
        <v>#VALUE!</v>
      </c>
      <c r="BW49" s="972" t="e">
        <f t="shared" si="47"/>
        <v>#VALUE!</v>
      </c>
      <c r="BX49" s="972" t="e">
        <f t="shared" si="48"/>
        <v>#VALUE!</v>
      </c>
      <c r="BY49" s="972" t="e">
        <f t="shared" si="49"/>
        <v>#VALUE!</v>
      </c>
      <c r="BZ49" s="972" t="e">
        <f t="shared" si="50"/>
        <v>#VALUE!</v>
      </c>
      <c r="CA49" s="972" t="e">
        <f t="shared" si="51"/>
        <v>#VALUE!</v>
      </c>
      <c r="CB49" s="973" t="e">
        <f t="shared" si="5"/>
        <v>#VALUE!</v>
      </c>
    </row>
    <row r="50" spans="3:80" ht="143.25" hidden="1" x14ac:dyDescent="0.25">
      <c r="C50" s="597"/>
      <c r="D50" s="597"/>
      <c r="E50" s="597"/>
      <c r="F50" s="597"/>
      <c r="G50" s="597"/>
      <c r="H50" s="499" t="s">
        <v>1684</v>
      </c>
      <c r="I50" s="499" t="s">
        <v>918</v>
      </c>
      <c r="J50" s="499" t="s">
        <v>919</v>
      </c>
      <c r="K50" s="499">
        <v>51.768719189999999</v>
      </c>
      <c r="L50" s="499">
        <v>-0.42270311700000002</v>
      </c>
      <c r="M50" s="499" t="s">
        <v>1685</v>
      </c>
      <c r="N50" s="499" t="s">
        <v>1489</v>
      </c>
      <c r="O50" s="499">
        <v>1</v>
      </c>
      <c r="P50" s="499" t="s">
        <v>900</v>
      </c>
      <c r="Q50" s="499" t="s">
        <v>1490</v>
      </c>
      <c r="R50" s="499" t="s">
        <v>1491</v>
      </c>
      <c r="S50" s="499" t="s">
        <v>1492</v>
      </c>
      <c r="T50" s="499" t="s">
        <v>1493</v>
      </c>
      <c r="U50" s="499" t="s">
        <v>1672</v>
      </c>
      <c r="V50" s="946" t="str">
        <f>_xlfn.XLOOKUP(H50, [5]GIS!D:D, [5]GIS!E:E, "Not mapped")</f>
        <v>Single - Scenario 2 (longer segment, one edge in close proximity of a development)</v>
      </c>
      <c r="W50" s="499" t="s">
        <v>1546</v>
      </c>
      <c r="X50" s="986" t="s">
        <v>1653</v>
      </c>
      <c r="Y50" s="986" t="s">
        <v>1682</v>
      </c>
      <c r="Z50" s="1259" t="s">
        <v>1498</v>
      </c>
      <c r="AA50" s="1259" t="s">
        <v>1498</v>
      </c>
      <c r="AB50" s="1259" t="s">
        <v>1498</v>
      </c>
      <c r="AC50" s="1259" t="s">
        <v>1498</v>
      </c>
      <c r="AD50" s="1259" t="s">
        <v>1498</v>
      </c>
      <c r="AE50" s="1259" t="s">
        <v>1498</v>
      </c>
      <c r="AF50" s="1259" t="s">
        <v>1498</v>
      </c>
      <c r="AG50" s="1259" t="s">
        <v>1498</v>
      </c>
      <c r="AH50" s="1259" t="s">
        <v>1498</v>
      </c>
      <c r="AI50" s="1259" t="s">
        <v>1498</v>
      </c>
      <c r="AJ50" s="1259" t="s">
        <v>1498</v>
      </c>
      <c r="AK50" s="1259" t="s">
        <v>1498</v>
      </c>
      <c r="AL50" s="1259" t="s">
        <v>1498</v>
      </c>
      <c r="AM50" s="1259" t="s">
        <v>1498</v>
      </c>
      <c r="AN50" s="1259" t="s">
        <v>1498</v>
      </c>
      <c r="AO50" s="1259" t="s">
        <v>1498</v>
      </c>
      <c r="AP50" s="1259" t="s">
        <v>1498</v>
      </c>
      <c r="AQ50" s="1259" t="s">
        <v>1498</v>
      </c>
      <c r="AR50" s="1259" t="s">
        <v>1498</v>
      </c>
      <c r="AS50" s="1259"/>
      <c r="AT50" s="1259" t="s">
        <v>1498</v>
      </c>
      <c r="AU50" s="1259" t="s">
        <v>1498</v>
      </c>
      <c r="AV50" s="1259" t="s">
        <v>1498</v>
      </c>
      <c r="AW50" s="1259" t="s">
        <v>1498</v>
      </c>
      <c r="AX50" s="1259" t="s">
        <v>1498</v>
      </c>
      <c r="AY50" s="1259" t="s">
        <v>1498</v>
      </c>
      <c r="AZ50" s="905" t="s">
        <v>1642</v>
      </c>
      <c r="BA50" s="499" t="s">
        <v>834</v>
      </c>
      <c r="BB50" s="953" t="s">
        <v>869</v>
      </c>
      <c r="BC50" s="980">
        <f>ROUND((VLOOKUP(H50,'[5]Cost Summary'!A:H,8,)),0.1)</f>
        <v>506253</v>
      </c>
      <c r="BD50" s="499">
        <v>0</v>
      </c>
      <c r="BE50" s="499" t="s">
        <v>1500</v>
      </c>
      <c r="BF50" s="954" t="s">
        <v>1584</v>
      </c>
      <c r="BG50" s="1261">
        <v>328900</v>
      </c>
      <c r="BH50" s="976" t="e">
        <f t="shared" si="32"/>
        <v>#VALUE!</v>
      </c>
      <c r="BI50" s="972" t="e">
        <f t="shared" si="33"/>
        <v>#VALUE!</v>
      </c>
      <c r="BJ50" s="972" t="e">
        <f t="shared" si="34"/>
        <v>#VALUE!</v>
      </c>
      <c r="BK50" s="972" t="e">
        <f t="shared" si="35"/>
        <v>#VALUE!</v>
      </c>
      <c r="BL50" s="972" t="e">
        <f t="shared" si="36"/>
        <v>#VALUE!</v>
      </c>
      <c r="BM50" s="972" t="e">
        <f t="shared" si="37"/>
        <v>#VALUE!</v>
      </c>
      <c r="BN50" s="972" t="e">
        <f t="shared" si="38"/>
        <v>#VALUE!</v>
      </c>
      <c r="BO50" s="972" t="e">
        <f t="shared" si="39"/>
        <v>#VALUE!</v>
      </c>
      <c r="BP50" s="972" t="e">
        <f t="shared" si="40"/>
        <v>#VALUE!</v>
      </c>
      <c r="BQ50" s="972" t="e">
        <f t="shared" si="41"/>
        <v>#VALUE!</v>
      </c>
      <c r="BR50" s="972" t="e">
        <f t="shared" si="42"/>
        <v>#VALUE!</v>
      </c>
      <c r="BS50" s="972" t="e">
        <f t="shared" si="43"/>
        <v>#VALUE!</v>
      </c>
      <c r="BT50" s="972" t="e">
        <f t="shared" si="44"/>
        <v>#VALUE!</v>
      </c>
      <c r="BU50" s="972" t="e">
        <f t="shared" si="45"/>
        <v>#VALUE!</v>
      </c>
      <c r="BV50" s="972" t="e">
        <f t="shared" si="46"/>
        <v>#VALUE!</v>
      </c>
      <c r="BW50" s="972" t="e">
        <f t="shared" si="47"/>
        <v>#VALUE!</v>
      </c>
      <c r="BX50" s="972" t="e">
        <f t="shared" si="48"/>
        <v>#VALUE!</v>
      </c>
      <c r="BY50" s="972" t="e">
        <f t="shared" si="49"/>
        <v>#VALUE!</v>
      </c>
      <c r="BZ50" s="972" t="e">
        <f t="shared" si="50"/>
        <v>#VALUE!</v>
      </c>
      <c r="CA50" s="972" t="e">
        <f t="shared" si="51"/>
        <v>#VALUE!</v>
      </c>
      <c r="CB50" s="973" t="e">
        <f t="shared" si="5"/>
        <v>#VALUE!</v>
      </c>
    </row>
    <row r="51" spans="3:80" ht="257.25" hidden="1" x14ac:dyDescent="0.25">
      <c r="C51" s="597"/>
      <c r="D51" s="597"/>
      <c r="E51" s="597"/>
      <c r="F51" s="597"/>
      <c r="G51" s="597"/>
      <c r="H51" s="499" t="s">
        <v>1709</v>
      </c>
      <c r="I51" s="499" t="s">
        <v>938</v>
      </c>
      <c r="J51" s="499" t="s">
        <v>939</v>
      </c>
      <c r="K51" s="499">
        <v>51.780402600000002</v>
      </c>
      <c r="L51" s="499">
        <v>-0.43476836400000002</v>
      </c>
      <c r="M51" s="499" t="s">
        <v>1674</v>
      </c>
      <c r="N51" s="499" t="s">
        <v>1489</v>
      </c>
      <c r="O51" s="499">
        <v>1</v>
      </c>
      <c r="P51" s="499" t="s">
        <v>900</v>
      </c>
      <c r="Q51" s="499" t="s">
        <v>1490</v>
      </c>
      <c r="R51" s="499" t="s">
        <v>1491</v>
      </c>
      <c r="S51" s="499" t="s">
        <v>1492</v>
      </c>
      <c r="T51" s="499" t="s">
        <v>1493</v>
      </c>
      <c r="U51" s="499" t="s">
        <v>1672</v>
      </c>
      <c r="V51" s="946" t="str">
        <f>_xlfn.XLOOKUP(H51, [5]GIS!D:D, [5]GIS!E:E, "Not mapped")</f>
        <v>Single - Scenario 2</v>
      </c>
      <c r="W51" s="499" t="s">
        <v>1546</v>
      </c>
      <c r="X51" s="986" t="s">
        <v>1653</v>
      </c>
      <c r="Y51" s="986" t="s">
        <v>1710</v>
      </c>
      <c r="Z51" s="1259" t="s">
        <v>1498</v>
      </c>
      <c r="AA51" s="1259" t="s">
        <v>1498</v>
      </c>
      <c r="AB51" s="1259" t="s">
        <v>1498</v>
      </c>
      <c r="AC51" s="1259" t="s">
        <v>1498</v>
      </c>
      <c r="AD51" s="1259" t="s">
        <v>1498</v>
      </c>
      <c r="AE51" s="1259" t="s">
        <v>1498</v>
      </c>
      <c r="AF51" s="1259" t="s">
        <v>1498</v>
      </c>
      <c r="AG51" s="1259" t="s">
        <v>1498</v>
      </c>
      <c r="AH51" s="1259" t="s">
        <v>1498</v>
      </c>
      <c r="AI51" s="1259" t="s">
        <v>1498</v>
      </c>
      <c r="AJ51" s="1259" t="s">
        <v>1498</v>
      </c>
      <c r="AK51" s="1259" t="s">
        <v>1498</v>
      </c>
      <c r="AL51" s="1259" t="s">
        <v>1498</v>
      </c>
      <c r="AM51" s="1259" t="s">
        <v>1498</v>
      </c>
      <c r="AN51" s="1259" t="s">
        <v>1498</v>
      </c>
      <c r="AO51" s="1259" t="s">
        <v>1498</v>
      </c>
      <c r="AP51" s="1259" t="s">
        <v>1498</v>
      </c>
      <c r="AQ51" s="1259" t="s">
        <v>1498</v>
      </c>
      <c r="AR51" s="1259" t="s">
        <v>1498</v>
      </c>
      <c r="AS51" s="1259"/>
      <c r="AT51" s="1259" t="s">
        <v>1498</v>
      </c>
      <c r="AU51" s="1259" t="s">
        <v>1498</v>
      </c>
      <c r="AV51" s="1259" t="s">
        <v>1498</v>
      </c>
      <c r="AW51" s="1259" t="s">
        <v>1498</v>
      </c>
      <c r="AX51" s="1259" t="s">
        <v>1498</v>
      </c>
      <c r="AY51" s="1259" t="s">
        <v>1498</v>
      </c>
      <c r="AZ51" s="905" t="s">
        <v>1683</v>
      </c>
      <c r="BA51" s="499" t="s">
        <v>834</v>
      </c>
      <c r="BB51" s="953" t="s">
        <v>912</v>
      </c>
      <c r="BC51" s="980">
        <f>ROUND((VLOOKUP(H51,'[5]Cost Summary'!A:H,8,)),0.1)</f>
        <v>246798</v>
      </c>
      <c r="BD51" s="499">
        <v>0</v>
      </c>
      <c r="BE51" s="499" t="s">
        <v>1500</v>
      </c>
      <c r="BF51" s="954" t="s">
        <v>1584</v>
      </c>
      <c r="BG51" s="1261">
        <v>320677.5</v>
      </c>
      <c r="BH51" s="976" t="e">
        <f t="shared" si="32"/>
        <v>#VALUE!</v>
      </c>
      <c r="BI51" s="972" t="e">
        <f t="shared" si="33"/>
        <v>#VALUE!</v>
      </c>
      <c r="BJ51" s="972" t="e">
        <f t="shared" si="34"/>
        <v>#VALUE!</v>
      </c>
      <c r="BK51" s="972" t="e">
        <f t="shared" si="35"/>
        <v>#VALUE!</v>
      </c>
      <c r="BL51" s="972" t="e">
        <f t="shared" si="36"/>
        <v>#VALUE!</v>
      </c>
      <c r="BM51" s="972" t="e">
        <f t="shared" si="37"/>
        <v>#VALUE!</v>
      </c>
      <c r="BN51" s="972" t="e">
        <f t="shared" si="38"/>
        <v>#VALUE!</v>
      </c>
      <c r="BO51" s="972" t="e">
        <f t="shared" si="39"/>
        <v>#VALUE!</v>
      </c>
      <c r="BP51" s="972" t="e">
        <f t="shared" si="40"/>
        <v>#VALUE!</v>
      </c>
      <c r="BQ51" s="972" t="e">
        <f t="shared" si="41"/>
        <v>#VALUE!</v>
      </c>
      <c r="BR51" s="972" t="e">
        <f t="shared" si="42"/>
        <v>#VALUE!</v>
      </c>
      <c r="BS51" s="972" t="e">
        <f t="shared" si="43"/>
        <v>#VALUE!</v>
      </c>
      <c r="BT51" s="972" t="e">
        <f t="shared" si="44"/>
        <v>#VALUE!</v>
      </c>
      <c r="BU51" s="972" t="e">
        <f t="shared" si="45"/>
        <v>#VALUE!</v>
      </c>
      <c r="BV51" s="972" t="e">
        <f t="shared" si="46"/>
        <v>#VALUE!</v>
      </c>
      <c r="BW51" s="972" t="e">
        <f t="shared" si="47"/>
        <v>#VALUE!</v>
      </c>
      <c r="BX51" s="972" t="e">
        <f t="shared" si="48"/>
        <v>#VALUE!</v>
      </c>
      <c r="BY51" s="972" t="e">
        <f t="shared" si="49"/>
        <v>#VALUE!</v>
      </c>
      <c r="BZ51" s="972" t="e">
        <f t="shared" si="50"/>
        <v>#VALUE!</v>
      </c>
      <c r="CA51" s="972" t="e">
        <f t="shared" si="51"/>
        <v>#VALUE!</v>
      </c>
      <c r="CB51" s="973" t="e">
        <f t="shared" si="5"/>
        <v>#VALUE!</v>
      </c>
    </row>
    <row r="52" spans="3:80" ht="57.75" hidden="1" x14ac:dyDescent="0.25">
      <c r="C52" s="597"/>
      <c r="D52" s="597"/>
      <c r="E52" s="597"/>
      <c r="F52" s="597"/>
      <c r="G52" s="597"/>
      <c r="H52" s="499" t="s">
        <v>1922</v>
      </c>
      <c r="I52" s="499" t="s">
        <v>944</v>
      </c>
      <c r="J52" s="499" t="s">
        <v>945</v>
      </c>
      <c r="K52" s="499">
        <v>51.740935729999997</v>
      </c>
      <c r="L52" s="499">
        <v>-0.42215169899999999</v>
      </c>
      <c r="M52" s="499" t="s">
        <v>1560</v>
      </c>
      <c r="N52" s="499" t="s">
        <v>1489</v>
      </c>
      <c r="O52" s="499">
        <v>1</v>
      </c>
      <c r="P52" s="499" t="s">
        <v>932</v>
      </c>
      <c r="Q52" s="499" t="s">
        <v>1490</v>
      </c>
      <c r="R52" s="499" t="s">
        <v>1491</v>
      </c>
      <c r="S52" s="499" t="s">
        <v>1492</v>
      </c>
      <c r="T52" s="499" t="s">
        <v>1493</v>
      </c>
      <c r="U52" s="499" t="s">
        <v>1538</v>
      </c>
      <c r="V52" s="946" t="str">
        <f>_xlfn.XLOOKUP(H52, [5]GIS!D:D, [5]GIS!E:E, "Not mapped")</f>
        <v>Single - Scenario 2</v>
      </c>
      <c r="W52" s="499" t="s">
        <v>1508</v>
      </c>
      <c r="X52" s="1277" t="s">
        <v>1691</v>
      </c>
      <c r="Y52" s="1278" t="s">
        <v>1692</v>
      </c>
      <c r="Z52" s="1259" t="s">
        <v>1498</v>
      </c>
      <c r="AA52" s="1259" t="s">
        <v>1498</v>
      </c>
      <c r="AB52" s="1259" t="s">
        <v>1498</v>
      </c>
      <c r="AC52" s="1259" t="s">
        <v>1498</v>
      </c>
      <c r="AD52" s="1259" t="s">
        <v>1498</v>
      </c>
      <c r="AE52" s="1259" t="s">
        <v>1498</v>
      </c>
      <c r="AF52" s="1259" t="s">
        <v>1498</v>
      </c>
      <c r="AG52" s="1259" t="s">
        <v>1498</v>
      </c>
      <c r="AH52" s="1259" t="s">
        <v>1498</v>
      </c>
      <c r="AI52" s="1259" t="s">
        <v>1498</v>
      </c>
      <c r="AJ52" s="1259" t="s">
        <v>1498</v>
      </c>
      <c r="AK52" s="1259" t="s">
        <v>1498</v>
      </c>
      <c r="AL52" s="1259" t="s">
        <v>1498</v>
      </c>
      <c r="AM52" s="1259" t="s">
        <v>1498</v>
      </c>
      <c r="AN52" s="1259" t="s">
        <v>1498</v>
      </c>
      <c r="AO52" s="1259" t="s">
        <v>1498</v>
      </c>
      <c r="AP52" s="1259" t="s">
        <v>1498</v>
      </c>
      <c r="AQ52" s="1259" t="s">
        <v>1498</v>
      </c>
      <c r="AR52" s="1259" t="s">
        <v>1498</v>
      </c>
      <c r="AS52" s="1259"/>
      <c r="AT52" s="1259" t="s">
        <v>1498</v>
      </c>
      <c r="AU52" s="1259" t="s">
        <v>1498</v>
      </c>
      <c r="AV52" s="1259" t="s">
        <v>1498</v>
      </c>
      <c r="AW52" s="1259" t="s">
        <v>1498</v>
      </c>
      <c r="AX52" s="1259" t="s">
        <v>1498</v>
      </c>
      <c r="AY52" s="1259" t="s">
        <v>1498</v>
      </c>
      <c r="AZ52" s="905" t="s">
        <v>1539</v>
      </c>
      <c r="BA52" s="499" t="s">
        <v>834</v>
      </c>
      <c r="BB52" s="953" t="s">
        <v>869</v>
      </c>
      <c r="BC52" s="980">
        <f>ROUND((VLOOKUP(H52,'[5]Cost Summary'!A:H,8,)),0.1)</f>
        <v>312611</v>
      </c>
      <c r="BD52" s="499">
        <v>0</v>
      </c>
      <c r="BE52" s="499" t="s">
        <v>1500</v>
      </c>
      <c r="BF52" s="954" t="s">
        <v>1584</v>
      </c>
      <c r="BG52" s="1261">
        <v>203095.75</v>
      </c>
      <c r="BH52" s="976" t="e">
        <f t="shared" si="32"/>
        <v>#VALUE!</v>
      </c>
      <c r="BI52" s="972" t="e">
        <f t="shared" si="33"/>
        <v>#VALUE!</v>
      </c>
      <c r="BJ52" s="972" t="e">
        <f t="shared" si="34"/>
        <v>#VALUE!</v>
      </c>
      <c r="BK52" s="972" t="e">
        <f t="shared" si="35"/>
        <v>#VALUE!</v>
      </c>
      <c r="BL52" s="972" t="e">
        <f t="shared" si="36"/>
        <v>#VALUE!</v>
      </c>
      <c r="BM52" s="972" t="e">
        <f t="shared" si="37"/>
        <v>#VALUE!</v>
      </c>
      <c r="BN52" s="972" t="e">
        <f t="shared" si="38"/>
        <v>#VALUE!</v>
      </c>
      <c r="BO52" s="972" t="e">
        <f t="shared" si="39"/>
        <v>#VALUE!</v>
      </c>
      <c r="BP52" s="972" t="e">
        <f t="shared" si="40"/>
        <v>#VALUE!</v>
      </c>
      <c r="BQ52" s="972" t="e">
        <f t="shared" si="41"/>
        <v>#VALUE!</v>
      </c>
      <c r="BR52" s="972" t="e">
        <f t="shared" si="42"/>
        <v>#VALUE!</v>
      </c>
      <c r="BS52" s="972" t="e">
        <f t="shared" si="43"/>
        <v>#VALUE!</v>
      </c>
      <c r="BT52" s="972" t="e">
        <f t="shared" si="44"/>
        <v>#VALUE!</v>
      </c>
      <c r="BU52" s="972" t="e">
        <f t="shared" si="45"/>
        <v>#VALUE!</v>
      </c>
      <c r="BV52" s="972" t="e">
        <f t="shared" si="46"/>
        <v>#VALUE!</v>
      </c>
      <c r="BW52" s="972" t="e">
        <f t="shared" si="47"/>
        <v>#VALUE!</v>
      </c>
      <c r="BX52" s="972" t="e">
        <f t="shared" si="48"/>
        <v>#VALUE!</v>
      </c>
      <c r="BY52" s="972" t="e">
        <f t="shared" si="49"/>
        <v>#VALUE!</v>
      </c>
      <c r="BZ52" s="972" t="e">
        <f t="shared" si="50"/>
        <v>#VALUE!</v>
      </c>
      <c r="CA52" s="972" t="e">
        <f t="shared" si="51"/>
        <v>#VALUE!</v>
      </c>
      <c r="CB52" s="973" t="e">
        <f t="shared" si="5"/>
        <v>#VALUE!</v>
      </c>
    </row>
    <row r="53" spans="3:80" ht="75" hidden="1" x14ac:dyDescent="0.25">
      <c r="C53" s="597"/>
      <c r="D53" s="597" t="s">
        <v>66</v>
      </c>
      <c r="E53" s="597"/>
      <c r="F53" s="597"/>
      <c r="G53" s="597"/>
      <c r="H53" s="499" t="s">
        <v>1689</v>
      </c>
      <c r="I53" s="499" t="s">
        <v>946</v>
      </c>
      <c r="J53" s="499" t="s">
        <v>947</v>
      </c>
      <c r="K53" s="499">
        <v>51.733277190000003</v>
      </c>
      <c r="L53" s="499">
        <v>-0.45402690800000001</v>
      </c>
      <c r="M53" s="499" t="s">
        <v>1560</v>
      </c>
      <c r="N53" s="499" t="s">
        <v>1489</v>
      </c>
      <c r="O53" s="499">
        <v>2</v>
      </c>
      <c r="P53" s="499" t="s">
        <v>830</v>
      </c>
      <c r="Q53" s="499" t="s">
        <v>1490</v>
      </c>
      <c r="R53" s="499" t="s">
        <v>1491</v>
      </c>
      <c r="S53" s="499" t="s">
        <v>1492</v>
      </c>
      <c r="T53" s="499" t="s">
        <v>1493</v>
      </c>
      <c r="U53" s="499" t="s">
        <v>1690</v>
      </c>
      <c r="V53" s="946" t="str">
        <f>_xlfn.XLOOKUP(H53, [5]GIS!D:D, [5]GIS!E:E, "Not mapped")</f>
        <v>Multiple - Scenario 1</v>
      </c>
      <c r="W53" s="1257" t="s">
        <v>1495</v>
      </c>
      <c r="X53" s="1277" t="s">
        <v>1691</v>
      </c>
      <c r="Y53" s="1278" t="s">
        <v>1692</v>
      </c>
      <c r="Z53" s="1259" t="s">
        <v>1498</v>
      </c>
      <c r="AA53" s="1259" t="s">
        <v>1498</v>
      </c>
      <c r="AB53" s="1259" t="s">
        <v>1498</v>
      </c>
      <c r="AC53" s="1259" t="s">
        <v>1498</v>
      </c>
      <c r="AD53" s="1259" t="s">
        <v>1498</v>
      </c>
      <c r="AE53" s="1259" t="s">
        <v>1498</v>
      </c>
      <c r="AF53" s="1259" t="s">
        <v>1498</v>
      </c>
      <c r="AG53" s="1259" t="s">
        <v>1498</v>
      </c>
      <c r="AH53" s="1259" t="s">
        <v>1498</v>
      </c>
      <c r="AI53" s="1259" t="s">
        <v>1498</v>
      </c>
      <c r="AJ53" s="1259" t="s">
        <v>1498</v>
      </c>
      <c r="AK53" s="1259" t="s">
        <v>1498</v>
      </c>
      <c r="AL53" s="1259" t="s">
        <v>1498</v>
      </c>
      <c r="AM53" s="1259" t="s">
        <v>1498</v>
      </c>
      <c r="AN53" s="1259" t="s">
        <v>1498</v>
      </c>
      <c r="AO53" s="1259" t="s">
        <v>1498</v>
      </c>
      <c r="AP53" s="1259" t="s">
        <v>1498</v>
      </c>
      <c r="AQ53" s="1259" t="s">
        <v>1498</v>
      </c>
      <c r="AR53" s="1259" t="s">
        <v>1498</v>
      </c>
      <c r="AS53" s="1259"/>
      <c r="AT53" s="1259" t="s">
        <v>1498</v>
      </c>
      <c r="AU53" s="1259" t="s">
        <v>1498</v>
      </c>
      <c r="AV53" s="1259" t="s">
        <v>1498</v>
      </c>
      <c r="AW53" s="1259" t="s">
        <v>1498</v>
      </c>
      <c r="AX53" s="1259" t="s">
        <v>1498</v>
      </c>
      <c r="AY53" s="1259" t="s">
        <v>1498</v>
      </c>
      <c r="AZ53" s="905" t="s">
        <v>1675</v>
      </c>
      <c r="BA53" s="499" t="s">
        <v>834</v>
      </c>
      <c r="BB53" s="953" t="s">
        <v>53</v>
      </c>
      <c r="BC53" s="979">
        <v>370629.19</v>
      </c>
      <c r="BD53" s="948">
        <v>0</v>
      </c>
      <c r="BE53" s="948" t="s">
        <v>1500</v>
      </c>
      <c r="BF53" s="1260" t="s">
        <v>1501</v>
      </c>
      <c r="BG53" s="1261">
        <v>370629.19</v>
      </c>
      <c r="BH53" s="976" t="e">
        <f t="shared" si="32"/>
        <v>#VALUE!</v>
      </c>
      <c r="BI53" s="972" t="e">
        <f t="shared" si="33"/>
        <v>#VALUE!</v>
      </c>
      <c r="BJ53" s="972" t="e">
        <f t="shared" si="34"/>
        <v>#VALUE!</v>
      </c>
      <c r="BK53" s="972" t="e">
        <f t="shared" si="35"/>
        <v>#VALUE!</v>
      </c>
      <c r="BL53" s="972" t="e">
        <f t="shared" si="36"/>
        <v>#VALUE!</v>
      </c>
      <c r="BM53" s="972" t="e">
        <f t="shared" si="37"/>
        <v>#VALUE!</v>
      </c>
      <c r="BN53" s="972" t="e">
        <f t="shared" si="38"/>
        <v>#VALUE!</v>
      </c>
      <c r="BO53" s="972" t="e">
        <f t="shared" si="39"/>
        <v>#VALUE!</v>
      </c>
      <c r="BP53" s="972" t="e">
        <f t="shared" si="40"/>
        <v>#VALUE!</v>
      </c>
      <c r="BQ53" s="972" t="e">
        <f t="shared" si="41"/>
        <v>#VALUE!</v>
      </c>
      <c r="BR53" s="972" t="e">
        <f t="shared" si="42"/>
        <v>#VALUE!</v>
      </c>
      <c r="BS53" s="972" t="e">
        <f t="shared" si="43"/>
        <v>#VALUE!</v>
      </c>
      <c r="BT53" s="972" t="e">
        <f t="shared" si="44"/>
        <v>#VALUE!</v>
      </c>
      <c r="BU53" s="972" t="e">
        <f t="shared" si="45"/>
        <v>#VALUE!</v>
      </c>
      <c r="BV53" s="972" t="e">
        <f t="shared" si="46"/>
        <v>#VALUE!</v>
      </c>
      <c r="BW53" s="972" t="e">
        <f t="shared" si="47"/>
        <v>#VALUE!</v>
      </c>
      <c r="BX53" s="972" t="e">
        <f t="shared" si="48"/>
        <v>#VALUE!</v>
      </c>
      <c r="BY53" s="972" t="e">
        <f t="shared" si="49"/>
        <v>#VALUE!</v>
      </c>
      <c r="BZ53" s="972" t="e">
        <f t="shared" si="50"/>
        <v>#VALUE!</v>
      </c>
      <c r="CA53" s="972" t="e">
        <f t="shared" si="51"/>
        <v>#VALUE!</v>
      </c>
      <c r="CB53" s="973" t="e">
        <f t="shared" si="5"/>
        <v>#VALUE!</v>
      </c>
    </row>
    <row r="54" spans="3:80" ht="75" x14ac:dyDescent="0.25">
      <c r="C54" s="597"/>
      <c r="D54" s="597" t="s">
        <v>66</v>
      </c>
      <c r="E54" s="597"/>
      <c r="F54" s="597"/>
      <c r="G54" s="597"/>
      <c r="H54" s="499" t="s">
        <v>1693</v>
      </c>
      <c r="I54" s="499" t="s">
        <v>910</v>
      </c>
      <c r="J54" s="499" t="s">
        <v>911</v>
      </c>
      <c r="K54" s="499">
        <v>51.746955499999999</v>
      </c>
      <c r="L54" s="499">
        <v>-0.47036324099999999</v>
      </c>
      <c r="M54" s="499" t="s">
        <v>1522</v>
      </c>
      <c r="N54" s="499" t="s">
        <v>1489</v>
      </c>
      <c r="O54" s="499">
        <v>1</v>
      </c>
      <c r="P54" s="499" t="s">
        <v>900</v>
      </c>
      <c r="Q54" s="499" t="s">
        <v>1616</v>
      </c>
      <c r="R54" s="499" t="s">
        <v>1491</v>
      </c>
      <c r="S54" s="499" t="s">
        <v>1492</v>
      </c>
      <c r="T54" s="499" t="s">
        <v>1493</v>
      </c>
      <c r="U54" s="499" t="s">
        <v>1504</v>
      </c>
      <c r="V54" s="946" t="str">
        <f>_xlfn.XLOOKUP(H54, [5]GIS!D:D, [5]GIS!E:E, "Not mapped")</f>
        <v>Multiple - Scenario 1</v>
      </c>
      <c r="W54" s="1262" t="s">
        <v>1495</v>
      </c>
      <c r="X54" s="987" t="s">
        <v>2618</v>
      </c>
      <c r="Y54" s="987" t="s">
        <v>1526</v>
      </c>
      <c r="Z54" s="949">
        <v>13</v>
      </c>
      <c r="AA54" s="949">
        <v>0</v>
      </c>
      <c r="AB54" s="949">
        <v>25</v>
      </c>
      <c r="AC54" s="949">
        <v>14</v>
      </c>
      <c r="AD54" s="949">
        <v>23</v>
      </c>
      <c r="AE54" s="950">
        <v>2</v>
      </c>
      <c r="AF54" s="950">
        <v>0</v>
      </c>
      <c r="AG54" s="950">
        <v>9</v>
      </c>
      <c r="AH54" s="950">
        <v>1</v>
      </c>
      <c r="AI54" s="950">
        <v>10</v>
      </c>
      <c r="AJ54" s="950">
        <v>123</v>
      </c>
      <c r="AK54" s="950">
        <v>4</v>
      </c>
      <c r="AL54" s="950">
        <v>1</v>
      </c>
      <c r="AM54" s="950">
        <v>0</v>
      </c>
      <c r="AN54" s="951">
        <f>AT54*[5]TripRateCalculations!O$4</f>
        <v>0.44</v>
      </c>
      <c r="AO54" s="951">
        <f>AU54*[5]TripRateCalculations!P$4</f>
        <v>2.8847457627118644</v>
      </c>
      <c r="AP54" s="951">
        <f>AV54*[5]TripRateCalculations!Q$4</f>
        <v>0.28877005347593582</v>
      </c>
      <c r="AQ54" s="951">
        <f>AW54*[5]TripRateCalculations!R$4</f>
        <v>8.0549199084668199</v>
      </c>
      <c r="AR54" s="951">
        <f>AX54*[5]TripRateCalculations!S$4</f>
        <v>0.10144927536231885</v>
      </c>
      <c r="AS54" s="951">
        <f>AY54*[5]TripRateCalculations!T$4</f>
        <v>2.4472477064220186</v>
      </c>
      <c r="AT54" s="950">
        <v>2</v>
      </c>
      <c r="AU54" s="950">
        <v>37</v>
      </c>
      <c r="AV54" s="950">
        <v>1</v>
      </c>
      <c r="AW54" s="950">
        <v>55</v>
      </c>
      <c r="AX54" s="950">
        <v>1</v>
      </c>
      <c r="AY54" s="950">
        <v>97</v>
      </c>
      <c r="AZ54" s="905" t="s">
        <v>1695</v>
      </c>
      <c r="BA54" s="499" t="s">
        <v>834</v>
      </c>
      <c r="BB54" s="953" t="s">
        <v>53</v>
      </c>
      <c r="BC54" s="980">
        <f>ROUND((VLOOKUP(H54,'[5]Cost Summary'!A:H,8,)),0.1)</f>
        <v>69251</v>
      </c>
      <c r="BD54" s="499">
        <v>1</v>
      </c>
      <c r="BE54" s="499">
        <v>8</v>
      </c>
      <c r="BF54" s="954" t="s">
        <v>1584</v>
      </c>
      <c r="BG54" s="1261">
        <v>44990.54</v>
      </c>
      <c r="BH54" s="977">
        <f t="shared" ref="BH54:CA54" si="52">Z54/(SUM($Z54:$AS54))</f>
        <v>5.4343933701242304E-2</v>
      </c>
      <c r="BI54" s="974">
        <f t="shared" si="52"/>
        <v>0</v>
      </c>
      <c r="BJ54" s="974">
        <f t="shared" si="52"/>
        <v>0.10450756481008136</v>
      </c>
      <c r="BK54" s="974">
        <f t="shared" si="52"/>
        <v>5.852423629364556E-2</v>
      </c>
      <c r="BL54" s="974">
        <f t="shared" si="52"/>
        <v>9.614695962527485E-2</v>
      </c>
      <c r="BM54" s="974">
        <f t="shared" si="52"/>
        <v>8.3606051848065088E-3</v>
      </c>
      <c r="BN54" s="974">
        <f t="shared" si="52"/>
        <v>0</v>
      </c>
      <c r="BO54" s="974">
        <f t="shared" si="52"/>
        <v>3.762272333162929E-2</v>
      </c>
      <c r="BP54" s="974">
        <f t="shared" si="52"/>
        <v>4.1803025924032544E-3</v>
      </c>
      <c r="BQ54" s="974">
        <f t="shared" si="52"/>
        <v>4.1803025924032539E-2</v>
      </c>
      <c r="BR54" s="974">
        <f t="shared" si="52"/>
        <v>0.51417721886560031</v>
      </c>
      <c r="BS54" s="974">
        <f t="shared" si="52"/>
        <v>1.6721210369613018E-2</v>
      </c>
      <c r="BT54" s="974">
        <f t="shared" si="52"/>
        <v>4.1803025924032544E-3</v>
      </c>
      <c r="BU54" s="974">
        <f t="shared" si="52"/>
        <v>0</v>
      </c>
      <c r="BV54" s="974">
        <f t="shared" si="52"/>
        <v>1.8393331406574317E-3</v>
      </c>
      <c r="BW54" s="974">
        <f t="shared" si="52"/>
        <v>1.205911019028871E-2</v>
      </c>
      <c r="BX54" s="974">
        <f t="shared" si="52"/>
        <v>1.2071462031538807E-3</v>
      </c>
      <c r="BY54" s="974">
        <f t="shared" si="52"/>
        <v>3.367200257496443E-2</v>
      </c>
      <c r="BZ54" s="974">
        <f t="shared" si="52"/>
        <v>4.2408866879453308E-4</v>
      </c>
      <c r="CA54" s="974">
        <f t="shared" si="52"/>
        <v>1.0230235931408883E-2</v>
      </c>
      <c r="CB54" s="973">
        <f t="shared" si="5"/>
        <v>1</v>
      </c>
    </row>
    <row r="55" spans="3:80" ht="129" hidden="1" x14ac:dyDescent="0.25">
      <c r="C55" s="597"/>
      <c r="D55" s="597" t="s">
        <v>66</v>
      </c>
      <c r="E55" s="597"/>
      <c r="F55" s="597"/>
      <c r="G55" s="597"/>
      <c r="H55" s="499" t="s">
        <v>1696</v>
      </c>
      <c r="I55" s="499" t="s">
        <v>952</v>
      </c>
      <c r="J55" s="499" t="s">
        <v>953</v>
      </c>
      <c r="K55" s="499" t="s">
        <v>253</v>
      </c>
      <c r="L55" s="499" t="s">
        <v>253</v>
      </c>
      <c r="M55" s="499" t="s">
        <v>253</v>
      </c>
      <c r="N55" s="499" t="s">
        <v>1523</v>
      </c>
      <c r="O55" s="499">
        <v>3</v>
      </c>
      <c r="P55" s="499" t="s">
        <v>932</v>
      </c>
      <c r="Q55" s="499" t="s">
        <v>1490</v>
      </c>
      <c r="R55" s="499" t="s">
        <v>1491</v>
      </c>
      <c r="S55" s="499" t="s">
        <v>1492</v>
      </c>
      <c r="T55" s="499" t="s">
        <v>1493</v>
      </c>
      <c r="U55" s="499" t="s">
        <v>1697</v>
      </c>
      <c r="V55" s="946" t="str">
        <f>_xlfn.XLOOKUP(H55, [5]GIS!D:D, [5]GIS!E:E, "Not mapped")</f>
        <v>Not mapped</v>
      </c>
      <c r="W55" s="499" t="s">
        <v>1698</v>
      </c>
      <c r="X55" s="1269" t="s">
        <v>1582</v>
      </c>
      <c r="Y55" s="1270" t="s">
        <v>1583</v>
      </c>
      <c r="Z55" s="1259" t="s">
        <v>1498</v>
      </c>
      <c r="AA55" s="1259" t="s">
        <v>1498</v>
      </c>
      <c r="AB55" s="1259" t="s">
        <v>1498</v>
      </c>
      <c r="AC55" s="1259" t="s">
        <v>1498</v>
      </c>
      <c r="AD55" s="1259" t="s">
        <v>1498</v>
      </c>
      <c r="AE55" s="1259" t="s">
        <v>1498</v>
      </c>
      <c r="AF55" s="1259" t="s">
        <v>1498</v>
      </c>
      <c r="AG55" s="1259" t="s">
        <v>1498</v>
      </c>
      <c r="AH55" s="1259" t="s">
        <v>1498</v>
      </c>
      <c r="AI55" s="1259" t="s">
        <v>1498</v>
      </c>
      <c r="AJ55" s="1259" t="s">
        <v>1498</v>
      </c>
      <c r="AK55" s="1259" t="s">
        <v>1498</v>
      </c>
      <c r="AL55" s="1259" t="s">
        <v>1498</v>
      </c>
      <c r="AM55" s="1259" t="s">
        <v>1498</v>
      </c>
      <c r="AN55" s="1259" t="s">
        <v>1498</v>
      </c>
      <c r="AO55" s="1259" t="s">
        <v>1498</v>
      </c>
      <c r="AP55" s="1259" t="s">
        <v>1498</v>
      </c>
      <c r="AQ55" s="1259" t="s">
        <v>1498</v>
      </c>
      <c r="AR55" s="1259" t="s">
        <v>1498</v>
      </c>
      <c r="AS55" s="1259" t="s">
        <v>1498</v>
      </c>
      <c r="AT55" s="1259" t="s">
        <v>1498</v>
      </c>
      <c r="AU55" s="1259" t="s">
        <v>1498</v>
      </c>
      <c r="AV55" s="1259" t="s">
        <v>1498</v>
      </c>
      <c r="AW55" s="1259" t="s">
        <v>1498</v>
      </c>
      <c r="AX55" s="1259" t="s">
        <v>1498</v>
      </c>
      <c r="AY55" s="1259" t="s">
        <v>1498</v>
      </c>
      <c r="AZ55" s="905" t="s">
        <v>1699</v>
      </c>
      <c r="BA55" s="1275" t="s">
        <v>722</v>
      </c>
      <c r="BB55" s="953" t="s">
        <v>53</v>
      </c>
      <c r="BC55" s="1279" t="s">
        <v>1700</v>
      </c>
      <c r="BD55" s="1280">
        <v>0</v>
      </c>
      <c r="BE55" s="1280" t="s">
        <v>1500</v>
      </c>
      <c r="BF55" s="1280" t="s">
        <v>1701</v>
      </c>
      <c r="BG55" s="1261" t="s">
        <v>1700</v>
      </c>
      <c r="BH55" s="976" t="e">
        <f t="shared" ref="BH55:BU56" si="53">Z55/(SUM($Z55:$AY55))</f>
        <v>#VALUE!</v>
      </c>
      <c r="BI55" s="972" t="e">
        <f t="shared" si="53"/>
        <v>#VALUE!</v>
      </c>
      <c r="BJ55" s="972" t="e">
        <f t="shared" si="53"/>
        <v>#VALUE!</v>
      </c>
      <c r="BK55" s="972" t="e">
        <f t="shared" si="53"/>
        <v>#VALUE!</v>
      </c>
      <c r="BL55" s="972" t="e">
        <f t="shared" si="53"/>
        <v>#VALUE!</v>
      </c>
      <c r="BM55" s="972" t="e">
        <f t="shared" si="53"/>
        <v>#VALUE!</v>
      </c>
      <c r="BN55" s="972" t="e">
        <f t="shared" si="53"/>
        <v>#VALUE!</v>
      </c>
      <c r="BO55" s="972" t="e">
        <f t="shared" si="53"/>
        <v>#VALUE!</v>
      </c>
      <c r="BP55" s="972" t="e">
        <f t="shared" si="53"/>
        <v>#VALUE!</v>
      </c>
      <c r="BQ55" s="972" t="e">
        <f t="shared" si="53"/>
        <v>#VALUE!</v>
      </c>
      <c r="BR55" s="972" t="e">
        <f t="shared" si="53"/>
        <v>#VALUE!</v>
      </c>
      <c r="BS55" s="972" t="e">
        <f t="shared" si="53"/>
        <v>#VALUE!</v>
      </c>
      <c r="BT55" s="972" t="e">
        <f t="shared" si="53"/>
        <v>#VALUE!</v>
      </c>
      <c r="BU55" s="972" t="e">
        <f t="shared" si="53"/>
        <v>#VALUE!</v>
      </c>
      <c r="BV55" s="972" t="e">
        <f t="shared" ref="BV55:CA56" si="54">AM55/(SUM($Z55:$AY55))</f>
        <v>#VALUE!</v>
      </c>
      <c r="BW55" s="972" t="e">
        <f t="shared" si="54"/>
        <v>#VALUE!</v>
      </c>
      <c r="BX55" s="972" t="e">
        <f t="shared" si="54"/>
        <v>#VALUE!</v>
      </c>
      <c r="BY55" s="972" t="e">
        <f t="shared" si="54"/>
        <v>#VALUE!</v>
      </c>
      <c r="BZ55" s="972" t="e">
        <f t="shared" si="54"/>
        <v>#VALUE!</v>
      </c>
      <c r="CA55" s="972" t="e">
        <f t="shared" si="54"/>
        <v>#VALUE!</v>
      </c>
      <c r="CB55" s="973" t="e">
        <f t="shared" si="5"/>
        <v>#VALUE!</v>
      </c>
    </row>
    <row r="56" spans="3:80" ht="86.25" hidden="1" x14ac:dyDescent="0.25">
      <c r="C56" s="597"/>
      <c r="D56" s="597"/>
      <c r="E56" s="597"/>
      <c r="F56" s="597"/>
      <c r="G56" s="597"/>
      <c r="H56" s="499" t="s">
        <v>1702</v>
      </c>
      <c r="I56" s="499" t="s">
        <v>954</v>
      </c>
      <c r="J56" s="499" t="s">
        <v>955</v>
      </c>
      <c r="K56" s="499" t="s">
        <v>1704</v>
      </c>
      <c r="L56" s="499">
        <v>-0.46293049600000002</v>
      </c>
      <c r="M56" s="499" t="s">
        <v>1522</v>
      </c>
      <c r="N56" s="499" t="s">
        <v>1523</v>
      </c>
      <c r="O56" s="499">
        <v>3</v>
      </c>
      <c r="P56" s="499" t="s">
        <v>932</v>
      </c>
      <c r="Q56" s="499" t="s">
        <v>1490</v>
      </c>
      <c r="R56" s="499" t="s">
        <v>1491</v>
      </c>
      <c r="S56" s="499" t="s">
        <v>1492</v>
      </c>
      <c r="T56" s="499" t="s">
        <v>1705</v>
      </c>
      <c r="U56" s="499" t="s">
        <v>1706</v>
      </c>
      <c r="V56" s="946" t="str">
        <f>_xlfn.XLOOKUP(H56, [5]GIS!D:D, [5]GIS!E:E, "Not mapped")</f>
        <v>Single - Scenario 2</v>
      </c>
      <c r="W56" s="499" t="s">
        <v>1707</v>
      </c>
      <c r="X56" s="1272" t="s">
        <v>1618</v>
      </c>
      <c r="Y56" s="1272" t="s">
        <v>1619</v>
      </c>
      <c r="Z56" s="1259" t="s">
        <v>1498</v>
      </c>
      <c r="AA56" s="1259" t="s">
        <v>1498</v>
      </c>
      <c r="AB56" s="1259" t="s">
        <v>1498</v>
      </c>
      <c r="AC56" s="1259" t="s">
        <v>1498</v>
      </c>
      <c r="AD56" s="1259" t="s">
        <v>1498</v>
      </c>
      <c r="AE56" s="1259" t="s">
        <v>1498</v>
      </c>
      <c r="AF56" s="1259" t="s">
        <v>1498</v>
      </c>
      <c r="AG56" s="1259" t="s">
        <v>1498</v>
      </c>
      <c r="AH56" s="1259" t="s">
        <v>1498</v>
      </c>
      <c r="AI56" s="1259" t="s">
        <v>1498</v>
      </c>
      <c r="AJ56" s="1259" t="s">
        <v>1498</v>
      </c>
      <c r="AK56" s="1259" t="s">
        <v>1498</v>
      </c>
      <c r="AL56" s="1259" t="s">
        <v>1498</v>
      </c>
      <c r="AM56" s="1259" t="s">
        <v>1498</v>
      </c>
      <c r="AN56" s="1259" t="s">
        <v>1498</v>
      </c>
      <c r="AO56" s="1259" t="s">
        <v>1498</v>
      </c>
      <c r="AP56" s="1259" t="s">
        <v>1498</v>
      </c>
      <c r="AQ56" s="1259" t="s">
        <v>1498</v>
      </c>
      <c r="AR56" s="1259" t="s">
        <v>1498</v>
      </c>
      <c r="AS56" s="1259" t="s">
        <v>1498</v>
      </c>
      <c r="AT56" s="1259" t="s">
        <v>1498</v>
      </c>
      <c r="AU56" s="1259" t="s">
        <v>1498</v>
      </c>
      <c r="AV56" s="1259" t="s">
        <v>1498</v>
      </c>
      <c r="AW56" s="1259" t="s">
        <v>1498</v>
      </c>
      <c r="AX56" s="1259" t="s">
        <v>1498</v>
      </c>
      <c r="AY56" s="1259" t="s">
        <v>1498</v>
      </c>
      <c r="AZ56" s="905" t="s">
        <v>1663</v>
      </c>
      <c r="BA56" s="1275" t="s">
        <v>834</v>
      </c>
      <c r="BB56" s="953" t="s">
        <v>53</v>
      </c>
      <c r="BC56" s="980">
        <f>ROUND((VLOOKUP(H56,'[5]Cost Summary'!A:H,8,)),0.1)</f>
        <v>37570</v>
      </c>
      <c r="BD56" s="954">
        <v>0</v>
      </c>
      <c r="BE56" s="954" t="s">
        <v>1500</v>
      </c>
      <c r="BF56" s="954" t="s">
        <v>1708</v>
      </c>
      <c r="BG56" s="1261">
        <v>17526.259999999998</v>
      </c>
      <c r="BH56" s="976" t="e">
        <f t="shared" si="53"/>
        <v>#VALUE!</v>
      </c>
      <c r="BI56" s="972" t="e">
        <f t="shared" si="53"/>
        <v>#VALUE!</v>
      </c>
      <c r="BJ56" s="972" t="e">
        <f t="shared" si="53"/>
        <v>#VALUE!</v>
      </c>
      <c r="BK56" s="972" t="e">
        <f t="shared" si="53"/>
        <v>#VALUE!</v>
      </c>
      <c r="BL56" s="972" t="e">
        <f t="shared" si="53"/>
        <v>#VALUE!</v>
      </c>
      <c r="BM56" s="972" t="e">
        <f t="shared" si="53"/>
        <v>#VALUE!</v>
      </c>
      <c r="BN56" s="972" t="e">
        <f t="shared" si="53"/>
        <v>#VALUE!</v>
      </c>
      <c r="BO56" s="972" t="e">
        <f t="shared" si="53"/>
        <v>#VALUE!</v>
      </c>
      <c r="BP56" s="972" t="e">
        <f t="shared" si="53"/>
        <v>#VALUE!</v>
      </c>
      <c r="BQ56" s="972" t="e">
        <f t="shared" si="53"/>
        <v>#VALUE!</v>
      </c>
      <c r="BR56" s="972" t="e">
        <f t="shared" si="53"/>
        <v>#VALUE!</v>
      </c>
      <c r="BS56" s="972" t="e">
        <f t="shared" si="53"/>
        <v>#VALUE!</v>
      </c>
      <c r="BT56" s="972" t="e">
        <f t="shared" si="53"/>
        <v>#VALUE!</v>
      </c>
      <c r="BU56" s="972" t="e">
        <f t="shared" si="53"/>
        <v>#VALUE!</v>
      </c>
      <c r="BV56" s="972" t="e">
        <f t="shared" si="54"/>
        <v>#VALUE!</v>
      </c>
      <c r="BW56" s="972" t="e">
        <f t="shared" si="54"/>
        <v>#VALUE!</v>
      </c>
      <c r="BX56" s="972" t="e">
        <f t="shared" si="54"/>
        <v>#VALUE!</v>
      </c>
      <c r="BY56" s="972" t="e">
        <f t="shared" si="54"/>
        <v>#VALUE!</v>
      </c>
      <c r="BZ56" s="972" t="e">
        <f t="shared" si="54"/>
        <v>#VALUE!</v>
      </c>
      <c r="CA56" s="972" t="e">
        <f t="shared" si="54"/>
        <v>#VALUE!</v>
      </c>
      <c r="CB56" s="973" t="e">
        <f t="shared" si="5"/>
        <v>#VALUE!</v>
      </c>
    </row>
    <row r="57" spans="3:80" ht="75" x14ac:dyDescent="0.25">
      <c r="C57" s="597"/>
      <c r="D57" s="597" t="s">
        <v>66</v>
      </c>
      <c r="E57" s="597"/>
      <c r="F57" s="597"/>
      <c r="G57" s="597"/>
      <c r="H57" s="499" t="s">
        <v>1714</v>
      </c>
      <c r="I57" s="499" t="s">
        <v>913</v>
      </c>
      <c r="J57" s="499" t="s">
        <v>911</v>
      </c>
      <c r="K57" s="499">
        <v>51.747992869999997</v>
      </c>
      <c r="L57" s="499">
        <v>-0.46707372400000002</v>
      </c>
      <c r="M57" s="499" t="s">
        <v>1522</v>
      </c>
      <c r="N57" s="499" t="s">
        <v>1489</v>
      </c>
      <c r="O57" s="499">
        <v>1</v>
      </c>
      <c r="P57" s="499" t="s">
        <v>900</v>
      </c>
      <c r="Q57" s="499" t="s">
        <v>1616</v>
      </c>
      <c r="R57" s="499" t="s">
        <v>1491</v>
      </c>
      <c r="S57" s="499" t="s">
        <v>1492</v>
      </c>
      <c r="T57" s="499" t="s">
        <v>1493</v>
      </c>
      <c r="U57" s="499" t="s">
        <v>1504</v>
      </c>
      <c r="V57" s="946" t="str">
        <f>_xlfn.XLOOKUP(H57, [5]GIS!D:D, [5]GIS!E:E, "Not mapped")</f>
        <v>Single - Scenario 2</v>
      </c>
      <c r="W57" s="1262" t="s">
        <v>1495</v>
      </c>
      <c r="X57" s="987" t="s">
        <v>2618</v>
      </c>
      <c r="Y57" s="987" t="s">
        <v>1526</v>
      </c>
      <c r="Z57" s="949">
        <v>23</v>
      </c>
      <c r="AA57" s="949">
        <v>33</v>
      </c>
      <c r="AB57" s="949">
        <v>25</v>
      </c>
      <c r="AC57" s="949">
        <v>25</v>
      </c>
      <c r="AD57" s="949">
        <v>23</v>
      </c>
      <c r="AE57" s="950">
        <v>2</v>
      </c>
      <c r="AF57" s="950">
        <v>46</v>
      </c>
      <c r="AG57" s="950">
        <v>9</v>
      </c>
      <c r="AH57" s="950">
        <v>3</v>
      </c>
      <c r="AI57" s="950">
        <v>10</v>
      </c>
      <c r="AJ57" s="950">
        <v>123</v>
      </c>
      <c r="AK57" s="950">
        <v>5</v>
      </c>
      <c r="AL57" s="950">
        <v>1</v>
      </c>
      <c r="AM57" s="950">
        <v>0</v>
      </c>
      <c r="AN57" s="951">
        <f>AT57*[5]TripRateCalculations!O$4</f>
        <v>0.66</v>
      </c>
      <c r="AO57" s="951">
        <f>AU57*[5]TripRateCalculations!P$4</f>
        <v>2.8067796610169493</v>
      </c>
      <c r="AP57" s="951">
        <f>AV57*[5]TripRateCalculations!Q$4</f>
        <v>0.28877005347593582</v>
      </c>
      <c r="AQ57" s="951">
        <f>AW57*[5]TripRateCalculations!R$4</f>
        <v>8.0549199084668199</v>
      </c>
      <c r="AR57" s="951">
        <f>AX57*[5]TripRateCalculations!S$4</f>
        <v>0.20289855072463769</v>
      </c>
      <c r="AS57" s="951">
        <f>AY57*[5]TripRateCalculations!T$4</f>
        <v>2.4724770642201834</v>
      </c>
      <c r="AT57" s="950">
        <v>3</v>
      </c>
      <c r="AU57" s="950">
        <v>36</v>
      </c>
      <c r="AV57" s="950">
        <v>1</v>
      </c>
      <c r="AW57" s="950">
        <v>55</v>
      </c>
      <c r="AX57" s="950">
        <v>2</v>
      </c>
      <c r="AY57" s="950">
        <v>98</v>
      </c>
      <c r="AZ57" s="905" t="s">
        <v>1695</v>
      </c>
      <c r="BA57" s="499" t="s">
        <v>834</v>
      </c>
      <c r="BB57" s="953" t="s">
        <v>53</v>
      </c>
      <c r="BC57" s="980">
        <f>ROUND((VLOOKUP(H57,'[5]Cost Summary'!A:H,8,)),0.1)</f>
        <v>69251</v>
      </c>
      <c r="BD57" s="499">
        <v>1</v>
      </c>
      <c r="BE57" s="499">
        <v>8</v>
      </c>
      <c r="BF57" s="954" t="s">
        <v>1584</v>
      </c>
      <c r="BG57" s="1261">
        <v>44990.54</v>
      </c>
      <c r="BH57" s="977">
        <f t="shared" ref="BH57:CA57" si="55">Z57/(SUM($Z57:$AS57))</f>
        <v>6.7156060081908692E-2</v>
      </c>
      <c r="BI57" s="974">
        <f t="shared" si="55"/>
        <v>9.6354347074042904E-2</v>
      </c>
      <c r="BJ57" s="974">
        <f t="shared" si="55"/>
        <v>7.2995717480335523E-2</v>
      </c>
      <c r="BK57" s="974">
        <f t="shared" si="55"/>
        <v>7.2995717480335523E-2</v>
      </c>
      <c r="BL57" s="974">
        <f t="shared" si="55"/>
        <v>6.7156060081908692E-2</v>
      </c>
      <c r="BM57" s="974">
        <f t="shared" si="55"/>
        <v>5.8396573984268426E-3</v>
      </c>
      <c r="BN57" s="974">
        <f t="shared" si="55"/>
        <v>0.13431212016381738</v>
      </c>
      <c r="BO57" s="974">
        <f t="shared" si="55"/>
        <v>2.6278458292920789E-2</v>
      </c>
      <c r="BP57" s="974">
        <f t="shared" si="55"/>
        <v>8.7594860976402626E-3</v>
      </c>
      <c r="BQ57" s="974">
        <f t="shared" si="55"/>
        <v>2.9198286992134212E-2</v>
      </c>
      <c r="BR57" s="974">
        <f t="shared" si="55"/>
        <v>0.35913893000325081</v>
      </c>
      <c r="BS57" s="974">
        <f t="shared" si="55"/>
        <v>1.4599143496067106E-2</v>
      </c>
      <c r="BT57" s="974">
        <f t="shared" si="55"/>
        <v>2.9198286992134213E-3</v>
      </c>
      <c r="BU57" s="974">
        <f t="shared" si="55"/>
        <v>0</v>
      </c>
      <c r="BV57" s="974">
        <f t="shared" si="55"/>
        <v>1.9270869414808581E-3</v>
      </c>
      <c r="BW57" s="974">
        <f t="shared" si="55"/>
        <v>8.1953158066058063E-3</v>
      </c>
      <c r="BX57" s="974">
        <f t="shared" si="55"/>
        <v>8.4315908961243174E-4</v>
      </c>
      <c r="BY57" s="974">
        <f t="shared" si="55"/>
        <v>2.3518986318606962E-2</v>
      </c>
      <c r="BZ57" s="974">
        <f t="shared" si="55"/>
        <v>5.9242901143460717E-4</v>
      </c>
      <c r="CA57" s="974">
        <f t="shared" si="55"/>
        <v>7.2192094902570362E-3</v>
      </c>
      <c r="CB57" s="973">
        <f t="shared" si="5"/>
        <v>0.99999999999999956</v>
      </c>
    </row>
    <row r="58" spans="3:80" ht="165" hidden="1" x14ac:dyDescent="0.25">
      <c r="C58" s="597"/>
      <c r="D58" s="597"/>
      <c r="E58" s="597"/>
      <c r="F58" s="597"/>
      <c r="G58" s="597"/>
      <c r="H58" s="499" t="s">
        <v>1711</v>
      </c>
      <c r="I58" s="499" t="s">
        <v>959</v>
      </c>
      <c r="J58" s="499" t="s">
        <v>960</v>
      </c>
      <c r="K58" s="499" t="s">
        <v>1521</v>
      </c>
      <c r="L58" s="499" t="s">
        <v>1521</v>
      </c>
      <c r="M58" s="499" t="s">
        <v>1522</v>
      </c>
      <c r="N58" s="499" t="s">
        <v>1523</v>
      </c>
      <c r="O58" s="499">
        <v>1</v>
      </c>
      <c r="P58" s="499" t="s">
        <v>870</v>
      </c>
      <c r="Q58" s="499" t="s">
        <v>1616</v>
      </c>
      <c r="R58" s="499" t="s">
        <v>1491</v>
      </c>
      <c r="S58" s="499" t="s">
        <v>1492</v>
      </c>
      <c r="T58" s="499" t="s">
        <v>1493</v>
      </c>
      <c r="U58" s="499" t="s">
        <v>1697</v>
      </c>
      <c r="V58" s="946" t="str">
        <f>_xlfn.XLOOKUP(H58, [5]GIS!D:D, [5]GIS!E:E, "Not mapped")</f>
        <v>Not mapped</v>
      </c>
      <c r="W58" s="1262" t="s">
        <v>1712</v>
      </c>
      <c r="X58" s="1269" t="s">
        <v>1582</v>
      </c>
      <c r="Y58" s="1270" t="s">
        <v>1583</v>
      </c>
      <c r="Z58" s="1259" t="s">
        <v>1498</v>
      </c>
      <c r="AA58" s="1259" t="s">
        <v>1498</v>
      </c>
      <c r="AB58" s="1259" t="s">
        <v>1498</v>
      </c>
      <c r="AC58" s="1259" t="s">
        <v>1498</v>
      </c>
      <c r="AD58" s="1259" t="s">
        <v>1498</v>
      </c>
      <c r="AE58" s="1259" t="s">
        <v>1498</v>
      </c>
      <c r="AF58" s="1259" t="s">
        <v>1498</v>
      </c>
      <c r="AG58" s="1259" t="s">
        <v>1498</v>
      </c>
      <c r="AH58" s="1259" t="s">
        <v>1498</v>
      </c>
      <c r="AI58" s="1259" t="s">
        <v>1498</v>
      </c>
      <c r="AJ58" s="1259" t="s">
        <v>1498</v>
      </c>
      <c r="AK58" s="1259" t="s">
        <v>1498</v>
      </c>
      <c r="AL58" s="1259" t="s">
        <v>1498</v>
      </c>
      <c r="AM58" s="1259" t="s">
        <v>1498</v>
      </c>
      <c r="AN58" s="1259" t="s">
        <v>1498</v>
      </c>
      <c r="AO58" s="1259" t="s">
        <v>1498</v>
      </c>
      <c r="AP58" s="1259" t="s">
        <v>1498</v>
      </c>
      <c r="AQ58" s="1259" t="s">
        <v>1498</v>
      </c>
      <c r="AR58" s="1259" t="s">
        <v>1498</v>
      </c>
      <c r="AS58" s="1259" t="s">
        <v>1498</v>
      </c>
      <c r="AT58" s="1259" t="s">
        <v>1498</v>
      </c>
      <c r="AU58" s="1259" t="s">
        <v>1498</v>
      </c>
      <c r="AV58" s="1259" t="s">
        <v>1498</v>
      </c>
      <c r="AW58" s="1259" t="s">
        <v>1498</v>
      </c>
      <c r="AX58" s="1259" t="s">
        <v>1498</v>
      </c>
      <c r="AY58" s="1259" t="s">
        <v>1498</v>
      </c>
      <c r="AZ58" s="905" t="s">
        <v>1699</v>
      </c>
      <c r="BA58" s="499" t="s">
        <v>722</v>
      </c>
      <c r="BB58" s="953" t="s">
        <v>912</v>
      </c>
      <c r="BC58" s="1279" t="s">
        <v>1700</v>
      </c>
      <c r="BD58" s="1280">
        <v>0</v>
      </c>
      <c r="BE58" s="1280" t="s">
        <v>1500</v>
      </c>
      <c r="BF58" s="1280" t="s">
        <v>1701</v>
      </c>
      <c r="BG58" s="1261" t="s">
        <v>1700</v>
      </c>
      <c r="BH58" s="976" t="e">
        <f t="shared" ref="BH58:BU59" si="56">Z58/(SUM($Z58:$AY58))</f>
        <v>#VALUE!</v>
      </c>
      <c r="BI58" s="972" t="e">
        <f t="shared" si="56"/>
        <v>#VALUE!</v>
      </c>
      <c r="BJ58" s="972" t="e">
        <f t="shared" si="56"/>
        <v>#VALUE!</v>
      </c>
      <c r="BK58" s="972" t="e">
        <f t="shared" si="56"/>
        <v>#VALUE!</v>
      </c>
      <c r="BL58" s="972" t="e">
        <f t="shared" si="56"/>
        <v>#VALUE!</v>
      </c>
      <c r="BM58" s="972" t="e">
        <f t="shared" si="56"/>
        <v>#VALUE!</v>
      </c>
      <c r="BN58" s="972" t="e">
        <f t="shared" si="56"/>
        <v>#VALUE!</v>
      </c>
      <c r="BO58" s="972" t="e">
        <f t="shared" si="56"/>
        <v>#VALUE!</v>
      </c>
      <c r="BP58" s="972" t="e">
        <f t="shared" si="56"/>
        <v>#VALUE!</v>
      </c>
      <c r="BQ58" s="972" t="e">
        <f t="shared" si="56"/>
        <v>#VALUE!</v>
      </c>
      <c r="BR58" s="972" t="e">
        <f t="shared" si="56"/>
        <v>#VALUE!</v>
      </c>
      <c r="BS58" s="972" t="e">
        <f t="shared" si="56"/>
        <v>#VALUE!</v>
      </c>
      <c r="BT58" s="972" t="e">
        <f t="shared" si="56"/>
        <v>#VALUE!</v>
      </c>
      <c r="BU58" s="972" t="e">
        <f t="shared" si="56"/>
        <v>#VALUE!</v>
      </c>
      <c r="BV58" s="972" t="e">
        <f t="shared" ref="BV58:CA59" si="57">AM58/(SUM($Z58:$AY58))</f>
        <v>#VALUE!</v>
      </c>
      <c r="BW58" s="972" t="e">
        <f t="shared" si="57"/>
        <v>#VALUE!</v>
      </c>
      <c r="BX58" s="972" t="e">
        <f t="shared" si="57"/>
        <v>#VALUE!</v>
      </c>
      <c r="BY58" s="972" t="e">
        <f t="shared" si="57"/>
        <v>#VALUE!</v>
      </c>
      <c r="BZ58" s="972" t="e">
        <f t="shared" si="57"/>
        <v>#VALUE!</v>
      </c>
      <c r="CA58" s="972" t="e">
        <f t="shared" si="57"/>
        <v>#VALUE!</v>
      </c>
      <c r="CB58" s="973" t="e">
        <f t="shared" si="5"/>
        <v>#VALUE!</v>
      </c>
    </row>
    <row r="59" spans="3:80" ht="165" hidden="1" x14ac:dyDescent="0.25">
      <c r="C59" s="597"/>
      <c r="D59" s="597"/>
      <c r="E59" s="597"/>
      <c r="F59" s="597"/>
      <c r="G59" s="597"/>
      <c r="H59" s="499" t="s">
        <v>1713</v>
      </c>
      <c r="I59" s="499" t="s">
        <v>961</v>
      </c>
      <c r="J59" s="499" t="s">
        <v>962</v>
      </c>
      <c r="K59" s="499" t="s">
        <v>1521</v>
      </c>
      <c r="L59" s="499" t="s">
        <v>1521</v>
      </c>
      <c r="M59" s="499" t="s">
        <v>1522</v>
      </c>
      <c r="N59" s="499" t="s">
        <v>1523</v>
      </c>
      <c r="O59" s="499">
        <v>2</v>
      </c>
      <c r="P59" s="499" t="s">
        <v>870</v>
      </c>
      <c r="Q59" s="499" t="s">
        <v>1490</v>
      </c>
      <c r="R59" s="499" t="s">
        <v>1491</v>
      </c>
      <c r="S59" s="499" t="s">
        <v>1492</v>
      </c>
      <c r="T59" s="499" t="s">
        <v>1493</v>
      </c>
      <c r="U59" s="499" t="s">
        <v>1697</v>
      </c>
      <c r="V59" s="946" t="str">
        <f>_xlfn.XLOOKUP(H59, [5]GIS!D:D, [5]GIS!E:E, "Not mapped")</f>
        <v>Not mapped</v>
      </c>
      <c r="W59" s="1262" t="s">
        <v>1712</v>
      </c>
      <c r="X59" s="1269" t="s">
        <v>1582</v>
      </c>
      <c r="Y59" s="1270" t="s">
        <v>1583</v>
      </c>
      <c r="Z59" s="1259" t="s">
        <v>1498</v>
      </c>
      <c r="AA59" s="1259" t="s">
        <v>1498</v>
      </c>
      <c r="AB59" s="1259" t="s">
        <v>1498</v>
      </c>
      <c r="AC59" s="1259" t="s">
        <v>1498</v>
      </c>
      <c r="AD59" s="1259" t="s">
        <v>1498</v>
      </c>
      <c r="AE59" s="1259" t="s">
        <v>1498</v>
      </c>
      <c r="AF59" s="1259" t="s">
        <v>1498</v>
      </c>
      <c r="AG59" s="1259" t="s">
        <v>1498</v>
      </c>
      <c r="AH59" s="1259" t="s">
        <v>1498</v>
      </c>
      <c r="AI59" s="1259" t="s">
        <v>1498</v>
      </c>
      <c r="AJ59" s="1259" t="s">
        <v>1498</v>
      </c>
      <c r="AK59" s="1259" t="s">
        <v>1498</v>
      </c>
      <c r="AL59" s="1259" t="s">
        <v>1498</v>
      </c>
      <c r="AM59" s="1259" t="s">
        <v>1498</v>
      </c>
      <c r="AN59" s="1259" t="s">
        <v>1498</v>
      </c>
      <c r="AO59" s="1259" t="s">
        <v>1498</v>
      </c>
      <c r="AP59" s="1259" t="s">
        <v>1498</v>
      </c>
      <c r="AQ59" s="1259" t="s">
        <v>1498</v>
      </c>
      <c r="AR59" s="1259" t="s">
        <v>1498</v>
      </c>
      <c r="AS59" s="1259" t="s">
        <v>1498</v>
      </c>
      <c r="AT59" s="1259" t="s">
        <v>1498</v>
      </c>
      <c r="AU59" s="1259" t="s">
        <v>1498</v>
      </c>
      <c r="AV59" s="1259" t="s">
        <v>1498</v>
      </c>
      <c r="AW59" s="1259" t="s">
        <v>1498</v>
      </c>
      <c r="AX59" s="1259" t="s">
        <v>1498</v>
      </c>
      <c r="AY59" s="1259" t="s">
        <v>1498</v>
      </c>
      <c r="AZ59" s="905" t="s">
        <v>1699</v>
      </c>
      <c r="BA59" s="499" t="s">
        <v>722</v>
      </c>
      <c r="BB59" s="953" t="s">
        <v>912</v>
      </c>
      <c r="BC59" s="1279" t="s">
        <v>1700</v>
      </c>
      <c r="BD59" s="1280">
        <v>0</v>
      </c>
      <c r="BE59" s="1280" t="s">
        <v>1500</v>
      </c>
      <c r="BF59" s="1280" t="s">
        <v>1701</v>
      </c>
      <c r="BG59" s="1261" t="s">
        <v>1700</v>
      </c>
      <c r="BH59" s="976" t="e">
        <f t="shared" si="56"/>
        <v>#VALUE!</v>
      </c>
      <c r="BI59" s="972" t="e">
        <f t="shared" si="56"/>
        <v>#VALUE!</v>
      </c>
      <c r="BJ59" s="972" t="e">
        <f t="shared" si="56"/>
        <v>#VALUE!</v>
      </c>
      <c r="BK59" s="972" t="e">
        <f t="shared" si="56"/>
        <v>#VALUE!</v>
      </c>
      <c r="BL59" s="972" t="e">
        <f t="shared" si="56"/>
        <v>#VALUE!</v>
      </c>
      <c r="BM59" s="972" t="e">
        <f t="shared" si="56"/>
        <v>#VALUE!</v>
      </c>
      <c r="BN59" s="972" t="e">
        <f t="shared" si="56"/>
        <v>#VALUE!</v>
      </c>
      <c r="BO59" s="972" t="e">
        <f t="shared" si="56"/>
        <v>#VALUE!</v>
      </c>
      <c r="BP59" s="972" t="e">
        <f t="shared" si="56"/>
        <v>#VALUE!</v>
      </c>
      <c r="BQ59" s="972" t="e">
        <f t="shared" si="56"/>
        <v>#VALUE!</v>
      </c>
      <c r="BR59" s="972" t="e">
        <f t="shared" si="56"/>
        <v>#VALUE!</v>
      </c>
      <c r="BS59" s="972" t="e">
        <f t="shared" si="56"/>
        <v>#VALUE!</v>
      </c>
      <c r="BT59" s="972" t="e">
        <f t="shared" si="56"/>
        <v>#VALUE!</v>
      </c>
      <c r="BU59" s="972" t="e">
        <f t="shared" si="56"/>
        <v>#VALUE!</v>
      </c>
      <c r="BV59" s="972" t="e">
        <f t="shared" si="57"/>
        <v>#VALUE!</v>
      </c>
      <c r="BW59" s="972" t="e">
        <f t="shared" si="57"/>
        <v>#VALUE!</v>
      </c>
      <c r="BX59" s="972" t="e">
        <f t="shared" si="57"/>
        <v>#VALUE!</v>
      </c>
      <c r="BY59" s="972" t="e">
        <f t="shared" si="57"/>
        <v>#VALUE!</v>
      </c>
      <c r="BZ59" s="972" t="e">
        <f t="shared" si="57"/>
        <v>#VALUE!</v>
      </c>
      <c r="CA59" s="972" t="e">
        <f t="shared" si="57"/>
        <v>#VALUE!</v>
      </c>
      <c r="CB59" s="973" t="e">
        <f t="shared" si="5"/>
        <v>#VALUE!</v>
      </c>
    </row>
    <row r="60" spans="3:80" ht="75" x14ac:dyDescent="0.25">
      <c r="C60" s="597"/>
      <c r="D60" s="597" t="s">
        <v>66</v>
      </c>
      <c r="E60" s="597"/>
      <c r="F60" s="597"/>
      <c r="G60" s="597"/>
      <c r="H60" s="499" t="s">
        <v>1724</v>
      </c>
      <c r="I60" s="499" t="s">
        <v>914</v>
      </c>
      <c r="J60" s="499" t="s">
        <v>911</v>
      </c>
      <c r="K60" s="499">
        <v>51.749037430000001</v>
      </c>
      <c r="L60" s="499">
        <v>-0.44816080699999999</v>
      </c>
      <c r="M60" s="499" t="s">
        <v>1522</v>
      </c>
      <c r="N60" s="499" t="s">
        <v>1489</v>
      </c>
      <c r="O60" s="499">
        <v>1</v>
      </c>
      <c r="P60" s="499" t="s">
        <v>900</v>
      </c>
      <c r="Q60" s="499" t="s">
        <v>1616</v>
      </c>
      <c r="R60" s="499" t="s">
        <v>1491</v>
      </c>
      <c r="S60" s="499" t="s">
        <v>1492</v>
      </c>
      <c r="T60" s="499" t="s">
        <v>1493</v>
      </c>
      <c r="U60" s="499" t="s">
        <v>1504</v>
      </c>
      <c r="V60" s="946" t="str">
        <f>_xlfn.XLOOKUP(H60, [5]GIS!D:D, [5]GIS!E:E, "Not mapped")</f>
        <v>Multiple - Scenario 2</v>
      </c>
      <c r="W60" s="1262" t="s">
        <v>1495</v>
      </c>
      <c r="X60" s="987" t="s">
        <v>2618</v>
      </c>
      <c r="Y60" s="987" t="s">
        <v>1526</v>
      </c>
      <c r="Z60" s="949">
        <v>21</v>
      </c>
      <c r="AA60" s="949">
        <v>28</v>
      </c>
      <c r="AB60" s="949">
        <v>22</v>
      </c>
      <c r="AC60" s="949">
        <v>24</v>
      </c>
      <c r="AD60" s="949">
        <v>21</v>
      </c>
      <c r="AE60" s="950">
        <v>40</v>
      </c>
      <c r="AF60" s="950">
        <v>44</v>
      </c>
      <c r="AG60" s="950">
        <v>67</v>
      </c>
      <c r="AH60" s="950">
        <v>1</v>
      </c>
      <c r="AI60" s="950">
        <v>12</v>
      </c>
      <c r="AJ60" s="950">
        <v>213</v>
      </c>
      <c r="AK60" s="950">
        <v>27</v>
      </c>
      <c r="AL60" s="950">
        <v>0</v>
      </c>
      <c r="AM60" s="950">
        <v>6</v>
      </c>
      <c r="AN60" s="951">
        <f>AT60*[5]TripRateCalculations!O$4</f>
        <v>0.66</v>
      </c>
      <c r="AO60" s="951">
        <f>AU60*[5]TripRateCalculations!P$4</f>
        <v>2.1830508474576273</v>
      </c>
      <c r="AP60" s="951">
        <f>AV60*[5]TripRateCalculations!Q$4</f>
        <v>2.5989304812834222</v>
      </c>
      <c r="AQ60" s="951">
        <f>AW60*[5]TripRateCalculations!R$4</f>
        <v>0.4393592677345538</v>
      </c>
      <c r="AR60" s="951">
        <f>AX60*[5]TripRateCalculations!S$4</f>
        <v>0.81159420289855078</v>
      </c>
      <c r="AS60" s="951">
        <f>AY60*[5]TripRateCalculations!T$4</f>
        <v>3.607798165137615</v>
      </c>
      <c r="AT60" s="950">
        <v>3</v>
      </c>
      <c r="AU60" s="950">
        <v>28</v>
      </c>
      <c r="AV60" s="950">
        <v>9</v>
      </c>
      <c r="AW60" s="950">
        <v>3</v>
      </c>
      <c r="AX60" s="950">
        <v>8</v>
      </c>
      <c r="AY60" s="950">
        <v>143</v>
      </c>
      <c r="AZ60" s="905" t="s">
        <v>1642</v>
      </c>
      <c r="BA60" s="499" t="s">
        <v>834</v>
      </c>
      <c r="BB60" s="953" t="s">
        <v>53</v>
      </c>
      <c r="BC60" s="980">
        <f>ROUND((VLOOKUP(H60,'[5]Cost Summary'!A:H,8,)),0.1)</f>
        <v>67129</v>
      </c>
      <c r="BD60" s="499">
        <v>1</v>
      </c>
      <c r="BE60" s="499">
        <v>8</v>
      </c>
      <c r="BF60" s="954" t="s">
        <v>1584</v>
      </c>
      <c r="BG60" s="1261">
        <v>43612.2</v>
      </c>
      <c r="BH60" s="977">
        <f t="shared" ref="BH60:CA60" si="58">Z60/(SUM($Z60:$AS60))</f>
        <v>3.9157134624668917E-2</v>
      </c>
      <c r="BI60" s="974">
        <f t="shared" si="58"/>
        <v>5.2209512832891894E-2</v>
      </c>
      <c r="BJ60" s="974">
        <f t="shared" si="58"/>
        <v>4.102176008298649E-2</v>
      </c>
      <c r="BK60" s="974">
        <f t="shared" si="58"/>
        <v>4.4751010999621622E-2</v>
      </c>
      <c r="BL60" s="974">
        <f t="shared" si="58"/>
        <v>3.9157134624668917E-2</v>
      </c>
      <c r="BM60" s="974">
        <f t="shared" si="58"/>
        <v>7.4585018332702702E-2</v>
      </c>
      <c r="BN60" s="974">
        <f t="shared" si="58"/>
        <v>8.204352016597298E-2</v>
      </c>
      <c r="BO60" s="974">
        <f t="shared" si="58"/>
        <v>0.12492990570727702</v>
      </c>
      <c r="BP60" s="974">
        <f t="shared" si="58"/>
        <v>1.8646254583175677E-3</v>
      </c>
      <c r="BQ60" s="974">
        <f t="shared" si="58"/>
        <v>2.2375505499810811E-2</v>
      </c>
      <c r="BR60" s="974">
        <f t="shared" si="58"/>
        <v>0.39716522262164189</v>
      </c>
      <c r="BS60" s="974">
        <f t="shared" si="58"/>
        <v>5.0344887374574328E-2</v>
      </c>
      <c r="BT60" s="974">
        <f t="shared" si="58"/>
        <v>0</v>
      </c>
      <c r="BU60" s="974">
        <f t="shared" si="58"/>
        <v>1.1187752749905406E-2</v>
      </c>
      <c r="BV60" s="974">
        <f t="shared" si="58"/>
        <v>1.2306528024895946E-3</v>
      </c>
      <c r="BW60" s="974">
        <f t="shared" si="58"/>
        <v>4.0705721869712325E-3</v>
      </c>
      <c r="BX60" s="974">
        <f t="shared" si="58"/>
        <v>4.8460319397985972E-3</v>
      </c>
      <c r="BY60" s="974">
        <f t="shared" si="58"/>
        <v>8.1924047596561333E-4</v>
      </c>
      <c r="BZ60" s="974">
        <f t="shared" si="58"/>
        <v>1.5133192125475912E-3</v>
      </c>
      <c r="CA60" s="974">
        <f t="shared" si="58"/>
        <v>6.7271923071870049E-3</v>
      </c>
      <c r="CB60" s="973">
        <f t="shared" si="5"/>
        <v>1.0000000000000002</v>
      </c>
    </row>
    <row r="61" spans="3:80" ht="135" hidden="1" x14ac:dyDescent="0.25">
      <c r="C61" s="597"/>
      <c r="D61" s="597" t="s">
        <v>66</v>
      </c>
      <c r="E61" s="597"/>
      <c r="F61" s="597" t="s">
        <v>66</v>
      </c>
      <c r="G61" s="597"/>
      <c r="H61" s="1281" t="s">
        <v>1716</v>
      </c>
      <c r="I61" s="1281" t="s">
        <v>967</v>
      </c>
      <c r="J61" s="1281" t="s">
        <v>968</v>
      </c>
      <c r="K61" s="1281">
        <v>51.74947633</v>
      </c>
      <c r="L61" s="1281">
        <v>-0.47001127300000001</v>
      </c>
      <c r="M61" s="1281" t="s">
        <v>253</v>
      </c>
      <c r="N61" s="1281" t="s">
        <v>1523</v>
      </c>
      <c r="O61" s="1281"/>
      <c r="P61" s="1281" t="s">
        <v>900</v>
      </c>
      <c r="Q61" s="1281" t="s">
        <v>1490</v>
      </c>
      <c r="R61" s="1281" t="s">
        <v>1491</v>
      </c>
      <c r="S61" s="1281" t="s">
        <v>1717</v>
      </c>
      <c r="T61" s="1281" t="s">
        <v>1493</v>
      </c>
      <c r="U61" s="1281" t="s">
        <v>1697</v>
      </c>
      <c r="V61" s="958" t="str">
        <f>_xlfn.XLOOKUP(H61, [5]GIS!D:D, [5]GIS!E:E, "Not mapped")</f>
        <v>Not mapped</v>
      </c>
      <c r="W61" s="1281" t="s">
        <v>1718</v>
      </c>
      <c r="X61" s="1282"/>
      <c r="Y61" s="1283" t="s">
        <v>1719</v>
      </c>
      <c r="Z61" s="1281"/>
      <c r="AA61" s="1281"/>
      <c r="AB61" s="1281"/>
      <c r="AC61" s="1281"/>
      <c r="AD61" s="1281"/>
      <c r="AE61" s="1281"/>
      <c r="AF61" s="1281"/>
      <c r="AG61" s="1281"/>
      <c r="AH61" s="959"/>
      <c r="AI61" s="1284"/>
      <c r="AJ61" s="1284"/>
      <c r="AK61" s="1284"/>
      <c r="AL61" s="1284"/>
      <c r="AM61" s="1284"/>
      <c r="AN61" s="1284"/>
      <c r="AO61" s="1284"/>
      <c r="AP61" s="1284"/>
      <c r="AQ61" s="1284"/>
      <c r="AR61" s="1284"/>
      <c r="AS61" s="1284"/>
      <c r="AT61" s="1284"/>
      <c r="AU61" s="1284"/>
      <c r="AV61" s="1284"/>
      <c r="AW61" s="1284"/>
      <c r="AX61" s="1285"/>
      <c r="AY61" s="1284"/>
      <c r="AZ61" s="1286" t="s">
        <v>1720</v>
      </c>
      <c r="BA61" s="1281" t="s">
        <v>722</v>
      </c>
      <c r="BB61" s="1282" t="s">
        <v>53</v>
      </c>
      <c r="BC61" s="1287" t="s">
        <v>1700</v>
      </c>
      <c r="BD61" s="1263">
        <v>0</v>
      </c>
      <c r="BE61" s="1263" t="s">
        <v>1500</v>
      </c>
      <c r="BF61" s="1288" t="s">
        <v>1721</v>
      </c>
      <c r="BG61" s="978">
        <v>370629.19</v>
      </c>
      <c r="BH61" s="976" t="e">
        <f t="shared" ref="BH61:BU62" si="59">Z61/(SUM($Z61:$AY61))</f>
        <v>#DIV/0!</v>
      </c>
      <c r="BI61" s="972" t="e">
        <f t="shared" si="59"/>
        <v>#DIV/0!</v>
      </c>
      <c r="BJ61" s="972" t="e">
        <f t="shared" si="59"/>
        <v>#DIV/0!</v>
      </c>
      <c r="BK61" s="972" t="e">
        <f t="shared" si="59"/>
        <v>#DIV/0!</v>
      </c>
      <c r="BL61" s="972" t="e">
        <f t="shared" si="59"/>
        <v>#DIV/0!</v>
      </c>
      <c r="BM61" s="972" t="e">
        <f t="shared" si="59"/>
        <v>#DIV/0!</v>
      </c>
      <c r="BN61" s="972" t="e">
        <f t="shared" si="59"/>
        <v>#DIV/0!</v>
      </c>
      <c r="BO61" s="972" t="e">
        <f t="shared" si="59"/>
        <v>#DIV/0!</v>
      </c>
      <c r="BP61" s="972" t="e">
        <f t="shared" si="59"/>
        <v>#DIV/0!</v>
      </c>
      <c r="BQ61" s="972" t="e">
        <f t="shared" si="59"/>
        <v>#DIV/0!</v>
      </c>
      <c r="BR61" s="972" t="e">
        <f t="shared" si="59"/>
        <v>#DIV/0!</v>
      </c>
      <c r="BS61" s="972" t="e">
        <f t="shared" si="59"/>
        <v>#DIV/0!</v>
      </c>
      <c r="BT61" s="972" t="e">
        <f t="shared" si="59"/>
        <v>#DIV/0!</v>
      </c>
      <c r="BU61" s="972" t="e">
        <f t="shared" si="59"/>
        <v>#DIV/0!</v>
      </c>
      <c r="BV61" s="972" t="e">
        <f t="shared" ref="BV61:CA62" si="60">AM61/(SUM($Z61:$AY61))</f>
        <v>#DIV/0!</v>
      </c>
      <c r="BW61" s="972" t="e">
        <f t="shared" si="60"/>
        <v>#DIV/0!</v>
      </c>
      <c r="BX61" s="972" t="e">
        <f t="shared" si="60"/>
        <v>#DIV/0!</v>
      </c>
      <c r="BY61" s="972" t="e">
        <f t="shared" si="60"/>
        <v>#DIV/0!</v>
      </c>
      <c r="BZ61" s="972" t="e">
        <f t="shared" si="60"/>
        <v>#DIV/0!</v>
      </c>
      <c r="CA61" s="972" t="e">
        <f t="shared" si="60"/>
        <v>#DIV/0!</v>
      </c>
      <c r="CB61" s="973" t="e">
        <f t="shared" si="5"/>
        <v>#DIV/0!</v>
      </c>
    </row>
    <row r="62" spans="3:80" ht="45" hidden="1" x14ac:dyDescent="0.25">
      <c r="C62" s="597"/>
      <c r="D62" s="597" t="s">
        <v>66</v>
      </c>
      <c r="E62" s="597"/>
      <c r="F62" s="597" t="s">
        <v>66</v>
      </c>
      <c r="G62" s="597"/>
      <c r="H62" s="1281" t="s">
        <v>1722</v>
      </c>
      <c r="I62" s="1281" t="s">
        <v>969</v>
      </c>
      <c r="J62" s="1281" t="s">
        <v>970</v>
      </c>
      <c r="K62" s="1281" t="s">
        <v>253</v>
      </c>
      <c r="L62" s="1281" t="s">
        <v>253</v>
      </c>
      <c r="M62" s="1281" t="s">
        <v>253</v>
      </c>
      <c r="N62" s="1281" t="s">
        <v>1523</v>
      </c>
      <c r="O62" s="1281"/>
      <c r="P62" s="1281" t="s">
        <v>900</v>
      </c>
      <c r="Q62" s="1281" t="s">
        <v>1490</v>
      </c>
      <c r="R62" s="1281" t="s">
        <v>1491</v>
      </c>
      <c r="S62" s="1281" t="s">
        <v>1717</v>
      </c>
      <c r="T62" s="1281" t="s">
        <v>1493</v>
      </c>
      <c r="U62" s="1281" t="s">
        <v>1697</v>
      </c>
      <c r="V62" s="958" t="str">
        <f>_xlfn.XLOOKUP(H62, [5]GIS!D:D, [5]GIS!E:E, "Not mapped")</f>
        <v>Not mapped</v>
      </c>
      <c r="W62" s="1281" t="s">
        <v>1723</v>
      </c>
      <c r="X62" s="1282"/>
      <c r="Y62" s="1283" t="s">
        <v>1719</v>
      </c>
      <c r="Z62" s="1281"/>
      <c r="AA62" s="1281"/>
      <c r="AB62" s="1281"/>
      <c r="AC62" s="1281"/>
      <c r="AD62" s="1281"/>
      <c r="AE62" s="1281"/>
      <c r="AF62" s="1281"/>
      <c r="AG62" s="1281"/>
      <c r="AH62" s="959"/>
      <c r="AI62" s="1284"/>
      <c r="AJ62" s="1284"/>
      <c r="AK62" s="1284"/>
      <c r="AL62" s="1284"/>
      <c r="AM62" s="1284"/>
      <c r="AN62" s="1284"/>
      <c r="AO62" s="1284"/>
      <c r="AP62" s="1284"/>
      <c r="AQ62" s="1284"/>
      <c r="AR62" s="1284"/>
      <c r="AS62" s="1284"/>
      <c r="AT62" s="1284"/>
      <c r="AU62" s="1284"/>
      <c r="AV62" s="1284"/>
      <c r="AW62" s="1284"/>
      <c r="AX62" s="1285"/>
      <c r="AY62" s="1284"/>
      <c r="AZ62" s="1286" t="s">
        <v>1642</v>
      </c>
      <c r="BA62" s="1281" t="s">
        <v>722</v>
      </c>
      <c r="BB62" s="1282" t="s">
        <v>53</v>
      </c>
      <c r="BC62" s="1287" t="s">
        <v>1700</v>
      </c>
      <c r="BD62" s="1263">
        <v>0</v>
      </c>
      <c r="BE62" s="1263" t="s">
        <v>1500</v>
      </c>
      <c r="BF62" s="1288" t="s">
        <v>1721</v>
      </c>
      <c r="BG62" s="978">
        <v>814028</v>
      </c>
      <c r="BH62" s="976" t="e">
        <f t="shared" si="59"/>
        <v>#DIV/0!</v>
      </c>
      <c r="BI62" s="972" t="e">
        <f t="shared" si="59"/>
        <v>#DIV/0!</v>
      </c>
      <c r="BJ62" s="972" t="e">
        <f t="shared" si="59"/>
        <v>#DIV/0!</v>
      </c>
      <c r="BK62" s="972" t="e">
        <f t="shared" si="59"/>
        <v>#DIV/0!</v>
      </c>
      <c r="BL62" s="972" t="e">
        <f t="shared" si="59"/>
        <v>#DIV/0!</v>
      </c>
      <c r="BM62" s="972" t="e">
        <f t="shared" si="59"/>
        <v>#DIV/0!</v>
      </c>
      <c r="BN62" s="972" t="e">
        <f t="shared" si="59"/>
        <v>#DIV/0!</v>
      </c>
      <c r="BO62" s="972" t="e">
        <f t="shared" si="59"/>
        <v>#DIV/0!</v>
      </c>
      <c r="BP62" s="972" t="e">
        <f t="shared" si="59"/>
        <v>#DIV/0!</v>
      </c>
      <c r="BQ62" s="972" t="e">
        <f t="shared" si="59"/>
        <v>#DIV/0!</v>
      </c>
      <c r="BR62" s="972" t="e">
        <f t="shared" si="59"/>
        <v>#DIV/0!</v>
      </c>
      <c r="BS62" s="972" t="e">
        <f t="shared" si="59"/>
        <v>#DIV/0!</v>
      </c>
      <c r="BT62" s="972" t="e">
        <f t="shared" si="59"/>
        <v>#DIV/0!</v>
      </c>
      <c r="BU62" s="972" t="e">
        <f t="shared" si="59"/>
        <v>#DIV/0!</v>
      </c>
      <c r="BV62" s="972" t="e">
        <f t="shared" si="60"/>
        <v>#DIV/0!</v>
      </c>
      <c r="BW62" s="972" t="e">
        <f t="shared" si="60"/>
        <v>#DIV/0!</v>
      </c>
      <c r="BX62" s="972" t="e">
        <f t="shared" si="60"/>
        <v>#DIV/0!</v>
      </c>
      <c r="BY62" s="972" t="e">
        <f t="shared" si="60"/>
        <v>#DIV/0!</v>
      </c>
      <c r="BZ62" s="972" t="e">
        <f t="shared" si="60"/>
        <v>#DIV/0!</v>
      </c>
      <c r="CA62" s="972" t="e">
        <f t="shared" si="60"/>
        <v>#DIV/0!</v>
      </c>
      <c r="CB62" s="973" t="e">
        <f t="shared" si="5"/>
        <v>#DIV/0!</v>
      </c>
    </row>
    <row r="63" spans="3:80" ht="75" x14ac:dyDescent="0.25">
      <c r="C63" s="597"/>
      <c r="D63" s="597" t="s">
        <v>66</v>
      </c>
      <c r="E63" s="597"/>
      <c r="F63" s="597"/>
      <c r="G63" s="597"/>
      <c r="H63" s="499" t="s">
        <v>1737</v>
      </c>
      <c r="I63" s="499" t="s">
        <v>915</v>
      </c>
      <c r="J63" s="499" t="s">
        <v>911</v>
      </c>
      <c r="K63" s="499">
        <v>51.749766790000002</v>
      </c>
      <c r="L63" s="499">
        <v>-0.44522566499999999</v>
      </c>
      <c r="M63" s="499" t="s">
        <v>1522</v>
      </c>
      <c r="N63" s="499" t="s">
        <v>1489</v>
      </c>
      <c r="O63" s="499">
        <v>1</v>
      </c>
      <c r="P63" s="499" t="s">
        <v>900</v>
      </c>
      <c r="Q63" s="499" t="s">
        <v>1616</v>
      </c>
      <c r="R63" s="499" t="s">
        <v>1491</v>
      </c>
      <c r="S63" s="499" t="s">
        <v>1492</v>
      </c>
      <c r="T63" s="499" t="s">
        <v>1493</v>
      </c>
      <c r="U63" s="499" t="s">
        <v>1504</v>
      </c>
      <c r="V63" s="946" t="str">
        <f>_xlfn.XLOOKUP(H63, [5]GIS!D:D, [5]GIS!E:E, "Not mapped")</f>
        <v>Single - Scenario 3</v>
      </c>
      <c r="W63" s="1262" t="s">
        <v>1495</v>
      </c>
      <c r="X63" s="987" t="s">
        <v>2618</v>
      </c>
      <c r="Y63" s="987" t="s">
        <v>1526</v>
      </c>
      <c r="Z63" s="949">
        <v>21</v>
      </c>
      <c r="AA63" s="949">
        <v>28</v>
      </c>
      <c r="AB63" s="949">
        <v>22</v>
      </c>
      <c r="AC63" s="949">
        <v>24</v>
      </c>
      <c r="AD63" s="949">
        <v>21</v>
      </c>
      <c r="AE63" s="950">
        <v>40</v>
      </c>
      <c r="AF63" s="950">
        <v>44</v>
      </c>
      <c r="AG63" s="950">
        <v>67</v>
      </c>
      <c r="AH63" s="950">
        <v>1</v>
      </c>
      <c r="AI63" s="950">
        <v>12</v>
      </c>
      <c r="AJ63" s="950">
        <v>213</v>
      </c>
      <c r="AK63" s="950">
        <v>27</v>
      </c>
      <c r="AL63" s="950">
        <v>0</v>
      </c>
      <c r="AM63" s="950">
        <v>6</v>
      </c>
      <c r="AN63" s="951">
        <f>AT63*[5]TripRateCalculations!O$4</f>
        <v>0.66</v>
      </c>
      <c r="AO63" s="951">
        <f>AU63*[5]TripRateCalculations!P$4</f>
        <v>2.1830508474576273</v>
      </c>
      <c r="AP63" s="951">
        <f>AV63*[5]TripRateCalculations!Q$4</f>
        <v>2.5989304812834222</v>
      </c>
      <c r="AQ63" s="951">
        <f>AW63*[5]TripRateCalculations!R$4</f>
        <v>0.4393592677345538</v>
      </c>
      <c r="AR63" s="951">
        <f>AX63*[5]TripRateCalculations!S$4</f>
        <v>0.81159420289855078</v>
      </c>
      <c r="AS63" s="951">
        <f>AY63*[5]TripRateCalculations!T$4</f>
        <v>3.607798165137615</v>
      </c>
      <c r="AT63" s="950">
        <v>3</v>
      </c>
      <c r="AU63" s="950">
        <v>28</v>
      </c>
      <c r="AV63" s="950">
        <v>9</v>
      </c>
      <c r="AW63" s="950">
        <v>3</v>
      </c>
      <c r="AX63" s="950">
        <v>8</v>
      </c>
      <c r="AY63" s="950">
        <v>143</v>
      </c>
      <c r="AZ63" s="905" t="s">
        <v>1642</v>
      </c>
      <c r="BA63" s="499" t="s">
        <v>834</v>
      </c>
      <c r="BB63" s="953" t="s">
        <v>53</v>
      </c>
      <c r="BC63" s="980">
        <f>ROUND((VLOOKUP(H63,'[5]Cost Summary'!A:H,8,)),0.1)</f>
        <v>69251</v>
      </c>
      <c r="BD63" s="499">
        <v>1</v>
      </c>
      <c r="BE63" s="499">
        <v>8</v>
      </c>
      <c r="BF63" s="954" t="s">
        <v>1584</v>
      </c>
      <c r="BG63" s="1261">
        <v>44990.54</v>
      </c>
      <c r="BH63" s="977">
        <f t="shared" ref="BH63:CA63" si="61">Z63/(SUM($Z63:$AS63))</f>
        <v>3.9157134624668917E-2</v>
      </c>
      <c r="BI63" s="974">
        <f t="shared" si="61"/>
        <v>5.2209512832891894E-2</v>
      </c>
      <c r="BJ63" s="974">
        <f t="shared" si="61"/>
        <v>4.102176008298649E-2</v>
      </c>
      <c r="BK63" s="974">
        <f t="shared" si="61"/>
        <v>4.4751010999621622E-2</v>
      </c>
      <c r="BL63" s="974">
        <f t="shared" si="61"/>
        <v>3.9157134624668917E-2</v>
      </c>
      <c r="BM63" s="974">
        <f t="shared" si="61"/>
        <v>7.4585018332702702E-2</v>
      </c>
      <c r="BN63" s="974">
        <f t="shared" si="61"/>
        <v>8.204352016597298E-2</v>
      </c>
      <c r="BO63" s="974">
        <f t="shared" si="61"/>
        <v>0.12492990570727702</v>
      </c>
      <c r="BP63" s="974">
        <f t="shared" si="61"/>
        <v>1.8646254583175677E-3</v>
      </c>
      <c r="BQ63" s="974">
        <f t="shared" si="61"/>
        <v>2.2375505499810811E-2</v>
      </c>
      <c r="BR63" s="974">
        <f t="shared" si="61"/>
        <v>0.39716522262164189</v>
      </c>
      <c r="BS63" s="974">
        <f t="shared" si="61"/>
        <v>5.0344887374574328E-2</v>
      </c>
      <c r="BT63" s="974">
        <f t="shared" si="61"/>
        <v>0</v>
      </c>
      <c r="BU63" s="974">
        <f t="shared" si="61"/>
        <v>1.1187752749905406E-2</v>
      </c>
      <c r="BV63" s="974">
        <f t="shared" si="61"/>
        <v>1.2306528024895946E-3</v>
      </c>
      <c r="BW63" s="974">
        <f t="shared" si="61"/>
        <v>4.0705721869712325E-3</v>
      </c>
      <c r="BX63" s="974">
        <f t="shared" si="61"/>
        <v>4.8460319397985972E-3</v>
      </c>
      <c r="BY63" s="974">
        <f t="shared" si="61"/>
        <v>8.1924047596561333E-4</v>
      </c>
      <c r="BZ63" s="974">
        <f t="shared" si="61"/>
        <v>1.5133192125475912E-3</v>
      </c>
      <c r="CA63" s="974">
        <f t="shared" si="61"/>
        <v>6.7271923071870049E-3</v>
      </c>
      <c r="CB63" s="973">
        <f t="shared" si="5"/>
        <v>1.0000000000000002</v>
      </c>
    </row>
    <row r="64" spans="3:80" ht="72" hidden="1" x14ac:dyDescent="0.25">
      <c r="C64" s="597" t="s">
        <v>66</v>
      </c>
      <c r="D64" s="597" t="s">
        <v>66</v>
      </c>
      <c r="E64" s="597"/>
      <c r="F64" s="597"/>
      <c r="G64" s="597"/>
      <c r="H64" s="499" t="s">
        <v>1725</v>
      </c>
      <c r="I64" s="499" t="s">
        <v>973</v>
      </c>
      <c r="J64" s="499" t="s">
        <v>974</v>
      </c>
      <c r="K64" s="499" t="s">
        <v>1727</v>
      </c>
      <c r="L64" s="499">
        <v>-0.50419680600000005</v>
      </c>
      <c r="M64" s="499" t="s">
        <v>1488</v>
      </c>
      <c r="N64" s="499" t="s">
        <v>1489</v>
      </c>
      <c r="O64" s="499">
        <v>2</v>
      </c>
      <c r="P64" s="499" t="s">
        <v>830</v>
      </c>
      <c r="Q64" s="499" t="s">
        <v>1490</v>
      </c>
      <c r="R64" s="499" t="s">
        <v>1491</v>
      </c>
      <c r="S64" s="499" t="s">
        <v>1492</v>
      </c>
      <c r="T64" s="499" t="s">
        <v>1493</v>
      </c>
      <c r="U64" s="499" t="s">
        <v>1672</v>
      </c>
      <c r="V64" s="946" t="str">
        <f>_xlfn.XLOOKUP(H64, [5]GIS!D:D, [5]GIS!E:E, "Not mapped")</f>
        <v>Single - Scenario 2</v>
      </c>
      <c r="W64" s="499" t="s">
        <v>1515</v>
      </c>
      <c r="X64" s="579" t="s">
        <v>1496</v>
      </c>
      <c r="Y64" s="1258" t="s">
        <v>1497</v>
      </c>
      <c r="Z64" s="1259" t="s">
        <v>1498</v>
      </c>
      <c r="AA64" s="1259" t="s">
        <v>1498</v>
      </c>
      <c r="AB64" s="1259" t="s">
        <v>1498</v>
      </c>
      <c r="AC64" s="1259" t="s">
        <v>1498</v>
      </c>
      <c r="AD64" s="1259" t="s">
        <v>1498</v>
      </c>
      <c r="AE64" s="1259" t="s">
        <v>1498</v>
      </c>
      <c r="AF64" s="1259" t="s">
        <v>1498</v>
      </c>
      <c r="AG64" s="1259" t="s">
        <v>1498</v>
      </c>
      <c r="AH64" s="1259" t="s">
        <v>1498</v>
      </c>
      <c r="AI64" s="1259" t="s">
        <v>1498</v>
      </c>
      <c r="AJ64" s="1259" t="s">
        <v>1498</v>
      </c>
      <c r="AK64" s="1259" t="s">
        <v>1498</v>
      </c>
      <c r="AL64" s="1259" t="s">
        <v>1498</v>
      </c>
      <c r="AM64" s="1259" t="s">
        <v>1498</v>
      </c>
      <c r="AN64" s="1259" t="s">
        <v>1498</v>
      </c>
      <c r="AO64" s="1259" t="s">
        <v>1498</v>
      </c>
      <c r="AP64" s="1259" t="s">
        <v>1498</v>
      </c>
      <c r="AQ64" s="1259" t="s">
        <v>1498</v>
      </c>
      <c r="AR64" s="1259" t="s">
        <v>1498</v>
      </c>
      <c r="AS64" s="1259" t="s">
        <v>1498</v>
      </c>
      <c r="AT64" s="1259" t="s">
        <v>1498</v>
      </c>
      <c r="AU64" s="1259" t="s">
        <v>1498</v>
      </c>
      <c r="AV64" s="1259" t="s">
        <v>1498</v>
      </c>
      <c r="AW64" s="1259" t="s">
        <v>1498</v>
      </c>
      <c r="AX64" s="1259" t="s">
        <v>1498</v>
      </c>
      <c r="AY64" s="1259" t="s">
        <v>1498</v>
      </c>
      <c r="AZ64" s="905" t="s">
        <v>1728</v>
      </c>
      <c r="BA64" s="499" t="s">
        <v>834</v>
      </c>
      <c r="BB64" s="953" t="s">
        <v>53</v>
      </c>
      <c r="BC64" s="979">
        <v>370629.19</v>
      </c>
      <c r="BD64" s="499">
        <v>0</v>
      </c>
      <c r="BE64" s="499" t="s">
        <v>1500</v>
      </c>
      <c r="BF64" s="1260" t="s">
        <v>1501</v>
      </c>
      <c r="BG64" s="1261">
        <v>877752</v>
      </c>
      <c r="BH64" s="976" t="e">
        <f t="shared" ref="BH64:BU65" si="62">Z64/(SUM($Z64:$AY64))</f>
        <v>#VALUE!</v>
      </c>
      <c r="BI64" s="972" t="e">
        <f t="shared" si="62"/>
        <v>#VALUE!</v>
      </c>
      <c r="BJ64" s="972" t="e">
        <f t="shared" si="62"/>
        <v>#VALUE!</v>
      </c>
      <c r="BK64" s="972" t="e">
        <f t="shared" si="62"/>
        <v>#VALUE!</v>
      </c>
      <c r="BL64" s="972" t="e">
        <f t="shared" si="62"/>
        <v>#VALUE!</v>
      </c>
      <c r="BM64" s="972" t="e">
        <f t="shared" si="62"/>
        <v>#VALUE!</v>
      </c>
      <c r="BN64" s="972" t="e">
        <f t="shared" si="62"/>
        <v>#VALUE!</v>
      </c>
      <c r="BO64" s="972" t="e">
        <f t="shared" si="62"/>
        <v>#VALUE!</v>
      </c>
      <c r="BP64" s="972" t="e">
        <f t="shared" si="62"/>
        <v>#VALUE!</v>
      </c>
      <c r="BQ64" s="972" t="e">
        <f t="shared" si="62"/>
        <v>#VALUE!</v>
      </c>
      <c r="BR64" s="972" t="e">
        <f t="shared" si="62"/>
        <v>#VALUE!</v>
      </c>
      <c r="BS64" s="972" t="e">
        <f t="shared" si="62"/>
        <v>#VALUE!</v>
      </c>
      <c r="BT64" s="972" t="e">
        <f t="shared" si="62"/>
        <v>#VALUE!</v>
      </c>
      <c r="BU64" s="972" t="e">
        <f t="shared" si="62"/>
        <v>#VALUE!</v>
      </c>
      <c r="BV64" s="972" t="e">
        <f t="shared" ref="BV64:CA65" si="63">AM64/(SUM($Z64:$AY64))</f>
        <v>#VALUE!</v>
      </c>
      <c r="BW64" s="972" t="e">
        <f t="shared" si="63"/>
        <v>#VALUE!</v>
      </c>
      <c r="BX64" s="972" t="e">
        <f t="shared" si="63"/>
        <v>#VALUE!</v>
      </c>
      <c r="BY64" s="972" t="e">
        <f t="shared" si="63"/>
        <v>#VALUE!</v>
      </c>
      <c r="BZ64" s="972" t="e">
        <f t="shared" si="63"/>
        <v>#VALUE!</v>
      </c>
      <c r="CA64" s="972" t="e">
        <f t="shared" si="63"/>
        <v>#VALUE!</v>
      </c>
      <c r="CB64" s="973" t="e">
        <f t="shared" si="5"/>
        <v>#VALUE!</v>
      </c>
    </row>
    <row r="65" spans="3:80" ht="103.5" hidden="1" x14ac:dyDescent="0.25">
      <c r="C65" s="597"/>
      <c r="D65" s="597" t="s">
        <v>66</v>
      </c>
      <c r="E65" s="597" t="s">
        <v>66</v>
      </c>
      <c r="F65" s="597"/>
      <c r="G65" s="597"/>
      <c r="H65" s="499" t="s">
        <v>1729</v>
      </c>
      <c r="I65" s="499" t="s">
        <v>1730</v>
      </c>
      <c r="J65" s="499" t="s">
        <v>1731</v>
      </c>
      <c r="K65" s="499" t="s">
        <v>1733</v>
      </c>
      <c r="L65" s="499">
        <v>-0.43613709000000001</v>
      </c>
      <c r="M65" s="499" t="s">
        <v>1522</v>
      </c>
      <c r="N65" s="499" t="s">
        <v>1523</v>
      </c>
      <c r="O65" s="499">
        <v>3</v>
      </c>
      <c r="P65" s="499" t="s">
        <v>870</v>
      </c>
      <c r="Q65" s="1268" t="s">
        <v>1734</v>
      </c>
      <c r="R65" s="499" t="s">
        <v>1491</v>
      </c>
      <c r="S65" s="499" t="s">
        <v>1492</v>
      </c>
      <c r="T65" s="499" t="s">
        <v>1493</v>
      </c>
      <c r="U65" s="499" t="s">
        <v>1504</v>
      </c>
      <c r="V65" s="946" t="str">
        <f>_xlfn.XLOOKUP(H65, [5]GIS!D:D, [5]GIS!E:E, "Not mapped")</f>
        <v>Single - Scenario 2</v>
      </c>
      <c r="W65" s="1257" t="s">
        <v>1495</v>
      </c>
      <c r="X65" s="1272" t="s">
        <v>1618</v>
      </c>
      <c r="Y65" s="1272" t="s">
        <v>1619</v>
      </c>
      <c r="Z65" s="1259" t="s">
        <v>1498</v>
      </c>
      <c r="AA65" s="1259" t="s">
        <v>1498</v>
      </c>
      <c r="AB65" s="1259" t="s">
        <v>1498</v>
      </c>
      <c r="AC65" s="1259" t="s">
        <v>1498</v>
      </c>
      <c r="AD65" s="1259" t="s">
        <v>1498</v>
      </c>
      <c r="AE65" s="1259" t="s">
        <v>1498</v>
      </c>
      <c r="AF65" s="1259" t="s">
        <v>1498</v>
      </c>
      <c r="AG65" s="1259" t="s">
        <v>1498</v>
      </c>
      <c r="AH65" s="1259" t="s">
        <v>1498</v>
      </c>
      <c r="AI65" s="1259" t="s">
        <v>1498</v>
      </c>
      <c r="AJ65" s="1259" t="s">
        <v>1498</v>
      </c>
      <c r="AK65" s="1259" t="s">
        <v>1498</v>
      </c>
      <c r="AL65" s="1259" t="s">
        <v>1498</v>
      </c>
      <c r="AM65" s="1259" t="s">
        <v>1498</v>
      </c>
      <c r="AN65" s="1259" t="s">
        <v>1498</v>
      </c>
      <c r="AO65" s="1259" t="s">
        <v>1498</v>
      </c>
      <c r="AP65" s="1259" t="s">
        <v>1498</v>
      </c>
      <c r="AQ65" s="1259" t="s">
        <v>1498</v>
      </c>
      <c r="AR65" s="1259" t="s">
        <v>1498</v>
      </c>
      <c r="AS65" s="1259" t="s">
        <v>1498</v>
      </c>
      <c r="AT65" s="1259" t="s">
        <v>1498</v>
      </c>
      <c r="AU65" s="1259" t="s">
        <v>1498</v>
      </c>
      <c r="AV65" s="1259" t="s">
        <v>1498</v>
      </c>
      <c r="AW65" s="1259" t="s">
        <v>1498</v>
      </c>
      <c r="AX65" s="1259" t="s">
        <v>1498</v>
      </c>
      <c r="AY65" s="1259" t="s">
        <v>1498</v>
      </c>
      <c r="AZ65" s="905" t="s">
        <v>1642</v>
      </c>
      <c r="BA65" s="1275" t="s">
        <v>868</v>
      </c>
      <c r="BB65" s="953" t="s">
        <v>53</v>
      </c>
      <c r="BC65" s="981">
        <f>ROUND((VLOOKUP(H65,'[5]Cost Summary'!A:H,8,)),0.1)</f>
        <v>9492614679</v>
      </c>
      <c r="BD65" s="960">
        <v>2</v>
      </c>
      <c r="BE65" s="960" t="s">
        <v>1735</v>
      </c>
      <c r="BF65" s="960" t="s">
        <v>1736</v>
      </c>
      <c r="BG65" s="1261">
        <v>5344625</v>
      </c>
      <c r="BH65" s="976" t="e">
        <f t="shared" si="62"/>
        <v>#VALUE!</v>
      </c>
      <c r="BI65" s="972" t="e">
        <f t="shared" si="62"/>
        <v>#VALUE!</v>
      </c>
      <c r="BJ65" s="972" t="e">
        <f t="shared" si="62"/>
        <v>#VALUE!</v>
      </c>
      <c r="BK65" s="972" t="e">
        <f t="shared" si="62"/>
        <v>#VALUE!</v>
      </c>
      <c r="BL65" s="972" t="e">
        <f t="shared" si="62"/>
        <v>#VALUE!</v>
      </c>
      <c r="BM65" s="972" t="e">
        <f t="shared" si="62"/>
        <v>#VALUE!</v>
      </c>
      <c r="BN65" s="972" t="e">
        <f t="shared" si="62"/>
        <v>#VALUE!</v>
      </c>
      <c r="BO65" s="972" t="e">
        <f t="shared" si="62"/>
        <v>#VALUE!</v>
      </c>
      <c r="BP65" s="972" t="e">
        <f t="shared" si="62"/>
        <v>#VALUE!</v>
      </c>
      <c r="BQ65" s="972" t="e">
        <f t="shared" si="62"/>
        <v>#VALUE!</v>
      </c>
      <c r="BR65" s="972" t="e">
        <f t="shared" si="62"/>
        <v>#VALUE!</v>
      </c>
      <c r="BS65" s="972" t="e">
        <f t="shared" si="62"/>
        <v>#VALUE!</v>
      </c>
      <c r="BT65" s="972" t="e">
        <f t="shared" si="62"/>
        <v>#VALUE!</v>
      </c>
      <c r="BU65" s="972" t="e">
        <f t="shared" si="62"/>
        <v>#VALUE!</v>
      </c>
      <c r="BV65" s="972" t="e">
        <f t="shared" si="63"/>
        <v>#VALUE!</v>
      </c>
      <c r="BW65" s="972" t="e">
        <f t="shared" si="63"/>
        <v>#VALUE!</v>
      </c>
      <c r="BX65" s="972" t="e">
        <f t="shared" si="63"/>
        <v>#VALUE!</v>
      </c>
      <c r="BY65" s="972" t="e">
        <f t="shared" si="63"/>
        <v>#VALUE!</v>
      </c>
      <c r="BZ65" s="972" t="e">
        <f t="shared" si="63"/>
        <v>#VALUE!</v>
      </c>
      <c r="CA65" s="972" t="e">
        <f t="shared" si="63"/>
        <v>#VALUE!</v>
      </c>
      <c r="CB65" s="973" t="e">
        <f t="shared" si="5"/>
        <v>#VALUE!</v>
      </c>
    </row>
    <row r="66" spans="3:80" ht="57.75" x14ac:dyDescent="0.25">
      <c r="C66" s="597" t="s">
        <v>66</v>
      </c>
      <c r="D66" s="597" t="s">
        <v>66</v>
      </c>
      <c r="E66" s="597"/>
      <c r="F66" s="597"/>
      <c r="G66" s="597"/>
      <c r="H66" s="499" t="s">
        <v>1793</v>
      </c>
      <c r="I66" s="499" t="s">
        <v>949</v>
      </c>
      <c r="J66" s="499" t="s">
        <v>950</v>
      </c>
      <c r="K66" s="499">
        <v>51.739498849999997</v>
      </c>
      <c r="L66" s="499">
        <v>-0.47216532999999999</v>
      </c>
      <c r="M66" s="499" t="s">
        <v>1522</v>
      </c>
      <c r="N66" s="499" t="s">
        <v>1489</v>
      </c>
      <c r="O66" s="499">
        <v>2</v>
      </c>
      <c r="P66" s="499" t="s">
        <v>830</v>
      </c>
      <c r="Q66" s="499" t="s">
        <v>1490</v>
      </c>
      <c r="R66" s="499" t="s">
        <v>1491</v>
      </c>
      <c r="S66" s="499" t="s">
        <v>1492</v>
      </c>
      <c r="T66" s="499" t="s">
        <v>1493</v>
      </c>
      <c r="U66" s="499" t="s">
        <v>1795</v>
      </c>
      <c r="V66" s="946" t="str">
        <f>_xlfn.XLOOKUP(H66, [5]GIS!D:D, [5]GIS!E:E, "Not mapped")</f>
        <v>Multiple - Scenario 1</v>
      </c>
      <c r="W66" s="773" t="s">
        <v>1707</v>
      </c>
      <c r="X66" s="987" t="s">
        <v>2618</v>
      </c>
      <c r="Y66" s="987" t="s">
        <v>1526</v>
      </c>
      <c r="Z66" s="949">
        <v>3</v>
      </c>
      <c r="AA66" s="949">
        <v>3</v>
      </c>
      <c r="AB66" s="949">
        <v>7</v>
      </c>
      <c r="AC66" s="949">
        <v>4</v>
      </c>
      <c r="AD66" s="949">
        <v>3</v>
      </c>
      <c r="AE66" s="950">
        <v>18</v>
      </c>
      <c r="AF66" s="950">
        <v>5</v>
      </c>
      <c r="AG66" s="950">
        <v>84</v>
      </c>
      <c r="AH66" s="950">
        <v>4</v>
      </c>
      <c r="AI66" s="950">
        <v>2</v>
      </c>
      <c r="AJ66" s="950">
        <v>6</v>
      </c>
      <c r="AK66" s="950">
        <v>14</v>
      </c>
      <c r="AL66" s="950">
        <v>2</v>
      </c>
      <c r="AM66" s="950">
        <v>1</v>
      </c>
      <c r="AN66" s="951">
        <f>AT66*[5]TripRateCalculations!O$4</f>
        <v>1.54</v>
      </c>
      <c r="AO66" s="951">
        <f>AU66*[5]TripRateCalculations!P$4</f>
        <v>5.1457627118644069</v>
      </c>
      <c r="AP66" s="951">
        <f>AV66*[5]TripRateCalculations!Q$4</f>
        <v>0.8663101604278074</v>
      </c>
      <c r="AQ66" s="951">
        <f>AW66*[5]TripRateCalculations!R$4</f>
        <v>0.4393592677345538</v>
      </c>
      <c r="AR66" s="951">
        <f>AX66*[5]TripRateCalculations!S$4</f>
        <v>0.40579710144927539</v>
      </c>
      <c r="AS66" s="951">
        <f>AY66*[5]TripRateCalculations!T$4</f>
        <v>0.15137614678899083</v>
      </c>
      <c r="AT66" s="950">
        <v>7</v>
      </c>
      <c r="AU66" s="950">
        <v>66</v>
      </c>
      <c r="AV66" s="950">
        <v>3</v>
      </c>
      <c r="AW66" s="950">
        <v>3</v>
      </c>
      <c r="AX66" s="950">
        <v>4</v>
      </c>
      <c r="AY66" s="950">
        <v>6</v>
      </c>
      <c r="AZ66" s="905" t="s">
        <v>1796</v>
      </c>
      <c r="BA66" s="499" t="s">
        <v>834</v>
      </c>
      <c r="BB66" s="953" t="s">
        <v>53</v>
      </c>
      <c r="BC66" s="979">
        <v>370629.19</v>
      </c>
      <c r="BD66" s="948">
        <v>1</v>
      </c>
      <c r="BE66" s="948">
        <v>7</v>
      </c>
      <c r="BF66" s="1260" t="s">
        <v>1501</v>
      </c>
      <c r="BG66" s="1261">
        <v>370629.19</v>
      </c>
      <c r="BH66" s="977">
        <f t="shared" ref="BH66:CA66" si="64">Z66/(SUM($Z66:$AS66))</f>
        <v>1.8231695084387194E-2</v>
      </c>
      <c r="BI66" s="974">
        <f t="shared" si="64"/>
        <v>1.8231695084387194E-2</v>
      </c>
      <c r="BJ66" s="974">
        <f t="shared" si="64"/>
        <v>4.2540621863570119E-2</v>
      </c>
      <c r="BK66" s="974">
        <f t="shared" si="64"/>
        <v>2.4308926779182925E-2</v>
      </c>
      <c r="BL66" s="974">
        <f t="shared" si="64"/>
        <v>1.8231695084387194E-2</v>
      </c>
      <c r="BM66" s="974">
        <f t="shared" si="64"/>
        <v>0.10939017050632316</v>
      </c>
      <c r="BN66" s="974">
        <f t="shared" si="64"/>
        <v>3.0386158473978655E-2</v>
      </c>
      <c r="BO66" s="974">
        <f t="shared" si="64"/>
        <v>0.51048746236284137</v>
      </c>
      <c r="BP66" s="974">
        <f t="shared" si="64"/>
        <v>2.4308926779182925E-2</v>
      </c>
      <c r="BQ66" s="974">
        <f t="shared" si="64"/>
        <v>1.2154463389591462E-2</v>
      </c>
      <c r="BR66" s="974">
        <f t="shared" si="64"/>
        <v>3.6463390168774389E-2</v>
      </c>
      <c r="BS66" s="974">
        <f t="shared" si="64"/>
        <v>8.5081243727140238E-2</v>
      </c>
      <c r="BT66" s="974">
        <f t="shared" si="64"/>
        <v>1.2154463389591462E-2</v>
      </c>
      <c r="BU66" s="974">
        <f t="shared" si="64"/>
        <v>6.0772316947957311E-3</v>
      </c>
      <c r="BV66" s="974">
        <f t="shared" si="64"/>
        <v>9.3589368099854259E-3</v>
      </c>
      <c r="BW66" s="974">
        <f t="shared" si="64"/>
        <v>3.1271992246440408E-2</v>
      </c>
      <c r="BX66" s="974">
        <f t="shared" si="64"/>
        <v>5.2647675644754456E-3</v>
      </c>
      <c r="BY66" s="974">
        <f t="shared" si="64"/>
        <v>2.6700880672786737E-3</v>
      </c>
      <c r="BZ66" s="974">
        <f t="shared" si="64"/>
        <v>2.4661230065837749E-3</v>
      </c>
      <c r="CA66" s="974">
        <f t="shared" si="64"/>
        <v>9.1994791710210612E-4</v>
      </c>
      <c r="CB66" s="973">
        <f t="shared" si="5"/>
        <v>0.99999999999999989</v>
      </c>
    </row>
    <row r="67" spans="3:80" ht="86.25" hidden="1" x14ac:dyDescent="0.25">
      <c r="C67" s="597"/>
      <c r="D67" s="597"/>
      <c r="E67" s="597"/>
      <c r="F67" s="597"/>
      <c r="G67" s="597"/>
      <c r="H67" s="499" t="s">
        <v>1738</v>
      </c>
      <c r="I67" s="499" t="s">
        <v>981</v>
      </c>
      <c r="J67" s="499" t="s">
        <v>982</v>
      </c>
      <c r="K67" s="499">
        <v>51.746948089999997</v>
      </c>
      <c r="L67" s="499">
        <v>-0.47414727600000001</v>
      </c>
      <c r="M67" s="499" t="s">
        <v>1522</v>
      </c>
      <c r="N67" s="499" t="s">
        <v>1523</v>
      </c>
      <c r="O67" s="499">
        <v>2</v>
      </c>
      <c r="P67" s="499" t="s">
        <v>870</v>
      </c>
      <c r="Q67" s="499" t="s">
        <v>1616</v>
      </c>
      <c r="R67" s="499" t="s">
        <v>1491</v>
      </c>
      <c r="S67" s="499" t="s">
        <v>1492</v>
      </c>
      <c r="T67" s="499" t="s">
        <v>1493</v>
      </c>
      <c r="U67" s="499" t="s">
        <v>1504</v>
      </c>
      <c r="V67" s="946" t="str">
        <f>_xlfn.XLOOKUP(H67, [5]GIS!D:D, [5]GIS!E:E, "Not mapped")</f>
        <v>Single - Scenario 1</v>
      </c>
      <c r="W67" s="499" t="s">
        <v>1723</v>
      </c>
      <c r="X67" s="1272" t="s">
        <v>1618</v>
      </c>
      <c r="Y67" s="1272" t="s">
        <v>1619</v>
      </c>
      <c r="Z67" s="1259" t="s">
        <v>1498</v>
      </c>
      <c r="AA67" s="1259" t="s">
        <v>1498</v>
      </c>
      <c r="AB67" s="1259" t="s">
        <v>1498</v>
      </c>
      <c r="AC67" s="1259" t="s">
        <v>1498</v>
      </c>
      <c r="AD67" s="1259" t="s">
        <v>1498</v>
      </c>
      <c r="AE67" s="1259" t="s">
        <v>1498</v>
      </c>
      <c r="AF67" s="1259" t="s">
        <v>1498</v>
      </c>
      <c r="AG67" s="1259" t="s">
        <v>1498</v>
      </c>
      <c r="AH67" s="1259" t="s">
        <v>1498</v>
      </c>
      <c r="AI67" s="1259" t="s">
        <v>1498</v>
      </c>
      <c r="AJ67" s="1259" t="s">
        <v>1498</v>
      </c>
      <c r="AK67" s="1259" t="s">
        <v>1498</v>
      </c>
      <c r="AL67" s="1259" t="s">
        <v>1498</v>
      </c>
      <c r="AM67" s="1259" t="s">
        <v>1498</v>
      </c>
      <c r="AN67" s="1259" t="s">
        <v>1498</v>
      </c>
      <c r="AO67" s="1259" t="s">
        <v>1498</v>
      </c>
      <c r="AP67" s="1259" t="s">
        <v>1498</v>
      </c>
      <c r="AQ67" s="1259" t="s">
        <v>1498</v>
      </c>
      <c r="AR67" s="1259" t="s">
        <v>1498</v>
      </c>
      <c r="AS67" s="1259" t="s">
        <v>1498</v>
      </c>
      <c r="AT67" s="1259" t="s">
        <v>1498</v>
      </c>
      <c r="AU67" s="1259" t="s">
        <v>1498</v>
      </c>
      <c r="AV67" s="1259" t="s">
        <v>1498</v>
      </c>
      <c r="AW67" s="1259" t="s">
        <v>1498</v>
      </c>
      <c r="AX67" s="1259" t="s">
        <v>1498</v>
      </c>
      <c r="AY67" s="1259" t="s">
        <v>1498</v>
      </c>
      <c r="AZ67" s="905" t="s">
        <v>1642</v>
      </c>
      <c r="BA67" s="499" t="s">
        <v>868</v>
      </c>
      <c r="BB67" s="953" t="s">
        <v>53</v>
      </c>
      <c r="BC67" s="979">
        <v>877752</v>
      </c>
      <c r="BD67" s="499">
        <v>1</v>
      </c>
      <c r="BE67" s="499">
        <v>3</v>
      </c>
      <c r="BF67" s="1260" t="s">
        <v>1501</v>
      </c>
      <c r="BG67" s="1261">
        <v>45223.75</v>
      </c>
      <c r="BH67" s="976" t="e">
        <f t="shared" ref="BH67:BH88" si="65">Z67/(SUM($Z67:$AY67))</f>
        <v>#VALUE!</v>
      </c>
      <c r="BI67" s="972" t="e">
        <f t="shared" ref="BI67:BI88" si="66">AA67/(SUM($Z67:$AY67))</f>
        <v>#VALUE!</v>
      </c>
      <c r="BJ67" s="972" t="e">
        <f t="shared" ref="BJ67:BJ88" si="67">AB67/(SUM($Z67:$AY67))</f>
        <v>#VALUE!</v>
      </c>
      <c r="BK67" s="972" t="e">
        <f t="shared" ref="BK67:BK88" si="68">AC67/(SUM($Z67:$AY67))</f>
        <v>#VALUE!</v>
      </c>
      <c r="BL67" s="972" t="e">
        <f t="shared" ref="BL67:BL88" si="69">AD67/(SUM($Z67:$AY67))</f>
        <v>#VALUE!</v>
      </c>
      <c r="BM67" s="972" t="e">
        <f t="shared" ref="BM67:BM88" si="70">AE67/(SUM($Z67:$AY67))</f>
        <v>#VALUE!</v>
      </c>
      <c r="BN67" s="972" t="e">
        <f t="shared" ref="BN67:BN88" si="71">AF67/(SUM($Z67:$AY67))</f>
        <v>#VALUE!</v>
      </c>
      <c r="BO67" s="972" t="e">
        <f t="shared" ref="BO67:BO88" si="72">AG67/(SUM($Z67:$AY67))</f>
        <v>#VALUE!</v>
      </c>
      <c r="BP67" s="972" t="e">
        <f t="shared" ref="BP67:BP88" si="73">AH67/(SUM($Z67:$AY67))</f>
        <v>#VALUE!</v>
      </c>
      <c r="BQ67" s="972" t="e">
        <f t="shared" ref="BQ67:BQ88" si="74">AI67/(SUM($Z67:$AY67))</f>
        <v>#VALUE!</v>
      </c>
      <c r="BR67" s="972" t="e">
        <f t="shared" ref="BR67:BR88" si="75">AJ67/(SUM($Z67:$AY67))</f>
        <v>#VALUE!</v>
      </c>
      <c r="BS67" s="972" t="e">
        <f t="shared" ref="BS67:BS88" si="76">AK67/(SUM($Z67:$AY67))</f>
        <v>#VALUE!</v>
      </c>
      <c r="BT67" s="972" t="e">
        <f t="shared" ref="BT67:BT88" si="77">AL67/(SUM($Z67:$AY67))</f>
        <v>#VALUE!</v>
      </c>
      <c r="BU67" s="972" t="e">
        <f t="shared" ref="BU67:BU88" si="78">AM67/(SUM($Z67:$AY67))</f>
        <v>#VALUE!</v>
      </c>
      <c r="BV67" s="972" t="e">
        <f t="shared" ref="BV67:BV88" si="79">AM67/(SUM($Z67:$AY67))</f>
        <v>#VALUE!</v>
      </c>
      <c r="BW67" s="972" t="e">
        <f t="shared" ref="BW67:BW88" si="80">AN67/(SUM($Z67:$AY67))</f>
        <v>#VALUE!</v>
      </c>
      <c r="BX67" s="972" t="e">
        <f t="shared" ref="BX67:BX88" si="81">AO67/(SUM($Z67:$AY67))</f>
        <v>#VALUE!</v>
      </c>
      <c r="BY67" s="972" t="e">
        <f t="shared" ref="BY67:BY88" si="82">AP67/(SUM($Z67:$AY67))</f>
        <v>#VALUE!</v>
      </c>
      <c r="BZ67" s="972" t="e">
        <f t="shared" ref="BZ67:BZ88" si="83">AQ67/(SUM($Z67:$AY67))</f>
        <v>#VALUE!</v>
      </c>
      <c r="CA67" s="972" t="e">
        <f t="shared" ref="CA67:CA88" si="84">AR67/(SUM($Z67:$AY67))</f>
        <v>#VALUE!</v>
      </c>
      <c r="CB67" s="973" t="e">
        <f t="shared" si="5"/>
        <v>#VALUE!</v>
      </c>
    </row>
    <row r="68" spans="3:80" ht="143.25" hidden="1" x14ac:dyDescent="0.25">
      <c r="C68" s="597"/>
      <c r="D68" s="597"/>
      <c r="E68" s="597"/>
      <c r="F68" s="597"/>
      <c r="G68" s="597"/>
      <c r="H68" s="499" t="s">
        <v>1740</v>
      </c>
      <c r="I68" s="499" t="s">
        <v>920</v>
      </c>
      <c r="J68" s="499" t="s">
        <v>921</v>
      </c>
      <c r="K68" s="499">
        <v>51.765556490000002</v>
      </c>
      <c r="L68" s="499">
        <v>-0.41959833600000002</v>
      </c>
      <c r="M68" s="499" t="s">
        <v>1685</v>
      </c>
      <c r="N68" s="499" t="s">
        <v>1489</v>
      </c>
      <c r="O68" s="499">
        <v>1</v>
      </c>
      <c r="P68" s="499" t="s">
        <v>900</v>
      </c>
      <c r="Q68" s="499" t="s">
        <v>1490</v>
      </c>
      <c r="R68" s="499" t="s">
        <v>1491</v>
      </c>
      <c r="S68" s="499" t="s">
        <v>1492</v>
      </c>
      <c r="T68" s="499" t="s">
        <v>1493</v>
      </c>
      <c r="U68" s="499" t="s">
        <v>1672</v>
      </c>
      <c r="V68" s="946" t="str">
        <f>_xlfn.XLOOKUP(H68, [5]GIS!D:D, [5]GIS!E:E, "Not mapped")</f>
        <v>Single - Scenario 2 (longer segment, one edge in close proximity of a development)</v>
      </c>
      <c r="W68" s="499" t="s">
        <v>1542</v>
      </c>
      <c r="X68" s="952" t="s">
        <v>1563</v>
      </c>
      <c r="Y68" s="961" t="s">
        <v>1741</v>
      </c>
      <c r="Z68" s="1259" t="s">
        <v>1498</v>
      </c>
      <c r="AA68" s="1259" t="s">
        <v>1498</v>
      </c>
      <c r="AB68" s="1259" t="s">
        <v>1498</v>
      </c>
      <c r="AC68" s="1259" t="s">
        <v>1498</v>
      </c>
      <c r="AD68" s="1259" t="s">
        <v>1498</v>
      </c>
      <c r="AE68" s="1259" t="s">
        <v>1498</v>
      </c>
      <c r="AF68" s="1259" t="s">
        <v>1498</v>
      </c>
      <c r="AG68" s="1259" t="s">
        <v>1498</v>
      </c>
      <c r="AH68" s="1259" t="s">
        <v>1498</v>
      </c>
      <c r="AI68" s="1259" t="s">
        <v>1498</v>
      </c>
      <c r="AJ68" s="1259" t="s">
        <v>1498</v>
      </c>
      <c r="AK68" s="1259" t="s">
        <v>1498</v>
      </c>
      <c r="AL68" s="1259" t="s">
        <v>1498</v>
      </c>
      <c r="AM68" s="1259" t="s">
        <v>1498</v>
      </c>
      <c r="AN68" s="1259" t="s">
        <v>1498</v>
      </c>
      <c r="AO68" s="1259" t="s">
        <v>1498</v>
      </c>
      <c r="AP68" s="1259" t="s">
        <v>1498</v>
      </c>
      <c r="AQ68" s="1259" t="s">
        <v>1498</v>
      </c>
      <c r="AR68" s="1259" t="s">
        <v>1498</v>
      </c>
      <c r="AS68" s="1259"/>
      <c r="AT68" s="1259" t="s">
        <v>1498</v>
      </c>
      <c r="AU68" s="1259" t="s">
        <v>1498</v>
      </c>
      <c r="AV68" s="1259" t="s">
        <v>1498</v>
      </c>
      <c r="AW68" s="1259" t="s">
        <v>1498</v>
      </c>
      <c r="AX68" s="1259" t="s">
        <v>1498</v>
      </c>
      <c r="AY68" s="1259" t="s">
        <v>1498</v>
      </c>
      <c r="AZ68" s="905" t="s">
        <v>1642</v>
      </c>
      <c r="BA68" s="499" t="s">
        <v>834</v>
      </c>
      <c r="BB68" s="953" t="s">
        <v>869</v>
      </c>
      <c r="BC68" s="980">
        <f>ROUND((VLOOKUP(H68,'[5]Cost Summary'!A:H,8,)),0.1)</f>
        <v>506253</v>
      </c>
      <c r="BD68" s="499">
        <v>0</v>
      </c>
      <c r="BE68" s="499" t="s">
        <v>1500</v>
      </c>
      <c r="BF68" s="954" t="s">
        <v>1584</v>
      </c>
      <c r="BG68" s="1261">
        <v>328900</v>
      </c>
      <c r="BH68" s="976" t="e">
        <f t="shared" si="65"/>
        <v>#VALUE!</v>
      </c>
      <c r="BI68" s="972" t="e">
        <f t="shared" si="66"/>
        <v>#VALUE!</v>
      </c>
      <c r="BJ68" s="972" t="e">
        <f t="shared" si="67"/>
        <v>#VALUE!</v>
      </c>
      <c r="BK68" s="972" t="e">
        <f t="shared" si="68"/>
        <v>#VALUE!</v>
      </c>
      <c r="BL68" s="972" t="e">
        <f t="shared" si="69"/>
        <v>#VALUE!</v>
      </c>
      <c r="BM68" s="972" t="e">
        <f t="shared" si="70"/>
        <v>#VALUE!</v>
      </c>
      <c r="BN68" s="972" t="e">
        <f t="shared" si="71"/>
        <v>#VALUE!</v>
      </c>
      <c r="BO68" s="972" t="e">
        <f t="shared" si="72"/>
        <v>#VALUE!</v>
      </c>
      <c r="BP68" s="972" t="e">
        <f t="shared" si="73"/>
        <v>#VALUE!</v>
      </c>
      <c r="BQ68" s="972" t="e">
        <f t="shared" si="74"/>
        <v>#VALUE!</v>
      </c>
      <c r="BR68" s="972" t="e">
        <f t="shared" si="75"/>
        <v>#VALUE!</v>
      </c>
      <c r="BS68" s="972" t="e">
        <f t="shared" si="76"/>
        <v>#VALUE!</v>
      </c>
      <c r="BT68" s="972" t="e">
        <f t="shared" si="77"/>
        <v>#VALUE!</v>
      </c>
      <c r="BU68" s="972" t="e">
        <f t="shared" si="78"/>
        <v>#VALUE!</v>
      </c>
      <c r="BV68" s="972" t="e">
        <f t="shared" si="79"/>
        <v>#VALUE!</v>
      </c>
      <c r="BW68" s="972" t="e">
        <f t="shared" si="80"/>
        <v>#VALUE!</v>
      </c>
      <c r="BX68" s="972" t="e">
        <f t="shared" si="81"/>
        <v>#VALUE!</v>
      </c>
      <c r="BY68" s="972" t="e">
        <f t="shared" si="82"/>
        <v>#VALUE!</v>
      </c>
      <c r="BZ68" s="972" t="e">
        <f t="shared" si="83"/>
        <v>#VALUE!</v>
      </c>
      <c r="CA68" s="972" t="e">
        <f t="shared" si="84"/>
        <v>#VALUE!</v>
      </c>
      <c r="CB68" s="973" t="e">
        <f t="shared" si="5"/>
        <v>#VALUE!</v>
      </c>
    </row>
    <row r="69" spans="3:80" ht="105" hidden="1" x14ac:dyDescent="0.25">
      <c r="C69" s="597"/>
      <c r="D69" s="597" t="s">
        <v>66</v>
      </c>
      <c r="E69" s="597" t="s">
        <v>66</v>
      </c>
      <c r="F69" s="597"/>
      <c r="G69" s="597"/>
      <c r="H69" s="499" t="s">
        <v>1742</v>
      </c>
      <c r="I69" s="1268" t="s">
        <v>1743</v>
      </c>
      <c r="J69" s="1268" t="s">
        <v>1744</v>
      </c>
      <c r="K69" s="499">
        <v>51.7336162</v>
      </c>
      <c r="L69" s="499">
        <v>-0.46118048499999997</v>
      </c>
      <c r="M69" s="499" t="s">
        <v>1560</v>
      </c>
      <c r="N69" s="499" t="s">
        <v>1523</v>
      </c>
      <c r="O69" s="499">
        <v>2</v>
      </c>
      <c r="P69" s="499" t="s">
        <v>932</v>
      </c>
      <c r="Q69" s="499" t="s">
        <v>1490</v>
      </c>
      <c r="R69" s="499" t="s">
        <v>1491</v>
      </c>
      <c r="S69" s="499" t="s">
        <v>1492</v>
      </c>
      <c r="T69" s="499" t="s">
        <v>1493</v>
      </c>
      <c r="U69" s="499" t="s">
        <v>1610</v>
      </c>
      <c r="V69" s="946" t="str">
        <f>_xlfn.XLOOKUP(H69, [5]GIS!D:D, [5]GIS!E:E, "Not mapped")</f>
        <v>Multiple - Scenario 1</v>
      </c>
      <c r="W69" s="1262" t="s">
        <v>1515</v>
      </c>
      <c r="X69" s="1277" t="s">
        <v>1691</v>
      </c>
      <c r="Y69" s="1278" t="s">
        <v>1692</v>
      </c>
      <c r="Z69" s="1259" t="s">
        <v>1498</v>
      </c>
      <c r="AA69" s="1259" t="s">
        <v>1498</v>
      </c>
      <c r="AB69" s="1259" t="s">
        <v>1498</v>
      </c>
      <c r="AC69" s="1259" t="s">
        <v>1498</v>
      </c>
      <c r="AD69" s="1259" t="s">
        <v>1498</v>
      </c>
      <c r="AE69" s="1259" t="s">
        <v>1498</v>
      </c>
      <c r="AF69" s="1259" t="s">
        <v>1498</v>
      </c>
      <c r="AG69" s="1259" t="s">
        <v>1498</v>
      </c>
      <c r="AH69" s="1259" t="s">
        <v>1498</v>
      </c>
      <c r="AI69" s="1259" t="s">
        <v>1498</v>
      </c>
      <c r="AJ69" s="1259" t="s">
        <v>1498</v>
      </c>
      <c r="AK69" s="1259" t="s">
        <v>1498</v>
      </c>
      <c r="AL69" s="1259" t="s">
        <v>1498</v>
      </c>
      <c r="AM69" s="1259" t="s">
        <v>1498</v>
      </c>
      <c r="AN69" s="1259" t="s">
        <v>1498</v>
      </c>
      <c r="AO69" s="1259" t="s">
        <v>1498</v>
      </c>
      <c r="AP69" s="1259" t="s">
        <v>1498</v>
      </c>
      <c r="AQ69" s="1259" t="s">
        <v>1498</v>
      </c>
      <c r="AR69" s="1259" t="s">
        <v>1498</v>
      </c>
      <c r="AS69" s="1259" t="s">
        <v>1498</v>
      </c>
      <c r="AT69" s="1259" t="s">
        <v>1498</v>
      </c>
      <c r="AU69" s="1259" t="s">
        <v>1498</v>
      </c>
      <c r="AV69" s="1259" t="s">
        <v>1498</v>
      </c>
      <c r="AW69" s="1259" t="s">
        <v>1498</v>
      </c>
      <c r="AX69" s="1259" t="s">
        <v>1498</v>
      </c>
      <c r="AY69" s="1259" t="s">
        <v>1498</v>
      </c>
      <c r="AZ69" s="905" t="s">
        <v>1745</v>
      </c>
      <c r="BA69" s="499" t="s">
        <v>868</v>
      </c>
      <c r="BB69" s="953" t="s">
        <v>53</v>
      </c>
      <c r="BC69" s="981">
        <f>ROUND((VLOOKUP(H69,'[5]Cost Summary'!A:H,8,)),0.1)</f>
        <v>13506750</v>
      </c>
      <c r="BD69" s="960">
        <v>0</v>
      </c>
      <c r="BE69" s="960" t="s">
        <v>1500</v>
      </c>
      <c r="BF69" s="960" t="s">
        <v>1746</v>
      </c>
      <c r="BG69" s="1261">
        <v>16924.57</v>
      </c>
      <c r="BH69" s="976" t="e">
        <f t="shared" si="65"/>
        <v>#VALUE!</v>
      </c>
      <c r="BI69" s="972" t="e">
        <f t="shared" si="66"/>
        <v>#VALUE!</v>
      </c>
      <c r="BJ69" s="972" t="e">
        <f t="shared" si="67"/>
        <v>#VALUE!</v>
      </c>
      <c r="BK69" s="972" t="e">
        <f t="shared" si="68"/>
        <v>#VALUE!</v>
      </c>
      <c r="BL69" s="972" t="e">
        <f t="shared" si="69"/>
        <v>#VALUE!</v>
      </c>
      <c r="BM69" s="972" t="e">
        <f t="shared" si="70"/>
        <v>#VALUE!</v>
      </c>
      <c r="BN69" s="972" t="e">
        <f t="shared" si="71"/>
        <v>#VALUE!</v>
      </c>
      <c r="BO69" s="972" t="e">
        <f t="shared" si="72"/>
        <v>#VALUE!</v>
      </c>
      <c r="BP69" s="972" t="e">
        <f t="shared" si="73"/>
        <v>#VALUE!</v>
      </c>
      <c r="BQ69" s="972" t="e">
        <f t="shared" si="74"/>
        <v>#VALUE!</v>
      </c>
      <c r="BR69" s="972" t="e">
        <f t="shared" si="75"/>
        <v>#VALUE!</v>
      </c>
      <c r="BS69" s="972" t="e">
        <f t="shared" si="76"/>
        <v>#VALUE!</v>
      </c>
      <c r="BT69" s="972" t="e">
        <f t="shared" si="77"/>
        <v>#VALUE!</v>
      </c>
      <c r="BU69" s="972" t="e">
        <f t="shared" si="78"/>
        <v>#VALUE!</v>
      </c>
      <c r="BV69" s="972" t="e">
        <f t="shared" si="79"/>
        <v>#VALUE!</v>
      </c>
      <c r="BW69" s="972" t="e">
        <f t="shared" si="80"/>
        <v>#VALUE!</v>
      </c>
      <c r="BX69" s="972" t="e">
        <f t="shared" si="81"/>
        <v>#VALUE!</v>
      </c>
      <c r="BY69" s="972" t="e">
        <f t="shared" si="82"/>
        <v>#VALUE!</v>
      </c>
      <c r="BZ69" s="972" t="e">
        <f t="shared" si="83"/>
        <v>#VALUE!</v>
      </c>
      <c r="CA69" s="972" t="e">
        <f t="shared" si="84"/>
        <v>#VALUE!</v>
      </c>
      <c r="CB69" s="973" t="e">
        <f t="shared" si="5"/>
        <v>#VALUE!</v>
      </c>
    </row>
    <row r="70" spans="3:80" ht="75" hidden="1" x14ac:dyDescent="0.25">
      <c r="C70" s="597"/>
      <c r="D70" s="597" t="s">
        <v>66</v>
      </c>
      <c r="E70" s="597"/>
      <c r="F70" s="597"/>
      <c r="G70" s="597"/>
      <c r="H70" s="499" t="s">
        <v>1928</v>
      </c>
      <c r="I70" s="499" t="s">
        <v>987</v>
      </c>
      <c r="J70" s="499" t="s">
        <v>1929</v>
      </c>
      <c r="K70" s="499" t="s">
        <v>1521</v>
      </c>
      <c r="L70" s="499" t="s">
        <v>1521</v>
      </c>
      <c r="M70" s="499" t="s">
        <v>1560</v>
      </c>
      <c r="N70" s="499" t="s">
        <v>1523</v>
      </c>
      <c r="O70" s="499">
        <v>1</v>
      </c>
      <c r="P70" s="499" t="s">
        <v>932</v>
      </c>
      <c r="Q70" s="499" t="s">
        <v>1490</v>
      </c>
      <c r="R70" s="499" t="s">
        <v>1491</v>
      </c>
      <c r="S70" s="499" t="s">
        <v>1492</v>
      </c>
      <c r="T70" s="499" t="s">
        <v>1493</v>
      </c>
      <c r="U70" s="499" t="s">
        <v>1610</v>
      </c>
      <c r="V70" s="946" t="str">
        <f>_xlfn.XLOOKUP(H70, [5]GIS!D:D, [5]GIS!E:E, "Not mapped")</f>
        <v>Single - Scenario 3 (not the entirety?</v>
      </c>
      <c r="W70" s="1257" t="s">
        <v>1495</v>
      </c>
      <c r="X70" s="1277" t="s">
        <v>1691</v>
      </c>
      <c r="Y70" s="1278" t="s">
        <v>1692</v>
      </c>
      <c r="Z70" s="1259" t="s">
        <v>1498</v>
      </c>
      <c r="AA70" s="1259" t="s">
        <v>1498</v>
      </c>
      <c r="AB70" s="1259" t="s">
        <v>1498</v>
      </c>
      <c r="AC70" s="1259" t="s">
        <v>1498</v>
      </c>
      <c r="AD70" s="1259" t="s">
        <v>1498</v>
      </c>
      <c r="AE70" s="1259" t="s">
        <v>1498</v>
      </c>
      <c r="AF70" s="1259" t="s">
        <v>1498</v>
      </c>
      <c r="AG70" s="1259" t="s">
        <v>1498</v>
      </c>
      <c r="AH70" s="1259" t="s">
        <v>1498</v>
      </c>
      <c r="AI70" s="1259" t="s">
        <v>1498</v>
      </c>
      <c r="AJ70" s="1259" t="s">
        <v>1498</v>
      </c>
      <c r="AK70" s="1259" t="s">
        <v>1498</v>
      </c>
      <c r="AL70" s="1259" t="s">
        <v>1498</v>
      </c>
      <c r="AM70" s="1259" t="s">
        <v>1498</v>
      </c>
      <c r="AN70" s="1259" t="s">
        <v>1498</v>
      </c>
      <c r="AO70" s="1259" t="s">
        <v>1498</v>
      </c>
      <c r="AP70" s="1259" t="s">
        <v>1498</v>
      </c>
      <c r="AQ70" s="1259" t="s">
        <v>1498</v>
      </c>
      <c r="AR70" s="1259" t="s">
        <v>1498</v>
      </c>
      <c r="AS70" s="1259" t="s">
        <v>1498</v>
      </c>
      <c r="AT70" s="1259" t="s">
        <v>1498</v>
      </c>
      <c r="AU70" s="1259" t="s">
        <v>1498</v>
      </c>
      <c r="AV70" s="1259" t="s">
        <v>1498</v>
      </c>
      <c r="AW70" s="1259" t="s">
        <v>1498</v>
      </c>
      <c r="AX70" s="1259" t="s">
        <v>1498</v>
      </c>
      <c r="AY70" s="1259" t="s">
        <v>1498</v>
      </c>
      <c r="AZ70" s="905" t="s">
        <v>1642</v>
      </c>
      <c r="BA70" s="499" t="s">
        <v>868</v>
      </c>
      <c r="BB70" s="953" t="s">
        <v>869</v>
      </c>
      <c r="BC70" s="981">
        <f>ROUND((VLOOKUP(H70,'[5]Cost Summary'!A:H,8,)),0.1)</f>
        <v>2961580</v>
      </c>
      <c r="BD70" s="499">
        <v>0</v>
      </c>
      <c r="BE70" s="499" t="s">
        <v>1500</v>
      </c>
      <c r="BF70" s="960" t="s">
        <v>1930</v>
      </c>
      <c r="BG70" s="1261">
        <v>11305.94</v>
      </c>
      <c r="BH70" s="976" t="e">
        <f t="shared" si="65"/>
        <v>#VALUE!</v>
      </c>
      <c r="BI70" s="972" t="e">
        <f t="shared" si="66"/>
        <v>#VALUE!</v>
      </c>
      <c r="BJ70" s="972" t="e">
        <f t="shared" si="67"/>
        <v>#VALUE!</v>
      </c>
      <c r="BK70" s="972" t="e">
        <f t="shared" si="68"/>
        <v>#VALUE!</v>
      </c>
      <c r="BL70" s="972" t="e">
        <f t="shared" si="69"/>
        <v>#VALUE!</v>
      </c>
      <c r="BM70" s="972" t="e">
        <f t="shared" si="70"/>
        <v>#VALUE!</v>
      </c>
      <c r="BN70" s="972" t="e">
        <f t="shared" si="71"/>
        <v>#VALUE!</v>
      </c>
      <c r="BO70" s="972" t="e">
        <f t="shared" si="72"/>
        <v>#VALUE!</v>
      </c>
      <c r="BP70" s="972" t="e">
        <f t="shared" si="73"/>
        <v>#VALUE!</v>
      </c>
      <c r="BQ70" s="972" t="e">
        <f t="shared" si="74"/>
        <v>#VALUE!</v>
      </c>
      <c r="BR70" s="972" t="e">
        <f t="shared" si="75"/>
        <v>#VALUE!</v>
      </c>
      <c r="BS70" s="972" t="e">
        <f t="shared" si="76"/>
        <v>#VALUE!</v>
      </c>
      <c r="BT70" s="972" t="e">
        <f t="shared" si="77"/>
        <v>#VALUE!</v>
      </c>
      <c r="BU70" s="972" t="e">
        <f t="shared" si="78"/>
        <v>#VALUE!</v>
      </c>
      <c r="BV70" s="972" t="e">
        <f t="shared" si="79"/>
        <v>#VALUE!</v>
      </c>
      <c r="BW70" s="972" t="e">
        <f t="shared" si="80"/>
        <v>#VALUE!</v>
      </c>
      <c r="BX70" s="972" t="e">
        <f t="shared" si="81"/>
        <v>#VALUE!</v>
      </c>
      <c r="BY70" s="972" t="e">
        <f t="shared" si="82"/>
        <v>#VALUE!</v>
      </c>
      <c r="BZ70" s="972" t="e">
        <f t="shared" si="83"/>
        <v>#VALUE!</v>
      </c>
      <c r="CA70" s="972" t="e">
        <f t="shared" si="84"/>
        <v>#VALUE!</v>
      </c>
      <c r="CB70" s="973" t="e">
        <f t="shared" si="5"/>
        <v>#VALUE!</v>
      </c>
    </row>
    <row r="71" spans="3:80" ht="100.5" hidden="1" x14ac:dyDescent="0.25">
      <c r="C71" s="597"/>
      <c r="D71" s="597"/>
      <c r="E71" s="597"/>
      <c r="F71" s="597"/>
      <c r="G71" s="597"/>
      <c r="H71" s="499" t="s">
        <v>1748</v>
      </c>
      <c r="I71" s="499" t="s">
        <v>989</v>
      </c>
      <c r="J71" s="499" t="s">
        <v>990</v>
      </c>
      <c r="K71" s="499">
        <v>51.745289999999997</v>
      </c>
      <c r="L71" s="499">
        <v>-0.48945699999999998</v>
      </c>
      <c r="M71" s="499" t="s">
        <v>1560</v>
      </c>
      <c r="N71" s="499" t="s">
        <v>1489</v>
      </c>
      <c r="O71" s="499">
        <v>1</v>
      </c>
      <c r="P71" s="499" t="s">
        <v>932</v>
      </c>
      <c r="Q71" s="499" t="s">
        <v>1490</v>
      </c>
      <c r="R71" s="499" t="s">
        <v>1491</v>
      </c>
      <c r="S71" s="499" t="s">
        <v>1492</v>
      </c>
      <c r="T71" s="499" t="s">
        <v>1493</v>
      </c>
      <c r="U71" s="499" t="s">
        <v>1749</v>
      </c>
      <c r="V71" s="946" t="str">
        <f>_xlfn.XLOOKUP(H71, [5]GIS!D:D, [5]GIS!E:E, "Not mapped")</f>
        <v>Single - Scenario 3</v>
      </c>
      <c r="W71" s="499" t="s">
        <v>1723</v>
      </c>
      <c r="X71" s="1277" t="s">
        <v>1691</v>
      </c>
      <c r="Y71" s="1278" t="s">
        <v>1692</v>
      </c>
      <c r="Z71" s="1259" t="s">
        <v>1498</v>
      </c>
      <c r="AA71" s="1259" t="s">
        <v>1498</v>
      </c>
      <c r="AB71" s="1259" t="s">
        <v>1498</v>
      </c>
      <c r="AC71" s="1259" t="s">
        <v>1498</v>
      </c>
      <c r="AD71" s="1259" t="s">
        <v>1498</v>
      </c>
      <c r="AE71" s="1259" t="s">
        <v>1498</v>
      </c>
      <c r="AF71" s="1259" t="s">
        <v>1498</v>
      </c>
      <c r="AG71" s="1259" t="s">
        <v>1498</v>
      </c>
      <c r="AH71" s="1259" t="s">
        <v>1498</v>
      </c>
      <c r="AI71" s="1259" t="s">
        <v>1498</v>
      </c>
      <c r="AJ71" s="1259" t="s">
        <v>1498</v>
      </c>
      <c r="AK71" s="1259" t="s">
        <v>1498</v>
      </c>
      <c r="AL71" s="1259" t="s">
        <v>1498</v>
      </c>
      <c r="AM71" s="1259" t="s">
        <v>1498</v>
      </c>
      <c r="AN71" s="1259" t="s">
        <v>1498</v>
      </c>
      <c r="AO71" s="1259" t="s">
        <v>1498</v>
      </c>
      <c r="AP71" s="1259" t="s">
        <v>1498</v>
      </c>
      <c r="AQ71" s="1259" t="s">
        <v>1498</v>
      </c>
      <c r="AR71" s="1259" t="s">
        <v>1498</v>
      </c>
      <c r="AS71" s="1259" t="s">
        <v>1498</v>
      </c>
      <c r="AT71" s="1259" t="s">
        <v>1498</v>
      </c>
      <c r="AU71" s="1259" t="s">
        <v>1498</v>
      </c>
      <c r="AV71" s="1259" t="s">
        <v>1498</v>
      </c>
      <c r="AW71" s="1259" t="s">
        <v>1498</v>
      </c>
      <c r="AX71" s="1259" t="s">
        <v>1498</v>
      </c>
      <c r="AY71" s="1259" t="s">
        <v>1498</v>
      </c>
      <c r="AZ71" s="905" t="s">
        <v>1620</v>
      </c>
      <c r="BA71" s="499" t="s">
        <v>722</v>
      </c>
      <c r="BB71" s="953" t="s">
        <v>53</v>
      </c>
      <c r="BC71" s="980">
        <f>ROUND((VLOOKUP(H71,'[5]Cost Summary'!A:H,8,)),0.1)</f>
        <v>69610</v>
      </c>
      <c r="BD71" s="954">
        <v>0</v>
      </c>
      <c r="BE71" s="954" t="s">
        <v>1500</v>
      </c>
      <c r="BF71" s="954" t="s">
        <v>1584</v>
      </c>
      <c r="BG71" s="1261">
        <v>60530</v>
      </c>
      <c r="BH71" s="976" t="e">
        <f t="shared" si="65"/>
        <v>#VALUE!</v>
      </c>
      <c r="BI71" s="972" t="e">
        <f t="shared" si="66"/>
        <v>#VALUE!</v>
      </c>
      <c r="BJ71" s="972" t="e">
        <f t="shared" si="67"/>
        <v>#VALUE!</v>
      </c>
      <c r="BK71" s="972" t="e">
        <f t="shared" si="68"/>
        <v>#VALUE!</v>
      </c>
      <c r="BL71" s="972" t="e">
        <f t="shared" si="69"/>
        <v>#VALUE!</v>
      </c>
      <c r="BM71" s="972" t="e">
        <f t="shared" si="70"/>
        <v>#VALUE!</v>
      </c>
      <c r="BN71" s="972" t="e">
        <f t="shared" si="71"/>
        <v>#VALUE!</v>
      </c>
      <c r="BO71" s="972" t="e">
        <f t="shared" si="72"/>
        <v>#VALUE!</v>
      </c>
      <c r="BP71" s="972" t="e">
        <f t="shared" si="73"/>
        <v>#VALUE!</v>
      </c>
      <c r="BQ71" s="972" t="e">
        <f t="shared" si="74"/>
        <v>#VALUE!</v>
      </c>
      <c r="BR71" s="972" t="e">
        <f t="shared" si="75"/>
        <v>#VALUE!</v>
      </c>
      <c r="BS71" s="972" t="e">
        <f t="shared" si="76"/>
        <v>#VALUE!</v>
      </c>
      <c r="BT71" s="972" t="e">
        <f t="shared" si="77"/>
        <v>#VALUE!</v>
      </c>
      <c r="BU71" s="972" t="e">
        <f t="shared" si="78"/>
        <v>#VALUE!</v>
      </c>
      <c r="BV71" s="972" t="e">
        <f t="shared" si="79"/>
        <v>#VALUE!</v>
      </c>
      <c r="BW71" s="972" t="e">
        <f t="shared" si="80"/>
        <v>#VALUE!</v>
      </c>
      <c r="BX71" s="972" t="e">
        <f t="shared" si="81"/>
        <v>#VALUE!</v>
      </c>
      <c r="BY71" s="972" t="e">
        <f t="shared" si="82"/>
        <v>#VALUE!</v>
      </c>
      <c r="BZ71" s="972" t="e">
        <f t="shared" si="83"/>
        <v>#VALUE!</v>
      </c>
      <c r="CA71" s="972" t="e">
        <f t="shared" si="84"/>
        <v>#VALUE!</v>
      </c>
      <c r="CB71" s="973" t="e">
        <f t="shared" si="5"/>
        <v>#VALUE!</v>
      </c>
    </row>
    <row r="72" spans="3:80" ht="143.25" hidden="1" x14ac:dyDescent="0.25">
      <c r="C72" s="597" t="s">
        <v>66</v>
      </c>
      <c r="D72" s="597"/>
      <c r="E72" s="597"/>
      <c r="F72" s="597" t="s">
        <v>66</v>
      </c>
      <c r="G72" s="597"/>
      <c r="H72" s="1281" t="s">
        <v>1750</v>
      </c>
      <c r="I72" s="1281" t="s">
        <v>991</v>
      </c>
      <c r="J72" s="1281" t="s">
        <v>1751</v>
      </c>
      <c r="K72" s="1281">
        <v>51.745775000000002</v>
      </c>
      <c r="L72" s="1281">
        <v>-0.48782399999999998</v>
      </c>
      <c r="M72" s="1281" t="s">
        <v>1488</v>
      </c>
      <c r="N72" s="1281" t="s">
        <v>1489</v>
      </c>
      <c r="O72" s="1281"/>
      <c r="P72" s="1281" t="s">
        <v>900</v>
      </c>
      <c r="Q72" s="1281" t="s">
        <v>1490</v>
      </c>
      <c r="R72" s="1281" t="s">
        <v>1491</v>
      </c>
      <c r="S72" s="1281" t="s">
        <v>1492</v>
      </c>
      <c r="T72" s="1281" t="s">
        <v>1493</v>
      </c>
      <c r="U72" s="1281" t="s">
        <v>1749</v>
      </c>
      <c r="V72" s="958" t="str">
        <f>_xlfn.XLOOKUP(H72, [5]GIS!D:D, [5]GIS!E:E, "Not mapped")</f>
        <v>Single - Scenario 2 (longer segment, one edge in close proximity of a development)</v>
      </c>
      <c r="W72" s="1281" t="s">
        <v>1546</v>
      </c>
      <c r="X72" s="1282"/>
      <c r="Y72" s="1283" t="s">
        <v>1719</v>
      </c>
      <c r="Z72" s="1289"/>
      <c r="AA72" s="1289"/>
      <c r="AB72" s="1289"/>
      <c r="AC72" s="1289"/>
      <c r="AD72" s="1289"/>
      <c r="AE72" s="1289"/>
      <c r="AF72" s="1289"/>
      <c r="AG72" s="1289"/>
      <c r="AH72" s="1290"/>
      <c r="AI72" s="1287"/>
      <c r="AJ72" s="1281"/>
      <c r="AK72" s="1281"/>
      <c r="AL72" s="1281"/>
      <c r="AM72" s="1281"/>
      <c r="AN72" s="1281"/>
      <c r="AO72" s="1281"/>
      <c r="AP72" s="1281"/>
      <c r="AQ72" s="1281"/>
      <c r="AR72" s="1281"/>
      <c r="AS72" s="1281"/>
      <c r="AT72" s="1281"/>
      <c r="AU72" s="1281"/>
      <c r="AV72" s="1281"/>
      <c r="AW72" s="1281"/>
      <c r="AX72" s="1282"/>
      <c r="AY72" s="1281"/>
      <c r="AZ72" s="1286" t="s">
        <v>1620</v>
      </c>
      <c r="BA72" s="1281" t="s">
        <v>722</v>
      </c>
      <c r="BB72" s="1282" t="s">
        <v>53</v>
      </c>
      <c r="BC72" s="1287">
        <v>37001.25</v>
      </c>
      <c r="BD72" s="1263">
        <v>0</v>
      </c>
      <c r="BE72" s="1263" t="s">
        <v>1500</v>
      </c>
      <c r="BF72" s="1288" t="s">
        <v>1721</v>
      </c>
      <c r="BG72" s="978">
        <v>37001.25</v>
      </c>
      <c r="BH72" s="976" t="e">
        <f t="shared" si="65"/>
        <v>#DIV/0!</v>
      </c>
      <c r="BI72" s="972" t="e">
        <f t="shared" si="66"/>
        <v>#DIV/0!</v>
      </c>
      <c r="BJ72" s="972" t="e">
        <f t="shared" si="67"/>
        <v>#DIV/0!</v>
      </c>
      <c r="BK72" s="972" t="e">
        <f t="shared" si="68"/>
        <v>#DIV/0!</v>
      </c>
      <c r="BL72" s="972" t="e">
        <f t="shared" si="69"/>
        <v>#DIV/0!</v>
      </c>
      <c r="BM72" s="972" t="e">
        <f t="shared" si="70"/>
        <v>#DIV/0!</v>
      </c>
      <c r="BN72" s="972" t="e">
        <f t="shared" si="71"/>
        <v>#DIV/0!</v>
      </c>
      <c r="BO72" s="972" t="e">
        <f t="shared" si="72"/>
        <v>#DIV/0!</v>
      </c>
      <c r="BP72" s="972" t="e">
        <f t="shared" si="73"/>
        <v>#DIV/0!</v>
      </c>
      <c r="BQ72" s="972" t="e">
        <f t="shared" si="74"/>
        <v>#DIV/0!</v>
      </c>
      <c r="BR72" s="972" t="e">
        <f t="shared" si="75"/>
        <v>#DIV/0!</v>
      </c>
      <c r="BS72" s="972" t="e">
        <f t="shared" si="76"/>
        <v>#DIV/0!</v>
      </c>
      <c r="BT72" s="972" t="e">
        <f t="shared" si="77"/>
        <v>#DIV/0!</v>
      </c>
      <c r="BU72" s="972" t="e">
        <f t="shared" si="78"/>
        <v>#DIV/0!</v>
      </c>
      <c r="BV72" s="972" t="e">
        <f t="shared" si="79"/>
        <v>#DIV/0!</v>
      </c>
      <c r="BW72" s="972" t="e">
        <f t="shared" si="80"/>
        <v>#DIV/0!</v>
      </c>
      <c r="BX72" s="972" t="e">
        <f t="shared" si="81"/>
        <v>#DIV/0!</v>
      </c>
      <c r="BY72" s="972" t="e">
        <f t="shared" si="82"/>
        <v>#DIV/0!</v>
      </c>
      <c r="BZ72" s="972" t="e">
        <f t="shared" si="83"/>
        <v>#DIV/0!</v>
      </c>
      <c r="CA72" s="972" t="e">
        <f t="shared" si="84"/>
        <v>#DIV/0!</v>
      </c>
      <c r="CB72" s="973" t="e">
        <f t="shared" si="5"/>
        <v>#DIV/0!</v>
      </c>
    </row>
    <row r="73" spans="3:80" ht="100.5" hidden="1" x14ac:dyDescent="0.25">
      <c r="C73" s="597"/>
      <c r="D73" s="597" t="s">
        <v>66</v>
      </c>
      <c r="E73" s="597"/>
      <c r="F73" s="597"/>
      <c r="G73" s="597"/>
      <c r="H73" s="499" t="s">
        <v>1753</v>
      </c>
      <c r="I73" s="499" t="s">
        <v>993</v>
      </c>
      <c r="J73" s="499" t="s">
        <v>1754</v>
      </c>
      <c r="K73" s="499">
        <v>51.745113824046697</v>
      </c>
      <c r="L73" s="499">
        <v>-0.49116154845086901</v>
      </c>
      <c r="M73" s="499" t="s">
        <v>1560</v>
      </c>
      <c r="N73" s="499" t="s">
        <v>1489</v>
      </c>
      <c r="O73" s="499">
        <v>1</v>
      </c>
      <c r="P73" s="499" t="s">
        <v>900</v>
      </c>
      <c r="Q73" s="499" t="s">
        <v>1490</v>
      </c>
      <c r="R73" s="499" t="s">
        <v>1491</v>
      </c>
      <c r="S73" s="499" t="s">
        <v>1492</v>
      </c>
      <c r="T73" s="499" t="s">
        <v>1493</v>
      </c>
      <c r="U73" s="499" t="s">
        <v>1749</v>
      </c>
      <c r="V73" s="946" t="str">
        <f>_xlfn.XLOOKUP(H73, [5]GIS!D:D, [5]GIS!E:E, "Not mapped")</f>
        <v>Single - Scenario 3</v>
      </c>
      <c r="W73" s="1257" t="s">
        <v>1495</v>
      </c>
      <c r="X73" s="1277" t="s">
        <v>1691</v>
      </c>
      <c r="Y73" s="1278" t="s">
        <v>1692</v>
      </c>
      <c r="Z73" s="1259" t="s">
        <v>1498</v>
      </c>
      <c r="AA73" s="1259" t="s">
        <v>1498</v>
      </c>
      <c r="AB73" s="1259" t="s">
        <v>1498</v>
      </c>
      <c r="AC73" s="1259" t="s">
        <v>1498</v>
      </c>
      <c r="AD73" s="1259" t="s">
        <v>1498</v>
      </c>
      <c r="AE73" s="1259" t="s">
        <v>1498</v>
      </c>
      <c r="AF73" s="1259" t="s">
        <v>1498</v>
      </c>
      <c r="AG73" s="1259" t="s">
        <v>1498</v>
      </c>
      <c r="AH73" s="1259" t="s">
        <v>1498</v>
      </c>
      <c r="AI73" s="1259" t="s">
        <v>1498</v>
      </c>
      <c r="AJ73" s="1259" t="s">
        <v>1498</v>
      </c>
      <c r="AK73" s="1259" t="s">
        <v>1498</v>
      </c>
      <c r="AL73" s="1259" t="s">
        <v>1498</v>
      </c>
      <c r="AM73" s="1259" t="s">
        <v>1498</v>
      </c>
      <c r="AN73" s="1259" t="s">
        <v>1498</v>
      </c>
      <c r="AO73" s="1259" t="s">
        <v>1498</v>
      </c>
      <c r="AP73" s="1259" t="s">
        <v>1498</v>
      </c>
      <c r="AQ73" s="1259" t="s">
        <v>1498</v>
      </c>
      <c r="AR73" s="1259" t="s">
        <v>1498</v>
      </c>
      <c r="AS73" s="1259" t="s">
        <v>1498</v>
      </c>
      <c r="AT73" s="1259" t="s">
        <v>1498</v>
      </c>
      <c r="AU73" s="1259" t="s">
        <v>1498</v>
      </c>
      <c r="AV73" s="1259" t="s">
        <v>1498</v>
      </c>
      <c r="AW73" s="1259" t="s">
        <v>1498</v>
      </c>
      <c r="AX73" s="1259" t="s">
        <v>1498</v>
      </c>
      <c r="AY73" s="1259" t="s">
        <v>1498</v>
      </c>
      <c r="AZ73" s="905" t="s">
        <v>1620</v>
      </c>
      <c r="BA73" s="499" t="s">
        <v>722</v>
      </c>
      <c r="BB73" s="953" t="s">
        <v>53</v>
      </c>
      <c r="BC73" s="980">
        <f>ROUND((VLOOKUP(H73,'[5]Cost Summary'!A:H,8,)),0.1)</f>
        <v>199337</v>
      </c>
      <c r="BD73" s="954">
        <v>0</v>
      </c>
      <c r="BE73" s="954" t="s">
        <v>1500</v>
      </c>
      <c r="BF73" s="954" t="s">
        <v>1584</v>
      </c>
      <c r="BG73" s="1261">
        <v>129504.38</v>
      </c>
      <c r="BH73" s="976" t="e">
        <f t="shared" si="65"/>
        <v>#VALUE!</v>
      </c>
      <c r="BI73" s="972" t="e">
        <f t="shared" si="66"/>
        <v>#VALUE!</v>
      </c>
      <c r="BJ73" s="972" t="e">
        <f t="shared" si="67"/>
        <v>#VALUE!</v>
      </c>
      <c r="BK73" s="972" t="e">
        <f t="shared" si="68"/>
        <v>#VALUE!</v>
      </c>
      <c r="BL73" s="972" t="e">
        <f t="shared" si="69"/>
        <v>#VALUE!</v>
      </c>
      <c r="BM73" s="972" t="e">
        <f t="shared" si="70"/>
        <v>#VALUE!</v>
      </c>
      <c r="BN73" s="972" t="e">
        <f t="shared" si="71"/>
        <v>#VALUE!</v>
      </c>
      <c r="BO73" s="972" t="e">
        <f t="shared" si="72"/>
        <v>#VALUE!</v>
      </c>
      <c r="BP73" s="972" t="e">
        <f t="shared" si="73"/>
        <v>#VALUE!</v>
      </c>
      <c r="BQ73" s="972" t="e">
        <f t="shared" si="74"/>
        <v>#VALUE!</v>
      </c>
      <c r="BR73" s="972" t="e">
        <f t="shared" si="75"/>
        <v>#VALUE!</v>
      </c>
      <c r="BS73" s="972" t="e">
        <f t="shared" si="76"/>
        <v>#VALUE!</v>
      </c>
      <c r="BT73" s="972" t="e">
        <f t="shared" si="77"/>
        <v>#VALUE!</v>
      </c>
      <c r="BU73" s="972" t="e">
        <f t="shared" si="78"/>
        <v>#VALUE!</v>
      </c>
      <c r="BV73" s="972" t="e">
        <f t="shared" si="79"/>
        <v>#VALUE!</v>
      </c>
      <c r="BW73" s="972" t="e">
        <f t="shared" si="80"/>
        <v>#VALUE!</v>
      </c>
      <c r="BX73" s="972" t="e">
        <f t="shared" si="81"/>
        <v>#VALUE!</v>
      </c>
      <c r="BY73" s="972" t="e">
        <f t="shared" si="82"/>
        <v>#VALUE!</v>
      </c>
      <c r="BZ73" s="972" t="e">
        <f t="shared" si="83"/>
        <v>#VALUE!</v>
      </c>
      <c r="CA73" s="972" t="e">
        <f t="shared" si="84"/>
        <v>#VALUE!</v>
      </c>
      <c r="CB73" s="973" t="e">
        <f t="shared" ref="CB73:CB136" si="85">SUM(BH73:CA73)</f>
        <v>#VALUE!</v>
      </c>
    </row>
    <row r="74" spans="3:80" ht="129" hidden="1" x14ac:dyDescent="0.25">
      <c r="C74" s="597"/>
      <c r="D74" s="597"/>
      <c r="E74" s="597"/>
      <c r="F74" s="597"/>
      <c r="G74" s="597"/>
      <c r="H74" s="499" t="s">
        <v>1756</v>
      </c>
      <c r="I74" s="499" t="s">
        <v>995</v>
      </c>
      <c r="J74" s="499" t="s">
        <v>996</v>
      </c>
      <c r="K74" s="499">
        <v>51.745847810000001</v>
      </c>
      <c r="L74" s="499">
        <v>-0.48759787500000001</v>
      </c>
      <c r="M74" s="499" t="s">
        <v>1560</v>
      </c>
      <c r="N74" s="499" t="s">
        <v>1489</v>
      </c>
      <c r="O74" s="499">
        <v>1</v>
      </c>
      <c r="P74" s="499" t="s">
        <v>932</v>
      </c>
      <c r="Q74" s="499" t="s">
        <v>1490</v>
      </c>
      <c r="R74" s="499" t="s">
        <v>1491</v>
      </c>
      <c r="S74" s="499" t="s">
        <v>1492</v>
      </c>
      <c r="T74" s="499" t="s">
        <v>1493</v>
      </c>
      <c r="U74" s="499" t="s">
        <v>1749</v>
      </c>
      <c r="V74" s="946" t="str">
        <f>_xlfn.XLOOKUP(H74, [5]GIS!D:D, [5]GIS!E:E, "Not mapped")</f>
        <v>Single - Scenario 3</v>
      </c>
      <c r="W74" s="499" t="s">
        <v>1723</v>
      </c>
      <c r="X74" s="1277" t="s">
        <v>1691</v>
      </c>
      <c r="Y74" s="1278" t="s">
        <v>1692</v>
      </c>
      <c r="Z74" s="1259" t="s">
        <v>1498</v>
      </c>
      <c r="AA74" s="1259" t="s">
        <v>1498</v>
      </c>
      <c r="AB74" s="1259" t="s">
        <v>1498</v>
      </c>
      <c r="AC74" s="1259" t="s">
        <v>1498</v>
      </c>
      <c r="AD74" s="1259" t="s">
        <v>1498</v>
      </c>
      <c r="AE74" s="1259" t="s">
        <v>1498</v>
      </c>
      <c r="AF74" s="1259" t="s">
        <v>1498</v>
      </c>
      <c r="AG74" s="1259" t="s">
        <v>1498</v>
      </c>
      <c r="AH74" s="1259" t="s">
        <v>1498</v>
      </c>
      <c r="AI74" s="1259" t="s">
        <v>1498</v>
      </c>
      <c r="AJ74" s="1259" t="s">
        <v>1498</v>
      </c>
      <c r="AK74" s="1259" t="s">
        <v>1498</v>
      </c>
      <c r="AL74" s="1259" t="s">
        <v>1498</v>
      </c>
      <c r="AM74" s="1259" t="s">
        <v>1498</v>
      </c>
      <c r="AN74" s="1259" t="s">
        <v>1498</v>
      </c>
      <c r="AO74" s="1259" t="s">
        <v>1498</v>
      </c>
      <c r="AP74" s="1259" t="s">
        <v>1498</v>
      </c>
      <c r="AQ74" s="1259" t="s">
        <v>1498</v>
      </c>
      <c r="AR74" s="1259" t="s">
        <v>1498</v>
      </c>
      <c r="AS74" s="1259" t="s">
        <v>1498</v>
      </c>
      <c r="AT74" s="1259" t="s">
        <v>1498</v>
      </c>
      <c r="AU74" s="1259" t="s">
        <v>1498</v>
      </c>
      <c r="AV74" s="1259" t="s">
        <v>1498</v>
      </c>
      <c r="AW74" s="1259" t="s">
        <v>1498</v>
      </c>
      <c r="AX74" s="1259" t="s">
        <v>1498</v>
      </c>
      <c r="AY74" s="1259" t="s">
        <v>1498</v>
      </c>
      <c r="AZ74" s="905" t="s">
        <v>1620</v>
      </c>
      <c r="BA74" s="499" t="s">
        <v>722</v>
      </c>
      <c r="BB74" s="953" t="s">
        <v>53</v>
      </c>
      <c r="BC74" s="980">
        <f>ROUND((VLOOKUP(H74,'[5]Cost Summary'!A:H,8,)),0.1)</f>
        <v>26051</v>
      </c>
      <c r="BD74" s="954">
        <v>0</v>
      </c>
      <c r="BE74" s="954" t="s">
        <v>1500</v>
      </c>
      <c r="BF74" s="954" t="s">
        <v>1584</v>
      </c>
      <c r="BG74" s="1261">
        <v>16924.57</v>
      </c>
      <c r="BH74" s="976" t="e">
        <f t="shared" si="65"/>
        <v>#VALUE!</v>
      </c>
      <c r="BI74" s="972" t="e">
        <f t="shared" si="66"/>
        <v>#VALUE!</v>
      </c>
      <c r="BJ74" s="972" t="e">
        <f t="shared" si="67"/>
        <v>#VALUE!</v>
      </c>
      <c r="BK74" s="972" t="e">
        <f t="shared" si="68"/>
        <v>#VALUE!</v>
      </c>
      <c r="BL74" s="972" t="e">
        <f t="shared" si="69"/>
        <v>#VALUE!</v>
      </c>
      <c r="BM74" s="972" t="e">
        <f t="shared" si="70"/>
        <v>#VALUE!</v>
      </c>
      <c r="BN74" s="972" t="e">
        <f t="shared" si="71"/>
        <v>#VALUE!</v>
      </c>
      <c r="BO74" s="972" t="e">
        <f t="shared" si="72"/>
        <v>#VALUE!</v>
      </c>
      <c r="BP74" s="972" t="e">
        <f t="shared" si="73"/>
        <v>#VALUE!</v>
      </c>
      <c r="BQ74" s="972" t="e">
        <f t="shared" si="74"/>
        <v>#VALUE!</v>
      </c>
      <c r="BR74" s="972" t="e">
        <f t="shared" si="75"/>
        <v>#VALUE!</v>
      </c>
      <c r="BS74" s="972" t="e">
        <f t="shared" si="76"/>
        <v>#VALUE!</v>
      </c>
      <c r="BT74" s="972" t="e">
        <f t="shared" si="77"/>
        <v>#VALUE!</v>
      </c>
      <c r="BU74" s="972" t="e">
        <f t="shared" si="78"/>
        <v>#VALUE!</v>
      </c>
      <c r="BV74" s="972" t="e">
        <f t="shared" si="79"/>
        <v>#VALUE!</v>
      </c>
      <c r="BW74" s="972" t="e">
        <f t="shared" si="80"/>
        <v>#VALUE!</v>
      </c>
      <c r="BX74" s="972" t="e">
        <f t="shared" si="81"/>
        <v>#VALUE!</v>
      </c>
      <c r="BY74" s="972" t="e">
        <f t="shared" si="82"/>
        <v>#VALUE!</v>
      </c>
      <c r="BZ74" s="972" t="e">
        <f t="shared" si="83"/>
        <v>#VALUE!</v>
      </c>
      <c r="CA74" s="972" t="e">
        <f t="shared" si="84"/>
        <v>#VALUE!</v>
      </c>
      <c r="CB74" s="973" t="e">
        <f t="shared" si="85"/>
        <v>#VALUE!</v>
      </c>
    </row>
    <row r="75" spans="3:80" ht="57.75" hidden="1" x14ac:dyDescent="0.25">
      <c r="C75" s="597"/>
      <c r="D75" s="597"/>
      <c r="E75" s="597"/>
      <c r="F75" s="597"/>
      <c r="G75" s="597"/>
      <c r="H75" s="499" t="s">
        <v>1758</v>
      </c>
      <c r="I75" s="499" t="s">
        <v>997</v>
      </c>
      <c r="J75" s="499" t="s">
        <v>998</v>
      </c>
      <c r="K75" s="499" t="s">
        <v>1759</v>
      </c>
      <c r="L75" s="499" t="s">
        <v>1760</v>
      </c>
      <c r="M75" s="499" t="s">
        <v>1560</v>
      </c>
      <c r="N75" s="499" t="s">
        <v>1489</v>
      </c>
      <c r="O75" s="499">
        <v>1</v>
      </c>
      <c r="P75" s="499" t="s">
        <v>932</v>
      </c>
      <c r="Q75" s="499" t="s">
        <v>1490</v>
      </c>
      <c r="R75" s="499" t="s">
        <v>1491</v>
      </c>
      <c r="S75" s="499" t="s">
        <v>1492</v>
      </c>
      <c r="T75" s="499" t="s">
        <v>1493</v>
      </c>
      <c r="U75" s="499" t="s">
        <v>1749</v>
      </c>
      <c r="V75" s="946" t="str">
        <f>_xlfn.XLOOKUP(H75, [5]GIS!D:D, [5]GIS!E:E, "Not mapped")</f>
        <v>Multiple - Scenario 1</v>
      </c>
      <c r="W75" s="499" t="s">
        <v>1723</v>
      </c>
      <c r="X75" s="1277" t="s">
        <v>1691</v>
      </c>
      <c r="Y75" s="1278" t="s">
        <v>1692</v>
      </c>
      <c r="Z75" s="1259" t="s">
        <v>1498</v>
      </c>
      <c r="AA75" s="1259" t="s">
        <v>1498</v>
      </c>
      <c r="AB75" s="1259" t="s">
        <v>1498</v>
      </c>
      <c r="AC75" s="1259" t="s">
        <v>1498</v>
      </c>
      <c r="AD75" s="1259" t="s">
        <v>1498</v>
      </c>
      <c r="AE75" s="1259" t="s">
        <v>1498</v>
      </c>
      <c r="AF75" s="1259" t="s">
        <v>1498</v>
      </c>
      <c r="AG75" s="1259" t="s">
        <v>1498</v>
      </c>
      <c r="AH75" s="1259" t="s">
        <v>1498</v>
      </c>
      <c r="AI75" s="1259" t="s">
        <v>1498</v>
      </c>
      <c r="AJ75" s="1259" t="s">
        <v>1498</v>
      </c>
      <c r="AK75" s="1259" t="s">
        <v>1498</v>
      </c>
      <c r="AL75" s="1259" t="s">
        <v>1498</v>
      </c>
      <c r="AM75" s="1259" t="s">
        <v>1498</v>
      </c>
      <c r="AN75" s="1259" t="s">
        <v>1498</v>
      </c>
      <c r="AO75" s="1259" t="s">
        <v>1498</v>
      </c>
      <c r="AP75" s="1259" t="s">
        <v>1498</v>
      </c>
      <c r="AQ75" s="1259" t="s">
        <v>1498</v>
      </c>
      <c r="AR75" s="1259" t="s">
        <v>1498</v>
      </c>
      <c r="AS75" s="1259" t="s">
        <v>1498</v>
      </c>
      <c r="AT75" s="1259" t="s">
        <v>1498</v>
      </c>
      <c r="AU75" s="1259" t="s">
        <v>1498</v>
      </c>
      <c r="AV75" s="1259" t="s">
        <v>1498</v>
      </c>
      <c r="AW75" s="1259" t="s">
        <v>1498</v>
      </c>
      <c r="AX75" s="1259" t="s">
        <v>1498</v>
      </c>
      <c r="AY75" s="1259" t="s">
        <v>1498</v>
      </c>
      <c r="AZ75" s="905" t="s">
        <v>1620</v>
      </c>
      <c r="BA75" s="499" t="s">
        <v>722</v>
      </c>
      <c r="BB75" s="953" t="s">
        <v>53</v>
      </c>
      <c r="BC75" s="980">
        <f>ROUND((VLOOKUP(H75,'[5]Cost Summary'!A:H,8,)),0.1)</f>
        <v>17402</v>
      </c>
      <c r="BD75" s="954">
        <v>0</v>
      </c>
      <c r="BE75" s="954" t="s">
        <v>1500</v>
      </c>
      <c r="BF75" s="954" t="s">
        <v>1584</v>
      </c>
      <c r="BG75" s="1261">
        <v>11305.94</v>
      </c>
      <c r="BH75" s="976" t="e">
        <f t="shared" si="65"/>
        <v>#VALUE!</v>
      </c>
      <c r="BI75" s="972" t="e">
        <f t="shared" si="66"/>
        <v>#VALUE!</v>
      </c>
      <c r="BJ75" s="972" t="e">
        <f t="shared" si="67"/>
        <v>#VALUE!</v>
      </c>
      <c r="BK75" s="972" t="e">
        <f t="shared" si="68"/>
        <v>#VALUE!</v>
      </c>
      <c r="BL75" s="972" t="e">
        <f t="shared" si="69"/>
        <v>#VALUE!</v>
      </c>
      <c r="BM75" s="972" t="e">
        <f t="shared" si="70"/>
        <v>#VALUE!</v>
      </c>
      <c r="BN75" s="972" t="e">
        <f t="shared" si="71"/>
        <v>#VALUE!</v>
      </c>
      <c r="BO75" s="972" t="e">
        <f t="shared" si="72"/>
        <v>#VALUE!</v>
      </c>
      <c r="BP75" s="972" t="e">
        <f t="shared" si="73"/>
        <v>#VALUE!</v>
      </c>
      <c r="BQ75" s="972" t="e">
        <f t="shared" si="74"/>
        <v>#VALUE!</v>
      </c>
      <c r="BR75" s="972" t="e">
        <f t="shared" si="75"/>
        <v>#VALUE!</v>
      </c>
      <c r="BS75" s="972" t="e">
        <f t="shared" si="76"/>
        <v>#VALUE!</v>
      </c>
      <c r="BT75" s="972" t="e">
        <f t="shared" si="77"/>
        <v>#VALUE!</v>
      </c>
      <c r="BU75" s="972" t="e">
        <f t="shared" si="78"/>
        <v>#VALUE!</v>
      </c>
      <c r="BV75" s="972" t="e">
        <f t="shared" si="79"/>
        <v>#VALUE!</v>
      </c>
      <c r="BW75" s="972" t="e">
        <f t="shared" si="80"/>
        <v>#VALUE!</v>
      </c>
      <c r="BX75" s="972" t="e">
        <f t="shared" si="81"/>
        <v>#VALUE!</v>
      </c>
      <c r="BY75" s="972" t="e">
        <f t="shared" si="82"/>
        <v>#VALUE!</v>
      </c>
      <c r="BZ75" s="972" t="e">
        <f t="shared" si="83"/>
        <v>#VALUE!</v>
      </c>
      <c r="CA75" s="972" t="e">
        <f t="shared" si="84"/>
        <v>#VALUE!</v>
      </c>
      <c r="CB75" s="973" t="e">
        <f t="shared" si="85"/>
        <v>#VALUE!</v>
      </c>
    </row>
    <row r="76" spans="3:80" ht="75" hidden="1" x14ac:dyDescent="0.25">
      <c r="C76" s="597"/>
      <c r="D76" s="597" t="s">
        <v>66</v>
      </c>
      <c r="E76" s="597"/>
      <c r="F76" s="597"/>
      <c r="G76" s="597"/>
      <c r="H76" s="499" t="s">
        <v>1761</v>
      </c>
      <c r="I76" s="499" t="s">
        <v>999</v>
      </c>
      <c r="J76" s="499" t="s">
        <v>1000</v>
      </c>
      <c r="K76" s="499">
        <v>51.746416050000001</v>
      </c>
      <c r="L76" s="499">
        <v>-0.48691596999999998</v>
      </c>
      <c r="M76" s="499" t="s">
        <v>1488</v>
      </c>
      <c r="N76" s="499" t="s">
        <v>1489</v>
      </c>
      <c r="O76" s="499">
        <v>1</v>
      </c>
      <c r="P76" s="499" t="s">
        <v>932</v>
      </c>
      <c r="Q76" s="499" t="s">
        <v>1490</v>
      </c>
      <c r="R76" s="499" t="s">
        <v>1491</v>
      </c>
      <c r="S76" s="499" t="s">
        <v>1492</v>
      </c>
      <c r="T76" s="499" t="s">
        <v>1493</v>
      </c>
      <c r="U76" s="499" t="s">
        <v>1749</v>
      </c>
      <c r="V76" s="946" t="str">
        <f>_xlfn.XLOOKUP(H76, [5]GIS!D:D, [5]GIS!E:E, "Not mapped")</f>
        <v>Single - Scenario 3</v>
      </c>
      <c r="W76" s="1257" t="s">
        <v>1495</v>
      </c>
      <c r="X76" s="579" t="s">
        <v>1496</v>
      </c>
      <c r="Y76" s="1258" t="s">
        <v>1497</v>
      </c>
      <c r="Z76" s="1259" t="s">
        <v>1498</v>
      </c>
      <c r="AA76" s="1259" t="s">
        <v>1498</v>
      </c>
      <c r="AB76" s="1259" t="s">
        <v>1498</v>
      </c>
      <c r="AC76" s="1259" t="s">
        <v>1498</v>
      </c>
      <c r="AD76" s="1259" t="s">
        <v>1498</v>
      </c>
      <c r="AE76" s="1259" t="s">
        <v>1498</v>
      </c>
      <c r="AF76" s="1259" t="s">
        <v>1498</v>
      </c>
      <c r="AG76" s="1259" t="s">
        <v>1498</v>
      </c>
      <c r="AH76" s="1259" t="s">
        <v>1498</v>
      </c>
      <c r="AI76" s="1259" t="s">
        <v>1498</v>
      </c>
      <c r="AJ76" s="1259" t="s">
        <v>1498</v>
      </c>
      <c r="AK76" s="1259" t="s">
        <v>1498</v>
      </c>
      <c r="AL76" s="1259" t="s">
        <v>1498</v>
      </c>
      <c r="AM76" s="1259" t="s">
        <v>1498</v>
      </c>
      <c r="AN76" s="1259" t="s">
        <v>1498</v>
      </c>
      <c r="AO76" s="1259" t="s">
        <v>1498</v>
      </c>
      <c r="AP76" s="1259" t="s">
        <v>1498</v>
      </c>
      <c r="AQ76" s="1259" t="s">
        <v>1498</v>
      </c>
      <c r="AR76" s="1259" t="s">
        <v>1498</v>
      </c>
      <c r="AS76" s="1259" t="s">
        <v>1498</v>
      </c>
      <c r="AT76" s="1259" t="s">
        <v>1498</v>
      </c>
      <c r="AU76" s="1259" t="s">
        <v>1498</v>
      </c>
      <c r="AV76" s="1259" t="s">
        <v>1498</v>
      </c>
      <c r="AW76" s="1259" t="s">
        <v>1498</v>
      </c>
      <c r="AX76" s="1259" t="s">
        <v>1498</v>
      </c>
      <c r="AY76" s="1259" t="s">
        <v>1498</v>
      </c>
      <c r="AZ76" s="905" t="s">
        <v>1620</v>
      </c>
      <c r="BA76" s="499" t="s">
        <v>722</v>
      </c>
      <c r="BB76" s="953" t="s">
        <v>53</v>
      </c>
      <c r="BC76" s="980">
        <f>ROUND((VLOOKUP(H76,'[5]Cost Summary'!A:H,8,)),0.1)</f>
        <v>598</v>
      </c>
      <c r="BD76" s="954">
        <v>0</v>
      </c>
      <c r="BE76" s="954" t="s">
        <v>1500</v>
      </c>
      <c r="BF76" s="954" t="s">
        <v>1584</v>
      </c>
      <c r="BG76" s="1261">
        <v>388.51</v>
      </c>
      <c r="BH76" s="976" t="e">
        <f t="shared" si="65"/>
        <v>#VALUE!</v>
      </c>
      <c r="BI76" s="972" t="e">
        <f t="shared" si="66"/>
        <v>#VALUE!</v>
      </c>
      <c r="BJ76" s="972" t="e">
        <f t="shared" si="67"/>
        <v>#VALUE!</v>
      </c>
      <c r="BK76" s="972" t="e">
        <f t="shared" si="68"/>
        <v>#VALUE!</v>
      </c>
      <c r="BL76" s="972" t="e">
        <f t="shared" si="69"/>
        <v>#VALUE!</v>
      </c>
      <c r="BM76" s="972" t="e">
        <f t="shared" si="70"/>
        <v>#VALUE!</v>
      </c>
      <c r="BN76" s="972" t="e">
        <f t="shared" si="71"/>
        <v>#VALUE!</v>
      </c>
      <c r="BO76" s="972" t="e">
        <f t="shared" si="72"/>
        <v>#VALUE!</v>
      </c>
      <c r="BP76" s="972" t="e">
        <f t="shared" si="73"/>
        <v>#VALUE!</v>
      </c>
      <c r="BQ76" s="972" t="e">
        <f t="shared" si="74"/>
        <v>#VALUE!</v>
      </c>
      <c r="BR76" s="972" t="e">
        <f t="shared" si="75"/>
        <v>#VALUE!</v>
      </c>
      <c r="BS76" s="972" t="e">
        <f t="shared" si="76"/>
        <v>#VALUE!</v>
      </c>
      <c r="BT76" s="972" t="e">
        <f t="shared" si="77"/>
        <v>#VALUE!</v>
      </c>
      <c r="BU76" s="972" t="e">
        <f t="shared" si="78"/>
        <v>#VALUE!</v>
      </c>
      <c r="BV76" s="972" t="e">
        <f t="shared" si="79"/>
        <v>#VALUE!</v>
      </c>
      <c r="BW76" s="972" t="e">
        <f t="shared" si="80"/>
        <v>#VALUE!</v>
      </c>
      <c r="BX76" s="972" t="e">
        <f t="shared" si="81"/>
        <v>#VALUE!</v>
      </c>
      <c r="BY76" s="972" t="e">
        <f t="shared" si="82"/>
        <v>#VALUE!</v>
      </c>
      <c r="BZ76" s="972" t="e">
        <f t="shared" si="83"/>
        <v>#VALUE!</v>
      </c>
      <c r="CA76" s="972" t="e">
        <f t="shared" si="84"/>
        <v>#VALUE!</v>
      </c>
      <c r="CB76" s="973" t="e">
        <f t="shared" si="85"/>
        <v>#VALUE!</v>
      </c>
    </row>
    <row r="77" spans="3:80" ht="75" hidden="1" x14ac:dyDescent="0.25">
      <c r="C77" s="597"/>
      <c r="D77" s="597" t="s">
        <v>66</v>
      </c>
      <c r="E77" s="597"/>
      <c r="F77" s="597"/>
      <c r="G77" s="597"/>
      <c r="H77" s="499" t="s">
        <v>1763</v>
      </c>
      <c r="I77" s="499" t="s">
        <v>1001</v>
      </c>
      <c r="J77" s="499" t="s">
        <v>1002</v>
      </c>
      <c r="K77" s="499" t="s">
        <v>1764</v>
      </c>
      <c r="L77" s="499" t="s">
        <v>1765</v>
      </c>
      <c r="M77" s="499" t="s">
        <v>1560</v>
      </c>
      <c r="N77" s="499" t="s">
        <v>1489</v>
      </c>
      <c r="O77" s="499">
        <v>1</v>
      </c>
      <c r="P77" s="499" t="s">
        <v>932</v>
      </c>
      <c r="Q77" s="499" t="s">
        <v>1490</v>
      </c>
      <c r="R77" s="499" t="s">
        <v>1491</v>
      </c>
      <c r="S77" s="499" t="s">
        <v>1492</v>
      </c>
      <c r="T77" s="499" t="s">
        <v>1493</v>
      </c>
      <c r="U77" s="499" t="s">
        <v>1766</v>
      </c>
      <c r="V77" s="946" t="str">
        <f>_xlfn.XLOOKUP(H77, [5]GIS!D:D, [5]GIS!E:E, "Not mapped")</f>
        <v>Multiple - Scenario 1</v>
      </c>
      <c r="W77" s="1257" t="s">
        <v>1495</v>
      </c>
      <c r="X77" s="1277" t="s">
        <v>1691</v>
      </c>
      <c r="Y77" s="1278" t="s">
        <v>1692</v>
      </c>
      <c r="Z77" s="1259" t="s">
        <v>1498</v>
      </c>
      <c r="AA77" s="1259" t="s">
        <v>1498</v>
      </c>
      <c r="AB77" s="1259" t="s">
        <v>1498</v>
      </c>
      <c r="AC77" s="1259" t="s">
        <v>1498</v>
      </c>
      <c r="AD77" s="1259" t="s">
        <v>1498</v>
      </c>
      <c r="AE77" s="1259" t="s">
        <v>1498</v>
      </c>
      <c r="AF77" s="1259" t="s">
        <v>1498</v>
      </c>
      <c r="AG77" s="1259" t="s">
        <v>1498</v>
      </c>
      <c r="AH77" s="1259" t="s">
        <v>1498</v>
      </c>
      <c r="AI77" s="1259" t="s">
        <v>1498</v>
      </c>
      <c r="AJ77" s="1259" t="s">
        <v>1498</v>
      </c>
      <c r="AK77" s="1259" t="s">
        <v>1498</v>
      </c>
      <c r="AL77" s="1259" t="s">
        <v>1498</v>
      </c>
      <c r="AM77" s="1259" t="s">
        <v>1498</v>
      </c>
      <c r="AN77" s="1259" t="s">
        <v>1498</v>
      </c>
      <c r="AO77" s="1259" t="s">
        <v>1498</v>
      </c>
      <c r="AP77" s="1259" t="s">
        <v>1498</v>
      </c>
      <c r="AQ77" s="1259" t="s">
        <v>1498</v>
      </c>
      <c r="AR77" s="1259" t="s">
        <v>1498</v>
      </c>
      <c r="AS77" s="1259" t="s">
        <v>1498</v>
      </c>
      <c r="AT77" s="1259" t="s">
        <v>1498</v>
      </c>
      <c r="AU77" s="1259" t="s">
        <v>1498</v>
      </c>
      <c r="AV77" s="1259" t="s">
        <v>1498</v>
      </c>
      <c r="AW77" s="1259" t="s">
        <v>1498</v>
      </c>
      <c r="AX77" s="1259" t="s">
        <v>1498</v>
      </c>
      <c r="AY77" s="1259" t="s">
        <v>1498</v>
      </c>
      <c r="AZ77" s="905" t="s">
        <v>1767</v>
      </c>
      <c r="BA77" s="499" t="s">
        <v>722</v>
      </c>
      <c r="BB77" s="953" t="s">
        <v>53</v>
      </c>
      <c r="BC77" s="980">
        <f>ROUND((VLOOKUP(H77,'[5]Cost Summary'!A:H,8,)),0.1)</f>
        <v>8814</v>
      </c>
      <c r="BD77" s="954">
        <v>0</v>
      </c>
      <c r="BE77" s="954" t="s">
        <v>1500</v>
      </c>
      <c r="BF77" s="954" t="s">
        <v>1584</v>
      </c>
      <c r="BG77" s="1261">
        <v>5726.41</v>
      </c>
      <c r="BH77" s="976" t="e">
        <f t="shared" si="65"/>
        <v>#VALUE!</v>
      </c>
      <c r="BI77" s="972" t="e">
        <f t="shared" si="66"/>
        <v>#VALUE!</v>
      </c>
      <c r="BJ77" s="972" t="e">
        <f t="shared" si="67"/>
        <v>#VALUE!</v>
      </c>
      <c r="BK77" s="972" t="e">
        <f t="shared" si="68"/>
        <v>#VALUE!</v>
      </c>
      <c r="BL77" s="972" t="e">
        <f t="shared" si="69"/>
        <v>#VALUE!</v>
      </c>
      <c r="BM77" s="972" t="e">
        <f t="shared" si="70"/>
        <v>#VALUE!</v>
      </c>
      <c r="BN77" s="972" t="e">
        <f t="shared" si="71"/>
        <v>#VALUE!</v>
      </c>
      <c r="BO77" s="972" t="e">
        <f t="shared" si="72"/>
        <v>#VALUE!</v>
      </c>
      <c r="BP77" s="972" t="e">
        <f t="shared" si="73"/>
        <v>#VALUE!</v>
      </c>
      <c r="BQ77" s="972" t="e">
        <f t="shared" si="74"/>
        <v>#VALUE!</v>
      </c>
      <c r="BR77" s="972" t="e">
        <f t="shared" si="75"/>
        <v>#VALUE!</v>
      </c>
      <c r="BS77" s="972" t="e">
        <f t="shared" si="76"/>
        <v>#VALUE!</v>
      </c>
      <c r="BT77" s="972" t="e">
        <f t="shared" si="77"/>
        <v>#VALUE!</v>
      </c>
      <c r="BU77" s="972" t="e">
        <f t="shared" si="78"/>
        <v>#VALUE!</v>
      </c>
      <c r="BV77" s="972" t="e">
        <f t="shared" si="79"/>
        <v>#VALUE!</v>
      </c>
      <c r="BW77" s="972" t="e">
        <f t="shared" si="80"/>
        <v>#VALUE!</v>
      </c>
      <c r="BX77" s="972" t="e">
        <f t="shared" si="81"/>
        <v>#VALUE!</v>
      </c>
      <c r="BY77" s="972" t="e">
        <f t="shared" si="82"/>
        <v>#VALUE!</v>
      </c>
      <c r="BZ77" s="972" t="e">
        <f t="shared" si="83"/>
        <v>#VALUE!</v>
      </c>
      <c r="CA77" s="972" t="e">
        <f t="shared" si="84"/>
        <v>#VALUE!</v>
      </c>
      <c r="CB77" s="973" t="e">
        <f t="shared" si="85"/>
        <v>#VALUE!</v>
      </c>
    </row>
    <row r="78" spans="3:80" ht="86.25" hidden="1" x14ac:dyDescent="0.25">
      <c r="C78" s="597"/>
      <c r="D78" s="597" t="s">
        <v>66</v>
      </c>
      <c r="E78" s="597"/>
      <c r="F78" s="597"/>
      <c r="G78" s="597"/>
      <c r="H78" s="499" t="s">
        <v>1768</v>
      </c>
      <c r="I78" s="499" t="s">
        <v>1003</v>
      </c>
      <c r="J78" s="499" t="s">
        <v>1004</v>
      </c>
      <c r="K78" s="499" t="s">
        <v>1769</v>
      </c>
      <c r="L78" s="499" t="s">
        <v>1770</v>
      </c>
      <c r="M78" s="499" t="s">
        <v>1488</v>
      </c>
      <c r="N78" s="499" t="s">
        <v>1489</v>
      </c>
      <c r="O78" s="499">
        <v>1</v>
      </c>
      <c r="P78" s="499" t="s">
        <v>932</v>
      </c>
      <c r="Q78" s="499" t="s">
        <v>1490</v>
      </c>
      <c r="R78" s="499" t="s">
        <v>1491</v>
      </c>
      <c r="S78" s="499" t="s">
        <v>1492</v>
      </c>
      <c r="T78" s="499" t="s">
        <v>1493</v>
      </c>
      <c r="U78" s="499" t="s">
        <v>1766</v>
      </c>
      <c r="V78" s="946" t="str">
        <f>_xlfn.XLOOKUP(H78, [5]GIS!D:D, [5]GIS!E:E, "Not mapped")</f>
        <v>Single - Scenario 3</v>
      </c>
      <c r="W78" s="1257" t="s">
        <v>1495</v>
      </c>
      <c r="X78" s="579" t="s">
        <v>1496</v>
      </c>
      <c r="Y78" s="1258" t="s">
        <v>1497</v>
      </c>
      <c r="Z78" s="1259" t="s">
        <v>1498</v>
      </c>
      <c r="AA78" s="1259" t="s">
        <v>1498</v>
      </c>
      <c r="AB78" s="1259" t="s">
        <v>1498</v>
      </c>
      <c r="AC78" s="1259" t="s">
        <v>1498</v>
      </c>
      <c r="AD78" s="1259" t="s">
        <v>1498</v>
      </c>
      <c r="AE78" s="1259" t="s">
        <v>1498</v>
      </c>
      <c r="AF78" s="1259" t="s">
        <v>1498</v>
      </c>
      <c r="AG78" s="1259" t="s">
        <v>1498</v>
      </c>
      <c r="AH78" s="1259" t="s">
        <v>1498</v>
      </c>
      <c r="AI78" s="1259" t="s">
        <v>1498</v>
      </c>
      <c r="AJ78" s="1259" t="s">
        <v>1498</v>
      </c>
      <c r="AK78" s="1259" t="s">
        <v>1498</v>
      </c>
      <c r="AL78" s="1259" t="s">
        <v>1498</v>
      </c>
      <c r="AM78" s="1259" t="s">
        <v>1498</v>
      </c>
      <c r="AN78" s="1259" t="s">
        <v>1498</v>
      </c>
      <c r="AO78" s="1259" t="s">
        <v>1498</v>
      </c>
      <c r="AP78" s="1259" t="s">
        <v>1498</v>
      </c>
      <c r="AQ78" s="1259" t="s">
        <v>1498</v>
      </c>
      <c r="AR78" s="1259" t="s">
        <v>1498</v>
      </c>
      <c r="AS78" s="1259" t="s">
        <v>1498</v>
      </c>
      <c r="AT78" s="1259" t="s">
        <v>1498</v>
      </c>
      <c r="AU78" s="1259" t="s">
        <v>1498</v>
      </c>
      <c r="AV78" s="1259" t="s">
        <v>1498</v>
      </c>
      <c r="AW78" s="1259" t="s">
        <v>1498</v>
      </c>
      <c r="AX78" s="1259" t="s">
        <v>1498</v>
      </c>
      <c r="AY78" s="1259" t="s">
        <v>1498</v>
      </c>
      <c r="AZ78" s="905" t="s">
        <v>1767</v>
      </c>
      <c r="BA78" s="499" t="s">
        <v>722</v>
      </c>
      <c r="BB78" s="953" t="s">
        <v>53</v>
      </c>
      <c r="BC78" s="980">
        <f>ROUND((VLOOKUP(H78,'[5]Cost Summary'!A:H,8,)),0.1)</f>
        <v>16560</v>
      </c>
      <c r="BD78" s="954">
        <v>0</v>
      </c>
      <c r="BE78" s="954" t="s">
        <v>1500</v>
      </c>
      <c r="BF78" s="954" t="s">
        <v>1584</v>
      </c>
      <c r="BG78" s="1261">
        <v>10758.58</v>
      </c>
      <c r="BH78" s="976" t="e">
        <f t="shared" si="65"/>
        <v>#VALUE!</v>
      </c>
      <c r="BI78" s="972" t="e">
        <f t="shared" si="66"/>
        <v>#VALUE!</v>
      </c>
      <c r="BJ78" s="972" t="e">
        <f t="shared" si="67"/>
        <v>#VALUE!</v>
      </c>
      <c r="BK78" s="972" t="e">
        <f t="shared" si="68"/>
        <v>#VALUE!</v>
      </c>
      <c r="BL78" s="972" t="e">
        <f t="shared" si="69"/>
        <v>#VALUE!</v>
      </c>
      <c r="BM78" s="972" t="e">
        <f t="shared" si="70"/>
        <v>#VALUE!</v>
      </c>
      <c r="BN78" s="972" t="e">
        <f t="shared" si="71"/>
        <v>#VALUE!</v>
      </c>
      <c r="BO78" s="972" t="e">
        <f t="shared" si="72"/>
        <v>#VALUE!</v>
      </c>
      <c r="BP78" s="972" t="e">
        <f t="shared" si="73"/>
        <v>#VALUE!</v>
      </c>
      <c r="BQ78" s="972" t="e">
        <f t="shared" si="74"/>
        <v>#VALUE!</v>
      </c>
      <c r="BR78" s="972" t="e">
        <f t="shared" si="75"/>
        <v>#VALUE!</v>
      </c>
      <c r="BS78" s="972" t="e">
        <f t="shared" si="76"/>
        <v>#VALUE!</v>
      </c>
      <c r="BT78" s="972" t="e">
        <f t="shared" si="77"/>
        <v>#VALUE!</v>
      </c>
      <c r="BU78" s="972" t="e">
        <f t="shared" si="78"/>
        <v>#VALUE!</v>
      </c>
      <c r="BV78" s="972" t="e">
        <f t="shared" si="79"/>
        <v>#VALUE!</v>
      </c>
      <c r="BW78" s="972" t="e">
        <f t="shared" si="80"/>
        <v>#VALUE!</v>
      </c>
      <c r="BX78" s="972" t="e">
        <f t="shared" si="81"/>
        <v>#VALUE!</v>
      </c>
      <c r="BY78" s="972" t="e">
        <f t="shared" si="82"/>
        <v>#VALUE!</v>
      </c>
      <c r="BZ78" s="972" t="e">
        <f t="shared" si="83"/>
        <v>#VALUE!</v>
      </c>
      <c r="CA78" s="972" t="e">
        <f t="shared" si="84"/>
        <v>#VALUE!</v>
      </c>
      <c r="CB78" s="973" t="e">
        <f t="shared" si="85"/>
        <v>#VALUE!</v>
      </c>
    </row>
    <row r="79" spans="3:80" ht="90" hidden="1" x14ac:dyDescent="0.25">
      <c r="C79" s="597"/>
      <c r="D79" s="597" t="s">
        <v>66</v>
      </c>
      <c r="E79" s="597"/>
      <c r="F79" s="597" t="s">
        <v>66</v>
      </c>
      <c r="G79" s="597"/>
      <c r="H79" s="1281" t="s">
        <v>1771</v>
      </c>
      <c r="I79" s="1281" t="s">
        <v>1005</v>
      </c>
      <c r="J79" s="1281" t="s">
        <v>1772</v>
      </c>
      <c r="K79" s="1281" t="s">
        <v>1773</v>
      </c>
      <c r="L79" s="1281" t="s">
        <v>1773</v>
      </c>
      <c r="M79" s="1281" t="s">
        <v>1560</v>
      </c>
      <c r="N79" s="1281" t="s">
        <v>1489</v>
      </c>
      <c r="O79" s="1281"/>
      <c r="P79" s="1281" t="s">
        <v>900</v>
      </c>
      <c r="Q79" s="1281" t="s">
        <v>1490</v>
      </c>
      <c r="R79" s="1281" t="s">
        <v>1491</v>
      </c>
      <c r="S79" s="1281" t="s">
        <v>1492</v>
      </c>
      <c r="T79" s="1281" t="s">
        <v>1493</v>
      </c>
      <c r="U79" s="1281" t="s">
        <v>1766</v>
      </c>
      <c r="V79" s="958" t="str">
        <f>_xlfn.XLOOKUP(H79, [5]GIS!D:D, [5]GIS!E:E, "Not mapped")</f>
        <v>Multiple - Scenario 2</v>
      </c>
      <c r="W79" s="1281" t="s">
        <v>1723</v>
      </c>
      <c r="X79" s="1282"/>
      <c r="Y79" s="1283" t="s">
        <v>1719</v>
      </c>
      <c r="Z79" s="1281"/>
      <c r="AA79" s="1281"/>
      <c r="AB79" s="1281"/>
      <c r="AC79" s="1281"/>
      <c r="AD79" s="1281"/>
      <c r="AE79" s="1281"/>
      <c r="AF79" s="1281"/>
      <c r="AG79" s="1281"/>
      <c r="AH79" s="1282"/>
      <c r="AI79" s="1291"/>
      <c r="AJ79" s="1284"/>
      <c r="AK79" s="1284"/>
      <c r="AL79" s="1284"/>
      <c r="AM79" s="1284"/>
      <c r="AN79" s="1284"/>
      <c r="AO79" s="1284"/>
      <c r="AP79" s="1284"/>
      <c r="AQ79" s="1284"/>
      <c r="AR79" s="1284"/>
      <c r="AS79" s="1284"/>
      <c r="AT79" s="1284"/>
      <c r="AU79" s="1284"/>
      <c r="AV79" s="1284"/>
      <c r="AW79" s="1284"/>
      <c r="AX79" s="1285"/>
      <c r="AY79" s="1284"/>
      <c r="AZ79" s="1286" t="s">
        <v>1767</v>
      </c>
      <c r="BA79" s="1281" t="s">
        <v>722</v>
      </c>
      <c r="BB79" s="1282" t="s">
        <v>53</v>
      </c>
      <c r="BC79" s="1287">
        <v>24667.5</v>
      </c>
      <c r="BD79" s="1263">
        <v>0</v>
      </c>
      <c r="BE79" s="1263" t="s">
        <v>1500</v>
      </c>
      <c r="BF79" s="1288" t="s">
        <v>1721</v>
      </c>
      <c r="BG79" s="978">
        <v>24667.5</v>
      </c>
      <c r="BH79" s="976" t="e">
        <f t="shared" si="65"/>
        <v>#DIV/0!</v>
      </c>
      <c r="BI79" s="972" t="e">
        <f t="shared" si="66"/>
        <v>#DIV/0!</v>
      </c>
      <c r="BJ79" s="972" t="e">
        <f t="shared" si="67"/>
        <v>#DIV/0!</v>
      </c>
      <c r="BK79" s="972" t="e">
        <f t="shared" si="68"/>
        <v>#DIV/0!</v>
      </c>
      <c r="BL79" s="972" t="e">
        <f t="shared" si="69"/>
        <v>#DIV/0!</v>
      </c>
      <c r="BM79" s="972" t="e">
        <f t="shared" si="70"/>
        <v>#DIV/0!</v>
      </c>
      <c r="BN79" s="972" t="e">
        <f t="shared" si="71"/>
        <v>#DIV/0!</v>
      </c>
      <c r="BO79" s="972" t="e">
        <f t="shared" si="72"/>
        <v>#DIV/0!</v>
      </c>
      <c r="BP79" s="972" t="e">
        <f t="shared" si="73"/>
        <v>#DIV/0!</v>
      </c>
      <c r="BQ79" s="972" t="e">
        <f t="shared" si="74"/>
        <v>#DIV/0!</v>
      </c>
      <c r="BR79" s="972" t="e">
        <f t="shared" si="75"/>
        <v>#DIV/0!</v>
      </c>
      <c r="BS79" s="972" t="e">
        <f t="shared" si="76"/>
        <v>#DIV/0!</v>
      </c>
      <c r="BT79" s="972" t="e">
        <f t="shared" si="77"/>
        <v>#DIV/0!</v>
      </c>
      <c r="BU79" s="972" t="e">
        <f t="shared" si="78"/>
        <v>#DIV/0!</v>
      </c>
      <c r="BV79" s="972" t="e">
        <f t="shared" si="79"/>
        <v>#DIV/0!</v>
      </c>
      <c r="BW79" s="972" t="e">
        <f t="shared" si="80"/>
        <v>#DIV/0!</v>
      </c>
      <c r="BX79" s="972" t="e">
        <f t="shared" si="81"/>
        <v>#DIV/0!</v>
      </c>
      <c r="BY79" s="972" t="e">
        <f t="shared" si="82"/>
        <v>#DIV/0!</v>
      </c>
      <c r="BZ79" s="972" t="e">
        <f t="shared" si="83"/>
        <v>#DIV/0!</v>
      </c>
      <c r="CA79" s="972" t="e">
        <f t="shared" si="84"/>
        <v>#DIV/0!</v>
      </c>
      <c r="CB79" s="973" t="e">
        <f t="shared" si="85"/>
        <v>#DIV/0!</v>
      </c>
    </row>
    <row r="80" spans="3:80" ht="57.75" hidden="1" x14ac:dyDescent="0.25">
      <c r="C80" s="597"/>
      <c r="D80" s="597"/>
      <c r="E80" s="597"/>
      <c r="F80" s="597"/>
      <c r="G80" s="597"/>
      <c r="H80" s="499" t="s">
        <v>1774</v>
      </c>
      <c r="I80" s="499" t="s">
        <v>1007</v>
      </c>
      <c r="J80" s="499" t="s">
        <v>1008</v>
      </c>
      <c r="K80" s="499">
        <v>51.747368000000002</v>
      </c>
      <c r="L80" s="499">
        <v>-0.48732199999999998</v>
      </c>
      <c r="M80" s="499" t="s">
        <v>1560</v>
      </c>
      <c r="N80" s="499" t="s">
        <v>1489</v>
      </c>
      <c r="O80" s="499">
        <v>1</v>
      </c>
      <c r="P80" s="499" t="s">
        <v>900</v>
      </c>
      <c r="Q80" s="499" t="s">
        <v>1490</v>
      </c>
      <c r="R80" s="499" t="s">
        <v>1491</v>
      </c>
      <c r="S80" s="499" t="s">
        <v>1492</v>
      </c>
      <c r="T80" s="499" t="s">
        <v>1493</v>
      </c>
      <c r="U80" s="499" t="s">
        <v>1766</v>
      </c>
      <c r="V80" s="946" t="str">
        <f>_xlfn.XLOOKUP(H80, [5]GIS!D:D, [5]GIS!E:E, "Not mapped")</f>
        <v>Multiple - Scenario 1</v>
      </c>
      <c r="W80" s="499" t="s">
        <v>1723</v>
      </c>
      <c r="X80" s="1277" t="s">
        <v>1691</v>
      </c>
      <c r="Y80" s="1278" t="s">
        <v>1692</v>
      </c>
      <c r="Z80" s="1259" t="s">
        <v>1498</v>
      </c>
      <c r="AA80" s="1259" t="s">
        <v>1498</v>
      </c>
      <c r="AB80" s="1259" t="s">
        <v>1498</v>
      </c>
      <c r="AC80" s="1259" t="s">
        <v>1498</v>
      </c>
      <c r="AD80" s="1259" t="s">
        <v>1498</v>
      </c>
      <c r="AE80" s="1259" t="s">
        <v>1498</v>
      </c>
      <c r="AF80" s="1259" t="s">
        <v>1498</v>
      </c>
      <c r="AG80" s="1259" t="s">
        <v>1498</v>
      </c>
      <c r="AH80" s="1259" t="s">
        <v>1498</v>
      </c>
      <c r="AI80" s="1259" t="s">
        <v>1498</v>
      </c>
      <c r="AJ80" s="1259" t="s">
        <v>1498</v>
      </c>
      <c r="AK80" s="1259" t="s">
        <v>1498</v>
      </c>
      <c r="AL80" s="1259" t="s">
        <v>1498</v>
      </c>
      <c r="AM80" s="1259" t="s">
        <v>1498</v>
      </c>
      <c r="AN80" s="1259" t="s">
        <v>1498</v>
      </c>
      <c r="AO80" s="1259" t="s">
        <v>1498</v>
      </c>
      <c r="AP80" s="1259" t="s">
        <v>1498</v>
      </c>
      <c r="AQ80" s="1259" t="s">
        <v>1498</v>
      </c>
      <c r="AR80" s="1259" t="s">
        <v>1498</v>
      </c>
      <c r="AS80" s="1259" t="s">
        <v>1498</v>
      </c>
      <c r="AT80" s="1259" t="s">
        <v>1498</v>
      </c>
      <c r="AU80" s="1259" t="s">
        <v>1498</v>
      </c>
      <c r="AV80" s="1259" t="s">
        <v>1498</v>
      </c>
      <c r="AW80" s="1259" t="s">
        <v>1498</v>
      </c>
      <c r="AX80" s="1259" t="s">
        <v>1498</v>
      </c>
      <c r="AY80" s="1259" t="s">
        <v>1498</v>
      </c>
      <c r="AZ80" s="905" t="s">
        <v>1767</v>
      </c>
      <c r="BA80" s="499" t="s">
        <v>722</v>
      </c>
      <c r="BB80" s="953" t="s">
        <v>53</v>
      </c>
      <c r="BC80" s="980">
        <f>ROUND((VLOOKUP(H80,'[5]Cost Summary'!A:H,8,)),0.1)</f>
        <v>158204</v>
      </c>
      <c r="BD80" s="499">
        <v>0</v>
      </c>
      <c r="BE80" s="499" t="s">
        <v>1500</v>
      </c>
      <c r="BF80" s="954" t="s">
        <v>1584</v>
      </c>
      <c r="BG80" s="1261">
        <v>102781.25</v>
      </c>
      <c r="BH80" s="976" t="e">
        <f t="shared" si="65"/>
        <v>#VALUE!</v>
      </c>
      <c r="BI80" s="972" t="e">
        <f t="shared" si="66"/>
        <v>#VALUE!</v>
      </c>
      <c r="BJ80" s="972" t="e">
        <f t="shared" si="67"/>
        <v>#VALUE!</v>
      </c>
      <c r="BK80" s="972" t="e">
        <f t="shared" si="68"/>
        <v>#VALUE!</v>
      </c>
      <c r="BL80" s="972" t="e">
        <f t="shared" si="69"/>
        <v>#VALUE!</v>
      </c>
      <c r="BM80" s="972" t="e">
        <f t="shared" si="70"/>
        <v>#VALUE!</v>
      </c>
      <c r="BN80" s="972" t="e">
        <f t="shared" si="71"/>
        <v>#VALUE!</v>
      </c>
      <c r="BO80" s="972" t="e">
        <f t="shared" si="72"/>
        <v>#VALUE!</v>
      </c>
      <c r="BP80" s="972" t="e">
        <f t="shared" si="73"/>
        <v>#VALUE!</v>
      </c>
      <c r="BQ80" s="972" t="e">
        <f t="shared" si="74"/>
        <v>#VALUE!</v>
      </c>
      <c r="BR80" s="972" t="e">
        <f t="shared" si="75"/>
        <v>#VALUE!</v>
      </c>
      <c r="BS80" s="972" t="e">
        <f t="shared" si="76"/>
        <v>#VALUE!</v>
      </c>
      <c r="BT80" s="972" t="e">
        <f t="shared" si="77"/>
        <v>#VALUE!</v>
      </c>
      <c r="BU80" s="972" t="e">
        <f t="shared" si="78"/>
        <v>#VALUE!</v>
      </c>
      <c r="BV80" s="972" t="e">
        <f t="shared" si="79"/>
        <v>#VALUE!</v>
      </c>
      <c r="BW80" s="972" t="e">
        <f t="shared" si="80"/>
        <v>#VALUE!</v>
      </c>
      <c r="BX80" s="972" t="e">
        <f t="shared" si="81"/>
        <v>#VALUE!</v>
      </c>
      <c r="BY80" s="972" t="e">
        <f t="shared" si="82"/>
        <v>#VALUE!</v>
      </c>
      <c r="BZ80" s="972" t="e">
        <f t="shared" si="83"/>
        <v>#VALUE!</v>
      </c>
      <c r="CA80" s="972" t="e">
        <f t="shared" si="84"/>
        <v>#VALUE!</v>
      </c>
      <c r="CB80" s="973" t="e">
        <f t="shared" si="85"/>
        <v>#VALUE!</v>
      </c>
    </row>
    <row r="81" spans="3:80" ht="57.75" hidden="1" x14ac:dyDescent="0.25">
      <c r="C81" s="597"/>
      <c r="D81" s="597"/>
      <c r="E81" s="597"/>
      <c r="F81" s="597"/>
      <c r="G81" s="597"/>
      <c r="H81" s="499" t="s">
        <v>1775</v>
      </c>
      <c r="I81" s="499" t="s">
        <v>1009</v>
      </c>
      <c r="J81" s="499" t="s">
        <v>1010</v>
      </c>
      <c r="K81" s="499">
        <v>51.749327999999998</v>
      </c>
      <c r="L81" s="499">
        <v>-0.48734300000000003</v>
      </c>
      <c r="M81" s="499" t="s">
        <v>1560</v>
      </c>
      <c r="N81" s="499" t="s">
        <v>1489</v>
      </c>
      <c r="O81" s="499">
        <v>1</v>
      </c>
      <c r="P81" s="499" t="s">
        <v>932</v>
      </c>
      <c r="Q81" s="499" t="s">
        <v>1490</v>
      </c>
      <c r="R81" s="499" t="s">
        <v>1491</v>
      </c>
      <c r="S81" s="499" t="s">
        <v>1492</v>
      </c>
      <c r="T81" s="499" t="s">
        <v>1493</v>
      </c>
      <c r="U81" s="499" t="s">
        <v>1766</v>
      </c>
      <c r="V81" s="946" t="str">
        <f>_xlfn.XLOOKUP(H81, [5]GIS!D:D, [5]GIS!E:E, "Not mapped")</f>
        <v>Single - Scenario 3</v>
      </c>
      <c r="W81" s="499" t="s">
        <v>1723</v>
      </c>
      <c r="X81" s="1277" t="s">
        <v>1691</v>
      </c>
      <c r="Y81" s="1278" t="s">
        <v>1692</v>
      </c>
      <c r="Z81" s="1259" t="s">
        <v>1498</v>
      </c>
      <c r="AA81" s="1259" t="s">
        <v>1498</v>
      </c>
      <c r="AB81" s="1259" t="s">
        <v>1498</v>
      </c>
      <c r="AC81" s="1259" t="s">
        <v>1498</v>
      </c>
      <c r="AD81" s="1259" t="s">
        <v>1498</v>
      </c>
      <c r="AE81" s="1259" t="s">
        <v>1498</v>
      </c>
      <c r="AF81" s="1259" t="s">
        <v>1498</v>
      </c>
      <c r="AG81" s="1259" t="s">
        <v>1498</v>
      </c>
      <c r="AH81" s="1259" t="s">
        <v>1498</v>
      </c>
      <c r="AI81" s="1259" t="s">
        <v>1498</v>
      </c>
      <c r="AJ81" s="1259" t="s">
        <v>1498</v>
      </c>
      <c r="AK81" s="1259" t="s">
        <v>1498</v>
      </c>
      <c r="AL81" s="1259" t="s">
        <v>1498</v>
      </c>
      <c r="AM81" s="1259" t="s">
        <v>1498</v>
      </c>
      <c r="AN81" s="1259" t="s">
        <v>1498</v>
      </c>
      <c r="AO81" s="1259" t="s">
        <v>1498</v>
      </c>
      <c r="AP81" s="1259" t="s">
        <v>1498</v>
      </c>
      <c r="AQ81" s="1259" t="s">
        <v>1498</v>
      </c>
      <c r="AR81" s="1259" t="s">
        <v>1498</v>
      </c>
      <c r="AS81" s="1259" t="s">
        <v>1498</v>
      </c>
      <c r="AT81" s="1259" t="s">
        <v>1498</v>
      </c>
      <c r="AU81" s="1259" t="s">
        <v>1498</v>
      </c>
      <c r="AV81" s="1259" t="s">
        <v>1498</v>
      </c>
      <c r="AW81" s="1259" t="s">
        <v>1498</v>
      </c>
      <c r="AX81" s="1259" t="s">
        <v>1498</v>
      </c>
      <c r="AY81" s="1259" t="s">
        <v>1498</v>
      </c>
      <c r="AZ81" s="905" t="s">
        <v>1767</v>
      </c>
      <c r="BA81" s="499" t="s">
        <v>722</v>
      </c>
      <c r="BB81" s="953" t="s">
        <v>53</v>
      </c>
      <c r="BC81" s="980">
        <f>ROUND((VLOOKUP(H81,'[5]Cost Summary'!A:H,8,)),0.1)</f>
        <v>33318</v>
      </c>
      <c r="BD81" s="499">
        <v>0</v>
      </c>
      <c r="BE81" s="499" t="s">
        <v>1500</v>
      </c>
      <c r="BF81" s="954" t="s">
        <v>1584</v>
      </c>
      <c r="BG81" s="1261">
        <v>21645.73</v>
      </c>
      <c r="BH81" s="976" t="e">
        <f t="shared" si="65"/>
        <v>#VALUE!</v>
      </c>
      <c r="BI81" s="972" t="e">
        <f t="shared" si="66"/>
        <v>#VALUE!</v>
      </c>
      <c r="BJ81" s="972" t="e">
        <f t="shared" si="67"/>
        <v>#VALUE!</v>
      </c>
      <c r="BK81" s="972" t="e">
        <f t="shared" si="68"/>
        <v>#VALUE!</v>
      </c>
      <c r="BL81" s="972" t="e">
        <f t="shared" si="69"/>
        <v>#VALUE!</v>
      </c>
      <c r="BM81" s="972" t="e">
        <f t="shared" si="70"/>
        <v>#VALUE!</v>
      </c>
      <c r="BN81" s="972" t="e">
        <f t="shared" si="71"/>
        <v>#VALUE!</v>
      </c>
      <c r="BO81" s="972" t="e">
        <f t="shared" si="72"/>
        <v>#VALUE!</v>
      </c>
      <c r="BP81" s="972" t="e">
        <f t="shared" si="73"/>
        <v>#VALUE!</v>
      </c>
      <c r="BQ81" s="972" t="e">
        <f t="shared" si="74"/>
        <v>#VALUE!</v>
      </c>
      <c r="BR81" s="972" t="e">
        <f t="shared" si="75"/>
        <v>#VALUE!</v>
      </c>
      <c r="BS81" s="972" t="e">
        <f t="shared" si="76"/>
        <v>#VALUE!</v>
      </c>
      <c r="BT81" s="972" t="e">
        <f t="shared" si="77"/>
        <v>#VALUE!</v>
      </c>
      <c r="BU81" s="972" t="e">
        <f t="shared" si="78"/>
        <v>#VALUE!</v>
      </c>
      <c r="BV81" s="972" t="e">
        <f t="shared" si="79"/>
        <v>#VALUE!</v>
      </c>
      <c r="BW81" s="972" t="e">
        <f t="shared" si="80"/>
        <v>#VALUE!</v>
      </c>
      <c r="BX81" s="972" t="e">
        <f t="shared" si="81"/>
        <v>#VALUE!</v>
      </c>
      <c r="BY81" s="972" t="e">
        <f t="shared" si="82"/>
        <v>#VALUE!</v>
      </c>
      <c r="BZ81" s="972" t="e">
        <f t="shared" si="83"/>
        <v>#VALUE!</v>
      </c>
      <c r="CA81" s="972" t="e">
        <f t="shared" si="84"/>
        <v>#VALUE!</v>
      </c>
      <c r="CB81" s="973" t="e">
        <f t="shared" si="85"/>
        <v>#VALUE!</v>
      </c>
    </row>
    <row r="82" spans="3:80" ht="43.5" hidden="1" x14ac:dyDescent="0.25">
      <c r="C82" s="597"/>
      <c r="D82" s="597"/>
      <c r="E82" s="597"/>
      <c r="F82" s="597"/>
      <c r="G82" s="597"/>
      <c r="H82" s="499" t="s">
        <v>1776</v>
      </c>
      <c r="I82" s="499" t="s">
        <v>1011</v>
      </c>
      <c r="J82" s="499" t="s">
        <v>1012</v>
      </c>
      <c r="K82" s="499" t="s">
        <v>1777</v>
      </c>
      <c r="L82" s="499" t="s">
        <v>1778</v>
      </c>
      <c r="M82" s="499" t="s">
        <v>1560</v>
      </c>
      <c r="N82" s="499" t="s">
        <v>1489</v>
      </c>
      <c r="O82" s="499">
        <v>1</v>
      </c>
      <c r="P82" s="499" t="s">
        <v>932</v>
      </c>
      <c r="Q82" s="499" t="s">
        <v>1490</v>
      </c>
      <c r="R82" s="499" t="s">
        <v>1491</v>
      </c>
      <c r="S82" s="499" t="s">
        <v>1492</v>
      </c>
      <c r="T82" s="499" t="s">
        <v>1493</v>
      </c>
      <c r="U82" s="499" t="s">
        <v>1779</v>
      </c>
      <c r="V82" s="946" t="str">
        <f>_xlfn.XLOOKUP(H82, [5]GIS!D:D, [5]GIS!E:E, "Not mapped")</f>
        <v>Multiple - Scenario 1</v>
      </c>
      <c r="W82" s="499" t="s">
        <v>1723</v>
      </c>
      <c r="X82" s="1277" t="s">
        <v>1691</v>
      </c>
      <c r="Y82" s="1278" t="s">
        <v>1692</v>
      </c>
      <c r="Z82" s="1259" t="s">
        <v>1498</v>
      </c>
      <c r="AA82" s="1259" t="s">
        <v>1498</v>
      </c>
      <c r="AB82" s="1259" t="s">
        <v>1498</v>
      </c>
      <c r="AC82" s="1259" t="s">
        <v>1498</v>
      </c>
      <c r="AD82" s="1259" t="s">
        <v>1498</v>
      </c>
      <c r="AE82" s="1259" t="s">
        <v>1498</v>
      </c>
      <c r="AF82" s="1259" t="s">
        <v>1498</v>
      </c>
      <c r="AG82" s="1259" t="s">
        <v>1498</v>
      </c>
      <c r="AH82" s="1259" t="s">
        <v>1498</v>
      </c>
      <c r="AI82" s="1259" t="s">
        <v>1498</v>
      </c>
      <c r="AJ82" s="1259" t="s">
        <v>1498</v>
      </c>
      <c r="AK82" s="1259" t="s">
        <v>1498</v>
      </c>
      <c r="AL82" s="1259" t="s">
        <v>1498</v>
      </c>
      <c r="AM82" s="1259" t="s">
        <v>1498</v>
      </c>
      <c r="AN82" s="1259" t="s">
        <v>1498</v>
      </c>
      <c r="AO82" s="1259" t="s">
        <v>1498</v>
      </c>
      <c r="AP82" s="1259" t="s">
        <v>1498</v>
      </c>
      <c r="AQ82" s="1259" t="s">
        <v>1498</v>
      </c>
      <c r="AR82" s="1259" t="s">
        <v>1498</v>
      </c>
      <c r="AS82" s="1259" t="s">
        <v>1498</v>
      </c>
      <c r="AT82" s="1259" t="s">
        <v>1498</v>
      </c>
      <c r="AU82" s="1259" t="s">
        <v>1498</v>
      </c>
      <c r="AV82" s="1259" t="s">
        <v>1498</v>
      </c>
      <c r="AW82" s="1259" t="s">
        <v>1498</v>
      </c>
      <c r="AX82" s="1259" t="s">
        <v>1498</v>
      </c>
      <c r="AY82" s="1259" t="s">
        <v>1498</v>
      </c>
      <c r="AZ82" s="905" t="s">
        <v>1767</v>
      </c>
      <c r="BA82" s="499" t="s">
        <v>722</v>
      </c>
      <c r="BB82" s="953" t="s">
        <v>53</v>
      </c>
      <c r="BC82" s="980">
        <f>ROUND((VLOOKUP(H82,'[5]Cost Summary'!A:H,8,)),0.1)</f>
        <v>2585</v>
      </c>
      <c r="BD82" s="499">
        <v>0</v>
      </c>
      <c r="BE82" s="499" t="s">
        <v>1500</v>
      </c>
      <c r="BF82" s="954" t="s">
        <v>1584</v>
      </c>
      <c r="BG82" s="1261">
        <v>1679.17</v>
      </c>
      <c r="BH82" s="976" t="e">
        <f t="shared" si="65"/>
        <v>#VALUE!</v>
      </c>
      <c r="BI82" s="972" t="e">
        <f t="shared" si="66"/>
        <v>#VALUE!</v>
      </c>
      <c r="BJ82" s="972" t="e">
        <f t="shared" si="67"/>
        <v>#VALUE!</v>
      </c>
      <c r="BK82" s="972" t="e">
        <f t="shared" si="68"/>
        <v>#VALUE!</v>
      </c>
      <c r="BL82" s="972" t="e">
        <f t="shared" si="69"/>
        <v>#VALUE!</v>
      </c>
      <c r="BM82" s="972" t="e">
        <f t="shared" si="70"/>
        <v>#VALUE!</v>
      </c>
      <c r="BN82" s="972" t="e">
        <f t="shared" si="71"/>
        <v>#VALUE!</v>
      </c>
      <c r="BO82" s="972" t="e">
        <f t="shared" si="72"/>
        <v>#VALUE!</v>
      </c>
      <c r="BP82" s="972" t="e">
        <f t="shared" si="73"/>
        <v>#VALUE!</v>
      </c>
      <c r="BQ82" s="972" t="e">
        <f t="shared" si="74"/>
        <v>#VALUE!</v>
      </c>
      <c r="BR82" s="972" t="e">
        <f t="shared" si="75"/>
        <v>#VALUE!</v>
      </c>
      <c r="BS82" s="972" t="e">
        <f t="shared" si="76"/>
        <v>#VALUE!</v>
      </c>
      <c r="BT82" s="972" t="e">
        <f t="shared" si="77"/>
        <v>#VALUE!</v>
      </c>
      <c r="BU82" s="972" t="e">
        <f t="shared" si="78"/>
        <v>#VALUE!</v>
      </c>
      <c r="BV82" s="972" t="e">
        <f t="shared" si="79"/>
        <v>#VALUE!</v>
      </c>
      <c r="BW82" s="972" t="e">
        <f t="shared" si="80"/>
        <v>#VALUE!</v>
      </c>
      <c r="BX82" s="972" t="e">
        <f t="shared" si="81"/>
        <v>#VALUE!</v>
      </c>
      <c r="BY82" s="972" t="e">
        <f t="shared" si="82"/>
        <v>#VALUE!</v>
      </c>
      <c r="BZ82" s="972" t="e">
        <f t="shared" si="83"/>
        <v>#VALUE!</v>
      </c>
      <c r="CA82" s="972" t="e">
        <f t="shared" si="84"/>
        <v>#VALUE!</v>
      </c>
      <c r="CB82" s="973" t="e">
        <f t="shared" si="85"/>
        <v>#VALUE!</v>
      </c>
    </row>
    <row r="83" spans="3:80" ht="75" hidden="1" x14ac:dyDescent="0.25">
      <c r="C83" s="597"/>
      <c r="D83" s="597" t="s">
        <v>66</v>
      </c>
      <c r="E83" s="597"/>
      <c r="F83" s="597"/>
      <c r="G83" s="597"/>
      <c r="H83" s="499" t="s">
        <v>1780</v>
      </c>
      <c r="I83" s="499" t="s">
        <v>1013</v>
      </c>
      <c r="J83" s="499" t="s">
        <v>1781</v>
      </c>
      <c r="K83" s="499" t="s">
        <v>1782</v>
      </c>
      <c r="L83" s="499" t="s">
        <v>1783</v>
      </c>
      <c r="M83" s="499" t="s">
        <v>1560</v>
      </c>
      <c r="N83" s="499" t="s">
        <v>1489</v>
      </c>
      <c r="O83" s="499">
        <v>1</v>
      </c>
      <c r="P83" s="499" t="s">
        <v>932</v>
      </c>
      <c r="Q83" s="499" t="s">
        <v>1490</v>
      </c>
      <c r="R83" s="499" t="s">
        <v>1491</v>
      </c>
      <c r="S83" s="499" t="s">
        <v>1492</v>
      </c>
      <c r="T83" s="499" t="s">
        <v>1493</v>
      </c>
      <c r="U83" s="499" t="s">
        <v>1779</v>
      </c>
      <c r="V83" s="946" t="str">
        <f>_xlfn.XLOOKUP(H83, [5]GIS!D:D, [5]GIS!E:E, "Not mapped")</f>
        <v>Multiple - Scenario 1</v>
      </c>
      <c r="W83" s="1257" t="s">
        <v>1495</v>
      </c>
      <c r="X83" s="1277" t="s">
        <v>1691</v>
      </c>
      <c r="Y83" s="1278" t="s">
        <v>1692</v>
      </c>
      <c r="Z83" s="1259" t="s">
        <v>1498</v>
      </c>
      <c r="AA83" s="1259" t="s">
        <v>1498</v>
      </c>
      <c r="AB83" s="1259" t="s">
        <v>1498</v>
      </c>
      <c r="AC83" s="1259" t="s">
        <v>1498</v>
      </c>
      <c r="AD83" s="1259" t="s">
        <v>1498</v>
      </c>
      <c r="AE83" s="1259" t="s">
        <v>1498</v>
      </c>
      <c r="AF83" s="1259" t="s">
        <v>1498</v>
      </c>
      <c r="AG83" s="1259" t="s">
        <v>1498</v>
      </c>
      <c r="AH83" s="1259" t="s">
        <v>1498</v>
      </c>
      <c r="AI83" s="1259" t="s">
        <v>1498</v>
      </c>
      <c r="AJ83" s="1259" t="s">
        <v>1498</v>
      </c>
      <c r="AK83" s="1259" t="s">
        <v>1498</v>
      </c>
      <c r="AL83" s="1259" t="s">
        <v>1498</v>
      </c>
      <c r="AM83" s="1259" t="s">
        <v>1498</v>
      </c>
      <c r="AN83" s="1259" t="s">
        <v>1498</v>
      </c>
      <c r="AO83" s="1259" t="s">
        <v>1498</v>
      </c>
      <c r="AP83" s="1259" t="s">
        <v>1498</v>
      </c>
      <c r="AQ83" s="1259" t="s">
        <v>1498</v>
      </c>
      <c r="AR83" s="1259" t="s">
        <v>1498</v>
      </c>
      <c r="AS83" s="1259" t="s">
        <v>1498</v>
      </c>
      <c r="AT83" s="1259" t="s">
        <v>1498</v>
      </c>
      <c r="AU83" s="1259" t="s">
        <v>1498</v>
      </c>
      <c r="AV83" s="1259" t="s">
        <v>1498</v>
      </c>
      <c r="AW83" s="1259" t="s">
        <v>1498</v>
      </c>
      <c r="AX83" s="1259" t="s">
        <v>1498</v>
      </c>
      <c r="AY83" s="1259" t="s">
        <v>1498</v>
      </c>
      <c r="AZ83" s="905" t="s">
        <v>1767</v>
      </c>
      <c r="BA83" s="499" t="s">
        <v>722</v>
      </c>
      <c r="BB83" s="953" t="s">
        <v>53</v>
      </c>
      <c r="BC83" s="980">
        <f>ROUND((VLOOKUP(H83,'[5]Cost Summary'!A:H,8,)),0.1)</f>
        <v>34245</v>
      </c>
      <c r="BD83" s="499">
        <v>0</v>
      </c>
      <c r="BE83" s="499" t="s">
        <v>1500</v>
      </c>
      <c r="BF83" s="954" t="s">
        <v>1584</v>
      </c>
      <c r="BG83" s="1261">
        <v>22248.03</v>
      </c>
      <c r="BH83" s="976" t="e">
        <f t="shared" si="65"/>
        <v>#VALUE!</v>
      </c>
      <c r="BI83" s="972" t="e">
        <f t="shared" si="66"/>
        <v>#VALUE!</v>
      </c>
      <c r="BJ83" s="972" t="e">
        <f t="shared" si="67"/>
        <v>#VALUE!</v>
      </c>
      <c r="BK83" s="972" t="e">
        <f t="shared" si="68"/>
        <v>#VALUE!</v>
      </c>
      <c r="BL83" s="972" t="e">
        <f t="shared" si="69"/>
        <v>#VALUE!</v>
      </c>
      <c r="BM83" s="972" t="e">
        <f t="shared" si="70"/>
        <v>#VALUE!</v>
      </c>
      <c r="BN83" s="972" t="e">
        <f t="shared" si="71"/>
        <v>#VALUE!</v>
      </c>
      <c r="BO83" s="972" t="e">
        <f t="shared" si="72"/>
        <v>#VALUE!</v>
      </c>
      <c r="BP83" s="972" t="e">
        <f t="shared" si="73"/>
        <v>#VALUE!</v>
      </c>
      <c r="BQ83" s="972" t="e">
        <f t="shared" si="74"/>
        <v>#VALUE!</v>
      </c>
      <c r="BR83" s="972" t="e">
        <f t="shared" si="75"/>
        <v>#VALUE!</v>
      </c>
      <c r="BS83" s="972" t="e">
        <f t="shared" si="76"/>
        <v>#VALUE!</v>
      </c>
      <c r="BT83" s="972" t="e">
        <f t="shared" si="77"/>
        <v>#VALUE!</v>
      </c>
      <c r="BU83" s="972" t="e">
        <f t="shared" si="78"/>
        <v>#VALUE!</v>
      </c>
      <c r="BV83" s="972" t="e">
        <f t="shared" si="79"/>
        <v>#VALUE!</v>
      </c>
      <c r="BW83" s="972" t="e">
        <f t="shared" si="80"/>
        <v>#VALUE!</v>
      </c>
      <c r="BX83" s="972" t="e">
        <f t="shared" si="81"/>
        <v>#VALUE!</v>
      </c>
      <c r="BY83" s="972" t="e">
        <f t="shared" si="82"/>
        <v>#VALUE!</v>
      </c>
      <c r="BZ83" s="972" t="e">
        <f t="shared" si="83"/>
        <v>#VALUE!</v>
      </c>
      <c r="CA83" s="972" t="e">
        <f t="shared" si="84"/>
        <v>#VALUE!</v>
      </c>
      <c r="CB83" s="973" t="e">
        <f t="shared" si="85"/>
        <v>#VALUE!</v>
      </c>
    </row>
    <row r="84" spans="3:80" ht="86.25" hidden="1" x14ac:dyDescent="0.25">
      <c r="C84" s="597"/>
      <c r="D84" s="597" t="s">
        <v>66</v>
      </c>
      <c r="E84" s="597"/>
      <c r="F84" s="597"/>
      <c r="G84" s="597"/>
      <c r="H84" s="499" t="s">
        <v>1784</v>
      </c>
      <c r="I84" s="499" t="s">
        <v>1015</v>
      </c>
      <c r="J84" s="499" t="s">
        <v>1016</v>
      </c>
      <c r="K84" s="499" t="s">
        <v>1785</v>
      </c>
      <c r="L84" s="499" t="s">
        <v>1786</v>
      </c>
      <c r="M84" s="499" t="s">
        <v>1560</v>
      </c>
      <c r="N84" s="499" t="s">
        <v>1489</v>
      </c>
      <c r="O84" s="499">
        <v>1</v>
      </c>
      <c r="P84" s="499" t="s">
        <v>932</v>
      </c>
      <c r="Q84" s="499" t="s">
        <v>1490</v>
      </c>
      <c r="R84" s="499" t="s">
        <v>1491</v>
      </c>
      <c r="S84" s="499" t="s">
        <v>1492</v>
      </c>
      <c r="T84" s="499" t="s">
        <v>1493</v>
      </c>
      <c r="U84" s="499" t="s">
        <v>1779</v>
      </c>
      <c r="V84" s="946" t="str">
        <f>_xlfn.XLOOKUP(H84, [5]GIS!D:D, [5]GIS!E:E, "Not mapped")</f>
        <v>Multiple - Scenario 1</v>
      </c>
      <c r="W84" s="1257" t="s">
        <v>1495</v>
      </c>
      <c r="X84" s="1277" t="s">
        <v>1691</v>
      </c>
      <c r="Y84" s="1278" t="s">
        <v>1692</v>
      </c>
      <c r="Z84" s="1259" t="s">
        <v>1498</v>
      </c>
      <c r="AA84" s="1259" t="s">
        <v>1498</v>
      </c>
      <c r="AB84" s="1259" t="s">
        <v>1498</v>
      </c>
      <c r="AC84" s="1259" t="s">
        <v>1498</v>
      </c>
      <c r="AD84" s="1259" t="s">
        <v>1498</v>
      </c>
      <c r="AE84" s="1259" t="s">
        <v>1498</v>
      </c>
      <c r="AF84" s="1259" t="s">
        <v>1498</v>
      </c>
      <c r="AG84" s="1259" t="s">
        <v>1498</v>
      </c>
      <c r="AH84" s="1259" t="s">
        <v>1498</v>
      </c>
      <c r="AI84" s="1259" t="s">
        <v>1498</v>
      </c>
      <c r="AJ84" s="1259" t="s">
        <v>1498</v>
      </c>
      <c r="AK84" s="1259" t="s">
        <v>1498</v>
      </c>
      <c r="AL84" s="1259" t="s">
        <v>1498</v>
      </c>
      <c r="AM84" s="1259" t="s">
        <v>1498</v>
      </c>
      <c r="AN84" s="1259" t="s">
        <v>1498</v>
      </c>
      <c r="AO84" s="1259" t="s">
        <v>1498</v>
      </c>
      <c r="AP84" s="1259" t="s">
        <v>1498</v>
      </c>
      <c r="AQ84" s="1259" t="s">
        <v>1498</v>
      </c>
      <c r="AR84" s="1259" t="s">
        <v>1498</v>
      </c>
      <c r="AS84" s="1259" t="s">
        <v>1498</v>
      </c>
      <c r="AT84" s="1259" t="s">
        <v>1498</v>
      </c>
      <c r="AU84" s="1259" t="s">
        <v>1498</v>
      </c>
      <c r="AV84" s="1259" t="s">
        <v>1498</v>
      </c>
      <c r="AW84" s="1259" t="s">
        <v>1498</v>
      </c>
      <c r="AX84" s="1259" t="s">
        <v>1498</v>
      </c>
      <c r="AY84" s="1259" t="s">
        <v>1498</v>
      </c>
      <c r="AZ84" s="905" t="s">
        <v>1767</v>
      </c>
      <c r="BA84" s="499" t="s">
        <v>722</v>
      </c>
      <c r="BB84" s="953" t="s">
        <v>53</v>
      </c>
      <c r="BC84" s="980">
        <f>ROUND((VLOOKUP(H84,'[5]Cost Summary'!A:H,8,)),0.1)</f>
        <v>162108</v>
      </c>
      <c r="BD84" s="499">
        <v>0</v>
      </c>
      <c r="BE84" s="499" t="s">
        <v>1500</v>
      </c>
      <c r="BF84" s="954" t="s">
        <v>1584</v>
      </c>
      <c r="BG84" s="1261">
        <v>105317.33</v>
      </c>
      <c r="BH84" s="976" t="e">
        <f t="shared" si="65"/>
        <v>#VALUE!</v>
      </c>
      <c r="BI84" s="972" t="e">
        <f t="shared" si="66"/>
        <v>#VALUE!</v>
      </c>
      <c r="BJ84" s="972" t="e">
        <f t="shared" si="67"/>
        <v>#VALUE!</v>
      </c>
      <c r="BK84" s="972" t="e">
        <f t="shared" si="68"/>
        <v>#VALUE!</v>
      </c>
      <c r="BL84" s="972" t="e">
        <f t="shared" si="69"/>
        <v>#VALUE!</v>
      </c>
      <c r="BM84" s="972" t="e">
        <f t="shared" si="70"/>
        <v>#VALUE!</v>
      </c>
      <c r="BN84" s="972" t="e">
        <f t="shared" si="71"/>
        <v>#VALUE!</v>
      </c>
      <c r="BO84" s="972" t="e">
        <f t="shared" si="72"/>
        <v>#VALUE!</v>
      </c>
      <c r="BP84" s="972" t="e">
        <f t="shared" si="73"/>
        <v>#VALUE!</v>
      </c>
      <c r="BQ84" s="972" t="e">
        <f t="shared" si="74"/>
        <v>#VALUE!</v>
      </c>
      <c r="BR84" s="972" t="e">
        <f t="shared" si="75"/>
        <v>#VALUE!</v>
      </c>
      <c r="BS84" s="972" t="e">
        <f t="shared" si="76"/>
        <v>#VALUE!</v>
      </c>
      <c r="BT84" s="972" t="e">
        <f t="shared" si="77"/>
        <v>#VALUE!</v>
      </c>
      <c r="BU84" s="972" t="e">
        <f t="shared" si="78"/>
        <v>#VALUE!</v>
      </c>
      <c r="BV84" s="972" t="e">
        <f t="shared" si="79"/>
        <v>#VALUE!</v>
      </c>
      <c r="BW84" s="972" t="e">
        <f t="shared" si="80"/>
        <v>#VALUE!</v>
      </c>
      <c r="BX84" s="972" t="e">
        <f t="shared" si="81"/>
        <v>#VALUE!</v>
      </c>
      <c r="BY84" s="972" t="e">
        <f t="shared" si="82"/>
        <v>#VALUE!</v>
      </c>
      <c r="BZ84" s="972" t="e">
        <f t="shared" si="83"/>
        <v>#VALUE!</v>
      </c>
      <c r="CA84" s="972" t="e">
        <f t="shared" si="84"/>
        <v>#VALUE!</v>
      </c>
      <c r="CB84" s="973" t="e">
        <f t="shared" si="85"/>
        <v>#VALUE!</v>
      </c>
    </row>
    <row r="85" spans="3:80" ht="72" hidden="1" x14ac:dyDescent="0.25">
      <c r="C85" s="597"/>
      <c r="D85" s="597"/>
      <c r="E85" s="597"/>
      <c r="F85" s="597"/>
      <c r="G85" s="597"/>
      <c r="H85" s="499" t="s">
        <v>1787</v>
      </c>
      <c r="I85" s="499" t="s">
        <v>1017</v>
      </c>
      <c r="J85" s="499" t="s">
        <v>1018</v>
      </c>
      <c r="K85" s="499">
        <v>51.751065009999998</v>
      </c>
      <c r="L85" s="499">
        <v>-0.48176925199999998</v>
      </c>
      <c r="M85" s="499" t="s">
        <v>1560</v>
      </c>
      <c r="N85" s="499" t="s">
        <v>1489</v>
      </c>
      <c r="O85" s="499">
        <v>1</v>
      </c>
      <c r="P85" s="499" t="s">
        <v>932</v>
      </c>
      <c r="Q85" s="499" t="s">
        <v>1490</v>
      </c>
      <c r="R85" s="499" t="s">
        <v>1491</v>
      </c>
      <c r="S85" s="499" t="s">
        <v>1492</v>
      </c>
      <c r="T85" s="499" t="s">
        <v>1493</v>
      </c>
      <c r="U85" s="499" t="s">
        <v>1779</v>
      </c>
      <c r="V85" s="946" t="str">
        <f>_xlfn.XLOOKUP(H85, [5]GIS!D:D, [5]GIS!E:E, "Not mapped")</f>
        <v>Multiple - Scenario 1</v>
      </c>
      <c r="W85" s="499" t="s">
        <v>1723</v>
      </c>
      <c r="X85" s="1277" t="s">
        <v>1691</v>
      </c>
      <c r="Y85" s="1278" t="s">
        <v>1692</v>
      </c>
      <c r="Z85" s="1259" t="s">
        <v>1498</v>
      </c>
      <c r="AA85" s="1259" t="s">
        <v>1498</v>
      </c>
      <c r="AB85" s="1259" t="s">
        <v>1498</v>
      </c>
      <c r="AC85" s="1259" t="s">
        <v>1498</v>
      </c>
      <c r="AD85" s="1259" t="s">
        <v>1498</v>
      </c>
      <c r="AE85" s="1259" t="s">
        <v>1498</v>
      </c>
      <c r="AF85" s="1259" t="s">
        <v>1498</v>
      </c>
      <c r="AG85" s="1259" t="s">
        <v>1498</v>
      </c>
      <c r="AH85" s="1259" t="s">
        <v>1498</v>
      </c>
      <c r="AI85" s="1259" t="s">
        <v>1498</v>
      </c>
      <c r="AJ85" s="1259" t="s">
        <v>1498</v>
      </c>
      <c r="AK85" s="1259" t="s">
        <v>1498</v>
      </c>
      <c r="AL85" s="1259" t="s">
        <v>1498</v>
      </c>
      <c r="AM85" s="1259" t="s">
        <v>1498</v>
      </c>
      <c r="AN85" s="1259" t="s">
        <v>1498</v>
      </c>
      <c r="AO85" s="1259" t="s">
        <v>1498</v>
      </c>
      <c r="AP85" s="1259" t="s">
        <v>1498</v>
      </c>
      <c r="AQ85" s="1259" t="s">
        <v>1498</v>
      </c>
      <c r="AR85" s="1259" t="s">
        <v>1498</v>
      </c>
      <c r="AS85" s="1259" t="s">
        <v>1498</v>
      </c>
      <c r="AT85" s="1259" t="s">
        <v>1498</v>
      </c>
      <c r="AU85" s="1259" t="s">
        <v>1498</v>
      </c>
      <c r="AV85" s="1259" t="s">
        <v>1498</v>
      </c>
      <c r="AW85" s="1259" t="s">
        <v>1498</v>
      </c>
      <c r="AX85" s="1259" t="s">
        <v>1498</v>
      </c>
      <c r="AY85" s="1259" t="s">
        <v>1498</v>
      </c>
      <c r="AZ85" s="905" t="s">
        <v>1767</v>
      </c>
      <c r="BA85" s="499" t="s">
        <v>722</v>
      </c>
      <c r="BB85" s="953" t="s">
        <v>53</v>
      </c>
      <c r="BC85" s="980">
        <f>ROUND((VLOOKUP(H85,'[5]Cost Summary'!A:H,8,)),0.1)</f>
        <v>29796</v>
      </c>
      <c r="BD85" s="499">
        <v>0</v>
      </c>
      <c r="BE85" s="499" t="s">
        <v>1500</v>
      </c>
      <c r="BF85" s="954" t="s">
        <v>1584</v>
      </c>
      <c r="BG85" s="1261">
        <v>19357.54</v>
      </c>
      <c r="BH85" s="976" t="e">
        <f t="shared" si="65"/>
        <v>#VALUE!</v>
      </c>
      <c r="BI85" s="972" t="e">
        <f t="shared" si="66"/>
        <v>#VALUE!</v>
      </c>
      <c r="BJ85" s="972" t="e">
        <f t="shared" si="67"/>
        <v>#VALUE!</v>
      </c>
      <c r="BK85" s="972" t="e">
        <f t="shared" si="68"/>
        <v>#VALUE!</v>
      </c>
      <c r="BL85" s="972" t="e">
        <f t="shared" si="69"/>
        <v>#VALUE!</v>
      </c>
      <c r="BM85" s="972" t="e">
        <f t="shared" si="70"/>
        <v>#VALUE!</v>
      </c>
      <c r="BN85" s="972" t="e">
        <f t="shared" si="71"/>
        <v>#VALUE!</v>
      </c>
      <c r="BO85" s="972" t="e">
        <f t="shared" si="72"/>
        <v>#VALUE!</v>
      </c>
      <c r="BP85" s="972" t="e">
        <f t="shared" si="73"/>
        <v>#VALUE!</v>
      </c>
      <c r="BQ85" s="972" t="e">
        <f t="shared" si="74"/>
        <v>#VALUE!</v>
      </c>
      <c r="BR85" s="972" t="e">
        <f t="shared" si="75"/>
        <v>#VALUE!</v>
      </c>
      <c r="BS85" s="972" t="e">
        <f t="shared" si="76"/>
        <v>#VALUE!</v>
      </c>
      <c r="BT85" s="972" t="e">
        <f t="shared" si="77"/>
        <v>#VALUE!</v>
      </c>
      <c r="BU85" s="972" t="e">
        <f t="shared" si="78"/>
        <v>#VALUE!</v>
      </c>
      <c r="BV85" s="972" t="e">
        <f t="shared" si="79"/>
        <v>#VALUE!</v>
      </c>
      <c r="BW85" s="972" t="e">
        <f t="shared" si="80"/>
        <v>#VALUE!</v>
      </c>
      <c r="BX85" s="972" t="e">
        <f t="shared" si="81"/>
        <v>#VALUE!</v>
      </c>
      <c r="BY85" s="972" t="e">
        <f t="shared" si="82"/>
        <v>#VALUE!</v>
      </c>
      <c r="BZ85" s="972" t="e">
        <f t="shared" si="83"/>
        <v>#VALUE!</v>
      </c>
      <c r="CA85" s="972" t="e">
        <f t="shared" si="84"/>
        <v>#VALUE!</v>
      </c>
      <c r="CB85" s="973" t="e">
        <f t="shared" si="85"/>
        <v>#VALUE!</v>
      </c>
    </row>
    <row r="86" spans="3:80" ht="43.5" hidden="1" x14ac:dyDescent="0.25">
      <c r="C86" s="597"/>
      <c r="D86" s="597" t="s">
        <v>66</v>
      </c>
      <c r="E86" s="597"/>
      <c r="F86" s="597"/>
      <c r="G86" s="597"/>
      <c r="H86" s="499" t="s">
        <v>1788</v>
      </c>
      <c r="I86" s="499" t="s">
        <v>1019</v>
      </c>
      <c r="J86" s="499" t="s">
        <v>1020</v>
      </c>
      <c r="K86" s="499" t="s">
        <v>1521</v>
      </c>
      <c r="L86" s="499" t="s">
        <v>1521</v>
      </c>
      <c r="M86" s="499" t="s">
        <v>1560</v>
      </c>
      <c r="N86" s="499" t="s">
        <v>1489</v>
      </c>
      <c r="O86" s="499">
        <v>1</v>
      </c>
      <c r="P86" s="499" t="s">
        <v>932</v>
      </c>
      <c r="Q86" s="499" t="s">
        <v>1490</v>
      </c>
      <c r="R86" s="499" t="s">
        <v>1491</v>
      </c>
      <c r="S86" s="499" t="s">
        <v>1492</v>
      </c>
      <c r="T86" s="499" t="s">
        <v>1493</v>
      </c>
      <c r="U86" s="499" t="s">
        <v>1779</v>
      </c>
      <c r="V86" s="946" t="str">
        <f>_xlfn.XLOOKUP(H86, [5]GIS!D:D, [5]GIS!E:E, "Not mapped")</f>
        <v>Multiple - Scenario 1</v>
      </c>
      <c r="W86" s="499" t="s">
        <v>1723</v>
      </c>
      <c r="X86" s="1277" t="s">
        <v>1691</v>
      </c>
      <c r="Y86" s="1278" t="s">
        <v>1692</v>
      </c>
      <c r="Z86" s="1259" t="s">
        <v>1498</v>
      </c>
      <c r="AA86" s="1259" t="s">
        <v>1498</v>
      </c>
      <c r="AB86" s="1259" t="s">
        <v>1498</v>
      </c>
      <c r="AC86" s="1259" t="s">
        <v>1498</v>
      </c>
      <c r="AD86" s="1259" t="s">
        <v>1498</v>
      </c>
      <c r="AE86" s="1259" t="s">
        <v>1498</v>
      </c>
      <c r="AF86" s="1259" t="s">
        <v>1498</v>
      </c>
      <c r="AG86" s="1259" t="s">
        <v>1498</v>
      </c>
      <c r="AH86" s="1259" t="s">
        <v>1498</v>
      </c>
      <c r="AI86" s="1259" t="s">
        <v>1498</v>
      </c>
      <c r="AJ86" s="1259" t="s">
        <v>1498</v>
      </c>
      <c r="AK86" s="1259" t="s">
        <v>1498</v>
      </c>
      <c r="AL86" s="1259" t="s">
        <v>1498</v>
      </c>
      <c r="AM86" s="1259" t="s">
        <v>1498</v>
      </c>
      <c r="AN86" s="1259" t="s">
        <v>1498</v>
      </c>
      <c r="AO86" s="1259" t="s">
        <v>1498</v>
      </c>
      <c r="AP86" s="1259" t="s">
        <v>1498</v>
      </c>
      <c r="AQ86" s="1259" t="s">
        <v>1498</v>
      </c>
      <c r="AR86" s="1259" t="s">
        <v>1498</v>
      </c>
      <c r="AS86" s="1259" t="s">
        <v>1498</v>
      </c>
      <c r="AT86" s="1259" t="s">
        <v>1498</v>
      </c>
      <c r="AU86" s="1259" t="s">
        <v>1498</v>
      </c>
      <c r="AV86" s="1259" t="s">
        <v>1498</v>
      </c>
      <c r="AW86" s="1259" t="s">
        <v>1498</v>
      </c>
      <c r="AX86" s="1259" t="s">
        <v>1498</v>
      </c>
      <c r="AY86" s="1259" t="s">
        <v>1498</v>
      </c>
      <c r="AZ86" s="905" t="s">
        <v>1767</v>
      </c>
      <c r="BA86" s="499" t="s">
        <v>722</v>
      </c>
      <c r="BB86" s="953" t="s">
        <v>53</v>
      </c>
      <c r="BC86" s="980">
        <f>ROUND((VLOOKUP(H86,'[5]Cost Summary'!A:H,8,)),0.1)</f>
        <v>5749</v>
      </c>
      <c r="BD86" s="499">
        <v>0</v>
      </c>
      <c r="BE86" s="499" t="s">
        <v>1500</v>
      </c>
      <c r="BF86" s="954" t="s">
        <v>1584</v>
      </c>
      <c r="BG86" s="1261">
        <v>3734.66</v>
      </c>
      <c r="BH86" s="976" t="e">
        <f t="shared" si="65"/>
        <v>#VALUE!</v>
      </c>
      <c r="BI86" s="972" t="e">
        <f t="shared" si="66"/>
        <v>#VALUE!</v>
      </c>
      <c r="BJ86" s="972" t="e">
        <f t="shared" si="67"/>
        <v>#VALUE!</v>
      </c>
      <c r="BK86" s="972" t="e">
        <f t="shared" si="68"/>
        <v>#VALUE!</v>
      </c>
      <c r="BL86" s="972" t="e">
        <f t="shared" si="69"/>
        <v>#VALUE!</v>
      </c>
      <c r="BM86" s="972" t="e">
        <f t="shared" si="70"/>
        <v>#VALUE!</v>
      </c>
      <c r="BN86" s="972" t="e">
        <f t="shared" si="71"/>
        <v>#VALUE!</v>
      </c>
      <c r="BO86" s="972" t="e">
        <f t="shared" si="72"/>
        <v>#VALUE!</v>
      </c>
      <c r="BP86" s="972" t="e">
        <f t="shared" si="73"/>
        <v>#VALUE!</v>
      </c>
      <c r="BQ86" s="972" t="e">
        <f t="shared" si="74"/>
        <v>#VALUE!</v>
      </c>
      <c r="BR86" s="972" t="e">
        <f t="shared" si="75"/>
        <v>#VALUE!</v>
      </c>
      <c r="BS86" s="972" t="e">
        <f t="shared" si="76"/>
        <v>#VALUE!</v>
      </c>
      <c r="BT86" s="972" t="e">
        <f t="shared" si="77"/>
        <v>#VALUE!</v>
      </c>
      <c r="BU86" s="972" t="e">
        <f t="shared" si="78"/>
        <v>#VALUE!</v>
      </c>
      <c r="BV86" s="972" t="e">
        <f t="shared" si="79"/>
        <v>#VALUE!</v>
      </c>
      <c r="BW86" s="972" t="e">
        <f t="shared" si="80"/>
        <v>#VALUE!</v>
      </c>
      <c r="BX86" s="972" t="e">
        <f t="shared" si="81"/>
        <v>#VALUE!</v>
      </c>
      <c r="BY86" s="972" t="e">
        <f t="shared" si="82"/>
        <v>#VALUE!</v>
      </c>
      <c r="BZ86" s="972" t="e">
        <f t="shared" si="83"/>
        <v>#VALUE!</v>
      </c>
      <c r="CA86" s="972" t="e">
        <f t="shared" si="84"/>
        <v>#VALUE!</v>
      </c>
      <c r="CB86" s="973" t="e">
        <f t="shared" si="85"/>
        <v>#VALUE!</v>
      </c>
    </row>
    <row r="87" spans="3:80" ht="43.5" hidden="1" x14ac:dyDescent="0.25">
      <c r="C87" s="597"/>
      <c r="D87" s="597" t="s">
        <v>66</v>
      </c>
      <c r="E87" s="597"/>
      <c r="F87" s="597"/>
      <c r="G87" s="597"/>
      <c r="H87" s="499" t="s">
        <v>1790</v>
      </c>
      <c r="I87" s="499" t="s">
        <v>1021</v>
      </c>
      <c r="J87" s="499" t="s">
        <v>1022</v>
      </c>
      <c r="K87" s="499" t="s">
        <v>1521</v>
      </c>
      <c r="L87" s="499" t="s">
        <v>1521</v>
      </c>
      <c r="M87" s="499" t="s">
        <v>1560</v>
      </c>
      <c r="N87" s="499" t="s">
        <v>1489</v>
      </c>
      <c r="O87" s="499">
        <v>1</v>
      </c>
      <c r="P87" s="499" t="s">
        <v>932</v>
      </c>
      <c r="Q87" s="499" t="s">
        <v>1490</v>
      </c>
      <c r="R87" s="499" t="s">
        <v>1491</v>
      </c>
      <c r="S87" s="499" t="s">
        <v>1492</v>
      </c>
      <c r="T87" s="499" t="s">
        <v>1493</v>
      </c>
      <c r="U87" s="499" t="s">
        <v>1779</v>
      </c>
      <c r="V87" s="946" t="str">
        <f>_xlfn.XLOOKUP(H87, [5]GIS!D:D, [5]GIS!E:E, "Not mapped")</f>
        <v>Multiple - Scenario 1</v>
      </c>
      <c r="W87" s="499" t="s">
        <v>1723</v>
      </c>
      <c r="X87" s="1277" t="s">
        <v>1691</v>
      </c>
      <c r="Y87" s="1278" t="s">
        <v>1692</v>
      </c>
      <c r="Z87" s="1259" t="s">
        <v>1498</v>
      </c>
      <c r="AA87" s="1259" t="s">
        <v>1498</v>
      </c>
      <c r="AB87" s="1259" t="s">
        <v>1498</v>
      </c>
      <c r="AC87" s="1259" t="s">
        <v>1498</v>
      </c>
      <c r="AD87" s="1259" t="s">
        <v>1498</v>
      </c>
      <c r="AE87" s="1259" t="s">
        <v>1498</v>
      </c>
      <c r="AF87" s="1259" t="s">
        <v>1498</v>
      </c>
      <c r="AG87" s="1259" t="s">
        <v>1498</v>
      </c>
      <c r="AH87" s="1259" t="s">
        <v>1498</v>
      </c>
      <c r="AI87" s="1259" t="s">
        <v>1498</v>
      </c>
      <c r="AJ87" s="1259" t="s">
        <v>1498</v>
      </c>
      <c r="AK87" s="1259" t="s">
        <v>1498</v>
      </c>
      <c r="AL87" s="1259" t="s">
        <v>1498</v>
      </c>
      <c r="AM87" s="1259" t="s">
        <v>1498</v>
      </c>
      <c r="AN87" s="1259" t="s">
        <v>1498</v>
      </c>
      <c r="AO87" s="1259" t="s">
        <v>1498</v>
      </c>
      <c r="AP87" s="1259" t="s">
        <v>1498</v>
      </c>
      <c r="AQ87" s="1259" t="s">
        <v>1498</v>
      </c>
      <c r="AR87" s="1259" t="s">
        <v>1498</v>
      </c>
      <c r="AS87" s="1259" t="s">
        <v>1498</v>
      </c>
      <c r="AT87" s="1259" t="s">
        <v>1498</v>
      </c>
      <c r="AU87" s="1259" t="s">
        <v>1498</v>
      </c>
      <c r="AV87" s="1259" t="s">
        <v>1498</v>
      </c>
      <c r="AW87" s="1259" t="s">
        <v>1498</v>
      </c>
      <c r="AX87" s="1259" t="s">
        <v>1498</v>
      </c>
      <c r="AY87" s="1259" t="s">
        <v>1498</v>
      </c>
      <c r="AZ87" s="905" t="s">
        <v>1767</v>
      </c>
      <c r="BA87" s="499" t="s">
        <v>722</v>
      </c>
      <c r="BB87" s="953" t="s">
        <v>53</v>
      </c>
      <c r="BC87" s="980">
        <f>ROUND((VLOOKUP(H87,'[5]Cost Summary'!A:H,8,)),0.1)</f>
        <v>3705</v>
      </c>
      <c r="BD87" s="499">
        <v>0</v>
      </c>
      <c r="BE87" s="499" t="s">
        <v>1500</v>
      </c>
      <c r="BF87" s="954" t="s">
        <v>1584</v>
      </c>
      <c r="BG87" s="1261">
        <v>2406.81</v>
      </c>
      <c r="BH87" s="976" t="e">
        <f t="shared" si="65"/>
        <v>#VALUE!</v>
      </c>
      <c r="BI87" s="972" t="e">
        <f t="shared" si="66"/>
        <v>#VALUE!</v>
      </c>
      <c r="BJ87" s="972" t="e">
        <f t="shared" si="67"/>
        <v>#VALUE!</v>
      </c>
      <c r="BK87" s="972" t="e">
        <f t="shared" si="68"/>
        <v>#VALUE!</v>
      </c>
      <c r="BL87" s="972" t="e">
        <f t="shared" si="69"/>
        <v>#VALUE!</v>
      </c>
      <c r="BM87" s="972" t="e">
        <f t="shared" si="70"/>
        <v>#VALUE!</v>
      </c>
      <c r="BN87" s="972" t="e">
        <f t="shared" si="71"/>
        <v>#VALUE!</v>
      </c>
      <c r="BO87" s="972" t="e">
        <f t="shared" si="72"/>
        <v>#VALUE!</v>
      </c>
      <c r="BP87" s="972" t="e">
        <f t="shared" si="73"/>
        <v>#VALUE!</v>
      </c>
      <c r="BQ87" s="972" t="e">
        <f t="shared" si="74"/>
        <v>#VALUE!</v>
      </c>
      <c r="BR87" s="972" t="e">
        <f t="shared" si="75"/>
        <v>#VALUE!</v>
      </c>
      <c r="BS87" s="972" t="e">
        <f t="shared" si="76"/>
        <v>#VALUE!</v>
      </c>
      <c r="BT87" s="972" t="e">
        <f t="shared" si="77"/>
        <v>#VALUE!</v>
      </c>
      <c r="BU87" s="972" t="e">
        <f t="shared" si="78"/>
        <v>#VALUE!</v>
      </c>
      <c r="BV87" s="972" t="e">
        <f t="shared" si="79"/>
        <v>#VALUE!</v>
      </c>
      <c r="BW87" s="972" t="e">
        <f t="shared" si="80"/>
        <v>#VALUE!</v>
      </c>
      <c r="BX87" s="972" t="e">
        <f t="shared" si="81"/>
        <v>#VALUE!</v>
      </c>
      <c r="BY87" s="972" t="e">
        <f t="shared" si="82"/>
        <v>#VALUE!</v>
      </c>
      <c r="BZ87" s="972" t="e">
        <f t="shared" si="83"/>
        <v>#VALUE!</v>
      </c>
      <c r="CA87" s="972" t="e">
        <f t="shared" si="84"/>
        <v>#VALUE!</v>
      </c>
      <c r="CB87" s="973" t="e">
        <f t="shared" si="85"/>
        <v>#VALUE!</v>
      </c>
    </row>
    <row r="88" spans="3:80" ht="75" hidden="1" x14ac:dyDescent="0.25">
      <c r="C88" s="597"/>
      <c r="D88" s="597" t="s">
        <v>66</v>
      </c>
      <c r="E88" s="597"/>
      <c r="F88" s="597"/>
      <c r="G88" s="597"/>
      <c r="H88" s="499" t="s">
        <v>1791</v>
      </c>
      <c r="I88" s="499" t="s">
        <v>1023</v>
      </c>
      <c r="J88" s="499" t="s">
        <v>1792</v>
      </c>
      <c r="K88" s="499">
        <v>51.752293999999999</v>
      </c>
      <c r="L88" s="499">
        <v>-0.48378100000000002</v>
      </c>
      <c r="M88" s="499" t="s">
        <v>1488</v>
      </c>
      <c r="N88" s="499" t="s">
        <v>1489</v>
      </c>
      <c r="O88" s="499">
        <v>1</v>
      </c>
      <c r="P88" s="499" t="s">
        <v>932</v>
      </c>
      <c r="Q88" s="499" t="s">
        <v>1490</v>
      </c>
      <c r="R88" s="499" t="s">
        <v>1491</v>
      </c>
      <c r="S88" s="499" t="s">
        <v>1492</v>
      </c>
      <c r="T88" s="499" t="s">
        <v>1493</v>
      </c>
      <c r="U88" s="499" t="s">
        <v>1779</v>
      </c>
      <c r="V88" s="946" t="str">
        <f>_xlfn.XLOOKUP(H88, [5]GIS!D:D, [5]GIS!E:E, "Not mapped")</f>
        <v>Multiple - Scenario 2</v>
      </c>
      <c r="W88" s="1257" t="s">
        <v>1495</v>
      </c>
      <c r="X88" s="579" t="s">
        <v>1496</v>
      </c>
      <c r="Y88" s="1258" t="s">
        <v>1497</v>
      </c>
      <c r="Z88" s="1259" t="s">
        <v>1498</v>
      </c>
      <c r="AA88" s="1259" t="s">
        <v>1498</v>
      </c>
      <c r="AB88" s="1259" t="s">
        <v>1498</v>
      </c>
      <c r="AC88" s="1259" t="s">
        <v>1498</v>
      </c>
      <c r="AD88" s="1259" t="s">
        <v>1498</v>
      </c>
      <c r="AE88" s="1259" t="s">
        <v>1498</v>
      </c>
      <c r="AF88" s="1259" t="s">
        <v>1498</v>
      </c>
      <c r="AG88" s="1259" t="s">
        <v>1498</v>
      </c>
      <c r="AH88" s="1259" t="s">
        <v>1498</v>
      </c>
      <c r="AI88" s="1259" t="s">
        <v>1498</v>
      </c>
      <c r="AJ88" s="1259" t="s">
        <v>1498</v>
      </c>
      <c r="AK88" s="1259" t="s">
        <v>1498</v>
      </c>
      <c r="AL88" s="1259" t="s">
        <v>1498</v>
      </c>
      <c r="AM88" s="1259" t="s">
        <v>1498</v>
      </c>
      <c r="AN88" s="1259" t="s">
        <v>1498</v>
      </c>
      <c r="AO88" s="1259" t="s">
        <v>1498</v>
      </c>
      <c r="AP88" s="1259" t="s">
        <v>1498</v>
      </c>
      <c r="AQ88" s="1259" t="s">
        <v>1498</v>
      </c>
      <c r="AR88" s="1259" t="s">
        <v>1498</v>
      </c>
      <c r="AS88" s="1259" t="s">
        <v>1498</v>
      </c>
      <c r="AT88" s="1259" t="s">
        <v>1498</v>
      </c>
      <c r="AU88" s="1259" t="s">
        <v>1498</v>
      </c>
      <c r="AV88" s="1259" t="s">
        <v>1498</v>
      </c>
      <c r="AW88" s="1259" t="s">
        <v>1498</v>
      </c>
      <c r="AX88" s="1259" t="s">
        <v>1498</v>
      </c>
      <c r="AY88" s="1259" t="s">
        <v>1498</v>
      </c>
      <c r="AZ88" s="905" t="s">
        <v>1767</v>
      </c>
      <c r="BA88" s="499" t="s">
        <v>722</v>
      </c>
      <c r="BB88" s="953" t="s">
        <v>53</v>
      </c>
      <c r="BC88" s="980">
        <f>ROUND((VLOOKUP(H88,'[5]Cost Summary'!A:H,8,)),0.1)</f>
        <v>16659</v>
      </c>
      <c r="BD88" s="499">
        <v>0</v>
      </c>
      <c r="BE88" s="499" t="s">
        <v>1500</v>
      </c>
      <c r="BF88" s="954" t="s">
        <v>1584</v>
      </c>
      <c r="BG88" s="1261">
        <v>10822.87</v>
      </c>
      <c r="BH88" s="976" t="e">
        <f t="shared" si="65"/>
        <v>#VALUE!</v>
      </c>
      <c r="BI88" s="972" t="e">
        <f t="shared" si="66"/>
        <v>#VALUE!</v>
      </c>
      <c r="BJ88" s="972" t="e">
        <f t="shared" si="67"/>
        <v>#VALUE!</v>
      </c>
      <c r="BK88" s="972" t="e">
        <f t="shared" si="68"/>
        <v>#VALUE!</v>
      </c>
      <c r="BL88" s="972" t="e">
        <f t="shared" si="69"/>
        <v>#VALUE!</v>
      </c>
      <c r="BM88" s="972" t="e">
        <f t="shared" si="70"/>
        <v>#VALUE!</v>
      </c>
      <c r="BN88" s="972" t="e">
        <f t="shared" si="71"/>
        <v>#VALUE!</v>
      </c>
      <c r="BO88" s="972" t="e">
        <f t="shared" si="72"/>
        <v>#VALUE!</v>
      </c>
      <c r="BP88" s="972" t="e">
        <f t="shared" si="73"/>
        <v>#VALUE!</v>
      </c>
      <c r="BQ88" s="972" t="e">
        <f t="shared" si="74"/>
        <v>#VALUE!</v>
      </c>
      <c r="BR88" s="972" t="e">
        <f t="shared" si="75"/>
        <v>#VALUE!</v>
      </c>
      <c r="BS88" s="972" t="e">
        <f t="shared" si="76"/>
        <v>#VALUE!</v>
      </c>
      <c r="BT88" s="972" t="e">
        <f t="shared" si="77"/>
        <v>#VALUE!</v>
      </c>
      <c r="BU88" s="972" t="e">
        <f t="shared" si="78"/>
        <v>#VALUE!</v>
      </c>
      <c r="BV88" s="972" t="e">
        <f t="shared" si="79"/>
        <v>#VALUE!</v>
      </c>
      <c r="BW88" s="972" t="e">
        <f t="shared" si="80"/>
        <v>#VALUE!</v>
      </c>
      <c r="BX88" s="972" t="e">
        <f t="shared" si="81"/>
        <v>#VALUE!</v>
      </c>
      <c r="BY88" s="972" t="e">
        <f t="shared" si="82"/>
        <v>#VALUE!</v>
      </c>
      <c r="BZ88" s="972" t="e">
        <f t="shared" si="83"/>
        <v>#VALUE!</v>
      </c>
      <c r="CA88" s="972" t="e">
        <f t="shared" si="84"/>
        <v>#VALUE!</v>
      </c>
      <c r="CB88" s="973" t="e">
        <f t="shared" si="85"/>
        <v>#VALUE!</v>
      </c>
    </row>
    <row r="89" spans="3:80" ht="43.5" x14ac:dyDescent="0.25">
      <c r="C89" s="597"/>
      <c r="D89" s="597"/>
      <c r="E89" s="597"/>
      <c r="F89" s="597"/>
      <c r="G89" s="597"/>
      <c r="H89" s="1262" t="s">
        <v>1797</v>
      </c>
      <c r="I89" s="1262" t="s">
        <v>844</v>
      </c>
      <c r="J89" s="1262" t="s">
        <v>845</v>
      </c>
      <c r="K89" s="1262">
        <v>51.75270416</v>
      </c>
      <c r="L89" s="1262">
        <v>-0.43860870600000001</v>
      </c>
      <c r="M89" s="1262" t="s">
        <v>1522</v>
      </c>
      <c r="N89" s="1262" t="s">
        <v>1489</v>
      </c>
      <c r="O89" s="1262">
        <v>2</v>
      </c>
      <c r="P89" s="1262" t="s">
        <v>830</v>
      </c>
      <c r="Q89" s="1262" t="s">
        <v>1616</v>
      </c>
      <c r="R89" s="1262" t="s">
        <v>1630</v>
      </c>
      <c r="S89" s="1262" t="s">
        <v>1492</v>
      </c>
      <c r="T89" s="1262" t="s">
        <v>1493</v>
      </c>
      <c r="U89" s="1262" t="s">
        <v>1553</v>
      </c>
      <c r="V89" s="946" t="str">
        <f>_xlfn.XLOOKUP(H89, [5]GIS!D:D, [5]GIS!E:E, "Not mapped")</f>
        <v>Single - Scenario 3</v>
      </c>
      <c r="W89" s="1262" t="s">
        <v>1508</v>
      </c>
      <c r="X89" s="987" t="s">
        <v>2618</v>
      </c>
      <c r="Y89" s="987" t="s">
        <v>1526</v>
      </c>
      <c r="Z89" s="949">
        <v>17</v>
      </c>
      <c r="AA89" s="949">
        <v>20</v>
      </c>
      <c r="AB89" s="949">
        <v>14</v>
      </c>
      <c r="AC89" s="949">
        <v>21</v>
      </c>
      <c r="AD89" s="949">
        <v>15</v>
      </c>
      <c r="AE89" s="949">
        <v>35</v>
      </c>
      <c r="AF89" s="949">
        <v>38</v>
      </c>
      <c r="AG89" s="949">
        <v>57</v>
      </c>
      <c r="AH89" s="949">
        <v>0</v>
      </c>
      <c r="AI89" s="949">
        <v>6</v>
      </c>
      <c r="AJ89" s="949">
        <v>312</v>
      </c>
      <c r="AK89" s="949">
        <v>56</v>
      </c>
      <c r="AL89" s="949">
        <v>0</v>
      </c>
      <c r="AM89" s="949">
        <v>10</v>
      </c>
      <c r="AN89" s="951">
        <f>AT89*[5]TripRateCalculations!O$4</f>
        <v>4.62</v>
      </c>
      <c r="AO89" s="951">
        <f>AU89*[5]TripRateCalculations!P$4</f>
        <v>1.5593220338983051</v>
      </c>
      <c r="AP89" s="951">
        <f>AV89*[5]TripRateCalculations!Q$4</f>
        <v>4.9090909090909092</v>
      </c>
      <c r="AQ89" s="951">
        <f>AW89*[5]TripRateCalculations!R$4</f>
        <v>20.649885583524028</v>
      </c>
      <c r="AR89" s="951">
        <f>AX89*[5]TripRateCalculations!S$4</f>
        <v>3.1449275362318843</v>
      </c>
      <c r="AS89" s="951">
        <f>AY89*[5]TripRateCalculations!T$4</f>
        <v>7.5688073394495417E-2</v>
      </c>
      <c r="AT89" s="949">
        <v>21</v>
      </c>
      <c r="AU89" s="949">
        <v>20</v>
      </c>
      <c r="AV89" s="949">
        <v>17</v>
      </c>
      <c r="AW89" s="949">
        <v>141</v>
      </c>
      <c r="AX89" s="949">
        <v>31</v>
      </c>
      <c r="AY89" s="949">
        <v>3</v>
      </c>
      <c r="AZ89" s="1266" t="s">
        <v>1554</v>
      </c>
      <c r="BA89" s="1262" t="s">
        <v>834</v>
      </c>
      <c r="BB89" s="1267" t="s">
        <v>53</v>
      </c>
      <c r="BC89" s="1292">
        <v>370629.19</v>
      </c>
      <c r="BD89" s="1293">
        <v>1</v>
      </c>
      <c r="BE89" s="1293">
        <v>8</v>
      </c>
      <c r="BF89" s="1260" t="s">
        <v>1501</v>
      </c>
      <c r="BG89" s="1261">
        <v>370629.19</v>
      </c>
      <c r="BH89" s="977">
        <f t="shared" ref="BH89:BQ90" si="86">Z89/(SUM($Z89:$AS89))</f>
        <v>2.6731286600632214E-2</v>
      </c>
      <c r="BI89" s="974">
        <f t="shared" si="86"/>
        <v>3.1448572471332016E-2</v>
      </c>
      <c r="BJ89" s="974">
        <f t="shared" si="86"/>
        <v>2.2014000729932412E-2</v>
      </c>
      <c r="BK89" s="974">
        <f t="shared" si="86"/>
        <v>3.3021001094898618E-2</v>
      </c>
      <c r="BL89" s="974">
        <f t="shared" si="86"/>
        <v>2.358642935349901E-2</v>
      </c>
      <c r="BM89" s="974">
        <f t="shared" si="86"/>
        <v>5.5035001824831023E-2</v>
      </c>
      <c r="BN89" s="974">
        <f t="shared" si="86"/>
        <v>5.9752287695530829E-2</v>
      </c>
      <c r="BO89" s="974">
        <f t="shared" si="86"/>
        <v>8.962843154329625E-2</v>
      </c>
      <c r="BP89" s="974">
        <f t="shared" si="86"/>
        <v>0</v>
      </c>
      <c r="BQ89" s="974">
        <f t="shared" si="86"/>
        <v>9.4345717413996041E-3</v>
      </c>
      <c r="BR89" s="974">
        <f t="shared" ref="BR89:CA90" si="87">AJ89/(SUM($Z89:$AS89))</f>
        <v>0.49059773055277944</v>
      </c>
      <c r="BS89" s="974">
        <f t="shared" si="87"/>
        <v>8.8056002919729648E-2</v>
      </c>
      <c r="BT89" s="974">
        <f t="shared" si="87"/>
        <v>0</v>
      </c>
      <c r="BU89" s="974">
        <f t="shared" si="87"/>
        <v>1.5724286235666008E-2</v>
      </c>
      <c r="BV89" s="974">
        <f t="shared" si="87"/>
        <v>7.2646202408776957E-3</v>
      </c>
      <c r="BW89" s="974">
        <f t="shared" si="87"/>
        <v>2.4519225994597844E-3</v>
      </c>
      <c r="BX89" s="974">
        <f t="shared" si="87"/>
        <v>7.7191950611451314E-3</v>
      </c>
      <c r="BY89" s="974">
        <f t="shared" si="87"/>
        <v>3.2470471164908483E-2</v>
      </c>
      <c r="BZ89" s="974">
        <f t="shared" si="87"/>
        <v>4.9451740770138026E-3</v>
      </c>
      <c r="CA89" s="974">
        <f t="shared" si="87"/>
        <v>1.1901409306811429E-4</v>
      </c>
      <c r="CB89" s="973">
        <f t="shared" si="85"/>
        <v>1.0000000000000002</v>
      </c>
    </row>
    <row r="90" spans="3:80" ht="314.25" x14ac:dyDescent="0.25">
      <c r="C90" s="597"/>
      <c r="D90" s="597"/>
      <c r="E90" s="597"/>
      <c r="F90" s="597"/>
      <c r="G90" s="597"/>
      <c r="H90" s="499" t="s">
        <v>1919</v>
      </c>
      <c r="I90" s="499" t="s">
        <v>957</v>
      </c>
      <c r="J90" s="499" t="s">
        <v>1920</v>
      </c>
      <c r="K90" s="499">
        <v>51.77933548</v>
      </c>
      <c r="L90" s="499">
        <v>-0.42482809799999999</v>
      </c>
      <c r="M90" s="499" t="s">
        <v>1522</v>
      </c>
      <c r="N90" s="499" t="s">
        <v>1523</v>
      </c>
      <c r="O90" s="499">
        <v>2</v>
      </c>
      <c r="P90" s="499" t="s">
        <v>932</v>
      </c>
      <c r="Q90" s="499" t="s">
        <v>1490</v>
      </c>
      <c r="R90" s="499" t="s">
        <v>1491</v>
      </c>
      <c r="S90" s="499" t="s">
        <v>1492</v>
      </c>
      <c r="T90" s="499" t="s">
        <v>1493</v>
      </c>
      <c r="U90" s="499" t="s">
        <v>1538</v>
      </c>
      <c r="V90" s="946" t="str">
        <f>_xlfn.XLOOKUP(H90, [5]GIS!D:D, [5]GIS!E:E, "Not mapped")</f>
        <v>Single - Scenario 2 (longer segment, one edge in close proximity of a development)</v>
      </c>
      <c r="W90" s="499" t="s">
        <v>1542</v>
      </c>
      <c r="X90" s="987" t="s">
        <v>2618</v>
      </c>
      <c r="Y90" s="987" t="s">
        <v>1526</v>
      </c>
      <c r="Z90" s="949">
        <v>2</v>
      </c>
      <c r="AA90" s="949">
        <v>0</v>
      </c>
      <c r="AB90" s="949">
        <v>0</v>
      </c>
      <c r="AC90" s="949">
        <v>18</v>
      </c>
      <c r="AD90" s="949">
        <v>1</v>
      </c>
      <c r="AE90" s="949">
        <v>0</v>
      </c>
      <c r="AF90" s="949">
        <v>0</v>
      </c>
      <c r="AG90" s="949">
        <v>1</v>
      </c>
      <c r="AH90" s="949">
        <v>54</v>
      </c>
      <c r="AI90" s="949">
        <v>0</v>
      </c>
      <c r="AJ90" s="949">
        <v>0</v>
      </c>
      <c r="AK90" s="949">
        <v>82</v>
      </c>
      <c r="AL90" s="949">
        <v>104</v>
      </c>
      <c r="AM90" s="949">
        <v>13</v>
      </c>
      <c r="AN90" s="951">
        <f>AT90*[5]TripRateCalculations!O$4</f>
        <v>3.74</v>
      </c>
      <c r="AO90" s="951">
        <f>AU90*[5]TripRateCalculations!P$4</f>
        <v>7.796610169491526E-2</v>
      </c>
      <c r="AP90" s="951">
        <f>AV90*[5]TripRateCalculations!Q$4</f>
        <v>4.331550802139037</v>
      </c>
      <c r="AQ90" s="951">
        <f>AW90*[5]TripRateCalculations!R$4</f>
        <v>3.5148741418764304</v>
      </c>
      <c r="AR90" s="951">
        <f>AX90*[5]TripRateCalculations!S$4</f>
        <v>1.9275362318840581</v>
      </c>
      <c r="AS90" s="951">
        <f>AY90*[5]TripRateCalculations!T$4</f>
        <v>2.5229357798165139E-2</v>
      </c>
      <c r="AT90" s="949">
        <v>17</v>
      </c>
      <c r="AU90" s="949">
        <v>1</v>
      </c>
      <c r="AV90" s="949">
        <v>15</v>
      </c>
      <c r="AW90" s="949">
        <v>24</v>
      </c>
      <c r="AX90" s="949">
        <v>19</v>
      </c>
      <c r="AY90" s="949">
        <v>1</v>
      </c>
      <c r="AZ90" s="905" t="s">
        <v>1539</v>
      </c>
      <c r="BA90" s="499" t="s">
        <v>834</v>
      </c>
      <c r="BB90" s="953" t="s">
        <v>869</v>
      </c>
      <c r="BC90" s="980">
        <f>ROUND((VLOOKUP(H90,'[5]Cost Summary'!A:H,8,)),0.1)</f>
        <v>2287654</v>
      </c>
      <c r="BD90" s="954">
        <v>1</v>
      </c>
      <c r="BE90" s="954">
        <v>2</v>
      </c>
      <c r="BF90" s="954" t="s">
        <v>1584</v>
      </c>
      <c r="BG90" s="1261">
        <v>1486231.78</v>
      </c>
      <c r="BH90" s="977">
        <f t="shared" si="86"/>
        <v>6.9295949808229236E-3</v>
      </c>
      <c r="BI90" s="974">
        <f t="shared" si="86"/>
        <v>0</v>
      </c>
      <c r="BJ90" s="974">
        <f t="shared" si="86"/>
        <v>0</v>
      </c>
      <c r="BK90" s="974">
        <f t="shared" si="86"/>
        <v>6.2366354827406316E-2</v>
      </c>
      <c r="BL90" s="974">
        <f t="shared" si="86"/>
        <v>3.4647974904114618E-3</v>
      </c>
      <c r="BM90" s="974">
        <f t="shared" si="86"/>
        <v>0</v>
      </c>
      <c r="BN90" s="974">
        <f t="shared" si="86"/>
        <v>0</v>
      </c>
      <c r="BO90" s="974">
        <f t="shared" si="86"/>
        <v>3.4647974904114618E-3</v>
      </c>
      <c r="BP90" s="974">
        <f t="shared" si="86"/>
        <v>0.18709906448221894</v>
      </c>
      <c r="BQ90" s="974">
        <f t="shared" si="86"/>
        <v>0</v>
      </c>
      <c r="BR90" s="974">
        <f t="shared" si="87"/>
        <v>0</v>
      </c>
      <c r="BS90" s="974">
        <f t="shared" si="87"/>
        <v>0.28411339421373988</v>
      </c>
      <c r="BT90" s="974">
        <f t="shared" si="87"/>
        <v>0.36033893900279201</v>
      </c>
      <c r="BU90" s="974">
        <f t="shared" si="87"/>
        <v>4.5042367375349002E-2</v>
      </c>
      <c r="BV90" s="974">
        <f t="shared" si="87"/>
        <v>1.2958342614138868E-2</v>
      </c>
      <c r="BW90" s="974">
        <f t="shared" si="87"/>
        <v>2.7013675348970724E-4</v>
      </c>
      <c r="BX90" s="974">
        <f t="shared" si="87"/>
        <v>1.5007946348841091E-2</v>
      </c>
      <c r="BY90" s="974">
        <f t="shared" si="87"/>
        <v>1.2178327105885596E-2</v>
      </c>
      <c r="BZ90" s="974">
        <f t="shared" si="87"/>
        <v>6.6785226989090505E-3</v>
      </c>
      <c r="CA90" s="974">
        <f t="shared" si="87"/>
        <v>8.7414615583775415E-5</v>
      </c>
      <c r="CB90" s="973">
        <f t="shared" si="85"/>
        <v>1.0000000000000002</v>
      </c>
    </row>
    <row r="91" spans="3:80" ht="45" hidden="1" x14ac:dyDescent="0.25">
      <c r="C91" s="597" t="s">
        <v>66</v>
      </c>
      <c r="D91" s="597"/>
      <c r="E91" s="597"/>
      <c r="F91" s="597" t="s">
        <v>66</v>
      </c>
      <c r="G91" s="597"/>
      <c r="H91" s="1281" t="s">
        <v>1798</v>
      </c>
      <c r="I91" s="1281" t="s">
        <v>1030</v>
      </c>
      <c r="J91" s="1281" t="s">
        <v>1031</v>
      </c>
      <c r="K91" s="1281">
        <v>51.741415000000003</v>
      </c>
      <c r="L91" s="1281">
        <v>-0.48150300000000001</v>
      </c>
      <c r="M91" s="1281" t="s">
        <v>1488</v>
      </c>
      <c r="N91" s="1281" t="s">
        <v>1489</v>
      </c>
      <c r="O91" s="1281"/>
      <c r="P91" s="1281" t="s">
        <v>900</v>
      </c>
      <c r="Q91" s="1281" t="s">
        <v>1490</v>
      </c>
      <c r="R91" s="1281" t="s">
        <v>1491</v>
      </c>
      <c r="S91" s="1281" t="s">
        <v>1492</v>
      </c>
      <c r="T91" s="1281" t="s">
        <v>1493</v>
      </c>
      <c r="U91" s="1281" t="s">
        <v>1799</v>
      </c>
      <c r="V91" s="958" t="str">
        <f>_xlfn.XLOOKUP(H91, [5]GIS!D:D, [5]GIS!E:E, "Not mapped")</f>
        <v>Not mapped</v>
      </c>
      <c r="W91" s="1281" t="s">
        <v>1707</v>
      </c>
      <c r="X91" s="1282"/>
      <c r="Y91" s="1283" t="s">
        <v>1719</v>
      </c>
      <c r="Z91" s="1294"/>
      <c r="AA91" s="1294"/>
      <c r="AB91" s="1294"/>
      <c r="AC91" s="1294"/>
      <c r="AD91" s="1294"/>
      <c r="AE91" s="1294"/>
      <c r="AF91" s="1294"/>
      <c r="AG91" s="1294"/>
      <c r="AH91" s="1295"/>
      <c r="AI91" s="1287"/>
      <c r="AJ91" s="1281"/>
      <c r="AK91" s="1281"/>
      <c r="AL91" s="1281"/>
      <c r="AM91" s="1281"/>
      <c r="AN91" s="1281"/>
      <c r="AO91" s="1281"/>
      <c r="AP91" s="1281"/>
      <c r="AQ91" s="1281"/>
      <c r="AR91" s="1281"/>
      <c r="AS91" s="1281"/>
      <c r="AT91" s="1281"/>
      <c r="AU91" s="1281"/>
      <c r="AV91" s="1281"/>
      <c r="AW91" s="1281"/>
      <c r="AX91" s="1281"/>
      <c r="AY91" s="1281"/>
      <c r="AZ91" s="1286" t="s">
        <v>1800</v>
      </c>
      <c r="BA91" s="1281" t="s">
        <v>722</v>
      </c>
      <c r="BB91" s="1282" t="s">
        <v>53</v>
      </c>
      <c r="BC91" s="1287">
        <v>24667.5</v>
      </c>
      <c r="BD91" s="1263">
        <v>0</v>
      </c>
      <c r="BE91" s="1263" t="s">
        <v>1500</v>
      </c>
      <c r="BF91" s="1288" t="s">
        <v>1721</v>
      </c>
      <c r="BG91" s="978">
        <v>24667.5</v>
      </c>
      <c r="BH91" s="976" t="e">
        <f t="shared" ref="BH91:BU91" si="88">Z91/(SUM($Z91:$AY91))</f>
        <v>#DIV/0!</v>
      </c>
      <c r="BI91" s="972" t="e">
        <f t="shared" si="88"/>
        <v>#DIV/0!</v>
      </c>
      <c r="BJ91" s="972" t="e">
        <f t="shared" si="88"/>
        <v>#DIV/0!</v>
      </c>
      <c r="BK91" s="972" t="e">
        <f t="shared" si="88"/>
        <v>#DIV/0!</v>
      </c>
      <c r="BL91" s="972" t="e">
        <f t="shared" si="88"/>
        <v>#DIV/0!</v>
      </c>
      <c r="BM91" s="972" t="e">
        <f t="shared" si="88"/>
        <v>#DIV/0!</v>
      </c>
      <c r="BN91" s="972" t="e">
        <f t="shared" si="88"/>
        <v>#DIV/0!</v>
      </c>
      <c r="BO91" s="972" t="e">
        <f t="shared" si="88"/>
        <v>#DIV/0!</v>
      </c>
      <c r="BP91" s="972" t="e">
        <f t="shared" si="88"/>
        <v>#DIV/0!</v>
      </c>
      <c r="BQ91" s="972" t="e">
        <f t="shared" si="88"/>
        <v>#DIV/0!</v>
      </c>
      <c r="BR91" s="972" t="e">
        <f t="shared" si="88"/>
        <v>#DIV/0!</v>
      </c>
      <c r="BS91" s="972" t="e">
        <f t="shared" si="88"/>
        <v>#DIV/0!</v>
      </c>
      <c r="BT91" s="972" t="e">
        <f t="shared" si="88"/>
        <v>#DIV/0!</v>
      </c>
      <c r="BU91" s="972" t="e">
        <f t="shared" si="88"/>
        <v>#DIV/0!</v>
      </c>
      <c r="BV91" s="972" t="e">
        <f t="shared" ref="BV91:CA91" si="89">AM91/(SUM($Z91:$AY91))</f>
        <v>#DIV/0!</v>
      </c>
      <c r="BW91" s="972" t="e">
        <f t="shared" si="89"/>
        <v>#DIV/0!</v>
      </c>
      <c r="BX91" s="972" t="e">
        <f t="shared" si="89"/>
        <v>#DIV/0!</v>
      </c>
      <c r="BY91" s="972" t="e">
        <f t="shared" si="89"/>
        <v>#DIV/0!</v>
      </c>
      <c r="BZ91" s="972" t="e">
        <f t="shared" si="89"/>
        <v>#DIV/0!</v>
      </c>
      <c r="CA91" s="972" t="e">
        <f t="shared" si="89"/>
        <v>#DIV/0!</v>
      </c>
      <c r="CB91" s="973" t="e">
        <f t="shared" si="85"/>
        <v>#DIV/0!</v>
      </c>
    </row>
    <row r="92" spans="3:80" ht="126" customHeight="1" x14ac:dyDescent="0.25">
      <c r="C92" s="597" t="s">
        <v>66</v>
      </c>
      <c r="D92" s="597"/>
      <c r="E92" s="597"/>
      <c r="F92" s="597"/>
      <c r="G92" s="597"/>
      <c r="H92" s="499" t="s">
        <v>1801</v>
      </c>
      <c r="I92" s="499" t="s">
        <v>963</v>
      </c>
      <c r="J92" s="499" t="s">
        <v>1802</v>
      </c>
      <c r="K92" s="499" t="s">
        <v>1521</v>
      </c>
      <c r="L92" s="499" t="s">
        <v>1521</v>
      </c>
      <c r="M92" s="499" t="s">
        <v>1522</v>
      </c>
      <c r="N92" s="499" t="s">
        <v>1523</v>
      </c>
      <c r="O92" s="499">
        <v>2</v>
      </c>
      <c r="P92" s="499" t="s">
        <v>932</v>
      </c>
      <c r="Q92" s="499" t="s">
        <v>1490</v>
      </c>
      <c r="R92" s="499" t="s">
        <v>1491</v>
      </c>
      <c r="S92" s="499" t="s">
        <v>1492</v>
      </c>
      <c r="T92" s="499" t="s">
        <v>1493</v>
      </c>
      <c r="U92" s="499" t="s">
        <v>1504</v>
      </c>
      <c r="V92" s="946" t="str">
        <f>_xlfn.XLOOKUP(H92, [5]GIS!D:D, [5]GIS!E:E, "Not mapped")</f>
        <v>Single - Scenario 2 (longer segment, one edge in close proximity of a development)</v>
      </c>
      <c r="W92" s="773" t="s">
        <v>1542</v>
      </c>
      <c r="X92" s="987" t="s">
        <v>2618</v>
      </c>
      <c r="Y92" s="987" t="s">
        <v>1526</v>
      </c>
      <c r="Z92" s="950">
        <v>5</v>
      </c>
      <c r="AA92" s="950">
        <v>2</v>
      </c>
      <c r="AB92" s="950">
        <v>1</v>
      </c>
      <c r="AC92" s="950">
        <v>0</v>
      </c>
      <c r="AD92" s="950">
        <v>1</v>
      </c>
      <c r="AE92" s="950">
        <v>2</v>
      </c>
      <c r="AF92" s="950">
        <v>1</v>
      </c>
      <c r="AG92" s="950">
        <v>11</v>
      </c>
      <c r="AH92" s="962">
        <v>10</v>
      </c>
      <c r="AI92" s="988">
        <v>1</v>
      </c>
      <c r="AJ92" s="950">
        <v>5</v>
      </c>
      <c r="AK92" s="950">
        <v>2</v>
      </c>
      <c r="AL92" s="950">
        <v>8</v>
      </c>
      <c r="AM92" s="950">
        <v>6</v>
      </c>
      <c r="AN92" s="951">
        <f>AT92*[5]TripRateCalculations!O$4</f>
        <v>2.42</v>
      </c>
      <c r="AO92" s="951">
        <f>AU92*[5]TripRateCalculations!P$4</f>
        <v>0.15593220338983052</v>
      </c>
      <c r="AP92" s="951">
        <f>AV92*[5]TripRateCalculations!Q$4</f>
        <v>4.0427807486631018</v>
      </c>
      <c r="AQ92" s="951">
        <f>AW92*[5]TripRateCalculations!R$4</f>
        <v>2.4897025171624714</v>
      </c>
      <c r="AR92" s="951">
        <f>AX92*[5]TripRateCalculations!S$4</f>
        <v>1.0144927536231885</v>
      </c>
      <c r="AS92" s="951">
        <f>AY92*[5]TripRateCalculations!T$4</f>
        <v>0.15137614678899083</v>
      </c>
      <c r="AT92" s="950">
        <v>11</v>
      </c>
      <c r="AU92" s="950">
        <v>2</v>
      </c>
      <c r="AV92" s="950">
        <v>14</v>
      </c>
      <c r="AW92" s="950">
        <v>17</v>
      </c>
      <c r="AX92" s="950">
        <v>10</v>
      </c>
      <c r="AY92" s="950">
        <v>6</v>
      </c>
      <c r="AZ92" s="905" t="s">
        <v>1642</v>
      </c>
      <c r="BA92" s="499" t="s">
        <v>834</v>
      </c>
      <c r="BB92" s="953" t="s">
        <v>53</v>
      </c>
      <c r="BC92" s="980">
        <f>ROUND((VLOOKUP(H92,'[5]Cost Summary'!A:H,8,)),0.1)</f>
        <v>1635197</v>
      </c>
      <c r="BD92" s="499">
        <v>2</v>
      </c>
      <c r="BE92" s="499" t="s">
        <v>1803</v>
      </c>
      <c r="BF92" s="954" t="s">
        <v>1584</v>
      </c>
      <c r="BG92" s="1261">
        <v>1062347</v>
      </c>
      <c r="BH92" s="977">
        <f t="shared" ref="BH92:BH103" si="90">Z92/(SUM($Z92:$AS92))</f>
        <v>7.6599844001147305E-2</v>
      </c>
      <c r="BI92" s="974">
        <f t="shared" ref="BI92:BI103" si="91">AA92/(SUM($Z92:$AS92))</f>
        <v>3.0639937600458918E-2</v>
      </c>
      <c r="BJ92" s="974">
        <f t="shared" ref="BJ92:BJ103" si="92">AB92/(SUM($Z92:$AS92))</f>
        <v>1.5319968800229459E-2</v>
      </c>
      <c r="BK92" s="974">
        <f t="shared" ref="BK92:BK103" si="93">AC92/(SUM($Z92:$AS92))</f>
        <v>0</v>
      </c>
      <c r="BL92" s="974">
        <f t="shared" ref="BL92:BL103" si="94">AD92/(SUM($Z92:$AS92))</f>
        <v>1.5319968800229459E-2</v>
      </c>
      <c r="BM92" s="974">
        <f t="shared" ref="BM92:BM103" si="95">AE92/(SUM($Z92:$AS92))</f>
        <v>3.0639937600458918E-2</v>
      </c>
      <c r="BN92" s="974">
        <f t="shared" ref="BN92:BN103" si="96">AF92/(SUM($Z92:$AS92))</f>
        <v>1.5319968800229459E-2</v>
      </c>
      <c r="BO92" s="974">
        <f t="shared" ref="BO92:BO103" si="97">AG92/(SUM($Z92:$AS92))</f>
        <v>0.16851965680252406</v>
      </c>
      <c r="BP92" s="974">
        <f t="shared" ref="BP92:BP103" si="98">AH92/(SUM($Z92:$AS92))</f>
        <v>0.15319968800229461</v>
      </c>
      <c r="BQ92" s="974">
        <f t="shared" ref="BQ92:BQ103" si="99">AI92/(SUM($Z92:$AS92))</f>
        <v>1.5319968800229459E-2</v>
      </c>
      <c r="BR92" s="974">
        <f t="shared" ref="BR92:BR103" si="100">AJ92/(SUM($Z92:$AS92))</f>
        <v>7.6599844001147305E-2</v>
      </c>
      <c r="BS92" s="974">
        <f t="shared" ref="BS92:BS103" si="101">AK92/(SUM($Z92:$AS92))</f>
        <v>3.0639937600458918E-2</v>
      </c>
      <c r="BT92" s="974">
        <f t="shared" ref="BT92:BT103" si="102">AL92/(SUM($Z92:$AS92))</f>
        <v>0.12255975040183567</v>
      </c>
      <c r="BU92" s="974">
        <f t="shared" ref="BU92:BU103" si="103">AM92/(SUM($Z92:$AS92))</f>
        <v>9.191981280137676E-2</v>
      </c>
      <c r="BV92" s="974">
        <f t="shared" ref="BV92:BV103" si="104">AN92/(SUM($Z92:$AS92))</f>
        <v>3.7074324496555289E-2</v>
      </c>
      <c r="BW92" s="974">
        <f t="shared" ref="BW92:BW103" si="105">AO92/(SUM($Z92:$AS92))</f>
        <v>2.388876490883238E-3</v>
      </c>
      <c r="BX92" s="974">
        <f t="shared" ref="BX92:BX103" si="106">AP92/(SUM($Z92:$AS92))</f>
        <v>6.1935274935687012E-2</v>
      </c>
      <c r="BY92" s="974">
        <f t="shared" ref="BY92:BY103" si="107">AQ92/(SUM($Z92:$AS92))</f>
        <v>3.814216488478181E-2</v>
      </c>
      <c r="BZ92" s="974">
        <f t="shared" ref="BZ92:BZ103" si="108">AR92/(SUM($Z92:$AS92))</f>
        <v>1.5541997333566119E-2</v>
      </c>
      <c r="CA92" s="974">
        <f t="shared" ref="CA92:CA103" si="109">AS92/(SUM($Z92:$AS92))</f>
        <v>2.3190778459062943E-3</v>
      </c>
      <c r="CB92" s="973">
        <f t="shared" si="85"/>
        <v>1</v>
      </c>
    </row>
    <row r="93" spans="3:80" ht="150.6" customHeight="1" x14ac:dyDescent="0.25">
      <c r="C93" s="597"/>
      <c r="D93" s="597"/>
      <c r="E93" s="597"/>
      <c r="F93" s="597"/>
      <c r="G93" s="597"/>
      <c r="H93" s="499" t="s">
        <v>1804</v>
      </c>
      <c r="I93" s="499" t="s">
        <v>971</v>
      </c>
      <c r="J93" s="499" t="s">
        <v>972</v>
      </c>
      <c r="K93" s="499">
        <v>51.756335630000002</v>
      </c>
      <c r="L93" s="499">
        <v>-0.47278285799999997</v>
      </c>
      <c r="M93" s="499" t="s">
        <v>1522</v>
      </c>
      <c r="N93" s="499" t="s">
        <v>1489</v>
      </c>
      <c r="O93" s="499">
        <v>2</v>
      </c>
      <c r="P93" s="499" t="s">
        <v>830</v>
      </c>
      <c r="Q93" s="499" t="s">
        <v>1490</v>
      </c>
      <c r="R93" s="499" t="s">
        <v>1491</v>
      </c>
      <c r="S93" s="499" t="s">
        <v>1492</v>
      </c>
      <c r="T93" s="499" t="s">
        <v>1493</v>
      </c>
      <c r="U93" s="499" t="s">
        <v>1806</v>
      </c>
      <c r="V93" s="946" t="str">
        <f>_xlfn.XLOOKUP(H93, [5]GIS!D:D, [5]GIS!E:E, "Not mapped")</f>
        <v>Single - Scenario 2</v>
      </c>
      <c r="W93" s="499" t="s">
        <v>1546</v>
      </c>
      <c r="X93" s="987" t="s">
        <v>2618</v>
      </c>
      <c r="Y93" s="987" t="s">
        <v>1526</v>
      </c>
      <c r="Z93" s="949">
        <v>101</v>
      </c>
      <c r="AA93" s="949">
        <v>8</v>
      </c>
      <c r="AB93" s="949">
        <v>1</v>
      </c>
      <c r="AC93" s="949">
        <v>2</v>
      </c>
      <c r="AD93" s="949">
        <v>1</v>
      </c>
      <c r="AE93" s="950">
        <v>0</v>
      </c>
      <c r="AF93" s="950">
        <v>1</v>
      </c>
      <c r="AG93" s="950">
        <v>1</v>
      </c>
      <c r="AH93" s="950">
        <v>4</v>
      </c>
      <c r="AI93" s="950">
        <v>1</v>
      </c>
      <c r="AJ93" s="950">
        <v>5</v>
      </c>
      <c r="AK93" s="950">
        <v>5</v>
      </c>
      <c r="AL93" s="950">
        <v>2</v>
      </c>
      <c r="AM93" s="950">
        <v>1</v>
      </c>
      <c r="AN93" s="951">
        <f>AT93*[5]TripRateCalculations!O$4</f>
        <v>1.54</v>
      </c>
      <c r="AO93" s="951">
        <f>AU93*[5]TripRateCalculations!P$4</f>
        <v>0.31186440677966104</v>
      </c>
      <c r="AP93" s="951">
        <f>AV93*[5]TripRateCalculations!Q$4</f>
        <v>0.28877005347593582</v>
      </c>
      <c r="AQ93" s="951">
        <f>AW93*[5]TripRateCalculations!R$4</f>
        <v>0.58581235697940504</v>
      </c>
      <c r="AR93" s="951">
        <f>AX93*[5]TripRateCalculations!S$4</f>
        <v>0.30434782608695654</v>
      </c>
      <c r="AS93" s="951">
        <f>AY93*[5]TripRateCalculations!T$4</f>
        <v>7.5688073394495417E-2</v>
      </c>
      <c r="AT93" s="950">
        <v>7</v>
      </c>
      <c r="AU93" s="950">
        <v>4</v>
      </c>
      <c r="AV93" s="950">
        <v>1</v>
      </c>
      <c r="AW93" s="950">
        <v>4</v>
      </c>
      <c r="AX93" s="950">
        <v>3</v>
      </c>
      <c r="AY93" s="950">
        <v>3</v>
      </c>
      <c r="AZ93" s="905" t="s">
        <v>1807</v>
      </c>
      <c r="BA93" s="499" t="s">
        <v>834</v>
      </c>
      <c r="BB93" s="953" t="s">
        <v>53</v>
      </c>
      <c r="BC93" s="979">
        <v>370629.19</v>
      </c>
      <c r="BD93" s="499">
        <v>2</v>
      </c>
      <c r="BE93" s="499" t="s">
        <v>1808</v>
      </c>
      <c r="BF93" s="1260" t="s">
        <v>1501</v>
      </c>
      <c r="BG93" s="1261">
        <v>1041842.14</v>
      </c>
      <c r="BH93" s="977">
        <f t="shared" si="90"/>
        <v>0.74206604993397052</v>
      </c>
      <c r="BI93" s="974">
        <f t="shared" si="91"/>
        <v>5.8777508905661031E-2</v>
      </c>
      <c r="BJ93" s="974">
        <f t="shared" si="92"/>
        <v>7.3471886132076289E-3</v>
      </c>
      <c r="BK93" s="974">
        <f t="shared" si="93"/>
        <v>1.4694377226415258E-2</v>
      </c>
      <c r="BL93" s="974">
        <f t="shared" si="94"/>
        <v>7.3471886132076289E-3</v>
      </c>
      <c r="BM93" s="974">
        <f t="shared" si="95"/>
        <v>0</v>
      </c>
      <c r="BN93" s="974">
        <f t="shared" si="96"/>
        <v>7.3471886132076289E-3</v>
      </c>
      <c r="BO93" s="974">
        <f t="shared" si="97"/>
        <v>7.3471886132076289E-3</v>
      </c>
      <c r="BP93" s="974">
        <f t="shared" si="98"/>
        <v>2.9388754452830516E-2</v>
      </c>
      <c r="BQ93" s="974">
        <f t="shared" si="99"/>
        <v>7.3471886132076289E-3</v>
      </c>
      <c r="BR93" s="974">
        <f t="shared" si="100"/>
        <v>3.6735943066038147E-2</v>
      </c>
      <c r="BS93" s="974">
        <f t="shared" si="101"/>
        <v>3.6735943066038147E-2</v>
      </c>
      <c r="BT93" s="974">
        <f t="shared" si="102"/>
        <v>1.4694377226415258E-2</v>
      </c>
      <c r="BU93" s="974">
        <f t="shared" si="103"/>
        <v>7.3471886132076289E-3</v>
      </c>
      <c r="BV93" s="974">
        <f t="shared" si="104"/>
        <v>1.131467046433975E-2</v>
      </c>
      <c r="BW93" s="974">
        <f t="shared" si="105"/>
        <v>2.2913266183562779E-3</v>
      </c>
      <c r="BX93" s="974">
        <f t="shared" si="106"/>
        <v>2.1216480487337539E-3</v>
      </c>
      <c r="BY93" s="974">
        <f t="shared" si="107"/>
        <v>4.304073878675407E-3</v>
      </c>
      <c r="BZ93" s="974">
        <f t="shared" si="108"/>
        <v>2.2361008822805828E-3</v>
      </c>
      <c r="CA93" s="974">
        <f t="shared" si="109"/>
        <v>5.5609455099965999E-4</v>
      </c>
      <c r="CB93" s="973">
        <f t="shared" si="85"/>
        <v>0.99999999999999989</v>
      </c>
    </row>
    <row r="94" spans="3:80" ht="75" x14ac:dyDescent="0.25">
      <c r="C94" s="597"/>
      <c r="D94" s="597" t="s">
        <v>66</v>
      </c>
      <c r="E94" s="597"/>
      <c r="F94" s="597"/>
      <c r="G94" s="597"/>
      <c r="H94" s="499" t="s">
        <v>1809</v>
      </c>
      <c r="I94" s="499" t="s">
        <v>847</v>
      </c>
      <c r="J94" s="499" t="s">
        <v>848</v>
      </c>
      <c r="K94" s="499">
        <v>51.749176949999999</v>
      </c>
      <c r="L94" s="499">
        <v>-0.455498927</v>
      </c>
      <c r="M94" s="499" t="s">
        <v>1522</v>
      </c>
      <c r="N94" s="499" t="s">
        <v>1489</v>
      </c>
      <c r="O94" s="499">
        <v>2</v>
      </c>
      <c r="P94" s="499" t="s">
        <v>830</v>
      </c>
      <c r="Q94" s="499" t="s">
        <v>1578</v>
      </c>
      <c r="R94" s="499" t="s">
        <v>1491</v>
      </c>
      <c r="S94" s="499" t="s">
        <v>1492</v>
      </c>
      <c r="T94" s="499" t="s">
        <v>1493</v>
      </c>
      <c r="U94" s="499" t="s">
        <v>1504</v>
      </c>
      <c r="V94" s="946" t="str">
        <f>_xlfn.XLOOKUP(H94, [5]GIS!D:D, [5]GIS!E:E, "Not mapped")</f>
        <v>Multiple - Scenario 2</v>
      </c>
      <c r="W94" s="1262" t="s">
        <v>1495</v>
      </c>
      <c r="X94" s="987" t="s">
        <v>2618</v>
      </c>
      <c r="Y94" s="987" t="s">
        <v>1526</v>
      </c>
      <c r="Z94" s="949">
        <v>0</v>
      </c>
      <c r="AA94" s="949">
        <v>0</v>
      </c>
      <c r="AB94" s="949">
        <v>0</v>
      </c>
      <c r="AC94" s="949">
        <v>0</v>
      </c>
      <c r="AD94" s="949">
        <v>0</v>
      </c>
      <c r="AE94" s="950">
        <v>0</v>
      </c>
      <c r="AF94" s="950">
        <v>0</v>
      </c>
      <c r="AG94" s="950">
        <v>1</v>
      </c>
      <c r="AH94" s="950">
        <v>1</v>
      </c>
      <c r="AI94" s="950">
        <v>0</v>
      </c>
      <c r="AJ94" s="950">
        <v>4</v>
      </c>
      <c r="AK94" s="950">
        <v>1</v>
      </c>
      <c r="AL94" s="950">
        <v>0</v>
      </c>
      <c r="AM94" s="950">
        <v>1</v>
      </c>
      <c r="AN94" s="951">
        <f>AT94*[5]TripRateCalculations!O$4</f>
        <v>0.22</v>
      </c>
      <c r="AO94" s="951">
        <f>AU94*[5]TripRateCalculations!P$4</f>
        <v>0</v>
      </c>
      <c r="AP94" s="951">
        <f>AV94*[5]TripRateCalculations!Q$4</f>
        <v>0.28877005347593582</v>
      </c>
      <c r="AQ94" s="951">
        <f>AW94*[5]TripRateCalculations!R$4</f>
        <v>0.14645308924485126</v>
      </c>
      <c r="AR94" s="951">
        <f>AX94*[5]TripRateCalculations!S$4</f>
        <v>0</v>
      </c>
      <c r="AS94" s="951">
        <f>AY94*[5]TripRateCalculations!T$4</f>
        <v>5.0458715596330278E-2</v>
      </c>
      <c r="AT94" s="950">
        <v>1</v>
      </c>
      <c r="AU94" s="950">
        <v>0</v>
      </c>
      <c r="AV94" s="950">
        <v>1</v>
      </c>
      <c r="AW94" s="950">
        <v>1</v>
      </c>
      <c r="AX94" s="950">
        <v>0</v>
      </c>
      <c r="AY94" s="950">
        <v>2</v>
      </c>
      <c r="AZ94" s="905" t="s">
        <v>1811</v>
      </c>
      <c r="BA94" s="499" t="s">
        <v>834</v>
      </c>
      <c r="BB94" s="953" t="s">
        <v>53</v>
      </c>
      <c r="BC94" s="979">
        <v>370629.19</v>
      </c>
      <c r="BD94" s="948">
        <v>1</v>
      </c>
      <c r="BE94" s="948">
        <v>8</v>
      </c>
      <c r="BF94" s="1260" t="s">
        <v>1501</v>
      </c>
      <c r="BG94" s="1261">
        <v>370629.19</v>
      </c>
      <c r="BH94" s="977">
        <f t="shared" si="90"/>
        <v>0</v>
      </c>
      <c r="BI94" s="974">
        <f t="shared" si="91"/>
        <v>0</v>
      </c>
      <c r="BJ94" s="974">
        <f t="shared" si="92"/>
        <v>0</v>
      </c>
      <c r="BK94" s="974">
        <f t="shared" si="93"/>
        <v>0</v>
      </c>
      <c r="BL94" s="974">
        <f t="shared" si="94"/>
        <v>0</v>
      </c>
      <c r="BM94" s="974">
        <f t="shared" si="95"/>
        <v>0</v>
      </c>
      <c r="BN94" s="974">
        <f t="shared" si="96"/>
        <v>0</v>
      </c>
      <c r="BO94" s="974">
        <f t="shared" si="97"/>
        <v>0.11486751023926213</v>
      </c>
      <c r="BP94" s="974">
        <f t="shared" si="98"/>
        <v>0.11486751023926213</v>
      </c>
      <c r="BQ94" s="974">
        <f t="shared" si="99"/>
        <v>0</v>
      </c>
      <c r="BR94" s="974">
        <f t="shared" si="100"/>
        <v>0.45947004095704852</v>
      </c>
      <c r="BS94" s="974">
        <f t="shared" si="101"/>
        <v>0.11486751023926213</v>
      </c>
      <c r="BT94" s="974">
        <f t="shared" si="102"/>
        <v>0</v>
      </c>
      <c r="BU94" s="974">
        <f t="shared" si="103"/>
        <v>0.11486751023926213</v>
      </c>
      <c r="BV94" s="974">
        <f t="shared" si="104"/>
        <v>2.5270852252637668E-2</v>
      </c>
      <c r="BW94" s="974">
        <f t="shared" si="105"/>
        <v>0</v>
      </c>
      <c r="BX94" s="974">
        <f t="shared" si="106"/>
        <v>3.3170297074439331E-2</v>
      </c>
      <c r="BY94" s="974">
        <f t="shared" si="107"/>
        <v>1.6822701728404523E-2</v>
      </c>
      <c r="BZ94" s="974">
        <f t="shared" si="108"/>
        <v>0</v>
      </c>
      <c r="CA94" s="974">
        <f t="shared" si="109"/>
        <v>5.7960670304214841E-3</v>
      </c>
      <c r="CB94" s="973">
        <f t="shared" si="85"/>
        <v>1</v>
      </c>
    </row>
    <row r="95" spans="3:80" ht="75" x14ac:dyDescent="0.25">
      <c r="C95" s="597"/>
      <c r="D95" s="597" t="s">
        <v>66</v>
      </c>
      <c r="E95" s="597"/>
      <c r="F95" s="597"/>
      <c r="G95" s="597"/>
      <c r="H95" s="499" t="s">
        <v>1812</v>
      </c>
      <c r="I95" s="499" t="s">
        <v>979</v>
      </c>
      <c r="J95" s="499" t="s">
        <v>980</v>
      </c>
      <c r="K95" s="499" t="s">
        <v>1521</v>
      </c>
      <c r="L95" s="499" t="s">
        <v>1521</v>
      </c>
      <c r="M95" s="499" t="s">
        <v>1522</v>
      </c>
      <c r="N95" s="499" t="s">
        <v>1523</v>
      </c>
      <c r="O95" s="499">
        <v>3</v>
      </c>
      <c r="P95" s="499" t="s">
        <v>870</v>
      </c>
      <c r="Q95" s="499" t="s">
        <v>1616</v>
      </c>
      <c r="R95" s="499" t="s">
        <v>1491</v>
      </c>
      <c r="S95" s="499" t="s">
        <v>1492</v>
      </c>
      <c r="T95" s="499" t="s">
        <v>1493</v>
      </c>
      <c r="U95" s="499" t="s">
        <v>1504</v>
      </c>
      <c r="V95" s="946" t="str">
        <f>_xlfn.XLOOKUP(H95, [5]GIS!D:D, [5]GIS!E:E, "Not mapped")</f>
        <v>Multiple - Scenario 2</v>
      </c>
      <c r="W95" s="1262" t="s">
        <v>1495</v>
      </c>
      <c r="X95" s="987" t="s">
        <v>2618</v>
      </c>
      <c r="Y95" s="987" t="s">
        <v>1526</v>
      </c>
      <c r="Z95" s="949">
        <v>21</v>
      </c>
      <c r="AA95" s="949">
        <v>28</v>
      </c>
      <c r="AB95" s="949">
        <v>22</v>
      </c>
      <c r="AC95" s="949">
        <v>24</v>
      </c>
      <c r="AD95" s="949">
        <v>21</v>
      </c>
      <c r="AE95" s="950">
        <v>40</v>
      </c>
      <c r="AF95" s="950">
        <v>44</v>
      </c>
      <c r="AG95" s="950">
        <v>67</v>
      </c>
      <c r="AH95" s="950">
        <v>1</v>
      </c>
      <c r="AI95" s="950">
        <v>12</v>
      </c>
      <c r="AJ95" s="950">
        <v>213</v>
      </c>
      <c r="AK95" s="950">
        <v>27</v>
      </c>
      <c r="AL95" s="950">
        <v>0</v>
      </c>
      <c r="AM95" s="950">
        <v>6</v>
      </c>
      <c r="AN95" s="951">
        <f>AT95*[5]TripRateCalculations!O$4</f>
        <v>0.66</v>
      </c>
      <c r="AO95" s="951">
        <f>AU95*[5]TripRateCalculations!P$4</f>
        <v>2.1830508474576273</v>
      </c>
      <c r="AP95" s="951">
        <f>AV95*[5]TripRateCalculations!Q$4</f>
        <v>2.5989304812834222</v>
      </c>
      <c r="AQ95" s="951">
        <f>AW95*[5]TripRateCalculations!R$4</f>
        <v>0.4393592677345538</v>
      </c>
      <c r="AR95" s="951">
        <f>AX95*[5]TripRateCalculations!S$4</f>
        <v>0.81159420289855078</v>
      </c>
      <c r="AS95" s="951">
        <f>AY95*[5]TripRateCalculations!T$4</f>
        <v>3.607798165137615</v>
      </c>
      <c r="AT95" s="950">
        <v>3</v>
      </c>
      <c r="AU95" s="950">
        <v>28</v>
      </c>
      <c r="AV95" s="950">
        <v>9</v>
      </c>
      <c r="AW95" s="950">
        <v>3</v>
      </c>
      <c r="AX95" s="950">
        <v>8</v>
      </c>
      <c r="AY95" s="950">
        <v>143</v>
      </c>
      <c r="AZ95" s="905" t="s">
        <v>1642</v>
      </c>
      <c r="BA95" s="499" t="s">
        <v>834</v>
      </c>
      <c r="BB95" s="953" t="s">
        <v>53</v>
      </c>
      <c r="BC95" s="980">
        <f>ROUND((VLOOKUP(H95,'[5]Cost Summary'!A:H,8,)),0.1)</f>
        <v>1603637</v>
      </c>
      <c r="BD95" s="954">
        <v>1</v>
      </c>
      <c r="BE95" s="954">
        <v>8</v>
      </c>
      <c r="BF95" s="954" t="s">
        <v>1584</v>
      </c>
      <c r="BG95" s="1261">
        <v>2600365.63</v>
      </c>
      <c r="BH95" s="977">
        <f t="shared" si="90"/>
        <v>3.9157134624668917E-2</v>
      </c>
      <c r="BI95" s="974">
        <f t="shared" si="91"/>
        <v>5.2209512832891894E-2</v>
      </c>
      <c r="BJ95" s="974">
        <f t="shared" si="92"/>
        <v>4.102176008298649E-2</v>
      </c>
      <c r="BK95" s="974">
        <f t="shared" si="93"/>
        <v>4.4751010999621622E-2</v>
      </c>
      <c r="BL95" s="974">
        <f t="shared" si="94"/>
        <v>3.9157134624668917E-2</v>
      </c>
      <c r="BM95" s="974">
        <f t="shared" si="95"/>
        <v>7.4585018332702702E-2</v>
      </c>
      <c r="BN95" s="974">
        <f t="shared" si="96"/>
        <v>8.204352016597298E-2</v>
      </c>
      <c r="BO95" s="974">
        <f t="shared" si="97"/>
        <v>0.12492990570727702</v>
      </c>
      <c r="BP95" s="974">
        <f t="shared" si="98"/>
        <v>1.8646254583175677E-3</v>
      </c>
      <c r="BQ95" s="974">
        <f t="shared" si="99"/>
        <v>2.2375505499810811E-2</v>
      </c>
      <c r="BR95" s="974">
        <f t="shared" si="100"/>
        <v>0.39716522262164189</v>
      </c>
      <c r="BS95" s="974">
        <f t="shared" si="101"/>
        <v>5.0344887374574328E-2</v>
      </c>
      <c r="BT95" s="974">
        <f t="shared" si="102"/>
        <v>0</v>
      </c>
      <c r="BU95" s="974">
        <f t="shared" si="103"/>
        <v>1.1187752749905406E-2</v>
      </c>
      <c r="BV95" s="974">
        <f t="shared" si="104"/>
        <v>1.2306528024895946E-3</v>
      </c>
      <c r="BW95" s="974">
        <f t="shared" si="105"/>
        <v>4.0705721869712325E-3</v>
      </c>
      <c r="BX95" s="974">
        <f t="shared" si="106"/>
        <v>4.8460319397985972E-3</v>
      </c>
      <c r="BY95" s="974">
        <f t="shared" si="107"/>
        <v>8.1924047596561333E-4</v>
      </c>
      <c r="BZ95" s="974">
        <f t="shared" si="108"/>
        <v>1.5133192125475912E-3</v>
      </c>
      <c r="CA95" s="974">
        <f t="shared" si="109"/>
        <v>6.7271923071870049E-3</v>
      </c>
      <c r="CB95" s="973">
        <f t="shared" si="85"/>
        <v>1.0000000000000002</v>
      </c>
    </row>
    <row r="96" spans="3:80" ht="114.75" x14ac:dyDescent="0.25">
      <c r="C96" s="597"/>
      <c r="D96" s="597"/>
      <c r="E96" s="597"/>
      <c r="F96" s="597"/>
      <c r="G96" s="597"/>
      <c r="H96" s="499" t="s">
        <v>1814</v>
      </c>
      <c r="I96" s="499" t="s">
        <v>1106</v>
      </c>
      <c r="J96" s="499" t="s">
        <v>1107</v>
      </c>
      <c r="K96" s="499" t="s">
        <v>1815</v>
      </c>
      <c r="L96" s="499" t="s">
        <v>1816</v>
      </c>
      <c r="M96" s="499" t="s">
        <v>1522</v>
      </c>
      <c r="N96" s="499" t="s">
        <v>1489</v>
      </c>
      <c r="O96" s="499">
        <v>1</v>
      </c>
      <c r="P96" s="499" t="s">
        <v>932</v>
      </c>
      <c r="Q96" s="499" t="s">
        <v>1490</v>
      </c>
      <c r="R96" s="499" t="s">
        <v>1491</v>
      </c>
      <c r="S96" s="499" t="s">
        <v>1492</v>
      </c>
      <c r="T96" s="499" t="s">
        <v>1493</v>
      </c>
      <c r="U96" s="499" t="s">
        <v>1511</v>
      </c>
      <c r="V96" s="946" t="str">
        <f>_xlfn.XLOOKUP(H96, [5]GIS!D:D, [5]GIS!E:E, "Not mapped")</f>
        <v>Single - Scenario 3</v>
      </c>
      <c r="W96" s="499" t="s">
        <v>1707</v>
      </c>
      <c r="X96" s="987" t="s">
        <v>2618</v>
      </c>
      <c r="Y96" s="987" t="s">
        <v>1526</v>
      </c>
      <c r="Z96" s="949">
        <v>3</v>
      </c>
      <c r="AA96" s="949">
        <v>1</v>
      </c>
      <c r="AB96" s="949">
        <v>1</v>
      </c>
      <c r="AC96" s="949">
        <v>19</v>
      </c>
      <c r="AD96" s="949">
        <v>1</v>
      </c>
      <c r="AE96" s="950">
        <v>0</v>
      </c>
      <c r="AF96" s="950">
        <v>0</v>
      </c>
      <c r="AG96" s="950">
        <v>1</v>
      </c>
      <c r="AH96" s="950">
        <v>0</v>
      </c>
      <c r="AI96" s="950">
        <v>0</v>
      </c>
      <c r="AJ96" s="950">
        <v>0</v>
      </c>
      <c r="AK96" s="950">
        <v>0</v>
      </c>
      <c r="AL96" s="950">
        <v>86</v>
      </c>
      <c r="AM96" s="950">
        <v>0</v>
      </c>
      <c r="AN96" s="951">
        <f>AT96*[5]TripRateCalculations!O$4</f>
        <v>3.08</v>
      </c>
      <c r="AO96" s="951">
        <f>AU96*[5]TripRateCalculations!P$4</f>
        <v>1.4033898305084747</v>
      </c>
      <c r="AP96" s="951">
        <f>AV96*[5]TripRateCalculations!Q$4</f>
        <v>0.57754010695187163</v>
      </c>
      <c r="AQ96" s="951">
        <f>AW96*[5]TripRateCalculations!R$4</f>
        <v>2.4897025171624714</v>
      </c>
      <c r="AR96" s="951">
        <f>AX96*[5]TripRateCalculations!S$4</f>
        <v>2.7391304347826089</v>
      </c>
      <c r="AS96" s="951">
        <f>AY96*[5]TripRateCalculations!T$4</f>
        <v>0.52981651376146788</v>
      </c>
      <c r="AT96" s="950">
        <v>14</v>
      </c>
      <c r="AU96" s="950">
        <v>18</v>
      </c>
      <c r="AV96" s="950">
        <v>2</v>
      </c>
      <c r="AW96" s="950">
        <v>17</v>
      </c>
      <c r="AX96" s="950">
        <v>27</v>
      </c>
      <c r="AY96" s="950">
        <v>21</v>
      </c>
      <c r="AZ96" s="905" t="s">
        <v>1817</v>
      </c>
      <c r="BA96" s="499" t="s">
        <v>722</v>
      </c>
      <c r="BB96" s="953" t="s">
        <v>53</v>
      </c>
      <c r="BC96" s="980">
        <f>ROUND((VLOOKUP(H96,'[5]Cost Summary'!A:H,8,)),0.1)</f>
        <v>63180</v>
      </c>
      <c r="BD96" s="499">
        <v>1</v>
      </c>
      <c r="BE96" s="499">
        <v>2</v>
      </c>
      <c r="BF96" s="954" t="s">
        <v>1584</v>
      </c>
      <c r="BG96" s="1261">
        <v>41046.720000000001</v>
      </c>
      <c r="BH96" s="977">
        <f t="shared" si="90"/>
        <v>2.4426072899600283E-2</v>
      </c>
      <c r="BI96" s="974">
        <f t="shared" si="91"/>
        <v>8.1420242998667611E-3</v>
      </c>
      <c r="BJ96" s="974">
        <f t="shared" si="92"/>
        <v>8.1420242998667611E-3</v>
      </c>
      <c r="BK96" s="974">
        <f t="shared" si="93"/>
        <v>0.15469846169746845</v>
      </c>
      <c r="BL96" s="974">
        <f t="shared" si="94"/>
        <v>8.1420242998667611E-3</v>
      </c>
      <c r="BM96" s="974">
        <f t="shared" si="95"/>
        <v>0</v>
      </c>
      <c r="BN96" s="974">
        <f t="shared" si="96"/>
        <v>0</v>
      </c>
      <c r="BO96" s="974">
        <f t="shared" si="97"/>
        <v>8.1420242998667611E-3</v>
      </c>
      <c r="BP96" s="974">
        <f t="shared" si="98"/>
        <v>0</v>
      </c>
      <c r="BQ96" s="974">
        <f t="shared" si="99"/>
        <v>0</v>
      </c>
      <c r="BR96" s="974">
        <f t="shared" si="100"/>
        <v>0</v>
      </c>
      <c r="BS96" s="974">
        <f t="shared" si="101"/>
        <v>0</v>
      </c>
      <c r="BT96" s="974">
        <f t="shared" si="102"/>
        <v>0.70021408978854138</v>
      </c>
      <c r="BU96" s="974">
        <f t="shared" si="103"/>
        <v>0</v>
      </c>
      <c r="BV96" s="974">
        <f t="shared" si="104"/>
        <v>2.5077434843589624E-2</v>
      </c>
      <c r="BW96" s="974">
        <f t="shared" si="105"/>
        <v>1.1426434102185896E-2</v>
      </c>
      <c r="BX96" s="974">
        <f t="shared" si="106"/>
        <v>4.7023455849497867E-3</v>
      </c>
      <c r="BY96" s="974">
        <f t="shared" si="107"/>
        <v>2.0271218394176282E-2</v>
      </c>
      <c r="BZ96" s="974">
        <f t="shared" si="108"/>
        <v>2.2302066560504607E-2</v>
      </c>
      <c r="CA96" s="974">
        <f t="shared" si="109"/>
        <v>4.3137789295165634E-3</v>
      </c>
      <c r="CB96" s="973">
        <f t="shared" si="85"/>
        <v>0.99999999999999978</v>
      </c>
    </row>
    <row r="97" spans="3:80" ht="57" customHeight="1" x14ac:dyDescent="0.25">
      <c r="C97" s="597"/>
      <c r="D97" s="597"/>
      <c r="E97" s="597"/>
      <c r="F97" s="597"/>
      <c r="G97" s="597"/>
      <c r="H97" s="499" t="s">
        <v>1818</v>
      </c>
      <c r="I97" s="499" t="s">
        <v>1109</v>
      </c>
      <c r="J97" s="499" t="s">
        <v>1110</v>
      </c>
      <c r="K97" s="499">
        <v>51.773867510000002</v>
      </c>
      <c r="L97" s="499">
        <v>-0.441849977</v>
      </c>
      <c r="M97" s="499" t="s">
        <v>1522</v>
      </c>
      <c r="N97" s="499" t="s">
        <v>1523</v>
      </c>
      <c r="O97" s="499">
        <v>1</v>
      </c>
      <c r="P97" s="499" t="s">
        <v>900</v>
      </c>
      <c r="Q97" s="499" t="s">
        <v>1490</v>
      </c>
      <c r="R97" s="499" t="s">
        <v>1491</v>
      </c>
      <c r="S97" s="499" t="s">
        <v>1492</v>
      </c>
      <c r="T97" s="499" t="s">
        <v>1493</v>
      </c>
      <c r="U97" s="499" t="s">
        <v>1511</v>
      </c>
      <c r="V97" s="946" t="str">
        <f>_xlfn.XLOOKUP(H97, [5]GIS!D:D, [5]GIS!E:E, "Not mapped")</f>
        <v>Multiple - Scenario 1</v>
      </c>
      <c r="W97" s="499" t="s">
        <v>1707</v>
      </c>
      <c r="X97" s="987" t="s">
        <v>2618</v>
      </c>
      <c r="Y97" s="987" t="s">
        <v>1526</v>
      </c>
      <c r="Z97" s="949">
        <v>4</v>
      </c>
      <c r="AA97" s="949">
        <v>1</v>
      </c>
      <c r="AB97" s="949">
        <v>1</v>
      </c>
      <c r="AC97" s="949">
        <v>20</v>
      </c>
      <c r="AD97" s="949">
        <v>1</v>
      </c>
      <c r="AE97" s="949">
        <v>0</v>
      </c>
      <c r="AF97" s="949">
        <v>0</v>
      </c>
      <c r="AG97" s="949">
        <v>2</v>
      </c>
      <c r="AH97" s="949">
        <v>0</v>
      </c>
      <c r="AI97" s="949">
        <v>0</v>
      </c>
      <c r="AJ97" s="949">
        <v>2</v>
      </c>
      <c r="AK97" s="949">
        <v>92</v>
      </c>
      <c r="AL97" s="949">
        <v>53</v>
      </c>
      <c r="AM97" s="949">
        <v>15</v>
      </c>
      <c r="AN97" s="951">
        <f>AT97*[5]TripRateCalculations!O$4</f>
        <v>4.4000000000000004</v>
      </c>
      <c r="AO97" s="951">
        <f>AU97*[5]TripRateCalculations!P$4</f>
        <v>0.15593220338983052</v>
      </c>
      <c r="AP97" s="951">
        <f>AV97*[5]TripRateCalculations!Q$4</f>
        <v>5.7754010695187166</v>
      </c>
      <c r="AQ97" s="951">
        <f>AW97*[5]TripRateCalculations!R$4</f>
        <v>4.3935926773455378</v>
      </c>
      <c r="AR97" s="951">
        <f>AX97*[5]TripRateCalculations!S$4</f>
        <v>2.3333333333333335</v>
      </c>
      <c r="AS97" s="951">
        <f>AY97*[5]TripRateCalculations!T$4</f>
        <v>5.0458715596330278E-2</v>
      </c>
      <c r="AT97" s="949">
        <v>20</v>
      </c>
      <c r="AU97" s="949">
        <v>2</v>
      </c>
      <c r="AV97" s="949">
        <v>20</v>
      </c>
      <c r="AW97" s="949">
        <v>30</v>
      </c>
      <c r="AX97" s="949">
        <v>23</v>
      </c>
      <c r="AY97" s="949">
        <v>2</v>
      </c>
      <c r="AZ97" s="905" t="s">
        <v>1817</v>
      </c>
      <c r="BA97" s="499" t="s">
        <v>834</v>
      </c>
      <c r="BB97" s="953" t="s">
        <v>53</v>
      </c>
      <c r="BC97" s="980">
        <f>ROUND((VLOOKUP(H97,'[5]Cost Summary'!A:H,8,)),0.1)</f>
        <v>759380</v>
      </c>
      <c r="BD97" s="499">
        <v>1</v>
      </c>
      <c r="BE97" s="499">
        <v>2</v>
      </c>
      <c r="BF97" s="954" t="s">
        <v>1584</v>
      </c>
      <c r="BG97" s="1261">
        <v>493350</v>
      </c>
      <c r="BH97" s="977">
        <f t="shared" si="90"/>
        <v>1.9220722891655547E-2</v>
      </c>
      <c r="BI97" s="974">
        <f t="shared" si="91"/>
        <v>4.8051807229138868E-3</v>
      </c>
      <c r="BJ97" s="974">
        <f t="shared" si="92"/>
        <v>4.8051807229138868E-3</v>
      </c>
      <c r="BK97" s="974">
        <f t="shared" si="93"/>
        <v>9.6103614458277725E-2</v>
      </c>
      <c r="BL97" s="974">
        <f t="shared" si="94"/>
        <v>4.8051807229138868E-3</v>
      </c>
      <c r="BM97" s="974">
        <f t="shared" si="95"/>
        <v>0</v>
      </c>
      <c r="BN97" s="974">
        <f t="shared" si="96"/>
        <v>0</v>
      </c>
      <c r="BO97" s="974">
        <f t="shared" si="97"/>
        <v>9.6103614458277736E-3</v>
      </c>
      <c r="BP97" s="974">
        <f t="shared" si="98"/>
        <v>0</v>
      </c>
      <c r="BQ97" s="974">
        <f t="shared" si="99"/>
        <v>0</v>
      </c>
      <c r="BR97" s="974">
        <f t="shared" si="100"/>
        <v>9.6103614458277736E-3</v>
      </c>
      <c r="BS97" s="974">
        <f t="shared" si="101"/>
        <v>0.44207662650807755</v>
      </c>
      <c r="BT97" s="974">
        <f t="shared" si="102"/>
        <v>0.25467457831443596</v>
      </c>
      <c r="BU97" s="974">
        <f t="shared" si="103"/>
        <v>7.2077710843708301E-2</v>
      </c>
      <c r="BV97" s="974">
        <f t="shared" si="104"/>
        <v>2.1142795180821104E-2</v>
      </c>
      <c r="BW97" s="974">
        <f t="shared" si="105"/>
        <v>7.4928241781030099E-4</v>
      </c>
      <c r="BX97" s="974">
        <f t="shared" si="106"/>
        <v>2.7751845886347579E-2</v>
      </c>
      <c r="BY97" s="974">
        <f t="shared" si="107"/>
        <v>2.1112006837516389E-2</v>
      </c>
      <c r="BZ97" s="974">
        <f t="shared" si="108"/>
        <v>1.1212088353465736E-2</v>
      </c>
      <c r="CA97" s="974">
        <f t="shared" si="109"/>
        <v>2.4246324748648053E-4</v>
      </c>
      <c r="CB97" s="973">
        <f t="shared" si="85"/>
        <v>0.99999999999999978</v>
      </c>
    </row>
    <row r="98" spans="3:80" ht="342.75" x14ac:dyDescent="0.25">
      <c r="C98" s="597"/>
      <c r="D98" s="597" t="s">
        <v>66</v>
      </c>
      <c r="E98" s="597"/>
      <c r="F98" s="597"/>
      <c r="G98" s="597"/>
      <c r="H98" s="499" t="s">
        <v>1820</v>
      </c>
      <c r="I98" s="499" t="s">
        <v>1111</v>
      </c>
      <c r="J98" s="499" t="s">
        <v>1112</v>
      </c>
      <c r="K98" s="499" t="s">
        <v>1521</v>
      </c>
      <c r="L98" s="499" t="s">
        <v>1521</v>
      </c>
      <c r="M98" s="499" t="s">
        <v>1522</v>
      </c>
      <c r="N98" s="499" t="s">
        <v>1523</v>
      </c>
      <c r="O98" s="499">
        <v>1</v>
      </c>
      <c r="P98" s="499" t="s">
        <v>932</v>
      </c>
      <c r="Q98" s="499" t="s">
        <v>1490</v>
      </c>
      <c r="R98" s="499" t="s">
        <v>1491</v>
      </c>
      <c r="S98" s="499" t="s">
        <v>1492</v>
      </c>
      <c r="T98" s="499" t="s">
        <v>1493</v>
      </c>
      <c r="U98" s="499" t="s">
        <v>1553</v>
      </c>
      <c r="V98" s="946" t="str">
        <f>_xlfn.XLOOKUP(H98, [5]GIS!D:D, [5]GIS!E:E, "Not mapped")</f>
        <v>Single - Scenario 2 (longer segment, one edge in close proximity of a development)</v>
      </c>
      <c r="W98" s="1262" t="s">
        <v>1495</v>
      </c>
      <c r="X98" s="987" t="s">
        <v>2618</v>
      </c>
      <c r="Y98" s="987" t="s">
        <v>1526</v>
      </c>
      <c r="Z98" s="949">
        <v>2</v>
      </c>
      <c r="AA98" s="949">
        <v>1</v>
      </c>
      <c r="AB98" s="949">
        <v>1</v>
      </c>
      <c r="AC98" s="949">
        <v>3</v>
      </c>
      <c r="AD98" s="949">
        <v>1</v>
      </c>
      <c r="AE98" s="949">
        <v>0</v>
      </c>
      <c r="AF98" s="949">
        <v>0</v>
      </c>
      <c r="AG98" s="949">
        <v>1</v>
      </c>
      <c r="AH98" s="949">
        <v>4</v>
      </c>
      <c r="AI98" s="949">
        <v>0</v>
      </c>
      <c r="AJ98" s="949">
        <v>56</v>
      </c>
      <c r="AK98" s="949">
        <v>60</v>
      </c>
      <c r="AL98" s="949">
        <v>2</v>
      </c>
      <c r="AM98" s="949">
        <v>11</v>
      </c>
      <c r="AN98" s="951">
        <f>AT98*[5]TripRateCalculations!O$4</f>
        <v>6.6</v>
      </c>
      <c r="AO98" s="951">
        <f>AU98*[5]TripRateCalculations!P$4</f>
        <v>7.796610169491526E-2</v>
      </c>
      <c r="AP98" s="951">
        <f>AV98*[5]TripRateCalculations!Q$4</f>
        <v>6.3529411764705879</v>
      </c>
      <c r="AQ98" s="951">
        <f>AW98*[5]TripRateCalculations!R$4</f>
        <v>3.0755148741418763</v>
      </c>
      <c r="AR98" s="951">
        <f>AX98*[5]TripRateCalculations!S$4</f>
        <v>5.3768115942028984</v>
      </c>
      <c r="AS98" s="951">
        <f>AY98*[5]TripRateCalculations!T$4</f>
        <v>1.3119266055045873</v>
      </c>
      <c r="AT98" s="949">
        <v>30</v>
      </c>
      <c r="AU98" s="949">
        <v>1</v>
      </c>
      <c r="AV98" s="949">
        <v>22</v>
      </c>
      <c r="AW98" s="949">
        <v>21</v>
      </c>
      <c r="AX98" s="949">
        <v>53</v>
      </c>
      <c r="AY98" s="949">
        <v>52</v>
      </c>
      <c r="AZ98" s="905" t="s">
        <v>1554</v>
      </c>
      <c r="BA98" s="499" t="s">
        <v>834</v>
      </c>
      <c r="BB98" s="953" t="s">
        <v>53</v>
      </c>
      <c r="BC98" s="980">
        <f>ROUND((VLOOKUP(H98,'[5]Cost Summary'!A:H,8,)),0.1)</f>
        <v>2073106</v>
      </c>
      <c r="BD98" s="499">
        <v>4</v>
      </c>
      <c r="BE98" s="499" t="s">
        <v>1822</v>
      </c>
      <c r="BF98" s="954" t="s">
        <v>1584</v>
      </c>
      <c r="BG98" s="1261">
        <v>1346845.5</v>
      </c>
      <c r="BH98" s="977">
        <f t="shared" si="90"/>
        <v>1.2136278733719178E-2</v>
      </c>
      <c r="BI98" s="974">
        <f t="shared" si="91"/>
        <v>6.0681393668595889E-3</v>
      </c>
      <c r="BJ98" s="974">
        <f t="shared" si="92"/>
        <v>6.0681393668595889E-3</v>
      </c>
      <c r="BK98" s="974">
        <f t="shared" si="93"/>
        <v>1.8204418100578768E-2</v>
      </c>
      <c r="BL98" s="974">
        <f t="shared" si="94"/>
        <v>6.0681393668595889E-3</v>
      </c>
      <c r="BM98" s="974">
        <f t="shared" si="95"/>
        <v>0</v>
      </c>
      <c r="BN98" s="974">
        <f t="shared" si="96"/>
        <v>0</v>
      </c>
      <c r="BO98" s="974">
        <f t="shared" si="97"/>
        <v>6.0681393668595889E-3</v>
      </c>
      <c r="BP98" s="974">
        <f t="shared" si="98"/>
        <v>2.4272557467438356E-2</v>
      </c>
      <c r="BQ98" s="974">
        <f t="shared" si="99"/>
        <v>0</v>
      </c>
      <c r="BR98" s="974">
        <f t="shared" si="100"/>
        <v>0.33981580454413701</v>
      </c>
      <c r="BS98" s="974">
        <f t="shared" si="101"/>
        <v>0.36408836201157535</v>
      </c>
      <c r="BT98" s="974">
        <f t="shared" si="102"/>
        <v>1.2136278733719178E-2</v>
      </c>
      <c r="BU98" s="974">
        <f t="shared" si="103"/>
        <v>6.6749533035455486E-2</v>
      </c>
      <c r="BV98" s="974">
        <f t="shared" si="104"/>
        <v>4.0049719821273283E-2</v>
      </c>
      <c r="BW98" s="974">
        <f t="shared" si="105"/>
        <v>4.7310917097549341E-4</v>
      </c>
      <c r="BX98" s="974">
        <f t="shared" si="106"/>
        <v>3.8550532448284443E-2</v>
      </c>
      <c r="BY98" s="974">
        <f t="shared" si="107"/>
        <v>1.8662652881142536E-2</v>
      </c>
      <c r="BZ98" s="974">
        <f t="shared" si="108"/>
        <v>3.2627242102969675E-2</v>
      </c>
      <c r="CA98" s="974">
        <f t="shared" si="109"/>
        <v>7.960953481292856E-3</v>
      </c>
      <c r="CB98" s="973">
        <f t="shared" si="85"/>
        <v>1</v>
      </c>
    </row>
    <row r="99" spans="3:80" ht="143.25" x14ac:dyDescent="0.25">
      <c r="C99" s="597"/>
      <c r="D99" s="597" t="s">
        <v>66</v>
      </c>
      <c r="E99" s="597"/>
      <c r="F99" s="597"/>
      <c r="G99" s="597"/>
      <c r="H99" s="499" t="s">
        <v>1823</v>
      </c>
      <c r="I99" s="499" t="s">
        <v>1113</v>
      </c>
      <c r="J99" s="499" t="s">
        <v>1114</v>
      </c>
      <c r="K99" s="499" t="s">
        <v>1521</v>
      </c>
      <c r="L99" s="499" t="s">
        <v>1521</v>
      </c>
      <c r="M99" s="499" t="s">
        <v>1522</v>
      </c>
      <c r="N99" s="499" t="s">
        <v>1523</v>
      </c>
      <c r="O99" s="499">
        <v>1</v>
      </c>
      <c r="P99" s="499" t="s">
        <v>932</v>
      </c>
      <c r="Q99" s="499" t="s">
        <v>1490</v>
      </c>
      <c r="R99" s="499" t="s">
        <v>1491</v>
      </c>
      <c r="S99" s="499" t="s">
        <v>1492</v>
      </c>
      <c r="T99" s="499" t="s">
        <v>1493</v>
      </c>
      <c r="U99" s="499" t="s">
        <v>1553</v>
      </c>
      <c r="V99" s="946" t="str">
        <f>_xlfn.XLOOKUP(H99, [5]GIS!D:D, [5]GIS!E:E, "Not mapped")</f>
        <v>Single - Scenario 2 (longer segment, one edge in close proximity of a development)</v>
      </c>
      <c r="W99" s="1262" t="s">
        <v>1495</v>
      </c>
      <c r="X99" s="987" t="s">
        <v>2618</v>
      </c>
      <c r="Y99" s="987" t="s">
        <v>1526</v>
      </c>
      <c r="Z99" s="949">
        <v>2</v>
      </c>
      <c r="AA99" s="949">
        <v>1</v>
      </c>
      <c r="AB99" s="949">
        <v>1</v>
      </c>
      <c r="AC99" s="949">
        <v>3</v>
      </c>
      <c r="AD99" s="949">
        <v>1</v>
      </c>
      <c r="AE99" s="950">
        <v>0</v>
      </c>
      <c r="AF99" s="950">
        <v>0</v>
      </c>
      <c r="AG99" s="950">
        <v>1</v>
      </c>
      <c r="AH99" s="950">
        <v>4</v>
      </c>
      <c r="AI99" s="950">
        <v>0</v>
      </c>
      <c r="AJ99" s="950">
        <v>56</v>
      </c>
      <c r="AK99" s="950">
        <v>60</v>
      </c>
      <c r="AL99" s="950">
        <v>2</v>
      </c>
      <c r="AM99" s="950">
        <v>11</v>
      </c>
      <c r="AN99" s="951">
        <f>AT99*[5]TripRateCalculations!O$4</f>
        <v>6.6</v>
      </c>
      <c r="AO99" s="951">
        <f>AU99*[5]TripRateCalculations!P$4</f>
        <v>7.796610169491526E-2</v>
      </c>
      <c r="AP99" s="951">
        <f>AV99*[5]TripRateCalculations!Q$4</f>
        <v>6.3529411764705879</v>
      </c>
      <c r="AQ99" s="951">
        <f>AW99*[5]TripRateCalculations!R$4</f>
        <v>3.0755148741418763</v>
      </c>
      <c r="AR99" s="951">
        <f>AX99*[5]TripRateCalculations!S$4</f>
        <v>5.3768115942028984</v>
      </c>
      <c r="AS99" s="951">
        <f>AY99*[5]TripRateCalculations!T$4</f>
        <v>1.3119266055045873</v>
      </c>
      <c r="AT99" s="950">
        <v>30</v>
      </c>
      <c r="AU99" s="950">
        <v>1</v>
      </c>
      <c r="AV99" s="950">
        <v>22</v>
      </c>
      <c r="AW99" s="950">
        <v>21</v>
      </c>
      <c r="AX99" s="950">
        <v>53</v>
      </c>
      <c r="AY99" s="950">
        <v>52</v>
      </c>
      <c r="AZ99" s="905" t="s">
        <v>1554</v>
      </c>
      <c r="BA99" s="499" t="s">
        <v>834</v>
      </c>
      <c r="BB99" s="953" t="s">
        <v>53</v>
      </c>
      <c r="BC99" s="980">
        <f>ROUND((VLOOKUP(H99,'[5]Cost Summary'!A:H,8,)),0.1)</f>
        <v>20883</v>
      </c>
      <c r="BD99" s="499">
        <v>4</v>
      </c>
      <c r="BE99" s="499" t="s">
        <v>1822</v>
      </c>
      <c r="BF99" s="954" t="s">
        <v>1584</v>
      </c>
      <c r="BG99" s="1261">
        <v>13567.13</v>
      </c>
      <c r="BH99" s="977">
        <f t="shared" si="90"/>
        <v>1.2136278733719178E-2</v>
      </c>
      <c r="BI99" s="974">
        <f t="shared" si="91"/>
        <v>6.0681393668595889E-3</v>
      </c>
      <c r="BJ99" s="974">
        <f t="shared" si="92"/>
        <v>6.0681393668595889E-3</v>
      </c>
      <c r="BK99" s="974">
        <f t="shared" si="93"/>
        <v>1.8204418100578768E-2</v>
      </c>
      <c r="BL99" s="974">
        <f t="shared" si="94"/>
        <v>6.0681393668595889E-3</v>
      </c>
      <c r="BM99" s="974">
        <f t="shared" si="95"/>
        <v>0</v>
      </c>
      <c r="BN99" s="974">
        <f t="shared" si="96"/>
        <v>0</v>
      </c>
      <c r="BO99" s="974">
        <f t="shared" si="97"/>
        <v>6.0681393668595889E-3</v>
      </c>
      <c r="BP99" s="974">
        <f t="shared" si="98"/>
        <v>2.4272557467438356E-2</v>
      </c>
      <c r="BQ99" s="974">
        <f t="shared" si="99"/>
        <v>0</v>
      </c>
      <c r="BR99" s="974">
        <f t="shared" si="100"/>
        <v>0.33981580454413701</v>
      </c>
      <c r="BS99" s="974">
        <f t="shared" si="101"/>
        <v>0.36408836201157535</v>
      </c>
      <c r="BT99" s="974">
        <f t="shared" si="102"/>
        <v>1.2136278733719178E-2</v>
      </c>
      <c r="BU99" s="974">
        <f t="shared" si="103"/>
        <v>6.6749533035455486E-2</v>
      </c>
      <c r="BV99" s="974">
        <f t="shared" si="104"/>
        <v>4.0049719821273283E-2</v>
      </c>
      <c r="BW99" s="974">
        <f t="shared" si="105"/>
        <v>4.7310917097549341E-4</v>
      </c>
      <c r="BX99" s="974">
        <f t="shared" si="106"/>
        <v>3.8550532448284443E-2</v>
      </c>
      <c r="BY99" s="974">
        <f t="shared" si="107"/>
        <v>1.8662652881142536E-2</v>
      </c>
      <c r="BZ99" s="974">
        <f t="shared" si="108"/>
        <v>3.2627242102969675E-2</v>
      </c>
      <c r="CA99" s="974">
        <f t="shared" si="109"/>
        <v>7.960953481292856E-3</v>
      </c>
      <c r="CB99" s="973">
        <f t="shared" si="85"/>
        <v>1</v>
      </c>
    </row>
    <row r="100" spans="3:80" ht="86.25" x14ac:dyDescent="0.25">
      <c r="C100" s="597" t="s">
        <v>66</v>
      </c>
      <c r="D100" s="597" t="s">
        <v>66</v>
      </c>
      <c r="E100" s="597"/>
      <c r="F100" s="597"/>
      <c r="G100" s="597"/>
      <c r="H100" s="499" t="s">
        <v>1923</v>
      </c>
      <c r="I100" s="499" t="s">
        <v>1135</v>
      </c>
      <c r="J100" s="499" t="s">
        <v>1136</v>
      </c>
      <c r="K100" s="499" t="s">
        <v>253</v>
      </c>
      <c r="L100" s="499" t="s">
        <v>253</v>
      </c>
      <c r="M100" s="499" t="s">
        <v>1924</v>
      </c>
      <c r="N100" s="499" t="s">
        <v>1489</v>
      </c>
      <c r="O100" s="499">
        <v>1</v>
      </c>
      <c r="P100" s="499" t="s">
        <v>932</v>
      </c>
      <c r="Q100" s="499" t="s">
        <v>1490</v>
      </c>
      <c r="R100" s="499" t="s">
        <v>1491</v>
      </c>
      <c r="S100" s="499" t="s">
        <v>1492</v>
      </c>
      <c r="T100" s="499" t="s">
        <v>1493</v>
      </c>
      <c r="U100" s="499" t="s">
        <v>1925</v>
      </c>
      <c r="V100" s="946" t="str">
        <f>_xlfn.XLOOKUP(H100, [5]GIS!D:D, [5]GIS!E:E, "Not mapped")</f>
        <v>Multiple - Scenario 1</v>
      </c>
      <c r="W100" s="499" t="s">
        <v>1508</v>
      </c>
      <c r="X100" s="987" t="s">
        <v>2618</v>
      </c>
      <c r="Y100" s="987" t="s">
        <v>1526</v>
      </c>
      <c r="Z100" s="949">
        <v>0</v>
      </c>
      <c r="AA100" s="949">
        <v>0</v>
      </c>
      <c r="AB100" s="949">
        <v>0</v>
      </c>
      <c r="AC100" s="949">
        <v>1</v>
      </c>
      <c r="AD100" s="949">
        <v>0</v>
      </c>
      <c r="AE100" s="949">
        <v>0</v>
      </c>
      <c r="AF100" s="949">
        <v>0</v>
      </c>
      <c r="AG100" s="949">
        <v>1</v>
      </c>
      <c r="AH100" s="949">
        <v>3</v>
      </c>
      <c r="AI100" s="949">
        <v>0</v>
      </c>
      <c r="AJ100" s="949">
        <v>2</v>
      </c>
      <c r="AK100" s="949">
        <v>2</v>
      </c>
      <c r="AL100" s="949">
        <v>2</v>
      </c>
      <c r="AM100" s="949">
        <v>1</v>
      </c>
      <c r="AN100" s="951">
        <f>AT100*[5]TripRateCalculations!O$4</f>
        <v>0</v>
      </c>
      <c r="AO100" s="951">
        <f>AU100*[5]TripRateCalculations!P$4</f>
        <v>0</v>
      </c>
      <c r="AP100" s="951">
        <f>AV100*[5]TripRateCalculations!Q$4</f>
        <v>0.28877005347593582</v>
      </c>
      <c r="AQ100" s="951">
        <f>AW100*[5]TripRateCalculations!R$4</f>
        <v>0.58581235697940504</v>
      </c>
      <c r="AR100" s="951">
        <f>AX100*[5]TripRateCalculations!S$4</f>
        <v>0.30434782608695654</v>
      </c>
      <c r="AS100" s="951">
        <f>AY100*[5]TripRateCalculations!T$4</f>
        <v>0.10091743119266056</v>
      </c>
      <c r="AT100" s="949">
        <v>0</v>
      </c>
      <c r="AU100" s="949">
        <v>0</v>
      </c>
      <c r="AV100" s="949">
        <v>1</v>
      </c>
      <c r="AW100" s="949">
        <v>4</v>
      </c>
      <c r="AX100" s="949">
        <v>3</v>
      </c>
      <c r="AY100" s="949">
        <v>4</v>
      </c>
      <c r="AZ100" s="905" t="s">
        <v>1927</v>
      </c>
      <c r="BA100" s="499" t="s">
        <v>722</v>
      </c>
      <c r="BB100" s="953" t="s">
        <v>53</v>
      </c>
      <c r="BC100" s="980">
        <f>ROUND((VLOOKUP(H100,'[5]Cost Summary'!A:H,8,)),0.1)</f>
        <v>13365</v>
      </c>
      <c r="BD100" s="499">
        <v>1</v>
      </c>
      <c r="BE100" s="499">
        <v>1</v>
      </c>
      <c r="BF100" s="954" t="s">
        <v>1584</v>
      </c>
      <c r="BG100" s="1261">
        <v>8682.9599999999991</v>
      </c>
      <c r="BH100" s="977">
        <f t="shared" si="90"/>
        <v>0</v>
      </c>
      <c r="BI100" s="974">
        <f t="shared" si="91"/>
        <v>0</v>
      </c>
      <c r="BJ100" s="974">
        <f t="shared" si="92"/>
        <v>0</v>
      </c>
      <c r="BK100" s="974">
        <f t="shared" si="93"/>
        <v>7.5302068594478258E-2</v>
      </c>
      <c r="BL100" s="974">
        <f t="shared" si="94"/>
        <v>0</v>
      </c>
      <c r="BM100" s="974">
        <f t="shared" si="95"/>
        <v>0</v>
      </c>
      <c r="BN100" s="974">
        <f t="shared" si="96"/>
        <v>0</v>
      </c>
      <c r="BO100" s="974">
        <f t="shared" si="97"/>
        <v>7.5302068594478258E-2</v>
      </c>
      <c r="BP100" s="974">
        <f t="shared" si="98"/>
        <v>0.22590620578343476</v>
      </c>
      <c r="BQ100" s="974">
        <f t="shared" si="99"/>
        <v>0</v>
      </c>
      <c r="BR100" s="974">
        <f t="shared" si="100"/>
        <v>0.15060413718895652</v>
      </c>
      <c r="BS100" s="974">
        <f t="shared" si="101"/>
        <v>0.15060413718895652</v>
      </c>
      <c r="BT100" s="974">
        <f t="shared" si="102"/>
        <v>0.15060413718895652</v>
      </c>
      <c r="BU100" s="974">
        <f t="shared" si="103"/>
        <v>7.5302068594478258E-2</v>
      </c>
      <c r="BV100" s="974">
        <f t="shared" si="104"/>
        <v>0</v>
      </c>
      <c r="BW100" s="974">
        <f t="shared" si="105"/>
        <v>0</v>
      </c>
      <c r="BX100" s="974">
        <f t="shared" si="106"/>
        <v>2.1744982374876074E-2</v>
      </c>
      <c r="BY100" s="974">
        <f t="shared" si="107"/>
        <v>4.4112882288756143E-2</v>
      </c>
      <c r="BZ100" s="974">
        <f t="shared" si="108"/>
        <v>2.291802087658034E-2</v>
      </c>
      <c r="CA100" s="974">
        <f t="shared" si="109"/>
        <v>7.599291326048265E-3</v>
      </c>
      <c r="CB100" s="973">
        <f t="shared" si="85"/>
        <v>0.99999999999999989</v>
      </c>
    </row>
    <row r="101" spans="3:80" ht="114.75" x14ac:dyDescent="0.25">
      <c r="C101" s="597"/>
      <c r="D101" s="597"/>
      <c r="E101" s="597"/>
      <c r="F101" s="597"/>
      <c r="G101" s="597"/>
      <c r="H101" s="499" t="s">
        <v>1824</v>
      </c>
      <c r="I101" s="499" t="s">
        <v>1165</v>
      </c>
      <c r="J101" s="499" t="s">
        <v>1825</v>
      </c>
      <c r="K101" s="499">
        <v>51.757352830000002</v>
      </c>
      <c r="L101" s="499">
        <v>-0.47278786</v>
      </c>
      <c r="M101" s="499" t="s">
        <v>1522</v>
      </c>
      <c r="N101" s="499" t="s">
        <v>1489</v>
      </c>
      <c r="O101" s="499">
        <v>1</v>
      </c>
      <c r="P101" s="499" t="s">
        <v>932</v>
      </c>
      <c r="Q101" s="499" t="s">
        <v>1490</v>
      </c>
      <c r="R101" s="499" t="s">
        <v>1491</v>
      </c>
      <c r="S101" s="499" t="s">
        <v>1492</v>
      </c>
      <c r="T101" s="499" t="s">
        <v>1493</v>
      </c>
      <c r="U101" s="499" t="s">
        <v>1827</v>
      </c>
      <c r="V101" s="946" t="str">
        <f>_xlfn.XLOOKUP(H101, [5]GIS!D:D, [5]GIS!E:E, "Not mapped")</f>
        <v>Multiple - Scenario 1</v>
      </c>
      <c r="W101" s="499" t="s">
        <v>1707</v>
      </c>
      <c r="X101" s="987" t="s">
        <v>2618</v>
      </c>
      <c r="Y101" s="987" t="s">
        <v>1526</v>
      </c>
      <c r="Z101" s="949">
        <v>15</v>
      </c>
      <c r="AA101" s="949">
        <v>4</v>
      </c>
      <c r="AB101" s="949">
        <v>4</v>
      </c>
      <c r="AC101" s="949">
        <v>15</v>
      </c>
      <c r="AD101" s="949">
        <v>3</v>
      </c>
      <c r="AE101" s="949">
        <v>1</v>
      </c>
      <c r="AF101" s="949">
        <v>2</v>
      </c>
      <c r="AG101" s="949">
        <v>7</v>
      </c>
      <c r="AH101" s="949">
        <v>44</v>
      </c>
      <c r="AI101" s="949">
        <v>3</v>
      </c>
      <c r="AJ101" s="949">
        <v>0</v>
      </c>
      <c r="AK101" s="949">
        <v>10</v>
      </c>
      <c r="AL101" s="949">
        <v>12</v>
      </c>
      <c r="AM101" s="949">
        <v>2</v>
      </c>
      <c r="AN101" s="951">
        <f>AT101*[5]TripRateCalculations!O$4</f>
        <v>29.48</v>
      </c>
      <c r="AO101" s="951">
        <f>AU101*[5]TripRateCalculations!P$4</f>
        <v>0.70169491525423733</v>
      </c>
      <c r="AP101" s="951">
        <f>AV101*[5]TripRateCalculations!Q$4</f>
        <v>0.57754010695187163</v>
      </c>
      <c r="AQ101" s="951">
        <f>AW101*[5]TripRateCalculations!R$4</f>
        <v>3.2219679633867275</v>
      </c>
      <c r="AR101" s="951">
        <f>AX101*[5]TripRateCalculations!S$4</f>
        <v>7</v>
      </c>
      <c r="AS101" s="951">
        <f>AY101*[5]TripRateCalculations!T$4</f>
        <v>0</v>
      </c>
      <c r="AT101" s="949">
        <v>134</v>
      </c>
      <c r="AU101" s="949">
        <v>9</v>
      </c>
      <c r="AV101" s="949">
        <v>2</v>
      </c>
      <c r="AW101" s="949">
        <v>22</v>
      </c>
      <c r="AX101" s="949">
        <v>69</v>
      </c>
      <c r="AY101" s="949">
        <v>0</v>
      </c>
      <c r="AZ101" s="905" t="s">
        <v>1807</v>
      </c>
      <c r="BA101" s="499" t="s">
        <v>722</v>
      </c>
      <c r="BB101" s="953" t="s">
        <v>53</v>
      </c>
      <c r="BC101" s="980">
        <f>ROUND((VLOOKUP(H101,'[5]Cost Summary'!A:H,8,)),0.1)</f>
        <v>70241</v>
      </c>
      <c r="BD101" s="499">
        <v>3</v>
      </c>
      <c r="BE101" s="499" t="s">
        <v>1828</v>
      </c>
      <c r="BF101" s="954" t="s">
        <v>1584</v>
      </c>
      <c r="BG101" s="1261">
        <v>45633.54</v>
      </c>
      <c r="BH101" s="977">
        <f t="shared" si="90"/>
        <v>9.2035153288971411E-2</v>
      </c>
      <c r="BI101" s="974">
        <f t="shared" si="91"/>
        <v>2.4542707543725707E-2</v>
      </c>
      <c r="BJ101" s="974">
        <f t="shared" si="92"/>
        <v>2.4542707543725707E-2</v>
      </c>
      <c r="BK101" s="974">
        <f t="shared" si="93"/>
        <v>9.2035153288971411E-2</v>
      </c>
      <c r="BL101" s="974">
        <f t="shared" si="94"/>
        <v>1.8407030657794282E-2</v>
      </c>
      <c r="BM101" s="974">
        <f t="shared" si="95"/>
        <v>6.1356768859314268E-3</v>
      </c>
      <c r="BN101" s="974">
        <f t="shared" si="96"/>
        <v>1.2271353771862854E-2</v>
      </c>
      <c r="BO101" s="974">
        <f t="shared" si="97"/>
        <v>4.2949738201519989E-2</v>
      </c>
      <c r="BP101" s="974">
        <f t="shared" si="98"/>
        <v>0.26996978298098279</v>
      </c>
      <c r="BQ101" s="974">
        <f t="shared" si="99"/>
        <v>1.8407030657794282E-2</v>
      </c>
      <c r="BR101" s="974">
        <f t="shared" si="100"/>
        <v>0</v>
      </c>
      <c r="BS101" s="974">
        <f t="shared" si="101"/>
        <v>6.1356768859314272E-2</v>
      </c>
      <c r="BT101" s="974">
        <f t="shared" si="102"/>
        <v>7.3628122631177129E-2</v>
      </c>
      <c r="BU101" s="974">
        <f t="shared" si="103"/>
        <v>1.2271353771862854E-2</v>
      </c>
      <c r="BV101" s="974">
        <f t="shared" si="104"/>
        <v>0.18087975459725847</v>
      </c>
      <c r="BW101" s="974">
        <f t="shared" si="105"/>
        <v>4.3053732725010351E-3</v>
      </c>
      <c r="BX101" s="974">
        <f t="shared" si="106"/>
        <v>3.543599484922963E-3</v>
      </c>
      <c r="BY101" s="974">
        <f t="shared" si="107"/>
        <v>1.9768954360163498E-2</v>
      </c>
      <c r="BZ101" s="974">
        <f t="shared" si="108"/>
        <v>4.2949738201519989E-2</v>
      </c>
      <c r="CA101" s="974">
        <f t="shared" si="109"/>
        <v>0</v>
      </c>
      <c r="CB101" s="973">
        <f t="shared" si="85"/>
        <v>1</v>
      </c>
    </row>
    <row r="102" spans="3:80" ht="53.1" customHeight="1" x14ac:dyDescent="0.25">
      <c r="C102" s="597"/>
      <c r="D102" s="597"/>
      <c r="E102" s="597"/>
      <c r="F102" s="597"/>
      <c r="G102" s="597"/>
      <c r="H102" s="499" t="s">
        <v>1829</v>
      </c>
      <c r="I102" s="499" t="s">
        <v>1182</v>
      </c>
      <c r="J102" s="499" t="s">
        <v>1183</v>
      </c>
      <c r="K102" s="499">
        <v>51.752628100000003</v>
      </c>
      <c r="L102" s="499">
        <v>-0.472089749</v>
      </c>
      <c r="M102" s="499" t="s">
        <v>1522</v>
      </c>
      <c r="N102" s="499" t="s">
        <v>1489</v>
      </c>
      <c r="O102" s="499">
        <v>1</v>
      </c>
      <c r="P102" s="499" t="s">
        <v>900</v>
      </c>
      <c r="Q102" s="499" t="s">
        <v>1490</v>
      </c>
      <c r="R102" s="499" t="s">
        <v>1491</v>
      </c>
      <c r="S102" s="499" t="s">
        <v>1492</v>
      </c>
      <c r="T102" s="499" t="s">
        <v>1493</v>
      </c>
      <c r="U102" s="499" t="s">
        <v>1806</v>
      </c>
      <c r="V102" s="946" t="str">
        <f>_xlfn.XLOOKUP(H102, [5]GIS!D:D, [5]GIS!E:E, "Not mapped")</f>
        <v>Single - Scenario 2</v>
      </c>
      <c r="W102" s="1262" t="s">
        <v>1723</v>
      </c>
      <c r="X102" s="987" t="s">
        <v>2618</v>
      </c>
      <c r="Y102" s="987" t="s">
        <v>1526</v>
      </c>
      <c r="Z102" s="949">
        <v>101</v>
      </c>
      <c r="AA102" s="949">
        <v>8</v>
      </c>
      <c r="AB102" s="949">
        <v>1</v>
      </c>
      <c r="AC102" s="949">
        <v>2</v>
      </c>
      <c r="AD102" s="949">
        <v>1</v>
      </c>
      <c r="AE102" s="949">
        <v>0</v>
      </c>
      <c r="AF102" s="949">
        <v>1</v>
      </c>
      <c r="AG102" s="949">
        <v>1</v>
      </c>
      <c r="AH102" s="949">
        <v>4</v>
      </c>
      <c r="AI102" s="949">
        <v>1</v>
      </c>
      <c r="AJ102" s="949">
        <v>5</v>
      </c>
      <c r="AK102" s="949">
        <v>5</v>
      </c>
      <c r="AL102" s="949">
        <v>2</v>
      </c>
      <c r="AM102" s="949">
        <v>1</v>
      </c>
      <c r="AN102" s="951">
        <f>AT102*[5]TripRateCalculations!O$4</f>
        <v>1.54</v>
      </c>
      <c r="AO102" s="951">
        <f>AU102*[5]TripRateCalculations!P$4</f>
        <v>0.31186440677966104</v>
      </c>
      <c r="AP102" s="951">
        <f>AV102*[5]TripRateCalculations!Q$4</f>
        <v>0.28877005347593582</v>
      </c>
      <c r="AQ102" s="951">
        <f>AW102*[5]TripRateCalculations!R$4</f>
        <v>0.58581235697940504</v>
      </c>
      <c r="AR102" s="951">
        <f>AX102*[5]TripRateCalculations!S$4</f>
        <v>0.30434782608695654</v>
      </c>
      <c r="AS102" s="951">
        <f>AY102*[5]TripRateCalculations!T$4</f>
        <v>7.5688073394495417E-2</v>
      </c>
      <c r="AT102" s="949">
        <v>7</v>
      </c>
      <c r="AU102" s="949">
        <v>4</v>
      </c>
      <c r="AV102" s="949">
        <v>1</v>
      </c>
      <c r="AW102" s="949">
        <v>4</v>
      </c>
      <c r="AX102" s="949">
        <v>3</v>
      </c>
      <c r="AY102" s="949">
        <v>3</v>
      </c>
      <c r="AZ102" s="905" t="s">
        <v>1831</v>
      </c>
      <c r="BA102" s="499" t="s">
        <v>834</v>
      </c>
      <c r="BB102" s="953" t="s">
        <v>53</v>
      </c>
      <c r="BC102" s="980">
        <f>ROUND((VLOOKUP(H102,'[5]Cost Summary'!A:H,8,)),0.1)</f>
        <v>94053</v>
      </c>
      <c r="BD102" s="499">
        <v>0</v>
      </c>
      <c r="BE102" s="499" t="s">
        <v>1500</v>
      </c>
      <c r="BF102" s="954" t="s">
        <v>1584</v>
      </c>
      <c r="BG102" s="1261">
        <v>61103.86</v>
      </c>
      <c r="BH102" s="977">
        <f t="shared" si="90"/>
        <v>0.74206604993397052</v>
      </c>
      <c r="BI102" s="974">
        <f t="shared" si="91"/>
        <v>5.8777508905661031E-2</v>
      </c>
      <c r="BJ102" s="974">
        <f t="shared" si="92"/>
        <v>7.3471886132076289E-3</v>
      </c>
      <c r="BK102" s="974">
        <f t="shared" si="93"/>
        <v>1.4694377226415258E-2</v>
      </c>
      <c r="BL102" s="974">
        <f t="shared" si="94"/>
        <v>7.3471886132076289E-3</v>
      </c>
      <c r="BM102" s="974">
        <f t="shared" si="95"/>
        <v>0</v>
      </c>
      <c r="BN102" s="974">
        <f t="shared" si="96"/>
        <v>7.3471886132076289E-3</v>
      </c>
      <c r="BO102" s="974">
        <f t="shared" si="97"/>
        <v>7.3471886132076289E-3</v>
      </c>
      <c r="BP102" s="974">
        <f t="shared" si="98"/>
        <v>2.9388754452830516E-2</v>
      </c>
      <c r="BQ102" s="974">
        <f t="shared" si="99"/>
        <v>7.3471886132076289E-3</v>
      </c>
      <c r="BR102" s="974">
        <f t="shared" si="100"/>
        <v>3.6735943066038147E-2</v>
      </c>
      <c r="BS102" s="974">
        <f t="shared" si="101"/>
        <v>3.6735943066038147E-2</v>
      </c>
      <c r="BT102" s="974">
        <f t="shared" si="102"/>
        <v>1.4694377226415258E-2</v>
      </c>
      <c r="BU102" s="974">
        <f t="shared" si="103"/>
        <v>7.3471886132076289E-3</v>
      </c>
      <c r="BV102" s="974">
        <f t="shared" si="104"/>
        <v>1.131467046433975E-2</v>
      </c>
      <c r="BW102" s="974">
        <f t="shared" si="105"/>
        <v>2.2913266183562779E-3</v>
      </c>
      <c r="BX102" s="974">
        <f t="shared" si="106"/>
        <v>2.1216480487337539E-3</v>
      </c>
      <c r="BY102" s="974">
        <f t="shared" si="107"/>
        <v>4.304073878675407E-3</v>
      </c>
      <c r="BZ102" s="974">
        <f t="shared" si="108"/>
        <v>2.2361008822805828E-3</v>
      </c>
      <c r="CA102" s="974">
        <f t="shared" si="109"/>
        <v>5.5609455099965999E-4</v>
      </c>
      <c r="CB102" s="973">
        <f t="shared" si="85"/>
        <v>0.99999999999999989</v>
      </c>
    </row>
    <row r="103" spans="3:80" ht="48" customHeight="1" x14ac:dyDescent="0.25">
      <c r="C103" s="597"/>
      <c r="D103" s="597" t="s">
        <v>66</v>
      </c>
      <c r="E103" s="597"/>
      <c r="F103" s="597"/>
      <c r="G103" s="597"/>
      <c r="H103" s="499" t="s">
        <v>1832</v>
      </c>
      <c r="I103" s="499" t="s">
        <v>1184</v>
      </c>
      <c r="J103" s="499" t="s">
        <v>1185</v>
      </c>
      <c r="K103" s="499">
        <v>51.753482550000001</v>
      </c>
      <c r="L103" s="499">
        <v>-0.47237289999999998</v>
      </c>
      <c r="M103" s="499" t="s">
        <v>1522</v>
      </c>
      <c r="N103" s="499" t="s">
        <v>1489</v>
      </c>
      <c r="O103" s="499">
        <v>2</v>
      </c>
      <c r="P103" s="499" t="s">
        <v>932</v>
      </c>
      <c r="Q103" s="499" t="s">
        <v>1490</v>
      </c>
      <c r="R103" s="499" t="s">
        <v>1491</v>
      </c>
      <c r="S103" s="499" t="s">
        <v>1492</v>
      </c>
      <c r="T103" s="499" t="s">
        <v>1493</v>
      </c>
      <c r="U103" s="499" t="s">
        <v>1806</v>
      </c>
      <c r="V103" s="946" t="str">
        <f>_xlfn.XLOOKUP(H103, [5]GIS!D:D, [5]GIS!E:E, "Not mapped")</f>
        <v>Multiple - Scenario 1</v>
      </c>
      <c r="W103" s="1262" t="s">
        <v>1495</v>
      </c>
      <c r="X103" s="987" t="s">
        <v>2618</v>
      </c>
      <c r="Y103" s="987" t="s">
        <v>1526</v>
      </c>
      <c r="Z103" s="949">
        <v>101</v>
      </c>
      <c r="AA103" s="949">
        <v>8</v>
      </c>
      <c r="AB103" s="949">
        <v>1</v>
      </c>
      <c r="AC103" s="949">
        <v>2</v>
      </c>
      <c r="AD103" s="949">
        <v>1</v>
      </c>
      <c r="AE103" s="949">
        <v>0</v>
      </c>
      <c r="AF103" s="949">
        <v>1</v>
      </c>
      <c r="AG103" s="949">
        <v>1</v>
      </c>
      <c r="AH103" s="949">
        <v>4</v>
      </c>
      <c r="AI103" s="949">
        <v>1</v>
      </c>
      <c r="AJ103" s="949">
        <v>5</v>
      </c>
      <c r="AK103" s="949">
        <v>5</v>
      </c>
      <c r="AL103" s="949">
        <v>2</v>
      </c>
      <c r="AM103" s="949">
        <v>1</v>
      </c>
      <c r="AN103" s="951">
        <f>AT103*[5]TripRateCalculations!O$4</f>
        <v>1.54</v>
      </c>
      <c r="AO103" s="951">
        <f>AU103*[5]TripRateCalculations!P$4</f>
        <v>0.31186440677966104</v>
      </c>
      <c r="AP103" s="951">
        <f>AV103*[5]TripRateCalculations!Q$4</f>
        <v>0.28877005347593582</v>
      </c>
      <c r="AQ103" s="951">
        <f>AW103*[5]TripRateCalculations!R$4</f>
        <v>0.58581235697940504</v>
      </c>
      <c r="AR103" s="951">
        <f>AX103*[5]TripRateCalculations!S$4</f>
        <v>0.30434782608695654</v>
      </c>
      <c r="AS103" s="951">
        <f>AY103*[5]TripRateCalculations!T$4</f>
        <v>7.5688073394495417E-2</v>
      </c>
      <c r="AT103" s="949">
        <v>7</v>
      </c>
      <c r="AU103" s="949">
        <v>4</v>
      </c>
      <c r="AV103" s="949">
        <v>1</v>
      </c>
      <c r="AW103" s="949">
        <v>4</v>
      </c>
      <c r="AX103" s="949">
        <v>3</v>
      </c>
      <c r="AY103" s="949">
        <v>3</v>
      </c>
      <c r="AZ103" s="905" t="s">
        <v>1831</v>
      </c>
      <c r="BA103" s="499" t="s">
        <v>834</v>
      </c>
      <c r="BB103" s="953" t="s">
        <v>53</v>
      </c>
      <c r="BC103" s="980">
        <f>ROUND((VLOOKUP(H103,'[5]Cost Summary'!A:H,8,)),0.1)</f>
        <v>313019</v>
      </c>
      <c r="BD103" s="499">
        <v>1</v>
      </c>
      <c r="BE103" s="499">
        <v>6</v>
      </c>
      <c r="BF103" s="954" t="s">
        <v>1584</v>
      </c>
      <c r="BG103" s="1261">
        <v>203360.35</v>
      </c>
      <c r="BH103" s="977">
        <f t="shared" si="90"/>
        <v>0.74206604993397052</v>
      </c>
      <c r="BI103" s="974">
        <f t="shared" si="91"/>
        <v>5.8777508905661031E-2</v>
      </c>
      <c r="BJ103" s="974">
        <f t="shared" si="92"/>
        <v>7.3471886132076289E-3</v>
      </c>
      <c r="BK103" s="974">
        <f t="shared" si="93"/>
        <v>1.4694377226415258E-2</v>
      </c>
      <c r="BL103" s="974">
        <f t="shared" si="94"/>
        <v>7.3471886132076289E-3</v>
      </c>
      <c r="BM103" s="974">
        <f t="shared" si="95"/>
        <v>0</v>
      </c>
      <c r="BN103" s="974">
        <f t="shared" si="96"/>
        <v>7.3471886132076289E-3</v>
      </c>
      <c r="BO103" s="974">
        <f t="shared" si="97"/>
        <v>7.3471886132076289E-3</v>
      </c>
      <c r="BP103" s="974">
        <f t="shared" si="98"/>
        <v>2.9388754452830516E-2</v>
      </c>
      <c r="BQ103" s="974">
        <f t="shared" si="99"/>
        <v>7.3471886132076289E-3</v>
      </c>
      <c r="BR103" s="974">
        <f t="shared" si="100"/>
        <v>3.6735943066038147E-2</v>
      </c>
      <c r="BS103" s="974">
        <f t="shared" si="101"/>
        <v>3.6735943066038147E-2</v>
      </c>
      <c r="BT103" s="974">
        <f t="shared" si="102"/>
        <v>1.4694377226415258E-2</v>
      </c>
      <c r="BU103" s="974">
        <f t="shared" si="103"/>
        <v>7.3471886132076289E-3</v>
      </c>
      <c r="BV103" s="974">
        <f t="shared" si="104"/>
        <v>1.131467046433975E-2</v>
      </c>
      <c r="BW103" s="974">
        <f t="shared" si="105"/>
        <v>2.2913266183562779E-3</v>
      </c>
      <c r="BX103" s="974">
        <f t="shared" si="106"/>
        <v>2.1216480487337539E-3</v>
      </c>
      <c r="BY103" s="974">
        <f t="shared" si="107"/>
        <v>4.304073878675407E-3</v>
      </c>
      <c r="BZ103" s="974">
        <f t="shared" si="108"/>
        <v>2.2361008822805828E-3</v>
      </c>
      <c r="CA103" s="974">
        <f t="shared" si="109"/>
        <v>5.5609455099965999E-4</v>
      </c>
      <c r="CB103" s="973">
        <f t="shared" si="85"/>
        <v>0.99999999999999989</v>
      </c>
    </row>
    <row r="104" spans="3:80" ht="100.5" hidden="1" x14ac:dyDescent="0.25">
      <c r="C104" s="597"/>
      <c r="D104" s="597" t="s">
        <v>66</v>
      </c>
      <c r="E104" s="597"/>
      <c r="F104" s="597"/>
      <c r="G104" s="597"/>
      <c r="H104" s="499" t="s">
        <v>1836</v>
      </c>
      <c r="I104" s="499" t="s">
        <v>1059</v>
      </c>
      <c r="J104" s="499" t="s">
        <v>1060</v>
      </c>
      <c r="K104" s="499" t="s">
        <v>1838</v>
      </c>
      <c r="L104" s="499" t="s">
        <v>1839</v>
      </c>
      <c r="M104" s="499" t="s">
        <v>1488</v>
      </c>
      <c r="N104" s="499" t="s">
        <v>1489</v>
      </c>
      <c r="O104" s="499">
        <v>1</v>
      </c>
      <c r="P104" s="499" t="s">
        <v>932</v>
      </c>
      <c r="Q104" s="499" t="s">
        <v>1490</v>
      </c>
      <c r="R104" s="499" t="s">
        <v>1491</v>
      </c>
      <c r="S104" s="499" t="s">
        <v>1492</v>
      </c>
      <c r="T104" s="499" t="s">
        <v>1493</v>
      </c>
      <c r="U104" s="499" t="s">
        <v>1690</v>
      </c>
      <c r="V104" s="946" t="str">
        <f>_xlfn.XLOOKUP(H104, [5]GIS!D:D, [5]GIS!E:E, "Not mapped")</f>
        <v>Multiple - Scenario 1</v>
      </c>
      <c r="W104" s="1257" t="s">
        <v>1495</v>
      </c>
      <c r="X104" s="579" t="s">
        <v>1496</v>
      </c>
      <c r="Y104" s="1258" t="s">
        <v>1497</v>
      </c>
      <c r="Z104" s="1259" t="s">
        <v>1498</v>
      </c>
      <c r="AA104" s="1259" t="s">
        <v>1498</v>
      </c>
      <c r="AB104" s="1259" t="s">
        <v>1498</v>
      </c>
      <c r="AC104" s="1259" t="s">
        <v>1498</v>
      </c>
      <c r="AD104" s="1259" t="s">
        <v>1498</v>
      </c>
      <c r="AE104" s="1259" t="s">
        <v>1498</v>
      </c>
      <c r="AF104" s="1259" t="s">
        <v>1498</v>
      </c>
      <c r="AG104" s="1259" t="s">
        <v>1498</v>
      </c>
      <c r="AH104" s="1259" t="s">
        <v>1498</v>
      </c>
      <c r="AI104" s="1259" t="s">
        <v>1498</v>
      </c>
      <c r="AJ104" s="1259" t="s">
        <v>1498</v>
      </c>
      <c r="AK104" s="1259" t="s">
        <v>1498</v>
      </c>
      <c r="AL104" s="1259" t="s">
        <v>1498</v>
      </c>
      <c r="AM104" s="1259" t="s">
        <v>1498</v>
      </c>
      <c r="AN104" s="1259" t="s">
        <v>1498</v>
      </c>
      <c r="AO104" s="1259" t="s">
        <v>1498</v>
      </c>
      <c r="AP104" s="1259" t="s">
        <v>1498</v>
      </c>
      <c r="AQ104" s="1259" t="s">
        <v>1498</v>
      </c>
      <c r="AR104" s="1259" t="s">
        <v>1498</v>
      </c>
      <c r="AS104" s="1259" t="s">
        <v>1498</v>
      </c>
      <c r="AT104" s="1259" t="s">
        <v>1498</v>
      </c>
      <c r="AU104" s="1259" t="s">
        <v>1498</v>
      </c>
      <c r="AV104" s="1259" t="s">
        <v>1498</v>
      </c>
      <c r="AW104" s="1259" t="s">
        <v>1498</v>
      </c>
      <c r="AX104" s="1259" t="s">
        <v>1498</v>
      </c>
      <c r="AY104" s="1259" t="s">
        <v>1498</v>
      </c>
      <c r="AZ104" s="905" t="s">
        <v>1840</v>
      </c>
      <c r="BA104" s="499" t="s">
        <v>722</v>
      </c>
      <c r="BB104" s="953" t="s">
        <v>53</v>
      </c>
      <c r="BC104" s="980">
        <f>ROUND((VLOOKUP(H104,'[5]Cost Summary'!A:H,8,)),0.1)</f>
        <v>41091</v>
      </c>
      <c r="BD104" s="499">
        <v>0</v>
      </c>
      <c r="BE104" s="499" t="s">
        <v>1500</v>
      </c>
      <c r="BF104" s="954" t="s">
        <v>1584</v>
      </c>
      <c r="BG104" s="1261">
        <v>26695.56</v>
      </c>
      <c r="BH104" s="976" t="e">
        <f t="shared" ref="BH104:BH125" si="110">Z104/(SUM($Z104:$AY104))</f>
        <v>#VALUE!</v>
      </c>
      <c r="BI104" s="972" t="e">
        <f t="shared" ref="BI104:BI125" si="111">AA104/(SUM($Z104:$AY104))</f>
        <v>#VALUE!</v>
      </c>
      <c r="BJ104" s="972" t="e">
        <f t="shared" ref="BJ104:BJ125" si="112">AB104/(SUM($Z104:$AY104))</f>
        <v>#VALUE!</v>
      </c>
      <c r="BK104" s="972" t="e">
        <f t="shared" ref="BK104:BK125" si="113">AC104/(SUM($Z104:$AY104))</f>
        <v>#VALUE!</v>
      </c>
      <c r="BL104" s="972" t="e">
        <f t="shared" ref="BL104:BL125" si="114">AD104/(SUM($Z104:$AY104))</f>
        <v>#VALUE!</v>
      </c>
      <c r="BM104" s="972" t="e">
        <f t="shared" ref="BM104:BM125" si="115">AE104/(SUM($Z104:$AY104))</f>
        <v>#VALUE!</v>
      </c>
      <c r="BN104" s="972" t="e">
        <f t="shared" ref="BN104:BN125" si="116">AF104/(SUM($Z104:$AY104))</f>
        <v>#VALUE!</v>
      </c>
      <c r="BO104" s="972" t="e">
        <f t="shared" ref="BO104:BO125" si="117">AG104/(SUM($Z104:$AY104))</f>
        <v>#VALUE!</v>
      </c>
      <c r="BP104" s="972" t="e">
        <f t="shared" ref="BP104:BP125" si="118">AH104/(SUM($Z104:$AY104))</f>
        <v>#VALUE!</v>
      </c>
      <c r="BQ104" s="972" t="e">
        <f t="shared" ref="BQ104:BQ125" si="119">AI104/(SUM($Z104:$AY104))</f>
        <v>#VALUE!</v>
      </c>
      <c r="BR104" s="972" t="e">
        <f t="shared" ref="BR104:BR125" si="120">AJ104/(SUM($Z104:$AY104))</f>
        <v>#VALUE!</v>
      </c>
      <c r="BS104" s="972" t="e">
        <f t="shared" ref="BS104:BS125" si="121">AK104/(SUM($Z104:$AY104))</f>
        <v>#VALUE!</v>
      </c>
      <c r="BT104" s="972" t="e">
        <f t="shared" ref="BT104:BT125" si="122">AL104/(SUM($Z104:$AY104))</f>
        <v>#VALUE!</v>
      </c>
      <c r="BU104" s="972" t="e">
        <f t="shared" ref="BU104:BU125" si="123">AM104/(SUM($Z104:$AY104))</f>
        <v>#VALUE!</v>
      </c>
      <c r="BV104" s="972" t="e">
        <f t="shared" ref="BV104:BV125" si="124">AM104/(SUM($Z104:$AY104))</f>
        <v>#VALUE!</v>
      </c>
      <c r="BW104" s="972" t="e">
        <f t="shared" ref="BW104:BW125" si="125">AN104/(SUM($Z104:$AY104))</f>
        <v>#VALUE!</v>
      </c>
      <c r="BX104" s="972" t="e">
        <f t="shared" ref="BX104:BX125" si="126">AO104/(SUM($Z104:$AY104))</f>
        <v>#VALUE!</v>
      </c>
      <c r="BY104" s="972" t="e">
        <f t="shared" ref="BY104:BY125" si="127">AP104/(SUM($Z104:$AY104))</f>
        <v>#VALUE!</v>
      </c>
      <c r="BZ104" s="972" t="e">
        <f t="shared" ref="BZ104:BZ125" si="128">AQ104/(SUM($Z104:$AY104))</f>
        <v>#VALUE!</v>
      </c>
      <c r="CA104" s="972" t="e">
        <f t="shared" ref="CA104:CA125" si="129">AR104/(SUM($Z104:$AY104))</f>
        <v>#VALUE!</v>
      </c>
      <c r="CB104" s="973" t="e">
        <f t="shared" si="85"/>
        <v>#VALUE!</v>
      </c>
    </row>
    <row r="105" spans="3:80" ht="100.5" hidden="1" x14ac:dyDescent="0.25">
      <c r="C105" s="597"/>
      <c r="D105" s="597" t="s">
        <v>66</v>
      </c>
      <c r="E105" s="597"/>
      <c r="F105" s="597"/>
      <c r="G105" s="597"/>
      <c r="H105" s="499" t="s">
        <v>1841</v>
      </c>
      <c r="I105" s="499" t="s">
        <v>1061</v>
      </c>
      <c r="J105" s="499" t="s">
        <v>1062</v>
      </c>
      <c r="K105" s="499">
        <v>51.734836899999998</v>
      </c>
      <c r="L105" s="499">
        <v>-0.45873128099999999</v>
      </c>
      <c r="M105" s="499" t="s">
        <v>1488</v>
      </c>
      <c r="N105" s="499" t="s">
        <v>1489</v>
      </c>
      <c r="O105" s="499">
        <v>1</v>
      </c>
      <c r="P105" s="499" t="s">
        <v>932</v>
      </c>
      <c r="Q105" s="499" t="s">
        <v>1490</v>
      </c>
      <c r="R105" s="499" t="s">
        <v>1491</v>
      </c>
      <c r="S105" s="499" t="s">
        <v>1492</v>
      </c>
      <c r="T105" s="499" t="s">
        <v>1493</v>
      </c>
      <c r="U105" s="499" t="s">
        <v>1690</v>
      </c>
      <c r="V105" s="946" t="str">
        <f>_xlfn.XLOOKUP(H105, [5]GIS!D:D, [5]GIS!E:E, "Not mapped")</f>
        <v>Multiple - Scenario 1</v>
      </c>
      <c r="W105" s="1257" t="s">
        <v>1495</v>
      </c>
      <c r="X105" s="579" t="s">
        <v>1496</v>
      </c>
      <c r="Y105" s="1258" t="s">
        <v>1497</v>
      </c>
      <c r="Z105" s="1259" t="s">
        <v>1498</v>
      </c>
      <c r="AA105" s="1259" t="s">
        <v>1498</v>
      </c>
      <c r="AB105" s="1259" t="s">
        <v>1498</v>
      </c>
      <c r="AC105" s="1259" t="s">
        <v>1498</v>
      </c>
      <c r="AD105" s="1259" t="s">
        <v>1498</v>
      </c>
      <c r="AE105" s="1259" t="s">
        <v>1498</v>
      </c>
      <c r="AF105" s="1259" t="s">
        <v>1498</v>
      </c>
      <c r="AG105" s="1259" t="s">
        <v>1498</v>
      </c>
      <c r="AH105" s="1259" t="s">
        <v>1498</v>
      </c>
      <c r="AI105" s="1259" t="s">
        <v>1498</v>
      </c>
      <c r="AJ105" s="1259" t="s">
        <v>1498</v>
      </c>
      <c r="AK105" s="1259" t="s">
        <v>1498</v>
      </c>
      <c r="AL105" s="1259" t="s">
        <v>1498</v>
      </c>
      <c r="AM105" s="1259" t="s">
        <v>1498</v>
      </c>
      <c r="AN105" s="1259" t="s">
        <v>1498</v>
      </c>
      <c r="AO105" s="1259" t="s">
        <v>1498</v>
      </c>
      <c r="AP105" s="1259" t="s">
        <v>1498</v>
      </c>
      <c r="AQ105" s="1259" t="s">
        <v>1498</v>
      </c>
      <c r="AR105" s="1259" t="s">
        <v>1498</v>
      </c>
      <c r="AS105" s="1259" t="s">
        <v>1498</v>
      </c>
      <c r="AT105" s="1259" t="s">
        <v>1498</v>
      </c>
      <c r="AU105" s="1259" t="s">
        <v>1498</v>
      </c>
      <c r="AV105" s="1259" t="s">
        <v>1498</v>
      </c>
      <c r="AW105" s="1259" t="s">
        <v>1498</v>
      </c>
      <c r="AX105" s="1259" t="s">
        <v>1498</v>
      </c>
      <c r="AY105" s="1259" t="s">
        <v>1498</v>
      </c>
      <c r="AZ105" s="905" t="s">
        <v>1840</v>
      </c>
      <c r="BA105" s="499" t="s">
        <v>722</v>
      </c>
      <c r="BB105" s="953" t="s">
        <v>53</v>
      </c>
      <c r="BC105" s="980">
        <f>ROUND((VLOOKUP(H105,'[5]Cost Summary'!A:H,8,)),0.1)</f>
        <v>381968</v>
      </c>
      <c r="BD105" s="499">
        <v>0</v>
      </c>
      <c r="BE105" s="499" t="s">
        <v>1500</v>
      </c>
      <c r="BF105" s="954" t="s">
        <v>1584</v>
      </c>
      <c r="BG105" s="1261">
        <v>248155.05</v>
      </c>
      <c r="BH105" s="976" t="e">
        <f t="shared" si="110"/>
        <v>#VALUE!</v>
      </c>
      <c r="BI105" s="972" t="e">
        <f t="shared" si="111"/>
        <v>#VALUE!</v>
      </c>
      <c r="BJ105" s="972" t="e">
        <f t="shared" si="112"/>
        <v>#VALUE!</v>
      </c>
      <c r="BK105" s="972" t="e">
        <f t="shared" si="113"/>
        <v>#VALUE!</v>
      </c>
      <c r="BL105" s="972" t="e">
        <f t="shared" si="114"/>
        <v>#VALUE!</v>
      </c>
      <c r="BM105" s="972" t="e">
        <f t="shared" si="115"/>
        <v>#VALUE!</v>
      </c>
      <c r="BN105" s="972" t="e">
        <f t="shared" si="116"/>
        <v>#VALUE!</v>
      </c>
      <c r="BO105" s="972" t="e">
        <f t="shared" si="117"/>
        <v>#VALUE!</v>
      </c>
      <c r="BP105" s="972" t="e">
        <f t="shared" si="118"/>
        <v>#VALUE!</v>
      </c>
      <c r="BQ105" s="972" t="e">
        <f t="shared" si="119"/>
        <v>#VALUE!</v>
      </c>
      <c r="BR105" s="972" t="e">
        <f t="shared" si="120"/>
        <v>#VALUE!</v>
      </c>
      <c r="BS105" s="972" t="e">
        <f t="shared" si="121"/>
        <v>#VALUE!</v>
      </c>
      <c r="BT105" s="972" t="e">
        <f t="shared" si="122"/>
        <v>#VALUE!</v>
      </c>
      <c r="BU105" s="972" t="e">
        <f t="shared" si="123"/>
        <v>#VALUE!</v>
      </c>
      <c r="BV105" s="972" t="e">
        <f t="shared" si="124"/>
        <v>#VALUE!</v>
      </c>
      <c r="BW105" s="972" t="e">
        <f t="shared" si="125"/>
        <v>#VALUE!</v>
      </c>
      <c r="BX105" s="972" t="e">
        <f t="shared" si="126"/>
        <v>#VALUE!</v>
      </c>
      <c r="BY105" s="972" t="e">
        <f t="shared" si="127"/>
        <v>#VALUE!</v>
      </c>
      <c r="BZ105" s="972" t="e">
        <f t="shared" si="128"/>
        <v>#VALUE!</v>
      </c>
      <c r="CA105" s="972" t="e">
        <f t="shared" si="129"/>
        <v>#VALUE!</v>
      </c>
      <c r="CB105" s="973" t="e">
        <f t="shared" si="85"/>
        <v>#VALUE!</v>
      </c>
    </row>
    <row r="106" spans="3:80" ht="100.5" hidden="1" x14ac:dyDescent="0.25">
      <c r="C106" s="597"/>
      <c r="D106" s="597"/>
      <c r="E106" s="597"/>
      <c r="F106" s="597"/>
      <c r="G106" s="597"/>
      <c r="H106" s="499" t="s">
        <v>1842</v>
      </c>
      <c r="I106" s="499" t="s">
        <v>1063</v>
      </c>
      <c r="J106" s="499" t="s">
        <v>1064</v>
      </c>
      <c r="K106" s="499" t="s">
        <v>1843</v>
      </c>
      <c r="L106" s="499" t="s">
        <v>1844</v>
      </c>
      <c r="M106" s="499" t="s">
        <v>1488</v>
      </c>
      <c r="N106" s="499" t="s">
        <v>1489</v>
      </c>
      <c r="O106" s="499">
        <v>1</v>
      </c>
      <c r="P106" s="499" t="s">
        <v>932</v>
      </c>
      <c r="Q106" s="499" t="s">
        <v>1490</v>
      </c>
      <c r="R106" s="499" t="s">
        <v>1491</v>
      </c>
      <c r="S106" s="499" t="s">
        <v>1492</v>
      </c>
      <c r="T106" s="499" t="s">
        <v>1493</v>
      </c>
      <c r="U106" s="499" t="s">
        <v>1690</v>
      </c>
      <c r="V106" s="946" t="str">
        <f>_xlfn.XLOOKUP(H106, [5]GIS!D:D, [5]GIS!E:E, "Not mapped")</f>
        <v>Single - Scenario 3</v>
      </c>
      <c r="W106" s="499" t="s">
        <v>1723</v>
      </c>
      <c r="X106" s="579" t="s">
        <v>1496</v>
      </c>
      <c r="Y106" s="1258" t="s">
        <v>1497</v>
      </c>
      <c r="Z106" s="1259" t="s">
        <v>1498</v>
      </c>
      <c r="AA106" s="1259" t="s">
        <v>1498</v>
      </c>
      <c r="AB106" s="1259" t="s">
        <v>1498</v>
      </c>
      <c r="AC106" s="1259" t="s">
        <v>1498</v>
      </c>
      <c r="AD106" s="1259" t="s">
        <v>1498</v>
      </c>
      <c r="AE106" s="1259" t="s">
        <v>1498</v>
      </c>
      <c r="AF106" s="1259" t="s">
        <v>1498</v>
      </c>
      <c r="AG106" s="1259" t="s">
        <v>1498</v>
      </c>
      <c r="AH106" s="1259" t="s">
        <v>1498</v>
      </c>
      <c r="AI106" s="1259" t="s">
        <v>1498</v>
      </c>
      <c r="AJ106" s="1259" t="s">
        <v>1498</v>
      </c>
      <c r="AK106" s="1259" t="s">
        <v>1498</v>
      </c>
      <c r="AL106" s="1259" t="s">
        <v>1498</v>
      </c>
      <c r="AM106" s="1259" t="s">
        <v>1498</v>
      </c>
      <c r="AN106" s="1259" t="s">
        <v>1498</v>
      </c>
      <c r="AO106" s="1259" t="s">
        <v>1498</v>
      </c>
      <c r="AP106" s="1259" t="s">
        <v>1498</v>
      </c>
      <c r="AQ106" s="1259" t="s">
        <v>1498</v>
      </c>
      <c r="AR106" s="1259" t="s">
        <v>1498</v>
      </c>
      <c r="AS106" s="1259" t="s">
        <v>1498</v>
      </c>
      <c r="AT106" s="1259" t="s">
        <v>1498</v>
      </c>
      <c r="AU106" s="1259" t="s">
        <v>1498</v>
      </c>
      <c r="AV106" s="1259" t="s">
        <v>1498</v>
      </c>
      <c r="AW106" s="1259" t="s">
        <v>1498</v>
      </c>
      <c r="AX106" s="1259" t="s">
        <v>1498</v>
      </c>
      <c r="AY106" s="1259" t="s">
        <v>1498</v>
      </c>
      <c r="AZ106" s="905" t="s">
        <v>1840</v>
      </c>
      <c r="BA106" s="499" t="s">
        <v>722</v>
      </c>
      <c r="BB106" s="953" t="s">
        <v>53</v>
      </c>
      <c r="BC106" s="980">
        <f>ROUND((VLOOKUP(H106,'[5]Cost Summary'!A:H,8,)),0.1)</f>
        <v>109218</v>
      </c>
      <c r="BD106" s="499">
        <v>0</v>
      </c>
      <c r="BE106" s="499" t="s">
        <v>1500</v>
      </c>
      <c r="BF106" s="954" t="s">
        <v>1584</v>
      </c>
      <c r="BG106" s="1261">
        <v>70956.160000000003</v>
      </c>
      <c r="BH106" s="976" t="e">
        <f t="shared" si="110"/>
        <v>#VALUE!</v>
      </c>
      <c r="BI106" s="972" t="e">
        <f t="shared" si="111"/>
        <v>#VALUE!</v>
      </c>
      <c r="BJ106" s="972" t="e">
        <f t="shared" si="112"/>
        <v>#VALUE!</v>
      </c>
      <c r="BK106" s="972" t="e">
        <f t="shared" si="113"/>
        <v>#VALUE!</v>
      </c>
      <c r="BL106" s="972" t="e">
        <f t="shared" si="114"/>
        <v>#VALUE!</v>
      </c>
      <c r="BM106" s="972" t="e">
        <f t="shared" si="115"/>
        <v>#VALUE!</v>
      </c>
      <c r="BN106" s="972" t="e">
        <f t="shared" si="116"/>
        <v>#VALUE!</v>
      </c>
      <c r="BO106" s="972" t="e">
        <f t="shared" si="117"/>
        <v>#VALUE!</v>
      </c>
      <c r="BP106" s="972" t="e">
        <f t="shared" si="118"/>
        <v>#VALUE!</v>
      </c>
      <c r="BQ106" s="972" t="e">
        <f t="shared" si="119"/>
        <v>#VALUE!</v>
      </c>
      <c r="BR106" s="972" t="e">
        <f t="shared" si="120"/>
        <v>#VALUE!</v>
      </c>
      <c r="BS106" s="972" t="e">
        <f t="shared" si="121"/>
        <v>#VALUE!</v>
      </c>
      <c r="BT106" s="972" t="e">
        <f t="shared" si="122"/>
        <v>#VALUE!</v>
      </c>
      <c r="BU106" s="972" t="e">
        <f t="shared" si="123"/>
        <v>#VALUE!</v>
      </c>
      <c r="BV106" s="972" t="e">
        <f t="shared" si="124"/>
        <v>#VALUE!</v>
      </c>
      <c r="BW106" s="972" t="e">
        <f t="shared" si="125"/>
        <v>#VALUE!</v>
      </c>
      <c r="BX106" s="972" t="e">
        <f t="shared" si="126"/>
        <v>#VALUE!</v>
      </c>
      <c r="BY106" s="972" t="e">
        <f t="shared" si="127"/>
        <v>#VALUE!</v>
      </c>
      <c r="BZ106" s="972" t="e">
        <f t="shared" si="128"/>
        <v>#VALUE!</v>
      </c>
      <c r="CA106" s="972" t="e">
        <f t="shared" si="129"/>
        <v>#VALUE!</v>
      </c>
      <c r="CB106" s="973" t="e">
        <f t="shared" si="85"/>
        <v>#VALUE!</v>
      </c>
    </row>
    <row r="107" spans="3:80" ht="100.5" hidden="1" x14ac:dyDescent="0.25">
      <c r="C107" s="597"/>
      <c r="D107" s="597" t="s">
        <v>66</v>
      </c>
      <c r="E107" s="597"/>
      <c r="F107" s="597"/>
      <c r="G107" s="597"/>
      <c r="H107" s="499" t="s">
        <v>1845</v>
      </c>
      <c r="I107" s="499" t="s">
        <v>1065</v>
      </c>
      <c r="J107" s="499" t="s">
        <v>1066</v>
      </c>
      <c r="K107" s="499">
        <v>51.735067999999998</v>
      </c>
      <c r="L107" s="499">
        <v>-0.45910099999999998</v>
      </c>
      <c r="M107" s="499" t="s">
        <v>1488</v>
      </c>
      <c r="N107" s="499" t="s">
        <v>1489</v>
      </c>
      <c r="O107" s="499">
        <v>1</v>
      </c>
      <c r="P107" s="499" t="s">
        <v>932</v>
      </c>
      <c r="Q107" s="499" t="s">
        <v>1490</v>
      </c>
      <c r="R107" s="499" t="s">
        <v>1491</v>
      </c>
      <c r="S107" s="499" t="s">
        <v>1492</v>
      </c>
      <c r="T107" s="499" t="s">
        <v>1493</v>
      </c>
      <c r="U107" s="499" t="s">
        <v>1690</v>
      </c>
      <c r="V107" s="946" t="str">
        <f>_xlfn.XLOOKUP(H107, [5]GIS!D:D, [5]GIS!E:E, "Not mapped")</f>
        <v>Multiple - Scenario 1</v>
      </c>
      <c r="W107" s="773" t="s">
        <v>1495</v>
      </c>
      <c r="X107" s="579" t="s">
        <v>1496</v>
      </c>
      <c r="Y107" s="1258" t="s">
        <v>1497</v>
      </c>
      <c r="Z107" s="1259" t="s">
        <v>1498</v>
      </c>
      <c r="AA107" s="1259" t="s">
        <v>1498</v>
      </c>
      <c r="AB107" s="1259" t="s">
        <v>1498</v>
      </c>
      <c r="AC107" s="1259" t="s">
        <v>1498</v>
      </c>
      <c r="AD107" s="1259" t="s">
        <v>1498</v>
      </c>
      <c r="AE107" s="1259" t="s">
        <v>1498</v>
      </c>
      <c r="AF107" s="1259" t="s">
        <v>1498</v>
      </c>
      <c r="AG107" s="1259" t="s">
        <v>1498</v>
      </c>
      <c r="AH107" s="1259" t="s">
        <v>1498</v>
      </c>
      <c r="AI107" s="1259" t="s">
        <v>1498</v>
      </c>
      <c r="AJ107" s="1259" t="s">
        <v>1498</v>
      </c>
      <c r="AK107" s="1259" t="s">
        <v>1498</v>
      </c>
      <c r="AL107" s="1259" t="s">
        <v>1498</v>
      </c>
      <c r="AM107" s="1259" t="s">
        <v>1498</v>
      </c>
      <c r="AN107" s="1259" t="s">
        <v>1498</v>
      </c>
      <c r="AO107" s="1259" t="s">
        <v>1498</v>
      </c>
      <c r="AP107" s="1259" t="s">
        <v>1498</v>
      </c>
      <c r="AQ107" s="1259" t="s">
        <v>1498</v>
      </c>
      <c r="AR107" s="1259" t="s">
        <v>1498</v>
      </c>
      <c r="AS107" s="1259" t="s">
        <v>1498</v>
      </c>
      <c r="AT107" s="1259" t="s">
        <v>1498</v>
      </c>
      <c r="AU107" s="1259" t="s">
        <v>1498</v>
      </c>
      <c r="AV107" s="1259" t="s">
        <v>1498</v>
      </c>
      <c r="AW107" s="1259" t="s">
        <v>1498</v>
      </c>
      <c r="AX107" s="1259" t="s">
        <v>1498</v>
      </c>
      <c r="AY107" s="1259" t="s">
        <v>1498</v>
      </c>
      <c r="AZ107" s="905" t="s">
        <v>1840</v>
      </c>
      <c r="BA107" s="499" t="s">
        <v>722</v>
      </c>
      <c r="BB107" s="953" t="s">
        <v>53</v>
      </c>
      <c r="BC107" s="980">
        <f>ROUND((VLOOKUP(H107,'[5]Cost Summary'!A:H,8,)),0.1)</f>
        <v>72774</v>
      </c>
      <c r="BD107" s="499">
        <v>0</v>
      </c>
      <c r="BE107" s="499" t="s">
        <v>1500</v>
      </c>
      <c r="BF107" s="954" t="s">
        <v>1584</v>
      </c>
      <c r="BG107" s="1261">
        <v>47279.38</v>
      </c>
      <c r="BH107" s="976" t="e">
        <f t="shared" si="110"/>
        <v>#VALUE!</v>
      </c>
      <c r="BI107" s="972" t="e">
        <f t="shared" si="111"/>
        <v>#VALUE!</v>
      </c>
      <c r="BJ107" s="972" t="e">
        <f t="shared" si="112"/>
        <v>#VALUE!</v>
      </c>
      <c r="BK107" s="972" t="e">
        <f t="shared" si="113"/>
        <v>#VALUE!</v>
      </c>
      <c r="BL107" s="972" t="e">
        <f t="shared" si="114"/>
        <v>#VALUE!</v>
      </c>
      <c r="BM107" s="972" t="e">
        <f t="shared" si="115"/>
        <v>#VALUE!</v>
      </c>
      <c r="BN107" s="972" t="e">
        <f t="shared" si="116"/>
        <v>#VALUE!</v>
      </c>
      <c r="BO107" s="972" t="e">
        <f t="shared" si="117"/>
        <v>#VALUE!</v>
      </c>
      <c r="BP107" s="972" t="e">
        <f t="shared" si="118"/>
        <v>#VALUE!</v>
      </c>
      <c r="BQ107" s="972" t="e">
        <f t="shared" si="119"/>
        <v>#VALUE!</v>
      </c>
      <c r="BR107" s="972" t="e">
        <f t="shared" si="120"/>
        <v>#VALUE!</v>
      </c>
      <c r="BS107" s="972" t="e">
        <f t="shared" si="121"/>
        <v>#VALUE!</v>
      </c>
      <c r="BT107" s="972" t="e">
        <f t="shared" si="122"/>
        <v>#VALUE!</v>
      </c>
      <c r="BU107" s="972" t="e">
        <f t="shared" si="123"/>
        <v>#VALUE!</v>
      </c>
      <c r="BV107" s="972" t="e">
        <f t="shared" si="124"/>
        <v>#VALUE!</v>
      </c>
      <c r="BW107" s="972" t="e">
        <f t="shared" si="125"/>
        <v>#VALUE!</v>
      </c>
      <c r="BX107" s="972" t="e">
        <f t="shared" si="126"/>
        <v>#VALUE!</v>
      </c>
      <c r="BY107" s="972" t="e">
        <f t="shared" si="127"/>
        <v>#VALUE!</v>
      </c>
      <c r="BZ107" s="972" t="e">
        <f t="shared" si="128"/>
        <v>#VALUE!</v>
      </c>
      <c r="CA107" s="972" t="e">
        <f t="shared" si="129"/>
        <v>#VALUE!</v>
      </c>
      <c r="CB107" s="973" t="e">
        <f t="shared" si="85"/>
        <v>#VALUE!</v>
      </c>
    </row>
    <row r="108" spans="3:80" ht="100.5" hidden="1" x14ac:dyDescent="0.25">
      <c r="C108" s="597"/>
      <c r="D108" s="597"/>
      <c r="E108" s="597"/>
      <c r="F108" s="597"/>
      <c r="G108" s="597"/>
      <c r="H108" s="499" t="s">
        <v>1846</v>
      </c>
      <c r="I108" s="499" t="s">
        <v>1067</v>
      </c>
      <c r="J108" s="499" t="s">
        <v>1068</v>
      </c>
      <c r="K108" s="499">
        <v>51.737473420000001</v>
      </c>
      <c r="L108" s="499">
        <v>-0.45314657200000003</v>
      </c>
      <c r="M108" s="499" t="s">
        <v>1488</v>
      </c>
      <c r="N108" s="499" t="s">
        <v>1489</v>
      </c>
      <c r="O108" s="499">
        <v>1</v>
      </c>
      <c r="P108" s="499" t="s">
        <v>932</v>
      </c>
      <c r="Q108" s="499" t="s">
        <v>1490</v>
      </c>
      <c r="R108" s="499" t="s">
        <v>1491</v>
      </c>
      <c r="S108" s="499" t="s">
        <v>1492</v>
      </c>
      <c r="T108" s="499" t="s">
        <v>1493</v>
      </c>
      <c r="U108" s="499" t="s">
        <v>1690</v>
      </c>
      <c r="V108" s="946" t="str">
        <f>_xlfn.XLOOKUP(H108, [5]GIS!D:D, [5]GIS!E:E, "Not mapped")</f>
        <v>Single - Scenario 3</v>
      </c>
      <c r="W108" s="499" t="s">
        <v>1723</v>
      </c>
      <c r="X108" s="579" t="s">
        <v>1496</v>
      </c>
      <c r="Y108" s="1258" t="s">
        <v>1497</v>
      </c>
      <c r="Z108" s="1259" t="s">
        <v>1498</v>
      </c>
      <c r="AA108" s="1259" t="s">
        <v>1498</v>
      </c>
      <c r="AB108" s="1259" t="s">
        <v>1498</v>
      </c>
      <c r="AC108" s="1259" t="s">
        <v>1498</v>
      </c>
      <c r="AD108" s="1259" t="s">
        <v>1498</v>
      </c>
      <c r="AE108" s="1259" t="s">
        <v>1498</v>
      </c>
      <c r="AF108" s="1259" t="s">
        <v>1498</v>
      </c>
      <c r="AG108" s="1259" t="s">
        <v>1498</v>
      </c>
      <c r="AH108" s="1259" t="s">
        <v>1498</v>
      </c>
      <c r="AI108" s="1259" t="s">
        <v>1498</v>
      </c>
      <c r="AJ108" s="1259" t="s">
        <v>1498</v>
      </c>
      <c r="AK108" s="1259" t="s">
        <v>1498</v>
      </c>
      <c r="AL108" s="1259" t="s">
        <v>1498</v>
      </c>
      <c r="AM108" s="1259" t="s">
        <v>1498</v>
      </c>
      <c r="AN108" s="1259" t="s">
        <v>1498</v>
      </c>
      <c r="AO108" s="1259" t="s">
        <v>1498</v>
      </c>
      <c r="AP108" s="1259" t="s">
        <v>1498</v>
      </c>
      <c r="AQ108" s="1259" t="s">
        <v>1498</v>
      </c>
      <c r="AR108" s="1259" t="s">
        <v>1498</v>
      </c>
      <c r="AS108" s="1259" t="s">
        <v>1498</v>
      </c>
      <c r="AT108" s="1259" t="s">
        <v>1498</v>
      </c>
      <c r="AU108" s="1259" t="s">
        <v>1498</v>
      </c>
      <c r="AV108" s="1259" t="s">
        <v>1498</v>
      </c>
      <c r="AW108" s="1259" t="s">
        <v>1498</v>
      </c>
      <c r="AX108" s="1259" t="s">
        <v>1498</v>
      </c>
      <c r="AY108" s="1259" t="s">
        <v>1498</v>
      </c>
      <c r="AZ108" s="905" t="s">
        <v>1840</v>
      </c>
      <c r="BA108" s="499" t="s">
        <v>722</v>
      </c>
      <c r="BB108" s="953" t="s">
        <v>53</v>
      </c>
      <c r="BC108" s="980">
        <f>ROUND((VLOOKUP(H108,'[5]Cost Summary'!A:H,8,)),0.1)</f>
        <v>2531</v>
      </c>
      <c r="BD108" s="499">
        <v>0</v>
      </c>
      <c r="BE108" s="499" t="s">
        <v>1500</v>
      </c>
      <c r="BF108" s="954" t="s">
        <v>1584</v>
      </c>
      <c r="BG108" s="1261">
        <v>1644.5</v>
      </c>
      <c r="BH108" s="976" t="e">
        <f t="shared" si="110"/>
        <v>#VALUE!</v>
      </c>
      <c r="BI108" s="972" t="e">
        <f t="shared" si="111"/>
        <v>#VALUE!</v>
      </c>
      <c r="BJ108" s="972" t="e">
        <f t="shared" si="112"/>
        <v>#VALUE!</v>
      </c>
      <c r="BK108" s="972" t="e">
        <f t="shared" si="113"/>
        <v>#VALUE!</v>
      </c>
      <c r="BL108" s="972" t="e">
        <f t="shared" si="114"/>
        <v>#VALUE!</v>
      </c>
      <c r="BM108" s="972" t="e">
        <f t="shared" si="115"/>
        <v>#VALUE!</v>
      </c>
      <c r="BN108" s="972" t="e">
        <f t="shared" si="116"/>
        <v>#VALUE!</v>
      </c>
      <c r="BO108" s="972" t="e">
        <f t="shared" si="117"/>
        <v>#VALUE!</v>
      </c>
      <c r="BP108" s="972" t="e">
        <f t="shared" si="118"/>
        <v>#VALUE!</v>
      </c>
      <c r="BQ108" s="972" t="e">
        <f t="shared" si="119"/>
        <v>#VALUE!</v>
      </c>
      <c r="BR108" s="972" t="e">
        <f t="shared" si="120"/>
        <v>#VALUE!</v>
      </c>
      <c r="BS108" s="972" t="e">
        <f t="shared" si="121"/>
        <v>#VALUE!</v>
      </c>
      <c r="BT108" s="972" t="e">
        <f t="shared" si="122"/>
        <v>#VALUE!</v>
      </c>
      <c r="BU108" s="972" t="e">
        <f t="shared" si="123"/>
        <v>#VALUE!</v>
      </c>
      <c r="BV108" s="972" t="e">
        <f t="shared" si="124"/>
        <v>#VALUE!</v>
      </c>
      <c r="BW108" s="972" t="e">
        <f t="shared" si="125"/>
        <v>#VALUE!</v>
      </c>
      <c r="BX108" s="972" t="e">
        <f t="shared" si="126"/>
        <v>#VALUE!</v>
      </c>
      <c r="BY108" s="972" t="e">
        <f t="shared" si="127"/>
        <v>#VALUE!</v>
      </c>
      <c r="BZ108" s="972" t="e">
        <f t="shared" si="128"/>
        <v>#VALUE!</v>
      </c>
      <c r="CA108" s="972" t="e">
        <f t="shared" si="129"/>
        <v>#VALUE!</v>
      </c>
      <c r="CB108" s="973" t="e">
        <f t="shared" si="85"/>
        <v>#VALUE!</v>
      </c>
    </row>
    <row r="109" spans="3:80" ht="100.5" hidden="1" x14ac:dyDescent="0.25">
      <c r="C109" s="597"/>
      <c r="D109" s="597"/>
      <c r="E109" s="597"/>
      <c r="F109" s="597"/>
      <c r="G109" s="597"/>
      <c r="H109" s="499" t="s">
        <v>1847</v>
      </c>
      <c r="I109" s="499" t="s">
        <v>1069</v>
      </c>
      <c r="J109" s="499" t="s">
        <v>1070</v>
      </c>
      <c r="K109" s="499">
        <v>51.738690810000001</v>
      </c>
      <c r="L109" s="499">
        <v>-0.45149962500000002</v>
      </c>
      <c r="M109" s="499" t="s">
        <v>1488</v>
      </c>
      <c r="N109" s="499" t="s">
        <v>1489</v>
      </c>
      <c r="O109" s="499">
        <v>1</v>
      </c>
      <c r="P109" s="499" t="s">
        <v>932</v>
      </c>
      <c r="Q109" s="499" t="s">
        <v>1490</v>
      </c>
      <c r="R109" s="499" t="s">
        <v>1491</v>
      </c>
      <c r="S109" s="499" t="s">
        <v>1492</v>
      </c>
      <c r="T109" s="499" t="s">
        <v>1493</v>
      </c>
      <c r="U109" s="499" t="s">
        <v>1690</v>
      </c>
      <c r="V109" s="946" t="str">
        <f>_xlfn.XLOOKUP(H109, [5]GIS!D:D, [5]GIS!E:E, "Not mapped")</f>
        <v>Multiple - Scenario 2</v>
      </c>
      <c r="W109" s="499" t="s">
        <v>1723</v>
      </c>
      <c r="X109" s="579" t="s">
        <v>1496</v>
      </c>
      <c r="Y109" s="1258" t="s">
        <v>1497</v>
      </c>
      <c r="Z109" s="1259" t="s">
        <v>1498</v>
      </c>
      <c r="AA109" s="1259" t="s">
        <v>1498</v>
      </c>
      <c r="AB109" s="1259" t="s">
        <v>1498</v>
      </c>
      <c r="AC109" s="1259" t="s">
        <v>1498</v>
      </c>
      <c r="AD109" s="1259" t="s">
        <v>1498</v>
      </c>
      <c r="AE109" s="1259" t="s">
        <v>1498</v>
      </c>
      <c r="AF109" s="1259" t="s">
        <v>1498</v>
      </c>
      <c r="AG109" s="1259" t="s">
        <v>1498</v>
      </c>
      <c r="AH109" s="1259" t="s">
        <v>1498</v>
      </c>
      <c r="AI109" s="1259" t="s">
        <v>1498</v>
      </c>
      <c r="AJ109" s="1259" t="s">
        <v>1498</v>
      </c>
      <c r="AK109" s="1259" t="s">
        <v>1498</v>
      </c>
      <c r="AL109" s="1259" t="s">
        <v>1498</v>
      </c>
      <c r="AM109" s="1259" t="s">
        <v>1498</v>
      </c>
      <c r="AN109" s="1259" t="s">
        <v>1498</v>
      </c>
      <c r="AO109" s="1259" t="s">
        <v>1498</v>
      </c>
      <c r="AP109" s="1259" t="s">
        <v>1498</v>
      </c>
      <c r="AQ109" s="1259" t="s">
        <v>1498</v>
      </c>
      <c r="AR109" s="1259" t="s">
        <v>1498</v>
      </c>
      <c r="AS109" s="1259" t="s">
        <v>1498</v>
      </c>
      <c r="AT109" s="1259" t="s">
        <v>1498</v>
      </c>
      <c r="AU109" s="1259" t="s">
        <v>1498</v>
      </c>
      <c r="AV109" s="1259" t="s">
        <v>1498</v>
      </c>
      <c r="AW109" s="1259" t="s">
        <v>1498</v>
      </c>
      <c r="AX109" s="1259" t="s">
        <v>1498</v>
      </c>
      <c r="AY109" s="1259" t="s">
        <v>1498</v>
      </c>
      <c r="AZ109" s="905" t="s">
        <v>1840</v>
      </c>
      <c r="BA109" s="499" t="s">
        <v>722</v>
      </c>
      <c r="BB109" s="953" t="s">
        <v>53</v>
      </c>
      <c r="BC109" s="980">
        <f>ROUND((VLOOKUP(H109,'[5]Cost Summary'!A:H,8,)),0.1)</f>
        <v>175239</v>
      </c>
      <c r="BD109" s="499">
        <v>0</v>
      </c>
      <c r="BE109" s="499" t="s">
        <v>1500</v>
      </c>
      <c r="BF109" s="954" t="s">
        <v>1584</v>
      </c>
      <c r="BG109" s="1261">
        <v>113848.74</v>
      </c>
      <c r="BH109" s="976" t="e">
        <f t="shared" si="110"/>
        <v>#VALUE!</v>
      </c>
      <c r="BI109" s="972" t="e">
        <f t="shared" si="111"/>
        <v>#VALUE!</v>
      </c>
      <c r="BJ109" s="972" t="e">
        <f t="shared" si="112"/>
        <v>#VALUE!</v>
      </c>
      <c r="BK109" s="972" t="e">
        <f t="shared" si="113"/>
        <v>#VALUE!</v>
      </c>
      <c r="BL109" s="972" t="e">
        <f t="shared" si="114"/>
        <v>#VALUE!</v>
      </c>
      <c r="BM109" s="972" t="e">
        <f t="shared" si="115"/>
        <v>#VALUE!</v>
      </c>
      <c r="BN109" s="972" t="e">
        <f t="shared" si="116"/>
        <v>#VALUE!</v>
      </c>
      <c r="BO109" s="972" t="e">
        <f t="shared" si="117"/>
        <v>#VALUE!</v>
      </c>
      <c r="BP109" s="972" t="e">
        <f t="shared" si="118"/>
        <v>#VALUE!</v>
      </c>
      <c r="BQ109" s="972" t="e">
        <f t="shared" si="119"/>
        <v>#VALUE!</v>
      </c>
      <c r="BR109" s="972" t="e">
        <f t="shared" si="120"/>
        <v>#VALUE!</v>
      </c>
      <c r="BS109" s="972" t="e">
        <f t="shared" si="121"/>
        <v>#VALUE!</v>
      </c>
      <c r="BT109" s="972" t="e">
        <f t="shared" si="122"/>
        <v>#VALUE!</v>
      </c>
      <c r="BU109" s="972" t="e">
        <f t="shared" si="123"/>
        <v>#VALUE!</v>
      </c>
      <c r="BV109" s="972" t="e">
        <f t="shared" si="124"/>
        <v>#VALUE!</v>
      </c>
      <c r="BW109" s="972" t="e">
        <f t="shared" si="125"/>
        <v>#VALUE!</v>
      </c>
      <c r="BX109" s="972" t="e">
        <f t="shared" si="126"/>
        <v>#VALUE!</v>
      </c>
      <c r="BY109" s="972" t="e">
        <f t="shared" si="127"/>
        <v>#VALUE!</v>
      </c>
      <c r="BZ109" s="972" t="e">
        <f t="shared" si="128"/>
        <v>#VALUE!</v>
      </c>
      <c r="CA109" s="972" t="e">
        <f t="shared" si="129"/>
        <v>#VALUE!</v>
      </c>
      <c r="CB109" s="973" t="e">
        <f t="shared" si="85"/>
        <v>#VALUE!</v>
      </c>
    </row>
    <row r="110" spans="3:80" ht="100.5" hidden="1" x14ac:dyDescent="0.25">
      <c r="C110" s="597"/>
      <c r="D110" s="597"/>
      <c r="E110" s="597"/>
      <c r="F110" s="597"/>
      <c r="G110" s="597"/>
      <c r="H110" s="499" t="s">
        <v>1848</v>
      </c>
      <c r="I110" s="499" t="s">
        <v>1071</v>
      </c>
      <c r="J110" s="499" t="s">
        <v>1072</v>
      </c>
      <c r="K110" s="499" t="s">
        <v>1849</v>
      </c>
      <c r="L110" s="499" t="s">
        <v>1850</v>
      </c>
      <c r="M110" s="499" t="s">
        <v>1488</v>
      </c>
      <c r="N110" s="499" t="s">
        <v>1489</v>
      </c>
      <c r="O110" s="499">
        <v>1</v>
      </c>
      <c r="P110" s="499" t="s">
        <v>932</v>
      </c>
      <c r="Q110" s="499" t="s">
        <v>1490</v>
      </c>
      <c r="R110" s="499" t="s">
        <v>1491</v>
      </c>
      <c r="S110" s="499" t="s">
        <v>1492</v>
      </c>
      <c r="T110" s="499" t="s">
        <v>1493</v>
      </c>
      <c r="U110" s="499" t="s">
        <v>1690</v>
      </c>
      <c r="V110" s="946" t="str">
        <f>_xlfn.XLOOKUP(H110, [5]GIS!D:D, [5]GIS!E:E, "Not mapped")</f>
        <v>Multiple - Scenario 2</v>
      </c>
      <c r="W110" s="499" t="s">
        <v>1723</v>
      </c>
      <c r="X110" s="579" t="s">
        <v>1496</v>
      </c>
      <c r="Y110" s="1258" t="s">
        <v>1497</v>
      </c>
      <c r="Z110" s="1259" t="s">
        <v>1498</v>
      </c>
      <c r="AA110" s="1259" t="s">
        <v>1498</v>
      </c>
      <c r="AB110" s="1259" t="s">
        <v>1498</v>
      </c>
      <c r="AC110" s="1259" t="s">
        <v>1498</v>
      </c>
      <c r="AD110" s="1259" t="s">
        <v>1498</v>
      </c>
      <c r="AE110" s="1259" t="s">
        <v>1498</v>
      </c>
      <c r="AF110" s="1259" t="s">
        <v>1498</v>
      </c>
      <c r="AG110" s="1259" t="s">
        <v>1498</v>
      </c>
      <c r="AH110" s="1259" t="s">
        <v>1498</v>
      </c>
      <c r="AI110" s="1259" t="s">
        <v>1498</v>
      </c>
      <c r="AJ110" s="1259" t="s">
        <v>1498</v>
      </c>
      <c r="AK110" s="1259" t="s">
        <v>1498</v>
      </c>
      <c r="AL110" s="1259" t="s">
        <v>1498</v>
      </c>
      <c r="AM110" s="1259" t="s">
        <v>1498</v>
      </c>
      <c r="AN110" s="1259" t="s">
        <v>1498</v>
      </c>
      <c r="AO110" s="1259" t="s">
        <v>1498</v>
      </c>
      <c r="AP110" s="1259" t="s">
        <v>1498</v>
      </c>
      <c r="AQ110" s="1259" t="s">
        <v>1498</v>
      </c>
      <c r="AR110" s="1259" t="s">
        <v>1498</v>
      </c>
      <c r="AS110" s="1259" t="s">
        <v>1498</v>
      </c>
      <c r="AT110" s="1259" t="s">
        <v>1498</v>
      </c>
      <c r="AU110" s="1259" t="s">
        <v>1498</v>
      </c>
      <c r="AV110" s="1259" t="s">
        <v>1498</v>
      </c>
      <c r="AW110" s="1259" t="s">
        <v>1498</v>
      </c>
      <c r="AX110" s="1259" t="s">
        <v>1498</v>
      </c>
      <c r="AY110" s="1259" t="s">
        <v>1498</v>
      </c>
      <c r="AZ110" s="905" t="s">
        <v>1840</v>
      </c>
      <c r="BA110" s="499" t="s">
        <v>722</v>
      </c>
      <c r="BB110" s="953" t="s">
        <v>53</v>
      </c>
      <c r="BC110" s="980">
        <f>ROUND((VLOOKUP(H110,'[5]Cost Summary'!A:H,8,)),0.1)</f>
        <v>49977</v>
      </c>
      <c r="BD110" s="499">
        <v>0</v>
      </c>
      <c r="BE110" s="499" t="s">
        <v>1500</v>
      </c>
      <c r="BF110" s="954" t="s">
        <v>1584</v>
      </c>
      <c r="BG110" s="1261">
        <v>32468.6</v>
      </c>
      <c r="BH110" s="976" t="e">
        <f t="shared" si="110"/>
        <v>#VALUE!</v>
      </c>
      <c r="BI110" s="972" t="e">
        <f t="shared" si="111"/>
        <v>#VALUE!</v>
      </c>
      <c r="BJ110" s="972" t="e">
        <f t="shared" si="112"/>
        <v>#VALUE!</v>
      </c>
      <c r="BK110" s="972" t="e">
        <f t="shared" si="113"/>
        <v>#VALUE!</v>
      </c>
      <c r="BL110" s="972" t="e">
        <f t="shared" si="114"/>
        <v>#VALUE!</v>
      </c>
      <c r="BM110" s="972" t="e">
        <f t="shared" si="115"/>
        <v>#VALUE!</v>
      </c>
      <c r="BN110" s="972" t="e">
        <f t="shared" si="116"/>
        <v>#VALUE!</v>
      </c>
      <c r="BO110" s="972" t="e">
        <f t="shared" si="117"/>
        <v>#VALUE!</v>
      </c>
      <c r="BP110" s="972" t="e">
        <f t="shared" si="118"/>
        <v>#VALUE!</v>
      </c>
      <c r="BQ110" s="972" t="e">
        <f t="shared" si="119"/>
        <v>#VALUE!</v>
      </c>
      <c r="BR110" s="972" t="e">
        <f t="shared" si="120"/>
        <v>#VALUE!</v>
      </c>
      <c r="BS110" s="972" t="e">
        <f t="shared" si="121"/>
        <v>#VALUE!</v>
      </c>
      <c r="BT110" s="972" t="e">
        <f t="shared" si="122"/>
        <v>#VALUE!</v>
      </c>
      <c r="BU110" s="972" t="e">
        <f t="shared" si="123"/>
        <v>#VALUE!</v>
      </c>
      <c r="BV110" s="972" t="e">
        <f t="shared" si="124"/>
        <v>#VALUE!</v>
      </c>
      <c r="BW110" s="972" t="e">
        <f t="shared" si="125"/>
        <v>#VALUE!</v>
      </c>
      <c r="BX110" s="972" t="e">
        <f t="shared" si="126"/>
        <v>#VALUE!</v>
      </c>
      <c r="BY110" s="972" t="e">
        <f t="shared" si="127"/>
        <v>#VALUE!</v>
      </c>
      <c r="BZ110" s="972" t="e">
        <f t="shared" si="128"/>
        <v>#VALUE!</v>
      </c>
      <c r="CA110" s="972" t="e">
        <f t="shared" si="129"/>
        <v>#VALUE!</v>
      </c>
      <c r="CB110" s="973" t="e">
        <f t="shared" si="85"/>
        <v>#VALUE!</v>
      </c>
    </row>
    <row r="111" spans="3:80" ht="86.25" hidden="1" x14ac:dyDescent="0.25">
      <c r="C111" s="597"/>
      <c r="D111" s="597"/>
      <c r="E111" s="597"/>
      <c r="F111" s="597"/>
      <c r="G111" s="597"/>
      <c r="H111" s="499" t="s">
        <v>1851</v>
      </c>
      <c r="I111" s="499" t="s">
        <v>1073</v>
      </c>
      <c r="J111" s="499" t="s">
        <v>1074</v>
      </c>
      <c r="K111" s="499" t="s">
        <v>1852</v>
      </c>
      <c r="L111" s="499" t="s">
        <v>1853</v>
      </c>
      <c r="M111" s="499" t="s">
        <v>1488</v>
      </c>
      <c r="N111" s="499" t="s">
        <v>1489</v>
      </c>
      <c r="O111" s="499">
        <v>1</v>
      </c>
      <c r="P111" s="499" t="s">
        <v>932</v>
      </c>
      <c r="Q111" s="499" t="s">
        <v>1490</v>
      </c>
      <c r="R111" s="499" t="s">
        <v>1491</v>
      </c>
      <c r="S111" s="499" t="s">
        <v>1492</v>
      </c>
      <c r="T111" s="499" t="s">
        <v>1493</v>
      </c>
      <c r="U111" s="499" t="s">
        <v>1854</v>
      </c>
      <c r="V111" s="946" t="str">
        <f>_xlfn.XLOOKUP(H111, [5]GIS!D:D, [5]GIS!E:E, "Not mapped")</f>
        <v>Multiple - Scenario 2</v>
      </c>
      <c r="W111" s="499" t="s">
        <v>1723</v>
      </c>
      <c r="X111" s="579" t="s">
        <v>1496</v>
      </c>
      <c r="Y111" s="1258" t="s">
        <v>1497</v>
      </c>
      <c r="Z111" s="1259" t="s">
        <v>1498</v>
      </c>
      <c r="AA111" s="1259" t="s">
        <v>1498</v>
      </c>
      <c r="AB111" s="1259" t="s">
        <v>1498</v>
      </c>
      <c r="AC111" s="1259" t="s">
        <v>1498</v>
      </c>
      <c r="AD111" s="1259" t="s">
        <v>1498</v>
      </c>
      <c r="AE111" s="1259" t="s">
        <v>1498</v>
      </c>
      <c r="AF111" s="1259" t="s">
        <v>1498</v>
      </c>
      <c r="AG111" s="1259" t="s">
        <v>1498</v>
      </c>
      <c r="AH111" s="1259" t="s">
        <v>1498</v>
      </c>
      <c r="AI111" s="1259" t="s">
        <v>1498</v>
      </c>
      <c r="AJ111" s="1259" t="s">
        <v>1498</v>
      </c>
      <c r="AK111" s="1259" t="s">
        <v>1498</v>
      </c>
      <c r="AL111" s="1259" t="s">
        <v>1498</v>
      </c>
      <c r="AM111" s="1259" t="s">
        <v>1498</v>
      </c>
      <c r="AN111" s="1259" t="s">
        <v>1498</v>
      </c>
      <c r="AO111" s="1259" t="s">
        <v>1498</v>
      </c>
      <c r="AP111" s="1259" t="s">
        <v>1498</v>
      </c>
      <c r="AQ111" s="1259" t="s">
        <v>1498</v>
      </c>
      <c r="AR111" s="1259" t="s">
        <v>1498</v>
      </c>
      <c r="AS111" s="1259" t="s">
        <v>1498</v>
      </c>
      <c r="AT111" s="1259" t="s">
        <v>1498</v>
      </c>
      <c r="AU111" s="1259" t="s">
        <v>1498</v>
      </c>
      <c r="AV111" s="1259" t="s">
        <v>1498</v>
      </c>
      <c r="AW111" s="1259" t="s">
        <v>1498</v>
      </c>
      <c r="AX111" s="1259" t="s">
        <v>1498</v>
      </c>
      <c r="AY111" s="1259" t="s">
        <v>1498</v>
      </c>
      <c r="AZ111" s="905" t="s">
        <v>1855</v>
      </c>
      <c r="BA111" s="499" t="s">
        <v>722</v>
      </c>
      <c r="BB111" s="953" t="s">
        <v>53</v>
      </c>
      <c r="BC111" s="980">
        <f>ROUND((VLOOKUP(H111,'[5]Cost Summary'!A:H,8,)),0.1)</f>
        <v>1376375</v>
      </c>
      <c r="BD111" s="499">
        <v>0</v>
      </c>
      <c r="BE111" s="499" t="s">
        <v>1500</v>
      </c>
      <c r="BF111" s="954" t="s">
        <v>1584</v>
      </c>
      <c r="BG111" s="1261">
        <v>894196.88</v>
      </c>
      <c r="BH111" s="976" t="e">
        <f t="shared" si="110"/>
        <v>#VALUE!</v>
      </c>
      <c r="BI111" s="972" t="e">
        <f t="shared" si="111"/>
        <v>#VALUE!</v>
      </c>
      <c r="BJ111" s="972" t="e">
        <f t="shared" si="112"/>
        <v>#VALUE!</v>
      </c>
      <c r="BK111" s="972" t="e">
        <f t="shared" si="113"/>
        <v>#VALUE!</v>
      </c>
      <c r="BL111" s="972" t="e">
        <f t="shared" si="114"/>
        <v>#VALUE!</v>
      </c>
      <c r="BM111" s="972" t="e">
        <f t="shared" si="115"/>
        <v>#VALUE!</v>
      </c>
      <c r="BN111" s="972" t="e">
        <f t="shared" si="116"/>
        <v>#VALUE!</v>
      </c>
      <c r="BO111" s="972" t="e">
        <f t="shared" si="117"/>
        <v>#VALUE!</v>
      </c>
      <c r="BP111" s="972" t="e">
        <f t="shared" si="118"/>
        <v>#VALUE!</v>
      </c>
      <c r="BQ111" s="972" t="e">
        <f t="shared" si="119"/>
        <v>#VALUE!</v>
      </c>
      <c r="BR111" s="972" t="e">
        <f t="shared" si="120"/>
        <v>#VALUE!</v>
      </c>
      <c r="BS111" s="972" t="e">
        <f t="shared" si="121"/>
        <v>#VALUE!</v>
      </c>
      <c r="BT111" s="972" t="e">
        <f t="shared" si="122"/>
        <v>#VALUE!</v>
      </c>
      <c r="BU111" s="972" t="e">
        <f t="shared" si="123"/>
        <v>#VALUE!</v>
      </c>
      <c r="BV111" s="972" t="e">
        <f t="shared" si="124"/>
        <v>#VALUE!</v>
      </c>
      <c r="BW111" s="972" t="e">
        <f t="shared" si="125"/>
        <v>#VALUE!</v>
      </c>
      <c r="BX111" s="972" t="e">
        <f t="shared" si="126"/>
        <v>#VALUE!</v>
      </c>
      <c r="BY111" s="972" t="e">
        <f t="shared" si="127"/>
        <v>#VALUE!</v>
      </c>
      <c r="BZ111" s="972" t="e">
        <f t="shared" si="128"/>
        <v>#VALUE!</v>
      </c>
      <c r="CA111" s="972" t="e">
        <f t="shared" si="129"/>
        <v>#VALUE!</v>
      </c>
      <c r="CB111" s="973" t="e">
        <f t="shared" si="85"/>
        <v>#VALUE!</v>
      </c>
    </row>
    <row r="112" spans="3:80" ht="72" hidden="1" x14ac:dyDescent="0.25">
      <c r="C112" s="597"/>
      <c r="D112" s="597"/>
      <c r="E112" s="597"/>
      <c r="F112" s="597"/>
      <c r="G112" s="597"/>
      <c r="H112" s="499" t="s">
        <v>1856</v>
      </c>
      <c r="I112" s="499" t="s">
        <v>1075</v>
      </c>
      <c r="J112" s="499" t="s">
        <v>1076</v>
      </c>
      <c r="K112" s="499">
        <v>51.742102000000003</v>
      </c>
      <c r="L112" s="499">
        <v>-0.44759399999999999</v>
      </c>
      <c r="M112" s="499" t="s">
        <v>1488</v>
      </c>
      <c r="N112" s="499" t="s">
        <v>1489</v>
      </c>
      <c r="O112" s="499">
        <v>1</v>
      </c>
      <c r="P112" s="499" t="s">
        <v>932</v>
      </c>
      <c r="Q112" s="499" t="s">
        <v>1490</v>
      </c>
      <c r="R112" s="499" t="s">
        <v>1491</v>
      </c>
      <c r="S112" s="499" t="s">
        <v>1492</v>
      </c>
      <c r="T112" s="499" t="s">
        <v>1493</v>
      </c>
      <c r="U112" s="499" t="s">
        <v>1854</v>
      </c>
      <c r="V112" s="946" t="str">
        <f>_xlfn.XLOOKUP(H112, [5]GIS!D:D, [5]GIS!E:E, "Not mapped")</f>
        <v>Multiple - Scenario 2</v>
      </c>
      <c r="W112" s="499" t="s">
        <v>1723</v>
      </c>
      <c r="X112" s="579" t="s">
        <v>1496</v>
      </c>
      <c r="Y112" s="1258" t="s">
        <v>1497</v>
      </c>
      <c r="Z112" s="1259" t="s">
        <v>1498</v>
      </c>
      <c r="AA112" s="1259" t="s">
        <v>1498</v>
      </c>
      <c r="AB112" s="1259" t="s">
        <v>1498</v>
      </c>
      <c r="AC112" s="1259" t="s">
        <v>1498</v>
      </c>
      <c r="AD112" s="1259" t="s">
        <v>1498</v>
      </c>
      <c r="AE112" s="1259" t="s">
        <v>1498</v>
      </c>
      <c r="AF112" s="1259" t="s">
        <v>1498</v>
      </c>
      <c r="AG112" s="1259" t="s">
        <v>1498</v>
      </c>
      <c r="AH112" s="1259" t="s">
        <v>1498</v>
      </c>
      <c r="AI112" s="1259" t="s">
        <v>1498</v>
      </c>
      <c r="AJ112" s="1259" t="s">
        <v>1498</v>
      </c>
      <c r="AK112" s="1259" t="s">
        <v>1498</v>
      </c>
      <c r="AL112" s="1259" t="s">
        <v>1498</v>
      </c>
      <c r="AM112" s="1259" t="s">
        <v>1498</v>
      </c>
      <c r="AN112" s="1259" t="s">
        <v>1498</v>
      </c>
      <c r="AO112" s="1259" t="s">
        <v>1498</v>
      </c>
      <c r="AP112" s="1259" t="s">
        <v>1498</v>
      </c>
      <c r="AQ112" s="1259" t="s">
        <v>1498</v>
      </c>
      <c r="AR112" s="1259" t="s">
        <v>1498</v>
      </c>
      <c r="AS112" s="1259" t="s">
        <v>1498</v>
      </c>
      <c r="AT112" s="1259" t="s">
        <v>1498</v>
      </c>
      <c r="AU112" s="1259" t="s">
        <v>1498</v>
      </c>
      <c r="AV112" s="1259" t="s">
        <v>1498</v>
      </c>
      <c r="AW112" s="1259" t="s">
        <v>1498</v>
      </c>
      <c r="AX112" s="1259" t="s">
        <v>1498</v>
      </c>
      <c r="AY112" s="1259" t="s">
        <v>1498</v>
      </c>
      <c r="AZ112" s="905" t="s">
        <v>1855</v>
      </c>
      <c r="BA112" s="499" t="s">
        <v>722</v>
      </c>
      <c r="BB112" s="953" t="s">
        <v>53</v>
      </c>
      <c r="BC112" s="980">
        <f>ROUND((VLOOKUP(H112,'[5]Cost Summary'!A:H,8,)),0.1)</f>
        <v>132</v>
      </c>
      <c r="BD112" s="499">
        <v>0</v>
      </c>
      <c r="BE112" s="499" t="s">
        <v>1500</v>
      </c>
      <c r="BF112" s="954" t="s">
        <v>1584</v>
      </c>
      <c r="BG112" s="1261">
        <v>85.82</v>
      </c>
      <c r="BH112" s="976" t="e">
        <f t="shared" si="110"/>
        <v>#VALUE!</v>
      </c>
      <c r="BI112" s="972" t="e">
        <f t="shared" si="111"/>
        <v>#VALUE!</v>
      </c>
      <c r="BJ112" s="972" t="e">
        <f t="shared" si="112"/>
        <v>#VALUE!</v>
      </c>
      <c r="BK112" s="972" t="e">
        <f t="shared" si="113"/>
        <v>#VALUE!</v>
      </c>
      <c r="BL112" s="972" t="e">
        <f t="shared" si="114"/>
        <v>#VALUE!</v>
      </c>
      <c r="BM112" s="972" t="e">
        <f t="shared" si="115"/>
        <v>#VALUE!</v>
      </c>
      <c r="BN112" s="972" t="e">
        <f t="shared" si="116"/>
        <v>#VALUE!</v>
      </c>
      <c r="BO112" s="972" t="e">
        <f t="shared" si="117"/>
        <v>#VALUE!</v>
      </c>
      <c r="BP112" s="972" t="e">
        <f t="shared" si="118"/>
        <v>#VALUE!</v>
      </c>
      <c r="BQ112" s="972" t="e">
        <f t="shared" si="119"/>
        <v>#VALUE!</v>
      </c>
      <c r="BR112" s="972" t="e">
        <f t="shared" si="120"/>
        <v>#VALUE!</v>
      </c>
      <c r="BS112" s="972" t="e">
        <f t="shared" si="121"/>
        <v>#VALUE!</v>
      </c>
      <c r="BT112" s="972" t="e">
        <f t="shared" si="122"/>
        <v>#VALUE!</v>
      </c>
      <c r="BU112" s="972" t="e">
        <f t="shared" si="123"/>
        <v>#VALUE!</v>
      </c>
      <c r="BV112" s="972" t="e">
        <f t="shared" si="124"/>
        <v>#VALUE!</v>
      </c>
      <c r="BW112" s="972" t="e">
        <f t="shared" si="125"/>
        <v>#VALUE!</v>
      </c>
      <c r="BX112" s="972" t="e">
        <f t="shared" si="126"/>
        <v>#VALUE!</v>
      </c>
      <c r="BY112" s="972" t="e">
        <f t="shared" si="127"/>
        <v>#VALUE!</v>
      </c>
      <c r="BZ112" s="972" t="e">
        <f t="shared" si="128"/>
        <v>#VALUE!</v>
      </c>
      <c r="CA112" s="972" t="e">
        <f t="shared" si="129"/>
        <v>#VALUE!</v>
      </c>
      <c r="CB112" s="973" t="e">
        <f t="shared" si="85"/>
        <v>#VALUE!</v>
      </c>
    </row>
    <row r="113" spans="3:80" ht="86.25" hidden="1" x14ac:dyDescent="0.25">
      <c r="C113" s="597"/>
      <c r="D113" s="597"/>
      <c r="E113" s="597"/>
      <c r="F113" s="597"/>
      <c r="G113" s="597"/>
      <c r="H113" s="499" t="s">
        <v>1857</v>
      </c>
      <c r="I113" s="499" t="s">
        <v>1077</v>
      </c>
      <c r="J113" s="499" t="s">
        <v>1858</v>
      </c>
      <c r="K113" s="499">
        <v>51.742102000000003</v>
      </c>
      <c r="L113" s="499">
        <v>-0.44759399999999999</v>
      </c>
      <c r="M113" s="499" t="s">
        <v>1488</v>
      </c>
      <c r="N113" s="499" t="s">
        <v>1489</v>
      </c>
      <c r="O113" s="499">
        <v>1</v>
      </c>
      <c r="P113" s="499" t="s">
        <v>932</v>
      </c>
      <c r="Q113" s="499" t="s">
        <v>1490</v>
      </c>
      <c r="R113" s="499" t="s">
        <v>1491</v>
      </c>
      <c r="S113" s="499" t="s">
        <v>1492</v>
      </c>
      <c r="T113" s="499" t="s">
        <v>1493</v>
      </c>
      <c r="U113" s="499" t="s">
        <v>1854</v>
      </c>
      <c r="V113" s="946" t="str">
        <f>_xlfn.XLOOKUP(H113, [5]GIS!D:D, [5]GIS!E:E, "Not mapped")</f>
        <v>Multiple - Scenario 2</v>
      </c>
      <c r="W113" s="499" t="s">
        <v>1723</v>
      </c>
      <c r="X113" s="579" t="s">
        <v>1496</v>
      </c>
      <c r="Y113" s="1258" t="s">
        <v>1497</v>
      </c>
      <c r="Z113" s="1259" t="s">
        <v>1498</v>
      </c>
      <c r="AA113" s="1259" t="s">
        <v>1498</v>
      </c>
      <c r="AB113" s="1259" t="s">
        <v>1498</v>
      </c>
      <c r="AC113" s="1259" t="s">
        <v>1498</v>
      </c>
      <c r="AD113" s="1259" t="s">
        <v>1498</v>
      </c>
      <c r="AE113" s="1259" t="s">
        <v>1498</v>
      </c>
      <c r="AF113" s="1259" t="s">
        <v>1498</v>
      </c>
      <c r="AG113" s="1259" t="s">
        <v>1498</v>
      </c>
      <c r="AH113" s="1259" t="s">
        <v>1498</v>
      </c>
      <c r="AI113" s="1259" t="s">
        <v>1498</v>
      </c>
      <c r="AJ113" s="1259" t="s">
        <v>1498</v>
      </c>
      <c r="AK113" s="1259" t="s">
        <v>1498</v>
      </c>
      <c r="AL113" s="1259" t="s">
        <v>1498</v>
      </c>
      <c r="AM113" s="1259" t="s">
        <v>1498</v>
      </c>
      <c r="AN113" s="1259" t="s">
        <v>1498</v>
      </c>
      <c r="AO113" s="1259" t="s">
        <v>1498</v>
      </c>
      <c r="AP113" s="1259" t="s">
        <v>1498</v>
      </c>
      <c r="AQ113" s="1259" t="s">
        <v>1498</v>
      </c>
      <c r="AR113" s="1259" t="s">
        <v>1498</v>
      </c>
      <c r="AS113" s="1259" t="s">
        <v>1498</v>
      </c>
      <c r="AT113" s="1259" t="s">
        <v>1498</v>
      </c>
      <c r="AU113" s="1259" t="s">
        <v>1498</v>
      </c>
      <c r="AV113" s="1259" t="s">
        <v>1498</v>
      </c>
      <c r="AW113" s="1259" t="s">
        <v>1498</v>
      </c>
      <c r="AX113" s="1259" t="s">
        <v>1498</v>
      </c>
      <c r="AY113" s="1259" t="s">
        <v>1498</v>
      </c>
      <c r="AZ113" s="905" t="s">
        <v>1855</v>
      </c>
      <c r="BA113" s="499" t="s">
        <v>722</v>
      </c>
      <c r="BB113" s="953" t="s">
        <v>53</v>
      </c>
      <c r="BC113" s="980">
        <f>ROUND((VLOOKUP(H113,'[5]Cost Summary'!A:H,8,)),0.1)</f>
        <v>72774</v>
      </c>
      <c r="BD113" s="499">
        <v>0</v>
      </c>
      <c r="BE113" s="499" t="s">
        <v>1500</v>
      </c>
      <c r="BF113" s="954" t="s">
        <v>1584</v>
      </c>
      <c r="BG113" s="1261">
        <v>47279.38</v>
      </c>
      <c r="BH113" s="976" t="e">
        <f t="shared" si="110"/>
        <v>#VALUE!</v>
      </c>
      <c r="BI113" s="972" t="e">
        <f t="shared" si="111"/>
        <v>#VALUE!</v>
      </c>
      <c r="BJ113" s="972" t="e">
        <f t="shared" si="112"/>
        <v>#VALUE!</v>
      </c>
      <c r="BK113" s="972" t="e">
        <f t="shared" si="113"/>
        <v>#VALUE!</v>
      </c>
      <c r="BL113" s="972" t="e">
        <f t="shared" si="114"/>
        <v>#VALUE!</v>
      </c>
      <c r="BM113" s="972" t="e">
        <f t="shared" si="115"/>
        <v>#VALUE!</v>
      </c>
      <c r="BN113" s="972" t="e">
        <f t="shared" si="116"/>
        <v>#VALUE!</v>
      </c>
      <c r="BO113" s="972" t="e">
        <f t="shared" si="117"/>
        <v>#VALUE!</v>
      </c>
      <c r="BP113" s="972" t="e">
        <f t="shared" si="118"/>
        <v>#VALUE!</v>
      </c>
      <c r="BQ113" s="972" t="e">
        <f t="shared" si="119"/>
        <v>#VALUE!</v>
      </c>
      <c r="BR113" s="972" t="e">
        <f t="shared" si="120"/>
        <v>#VALUE!</v>
      </c>
      <c r="BS113" s="972" t="e">
        <f t="shared" si="121"/>
        <v>#VALUE!</v>
      </c>
      <c r="BT113" s="972" t="e">
        <f t="shared" si="122"/>
        <v>#VALUE!</v>
      </c>
      <c r="BU113" s="972" t="e">
        <f t="shared" si="123"/>
        <v>#VALUE!</v>
      </c>
      <c r="BV113" s="972" t="e">
        <f t="shared" si="124"/>
        <v>#VALUE!</v>
      </c>
      <c r="BW113" s="972" t="e">
        <f t="shared" si="125"/>
        <v>#VALUE!</v>
      </c>
      <c r="BX113" s="972" t="e">
        <f t="shared" si="126"/>
        <v>#VALUE!</v>
      </c>
      <c r="BY113" s="972" t="e">
        <f t="shared" si="127"/>
        <v>#VALUE!</v>
      </c>
      <c r="BZ113" s="972" t="e">
        <f t="shared" si="128"/>
        <v>#VALUE!</v>
      </c>
      <c r="CA113" s="972" t="e">
        <f t="shared" si="129"/>
        <v>#VALUE!</v>
      </c>
      <c r="CB113" s="973" t="e">
        <f t="shared" si="85"/>
        <v>#VALUE!</v>
      </c>
    </row>
    <row r="114" spans="3:80" ht="90" hidden="1" x14ac:dyDescent="0.25">
      <c r="C114" s="597"/>
      <c r="D114" s="597" t="s">
        <v>66</v>
      </c>
      <c r="E114" s="597"/>
      <c r="F114" s="597" t="s">
        <v>66</v>
      </c>
      <c r="G114" s="597"/>
      <c r="H114" s="1281" t="s">
        <v>1859</v>
      </c>
      <c r="I114" s="1281" t="s">
        <v>1079</v>
      </c>
      <c r="J114" s="1281" t="s">
        <v>1860</v>
      </c>
      <c r="K114" s="1281" t="s">
        <v>1521</v>
      </c>
      <c r="L114" s="1281" t="s">
        <v>1521</v>
      </c>
      <c r="M114" s="1281" t="s">
        <v>1488</v>
      </c>
      <c r="N114" s="1281" t="s">
        <v>1489</v>
      </c>
      <c r="O114" s="1281"/>
      <c r="P114" s="1281" t="s">
        <v>932</v>
      </c>
      <c r="Q114" s="1281" t="s">
        <v>1490</v>
      </c>
      <c r="R114" s="1281" t="s">
        <v>1491</v>
      </c>
      <c r="S114" s="1281" t="s">
        <v>1492</v>
      </c>
      <c r="T114" s="1281" t="s">
        <v>1493</v>
      </c>
      <c r="U114" s="1281" t="s">
        <v>1854</v>
      </c>
      <c r="V114" s="958" t="str">
        <f>_xlfn.XLOOKUP(H114, [5]GIS!D:D, [5]GIS!E:E, "Not mapped")</f>
        <v>Single - Scenario 3</v>
      </c>
      <c r="W114" s="1281" t="s">
        <v>1723</v>
      </c>
      <c r="X114" s="1282"/>
      <c r="Y114" s="1283" t="s">
        <v>1719</v>
      </c>
      <c r="Z114" s="1281"/>
      <c r="AA114" s="1281"/>
      <c r="AB114" s="1281"/>
      <c r="AC114" s="1281"/>
      <c r="AD114" s="1281"/>
      <c r="AE114" s="1281"/>
      <c r="AF114" s="1281"/>
      <c r="AG114" s="1281"/>
      <c r="AH114" s="1282"/>
      <c r="AI114" s="1291"/>
      <c r="AJ114" s="1284"/>
      <c r="AK114" s="1284"/>
      <c r="AL114" s="1284"/>
      <c r="AM114" s="1284"/>
      <c r="AN114" s="1284"/>
      <c r="AO114" s="1284"/>
      <c r="AP114" s="1284"/>
      <c r="AQ114" s="1284"/>
      <c r="AR114" s="1284"/>
      <c r="AS114" s="1284"/>
      <c r="AT114" s="1284"/>
      <c r="AU114" s="1284"/>
      <c r="AV114" s="1284"/>
      <c r="AW114" s="1284"/>
      <c r="AX114" s="1285"/>
      <c r="AY114" s="1284"/>
      <c r="AZ114" s="1286" t="s">
        <v>1855</v>
      </c>
      <c r="BA114" s="1281" t="s">
        <v>722</v>
      </c>
      <c r="BB114" s="1282" t="s">
        <v>53</v>
      </c>
      <c r="BC114" s="1287">
        <v>37001.25</v>
      </c>
      <c r="BD114" s="1263">
        <v>0</v>
      </c>
      <c r="BE114" s="1263" t="s">
        <v>1500</v>
      </c>
      <c r="BF114" s="1288" t="s">
        <v>1721</v>
      </c>
      <c r="BG114" s="978">
        <v>37001.25</v>
      </c>
      <c r="BH114" s="976" t="e">
        <f t="shared" si="110"/>
        <v>#DIV/0!</v>
      </c>
      <c r="BI114" s="972" t="e">
        <f t="shared" si="111"/>
        <v>#DIV/0!</v>
      </c>
      <c r="BJ114" s="972" t="e">
        <f t="shared" si="112"/>
        <v>#DIV/0!</v>
      </c>
      <c r="BK114" s="972" t="e">
        <f t="shared" si="113"/>
        <v>#DIV/0!</v>
      </c>
      <c r="BL114" s="972" t="e">
        <f t="shared" si="114"/>
        <v>#DIV/0!</v>
      </c>
      <c r="BM114" s="972" t="e">
        <f t="shared" si="115"/>
        <v>#DIV/0!</v>
      </c>
      <c r="BN114" s="972" t="e">
        <f t="shared" si="116"/>
        <v>#DIV/0!</v>
      </c>
      <c r="BO114" s="972" t="e">
        <f t="shared" si="117"/>
        <v>#DIV/0!</v>
      </c>
      <c r="BP114" s="972" t="e">
        <f t="shared" si="118"/>
        <v>#DIV/0!</v>
      </c>
      <c r="BQ114" s="972" t="e">
        <f t="shared" si="119"/>
        <v>#DIV/0!</v>
      </c>
      <c r="BR114" s="972" t="e">
        <f t="shared" si="120"/>
        <v>#DIV/0!</v>
      </c>
      <c r="BS114" s="972" t="e">
        <f t="shared" si="121"/>
        <v>#DIV/0!</v>
      </c>
      <c r="BT114" s="972" t="e">
        <f t="shared" si="122"/>
        <v>#DIV/0!</v>
      </c>
      <c r="BU114" s="972" t="e">
        <f t="shared" si="123"/>
        <v>#DIV/0!</v>
      </c>
      <c r="BV114" s="972" t="e">
        <f t="shared" si="124"/>
        <v>#DIV/0!</v>
      </c>
      <c r="BW114" s="972" t="e">
        <f t="shared" si="125"/>
        <v>#DIV/0!</v>
      </c>
      <c r="BX114" s="972" t="e">
        <f t="shared" si="126"/>
        <v>#DIV/0!</v>
      </c>
      <c r="BY114" s="972" t="e">
        <f t="shared" si="127"/>
        <v>#DIV/0!</v>
      </c>
      <c r="BZ114" s="972" t="e">
        <f t="shared" si="128"/>
        <v>#DIV/0!</v>
      </c>
      <c r="CA114" s="972" t="e">
        <f t="shared" si="129"/>
        <v>#DIV/0!</v>
      </c>
      <c r="CB114" s="973" t="e">
        <f t="shared" si="85"/>
        <v>#DIV/0!</v>
      </c>
    </row>
    <row r="115" spans="3:80" ht="72" hidden="1" x14ac:dyDescent="0.25">
      <c r="C115" s="597"/>
      <c r="D115" s="597" t="s">
        <v>66</v>
      </c>
      <c r="E115" s="597"/>
      <c r="F115" s="597"/>
      <c r="G115" s="597"/>
      <c r="H115" s="499" t="s">
        <v>1862</v>
      </c>
      <c r="I115" s="499" t="s">
        <v>1081</v>
      </c>
      <c r="J115" s="499" t="s">
        <v>1082</v>
      </c>
      <c r="K115" s="499" t="s">
        <v>1521</v>
      </c>
      <c r="L115" s="499" t="s">
        <v>1521</v>
      </c>
      <c r="M115" s="499" t="s">
        <v>1488</v>
      </c>
      <c r="N115" s="499" t="s">
        <v>1489</v>
      </c>
      <c r="O115" s="499">
        <v>1</v>
      </c>
      <c r="P115" s="499" t="s">
        <v>932</v>
      </c>
      <c r="Q115" s="499" t="s">
        <v>1490</v>
      </c>
      <c r="R115" s="499" t="s">
        <v>1491</v>
      </c>
      <c r="S115" s="499" t="s">
        <v>1492</v>
      </c>
      <c r="T115" s="499" t="s">
        <v>1493</v>
      </c>
      <c r="U115" s="499" t="s">
        <v>1854</v>
      </c>
      <c r="V115" s="946" t="str">
        <f>_xlfn.XLOOKUP(H115, [5]GIS!D:D, [5]GIS!E:E, "Not mapped")</f>
        <v>Single - Scenario 3</v>
      </c>
      <c r="W115" s="1262" t="s">
        <v>1515</v>
      </c>
      <c r="X115" s="579" t="s">
        <v>1496</v>
      </c>
      <c r="Y115" s="1258" t="s">
        <v>1497</v>
      </c>
      <c r="Z115" s="1259" t="s">
        <v>1498</v>
      </c>
      <c r="AA115" s="1259" t="s">
        <v>1498</v>
      </c>
      <c r="AB115" s="1259" t="s">
        <v>1498</v>
      </c>
      <c r="AC115" s="1259" t="s">
        <v>1498</v>
      </c>
      <c r="AD115" s="1259" t="s">
        <v>1498</v>
      </c>
      <c r="AE115" s="1259" t="s">
        <v>1498</v>
      </c>
      <c r="AF115" s="1259" t="s">
        <v>1498</v>
      </c>
      <c r="AG115" s="1259" t="s">
        <v>1498</v>
      </c>
      <c r="AH115" s="1259" t="s">
        <v>1498</v>
      </c>
      <c r="AI115" s="1259" t="s">
        <v>1498</v>
      </c>
      <c r="AJ115" s="1259" t="s">
        <v>1498</v>
      </c>
      <c r="AK115" s="1259" t="s">
        <v>1498</v>
      </c>
      <c r="AL115" s="1259" t="s">
        <v>1498</v>
      </c>
      <c r="AM115" s="1259" t="s">
        <v>1498</v>
      </c>
      <c r="AN115" s="1259" t="s">
        <v>1498</v>
      </c>
      <c r="AO115" s="1259" t="s">
        <v>1498</v>
      </c>
      <c r="AP115" s="1259" t="s">
        <v>1498</v>
      </c>
      <c r="AQ115" s="1259" t="s">
        <v>1498</v>
      </c>
      <c r="AR115" s="1259" t="s">
        <v>1498</v>
      </c>
      <c r="AS115" s="1259" t="s">
        <v>1498</v>
      </c>
      <c r="AT115" s="1259" t="s">
        <v>1498</v>
      </c>
      <c r="AU115" s="1259" t="s">
        <v>1498</v>
      </c>
      <c r="AV115" s="1259" t="s">
        <v>1498</v>
      </c>
      <c r="AW115" s="1259" t="s">
        <v>1498</v>
      </c>
      <c r="AX115" s="1259" t="s">
        <v>1498</v>
      </c>
      <c r="AY115" s="1259" t="s">
        <v>1498</v>
      </c>
      <c r="AZ115" s="905" t="s">
        <v>1855</v>
      </c>
      <c r="BA115" s="499" t="s">
        <v>722</v>
      </c>
      <c r="BB115" s="953" t="s">
        <v>53</v>
      </c>
      <c r="BC115" s="980">
        <f>ROUND((VLOOKUP(H115,'[5]Cost Summary'!A:H,8,)),0.1)</f>
        <v>7594</v>
      </c>
      <c r="BD115" s="499">
        <v>0</v>
      </c>
      <c r="BE115" s="499" t="s">
        <v>1500</v>
      </c>
      <c r="BF115" s="954" t="s">
        <v>1584</v>
      </c>
      <c r="BG115" s="1261">
        <v>4933.5</v>
      </c>
      <c r="BH115" s="976" t="e">
        <f t="shared" si="110"/>
        <v>#VALUE!</v>
      </c>
      <c r="BI115" s="972" t="e">
        <f t="shared" si="111"/>
        <v>#VALUE!</v>
      </c>
      <c r="BJ115" s="972" t="e">
        <f t="shared" si="112"/>
        <v>#VALUE!</v>
      </c>
      <c r="BK115" s="972" t="e">
        <f t="shared" si="113"/>
        <v>#VALUE!</v>
      </c>
      <c r="BL115" s="972" t="e">
        <f t="shared" si="114"/>
        <v>#VALUE!</v>
      </c>
      <c r="BM115" s="972" t="e">
        <f t="shared" si="115"/>
        <v>#VALUE!</v>
      </c>
      <c r="BN115" s="972" t="e">
        <f t="shared" si="116"/>
        <v>#VALUE!</v>
      </c>
      <c r="BO115" s="972" t="e">
        <f t="shared" si="117"/>
        <v>#VALUE!</v>
      </c>
      <c r="BP115" s="972" t="e">
        <f t="shared" si="118"/>
        <v>#VALUE!</v>
      </c>
      <c r="BQ115" s="972" t="e">
        <f t="shared" si="119"/>
        <v>#VALUE!</v>
      </c>
      <c r="BR115" s="972" t="e">
        <f t="shared" si="120"/>
        <v>#VALUE!</v>
      </c>
      <c r="BS115" s="972" t="e">
        <f t="shared" si="121"/>
        <v>#VALUE!</v>
      </c>
      <c r="BT115" s="972" t="e">
        <f t="shared" si="122"/>
        <v>#VALUE!</v>
      </c>
      <c r="BU115" s="972" t="e">
        <f t="shared" si="123"/>
        <v>#VALUE!</v>
      </c>
      <c r="BV115" s="972" t="e">
        <f t="shared" si="124"/>
        <v>#VALUE!</v>
      </c>
      <c r="BW115" s="972" t="e">
        <f t="shared" si="125"/>
        <v>#VALUE!</v>
      </c>
      <c r="BX115" s="972" t="e">
        <f t="shared" si="126"/>
        <v>#VALUE!</v>
      </c>
      <c r="BY115" s="972" t="e">
        <f t="shared" si="127"/>
        <v>#VALUE!</v>
      </c>
      <c r="BZ115" s="972" t="e">
        <f t="shared" si="128"/>
        <v>#VALUE!</v>
      </c>
      <c r="CA115" s="972" t="e">
        <f t="shared" si="129"/>
        <v>#VALUE!</v>
      </c>
      <c r="CB115" s="973" t="e">
        <f t="shared" si="85"/>
        <v>#VALUE!</v>
      </c>
    </row>
    <row r="116" spans="3:80" ht="72" hidden="1" x14ac:dyDescent="0.25">
      <c r="C116" s="597"/>
      <c r="D116" s="597" t="s">
        <v>66</v>
      </c>
      <c r="E116" s="597"/>
      <c r="F116" s="597"/>
      <c r="G116" s="597"/>
      <c r="H116" s="499" t="s">
        <v>1863</v>
      </c>
      <c r="I116" s="499" t="s">
        <v>1083</v>
      </c>
      <c r="J116" s="499" t="s">
        <v>1084</v>
      </c>
      <c r="K116" s="499">
        <v>51.745147979999999</v>
      </c>
      <c r="L116" s="499">
        <v>-0.43971158500000002</v>
      </c>
      <c r="M116" s="499" t="s">
        <v>1488</v>
      </c>
      <c r="N116" s="499" t="s">
        <v>1489</v>
      </c>
      <c r="O116" s="499">
        <v>1</v>
      </c>
      <c r="P116" s="499" t="s">
        <v>932</v>
      </c>
      <c r="Q116" s="499" t="s">
        <v>1490</v>
      </c>
      <c r="R116" s="499" t="s">
        <v>1491</v>
      </c>
      <c r="S116" s="499" t="s">
        <v>1492</v>
      </c>
      <c r="T116" s="499" t="s">
        <v>1493</v>
      </c>
      <c r="U116" s="499" t="s">
        <v>1854</v>
      </c>
      <c r="V116" s="946" t="str">
        <f>_xlfn.XLOOKUP(H116, [5]GIS!D:D, [5]GIS!E:E, "Not mapped")</f>
        <v>Single - Scenario 3</v>
      </c>
      <c r="W116" s="1262" t="s">
        <v>1515</v>
      </c>
      <c r="X116" s="579" t="s">
        <v>1496</v>
      </c>
      <c r="Y116" s="1258" t="s">
        <v>1497</v>
      </c>
      <c r="Z116" s="1259" t="s">
        <v>1498</v>
      </c>
      <c r="AA116" s="1259" t="s">
        <v>1498</v>
      </c>
      <c r="AB116" s="1259" t="s">
        <v>1498</v>
      </c>
      <c r="AC116" s="1259" t="s">
        <v>1498</v>
      </c>
      <c r="AD116" s="1259" t="s">
        <v>1498</v>
      </c>
      <c r="AE116" s="1259" t="s">
        <v>1498</v>
      </c>
      <c r="AF116" s="1259" t="s">
        <v>1498</v>
      </c>
      <c r="AG116" s="1259" t="s">
        <v>1498</v>
      </c>
      <c r="AH116" s="1259" t="s">
        <v>1498</v>
      </c>
      <c r="AI116" s="1259" t="s">
        <v>1498</v>
      </c>
      <c r="AJ116" s="1259" t="s">
        <v>1498</v>
      </c>
      <c r="AK116" s="1259" t="s">
        <v>1498</v>
      </c>
      <c r="AL116" s="1259" t="s">
        <v>1498</v>
      </c>
      <c r="AM116" s="1259" t="s">
        <v>1498</v>
      </c>
      <c r="AN116" s="1259" t="s">
        <v>1498</v>
      </c>
      <c r="AO116" s="1259" t="s">
        <v>1498</v>
      </c>
      <c r="AP116" s="1259" t="s">
        <v>1498</v>
      </c>
      <c r="AQ116" s="1259" t="s">
        <v>1498</v>
      </c>
      <c r="AR116" s="1259" t="s">
        <v>1498</v>
      </c>
      <c r="AS116" s="1259" t="s">
        <v>1498</v>
      </c>
      <c r="AT116" s="1259" t="s">
        <v>1498</v>
      </c>
      <c r="AU116" s="1259" t="s">
        <v>1498</v>
      </c>
      <c r="AV116" s="1259" t="s">
        <v>1498</v>
      </c>
      <c r="AW116" s="1259" t="s">
        <v>1498</v>
      </c>
      <c r="AX116" s="1259" t="s">
        <v>1498</v>
      </c>
      <c r="AY116" s="1259" t="s">
        <v>1498</v>
      </c>
      <c r="AZ116" s="905" t="s">
        <v>1855</v>
      </c>
      <c r="BA116" s="499" t="s">
        <v>722</v>
      </c>
      <c r="BB116" s="953" t="s">
        <v>53</v>
      </c>
      <c r="BC116" s="980">
        <f>ROUND((VLOOKUP(H116,'[5]Cost Summary'!A:H,8,)),0.1)</f>
        <v>797</v>
      </c>
      <c r="BD116" s="499">
        <v>0</v>
      </c>
      <c r="BE116" s="499" t="s">
        <v>1500</v>
      </c>
      <c r="BF116" s="954" t="s">
        <v>1584</v>
      </c>
      <c r="BG116" s="1261">
        <v>518.02</v>
      </c>
      <c r="BH116" s="976" t="e">
        <f t="shared" si="110"/>
        <v>#VALUE!</v>
      </c>
      <c r="BI116" s="972" t="e">
        <f t="shared" si="111"/>
        <v>#VALUE!</v>
      </c>
      <c r="BJ116" s="972" t="e">
        <f t="shared" si="112"/>
        <v>#VALUE!</v>
      </c>
      <c r="BK116" s="972" t="e">
        <f t="shared" si="113"/>
        <v>#VALUE!</v>
      </c>
      <c r="BL116" s="972" t="e">
        <f t="shared" si="114"/>
        <v>#VALUE!</v>
      </c>
      <c r="BM116" s="972" t="e">
        <f t="shared" si="115"/>
        <v>#VALUE!</v>
      </c>
      <c r="BN116" s="972" t="e">
        <f t="shared" si="116"/>
        <v>#VALUE!</v>
      </c>
      <c r="BO116" s="972" t="e">
        <f t="shared" si="117"/>
        <v>#VALUE!</v>
      </c>
      <c r="BP116" s="972" t="e">
        <f t="shared" si="118"/>
        <v>#VALUE!</v>
      </c>
      <c r="BQ116" s="972" t="e">
        <f t="shared" si="119"/>
        <v>#VALUE!</v>
      </c>
      <c r="BR116" s="972" t="e">
        <f t="shared" si="120"/>
        <v>#VALUE!</v>
      </c>
      <c r="BS116" s="972" t="e">
        <f t="shared" si="121"/>
        <v>#VALUE!</v>
      </c>
      <c r="BT116" s="972" t="e">
        <f t="shared" si="122"/>
        <v>#VALUE!</v>
      </c>
      <c r="BU116" s="972" t="e">
        <f t="shared" si="123"/>
        <v>#VALUE!</v>
      </c>
      <c r="BV116" s="972" t="e">
        <f t="shared" si="124"/>
        <v>#VALUE!</v>
      </c>
      <c r="BW116" s="972" t="e">
        <f t="shared" si="125"/>
        <v>#VALUE!</v>
      </c>
      <c r="BX116" s="972" t="e">
        <f t="shared" si="126"/>
        <v>#VALUE!</v>
      </c>
      <c r="BY116" s="972" t="e">
        <f t="shared" si="127"/>
        <v>#VALUE!</v>
      </c>
      <c r="BZ116" s="972" t="e">
        <f t="shared" si="128"/>
        <v>#VALUE!</v>
      </c>
      <c r="CA116" s="972" t="e">
        <f t="shared" si="129"/>
        <v>#VALUE!</v>
      </c>
      <c r="CB116" s="973" t="e">
        <f t="shared" si="85"/>
        <v>#VALUE!</v>
      </c>
    </row>
    <row r="117" spans="3:80" ht="75" hidden="1" x14ac:dyDescent="0.25">
      <c r="C117" s="597"/>
      <c r="D117" s="597" t="s">
        <v>66</v>
      </c>
      <c r="E117" s="597"/>
      <c r="F117" s="597"/>
      <c r="G117" s="597"/>
      <c r="H117" s="499" t="s">
        <v>1864</v>
      </c>
      <c r="I117" s="499" t="s">
        <v>1085</v>
      </c>
      <c r="J117" s="499" t="s">
        <v>1086</v>
      </c>
      <c r="K117" s="499" t="s">
        <v>1521</v>
      </c>
      <c r="L117" s="499" t="s">
        <v>1521</v>
      </c>
      <c r="M117" s="499" t="s">
        <v>1488</v>
      </c>
      <c r="N117" s="499" t="s">
        <v>1489</v>
      </c>
      <c r="O117" s="499">
        <v>1</v>
      </c>
      <c r="P117" s="499" t="s">
        <v>932</v>
      </c>
      <c r="Q117" s="499" t="s">
        <v>1490</v>
      </c>
      <c r="R117" s="499" t="s">
        <v>1491</v>
      </c>
      <c r="S117" s="499" t="s">
        <v>1492</v>
      </c>
      <c r="T117" s="499" t="s">
        <v>1493</v>
      </c>
      <c r="U117" s="499" t="s">
        <v>1854</v>
      </c>
      <c r="V117" s="946" t="str">
        <f>_xlfn.XLOOKUP(H117, [5]GIS!D:D, [5]GIS!E:E, "Not mapped")</f>
        <v>Single - Scenario 3</v>
      </c>
      <c r="W117" s="1257" t="s">
        <v>1495</v>
      </c>
      <c r="X117" s="579" t="s">
        <v>1496</v>
      </c>
      <c r="Y117" s="1258" t="s">
        <v>1497</v>
      </c>
      <c r="Z117" s="1259" t="s">
        <v>1498</v>
      </c>
      <c r="AA117" s="1259" t="s">
        <v>1498</v>
      </c>
      <c r="AB117" s="1259" t="s">
        <v>1498</v>
      </c>
      <c r="AC117" s="1259" t="s">
        <v>1498</v>
      </c>
      <c r="AD117" s="1259" t="s">
        <v>1498</v>
      </c>
      <c r="AE117" s="1259" t="s">
        <v>1498</v>
      </c>
      <c r="AF117" s="1259" t="s">
        <v>1498</v>
      </c>
      <c r="AG117" s="1259" t="s">
        <v>1498</v>
      </c>
      <c r="AH117" s="1259" t="s">
        <v>1498</v>
      </c>
      <c r="AI117" s="1259" t="s">
        <v>1498</v>
      </c>
      <c r="AJ117" s="1259" t="s">
        <v>1498</v>
      </c>
      <c r="AK117" s="1259" t="s">
        <v>1498</v>
      </c>
      <c r="AL117" s="1259" t="s">
        <v>1498</v>
      </c>
      <c r="AM117" s="1259" t="s">
        <v>1498</v>
      </c>
      <c r="AN117" s="1259" t="s">
        <v>1498</v>
      </c>
      <c r="AO117" s="1259" t="s">
        <v>1498</v>
      </c>
      <c r="AP117" s="1259" t="s">
        <v>1498</v>
      </c>
      <c r="AQ117" s="1259" t="s">
        <v>1498</v>
      </c>
      <c r="AR117" s="1259" t="s">
        <v>1498</v>
      </c>
      <c r="AS117" s="1259" t="s">
        <v>1498</v>
      </c>
      <c r="AT117" s="1259" t="s">
        <v>1498</v>
      </c>
      <c r="AU117" s="1259" t="s">
        <v>1498</v>
      </c>
      <c r="AV117" s="1259" t="s">
        <v>1498</v>
      </c>
      <c r="AW117" s="1259" t="s">
        <v>1498</v>
      </c>
      <c r="AX117" s="1259" t="s">
        <v>1498</v>
      </c>
      <c r="AY117" s="1259" t="s">
        <v>1498</v>
      </c>
      <c r="AZ117" s="905" t="s">
        <v>1855</v>
      </c>
      <c r="BA117" s="499" t="s">
        <v>722</v>
      </c>
      <c r="BB117" s="953" t="s">
        <v>53</v>
      </c>
      <c r="BC117" s="980">
        <f>ROUND((VLOOKUP(H117,'[5]Cost Summary'!A:H,8,)),0.1)</f>
        <v>113907</v>
      </c>
      <c r="BD117" s="499">
        <v>0</v>
      </c>
      <c r="BE117" s="499" t="s">
        <v>1500</v>
      </c>
      <c r="BF117" s="954" t="s">
        <v>1584</v>
      </c>
      <c r="BG117" s="1261">
        <v>74002.5</v>
      </c>
      <c r="BH117" s="976" t="e">
        <f t="shared" si="110"/>
        <v>#VALUE!</v>
      </c>
      <c r="BI117" s="972" t="e">
        <f t="shared" si="111"/>
        <v>#VALUE!</v>
      </c>
      <c r="BJ117" s="972" t="e">
        <f t="shared" si="112"/>
        <v>#VALUE!</v>
      </c>
      <c r="BK117" s="972" t="e">
        <f t="shared" si="113"/>
        <v>#VALUE!</v>
      </c>
      <c r="BL117" s="972" t="e">
        <f t="shared" si="114"/>
        <v>#VALUE!</v>
      </c>
      <c r="BM117" s="972" t="e">
        <f t="shared" si="115"/>
        <v>#VALUE!</v>
      </c>
      <c r="BN117" s="972" t="e">
        <f t="shared" si="116"/>
        <v>#VALUE!</v>
      </c>
      <c r="BO117" s="972" t="e">
        <f t="shared" si="117"/>
        <v>#VALUE!</v>
      </c>
      <c r="BP117" s="972" t="e">
        <f t="shared" si="118"/>
        <v>#VALUE!</v>
      </c>
      <c r="BQ117" s="972" t="e">
        <f t="shared" si="119"/>
        <v>#VALUE!</v>
      </c>
      <c r="BR117" s="972" t="e">
        <f t="shared" si="120"/>
        <v>#VALUE!</v>
      </c>
      <c r="BS117" s="972" t="e">
        <f t="shared" si="121"/>
        <v>#VALUE!</v>
      </c>
      <c r="BT117" s="972" t="e">
        <f t="shared" si="122"/>
        <v>#VALUE!</v>
      </c>
      <c r="BU117" s="972" t="e">
        <f t="shared" si="123"/>
        <v>#VALUE!</v>
      </c>
      <c r="BV117" s="972" t="e">
        <f t="shared" si="124"/>
        <v>#VALUE!</v>
      </c>
      <c r="BW117" s="972" t="e">
        <f t="shared" si="125"/>
        <v>#VALUE!</v>
      </c>
      <c r="BX117" s="972" t="e">
        <f t="shared" si="126"/>
        <v>#VALUE!</v>
      </c>
      <c r="BY117" s="972" t="e">
        <f t="shared" si="127"/>
        <v>#VALUE!</v>
      </c>
      <c r="BZ117" s="972" t="e">
        <f t="shared" si="128"/>
        <v>#VALUE!</v>
      </c>
      <c r="CA117" s="972" t="e">
        <f t="shared" si="129"/>
        <v>#VALUE!</v>
      </c>
      <c r="CB117" s="973" t="e">
        <f t="shared" si="85"/>
        <v>#VALUE!</v>
      </c>
    </row>
    <row r="118" spans="3:80" ht="171.75" hidden="1" x14ac:dyDescent="0.25">
      <c r="C118" s="597"/>
      <c r="D118" s="597"/>
      <c r="E118" s="597"/>
      <c r="F118" s="597"/>
      <c r="G118" s="597"/>
      <c r="H118" s="499" t="s">
        <v>1865</v>
      </c>
      <c r="I118" s="499" t="s">
        <v>1094</v>
      </c>
      <c r="J118" s="499" t="s">
        <v>1866</v>
      </c>
      <c r="K118" s="499" t="s">
        <v>1521</v>
      </c>
      <c r="L118" s="499" t="s">
        <v>1521</v>
      </c>
      <c r="M118" s="499" t="s">
        <v>1488</v>
      </c>
      <c r="N118" s="499" t="s">
        <v>1489</v>
      </c>
      <c r="O118" s="499">
        <v>1</v>
      </c>
      <c r="P118" s="499" t="s">
        <v>932</v>
      </c>
      <c r="Q118" s="499" t="s">
        <v>1490</v>
      </c>
      <c r="R118" s="499" t="s">
        <v>1491</v>
      </c>
      <c r="S118" s="499" t="s">
        <v>1492</v>
      </c>
      <c r="T118" s="499" t="s">
        <v>1493</v>
      </c>
      <c r="U118" s="499" t="s">
        <v>1538</v>
      </c>
      <c r="V118" s="946" t="str">
        <f>_xlfn.XLOOKUP(H118, [5]GIS!D:D, [5]GIS!E:E, "Not mapped")</f>
        <v>Single - Scenario 3</v>
      </c>
      <c r="W118" s="499" t="s">
        <v>1707</v>
      </c>
      <c r="X118" s="579" t="s">
        <v>1496</v>
      </c>
      <c r="Y118" s="1258" t="s">
        <v>1497</v>
      </c>
      <c r="Z118" s="1259" t="s">
        <v>1498</v>
      </c>
      <c r="AA118" s="1259" t="s">
        <v>1498</v>
      </c>
      <c r="AB118" s="1259" t="s">
        <v>1498</v>
      </c>
      <c r="AC118" s="1259" t="s">
        <v>1498</v>
      </c>
      <c r="AD118" s="1259" t="s">
        <v>1498</v>
      </c>
      <c r="AE118" s="1259" t="s">
        <v>1498</v>
      </c>
      <c r="AF118" s="1259" t="s">
        <v>1498</v>
      </c>
      <c r="AG118" s="1259" t="s">
        <v>1498</v>
      </c>
      <c r="AH118" s="1259" t="s">
        <v>1498</v>
      </c>
      <c r="AI118" s="1259" t="s">
        <v>1498</v>
      </c>
      <c r="AJ118" s="1259" t="s">
        <v>1498</v>
      </c>
      <c r="AK118" s="1259" t="s">
        <v>1498</v>
      </c>
      <c r="AL118" s="1259" t="s">
        <v>1498</v>
      </c>
      <c r="AM118" s="1259" t="s">
        <v>1498</v>
      </c>
      <c r="AN118" s="1259" t="s">
        <v>1498</v>
      </c>
      <c r="AO118" s="1259" t="s">
        <v>1498</v>
      </c>
      <c r="AP118" s="1259" t="s">
        <v>1498</v>
      </c>
      <c r="AQ118" s="1259" t="s">
        <v>1498</v>
      </c>
      <c r="AR118" s="1259" t="s">
        <v>1498</v>
      </c>
      <c r="AS118" s="1259" t="s">
        <v>1498</v>
      </c>
      <c r="AT118" s="1259" t="s">
        <v>1498</v>
      </c>
      <c r="AU118" s="1259" t="s">
        <v>1498</v>
      </c>
      <c r="AV118" s="1259" t="s">
        <v>1498</v>
      </c>
      <c r="AW118" s="1259" t="s">
        <v>1498</v>
      </c>
      <c r="AX118" s="1259" t="s">
        <v>1498</v>
      </c>
      <c r="AY118" s="1259" t="s">
        <v>1498</v>
      </c>
      <c r="AZ118" s="905" t="s">
        <v>1868</v>
      </c>
      <c r="BA118" s="499" t="s">
        <v>722</v>
      </c>
      <c r="BB118" s="953" t="s">
        <v>53</v>
      </c>
      <c r="BC118" s="980">
        <f>ROUND((VLOOKUP(H118,'[5]Cost Summary'!A:H,8,)),0.1)</f>
        <v>956768</v>
      </c>
      <c r="BD118" s="499">
        <v>2</v>
      </c>
      <c r="BE118" s="499" t="s">
        <v>1735</v>
      </c>
      <c r="BF118" s="954" t="s">
        <v>1584</v>
      </c>
      <c r="BG118" s="1261">
        <v>621588.11</v>
      </c>
      <c r="BH118" s="976" t="e">
        <f t="shared" si="110"/>
        <v>#VALUE!</v>
      </c>
      <c r="BI118" s="972" t="e">
        <f t="shared" si="111"/>
        <v>#VALUE!</v>
      </c>
      <c r="BJ118" s="972" t="e">
        <f t="shared" si="112"/>
        <v>#VALUE!</v>
      </c>
      <c r="BK118" s="972" t="e">
        <f t="shared" si="113"/>
        <v>#VALUE!</v>
      </c>
      <c r="BL118" s="972" t="e">
        <f t="shared" si="114"/>
        <v>#VALUE!</v>
      </c>
      <c r="BM118" s="972" t="e">
        <f t="shared" si="115"/>
        <v>#VALUE!</v>
      </c>
      <c r="BN118" s="972" t="e">
        <f t="shared" si="116"/>
        <v>#VALUE!</v>
      </c>
      <c r="BO118" s="972" t="e">
        <f t="shared" si="117"/>
        <v>#VALUE!</v>
      </c>
      <c r="BP118" s="972" t="e">
        <f t="shared" si="118"/>
        <v>#VALUE!</v>
      </c>
      <c r="BQ118" s="972" t="e">
        <f t="shared" si="119"/>
        <v>#VALUE!</v>
      </c>
      <c r="BR118" s="972" t="e">
        <f t="shared" si="120"/>
        <v>#VALUE!</v>
      </c>
      <c r="BS118" s="972" t="e">
        <f t="shared" si="121"/>
        <v>#VALUE!</v>
      </c>
      <c r="BT118" s="972" t="e">
        <f t="shared" si="122"/>
        <v>#VALUE!</v>
      </c>
      <c r="BU118" s="972" t="e">
        <f t="shared" si="123"/>
        <v>#VALUE!</v>
      </c>
      <c r="BV118" s="972" t="e">
        <f t="shared" si="124"/>
        <v>#VALUE!</v>
      </c>
      <c r="BW118" s="972" t="e">
        <f t="shared" si="125"/>
        <v>#VALUE!</v>
      </c>
      <c r="BX118" s="972" t="e">
        <f t="shared" si="126"/>
        <v>#VALUE!</v>
      </c>
      <c r="BY118" s="972" t="e">
        <f t="shared" si="127"/>
        <v>#VALUE!</v>
      </c>
      <c r="BZ118" s="972" t="e">
        <f t="shared" si="128"/>
        <v>#VALUE!</v>
      </c>
      <c r="CA118" s="972" t="e">
        <f t="shared" si="129"/>
        <v>#VALUE!</v>
      </c>
      <c r="CB118" s="973" t="e">
        <f t="shared" si="85"/>
        <v>#VALUE!</v>
      </c>
    </row>
    <row r="119" spans="3:80" ht="129" hidden="1" x14ac:dyDescent="0.25">
      <c r="C119" s="597"/>
      <c r="D119" s="597"/>
      <c r="E119" s="597"/>
      <c r="F119" s="597"/>
      <c r="G119" s="597"/>
      <c r="H119" s="499" t="s">
        <v>1869</v>
      </c>
      <c r="I119" s="499" t="s">
        <v>1090</v>
      </c>
      <c r="J119" s="499" t="s">
        <v>1091</v>
      </c>
      <c r="K119" s="499">
        <v>51.746237929999999</v>
      </c>
      <c r="L119" s="499">
        <v>-0.42526781699999999</v>
      </c>
      <c r="M119" s="499" t="s">
        <v>1488</v>
      </c>
      <c r="N119" s="499" t="s">
        <v>1489</v>
      </c>
      <c r="O119" s="499">
        <v>1</v>
      </c>
      <c r="P119" s="499" t="s">
        <v>932</v>
      </c>
      <c r="Q119" s="499" t="s">
        <v>1490</v>
      </c>
      <c r="R119" s="499" t="s">
        <v>1491</v>
      </c>
      <c r="S119" s="499" t="s">
        <v>1492</v>
      </c>
      <c r="T119" s="499" t="s">
        <v>1493</v>
      </c>
      <c r="U119" s="499" t="s">
        <v>1538</v>
      </c>
      <c r="V119" s="946" t="str">
        <f>_xlfn.XLOOKUP(H119, [5]GIS!D:D, [5]GIS!E:E, "Not mapped")</f>
        <v>Single - Scenario 2</v>
      </c>
      <c r="W119" s="499" t="s">
        <v>1508</v>
      </c>
      <c r="X119" s="579" t="s">
        <v>1496</v>
      </c>
      <c r="Y119" s="1258" t="s">
        <v>1497</v>
      </c>
      <c r="Z119" s="1259" t="s">
        <v>1498</v>
      </c>
      <c r="AA119" s="1259" t="s">
        <v>1498</v>
      </c>
      <c r="AB119" s="1259" t="s">
        <v>1498</v>
      </c>
      <c r="AC119" s="1259" t="s">
        <v>1498</v>
      </c>
      <c r="AD119" s="1259" t="s">
        <v>1498</v>
      </c>
      <c r="AE119" s="1259" t="s">
        <v>1498</v>
      </c>
      <c r="AF119" s="1259" t="s">
        <v>1498</v>
      </c>
      <c r="AG119" s="1259" t="s">
        <v>1498</v>
      </c>
      <c r="AH119" s="1259" t="s">
        <v>1498</v>
      </c>
      <c r="AI119" s="1259" t="s">
        <v>1498</v>
      </c>
      <c r="AJ119" s="1259" t="s">
        <v>1498</v>
      </c>
      <c r="AK119" s="1259" t="s">
        <v>1498</v>
      </c>
      <c r="AL119" s="1259" t="s">
        <v>1498</v>
      </c>
      <c r="AM119" s="1259" t="s">
        <v>1498</v>
      </c>
      <c r="AN119" s="1259" t="s">
        <v>1498</v>
      </c>
      <c r="AO119" s="1259" t="s">
        <v>1498</v>
      </c>
      <c r="AP119" s="1259" t="s">
        <v>1498</v>
      </c>
      <c r="AQ119" s="1259" t="s">
        <v>1498</v>
      </c>
      <c r="AR119" s="1259" t="s">
        <v>1498</v>
      </c>
      <c r="AS119" s="1259" t="s">
        <v>1498</v>
      </c>
      <c r="AT119" s="1259" t="s">
        <v>1498</v>
      </c>
      <c r="AU119" s="1259" t="s">
        <v>1498</v>
      </c>
      <c r="AV119" s="1259" t="s">
        <v>1498</v>
      </c>
      <c r="AW119" s="1259" t="s">
        <v>1498</v>
      </c>
      <c r="AX119" s="1259" t="s">
        <v>1498</v>
      </c>
      <c r="AY119" s="1259" t="s">
        <v>1498</v>
      </c>
      <c r="AZ119" s="905" t="s">
        <v>1539</v>
      </c>
      <c r="BA119" s="499" t="s">
        <v>834</v>
      </c>
      <c r="BB119" s="953" t="s">
        <v>53</v>
      </c>
      <c r="BC119" s="980">
        <f>ROUND((VLOOKUP(H119,'[5]Cost Summary'!A:H,8,)),0.1)</f>
        <v>182833</v>
      </c>
      <c r="BD119" s="499">
        <v>0</v>
      </c>
      <c r="BE119" s="499" t="s">
        <v>1500</v>
      </c>
      <c r="BF119" s="954" t="s">
        <v>1584</v>
      </c>
      <c r="BG119" s="1261">
        <v>118782.24</v>
      </c>
      <c r="BH119" s="976" t="e">
        <f t="shared" si="110"/>
        <v>#VALUE!</v>
      </c>
      <c r="BI119" s="972" t="e">
        <f t="shared" si="111"/>
        <v>#VALUE!</v>
      </c>
      <c r="BJ119" s="972" t="e">
        <f t="shared" si="112"/>
        <v>#VALUE!</v>
      </c>
      <c r="BK119" s="972" t="e">
        <f t="shared" si="113"/>
        <v>#VALUE!</v>
      </c>
      <c r="BL119" s="972" t="e">
        <f t="shared" si="114"/>
        <v>#VALUE!</v>
      </c>
      <c r="BM119" s="972" t="e">
        <f t="shared" si="115"/>
        <v>#VALUE!</v>
      </c>
      <c r="BN119" s="972" t="e">
        <f t="shared" si="116"/>
        <v>#VALUE!</v>
      </c>
      <c r="BO119" s="972" t="e">
        <f t="shared" si="117"/>
        <v>#VALUE!</v>
      </c>
      <c r="BP119" s="972" t="e">
        <f t="shared" si="118"/>
        <v>#VALUE!</v>
      </c>
      <c r="BQ119" s="972" t="e">
        <f t="shared" si="119"/>
        <v>#VALUE!</v>
      </c>
      <c r="BR119" s="972" t="e">
        <f t="shared" si="120"/>
        <v>#VALUE!</v>
      </c>
      <c r="BS119" s="972" t="e">
        <f t="shared" si="121"/>
        <v>#VALUE!</v>
      </c>
      <c r="BT119" s="972" t="e">
        <f t="shared" si="122"/>
        <v>#VALUE!</v>
      </c>
      <c r="BU119" s="972" t="e">
        <f t="shared" si="123"/>
        <v>#VALUE!</v>
      </c>
      <c r="BV119" s="972" t="e">
        <f t="shared" si="124"/>
        <v>#VALUE!</v>
      </c>
      <c r="BW119" s="972" t="e">
        <f t="shared" si="125"/>
        <v>#VALUE!</v>
      </c>
      <c r="BX119" s="972" t="e">
        <f t="shared" si="126"/>
        <v>#VALUE!</v>
      </c>
      <c r="BY119" s="972" t="e">
        <f t="shared" si="127"/>
        <v>#VALUE!</v>
      </c>
      <c r="BZ119" s="972" t="e">
        <f t="shared" si="128"/>
        <v>#VALUE!</v>
      </c>
      <c r="CA119" s="972" t="e">
        <f t="shared" si="129"/>
        <v>#VALUE!</v>
      </c>
      <c r="CB119" s="973" t="e">
        <f t="shared" si="85"/>
        <v>#VALUE!</v>
      </c>
    </row>
    <row r="120" spans="3:80" ht="72" hidden="1" x14ac:dyDescent="0.25">
      <c r="C120" s="597"/>
      <c r="D120" s="597"/>
      <c r="E120" s="597"/>
      <c r="F120" s="597"/>
      <c r="G120" s="597"/>
      <c r="H120" s="499" t="s">
        <v>1870</v>
      </c>
      <c r="I120" s="499" t="s">
        <v>1092</v>
      </c>
      <c r="J120" s="499" t="s">
        <v>1093</v>
      </c>
      <c r="K120" s="499" t="s">
        <v>1871</v>
      </c>
      <c r="L120" s="499" t="s">
        <v>1872</v>
      </c>
      <c r="M120" s="499" t="s">
        <v>1488</v>
      </c>
      <c r="N120" s="499" t="s">
        <v>1489</v>
      </c>
      <c r="O120" s="499">
        <v>1</v>
      </c>
      <c r="P120" s="499" t="s">
        <v>932</v>
      </c>
      <c r="Q120" s="499" t="s">
        <v>1490</v>
      </c>
      <c r="R120" s="499" t="s">
        <v>1491</v>
      </c>
      <c r="S120" s="499" t="s">
        <v>1492</v>
      </c>
      <c r="T120" s="499" t="s">
        <v>1493</v>
      </c>
      <c r="U120" s="499" t="s">
        <v>1538</v>
      </c>
      <c r="V120" s="946" t="str">
        <f>_xlfn.XLOOKUP(H120, [5]GIS!D:D, [5]GIS!E:E, "Not mapped")</f>
        <v>Single - Scenario 3</v>
      </c>
      <c r="W120" s="499" t="s">
        <v>1508</v>
      </c>
      <c r="X120" s="579" t="s">
        <v>1496</v>
      </c>
      <c r="Y120" s="1258" t="s">
        <v>1497</v>
      </c>
      <c r="Z120" s="1259" t="s">
        <v>1498</v>
      </c>
      <c r="AA120" s="1259" t="s">
        <v>1498</v>
      </c>
      <c r="AB120" s="1259" t="s">
        <v>1498</v>
      </c>
      <c r="AC120" s="1259" t="s">
        <v>1498</v>
      </c>
      <c r="AD120" s="1259" t="s">
        <v>1498</v>
      </c>
      <c r="AE120" s="1259" t="s">
        <v>1498</v>
      </c>
      <c r="AF120" s="1259" t="s">
        <v>1498</v>
      </c>
      <c r="AG120" s="1259" t="s">
        <v>1498</v>
      </c>
      <c r="AH120" s="1259" t="s">
        <v>1498</v>
      </c>
      <c r="AI120" s="1259" t="s">
        <v>1498</v>
      </c>
      <c r="AJ120" s="1259" t="s">
        <v>1498</v>
      </c>
      <c r="AK120" s="1259" t="s">
        <v>1498</v>
      </c>
      <c r="AL120" s="1259" t="s">
        <v>1498</v>
      </c>
      <c r="AM120" s="1259" t="s">
        <v>1498</v>
      </c>
      <c r="AN120" s="1259" t="s">
        <v>1498</v>
      </c>
      <c r="AO120" s="1259" t="s">
        <v>1498</v>
      </c>
      <c r="AP120" s="1259" t="s">
        <v>1498</v>
      </c>
      <c r="AQ120" s="1259" t="s">
        <v>1498</v>
      </c>
      <c r="AR120" s="1259" t="s">
        <v>1498</v>
      </c>
      <c r="AS120" s="1259" t="s">
        <v>1498</v>
      </c>
      <c r="AT120" s="1259" t="s">
        <v>1498</v>
      </c>
      <c r="AU120" s="1259" t="s">
        <v>1498</v>
      </c>
      <c r="AV120" s="1259" t="s">
        <v>1498</v>
      </c>
      <c r="AW120" s="1259" t="s">
        <v>1498</v>
      </c>
      <c r="AX120" s="1259" t="s">
        <v>1498</v>
      </c>
      <c r="AY120" s="1259" t="s">
        <v>1498</v>
      </c>
      <c r="AZ120" s="905" t="s">
        <v>1539</v>
      </c>
      <c r="BA120" s="499" t="s">
        <v>834</v>
      </c>
      <c r="BB120" s="953" t="s">
        <v>53</v>
      </c>
      <c r="BC120" s="980">
        <f>ROUND((VLOOKUP(H120,'[5]Cost Summary'!A:H,8,)),0.1)</f>
        <v>20048</v>
      </c>
      <c r="BD120" s="499">
        <v>0</v>
      </c>
      <c r="BE120" s="499" t="s">
        <v>1500</v>
      </c>
      <c r="BF120" s="954" t="s">
        <v>1584</v>
      </c>
      <c r="BG120" s="1261">
        <v>13024.44</v>
      </c>
      <c r="BH120" s="976" t="e">
        <f t="shared" si="110"/>
        <v>#VALUE!</v>
      </c>
      <c r="BI120" s="972" t="e">
        <f t="shared" si="111"/>
        <v>#VALUE!</v>
      </c>
      <c r="BJ120" s="972" t="e">
        <f t="shared" si="112"/>
        <v>#VALUE!</v>
      </c>
      <c r="BK120" s="972" t="e">
        <f t="shared" si="113"/>
        <v>#VALUE!</v>
      </c>
      <c r="BL120" s="972" t="e">
        <f t="shared" si="114"/>
        <v>#VALUE!</v>
      </c>
      <c r="BM120" s="972" t="e">
        <f t="shared" si="115"/>
        <v>#VALUE!</v>
      </c>
      <c r="BN120" s="972" t="e">
        <f t="shared" si="116"/>
        <v>#VALUE!</v>
      </c>
      <c r="BO120" s="972" t="e">
        <f t="shared" si="117"/>
        <v>#VALUE!</v>
      </c>
      <c r="BP120" s="972" t="e">
        <f t="shared" si="118"/>
        <v>#VALUE!</v>
      </c>
      <c r="BQ120" s="972" t="e">
        <f t="shared" si="119"/>
        <v>#VALUE!</v>
      </c>
      <c r="BR120" s="972" t="e">
        <f t="shared" si="120"/>
        <v>#VALUE!</v>
      </c>
      <c r="BS120" s="972" t="e">
        <f t="shared" si="121"/>
        <v>#VALUE!</v>
      </c>
      <c r="BT120" s="972" t="e">
        <f t="shared" si="122"/>
        <v>#VALUE!</v>
      </c>
      <c r="BU120" s="972" t="e">
        <f t="shared" si="123"/>
        <v>#VALUE!</v>
      </c>
      <c r="BV120" s="972" t="e">
        <f t="shared" si="124"/>
        <v>#VALUE!</v>
      </c>
      <c r="BW120" s="972" t="e">
        <f t="shared" si="125"/>
        <v>#VALUE!</v>
      </c>
      <c r="BX120" s="972" t="e">
        <f t="shared" si="126"/>
        <v>#VALUE!</v>
      </c>
      <c r="BY120" s="972" t="e">
        <f t="shared" si="127"/>
        <v>#VALUE!</v>
      </c>
      <c r="BZ120" s="972" t="e">
        <f t="shared" si="128"/>
        <v>#VALUE!</v>
      </c>
      <c r="CA120" s="972" t="e">
        <f t="shared" si="129"/>
        <v>#VALUE!</v>
      </c>
      <c r="CB120" s="973" t="e">
        <f t="shared" si="85"/>
        <v>#VALUE!</v>
      </c>
    </row>
    <row r="121" spans="3:80" ht="57.75" hidden="1" x14ac:dyDescent="0.25">
      <c r="C121" s="597"/>
      <c r="D121" s="597"/>
      <c r="E121" s="597"/>
      <c r="F121" s="597"/>
      <c r="G121" s="597"/>
      <c r="H121" s="499" t="s">
        <v>1873</v>
      </c>
      <c r="I121" s="499" t="s">
        <v>1087</v>
      </c>
      <c r="J121" s="499" t="s">
        <v>1088</v>
      </c>
      <c r="K121" s="499">
        <v>51.747978140000001</v>
      </c>
      <c r="L121" s="499">
        <v>-0.43207572799999999</v>
      </c>
      <c r="M121" s="499" t="s">
        <v>1488</v>
      </c>
      <c r="N121" s="499" t="s">
        <v>1489</v>
      </c>
      <c r="O121" s="499">
        <v>1</v>
      </c>
      <c r="P121" s="499" t="s">
        <v>932</v>
      </c>
      <c r="Q121" s="499" t="s">
        <v>1490</v>
      </c>
      <c r="R121" s="499" t="s">
        <v>1491</v>
      </c>
      <c r="S121" s="499" t="s">
        <v>1492</v>
      </c>
      <c r="T121" s="499" t="s">
        <v>1493</v>
      </c>
      <c r="U121" s="499" t="s">
        <v>1538</v>
      </c>
      <c r="V121" s="946" t="str">
        <f>_xlfn.XLOOKUP(H121, [5]GIS!D:D, [5]GIS!E:E, "Not mapped")</f>
        <v>Single - Scenario 3</v>
      </c>
      <c r="W121" s="499" t="s">
        <v>1707</v>
      </c>
      <c r="X121" s="579" t="s">
        <v>1496</v>
      </c>
      <c r="Y121" s="1258" t="s">
        <v>1497</v>
      </c>
      <c r="Z121" s="1259" t="s">
        <v>1498</v>
      </c>
      <c r="AA121" s="1259" t="s">
        <v>1498</v>
      </c>
      <c r="AB121" s="1259" t="s">
        <v>1498</v>
      </c>
      <c r="AC121" s="1259" t="s">
        <v>1498</v>
      </c>
      <c r="AD121" s="1259" t="s">
        <v>1498</v>
      </c>
      <c r="AE121" s="1259" t="s">
        <v>1498</v>
      </c>
      <c r="AF121" s="1259" t="s">
        <v>1498</v>
      </c>
      <c r="AG121" s="1259" t="s">
        <v>1498</v>
      </c>
      <c r="AH121" s="1259" t="s">
        <v>1498</v>
      </c>
      <c r="AI121" s="1259" t="s">
        <v>1498</v>
      </c>
      <c r="AJ121" s="1259" t="s">
        <v>1498</v>
      </c>
      <c r="AK121" s="1259" t="s">
        <v>1498</v>
      </c>
      <c r="AL121" s="1259" t="s">
        <v>1498</v>
      </c>
      <c r="AM121" s="1259" t="s">
        <v>1498</v>
      </c>
      <c r="AN121" s="1259" t="s">
        <v>1498</v>
      </c>
      <c r="AO121" s="1259" t="s">
        <v>1498</v>
      </c>
      <c r="AP121" s="1259" t="s">
        <v>1498</v>
      </c>
      <c r="AQ121" s="1259" t="s">
        <v>1498</v>
      </c>
      <c r="AR121" s="1259" t="s">
        <v>1498</v>
      </c>
      <c r="AS121" s="1259" t="s">
        <v>1498</v>
      </c>
      <c r="AT121" s="1259" t="s">
        <v>1498</v>
      </c>
      <c r="AU121" s="1259" t="s">
        <v>1498</v>
      </c>
      <c r="AV121" s="1259" t="s">
        <v>1498</v>
      </c>
      <c r="AW121" s="1259" t="s">
        <v>1498</v>
      </c>
      <c r="AX121" s="1259" t="s">
        <v>1498</v>
      </c>
      <c r="AY121" s="1259" t="s">
        <v>1498</v>
      </c>
      <c r="AZ121" s="905" t="s">
        <v>1539</v>
      </c>
      <c r="BA121" s="499" t="s">
        <v>722</v>
      </c>
      <c r="BB121" s="953" t="s">
        <v>53</v>
      </c>
      <c r="BC121" s="980">
        <f>ROUND((VLOOKUP(H121,'[5]Cost Summary'!A:H,8,)),0.1)</f>
        <v>1196</v>
      </c>
      <c r="BD121" s="499">
        <v>0</v>
      </c>
      <c r="BE121" s="499" t="s">
        <v>1500</v>
      </c>
      <c r="BF121" s="954" t="s">
        <v>1584</v>
      </c>
      <c r="BG121" s="1261">
        <v>777.03</v>
      </c>
      <c r="BH121" s="976" t="e">
        <f t="shared" si="110"/>
        <v>#VALUE!</v>
      </c>
      <c r="BI121" s="972" t="e">
        <f t="shared" si="111"/>
        <v>#VALUE!</v>
      </c>
      <c r="BJ121" s="972" t="e">
        <f t="shared" si="112"/>
        <v>#VALUE!</v>
      </c>
      <c r="BK121" s="972" t="e">
        <f t="shared" si="113"/>
        <v>#VALUE!</v>
      </c>
      <c r="BL121" s="972" t="e">
        <f t="shared" si="114"/>
        <v>#VALUE!</v>
      </c>
      <c r="BM121" s="972" t="e">
        <f t="shared" si="115"/>
        <v>#VALUE!</v>
      </c>
      <c r="BN121" s="972" t="e">
        <f t="shared" si="116"/>
        <v>#VALUE!</v>
      </c>
      <c r="BO121" s="972" t="e">
        <f t="shared" si="117"/>
        <v>#VALUE!</v>
      </c>
      <c r="BP121" s="972" t="e">
        <f t="shared" si="118"/>
        <v>#VALUE!</v>
      </c>
      <c r="BQ121" s="972" t="e">
        <f t="shared" si="119"/>
        <v>#VALUE!</v>
      </c>
      <c r="BR121" s="972" t="e">
        <f t="shared" si="120"/>
        <v>#VALUE!</v>
      </c>
      <c r="BS121" s="972" t="e">
        <f t="shared" si="121"/>
        <v>#VALUE!</v>
      </c>
      <c r="BT121" s="972" t="e">
        <f t="shared" si="122"/>
        <v>#VALUE!</v>
      </c>
      <c r="BU121" s="972" t="e">
        <f t="shared" si="123"/>
        <v>#VALUE!</v>
      </c>
      <c r="BV121" s="972" t="e">
        <f t="shared" si="124"/>
        <v>#VALUE!</v>
      </c>
      <c r="BW121" s="972" t="e">
        <f t="shared" si="125"/>
        <v>#VALUE!</v>
      </c>
      <c r="BX121" s="972" t="e">
        <f t="shared" si="126"/>
        <v>#VALUE!</v>
      </c>
      <c r="BY121" s="972" t="e">
        <f t="shared" si="127"/>
        <v>#VALUE!</v>
      </c>
      <c r="BZ121" s="972" t="e">
        <f t="shared" si="128"/>
        <v>#VALUE!</v>
      </c>
      <c r="CA121" s="972" t="e">
        <f t="shared" si="129"/>
        <v>#VALUE!</v>
      </c>
      <c r="CB121" s="973" t="e">
        <f t="shared" si="85"/>
        <v>#VALUE!</v>
      </c>
    </row>
    <row r="122" spans="3:80" ht="57.75" hidden="1" x14ac:dyDescent="0.25">
      <c r="C122" s="597"/>
      <c r="D122" s="597"/>
      <c r="E122" s="597"/>
      <c r="F122" s="597"/>
      <c r="G122" s="597"/>
      <c r="H122" s="499" t="s">
        <v>1874</v>
      </c>
      <c r="I122" s="499" t="s">
        <v>1097</v>
      </c>
      <c r="J122" s="499" t="s">
        <v>1098</v>
      </c>
      <c r="K122" s="499" t="s">
        <v>1875</v>
      </c>
      <c r="L122" s="499" t="s">
        <v>1876</v>
      </c>
      <c r="M122" s="499" t="s">
        <v>1560</v>
      </c>
      <c r="N122" s="499" t="s">
        <v>1489</v>
      </c>
      <c r="O122" s="499">
        <v>1</v>
      </c>
      <c r="P122" s="499" t="s">
        <v>932</v>
      </c>
      <c r="Q122" s="499" t="s">
        <v>1490</v>
      </c>
      <c r="R122" s="499" t="s">
        <v>1491</v>
      </c>
      <c r="S122" s="499" t="s">
        <v>1492</v>
      </c>
      <c r="T122" s="499" t="s">
        <v>1493</v>
      </c>
      <c r="U122" s="499" t="s">
        <v>1877</v>
      </c>
      <c r="V122" s="946" t="str">
        <f>_xlfn.XLOOKUP(H122, [5]GIS!D:D, [5]GIS!E:E, "Not mapped")</f>
        <v>Multiple - Scenario 1</v>
      </c>
      <c r="W122" s="499" t="s">
        <v>1707</v>
      </c>
      <c r="X122" s="1277" t="s">
        <v>1691</v>
      </c>
      <c r="Y122" s="1278" t="s">
        <v>1692</v>
      </c>
      <c r="Z122" s="1259" t="s">
        <v>1498</v>
      </c>
      <c r="AA122" s="1259" t="s">
        <v>1498</v>
      </c>
      <c r="AB122" s="1259" t="s">
        <v>1498</v>
      </c>
      <c r="AC122" s="1259" t="s">
        <v>1498</v>
      </c>
      <c r="AD122" s="1259" t="s">
        <v>1498</v>
      </c>
      <c r="AE122" s="1259" t="s">
        <v>1498</v>
      </c>
      <c r="AF122" s="1259" t="s">
        <v>1498</v>
      </c>
      <c r="AG122" s="1259" t="s">
        <v>1498</v>
      </c>
      <c r="AH122" s="1259" t="s">
        <v>1498</v>
      </c>
      <c r="AI122" s="1259" t="s">
        <v>1498</v>
      </c>
      <c r="AJ122" s="1259" t="s">
        <v>1498</v>
      </c>
      <c r="AK122" s="1259" t="s">
        <v>1498</v>
      </c>
      <c r="AL122" s="1259" t="s">
        <v>1498</v>
      </c>
      <c r="AM122" s="1259" t="s">
        <v>1498</v>
      </c>
      <c r="AN122" s="1259" t="s">
        <v>1498</v>
      </c>
      <c r="AO122" s="1259" t="s">
        <v>1498</v>
      </c>
      <c r="AP122" s="1259" t="s">
        <v>1498</v>
      </c>
      <c r="AQ122" s="1259" t="s">
        <v>1498</v>
      </c>
      <c r="AR122" s="1259" t="s">
        <v>1498</v>
      </c>
      <c r="AS122" s="1259" t="s">
        <v>1498</v>
      </c>
      <c r="AT122" s="1259" t="s">
        <v>1498</v>
      </c>
      <c r="AU122" s="1259" t="s">
        <v>1498</v>
      </c>
      <c r="AV122" s="1259" t="s">
        <v>1498</v>
      </c>
      <c r="AW122" s="1259" t="s">
        <v>1498</v>
      </c>
      <c r="AX122" s="1259" t="s">
        <v>1498</v>
      </c>
      <c r="AY122" s="1259" t="s">
        <v>1498</v>
      </c>
      <c r="AZ122" s="905" t="s">
        <v>1868</v>
      </c>
      <c r="BA122" s="499" t="s">
        <v>722</v>
      </c>
      <c r="BB122" s="953" t="s">
        <v>53</v>
      </c>
      <c r="BC122" s="980">
        <f>ROUND((VLOOKUP(H122,'[5]Cost Summary'!A:H,8,)),0.1)</f>
        <v>2430</v>
      </c>
      <c r="BD122" s="499">
        <v>0</v>
      </c>
      <c r="BE122" s="499" t="s">
        <v>1500</v>
      </c>
      <c r="BF122" s="954" t="s">
        <v>1584</v>
      </c>
      <c r="BG122" s="1261">
        <v>1578.72</v>
      </c>
      <c r="BH122" s="976" t="e">
        <f t="shared" si="110"/>
        <v>#VALUE!</v>
      </c>
      <c r="BI122" s="972" t="e">
        <f t="shared" si="111"/>
        <v>#VALUE!</v>
      </c>
      <c r="BJ122" s="972" t="e">
        <f t="shared" si="112"/>
        <v>#VALUE!</v>
      </c>
      <c r="BK122" s="972" t="e">
        <f t="shared" si="113"/>
        <v>#VALUE!</v>
      </c>
      <c r="BL122" s="972" t="e">
        <f t="shared" si="114"/>
        <v>#VALUE!</v>
      </c>
      <c r="BM122" s="972" t="e">
        <f t="shared" si="115"/>
        <v>#VALUE!</v>
      </c>
      <c r="BN122" s="972" t="e">
        <f t="shared" si="116"/>
        <v>#VALUE!</v>
      </c>
      <c r="BO122" s="972" t="e">
        <f t="shared" si="117"/>
        <v>#VALUE!</v>
      </c>
      <c r="BP122" s="972" t="e">
        <f t="shared" si="118"/>
        <v>#VALUE!</v>
      </c>
      <c r="BQ122" s="972" t="e">
        <f t="shared" si="119"/>
        <v>#VALUE!</v>
      </c>
      <c r="BR122" s="972" t="e">
        <f t="shared" si="120"/>
        <v>#VALUE!</v>
      </c>
      <c r="BS122" s="972" t="e">
        <f t="shared" si="121"/>
        <v>#VALUE!</v>
      </c>
      <c r="BT122" s="972" t="e">
        <f t="shared" si="122"/>
        <v>#VALUE!</v>
      </c>
      <c r="BU122" s="972" t="e">
        <f t="shared" si="123"/>
        <v>#VALUE!</v>
      </c>
      <c r="BV122" s="972" t="e">
        <f t="shared" si="124"/>
        <v>#VALUE!</v>
      </c>
      <c r="BW122" s="972" t="e">
        <f t="shared" si="125"/>
        <v>#VALUE!</v>
      </c>
      <c r="BX122" s="972" t="e">
        <f t="shared" si="126"/>
        <v>#VALUE!</v>
      </c>
      <c r="BY122" s="972" t="e">
        <f t="shared" si="127"/>
        <v>#VALUE!</v>
      </c>
      <c r="BZ122" s="972" t="e">
        <f t="shared" si="128"/>
        <v>#VALUE!</v>
      </c>
      <c r="CA122" s="972" t="e">
        <f t="shared" si="129"/>
        <v>#VALUE!</v>
      </c>
      <c r="CB122" s="973" t="e">
        <f t="shared" si="85"/>
        <v>#VALUE!</v>
      </c>
    </row>
    <row r="123" spans="3:80" ht="100.5" hidden="1" x14ac:dyDescent="0.25">
      <c r="C123" s="597"/>
      <c r="D123" s="597"/>
      <c r="E123" s="597"/>
      <c r="F123" s="597"/>
      <c r="G123" s="597"/>
      <c r="H123" s="499" t="s">
        <v>1878</v>
      </c>
      <c r="I123" s="499" t="s">
        <v>1100</v>
      </c>
      <c r="J123" s="499" t="s">
        <v>1101</v>
      </c>
      <c r="K123" s="499">
        <v>51.752513999999998</v>
      </c>
      <c r="L123" s="499">
        <v>-0.43532024000000002</v>
      </c>
      <c r="M123" s="499" t="s">
        <v>1488</v>
      </c>
      <c r="N123" s="499" t="s">
        <v>1489</v>
      </c>
      <c r="O123" s="499">
        <v>1</v>
      </c>
      <c r="P123" s="499" t="s">
        <v>932</v>
      </c>
      <c r="Q123" s="499" t="s">
        <v>1490</v>
      </c>
      <c r="R123" s="499" t="s">
        <v>1491</v>
      </c>
      <c r="S123" s="499" t="s">
        <v>1492</v>
      </c>
      <c r="T123" s="499" t="s">
        <v>1493</v>
      </c>
      <c r="U123" s="499" t="s">
        <v>1877</v>
      </c>
      <c r="V123" s="946" t="str">
        <f>_xlfn.XLOOKUP(H123, [5]GIS!D:D, [5]GIS!E:E, "Not mapped")</f>
        <v>Multiple - Scenario 1</v>
      </c>
      <c r="W123" s="499" t="s">
        <v>1707</v>
      </c>
      <c r="X123" s="579" t="s">
        <v>1496</v>
      </c>
      <c r="Y123" s="1258" t="s">
        <v>1497</v>
      </c>
      <c r="Z123" s="1259" t="s">
        <v>1498</v>
      </c>
      <c r="AA123" s="1259" t="s">
        <v>1498</v>
      </c>
      <c r="AB123" s="1259" t="s">
        <v>1498</v>
      </c>
      <c r="AC123" s="1259" t="s">
        <v>1498</v>
      </c>
      <c r="AD123" s="1259" t="s">
        <v>1498</v>
      </c>
      <c r="AE123" s="1259" t="s">
        <v>1498</v>
      </c>
      <c r="AF123" s="1259" t="s">
        <v>1498</v>
      </c>
      <c r="AG123" s="1259" t="s">
        <v>1498</v>
      </c>
      <c r="AH123" s="1259" t="s">
        <v>1498</v>
      </c>
      <c r="AI123" s="1259" t="s">
        <v>1498</v>
      </c>
      <c r="AJ123" s="1259" t="s">
        <v>1498</v>
      </c>
      <c r="AK123" s="1259" t="s">
        <v>1498</v>
      </c>
      <c r="AL123" s="1259" t="s">
        <v>1498</v>
      </c>
      <c r="AM123" s="1259" t="s">
        <v>1498</v>
      </c>
      <c r="AN123" s="1259" t="s">
        <v>1498</v>
      </c>
      <c r="AO123" s="1259" t="s">
        <v>1498</v>
      </c>
      <c r="AP123" s="1259" t="s">
        <v>1498</v>
      </c>
      <c r="AQ123" s="1259" t="s">
        <v>1498</v>
      </c>
      <c r="AR123" s="1259" t="s">
        <v>1498</v>
      </c>
      <c r="AS123" s="1259" t="s">
        <v>1498</v>
      </c>
      <c r="AT123" s="1259" t="s">
        <v>1498</v>
      </c>
      <c r="AU123" s="1259" t="s">
        <v>1498</v>
      </c>
      <c r="AV123" s="1259" t="s">
        <v>1498</v>
      </c>
      <c r="AW123" s="1259" t="s">
        <v>1498</v>
      </c>
      <c r="AX123" s="1259" t="s">
        <v>1498</v>
      </c>
      <c r="AY123" s="1259" t="s">
        <v>1498</v>
      </c>
      <c r="AZ123" s="905" t="s">
        <v>1868</v>
      </c>
      <c r="BA123" s="499" t="s">
        <v>722</v>
      </c>
      <c r="BB123" s="953" t="s">
        <v>53</v>
      </c>
      <c r="BC123" s="980">
        <f>ROUND((VLOOKUP(H123,'[5]Cost Summary'!A:H,8,)),0.1)</f>
        <v>523551</v>
      </c>
      <c r="BD123" s="499">
        <v>1</v>
      </c>
      <c r="BE123" s="499">
        <v>5</v>
      </c>
      <c r="BF123" s="954" t="s">
        <v>1584</v>
      </c>
      <c r="BG123" s="1261">
        <v>340138.1</v>
      </c>
      <c r="BH123" s="976" t="e">
        <f t="shared" si="110"/>
        <v>#VALUE!</v>
      </c>
      <c r="BI123" s="972" t="e">
        <f t="shared" si="111"/>
        <v>#VALUE!</v>
      </c>
      <c r="BJ123" s="972" t="e">
        <f t="shared" si="112"/>
        <v>#VALUE!</v>
      </c>
      <c r="BK123" s="972" t="e">
        <f t="shared" si="113"/>
        <v>#VALUE!</v>
      </c>
      <c r="BL123" s="972" t="e">
        <f t="shared" si="114"/>
        <v>#VALUE!</v>
      </c>
      <c r="BM123" s="972" t="e">
        <f t="shared" si="115"/>
        <v>#VALUE!</v>
      </c>
      <c r="BN123" s="972" t="e">
        <f t="shared" si="116"/>
        <v>#VALUE!</v>
      </c>
      <c r="BO123" s="972" t="e">
        <f t="shared" si="117"/>
        <v>#VALUE!</v>
      </c>
      <c r="BP123" s="972" t="e">
        <f t="shared" si="118"/>
        <v>#VALUE!</v>
      </c>
      <c r="BQ123" s="972" t="e">
        <f t="shared" si="119"/>
        <v>#VALUE!</v>
      </c>
      <c r="BR123" s="972" t="e">
        <f t="shared" si="120"/>
        <v>#VALUE!</v>
      </c>
      <c r="BS123" s="972" t="e">
        <f t="shared" si="121"/>
        <v>#VALUE!</v>
      </c>
      <c r="BT123" s="972" t="e">
        <f t="shared" si="122"/>
        <v>#VALUE!</v>
      </c>
      <c r="BU123" s="972" t="e">
        <f t="shared" si="123"/>
        <v>#VALUE!</v>
      </c>
      <c r="BV123" s="972" t="e">
        <f t="shared" si="124"/>
        <v>#VALUE!</v>
      </c>
      <c r="BW123" s="972" t="e">
        <f t="shared" si="125"/>
        <v>#VALUE!</v>
      </c>
      <c r="BX123" s="972" t="e">
        <f t="shared" si="126"/>
        <v>#VALUE!</v>
      </c>
      <c r="BY123" s="972" t="e">
        <f t="shared" si="127"/>
        <v>#VALUE!</v>
      </c>
      <c r="BZ123" s="972" t="e">
        <f t="shared" si="128"/>
        <v>#VALUE!</v>
      </c>
      <c r="CA123" s="972" t="e">
        <f t="shared" si="129"/>
        <v>#VALUE!</v>
      </c>
      <c r="CB123" s="973" t="e">
        <f t="shared" si="85"/>
        <v>#VALUE!</v>
      </c>
    </row>
    <row r="124" spans="3:80" ht="150" hidden="1" x14ac:dyDescent="0.25">
      <c r="C124" s="597"/>
      <c r="D124" s="597"/>
      <c r="E124" s="597"/>
      <c r="F124" s="597" t="s">
        <v>66</v>
      </c>
      <c r="G124" s="597"/>
      <c r="H124" s="1281" t="s">
        <v>1879</v>
      </c>
      <c r="I124" s="1281" t="s">
        <v>1102</v>
      </c>
      <c r="J124" s="1281" t="s">
        <v>1880</v>
      </c>
      <c r="K124" s="1281" t="s">
        <v>1773</v>
      </c>
      <c r="L124" s="1281" t="s">
        <v>1773</v>
      </c>
      <c r="M124" s="1281" t="s">
        <v>1560</v>
      </c>
      <c r="N124" s="1281" t="s">
        <v>1489</v>
      </c>
      <c r="O124" s="1281"/>
      <c r="P124" s="1281" t="s">
        <v>932</v>
      </c>
      <c r="Q124" s="1281" t="s">
        <v>1490</v>
      </c>
      <c r="R124" s="1281" t="s">
        <v>1491</v>
      </c>
      <c r="S124" s="1281" t="s">
        <v>1492</v>
      </c>
      <c r="T124" s="1281" t="s">
        <v>1493</v>
      </c>
      <c r="U124" s="1281" t="s">
        <v>1877</v>
      </c>
      <c r="V124" s="958" t="str">
        <f>_xlfn.XLOOKUP(H124, [5]GIS!D:D, [5]GIS!E:E, "Not mapped")</f>
        <v>Not mapped</v>
      </c>
      <c r="W124" s="1281" t="s">
        <v>1707</v>
      </c>
      <c r="X124" s="1282"/>
      <c r="Y124" s="1283" t="s">
        <v>1719</v>
      </c>
      <c r="Z124" s="1281"/>
      <c r="AA124" s="1281"/>
      <c r="AB124" s="1281"/>
      <c r="AC124" s="1281"/>
      <c r="AD124" s="1281"/>
      <c r="AE124" s="1281"/>
      <c r="AF124" s="1281"/>
      <c r="AG124" s="1281"/>
      <c r="AH124" s="1282"/>
      <c r="AI124" s="1287"/>
      <c r="AJ124" s="1281"/>
      <c r="AK124" s="1281"/>
      <c r="AL124" s="1281"/>
      <c r="AM124" s="1281"/>
      <c r="AN124" s="1281"/>
      <c r="AO124" s="1281"/>
      <c r="AP124" s="1281"/>
      <c r="AQ124" s="1281"/>
      <c r="AR124" s="1281"/>
      <c r="AS124" s="1281"/>
      <c r="AT124" s="1281"/>
      <c r="AU124" s="1281"/>
      <c r="AV124" s="1281"/>
      <c r="AW124" s="1281"/>
      <c r="AX124" s="1281"/>
      <c r="AY124" s="1281"/>
      <c r="AZ124" s="1286" t="s">
        <v>1868</v>
      </c>
      <c r="BA124" s="1281" t="s">
        <v>722</v>
      </c>
      <c r="BB124" s="1282" t="s">
        <v>53</v>
      </c>
      <c r="BC124" s="1287">
        <v>1013423.13</v>
      </c>
      <c r="BD124" s="1263">
        <v>2</v>
      </c>
      <c r="BE124" s="1263" t="s">
        <v>1735</v>
      </c>
      <c r="BF124" s="1288" t="s">
        <v>1721</v>
      </c>
      <c r="BG124" s="978">
        <v>1013423.13</v>
      </c>
      <c r="BH124" s="976" t="e">
        <f t="shared" si="110"/>
        <v>#DIV/0!</v>
      </c>
      <c r="BI124" s="972" t="e">
        <f t="shared" si="111"/>
        <v>#DIV/0!</v>
      </c>
      <c r="BJ124" s="972" t="e">
        <f t="shared" si="112"/>
        <v>#DIV/0!</v>
      </c>
      <c r="BK124" s="972" t="e">
        <f t="shared" si="113"/>
        <v>#DIV/0!</v>
      </c>
      <c r="BL124" s="972" t="e">
        <f t="shared" si="114"/>
        <v>#DIV/0!</v>
      </c>
      <c r="BM124" s="972" t="e">
        <f t="shared" si="115"/>
        <v>#DIV/0!</v>
      </c>
      <c r="BN124" s="972" t="e">
        <f t="shared" si="116"/>
        <v>#DIV/0!</v>
      </c>
      <c r="BO124" s="972" t="e">
        <f t="shared" si="117"/>
        <v>#DIV/0!</v>
      </c>
      <c r="BP124" s="972" t="e">
        <f t="shared" si="118"/>
        <v>#DIV/0!</v>
      </c>
      <c r="BQ124" s="972" t="e">
        <f t="shared" si="119"/>
        <v>#DIV/0!</v>
      </c>
      <c r="BR124" s="972" t="e">
        <f t="shared" si="120"/>
        <v>#DIV/0!</v>
      </c>
      <c r="BS124" s="972" t="e">
        <f t="shared" si="121"/>
        <v>#DIV/0!</v>
      </c>
      <c r="BT124" s="972" t="e">
        <f t="shared" si="122"/>
        <v>#DIV/0!</v>
      </c>
      <c r="BU124" s="972" t="e">
        <f t="shared" si="123"/>
        <v>#DIV/0!</v>
      </c>
      <c r="BV124" s="972" t="e">
        <f t="shared" si="124"/>
        <v>#DIV/0!</v>
      </c>
      <c r="BW124" s="972" t="e">
        <f t="shared" si="125"/>
        <v>#DIV/0!</v>
      </c>
      <c r="BX124" s="972" t="e">
        <f t="shared" si="126"/>
        <v>#DIV/0!</v>
      </c>
      <c r="BY124" s="972" t="e">
        <f t="shared" si="127"/>
        <v>#DIV/0!</v>
      </c>
      <c r="BZ124" s="972" t="e">
        <f t="shared" si="128"/>
        <v>#DIV/0!</v>
      </c>
      <c r="CA124" s="972" t="e">
        <f t="shared" si="129"/>
        <v>#DIV/0!</v>
      </c>
      <c r="CB124" s="973" t="e">
        <f t="shared" si="85"/>
        <v>#DIV/0!</v>
      </c>
    </row>
    <row r="125" spans="3:80" ht="57.75" hidden="1" x14ac:dyDescent="0.25">
      <c r="C125" s="597"/>
      <c r="D125" s="597"/>
      <c r="E125" s="597"/>
      <c r="F125" s="597"/>
      <c r="G125" s="597"/>
      <c r="H125" s="499" t="s">
        <v>1881</v>
      </c>
      <c r="I125" s="499" t="s">
        <v>1104</v>
      </c>
      <c r="J125" s="499" t="s">
        <v>1105</v>
      </c>
      <c r="K125" s="499">
        <v>51.751237740000001</v>
      </c>
      <c r="L125" s="499">
        <v>-0.43054320200000001</v>
      </c>
      <c r="M125" s="499" t="s">
        <v>1560</v>
      </c>
      <c r="N125" s="499" t="s">
        <v>1489</v>
      </c>
      <c r="O125" s="499">
        <v>1</v>
      </c>
      <c r="P125" s="499" t="s">
        <v>932</v>
      </c>
      <c r="Q125" s="499" t="s">
        <v>1490</v>
      </c>
      <c r="R125" s="499" t="s">
        <v>1491</v>
      </c>
      <c r="S125" s="499" t="s">
        <v>1492</v>
      </c>
      <c r="T125" s="499" t="s">
        <v>1493</v>
      </c>
      <c r="U125" s="499" t="s">
        <v>1877</v>
      </c>
      <c r="V125" s="946" t="str">
        <f>_xlfn.XLOOKUP(H125, [5]GIS!D:D, [5]GIS!E:E, "Not mapped")</f>
        <v>Multiple - Scenario 1</v>
      </c>
      <c r="W125" s="499" t="s">
        <v>1707</v>
      </c>
      <c r="X125" s="1277" t="s">
        <v>1691</v>
      </c>
      <c r="Y125" s="1278" t="s">
        <v>1692</v>
      </c>
      <c r="Z125" s="1259" t="s">
        <v>1498</v>
      </c>
      <c r="AA125" s="1259" t="s">
        <v>1498</v>
      </c>
      <c r="AB125" s="1259" t="s">
        <v>1498</v>
      </c>
      <c r="AC125" s="1259" t="s">
        <v>1498</v>
      </c>
      <c r="AD125" s="1259" t="s">
        <v>1498</v>
      </c>
      <c r="AE125" s="1259" t="s">
        <v>1498</v>
      </c>
      <c r="AF125" s="1259" t="s">
        <v>1498</v>
      </c>
      <c r="AG125" s="1259" t="s">
        <v>1498</v>
      </c>
      <c r="AH125" s="1259" t="s">
        <v>1498</v>
      </c>
      <c r="AI125" s="1259" t="s">
        <v>1498</v>
      </c>
      <c r="AJ125" s="1259" t="s">
        <v>1498</v>
      </c>
      <c r="AK125" s="1259" t="s">
        <v>1498</v>
      </c>
      <c r="AL125" s="1259" t="s">
        <v>1498</v>
      </c>
      <c r="AM125" s="1259" t="s">
        <v>1498</v>
      </c>
      <c r="AN125" s="1259" t="s">
        <v>1498</v>
      </c>
      <c r="AO125" s="1259" t="s">
        <v>1498</v>
      </c>
      <c r="AP125" s="1259" t="s">
        <v>1498</v>
      </c>
      <c r="AQ125" s="1259" t="s">
        <v>1498</v>
      </c>
      <c r="AR125" s="1259" t="s">
        <v>1498</v>
      </c>
      <c r="AS125" s="1259" t="s">
        <v>1498</v>
      </c>
      <c r="AT125" s="1259" t="s">
        <v>1498</v>
      </c>
      <c r="AU125" s="1259" t="s">
        <v>1498</v>
      </c>
      <c r="AV125" s="1259" t="s">
        <v>1498</v>
      </c>
      <c r="AW125" s="1259" t="s">
        <v>1498</v>
      </c>
      <c r="AX125" s="1259" t="s">
        <v>1498</v>
      </c>
      <c r="AY125" s="1259" t="s">
        <v>1498</v>
      </c>
      <c r="AZ125" s="905" t="s">
        <v>1868</v>
      </c>
      <c r="BA125" s="499" t="s">
        <v>722</v>
      </c>
      <c r="BB125" s="953" t="s">
        <v>53</v>
      </c>
      <c r="BC125" s="980">
        <f>ROUND((VLOOKUP(H125,'[5]Cost Summary'!A:H,8,)),0.1)</f>
        <v>33318</v>
      </c>
      <c r="BD125" s="499">
        <v>0</v>
      </c>
      <c r="BE125" s="499" t="s">
        <v>1500</v>
      </c>
      <c r="BF125" s="954" t="s">
        <v>1584</v>
      </c>
      <c r="BG125" s="1261">
        <v>21645.73</v>
      </c>
      <c r="BH125" s="976" t="e">
        <f t="shared" si="110"/>
        <v>#VALUE!</v>
      </c>
      <c r="BI125" s="972" t="e">
        <f t="shared" si="111"/>
        <v>#VALUE!</v>
      </c>
      <c r="BJ125" s="972" t="e">
        <f t="shared" si="112"/>
        <v>#VALUE!</v>
      </c>
      <c r="BK125" s="972" t="e">
        <f t="shared" si="113"/>
        <v>#VALUE!</v>
      </c>
      <c r="BL125" s="972" t="e">
        <f t="shared" si="114"/>
        <v>#VALUE!</v>
      </c>
      <c r="BM125" s="972" t="e">
        <f t="shared" si="115"/>
        <v>#VALUE!</v>
      </c>
      <c r="BN125" s="972" t="e">
        <f t="shared" si="116"/>
        <v>#VALUE!</v>
      </c>
      <c r="BO125" s="972" t="e">
        <f t="shared" si="117"/>
        <v>#VALUE!</v>
      </c>
      <c r="BP125" s="972" t="e">
        <f t="shared" si="118"/>
        <v>#VALUE!</v>
      </c>
      <c r="BQ125" s="972" t="e">
        <f t="shared" si="119"/>
        <v>#VALUE!</v>
      </c>
      <c r="BR125" s="972" t="e">
        <f t="shared" si="120"/>
        <v>#VALUE!</v>
      </c>
      <c r="BS125" s="972" t="e">
        <f t="shared" si="121"/>
        <v>#VALUE!</v>
      </c>
      <c r="BT125" s="972" t="e">
        <f t="shared" si="122"/>
        <v>#VALUE!</v>
      </c>
      <c r="BU125" s="972" t="e">
        <f t="shared" si="123"/>
        <v>#VALUE!</v>
      </c>
      <c r="BV125" s="972" t="e">
        <f t="shared" si="124"/>
        <v>#VALUE!</v>
      </c>
      <c r="BW125" s="972" t="e">
        <f t="shared" si="125"/>
        <v>#VALUE!</v>
      </c>
      <c r="BX125" s="972" t="e">
        <f t="shared" si="126"/>
        <v>#VALUE!</v>
      </c>
      <c r="BY125" s="972" t="e">
        <f t="shared" si="127"/>
        <v>#VALUE!</v>
      </c>
      <c r="BZ125" s="972" t="e">
        <f t="shared" si="128"/>
        <v>#VALUE!</v>
      </c>
      <c r="CA125" s="972" t="e">
        <f t="shared" si="129"/>
        <v>#VALUE!</v>
      </c>
      <c r="CB125" s="973" t="e">
        <f t="shared" si="85"/>
        <v>#VALUE!</v>
      </c>
    </row>
    <row r="126" spans="3:80" ht="114.75" x14ac:dyDescent="0.25">
      <c r="C126" s="597"/>
      <c r="D126" s="597" t="s">
        <v>66</v>
      </c>
      <c r="E126" s="597"/>
      <c r="F126" s="597"/>
      <c r="G126" s="597"/>
      <c r="H126" s="499" t="s">
        <v>1834</v>
      </c>
      <c r="I126" s="499" t="s">
        <v>1186</v>
      </c>
      <c r="J126" s="499" t="s">
        <v>1187</v>
      </c>
      <c r="K126" s="499">
        <v>51.754353510000001</v>
      </c>
      <c r="L126" s="499">
        <v>-0.47261388700000001</v>
      </c>
      <c r="M126" s="499" t="s">
        <v>1522</v>
      </c>
      <c r="N126" s="499" t="s">
        <v>1489</v>
      </c>
      <c r="O126" s="499">
        <v>2</v>
      </c>
      <c r="P126" s="499" t="s">
        <v>932</v>
      </c>
      <c r="Q126" s="499" t="s">
        <v>1490</v>
      </c>
      <c r="R126" s="499" t="s">
        <v>1491</v>
      </c>
      <c r="S126" s="499" t="s">
        <v>1492</v>
      </c>
      <c r="T126" s="499" t="s">
        <v>1493</v>
      </c>
      <c r="U126" s="499" t="s">
        <v>1806</v>
      </c>
      <c r="V126" s="946" t="str">
        <f>_xlfn.XLOOKUP(H126, [5]GIS!D:D, [5]GIS!E:E, "Not mapped")</f>
        <v>Single - Scenario 2</v>
      </c>
      <c r="W126" s="1262" t="s">
        <v>1495</v>
      </c>
      <c r="X126" s="987" t="s">
        <v>2618</v>
      </c>
      <c r="Y126" s="987" t="s">
        <v>1526</v>
      </c>
      <c r="Z126" s="949">
        <v>101</v>
      </c>
      <c r="AA126" s="949">
        <v>8</v>
      </c>
      <c r="AB126" s="949">
        <v>1</v>
      </c>
      <c r="AC126" s="949">
        <v>2</v>
      </c>
      <c r="AD126" s="949">
        <v>1</v>
      </c>
      <c r="AE126" s="950">
        <v>0</v>
      </c>
      <c r="AF126" s="950">
        <v>1</v>
      </c>
      <c r="AG126" s="950">
        <v>1</v>
      </c>
      <c r="AH126" s="950">
        <v>4</v>
      </c>
      <c r="AI126" s="950">
        <v>1</v>
      </c>
      <c r="AJ126" s="950">
        <v>5</v>
      </c>
      <c r="AK126" s="950">
        <v>5</v>
      </c>
      <c r="AL126" s="950">
        <v>2</v>
      </c>
      <c r="AM126" s="950">
        <v>1</v>
      </c>
      <c r="AN126" s="951">
        <f>AT126*[5]TripRateCalculations!O$4</f>
        <v>1.54</v>
      </c>
      <c r="AO126" s="951">
        <f>AU126*[5]TripRateCalculations!P$4</f>
        <v>0.31186440677966104</v>
      </c>
      <c r="AP126" s="951">
        <f>AV126*[5]TripRateCalculations!Q$4</f>
        <v>0.28877005347593582</v>
      </c>
      <c r="AQ126" s="951">
        <f>AW126*[5]TripRateCalculations!R$4</f>
        <v>0.58581235697940504</v>
      </c>
      <c r="AR126" s="951">
        <f>AX126*[5]TripRateCalculations!S$4</f>
        <v>0.30434782608695654</v>
      </c>
      <c r="AS126" s="951">
        <f>AY126*[5]TripRateCalculations!T$4</f>
        <v>7.5688073394495417E-2</v>
      </c>
      <c r="AT126" s="950">
        <v>7</v>
      </c>
      <c r="AU126" s="950">
        <v>4</v>
      </c>
      <c r="AV126" s="950">
        <v>1</v>
      </c>
      <c r="AW126" s="950">
        <v>4</v>
      </c>
      <c r="AX126" s="950">
        <v>3</v>
      </c>
      <c r="AY126" s="950">
        <v>3</v>
      </c>
      <c r="AZ126" s="905" t="s">
        <v>1831</v>
      </c>
      <c r="BA126" s="499" t="s">
        <v>834</v>
      </c>
      <c r="BB126" s="953" t="s">
        <v>53</v>
      </c>
      <c r="BC126" s="980">
        <f>ROUND((VLOOKUP(H126,'[5]Cost Summary'!A:H,8,)),0.1)</f>
        <v>290466</v>
      </c>
      <c r="BD126" s="499">
        <v>1</v>
      </c>
      <c r="BE126" s="499">
        <v>6</v>
      </c>
      <c r="BF126" s="954" t="s">
        <v>1584</v>
      </c>
      <c r="BG126" s="1261">
        <v>188708.84</v>
      </c>
      <c r="BH126" s="977">
        <f t="shared" ref="BH126:BQ129" si="130">Z126/(SUM($Z126:$AS126))</f>
        <v>0.74206604993397052</v>
      </c>
      <c r="BI126" s="974">
        <f t="shared" si="130"/>
        <v>5.8777508905661031E-2</v>
      </c>
      <c r="BJ126" s="974">
        <f t="shared" si="130"/>
        <v>7.3471886132076289E-3</v>
      </c>
      <c r="BK126" s="974">
        <f t="shared" si="130"/>
        <v>1.4694377226415258E-2</v>
      </c>
      <c r="BL126" s="974">
        <f t="shared" si="130"/>
        <v>7.3471886132076289E-3</v>
      </c>
      <c r="BM126" s="974">
        <f t="shared" si="130"/>
        <v>0</v>
      </c>
      <c r="BN126" s="974">
        <f t="shared" si="130"/>
        <v>7.3471886132076289E-3</v>
      </c>
      <c r="BO126" s="974">
        <f t="shared" si="130"/>
        <v>7.3471886132076289E-3</v>
      </c>
      <c r="BP126" s="974">
        <f t="shared" si="130"/>
        <v>2.9388754452830516E-2</v>
      </c>
      <c r="BQ126" s="974">
        <f t="shared" si="130"/>
        <v>7.3471886132076289E-3</v>
      </c>
      <c r="BR126" s="974">
        <f t="shared" ref="BR126:CA129" si="131">AJ126/(SUM($Z126:$AS126))</f>
        <v>3.6735943066038147E-2</v>
      </c>
      <c r="BS126" s="974">
        <f t="shared" si="131"/>
        <v>3.6735943066038147E-2</v>
      </c>
      <c r="BT126" s="974">
        <f t="shared" si="131"/>
        <v>1.4694377226415258E-2</v>
      </c>
      <c r="BU126" s="974">
        <f t="shared" si="131"/>
        <v>7.3471886132076289E-3</v>
      </c>
      <c r="BV126" s="974">
        <f t="shared" si="131"/>
        <v>1.131467046433975E-2</v>
      </c>
      <c r="BW126" s="974">
        <f t="shared" si="131"/>
        <v>2.2913266183562779E-3</v>
      </c>
      <c r="BX126" s="974">
        <f t="shared" si="131"/>
        <v>2.1216480487337539E-3</v>
      </c>
      <c r="BY126" s="974">
        <f t="shared" si="131"/>
        <v>4.304073878675407E-3</v>
      </c>
      <c r="BZ126" s="974">
        <f t="shared" si="131"/>
        <v>2.2361008822805828E-3</v>
      </c>
      <c r="CA126" s="974">
        <f t="shared" si="131"/>
        <v>5.5609455099965999E-4</v>
      </c>
      <c r="CB126" s="973">
        <f t="shared" si="85"/>
        <v>0.99999999999999989</v>
      </c>
    </row>
    <row r="127" spans="3:80" ht="43.5" x14ac:dyDescent="0.25">
      <c r="C127" s="597"/>
      <c r="D127" s="597"/>
      <c r="E127" s="597"/>
      <c r="F127" s="597"/>
      <c r="G127" s="597"/>
      <c r="H127" s="499" t="s">
        <v>1882</v>
      </c>
      <c r="I127" s="499" t="s">
        <v>1188</v>
      </c>
      <c r="J127" s="499" t="s">
        <v>1189</v>
      </c>
      <c r="K127" s="499">
        <v>51.752838130000001</v>
      </c>
      <c r="L127" s="499">
        <v>-0.47222059599999999</v>
      </c>
      <c r="M127" s="499" t="s">
        <v>1522</v>
      </c>
      <c r="N127" s="499" t="s">
        <v>1489</v>
      </c>
      <c r="O127" s="499">
        <v>1</v>
      </c>
      <c r="P127" s="499" t="s">
        <v>932</v>
      </c>
      <c r="Q127" s="499" t="s">
        <v>1490</v>
      </c>
      <c r="R127" s="499" t="s">
        <v>1491</v>
      </c>
      <c r="S127" s="499" t="s">
        <v>1492</v>
      </c>
      <c r="T127" s="499" t="s">
        <v>1493</v>
      </c>
      <c r="U127" s="499" t="s">
        <v>1806</v>
      </c>
      <c r="V127" s="946" t="str">
        <f>_xlfn.XLOOKUP(H127, [5]GIS!D:D, [5]GIS!E:E, "Not mapped")</f>
        <v>Single - Scenario 2</v>
      </c>
      <c r="W127" s="1262" t="s">
        <v>1723</v>
      </c>
      <c r="X127" s="987" t="s">
        <v>2618</v>
      </c>
      <c r="Y127" s="987" t="s">
        <v>1526</v>
      </c>
      <c r="Z127" s="949">
        <v>101</v>
      </c>
      <c r="AA127" s="949">
        <v>8</v>
      </c>
      <c r="AB127" s="949">
        <v>1</v>
      </c>
      <c r="AC127" s="949">
        <v>2</v>
      </c>
      <c r="AD127" s="949">
        <v>1</v>
      </c>
      <c r="AE127" s="950">
        <v>0</v>
      </c>
      <c r="AF127" s="950">
        <v>1</v>
      </c>
      <c r="AG127" s="950">
        <v>1</v>
      </c>
      <c r="AH127" s="950">
        <v>4</v>
      </c>
      <c r="AI127" s="950">
        <v>1</v>
      </c>
      <c r="AJ127" s="950">
        <v>5</v>
      </c>
      <c r="AK127" s="950">
        <v>5</v>
      </c>
      <c r="AL127" s="950">
        <v>2</v>
      </c>
      <c r="AM127" s="950">
        <v>1</v>
      </c>
      <c r="AN127" s="951">
        <f>AT127*[5]TripRateCalculations!O$4</f>
        <v>1.54</v>
      </c>
      <c r="AO127" s="951">
        <f>AU127*[5]TripRateCalculations!P$4</f>
        <v>0.31186440677966104</v>
      </c>
      <c r="AP127" s="951">
        <f>AV127*[5]TripRateCalculations!Q$4</f>
        <v>0.28877005347593582</v>
      </c>
      <c r="AQ127" s="951">
        <f>AW127*[5]TripRateCalculations!R$4</f>
        <v>0.58581235697940504</v>
      </c>
      <c r="AR127" s="951">
        <f>AX127*[5]TripRateCalculations!S$4</f>
        <v>0.30434782608695654</v>
      </c>
      <c r="AS127" s="951">
        <f>AY127*[5]TripRateCalculations!T$4</f>
        <v>7.5688073394495417E-2</v>
      </c>
      <c r="AT127" s="950">
        <v>7</v>
      </c>
      <c r="AU127" s="950">
        <v>4</v>
      </c>
      <c r="AV127" s="950">
        <v>1</v>
      </c>
      <c r="AW127" s="950">
        <v>4</v>
      </c>
      <c r="AX127" s="950">
        <v>3</v>
      </c>
      <c r="AY127" s="950">
        <v>3</v>
      </c>
      <c r="AZ127" s="905" t="s">
        <v>1831</v>
      </c>
      <c r="BA127" s="499" t="s">
        <v>834</v>
      </c>
      <c r="BB127" s="953" t="s">
        <v>53</v>
      </c>
      <c r="BC127" s="980">
        <f>ROUND((VLOOKUP(H127,'[5]Cost Summary'!A:H,8,)),0.1)</f>
        <v>2392</v>
      </c>
      <c r="BD127" s="499">
        <v>0</v>
      </c>
      <c r="BE127" s="499" t="s">
        <v>1500</v>
      </c>
      <c r="BF127" s="954" t="s">
        <v>1584</v>
      </c>
      <c r="BG127" s="1261">
        <v>1554.05</v>
      </c>
      <c r="BH127" s="977">
        <f t="shared" si="130"/>
        <v>0.74206604993397052</v>
      </c>
      <c r="BI127" s="974">
        <f t="shared" si="130"/>
        <v>5.8777508905661031E-2</v>
      </c>
      <c r="BJ127" s="974">
        <f t="shared" si="130"/>
        <v>7.3471886132076289E-3</v>
      </c>
      <c r="BK127" s="974">
        <f t="shared" si="130"/>
        <v>1.4694377226415258E-2</v>
      </c>
      <c r="BL127" s="974">
        <f t="shared" si="130"/>
        <v>7.3471886132076289E-3</v>
      </c>
      <c r="BM127" s="974">
        <f t="shared" si="130"/>
        <v>0</v>
      </c>
      <c r="BN127" s="974">
        <f t="shared" si="130"/>
        <v>7.3471886132076289E-3</v>
      </c>
      <c r="BO127" s="974">
        <f t="shared" si="130"/>
        <v>7.3471886132076289E-3</v>
      </c>
      <c r="BP127" s="974">
        <f t="shared" si="130"/>
        <v>2.9388754452830516E-2</v>
      </c>
      <c r="BQ127" s="974">
        <f t="shared" si="130"/>
        <v>7.3471886132076289E-3</v>
      </c>
      <c r="BR127" s="974">
        <f t="shared" si="131"/>
        <v>3.6735943066038147E-2</v>
      </c>
      <c r="BS127" s="974">
        <f t="shared" si="131"/>
        <v>3.6735943066038147E-2</v>
      </c>
      <c r="BT127" s="974">
        <f t="shared" si="131"/>
        <v>1.4694377226415258E-2</v>
      </c>
      <c r="BU127" s="974">
        <f t="shared" si="131"/>
        <v>7.3471886132076289E-3</v>
      </c>
      <c r="BV127" s="974">
        <f t="shared" si="131"/>
        <v>1.131467046433975E-2</v>
      </c>
      <c r="BW127" s="974">
        <f t="shared" si="131"/>
        <v>2.2913266183562779E-3</v>
      </c>
      <c r="BX127" s="974">
        <f t="shared" si="131"/>
        <v>2.1216480487337539E-3</v>
      </c>
      <c r="BY127" s="974">
        <f t="shared" si="131"/>
        <v>4.304073878675407E-3</v>
      </c>
      <c r="BZ127" s="974">
        <f t="shared" si="131"/>
        <v>2.2361008822805828E-3</v>
      </c>
      <c r="CA127" s="974">
        <f t="shared" si="131"/>
        <v>5.5609455099965999E-4</v>
      </c>
      <c r="CB127" s="973">
        <f t="shared" si="85"/>
        <v>0.99999999999999989</v>
      </c>
    </row>
    <row r="128" spans="3:80" ht="75" x14ac:dyDescent="0.25">
      <c r="C128" s="597"/>
      <c r="D128" s="597" t="s">
        <v>66</v>
      </c>
      <c r="E128" s="597"/>
      <c r="F128" s="597"/>
      <c r="G128" s="597"/>
      <c r="H128" s="499" t="s">
        <v>1883</v>
      </c>
      <c r="I128" s="499" t="s">
        <v>1190</v>
      </c>
      <c r="J128" s="499" t="s">
        <v>1191</v>
      </c>
      <c r="K128" s="499">
        <v>51.75329533</v>
      </c>
      <c r="L128" s="499">
        <v>-0.47247293099999998</v>
      </c>
      <c r="M128" s="499" t="s">
        <v>1522</v>
      </c>
      <c r="N128" s="499" t="s">
        <v>1489</v>
      </c>
      <c r="O128" s="499">
        <v>1</v>
      </c>
      <c r="P128" s="499" t="s">
        <v>932</v>
      </c>
      <c r="Q128" s="499" t="s">
        <v>1490</v>
      </c>
      <c r="R128" s="499" t="s">
        <v>1491</v>
      </c>
      <c r="S128" s="499" t="s">
        <v>1492</v>
      </c>
      <c r="T128" s="499" t="s">
        <v>1493</v>
      </c>
      <c r="U128" s="499" t="s">
        <v>1806</v>
      </c>
      <c r="V128" s="946" t="str">
        <f>_xlfn.XLOOKUP(H128, [5]GIS!D:D, [5]GIS!E:E, "Not mapped")</f>
        <v>Multiple - Scenario 1</v>
      </c>
      <c r="W128" s="1257" t="s">
        <v>1495</v>
      </c>
      <c r="X128" s="987" t="s">
        <v>2618</v>
      </c>
      <c r="Y128" s="987" t="s">
        <v>1526</v>
      </c>
      <c r="Z128" s="949">
        <v>101</v>
      </c>
      <c r="AA128" s="949">
        <v>8</v>
      </c>
      <c r="AB128" s="949">
        <v>1</v>
      </c>
      <c r="AC128" s="949">
        <v>2</v>
      </c>
      <c r="AD128" s="949">
        <v>1</v>
      </c>
      <c r="AE128" s="950">
        <v>0</v>
      </c>
      <c r="AF128" s="950">
        <v>1</v>
      </c>
      <c r="AG128" s="950">
        <v>1</v>
      </c>
      <c r="AH128" s="950">
        <v>4</v>
      </c>
      <c r="AI128" s="950">
        <v>1</v>
      </c>
      <c r="AJ128" s="950">
        <v>5</v>
      </c>
      <c r="AK128" s="950">
        <v>5</v>
      </c>
      <c r="AL128" s="950">
        <v>2</v>
      </c>
      <c r="AM128" s="950">
        <v>1</v>
      </c>
      <c r="AN128" s="951">
        <f>AT128*[5]TripRateCalculations!O$4</f>
        <v>1.54</v>
      </c>
      <c r="AO128" s="951">
        <f>AU128*[5]TripRateCalculations!P$4</f>
        <v>0.31186440677966104</v>
      </c>
      <c r="AP128" s="951">
        <f>AV128*[5]TripRateCalculations!Q$4</f>
        <v>0.28877005347593582</v>
      </c>
      <c r="AQ128" s="951">
        <f>AW128*[5]TripRateCalculations!R$4</f>
        <v>0.58581235697940504</v>
      </c>
      <c r="AR128" s="951">
        <f>AX128*[5]TripRateCalculations!S$4</f>
        <v>0.30434782608695654</v>
      </c>
      <c r="AS128" s="951">
        <f>AY128*[5]TripRateCalculations!T$4</f>
        <v>7.5688073394495417E-2</v>
      </c>
      <c r="AT128" s="950">
        <v>7</v>
      </c>
      <c r="AU128" s="950">
        <v>4</v>
      </c>
      <c r="AV128" s="950">
        <v>1</v>
      </c>
      <c r="AW128" s="950">
        <v>4</v>
      </c>
      <c r="AX128" s="950">
        <v>3</v>
      </c>
      <c r="AY128" s="950">
        <v>3</v>
      </c>
      <c r="AZ128" s="905" t="s">
        <v>1831</v>
      </c>
      <c r="BA128" s="499" t="s">
        <v>834</v>
      </c>
      <c r="BB128" s="953" t="s">
        <v>53</v>
      </c>
      <c r="BC128" s="980">
        <f>ROUND((VLOOKUP(H128,'[5]Cost Summary'!A:H,8,)),0.1)</f>
        <v>200552</v>
      </c>
      <c r="BD128" s="499">
        <v>1</v>
      </c>
      <c r="BE128" s="499">
        <v>6</v>
      </c>
      <c r="BF128" s="954" t="s">
        <v>1584</v>
      </c>
      <c r="BG128" s="1261">
        <v>130293.74</v>
      </c>
      <c r="BH128" s="977">
        <f t="shared" si="130"/>
        <v>0.74206604993397052</v>
      </c>
      <c r="BI128" s="974">
        <f t="shared" si="130"/>
        <v>5.8777508905661031E-2</v>
      </c>
      <c r="BJ128" s="974">
        <f t="shared" si="130"/>
        <v>7.3471886132076289E-3</v>
      </c>
      <c r="BK128" s="974">
        <f t="shared" si="130"/>
        <v>1.4694377226415258E-2</v>
      </c>
      <c r="BL128" s="974">
        <f t="shared" si="130"/>
        <v>7.3471886132076289E-3</v>
      </c>
      <c r="BM128" s="974">
        <f t="shared" si="130"/>
        <v>0</v>
      </c>
      <c r="BN128" s="974">
        <f t="shared" si="130"/>
        <v>7.3471886132076289E-3</v>
      </c>
      <c r="BO128" s="974">
        <f t="shared" si="130"/>
        <v>7.3471886132076289E-3</v>
      </c>
      <c r="BP128" s="974">
        <f t="shared" si="130"/>
        <v>2.9388754452830516E-2</v>
      </c>
      <c r="BQ128" s="974">
        <f t="shared" si="130"/>
        <v>7.3471886132076289E-3</v>
      </c>
      <c r="BR128" s="974">
        <f t="shared" si="131"/>
        <v>3.6735943066038147E-2</v>
      </c>
      <c r="BS128" s="974">
        <f t="shared" si="131"/>
        <v>3.6735943066038147E-2</v>
      </c>
      <c r="BT128" s="974">
        <f t="shared" si="131"/>
        <v>1.4694377226415258E-2</v>
      </c>
      <c r="BU128" s="974">
        <f t="shared" si="131"/>
        <v>7.3471886132076289E-3</v>
      </c>
      <c r="BV128" s="974">
        <f t="shared" si="131"/>
        <v>1.131467046433975E-2</v>
      </c>
      <c r="BW128" s="974">
        <f t="shared" si="131"/>
        <v>2.2913266183562779E-3</v>
      </c>
      <c r="BX128" s="974">
        <f t="shared" si="131"/>
        <v>2.1216480487337539E-3</v>
      </c>
      <c r="BY128" s="974">
        <f t="shared" si="131"/>
        <v>4.304073878675407E-3</v>
      </c>
      <c r="BZ128" s="974">
        <f t="shared" si="131"/>
        <v>2.2361008822805828E-3</v>
      </c>
      <c r="CA128" s="974">
        <f t="shared" si="131"/>
        <v>5.5609455099965999E-4</v>
      </c>
      <c r="CB128" s="973">
        <f t="shared" si="85"/>
        <v>0.99999999999999989</v>
      </c>
    </row>
    <row r="129" spans="3:80" ht="285" x14ac:dyDescent="0.25">
      <c r="C129" s="597"/>
      <c r="D129" s="597"/>
      <c r="E129" s="597" t="s">
        <v>66</v>
      </c>
      <c r="F129" s="597"/>
      <c r="G129" s="597"/>
      <c r="H129" s="499" t="s">
        <v>1885</v>
      </c>
      <c r="I129" s="499" t="s">
        <v>1192</v>
      </c>
      <c r="J129" s="1268" t="s">
        <v>1886</v>
      </c>
      <c r="K129" s="499" t="s">
        <v>1521</v>
      </c>
      <c r="L129" s="499" t="s">
        <v>1521</v>
      </c>
      <c r="M129" s="499" t="s">
        <v>1522</v>
      </c>
      <c r="N129" s="499" t="s">
        <v>1489</v>
      </c>
      <c r="O129" s="499">
        <v>1</v>
      </c>
      <c r="P129" s="499" t="s">
        <v>932</v>
      </c>
      <c r="Q129" s="499" t="s">
        <v>1490</v>
      </c>
      <c r="R129" s="499" t="s">
        <v>1491</v>
      </c>
      <c r="S129" s="499" t="s">
        <v>1492</v>
      </c>
      <c r="T129" s="499" t="s">
        <v>1493</v>
      </c>
      <c r="U129" s="499" t="s">
        <v>1888</v>
      </c>
      <c r="V129" s="946" t="str">
        <f>_xlfn.XLOOKUP(H129, [5]GIS!D:D, [5]GIS!E:E, "Not mapped")</f>
        <v>Multiple - Scenario 1</v>
      </c>
      <c r="W129" s="773" t="s">
        <v>1707</v>
      </c>
      <c r="X129" s="987" t="s">
        <v>2618</v>
      </c>
      <c r="Y129" s="987" t="s">
        <v>1526</v>
      </c>
      <c r="Z129" s="949">
        <v>18</v>
      </c>
      <c r="AA129" s="949">
        <v>13</v>
      </c>
      <c r="AB129" s="949">
        <v>45</v>
      </c>
      <c r="AC129" s="949">
        <v>22</v>
      </c>
      <c r="AD129" s="949">
        <v>0</v>
      </c>
      <c r="AE129" s="950">
        <v>8</v>
      </c>
      <c r="AF129" s="950">
        <v>17</v>
      </c>
      <c r="AG129" s="950">
        <v>43</v>
      </c>
      <c r="AH129" s="950">
        <v>13</v>
      </c>
      <c r="AI129" s="950">
        <v>8</v>
      </c>
      <c r="AJ129" s="950">
        <v>47</v>
      </c>
      <c r="AK129" s="950">
        <v>67</v>
      </c>
      <c r="AL129" s="950">
        <v>3</v>
      </c>
      <c r="AM129" s="950">
        <v>5</v>
      </c>
      <c r="AN129" s="951">
        <f>AT129*[5]TripRateCalculations!O$4</f>
        <v>6.82</v>
      </c>
      <c r="AO129" s="951">
        <f>AU129*[5]TripRateCalculations!P$4</f>
        <v>0</v>
      </c>
      <c r="AP129" s="951">
        <f>AV129*[5]TripRateCalculations!Q$4</f>
        <v>1.7326203208556148</v>
      </c>
      <c r="AQ129" s="951">
        <f>AW129*[5]TripRateCalculations!R$4</f>
        <v>5.8581235697940501</v>
      </c>
      <c r="AR129" s="951">
        <f>AX129*[5]TripRateCalculations!S$4</f>
        <v>1.8260869565217392</v>
      </c>
      <c r="AS129" s="951">
        <f>AY129*[5]TripRateCalculations!T$4</f>
        <v>1.0091743119266057</v>
      </c>
      <c r="AT129" s="950">
        <v>31</v>
      </c>
      <c r="AU129" s="950">
        <v>0</v>
      </c>
      <c r="AV129" s="950">
        <v>6</v>
      </c>
      <c r="AW129" s="950">
        <v>40</v>
      </c>
      <c r="AX129" s="950">
        <v>18</v>
      </c>
      <c r="AY129" s="950">
        <v>40</v>
      </c>
      <c r="AZ129" s="905" t="s">
        <v>1889</v>
      </c>
      <c r="BA129" s="499" t="s">
        <v>722</v>
      </c>
      <c r="BB129" s="953" t="s">
        <v>53</v>
      </c>
      <c r="BC129" s="980">
        <f>ROUND((VLOOKUP(H129,'[5]Cost Summary'!A:H,8,)),0.1)</f>
        <v>1370676</v>
      </c>
      <c r="BD129" s="499">
        <v>4</v>
      </c>
      <c r="BE129" s="499" t="s">
        <v>1890</v>
      </c>
      <c r="BF129" s="954" t="s">
        <v>1584</v>
      </c>
      <c r="BG129" s="1261">
        <v>890493.87</v>
      </c>
      <c r="BH129" s="977">
        <f t="shared" si="130"/>
        <v>5.51730893723038E-2</v>
      </c>
      <c r="BI129" s="974">
        <f t="shared" si="130"/>
        <v>3.9847231213330524E-2</v>
      </c>
      <c r="BJ129" s="974">
        <f t="shared" si="130"/>
        <v>0.13793272343075949</v>
      </c>
      <c r="BK129" s="974">
        <f t="shared" si="130"/>
        <v>6.743377589948242E-2</v>
      </c>
      <c r="BL129" s="974">
        <f t="shared" si="130"/>
        <v>0</v>
      </c>
      <c r="BM129" s="974">
        <f t="shared" si="130"/>
        <v>2.4521373054357243E-2</v>
      </c>
      <c r="BN129" s="974">
        <f t="shared" si="130"/>
        <v>5.2107917740509144E-2</v>
      </c>
      <c r="BO129" s="974">
        <f t="shared" si="130"/>
        <v>0.13180238016717019</v>
      </c>
      <c r="BP129" s="974">
        <f t="shared" si="130"/>
        <v>3.9847231213330524E-2</v>
      </c>
      <c r="BQ129" s="974">
        <f t="shared" si="130"/>
        <v>2.4521373054357243E-2</v>
      </c>
      <c r="BR129" s="974">
        <f t="shared" si="131"/>
        <v>0.14406306669434882</v>
      </c>
      <c r="BS129" s="974">
        <f t="shared" si="131"/>
        <v>0.20536649933024193</v>
      </c>
      <c r="BT129" s="974">
        <f t="shared" si="131"/>
        <v>9.1955148953839667E-3</v>
      </c>
      <c r="BU129" s="974">
        <f t="shared" si="131"/>
        <v>1.5325858158973278E-2</v>
      </c>
      <c r="BV129" s="974">
        <f t="shared" si="131"/>
        <v>2.0904470528839553E-2</v>
      </c>
      <c r="BW129" s="974">
        <f t="shared" si="131"/>
        <v>0</v>
      </c>
      <c r="BX129" s="974">
        <f t="shared" si="131"/>
        <v>5.3107786561575844E-3</v>
      </c>
      <c r="BY129" s="974">
        <f t="shared" si="131"/>
        <v>1.795615418168036E-2</v>
      </c>
      <c r="BZ129" s="974">
        <f t="shared" si="131"/>
        <v>5.5972699363206757E-3</v>
      </c>
      <c r="CA129" s="974">
        <f t="shared" si="131"/>
        <v>3.0932924724533226E-3</v>
      </c>
      <c r="CB129" s="973">
        <f t="shared" si="85"/>
        <v>1.0000000000000002</v>
      </c>
    </row>
    <row r="130" spans="3:80" ht="72" hidden="1" x14ac:dyDescent="0.25">
      <c r="C130" s="597"/>
      <c r="D130" s="597" t="s">
        <v>66</v>
      </c>
      <c r="E130" s="597"/>
      <c r="F130" s="597"/>
      <c r="G130" s="597"/>
      <c r="H130" s="499" t="s">
        <v>1893</v>
      </c>
      <c r="I130" s="499" t="s">
        <v>1115</v>
      </c>
      <c r="J130" s="499" t="s">
        <v>1116</v>
      </c>
      <c r="K130" s="499" t="s">
        <v>1894</v>
      </c>
      <c r="L130" s="499" t="s">
        <v>1895</v>
      </c>
      <c r="M130" s="499" t="s">
        <v>1488</v>
      </c>
      <c r="N130" s="499" t="s">
        <v>1489</v>
      </c>
      <c r="O130" s="499">
        <v>1</v>
      </c>
      <c r="P130" s="499" t="s">
        <v>932</v>
      </c>
      <c r="Q130" s="499" t="s">
        <v>1490</v>
      </c>
      <c r="R130" s="499" t="s">
        <v>1491</v>
      </c>
      <c r="S130" s="499" t="s">
        <v>1492</v>
      </c>
      <c r="T130" s="499" t="s">
        <v>1493</v>
      </c>
      <c r="U130" s="499" t="s">
        <v>1514</v>
      </c>
      <c r="V130" s="946" t="str">
        <f>_xlfn.XLOOKUP(H130, [5]GIS!D:D, [5]GIS!E:E, "Not mapped")</f>
        <v>Multiple - Scenario 2</v>
      </c>
      <c r="W130" s="1262" t="s">
        <v>1515</v>
      </c>
      <c r="X130" s="579" t="s">
        <v>1496</v>
      </c>
      <c r="Y130" s="1258" t="s">
        <v>1497</v>
      </c>
      <c r="Z130" s="1259" t="s">
        <v>1498</v>
      </c>
      <c r="AA130" s="1259" t="s">
        <v>1498</v>
      </c>
      <c r="AB130" s="1259" t="s">
        <v>1498</v>
      </c>
      <c r="AC130" s="1259" t="s">
        <v>1498</v>
      </c>
      <c r="AD130" s="1259" t="s">
        <v>1498</v>
      </c>
      <c r="AE130" s="1259" t="s">
        <v>1498</v>
      </c>
      <c r="AF130" s="1259" t="s">
        <v>1498</v>
      </c>
      <c r="AG130" s="1259" t="s">
        <v>1498</v>
      </c>
      <c r="AH130" s="1259" t="s">
        <v>1498</v>
      </c>
      <c r="AI130" s="1259" t="s">
        <v>1498</v>
      </c>
      <c r="AJ130" s="1259" t="s">
        <v>1498</v>
      </c>
      <c r="AK130" s="1259" t="s">
        <v>1498</v>
      </c>
      <c r="AL130" s="1259" t="s">
        <v>1498</v>
      </c>
      <c r="AM130" s="1259" t="s">
        <v>1498</v>
      </c>
      <c r="AN130" s="1259" t="s">
        <v>1498</v>
      </c>
      <c r="AO130" s="1259" t="s">
        <v>1498</v>
      </c>
      <c r="AP130" s="1259" t="s">
        <v>1498</v>
      </c>
      <c r="AQ130" s="1259" t="s">
        <v>1498</v>
      </c>
      <c r="AR130" s="1259" t="s">
        <v>1498</v>
      </c>
      <c r="AS130" s="1259" t="s">
        <v>1498</v>
      </c>
      <c r="AT130" s="1259" t="s">
        <v>1498</v>
      </c>
      <c r="AU130" s="1259" t="s">
        <v>1498</v>
      </c>
      <c r="AV130" s="1259" t="s">
        <v>1498</v>
      </c>
      <c r="AW130" s="1259" t="s">
        <v>1498</v>
      </c>
      <c r="AX130" s="1259" t="s">
        <v>1498</v>
      </c>
      <c r="AY130" s="1259" t="s">
        <v>1498</v>
      </c>
      <c r="AZ130" s="905" t="s">
        <v>1896</v>
      </c>
      <c r="BA130" s="499" t="s">
        <v>722</v>
      </c>
      <c r="BB130" s="953" t="s">
        <v>53</v>
      </c>
      <c r="BC130" s="980">
        <f>ROUND((VLOOKUP(H130,'[5]Cost Summary'!A:H,8,)),0.1)</f>
        <v>12923</v>
      </c>
      <c r="BD130" s="499">
        <v>0</v>
      </c>
      <c r="BE130" s="499" t="s">
        <v>1500</v>
      </c>
      <c r="BF130" s="954" t="s">
        <v>1584</v>
      </c>
      <c r="BG130" s="1261">
        <v>8395.83</v>
      </c>
      <c r="BH130" s="976" t="e">
        <f t="shared" ref="BH130:BH139" si="132">Z130/(SUM($Z130:$AY130))</f>
        <v>#VALUE!</v>
      </c>
      <c r="BI130" s="972" t="e">
        <f t="shared" ref="BI130:BI139" si="133">AA130/(SUM($Z130:$AY130))</f>
        <v>#VALUE!</v>
      </c>
      <c r="BJ130" s="972" t="e">
        <f t="shared" ref="BJ130:BJ139" si="134">AB130/(SUM($Z130:$AY130))</f>
        <v>#VALUE!</v>
      </c>
      <c r="BK130" s="972" t="e">
        <f t="shared" ref="BK130:BK139" si="135">AC130/(SUM($Z130:$AY130))</f>
        <v>#VALUE!</v>
      </c>
      <c r="BL130" s="972" t="e">
        <f t="shared" ref="BL130:BL139" si="136">AD130/(SUM($Z130:$AY130))</f>
        <v>#VALUE!</v>
      </c>
      <c r="BM130" s="972" t="e">
        <f t="shared" ref="BM130:BM139" si="137">AE130/(SUM($Z130:$AY130))</f>
        <v>#VALUE!</v>
      </c>
      <c r="BN130" s="972" t="e">
        <f t="shared" ref="BN130:BN139" si="138">AF130/(SUM($Z130:$AY130))</f>
        <v>#VALUE!</v>
      </c>
      <c r="BO130" s="972" t="e">
        <f t="shared" ref="BO130:BO139" si="139">AG130/(SUM($Z130:$AY130))</f>
        <v>#VALUE!</v>
      </c>
      <c r="BP130" s="972" t="e">
        <f t="shared" ref="BP130:BP139" si="140">AH130/(SUM($Z130:$AY130))</f>
        <v>#VALUE!</v>
      </c>
      <c r="BQ130" s="972" t="e">
        <f t="shared" ref="BQ130:BQ139" si="141">AI130/(SUM($Z130:$AY130))</f>
        <v>#VALUE!</v>
      </c>
      <c r="BR130" s="972" t="e">
        <f t="shared" ref="BR130:BR139" si="142">AJ130/(SUM($Z130:$AY130))</f>
        <v>#VALUE!</v>
      </c>
      <c r="BS130" s="972" t="e">
        <f t="shared" ref="BS130:BS139" si="143">AK130/(SUM($Z130:$AY130))</f>
        <v>#VALUE!</v>
      </c>
      <c r="BT130" s="972" t="e">
        <f t="shared" ref="BT130:BT139" si="144">AL130/(SUM($Z130:$AY130))</f>
        <v>#VALUE!</v>
      </c>
      <c r="BU130" s="972" t="e">
        <f t="shared" ref="BU130:BU139" si="145">AM130/(SUM($Z130:$AY130))</f>
        <v>#VALUE!</v>
      </c>
      <c r="BV130" s="972" t="e">
        <f t="shared" ref="BV130:BV139" si="146">AM130/(SUM($Z130:$AY130))</f>
        <v>#VALUE!</v>
      </c>
      <c r="BW130" s="972" t="e">
        <f t="shared" ref="BW130:BW139" si="147">AN130/(SUM($Z130:$AY130))</f>
        <v>#VALUE!</v>
      </c>
      <c r="BX130" s="972" t="e">
        <f t="shared" ref="BX130:BX139" si="148">AO130/(SUM($Z130:$AY130))</f>
        <v>#VALUE!</v>
      </c>
      <c r="BY130" s="972" t="e">
        <f t="shared" ref="BY130:BY139" si="149">AP130/(SUM($Z130:$AY130))</f>
        <v>#VALUE!</v>
      </c>
      <c r="BZ130" s="972" t="e">
        <f t="shared" ref="BZ130:BZ139" si="150">AQ130/(SUM($Z130:$AY130))</f>
        <v>#VALUE!</v>
      </c>
      <c r="CA130" s="972" t="e">
        <f t="shared" ref="CA130:CA139" si="151">AR130/(SUM($Z130:$AY130))</f>
        <v>#VALUE!</v>
      </c>
      <c r="CB130" s="973" t="e">
        <f t="shared" si="85"/>
        <v>#VALUE!</v>
      </c>
    </row>
    <row r="131" spans="3:80" ht="75" hidden="1" x14ac:dyDescent="0.25">
      <c r="C131" s="597"/>
      <c r="D131" s="597" t="s">
        <v>66</v>
      </c>
      <c r="E131" s="597"/>
      <c r="F131" s="597"/>
      <c r="G131" s="597"/>
      <c r="H131" s="499" t="s">
        <v>1897</v>
      </c>
      <c r="I131" s="499" t="s">
        <v>1117</v>
      </c>
      <c r="J131" s="499" t="s">
        <v>1118</v>
      </c>
      <c r="K131" s="499" t="s">
        <v>1899</v>
      </c>
      <c r="L131" s="499" t="s">
        <v>1900</v>
      </c>
      <c r="M131" s="499" t="s">
        <v>1488</v>
      </c>
      <c r="N131" s="499" t="s">
        <v>1489</v>
      </c>
      <c r="O131" s="499">
        <v>1</v>
      </c>
      <c r="P131" s="499" t="s">
        <v>932</v>
      </c>
      <c r="Q131" s="499" t="s">
        <v>1490</v>
      </c>
      <c r="R131" s="499" t="s">
        <v>1491</v>
      </c>
      <c r="S131" s="499" t="s">
        <v>1492</v>
      </c>
      <c r="T131" s="499" t="s">
        <v>1493</v>
      </c>
      <c r="U131" s="499" t="s">
        <v>1514</v>
      </c>
      <c r="V131" s="946" t="str">
        <f>_xlfn.XLOOKUP(H131, [5]GIS!D:D, [5]GIS!E:E, "Not mapped")</f>
        <v>Single - Scenario 3</v>
      </c>
      <c r="W131" s="1257" t="s">
        <v>1495</v>
      </c>
      <c r="X131" s="579" t="s">
        <v>1496</v>
      </c>
      <c r="Y131" s="1258" t="s">
        <v>1497</v>
      </c>
      <c r="Z131" s="1259" t="s">
        <v>1498</v>
      </c>
      <c r="AA131" s="1259" t="s">
        <v>1498</v>
      </c>
      <c r="AB131" s="1259" t="s">
        <v>1498</v>
      </c>
      <c r="AC131" s="1259" t="s">
        <v>1498</v>
      </c>
      <c r="AD131" s="1259" t="s">
        <v>1498</v>
      </c>
      <c r="AE131" s="1259" t="s">
        <v>1498</v>
      </c>
      <c r="AF131" s="1259" t="s">
        <v>1498</v>
      </c>
      <c r="AG131" s="1259" t="s">
        <v>1498</v>
      </c>
      <c r="AH131" s="1259" t="s">
        <v>1498</v>
      </c>
      <c r="AI131" s="1259" t="s">
        <v>1498</v>
      </c>
      <c r="AJ131" s="1259" t="s">
        <v>1498</v>
      </c>
      <c r="AK131" s="1259" t="s">
        <v>1498</v>
      </c>
      <c r="AL131" s="1259" t="s">
        <v>1498</v>
      </c>
      <c r="AM131" s="1259" t="s">
        <v>1498</v>
      </c>
      <c r="AN131" s="1259" t="s">
        <v>1498</v>
      </c>
      <c r="AO131" s="1259" t="s">
        <v>1498</v>
      </c>
      <c r="AP131" s="1259" t="s">
        <v>1498</v>
      </c>
      <c r="AQ131" s="1259" t="s">
        <v>1498</v>
      </c>
      <c r="AR131" s="1259" t="s">
        <v>1498</v>
      </c>
      <c r="AS131" s="1259" t="s">
        <v>1498</v>
      </c>
      <c r="AT131" s="1259" t="s">
        <v>1498</v>
      </c>
      <c r="AU131" s="1259" t="s">
        <v>1498</v>
      </c>
      <c r="AV131" s="1259" t="s">
        <v>1498</v>
      </c>
      <c r="AW131" s="1259" t="s">
        <v>1498</v>
      </c>
      <c r="AX131" s="1259" t="s">
        <v>1498</v>
      </c>
      <c r="AY131" s="1259" t="s">
        <v>1498</v>
      </c>
      <c r="AZ131" s="905" t="s">
        <v>1896</v>
      </c>
      <c r="BA131" s="499" t="s">
        <v>722</v>
      </c>
      <c r="BB131" s="953" t="s">
        <v>53</v>
      </c>
      <c r="BC131" s="980">
        <f>ROUND((VLOOKUP(H131,'[5]Cost Summary'!A:H,8,)),0.1)</f>
        <v>272111</v>
      </c>
      <c r="BD131" s="499">
        <v>2</v>
      </c>
      <c r="BE131" s="499">
        <v>8</v>
      </c>
      <c r="BF131" s="954" t="s">
        <v>1584</v>
      </c>
      <c r="BG131" s="1261">
        <v>176783.75</v>
      </c>
      <c r="BH131" s="976" t="e">
        <f t="shared" si="132"/>
        <v>#VALUE!</v>
      </c>
      <c r="BI131" s="972" t="e">
        <f t="shared" si="133"/>
        <v>#VALUE!</v>
      </c>
      <c r="BJ131" s="972" t="e">
        <f t="shared" si="134"/>
        <v>#VALUE!</v>
      </c>
      <c r="BK131" s="972" t="e">
        <f t="shared" si="135"/>
        <v>#VALUE!</v>
      </c>
      <c r="BL131" s="972" t="e">
        <f t="shared" si="136"/>
        <v>#VALUE!</v>
      </c>
      <c r="BM131" s="972" t="e">
        <f t="shared" si="137"/>
        <v>#VALUE!</v>
      </c>
      <c r="BN131" s="972" t="e">
        <f t="shared" si="138"/>
        <v>#VALUE!</v>
      </c>
      <c r="BO131" s="972" t="e">
        <f t="shared" si="139"/>
        <v>#VALUE!</v>
      </c>
      <c r="BP131" s="972" t="e">
        <f t="shared" si="140"/>
        <v>#VALUE!</v>
      </c>
      <c r="BQ131" s="972" t="e">
        <f t="shared" si="141"/>
        <v>#VALUE!</v>
      </c>
      <c r="BR131" s="972" t="e">
        <f t="shared" si="142"/>
        <v>#VALUE!</v>
      </c>
      <c r="BS131" s="972" t="e">
        <f t="shared" si="143"/>
        <v>#VALUE!</v>
      </c>
      <c r="BT131" s="972" t="e">
        <f t="shared" si="144"/>
        <v>#VALUE!</v>
      </c>
      <c r="BU131" s="972" t="e">
        <f t="shared" si="145"/>
        <v>#VALUE!</v>
      </c>
      <c r="BV131" s="972" t="e">
        <f t="shared" si="146"/>
        <v>#VALUE!</v>
      </c>
      <c r="BW131" s="972" t="e">
        <f t="shared" si="147"/>
        <v>#VALUE!</v>
      </c>
      <c r="BX131" s="972" t="e">
        <f t="shared" si="148"/>
        <v>#VALUE!</v>
      </c>
      <c r="BY131" s="972" t="e">
        <f t="shared" si="149"/>
        <v>#VALUE!</v>
      </c>
      <c r="BZ131" s="972" t="e">
        <f t="shared" si="150"/>
        <v>#VALUE!</v>
      </c>
      <c r="CA131" s="972" t="e">
        <f t="shared" si="151"/>
        <v>#VALUE!</v>
      </c>
      <c r="CB131" s="973" t="e">
        <f t="shared" si="85"/>
        <v>#VALUE!</v>
      </c>
    </row>
    <row r="132" spans="3:80" ht="143.25" hidden="1" x14ac:dyDescent="0.25">
      <c r="C132" s="597"/>
      <c r="D132" s="597" t="s">
        <v>66</v>
      </c>
      <c r="E132" s="597"/>
      <c r="F132" s="597"/>
      <c r="G132" s="597"/>
      <c r="H132" s="499" t="s">
        <v>1901</v>
      </c>
      <c r="I132" s="499" t="s">
        <v>1119</v>
      </c>
      <c r="J132" s="499" t="s">
        <v>1120</v>
      </c>
      <c r="K132" s="499" t="s">
        <v>1521</v>
      </c>
      <c r="L132" s="499" t="s">
        <v>1521</v>
      </c>
      <c r="M132" s="499" t="s">
        <v>1488</v>
      </c>
      <c r="N132" s="499" t="s">
        <v>1489</v>
      </c>
      <c r="O132" s="499">
        <v>1</v>
      </c>
      <c r="P132" s="499" t="s">
        <v>900</v>
      </c>
      <c r="Q132" s="499" t="s">
        <v>1490</v>
      </c>
      <c r="R132" s="499" t="s">
        <v>1491</v>
      </c>
      <c r="S132" s="499" t="s">
        <v>1492</v>
      </c>
      <c r="T132" s="499" t="s">
        <v>1493</v>
      </c>
      <c r="U132" s="499" t="s">
        <v>1514</v>
      </c>
      <c r="V132" s="946" t="str">
        <f>_xlfn.XLOOKUP(H132, [5]GIS!D:D, [5]GIS!E:E, "Not mapped")</f>
        <v>Single - Scenario 3</v>
      </c>
      <c r="W132" s="1257" t="s">
        <v>1495</v>
      </c>
      <c r="X132" s="579" t="s">
        <v>1496</v>
      </c>
      <c r="Y132" s="1258" t="s">
        <v>1497</v>
      </c>
      <c r="Z132" s="1259" t="s">
        <v>1498</v>
      </c>
      <c r="AA132" s="1259" t="s">
        <v>1498</v>
      </c>
      <c r="AB132" s="1259" t="s">
        <v>1498</v>
      </c>
      <c r="AC132" s="1259" t="s">
        <v>1498</v>
      </c>
      <c r="AD132" s="1259" t="s">
        <v>1498</v>
      </c>
      <c r="AE132" s="1259" t="s">
        <v>1498</v>
      </c>
      <c r="AF132" s="1259" t="s">
        <v>1498</v>
      </c>
      <c r="AG132" s="1259" t="s">
        <v>1498</v>
      </c>
      <c r="AH132" s="1259" t="s">
        <v>1498</v>
      </c>
      <c r="AI132" s="1259" t="s">
        <v>1498</v>
      </c>
      <c r="AJ132" s="1259" t="s">
        <v>1498</v>
      </c>
      <c r="AK132" s="1259" t="s">
        <v>1498</v>
      </c>
      <c r="AL132" s="1259" t="s">
        <v>1498</v>
      </c>
      <c r="AM132" s="1259" t="s">
        <v>1498</v>
      </c>
      <c r="AN132" s="1259" t="s">
        <v>1498</v>
      </c>
      <c r="AO132" s="1259" t="s">
        <v>1498</v>
      </c>
      <c r="AP132" s="1259" t="s">
        <v>1498</v>
      </c>
      <c r="AQ132" s="1259" t="s">
        <v>1498</v>
      </c>
      <c r="AR132" s="1259" t="s">
        <v>1498</v>
      </c>
      <c r="AS132" s="1259" t="s">
        <v>1498</v>
      </c>
      <c r="AT132" s="1259" t="s">
        <v>1498</v>
      </c>
      <c r="AU132" s="1259" t="s">
        <v>1498</v>
      </c>
      <c r="AV132" s="1259" t="s">
        <v>1498</v>
      </c>
      <c r="AW132" s="1259" t="s">
        <v>1498</v>
      </c>
      <c r="AX132" s="1259" t="s">
        <v>1498</v>
      </c>
      <c r="AY132" s="1259" t="s">
        <v>1498</v>
      </c>
      <c r="AZ132" s="905" t="s">
        <v>1896</v>
      </c>
      <c r="BA132" s="499" t="s">
        <v>722</v>
      </c>
      <c r="BB132" s="953" t="s">
        <v>53</v>
      </c>
      <c r="BC132" s="980">
        <f>ROUND((VLOOKUP(H132,'[5]Cost Summary'!A:H,8,)),0.1)</f>
        <v>53644</v>
      </c>
      <c r="BD132" s="499">
        <v>1</v>
      </c>
      <c r="BE132" s="499">
        <v>8</v>
      </c>
      <c r="BF132" s="954" t="s">
        <v>1584</v>
      </c>
      <c r="BG132" s="1261">
        <v>34850.86</v>
      </c>
      <c r="BH132" s="976" t="e">
        <f t="shared" si="132"/>
        <v>#VALUE!</v>
      </c>
      <c r="BI132" s="972" t="e">
        <f t="shared" si="133"/>
        <v>#VALUE!</v>
      </c>
      <c r="BJ132" s="972" t="e">
        <f t="shared" si="134"/>
        <v>#VALUE!</v>
      </c>
      <c r="BK132" s="972" t="e">
        <f t="shared" si="135"/>
        <v>#VALUE!</v>
      </c>
      <c r="BL132" s="972" t="e">
        <f t="shared" si="136"/>
        <v>#VALUE!</v>
      </c>
      <c r="BM132" s="972" t="e">
        <f t="shared" si="137"/>
        <v>#VALUE!</v>
      </c>
      <c r="BN132" s="972" t="e">
        <f t="shared" si="138"/>
        <v>#VALUE!</v>
      </c>
      <c r="BO132" s="972" t="e">
        <f t="shared" si="139"/>
        <v>#VALUE!</v>
      </c>
      <c r="BP132" s="972" t="e">
        <f t="shared" si="140"/>
        <v>#VALUE!</v>
      </c>
      <c r="BQ132" s="972" t="e">
        <f t="shared" si="141"/>
        <v>#VALUE!</v>
      </c>
      <c r="BR132" s="972" t="e">
        <f t="shared" si="142"/>
        <v>#VALUE!</v>
      </c>
      <c r="BS132" s="972" t="e">
        <f t="shared" si="143"/>
        <v>#VALUE!</v>
      </c>
      <c r="BT132" s="972" t="e">
        <f t="shared" si="144"/>
        <v>#VALUE!</v>
      </c>
      <c r="BU132" s="972" t="e">
        <f t="shared" si="145"/>
        <v>#VALUE!</v>
      </c>
      <c r="BV132" s="972" t="e">
        <f t="shared" si="146"/>
        <v>#VALUE!</v>
      </c>
      <c r="BW132" s="972" t="e">
        <f t="shared" si="147"/>
        <v>#VALUE!</v>
      </c>
      <c r="BX132" s="972" t="e">
        <f t="shared" si="148"/>
        <v>#VALUE!</v>
      </c>
      <c r="BY132" s="972" t="e">
        <f t="shared" si="149"/>
        <v>#VALUE!</v>
      </c>
      <c r="BZ132" s="972" t="e">
        <f t="shared" si="150"/>
        <v>#VALUE!</v>
      </c>
      <c r="CA132" s="972" t="e">
        <f t="shared" si="151"/>
        <v>#VALUE!</v>
      </c>
      <c r="CB132" s="973" t="e">
        <f t="shared" si="85"/>
        <v>#VALUE!</v>
      </c>
    </row>
    <row r="133" spans="3:80" ht="86.25" hidden="1" x14ac:dyDescent="0.25">
      <c r="C133" s="597"/>
      <c r="D133" s="597" t="s">
        <v>66</v>
      </c>
      <c r="E133" s="597"/>
      <c r="F133" s="597"/>
      <c r="G133" s="597"/>
      <c r="H133" s="499" t="s">
        <v>1903</v>
      </c>
      <c r="I133" s="499" t="s">
        <v>1121</v>
      </c>
      <c r="J133" s="499" t="s">
        <v>1122</v>
      </c>
      <c r="K133" s="499" t="s">
        <v>1521</v>
      </c>
      <c r="L133" s="499" t="s">
        <v>1521</v>
      </c>
      <c r="M133" s="499" t="s">
        <v>1488</v>
      </c>
      <c r="N133" s="499" t="s">
        <v>1489</v>
      </c>
      <c r="O133" s="499">
        <v>1</v>
      </c>
      <c r="P133" s="499" t="s">
        <v>932</v>
      </c>
      <c r="Q133" s="499" t="s">
        <v>1490</v>
      </c>
      <c r="R133" s="499" t="s">
        <v>1491</v>
      </c>
      <c r="S133" s="499" t="s">
        <v>1492</v>
      </c>
      <c r="T133" s="499" t="s">
        <v>1493</v>
      </c>
      <c r="U133" s="499" t="s">
        <v>1514</v>
      </c>
      <c r="V133" s="946" t="str">
        <f>_xlfn.XLOOKUP(H133, [5]GIS!D:D, [5]GIS!E:E, "Not mapped")</f>
        <v>Single - Scenario 3</v>
      </c>
      <c r="W133" s="1257" t="s">
        <v>1495</v>
      </c>
      <c r="X133" s="579" t="s">
        <v>1496</v>
      </c>
      <c r="Y133" s="1258" t="s">
        <v>1497</v>
      </c>
      <c r="Z133" s="1259" t="s">
        <v>1498</v>
      </c>
      <c r="AA133" s="1259" t="s">
        <v>1498</v>
      </c>
      <c r="AB133" s="1259" t="s">
        <v>1498</v>
      </c>
      <c r="AC133" s="1259" t="s">
        <v>1498</v>
      </c>
      <c r="AD133" s="1259" t="s">
        <v>1498</v>
      </c>
      <c r="AE133" s="1259" t="s">
        <v>1498</v>
      </c>
      <c r="AF133" s="1259" t="s">
        <v>1498</v>
      </c>
      <c r="AG133" s="1259" t="s">
        <v>1498</v>
      </c>
      <c r="AH133" s="1259" t="s">
        <v>1498</v>
      </c>
      <c r="AI133" s="1259" t="s">
        <v>1498</v>
      </c>
      <c r="AJ133" s="1259" t="s">
        <v>1498</v>
      </c>
      <c r="AK133" s="1259" t="s">
        <v>1498</v>
      </c>
      <c r="AL133" s="1259" t="s">
        <v>1498</v>
      </c>
      <c r="AM133" s="1259" t="s">
        <v>1498</v>
      </c>
      <c r="AN133" s="1259" t="s">
        <v>1498</v>
      </c>
      <c r="AO133" s="1259" t="s">
        <v>1498</v>
      </c>
      <c r="AP133" s="1259" t="s">
        <v>1498</v>
      </c>
      <c r="AQ133" s="1259" t="s">
        <v>1498</v>
      </c>
      <c r="AR133" s="1259" t="s">
        <v>1498</v>
      </c>
      <c r="AS133" s="1259" t="s">
        <v>1498</v>
      </c>
      <c r="AT133" s="1259" t="s">
        <v>1498</v>
      </c>
      <c r="AU133" s="1259" t="s">
        <v>1498</v>
      </c>
      <c r="AV133" s="1259" t="s">
        <v>1498</v>
      </c>
      <c r="AW133" s="1259" t="s">
        <v>1498</v>
      </c>
      <c r="AX133" s="1259" t="s">
        <v>1498</v>
      </c>
      <c r="AY133" s="1259" t="s">
        <v>1498</v>
      </c>
      <c r="AZ133" s="905" t="s">
        <v>1896</v>
      </c>
      <c r="BA133" s="499" t="s">
        <v>722</v>
      </c>
      <c r="BB133" s="953" t="s">
        <v>53</v>
      </c>
      <c r="BC133" s="980">
        <f>ROUND((VLOOKUP(H133,'[5]Cost Summary'!A:H,8,)),0.1)</f>
        <v>1142233</v>
      </c>
      <c r="BD133" s="499">
        <v>1</v>
      </c>
      <c r="BE133" s="499">
        <v>8</v>
      </c>
      <c r="BF133" s="954" t="s">
        <v>1584</v>
      </c>
      <c r="BG133" s="1261">
        <v>742080.63</v>
      </c>
      <c r="BH133" s="976" t="e">
        <f t="shared" si="132"/>
        <v>#VALUE!</v>
      </c>
      <c r="BI133" s="972" t="e">
        <f t="shared" si="133"/>
        <v>#VALUE!</v>
      </c>
      <c r="BJ133" s="972" t="e">
        <f t="shared" si="134"/>
        <v>#VALUE!</v>
      </c>
      <c r="BK133" s="972" t="e">
        <f t="shared" si="135"/>
        <v>#VALUE!</v>
      </c>
      <c r="BL133" s="972" t="e">
        <f t="shared" si="136"/>
        <v>#VALUE!</v>
      </c>
      <c r="BM133" s="972" t="e">
        <f t="shared" si="137"/>
        <v>#VALUE!</v>
      </c>
      <c r="BN133" s="972" t="e">
        <f t="shared" si="138"/>
        <v>#VALUE!</v>
      </c>
      <c r="BO133" s="972" t="e">
        <f t="shared" si="139"/>
        <v>#VALUE!</v>
      </c>
      <c r="BP133" s="972" t="e">
        <f t="shared" si="140"/>
        <v>#VALUE!</v>
      </c>
      <c r="BQ133" s="972" t="e">
        <f t="shared" si="141"/>
        <v>#VALUE!</v>
      </c>
      <c r="BR133" s="972" t="e">
        <f t="shared" si="142"/>
        <v>#VALUE!</v>
      </c>
      <c r="BS133" s="972" t="e">
        <f t="shared" si="143"/>
        <v>#VALUE!</v>
      </c>
      <c r="BT133" s="972" t="e">
        <f t="shared" si="144"/>
        <v>#VALUE!</v>
      </c>
      <c r="BU133" s="972" t="e">
        <f t="shared" si="145"/>
        <v>#VALUE!</v>
      </c>
      <c r="BV133" s="972" t="e">
        <f t="shared" si="146"/>
        <v>#VALUE!</v>
      </c>
      <c r="BW133" s="972" t="e">
        <f t="shared" si="147"/>
        <v>#VALUE!</v>
      </c>
      <c r="BX133" s="972" t="e">
        <f t="shared" si="148"/>
        <v>#VALUE!</v>
      </c>
      <c r="BY133" s="972" t="e">
        <f t="shared" si="149"/>
        <v>#VALUE!</v>
      </c>
      <c r="BZ133" s="972" t="e">
        <f t="shared" si="150"/>
        <v>#VALUE!</v>
      </c>
      <c r="CA133" s="972" t="e">
        <f t="shared" si="151"/>
        <v>#VALUE!</v>
      </c>
      <c r="CB133" s="973" t="e">
        <f t="shared" si="85"/>
        <v>#VALUE!</v>
      </c>
    </row>
    <row r="134" spans="3:80" ht="75" hidden="1" x14ac:dyDescent="0.25">
      <c r="C134" s="597"/>
      <c r="D134" s="597" t="s">
        <v>66</v>
      </c>
      <c r="E134" s="597"/>
      <c r="F134" s="597"/>
      <c r="G134" s="597"/>
      <c r="H134" s="499" t="s">
        <v>1905</v>
      </c>
      <c r="I134" s="499" t="s">
        <v>1123</v>
      </c>
      <c r="J134" s="499" t="s">
        <v>1906</v>
      </c>
      <c r="K134" s="499" t="s">
        <v>1907</v>
      </c>
      <c r="L134" s="499" t="s">
        <v>1908</v>
      </c>
      <c r="M134" s="499" t="s">
        <v>1488</v>
      </c>
      <c r="N134" s="499" t="s">
        <v>1489</v>
      </c>
      <c r="O134" s="499">
        <v>1</v>
      </c>
      <c r="P134" s="499" t="s">
        <v>932</v>
      </c>
      <c r="Q134" s="499" t="s">
        <v>1490</v>
      </c>
      <c r="R134" s="499" t="s">
        <v>1491</v>
      </c>
      <c r="S134" s="499" t="s">
        <v>1492</v>
      </c>
      <c r="T134" s="499" t="s">
        <v>1493</v>
      </c>
      <c r="U134" s="499" t="s">
        <v>1514</v>
      </c>
      <c r="V134" s="946" t="str">
        <f>_xlfn.XLOOKUP(H134, [5]GIS!D:D, [5]GIS!E:E, "Not mapped")</f>
        <v>Single - Scenario 3</v>
      </c>
      <c r="W134" s="1257" t="s">
        <v>1495</v>
      </c>
      <c r="X134" s="579" t="s">
        <v>1496</v>
      </c>
      <c r="Y134" s="1258" t="s">
        <v>1497</v>
      </c>
      <c r="Z134" s="1259" t="s">
        <v>1498</v>
      </c>
      <c r="AA134" s="1259" t="s">
        <v>1498</v>
      </c>
      <c r="AB134" s="1259" t="s">
        <v>1498</v>
      </c>
      <c r="AC134" s="1259" t="s">
        <v>1498</v>
      </c>
      <c r="AD134" s="1259" t="s">
        <v>1498</v>
      </c>
      <c r="AE134" s="1259" t="s">
        <v>1498</v>
      </c>
      <c r="AF134" s="1259" t="s">
        <v>1498</v>
      </c>
      <c r="AG134" s="1259" t="s">
        <v>1498</v>
      </c>
      <c r="AH134" s="1259" t="s">
        <v>1498</v>
      </c>
      <c r="AI134" s="1259" t="s">
        <v>1498</v>
      </c>
      <c r="AJ134" s="1259" t="s">
        <v>1498</v>
      </c>
      <c r="AK134" s="1259" t="s">
        <v>1498</v>
      </c>
      <c r="AL134" s="1259" t="s">
        <v>1498</v>
      </c>
      <c r="AM134" s="1259" t="s">
        <v>1498</v>
      </c>
      <c r="AN134" s="1259" t="s">
        <v>1498</v>
      </c>
      <c r="AO134" s="1259" t="s">
        <v>1498</v>
      </c>
      <c r="AP134" s="1259" t="s">
        <v>1498</v>
      </c>
      <c r="AQ134" s="1259" t="s">
        <v>1498</v>
      </c>
      <c r="AR134" s="1259" t="s">
        <v>1498</v>
      </c>
      <c r="AS134" s="1259" t="s">
        <v>1498</v>
      </c>
      <c r="AT134" s="1259" t="s">
        <v>1498</v>
      </c>
      <c r="AU134" s="1259" t="s">
        <v>1498</v>
      </c>
      <c r="AV134" s="1259" t="s">
        <v>1498</v>
      </c>
      <c r="AW134" s="1259" t="s">
        <v>1498</v>
      </c>
      <c r="AX134" s="1259" t="s">
        <v>1498</v>
      </c>
      <c r="AY134" s="1259" t="s">
        <v>1498</v>
      </c>
      <c r="AZ134" s="905" t="s">
        <v>1896</v>
      </c>
      <c r="BA134" s="499" t="s">
        <v>722</v>
      </c>
      <c r="BB134" s="953" t="s">
        <v>53</v>
      </c>
      <c r="BC134" s="980">
        <f>ROUND((VLOOKUP(H134,'[5]Cost Summary'!A:H,8,)),0.1)</f>
        <v>348049</v>
      </c>
      <c r="BD134" s="499">
        <v>1</v>
      </c>
      <c r="BE134" s="499">
        <v>8</v>
      </c>
      <c r="BF134" s="954" t="s">
        <v>1584</v>
      </c>
      <c r="BG134" s="1261">
        <v>226118.75</v>
      </c>
      <c r="BH134" s="976" t="e">
        <f t="shared" si="132"/>
        <v>#VALUE!</v>
      </c>
      <c r="BI134" s="972" t="e">
        <f t="shared" si="133"/>
        <v>#VALUE!</v>
      </c>
      <c r="BJ134" s="972" t="e">
        <f t="shared" si="134"/>
        <v>#VALUE!</v>
      </c>
      <c r="BK134" s="972" t="e">
        <f t="shared" si="135"/>
        <v>#VALUE!</v>
      </c>
      <c r="BL134" s="972" t="e">
        <f t="shared" si="136"/>
        <v>#VALUE!</v>
      </c>
      <c r="BM134" s="972" t="e">
        <f t="shared" si="137"/>
        <v>#VALUE!</v>
      </c>
      <c r="BN134" s="972" t="e">
        <f t="shared" si="138"/>
        <v>#VALUE!</v>
      </c>
      <c r="BO134" s="972" t="e">
        <f t="shared" si="139"/>
        <v>#VALUE!</v>
      </c>
      <c r="BP134" s="972" t="e">
        <f t="shared" si="140"/>
        <v>#VALUE!</v>
      </c>
      <c r="BQ134" s="972" t="e">
        <f t="shared" si="141"/>
        <v>#VALUE!</v>
      </c>
      <c r="BR134" s="972" t="e">
        <f t="shared" si="142"/>
        <v>#VALUE!</v>
      </c>
      <c r="BS134" s="972" t="e">
        <f t="shared" si="143"/>
        <v>#VALUE!</v>
      </c>
      <c r="BT134" s="972" t="e">
        <f t="shared" si="144"/>
        <v>#VALUE!</v>
      </c>
      <c r="BU134" s="972" t="e">
        <f t="shared" si="145"/>
        <v>#VALUE!</v>
      </c>
      <c r="BV134" s="972" t="e">
        <f t="shared" si="146"/>
        <v>#VALUE!</v>
      </c>
      <c r="BW134" s="972" t="e">
        <f t="shared" si="147"/>
        <v>#VALUE!</v>
      </c>
      <c r="BX134" s="972" t="e">
        <f t="shared" si="148"/>
        <v>#VALUE!</v>
      </c>
      <c r="BY134" s="972" t="e">
        <f t="shared" si="149"/>
        <v>#VALUE!</v>
      </c>
      <c r="BZ134" s="972" t="e">
        <f t="shared" si="150"/>
        <v>#VALUE!</v>
      </c>
      <c r="CA134" s="972" t="e">
        <f t="shared" si="151"/>
        <v>#VALUE!</v>
      </c>
      <c r="CB134" s="973" t="e">
        <f t="shared" si="85"/>
        <v>#VALUE!</v>
      </c>
    </row>
    <row r="135" spans="3:80" ht="75" hidden="1" x14ac:dyDescent="0.25">
      <c r="C135" s="597"/>
      <c r="D135" s="597" t="s">
        <v>66</v>
      </c>
      <c r="E135" s="597"/>
      <c r="F135" s="597"/>
      <c r="G135" s="597"/>
      <c r="H135" s="499" t="s">
        <v>1909</v>
      </c>
      <c r="I135" s="499" t="s">
        <v>1125</v>
      </c>
      <c r="J135" s="499" t="s">
        <v>1126</v>
      </c>
      <c r="K135" s="499" t="s">
        <v>1521</v>
      </c>
      <c r="L135" s="499" t="s">
        <v>1521</v>
      </c>
      <c r="M135" s="499" t="s">
        <v>1488</v>
      </c>
      <c r="N135" s="499" t="s">
        <v>1489</v>
      </c>
      <c r="O135" s="499">
        <v>1</v>
      </c>
      <c r="P135" s="499" t="s">
        <v>932</v>
      </c>
      <c r="Q135" s="499" t="s">
        <v>1490</v>
      </c>
      <c r="R135" s="499" t="s">
        <v>1491</v>
      </c>
      <c r="S135" s="499" t="s">
        <v>1492</v>
      </c>
      <c r="T135" s="499" t="s">
        <v>1493</v>
      </c>
      <c r="U135" s="499" t="s">
        <v>1514</v>
      </c>
      <c r="V135" s="946" t="str">
        <f>_xlfn.XLOOKUP(H135, [5]GIS!D:D, [5]GIS!E:E, "Not mapped")</f>
        <v>Single - Scenario 3</v>
      </c>
      <c r="W135" s="1257" t="s">
        <v>1495</v>
      </c>
      <c r="X135" s="579" t="s">
        <v>1496</v>
      </c>
      <c r="Y135" s="1258" t="s">
        <v>1497</v>
      </c>
      <c r="Z135" s="1259" t="s">
        <v>1498</v>
      </c>
      <c r="AA135" s="1259" t="s">
        <v>1498</v>
      </c>
      <c r="AB135" s="1259" t="s">
        <v>1498</v>
      </c>
      <c r="AC135" s="1259" t="s">
        <v>1498</v>
      </c>
      <c r="AD135" s="1259" t="s">
        <v>1498</v>
      </c>
      <c r="AE135" s="1259" t="s">
        <v>1498</v>
      </c>
      <c r="AF135" s="1259" t="s">
        <v>1498</v>
      </c>
      <c r="AG135" s="1259" t="s">
        <v>1498</v>
      </c>
      <c r="AH135" s="1259" t="s">
        <v>1498</v>
      </c>
      <c r="AI135" s="1259" t="s">
        <v>1498</v>
      </c>
      <c r="AJ135" s="1259" t="s">
        <v>1498</v>
      </c>
      <c r="AK135" s="1259" t="s">
        <v>1498</v>
      </c>
      <c r="AL135" s="1259" t="s">
        <v>1498</v>
      </c>
      <c r="AM135" s="1259" t="s">
        <v>1498</v>
      </c>
      <c r="AN135" s="1259" t="s">
        <v>1498</v>
      </c>
      <c r="AO135" s="1259" t="s">
        <v>1498</v>
      </c>
      <c r="AP135" s="1259" t="s">
        <v>1498</v>
      </c>
      <c r="AQ135" s="1259" t="s">
        <v>1498</v>
      </c>
      <c r="AR135" s="1259" t="s">
        <v>1498</v>
      </c>
      <c r="AS135" s="1259" t="s">
        <v>1498</v>
      </c>
      <c r="AT135" s="1259" t="s">
        <v>1498</v>
      </c>
      <c r="AU135" s="1259" t="s">
        <v>1498</v>
      </c>
      <c r="AV135" s="1259" t="s">
        <v>1498</v>
      </c>
      <c r="AW135" s="1259" t="s">
        <v>1498</v>
      </c>
      <c r="AX135" s="1259" t="s">
        <v>1498</v>
      </c>
      <c r="AY135" s="1259" t="s">
        <v>1498</v>
      </c>
      <c r="AZ135" s="905" t="s">
        <v>1896</v>
      </c>
      <c r="BA135" s="499" t="s">
        <v>722</v>
      </c>
      <c r="BB135" s="953" t="s">
        <v>53</v>
      </c>
      <c r="BC135" s="980">
        <f>ROUND((VLOOKUP(H135,'[5]Cost Summary'!A:H,8,)),0.1)</f>
        <v>17402</v>
      </c>
      <c r="BD135" s="499">
        <v>1</v>
      </c>
      <c r="BE135" s="499">
        <v>8</v>
      </c>
      <c r="BF135" s="954" t="s">
        <v>1584</v>
      </c>
      <c r="BG135" s="1261">
        <v>11305.94</v>
      </c>
      <c r="BH135" s="976" t="e">
        <f t="shared" si="132"/>
        <v>#VALUE!</v>
      </c>
      <c r="BI135" s="972" t="e">
        <f t="shared" si="133"/>
        <v>#VALUE!</v>
      </c>
      <c r="BJ135" s="972" t="e">
        <f t="shared" si="134"/>
        <v>#VALUE!</v>
      </c>
      <c r="BK135" s="972" t="e">
        <f t="shared" si="135"/>
        <v>#VALUE!</v>
      </c>
      <c r="BL135" s="972" t="e">
        <f t="shared" si="136"/>
        <v>#VALUE!</v>
      </c>
      <c r="BM135" s="972" t="e">
        <f t="shared" si="137"/>
        <v>#VALUE!</v>
      </c>
      <c r="BN135" s="972" t="e">
        <f t="shared" si="138"/>
        <v>#VALUE!</v>
      </c>
      <c r="BO135" s="972" t="e">
        <f t="shared" si="139"/>
        <v>#VALUE!</v>
      </c>
      <c r="BP135" s="972" t="e">
        <f t="shared" si="140"/>
        <v>#VALUE!</v>
      </c>
      <c r="BQ135" s="972" t="e">
        <f t="shared" si="141"/>
        <v>#VALUE!</v>
      </c>
      <c r="BR135" s="972" t="e">
        <f t="shared" si="142"/>
        <v>#VALUE!</v>
      </c>
      <c r="BS135" s="972" t="e">
        <f t="shared" si="143"/>
        <v>#VALUE!</v>
      </c>
      <c r="BT135" s="972" t="e">
        <f t="shared" si="144"/>
        <v>#VALUE!</v>
      </c>
      <c r="BU135" s="972" t="e">
        <f t="shared" si="145"/>
        <v>#VALUE!</v>
      </c>
      <c r="BV135" s="972" t="e">
        <f t="shared" si="146"/>
        <v>#VALUE!</v>
      </c>
      <c r="BW135" s="972" t="e">
        <f t="shared" si="147"/>
        <v>#VALUE!</v>
      </c>
      <c r="BX135" s="972" t="e">
        <f t="shared" si="148"/>
        <v>#VALUE!</v>
      </c>
      <c r="BY135" s="972" t="e">
        <f t="shared" si="149"/>
        <v>#VALUE!</v>
      </c>
      <c r="BZ135" s="972" t="e">
        <f t="shared" si="150"/>
        <v>#VALUE!</v>
      </c>
      <c r="CA135" s="972" t="e">
        <f t="shared" si="151"/>
        <v>#VALUE!</v>
      </c>
      <c r="CB135" s="973" t="e">
        <f t="shared" si="85"/>
        <v>#VALUE!</v>
      </c>
    </row>
    <row r="136" spans="3:80" ht="75" hidden="1" x14ac:dyDescent="0.25">
      <c r="C136" s="597"/>
      <c r="D136" s="597" t="s">
        <v>66</v>
      </c>
      <c r="E136" s="597"/>
      <c r="F136" s="597"/>
      <c r="G136" s="597"/>
      <c r="H136" s="499" t="s">
        <v>1911</v>
      </c>
      <c r="I136" s="499" t="s">
        <v>1127</v>
      </c>
      <c r="J136" s="499" t="s">
        <v>1128</v>
      </c>
      <c r="K136" s="499" t="s">
        <v>1521</v>
      </c>
      <c r="L136" s="499" t="s">
        <v>1521</v>
      </c>
      <c r="M136" s="499" t="s">
        <v>1488</v>
      </c>
      <c r="N136" s="499" t="s">
        <v>1489</v>
      </c>
      <c r="O136" s="499">
        <v>1</v>
      </c>
      <c r="P136" s="499" t="s">
        <v>932</v>
      </c>
      <c r="Q136" s="499" t="s">
        <v>1490</v>
      </c>
      <c r="R136" s="499" t="s">
        <v>1491</v>
      </c>
      <c r="S136" s="499" t="s">
        <v>1492</v>
      </c>
      <c r="T136" s="499" t="s">
        <v>1493</v>
      </c>
      <c r="U136" s="499" t="s">
        <v>1912</v>
      </c>
      <c r="V136" s="946" t="str">
        <f>_xlfn.XLOOKUP(H136, [5]GIS!D:D, [5]GIS!E:E, "Not mapped")</f>
        <v>Multiple - Scenario 2</v>
      </c>
      <c r="W136" s="1257" t="s">
        <v>1495</v>
      </c>
      <c r="X136" s="579" t="s">
        <v>1496</v>
      </c>
      <c r="Y136" s="1258" t="s">
        <v>1497</v>
      </c>
      <c r="Z136" s="1259" t="s">
        <v>1498</v>
      </c>
      <c r="AA136" s="1259" t="s">
        <v>1498</v>
      </c>
      <c r="AB136" s="1259" t="s">
        <v>1498</v>
      </c>
      <c r="AC136" s="1259" t="s">
        <v>1498</v>
      </c>
      <c r="AD136" s="1259" t="s">
        <v>1498</v>
      </c>
      <c r="AE136" s="1259" t="s">
        <v>1498</v>
      </c>
      <c r="AF136" s="1259" t="s">
        <v>1498</v>
      </c>
      <c r="AG136" s="1259" t="s">
        <v>1498</v>
      </c>
      <c r="AH136" s="1259" t="s">
        <v>1498</v>
      </c>
      <c r="AI136" s="1259" t="s">
        <v>1498</v>
      </c>
      <c r="AJ136" s="1259" t="s">
        <v>1498</v>
      </c>
      <c r="AK136" s="1259" t="s">
        <v>1498</v>
      </c>
      <c r="AL136" s="1259" t="s">
        <v>1498</v>
      </c>
      <c r="AM136" s="1259" t="s">
        <v>1498</v>
      </c>
      <c r="AN136" s="1259" t="s">
        <v>1498</v>
      </c>
      <c r="AO136" s="1259" t="s">
        <v>1498</v>
      </c>
      <c r="AP136" s="1259" t="s">
        <v>1498</v>
      </c>
      <c r="AQ136" s="1259" t="s">
        <v>1498</v>
      </c>
      <c r="AR136" s="1259" t="s">
        <v>1498</v>
      </c>
      <c r="AS136" s="1259" t="s">
        <v>1498</v>
      </c>
      <c r="AT136" s="1259" t="s">
        <v>1498</v>
      </c>
      <c r="AU136" s="1259" t="s">
        <v>1498</v>
      </c>
      <c r="AV136" s="1259" t="s">
        <v>1498</v>
      </c>
      <c r="AW136" s="1259" t="s">
        <v>1498</v>
      </c>
      <c r="AX136" s="1259" t="s">
        <v>1498</v>
      </c>
      <c r="AY136" s="1259" t="s">
        <v>1498</v>
      </c>
      <c r="AZ136" s="905" t="s">
        <v>1896</v>
      </c>
      <c r="BA136" s="499" t="s">
        <v>722</v>
      </c>
      <c r="BB136" s="953" t="s">
        <v>53</v>
      </c>
      <c r="BC136" s="980">
        <f>ROUND((VLOOKUP(H136,'[5]Cost Summary'!A:H,8,)),0.1)</f>
        <v>257556</v>
      </c>
      <c r="BD136" s="499">
        <v>1</v>
      </c>
      <c r="BE136" s="499">
        <v>4</v>
      </c>
      <c r="BF136" s="954" t="s">
        <v>1584</v>
      </c>
      <c r="BG136" s="1261">
        <v>167327.88</v>
      </c>
      <c r="BH136" s="976" t="e">
        <f t="shared" si="132"/>
        <v>#VALUE!</v>
      </c>
      <c r="BI136" s="972" t="e">
        <f t="shared" si="133"/>
        <v>#VALUE!</v>
      </c>
      <c r="BJ136" s="972" t="e">
        <f t="shared" si="134"/>
        <v>#VALUE!</v>
      </c>
      <c r="BK136" s="972" t="e">
        <f t="shared" si="135"/>
        <v>#VALUE!</v>
      </c>
      <c r="BL136" s="972" t="e">
        <f t="shared" si="136"/>
        <v>#VALUE!</v>
      </c>
      <c r="BM136" s="972" t="e">
        <f t="shared" si="137"/>
        <v>#VALUE!</v>
      </c>
      <c r="BN136" s="972" t="e">
        <f t="shared" si="138"/>
        <v>#VALUE!</v>
      </c>
      <c r="BO136" s="972" t="e">
        <f t="shared" si="139"/>
        <v>#VALUE!</v>
      </c>
      <c r="BP136" s="972" t="e">
        <f t="shared" si="140"/>
        <v>#VALUE!</v>
      </c>
      <c r="BQ136" s="972" t="e">
        <f t="shared" si="141"/>
        <v>#VALUE!</v>
      </c>
      <c r="BR136" s="972" t="e">
        <f t="shared" si="142"/>
        <v>#VALUE!</v>
      </c>
      <c r="BS136" s="972" t="e">
        <f t="shared" si="143"/>
        <v>#VALUE!</v>
      </c>
      <c r="BT136" s="972" t="e">
        <f t="shared" si="144"/>
        <v>#VALUE!</v>
      </c>
      <c r="BU136" s="972" t="e">
        <f t="shared" si="145"/>
        <v>#VALUE!</v>
      </c>
      <c r="BV136" s="972" t="e">
        <f t="shared" si="146"/>
        <v>#VALUE!</v>
      </c>
      <c r="BW136" s="972" t="e">
        <f t="shared" si="147"/>
        <v>#VALUE!</v>
      </c>
      <c r="BX136" s="972" t="e">
        <f t="shared" si="148"/>
        <v>#VALUE!</v>
      </c>
      <c r="BY136" s="972" t="e">
        <f t="shared" si="149"/>
        <v>#VALUE!</v>
      </c>
      <c r="BZ136" s="972" t="e">
        <f t="shared" si="150"/>
        <v>#VALUE!</v>
      </c>
      <c r="CA136" s="972" t="e">
        <f t="shared" si="151"/>
        <v>#VALUE!</v>
      </c>
      <c r="CB136" s="973" t="e">
        <f t="shared" si="85"/>
        <v>#VALUE!</v>
      </c>
    </row>
    <row r="137" spans="3:80" ht="75" hidden="1" x14ac:dyDescent="0.25">
      <c r="C137" s="597"/>
      <c r="D137" s="597" t="s">
        <v>66</v>
      </c>
      <c r="E137" s="597"/>
      <c r="F137" s="597"/>
      <c r="G137" s="597"/>
      <c r="H137" s="499" t="s">
        <v>1913</v>
      </c>
      <c r="I137" s="499" t="s">
        <v>1129</v>
      </c>
      <c r="J137" s="499" t="s">
        <v>1130</v>
      </c>
      <c r="K137" s="499">
        <v>51.759238760000002</v>
      </c>
      <c r="L137" s="499">
        <v>-0.45533892300000001</v>
      </c>
      <c r="M137" s="499" t="s">
        <v>1488</v>
      </c>
      <c r="N137" s="499" t="s">
        <v>1489</v>
      </c>
      <c r="O137" s="499">
        <v>1</v>
      </c>
      <c r="P137" s="499" t="s">
        <v>932</v>
      </c>
      <c r="Q137" s="499" t="s">
        <v>1490</v>
      </c>
      <c r="R137" s="499" t="s">
        <v>1491</v>
      </c>
      <c r="S137" s="499" t="s">
        <v>1492</v>
      </c>
      <c r="T137" s="499" t="s">
        <v>1493</v>
      </c>
      <c r="U137" s="499" t="s">
        <v>1912</v>
      </c>
      <c r="V137" s="946" t="str">
        <f>_xlfn.XLOOKUP(H137, [5]GIS!D:D, [5]GIS!E:E, "Not mapped")</f>
        <v>Multiple - Scenario 2</v>
      </c>
      <c r="W137" s="1257" t="s">
        <v>1495</v>
      </c>
      <c r="X137" s="579" t="s">
        <v>1496</v>
      </c>
      <c r="Y137" s="1258" t="s">
        <v>1497</v>
      </c>
      <c r="Z137" s="1259" t="s">
        <v>1498</v>
      </c>
      <c r="AA137" s="1259" t="s">
        <v>1498</v>
      </c>
      <c r="AB137" s="1259" t="s">
        <v>1498</v>
      </c>
      <c r="AC137" s="1259" t="s">
        <v>1498</v>
      </c>
      <c r="AD137" s="1259" t="s">
        <v>1498</v>
      </c>
      <c r="AE137" s="1259" t="s">
        <v>1498</v>
      </c>
      <c r="AF137" s="1259" t="s">
        <v>1498</v>
      </c>
      <c r="AG137" s="1259" t="s">
        <v>1498</v>
      </c>
      <c r="AH137" s="1259" t="s">
        <v>1498</v>
      </c>
      <c r="AI137" s="1259" t="s">
        <v>1498</v>
      </c>
      <c r="AJ137" s="1259" t="s">
        <v>1498</v>
      </c>
      <c r="AK137" s="1259" t="s">
        <v>1498</v>
      </c>
      <c r="AL137" s="1259" t="s">
        <v>1498</v>
      </c>
      <c r="AM137" s="1259" t="s">
        <v>1498</v>
      </c>
      <c r="AN137" s="1259" t="s">
        <v>1498</v>
      </c>
      <c r="AO137" s="1259" t="s">
        <v>1498</v>
      </c>
      <c r="AP137" s="1259" t="s">
        <v>1498</v>
      </c>
      <c r="AQ137" s="1259" t="s">
        <v>1498</v>
      </c>
      <c r="AR137" s="1259" t="s">
        <v>1498</v>
      </c>
      <c r="AS137" s="1259" t="s">
        <v>1498</v>
      </c>
      <c r="AT137" s="1259" t="s">
        <v>1498</v>
      </c>
      <c r="AU137" s="1259" t="s">
        <v>1498</v>
      </c>
      <c r="AV137" s="1259" t="s">
        <v>1498</v>
      </c>
      <c r="AW137" s="1259" t="s">
        <v>1498</v>
      </c>
      <c r="AX137" s="1259" t="s">
        <v>1498</v>
      </c>
      <c r="AY137" s="1259" t="s">
        <v>1498</v>
      </c>
      <c r="AZ137" s="905" t="s">
        <v>1896</v>
      </c>
      <c r="BA137" s="499" t="s">
        <v>722</v>
      </c>
      <c r="BB137" s="953" t="s">
        <v>53</v>
      </c>
      <c r="BC137" s="980">
        <f>ROUND((VLOOKUP(H137,'[5]Cost Summary'!A:H,8,)),0.1)</f>
        <v>199337</v>
      </c>
      <c r="BD137" s="499">
        <v>1</v>
      </c>
      <c r="BE137" s="499">
        <v>4</v>
      </c>
      <c r="BF137" s="954" t="s">
        <v>1584</v>
      </c>
      <c r="BG137" s="1261">
        <v>129504.38</v>
      </c>
      <c r="BH137" s="976" t="e">
        <f t="shared" si="132"/>
        <v>#VALUE!</v>
      </c>
      <c r="BI137" s="972" t="e">
        <f t="shared" si="133"/>
        <v>#VALUE!</v>
      </c>
      <c r="BJ137" s="972" t="e">
        <f t="shared" si="134"/>
        <v>#VALUE!</v>
      </c>
      <c r="BK137" s="972" t="e">
        <f t="shared" si="135"/>
        <v>#VALUE!</v>
      </c>
      <c r="BL137" s="972" t="e">
        <f t="shared" si="136"/>
        <v>#VALUE!</v>
      </c>
      <c r="BM137" s="972" t="e">
        <f t="shared" si="137"/>
        <v>#VALUE!</v>
      </c>
      <c r="BN137" s="972" t="e">
        <f t="shared" si="138"/>
        <v>#VALUE!</v>
      </c>
      <c r="BO137" s="972" t="e">
        <f t="shared" si="139"/>
        <v>#VALUE!</v>
      </c>
      <c r="BP137" s="972" t="e">
        <f t="shared" si="140"/>
        <v>#VALUE!</v>
      </c>
      <c r="BQ137" s="972" t="e">
        <f t="shared" si="141"/>
        <v>#VALUE!</v>
      </c>
      <c r="BR137" s="972" t="e">
        <f t="shared" si="142"/>
        <v>#VALUE!</v>
      </c>
      <c r="BS137" s="972" t="e">
        <f t="shared" si="143"/>
        <v>#VALUE!</v>
      </c>
      <c r="BT137" s="972" t="e">
        <f t="shared" si="144"/>
        <v>#VALUE!</v>
      </c>
      <c r="BU137" s="972" t="e">
        <f t="shared" si="145"/>
        <v>#VALUE!</v>
      </c>
      <c r="BV137" s="972" t="e">
        <f t="shared" si="146"/>
        <v>#VALUE!</v>
      </c>
      <c r="BW137" s="972" t="e">
        <f t="shared" si="147"/>
        <v>#VALUE!</v>
      </c>
      <c r="BX137" s="972" t="e">
        <f t="shared" si="148"/>
        <v>#VALUE!</v>
      </c>
      <c r="BY137" s="972" t="e">
        <f t="shared" si="149"/>
        <v>#VALUE!</v>
      </c>
      <c r="BZ137" s="972" t="e">
        <f t="shared" si="150"/>
        <v>#VALUE!</v>
      </c>
      <c r="CA137" s="972" t="e">
        <f t="shared" si="151"/>
        <v>#VALUE!</v>
      </c>
      <c r="CB137" s="973" t="e">
        <f t="shared" ref="CB137:CB200" si="152">SUM(BH137:CA137)</f>
        <v>#VALUE!</v>
      </c>
    </row>
    <row r="138" spans="3:80" ht="75" hidden="1" x14ac:dyDescent="0.25">
      <c r="C138" s="597"/>
      <c r="D138" s="597" t="s">
        <v>66</v>
      </c>
      <c r="E138" s="597"/>
      <c r="F138" s="597"/>
      <c r="G138" s="597"/>
      <c r="H138" s="499" t="s">
        <v>1914</v>
      </c>
      <c r="I138" s="499" t="s">
        <v>1131</v>
      </c>
      <c r="J138" s="499" t="s">
        <v>1132</v>
      </c>
      <c r="K138" s="499"/>
      <c r="L138" s="499"/>
      <c r="M138" s="499" t="s">
        <v>1488</v>
      </c>
      <c r="N138" s="499" t="s">
        <v>1489</v>
      </c>
      <c r="O138" s="499">
        <v>1</v>
      </c>
      <c r="P138" s="499" t="s">
        <v>900</v>
      </c>
      <c r="Q138" s="499" t="s">
        <v>1490</v>
      </c>
      <c r="R138" s="499" t="s">
        <v>1491</v>
      </c>
      <c r="S138" s="499" t="s">
        <v>1492</v>
      </c>
      <c r="T138" s="499" t="s">
        <v>1493</v>
      </c>
      <c r="U138" s="499" t="s">
        <v>1912</v>
      </c>
      <c r="V138" s="946" t="str">
        <f>_xlfn.XLOOKUP(H138, [5]GIS!D:D, [5]GIS!E:E, "Not mapped")</f>
        <v>Multiple - Scenario 2</v>
      </c>
      <c r="W138" s="1257" t="s">
        <v>1495</v>
      </c>
      <c r="X138" s="579" t="s">
        <v>1496</v>
      </c>
      <c r="Y138" s="1258" t="s">
        <v>1497</v>
      </c>
      <c r="Z138" s="1259" t="s">
        <v>1498</v>
      </c>
      <c r="AA138" s="1259" t="s">
        <v>1498</v>
      </c>
      <c r="AB138" s="1259" t="s">
        <v>1498</v>
      </c>
      <c r="AC138" s="1259" t="s">
        <v>1498</v>
      </c>
      <c r="AD138" s="1259" t="s">
        <v>1498</v>
      </c>
      <c r="AE138" s="1259" t="s">
        <v>1498</v>
      </c>
      <c r="AF138" s="1259" t="s">
        <v>1498</v>
      </c>
      <c r="AG138" s="1259" t="s">
        <v>1498</v>
      </c>
      <c r="AH138" s="1259" t="s">
        <v>1498</v>
      </c>
      <c r="AI138" s="1259" t="s">
        <v>1498</v>
      </c>
      <c r="AJ138" s="1259" t="s">
        <v>1498</v>
      </c>
      <c r="AK138" s="1259" t="s">
        <v>1498</v>
      </c>
      <c r="AL138" s="1259" t="s">
        <v>1498</v>
      </c>
      <c r="AM138" s="1259" t="s">
        <v>1498</v>
      </c>
      <c r="AN138" s="1259" t="s">
        <v>1498</v>
      </c>
      <c r="AO138" s="1259" t="s">
        <v>1498</v>
      </c>
      <c r="AP138" s="1259" t="s">
        <v>1498</v>
      </c>
      <c r="AQ138" s="1259" t="s">
        <v>1498</v>
      </c>
      <c r="AR138" s="1259" t="s">
        <v>1498</v>
      </c>
      <c r="AS138" s="1259" t="s">
        <v>1498</v>
      </c>
      <c r="AT138" s="1259" t="s">
        <v>1498</v>
      </c>
      <c r="AU138" s="1259" t="s">
        <v>1498</v>
      </c>
      <c r="AV138" s="1259" t="s">
        <v>1498</v>
      </c>
      <c r="AW138" s="1259" t="s">
        <v>1498</v>
      </c>
      <c r="AX138" s="1259" t="s">
        <v>1498</v>
      </c>
      <c r="AY138" s="1259" t="s">
        <v>1498</v>
      </c>
      <c r="AZ138" s="905" t="s">
        <v>1896</v>
      </c>
      <c r="BA138" s="499" t="s">
        <v>722</v>
      </c>
      <c r="BB138" s="953" t="s">
        <v>53</v>
      </c>
      <c r="BC138" s="980">
        <f>ROUND((VLOOKUP(H138,'[5]Cost Summary'!A:H,8,)),0.1)</f>
        <v>319572</v>
      </c>
      <c r="BD138" s="499">
        <v>1</v>
      </c>
      <c r="BE138" s="499">
        <v>4</v>
      </c>
      <c r="BF138" s="954" t="s">
        <v>1584</v>
      </c>
      <c r="BG138" s="1261">
        <v>207618.13</v>
      </c>
      <c r="BH138" s="976" t="e">
        <f t="shared" si="132"/>
        <v>#VALUE!</v>
      </c>
      <c r="BI138" s="972" t="e">
        <f t="shared" si="133"/>
        <v>#VALUE!</v>
      </c>
      <c r="BJ138" s="972" t="e">
        <f t="shared" si="134"/>
        <v>#VALUE!</v>
      </c>
      <c r="BK138" s="972" t="e">
        <f t="shared" si="135"/>
        <v>#VALUE!</v>
      </c>
      <c r="BL138" s="972" t="e">
        <f t="shared" si="136"/>
        <v>#VALUE!</v>
      </c>
      <c r="BM138" s="972" t="e">
        <f t="shared" si="137"/>
        <v>#VALUE!</v>
      </c>
      <c r="BN138" s="972" t="e">
        <f t="shared" si="138"/>
        <v>#VALUE!</v>
      </c>
      <c r="BO138" s="972" t="e">
        <f t="shared" si="139"/>
        <v>#VALUE!</v>
      </c>
      <c r="BP138" s="972" t="e">
        <f t="shared" si="140"/>
        <v>#VALUE!</v>
      </c>
      <c r="BQ138" s="972" t="e">
        <f t="shared" si="141"/>
        <v>#VALUE!</v>
      </c>
      <c r="BR138" s="972" t="e">
        <f t="shared" si="142"/>
        <v>#VALUE!</v>
      </c>
      <c r="BS138" s="972" t="e">
        <f t="shared" si="143"/>
        <v>#VALUE!</v>
      </c>
      <c r="BT138" s="972" t="e">
        <f t="shared" si="144"/>
        <v>#VALUE!</v>
      </c>
      <c r="BU138" s="972" t="e">
        <f t="shared" si="145"/>
        <v>#VALUE!</v>
      </c>
      <c r="BV138" s="972" t="e">
        <f t="shared" si="146"/>
        <v>#VALUE!</v>
      </c>
      <c r="BW138" s="972" t="e">
        <f t="shared" si="147"/>
        <v>#VALUE!</v>
      </c>
      <c r="BX138" s="972" t="e">
        <f t="shared" si="148"/>
        <v>#VALUE!</v>
      </c>
      <c r="BY138" s="972" t="e">
        <f t="shared" si="149"/>
        <v>#VALUE!</v>
      </c>
      <c r="BZ138" s="972" t="e">
        <f t="shared" si="150"/>
        <v>#VALUE!</v>
      </c>
      <c r="CA138" s="972" t="e">
        <f t="shared" si="151"/>
        <v>#VALUE!</v>
      </c>
      <c r="CB138" s="973" t="e">
        <f t="shared" si="152"/>
        <v>#VALUE!</v>
      </c>
    </row>
    <row r="139" spans="3:80" ht="75" hidden="1" x14ac:dyDescent="0.25">
      <c r="C139" s="597"/>
      <c r="D139" s="597" t="s">
        <v>66</v>
      </c>
      <c r="E139" s="597"/>
      <c r="F139" s="597"/>
      <c r="G139" s="597"/>
      <c r="H139" s="499" t="s">
        <v>1916</v>
      </c>
      <c r="I139" s="499" t="s">
        <v>1133</v>
      </c>
      <c r="J139" s="499" t="s">
        <v>1134</v>
      </c>
      <c r="K139" s="499" t="s">
        <v>253</v>
      </c>
      <c r="L139" s="499" t="s">
        <v>253</v>
      </c>
      <c r="M139" s="499" t="s">
        <v>1488</v>
      </c>
      <c r="N139" s="499" t="s">
        <v>1489</v>
      </c>
      <c r="O139" s="499">
        <v>1</v>
      </c>
      <c r="P139" s="499" t="s">
        <v>932</v>
      </c>
      <c r="Q139" s="499" t="s">
        <v>1490</v>
      </c>
      <c r="R139" s="499" t="s">
        <v>1491</v>
      </c>
      <c r="S139" s="499" t="s">
        <v>1492</v>
      </c>
      <c r="T139" s="499" t="s">
        <v>1493</v>
      </c>
      <c r="U139" s="499" t="s">
        <v>1912</v>
      </c>
      <c r="V139" s="946" t="str">
        <f>_xlfn.XLOOKUP(H139, [5]GIS!D:D, [5]GIS!E:E, "Not mapped")</f>
        <v>Multiple - Scenario 2</v>
      </c>
      <c r="W139" s="1257" t="s">
        <v>1495</v>
      </c>
      <c r="X139" s="579" t="s">
        <v>1496</v>
      </c>
      <c r="Y139" s="1258" t="s">
        <v>1497</v>
      </c>
      <c r="Z139" s="1259" t="s">
        <v>1498</v>
      </c>
      <c r="AA139" s="1259" t="s">
        <v>1498</v>
      </c>
      <c r="AB139" s="1259" t="s">
        <v>1498</v>
      </c>
      <c r="AC139" s="1259" t="s">
        <v>1498</v>
      </c>
      <c r="AD139" s="1259" t="s">
        <v>1498</v>
      </c>
      <c r="AE139" s="1259" t="s">
        <v>1498</v>
      </c>
      <c r="AF139" s="1259" t="s">
        <v>1498</v>
      </c>
      <c r="AG139" s="1259" t="s">
        <v>1498</v>
      </c>
      <c r="AH139" s="1259" t="s">
        <v>1498</v>
      </c>
      <c r="AI139" s="1259" t="s">
        <v>1498</v>
      </c>
      <c r="AJ139" s="1259" t="s">
        <v>1498</v>
      </c>
      <c r="AK139" s="1259" t="s">
        <v>1498</v>
      </c>
      <c r="AL139" s="1259" t="s">
        <v>1498</v>
      </c>
      <c r="AM139" s="1259" t="s">
        <v>1498</v>
      </c>
      <c r="AN139" s="1259" t="s">
        <v>1498</v>
      </c>
      <c r="AO139" s="1259" t="s">
        <v>1498</v>
      </c>
      <c r="AP139" s="1259" t="s">
        <v>1498</v>
      </c>
      <c r="AQ139" s="1259" t="s">
        <v>1498</v>
      </c>
      <c r="AR139" s="1259" t="s">
        <v>1498</v>
      </c>
      <c r="AS139" s="1259" t="s">
        <v>1498</v>
      </c>
      <c r="AT139" s="1259" t="s">
        <v>1498</v>
      </c>
      <c r="AU139" s="1259" t="s">
        <v>1498</v>
      </c>
      <c r="AV139" s="1259" t="s">
        <v>1498</v>
      </c>
      <c r="AW139" s="1259" t="s">
        <v>1498</v>
      </c>
      <c r="AX139" s="1259" t="s">
        <v>1498</v>
      </c>
      <c r="AY139" s="1259" t="s">
        <v>1498</v>
      </c>
      <c r="AZ139" s="905" t="s">
        <v>1896</v>
      </c>
      <c r="BA139" s="499" t="s">
        <v>722</v>
      </c>
      <c r="BB139" s="953" t="s">
        <v>53</v>
      </c>
      <c r="BC139" s="980">
        <f>ROUND((VLOOKUP(H139,'[5]Cost Summary'!A:H,8,)),0.1)</f>
        <v>10441</v>
      </c>
      <c r="BD139" s="499">
        <v>2</v>
      </c>
      <c r="BE139" s="499" t="s">
        <v>1808</v>
      </c>
      <c r="BF139" s="954" t="s">
        <v>1584</v>
      </c>
      <c r="BG139" s="1261">
        <v>6783.56</v>
      </c>
      <c r="BH139" s="976" t="e">
        <f t="shared" si="132"/>
        <v>#VALUE!</v>
      </c>
      <c r="BI139" s="972" t="e">
        <f t="shared" si="133"/>
        <v>#VALUE!</v>
      </c>
      <c r="BJ139" s="972" t="e">
        <f t="shared" si="134"/>
        <v>#VALUE!</v>
      </c>
      <c r="BK139" s="972" t="e">
        <f t="shared" si="135"/>
        <v>#VALUE!</v>
      </c>
      <c r="BL139" s="972" t="e">
        <f t="shared" si="136"/>
        <v>#VALUE!</v>
      </c>
      <c r="BM139" s="972" t="e">
        <f t="shared" si="137"/>
        <v>#VALUE!</v>
      </c>
      <c r="BN139" s="972" t="e">
        <f t="shared" si="138"/>
        <v>#VALUE!</v>
      </c>
      <c r="BO139" s="972" t="e">
        <f t="shared" si="139"/>
        <v>#VALUE!</v>
      </c>
      <c r="BP139" s="972" t="e">
        <f t="shared" si="140"/>
        <v>#VALUE!</v>
      </c>
      <c r="BQ139" s="972" t="e">
        <f t="shared" si="141"/>
        <v>#VALUE!</v>
      </c>
      <c r="BR139" s="972" t="e">
        <f t="shared" si="142"/>
        <v>#VALUE!</v>
      </c>
      <c r="BS139" s="972" t="e">
        <f t="shared" si="143"/>
        <v>#VALUE!</v>
      </c>
      <c r="BT139" s="972" t="e">
        <f t="shared" si="144"/>
        <v>#VALUE!</v>
      </c>
      <c r="BU139" s="972" t="e">
        <f t="shared" si="145"/>
        <v>#VALUE!</v>
      </c>
      <c r="BV139" s="972" t="e">
        <f t="shared" si="146"/>
        <v>#VALUE!</v>
      </c>
      <c r="BW139" s="972" t="e">
        <f t="shared" si="147"/>
        <v>#VALUE!</v>
      </c>
      <c r="BX139" s="972" t="e">
        <f t="shared" si="148"/>
        <v>#VALUE!</v>
      </c>
      <c r="BY139" s="972" t="e">
        <f t="shared" si="149"/>
        <v>#VALUE!</v>
      </c>
      <c r="BZ139" s="972" t="e">
        <f t="shared" si="150"/>
        <v>#VALUE!</v>
      </c>
      <c r="CA139" s="972" t="e">
        <f t="shared" si="151"/>
        <v>#VALUE!</v>
      </c>
      <c r="CB139" s="973" t="e">
        <f t="shared" si="152"/>
        <v>#VALUE!</v>
      </c>
    </row>
    <row r="140" spans="3:80" ht="57.75" x14ac:dyDescent="0.25">
      <c r="C140" s="597"/>
      <c r="D140" s="597"/>
      <c r="E140" s="597"/>
      <c r="F140" s="597"/>
      <c r="G140" s="597"/>
      <c r="H140" s="499" t="s">
        <v>1891</v>
      </c>
      <c r="I140" s="499" t="s">
        <v>1197</v>
      </c>
      <c r="J140" s="499" t="s">
        <v>1198</v>
      </c>
      <c r="K140" s="499"/>
      <c r="L140" s="499"/>
      <c r="M140" s="499" t="s">
        <v>1522</v>
      </c>
      <c r="N140" s="499" t="s">
        <v>1489</v>
      </c>
      <c r="O140" s="499">
        <v>1</v>
      </c>
      <c r="P140" s="499" t="s">
        <v>932</v>
      </c>
      <c r="Q140" s="499" t="s">
        <v>1490</v>
      </c>
      <c r="R140" s="499" t="s">
        <v>1491</v>
      </c>
      <c r="S140" s="499" t="s">
        <v>1492</v>
      </c>
      <c r="T140" s="499" t="s">
        <v>1493</v>
      </c>
      <c r="U140" s="499" t="s">
        <v>1888</v>
      </c>
      <c r="V140" s="946" t="str">
        <f>_xlfn.XLOOKUP(H140, [5]GIS!D:D, [5]GIS!E:E, "Not mapped")</f>
        <v>Multiple - Scenario 1</v>
      </c>
      <c r="W140" s="499" t="s">
        <v>1707</v>
      </c>
      <c r="X140" s="987" t="s">
        <v>2618</v>
      </c>
      <c r="Y140" s="987" t="s">
        <v>1526</v>
      </c>
      <c r="Z140" s="949">
        <v>18</v>
      </c>
      <c r="AA140" s="949">
        <v>13</v>
      </c>
      <c r="AB140" s="949">
        <v>45</v>
      </c>
      <c r="AC140" s="949">
        <v>22</v>
      </c>
      <c r="AD140" s="949">
        <v>0</v>
      </c>
      <c r="AE140" s="950">
        <v>8</v>
      </c>
      <c r="AF140" s="950">
        <v>17</v>
      </c>
      <c r="AG140" s="950">
        <v>43</v>
      </c>
      <c r="AH140" s="950">
        <v>13</v>
      </c>
      <c r="AI140" s="950">
        <v>8</v>
      </c>
      <c r="AJ140" s="950">
        <v>47</v>
      </c>
      <c r="AK140" s="950">
        <v>67</v>
      </c>
      <c r="AL140" s="950">
        <v>3</v>
      </c>
      <c r="AM140" s="950">
        <v>5</v>
      </c>
      <c r="AN140" s="951">
        <f>AT140*[5]TripRateCalculations!O$4</f>
        <v>6.82</v>
      </c>
      <c r="AO140" s="951">
        <f>AU140*[5]TripRateCalculations!P$4</f>
        <v>0</v>
      </c>
      <c r="AP140" s="951">
        <f>AV140*[5]TripRateCalculations!Q$4</f>
        <v>1.7326203208556148</v>
      </c>
      <c r="AQ140" s="951">
        <f>AW140*[5]TripRateCalculations!R$4</f>
        <v>5.8581235697940501</v>
      </c>
      <c r="AR140" s="951">
        <f>AX140*[5]TripRateCalculations!S$4</f>
        <v>1.8260869565217392</v>
      </c>
      <c r="AS140" s="951">
        <f>AY140*[5]TripRateCalculations!T$4</f>
        <v>1.0091743119266057</v>
      </c>
      <c r="AT140" s="950">
        <v>31</v>
      </c>
      <c r="AU140" s="950">
        <v>0</v>
      </c>
      <c r="AV140" s="950">
        <v>6</v>
      </c>
      <c r="AW140" s="950">
        <v>40</v>
      </c>
      <c r="AX140" s="950">
        <v>18</v>
      </c>
      <c r="AY140" s="950">
        <v>40</v>
      </c>
      <c r="AZ140" s="905" t="s">
        <v>1889</v>
      </c>
      <c r="BA140" s="499" t="s">
        <v>722</v>
      </c>
      <c r="BB140" s="953" t="s">
        <v>53</v>
      </c>
      <c r="BC140" s="980">
        <f>ROUND((VLOOKUP(H140,'[5]Cost Summary'!A:H,8,)),0.1)</f>
        <v>797</v>
      </c>
      <c r="BD140" s="499">
        <v>1</v>
      </c>
      <c r="BE140" s="499">
        <v>7</v>
      </c>
      <c r="BF140" s="954" t="s">
        <v>1584</v>
      </c>
      <c r="BG140" s="1261">
        <v>518.02</v>
      </c>
      <c r="BH140" s="977">
        <f t="shared" ref="BH140:CA140" si="153">Z140/(SUM($Z140:$AS140))</f>
        <v>5.51730893723038E-2</v>
      </c>
      <c r="BI140" s="974">
        <f t="shared" si="153"/>
        <v>3.9847231213330524E-2</v>
      </c>
      <c r="BJ140" s="974">
        <f t="shared" si="153"/>
        <v>0.13793272343075949</v>
      </c>
      <c r="BK140" s="974">
        <f t="shared" si="153"/>
        <v>6.743377589948242E-2</v>
      </c>
      <c r="BL140" s="974">
        <f t="shared" si="153"/>
        <v>0</v>
      </c>
      <c r="BM140" s="974">
        <f t="shared" si="153"/>
        <v>2.4521373054357243E-2</v>
      </c>
      <c r="BN140" s="974">
        <f t="shared" si="153"/>
        <v>5.2107917740509144E-2</v>
      </c>
      <c r="BO140" s="974">
        <f t="shared" si="153"/>
        <v>0.13180238016717019</v>
      </c>
      <c r="BP140" s="974">
        <f t="shared" si="153"/>
        <v>3.9847231213330524E-2</v>
      </c>
      <c r="BQ140" s="974">
        <f t="shared" si="153"/>
        <v>2.4521373054357243E-2</v>
      </c>
      <c r="BR140" s="974">
        <f t="shared" si="153"/>
        <v>0.14406306669434882</v>
      </c>
      <c r="BS140" s="974">
        <f t="shared" si="153"/>
        <v>0.20536649933024193</v>
      </c>
      <c r="BT140" s="974">
        <f t="shared" si="153"/>
        <v>9.1955148953839667E-3</v>
      </c>
      <c r="BU140" s="974">
        <f t="shared" si="153"/>
        <v>1.5325858158973278E-2</v>
      </c>
      <c r="BV140" s="974">
        <f t="shared" si="153"/>
        <v>2.0904470528839553E-2</v>
      </c>
      <c r="BW140" s="974">
        <f t="shared" si="153"/>
        <v>0</v>
      </c>
      <c r="BX140" s="974">
        <f t="shared" si="153"/>
        <v>5.3107786561575844E-3</v>
      </c>
      <c r="BY140" s="974">
        <f t="shared" si="153"/>
        <v>1.795615418168036E-2</v>
      </c>
      <c r="BZ140" s="974">
        <f t="shared" si="153"/>
        <v>5.5972699363206757E-3</v>
      </c>
      <c r="CA140" s="974">
        <f t="shared" si="153"/>
        <v>3.0932924724533226E-3</v>
      </c>
      <c r="CB140" s="973">
        <f t="shared" si="152"/>
        <v>1.0000000000000002</v>
      </c>
    </row>
    <row r="141" spans="3:80" ht="57.75" hidden="1" x14ac:dyDescent="0.25">
      <c r="C141" s="597" t="s">
        <v>66</v>
      </c>
      <c r="D141" s="597" t="s">
        <v>66</v>
      </c>
      <c r="E141" s="597"/>
      <c r="F141" s="597"/>
      <c r="G141" s="597"/>
      <c r="H141" s="499" t="s">
        <v>2062</v>
      </c>
      <c r="I141" s="499" t="s">
        <v>1137</v>
      </c>
      <c r="J141" s="499" t="s">
        <v>1138</v>
      </c>
      <c r="K141" s="499">
        <v>51.774491920000003</v>
      </c>
      <c r="L141" s="499">
        <v>-0.45757292199999999</v>
      </c>
      <c r="M141" s="499" t="s">
        <v>1488</v>
      </c>
      <c r="N141" s="499" t="s">
        <v>1489</v>
      </c>
      <c r="O141" s="499">
        <v>1</v>
      </c>
      <c r="P141" s="499" t="s">
        <v>932</v>
      </c>
      <c r="Q141" s="499" t="s">
        <v>1490</v>
      </c>
      <c r="R141" s="499" t="s">
        <v>1491</v>
      </c>
      <c r="S141" s="499" t="s">
        <v>1492</v>
      </c>
      <c r="T141" s="499" t="s">
        <v>1493</v>
      </c>
      <c r="U141" s="499" t="s">
        <v>1925</v>
      </c>
      <c r="V141" s="946" t="str">
        <f>_xlfn.XLOOKUP(H141, [5]GIS!D:D, [5]GIS!E:E, "Not mapped")</f>
        <v>Single - Scenario 2</v>
      </c>
      <c r="W141" s="499" t="s">
        <v>1508</v>
      </c>
      <c r="X141" s="579" t="s">
        <v>1496</v>
      </c>
      <c r="Y141" s="1258" t="s">
        <v>1497</v>
      </c>
      <c r="Z141" s="1259" t="s">
        <v>1498</v>
      </c>
      <c r="AA141" s="1259" t="s">
        <v>1498</v>
      </c>
      <c r="AB141" s="1259" t="s">
        <v>1498</v>
      </c>
      <c r="AC141" s="1259" t="s">
        <v>1498</v>
      </c>
      <c r="AD141" s="1259" t="s">
        <v>1498</v>
      </c>
      <c r="AE141" s="1259" t="s">
        <v>1498</v>
      </c>
      <c r="AF141" s="1259" t="s">
        <v>1498</v>
      </c>
      <c r="AG141" s="1259" t="s">
        <v>1498</v>
      </c>
      <c r="AH141" s="1259" t="s">
        <v>1498</v>
      </c>
      <c r="AI141" s="1259" t="s">
        <v>1498</v>
      </c>
      <c r="AJ141" s="1259" t="s">
        <v>1498</v>
      </c>
      <c r="AK141" s="1259" t="s">
        <v>1498</v>
      </c>
      <c r="AL141" s="1259" t="s">
        <v>1498</v>
      </c>
      <c r="AM141" s="1259" t="s">
        <v>1498</v>
      </c>
      <c r="AN141" s="1259" t="s">
        <v>1498</v>
      </c>
      <c r="AO141" s="1259" t="s">
        <v>1498</v>
      </c>
      <c r="AP141" s="1259" t="s">
        <v>1498</v>
      </c>
      <c r="AQ141" s="1259" t="s">
        <v>1498</v>
      </c>
      <c r="AR141" s="1259" t="s">
        <v>1498</v>
      </c>
      <c r="AS141" s="1259" t="s">
        <v>1498</v>
      </c>
      <c r="AT141" s="1259" t="s">
        <v>1498</v>
      </c>
      <c r="AU141" s="1259" t="s">
        <v>1498</v>
      </c>
      <c r="AV141" s="1259" t="s">
        <v>1498</v>
      </c>
      <c r="AW141" s="1259" t="s">
        <v>1498</v>
      </c>
      <c r="AX141" s="1259" t="s">
        <v>1498</v>
      </c>
      <c r="AY141" s="1259" t="s">
        <v>1498</v>
      </c>
      <c r="AZ141" s="905" t="s">
        <v>1927</v>
      </c>
      <c r="BA141" s="499" t="s">
        <v>722</v>
      </c>
      <c r="BB141" s="953" t="s">
        <v>53</v>
      </c>
      <c r="BC141" s="980">
        <f>ROUND((VLOOKUP(H141,'[5]Cost Summary'!A:H,8,)),0.1)</f>
        <v>582191</v>
      </c>
      <c r="BD141" s="499">
        <v>1</v>
      </c>
      <c r="BE141" s="499">
        <v>1</v>
      </c>
      <c r="BF141" s="954" t="s">
        <v>1584</v>
      </c>
      <c r="BG141" s="1261">
        <v>378235</v>
      </c>
      <c r="BH141" s="976" t="e">
        <f t="shared" ref="BH141:BH154" si="154">Z141/(SUM($Z141:$AY141))</f>
        <v>#VALUE!</v>
      </c>
      <c r="BI141" s="972" t="e">
        <f t="shared" ref="BI141:BI154" si="155">AA141/(SUM($Z141:$AY141))</f>
        <v>#VALUE!</v>
      </c>
      <c r="BJ141" s="972" t="e">
        <f t="shared" ref="BJ141:BJ154" si="156">AB141/(SUM($Z141:$AY141))</f>
        <v>#VALUE!</v>
      </c>
      <c r="BK141" s="972" t="e">
        <f t="shared" ref="BK141:BK154" si="157">AC141/(SUM($Z141:$AY141))</f>
        <v>#VALUE!</v>
      </c>
      <c r="BL141" s="972" t="e">
        <f t="shared" ref="BL141:BL154" si="158">AD141/(SUM($Z141:$AY141))</f>
        <v>#VALUE!</v>
      </c>
      <c r="BM141" s="972" t="e">
        <f t="shared" ref="BM141:BM154" si="159">AE141/(SUM($Z141:$AY141))</f>
        <v>#VALUE!</v>
      </c>
      <c r="BN141" s="972" t="e">
        <f t="shared" ref="BN141:BN154" si="160">AF141/(SUM($Z141:$AY141))</f>
        <v>#VALUE!</v>
      </c>
      <c r="BO141" s="972" t="e">
        <f t="shared" ref="BO141:BO154" si="161">AG141/(SUM($Z141:$AY141))</f>
        <v>#VALUE!</v>
      </c>
      <c r="BP141" s="972" t="e">
        <f t="shared" ref="BP141:BP154" si="162">AH141/(SUM($Z141:$AY141))</f>
        <v>#VALUE!</v>
      </c>
      <c r="BQ141" s="972" t="e">
        <f t="shared" ref="BQ141:BQ154" si="163">AI141/(SUM($Z141:$AY141))</f>
        <v>#VALUE!</v>
      </c>
      <c r="BR141" s="972" t="e">
        <f t="shared" ref="BR141:BR154" si="164">AJ141/(SUM($Z141:$AY141))</f>
        <v>#VALUE!</v>
      </c>
      <c r="BS141" s="972" t="e">
        <f t="shared" ref="BS141:BS154" si="165">AK141/(SUM($Z141:$AY141))</f>
        <v>#VALUE!</v>
      </c>
      <c r="BT141" s="972" t="e">
        <f t="shared" ref="BT141:BT154" si="166">AL141/(SUM($Z141:$AY141))</f>
        <v>#VALUE!</v>
      </c>
      <c r="BU141" s="972" t="e">
        <f t="shared" ref="BU141:BU154" si="167">AM141/(SUM($Z141:$AY141))</f>
        <v>#VALUE!</v>
      </c>
      <c r="BV141" s="972" t="e">
        <f t="shared" ref="BV141:BV154" si="168">AM141/(SUM($Z141:$AY141))</f>
        <v>#VALUE!</v>
      </c>
      <c r="BW141" s="972" t="e">
        <f t="shared" ref="BW141:BW154" si="169">AN141/(SUM($Z141:$AY141))</f>
        <v>#VALUE!</v>
      </c>
      <c r="BX141" s="972" t="e">
        <f t="shared" ref="BX141:BX154" si="170">AO141/(SUM($Z141:$AY141))</f>
        <v>#VALUE!</v>
      </c>
      <c r="BY141" s="972" t="e">
        <f t="shared" ref="BY141:BY154" si="171">AP141/(SUM($Z141:$AY141))</f>
        <v>#VALUE!</v>
      </c>
      <c r="BZ141" s="972" t="e">
        <f t="shared" ref="BZ141:BZ154" si="172">AQ141/(SUM($Z141:$AY141))</f>
        <v>#VALUE!</v>
      </c>
      <c r="CA141" s="972" t="e">
        <f t="shared" ref="CA141:CA154" si="173">AR141/(SUM($Z141:$AY141))</f>
        <v>#VALUE!</v>
      </c>
      <c r="CB141" s="973" t="e">
        <f t="shared" si="152"/>
        <v>#VALUE!</v>
      </c>
    </row>
    <row r="142" spans="3:80" ht="43.5" hidden="1" x14ac:dyDescent="0.25">
      <c r="C142" s="597" t="s">
        <v>66</v>
      </c>
      <c r="D142" s="597" t="s">
        <v>66</v>
      </c>
      <c r="E142" s="597"/>
      <c r="F142" s="597"/>
      <c r="G142" s="597"/>
      <c r="H142" s="499" t="s">
        <v>2060</v>
      </c>
      <c r="I142" s="499" t="s">
        <v>1139</v>
      </c>
      <c r="J142" s="499" t="s">
        <v>1140</v>
      </c>
      <c r="K142" s="499">
        <v>51.772992119999998</v>
      </c>
      <c r="L142" s="499">
        <v>-0.45835406200000001</v>
      </c>
      <c r="M142" s="499" t="s">
        <v>1488</v>
      </c>
      <c r="N142" s="499" t="s">
        <v>1489</v>
      </c>
      <c r="O142" s="499">
        <v>1</v>
      </c>
      <c r="P142" s="499" t="s">
        <v>932</v>
      </c>
      <c r="Q142" s="499" t="s">
        <v>1490</v>
      </c>
      <c r="R142" s="499" t="s">
        <v>1491</v>
      </c>
      <c r="S142" s="499" t="s">
        <v>1492</v>
      </c>
      <c r="T142" s="499" t="s">
        <v>1493</v>
      </c>
      <c r="U142" s="499" t="s">
        <v>1925</v>
      </c>
      <c r="V142" s="946" t="str">
        <f>_xlfn.XLOOKUP(H142, [5]GIS!D:D, [5]GIS!E:E, "Not mapped")</f>
        <v>Single - Scenario 2</v>
      </c>
      <c r="W142" s="499" t="s">
        <v>1508</v>
      </c>
      <c r="X142" s="579" t="s">
        <v>1496</v>
      </c>
      <c r="Y142" s="1258" t="s">
        <v>1497</v>
      </c>
      <c r="Z142" s="1259" t="s">
        <v>1498</v>
      </c>
      <c r="AA142" s="1259" t="s">
        <v>1498</v>
      </c>
      <c r="AB142" s="1259" t="s">
        <v>1498</v>
      </c>
      <c r="AC142" s="1259" t="s">
        <v>1498</v>
      </c>
      <c r="AD142" s="1259" t="s">
        <v>1498</v>
      </c>
      <c r="AE142" s="1259" t="s">
        <v>1498</v>
      </c>
      <c r="AF142" s="1259" t="s">
        <v>1498</v>
      </c>
      <c r="AG142" s="1259" t="s">
        <v>1498</v>
      </c>
      <c r="AH142" s="1259" t="s">
        <v>1498</v>
      </c>
      <c r="AI142" s="1259" t="s">
        <v>1498</v>
      </c>
      <c r="AJ142" s="1259" t="s">
        <v>1498</v>
      </c>
      <c r="AK142" s="1259" t="s">
        <v>1498</v>
      </c>
      <c r="AL142" s="1259" t="s">
        <v>1498</v>
      </c>
      <c r="AM142" s="1259" t="s">
        <v>1498</v>
      </c>
      <c r="AN142" s="1259" t="s">
        <v>1498</v>
      </c>
      <c r="AO142" s="1259" t="s">
        <v>1498</v>
      </c>
      <c r="AP142" s="1259" t="s">
        <v>1498</v>
      </c>
      <c r="AQ142" s="1259" t="s">
        <v>1498</v>
      </c>
      <c r="AR142" s="1259" t="s">
        <v>1498</v>
      </c>
      <c r="AS142" s="1259" t="s">
        <v>1498</v>
      </c>
      <c r="AT142" s="1259" t="s">
        <v>1498</v>
      </c>
      <c r="AU142" s="1259" t="s">
        <v>1498</v>
      </c>
      <c r="AV142" s="1259" t="s">
        <v>1498</v>
      </c>
      <c r="AW142" s="1259" t="s">
        <v>1498</v>
      </c>
      <c r="AX142" s="1259" t="s">
        <v>1498</v>
      </c>
      <c r="AY142" s="1259" t="s">
        <v>1498</v>
      </c>
      <c r="AZ142" s="905" t="s">
        <v>1927</v>
      </c>
      <c r="BA142" s="499" t="s">
        <v>722</v>
      </c>
      <c r="BB142" s="953" t="s">
        <v>53</v>
      </c>
      <c r="BC142" s="980">
        <f>ROUND((VLOOKUP(H142,'[5]Cost Summary'!A:H,8,)),0.1)</f>
        <v>165218</v>
      </c>
      <c r="BD142" s="499">
        <v>1</v>
      </c>
      <c r="BE142" s="499">
        <v>1</v>
      </c>
      <c r="BF142" s="954" t="s">
        <v>1584</v>
      </c>
      <c r="BG142" s="1261">
        <v>107338.29</v>
      </c>
      <c r="BH142" s="976" t="e">
        <f t="shared" si="154"/>
        <v>#VALUE!</v>
      </c>
      <c r="BI142" s="972" t="e">
        <f t="shared" si="155"/>
        <v>#VALUE!</v>
      </c>
      <c r="BJ142" s="972" t="e">
        <f t="shared" si="156"/>
        <v>#VALUE!</v>
      </c>
      <c r="BK142" s="972" t="e">
        <f t="shared" si="157"/>
        <v>#VALUE!</v>
      </c>
      <c r="BL142" s="972" t="e">
        <f t="shared" si="158"/>
        <v>#VALUE!</v>
      </c>
      <c r="BM142" s="972" t="e">
        <f t="shared" si="159"/>
        <v>#VALUE!</v>
      </c>
      <c r="BN142" s="972" t="e">
        <f t="shared" si="160"/>
        <v>#VALUE!</v>
      </c>
      <c r="BO142" s="972" t="e">
        <f t="shared" si="161"/>
        <v>#VALUE!</v>
      </c>
      <c r="BP142" s="972" t="e">
        <f t="shared" si="162"/>
        <v>#VALUE!</v>
      </c>
      <c r="BQ142" s="972" t="e">
        <f t="shared" si="163"/>
        <v>#VALUE!</v>
      </c>
      <c r="BR142" s="972" t="e">
        <f t="shared" si="164"/>
        <v>#VALUE!</v>
      </c>
      <c r="BS142" s="972" t="e">
        <f t="shared" si="165"/>
        <v>#VALUE!</v>
      </c>
      <c r="BT142" s="972" t="e">
        <f t="shared" si="166"/>
        <v>#VALUE!</v>
      </c>
      <c r="BU142" s="972" t="e">
        <f t="shared" si="167"/>
        <v>#VALUE!</v>
      </c>
      <c r="BV142" s="972" t="e">
        <f t="shared" si="168"/>
        <v>#VALUE!</v>
      </c>
      <c r="BW142" s="972" t="e">
        <f t="shared" si="169"/>
        <v>#VALUE!</v>
      </c>
      <c r="BX142" s="972" t="e">
        <f t="shared" si="170"/>
        <v>#VALUE!</v>
      </c>
      <c r="BY142" s="972" t="e">
        <f t="shared" si="171"/>
        <v>#VALUE!</v>
      </c>
      <c r="BZ142" s="972" t="e">
        <f t="shared" si="172"/>
        <v>#VALUE!</v>
      </c>
      <c r="CA142" s="972" t="e">
        <f t="shared" si="173"/>
        <v>#VALUE!</v>
      </c>
      <c r="CB142" s="973" t="e">
        <f t="shared" si="152"/>
        <v>#VALUE!</v>
      </c>
    </row>
    <row r="143" spans="3:80" ht="57.75" hidden="1" x14ac:dyDescent="0.25">
      <c r="C143" s="597" t="s">
        <v>66</v>
      </c>
      <c r="D143" s="597" t="s">
        <v>66</v>
      </c>
      <c r="E143" s="597"/>
      <c r="F143" s="597"/>
      <c r="G143" s="597"/>
      <c r="H143" s="499" t="s">
        <v>2082</v>
      </c>
      <c r="I143" s="499" t="s">
        <v>1141</v>
      </c>
      <c r="J143" s="499" t="s">
        <v>1142</v>
      </c>
      <c r="K143" s="499" t="s">
        <v>253</v>
      </c>
      <c r="L143" s="499" t="s">
        <v>253</v>
      </c>
      <c r="M143" s="499" t="s">
        <v>1488</v>
      </c>
      <c r="N143" s="499" t="s">
        <v>1489</v>
      </c>
      <c r="O143" s="499">
        <v>1</v>
      </c>
      <c r="P143" s="499" t="s">
        <v>932</v>
      </c>
      <c r="Q143" s="499" t="s">
        <v>1490</v>
      </c>
      <c r="R143" s="499" t="s">
        <v>1491</v>
      </c>
      <c r="S143" s="499" t="s">
        <v>1492</v>
      </c>
      <c r="T143" s="499" t="s">
        <v>1493</v>
      </c>
      <c r="U143" s="499" t="s">
        <v>1925</v>
      </c>
      <c r="V143" s="946" t="str">
        <f>_xlfn.XLOOKUP(H143, [5]GIS!D:D, [5]GIS!E:E, "Not mapped")</f>
        <v>Single - Scenario 2</v>
      </c>
      <c r="W143" s="499" t="s">
        <v>1508</v>
      </c>
      <c r="X143" s="579" t="s">
        <v>1496</v>
      </c>
      <c r="Y143" s="1258" t="s">
        <v>1497</v>
      </c>
      <c r="Z143" s="1259" t="s">
        <v>1498</v>
      </c>
      <c r="AA143" s="1259" t="s">
        <v>1498</v>
      </c>
      <c r="AB143" s="1259" t="s">
        <v>1498</v>
      </c>
      <c r="AC143" s="1259" t="s">
        <v>1498</v>
      </c>
      <c r="AD143" s="1259" t="s">
        <v>1498</v>
      </c>
      <c r="AE143" s="1259" t="s">
        <v>1498</v>
      </c>
      <c r="AF143" s="1259" t="s">
        <v>1498</v>
      </c>
      <c r="AG143" s="1259" t="s">
        <v>1498</v>
      </c>
      <c r="AH143" s="1259" t="s">
        <v>1498</v>
      </c>
      <c r="AI143" s="1259" t="s">
        <v>1498</v>
      </c>
      <c r="AJ143" s="1259" t="s">
        <v>1498</v>
      </c>
      <c r="AK143" s="1259" t="s">
        <v>1498</v>
      </c>
      <c r="AL143" s="1259" t="s">
        <v>1498</v>
      </c>
      <c r="AM143" s="1259" t="s">
        <v>1498</v>
      </c>
      <c r="AN143" s="1259" t="s">
        <v>1498</v>
      </c>
      <c r="AO143" s="1259" t="s">
        <v>1498</v>
      </c>
      <c r="AP143" s="1259" t="s">
        <v>1498</v>
      </c>
      <c r="AQ143" s="1259" t="s">
        <v>1498</v>
      </c>
      <c r="AR143" s="1259" t="s">
        <v>1498</v>
      </c>
      <c r="AS143" s="1259" t="s">
        <v>1498</v>
      </c>
      <c r="AT143" s="1259" t="s">
        <v>1498</v>
      </c>
      <c r="AU143" s="1259" t="s">
        <v>1498</v>
      </c>
      <c r="AV143" s="1259" t="s">
        <v>1498</v>
      </c>
      <c r="AW143" s="1259" t="s">
        <v>1498</v>
      </c>
      <c r="AX143" s="1259" t="s">
        <v>1498</v>
      </c>
      <c r="AY143" s="1259" t="s">
        <v>1498</v>
      </c>
      <c r="AZ143" s="905" t="s">
        <v>1927</v>
      </c>
      <c r="BA143" s="499" t="s">
        <v>722</v>
      </c>
      <c r="BB143" s="953" t="s">
        <v>53</v>
      </c>
      <c r="BC143" s="980">
        <f>ROUND((VLOOKUP(H143,'[5]Cost Summary'!A:H,8,)),0.1)</f>
        <v>933404</v>
      </c>
      <c r="BD143" s="499">
        <v>1</v>
      </c>
      <c r="BE143" s="499">
        <v>1</v>
      </c>
      <c r="BF143" s="954" t="s">
        <v>1584</v>
      </c>
      <c r="BG143" s="1261">
        <v>606409.38</v>
      </c>
      <c r="BH143" s="976" t="e">
        <f t="shared" si="154"/>
        <v>#VALUE!</v>
      </c>
      <c r="BI143" s="972" t="e">
        <f t="shared" si="155"/>
        <v>#VALUE!</v>
      </c>
      <c r="BJ143" s="972" t="e">
        <f t="shared" si="156"/>
        <v>#VALUE!</v>
      </c>
      <c r="BK143" s="972" t="e">
        <f t="shared" si="157"/>
        <v>#VALUE!</v>
      </c>
      <c r="BL143" s="972" t="e">
        <f t="shared" si="158"/>
        <v>#VALUE!</v>
      </c>
      <c r="BM143" s="972" t="e">
        <f t="shared" si="159"/>
        <v>#VALUE!</v>
      </c>
      <c r="BN143" s="972" t="e">
        <f t="shared" si="160"/>
        <v>#VALUE!</v>
      </c>
      <c r="BO143" s="972" t="e">
        <f t="shared" si="161"/>
        <v>#VALUE!</v>
      </c>
      <c r="BP143" s="972" t="e">
        <f t="shared" si="162"/>
        <v>#VALUE!</v>
      </c>
      <c r="BQ143" s="972" t="e">
        <f t="shared" si="163"/>
        <v>#VALUE!</v>
      </c>
      <c r="BR143" s="972" t="e">
        <f t="shared" si="164"/>
        <v>#VALUE!</v>
      </c>
      <c r="BS143" s="972" t="e">
        <f t="shared" si="165"/>
        <v>#VALUE!</v>
      </c>
      <c r="BT143" s="972" t="e">
        <f t="shared" si="166"/>
        <v>#VALUE!</v>
      </c>
      <c r="BU143" s="972" t="e">
        <f t="shared" si="167"/>
        <v>#VALUE!</v>
      </c>
      <c r="BV143" s="972" t="e">
        <f t="shared" si="168"/>
        <v>#VALUE!</v>
      </c>
      <c r="BW143" s="972" t="e">
        <f t="shared" si="169"/>
        <v>#VALUE!</v>
      </c>
      <c r="BX143" s="972" t="e">
        <f t="shared" si="170"/>
        <v>#VALUE!</v>
      </c>
      <c r="BY143" s="972" t="e">
        <f t="shared" si="171"/>
        <v>#VALUE!</v>
      </c>
      <c r="BZ143" s="972" t="e">
        <f t="shared" si="172"/>
        <v>#VALUE!</v>
      </c>
      <c r="CA143" s="972" t="e">
        <f t="shared" si="173"/>
        <v>#VALUE!</v>
      </c>
      <c r="CB143" s="973" t="e">
        <f t="shared" si="152"/>
        <v>#VALUE!</v>
      </c>
    </row>
    <row r="144" spans="3:80" ht="143.25" hidden="1" x14ac:dyDescent="0.25">
      <c r="C144" s="597" t="s">
        <v>66</v>
      </c>
      <c r="D144" s="597" t="s">
        <v>66</v>
      </c>
      <c r="E144" s="597"/>
      <c r="F144" s="597"/>
      <c r="G144" s="597"/>
      <c r="H144" s="499" t="s">
        <v>2110</v>
      </c>
      <c r="I144" s="499" t="s">
        <v>1143</v>
      </c>
      <c r="J144" s="499" t="s">
        <v>1144</v>
      </c>
      <c r="K144" s="499" t="s">
        <v>1521</v>
      </c>
      <c r="L144" s="499" t="s">
        <v>1521</v>
      </c>
      <c r="M144" s="499" t="s">
        <v>1488</v>
      </c>
      <c r="N144" s="499" t="s">
        <v>1489</v>
      </c>
      <c r="O144" s="499">
        <v>1</v>
      </c>
      <c r="P144" s="499" t="s">
        <v>932</v>
      </c>
      <c r="Q144" s="499" t="s">
        <v>1490</v>
      </c>
      <c r="R144" s="499" t="s">
        <v>1491</v>
      </c>
      <c r="S144" s="499" t="s">
        <v>1492</v>
      </c>
      <c r="T144" s="499" t="s">
        <v>1493</v>
      </c>
      <c r="U144" s="499" t="s">
        <v>1925</v>
      </c>
      <c r="V144" s="946" t="str">
        <f>_xlfn.XLOOKUP(H144, [5]GIS!D:D, [5]GIS!E:E, "Not mapped")</f>
        <v>Single - Scenario 2 (longer segment, one edge in close proximity of a development)</v>
      </c>
      <c r="W144" s="499" t="s">
        <v>1508</v>
      </c>
      <c r="X144" s="579" t="s">
        <v>1496</v>
      </c>
      <c r="Y144" s="1258" t="s">
        <v>1497</v>
      </c>
      <c r="Z144" s="1259" t="s">
        <v>1498</v>
      </c>
      <c r="AA144" s="1259" t="s">
        <v>1498</v>
      </c>
      <c r="AB144" s="1259" t="s">
        <v>1498</v>
      </c>
      <c r="AC144" s="1259" t="s">
        <v>1498</v>
      </c>
      <c r="AD144" s="1259" t="s">
        <v>1498</v>
      </c>
      <c r="AE144" s="1259" t="s">
        <v>1498</v>
      </c>
      <c r="AF144" s="1259" t="s">
        <v>1498</v>
      </c>
      <c r="AG144" s="1259" t="s">
        <v>1498</v>
      </c>
      <c r="AH144" s="1259" t="s">
        <v>1498</v>
      </c>
      <c r="AI144" s="1259" t="s">
        <v>1498</v>
      </c>
      <c r="AJ144" s="1259" t="s">
        <v>1498</v>
      </c>
      <c r="AK144" s="1259" t="s">
        <v>1498</v>
      </c>
      <c r="AL144" s="1259" t="s">
        <v>1498</v>
      </c>
      <c r="AM144" s="1259" t="s">
        <v>1498</v>
      </c>
      <c r="AN144" s="1259" t="s">
        <v>1498</v>
      </c>
      <c r="AO144" s="1259" t="s">
        <v>1498</v>
      </c>
      <c r="AP144" s="1259" t="s">
        <v>1498</v>
      </c>
      <c r="AQ144" s="1259" t="s">
        <v>1498</v>
      </c>
      <c r="AR144" s="1259" t="s">
        <v>1498</v>
      </c>
      <c r="AS144" s="1259" t="s">
        <v>1498</v>
      </c>
      <c r="AT144" s="1259" t="s">
        <v>1498</v>
      </c>
      <c r="AU144" s="1259" t="s">
        <v>1498</v>
      </c>
      <c r="AV144" s="1259" t="s">
        <v>1498</v>
      </c>
      <c r="AW144" s="1259" t="s">
        <v>1498</v>
      </c>
      <c r="AX144" s="1259" t="s">
        <v>1498</v>
      </c>
      <c r="AY144" s="1259" t="s">
        <v>1498</v>
      </c>
      <c r="AZ144" s="905" t="s">
        <v>1927</v>
      </c>
      <c r="BA144" s="499" t="s">
        <v>722</v>
      </c>
      <c r="BB144" s="953" t="s">
        <v>53</v>
      </c>
      <c r="BC144" s="980">
        <f>ROUND((VLOOKUP(H144,'[5]Cost Summary'!A:H,8,)),0.1)</f>
        <v>53067</v>
      </c>
      <c r="BD144" s="499">
        <v>2</v>
      </c>
      <c r="BE144" s="499" t="s">
        <v>2054</v>
      </c>
      <c r="BF144" s="954" t="s">
        <v>1584</v>
      </c>
      <c r="BG144" s="1261">
        <v>34476.120000000003</v>
      </c>
      <c r="BH144" s="976" t="e">
        <f t="shared" si="154"/>
        <v>#VALUE!</v>
      </c>
      <c r="BI144" s="972" t="e">
        <f t="shared" si="155"/>
        <v>#VALUE!</v>
      </c>
      <c r="BJ144" s="972" t="e">
        <f t="shared" si="156"/>
        <v>#VALUE!</v>
      </c>
      <c r="BK144" s="972" t="e">
        <f t="shared" si="157"/>
        <v>#VALUE!</v>
      </c>
      <c r="BL144" s="972" t="e">
        <f t="shared" si="158"/>
        <v>#VALUE!</v>
      </c>
      <c r="BM144" s="972" t="e">
        <f t="shared" si="159"/>
        <v>#VALUE!</v>
      </c>
      <c r="BN144" s="972" t="e">
        <f t="shared" si="160"/>
        <v>#VALUE!</v>
      </c>
      <c r="BO144" s="972" t="e">
        <f t="shared" si="161"/>
        <v>#VALUE!</v>
      </c>
      <c r="BP144" s="972" t="e">
        <f t="shared" si="162"/>
        <v>#VALUE!</v>
      </c>
      <c r="BQ144" s="972" t="e">
        <f t="shared" si="163"/>
        <v>#VALUE!</v>
      </c>
      <c r="BR144" s="972" t="e">
        <f t="shared" si="164"/>
        <v>#VALUE!</v>
      </c>
      <c r="BS144" s="972" t="e">
        <f t="shared" si="165"/>
        <v>#VALUE!</v>
      </c>
      <c r="BT144" s="972" t="e">
        <f t="shared" si="166"/>
        <v>#VALUE!</v>
      </c>
      <c r="BU144" s="972" t="e">
        <f t="shared" si="167"/>
        <v>#VALUE!</v>
      </c>
      <c r="BV144" s="972" t="e">
        <f t="shared" si="168"/>
        <v>#VALUE!</v>
      </c>
      <c r="BW144" s="972" t="e">
        <f t="shared" si="169"/>
        <v>#VALUE!</v>
      </c>
      <c r="BX144" s="972" t="e">
        <f t="shared" si="170"/>
        <v>#VALUE!</v>
      </c>
      <c r="BY144" s="972" t="e">
        <f t="shared" si="171"/>
        <v>#VALUE!</v>
      </c>
      <c r="BZ144" s="972" t="e">
        <f t="shared" si="172"/>
        <v>#VALUE!</v>
      </c>
      <c r="CA144" s="972" t="e">
        <f t="shared" si="173"/>
        <v>#VALUE!</v>
      </c>
      <c r="CB144" s="973" t="e">
        <f t="shared" si="152"/>
        <v>#VALUE!</v>
      </c>
    </row>
    <row r="145" spans="3:80" ht="143.25" hidden="1" x14ac:dyDescent="0.25">
      <c r="C145" s="597"/>
      <c r="D145" s="597" t="s">
        <v>66</v>
      </c>
      <c r="E145" s="597"/>
      <c r="F145" s="597"/>
      <c r="G145" s="597"/>
      <c r="H145" s="499" t="s">
        <v>1931</v>
      </c>
      <c r="I145" s="499" t="s">
        <v>1145</v>
      </c>
      <c r="J145" s="499" t="s">
        <v>1146</v>
      </c>
      <c r="K145" s="499" t="s">
        <v>1521</v>
      </c>
      <c r="L145" s="499" t="s">
        <v>1521</v>
      </c>
      <c r="M145" s="499" t="s">
        <v>1488</v>
      </c>
      <c r="N145" s="499" t="s">
        <v>1489</v>
      </c>
      <c r="O145" s="499">
        <v>1</v>
      </c>
      <c r="P145" s="499" t="s">
        <v>932</v>
      </c>
      <c r="Q145" s="499" t="s">
        <v>1490</v>
      </c>
      <c r="R145" s="499" t="s">
        <v>1491</v>
      </c>
      <c r="S145" s="499" t="s">
        <v>1492</v>
      </c>
      <c r="T145" s="499" t="s">
        <v>1493</v>
      </c>
      <c r="U145" s="499" t="s">
        <v>1494</v>
      </c>
      <c r="V145" s="946" t="str">
        <f>_xlfn.XLOOKUP(H145, [5]GIS!D:D, [5]GIS!E:E, "Not mapped")</f>
        <v>Multiple - Scenario 1</v>
      </c>
      <c r="W145" s="499" t="s">
        <v>1932</v>
      </c>
      <c r="X145" s="579" t="s">
        <v>1496</v>
      </c>
      <c r="Y145" s="1258" t="s">
        <v>1497</v>
      </c>
      <c r="Z145" s="1259" t="s">
        <v>1498</v>
      </c>
      <c r="AA145" s="1259" t="s">
        <v>1498</v>
      </c>
      <c r="AB145" s="1259" t="s">
        <v>1498</v>
      </c>
      <c r="AC145" s="1259" t="s">
        <v>1498</v>
      </c>
      <c r="AD145" s="1259" t="s">
        <v>1498</v>
      </c>
      <c r="AE145" s="1259" t="s">
        <v>1498</v>
      </c>
      <c r="AF145" s="1259" t="s">
        <v>1498</v>
      </c>
      <c r="AG145" s="1259" t="s">
        <v>1498</v>
      </c>
      <c r="AH145" s="1259" t="s">
        <v>1498</v>
      </c>
      <c r="AI145" s="1259" t="s">
        <v>1498</v>
      </c>
      <c r="AJ145" s="1259" t="s">
        <v>1498</v>
      </c>
      <c r="AK145" s="1259" t="s">
        <v>1498</v>
      </c>
      <c r="AL145" s="1259" t="s">
        <v>1498</v>
      </c>
      <c r="AM145" s="1259" t="s">
        <v>1498</v>
      </c>
      <c r="AN145" s="1259" t="s">
        <v>1498</v>
      </c>
      <c r="AO145" s="1259" t="s">
        <v>1498</v>
      </c>
      <c r="AP145" s="1259" t="s">
        <v>1498</v>
      </c>
      <c r="AQ145" s="1259" t="s">
        <v>1498</v>
      </c>
      <c r="AR145" s="1259" t="s">
        <v>1498</v>
      </c>
      <c r="AS145" s="1259" t="s">
        <v>1498</v>
      </c>
      <c r="AT145" s="1259" t="s">
        <v>1498</v>
      </c>
      <c r="AU145" s="1259" t="s">
        <v>1498</v>
      </c>
      <c r="AV145" s="1259" t="s">
        <v>1498</v>
      </c>
      <c r="AW145" s="1259" t="s">
        <v>1498</v>
      </c>
      <c r="AX145" s="1259" t="s">
        <v>1498</v>
      </c>
      <c r="AY145" s="1259" t="s">
        <v>1498</v>
      </c>
      <c r="AZ145" s="905" t="s">
        <v>1499</v>
      </c>
      <c r="BA145" s="499" t="s">
        <v>722</v>
      </c>
      <c r="BB145" s="953" t="s">
        <v>53</v>
      </c>
      <c r="BC145" s="980">
        <f>ROUND((VLOOKUP(H145,'[5]Cost Summary'!A:H,8,)),0.1)</f>
        <v>1797198</v>
      </c>
      <c r="BD145" s="499">
        <v>1</v>
      </c>
      <c r="BE145" s="499">
        <v>2</v>
      </c>
      <c r="BF145" s="954" t="s">
        <v>1584</v>
      </c>
      <c r="BG145" s="1261">
        <v>1167595</v>
      </c>
      <c r="BH145" s="976" t="e">
        <f t="shared" si="154"/>
        <v>#VALUE!</v>
      </c>
      <c r="BI145" s="972" t="e">
        <f t="shared" si="155"/>
        <v>#VALUE!</v>
      </c>
      <c r="BJ145" s="972" t="e">
        <f t="shared" si="156"/>
        <v>#VALUE!</v>
      </c>
      <c r="BK145" s="972" t="e">
        <f t="shared" si="157"/>
        <v>#VALUE!</v>
      </c>
      <c r="BL145" s="972" t="e">
        <f t="shared" si="158"/>
        <v>#VALUE!</v>
      </c>
      <c r="BM145" s="972" t="e">
        <f t="shared" si="159"/>
        <v>#VALUE!</v>
      </c>
      <c r="BN145" s="972" t="e">
        <f t="shared" si="160"/>
        <v>#VALUE!</v>
      </c>
      <c r="BO145" s="972" t="e">
        <f t="shared" si="161"/>
        <v>#VALUE!</v>
      </c>
      <c r="BP145" s="972" t="e">
        <f t="shared" si="162"/>
        <v>#VALUE!</v>
      </c>
      <c r="BQ145" s="972" t="e">
        <f t="shared" si="163"/>
        <v>#VALUE!</v>
      </c>
      <c r="BR145" s="972" t="e">
        <f t="shared" si="164"/>
        <v>#VALUE!</v>
      </c>
      <c r="BS145" s="972" t="e">
        <f t="shared" si="165"/>
        <v>#VALUE!</v>
      </c>
      <c r="BT145" s="972" t="e">
        <f t="shared" si="166"/>
        <v>#VALUE!</v>
      </c>
      <c r="BU145" s="972" t="e">
        <f t="shared" si="167"/>
        <v>#VALUE!</v>
      </c>
      <c r="BV145" s="972" t="e">
        <f t="shared" si="168"/>
        <v>#VALUE!</v>
      </c>
      <c r="BW145" s="972" t="e">
        <f t="shared" si="169"/>
        <v>#VALUE!</v>
      </c>
      <c r="BX145" s="972" t="e">
        <f t="shared" si="170"/>
        <v>#VALUE!</v>
      </c>
      <c r="BY145" s="972" t="e">
        <f t="shared" si="171"/>
        <v>#VALUE!</v>
      </c>
      <c r="BZ145" s="972" t="e">
        <f t="shared" si="172"/>
        <v>#VALUE!</v>
      </c>
      <c r="CA145" s="972" t="e">
        <f t="shared" si="173"/>
        <v>#VALUE!</v>
      </c>
      <c r="CB145" s="973" t="e">
        <f t="shared" si="152"/>
        <v>#VALUE!</v>
      </c>
    </row>
    <row r="146" spans="3:80" ht="57.75" hidden="1" x14ac:dyDescent="0.25">
      <c r="C146" s="597"/>
      <c r="D146" s="597" t="s">
        <v>66</v>
      </c>
      <c r="E146" s="597"/>
      <c r="F146" s="597"/>
      <c r="G146" s="597"/>
      <c r="H146" s="499" t="s">
        <v>1933</v>
      </c>
      <c r="I146" s="499" t="s">
        <v>1147</v>
      </c>
      <c r="J146" s="499" t="s">
        <v>1148</v>
      </c>
      <c r="K146" s="499">
        <v>51.764426980000003</v>
      </c>
      <c r="L146" s="499">
        <v>-0.45725197099999998</v>
      </c>
      <c r="M146" s="499" t="s">
        <v>1488</v>
      </c>
      <c r="N146" s="499" t="s">
        <v>1489</v>
      </c>
      <c r="O146" s="499">
        <v>1</v>
      </c>
      <c r="P146" s="499" t="s">
        <v>932</v>
      </c>
      <c r="Q146" s="499" t="s">
        <v>1490</v>
      </c>
      <c r="R146" s="499" t="s">
        <v>1491</v>
      </c>
      <c r="S146" s="499" t="s">
        <v>1492</v>
      </c>
      <c r="T146" s="499" t="s">
        <v>1493</v>
      </c>
      <c r="U146" s="499" t="s">
        <v>1494</v>
      </c>
      <c r="V146" s="946" t="str">
        <f>_xlfn.XLOOKUP(H146, [5]GIS!D:D, [5]GIS!E:E, "Not mapped")</f>
        <v>Multiple - Scenario 1</v>
      </c>
      <c r="W146" s="499" t="s">
        <v>1932</v>
      </c>
      <c r="X146" s="579" t="s">
        <v>1496</v>
      </c>
      <c r="Y146" s="1258" t="s">
        <v>1497</v>
      </c>
      <c r="Z146" s="1259" t="s">
        <v>1498</v>
      </c>
      <c r="AA146" s="1259" t="s">
        <v>1498</v>
      </c>
      <c r="AB146" s="1259" t="s">
        <v>1498</v>
      </c>
      <c r="AC146" s="1259" t="s">
        <v>1498</v>
      </c>
      <c r="AD146" s="1259" t="s">
        <v>1498</v>
      </c>
      <c r="AE146" s="1259" t="s">
        <v>1498</v>
      </c>
      <c r="AF146" s="1259" t="s">
        <v>1498</v>
      </c>
      <c r="AG146" s="1259" t="s">
        <v>1498</v>
      </c>
      <c r="AH146" s="1259" t="s">
        <v>1498</v>
      </c>
      <c r="AI146" s="1259" t="s">
        <v>1498</v>
      </c>
      <c r="AJ146" s="1259" t="s">
        <v>1498</v>
      </c>
      <c r="AK146" s="1259" t="s">
        <v>1498</v>
      </c>
      <c r="AL146" s="1259" t="s">
        <v>1498</v>
      </c>
      <c r="AM146" s="1259" t="s">
        <v>1498</v>
      </c>
      <c r="AN146" s="1259" t="s">
        <v>1498</v>
      </c>
      <c r="AO146" s="1259" t="s">
        <v>1498</v>
      </c>
      <c r="AP146" s="1259" t="s">
        <v>1498</v>
      </c>
      <c r="AQ146" s="1259" t="s">
        <v>1498</v>
      </c>
      <c r="AR146" s="1259" t="s">
        <v>1498</v>
      </c>
      <c r="AS146" s="1259" t="s">
        <v>1498</v>
      </c>
      <c r="AT146" s="1259" t="s">
        <v>1498</v>
      </c>
      <c r="AU146" s="1259" t="s">
        <v>1498</v>
      </c>
      <c r="AV146" s="1259" t="s">
        <v>1498</v>
      </c>
      <c r="AW146" s="1259" t="s">
        <v>1498</v>
      </c>
      <c r="AX146" s="1259" t="s">
        <v>1498</v>
      </c>
      <c r="AY146" s="1259" t="s">
        <v>1498</v>
      </c>
      <c r="AZ146" s="905" t="s">
        <v>1499</v>
      </c>
      <c r="BA146" s="499" t="s">
        <v>722</v>
      </c>
      <c r="BB146" s="953" t="s">
        <v>53</v>
      </c>
      <c r="BC146" s="980">
        <f>ROUND((VLOOKUP(H146,'[5]Cost Summary'!A:H,8,)),0.1)</f>
        <v>620160</v>
      </c>
      <c r="BD146" s="499">
        <v>0</v>
      </c>
      <c r="BE146" s="499" t="s">
        <v>1500</v>
      </c>
      <c r="BF146" s="954" t="s">
        <v>1584</v>
      </c>
      <c r="BG146" s="1261">
        <v>402902.5</v>
      </c>
      <c r="BH146" s="976" t="e">
        <f t="shared" si="154"/>
        <v>#VALUE!</v>
      </c>
      <c r="BI146" s="972" t="e">
        <f t="shared" si="155"/>
        <v>#VALUE!</v>
      </c>
      <c r="BJ146" s="972" t="e">
        <f t="shared" si="156"/>
        <v>#VALUE!</v>
      </c>
      <c r="BK146" s="972" t="e">
        <f t="shared" si="157"/>
        <v>#VALUE!</v>
      </c>
      <c r="BL146" s="972" t="e">
        <f t="shared" si="158"/>
        <v>#VALUE!</v>
      </c>
      <c r="BM146" s="972" t="e">
        <f t="shared" si="159"/>
        <v>#VALUE!</v>
      </c>
      <c r="BN146" s="972" t="e">
        <f t="shared" si="160"/>
        <v>#VALUE!</v>
      </c>
      <c r="BO146" s="972" t="e">
        <f t="shared" si="161"/>
        <v>#VALUE!</v>
      </c>
      <c r="BP146" s="972" t="e">
        <f t="shared" si="162"/>
        <v>#VALUE!</v>
      </c>
      <c r="BQ146" s="972" t="e">
        <f t="shared" si="163"/>
        <v>#VALUE!</v>
      </c>
      <c r="BR146" s="972" t="e">
        <f t="shared" si="164"/>
        <v>#VALUE!</v>
      </c>
      <c r="BS146" s="972" t="e">
        <f t="shared" si="165"/>
        <v>#VALUE!</v>
      </c>
      <c r="BT146" s="972" t="e">
        <f t="shared" si="166"/>
        <v>#VALUE!</v>
      </c>
      <c r="BU146" s="972" t="e">
        <f t="shared" si="167"/>
        <v>#VALUE!</v>
      </c>
      <c r="BV146" s="972" t="e">
        <f t="shared" si="168"/>
        <v>#VALUE!</v>
      </c>
      <c r="BW146" s="972" t="e">
        <f t="shared" si="169"/>
        <v>#VALUE!</v>
      </c>
      <c r="BX146" s="972" t="e">
        <f t="shared" si="170"/>
        <v>#VALUE!</v>
      </c>
      <c r="BY146" s="972" t="e">
        <f t="shared" si="171"/>
        <v>#VALUE!</v>
      </c>
      <c r="BZ146" s="972" t="e">
        <f t="shared" si="172"/>
        <v>#VALUE!</v>
      </c>
      <c r="CA146" s="972" t="e">
        <f t="shared" si="173"/>
        <v>#VALUE!</v>
      </c>
      <c r="CB146" s="973" t="e">
        <f t="shared" si="152"/>
        <v>#VALUE!</v>
      </c>
    </row>
    <row r="147" spans="3:80" ht="114.75" hidden="1" x14ac:dyDescent="0.25">
      <c r="C147" s="597"/>
      <c r="D147" s="597" t="s">
        <v>66</v>
      </c>
      <c r="E147" s="597"/>
      <c r="F147" s="597"/>
      <c r="G147" s="597"/>
      <c r="H147" s="499" t="s">
        <v>1934</v>
      </c>
      <c r="I147" s="499" t="s">
        <v>1149</v>
      </c>
      <c r="J147" s="499" t="s">
        <v>1150</v>
      </c>
      <c r="K147" s="499">
        <v>51.764461222770997</v>
      </c>
      <c r="L147" s="499">
        <v>-0.457622414491967</v>
      </c>
      <c r="M147" s="499" t="s">
        <v>1488</v>
      </c>
      <c r="N147" s="499" t="s">
        <v>1489</v>
      </c>
      <c r="O147" s="499">
        <v>1</v>
      </c>
      <c r="P147" s="499" t="s">
        <v>932</v>
      </c>
      <c r="Q147" s="499" t="s">
        <v>1490</v>
      </c>
      <c r="R147" s="499" t="s">
        <v>1491</v>
      </c>
      <c r="S147" s="499" t="s">
        <v>1492</v>
      </c>
      <c r="T147" s="499" t="s">
        <v>1493</v>
      </c>
      <c r="U147" s="499" t="s">
        <v>1494</v>
      </c>
      <c r="V147" s="946" t="str">
        <f>_xlfn.XLOOKUP(H147, [5]GIS!D:D, [5]GIS!E:E, "Not mapped")</f>
        <v>Single - Scenario 3</v>
      </c>
      <c r="W147" s="499" t="s">
        <v>1932</v>
      </c>
      <c r="X147" s="579" t="s">
        <v>1496</v>
      </c>
      <c r="Y147" s="1258" t="s">
        <v>1497</v>
      </c>
      <c r="Z147" s="1259" t="s">
        <v>1498</v>
      </c>
      <c r="AA147" s="1259" t="s">
        <v>1498</v>
      </c>
      <c r="AB147" s="1259" t="s">
        <v>1498</v>
      </c>
      <c r="AC147" s="1259" t="s">
        <v>1498</v>
      </c>
      <c r="AD147" s="1259" t="s">
        <v>1498</v>
      </c>
      <c r="AE147" s="1259" t="s">
        <v>1498</v>
      </c>
      <c r="AF147" s="1259" t="s">
        <v>1498</v>
      </c>
      <c r="AG147" s="1259" t="s">
        <v>1498</v>
      </c>
      <c r="AH147" s="1259" t="s">
        <v>1498</v>
      </c>
      <c r="AI147" s="1259" t="s">
        <v>1498</v>
      </c>
      <c r="AJ147" s="1259" t="s">
        <v>1498</v>
      </c>
      <c r="AK147" s="1259" t="s">
        <v>1498</v>
      </c>
      <c r="AL147" s="1259" t="s">
        <v>1498</v>
      </c>
      <c r="AM147" s="1259" t="s">
        <v>1498</v>
      </c>
      <c r="AN147" s="1259" t="s">
        <v>1498</v>
      </c>
      <c r="AO147" s="1259" t="s">
        <v>1498</v>
      </c>
      <c r="AP147" s="1259" t="s">
        <v>1498</v>
      </c>
      <c r="AQ147" s="1259" t="s">
        <v>1498</v>
      </c>
      <c r="AR147" s="1259" t="s">
        <v>1498</v>
      </c>
      <c r="AS147" s="1259" t="s">
        <v>1498</v>
      </c>
      <c r="AT147" s="1259" t="s">
        <v>1498</v>
      </c>
      <c r="AU147" s="1259" t="s">
        <v>1498</v>
      </c>
      <c r="AV147" s="1259" t="s">
        <v>1498</v>
      </c>
      <c r="AW147" s="1259" t="s">
        <v>1498</v>
      </c>
      <c r="AX147" s="1259" t="s">
        <v>1498</v>
      </c>
      <c r="AY147" s="1259" t="s">
        <v>1498</v>
      </c>
      <c r="AZ147" s="905" t="s">
        <v>1499</v>
      </c>
      <c r="BA147" s="499" t="s">
        <v>722</v>
      </c>
      <c r="BB147" s="953" t="s">
        <v>53</v>
      </c>
      <c r="BC147" s="980">
        <f>ROUND((VLOOKUP(H147,'[5]Cost Summary'!A:H,8,)),0.1)</f>
        <v>38569</v>
      </c>
      <c r="BD147" s="499">
        <v>0</v>
      </c>
      <c r="BE147" s="499" t="s">
        <v>1500</v>
      </c>
      <c r="BF147" s="954" t="s">
        <v>1584</v>
      </c>
      <c r="BG147" s="1261">
        <v>25057.58</v>
      </c>
      <c r="BH147" s="976" t="e">
        <f t="shared" si="154"/>
        <v>#VALUE!</v>
      </c>
      <c r="BI147" s="972" t="e">
        <f t="shared" si="155"/>
        <v>#VALUE!</v>
      </c>
      <c r="BJ147" s="972" t="e">
        <f t="shared" si="156"/>
        <v>#VALUE!</v>
      </c>
      <c r="BK147" s="972" t="e">
        <f t="shared" si="157"/>
        <v>#VALUE!</v>
      </c>
      <c r="BL147" s="972" t="e">
        <f t="shared" si="158"/>
        <v>#VALUE!</v>
      </c>
      <c r="BM147" s="972" t="e">
        <f t="shared" si="159"/>
        <v>#VALUE!</v>
      </c>
      <c r="BN147" s="972" t="e">
        <f t="shared" si="160"/>
        <v>#VALUE!</v>
      </c>
      <c r="BO147" s="972" t="e">
        <f t="shared" si="161"/>
        <v>#VALUE!</v>
      </c>
      <c r="BP147" s="972" t="e">
        <f t="shared" si="162"/>
        <v>#VALUE!</v>
      </c>
      <c r="BQ147" s="972" t="e">
        <f t="shared" si="163"/>
        <v>#VALUE!</v>
      </c>
      <c r="BR147" s="972" t="e">
        <f t="shared" si="164"/>
        <v>#VALUE!</v>
      </c>
      <c r="BS147" s="972" t="e">
        <f t="shared" si="165"/>
        <v>#VALUE!</v>
      </c>
      <c r="BT147" s="972" t="e">
        <f t="shared" si="166"/>
        <v>#VALUE!</v>
      </c>
      <c r="BU147" s="972" t="e">
        <f t="shared" si="167"/>
        <v>#VALUE!</v>
      </c>
      <c r="BV147" s="972" t="e">
        <f t="shared" si="168"/>
        <v>#VALUE!</v>
      </c>
      <c r="BW147" s="972" t="e">
        <f t="shared" si="169"/>
        <v>#VALUE!</v>
      </c>
      <c r="BX147" s="972" t="e">
        <f t="shared" si="170"/>
        <v>#VALUE!</v>
      </c>
      <c r="BY147" s="972" t="e">
        <f t="shared" si="171"/>
        <v>#VALUE!</v>
      </c>
      <c r="BZ147" s="972" t="e">
        <f t="shared" si="172"/>
        <v>#VALUE!</v>
      </c>
      <c r="CA147" s="972" t="e">
        <f t="shared" si="173"/>
        <v>#VALUE!</v>
      </c>
      <c r="CB147" s="973" t="e">
        <f t="shared" si="152"/>
        <v>#VALUE!</v>
      </c>
    </row>
    <row r="148" spans="3:80" ht="43.5" hidden="1" x14ac:dyDescent="0.25">
      <c r="C148" s="597"/>
      <c r="D148" s="597"/>
      <c r="E148" s="597"/>
      <c r="F148" s="597"/>
      <c r="G148" s="597"/>
      <c r="H148" s="499" t="s">
        <v>1936</v>
      </c>
      <c r="I148" s="499" t="s">
        <v>1151</v>
      </c>
      <c r="J148" s="499" t="s">
        <v>1152</v>
      </c>
      <c r="K148" s="499" t="s">
        <v>253</v>
      </c>
      <c r="L148" s="499" t="s">
        <v>253</v>
      </c>
      <c r="M148" s="499" t="s">
        <v>1488</v>
      </c>
      <c r="N148" s="499" t="s">
        <v>1489</v>
      </c>
      <c r="O148" s="499">
        <v>1</v>
      </c>
      <c r="P148" s="499" t="s">
        <v>932</v>
      </c>
      <c r="Q148" s="499" t="s">
        <v>1490</v>
      </c>
      <c r="R148" s="499" t="s">
        <v>1491</v>
      </c>
      <c r="S148" s="499" t="s">
        <v>1492</v>
      </c>
      <c r="T148" s="499" t="s">
        <v>1493</v>
      </c>
      <c r="U148" s="499" t="s">
        <v>1494</v>
      </c>
      <c r="V148" s="946" t="str">
        <f>_xlfn.XLOOKUP(H148, [5]GIS!D:D, [5]GIS!E:E, "Not mapped")</f>
        <v>Single - Scenario 3</v>
      </c>
      <c r="W148" s="499" t="s">
        <v>1932</v>
      </c>
      <c r="X148" s="579" t="s">
        <v>1496</v>
      </c>
      <c r="Y148" s="1258" t="s">
        <v>1497</v>
      </c>
      <c r="Z148" s="1259" t="s">
        <v>1498</v>
      </c>
      <c r="AA148" s="1259" t="s">
        <v>1498</v>
      </c>
      <c r="AB148" s="1259" t="s">
        <v>1498</v>
      </c>
      <c r="AC148" s="1259" t="s">
        <v>1498</v>
      </c>
      <c r="AD148" s="1259" t="s">
        <v>1498</v>
      </c>
      <c r="AE148" s="1259" t="s">
        <v>1498</v>
      </c>
      <c r="AF148" s="1259" t="s">
        <v>1498</v>
      </c>
      <c r="AG148" s="1259" t="s">
        <v>1498</v>
      </c>
      <c r="AH148" s="1259" t="s">
        <v>1498</v>
      </c>
      <c r="AI148" s="1259" t="s">
        <v>1498</v>
      </c>
      <c r="AJ148" s="1259" t="s">
        <v>1498</v>
      </c>
      <c r="AK148" s="1259" t="s">
        <v>1498</v>
      </c>
      <c r="AL148" s="1259" t="s">
        <v>1498</v>
      </c>
      <c r="AM148" s="1259" t="s">
        <v>1498</v>
      </c>
      <c r="AN148" s="1259" t="s">
        <v>1498</v>
      </c>
      <c r="AO148" s="1259" t="s">
        <v>1498</v>
      </c>
      <c r="AP148" s="1259" t="s">
        <v>1498</v>
      </c>
      <c r="AQ148" s="1259" t="s">
        <v>1498</v>
      </c>
      <c r="AR148" s="1259" t="s">
        <v>1498</v>
      </c>
      <c r="AS148" s="1259" t="s">
        <v>1498</v>
      </c>
      <c r="AT148" s="1259" t="s">
        <v>1498</v>
      </c>
      <c r="AU148" s="1259" t="s">
        <v>1498</v>
      </c>
      <c r="AV148" s="1259" t="s">
        <v>1498</v>
      </c>
      <c r="AW148" s="1259" t="s">
        <v>1498</v>
      </c>
      <c r="AX148" s="1259" t="s">
        <v>1498</v>
      </c>
      <c r="AY148" s="1259" t="s">
        <v>1498</v>
      </c>
      <c r="AZ148" s="905" t="s">
        <v>1499</v>
      </c>
      <c r="BA148" s="499" t="s">
        <v>722</v>
      </c>
      <c r="BB148" s="953" t="s">
        <v>53</v>
      </c>
      <c r="BC148" s="980">
        <f>ROUND((VLOOKUP(H148,'[5]Cost Summary'!A:H,8,)),0.1)</f>
        <v>13922</v>
      </c>
      <c r="BD148" s="499">
        <v>0</v>
      </c>
      <c r="BE148" s="499" t="s">
        <v>1500</v>
      </c>
      <c r="BF148" s="954" t="s">
        <v>1584</v>
      </c>
      <c r="BG148" s="1261">
        <v>9044.75</v>
      </c>
      <c r="BH148" s="976" t="e">
        <f t="shared" si="154"/>
        <v>#VALUE!</v>
      </c>
      <c r="BI148" s="972" t="e">
        <f t="shared" si="155"/>
        <v>#VALUE!</v>
      </c>
      <c r="BJ148" s="972" t="e">
        <f t="shared" si="156"/>
        <v>#VALUE!</v>
      </c>
      <c r="BK148" s="972" t="e">
        <f t="shared" si="157"/>
        <v>#VALUE!</v>
      </c>
      <c r="BL148" s="972" t="e">
        <f t="shared" si="158"/>
        <v>#VALUE!</v>
      </c>
      <c r="BM148" s="972" t="e">
        <f t="shared" si="159"/>
        <v>#VALUE!</v>
      </c>
      <c r="BN148" s="972" t="e">
        <f t="shared" si="160"/>
        <v>#VALUE!</v>
      </c>
      <c r="BO148" s="972" t="e">
        <f t="shared" si="161"/>
        <v>#VALUE!</v>
      </c>
      <c r="BP148" s="972" t="e">
        <f t="shared" si="162"/>
        <v>#VALUE!</v>
      </c>
      <c r="BQ148" s="972" t="e">
        <f t="shared" si="163"/>
        <v>#VALUE!</v>
      </c>
      <c r="BR148" s="972" t="e">
        <f t="shared" si="164"/>
        <v>#VALUE!</v>
      </c>
      <c r="BS148" s="972" t="e">
        <f t="shared" si="165"/>
        <v>#VALUE!</v>
      </c>
      <c r="BT148" s="972" t="e">
        <f t="shared" si="166"/>
        <v>#VALUE!</v>
      </c>
      <c r="BU148" s="972" t="e">
        <f t="shared" si="167"/>
        <v>#VALUE!</v>
      </c>
      <c r="BV148" s="972" t="e">
        <f t="shared" si="168"/>
        <v>#VALUE!</v>
      </c>
      <c r="BW148" s="972" t="e">
        <f t="shared" si="169"/>
        <v>#VALUE!</v>
      </c>
      <c r="BX148" s="972" t="e">
        <f t="shared" si="170"/>
        <v>#VALUE!</v>
      </c>
      <c r="BY148" s="972" t="e">
        <f t="shared" si="171"/>
        <v>#VALUE!</v>
      </c>
      <c r="BZ148" s="972" t="e">
        <f t="shared" si="172"/>
        <v>#VALUE!</v>
      </c>
      <c r="CA148" s="972" t="e">
        <f t="shared" si="173"/>
        <v>#VALUE!</v>
      </c>
      <c r="CB148" s="973" t="e">
        <f t="shared" si="152"/>
        <v>#VALUE!</v>
      </c>
    </row>
    <row r="149" spans="3:80" ht="129" hidden="1" x14ac:dyDescent="0.25">
      <c r="C149" s="597"/>
      <c r="D149" s="597"/>
      <c r="E149" s="597"/>
      <c r="F149" s="597"/>
      <c r="G149" s="597"/>
      <c r="H149" s="499" t="s">
        <v>1937</v>
      </c>
      <c r="I149" s="499" t="s">
        <v>1153</v>
      </c>
      <c r="J149" s="499" t="s">
        <v>1938</v>
      </c>
      <c r="K149" s="499" t="s">
        <v>1939</v>
      </c>
      <c r="L149" s="499" t="s">
        <v>1940</v>
      </c>
      <c r="M149" s="499" t="s">
        <v>1488</v>
      </c>
      <c r="N149" s="499" t="s">
        <v>1489</v>
      </c>
      <c r="O149" s="499">
        <v>1</v>
      </c>
      <c r="P149" s="499" t="s">
        <v>932</v>
      </c>
      <c r="Q149" s="499" t="s">
        <v>1490</v>
      </c>
      <c r="R149" s="499" t="s">
        <v>1491</v>
      </c>
      <c r="S149" s="499" t="s">
        <v>1492</v>
      </c>
      <c r="T149" s="499" t="s">
        <v>1493</v>
      </c>
      <c r="U149" s="499" t="s">
        <v>1941</v>
      </c>
      <c r="V149" s="946" t="str">
        <f>_xlfn.XLOOKUP(H149, [5]GIS!D:D, [5]GIS!E:E, "Not mapped")</f>
        <v>Multiple - Scenario 1</v>
      </c>
      <c r="W149" s="499" t="s">
        <v>1723</v>
      </c>
      <c r="X149" s="579" t="s">
        <v>1496</v>
      </c>
      <c r="Y149" s="1258" t="s">
        <v>1497</v>
      </c>
      <c r="Z149" s="1259" t="s">
        <v>1498</v>
      </c>
      <c r="AA149" s="1259" t="s">
        <v>1498</v>
      </c>
      <c r="AB149" s="1259" t="s">
        <v>1498</v>
      </c>
      <c r="AC149" s="1259" t="s">
        <v>1498</v>
      </c>
      <c r="AD149" s="1259" t="s">
        <v>1498</v>
      </c>
      <c r="AE149" s="1259" t="s">
        <v>1498</v>
      </c>
      <c r="AF149" s="1259" t="s">
        <v>1498</v>
      </c>
      <c r="AG149" s="1259" t="s">
        <v>1498</v>
      </c>
      <c r="AH149" s="1259" t="s">
        <v>1498</v>
      </c>
      <c r="AI149" s="1259" t="s">
        <v>1498</v>
      </c>
      <c r="AJ149" s="1259" t="s">
        <v>1498</v>
      </c>
      <c r="AK149" s="1259" t="s">
        <v>1498</v>
      </c>
      <c r="AL149" s="1259" t="s">
        <v>1498</v>
      </c>
      <c r="AM149" s="1259" t="s">
        <v>1498</v>
      </c>
      <c r="AN149" s="1259" t="s">
        <v>1498</v>
      </c>
      <c r="AO149" s="1259" t="s">
        <v>1498</v>
      </c>
      <c r="AP149" s="1259" t="s">
        <v>1498</v>
      </c>
      <c r="AQ149" s="1259" t="s">
        <v>1498</v>
      </c>
      <c r="AR149" s="1259" t="s">
        <v>1498</v>
      </c>
      <c r="AS149" s="1259" t="s">
        <v>1498</v>
      </c>
      <c r="AT149" s="1259" t="s">
        <v>1498</v>
      </c>
      <c r="AU149" s="1259" t="s">
        <v>1498</v>
      </c>
      <c r="AV149" s="1259" t="s">
        <v>1498</v>
      </c>
      <c r="AW149" s="1259" t="s">
        <v>1498</v>
      </c>
      <c r="AX149" s="1259" t="s">
        <v>1498</v>
      </c>
      <c r="AY149" s="1259" t="s">
        <v>1498</v>
      </c>
      <c r="AZ149" s="905" t="s">
        <v>1942</v>
      </c>
      <c r="BA149" s="499" t="s">
        <v>722</v>
      </c>
      <c r="BB149" s="953" t="s">
        <v>53</v>
      </c>
      <c r="BC149" s="980">
        <f>ROUND((VLOOKUP(H149,'[5]Cost Summary'!A:H,8,)),0.1)</f>
        <v>24458</v>
      </c>
      <c r="BD149" s="499">
        <v>1</v>
      </c>
      <c r="BE149" s="499">
        <v>4</v>
      </c>
      <c r="BF149" s="954" t="s">
        <v>1584</v>
      </c>
      <c r="BG149" s="1261">
        <v>15889.46</v>
      </c>
      <c r="BH149" s="976" t="e">
        <f t="shared" si="154"/>
        <v>#VALUE!</v>
      </c>
      <c r="BI149" s="972" t="e">
        <f t="shared" si="155"/>
        <v>#VALUE!</v>
      </c>
      <c r="BJ149" s="972" t="e">
        <f t="shared" si="156"/>
        <v>#VALUE!</v>
      </c>
      <c r="BK149" s="972" t="e">
        <f t="shared" si="157"/>
        <v>#VALUE!</v>
      </c>
      <c r="BL149" s="972" t="e">
        <f t="shared" si="158"/>
        <v>#VALUE!</v>
      </c>
      <c r="BM149" s="972" t="e">
        <f t="shared" si="159"/>
        <v>#VALUE!</v>
      </c>
      <c r="BN149" s="972" t="e">
        <f t="shared" si="160"/>
        <v>#VALUE!</v>
      </c>
      <c r="BO149" s="972" t="e">
        <f t="shared" si="161"/>
        <v>#VALUE!</v>
      </c>
      <c r="BP149" s="972" t="e">
        <f t="shared" si="162"/>
        <v>#VALUE!</v>
      </c>
      <c r="BQ149" s="972" t="e">
        <f t="shared" si="163"/>
        <v>#VALUE!</v>
      </c>
      <c r="BR149" s="972" t="e">
        <f t="shared" si="164"/>
        <v>#VALUE!</v>
      </c>
      <c r="BS149" s="972" t="e">
        <f t="shared" si="165"/>
        <v>#VALUE!</v>
      </c>
      <c r="BT149" s="972" t="e">
        <f t="shared" si="166"/>
        <v>#VALUE!</v>
      </c>
      <c r="BU149" s="972" t="e">
        <f t="shared" si="167"/>
        <v>#VALUE!</v>
      </c>
      <c r="BV149" s="972" t="e">
        <f t="shared" si="168"/>
        <v>#VALUE!</v>
      </c>
      <c r="BW149" s="972" t="e">
        <f t="shared" si="169"/>
        <v>#VALUE!</v>
      </c>
      <c r="BX149" s="972" t="e">
        <f t="shared" si="170"/>
        <v>#VALUE!</v>
      </c>
      <c r="BY149" s="972" t="e">
        <f t="shared" si="171"/>
        <v>#VALUE!</v>
      </c>
      <c r="BZ149" s="972" t="e">
        <f t="shared" si="172"/>
        <v>#VALUE!</v>
      </c>
      <c r="CA149" s="972" t="e">
        <f t="shared" si="173"/>
        <v>#VALUE!</v>
      </c>
      <c r="CB149" s="973" t="e">
        <f t="shared" si="152"/>
        <v>#VALUE!</v>
      </c>
    </row>
    <row r="150" spans="3:80" ht="57.75" hidden="1" x14ac:dyDescent="0.25">
      <c r="C150" s="597"/>
      <c r="D150" s="597"/>
      <c r="E150" s="597"/>
      <c r="F150" s="597"/>
      <c r="G150" s="597"/>
      <c r="H150" s="499" t="s">
        <v>1943</v>
      </c>
      <c r="I150" s="499" t="s">
        <v>1155</v>
      </c>
      <c r="J150" s="499" t="s">
        <v>1156</v>
      </c>
      <c r="K150" s="499">
        <v>51.763047299999997</v>
      </c>
      <c r="L150" s="499">
        <v>-0.46551631500000001</v>
      </c>
      <c r="M150" s="499" t="s">
        <v>1488</v>
      </c>
      <c r="N150" s="499" t="s">
        <v>1489</v>
      </c>
      <c r="O150" s="499">
        <v>1</v>
      </c>
      <c r="P150" s="499" t="s">
        <v>932</v>
      </c>
      <c r="Q150" s="499" t="s">
        <v>1490</v>
      </c>
      <c r="R150" s="499" t="s">
        <v>1491</v>
      </c>
      <c r="S150" s="499" t="s">
        <v>1492</v>
      </c>
      <c r="T150" s="499" t="s">
        <v>1493</v>
      </c>
      <c r="U150" s="499" t="s">
        <v>1941</v>
      </c>
      <c r="V150" s="946" t="str">
        <f>_xlfn.XLOOKUP(H150, [5]GIS!D:D, [5]GIS!E:E, "Not mapped")</f>
        <v>Single - Scenario 3</v>
      </c>
      <c r="W150" s="499" t="s">
        <v>1723</v>
      </c>
      <c r="X150" s="579" t="s">
        <v>1496</v>
      </c>
      <c r="Y150" s="1258" t="s">
        <v>1497</v>
      </c>
      <c r="Z150" s="1259" t="s">
        <v>1498</v>
      </c>
      <c r="AA150" s="1259" t="s">
        <v>1498</v>
      </c>
      <c r="AB150" s="1259" t="s">
        <v>1498</v>
      </c>
      <c r="AC150" s="1259" t="s">
        <v>1498</v>
      </c>
      <c r="AD150" s="1259" t="s">
        <v>1498</v>
      </c>
      <c r="AE150" s="1259" t="s">
        <v>1498</v>
      </c>
      <c r="AF150" s="1259" t="s">
        <v>1498</v>
      </c>
      <c r="AG150" s="1259" t="s">
        <v>1498</v>
      </c>
      <c r="AH150" s="1259" t="s">
        <v>1498</v>
      </c>
      <c r="AI150" s="1259" t="s">
        <v>1498</v>
      </c>
      <c r="AJ150" s="1259" t="s">
        <v>1498</v>
      </c>
      <c r="AK150" s="1259" t="s">
        <v>1498</v>
      </c>
      <c r="AL150" s="1259" t="s">
        <v>1498</v>
      </c>
      <c r="AM150" s="1259" t="s">
        <v>1498</v>
      </c>
      <c r="AN150" s="1259" t="s">
        <v>1498</v>
      </c>
      <c r="AO150" s="1259" t="s">
        <v>1498</v>
      </c>
      <c r="AP150" s="1259" t="s">
        <v>1498</v>
      </c>
      <c r="AQ150" s="1259" t="s">
        <v>1498</v>
      </c>
      <c r="AR150" s="1259" t="s">
        <v>1498</v>
      </c>
      <c r="AS150" s="1259" t="s">
        <v>1498</v>
      </c>
      <c r="AT150" s="1259" t="s">
        <v>1498</v>
      </c>
      <c r="AU150" s="1259" t="s">
        <v>1498</v>
      </c>
      <c r="AV150" s="1259" t="s">
        <v>1498</v>
      </c>
      <c r="AW150" s="1259" t="s">
        <v>1498</v>
      </c>
      <c r="AX150" s="1259" t="s">
        <v>1498</v>
      </c>
      <c r="AY150" s="1259" t="s">
        <v>1498</v>
      </c>
      <c r="AZ150" s="905" t="s">
        <v>1942</v>
      </c>
      <c r="BA150" s="499" t="s">
        <v>722</v>
      </c>
      <c r="BB150" s="953" t="s">
        <v>53</v>
      </c>
      <c r="BC150" s="980">
        <f>ROUND((VLOOKUP(H150,'[5]Cost Summary'!A:H,8,)),0.1)</f>
        <v>7900</v>
      </c>
      <c r="BD150" s="499">
        <v>0</v>
      </c>
      <c r="BE150" s="499" t="s">
        <v>1500</v>
      </c>
      <c r="BF150" s="954" t="s">
        <v>1584</v>
      </c>
      <c r="BG150" s="1261">
        <v>5132.62</v>
      </c>
      <c r="BH150" s="976" t="e">
        <f t="shared" si="154"/>
        <v>#VALUE!</v>
      </c>
      <c r="BI150" s="972" t="e">
        <f t="shared" si="155"/>
        <v>#VALUE!</v>
      </c>
      <c r="BJ150" s="972" t="e">
        <f t="shared" si="156"/>
        <v>#VALUE!</v>
      </c>
      <c r="BK150" s="972" t="e">
        <f t="shared" si="157"/>
        <v>#VALUE!</v>
      </c>
      <c r="BL150" s="972" t="e">
        <f t="shared" si="158"/>
        <v>#VALUE!</v>
      </c>
      <c r="BM150" s="972" t="e">
        <f t="shared" si="159"/>
        <v>#VALUE!</v>
      </c>
      <c r="BN150" s="972" t="e">
        <f t="shared" si="160"/>
        <v>#VALUE!</v>
      </c>
      <c r="BO150" s="972" t="e">
        <f t="shared" si="161"/>
        <v>#VALUE!</v>
      </c>
      <c r="BP150" s="972" t="e">
        <f t="shared" si="162"/>
        <v>#VALUE!</v>
      </c>
      <c r="BQ150" s="972" t="e">
        <f t="shared" si="163"/>
        <v>#VALUE!</v>
      </c>
      <c r="BR150" s="972" t="e">
        <f t="shared" si="164"/>
        <v>#VALUE!</v>
      </c>
      <c r="BS150" s="972" t="e">
        <f t="shared" si="165"/>
        <v>#VALUE!</v>
      </c>
      <c r="BT150" s="972" t="e">
        <f t="shared" si="166"/>
        <v>#VALUE!</v>
      </c>
      <c r="BU150" s="972" t="e">
        <f t="shared" si="167"/>
        <v>#VALUE!</v>
      </c>
      <c r="BV150" s="972" t="e">
        <f t="shared" si="168"/>
        <v>#VALUE!</v>
      </c>
      <c r="BW150" s="972" t="e">
        <f t="shared" si="169"/>
        <v>#VALUE!</v>
      </c>
      <c r="BX150" s="972" t="e">
        <f t="shared" si="170"/>
        <v>#VALUE!</v>
      </c>
      <c r="BY150" s="972" t="e">
        <f t="shared" si="171"/>
        <v>#VALUE!</v>
      </c>
      <c r="BZ150" s="972" t="e">
        <f t="shared" si="172"/>
        <v>#VALUE!</v>
      </c>
      <c r="CA150" s="972" t="e">
        <f t="shared" si="173"/>
        <v>#VALUE!</v>
      </c>
      <c r="CB150" s="973" t="e">
        <f t="shared" si="152"/>
        <v>#VALUE!</v>
      </c>
    </row>
    <row r="151" spans="3:80" ht="57.75" hidden="1" x14ac:dyDescent="0.25">
      <c r="C151" s="597"/>
      <c r="D151" s="597"/>
      <c r="E151" s="597"/>
      <c r="F151" s="597"/>
      <c r="G151" s="597"/>
      <c r="H151" s="499" t="s">
        <v>1944</v>
      </c>
      <c r="I151" s="499" t="s">
        <v>1157</v>
      </c>
      <c r="J151" s="499" t="s">
        <v>1158</v>
      </c>
      <c r="K151" s="499">
        <v>51.761276479999999</v>
      </c>
      <c r="L151" s="499">
        <v>-0.466849827</v>
      </c>
      <c r="M151" s="499" t="s">
        <v>1488</v>
      </c>
      <c r="N151" s="499" t="s">
        <v>1489</v>
      </c>
      <c r="O151" s="499">
        <v>1</v>
      </c>
      <c r="P151" s="499" t="s">
        <v>932</v>
      </c>
      <c r="Q151" s="499" t="s">
        <v>1490</v>
      </c>
      <c r="R151" s="499" t="s">
        <v>1491</v>
      </c>
      <c r="S151" s="499" t="s">
        <v>1492</v>
      </c>
      <c r="T151" s="499" t="s">
        <v>1493</v>
      </c>
      <c r="U151" s="499" t="s">
        <v>1941</v>
      </c>
      <c r="V151" s="946" t="str">
        <f>_xlfn.XLOOKUP(H151, [5]GIS!D:D, [5]GIS!E:E, "Not mapped")</f>
        <v>Single - Scenario 3</v>
      </c>
      <c r="W151" s="499" t="s">
        <v>1723</v>
      </c>
      <c r="X151" s="579" t="s">
        <v>1496</v>
      </c>
      <c r="Y151" s="1258" t="s">
        <v>1497</v>
      </c>
      <c r="Z151" s="1259" t="s">
        <v>1498</v>
      </c>
      <c r="AA151" s="1259" t="s">
        <v>1498</v>
      </c>
      <c r="AB151" s="1259" t="s">
        <v>1498</v>
      </c>
      <c r="AC151" s="1259" t="s">
        <v>1498</v>
      </c>
      <c r="AD151" s="1259" t="s">
        <v>1498</v>
      </c>
      <c r="AE151" s="1259" t="s">
        <v>1498</v>
      </c>
      <c r="AF151" s="1259" t="s">
        <v>1498</v>
      </c>
      <c r="AG151" s="1259" t="s">
        <v>1498</v>
      </c>
      <c r="AH151" s="1259" t="s">
        <v>1498</v>
      </c>
      <c r="AI151" s="1259" t="s">
        <v>1498</v>
      </c>
      <c r="AJ151" s="1259" t="s">
        <v>1498</v>
      </c>
      <c r="AK151" s="1259" t="s">
        <v>1498</v>
      </c>
      <c r="AL151" s="1259" t="s">
        <v>1498</v>
      </c>
      <c r="AM151" s="1259" t="s">
        <v>1498</v>
      </c>
      <c r="AN151" s="1259" t="s">
        <v>1498</v>
      </c>
      <c r="AO151" s="1259" t="s">
        <v>1498</v>
      </c>
      <c r="AP151" s="1259" t="s">
        <v>1498</v>
      </c>
      <c r="AQ151" s="1259" t="s">
        <v>1498</v>
      </c>
      <c r="AR151" s="1259" t="s">
        <v>1498</v>
      </c>
      <c r="AS151" s="1259" t="s">
        <v>1498</v>
      </c>
      <c r="AT151" s="1259" t="s">
        <v>1498</v>
      </c>
      <c r="AU151" s="1259" t="s">
        <v>1498</v>
      </c>
      <c r="AV151" s="1259" t="s">
        <v>1498</v>
      </c>
      <c r="AW151" s="1259" t="s">
        <v>1498</v>
      </c>
      <c r="AX151" s="1259" t="s">
        <v>1498</v>
      </c>
      <c r="AY151" s="1259" t="s">
        <v>1498</v>
      </c>
      <c r="AZ151" s="905" t="s">
        <v>1942</v>
      </c>
      <c r="BA151" s="499" t="s">
        <v>722</v>
      </c>
      <c r="BB151" s="953" t="s">
        <v>53</v>
      </c>
      <c r="BC151" s="980">
        <f>ROUND((VLOOKUP(H151,'[5]Cost Summary'!A:H,8,)),0.1)</f>
        <v>11391</v>
      </c>
      <c r="BD151" s="499">
        <v>0</v>
      </c>
      <c r="BE151" s="499" t="s">
        <v>1500</v>
      </c>
      <c r="BF151" s="954" t="s">
        <v>1584</v>
      </c>
      <c r="BG151" s="1261">
        <v>7400.25</v>
      </c>
      <c r="BH151" s="976" t="e">
        <f t="shared" si="154"/>
        <v>#VALUE!</v>
      </c>
      <c r="BI151" s="972" t="e">
        <f t="shared" si="155"/>
        <v>#VALUE!</v>
      </c>
      <c r="BJ151" s="972" t="e">
        <f t="shared" si="156"/>
        <v>#VALUE!</v>
      </c>
      <c r="BK151" s="972" t="e">
        <f t="shared" si="157"/>
        <v>#VALUE!</v>
      </c>
      <c r="BL151" s="972" t="e">
        <f t="shared" si="158"/>
        <v>#VALUE!</v>
      </c>
      <c r="BM151" s="972" t="e">
        <f t="shared" si="159"/>
        <v>#VALUE!</v>
      </c>
      <c r="BN151" s="972" t="e">
        <f t="shared" si="160"/>
        <v>#VALUE!</v>
      </c>
      <c r="BO151" s="972" t="e">
        <f t="shared" si="161"/>
        <v>#VALUE!</v>
      </c>
      <c r="BP151" s="972" t="e">
        <f t="shared" si="162"/>
        <v>#VALUE!</v>
      </c>
      <c r="BQ151" s="972" t="e">
        <f t="shared" si="163"/>
        <v>#VALUE!</v>
      </c>
      <c r="BR151" s="972" t="e">
        <f t="shared" si="164"/>
        <v>#VALUE!</v>
      </c>
      <c r="BS151" s="972" t="e">
        <f t="shared" si="165"/>
        <v>#VALUE!</v>
      </c>
      <c r="BT151" s="972" t="e">
        <f t="shared" si="166"/>
        <v>#VALUE!</v>
      </c>
      <c r="BU151" s="972" t="e">
        <f t="shared" si="167"/>
        <v>#VALUE!</v>
      </c>
      <c r="BV151" s="972" t="e">
        <f t="shared" si="168"/>
        <v>#VALUE!</v>
      </c>
      <c r="BW151" s="972" t="e">
        <f t="shared" si="169"/>
        <v>#VALUE!</v>
      </c>
      <c r="BX151" s="972" t="e">
        <f t="shared" si="170"/>
        <v>#VALUE!</v>
      </c>
      <c r="BY151" s="972" t="e">
        <f t="shared" si="171"/>
        <v>#VALUE!</v>
      </c>
      <c r="BZ151" s="972" t="e">
        <f t="shared" si="172"/>
        <v>#VALUE!</v>
      </c>
      <c r="CA151" s="972" t="e">
        <f t="shared" si="173"/>
        <v>#VALUE!</v>
      </c>
      <c r="CB151" s="973" t="e">
        <f t="shared" si="152"/>
        <v>#VALUE!</v>
      </c>
    </row>
    <row r="152" spans="3:80" ht="45" hidden="1" x14ac:dyDescent="0.25">
      <c r="C152" s="597"/>
      <c r="D152" s="597" t="s">
        <v>66</v>
      </c>
      <c r="E152" s="597"/>
      <c r="F152" s="597" t="s">
        <v>66</v>
      </c>
      <c r="G152" s="597"/>
      <c r="H152" s="1281" t="s">
        <v>1945</v>
      </c>
      <c r="I152" s="1281" t="s">
        <v>1159</v>
      </c>
      <c r="J152" s="1281" t="s">
        <v>1160</v>
      </c>
      <c r="K152" s="1281">
        <v>51.759894490000001</v>
      </c>
      <c r="L152" s="1281">
        <v>-0.46675313600000001</v>
      </c>
      <c r="M152" s="1281" t="s">
        <v>1488</v>
      </c>
      <c r="N152" s="1281" t="s">
        <v>1489</v>
      </c>
      <c r="O152" s="1281"/>
      <c r="P152" s="1281" t="s">
        <v>870</v>
      </c>
      <c r="Q152" s="1281" t="s">
        <v>1490</v>
      </c>
      <c r="R152" s="1281" t="s">
        <v>1491</v>
      </c>
      <c r="S152" s="1281" t="s">
        <v>1492</v>
      </c>
      <c r="T152" s="1281" t="s">
        <v>1493</v>
      </c>
      <c r="U152" s="1281" t="s">
        <v>1941</v>
      </c>
      <c r="V152" s="958" t="str">
        <f>_xlfn.XLOOKUP(H152, [5]GIS!D:D, [5]GIS!E:E, "Not mapped")</f>
        <v>Not mapped</v>
      </c>
      <c r="W152" s="1281" t="s">
        <v>1723</v>
      </c>
      <c r="X152" s="1282"/>
      <c r="Y152" s="1283" t="s">
        <v>1719</v>
      </c>
      <c r="Z152" s="1281"/>
      <c r="AA152" s="1281"/>
      <c r="AB152" s="1281"/>
      <c r="AC152" s="1281"/>
      <c r="AD152" s="1281"/>
      <c r="AE152" s="1281"/>
      <c r="AF152" s="1281"/>
      <c r="AG152" s="1281"/>
      <c r="AH152" s="1282"/>
      <c r="AI152" s="1291"/>
      <c r="AJ152" s="1284"/>
      <c r="AK152" s="1284"/>
      <c r="AL152" s="1284"/>
      <c r="AM152" s="1284"/>
      <c r="AN152" s="1284"/>
      <c r="AO152" s="1284"/>
      <c r="AP152" s="1284"/>
      <c r="AQ152" s="1284"/>
      <c r="AR152" s="1284"/>
      <c r="AS152" s="1284"/>
      <c r="AT152" s="1284"/>
      <c r="AU152" s="1284"/>
      <c r="AV152" s="1284"/>
      <c r="AW152" s="1284"/>
      <c r="AX152" s="1296"/>
      <c r="AY152" s="1296"/>
      <c r="AZ152" s="1286" t="s">
        <v>1942</v>
      </c>
      <c r="BA152" s="1281" t="s">
        <v>722</v>
      </c>
      <c r="BB152" s="1282" t="s">
        <v>53</v>
      </c>
      <c r="BC152" s="1287">
        <v>3668.67</v>
      </c>
      <c r="BD152" s="1263">
        <v>1</v>
      </c>
      <c r="BE152" s="1263">
        <v>4</v>
      </c>
      <c r="BF152" s="1288" t="s">
        <v>1721</v>
      </c>
      <c r="BG152" s="978">
        <v>3668.67</v>
      </c>
      <c r="BH152" s="976" t="e">
        <f t="shared" si="154"/>
        <v>#DIV/0!</v>
      </c>
      <c r="BI152" s="972" t="e">
        <f t="shared" si="155"/>
        <v>#DIV/0!</v>
      </c>
      <c r="BJ152" s="972" t="e">
        <f t="shared" si="156"/>
        <v>#DIV/0!</v>
      </c>
      <c r="BK152" s="972" t="e">
        <f t="shared" si="157"/>
        <v>#DIV/0!</v>
      </c>
      <c r="BL152" s="972" t="e">
        <f t="shared" si="158"/>
        <v>#DIV/0!</v>
      </c>
      <c r="BM152" s="972" t="e">
        <f t="shared" si="159"/>
        <v>#DIV/0!</v>
      </c>
      <c r="BN152" s="972" t="e">
        <f t="shared" si="160"/>
        <v>#DIV/0!</v>
      </c>
      <c r="BO152" s="972" t="e">
        <f t="shared" si="161"/>
        <v>#DIV/0!</v>
      </c>
      <c r="BP152" s="972" t="e">
        <f t="shared" si="162"/>
        <v>#DIV/0!</v>
      </c>
      <c r="BQ152" s="972" t="e">
        <f t="shared" si="163"/>
        <v>#DIV/0!</v>
      </c>
      <c r="BR152" s="972" t="e">
        <f t="shared" si="164"/>
        <v>#DIV/0!</v>
      </c>
      <c r="BS152" s="972" t="e">
        <f t="shared" si="165"/>
        <v>#DIV/0!</v>
      </c>
      <c r="BT152" s="972" t="e">
        <f t="shared" si="166"/>
        <v>#DIV/0!</v>
      </c>
      <c r="BU152" s="972" t="e">
        <f t="shared" si="167"/>
        <v>#DIV/0!</v>
      </c>
      <c r="BV152" s="972" t="e">
        <f t="shared" si="168"/>
        <v>#DIV/0!</v>
      </c>
      <c r="BW152" s="972" t="e">
        <f t="shared" si="169"/>
        <v>#DIV/0!</v>
      </c>
      <c r="BX152" s="972" t="e">
        <f t="shared" si="170"/>
        <v>#DIV/0!</v>
      </c>
      <c r="BY152" s="972" t="e">
        <f t="shared" si="171"/>
        <v>#DIV/0!</v>
      </c>
      <c r="BZ152" s="972" t="e">
        <f t="shared" si="172"/>
        <v>#DIV/0!</v>
      </c>
      <c r="CA152" s="972" t="e">
        <f t="shared" si="173"/>
        <v>#DIV/0!</v>
      </c>
      <c r="CB152" s="973" t="e">
        <f t="shared" si="152"/>
        <v>#DIV/0!</v>
      </c>
    </row>
    <row r="153" spans="3:80" ht="100.5" hidden="1" x14ac:dyDescent="0.25">
      <c r="C153" s="597"/>
      <c r="D153" s="597"/>
      <c r="E153" s="597"/>
      <c r="F153" s="597"/>
      <c r="G153" s="597"/>
      <c r="H153" s="499" t="s">
        <v>1946</v>
      </c>
      <c r="I153" s="499" t="s">
        <v>1161</v>
      </c>
      <c r="J153" s="499" t="s">
        <v>1162</v>
      </c>
      <c r="K153" s="499" t="s">
        <v>1947</v>
      </c>
      <c r="L153" s="499" t="s">
        <v>1948</v>
      </c>
      <c r="M153" s="499" t="s">
        <v>1488</v>
      </c>
      <c r="N153" s="499" t="s">
        <v>1489</v>
      </c>
      <c r="O153" s="499">
        <v>1</v>
      </c>
      <c r="P153" s="499" t="s">
        <v>932</v>
      </c>
      <c r="Q153" s="499" t="s">
        <v>1490</v>
      </c>
      <c r="R153" s="499" t="s">
        <v>1491</v>
      </c>
      <c r="S153" s="499" t="s">
        <v>1492</v>
      </c>
      <c r="T153" s="499" t="s">
        <v>1493</v>
      </c>
      <c r="U153" s="499" t="s">
        <v>1941</v>
      </c>
      <c r="V153" s="946" t="str">
        <f>_xlfn.XLOOKUP(H153, [5]GIS!D:D, [5]GIS!E:E, "Not mapped")</f>
        <v>Multiple - Scenario 1</v>
      </c>
      <c r="W153" s="1262" t="s">
        <v>1723</v>
      </c>
      <c r="X153" s="579" t="s">
        <v>1496</v>
      </c>
      <c r="Y153" s="1258" t="s">
        <v>1497</v>
      </c>
      <c r="Z153" s="1259" t="s">
        <v>1498</v>
      </c>
      <c r="AA153" s="1259" t="s">
        <v>1498</v>
      </c>
      <c r="AB153" s="1259" t="s">
        <v>1498</v>
      </c>
      <c r="AC153" s="1259" t="s">
        <v>1498</v>
      </c>
      <c r="AD153" s="1259" t="s">
        <v>1498</v>
      </c>
      <c r="AE153" s="1259" t="s">
        <v>1498</v>
      </c>
      <c r="AF153" s="1259" t="s">
        <v>1498</v>
      </c>
      <c r="AG153" s="1259" t="s">
        <v>1498</v>
      </c>
      <c r="AH153" s="1259" t="s">
        <v>1498</v>
      </c>
      <c r="AI153" s="1259" t="s">
        <v>1498</v>
      </c>
      <c r="AJ153" s="1259" t="s">
        <v>1498</v>
      </c>
      <c r="AK153" s="1259" t="s">
        <v>1498</v>
      </c>
      <c r="AL153" s="1259" t="s">
        <v>1498</v>
      </c>
      <c r="AM153" s="1259" t="s">
        <v>1498</v>
      </c>
      <c r="AN153" s="1259" t="s">
        <v>1498</v>
      </c>
      <c r="AO153" s="1259" t="s">
        <v>1498</v>
      </c>
      <c r="AP153" s="1259" t="s">
        <v>1498</v>
      </c>
      <c r="AQ153" s="1259" t="s">
        <v>1498</v>
      </c>
      <c r="AR153" s="1259" t="s">
        <v>1498</v>
      </c>
      <c r="AS153" s="1259" t="s">
        <v>1498</v>
      </c>
      <c r="AT153" s="1259" t="s">
        <v>1498</v>
      </c>
      <c r="AU153" s="1259" t="s">
        <v>1498</v>
      </c>
      <c r="AV153" s="1259" t="s">
        <v>1498</v>
      </c>
      <c r="AW153" s="1259" t="s">
        <v>1498</v>
      </c>
      <c r="AX153" s="1259" t="s">
        <v>1498</v>
      </c>
      <c r="AY153" s="1259" t="s">
        <v>1498</v>
      </c>
      <c r="AZ153" s="905" t="s">
        <v>1942</v>
      </c>
      <c r="BA153" s="499" t="s">
        <v>722</v>
      </c>
      <c r="BB153" s="953" t="s">
        <v>53</v>
      </c>
      <c r="BC153" s="980">
        <f>ROUND((VLOOKUP(H153,'[5]Cost Summary'!A:H,8,)),0.1)</f>
        <v>436643</v>
      </c>
      <c r="BD153" s="499">
        <v>1</v>
      </c>
      <c r="BE153" s="499">
        <v>4</v>
      </c>
      <c r="BF153" s="954" t="s">
        <v>1584</v>
      </c>
      <c r="BG153" s="1261">
        <v>283676.25</v>
      </c>
      <c r="BH153" s="976" t="e">
        <f t="shared" si="154"/>
        <v>#VALUE!</v>
      </c>
      <c r="BI153" s="972" t="e">
        <f t="shared" si="155"/>
        <v>#VALUE!</v>
      </c>
      <c r="BJ153" s="972" t="e">
        <f t="shared" si="156"/>
        <v>#VALUE!</v>
      </c>
      <c r="BK153" s="972" t="e">
        <f t="shared" si="157"/>
        <v>#VALUE!</v>
      </c>
      <c r="BL153" s="972" t="e">
        <f t="shared" si="158"/>
        <v>#VALUE!</v>
      </c>
      <c r="BM153" s="972" t="e">
        <f t="shared" si="159"/>
        <v>#VALUE!</v>
      </c>
      <c r="BN153" s="972" t="e">
        <f t="shared" si="160"/>
        <v>#VALUE!</v>
      </c>
      <c r="BO153" s="972" t="e">
        <f t="shared" si="161"/>
        <v>#VALUE!</v>
      </c>
      <c r="BP153" s="972" t="e">
        <f t="shared" si="162"/>
        <v>#VALUE!</v>
      </c>
      <c r="BQ153" s="972" t="e">
        <f t="shared" si="163"/>
        <v>#VALUE!</v>
      </c>
      <c r="BR153" s="972" t="e">
        <f t="shared" si="164"/>
        <v>#VALUE!</v>
      </c>
      <c r="BS153" s="972" t="e">
        <f t="shared" si="165"/>
        <v>#VALUE!</v>
      </c>
      <c r="BT153" s="972" t="e">
        <f t="shared" si="166"/>
        <v>#VALUE!</v>
      </c>
      <c r="BU153" s="972" t="e">
        <f t="shared" si="167"/>
        <v>#VALUE!</v>
      </c>
      <c r="BV153" s="972" t="e">
        <f t="shared" si="168"/>
        <v>#VALUE!</v>
      </c>
      <c r="BW153" s="972" t="e">
        <f t="shared" si="169"/>
        <v>#VALUE!</v>
      </c>
      <c r="BX153" s="972" t="e">
        <f t="shared" si="170"/>
        <v>#VALUE!</v>
      </c>
      <c r="BY153" s="972" t="e">
        <f t="shared" si="171"/>
        <v>#VALUE!</v>
      </c>
      <c r="BZ153" s="972" t="e">
        <f t="shared" si="172"/>
        <v>#VALUE!</v>
      </c>
      <c r="CA153" s="972" t="e">
        <f t="shared" si="173"/>
        <v>#VALUE!</v>
      </c>
      <c r="CB153" s="973" t="e">
        <f t="shared" si="152"/>
        <v>#VALUE!</v>
      </c>
    </row>
    <row r="154" spans="3:80" ht="57.75" hidden="1" x14ac:dyDescent="0.25">
      <c r="C154" s="597"/>
      <c r="D154" s="597"/>
      <c r="E154" s="597"/>
      <c r="F154" s="597"/>
      <c r="G154" s="597"/>
      <c r="H154" s="499" t="s">
        <v>1949</v>
      </c>
      <c r="I154" s="499" t="s">
        <v>1163</v>
      </c>
      <c r="J154" s="499" t="s">
        <v>1164</v>
      </c>
      <c r="K154" s="499" t="s">
        <v>253</v>
      </c>
      <c r="L154" s="499" t="s">
        <v>253</v>
      </c>
      <c r="M154" s="499" t="s">
        <v>1488</v>
      </c>
      <c r="N154" s="499" t="s">
        <v>1489</v>
      </c>
      <c r="O154" s="499">
        <v>1</v>
      </c>
      <c r="P154" s="499" t="s">
        <v>932</v>
      </c>
      <c r="Q154" s="499" t="s">
        <v>1490</v>
      </c>
      <c r="R154" s="499" t="s">
        <v>1491</v>
      </c>
      <c r="S154" s="499" t="s">
        <v>1492</v>
      </c>
      <c r="T154" s="499" t="s">
        <v>1493</v>
      </c>
      <c r="U154" s="499" t="s">
        <v>1941</v>
      </c>
      <c r="V154" s="946" t="str">
        <f>_xlfn.XLOOKUP(H154, [5]GIS!D:D, [5]GIS!E:E, "Not mapped")</f>
        <v>Multiple - Scenario 1</v>
      </c>
      <c r="W154" s="1262" t="s">
        <v>1723</v>
      </c>
      <c r="X154" s="579" t="s">
        <v>1496</v>
      </c>
      <c r="Y154" s="1258" t="s">
        <v>1497</v>
      </c>
      <c r="Z154" s="1259" t="s">
        <v>1498</v>
      </c>
      <c r="AA154" s="1259" t="s">
        <v>1498</v>
      </c>
      <c r="AB154" s="1259" t="s">
        <v>1498</v>
      </c>
      <c r="AC154" s="1259" t="s">
        <v>1498</v>
      </c>
      <c r="AD154" s="1259" t="s">
        <v>1498</v>
      </c>
      <c r="AE154" s="1259" t="s">
        <v>1498</v>
      </c>
      <c r="AF154" s="1259" t="s">
        <v>1498</v>
      </c>
      <c r="AG154" s="1259" t="s">
        <v>1498</v>
      </c>
      <c r="AH154" s="1259" t="s">
        <v>1498</v>
      </c>
      <c r="AI154" s="1259" t="s">
        <v>1498</v>
      </c>
      <c r="AJ154" s="1259" t="s">
        <v>1498</v>
      </c>
      <c r="AK154" s="1259" t="s">
        <v>1498</v>
      </c>
      <c r="AL154" s="1259" t="s">
        <v>1498</v>
      </c>
      <c r="AM154" s="1259" t="s">
        <v>1498</v>
      </c>
      <c r="AN154" s="1259" t="s">
        <v>1498</v>
      </c>
      <c r="AO154" s="1259" t="s">
        <v>1498</v>
      </c>
      <c r="AP154" s="1259" t="s">
        <v>1498</v>
      </c>
      <c r="AQ154" s="1259" t="s">
        <v>1498</v>
      </c>
      <c r="AR154" s="1259" t="s">
        <v>1498</v>
      </c>
      <c r="AS154" s="1259" t="s">
        <v>1498</v>
      </c>
      <c r="AT154" s="1259" t="s">
        <v>1498</v>
      </c>
      <c r="AU154" s="1259" t="s">
        <v>1498</v>
      </c>
      <c r="AV154" s="1259" t="s">
        <v>1498</v>
      </c>
      <c r="AW154" s="1259" t="s">
        <v>1498</v>
      </c>
      <c r="AX154" s="1259" t="s">
        <v>1498</v>
      </c>
      <c r="AY154" s="1259" t="s">
        <v>1498</v>
      </c>
      <c r="AZ154" s="905" t="s">
        <v>1942</v>
      </c>
      <c r="BA154" s="499" t="s">
        <v>722</v>
      </c>
      <c r="BB154" s="953" t="s">
        <v>53</v>
      </c>
      <c r="BC154" s="980">
        <f>ROUND((VLOOKUP(H154,'[5]Cost Summary'!A:H,8,)),0.1)</f>
        <v>20883</v>
      </c>
      <c r="BD154" s="499">
        <v>1</v>
      </c>
      <c r="BE154" s="499">
        <v>4</v>
      </c>
      <c r="BF154" s="954" t="s">
        <v>1584</v>
      </c>
      <c r="BG154" s="1261">
        <v>13567.13</v>
      </c>
      <c r="BH154" s="976" t="e">
        <f t="shared" si="154"/>
        <v>#VALUE!</v>
      </c>
      <c r="BI154" s="972" t="e">
        <f t="shared" si="155"/>
        <v>#VALUE!</v>
      </c>
      <c r="BJ154" s="972" t="e">
        <f t="shared" si="156"/>
        <v>#VALUE!</v>
      </c>
      <c r="BK154" s="972" t="e">
        <f t="shared" si="157"/>
        <v>#VALUE!</v>
      </c>
      <c r="BL154" s="972" t="e">
        <f t="shared" si="158"/>
        <v>#VALUE!</v>
      </c>
      <c r="BM154" s="972" t="e">
        <f t="shared" si="159"/>
        <v>#VALUE!</v>
      </c>
      <c r="BN154" s="972" t="e">
        <f t="shared" si="160"/>
        <v>#VALUE!</v>
      </c>
      <c r="BO154" s="972" t="e">
        <f t="shared" si="161"/>
        <v>#VALUE!</v>
      </c>
      <c r="BP154" s="972" t="e">
        <f t="shared" si="162"/>
        <v>#VALUE!</v>
      </c>
      <c r="BQ154" s="972" t="e">
        <f t="shared" si="163"/>
        <v>#VALUE!</v>
      </c>
      <c r="BR154" s="972" t="e">
        <f t="shared" si="164"/>
        <v>#VALUE!</v>
      </c>
      <c r="BS154" s="972" t="e">
        <f t="shared" si="165"/>
        <v>#VALUE!</v>
      </c>
      <c r="BT154" s="972" t="e">
        <f t="shared" si="166"/>
        <v>#VALUE!</v>
      </c>
      <c r="BU154" s="972" t="e">
        <f t="shared" si="167"/>
        <v>#VALUE!</v>
      </c>
      <c r="BV154" s="972" t="e">
        <f t="shared" si="168"/>
        <v>#VALUE!</v>
      </c>
      <c r="BW154" s="972" t="e">
        <f t="shared" si="169"/>
        <v>#VALUE!</v>
      </c>
      <c r="BX154" s="972" t="e">
        <f t="shared" si="170"/>
        <v>#VALUE!</v>
      </c>
      <c r="BY154" s="972" t="e">
        <f t="shared" si="171"/>
        <v>#VALUE!</v>
      </c>
      <c r="BZ154" s="972" t="e">
        <f t="shared" si="172"/>
        <v>#VALUE!</v>
      </c>
      <c r="CA154" s="972" t="e">
        <f t="shared" si="173"/>
        <v>#VALUE!</v>
      </c>
      <c r="CB154" s="973" t="e">
        <f t="shared" si="152"/>
        <v>#VALUE!</v>
      </c>
    </row>
    <row r="155" spans="3:80" ht="57.75" x14ac:dyDescent="0.25">
      <c r="C155" s="597"/>
      <c r="D155" s="597"/>
      <c r="E155" s="597"/>
      <c r="F155" s="597"/>
      <c r="G155" s="597"/>
      <c r="H155" s="499" t="s">
        <v>1950</v>
      </c>
      <c r="I155" s="499" t="s">
        <v>1199</v>
      </c>
      <c r="J155" s="499" t="s">
        <v>1200</v>
      </c>
      <c r="K155" s="499">
        <v>51.743980999999998</v>
      </c>
      <c r="L155" s="499">
        <v>-0.47343600000000002</v>
      </c>
      <c r="M155" s="499" t="s">
        <v>1522</v>
      </c>
      <c r="N155" s="499" t="s">
        <v>1489</v>
      </c>
      <c r="O155" s="499">
        <v>1</v>
      </c>
      <c r="P155" s="499" t="s">
        <v>932</v>
      </c>
      <c r="Q155" s="499" t="s">
        <v>1490</v>
      </c>
      <c r="R155" s="499" t="s">
        <v>1491</v>
      </c>
      <c r="S155" s="499" t="s">
        <v>1492</v>
      </c>
      <c r="T155" s="499" t="s">
        <v>1493</v>
      </c>
      <c r="U155" s="499" t="s">
        <v>1888</v>
      </c>
      <c r="V155" s="946" t="str">
        <f>_xlfn.XLOOKUP(H155, [5]GIS!D:D, [5]GIS!E:E, "Not mapped")</f>
        <v>Multiple - Scenario 1</v>
      </c>
      <c r="W155" s="499" t="s">
        <v>1707</v>
      </c>
      <c r="X155" s="987" t="s">
        <v>2618</v>
      </c>
      <c r="Y155" s="987" t="s">
        <v>1526</v>
      </c>
      <c r="Z155" s="949">
        <v>18</v>
      </c>
      <c r="AA155" s="949">
        <v>13</v>
      </c>
      <c r="AB155" s="949">
        <v>45</v>
      </c>
      <c r="AC155" s="949">
        <v>22</v>
      </c>
      <c r="AD155" s="949">
        <v>0</v>
      </c>
      <c r="AE155" s="950">
        <v>8</v>
      </c>
      <c r="AF155" s="950">
        <v>17</v>
      </c>
      <c r="AG155" s="950">
        <v>43</v>
      </c>
      <c r="AH155" s="950">
        <v>13</v>
      </c>
      <c r="AI155" s="950">
        <v>8</v>
      </c>
      <c r="AJ155" s="950">
        <v>47</v>
      </c>
      <c r="AK155" s="950">
        <v>67</v>
      </c>
      <c r="AL155" s="950">
        <v>3</v>
      </c>
      <c r="AM155" s="950">
        <v>5</v>
      </c>
      <c r="AN155" s="951">
        <f>AT155*[5]TripRateCalculations!O$4</f>
        <v>6.82</v>
      </c>
      <c r="AO155" s="951">
        <f>AU155*[5]TripRateCalculations!P$4</f>
        <v>0</v>
      </c>
      <c r="AP155" s="951">
        <f>AV155*[5]TripRateCalculations!Q$4</f>
        <v>1.7326203208556148</v>
      </c>
      <c r="AQ155" s="951">
        <f>AW155*[5]TripRateCalculations!R$4</f>
        <v>5.8581235697940501</v>
      </c>
      <c r="AR155" s="951">
        <f>AX155*[5]TripRateCalculations!S$4</f>
        <v>1.8260869565217392</v>
      </c>
      <c r="AS155" s="951">
        <f>AY155*[5]TripRateCalculations!T$4</f>
        <v>1.0091743119266057</v>
      </c>
      <c r="AT155" s="950">
        <v>31</v>
      </c>
      <c r="AU155" s="950">
        <v>0</v>
      </c>
      <c r="AV155" s="950">
        <v>6</v>
      </c>
      <c r="AW155" s="950">
        <v>40</v>
      </c>
      <c r="AX155" s="950">
        <v>18</v>
      </c>
      <c r="AY155" s="950">
        <v>40</v>
      </c>
      <c r="AZ155" s="905" t="s">
        <v>1889</v>
      </c>
      <c r="BA155" s="499" t="s">
        <v>722</v>
      </c>
      <c r="BB155" s="953" t="s">
        <v>53</v>
      </c>
      <c r="BC155" s="980">
        <f>ROUND((VLOOKUP(H155,'[5]Cost Summary'!A:H,8,)),0.1)</f>
        <v>2430</v>
      </c>
      <c r="BD155" s="499">
        <v>1</v>
      </c>
      <c r="BE155" s="499">
        <v>7</v>
      </c>
      <c r="BF155" s="954" t="s">
        <v>1584</v>
      </c>
      <c r="BG155" s="1261">
        <v>1578.72</v>
      </c>
      <c r="BH155" s="977">
        <f t="shared" ref="BH155:CA155" si="174">Z155/(SUM($Z155:$AS155))</f>
        <v>5.51730893723038E-2</v>
      </c>
      <c r="BI155" s="974">
        <f t="shared" si="174"/>
        <v>3.9847231213330524E-2</v>
      </c>
      <c r="BJ155" s="974">
        <f t="shared" si="174"/>
        <v>0.13793272343075949</v>
      </c>
      <c r="BK155" s="974">
        <f t="shared" si="174"/>
        <v>6.743377589948242E-2</v>
      </c>
      <c r="BL155" s="974">
        <f t="shared" si="174"/>
        <v>0</v>
      </c>
      <c r="BM155" s="974">
        <f t="shared" si="174"/>
        <v>2.4521373054357243E-2</v>
      </c>
      <c r="BN155" s="974">
        <f t="shared" si="174"/>
        <v>5.2107917740509144E-2</v>
      </c>
      <c r="BO155" s="974">
        <f t="shared" si="174"/>
        <v>0.13180238016717019</v>
      </c>
      <c r="BP155" s="974">
        <f t="shared" si="174"/>
        <v>3.9847231213330524E-2</v>
      </c>
      <c r="BQ155" s="974">
        <f t="shared" si="174"/>
        <v>2.4521373054357243E-2</v>
      </c>
      <c r="BR155" s="974">
        <f t="shared" si="174"/>
        <v>0.14406306669434882</v>
      </c>
      <c r="BS155" s="974">
        <f t="shared" si="174"/>
        <v>0.20536649933024193</v>
      </c>
      <c r="BT155" s="974">
        <f t="shared" si="174"/>
        <v>9.1955148953839667E-3</v>
      </c>
      <c r="BU155" s="974">
        <f t="shared" si="174"/>
        <v>1.5325858158973278E-2</v>
      </c>
      <c r="BV155" s="974">
        <f t="shared" si="174"/>
        <v>2.0904470528839553E-2</v>
      </c>
      <c r="BW155" s="974">
        <f t="shared" si="174"/>
        <v>0</v>
      </c>
      <c r="BX155" s="974">
        <f t="shared" si="174"/>
        <v>5.3107786561575844E-3</v>
      </c>
      <c r="BY155" s="974">
        <f t="shared" si="174"/>
        <v>1.795615418168036E-2</v>
      </c>
      <c r="BZ155" s="974">
        <f t="shared" si="174"/>
        <v>5.5972699363206757E-3</v>
      </c>
      <c r="CA155" s="974">
        <f t="shared" si="174"/>
        <v>3.0932924724533226E-3</v>
      </c>
      <c r="CB155" s="973">
        <f t="shared" si="152"/>
        <v>1.0000000000000002</v>
      </c>
    </row>
    <row r="156" spans="3:80" ht="43.5" hidden="1" x14ac:dyDescent="0.25">
      <c r="C156" s="597"/>
      <c r="D156" s="597"/>
      <c r="E156" s="597"/>
      <c r="F156" s="597"/>
      <c r="G156" s="597"/>
      <c r="H156" s="499" t="s">
        <v>1951</v>
      </c>
      <c r="I156" s="499" t="s">
        <v>1168</v>
      </c>
      <c r="J156" s="499" t="s">
        <v>1169</v>
      </c>
      <c r="K156" s="499">
        <v>51.761141760000001</v>
      </c>
      <c r="L156" s="499">
        <v>-0.47682785900000002</v>
      </c>
      <c r="M156" s="499" t="s">
        <v>1560</v>
      </c>
      <c r="N156" s="499" t="s">
        <v>1489</v>
      </c>
      <c r="O156" s="499">
        <v>1</v>
      </c>
      <c r="P156" s="499" t="s">
        <v>932</v>
      </c>
      <c r="Q156" s="499" t="s">
        <v>1490</v>
      </c>
      <c r="R156" s="499" t="s">
        <v>1491</v>
      </c>
      <c r="S156" s="499" t="s">
        <v>1492</v>
      </c>
      <c r="T156" s="499" t="s">
        <v>1493</v>
      </c>
      <c r="U156" s="499" t="s">
        <v>1952</v>
      </c>
      <c r="V156" s="946" t="str">
        <f>_xlfn.XLOOKUP(H156, [5]GIS!D:D, [5]GIS!E:E, "Not mapped")</f>
        <v>Multiple - Scenario 1</v>
      </c>
      <c r="W156" s="1262" t="s">
        <v>1723</v>
      </c>
      <c r="X156" s="1277" t="s">
        <v>1691</v>
      </c>
      <c r="Y156" s="1278" t="s">
        <v>1692</v>
      </c>
      <c r="Z156" s="1259" t="s">
        <v>1498</v>
      </c>
      <c r="AA156" s="1259" t="s">
        <v>1498</v>
      </c>
      <c r="AB156" s="1259" t="s">
        <v>1498</v>
      </c>
      <c r="AC156" s="1259" t="s">
        <v>1498</v>
      </c>
      <c r="AD156" s="1259" t="s">
        <v>1498</v>
      </c>
      <c r="AE156" s="1259" t="s">
        <v>1498</v>
      </c>
      <c r="AF156" s="1259" t="s">
        <v>1498</v>
      </c>
      <c r="AG156" s="1259" t="s">
        <v>1498</v>
      </c>
      <c r="AH156" s="1259" t="s">
        <v>1498</v>
      </c>
      <c r="AI156" s="1259" t="s">
        <v>1498</v>
      </c>
      <c r="AJ156" s="1259" t="s">
        <v>1498</v>
      </c>
      <c r="AK156" s="1259" t="s">
        <v>1498</v>
      </c>
      <c r="AL156" s="1259" t="s">
        <v>1498</v>
      </c>
      <c r="AM156" s="1259" t="s">
        <v>1498</v>
      </c>
      <c r="AN156" s="1259" t="s">
        <v>1498</v>
      </c>
      <c r="AO156" s="1259" t="s">
        <v>1498</v>
      </c>
      <c r="AP156" s="1259" t="s">
        <v>1498</v>
      </c>
      <c r="AQ156" s="1259" t="s">
        <v>1498</v>
      </c>
      <c r="AR156" s="1259" t="s">
        <v>1498</v>
      </c>
      <c r="AS156" s="1259" t="s">
        <v>1498</v>
      </c>
      <c r="AT156" s="1259" t="s">
        <v>1498</v>
      </c>
      <c r="AU156" s="1259" t="s">
        <v>1498</v>
      </c>
      <c r="AV156" s="1259" t="s">
        <v>1498</v>
      </c>
      <c r="AW156" s="1259" t="s">
        <v>1498</v>
      </c>
      <c r="AX156" s="1259" t="s">
        <v>1498</v>
      </c>
      <c r="AY156" s="1259" t="s">
        <v>1498</v>
      </c>
      <c r="AZ156" s="905" t="s">
        <v>1953</v>
      </c>
      <c r="BA156" s="499" t="s">
        <v>722</v>
      </c>
      <c r="BB156" s="953" t="s">
        <v>53</v>
      </c>
      <c r="BC156" s="980">
        <f>ROUND((VLOOKUP(H156,'[5]Cost Summary'!A:H,8,)),0.1)</f>
        <v>1595</v>
      </c>
      <c r="BD156" s="499">
        <v>1</v>
      </c>
      <c r="BE156" s="499">
        <v>3</v>
      </c>
      <c r="BF156" s="954" t="s">
        <v>1584</v>
      </c>
      <c r="BG156" s="1261">
        <v>1036.04</v>
      </c>
      <c r="BH156" s="976" t="e">
        <f t="shared" ref="BH156:BU160" si="175">Z156/(SUM($Z156:$AY156))</f>
        <v>#VALUE!</v>
      </c>
      <c r="BI156" s="972" t="e">
        <f t="shared" si="175"/>
        <v>#VALUE!</v>
      </c>
      <c r="BJ156" s="972" t="e">
        <f t="shared" si="175"/>
        <v>#VALUE!</v>
      </c>
      <c r="BK156" s="972" t="e">
        <f t="shared" si="175"/>
        <v>#VALUE!</v>
      </c>
      <c r="BL156" s="972" t="e">
        <f t="shared" si="175"/>
        <v>#VALUE!</v>
      </c>
      <c r="BM156" s="972" t="e">
        <f t="shared" si="175"/>
        <v>#VALUE!</v>
      </c>
      <c r="BN156" s="972" t="e">
        <f t="shared" si="175"/>
        <v>#VALUE!</v>
      </c>
      <c r="BO156" s="972" t="e">
        <f t="shared" si="175"/>
        <v>#VALUE!</v>
      </c>
      <c r="BP156" s="972" t="e">
        <f t="shared" si="175"/>
        <v>#VALUE!</v>
      </c>
      <c r="BQ156" s="972" t="e">
        <f t="shared" si="175"/>
        <v>#VALUE!</v>
      </c>
      <c r="BR156" s="972" t="e">
        <f t="shared" si="175"/>
        <v>#VALUE!</v>
      </c>
      <c r="BS156" s="972" t="e">
        <f t="shared" si="175"/>
        <v>#VALUE!</v>
      </c>
      <c r="BT156" s="972" t="e">
        <f t="shared" si="175"/>
        <v>#VALUE!</v>
      </c>
      <c r="BU156" s="972" t="e">
        <f t="shared" si="175"/>
        <v>#VALUE!</v>
      </c>
      <c r="BV156" s="972" t="e">
        <f t="shared" ref="BV156:CA160" si="176">AM156/(SUM($Z156:$AY156))</f>
        <v>#VALUE!</v>
      </c>
      <c r="BW156" s="972" t="e">
        <f t="shared" si="176"/>
        <v>#VALUE!</v>
      </c>
      <c r="BX156" s="972" t="e">
        <f t="shared" si="176"/>
        <v>#VALUE!</v>
      </c>
      <c r="BY156" s="972" t="e">
        <f t="shared" si="176"/>
        <v>#VALUE!</v>
      </c>
      <c r="BZ156" s="972" t="e">
        <f t="shared" si="176"/>
        <v>#VALUE!</v>
      </c>
      <c r="CA156" s="972" t="e">
        <f t="shared" si="176"/>
        <v>#VALUE!</v>
      </c>
      <c r="CB156" s="973" t="e">
        <f t="shared" si="152"/>
        <v>#VALUE!</v>
      </c>
    </row>
    <row r="157" spans="3:80" ht="57.75" hidden="1" x14ac:dyDescent="0.25">
      <c r="C157" s="597"/>
      <c r="D157" s="597"/>
      <c r="E157" s="597"/>
      <c r="F157" s="597"/>
      <c r="G157" s="597"/>
      <c r="H157" s="499" t="s">
        <v>1954</v>
      </c>
      <c r="I157" s="499" t="s">
        <v>1170</v>
      </c>
      <c r="J157" s="499" t="s">
        <v>1171</v>
      </c>
      <c r="K157" s="499">
        <v>51.763593120000003</v>
      </c>
      <c r="L157" s="499">
        <v>-0.47444731899999998</v>
      </c>
      <c r="M157" s="499" t="s">
        <v>1488</v>
      </c>
      <c r="N157" s="499" t="s">
        <v>1489</v>
      </c>
      <c r="O157" s="499">
        <v>1</v>
      </c>
      <c r="P157" s="499" t="s">
        <v>932</v>
      </c>
      <c r="Q157" s="499" t="s">
        <v>1490</v>
      </c>
      <c r="R157" s="499" t="s">
        <v>1491</v>
      </c>
      <c r="S157" s="499" t="s">
        <v>1492</v>
      </c>
      <c r="T157" s="499" t="s">
        <v>1493</v>
      </c>
      <c r="U157" s="499" t="s">
        <v>1955</v>
      </c>
      <c r="V157" s="946" t="str">
        <f>_xlfn.XLOOKUP(H157, [5]GIS!D:D, [5]GIS!E:E, "Not mapped")</f>
        <v>Multiple - Scenario 1</v>
      </c>
      <c r="W157" s="499" t="s">
        <v>1707</v>
      </c>
      <c r="X157" s="579" t="s">
        <v>1496</v>
      </c>
      <c r="Y157" s="1258" t="s">
        <v>1497</v>
      </c>
      <c r="Z157" s="1259" t="s">
        <v>1498</v>
      </c>
      <c r="AA157" s="1259" t="s">
        <v>1498</v>
      </c>
      <c r="AB157" s="1259" t="s">
        <v>1498</v>
      </c>
      <c r="AC157" s="1259" t="s">
        <v>1498</v>
      </c>
      <c r="AD157" s="1259" t="s">
        <v>1498</v>
      </c>
      <c r="AE157" s="1259" t="s">
        <v>1498</v>
      </c>
      <c r="AF157" s="1259" t="s">
        <v>1498</v>
      </c>
      <c r="AG157" s="1259" t="s">
        <v>1498</v>
      </c>
      <c r="AH157" s="1259" t="s">
        <v>1498</v>
      </c>
      <c r="AI157" s="1259" t="s">
        <v>1498</v>
      </c>
      <c r="AJ157" s="1259" t="s">
        <v>1498</v>
      </c>
      <c r="AK157" s="1259" t="s">
        <v>1498</v>
      </c>
      <c r="AL157" s="1259" t="s">
        <v>1498</v>
      </c>
      <c r="AM157" s="1259" t="s">
        <v>1498</v>
      </c>
      <c r="AN157" s="1259" t="s">
        <v>1498</v>
      </c>
      <c r="AO157" s="1259" t="s">
        <v>1498</v>
      </c>
      <c r="AP157" s="1259" t="s">
        <v>1498</v>
      </c>
      <c r="AQ157" s="1259" t="s">
        <v>1498</v>
      </c>
      <c r="AR157" s="1259" t="s">
        <v>1498</v>
      </c>
      <c r="AS157" s="1259" t="s">
        <v>1498</v>
      </c>
      <c r="AT157" s="1259" t="s">
        <v>1498</v>
      </c>
      <c r="AU157" s="1259" t="s">
        <v>1498</v>
      </c>
      <c r="AV157" s="1259" t="s">
        <v>1498</v>
      </c>
      <c r="AW157" s="1259" t="s">
        <v>1498</v>
      </c>
      <c r="AX157" s="1259" t="s">
        <v>1498</v>
      </c>
      <c r="AY157" s="1259" t="s">
        <v>1498</v>
      </c>
      <c r="AZ157" s="905" t="s">
        <v>1953</v>
      </c>
      <c r="BA157" s="499" t="s">
        <v>722</v>
      </c>
      <c r="BB157" s="953" t="s">
        <v>53</v>
      </c>
      <c r="BC157" s="980">
        <f>ROUND((VLOOKUP(H157,'[5]Cost Summary'!A:H,8,)),0.1)</f>
        <v>65866</v>
      </c>
      <c r="BD157" s="499">
        <v>0</v>
      </c>
      <c r="BE157" s="499" t="s">
        <v>1500</v>
      </c>
      <c r="BF157" s="954" t="s">
        <v>1584</v>
      </c>
      <c r="BG157" s="1261">
        <v>42791.67</v>
      </c>
      <c r="BH157" s="976" t="e">
        <f t="shared" si="175"/>
        <v>#VALUE!</v>
      </c>
      <c r="BI157" s="972" t="e">
        <f t="shared" si="175"/>
        <v>#VALUE!</v>
      </c>
      <c r="BJ157" s="972" t="e">
        <f t="shared" si="175"/>
        <v>#VALUE!</v>
      </c>
      <c r="BK157" s="972" t="e">
        <f t="shared" si="175"/>
        <v>#VALUE!</v>
      </c>
      <c r="BL157" s="972" t="e">
        <f t="shared" si="175"/>
        <v>#VALUE!</v>
      </c>
      <c r="BM157" s="972" t="e">
        <f t="shared" si="175"/>
        <v>#VALUE!</v>
      </c>
      <c r="BN157" s="972" t="e">
        <f t="shared" si="175"/>
        <v>#VALUE!</v>
      </c>
      <c r="BO157" s="972" t="e">
        <f t="shared" si="175"/>
        <v>#VALUE!</v>
      </c>
      <c r="BP157" s="972" t="e">
        <f t="shared" si="175"/>
        <v>#VALUE!</v>
      </c>
      <c r="BQ157" s="972" t="e">
        <f t="shared" si="175"/>
        <v>#VALUE!</v>
      </c>
      <c r="BR157" s="972" t="e">
        <f t="shared" si="175"/>
        <v>#VALUE!</v>
      </c>
      <c r="BS157" s="972" t="e">
        <f t="shared" si="175"/>
        <v>#VALUE!</v>
      </c>
      <c r="BT157" s="972" t="e">
        <f t="shared" si="175"/>
        <v>#VALUE!</v>
      </c>
      <c r="BU157" s="972" t="e">
        <f t="shared" si="175"/>
        <v>#VALUE!</v>
      </c>
      <c r="BV157" s="972" t="e">
        <f t="shared" si="176"/>
        <v>#VALUE!</v>
      </c>
      <c r="BW157" s="972" t="e">
        <f t="shared" si="176"/>
        <v>#VALUE!</v>
      </c>
      <c r="BX157" s="972" t="e">
        <f t="shared" si="176"/>
        <v>#VALUE!</v>
      </c>
      <c r="BY157" s="972" t="e">
        <f t="shared" si="176"/>
        <v>#VALUE!</v>
      </c>
      <c r="BZ157" s="972" t="e">
        <f t="shared" si="176"/>
        <v>#VALUE!</v>
      </c>
      <c r="CA157" s="972" t="e">
        <f t="shared" si="176"/>
        <v>#VALUE!</v>
      </c>
      <c r="CB157" s="973" t="e">
        <f t="shared" si="152"/>
        <v>#VALUE!</v>
      </c>
    </row>
    <row r="158" spans="3:80" ht="57.75" hidden="1" x14ac:dyDescent="0.25">
      <c r="C158" s="597"/>
      <c r="D158" s="597"/>
      <c r="E158" s="597"/>
      <c r="F158" s="597"/>
      <c r="G158" s="597"/>
      <c r="H158" s="499" t="s">
        <v>1956</v>
      </c>
      <c r="I158" s="499" t="s">
        <v>1173</v>
      </c>
      <c r="J158" s="499" t="s">
        <v>1174</v>
      </c>
      <c r="K158" s="499">
        <v>51.762233819999999</v>
      </c>
      <c r="L158" s="499">
        <v>-0.47399197100000001</v>
      </c>
      <c r="M158" s="499" t="s">
        <v>1488</v>
      </c>
      <c r="N158" s="499" t="s">
        <v>1489</v>
      </c>
      <c r="O158" s="499">
        <v>1</v>
      </c>
      <c r="P158" s="499" t="s">
        <v>932</v>
      </c>
      <c r="Q158" s="499" t="s">
        <v>1490</v>
      </c>
      <c r="R158" s="499" t="s">
        <v>1491</v>
      </c>
      <c r="S158" s="499" t="s">
        <v>1492</v>
      </c>
      <c r="T158" s="499" t="s">
        <v>1493</v>
      </c>
      <c r="U158" s="499" t="s">
        <v>1955</v>
      </c>
      <c r="V158" s="946" t="str">
        <f>_xlfn.XLOOKUP(H158, [5]GIS!D:D, [5]GIS!E:E, "Not mapped")</f>
        <v>Multiple - Scenario 1</v>
      </c>
      <c r="W158" s="499" t="s">
        <v>1707</v>
      </c>
      <c r="X158" s="579" t="s">
        <v>1496</v>
      </c>
      <c r="Y158" s="1258" t="s">
        <v>1497</v>
      </c>
      <c r="Z158" s="1259" t="s">
        <v>1498</v>
      </c>
      <c r="AA158" s="1259" t="s">
        <v>1498</v>
      </c>
      <c r="AB158" s="1259" t="s">
        <v>1498</v>
      </c>
      <c r="AC158" s="1259" t="s">
        <v>1498</v>
      </c>
      <c r="AD158" s="1259" t="s">
        <v>1498</v>
      </c>
      <c r="AE158" s="1259" t="s">
        <v>1498</v>
      </c>
      <c r="AF158" s="1259" t="s">
        <v>1498</v>
      </c>
      <c r="AG158" s="1259" t="s">
        <v>1498</v>
      </c>
      <c r="AH158" s="1259" t="s">
        <v>1498</v>
      </c>
      <c r="AI158" s="1259" t="s">
        <v>1498</v>
      </c>
      <c r="AJ158" s="1259" t="s">
        <v>1498</v>
      </c>
      <c r="AK158" s="1259" t="s">
        <v>1498</v>
      </c>
      <c r="AL158" s="1259" t="s">
        <v>1498</v>
      </c>
      <c r="AM158" s="1259" t="s">
        <v>1498</v>
      </c>
      <c r="AN158" s="1259" t="s">
        <v>1498</v>
      </c>
      <c r="AO158" s="1259" t="s">
        <v>1498</v>
      </c>
      <c r="AP158" s="1259" t="s">
        <v>1498</v>
      </c>
      <c r="AQ158" s="1259" t="s">
        <v>1498</v>
      </c>
      <c r="AR158" s="1259" t="s">
        <v>1498</v>
      </c>
      <c r="AS158" s="1259" t="s">
        <v>1498</v>
      </c>
      <c r="AT158" s="1259" t="s">
        <v>1498</v>
      </c>
      <c r="AU158" s="1259" t="s">
        <v>1498</v>
      </c>
      <c r="AV158" s="1259" t="s">
        <v>1498</v>
      </c>
      <c r="AW158" s="1259" t="s">
        <v>1498</v>
      </c>
      <c r="AX158" s="1259" t="s">
        <v>1498</v>
      </c>
      <c r="AY158" s="1259" t="s">
        <v>1498</v>
      </c>
      <c r="AZ158" s="905" t="s">
        <v>1953</v>
      </c>
      <c r="BA158" s="499" t="s">
        <v>722</v>
      </c>
      <c r="BB158" s="953" t="s">
        <v>53</v>
      </c>
      <c r="BC158" s="980">
        <f>ROUND((VLOOKUP(H158,'[5]Cost Summary'!A:H,8,)),0.1)</f>
        <v>2848</v>
      </c>
      <c r="BD158" s="499">
        <v>0</v>
      </c>
      <c r="BE158" s="499" t="s">
        <v>1500</v>
      </c>
      <c r="BF158" s="954" t="s">
        <v>1584</v>
      </c>
      <c r="BG158" s="1261">
        <v>1850.06</v>
      </c>
      <c r="BH158" s="976" t="e">
        <f t="shared" si="175"/>
        <v>#VALUE!</v>
      </c>
      <c r="BI158" s="972" t="e">
        <f t="shared" si="175"/>
        <v>#VALUE!</v>
      </c>
      <c r="BJ158" s="972" t="e">
        <f t="shared" si="175"/>
        <v>#VALUE!</v>
      </c>
      <c r="BK158" s="972" t="e">
        <f t="shared" si="175"/>
        <v>#VALUE!</v>
      </c>
      <c r="BL158" s="972" t="e">
        <f t="shared" si="175"/>
        <v>#VALUE!</v>
      </c>
      <c r="BM158" s="972" t="e">
        <f t="shared" si="175"/>
        <v>#VALUE!</v>
      </c>
      <c r="BN158" s="972" t="e">
        <f t="shared" si="175"/>
        <v>#VALUE!</v>
      </c>
      <c r="BO158" s="972" t="e">
        <f t="shared" si="175"/>
        <v>#VALUE!</v>
      </c>
      <c r="BP158" s="972" t="e">
        <f t="shared" si="175"/>
        <v>#VALUE!</v>
      </c>
      <c r="BQ158" s="972" t="e">
        <f t="shared" si="175"/>
        <v>#VALUE!</v>
      </c>
      <c r="BR158" s="972" t="e">
        <f t="shared" si="175"/>
        <v>#VALUE!</v>
      </c>
      <c r="BS158" s="972" t="e">
        <f t="shared" si="175"/>
        <v>#VALUE!</v>
      </c>
      <c r="BT158" s="972" t="e">
        <f t="shared" si="175"/>
        <v>#VALUE!</v>
      </c>
      <c r="BU158" s="972" t="e">
        <f t="shared" si="175"/>
        <v>#VALUE!</v>
      </c>
      <c r="BV158" s="972" t="e">
        <f t="shared" si="176"/>
        <v>#VALUE!</v>
      </c>
      <c r="BW158" s="972" t="e">
        <f t="shared" si="176"/>
        <v>#VALUE!</v>
      </c>
      <c r="BX158" s="972" t="e">
        <f t="shared" si="176"/>
        <v>#VALUE!</v>
      </c>
      <c r="BY158" s="972" t="e">
        <f t="shared" si="176"/>
        <v>#VALUE!</v>
      </c>
      <c r="BZ158" s="972" t="e">
        <f t="shared" si="176"/>
        <v>#VALUE!</v>
      </c>
      <c r="CA158" s="972" t="e">
        <f t="shared" si="176"/>
        <v>#VALUE!</v>
      </c>
      <c r="CB158" s="973" t="e">
        <f t="shared" si="152"/>
        <v>#VALUE!</v>
      </c>
    </row>
    <row r="159" spans="3:80" ht="43.5" hidden="1" x14ac:dyDescent="0.25">
      <c r="C159" s="597"/>
      <c r="D159" s="597"/>
      <c r="E159" s="597"/>
      <c r="F159" s="597"/>
      <c r="G159" s="597"/>
      <c r="H159" s="499" t="s">
        <v>1957</v>
      </c>
      <c r="I159" s="499" t="s">
        <v>1175</v>
      </c>
      <c r="J159" s="499" t="s">
        <v>1176</v>
      </c>
      <c r="K159" s="499">
        <v>51.762233819999999</v>
      </c>
      <c r="L159" s="499">
        <v>-0.47399197100000001</v>
      </c>
      <c r="M159" s="499" t="s">
        <v>1488</v>
      </c>
      <c r="N159" s="499" t="s">
        <v>1489</v>
      </c>
      <c r="O159" s="499">
        <v>1</v>
      </c>
      <c r="P159" s="499" t="s">
        <v>932</v>
      </c>
      <c r="Q159" s="499" t="s">
        <v>1490</v>
      </c>
      <c r="R159" s="499" t="s">
        <v>1491</v>
      </c>
      <c r="S159" s="499" t="s">
        <v>1492</v>
      </c>
      <c r="T159" s="499" t="s">
        <v>1493</v>
      </c>
      <c r="U159" s="499" t="s">
        <v>1955</v>
      </c>
      <c r="V159" s="946" t="str">
        <f>_xlfn.XLOOKUP(H159, [5]GIS!D:D, [5]GIS!E:E, "Not mapped")</f>
        <v>Multiple - Scenario 1</v>
      </c>
      <c r="W159" s="499" t="s">
        <v>1707</v>
      </c>
      <c r="X159" s="579" t="s">
        <v>1496</v>
      </c>
      <c r="Y159" s="1258" t="s">
        <v>1497</v>
      </c>
      <c r="Z159" s="1259" t="s">
        <v>1498</v>
      </c>
      <c r="AA159" s="1259" t="s">
        <v>1498</v>
      </c>
      <c r="AB159" s="1259" t="s">
        <v>1498</v>
      </c>
      <c r="AC159" s="1259" t="s">
        <v>1498</v>
      </c>
      <c r="AD159" s="1259" t="s">
        <v>1498</v>
      </c>
      <c r="AE159" s="1259" t="s">
        <v>1498</v>
      </c>
      <c r="AF159" s="1259" t="s">
        <v>1498</v>
      </c>
      <c r="AG159" s="1259" t="s">
        <v>1498</v>
      </c>
      <c r="AH159" s="1259" t="s">
        <v>1498</v>
      </c>
      <c r="AI159" s="1259" t="s">
        <v>1498</v>
      </c>
      <c r="AJ159" s="1259" t="s">
        <v>1498</v>
      </c>
      <c r="AK159" s="1259" t="s">
        <v>1498</v>
      </c>
      <c r="AL159" s="1259" t="s">
        <v>1498</v>
      </c>
      <c r="AM159" s="1259" t="s">
        <v>1498</v>
      </c>
      <c r="AN159" s="1259" t="s">
        <v>1498</v>
      </c>
      <c r="AO159" s="1259" t="s">
        <v>1498</v>
      </c>
      <c r="AP159" s="1259" t="s">
        <v>1498</v>
      </c>
      <c r="AQ159" s="1259" t="s">
        <v>1498</v>
      </c>
      <c r="AR159" s="1259" t="s">
        <v>1498</v>
      </c>
      <c r="AS159" s="1259" t="s">
        <v>1498</v>
      </c>
      <c r="AT159" s="1259" t="s">
        <v>1498</v>
      </c>
      <c r="AU159" s="1259" t="s">
        <v>1498</v>
      </c>
      <c r="AV159" s="1259" t="s">
        <v>1498</v>
      </c>
      <c r="AW159" s="1259" t="s">
        <v>1498</v>
      </c>
      <c r="AX159" s="1259" t="s">
        <v>1498</v>
      </c>
      <c r="AY159" s="1259" t="s">
        <v>1498</v>
      </c>
      <c r="AZ159" s="905" t="s">
        <v>1953</v>
      </c>
      <c r="BA159" s="499" t="s">
        <v>722</v>
      </c>
      <c r="BB159" s="953" t="s">
        <v>53</v>
      </c>
      <c r="BC159" s="980">
        <f>ROUND((VLOOKUP(H159,'[5]Cost Summary'!A:H,8,)),0.1)</f>
        <v>3480</v>
      </c>
      <c r="BD159" s="499">
        <v>0</v>
      </c>
      <c r="BE159" s="499" t="s">
        <v>1500</v>
      </c>
      <c r="BF159" s="954" t="s">
        <v>1584</v>
      </c>
      <c r="BG159" s="1261">
        <v>2261.19</v>
      </c>
      <c r="BH159" s="976" t="e">
        <f t="shared" si="175"/>
        <v>#VALUE!</v>
      </c>
      <c r="BI159" s="972" t="e">
        <f t="shared" si="175"/>
        <v>#VALUE!</v>
      </c>
      <c r="BJ159" s="972" t="e">
        <f t="shared" si="175"/>
        <v>#VALUE!</v>
      </c>
      <c r="BK159" s="972" t="e">
        <f t="shared" si="175"/>
        <v>#VALUE!</v>
      </c>
      <c r="BL159" s="972" t="e">
        <f t="shared" si="175"/>
        <v>#VALUE!</v>
      </c>
      <c r="BM159" s="972" t="e">
        <f t="shared" si="175"/>
        <v>#VALUE!</v>
      </c>
      <c r="BN159" s="972" t="e">
        <f t="shared" si="175"/>
        <v>#VALUE!</v>
      </c>
      <c r="BO159" s="972" t="e">
        <f t="shared" si="175"/>
        <v>#VALUE!</v>
      </c>
      <c r="BP159" s="972" t="e">
        <f t="shared" si="175"/>
        <v>#VALUE!</v>
      </c>
      <c r="BQ159" s="972" t="e">
        <f t="shared" si="175"/>
        <v>#VALUE!</v>
      </c>
      <c r="BR159" s="972" t="e">
        <f t="shared" si="175"/>
        <v>#VALUE!</v>
      </c>
      <c r="BS159" s="972" t="e">
        <f t="shared" si="175"/>
        <v>#VALUE!</v>
      </c>
      <c r="BT159" s="972" t="e">
        <f t="shared" si="175"/>
        <v>#VALUE!</v>
      </c>
      <c r="BU159" s="972" t="e">
        <f t="shared" si="175"/>
        <v>#VALUE!</v>
      </c>
      <c r="BV159" s="972" t="e">
        <f t="shared" si="176"/>
        <v>#VALUE!</v>
      </c>
      <c r="BW159" s="972" t="e">
        <f t="shared" si="176"/>
        <v>#VALUE!</v>
      </c>
      <c r="BX159" s="972" t="e">
        <f t="shared" si="176"/>
        <v>#VALUE!</v>
      </c>
      <c r="BY159" s="972" t="e">
        <f t="shared" si="176"/>
        <v>#VALUE!</v>
      </c>
      <c r="BZ159" s="972" t="e">
        <f t="shared" si="176"/>
        <v>#VALUE!</v>
      </c>
      <c r="CA159" s="972" t="e">
        <f t="shared" si="176"/>
        <v>#VALUE!</v>
      </c>
      <c r="CB159" s="973" t="e">
        <f t="shared" si="152"/>
        <v>#VALUE!</v>
      </c>
    </row>
    <row r="160" spans="3:80" ht="129" hidden="1" x14ac:dyDescent="0.25">
      <c r="C160" s="597"/>
      <c r="D160" s="597"/>
      <c r="E160" s="597"/>
      <c r="F160" s="597"/>
      <c r="G160" s="597"/>
      <c r="H160" s="499" t="s">
        <v>1958</v>
      </c>
      <c r="I160" s="499" t="s">
        <v>1177</v>
      </c>
      <c r="J160" s="499" t="s">
        <v>1178</v>
      </c>
      <c r="K160" s="499" t="s">
        <v>1960</v>
      </c>
      <c r="L160" s="499" t="s">
        <v>1961</v>
      </c>
      <c r="M160" s="499" t="s">
        <v>1488</v>
      </c>
      <c r="N160" s="499" t="s">
        <v>1489</v>
      </c>
      <c r="O160" s="499">
        <v>1</v>
      </c>
      <c r="P160" s="499" t="s">
        <v>900</v>
      </c>
      <c r="Q160" s="499" t="s">
        <v>1490</v>
      </c>
      <c r="R160" s="499" t="s">
        <v>1491</v>
      </c>
      <c r="S160" s="499" t="s">
        <v>1492</v>
      </c>
      <c r="T160" s="499" t="s">
        <v>1493</v>
      </c>
      <c r="U160" s="499" t="s">
        <v>1962</v>
      </c>
      <c r="V160" s="946" t="str">
        <f>_xlfn.XLOOKUP(H160, [5]GIS!D:D, [5]GIS!E:E, "Not mapped")</f>
        <v>Multiple - Scenario 1</v>
      </c>
      <c r="W160" s="499" t="s">
        <v>1707</v>
      </c>
      <c r="X160" s="579" t="s">
        <v>1496</v>
      </c>
      <c r="Y160" s="1258" t="s">
        <v>1497</v>
      </c>
      <c r="Z160" s="1259" t="s">
        <v>1498</v>
      </c>
      <c r="AA160" s="1259" t="s">
        <v>1498</v>
      </c>
      <c r="AB160" s="1259" t="s">
        <v>1498</v>
      </c>
      <c r="AC160" s="1259" t="s">
        <v>1498</v>
      </c>
      <c r="AD160" s="1259" t="s">
        <v>1498</v>
      </c>
      <c r="AE160" s="1259" t="s">
        <v>1498</v>
      </c>
      <c r="AF160" s="1259" t="s">
        <v>1498</v>
      </c>
      <c r="AG160" s="1259" t="s">
        <v>1498</v>
      </c>
      <c r="AH160" s="1259" t="s">
        <v>1498</v>
      </c>
      <c r="AI160" s="1259" t="s">
        <v>1498</v>
      </c>
      <c r="AJ160" s="1259" t="s">
        <v>1498</v>
      </c>
      <c r="AK160" s="1259" t="s">
        <v>1498</v>
      </c>
      <c r="AL160" s="1259" t="s">
        <v>1498</v>
      </c>
      <c r="AM160" s="1259" t="s">
        <v>1498</v>
      </c>
      <c r="AN160" s="1259" t="s">
        <v>1498</v>
      </c>
      <c r="AO160" s="1259" t="s">
        <v>1498</v>
      </c>
      <c r="AP160" s="1259" t="s">
        <v>1498</v>
      </c>
      <c r="AQ160" s="1259" t="s">
        <v>1498</v>
      </c>
      <c r="AR160" s="1259" t="s">
        <v>1498</v>
      </c>
      <c r="AS160" s="1259" t="s">
        <v>1498</v>
      </c>
      <c r="AT160" s="1259" t="s">
        <v>1498</v>
      </c>
      <c r="AU160" s="1259" t="s">
        <v>1498</v>
      </c>
      <c r="AV160" s="1259" t="s">
        <v>1498</v>
      </c>
      <c r="AW160" s="1259" t="s">
        <v>1498</v>
      </c>
      <c r="AX160" s="1259" t="s">
        <v>1498</v>
      </c>
      <c r="AY160" s="1259" t="s">
        <v>1498</v>
      </c>
      <c r="AZ160" s="905" t="s">
        <v>1953</v>
      </c>
      <c r="BA160" s="499" t="s">
        <v>722</v>
      </c>
      <c r="BB160" s="953" t="s">
        <v>53</v>
      </c>
      <c r="BC160" s="980">
        <f>ROUND((VLOOKUP(H160,'[5]Cost Summary'!A:H,8,)),0.1)</f>
        <v>130360</v>
      </c>
      <c r="BD160" s="499">
        <v>1</v>
      </c>
      <c r="BE160" s="499">
        <v>2</v>
      </c>
      <c r="BF160" s="954" t="s">
        <v>1584</v>
      </c>
      <c r="BG160" s="1261">
        <v>84691.75</v>
      </c>
      <c r="BH160" s="976" t="e">
        <f t="shared" si="175"/>
        <v>#VALUE!</v>
      </c>
      <c r="BI160" s="972" t="e">
        <f t="shared" si="175"/>
        <v>#VALUE!</v>
      </c>
      <c r="BJ160" s="972" t="e">
        <f t="shared" si="175"/>
        <v>#VALUE!</v>
      </c>
      <c r="BK160" s="972" t="e">
        <f t="shared" si="175"/>
        <v>#VALUE!</v>
      </c>
      <c r="BL160" s="972" t="e">
        <f t="shared" si="175"/>
        <v>#VALUE!</v>
      </c>
      <c r="BM160" s="972" t="e">
        <f t="shared" si="175"/>
        <v>#VALUE!</v>
      </c>
      <c r="BN160" s="972" t="e">
        <f t="shared" si="175"/>
        <v>#VALUE!</v>
      </c>
      <c r="BO160" s="972" t="e">
        <f t="shared" si="175"/>
        <v>#VALUE!</v>
      </c>
      <c r="BP160" s="972" t="e">
        <f t="shared" si="175"/>
        <v>#VALUE!</v>
      </c>
      <c r="BQ160" s="972" t="e">
        <f t="shared" si="175"/>
        <v>#VALUE!</v>
      </c>
      <c r="BR160" s="972" t="e">
        <f t="shared" si="175"/>
        <v>#VALUE!</v>
      </c>
      <c r="BS160" s="972" t="e">
        <f t="shared" si="175"/>
        <v>#VALUE!</v>
      </c>
      <c r="BT160" s="972" t="e">
        <f t="shared" si="175"/>
        <v>#VALUE!</v>
      </c>
      <c r="BU160" s="972" t="e">
        <f t="shared" si="175"/>
        <v>#VALUE!</v>
      </c>
      <c r="BV160" s="972" t="e">
        <f t="shared" si="176"/>
        <v>#VALUE!</v>
      </c>
      <c r="BW160" s="972" t="e">
        <f t="shared" si="176"/>
        <v>#VALUE!</v>
      </c>
      <c r="BX160" s="972" t="e">
        <f t="shared" si="176"/>
        <v>#VALUE!</v>
      </c>
      <c r="BY160" s="972" t="e">
        <f t="shared" si="176"/>
        <v>#VALUE!</v>
      </c>
      <c r="BZ160" s="972" t="e">
        <f t="shared" si="176"/>
        <v>#VALUE!</v>
      </c>
      <c r="CA160" s="972" t="e">
        <f t="shared" si="176"/>
        <v>#VALUE!</v>
      </c>
      <c r="CB160" s="973" t="e">
        <f t="shared" si="152"/>
        <v>#VALUE!</v>
      </c>
    </row>
    <row r="161" spans="3:80" ht="57.75" x14ac:dyDescent="0.25">
      <c r="C161" s="597"/>
      <c r="D161" s="597"/>
      <c r="E161" s="597"/>
      <c r="F161" s="597"/>
      <c r="G161" s="597"/>
      <c r="H161" s="499" t="s">
        <v>1963</v>
      </c>
      <c r="I161" s="499" t="s">
        <v>1201</v>
      </c>
      <c r="J161" s="499" t="s">
        <v>1202</v>
      </c>
      <c r="K161" s="499" t="s">
        <v>1965</v>
      </c>
      <c r="L161" s="499" t="s">
        <v>1966</v>
      </c>
      <c r="M161" s="499" t="s">
        <v>1522</v>
      </c>
      <c r="N161" s="499" t="s">
        <v>1489</v>
      </c>
      <c r="O161" s="499">
        <v>1</v>
      </c>
      <c r="P161" s="499" t="s">
        <v>932</v>
      </c>
      <c r="Q161" s="499" t="s">
        <v>1490</v>
      </c>
      <c r="R161" s="499" t="s">
        <v>1491</v>
      </c>
      <c r="S161" s="499" t="s">
        <v>1492</v>
      </c>
      <c r="T161" s="499" t="s">
        <v>1493</v>
      </c>
      <c r="U161" s="499" t="s">
        <v>1888</v>
      </c>
      <c r="V161" s="946" t="str">
        <f>_xlfn.XLOOKUP(H161, [5]GIS!D:D, [5]GIS!E:E, "Not mapped")</f>
        <v>Multiple - Scenario 1</v>
      </c>
      <c r="W161" s="499" t="s">
        <v>1707</v>
      </c>
      <c r="X161" s="987" t="s">
        <v>2618</v>
      </c>
      <c r="Y161" s="987" t="s">
        <v>1526</v>
      </c>
      <c r="Z161" s="949">
        <v>18</v>
      </c>
      <c r="AA161" s="949">
        <v>13</v>
      </c>
      <c r="AB161" s="949">
        <v>72</v>
      </c>
      <c r="AC161" s="949">
        <v>22</v>
      </c>
      <c r="AD161" s="949">
        <v>3</v>
      </c>
      <c r="AE161" s="950">
        <v>17</v>
      </c>
      <c r="AF161" s="950">
        <v>17</v>
      </c>
      <c r="AG161" s="950">
        <v>84</v>
      </c>
      <c r="AH161" s="950">
        <v>13</v>
      </c>
      <c r="AI161" s="950">
        <v>8</v>
      </c>
      <c r="AJ161" s="950">
        <v>47</v>
      </c>
      <c r="AK161" s="950">
        <v>68</v>
      </c>
      <c r="AL161" s="950">
        <v>3</v>
      </c>
      <c r="AM161" s="950">
        <v>44</v>
      </c>
      <c r="AN161" s="951">
        <f>AT161*[5]TripRateCalculations!O$4</f>
        <v>6.6</v>
      </c>
      <c r="AO161" s="951">
        <f>AU161*[5]TripRateCalculations!P$4</f>
        <v>9.2000000000000011</v>
      </c>
      <c r="AP161" s="951">
        <f>AV161*[5]TripRateCalculations!Q$4</f>
        <v>1.7326203208556148</v>
      </c>
      <c r="AQ161" s="951">
        <f>AW161*[5]TripRateCalculations!R$4</f>
        <v>5.8581235697940501</v>
      </c>
      <c r="AR161" s="951">
        <f>AX161*[5]TripRateCalculations!S$4</f>
        <v>1.8260869565217392</v>
      </c>
      <c r="AS161" s="951">
        <f>AY161*[5]TripRateCalculations!T$4</f>
        <v>1.0091743119266057</v>
      </c>
      <c r="AT161" s="950">
        <v>30</v>
      </c>
      <c r="AU161" s="950">
        <v>118</v>
      </c>
      <c r="AV161" s="950">
        <v>6</v>
      </c>
      <c r="AW161" s="950">
        <v>40</v>
      </c>
      <c r="AX161" s="950">
        <v>18</v>
      </c>
      <c r="AY161" s="950">
        <v>40</v>
      </c>
      <c r="AZ161" s="905" t="s">
        <v>1889</v>
      </c>
      <c r="BA161" s="499" t="s">
        <v>722</v>
      </c>
      <c r="BB161" s="953" t="s">
        <v>53</v>
      </c>
      <c r="BC161" s="980">
        <f>ROUND((VLOOKUP(H161,'[5]Cost Summary'!A:H,8,)),0.1)</f>
        <v>6961</v>
      </c>
      <c r="BD161" s="499">
        <v>4</v>
      </c>
      <c r="BE161" s="499" t="s">
        <v>1890</v>
      </c>
      <c r="BF161" s="954" t="s">
        <v>1584</v>
      </c>
      <c r="BG161" s="1261">
        <v>4522.38</v>
      </c>
      <c r="BH161" s="977">
        <f t="shared" ref="BH161:BH169" si="177">Z161/(SUM($Z161:$AS161))</f>
        <v>3.9540799066848424E-2</v>
      </c>
      <c r="BI161" s="974">
        <f t="shared" ref="BI161:BI169" si="178">AA161/(SUM($Z161:$AS161))</f>
        <v>2.8557243770501641E-2</v>
      </c>
      <c r="BJ161" s="974">
        <f t="shared" ref="BJ161:BJ169" si="179">AB161/(SUM($Z161:$AS161))</f>
        <v>0.1581631962673937</v>
      </c>
      <c r="BK161" s="974">
        <f t="shared" ref="BK161:BK169" si="180">AC161/(SUM($Z161:$AS161))</f>
        <v>4.8327643303925853E-2</v>
      </c>
      <c r="BL161" s="974">
        <f t="shared" ref="BL161:BL169" si="181">AD161/(SUM($Z161:$AS161))</f>
        <v>6.590133177808071E-3</v>
      </c>
      <c r="BM161" s="974">
        <f t="shared" ref="BM161:BM169" si="182">AE161/(SUM($Z161:$AS161))</f>
        <v>3.7344088007579074E-2</v>
      </c>
      <c r="BN161" s="974">
        <f t="shared" ref="BN161:BN169" si="183">AF161/(SUM($Z161:$AS161))</f>
        <v>3.7344088007579074E-2</v>
      </c>
      <c r="BO161" s="974">
        <f t="shared" ref="BO161:BO169" si="184">AG161/(SUM($Z161:$AS161))</f>
        <v>0.18452372897862598</v>
      </c>
      <c r="BP161" s="974">
        <f t="shared" ref="BP161:BP169" si="185">AH161/(SUM($Z161:$AS161))</f>
        <v>2.8557243770501641E-2</v>
      </c>
      <c r="BQ161" s="974">
        <f t="shared" ref="BQ161:BQ169" si="186">AI161/(SUM($Z161:$AS161))</f>
        <v>1.7573688474154858E-2</v>
      </c>
      <c r="BR161" s="974">
        <f t="shared" ref="BR161:BR169" si="187">AJ161/(SUM($Z161:$AS161))</f>
        <v>0.10324541978565978</v>
      </c>
      <c r="BS161" s="974">
        <f t="shared" ref="BS161:BS169" si="188">AK161/(SUM($Z161:$AS161))</f>
        <v>0.1493763520303163</v>
      </c>
      <c r="BT161" s="974">
        <f t="shared" ref="BT161:BT169" si="189">AL161/(SUM($Z161:$AS161))</f>
        <v>6.590133177808071E-3</v>
      </c>
      <c r="BU161" s="974">
        <f t="shared" ref="BU161:BU169" si="190">AM161/(SUM($Z161:$AS161))</f>
        <v>9.6655286607851706E-2</v>
      </c>
      <c r="BV161" s="974">
        <f t="shared" ref="BV161:BV169" si="191">AN161/(SUM($Z161:$AS161))</f>
        <v>1.4498292991177756E-2</v>
      </c>
      <c r="BW161" s="974">
        <f t="shared" ref="BW161:BW169" si="192">AO161/(SUM($Z161:$AS161))</f>
        <v>2.0209741745278089E-2</v>
      </c>
      <c r="BX161" s="974">
        <f t="shared" ref="BX161:BX169" si="193">AP161/(SUM($Z161:$AS161))</f>
        <v>3.8060662203383507E-3</v>
      </c>
      <c r="BY161" s="974">
        <f t="shared" ref="BY161:BY169" si="194">AQ161/(SUM($Z161:$AS161))</f>
        <v>1.2868604832333076E-2</v>
      </c>
      <c r="BZ161" s="974">
        <f t="shared" ref="BZ161:BZ169" si="195">AR161/(SUM($Z161:$AS161))</f>
        <v>4.0113854125788263E-3</v>
      </c>
      <c r="CA161" s="974">
        <f t="shared" ref="CA161:CA169" si="196">AS161/(SUM($Z161:$AS161))</f>
        <v>2.2168643717397187E-3</v>
      </c>
      <c r="CB161" s="973">
        <f t="shared" si="152"/>
        <v>1</v>
      </c>
    </row>
    <row r="162" spans="3:80" ht="100.5" x14ac:dyDescent="0.25">
      <c r="C162" s="597"/>
      <c r="D162" s="597" t="s">
        <v>66</v>
      </c>
      <c r="E162" s="597"/>
      <c r="F162" s="597"/>
      <c r="G162" s="597"/>
      <c r="H162" s="499" t="s">
        <v>1967</v>
      </c>
      <c r="I162" s="499" t="s">
        <v>1249</v>
      </c>
      <c r="J162" s="499" t="s">
        <v>1968</v>
      </c>
      <c r="K162" s="499"/>
      <c r="L162" s="499"/>
      <c r="M162" s="499" t="s">
        <v>1522</v>
      </c>
      <c r="N162" s="499" t="s">
        <v>1523</v>
      </c>
      <c r="O162" s="499">
        <v>1</v>
      </c>
      <c r="P162" s="499" t="s">
        <v>932</v>
      </c>
      <c r="Q162" s="499" t="s">
        <v>1490</v>
      </c>
      <c r="R162" s="499" t="s">
        <v>1491</v>
      </c>
      <c r="S162" s="499" t="s">
        <v>1492</v>
      </c>
      <c r="T162" s="499" t="s">
        <v>1493</v>
      </c>
      <c r="U162" s="499" t="s">
        <v>1969</v>
      </c>
      <c r="V162" s="946" t="str">
        <f>_xlfn.XLOOKUP(H162, [5]GIS!D:D, [5]GIS!E:E, "Not mapped")</f>
        <v>Multiple - Scenario 2</v>
      </c>
      <c r="W162" s="1257" t="s">
        <v>1495</v>
      </c>
      <c r="X162" s="987" t="s">
        <v>2618</v>
      </c>
      <c r="Y162" s="987" t="s">
        <v>1526</v>
      </c>
      <c r="Z162" s="949">
        <v>5</v>
      </c>
      <c r="AA162" s="949">
        <v>2</v>
      </c>
      <c r="AB162" s="949">
        <v>2</v>
      </c>
      <c r="AC162" s="949">
        <v>13</v>
      </c>
      <c r="AD162" s="949">
        <v>1</v>
      </c>
      <c r="AE162" s="950">
        <v>1</v>
      </c>
      <c r="AF162" s="950">
        <v>1</v>
      </c>
      <c r="AG162" s="950">
        <v>3</v>
      </c>
      <c r="AH162" s="950">
        <v>105</v>
      </c>
      <c r="AI162" s="950">
        <v>8</v>
      </c>
      <c r="AJ162" s="950">
        <v>19</v>
      </c>
      <c r="AK162" s="950">
        <v>118</v>
      </c>
      <c r="AL162" s="950">
        <v>21</v>
      </c>
      <c r="AM162" s="950">
        <v>28</v>
      </c>
      <c r="AN162" s="951">
        <f>AT162*[5]TripRateCalculations!O$4</f>
        <v>12.98</v>
      </c>
      <c r="AO162" s="951">
        <f>AU162*[5]TripRateCalculations!P$4</f>
        <v>0.31186440677966104</v>
      </c>
      <c r="AP162" s="951">
        <f>AV162*[5]TripRateCalculations!Q$4</f>
        <v>20.791443850267378</v>
      </c>
      <c r="AQ162" s="951">
        <f>AW162*[5]TripRateCalculations!R$4</f>
        <v>17.574370709382151</v>
      </c>
      <c r="AR162" s="951">
        <f>AX162*[5]TripRateCalculations!S$4</f>
        <v>8.9275362318840585</v>
      </c>
      <c r="AS162" s="951">
        <f>AY162*[5]TripRateCalculations!T$4</f>
        <v>0.52981651376146788</v>
      </c>
      <c r="AT162" s="950">
        <v>59</v>
      </c>
      <c r="AU162" s="950">
        <v>4</v>
      </c>
      <c r="AV162" s="950">
        <v>72</v>
      </c>
      <c r="AW162" s="950">
        <v>120</v>
      </c>
      <c r="AX162" s="950">
        <v>88</v>
      </c>
      <c r="AY162" s="950">
        <v>21</v>
      </c>
      <c r="AZ162" s="905" t="s">
        <v>1642</v>
      </c>
      <c r="BA162" s="499" t="s">
        <v>834</v>
      </c>
      <c r="BB162" s="953" t="s">
        <v>53</v>
      </c>
      <c r="BC162" s="980">
        <f>ROUND((VLOOKUP(H162,'[5]Cost Summary'!A:H,8,)),0.1)</f>
        <v>1692649</v>
      </c>
      <c r="BD162" s="499">
        <v>2</v>
      </c>
      <c r="BE162" s="499">
        <v>1</v>
      </c>
      <c r="BF162" s="954" t="s">
        <v>1584</v>
      </c>
      <c r="BG162" s="1261">
        <v>1099672.01</v>
      </c>
      <c r="BH162" s="977">
        <f t="shared" si="177"/>
        <v>1.2882778535898802E-2</v>
      </c>
      <c r="BI162" s="974">
        <f t="shared" si="178"/>
        <v>5.1531114143595208E-3</v>
      </c>
      <c r="BJ162" s="974">
        <f t="shared" si="179"/>
        <v>5.1531114143595208E-3</v>
      </c>
      <c r="BK162" s="974">
        <f t="shared" si="180"/>
        <v>3.3495224193336885E-2</v>
      </c>
      <c r="BL162" s="974">
        <f t="shared" si="181"/>
        <v>2.5765557071797604E-3</v>
      </c>
      <c r="BM162" s="974">
        <f t="shared" si="182"/>
        <v>2.5765557071797604E-3</v>
      </c>
      <c r="BN162" s="974">
        <f t="shared" si="183"/>
        <v>2.5765557071797604E-3</v>
      </c>
      <c r="BO162" s="974">
        <f t="shared" si="184"/>
        <v>7.7296671215392821E-3</v>
      </c>
      <c r="BP162" s="974">
        <f t="shared" si="185"/>
        <v>0.27053834925387488</v>
      </c>
      <c r="BQ162" s="974">
        <f t="shared" si="186"/>
        <v>2.0612445657438083E-2</v>
      </c>
      <c r="BR162" s="974">
        <f t="shared" si="187"/>
        <v>4.8954558436415448E-2</v>
      </c>
      <c r="BS162" s="974">
        <f t="shared" si="188"/>
        <v>0.30403357344721177</v>
      </c>
      <c r="BT162" s="974">
        <f t="shared" si="189"/>
        <v>5.4107669850774968E-2</v>
      </c>
      <c r="BU162" s="974">
        <f t="shared" si="190"/>
        <v>7.2143559801033291E-2</v>
      </c>
      <c r="BV162" s="974">
        <f t="shared" si="191"/>
        <v>3.3443693079193294E-2</v>
      </c>
      <c r="BW162" s="974">
        <f t="shared" si="192"/>
        <v>8.0353601715436602E-4</v>
      </c>
      <c r="BX162" s="974">
        <f t="shared" si="193"/>
        <v>5.3570313312913946E-2</v>
      </c>
      <c r="BY162" s="974">
        <f t="shared" si="194"/>
        <v>4.5281345151351397E-2</v>
      </c>
      <c r="BZ162" s="974">
        <f t="shared" si="195"/>
        <v>2.3002294429314965E-2</v>
      </c>
      <c r="CA162" s="974">
        <f t="shared" si="196"/>
        <v>1.3651017622901941E-3</v>
      </c>
      <c r="CB162" s="973">
        <f t="shared" si="152"/>
        <v>0.99999999999999989</v>
      </c>
    </row>
    <row r="163" spans="3:80" ht="75" x14ac:dyDescent="0.25">
      <c r="C163" s="597"/>
      <c r="D163" s="597" t="s">
        <v>66</v>
      </c>
      <c r="E163" s="597"/>
      <c r="F163" s="597"/>
      <c r="G163" s="597"/>
      <c r="H163" s="499" t="s">
        <v>1970</v>
      </c>
      <c r="I163" s="499" t="s">
        <v>1251</v>
      </c>
      <c r="J163" s="499" t="s">
        <v>1252</v>
      </c>
      <c r="K163" s="499" t="s">
        <v>1971</v>
      </c>
      <c r="L163" s="499" t="s">
        <v>1972</v>
      </c>
      <c r="M163" s="499" t="s">
        <v>1522</v>
      </c>
      <c r="N163" s="499" t="s">
        <v>1489</v>
      </c>
      <c r="O163" s="499">
        <v>1</v>
      </c>
      <c r="P163" s="499" t="s">
        <v>932</v>
      </c>
      <c r="Q163" s="499" t="s">
        <v>1490</v>
      </c>
      <c r="R163" s="499" t="s">
        <v>1491</v>
      </c>
      <c r="S163" s="499" t="s">
        <v>1492</v>
      </c>
      <c r="T163" s="499" t="s">
        <v>1493</v>
      </c>
      <c r="U163" s="499" t="s">
        <v>1969</v>
      </c>
      <c r="V163" s="946" t="str">
        <f>_xlfn.XLOOKUP(H163, [5]GIS!D:D, [5]GIS!E:E, "Not mapped")</f>
        <v>Multiple - Scenario 1</v>
      </c>
      <c r="W163" s="1257" t="s">
        <v>1495</v>
      </c>
      <c r="X163" s="987" t="s">
        <v>2618</v>
      </c>
      <c r="Y163" s="987" t="s">
        <v>1526</v>
      </c>
      <c r="Z163" s="949">
        <v>0</v>
      </c>
      <c r="AA163" s="949">
        <v>0</v>
      </c>
      <c r="AB163" s="949">
        <v>0</v>
      </c>
      <c r="AC163" s="949">
        <v>4</v>
      </c>
      <c r="AD163" s="949">
        <v>0</v>
      </c>
      <c r="AE163" s="950">
        <v>0</v>
      </c>
      <c r="AF163" s="950">
        <v>0</v>
      </c>
      <c r="AG163" s="950">
        <v>0</v>
      </c>
      <c r="AH163" s="950">
        <v>45</v>
      </c>
      <c r="AI163" s="950">
        <v>3</v>
      </c>
      <c r="AJ163" s="950">
        <v>14</v>
      </c>
      <c r="AK163" s="950">
        <v>44</v>
      </c>
      <c r="AL163" s="950">
        <v>1</v>
      </c>
      <c r="AM163" s="950">
        <v>14</v>
      </c>
      <c r="AN163" s="951">
        <f>AT163*[5]TripRateCalculations!O$4</f>
        <v>0</v>
      </c>
      <c r="AO163" s="951">
        <f>AU163*[5]TripRateCalculations!P$4</f>
        <v>0</v>
      </c>
      <c r="AP163" s="951">
        <f>AV163*[5]TripRateCalculations!Q$4</f>
        <v>12.41711229946524</v>
      </c>
      <c r="AQ163" s="951">
        <f>AW163*[5]TripRateCalculations!R$4</f>
        <v>6.7368421052631575</v>
      </c>
      <c r="AR163" s="951">
        <f>AX163*[5]TripRateCalculations!S$4</f>
        <v>0</v>
      </c>
      <c r="AS163" s="951">
        <f>AY163*[5]TripRateCalculations!T$4</f>
        <v>0.42889908256880738</v>
      </c>
      <c r="AT163" s="950">
        <v>0</v>
      </c>
      <c r="AU163" s="950">
        <v>0</v>
      </c>
      <c r="AV163" s="950">
        <v>43</v>
      </c>
      <c r="AW163" s="950">
        <v>46</v>
      </c>
      <c r="AX163" s="950">
        <v>0</v>
      </c>
      <c r="AY163" s="950">
        <v>17</v>
      </c>
      <c r="AZ163" s="905" t="s">
        <v>1642</v>
      </c>
      <c r="BA163" s="499" t="s">
        <v>722</v>
      </c>
      <c r="BB163" s="953" t="s">
        <v>53</v>
      </c>
      <c r="BC163" s="980">
        <f>ROUND((VLOOKUP(H163,'[5]Cost Summary'!A:H,8,)),0.1)</f>
        <v>6961</v>
      </c>
      <c r="BD163" s="499">
        <v>3</v>
      </c>
      <c r="BE163" s="499" t="s">
        <v>1973</v>
      </c>
      <c r="BF163" s="954" t="s">
        <v>1584</v>
      </c>
      <c r="BG163" s="1261">
        <v>4522.38</v>
      </c>
      <c r="BH163" s="977">
        <f t="shared" si="177"/>
        <v>0</v>
      </c>
      <c r="BI163" s="974">
        <f t="shared" si="178"/>
        <v>0</v>
      </c>
      <c r="BJ163" s="974">
        <f t="shared" si="179"/>
        <v>0</v>
      </c>
      <c r="BK163" s="974">
        <f t="shared" si="180"/>
        <v>2.7665797869672236E-2</v>
      </c>
      <c r="BL163" s="974">
        <f t="shared" si="181"/>
        <v>0</v>
      </c>
      <c r="BM163" s="974">
        <f t="shared" si="182"/>
        <v>0</v>
      </c>
      <c r="BN163" s="974">
        <f t="shared" si="183"/>
        <v>0</v>
      </c>
      <c r="BO163" s="974">
        <f t="shared" si="184"/>
        <v>0</v>
      </c>
      <c r="BP163" s="974">
        <f t="shared" si="185"/>
        <v>0.31124022603381268</v>
      </c>
      <c r="BQ163" s="974">
        <f t="shared" si="186"/>
        <v>2.0749348402254179E-2</v>
      </c>
      <c r="BR163" s="974">
        <f t="shared" si="187"/>
        <v>9.6830292543852822E-2</v>
      </c>
      <c r="BS163" s="974">
        <f t="shared" si="188"/>
        <v>0.30432377656639459</v>
      </c>
      <c r="BT163" s="974">
        <f t="shared" si="189"/>
        <v>6.916449467418059E-3</v>
      </c>
      <c r="BU163" s="974">
        <f t="shared" si="190"/>
        <v>9.6830292543852822E-2</v>
      </c>
      <c r="BV163" s="974">
        <f t="shared" si="191"/>
        <v>0</v>
      </c>
      <c r="BW163" s="974">
        <f t="shared" si="192"/>
        <v>0</v>
      </c>
      <c r="BX163" s="974">
        <f t="shared" si="193"/>
        <v>8.5882329750506595E-2</v>
      </c>
      <c r="BY163" s="974">
        <f t="shared" si="194"/>
        <v>4.6595027991026924E-2</v>
      </c>
      <c r="BZ163" s="974">
        <f t="shared" si="195"/>
        <v>0</v>
      </c>
      <c r="CA163" s="974">
        <f t="shared" si="196"/>
        <v>2.9664588312091219E-3</v>
      </c>
      <c r="CB163" s="973">
        <f t="shared" si="152"/>
        <v>1</v>
      </c>
    </row>
    <row r="164" spans="3:80" ht="143.25" x14ac:dyDescent="0.25">
      <c r="C164" s="597"/>
      <c r="D164" s="597"/>
      <c r="E164" s="597"/>
      <c r="F164" s="597"/>
      <c r="G164" s="597"/>
      <c r="H164" s="499" t="s">
        <v>1974</v>
      </c>
      <c r="I164" s="499" t="s">
        <v>1025</v>
      </c>
      <c r="J164" s="499" t="s">
        <v>1026</v>
      </c>
      <c r="K164" s="499" t="s">
        <v>1521</v>
      </c>
      <c r="L164" s="499" t="s">
        <v>1521</v>
      </c>
      <c r="M164" s="499" t="s">
        <v>1488</v>
      </c>
      <c r="N164" s="499" t="s">
        <v>1489</v>
      </c>
      <c r="O164" s="499">
        <v>1</v>
      </c>
      <c r="P164" s="499" t="s">
        <v>932</v>
      </c>
      <c r="Q164" s="499" t="s">
        <v>1490</v>
      </c>
      <c r="R164" s="499" t="s">
        <v>1491</v>
      </c>
      <c r="S164" s="499" t="s">
        <v>1492</v>
      </c>
      <c r="T164" s="499" t="s">
        <v>1493</v>
      </c>
      <c r="U164" s="499" t="s">
        <v>1799</v>
      </c>
      <c r="V164" s="946" t="str">
        <f>_xlfn.XLOOKUP(H164, [5]GIS!D:D, [5]GIS!E:E, "Not mapped")</f>
        <v>Single - Scenario 2 (longer segment, one edge in close proximity of a development)</v>
      </c>
      <c r="W164" s="499" t="s">
        <v>1707</v>
      </c>
      <c r="X164" s="987" t="s">
        <v>2618</v>
      </c>
      <c r="Y164" s="987" t="s">
        <v>1526</v>
      </c>
      <c r="Z164" s="949">
        <v>0</v>
      </c>
      <c r="AA164" s="949">
        <v>0</v>
      </c>
      <c r="AB164" s="949">
        <v>104</v>
      </c>
      <c r="AC164" s="949">
        <v>1</v>
      </c>
      <c r="AD164" s="949">
        <v>3</v>
      </c>
      <c r="AE164" s="950">
        <v>2</v>
      </c>
      <c r="AF164" s="950">
        <v>0</v>
      </c>
      <c r="AG164" s="950">
        <v>6</v>
      </c>
      <c r="AH164" s="950">
        <v>0</v>
      </c>
      <c r="AI164" s="950">
        <v>0</v>
      </c>
      <c r="AJ164" s="950">
        <v>1</v>
      </c>
      <c r="AK164" s="950">
        <v>1</v>
      </c>
      <c r="AL164" s="950">
        <v>1</v>
      </c>
      <c r="AM164" s="950">
        <v>0</v>
      </c>
      <c r="AN164" s="951">
        <f>AT164*[5]TripRateCalculations!O$4</f>
        <v>0.22</v>
      </c>
      <c r="AO164" s="951">
        <f>AU164*[5]TripRateCalculations!P$4</f>
        <v>9.2000000000000011</v>
      </c>
      <c r="AP164" s="951">
        <f>AV164*[5]TripRateCalculations!Q$4</f>
        <v>0</v>
      </c>
      <c r="AQ164" s="951">
        <f>AW164*[5]TripRateCalculations!R$4</f>
        <v>0.14645308924485126</v>
      </c>
      <c r="AR164" s="951">
        <f>AX164*[5]TripRateCalculations!S$4</f>
        <v>0</v>
      </c>
      <c r="AS164" s="951">
        <f>AY164*[5]TripRateCalculations!T$4</f>
        <v>2.5229357798165139E-2</v>
      </c>
      <c r="AT164" s="950">
        <v>1</v>
      </c>
      <c r="AU164" s="950">
        <v>118</v>
      </c>
      <c r="AV164" s="950">
        <v>0</v>
      </c>
      <c r="AW164" s="950">
        <v>1</v>
      </c>
      <c r="AX164" s="950">
        <v>0</v>
      </c>
      <c r="AY164" s="950">
        <v>1</v>
      </c>
      <c r="AZ164" s="905" t="s">
        <v>1800</v>
      </c>
      <c r="BA164" s="499" t="s">
        <v>722</v>
      </c>
      <c r="BB164" s="953" t="s">
        <v>53</v>
      </c>
      <c r="BC164" s="980">
        <f>ROUND((VLOOKUP(H164,'[5]Cost Summary'!A:H,8,)),0.1)</f>
        <v>52903</v>
      </c>
      <c r="BD164" s="499">
        <v>2</v>
      </c>
      <c r="BE164" s="499" t="s">
        <v>1976</v>
      </c>
      <c r="BF164" s="954" t="s">
        <v>1584</v>
      </c>
      <c r="BG164" s="1261">
        <v>34370.050000000003</v>
      </c>
      <c r="BH164" s="977">
        <f t="shared" si="177"/>
        <v>0</v>
      </c>
      <c r="BI164" s="974">
        <f t="shared" si="178"/>
        <v>0</v>
      </c>
      <c r="BJ164" s="974">
        <f t="shared" si="179"/>
        <v>0.80876148457603059</v>
      </c>
      <c r="BK164" s="974">
        <f t="shared" si="180"/>
        <v>7.7765527363079867E-3</v>
      </c>
      <c r="BL164" s="974">
        <f t="shared" si="181"/>
        <v>2.3329658208923958E-2</v>
      </c>
      <c r="BM164" s="974">
        <f t="shared" si="182"/>
        <v>1.5553105472615973E-2</v>
      </c>
      <c r="BN164" s="974">
        <f t="shared" si="183"/>
        <v>0</v>
      </c>
      <c r="BO164" s="974">
        <f t="shared" si="184"/>
        <v>4.6659316417847915E-2</v>
      </c>
      <c r="BP164" s="974">
        <f t="shared" si="185"/>
        <v>0</v>
      </c>
      <c r="BQ164" s="974">
        <f t="shared" si="186"/>
        <v>0</v>
      </c>
      <c r="BR164" s="974">
        <f t="shared" si="187"/>
        <v>7.7765527363079867E-3</v>
      </c>
      <c r="BS164" s="974">
        <f t="shared" si="188"/>
        <v>7.7765527363079867E-3</v>
      </c>
      <c r="BT164" s="974">
        <f t="shared" si="189"/>
        <v>7.7765527363079867E-3</v>
      </c>
      <c r="BU164" s="974">
        <f t="shared" si="190"/>
        <v>0</v>
      </c>
      <c r="BV164" s="974">
        <f t="shared" si="191"/>
        <v>1.710841601987757E-3</v>
      </c>
      <c r="BW164" s="974">
        <f t="shared" si="192"/>
        <v>7.1544285174033481E-2</v>
      </c>
      <c r="BX164" s="974">
        <f t="shared" si="193"/>
        <v>0</v>
      </c>
      <c r="BY164" s="974">
        <f t="shared" si="194"/>
        <v>1.1389001719078057E-3</v>
      </c>
      <c r="BZ164" s="974">
        <f t="shared" si="195"/>
        <v>0</v>
      </c>
      <c r="CA164" s="974">
        <f t="shared" si="196"/>
        <v>1.9619743142061435E-4</v>
      </c>
      <c r="CB164" s="973">
        <f t="shared" si="152"/>
        <v>0.99999999999999989</v>
      </c>
    </row>
    <row r="165" spans="3:80" ht="143.25" x14ac:dyDescent="0.25">
      <c r="C165" s="597"/>
      <c r="D165" s="597"/>
      <c r="E165" s="597"/>
      <c r="F165" s="597"/>
      <c r="G165" s="597"/>
      <c r="H165" s="499" t="s">
        <v>1977</v>
      </c>
      <c r="I165" s="499" t="s">
        <v>1028</v>
      </c>
      <c r="J165" s="499" t="s">
        <v>1029</v>
      </c>
      <c r="K165" s="499" t="s">
        <v>1521</v>
      </c>
      <c r="L165" s="499" t="s">
        <v>1521</v>
      </c>
      <c r="M165" s="499" t="s">
        <v>1488</v>
      </c>
      <c r="N165" s="499" t="s">
        <v>1489</v>
      </c>
      <c r="O165" s="499">
        <v>1</v>
      </c>
      <c r="P165" s="499" t="s">
        <v>932</v>
      </c>
      <c r="Q165" s="499" t="s">
        <v>1490</v>
      </c>
      <c r="R165" s="499" t="s">
        <v>1491</v>
      </c>
      <c r="S165" s="499" t="s">
        <v>1492</v>
      </c>
      <c r="T165" s="499" t="s">
        <v>1493</v>
      </c>
      <c r="U165" s="499" t="s">
        <v>1799</v>
      </c>
      <c r="V165" s="946" t="str">
        <f>_xlfn.XLOOKUP(H165, [5]GIS!D:D, [5]GIS!E:E, "Not mapped")</f>
        <v>Single - Scenario 2 (longer segment, one edge in close proximity of a development)</v>
      </c>
      <c r="W165" s="773" t="s">
        <v>1707</v>
      </c>
      <c r="X165" s="987" t="s">
        <v>2618</v>
      </c>
      <c r="Y165" s="987" t="s">
        <v>1526</v>
      </c>
      <c r="Z165" s="949">
        <v>0</v>
      </c>
      <c r="AA165" s="949">
        <v>0</v>
      </c>
      <c r="AB165" s="949">
        <v>104</v>
      </c>
      <c r="AC165" s="949">
        <v>1</v>
      </c>
      <c r="AD165" s="949">
        <v>3</v>
      </c>
      <c r="AE165" s="950">
        <v>2</v>
      </c>
      <c r="AF165" s="950">
        <v>0</v>
      </c>
      <c r="AG165" s="950">
        <v>6</v>
      </c>
      <c r="AH165" s="950">
        <v>0</v>
      </c>
      <c r="AI165" s="950">
        <v>0</v>
      </c>
      <c r="AJ165" s="950">
        <v>1</v>
      </c>
      <c r="AK165" s="950">
        <v>1</v>
      </c>
      <c r="AL165" s="950">
        <v>1</v>
      </c>
      <c r="AM165" s="950">
        <v>0</v>
      </c>
      <c r="AN165" s="951">
        <f>AT165*[5]TripRateCalculations!O$4</f>
        <v>0.22</v>
      </c>
      <c r="AO165" s="951">
        <f>AU165*[5]TripRateCalculations!P$4</f>
        <v>9.2000000000000011</v>
      </c>
      <c r="AP165" s="951">
        <f>AV165*[5]TripRateCalculations!Q$4</f>
        <v>0</v>
      </c>
      <c r="AQ165" s="951">
        <f>AW165*[5]TripRateCalculations!R$4</f>
        <v>0.14645308924485126</v>
      </c>
      <c r="AR165" s="951">
        <f>AX165*[5]TripRateCalculations!S$4</f>
        <v>0</v>
      </c>
      <c r="AS165" s="951">
        <f>AY165*[5]TripRateCalculations!T$4</f>
        <v>2.5229357798165139E-2</v>
      </c>
      <c r="AT165" s="950">
        <v>1</v>
      </c>
      <c r="AU165" s="950">
        <v>118</v>
      </c>
      <c r="AV165" s="950">
        <v>0</v>
      </c>
      <c r="AW165" s="950">
        <v>1</v>
      </c>
      <c r="AX165" s="950">
        <v>0</v>
      </c>
      <c r="AY165" s="950">
        <v>1</v>
      </c>
      <c r="AZ165" s="905" t="s">
        <v>1800</v>
      </c>
      <c r="BA165" s="499" t="s">
        <v>722</v>
      </c>
      <c r="BB165" s="953" t="s">
        <v>53</v>
      </c>
      <c r="BC165" s="980">
        <f>ROUND((VLOOKUP(H165,'[5]Cost Summary'!A:H,8,)),0.1)</f>
        <v>1139069</v>
      </c>
      <c r="BD165" s="499">
        <v>2</v>
      </c>
      <c r="BE165" s="499" t="s">
        <v>1976</v>
      </c>
      <c r="BF165" s="954" t="s">
        <v>1584</v>
      </c>
      <c r="BG165" s="1261">
        <v>740025</v>
      </c>
      <c r="BH165" s="977">
        <f t="shared" si="177"/>
        <v>0</v>
      </c>
      <c r="BI165" s="974">
        <f t="shared" si="178"/>
        <v>0</v>
      </c>
      <c r="BJ165" s="974">
        <f t="shared" si="179"/>
        <v>0.80876148457603059</v>
      </c>
      <c r="BK165" s="974">
        <f t="shared" si="180"/>
        <v>7.7765527363079867E-3</v>
      </c>
      <c r="BL165" s="974">
        <f t="shared" si="181"/>
        <v>2.3329658208923958E-2</v>
      </c>
      <c r="BM165" s="974">
        <f t="shared" si="182"/>
        <v>1.5553105472615973E-2</v>
      </c>
      <c r="BN165" s="974">
        <f t="shared" si="183"/>
        <v>0</v>
      </c>
      <c r="BO165" s="974">
        <f t="shared" si="184"/>
        <v>4.6659316417847915E-2</v>
      </c>
      <c r="BP165" s="974">
        <f t="shared" si="185"/>
        <v>0</v>
      </c>
      <c r="BQ165" s="974">
        <f t="shared" si="186"/>
        <v>0</v>
      </c>
      <c r="BR165" s="974">
        <f t="shared" si="187"/>
        <v>7.7765527363079867E-3</v>
      </c>
      <c r="BS165" s="974">
        <f t="shared" si="188"/>
        <v>7.7765527363079867E-3</v>
      </c>
      <c r="BT165" s="974">
        <f t="shared" si="189"/>
        <v>7.7765527363079867E-3</v>
      </c>
      <c r="BU165" s="974">
        <f t="shared" si="190"/>
        <v>0</v>
      </c>
      <c r="BV165" s="974">
        <f t="shared" si="191"/>
        <v>1.710841601987757E-3</v>
      </c>
      <c r="BW165" s="974">
        <f t="shared" si="192"/>
        <v>7.1544285174033481E-2</v>
      </c>
      <c r="BX165" s="974">
        <f t="shared" si="193"/>
        <v>0</v>
      </c>
      <c r="BY165" s="974">
        <f t="shared" si="194"/>
        <v>1.1389001719078057E-3</v>
      </c>
      <c r="BZ165" s="974">
        <f t="shared" si="195"/>
        <v>0</v>
      </c>
      <c r="CA165" s="974">
        <f t="shared" si="196"/>
        <v>1.9619743142061435E-4</v>
      </c>
      <c r="CB165" s="973">
        <f t="shared" si="152"/>
        <v>0.99999999999999989</v>
      </c>
    </row>
    <row r="166" spans="3:80" ht="263.64999999999998" customHeight="1" x14ac:dyDescent="0.25">
      <c r="C166" s="597"/>
      <c r="D166" s="597" t="s">
        <v>66</v>
      </c>
      <c r="E166" s="597"/>
      <c r="F166" s="597"/>
      <c r="G166" s="597"/>
      <c r="H166" s="499" t="s">
        <v>1978</v>
      </c>
      <c r="I166" s="499" t="s">
        <v>1032</v>
      </c>
      <c r="J166" s="499" t="s">
        <v>1033</v>
      </c>
      <c r="K166" s="499" t="s">
        <v>1980</v>
      </c>
      <c r="L166" s="499" t="s">
        <v>1981</v>
      </c>
      <c r="M166" s="499" t="s">
        <v>1488</v>
      </c>
      <c r="N166" s="499" t="s">
        <v>1523</v>
      </c>
      <c r="O166" s="499">
        <v>2</v>
      </c>
      <c r="P166" s="499" t="s">
        <v>900</v>
      </c>
      <c r="Q166" s="499" t="s">
        <v>1616</v>
      </c>
      <c r="R166" s="499" t="s">
        <v>1491</v>
      </c>
      <c r="S166" s="499" t="s">
        <v>1492</v>
      </c>
      <c r="T166" s="499" t="s">
        <v>1493</v>
      </c>
      <c r="U166" s="499" t="s">
        <v>1799</v>
      </c>
      <c r="V166" s="946" t="str">
        <f>_xlfn.XLOOKUP(H166, [5]GIS!D:D, [5]GIS!E:E, "Not mapped")</f>
        <v>Single - Scenario 3</v>
      </c>
      <c r="W166" s="1262" t="s">
        <v>1495</v>
      </c>
      <c r="X166" s="987" t="s">
        <v>2618</v>
      </c>
      <c r="Y166" s="987" t="s">
        <v>1526</v>
      </c>
      <c r="Z166" s="949">
        <v>18</v>
      </c>
      <c r="AA166" s="949">
        <v>13</v>
      </c>
      <c r="AB166" s="949">
        <v>72</v>
      </c>
      <c r="AC166" s="949">
        <v>22</v>
      </c>
      <c r="AD166" s="949">
        <v>3</v>
      </c>
      <c r="AE166" s="950">
        <v>17</v>
      </c>
      <c r="AF166" s="950">
        <v>17</v>
      </c>
      <c r="AG166" s="950">
        <v>84</v>
      </c>
      <c r="AH166" s="950">
        <v>13</v>
      </c>
      <c r="AI166" s="963">
        <v>8</v>
      </c>
      <c r="AJ166" s="963">
        <v>47</v>
      </c>
      <c r="AK166" s="963">
        <v>69</v>
      </c>
      <c r="AL166" s="963">
        <v>3</v>
      </c>
      <c r="AM166" s="963">
        <v>4</v>
      </c>
      <c r="AN166" s="951">
        <f>AT166*[5]TripRateCalculations!O$4</f>
        <v>6.6</v>
      </c>
      <c r="AO166" s="951">
        <f>AU166*[5]TripRateCalculations!P$4</f>
        <v>9.2000000000000011</v>
      </c>
      <c r="AP166" s="951">
        <f>AV166*[5]TripRateCalculations!Q$4</f>
        <v>1.7326203208556148</v>
      </c>
      <c r="AQ166" s="951">
        <f>AW166*[5]TripRateCalculations!R$4</f>
        <v>5.8581235697940501</v>
      </c>
      <c r="AR166" s="951">
        <f>AX166*[5]TripRateCalculations!S$4</f>
        <v>1.8260869565217392</v>
      </c>
      <c r="AS166" s="951">
        <f>AY166*[5]TripRateCalculations!T$4</f>
        <v>1.0091743119266057</v>
      </c>
      <c r="AT166" s="963">
        <v>30</v>
      </c>
      <c r="AU166" s="963">
        <v>118</v>
      </c>
      <c r="AV166" s="963">
        <v>6</v>
      </c>
      <c r="AW166" s="963">
        <v>40</v>
      </c>
      <c r="AX166" s="963">
        <v>18</v>
      </c>
      <c r="AY166" s="963">
        <v>40</v>
      </c>
      <c r="AZ166" s="905" t="s">
        <v>1800</v>
      </c>
      <c r="BA166" s="499" t="s">
        <v>834</v>
      </c>
      <c r="BB166" s="953" t="s">
        <v>53</v>
      </c>
      <c r="BC166" s="980">
        <f>ROUND((VLOOKUP(H166,'[5]Cost Summary'!A:H,8,)),0.1)</f>
        <v>759380</v>
      </c>
      <c r="BD166" s="499">
        <v>2</v>
      </c>
      <c r="BE166" s="499" t="s">
        <v>1976</v>
      </c>
      <c r="BF166" s="954" t="s">
        <v>1584</v>
      </c>
      <c r="BG166" s="1261">
        <v>493350</v>
      </c>
      <c r="BH166" s="977">
        <f t="shared" si="177"/>
        <v>4.3245736155096054E-2</v>
      </c>
      <c r="BI166" s="974">
        <f t="shared" si="178"/>
        <v>3.1233031667569369E-2</v>
      </c>
      <c r="BJ166" s="974">
        <f t="shared" si="179"/>
        <v>0.17298294462038422</v>
      </c>
      <c r="BK166" s="974">
        <f t="shared" si="180"/>
        <v>5.2855899745117396E-2</v>
      </c>
      <c r="BL166" s="974">
        <f t="shared" si="181"/>
        <v>7.2076226925160084E-3</v>
      </c>
      <c r="BM166" s="974">
        <f t="shared" si="182"/>
        <v>4.0843195257590711E-2</v>
      </c>
      <c r="BN166" s="974">
        <f t="shared" si="183"/>
        <v>4.0843195257590711E-2</v>
      </c>
      <c r="BO166" s="974">
        <f t="shared" si="184"/>
        <v>0.20181343539044824</v>
      </c>
      <c r="BP166" s="974">
        <f t="shared" si="185"/>
        <v>3.1233031667569369E-2</v>
      </c>
      <c r="BQ166" s="974">
        <f t="shared" si="186"/>
        <v>1.9220327180042688E-2</v>
      </c>
      <c r="BR166" s="974">
        <f t="shared" si="187"/>
        <v>0.11291942218275079</v>
      </c>
      <c r="BS166" s="974">
        <f t="shared" si="188"/>
        <v>0.1657753219278682</v>
      </c>
      <c r="BT166" s="974">
        <f t="shared" si="189"/>
        <v>7.2076226925160084E-3</v>
      </c>
      <c r="BU166" s="974">
        <f t="shared" si="190"/>
        <v>9.610163590021344E-3</v>
      </c>
      <c r="BV166" s="974">
        <f t="shared" si="191"/>
        <v>1.5856769923535217E-2</v>
      </c>
      <c r="BW166" s="974">
        <f t="shared" si="192"/>
        <v>2.2103376257049095E-2</v>
      </c>
      <c r="BX166" s="974">
        <f t="shared" si="193"/>
        <v>4.1626911807044319E-3</v>
      </c>
      <c r="BY166" s="974">
        <f t="shared" si="194"/>
        <v>1.4074381459070161E-2</v>
      </c>
      <c r="BZ166" s="974">
        <f t="shared" si="195"/>
        <v>4.3872485954445269E-3</v>
      </c>
      <c r="CA166" s="974">
        <f t="shared" si="196"/>
        <v>2.4245825571154772E-3</v>
      </c>
      <c r="CB166" s="973">
        <f t="shared" si="152"/>
        <v>1</v>
      </c>
    </row>
    <row r="167" spans="3:80" ht="143.25" x14ac:dyDescent="0.25">
      <c r="C167" s="597" t="s">
        <v>66</v>
      </c>
      <c r="D167" s="597"/>
      <c r="E167" s="597"/>
      <c r="F167" s="597"/>
      <c r="G167" s="597"/>
      <c r="H167" s="499" t="s">
        <v>1982</v>
      </c>
      <c r="I167" s="499" t="s">
        <v>1034</v>
      </c>
      <c r="J167" s="499" t="s">
        <v>1035</v>
      </c>
      <c r="K167" s="499">
        <v>51.740063370000001</v>
      </c>
      <c r="L167" s="499">
        <v>-0.472809957</v>
      </c>
      <c r="M167" s="499" t="s">
        <v>1522</v>
      </c>
      <c r="N167" s="499" t="s">
        <v>1489</v>
      </c>
      <c r="O167" s="499">
        <v>1</v>
      </c>
      <c r="P167" s="499" t="s">
        <v>932</v>
      </c>
      <c r="Q167" s="499" t="s">
        <v>1490</v>
      </c>
      <c r="R167" s="499" t="s">
        <v>1491</v>
      </c>
      <c r="S167" s="499" t="s">
        <v>1492</v>
      </c>
      <c r="T167" s="499" t="s">
        <v>1493</v>
      </c>
      <c r="U167" s="499" t="s">
        <v>1795</v>
      </c>
      <c r="V167" s="946" t="str">
        <f>_xlfn.XLOOKUP(H167, [5]GIS!D:D, [5]GIS!E:E, "Not mapped")</f>
        <v>Multiple - Scenario 1</v>
      </c>
      <c r="W167" s="499" t="s">
        <v>1707</v>
      </c>
      <c r="X167" s="987" t="s">
        <v>2618</v>
      </c>
      <c r="Y167" s="987" t="s">
        <v>1526</v>
      </c>
      <c r="Z167" s="949">
        <v>3</v>
      </c>
      <c r="AA167" s="949">
        <v>3</v>
      </c>
      <c r="AB167" s="949">
        <v>7</v>
      </c>
      <c r="AC167" s="949">
        <v>4</v>
      </c>
      <c r="AD167" s="949">
        <v>3</v>
      </c>
      <c r="AE167" s="950">
        <v>18</v>
      </c>
      <c r="AF167" s="950">
        <v>5</v>
      </c>
      <c r="AG167" s="950">
        <v>84</v>
      </c>
      <c r="AH167" s="950">
        <v>4</v>
      </c>
      <c r="AI167" s="950">
        <v>2</v>
      </c>
      <c r="AJ167" s="950">
        <v>6</v>
      </c>
      <c r="AK167" s="950">
        <v>14</v>
      </c>
      <c r="AL167" s="950">
        <v>2</v>
      </c>
      <c r="AM167" s="950">
        <v>1</v>
      </c>
      <c r="AN167" s="951">
        <f>AT167*[5]TripRateCalculations!O$4</f>
        <v>1.54</v>
      </c>
      <c r="AO167" s="951">
        <f>AU167*[5]TripRateCalculations!P$4</f>
        <v>5.1457627118644069</v>
      </c>
      <c r="AP167" s="951">
        <f>AV167*[5]TripRateCalculations!Q$4</f>
        <v>0.8663101604278074</v>
      </c>
      <c r="AQ167" s="951">
        <f>AW167*[5]TripRateCalculations!R$4</f>
        <v>0.4393592677345538</v>
      </c>
      <c r="AR167" s="951">
        <f>AX167*[5]TripRateCalculations!S$4</f>
        <v>0.40579710144927539</v>
      </c>
      <c r="AS167" s="951">
        <f>AY167*[5]TripRateCalculations!T$4</f>
        <v>0.15137614678899083</v>
      </c>
      <c r="AT167" s="950">
        <v>7</v>
      </c>
      <c r="AU167" s="950">
        <v>66</v>
      </c>
      <c r="AV167" s="950">
        <v>3</v>
      </c>
      <c r="AW167" s="950">
        <v>3</v>
      </c>
      <c r="AX167" s="950">
        <v>4</v>
      </c>
      <c r="AY167" s="950">
        <v>6</v>
      </c>
      <c r="AZ167" s="905" t="s">
        <v>1983</v>
      </c>
      <c r="BA167" s="499" t="s">
        <v>722</v>
      </c>
      <c r="BB167" s="953" t="s">
        <v>53</v>
      </c>
      <c r="BC167" s="980">
        <f>ROUND((VLOOKUP(H167,'[5]Cost Summary'!A:H,8,)),0.1)</f>
        <v>39499</v>
      </c>
      <c r="BD167" s="499">
        <v>1</v>
      </c>
      <c r="BE167" s="499">
        <v>7</v>
      </c>
      <c r="BF167" s="954" t="s">
        <v>1584</v>
      </c>
      <c r="BG167" s="1261">
        <v>25661.25</v>
      </c>
      <c r="BH167" s="977">
        <f t="shared" si="177"/>
        <v>1.8231695084387194E-2</v>
      </c>
      <c r="BI167" s="974">
        <f t="shared" si="178"/>
        <v>1.8231695084387194E-2</v>
      </c>
      <c r="BJ167" s="974">
        <f t="shared" si="179"/>
        <v>4.2540621863570119E-2</v>
      </c>
      <c r="BK167" s="974">
        <f t="shared" si="180"/>
        <v>2.4308926779182925E-2</v>
      </c>
      <c r="BL167" s="974">
        <f t="shared" si="181"/>
        <v>1.8231695084387194E-2</v>
      </c>
      <c r="BM167" s="974">
        <f t="shared" si="182"/>
        <v>0.10939017050632316</v>
      </c>
      <c r="BN167" s="974">
        <f t="shared" si="183"/>
        <v>3.0386158473978655E-2</v>
      </c>
      <c r="BO167" s="974">
        <f t="shared" si="184"/>
        <v>0.51048746236284137</v>
      </c>
      <c r="BP167" s="974">
        <f t="shared" si="185"/>
        <v>2.4308926779182925E-2</v>
      </c>
      <c r="BQ167" s="974">
        <f t="shared" si="186"/>
        <v>1.2154463389591462E-2</v>
      </c>
      <c r="BR167" s="974">
        <f t="shared" si="187"/>
        <v>3.6463390168774389E-2</v>
      </c>
      <c r="BS167" s="974">
        <f t="shared" si="188"/>
        <v>8.5081243727140238E-2</v>
      </c>
      <c r="BT167" s="974">
        <f t="shared" si="189"/>
        <v>1.2154463389591462E-2</v>
      </c>
      <c r="BU167" s="974">
        <f t="shared" si="190"/>
        <v>6.0772316947957311E-3</v>
      </c>
      <c r="BV167" s="974">
        <f t="shared" si="191"/>
        <v>9.3589368099854259E-3</v>
      </c>
      <c r="BW167" s="974">
        <f t="shared" si="192"/>
        <v>3.1271992246440408E-2</v>
      </c>
      <c r="BX167" s="974">
        <f t="shared" si="193"/>
        <v>5.2647675644754456E-3</v>
      </c>
      <c r="BY167" s="974">
        <f t="shared" si="194"/>
        <v>2.6700880672786737E-3</v>
      </c>
      <c r="BZ167" s="974">
        <f t="shared" si="195"/>
        <v>2.4661230065837749E-3</v>
      </c>
      <c r="CA167" s="974">
        <f t="shared" si="196"/>
        <v>9.1994791710210612E-4</v>
      </c>
      <c r="CB167" s="973">
        <f t="shared" si="152"/>
        <v>0.99999999999999989</v>
      </c>
    </row>
    <row r="168" spans="3:80" ht="57.75" x14ac:dyDescent="0.25">
      <c r="C168" s="597" t="s">
        <v>66</v>
      </c>
      <c r="D168" s="597"/>
      <c r="E168" s="597"/>
      <c r="F168" s="597"/>
      <c r="G168" s="597"/>
      <c r="H168" s="499" t="s">
        <v>1984</v>
      </c>
      <c r="I168" s="499" t="s">
        <v>1037</v>
      </c>
      <c r="J168" s="499" t="s">
        <v>1038</v>
      </c>
      <c r="K168" s="499">
        <v>51.739810910000003</v>
      </c>
      <c r="L168" s="499">
        <v>-0.47321228799999998</v>
      </c>
      <c r="M168" s="499" t="s">
        <v>1522</v>
      </c>
      <c r="N168" s="499" t="s">
        <v>1489</v>
      </c>
      <c r="O168" s="499">
        <v>1</v>
      </c>
      <c r="P168" s="499" t="s">
        <v>932</v>
      </c>
      <c r="Q168" s="499" t="s">
        <v>1490</v>
      </c>
      <c r="R168" s="499" t="s">
        <v>1491</v>
      </c>
      <c r="S168" s="499" t="s">
        <v>1492</v>
      </c>
      <c r="T168" s="499" t="s">
        <v>1493</v>
      </c>
      <c r="U168" s="499" t="s">
        <v>1795</v>
      </c>
      <c r="V168" s="946" t="str">
        <f>_xlfn.XLOOKUP(H168, [5]GIS!D:D, [5]GIS!E:E, "Not mapped")</f>
        <v>Multiple - Scenario 1</v>
      </c>
      <c r="W168" s="499" t="s">
        <v>1707</v>
      </c>
      <c r="X168" s="987" t="s">
        <v>2618</v>
      </c>
      <c r="Y168" s="987" t="s">
        <v>1526</v>
      </c>
      <c r="Z168" s="949">
        <v>3</v>
      </c>
      <c r="AA168" s="949">
        <v>3</v>
      </c>
      <c r="AB168" s="949">
        <v>7</v>
      </c>
      <c r="AC168" s="949">
        <v>4</v>
      </c>
      <c r="AD168" s="949">
        <v>3</v>
      </c>
      <c r="AE168" s="950">
        <v>18</v>
      </c>
      <c r="AF168" s="950">
        <v>5</v>
      </c>
      <c r="AG168" s="950">
        <v>84</v>
      </c>
      <c r="AH168" s="950">
        <v>4</v>
      </c>
      <c r="AI168" s="950">
        <v>2</v>
      </c>
      <c r="AJ168" s="950">
        <v>6</v>
      </c>
      <c r="AK168" s="950">
        <v>14</v>
      </c>
      <c r="AL168" s="950">
        <v>2</v>
      </c>
      <c r="AM168" s="950">
        <v>1</v>
      </c>
      <c r="AN168" s="951">
        <f>AT168*[5]TripRateCalculations!O$4</f>
        <v>1.54</v>
      </c>
      <c r="AO168" s="951">
        <f>AU168*[5]TripRateCalculations!P$4</f>
        <v>5.1457627118644069</v>
      </c>
      <c r="AP168" s="951">
        <f>AV168*[5]TripRateCalculations!Q$4</f>
        <v>0.8663101604278074</v>
      </c>
      <c r="AQ168" s="951">
        <f>AW168*[5]TripRateCalculations!R$4</f>
        <v>0.4393592677345538</v>
      </c>
      <c r="AR168" s="951">
        <f>AX168*[5]TripRateCalculations!S$4</f>
        <v>0.40579710144927539</v>
      </c>
      <c r="AS168" s="951">
        <f>AY168*[5]TripRateCalculations!T$4</f>
        <v>0.15137614678899083</v>
      </c>
      <c r="AT168" s="950">
        <v>7</v>
      </c>
      <c r="AU168" s="950">
        <v>66</v>
      </c>
      <c r="AV168" s="950">
        <v>3</v>
      </c>
      <c r="AW168" s="950">
        <v>3</v>
      </c>
      <c r="AX168" s="950">
        <v>4</v>
      </c>
      <c r="AY168" s="950">
        <v>6</v>
      </c>
      <c r="AZ168" s="905" t="s">
        <v>1983</v>
      </c>
      <c r="BA168" s="499" t="s">
        <v>722</v>
      </c>
      <c r="BB168" s="953" t="s">
        <v>53</v>
      </c>
      <c r="BC168" s="980">
        <f>ROUND((VLOOKUP(H168,'[5]Cost Summary'!A:H,8,)),0.1)</f>
        <v>89860</v>
      </c>
      <c r="BD168" s="499">
        <v>1</v>
      </c>
      <c r="BE168" s="499">
        <v>7</v>
      </c>
      <c r="BF168" s="954" t="s">
        <v>1584</v>
      </c>
      <c r="BG168" s="1261">
        <v>58379.75</v>
      </c>
      <c r="BH168" s="977">
        <f t="shared" si="177"/>
        <v>1.8231695084387194E-2</v>
      </c>
      <c r="BI168" s="974">
        <f t="shared" si="178"/>
        <v>1.8231695084387194E-2</v>
      </c>
      <c r="BJ168" s="974">
        <f t="shared" si="179"/>
        <v>4.2540621863570119E-2</v>
      </c>
      <c r="BK168" s="974">
        <f t="shared" si="180"/>
        <v>2.4308926779182925E-2</v>
      </c>
      <c r="BL168" s="974">
        <f t="shared" si="181"/>
        <v>1.8231695084387194E-2</v>
      </c>
      <c r="BM168" s="974">
        <f t="shared" si="182"/>
        <v>0.10939017050632316</v>
      </c>
      <c r="BN168" s="974">
        <f t="shared" si="183"/>
        <v>3.0386158473978655E-2</v>
      </c>
      <c r="BO168" s="974">
        <f t="shared" si="184"/>
        <v>0.51048746236284137</v>
      </c>
      <c r="BP168" s="974">
        <f t="shared" si="185"/>
        <v>2.4308926779182925E-2</v>
      </c>
      <c r="BQ168" s="974">
        <f t="shared" si="186"/>
        <v>1.2154463389591462E-2</v>
      </c>
      <c r="BR168" s="974">
        <f t="shared" si="187"/>
        <v>3.6463390168774389E-2</v>
      </c>
      <c r="BS168" s="974">
        <f t="shared" si="188"/>
        <v>8.5081243727140238E-2</v>
      </c>
      <c r="BT168" s="974">
        <f t="shared" si="189"/>
        <v>1.2154463389591462E-2</v>
      </c>
      <c r="BU168" s="974">
        <f t="shared" si="190"/>
        <v>6.0772316947957311E-3</v>
      </c>
      <c r="BV168" s="974">
        <f t="shared" si="191"/>
        <v>9.3589368099854259E-3</v>
      </c>
      <c r="BW168" s="974">
        <f t="shared" si="192"/>
        <v>3.1271992246440408E-2</v>
      </c>
      <c r="BX168" s="974">
        <f t="shared" si="193"/>
        <v>5.2647675644754456E-3</v>
      </c>
      <c r="BY168" s="974">
        <f t="shared" si="194"/>
        <v>2.6700880672786737E-3</v>
      </c>
      <c r="BZ168" s="974">
        <f t="shared" si="195"/>
        <v>2.4661230065837749E-3</v>
      </c>
      <c r="CA168" s="974">
        <f t="shared" si="196"/>
        <v>9.1994791710210612E-4</v>
      </c>
      <c r="CB168" s="973">
        <f t="shared" si="152"/>
        <v>0.99999999999999989</v>
      </c>
    </row>
    <row r="169" spans="3:80" ht="57.75" x14ac:dyDescent="0.25">
      <c r="C169" s="597" t="s">
        <v>66</v>
      </c>
      <c r="D169" s="597" t="s">
        <v>66</v>
      </c>
      <c r="E169" s="597"/>
      <c r="F169" s="597"/>
      <c r="G169" s="597"/>
      <c r="H169" s="499" t="s">
        <v>1985</v>
      </c>
      <c r="I169" s="499" t="s">
        <v>1039</v>
      </c>
      <c r="J169" s="499" t="s">
        <v>1040</v>
      </c>
      <c r="K169" s="499">
        <v>51.738168549999997</v>
      </c>
      <c r="L169" s="499">
        <v>-0.47052645799999998</v>
      </c>
      <c r="M169" s="499" t="s">
        <v>1522</v>
      </c>
      <c r="N169" s="499" t="s">
        <v>1489</v>
      </c>
      <c r="O169" s="499">
        <v>1</v>
      </c>
      <c r="P169" s="499" t="s">
        <v>932</v>
      </c>
      <c r="Q169" s="499" t="s">
        <v>1490</v>
      </c>
      <c r="R169" s="499" t="s">
        <v>1491</v>
      </c>
      <c r="S169" s="499" t="s">
        <v>1492</v>
      </c>
      <c r="T169" s="499" t="s">
        <v>1493</v>
      </c>
      <c r="U169" s="499" t="s">
        <v>1795</v>
      </c>
      <c r="V169" s="946" t="str">
        <f>_xlfn.XLOOKUP(H169, [5]GIS!D:D, [5]GIS!E:E, "Not mapped")</f>
        <v>Multiple - Scenario 1</v>
      </c>
      <c r="W169" s="499" t="s">
        <v>1707</v>
      </c>
      <c r="X169" s="987" t="s">
        <v>2618</v>
      </c>
      <c r="Y169" s="987" t="s">
        <v>1526</v>
      </c>
      <c r="Z169" s="949">
        <v>2</v>
      </c>
      <c r="AA169" s="949">
        <v>2</v>
      </c>
      <c r="AB169" s="949">
        <v>5</v>
      </c>
      <c r="AC169" s="949">
        <v>2</v>
      </c>
      <c r="AD169" s="949">
        <v>2</v>
      </c>
      <c r="AE169" s="950">
        <v>63</v>
      </c>
      <c r="AF169" s="950">
        <v>1</v>
      </c>
      <c r="AG169" s="950">
        <v>2</v>
      </c>
      <c r="AH169" s="950">
        <v>1</v>
      </c>
      <c r="AI169" s="950">
        <v>1</v>
      </c>
      <c r="AJ169" s="950">
        <v>3</v>
      </c>
      <c r="AK169" s="950">
        <v>6</v>
      </c>
      <c r="AL169" s="950">
        <v>1</v>
      </c>
      <c r="AM169" s="950">
        <v>1</v>
      </c>
      <c r="AN169" s="951">
        <f>AT169*[5]TripRateCalculations!O$4</f>
        <v>1.1000000000000001</v>
      </c>
      <c r="AO169" s="951">
        <f>AU169*[5]TripRateCalculations!P$4</f>
        <v>3.274576271186441</v>
      </c>
      <c r="AP169" s="951">
        <f>AV169*[5]TripRateCalculations!Q$4</f>
        <v>0.57754010695187163</v>
      </c>
      <c r="AQ169" s="951">
        <f>AW169*[5]TripRateCalculations!R$4</f>
        <v>0.4393592677345538</v>
      </c>
      <c r="AR169" s="951">
        <f>AX169*[5]TripRateCalculations!S$4</f>
        <v>0.20289855072463769</v>
      </c>
      <c r="AS169" s="951">
        <f>AY169*[5]TripRateCalculations!T$4</f>
        <v>7.5688073394495417E-2</v>
      </c>
      <c r="AT169" s="950">
        <v>5</v>
      </c>
      <c r="AU169" s="950">
        <v>42</v>
      </c>
      <c r="AV169" s="950">
        <v>2</v>
      </c>
      <c r="AW169" s="950">
        <v>3</v>
      </c>
      <c r="AX169" s="950">
        <v>2</v>
      </c>
      <c r="AY169" s="950">
        <v>3</v>
      </c>
      <c r="AZ169" s="905" t="s">
        <v>1983</v>
      </c>
      <c r="BA169" s="499" t="s">
        <v>722</v>
      </c>
      <c r="BB169" s="953" t="s">
        <v>53</v>
      </c>
      <c r="BC169" s="980">
        <f>ROUND((VLOOKUP(H169,'[5]Cost Summary'!A:H,8,)),0.1)</f>
        <v>86063</v>
      </c>
      <c r="BD169" s="499">
        <v>1</v>
      </c>
      <c r="BE169" s="499">
        <v>7</v>
      </c>
      <c r="BF169" s="954" t="s">
        <v>1584</v>
      </c>
      <c r="BG169" s="1261">
        <v>55913</v>
      </c>
      <c r="BH169" s="977">
        <f t="shared" si="177"/>
        <v>2.047710376667259E-2</v>
      </c>
      <c r="BI169" s="974">
        <f t="shared" si="178"/>
        <v>2.047710376667259E-2</v>
      </c>
      <c r="BJ169" s="974">
        <f t="shared" si="179"/>
        <v>5.1192759416681478E-2</v>
      </c>
      <c r="BK169" s="974">
        <f t="shared" si="180"/>
        <v>2.047710376667259E-2</v>
      </c>
      <c r="BL169" s="974">
        <f t="shared" si="181"/>
        <v>2.047710376667259E-2</v>
      </c>
      <c r="BM169" s="974">
        <f t="shared" si="182"/>
        <v>0.64502876865018666</v>
      </c>
      <c r="BN169" s="974">
        <f t="shared" si="183"/>
        <v>1.0238551883336295E-2</v>
      </c>
      <c r="BO169" s="974">
        <f t="shared" si="184"/>
        <v>2.047710376667259E-2</v>
      </c>
      <c r="BP169" s="974">
        <f t="shared" si="185"/>
        <v>1.0238551883336295E-2</v>
      </c>
      <c r="BQ169" s="974">
        <f t="shared" si="186"/>
        <v>1.0238551883336295E-2</v>
      </c>
      <c r="BR169" s="974">
        <f t="shared" si="187"/>
        <v>3.0715655650008885E-2</v>
      </c>
      <c r="BS169" s="974">
        <f t="shared" si="188"/>
        <v>6.143131130001777E-2</v>
      </c>
      <c r="BT169" s="974">
        <f t="shared" si="189"/>
        <v>1.0238551883336295E-2</v>
      </c>
      <c r="BU169" s="974">
        <f t="shared" si="190"/>
        <v>1.0238551883336295E-2</v>
      </c>
      <c r="BV169" s="974">
        <f t="shared" si="191"/>
        <v>1.1262407071669926E-2</v>
      </c>
      <c r="BW169" s="974">
        <f t="shared" si="192"/>
        <v>3.3526919048484281E-2</v>
      </c>
      <c r="BX169" s="974">
        <f t="shared" si="193"/>
        <v>5.9131743497343311E-3</v>
      </c>
      <c r="BY169" s="974">
        <f t="shared" si="194"/>
        <v>4.4984026581248717E-3</v>
      </c>
      <c r="BZ169" s="974">
        <f t="shared" si="195"/>
        <v>2.0773873386479443E-3</v>
      </c>
      <c r="CA169" s="974">
        <f t="shared" si="196"/>
        <v>7.7493626639930685E-4</v>
      </c>
      <c r="CB169" s="973">
        <f t="shared" si="152"/>
        <v>1</v>
      </c>
    </row>
    <row r="170" spans="3:80" ht="86.25" hidden="1" x14ac:dyDescent="0.25">
      <c r="C170" s="597"/>
      <c r="D170" s="597" t="s">
        <v>66</v>
      </c>
      <c r="E170" s="597"/>
      <c r="F170" s="597"/>
      <c r="G170" s="597"/>
      <c r="H170" s="499" t="s">
        <v>1986</v>
      </c>
      <c r="I170" s="499" t="s">
        <v>1203</v>
      </c>
      <c r="J170" s="499" t="s">
        <v>1204</v>
      </c>
      <c r="K170" s="499">
        <v>51.742852689999999</v>
      </c>
      <c r="L170" s="499">
        <v>-0.46993832200000002</v>
      </c>
      <c r="M170" s="499" t="s">
        <v>1488</v>
      </c>
      <c r="N170" s="499" t="s">
        <v>1489</v>
      </c>
      <c r="O170" s="499">
        <v>1</v>
      </c>
      <c r="P170" s="499" t="s">
        <v>932</v>
      </c>
      <c r="Q170" s="499" t="s">
        <v>1490</v>
      </c>
      <c r="R170" s="499" t="s">
        <v>1491</v>
      </c>
      <c r="S170" s="499" t="s">
        <v>1492</v>
      </c>
      <c r="T170" s="499" t="s">
        <v>1493</v>
      </c>
      <c r="U170" s="499" t="s">
        <v>1988</v>
      </c>
      <c r="V170" s="946" t="str">
        <f>_xlfn.XLOOKUP(H170, [5]GIS!D:D, [5]GIS!E:E, "Not mapped")</f>
        <v>Multiple - Scenario 1</v>
      </c>
      <c r="W170" s="1257" t="s">
        <v>1495</v>
      </c>
      <c r="X170" s="579" t="s">
        <v>1496</v>
      </c>
      <c r="Y170" s="1258" t="s">
        <v>1497</v>
      </c>
      <c r="Z170" s="1259" t="s">
        <v>1498</v>
      </c>
      <c r="AA170" s="1259" t="s">
        <v>1498</v>
      </c>
      <c r="AB170" s="1259" t="s">
        <v>1498</v>
      </c>
      <c r="AC170" s="1259" t="s">
        <v>1498</v>
      </c>
      <c r="AD170" s="1259" t="s">
        <v>1498</v>
      </c>
      <c r="AE170" s="1259" t="s">
        <v>1498</v>
      </c>
      <c r="AF170" s="1259" t="s">
        <v>1498</v>
      </c>
      <c r="AG170" s="1259" t="s">
        <v>1498</v>
      </c>
      <c r="AH170" s="1259" t="s">
        <v>1498</v>
      </c>
      <c r="AI170" s="1259" t="s">
        <v>1498</v>
      </c>
      <c r="AJ170" s="1259" t="s">
        <v>1498</v>
      </c>
      <c r="AK170" s="1259" t="s">
        <v>1498</v>
      </c>
      <c r="AL170" s="1259" t="s">
        <v>1498</v>
      </c>
      <c r="AM170" s="1259" t="s">
        <v>1498</v>
      </c>
      <c r="AN170" s="1259" t="s">
        <v>1498</v>
      </c>
      <c r="AO170" s="1259" t="s">
        <v>1498</v>
      </c>
      <c r="AP170" s="1259" t="s">
        <v>1498</v>
      </c>
      <c r="AQ170" s="1259" t="s">
        <v>1498</v>
      </c>
      <c r="AR170" s="1259" t="s">
        <v>1498</v>
      </c>
      <c r="AS170" s="1259" t="s">
        <v>1498</v>
      </c>
      <c r="AT170" s="1259" t="s">
        <v>1498</v>
      </c>
      <c r="AU170" s="1259" t="s">
        <v>1498</v>
      </c>
      <c r="AV170" s="1259" t="s">
        <v>1498</v>
      </c>
      <c r="AW170" s="1259" t="s">
        <v>1498</v>
      </c>
      <c r="AX170" s="1259" t="s">
        <v>1498</v>
      </c>
      <c r="AY170" s="1259" t="s">
        <v>1498</v>
      </c>
      <c r="AZ170" s="905" t="s">
        <v>1989</v>
      </c>
      <c r="BA170" s="499" t="s">
        <v>722</v>
      </c>
      <c r="BB170" s="953" t="s">
        <v>53</v>
      </c>
      <c r="BC170" s="980">
        <f>ROUND((VLOOKUP(H170,'[5]Cost Summary'!A:H,8,)),0.1)</f>
        <v>33063</v>
      </c>
      <c r="BD170" s="499">
        <v>0</v>
      </c>
      <c r="BE170" s="499" t="s">
        <v>1500</v>
      </c>
      <c r="BF170" s="954" t="s">
        <v>1584</v>
      </c>
      <c r="BG170" s="1261">
        <v>21480.01</v>
      </c>
      <c r="BH170" s="976" t="e">
        <f t="shared" ref="BH170:BH192" si="197">Z170/(SUM($Z170:$AY170))</f>
        <v>#VALUE!</v>
      </c>
      <c r="BI170" s="972" t="e">
        <f t="shared" ref="BI170:BI192" si="198">AA170/(SUM($Z170:$AY170))</f>
        <v>#VALUE!</v>
      </c>
      <c r="BJ170" s="972" t="e">
        <f t="shared" ref="BJ170:BJ192" si="199">AB170/(SUM($Z170:$AY170))</f>
        <v>#VALUE!</v>
      </c>
      <c r="BK170" s="972" t="e">
        <f t="shared" ref="BK170:BK192" si="200">AC170/(SUM($Z170:$AY170))</f>
        <v>#VALUE!</v>
      </c>
      <c r="BL170" s="972" t="e">
        <f t="shared" ref="BL170:BL192" si="201">AD170/(SUM($Z170:$AY170))</f>
        <v>#VALUE!</v>
      </c>
      <c r="BM170" s="972" t="e">
        <f t="shared" ref="BM170:BM192" si="202">AE170/(SUM($Z170:$AY170))</f>
        <v>#VALUE!</v>
      </c>
      <c r="BN170" s="972" t="e">
        <f t="shared" ref="BN170:BN192" si="203">AF170/(SUM($Z170:$AY170))</f>
        <v>#VALUE!</v>
      </c>
      <c r="BO170" s="972" t="e">
        <f t="shared" ref="BO170:BO192" si="204">AG170/(SUM($Z170:$AY170))</f>
        <v>#VALUE!</v>
      </c>
      <c r="BP170" s="972" t="e">
        <f t="shared" ref="BP170:BP192" si="205">AH170/(SUM($Z170:$AY170))</f>
        <v>#VALUE!</v>
      </c>
      <c r="BQ170" s="972" t="e">
        <f t="shared" ref="BQ170:BQ192" si="206">AI170/(SUM($Z170:$AY170))</f>
        <v>#VALUE!</v>
      </c>
      <c r="BR170" s="972" t="e">
        <f t="shared" ref="BR170:BR192" si="207">AJ170/(SUM($Z170:$AY170))</f>
        <v>#VALUE!</v>
      </c>
      <c r="BS170" s="972" t="e">
        <f t="shared" ref="BS170:BS192" si="208">AK170/(SUM($Z170:$AY170))</f>
        <v>#VALUE!</v>
      </c>
      <c r="BT170" s="972" t="e">
        <f t="shared" ref="BT170:BT192" si="209">AL170/(SUM($Z170:$AY170))</f>
        <v>#VALUE!</v>
      </c>
      <c r="BU170" s="972" t="e">
        <f t="shared" ref="BU170:BU192" si="210">AM170/(SUM($Z170:$AY170))</f>
        <v>#VALUE!</v>
      </c>
      <c r="BV170" s="972" t="e">
        <f t="shared" ref="BV170:BV192" si="211">AM170/(SUM($Z170:$AY170))</f>
        <v>#VALUE!</v>
      </c>
      <c r="BW170" s="972" t="e">
        <f t="shared" ref="BW170:BW192" si="212">AN170/(SUM($Z170:$AY170))</f>
        <v>#VALUE!</v>
      </c>
      <c r="BX170" s="972" t="e">
        <f t="shared" ref="BX170:BX192" si="213">AO170/(SUM($Z170:$AY170))</f>
        <v>#VALUE!</v>
      </c>
      <c r="BY170" s="972" t="e">
        <f t="shared" ref="BY170:BY192" si="214">AP170/(SUM($Z170:$AY170))</f>
        <v>#VALUE!</v>
      </c>
      <c r="BZ170" s="972" t="e">
        <f t="shared" ref="BZ170:BZ192" si="215">AQ170/(SUM($Z170:$AY170))</f>
        <v>#VALUE!</v>
      </c>
      <c r="CA170" s="972" t="e">
        <f t="shared" ref="CA170:CA192" si="216">AR170/(SUM($Z170:$AY170))</f>
        <v>#VALUE!</v>
      </c>
      <c r="CB170" s="973" t="e">
        <f t="shared" si="152"/>
        <v>#VALUE!</v>
      </c>
    </row>
    <row r="171" spans="3:80" ht="75" hidden="1" x14ac:dyDescent="0.25">
      <c r="C171" s="597"/>
      <c r="D171" s="597" t="s">
        <v>66</v>
      </c>
      <c r="E171" s="597"/>
      <c r="F171" s="597"/>
      <c r="G171" s="597"/>
      <c r="H171" s="499" t="s">
        <v>1990</v>
      </c>
      <c r="I171" s="499" t="s">
        <v>1205</v>
      </c>
      <c r="J171" s="499" t="s">
        <v>1206</v>
      </c>
      <c r="K171" s="499">
        <v>51.743035829999997</v>
      </c>
      <c r="L171" s="499">
        <v>-0.470538497</v>
      </c>
      <c r="M171" s="499" t="s">
        <v>1488</v>
      </c>
      <c r="N171" s="499" t="s">
        <v>1489</v>
      </c>
      <c r="O171" s="499">
        <v>1</v>
      </c>
      <c r="P171" s="499" t="s">
        <v>932</v>
      </c>
      <c r="Q171" s="499" t="s">
        <v>1490</v>
      </c>
      <c r="R171" s="499" t="s">
        <v>1491</v>
      </c>
      <c r="S171" s="499" t="s">
        <v>1492</v>
      </c>
      <c r="T171" s="499" t="s">
        <v>1493</v>
      </c>
      <c r="U171" s="499" t="s">
        <v>1988</v>
      </c>
      <c r="V171" s="946" t="str">
        <f>_xlfn.XLOOKUP(H171, [5]GIS!D:D, [5]GIS!E:E, "Not mapped")</f>
        <v>Multiple - Scenario 1</v>
      </c>
      <c r="W171" s="1257" t="s">
        <v>1495</v>
      </c>
      <c r="X171" s="579" t="s">
        <v>1496</v>
      </c>
      <c r="Y171" s="1258" t="s">
        <v>1497</v>
      </c>
      <c r="Z171" s="1259" t="s">
        <v>1498</v>
      </c>
      <c r="AA171" s="1259" t="s">
        <v>1498</v>
      </c>
      <c r="AB171" s="1259" t="s">
        <v>1498</v>
      </c>
      <c r="AC171" s="1259" t="s">
        <v>1498</v>
      </c>
      <c r="AD171" s="1259" t="s">
        <v>1498</v>
      </c>
      <c r="AE171" s="1259" t="s">
        <v>1498</v>
      </c>
      <c r="AF171" s="1259" t="s">
        <v>1498</v>
      </c>
      <c r="AG171" s="1259" t="s">
        <v>1498</v>
      </c>
      <c r="AH171" s="1259" t="s">
        <v>1498</v>
      </c>
      <c r="AI171" s="1259" t="s">
        <v>1498</v>
      </c>
      <c r="AJ171" s="1259" t="s">
        <v>1498</v>
      </c>
      <c r="AK171" s="1259" t="s">
        <v>1498</v>
      </c>
      <c r="AL171" s="1259" t="s">
        <v>1498</v>
      </c>
      <c r="AM171" s="1259" t="s">
        <v>1498</v>
      </c>
      <c r="AN171" s="1259" t="s">
        <v>1498</v>
      </c>
      <c r="AO171" s="1259" t="s">
        <v>1498</v>
      </c>
      <c r="AP171" s="1259" t="s">
        <v>1498</v>
      </c>
      <c r="AQ171" s="1259" t="s">
        <v>1498</v>
      </c>
      <c r="AR171" s="1259" t="s">
        <v>1498</v>
      </c>
      <c r="AS171" s="1259" t="s">
        <v>1498</v>
      </c>
      <c r="AT171" s="1259" t="s">
        <v>1498</v>
      </c>
      <c r="AU171" s="1259" t="s">
        <v>1498</v>
      </c>
      <c r="AV171" s="1259" t="s">
        <v>1498</v>
      </c>
      <c r="AW171" s="1259" t="s">
        <v>1498</v>
      </c>
      <c r="AX171" s="1259" t="s">
        <v>1498</v>
      </c>
      <c r="AY171" s="1259" t="s">
        <v>1498</v>
      </c>
      <c r="AZ171" s="905" t="s">
        <v>1989</v>
      </c>
      <c r="BA171" s="499" t="s">
        <v>722</v>
      </c>
      <c r="BB171" s="953" t="s">
        <v>53</v>
      </c>
      <c r="BC171" s="980">
        <f>ROUND((VLOOKUP(H171,'[5]Cost Summary'!A:H,8,)),0.1)</f>
        <v>450565</v>
      </c>
      <c r="BD171" s="499">
        <v>0</v>
      </c>
      <c r="BE171" s="499" t="s">
        <v>1500</v>
      </c>
      <c r="BF171" s="954" t="s">
        <v>1584</v>
      </c>
      <c r="BG171" s="1261">
        <v>292721</v>
      </c>
      <c r="BH171" s="976" t="e">
        <f t="shared" si="197"/>
        <v>#VALUE!</v>
      </c>
      <c r="BI171" s="972" t="e">
        <f t="shared" si="198"/>
        <v>#VALUE!</v>
      </c>
      <c r="BJ171" s="972" t="e">
        <f t="shared" si="199"/>
        <v>#VALUE!</v>
      </c>
      <c r="BK171" s="972" t="e">
        <f t="shared" si="200"/>
        <v>#VALUE!</v>
      </c>
      <c r="BL171" s="972" t="e">
        <f t="shared" si="201"/>
        <v>#VALUE!</v>
      </c>
      <c r="BM171" s="972" t="e">
        <f t="shared" si="202"/>
        <v>#VALUE!</v>
      </c>
      <c r="BN171" s="972" t="e">
        <f t="shared" si="203"/>
        <v>#VALUE!</v>
      </c>
      <c r="BO171" s="972" t="e">
        <f t="shared" si="204"/>
        <v>#VALUE!</v>
      </c>
      <c r="BP171" s="972" t="e">
        <f t="shared" si="205"/>
        <v>#VALUE!</v>
      </c>
      <c r="BQ171" s="972" t="e">
        <f t="shared" si="206"/>
        <v>#VALUE!</v>
      </c>
      <c r="BR171" s="972" t="e">
        <f t="shared" si="207"/>
        <v>#VALUE!</v>
      </c>
      <c r="BS171" s="972" t="e">
        <f t="shared" si="208"/>
        <v>#VALUE!</v>
      </c>
      <c r="BT171" s="972" t="e">
        <f t="shared" si="209"/>
        <v>#VALUE!</v>
      </c>
      <c r="BU171" s="972" t="e">
        <f t="shared" si="210"/>
        <v>#VALUE!</v>
      </c>
      <c r="BV171" s="972" t="e">
        <f t="shared" si="211"/>
        <v>#VALUE!</v>
      </c>
      <c r="BW171" s="972" t="e">
        <f t="shared" si="212"/>
        <v>#VALUE!</v>
      </c>
      <c r="BX171" s="972" t="e">
        <f t="shared" si="213"/>
        <v>#VALUE!</v>
      </c>
      <c r="BY171" s="972" t="e">
        <f t="shared" si="214"/>
        <v>#VALUE!</v>
      </c>
      <c r="BZ171" s="972" t="e">
        <f t="shared" si="215"/>
        <v>#VALUE!</v>
      </c>
      <c r="CA171" s="972" t="e">
        <f t="shared" si="216"/>
        <v>#VALUE!</v>
      </c>
      <c r="CB171" s="973" t="e">
        <f t="shared" si="152"/>
        <v>#VALUE!</v>
      </c>
    </row>
    <row r="172" spans="3:80" ht="75" hidden="1" x14ac:dyDescent="0.25">
      <c r="C172" s="597"/>
      <c r="D172" s="597" t="s">
        <v>66</v>
      </c>
      <c r="E172" s="597"/>
      <c r="F172" s="597"/>
      <c r="G172" s="597"/>
      <c r="H172" s="499" t="s">
        <v>1991</v>
      </c>
      <c r="I172" s="499" t="s">
        <v>1207</v>
      </c>
      <c r="J172" s="499" t="s">
        <v>1208</v>
      </c>
      <c r="K172" s="499">
        <v>51.744366990000003</v>
      </c>
      <c r="L172" s="499">
        <v>-0.471444843</v>
      </c>
      <c r="M172" s="499" t="s">
        <v>1488</v>
      </c>
      <c r="N172" s="499" t="s">
        <v>1489</v>
      </c>
      <c r="O172" s="499">
        <v>1</v>
      </c>
      <c r="P172" s="499" t="s">
        <v>932</v>
      </c>
      <c r="Q172" s="499" t="s">
        <v>1490</v>
      </c>
      <c r="R172" s="499" t="s">
        <v>1491</v>
      </c>
      <c r="S172" s="499" t="s">
        <v>1492</v>
      </c>
      <c r="T172" s="499" t="s">
        <v>1493</v>
      </c>
      <c r="U172" s="499" t="s">
        <v>1988</v>
      </c>
      <c r="V172" s="946" t="str">
        <f>_xlfn.XLOOKUP(H172, [5]GIS!D:D, [5]GIS!E:E, "Not mapped")</f>
        <v>Multiple - Scenario 1</v>
      </c>
      <c r="W172" s="1257" t="s">
        <v>1495</v>
      </c>
      <c r="X172" s="579" t="s">
        <v>1496</v>
      </c>
      <c r="Y172" s="1258" t="s">
        <v>1497</v>
      </c>
      <c r="Z172" s="1259" t="s">
        <v>1498</v>
      </c>
      <c r="AA172" s="1259" t="s">
        <v>1498</v>
      </c>
      <c r="AB172" s="1259" t="s">
        <v>1498</v>
      </c>
      <c r="AC172" s="1259" t="s">
        <v>1498</v>
      </c>
      <c r="AD172" s="1259" t="s">
        <v>1498</v>
      </c>
      <c r="AE172" s="1259" t="s">
        <v>1498</v>
      </c>
      <c r="AF172" s="1259" t="s">
        <v>1498</v>
      </c>
      <c r="AG172" s="1259" t="s">
        <v>1498</v>
      </c>
      <c r="AH172" s="1259" t="s">
        <v>1498</v>
      </c>
      <c r="AI172" s="1259" t="s">
        <v>1498</v>
      </c>
      <c r="AJ172" s="1259" t="s">
        <v>1498</v>
      </c>
      <c r="AK172" s="1259" t="s">
        <v>1498</v>
      </c>
      <c r="AL172" s="1259" t="s">
        <v>1498</v>
      </c>
      <c r="AM172" s="1259" t="s">
        <v>1498</v>
      </c>
      <c r="AN172" s="1259" t="s">
        <v>1498</v>
      </c>
      <c r="AO172" s="1259" t="s">
        <v>1498</v>
      </c>
      <c r="AP172" s="1259" t="s">
        <v>1498</v>
      </c>
      <c r="AQ172" s="1259" t="s">
        <v>1498</v>
      </c>
      <c r="AR172" s="1259" t="s">
        <v>1498</v>
      </c>
      <c r="AS172" s="1259" t="s">
        <v>1498</v>
      </c>
      <c r="AT172" s="1259" t="s">
        <v>1498</v>
      </c>
      <c r="AU172" s="1259" t="s">
        <v>1498</v>
      </c>
      <c r="AV172" s="1259" t="s">
        <v>1498</v>
      </c>
      <c r="AW172" s="1259" t="s">
        <v>1498</v>
      </c>
      <c r="AX172" s="1259" t="s">
        <v>1498</v>
      </c>
      <c r="AY172" s="1259" t="s">
        <v>1498</v>
      </c>
      <c r="AZ172" s="905" t="s">
        <v>1989</v>
      </c>
      <c r="BA172" s="499" t="s">
        <v>722</v>
      </c>
      <c r="BB172" s="953" t="s">
        <v>53</v>
      </c>
      <c r="BC172" s="980">
        <f>ROUND((VLOOKUP(H172,'[5]Cost Summary'!A:H,8,)),0.1)</f>
        <v>453150</v>
      </c>
      <c r="BD172" s="499">
        <v>0</v>
      </c>
      <c r="BE172" s="499" t="s">
        <v>1500</v>
      </c>
      <c r="BF172" s="954" t="s">
        <v>1584</v>
      </c>
      <c r="BG172" s="1261">
        <v>294400.17</v>
      </c>
      <c r="BH172" s="976" t="e">
        <f t="shared" si="197"/>
        <v>#VALUE!</v>
      </c>
      <c r="BI172" s="972" t="e">
        <f t="shared" si="198"/>
        <v>#VALUE!</v>
      </c>
      <c r="BJ172" s="972" t="e">
        <f t="shared" si="199"/>
        <v>#VALUE!</v>
      </c>
      <c r="BK172" s="972" t="e">
        <f t="shared" si="200"/>
        <v>#VALUE!</v>
      </c>
      <c r="BL172" s="972" t="e">
        <f t="shared" si="201"/>
        <v>#VALUE!</v>
      </c>
      <c r="BM172" s="972" t="e">
        <f t="shared" si="202"/>
        <v>#VALUE!</v>
      </c>
      <c r="BN172" s="972" t="e">
        <f t="shared" si="203"/>
        <v>#VALUE!</v>
      </c>
      <c r="BO172" s="972" t="e">
        <f t="shared" si="204"/>
        <v>#VALUE!</v>
      </c>
      <c r="BP172" s="972" t="e">
        <f t="shared" si="205"/>
        <v>#VALUE!</v>
      </c>
      <c r="BQ172" s="972" t="e">
        <f t="shared" si="206"/>
        <v>#VALUE!</v>
      </c>
      <c r="BR172" s="972" t="e">
        <f t="shared" si="207"/>
        <v>#VALUE!</v>
      </c>
      <c r="BS172" s="972" t="e">
        <f t="shared" si="208"/>
        <v>#VALUE!</v>
      </c>
      <c r="BT172" s="972" t="e">
        <f t="shared" si="209"/>
        <v>#VALUE!</v>
      </c>
      <c r="BU172" s="972" t="e">
        <f t="shared" si="210"/>
        <v>#VALUE!</v>
      </c>
      <c r="BV172" s="972" t="e">
        <f t="shared" si="211"/>
        <v>#VALUE!</v>
      </c>
      <c r="BW172" s="972" t="e">
        <f t="shared" si="212"/>
        <v>#VALUE!</v>
      </c>
      <c r="BX172" s="972" t="e">
        <f t="shared" si="213"/>
        <v>#VALUE!</v>
      </c>
      <c r="BY172" s="972" t="e">
        <f t="shared" si="214"/>
        <v>#VALUE!</v>
      </c>
      <c r="BZ172" s="972" t="e">
        <f t="shared" si="215"/>
        <v>#VALUE!</v>
      </c>
      <c r="CA172" s="972" t="e">
        <f t="shared" si="216"/>
        <v>#VALUE!</v>
      </c>
      <c r="CB172" s="973" t="e">
        <f t="shared" si="152"/>
        <v>#VALUE!</v>
      </c>
    </row>
    <row r="173" spans="3:80" ht="75" hidden="1" x14ac:dyDescent="0.25">
      <c r="C173" s="597"/>
      <c r="D173" s="597" t="s">
        <v>66</v>
      </c>
      <c r="E173" s="597"/>
      <c r="F173" s="597"/>
      <c r="G173" s="597"/>
      <c r="H173" s="499" t="s">
        <v>1992</v>
      </c>
      <c r="I173" s="499" t="s">
        <v>1209</v>
      </c>
      <c r="J173" s="499" t="s">
        <v>1993</v>
      </c>
      <c r="K173" s="499">
        <v>51.744170169999997</v>
      </c>
      <c r="L173" s="499">
        <v>-0.471382209</v>
      </c>
      <c r="M173" s="499" t="s">
        <v>1488</v>
      </c>
      <c r="N173" s="499" t="s">
        <v>1489</v>
      </c>
      <c r="O173" s="499">
        <v>1</v>
      </c>
      <c r="P173" s="499" t="s">
        <v>932</v>
      </c>
      <c r="Q173" s="499" t="s">
        <v>1490</v>
      </c>
      <c r="R173" s="499" t="s">
        <v>1491</v>
      </c>
      <c r="S173" s="499" t="s">
        <v>1492</v>
      </c>
      <c r="T173" s="499" t="s">
        <v>1493</v>
      </c>
      <c r="U173" s="499" t="s">
        <v>1988</v>
      </c>
      <c r="V173" s="946" t="str">
        <f>_xlfn.XLOOKUP(H173, [5]GIS!D:D, [5]GIS!E:E, "Not mapped")</f>
        <v>Multiple - Scenario 1</v>
      </c>
      <c r="W173" s="1257" t="s">
        <v>1495</v>
      </c>
      <c r="X173" s="579" t="s">
        <v>1496</v>
      </c>
      <c r="Y173" s="1258" t="s">
        <v>1497</v>
      </c>
      <c r="Z173" s="1259" t="s">
        <v>1498</v>
      </c>
      <c r="AA173" s="1259" t="s">
        <v>1498</v>
      </c>
      <c r="AB173" s="1259" t="s">
        <v>1498</v>
      </c>
      <c r="AC173" s="1259" t="s">
        <v>1498</v>
      </c>
      <c r="AD173" s="1259" t="s">
        <v>1498</v>
      </c>
      <c r="AE173" s="1259" t="s">
        <v>1498</v>
      </c>
      <c r="AF173" s="1259" t="s">
        <v>1498</v>
      </c>
      <c r="AG173" s="1259" t="s">
        <v>1498</v>
      </c>
      <c r="AH173" s="1259" t="s">
        <v>1498</v>
      </c>
      <c r="AI173" s="1259" t="s">
        <v>1498</v>
      </c>
      <c r="AJ173" s="1259" t="s">
        <v>1498</v>
      </c>
      <c r="AK173" s="1259" t="s">
        <v>1498</v>
      </c>
      <c r="AL173" s="1259" t="s">
        <v>1498</v>
      </c>
      <c r="AM173" s="1259" t="s">
        <v>1498</v>
      </c>
      <c r="AN173" s="1259" t="s">
        <v>1498</v>
      </c>
      <c r="AO173" s="1259" t="s">
        <v>1498</v>
      </c>
      <c r="AP173" s="1259" t="s">
        <v>1498</v>
      </c>
      <c r="AQ173" s="1259" t="s">
        <v>1498</v>
      </c>
      <c r="AR173" s="1259" t="s">
        <v>1498</v>
      </c>
      <c r="AS173" s="1259" t="s">
        <v>1498</v>
      </c>
      <c r="AT173" s="1259" t="s">
        <v>1498</v>
      </c>
      <c r="AU173" s="1259" t="s">
        <v>1498</v>
      </c>
      <c r="AV173" s="1259" t="s">
        <v>1498</v>
      </c>
      <c r="AW173" s="1259" t="s">
        <v>1498</v>
      </c>
      <c r="AX173" s="1259" t="s">
        <v>1498</v>
      </c>
      <c r="AY173" s="1259" t="s">
        <v>1498</v>
      </c>
      <c r="AZ173" s="905" t="s">
        <v>1989</v>
      </c>
      <c r="BA173" s="499" t="s">
        <v>722</v>
      </c>
      <c r="BB173" s="953" t="s">
        <v>53</v>
      </c>
      <c r="BC173" s="980">
        <f>ROUND((VLOOKUP(H173,'[5]Cost Summary'!A:H,8,)),0.1)</f>
        <v>118969</v>
      </c>
      <c r="BD173" s="499">
        <v>0</v>
      </c>
      <c r="BE173" s="499" t="s">
        <v>1500</v>
      </c>
      <c r="BF173" s="954" t="s">
        <v>1584</v>
      </c>
      <c r="BG173" s="1261">
        <v>77291.5</v>
      </c>
      <c r="BH173" s="976" t="e">
        <f t="shared" si="197"/>
        <v>#VALUE!</v>
      </c>
      <c r="BI173" s="972" t="e">
        <f t="shared" si="198"/>
        <v>#VALUE!</v>
      </c>
      <c r="BJ173" s="972" t="e">
        <f t="shared" si="199"/>
        <v>#VALUE!</v>
      </c>
      <c r="BK173" s="972" t="e">
        <f t="shared" si="200"/>
        <v>#VALUE!</v>
      </c>
      <c r="BL173" s="972" t="e">
        <f t="shared" si="201"/>
        <v>#VALUE!</v>
      </c>
      <c r="BM173" s="972" t="e">
        <f t="shared" si="202"/>
        <v>#VALUE!</v>
      </c>
      <c r="BN173" s="972" t="e">
        <f t="shared" si="203"/>
        <v>#VALUE!</v>
      </c>
      <c r="BO173" s="972" t="e">
        <f t="shared" si="204"/>
        <v>#VALUE!</v>
      </c>
      <c r="BP173" s="972" t="e">
        <f t="shared" si="205"/>
        <v>#VALUE!</v>
      </c>
      <c r="BQ173" s="972" t="e">
        <f t="shared" si="206"/>
        <v>#VALUE!</v>
      </c>
      <c r="BR173" s="972" t="e">
        <f t="shared" si="207"/>
        <v>#VALUE!</v>
      </c>
      <c r="BS173" s="972" t="e">
        <f t="shared" si="208"/>
        <v>#VALUE!</v>
      </c>
      <c r="BT173" s="972" t="e">
        <f t="shared" si="209"/>
        <v>#VALUE!</v>
      </c>
      <c r="BU173" s="972" t="e">
        <f t="shared" si="210"/>
        <v>#VALUE!</v>
      </c>
      <c r="BV173" s="972" t="e">
        <f t="shared" si="211"/>
        <v>#VALUE!</v>
      </c>
      <c r="BW173" s="972" t="e">
        <f t="shared" si="212"/>
        <v>#VALUE!</v>
      </c>
      <c r="BX173" s="972" t="e">
        <f t="shared" si="213"/>
        <v>#VALUE!</v>
      </c>
      <c r="BY173" s="972" t="e">
        <f t="shared" si="214"/>
        <v>#VALUE!</v>
      </c>
      <c r="BZ173" s="972" t="e">
        <f t="shared" si="215"/>
        <v>#VALUE!</v>
      </c>
      <c r="CA173" s="972" t="e">
        <f t="shared" si="216"/>
        <v>#VALUE!</v>
      </c>
      <c r="CB173" s="973" t="e">
        <f t="shared" si="152"/>
        <v>#VALUE!</v>
      </c>
    </row>
    <row r="174" spans="3:80" ht="75" hidden="1" x14ac:dyDescent="0.25">
      <c r="C174" s="597"/>
      <c r="D174" s="597" t="s">
        <v>66</v>
      </c>
      <c r="E174" s="597"/>
      <c r="F174" s="597"/>
      <c r="G174" s="597"/>
      <c r="H174" s="499" t="s">
        <v>1994</v>
      </c>
      <c r="I174" s="499" t="s">
        <v>1211</v>
      </c>
      <c r="J174" s="499" t="s">
        <v>1212</v>
      </c>
      <c r="K174" s="499">
        <v>51.740121139999999</v>
      </c>
      <c r="L174" s="499">
        <v>-0.46805734900000001</v>
      </c>
      <c r="M174" s="499" t="s">
        <v>1488</v>
      </c>
      <c r="N174" s="499" t="s">
        <v>1489</v>
      </c>
      <c r="O174" s="499">
        <v>1</v>
      </c>
      <c r="P174" s="499" t="s">
        <v>932</v>
      </c>
      <c r="Q174" s="499" t="s">
        <v>1490</v>
      </c>
      <c r="R174" s="499" t="s">
        <v>1491</v>
      </c>
      <c r="S174" s="499" t="s">
        <v>1492</v>
      </c>
      <c r="T174" s="499" t="s">
        <v>1493</v>
      </c>
      <c r="U174" s="499" t="s">
        <v>1995</v>
      </c>
      <c r="V174" s="946" t="str">
        <f>_xlfn.XLOOKUP(H174, [5]GIS!D:D, [5]GIS!E:E, "Not mapped")</f>
        <v>Multiple - Scenario 1</v>
      </c>
      <c r="W174" s="1257" t="s">
        <v>1495</v>
      </c>
      <c r="X174" s="579" t="s">
        <v>1496</v>
      </c>
      <c r="Y174" s="1258" t="s">
        <v>1497</v>
      </c>
      <c r="Z174" s="1259" t="s">
        <v>1498</v>
      </c>
      <c r="AA174" s="1259" t="s">
        <v>1498</v>
      </c>
      <c r="AB174" s="1259" t="s">
        <v>1498</v>
      </c>
      <c r="AC174" s="1259" t="s">
        <v>1498</v>
      </c>
      <c r="AD174" s="1259" t="s">
        <v>1498</v>
      </c>
      <c r="AE174" s="1259" t="s">
        <v>1498</v>
      </c>
      <c r="AF174" s="1259" t="s">
        <v>1498</v>
      </c>
      <c r="AG174" s="1259" t="s">
        <v>1498</v>
      </c>
      <c r="AH174" s="1259" t="s">
        <v>1498</v>
      </c>
      <c r="AI174" s="1259" t="s">
        <v>1498</v>
      </c>
      <c r="AJ174" s="1259" t="s">
        <v>1498</v>
      </c>
      <c r="AK174" s="1259" t="s">
        <v>1498</v>
      </c>
      <c r="AL174" s="1259" t="s">
        <v>1498</v>
      </c>
      <c r="AM174" s="1259" t="s">
        <v>1498</v>
      </c>
      <c r="AN174" s="1259" t="s">
        <v>1498</v>
      </c>
      <c r="AO174" s="1259" t="s">
        <v>1498</v>
      </c>
      <c r="AP174" s="1259" t="s">
        <v>1498</v>
      </c>
      <c r="AQ174" s="1259" t="s">
        <v>1498</v>
      </c>
      <c r="AR174" s="1259" t="s">
        <v>1498</v>
      </c>
      <c r="AS174" s="1259" t="s">
        <v>1498</v>
      </c>
      <c r="AT174" s="1259" t="s">
        <v>1498</v>
      </c>
      <c r="AU174" s="1259" t="s">
        <v>1498</v>
      </c>
      <c r="AV174" s="1259" t="s">
        <v>1498</v>
      </c>
      <c r="AW174" s="1259" t="s">
        <v>1498</v>
      </c>
      <c r="AX174" s="1259" t="s">
        <v>1498</v>
      </c>
      <c r="AY174" s="1259" t="s">
        <v>1498</v>
      </c>
      <c r="AZ174" s="905" t="s">
        <v>1796</v>
      </c>
      <c r="BA174" s="499" t="s">
        <v>722</v>
      </c>
      <c r="BB174" s="953" t="s">
        <v>53</v>
      </c>
      <c r="BC174" s="980">
        <f>ROUND((VLOOKUP(H174,'[5]Cost Summary'!A:H,8,)),0.1)</f>
        <v>6382</v>
      </c>
      <c r="BD174" s="499">
        <v>0</v>
      </c>
      <c r="BE174" s="499" t="s">
        <v>1500</v>
      </c>
      <c r="BF174" s="954" t="s">
        <v>1584</v>
      </c>
      <c r="BG174" s="1261">
        <v>4145.92</v>
      </c>
      <c r="BH174" s="976" t="e">
        <f t="shared" si="197"/>
        <v>#VALUE!</v>
      </c>
      <c r="BI174" s="972" t="e">
        <f t="shared" si="198"/>
        <v>#VALUE!</v>
      </c>
      <c r="BJ174" s="972" t="e">
        <f t="shared" si="199"/>
        <v>#VALUE!</v>
      </c>
      <c r="BK174" s="972" t="e">
        <f t="shared" si="200"/>
        <v>#VALUE!</v>
      </c>
      <c r="BL174" s="972" t="e">
        <f t="shared" si="201"/>
        <v>#VALUE!</v>
      </c>
      <c r="BM174" s="972" t="e">
        <f t="shared" si="202"/>
        <v>#VALUE!</v>
      </c>
      <c r="BN174" s="972" t="e">
        <f t="shared" si="203"/>
        <v>#VALUE!</v>
      </c>
      <c r="BO174" s="972" t="e">
        <f t="shared" si="204"/>
        <v>#VALUE!</v>
      </c>
      <c r="BP174" s="972" t="e">
        <f t="shared" si="205"/>
        <v>#VALUE!</v>
      </c>
      <c r="BQ174" s="972" t="e">
        <f t="shared" si="206"/>
        <v>#VALUE!</v>
      </c>
      <c r="BR174" s="972" t="e">
        <f t="shared" si="207"/>
        <v>#VALUE!</v>
      </c>
      <c r="BS174" s="972" t="e">
        <f t="shared" si="208"/>
        <v>#VALUE!</v>
      </c>
      <c r="BT174" s="972" t="e">
        <f t="shared" si="209"/>
        <v>#VALUE!</v>
      </c>
      <c r="BU174" s="972" t="e">
        <f t="shared" si="210"/>
        <v>#VALUE!</v>
      </c>
      <c r="BV174" s="972" t="e">
        <f t="shared" si="211"/>
        <v>#VALUE!</v>
      </c>
      <c r="BW174" s="972" t="e">
        <f t="shared" si="212"/>
        <v>#VALUE!</v>
      </c>
      <c r="BX174" s="972" t="e">
        <f t="shared" si="213"/>
        <v>#VALUE!</v>
      </c>
      <c r="BY174" s="972" t="e">
        <f t="shared" si="214"/>
        <v>#VALUE!</v>
      </c>
      <c r="BZ174" s="972" t="e">
        <f t="shared" si="215"/>
        <v>#VALUE!</v>
      </c>
      <c r="CA174" s="972" t="e">
        <f t="shared" si="216"/>
        <v>#VALUE!</v>
      </c>
      <c r="CB174" s="973" t="e">
        <f t="shared" si="152"/>
        <v>#VALUE!</v>
      </c>
    </row>
    <row r="175" spans="3:80" ht="86.25" hidden="1" x14ac:dyDescent="0.25">
      <c r="C175" s="597"/>
      <c r="D175" s="597" t="s">
        <v>66</v>
      </c>
      <c r="E175" s="597"/>
      <c r="F175" s="597"/>
      <c r="G175" s="597"/>
      <c r="H175" s="499" t="s">
        <v>1996</v>
      </c>
      <c r="I175" s="499" t="s">
        <v>1213</v>
      </c>
      <c r="J175" s="499" t="s">
        <v>1214</v>
      </c>
      <c r="K175" s="499">
        <v>51.740232259999999</v>
      </c>
      <c r="L175" s="499">
        <v>-0.46794099099999997</v>
      </c>
      <c r="M175" s="499" t="s">
        <v>1488</v>
      </c>
      <c r="N175" s="499" t="s">
        <v>1489</v>
      </c>
      <c r="O175" s="499">
        <v>1</v>
      </c>
      <c r="P175" s="499" t="s">
        <v>932</v>
      </c>
      <c r="Q175" s="499" t="s">
        <v>1490</v>
      </c>
      <c r="R175" s="499" t="s">
        <v>1491</v>
      </c>
      <c r="S175" s="499" t="s">
        <v>1492</v>
      </c>
      <c r="T175" s="499" t="s">
        <v>1493</v>
      </c>
      <c r="U175" s="499" t="s">
        <v>1995</v>
      </c>
      <c r="V175" s="946" t="str">
        <f>_xlfn.XLOOKUP(H175, [5]GIS!D:D, [5]GIS!E:E, "Not mapped")</f>
        <v>Multiple - Scenario 1</v>
      </c>
      <c r="W175" s="1257" t="s">
        <v>1495</v>
      </c>
      <c r="X175" s="579" t="s">
        <v>1496</v>
      </c>
      <c r="Y175" s="1258" t="s">
        <v>1497</v>
      </c>
      <c r="Z175" s="1259" t="s">
        <v>1498</v>
      </c>
      <c r="AA175" s="1259" t="s">
        <v>1498</v>
      </c>
      <c r="AB175" s="1259" t="s">
        <v>1498</v>
      </c>
      <c r="AC175" s="1259" t="s">
        <v>1498</v>
      </c>
      <c r="AD175" s="1259" t="s">
        <v>1498</v>
      </c>
      <c r="AE175" s="1259" t="s">
        <v>1498</v>
      </c>
      <c r="AF175" s="1259" t="s">
        <v>1498</v>
      </c>
      <c r="AG175" s="1259" t="s">
        <v>1498</v>
      </c>
      <c r="AH175" s="1259" t="s">
        <v>1498</v>
      </c>
      <c r="AI175" s="1259" t="s">
        <v>1498</v>
      </c>
      <c r="AJ175" s="1259" t="s">
        <v>1498</v>
      </c>
      <c r="AK175" s="1259" t="s">
        <v>1498</v>
      </c>
      <c r="AL175" s="1259" t="s">
        <v>1498</v>
      </c>
      <c r="AM175" s="1259" t="s">
        <v>1498</v>
      </c>
      <c r="AN175" s="1259" t="s">
        <v>1498</v>
      </c>
      <c r="AO175" s="1259" t="s">
        <v>1498</v>
      </c>
      <c r="AP175" s="1259" t="s">
        <v>1498</v>
      </c>
      <c r="AQ175" s="1259" t="s">
        <v>1498</v>
      </c>
      <c r="AR175" s="1259" t="s">
        <v>1498</v>
      </c>
      <c r="AS175" s="1259" t="s">
        <v>1498</v>
      </c>
      <c r="AT175" s="1259" t="s">
        <v>1498</v>
      </c>
      <c r="AU175" s="1259" t="s">
        <v>1498</v>
      </c>
      <c r="AV175" s="1259" t="s">
        <v>1498</v>
      </c>
      <c r="AW175" s="1259" t="s">
        <v>1498</v>
      </c>
      <c r="AX175" s="1259" t="s">
        <v>1498</v>
      </c>
      <c r="AY175" s="1259" t="s">
        <v>1498</v>
      </c>
      <c r="AZ175" s="905" t="s">
        <v>1796</v>
      </c>
      <c r="BA175" s="499" t="s">
        <v>722</v>
      </c>
      <c r="BB175" s="953" t="s">
        <v>53</v>
      </c>
      <c r="BC175" s="980">
        <f>ROUND((VLOOKUP(H175,'[5]Cost Summary'!A:H,8,)),0.1)</f>
        <v>68524</v>
      </c>
      <c r="BD175" s="499">
        <v>0</v>
      </c>
      <c r="BE175" s="499" t="s">
        <v>1500</v>
      </c>
      <c r="BF175" s="954" t="s">
        <v>1584</v>
      </c>
      <c r="BG175" s="1261">
        <v>44518.39</v>
      </c>
      <c r="BH175" s="976" t="e">
        <f t="shared" si="197"/>
        <v>#VALUE!</v>
      </c>
      <c r="BI175" s="972" t="e">
        <f t="shared" si="198"/>
        <v>#VALUE!</v>
      </c>
      <c r="BJ175" s="972" t="e">
        <f t="shared" si="199"/>
        <v>#VALUE!</v>
      </c>
      <c r="BK175" s="972" t="e">
        <f t="shared" si="200"/>
        <v>#VALUE!</v>
      </c>
      <c r="BL175" s="972" t="e">
        <f t="shared" si="201"/>
        <v>#VALUE!</v>
      </c>
      <c r="BM175" s="972" t="e">
        <f t="shared" si="202"/>
        <v>#VALUE!</v>
      </c>
      <c r="BN175" s="972" t="e">
        <f t="shared" si="203"/>
        <v>#VALUE!</v>
      </c>
      <c r="BO175" s="972" t="e">
        <f t="shared" si="204"/>
        <v>#VALUE!</v>
      </c>
      <c r="BP175" s="972" t="e">
        <f t="shared" si="205"/>
        <v>#VALUE!</v>
      </c>
      <c r="BQ175" s="972" t="e">
        <f t="shared" si="206"/>
        <v>#VALUE!</v>
      </c>
      <c r="BR175" s="972" t="e">
        <f t="shared" si="207"/>
        <v>#VALUE!</v>
      </c>
      <c r="BS175" s="972" t="e">
        <f t="shared" si="208"/>
        <v>#VALUE!</v>
      </c>
      <c r="BT175" s="972" t="e">
        <f t="shared" si="209"/>
        <v>#VALUE!</v>
      </c>
      <c r="BU175" s="972" t="e">
        <f t="shared" si="210"/>
        <v>#VALUE!</v>
      </c>
      <c r="BV175" s="972" t="e">
        <f t="shared" si="211"/>
        <v>#VALUE!</v>
      </c>
      <c r="BW175" s="972" t="e">
        <f t="shared" si="212"/>
        <v>#VALUE!</v>
      </c>
      <c r="BX175" s="972" t="e">
        <f t="shared" si="213"/>
        <v>#VALUE!</v>
      </c>
      <c r="BY175" s="972" t="e">
        <f t="shared" si="214"/>
        <v>#VALUE!</v>
      </c>
      <c r="BZ175" s="972" t="e">
        <f t="shared" si="215"/>
        <v>#VALUE!</v>
      </c>
      <c r="CA175" s="972" t="e">
        <f t="shared" si="216"/>
        <v>#VALUE!</v>
      </c>
      <c r="CB175" s="973" t="e">
        <f t="shared" si="152"/>
        <v>#VALUE!</v>
      </c>
    </row>
    <row r="176" spans="3:80" ht="75" hidden="1" x14ac:dyDescent="0.25">
      <c r="C176" s="597"/>
      <c r="D176" s="597" t="s">
        <v>66</v>
      </c>
      <c r="E176" s="597"/>
      <c r="F176" s="597"/>
      <c r="G176" s="597"/>
      <c r="H176" s="499" t="s">
        <v>1997</v>
      </c>
      <c r="I176" s="499" t="s">
        <v>1215</v>
      </c>
      <c r="J176" s="499" t="s">
        <v>1216</v>
      </c>
      <c r="K176" s="499">
        <v>51.739361000000002</v>
      </c>
      <c r="L176" s="499">
        <v>-0.46898600000000001</v>
      </c>
      <c r="M176" s="499" t="s">
        <v>1488</v>
      </c>
      <c r="N176" s="499" t="s">
        <v>1489</v>
      </c>
      <c r="O176" s="499">
        <v>1</v>
      </c>
      <c r="P176" s="499" t="s">
        <v>932</v>
      </c>
      <c r="Q176" s="499" t="s">
        <v>1490</v>
      </c>
      <c r="R176" s="499" t="s">
        <v>1491</v>
      </c>
      <c r="S176" s="499" t="s">
        <v>1492</v>
      </c>
      <c r="T176" s="499" t="s">
        <v>1493</v>
      </c>
      <c r="U176" s="499" t="s">
        <v>1995</v>
      </c>
      <c r="V176" s="946" t="str">
        <f>_xlfn.XLOOKUP(H176, [5]GIS!D:D, [5]GIS!E:E, "Not mapped")</f>
        <v>Multiple - Scenario 1</v>
      </c>
      <c r="W176" s="1257" t="s">
        <v>1495</v>
      </c>
      <c r="X176" s="579" t="s">
        <v>1496</v>
      </c>
      <c r="Y176" s="1258" t="s">
        <v>1497</v>
      </c>
      <c r="Z176" s="1259" t="s">
        <v>1498</v>
      </c>
      <c r="AA176" s="1259" t="s">
        <v>1498</v>
      </c>
      <c r="AB176" s="1259" t="s">
        <v>1498</v>
      </c>
      <c r="AC176" s="1259" t="s">
        <v>1498</v>
      </c>
      <c r="AD176" s="1259" t="s">
        <v>1498</v>
      </c>
      <c r="AE176" s="1259" t="s">
        <v>1498</v>
      </c>
      <c r="AF176" s="1259" t="s">
        <v>1498</v>
      </c>
      <c r="AG176" s="1259" t="s">
        <v>1498</v>
      </c>
      <c r="AH176" s="1259" t="s">
        <v>1498</v>
      </c>
      <c r="AI176" s="1259" t="s">
        <v>1498</v>
      </c>
      <c r="AJ176" s="1259" t="s">
        <v>1498</v>
      </c>
      <c r="AK176" s="1259" t="s">
        <v>1498</v>
      </c>
      <c r="AL176" s="1259" t="s">
        <v>1498</v>
      </c>
      <c r="AM176" s="1259" t="s">
        <v>1498</v>
      </c>
      <c r="AN176" s="1259" t="s">
        <v>1498</v>
      </c>
      <c r="AO176" s="1259" t="s">
        <v>1498</v>
      </c>
      <c r="AP176" s="1259" t="s">
        <v>1498</v>
      </c>
      <c r="AQ176" s="1259" t="s">
        <v>1498</v>
      </c>
      <c r="AR176" s="1259" t="s">
        <v>1498</v>
      </c>
      <c r="AS176" s="1259" t="s">
        <v>1498</v>
      </c>
      <c r="AT176" s="1259" t="s">
        <v>1498</v>
      </c>
      <c r="AU176" s="1259" t="s">
        <v>1498</v>
      </c>
      <c r="AV176" s="1259" t="s">
        <v>1498</v>
      </c>
      <c r="AW176" s="1259" t="s">
        <v>1498</v>
      </c>
      <c r="AX176" s="1259" t="s">
        <v>1498</v>
      </c>
      <c r="AY176" s="1259" t="s">
        <v>1498</v>
      </c>
      <c r="AZ176" s="905" t="s">
        <v>1796</v>
      </c>
      <c r="BA176" s="499" t="s">
        <v>722</v>
      </c>
      <c r="BB176" s="953" t="s">
        <v>53</v>
      </c>
      <c r="BC176" s="980">
        <f>ROUND((VLOOKUP(H176,'[5]Cost Summary'!A:H,8,)),0.1)</f>
        <v>10441</v>
      </c>
      <c r="BD176" s="499">
        <v>1</v>
      </c>
      <c r="BE176" s="499">
        <v>7</v>
      </c>
      <c r="BF176" s="954" t="s">
        <v>1584</v>
      </c>
      <c r="BG176" s="1261">
        <v>6783.56</v>
      </c>
      <c r="BH176" s="976" t="e">
        <f t="shared" si="197"/>
        <v>#VALUE!</v>
      </c>
      <c r="BI176" s="972" t="e">
        <f t="shared" si="198"/>
        <v>#VALUE!</v>
      </c>
      <c r="BJ176" s="972" t="e">
        <f t="shared" si="199"/>
        <v>#VALUE!</v>
      </c>
      <c r="BK176" s="972" t="e">
        <f t="shared" si="200"/>
        <v>#VALUE!</v>
      </c>
      <c r="BL176" s="972" t="e">
        <f t="shared" si="201"/>
        <v>#VALUE!</v>
      </c>
      <c r="BM176" s="972" t="e">
        <f t="shared" si="202"/>
        <v>#VALUE!</v>
      </c>
      <c r="BN176" s="972" t="e">
        <f t="shared" si="203"/>
        <v>#VALUE!</v>
      </c>
      <c r="BO176" s="972" t="e">
        <f t="shared" si="204"/>
        <v>#VALUE!</v>
      </c>
      <c r="BP176" s="972" t="e">
        <f t="shared" si="205"/>
        <v>#VALUE!</v>
      </c>
      <c r="BQ176" s="972" t="e">
        <f t="shared" si="206"/>
        <v>#VALUE!</v>
      </c>
      <c r="BR176" s="972" t="e">
        <f t="shared" si="207"/>
        <v>#VALUE!</v>
      </c>
      <c r="BS176" s="972" t="e">
        <f t="shared" si="208"/>
        <v>#VALUE!</v>
      </c>
      <c r="BT176" s="972" t="e">
        <f t="shared" si="209"/>
        <v>#VALUE!</v>
      </c>
      <c r="BU176" s="972" t="e">
        <f t="shared" si="210"/>
        <v>#VALUE!</v>
      </c>
      <c r="BV176" s="972" t="e">
        <f t="shared" si="211"/>
        <v>#VALUE!</v>
      </c>
      <c r="BW176" s="972" t="e">
        <f t="shared" si="212"/>
        <v>#VALUE!</v>
      </c>
      <c r="BX176" s="972" t="e">
        <f t="shared" si="213"/>
        <v>#VALUE!</v>
      </c>
      <c r="BY176" s="972" t="e">
        <f t="shared" si="214"/>
        <v>#VALUE!</v>
      </c>
      <c r="BZ176" s="972" t="e">
        <f t="shared" si="215"/>
        <v>#VALUE!</v>
      </c>
      <c r="CA176" s="972" t="e">
        <f t="shared" si="216"/>
        <v>#VALUE!</v>
      </c>
      <c r="CB176" s="973" t="e">
        <f t="shared" si="152"/>
        <v>#VALUE!</v>
      </c>
    </row>
    <row r="177" spans="3:80" ht="75" hidden="1" x14ac:dyDescent="0.25">
      <c r="C177" s="597"/>
      <c r="D177" s="597" t="s">
        <v>66</v>
      </c>
      <c r="E177" s="597"/>
      <c r="F177" s="597"/>
      <c r="G177" s="597"/>
      <c r="H177" s="499" t="s">
        <v>1998</v>
      </c>
      <c r="I177" s="499" t="s">
        <v>1217</v>
      </c>
      <c r="J177" s="499" t="s">
        <v>1218</v>
      </c>
      <c r="K177" s="499">
        <v>51.739121269999998</v>
      </c>
      <c r="L177" s="499">
        <v>-0.469437469</v>
      </c>
      <c r="M177" s="499" t="s">
        <v>1488</v>
      </c>
      <c r="N177" s="499" t="s">
        <v>1489</v>
      </c>
      <c r="O177" s="499">
        <v>1</v>
      </c>
      <c r="P177" s="499" t="s">
        <v>932</v>
      </c>
      <c r="Q177" s="499" t="s">
        <v>1490</v>
      </c>
      <c r="R177" s="499" t="s">
        <v>1491</v>
      </c>
      <c r="S177" s="499" t="s">
        <v>1492</v>
      </c>
      <c r="T177" s="499" t="s">
        <v>1493</v>
      </c>
      <c r="U177" s="499" t="s">
        <v>1995</v>
      </c>
      <c r="V177" s="946" t="str">
        <f>_xlfn.XLOOKUP(H177, [5]GIS!D:D, [5]GIS!E:E, "Not mapped")</f>
        <v>Multiple - Scenario 1</v>
      </c>
      <c r="W177" s="1257" t="s">
        <v>1495</v>
      </c>
      <c r="X177" s="579" t="s">
        <v>1496</v>
      </c>
      <c r="Y177" s="1258" t="s">
        <v>1497</v>
      </c>
      <c r="Z177" s="1259" t="s">
        <v>1498</v>
      </c>
      <c r="AA177" s="1259" t="s">
        <v>1498</v>
      </c>
      <c r="AB177" s="1259" t="s">
        <v>1498</v>
      </c>
      <c r="AC177" s="1259" t="s">
        <v>1498</v>
      </c>
      <c r="AD177" s="1259" t="s">
        <v>1498</v>
      </c>
      <c r="AE177" s="1259" t="s">
        <v>1498</v>
      </c>
      <c r="AF177" s="1259" t="s">
        <v>1498</v>
      </c>
      <c r="AG177" s="1259" t="s">
        <v>1498</v>
      </c>
      <c r="AH177" s="1259" t="s">
        <v>1498</v>
      </c>
      <c r="AI177" s="1259" t="s">
        <v>1498</v>
      </c>
      <c r="AJ177" s="1259" t="s">
        <v>1498</v>
      </c>
      <c r="AK177" s="1259" t="s">
        <v>1498</v>
      </c>
      <c r="AL177" s="1259" t="s">
        <v>1498</v>
      </c>
      <c r="AM177" s="1259" t="s">
        <v>1498</v>
      </c>
      <c r="AN177" s="1259" t="s">
        <v>1498</v>
      </c>
      <c r="AO177" s="1259" t="s">
        <v>1498</v>
      </c>
      <c r="AP177" s="1259" t="s">
        <v>1498</v>
      </c>
      <c r="AQ177" s="1259" t="s">
        <v>1498</v>
      </c>
      <c r="AR177" s="1259" t="s">
        <v>1498</v>
      </c>
      <c r="AS177" s="1259" t="s">
        <v>1498</v>
      </c>
      <c r="AT177" s="1259" t="s">
        <v>1498</v>
      </c>
      <c r="AU177" s="1259" t="s">
        <v>1498</v>
      </c>
      <c r="AV177" s="1259" t="s">
        <v>1498</v>
      </c>
      <c r="AW177" s="1259" t="s">
        <v>1498</v>
      </c>
      <c r="AX177" s="1259" t="s">
        <v>1498</v>
      </c>
      <c r="AY177" s="1259" t="s">
        <v>1498</v>
      </c>
      <c r="AZ177" s="905" t="s">
        <v>1796</v>
      </c>
      <c r="BA177" s="499" t="s">
        <v>722</v>
      </c>
      <c r="BB177" s="953" t="s">
        <v>53</v>
      </c>
      <c r="BC177" s="980">
        <f>ROUND((VLOOKUP(H177,'[5]Cost Summary'!A:H,8,)),0.1)</f>
        <v>797</v>
      </c>
      <c r="BD177" s="499">
        <v>1</v>
      </c>
      <c r="BE177" s="499">
        <v>7</v>
      </c>
      <c r="BF177" s="954" t="s">
        <v>1584</v>
      </c>
      <c r="BG177" s="1261">
        <v>518.02</v>
      </c>
      <c r="BH177" s="976" t="e">
        <f t="shared" si="197"/>
        <v>#VALUE!</v>
      </c>
      <c r="BI177" s="972" t="e">
        <f t="shared" si="198"/>
        <v>#VALUE!</v>
      </c>
      <c r="BJ177" s="972" t="e">
        <f t="shared" si="199"/>
        <v>#VALUE!</v>
      </c>
      <c r="BK177" s="972" t="e">
        <f t="shared" si="200"/>
        <v>#VALUE!</v>
      </c>
      <c r="BL177" s="972" t="e">
        <f t="shared" si="201"/>
        <v>#VALUE!</v>
      </c>
      <c r="BM177" s="972" t="e">
        <f t="shared" si="202"/>
        <v>#VALUE!</v>
      </c>
      <c r="BN177" s="972" t="e">
        <f t="shared" si="203"/>
        <v>#VALUE!</v>
      </c>
      <c r="BO177" s="972" t="e">
        <f t="shared" si="204"/>
        <v>#VALUE!</v>
      </c>
      <c r="BP177" s="972" t="e">
        <f t="shared" si="205"/>
        <v>#VALUE!</v>
      </c>
      <c r="BQ177" s="972" t="e">
        <f t="shared" si="206"/>
        <v>#VALUE!</v>
      </c>
      <c r="BR177" s="972" t="e">
        <f t="shared" si="207"/>
        <v>#VALUE!</v>
      </c>
      <c r="BS177" s="972" t="e">
        <f t="shared" si="208"/>
        <v>#VALUE!</v>
      </c>
      <c r="BT177" s="972" t="e">
        <f t="shared" si="209"/>
        <v>#VALUE!</v>
      </c>
      <c r="BU177" s="972" t="e">
        <f t="shared" si="210"/>
        <v>#VALUE!</v>
      </c>
      <c r="BV177" s="972" t="e">
        <f t="shared" si="211"/>
        <v>#VALUE!</v>
      </c>
      <c r="BW177" s="972" t="e">
        <f t="shared" si="212"/>
        <v>#VALUE!</v>
      </c>
      <c r="BX177" s="972" t="e">
        <f t="shared" si="213"/>
        <v>#VALUE!</v>
      </c>
      <c r="BY177" s="972" t="e">
        <f t="shared" si="214"/>
        <v>#VALUE!</v>
      </c>
      <c r="BZ177" s="972" t="e">
        <f t="shared" si="215"/>
        <v>#VALUE!</v>
      </c>
      <c r="CA177" s="972" t="e">
        <f t="shared" si="216"/>
        <v>#VALUE!</v>
      </c>
      <c r="CB177" s="973" t="e">
        <f t="shared" si="152"/>
        <v>#VALUE!</v>
      </c>
    </row>
    <row r="178" spans="3:80" ht="86.25" hidden="1" x14ac:dyDescent="0.25">
      <c r="C178" s="597"/>
      <c r="D178" s="597" t="s">
        <v>66</v>
      </c>
      <c r="E178" s="597"/>
      <c r="F178" s="597"/>
      <c r="G178" s="597"/>
      <c r="H178" s="499" t="s">
        <v>1999</v>
      </c>
      <c r="I178" s="499" t="s">
        <v>1219</v>
      </c>
      <c r="J178" s="499" t="s">
        <v>1220</v>
      </c>
      <c r="K178" s="499"/>
      <c r="L178" s="499"/>
      <c r="M178" s="499" t="s">
        <v>1488</v>
      </c>
      <c r="N178" s="499" t="s">
        <v>1489</v>
      </c>
      <c r="O178" s="499">
        <v>1</v>
      </c>
      <c r="P178" s="499" t="s">
        <v>932</v>
      </c>
      <c r="Q178" s="499" t="s">
        <v>1490</v>
      </c>
      <c r="R178" s="499" t="s">
        <v>1491</v>
      </c>
      <c r="S178" s="499" t="s">
        <v>1492</v>
      </c>
      <c r="T178" s="499" t="s">
        <v>1493</v>
      </c>
      <c r="U178" s="499" t="s">
        <v>2000</v>
      </c>
      <c r="V178" s="946" t="str">
        <f>_xlfn.XLOOKUP(H178, [5]GIS!D:D, [5]GIS!E:E, "Not mapped")</f>
        <v>Single - Scenario 2</v>
      </c>
      <c r="W178" s="1257" t="s">
        <v>1495</v>
      </c>
      <c r="X178" s="579" t="s">
        <v>1496</v>
      </c>
      <c r="Y178" s="1258" t="s">
        <v>1497</v>
      </c>
      <c r="Z178" s="1259" t="s">
        <v>1498</v>
      </c>
      <c r="AA178" s="1259" t="s">
        <v>1498</v>
      </c>
      <c r="AB178" s="1259" t="s">
        <v>1498</v>
      </c>
      <c r="AC178" s="1259" t="s">
        <v>1498</v>
      </c>
      <c r="AD178" s="1259" t="s">
        <v>1498</v>
      </c>
      <c r="AE178" s="1259" t="s">
        <v>1498</v>
      </c>
      <c r="AF178" s="1259" t="s">
        <v>1498</v>
      </c>
      <c r="AG178" s="1259" t="s">
        <v>1498</v>
      </c>
      <c r="AH178" s="1259" t="s">
        <v>1498</v>
      </c>
      <c r="AI178" s="1259" t="s">
        <v>1498</v>
      </c>
      <c r="AJ178" s="1259" t="s">
        <v>1498</v>
      </c>
      <c r="AK178" s="1259" t="s">
        <v>1498</v>
      </c>
      <c r="AL178" s="1259" t="s">
        <v>1498</v>
      </c>
      <c r="AM178" s="1259" t="s">
        <v>1498</v>
      </c>
      <c r="AN178" s="1259" t="s">
        <v>1498</v>
      </c>
      <c r="AO178" s="1259" t="s">
        <v>1498</v>
      </c>
      <c r="AP178" s="1259" t="s">
        <v>1498</v>
      </c>
      <c r="AQ178" s="1259" t="s">
        <v>1498</v>
      </c>
      <c r="AR178" s="1259" t="s">
        <v>1498</v>
      </c>
      <c r="AS178" s="1259" t="s">
        <v>1498</v>
      </c>
      <c r="AT178" s="1259" t="s">
        <v>1498</v>
      </c>
      <c r="AU178" s="1259" t="s">
        <v>1498</v>
      </c>
      <c r="AV178" s="1259" t="s">
        <v>1498</v>
      </c>
      <c r="AW178" s="1259" t="s">
        <v>1498</v>
      </c>
      <c r="AX178" s="1259" t="s">
        <v>1498</v>
      </c>
      <c r="AY178" s="1259" t="s">
        <v>1498</v>
      </c>
      <c r="AZ178" s="905" t="s">
        <v>2001</v>
      </c>
      <c r="BA178" s="499" t="s">
        <v>722</v>
      </c>
      <c r="BB178" s="953" t="s">
        <v>53</v>
      </c>
      <c r="BC178" s="980">
        <f>ROUND((VLOOKUP(H178,'[5]Cost Summary'!A:H,8,)),0.1)</f>
        <v>922013</v>
      </c>
      <c r="BD178" s="499">
        <v>1</v>
      </c>
      <c r="BE178" s="499">
        <v>8</v>
      </c>
      <c r="BF178" s="954" t="s">
        <v>1584</v>
      </c>
      <c r="BG178" s="1261">
        <v>599009.13</v>
      </c>
      <c r="BH178" s="976" t="e">
        <f t="shared" si="197"/>
        <v>#VALUE!</v>
      </c>
      <c r="BI178" s="972" t="e">
        <f t="shared" si="198"/>
        <v>#VALUE!</v>
      </c>
      <c r="BJ178" s="972" t="e">
        <f t="shared" si="199"/>
        <v>#VALUE!</v>
      </c>
      <c r="BK178" s="972" t="e">
        <f t="shared" si="200"/>
        <v>#VALUE!</v>
      </c>
      <c r="BL178" s="972" t="e">
        <f t="shared" si="201"/>
        <v>#VALUE!</v>
      </c>
      <c r="BM178" s="972" t="e">
        <f t="shared" si="202"/>
        <v>#VALUE!</v>
      </c>
      <c r="BN178" s="972" t="e">
        <f t="shared" si="203"/>
        <v>#VALUE!</v>
      </c>
      <c r="BO178" s="972" t="e">
        <f t="shared" si="204"/>
        <v>#VALUE!</v>
      </c>
      <c r="BP178" s="972" t="e">
        <f t="shared" si="205"/>
        <v>#VALUE!</v>
      </c>
      <c r="BQ178" s="972" t="e">
        <f t="shared" si="206"/>
        <v>#VALUE!</v>
      </c>
      <c r="BR178" s="972" t="e">
        <f t="shared" si="207"/>
        <v>#VALUE!</v>
      </c>
      <c r="BS178" s="972" t="e">
        <f t="shared" si="208"/>
        <v>#VALUE!</v>
      </c>
      <c r="BT178" s="972" t="e">
        <f t="shared" si="209"/>
        <v>#VALUE!</v>
      </c>
      <c r="BU178" s="972" t="e">
        <f t="shared" si="210"/>
        <v>#VALUE!</v>
      </c>
      <c r="BV178" s="972" t="e">
        <f t="shared" si="211"/>
        <v>#VALUE!</v>
      </c>
      <c r="BW178" s="972" t="e">
        <f t="shared" si="212"/>
        <v>#VALUE!</v>
      </c>
      <c r="BX178" s="972" t="e">
        <f t="shared" si="213"/>
        <v>#VALUE!</v>
      </c>
      <c r="BY178" s="972" t="e">
        <f t="shared" si="214"/>
        <v>#VALUE!</v>
      </c>
      <c r="BZ178" s="972" t="e">
        <f t="shared" si="215"/>
        <v>#VALUE!</v>
      </c>
      <c r="CA178" s="972" t="e">
        <f t="shared" si="216"/>
        <v>#VALUE!</v>
      </c>
      <c r="CB178" s="973" t="e">
        <f t="shared" si="152"/>
        <v>#VALUE!</v>
      </c>
    </row>
    <row r="179" spans="3:80" ht="86.25" hidden="1" x14ac:dyDescent="0.25">
      <c r="C179" s="597"/>
      <c r="D179" s="597" t="s">
        <v>66</v>
      </c>
      <c r="E179" s="597"/>
      <c r="F179" s="597"/>
      <c r="G179" s="597"/>
      <c r="H179" s="499" t="s">
        <v>2002</v>
      </c>
      <c r="I179" s="499" t="s">
        <v>1221</v>
      </c>
      <c r="J179" s="499" t="s">
        <v>1222</v>
      </c>
      <c r="K179" s="499" t="s">
        <v>2004</v>
      </c>
      <c r="L179" s="499" t="s">
        <v>2005</v>
      </c>
      <c r="M179" s="499" t="s">
        <v>1488</v>
      </c>
      <c r="N179" s="499" t="s">
        <v>1489</v>
      </c>
      <c r="O179" s="499">
        <v>1</v>
      </c>
      <c r="P179" s="499" t="s">
        <v>932</v>
      </c>
      <c r="Q179" s="499" t="s">
        <v>1490</v>
      </c>
      <c r="R179" s="499" t="s">
        <v>1491</v>
      </c>
      <c r="S179" s="499" t="s">
        <v>1492</v>
      </c>
      <c r="T179" s="499" t="s">
        <v>1493</v>
      </c>
      <c r="U179" s="499" t="s">
        <v>2000</v>
      </c>
      <c r="V179" s="946" t="str">
        <f>_xlfn.XLOOKUP(H179, [5]GIS!D:D, [5]GIS!E:E, "Not mapped")</f>
        <v>Single - Scenario 2</v>
      </c>
      <c r="W179" s="1257" t="s">
        <v>1495</v>
      </c>
      <c r="X179" s="579" t="s">
        <v>1496</v>
      </c>
      <c r="Y179" s="1258" t="s">
        <v>1497</v>
      </c>
      <c r="Z179" s="1259" t="s">
        <v>1498</v>
      </c>
      <c r="AA179" s="1259" t="s">
        <v>1498</v>
      </c>
      <c r="AB179" s="1259" t="s">
        <v>1498</v>
      </c>
      <c r="AC179" s="1259" t="s">
        <v>1498</v>
      </c>
      <c r="AD179" s="1259" t="s">
        <v>1498</v>
      </c>
      <c r="AE179" s="1259" t="s">
        <v>1498</v>
      </c>
      <c r="AF179" s="1259" t="s">
        <v>1498</v>
      </c>
      <c r="AG179" s="1259" t="s">
        <v>1498</v>
      </c>
      <c r="AH179" s="1259" t="s">
        <v>1498</v>
      </c>
      <c r="AI179" s="1259" t="s">
        <v>1498</v>
      </c>
      <c r="AJ179" s="1259" t="s">
        <v>1498</v>
      </c>
      <c r="AK179" s="1259" t="s">
        <v>1498</v>
      </c>
      <c r="AL179" s="1259" t="s">
        <v>1498</v>
      </c>
      <c r="AM179" s="1259" t="s">
        <v>1498</v>
      </c>
      <c r="AN179" s="1259" t="s">
        <v>1498</v>
      </c>
      <c r="AO179" s="1259" t="s">
        <v>1498</v>
      </c>
      <c r="AP179" s="1259" t="s">
        <v>1498</v>
      </c>
      <c r="AQ179" s="1259" t="s">
        <v>1498</v>
      </c>
      <c r="AR179" s="1259" t="s">
        <v>1498</v>
      </c>
      <c r="AS179" s="1259" t="s">
        <v>1498</v>
      </c>
      <c r="AT179" s="1259" t="s">
        <v>1498</v>
      </c>
      <c r="AU179" s="1259" t="s">
        <v>1498</v>
      </c>
      <c r="AV179" s="1259" t="s">
        <v>1498</v>
      </c>
      <c r="AW179" s="1259" t="s">
        <v>1498</v>
      </c>
      <c r="AX179" s="1259" t="s">
        <v>1498</v>
      </c>
      <c r="AY179" s="1259" t="s">
        <v>1498</v>
      </c>
      <c r="AZ179" s="905" t="s">
        <v>2001</v>
      </c>
      <c r="BA179" s="499" t="s">
        <v>722</v>
      </c>
      <c r="BB179" s="953" t="s">
        <v>53</v>
      </c>
      <c r="BC179" s="980">
        <f>ROUND((VLOOKUP(H179,'[5]Cost Summary'!A:H,8,)),0.1)</f>
        <v>6961</v>
      </c>
      <c r="BD179" s="499">
        <v>1</v>
      </c>
      <c r="BE179" s="499">
        <v>8</v>
      </c>
      <c r="BF179" s="954" t="s">
        <v>1584</v>
      </c>
      <c r="BG179" s="1261">
        <v>4522.38</v>
      </c>
      <c r="BH179" s="976" t="e">
        <f t="shared" si="197"/>
        <v>#VALUE!</v>
      </c>
      <c r="BI179" s="972" t="e">
        <f t="shared" si="198"/>
        <v>#VALUE!</v>
      </c>
      <c r="BJ179" s="972" t="e">
        <f t="shared" si="199"/>
        <v>#VALUE!</v>
      </c>
      <c r="BK179" s="972" t="e">
        <f t="shared" si="200"/>
        <v>#VALUE!</v>
      </c>
      <c r="BL179" s="972" t="e">
        <f t="shared" si="201"/>
        <v>#VALUE!</v>
      </c>
      <c r="BM179" s="972" t="e">
        <f t="shared" si="202"/>
        <v>#VALUE!</v>
      </c>
      <c r="BN179" s="972" t="e">
        <f t="shared" si="203"/>
        <v>#VALUE!</v>
      </c>
      <c r="BO179" s="972" t="e">
        <f t="shared" si="204"/>
        <v>#VALUE!</v>
      </c>
      <c r="BP179" s="972" t="e">
        <f t="shared" si="205"/>
        <v>#VALUE!</v>
      </c>
      <c r="BQ179" s="972" t="e">
        <f t="shared" si="206"/>
        <v>#VALUE!</v>
      </c>
      <c r="BR179" s="972" t="e">
        <f t="shared" si="207"/>
        <v>#VALUE!</v>
      </c>
      <c r="BS179" s="972" t="e">
        <f t="shared" si="208"/>
        <v>#VALUE!</v>
      </c>
      <c r="BT179" s="972" t="e">
        <f t="shared" si="209"/>
        <v>#VALUE!</v>
      </c>
      <c r="BU179" s="972" t="e">
        <f t="shared" si="210"/>
        <v>#VALUE!</v>
      </c>
      <c r="BV179" s="972" t="e">
        <f t="shared" si="211"/>
        <v>#VALUE!</v>
      </c>
      <c r="BW179" s="972" t="e">
        <f t="shared" si="212"/>
        <v>#VALUE!</v>
      </c>
      <c r="BX179" s="972" t="e">
        <f t="shared" si="213"/>
        <v>#VALUE!</v>
      </c>
      <c r="BY179" s="972" t="e">
        <f t="shared" si="214"/>
        <v>#VALUE!</v>
      </c>
      <c r="BZ179" s="972" t="e">
        <f t="shared" si="215"/>
        <v>#VALUE!</v>
      </c>
      <c r="CA179" s="972" t="e">
        <f t="shared" si="216"/>
        <v>#VALUE!</v>
      </c>
      <c r="CB179" s="973" t="e">
        <f t="shared" si="152"/>
        <v>#VALUE!</v>
      </c>
    </row>
    <row r="180" spans="3:80" ht="143.25" hidden="1" x14ac:dyDescent="0.25">
      <c r="C180" s="597"/>
      <c r="D180" s="597" t="s">
        <v>66</v>
      </c>
      <c r="E180" s="597"/>
      <c r="F180" s="597"/>
      <c r="G180" s="597"/>
      <c r="H180" s="499" t="s">
        <v>2006</v>
      </c>
      <c r="I180" s="499" t="s">
        <v>1223</v>
      </c>
      <c r="J180" s="499" t="s">
        <v>2007</v>
      </c>
      <c r="K180" s="499"/>
      <c r="L180" s="499"/>
      <c r="M180" s="499" t="s">
        <v>1488</v>
      </c>
      <c r="N180" s="499" t="s">
        <v>1489</v>
      </c>
      <c r="O180" s="499">
        <v>1</v>
      </c>
      <c r="P180" s="499" t="s">
        <v>932</v>
      </c>
      <c r="Q180" s="499" t="s">
        <v>1490</v>
      </c>
      <c r="R180" s="499" t="s">
        <v>1491</v>
      </c>
      <c r="S180" s="499" t="s">
        <v>1492</v>
      </c>
      <c r="T180" s="499" t="s">
        <v>1493</v>
      </c>
      <c r="U180" s="499" t="s">
        <v>1534</v>
      </c>
      <c r="V180" s="946" t="str">
        <f>_xlfn.XLOOKUP(H180, [5]GIS!D:D, [5]GIS!E:E, "Not mapped")</f>
        <v>Multiple - Scenario 2</v>
      </c>
      <c r="W180" s="1257" t="s">
        <v>1495</v>
      </c>
      <c r="X180" s="579" t="s">
        <v>1496</v>
      </c>
      <c r="Y180" s="1258" t="s">
        <v>1497</v>
      </c>
      <c r="Z180" s="1259" t="s">
        <v>1498</v>
      </c>
      <c r="AA180" s="1259" t="s">
        <v>1498</v>
      </c>
      <c r="AB180" s="1259" t="s">
        <v>1498</v>
      </c>
      <c r="AC180" s="1259" t="s">
        <v>1498</v>
      </c>
      <c r="AD180" s="1259" t="s">
        <v>1498</v>
      </c>
      <c r="AE180" s="1259" t="s">
        <v>1498</v>
      </c>
      <c r="AF180" s="1259" t="s">
        <v>1498</v>
      </c>
      <c r="AG180" s="1259" t="s">
        <v>1498</v>
      </c>
      <c r="AH180" s="1259" t="s">
        <v>1498</v>
      </c>
      <c r="AI180" s="1259" t="s">
        <v>1498</v>
      </c>
      <c r="AJ180" s="1259" t="s">
        <v>1498</v>
      </c>
      <c r="AK180" s="1259" t="s">
        <v>1498</v>
      </c>
      <c r="AL180" s="1259" t="s">
        <v>1498</v>
      </c>
      <c r="AM180" s="1259" t="s">
        <v>1498</v>
      </c>
      <c r="AN180" s="1259" t="s">
        <v>1498</v>
      </c>
      <c r="AO180" s="1259" t="s">
        <v>1498</v>
      </c>
      <c r="AP180" s="1259" t="s">
        <v>1498</v>
      </c>
      <c r="AQ180" s="1259" t="s">
        <v>1498</v>
      </c>
      <c r="AR180" s="1259" t="s">
        <v>1498</v>
      </c>
      <c r="AS180" s="1259" t="s">
        <v>1498</v>
      </c>
      <c r="AT180" s="1259" t="s">
        <v>1498</v>
      </c>
      <c r="AU180" s="1259" t="s">
        <v>1498</v>
      </c>
      <c r="AV180" s="1259" t="s">
        <v>1498</v>
      </c>
      <c r="AW180" s="1259" t="s">
        <v>1498</v>
      </c>
      <c r="AX180" s="1259" t="s">
        <v>1498</v>
      </c>
      <c r="AY180" s="1259" t="s">
        <v>1498</v>
      </c>
      <c r="AZ180" s="905" t="s">
        <v>2001</v>
      </c>
      <c r="BA180" s="499" t="s">
        <v>722</v>
      </c>
      <c r="BB180" s="953" t="s">
        <v>53</v>
      </c>
      <c r="BC180" s="980">
        <f>ROUND((VLOOKUP(H180,'[5]Cost Summary'!A:H,8,)),0.1)</f>
        <v>1983442</v>
      </c>
      <c r="BD180" s="499">
        <v>0</v>
      </c>
      <c r="BE180" s="499" t="s">
        <v>1500</v>
      </c>
      <c r="BF180" s="954" t="s">
        <v>1584</v>
      </c>
      <c r="BG180" s="1261">
        <v>1288592.99</v>
      </c>
      <c r="BH180" s="976" t="e">
        <f t="shared" si="197"/>
        <v>#VALUE!</v>
      </c>
      <c r="BI180" s="972" t="e">
        <f t="shared" si="198"/>
        <v>#VALUE!</v>
      </c>
      <c r="BJ180" s="972" t="e">
        <f t="shared" si="199"/>
        <v>#VALUE!</v>
      </c>
      <c r="BK180" s="972" t="e">
        <f t="shared" si="200"/>
        <v>#VALUE!</v>
      </c>
      <c r="BL180" s="972" t="e">
        <f t="shared" si="201"/>
        <v>#VALUE!</v>
      </c>
      <c r="BM180" s="972" t="e">
        <f t="shared" si="202"/>
        <v>#VALUE!</v>
      </c>
      <c r="BN180" s="972" t="e">
        <f t="shared" si="203"/>
        <v>#VALUE!</v>
      </c>
      <c r="BO180" s="972" t="e">
        <f t="shared" si="204"/>
        <v>#VALUE!</v>
      </c>
      <c r="BP180" s="972" t="e">
        <f t="shared" si="205"/>
        <v>#VALUE!</v>
      </c>
      <c r="BQ180" s="972" t="e">
        <f t="shared" si="206"/>
        <v>#VALUE!</v>
      </c>
      <c r="BR180" s="972" t="e">
        <f t="shared" si="207"/>
        <v>#VALUE!</v>
      </c>
      <c r="BS180" s="972" t="e">
        <f t="shared" si="208"/>
        <v>#VALUE!</v>
      </c>
      <c r="BT180" s="972" t="e">
        <f t="shared" si="209"/>
        <v>#VALUE!</v>
      </c>
      <c r="BU180" s="972" t="e">
        <f t="shared" si="210"/>
        <v>#VALUE!</v>
      </c>
      <c r="BV180" s="972" t="e">
        <f t="shared" si="211"/>
        <v>#VALUE!</v>
      </c>
      <c r="BW180" s="972" t="e">
        <f t="shared" si="212"/>
        <v>#VALUE!</v>
      </c>
      <c r="BX180" s="972" t="e">
        <f t="shared" si="213"/>
        <v>#VALUE!</v>
      </c>
      <c r="BY180" s="972" t="e">
        <f t="shared" si="214"/>
        <v>#VALUE!</v>
      </c>
      <c r="BZ180" s="972" t="e">
        <f t="shared" si="215"/>
        <v>#VALUE!</v>
      </c>
      <c r="CA180" s="972" t="e">
        <f t="shared" si="216"/>
        <v>#VALUE!</v>
      </c>
      <c r="CB180" s="973" t="e">
        <f t="shared" si="152"/>
        <v>#VALUE!</v>
      </c>
    </row>
    <row r="181" spans="3:80" ht="86.25" hidden="1" x14ac:dyDescent="0.25">
      <c r="C181" s="597"/>
      <c r="D181" s="597" t="s">
        <v>66</v>
      </c>
      <c r="E181" s="597"/>
      <c r="F181" s="597"/>
      <c r="G181" s="597"/>
      <c r="H181" s="499" t="s">
        <v>2009</v>
      </c>
      <c r="I181" s="499" t="s">
        <v>2010</v>
      </c>
      <c r="J181" s="499" t="s">
        <v>1226</v>
      </c>
      <c r="K181" s="499">
        <v>51.741593029999997</v>
      </c>
      <c r="L181" s="499">
        <v>-0.44885778799999998</v>
      </c>
      <c r="M181" s="499" t="s">
        <v>1488</v>
      </c>
      <c r="N181" s="499" t="s">
        <v>1489</v>
      </c>
      <c r="O181" s="499">
        <v>1</v>
      </c>
      <c r="P181" s="499" t="s">
        <v>932</v>
      </c>
      <c r="Q181" s="499" t="s">
        <v>1490</v>
      </c>
      <c r="R181" s="499" t="s">
        <v>1491</v>
      </c>
      <c r="S181" s="499" t="s">
        <v>1492</v>
      </c>
      <c r="T181" s="499" t="s">
        <v>1493</v>
      </c>
      <c r="U181" s="499" t="s">
        <v>1534</v>
      </c>
      <c r="V181" s="946" t="str">
        <f>_xlfn.XLOOKUP(H181, [5]GIS!D:D, [5]GIS!E:E, "Not mapped")</f>
        <v>Multiple - Scenario 2</v>
      </c>
      <c r="W181" s="1262" t="s">
        <v>1515</v>
      </c>
      <c r="X181" s="579" t="s">
        <v>1496</v>
      </c>
      <c r="Y181" s="1258" t="s">
        <v>1497</v>
      </c>
      <c r="Z181" s="1259" t="s">
        <v>1498</v>
      </c>
      <c r="AA181" s="1259" t="s">
        <v>1498</v>
      </c>
      <c r="AB181" s="1259" t="s">
        <v>1498</v>
      </c>
      <c r="AC181" s="1259" t="s">
        <v>1498</v>
      </c>
      <c r="AD181" s="1259" t="s">
        <v>1498</v>
      </c>
      <c r="AE181" s="1259" t="s">
        <v>1498</v>
      </c>
      <c r="AF181" s="1259" t="s">
        <v>1498</v>
      </c>
      <c r="AG181" s="1259" t="s">
        <v>1498</v>
      </c>
      <c r="AH181" s="1259" t="s">
        <v>1498</v>
      </c>
      <c r="AI181" s="1259" t="s">
        <v>1498</v>
      </c>
      <c r="AJ181" s="1259" t="s">
        <v>1498</v>
      </c>
      <c r="AK181" s="1259" t="s">
        <v>1498</v>
      </c>
      <c r="AL181" s="1259" t="s">
        <v>1498</v>
      </c>
      <c r="AM181" s="1259" t="s">
        <v>1498</v>
      </c>
      <c r="AN181" s="1259" t="s">
        <v>1498</v>
      </c>
      <c r="AO181" s="1259" t="s">
        <v>1498</v>
      </c>
      <c r="AP181" s="1259" t="s">
        <v>1498</v>
      </c>
      <c r="AQ181" s="1259" t="s">
        <v>1498</v>
      </c>
      <c r="AR181" s="1259" t="s">
        <v>1498</v>
      </c>
      <c r="AS181" s="1259" t="s">
        <v>1498</v>
      </c>
      <c r="AT181" s="1259" t="s">
        <v>1498</v>
      </c>
      <c r="AU181" s="1259" t="s">
        <v>1498</v>
      </c>
      <c r="AV181" s="1259" t="s">
        <v>1498</v>
      </c>
      <c r="AW181" s="1259" t="s">
        <v>1498</v>
      </c>
      <c r="AX181" s="1259" t="s">
        <v>1498</v>
      </c>
      <c r="AY181" s="1259" t="s">
        <v>1498</v>
      </c>
      <c r="AZ181" s="905" t="s">
        <v>2001</v>
      </c>
      <c r="BA181" s="499" t="s">
        <v>722</v>
      </c>
      <c r="BB181" s="953" t="s">
        <v>53</v>
      </c>
      <c r="BC181" s="980">
        <f>ROUND((VLOOKUP(H181,'[5]Cost Summary'!A:H,8,)),0.1)</f>
        <v>234142</v>
      </c>
      <c r="BD181" s="499">
        <v>0</v>
      </c>
      <c r="BE181" s="499" t="s">
        <v>1500</v>
      </c>
      <c r="BF181" s="954" t="s">
        <v>1584</v>
      </c>
      <c r="BG181" s="1261">
        <v>152116.25</v>
      </c>
      <c r="BH181" s="976" t="e">
        <f t="shared" si="197"/>
        <v>#VALUE!</v>
      </c>
      <c r="BI181" s="972" t="e">
        <f t="shared" si="198"/>
        <v>#VALUE!</v>
      </c>
      <c r="BJ181" s="972" t="e">
        <f t="shared" si="199"/>
        <v>#VALUE!</v>
      </c>
      <c r="BK181" s="972" t="e">
        <f t="shared" si="200"/>
        <v>#VALUE!</v>
      </c>
      <c r="BL181" s="972" t="e">
        <f t="shared" si="201"/>
        <v>#VALUE!</v>
      </c>
      <c r="BM181" s="972" t="e">
        <f t="shared" si="202"/>
        <v>#VALUE!</v>
      </c>
      <c r="BN181" s="972" t="e">
        <f t="shared" si="203"/>
        <v>#VALUE!</v>
      </c>
      <c r="BO181" s="972" t="e">
        <f t="shared" si="204"/>
        <v>#VALUE!</v>
      </c>
      <c r="BP181" s="972" t="e">
        <f t="shared" si="205"/>
        <v>#VALUE!</v>
      </c>
      <c r="BQ181" s="972" t="e">
        <f t="shared" si="206"/>
        <v>#VALUE!</v>
      </c>
      <c r="BR181" s="972" t="e">
        <f t="shared" si="207"/>
        <v>#VALUE!</v>
      </c>
      <c r="BS181" s="972" t="e">
        <f t="shared" si="208"/>
        <v>#VALUE!</v>
      </c>
      <c r="BT181" s="972" t="e">
        <f t="shared" si="209"/>
        <v>#VALUE!</v>
      </c>
      <c r="BU181" s="972" t="e">
        <f t="shared" si="210"/>
        <v>#VALUE!</v>
      </c>
      <c r="BV181" s="972" t="e">
        <f t="shared" si="211"/>
        <v>#VALUE!</v>
      </c>
      <c r="BW181" s="972" t="e">
        <f t="shared" si="212"/>
        <v>#VALUE!</v>
      </c>
      <c r="BX181" s="972" t="e">
        <f t="shared" si="213"/>
        <v>#VALUE!</v>
      </c>
      <c r="BY181" s="972" t="e">
        <f t="shared" si="214"/>
        <v>#VALUE!</v>
      </c>
      <c r="BZ181" s="972" t="e">
        <f t="shared" si="215"/>
        <v>#VALUE!</v>
      </c>
      <c r="CA181" s="972" t="e">
        <f t="shared" si="216"/>
        <v>#VALUE!</v>
      </c>
      <c r="CB181" s="973" t="e">
        <f t="shared" si="152"/>
        <v>#VALUE!</v>
      </c>
    </row>
    <row r="182" spans="3:80" ht="186" hidden="1" x14ac:dyDescent="0.25">
      <c r="C182" s="597"/>
      <c r="D182" s="597" t="s">
        <v>66</v>
      </c>
      <c r="E182" s="597"/>
      <c r="F182" s="597"/>
      <c r="G182" s="597"/>
      <c r="H182" s="499" t="s">
        <v>2011</v>
      </c>
      <c r="I182" s="499" t="s">
        <v>1227</v>
      </c>
      <c r="J182" s="499" t="s">
        <v>1228</v>
      </c>
      <c r="K182" s="499"/>
      <c r="L182" s="499"/>
      <c r="M182" s="499" t="s">
        <v>1488</v>
      </c>
      <c r="N182" s="499" t="s">
        <v>1489</v>
      </c>
      <c r="O182" s="499">
        <v>1</v>
      </c>
      <c r="P182" s="499" t="s">
        <v>932</v>
      </c>
      <c r="Q182" s="499" t="s">
        <v>1490</v>
      </c>
      <c r="R182" s="499" t="s">
        <v>1491</v>
      </c>
      <c r="S182" s="499" t="s">
        <v>1492</v>
      </c>
      <c r="T182" s="499" t="s">
        <v>1493</v>
      </c>
      <c r="U182" s="499" t="s">
        <v>1534</v>
      </c>
      <c r="V182" s="946" t="str">
        <f>_xlfn.XLOOKUP(H182, [5]GIS!D:D, [5]GIS!E:E, "Not mapped")</f>
        <v>Multiple - Scenario 2</v>
      </c>
      <c r="W182" s="1262" t="s">
        <v>1515</v>
      </c>
      <c r="X182" s="579" t="s">
        <v>1496</v>
      </c>
      <c r="Y182" s="1258" t="s">
        <v>1497</v>
      </c>
      <c r="Z182" s="1259" t="s">
        <v>1498</v>
      </c>
      <c r="AA182" s="1259" t="s">
        <v>1498</v>
      </c>
      <c r="AB182" s="1259" t="s">
        <v>1498</v>
      </c>
      <c r="AC182" s="1259" t="s">
        <v>1498</v>
      </c>
      <c r="AD182" s="1259" t="s">
        <v>1498</v>
      </c>
      <c r="AE182" s="1259" t="s">
        <v>1498</v>
      </c>
      <c r="AF182" s="1259" t="s">
        <v>1498</v>
      </c>
      <c r="AG182" s="1259" t="s">
        <v>1498</v>
      </c>
      <c r="AH182" s="1259" t="s">
        <v>1498</v>
      </c>
      <c r="AI182" s="1259" t="s">
        <v>1498</v>
      </c>
      <c r="AJ182" s="1259" t="s">
        <v>1498</v>
      </c>
      <c r="AK182" s="1259" t="s">
        <v>1498</v>
      </c>
      <c r="AL182" s="1259" t="s">
        <v>1498</v>
      </c>
      <c r="AM182" s="1259" t="s">
        <v>1498</v>
      </c>
      <c r="AN182" s="1259" t="s">
        <v>1498</v>
      </c>
      <c r="AO182" s="1259" t="s">
        <v>1498</v>
      </c>
      <c r="AP182" s="1259" t="s">
        <v>1498</v>
      </c>
      <c r="AQ182" s="1259" t="s">
        <v>1498</v>
      </c>
      <c r="AR182" s="1259" t="s">
        <v>1498</v>
      </c>
      <c r="AS182" s="1259" t="s">
        <v>1498</v>
      </c>
      <c r="AT182" s="1259" t="s">
        <v>1498</v>
      </c>
      <c r="AU182" s="1259" t="s">
        <v>1498</v>
      </c>
      <c r="AV182" s="1259" t="s">
        <v>1498</v>
      </c>
      <c r="AW182" s="1259" t="s">
        <v>1498</v>
      </c>
      <c r="AX182" s="1259" t="s">
        <v>1498</v>
      </c>
      <c r="AY182" s="1259" t="s">
        <v>1498</v>
      </c>
      <c r="AZ182" s="905" t="s">
        <v>2001</v>
      </c>
      <c r="BA182" s="499" t="s">
        <v>722</v>
      </c>
      <c r="BB182" s="953" t="s">
        <v>53</v>
      </c>
      <c r="BC182" s="980">
        <f>ROUND((VLOOKUP(H182,'[5]Cost Summary'!A:H,8,)),0.1)</f>
        <v>341774</v>
      </c>
      <c r="BD182" s="499">
        <v>0</v>
      </c>
      <c r="BE182" s="499" t="s">
        <v>1500</v>
      </c>
      <c r="BF182" s="954" t="s">
        <v>1584</v>
      </c>
      <c r="BG182" s="1261">
        <v>222042.17</v>
      </c>
      <c r="BH182" s="976" t="e">
        <f t="shared" si="197"/>
        <v>#VALUE!</v>
      </c>
      <c r="BI182" s="972" t="e">
        <f t="shared" si="198"/>
        <v>#VALUE!</v>
      </c>
      <c r="BJ182" s="972" t="e">
        <f t="shared" si="199"/>
        <v>#VALUE!</v>
      </c>
      <c r="BK182" s="972" t="e">
        <f t="shared" si="200"/>
        <v>#VALUE!</v>
      </c>
      <c r="BL182" s="972" t="e">
        <f t="shared" si="201"/>
        <v>#VALUE!</v>
      </c>
      <c r="BM182" s="972" t="e">
        <f t="shared" si="202"/>
        <v>#VALUE!</v>
      </c>
      <c r="BN182" s="972" t="e">
        <f t="shared" si="203"/>
        <v>#VALUE!</v>
      </c>
      <c r="BO182" s="972" t="e">
        <f t="shared" si="204"/>
        <v>#VALUE!</v>
      </c>
      <c r="BP182" s="972" t="e">
        <f t="shared" si="205"/>
        <v>#VALUE!</v>
      </c>
      <c r="BQ182" s="972" t="e">
        <f t="shared" si="206"/>
        <v>#VALUE!</v>
      </c>
      <c r="BR182" s="972" t="e">
        <f t="shared" si="207"/>
        <v>#VALUE!</v>
      </c>
      <c r="BS182" s="972" t="e">
        <f t="shared" si="208"/>
        <v>#VALUE!</v>
      </c>
      <c r="BT182" s="972" t="e">
        <f t="shared" si="209"/>
        <v>#VALUE!</v>
      </c>
      <c r="BU182" s="972" t="e">
        <f t="shared" si="210"/>
        <v>#VALUE!</v>
      </c>
      <c r="BV182" s="972" t="e">
        <f t="shared" si="211"/>
        <v>#VALUE!</v>
      </c>
      <c r="BW182" s="972" t="e">
        <f t="shared" si="212"/>
        <v>#VALUE!</v>
      </c>
      <c r="BX182" s="972" t="e">
        <f t="shared" si="213"/>
        <v>#VALUE!</v>
      </c>
      <c r="BY182" s="972" t="e">
        <f t="shared" si="214"/>
        <v>#VALUE!</v>
      </c>
      <c r="BZ182" s="972" t="e">
        <f t="shared" si="215"/>
        <v>#VALUE!</v>
      </c>
      <c r="CA182" s="972" t="e">
        <f t="shared" si="216"/>
        <v>#VALUE!</v>
      </c>
      <c r="CB182" s="973" t="e">
        <f t="shared" si="152"/>
        <v>#VALUE!</v>
      </c>
    </row>
    <row r="183" spans="3:80" ht="86.25" hidden="1" x14ac:dyDescent="0.25">
      <c r="C183" s="597"/>
      <c r="D183" s="597" t="s">
        <v>66</v>
      </c>
      <c r="E183" s="597"/>
      <c r="F183" s="597"/>
      <c r="G183" s="597"/>
      <c r="H183" s="499" t="s">
        <v>2013</v>
      </c>
      <c r="I183" s="499" t="s">
        <v>1229</v>
      </c>
      <c r="J183" s="499" t="s">
        <v>1230</v>
      </c>
      <c r="K183" s="499" t="s">
        <v>2015</v>
      </c>
      <c r="L183" s="499" t="s">
        <v>2016</v>
      </c>
      <c r="M183" s="499" t="s">
        <v>1488</v>
      </c>
      <c r="N183" s="499" t="s">
        <v>1489</v>
      </c>
      <c r="O183" s="499">
        <v>1</v>
      </c>
      <c r="P183" s="499" t="s">
        <v>932</v>
      </c>
      <c r="Q183" s="499" t="s">
        <v>1490</v>
      </c>
      <c r="R183" s="499" t="s">
        <v>1491</v>
      </c>
      <c r="S183" s="499" t="s">
        <v>1492</v>
      </c>
      <c r="T183" s="499" t="s">
        <v>1493</v>
      </c>
      <c r="U183" s="499" t="s">
        <v>1534</v>
      </c>
      <c r="V183" s="946" t="str">
        <f>_xlfn.XLOOKUP(H183, [5]GIS!D:D, [5]GIS!E:E, "Not mapped")</f>
        <v>Single - Scenario 3</v>
      </c>
      <c r="W183" s="1257" t="s">
        <v>1495</v>
      </c>
      <c r="X183" s="579" t="s">
        <v>1496</v>
      </c>
      <c r="Y183" s="1258" t="s">
        <v>1497</v>
      </c>
      <c r="Z183" s="1259" t="s">
        <v>1498</v>
      </c>
      <c r="AA183" s="1259" t="s">
        <v>1498</v>
      </c>
      <c r="AB183" s="1259" t="s">
        <v>1498</v>
      </c>
      <c r="AC183" s="1259" t="s">
        <v>1498</v>
      </c>
      <c r="AD183" s="1259" t="s">
        <v>1498</v>
      </c>
      <c r="AE183" s="1259" t="s">
        <v>1498</v>
      </c>
      <c r="AF183" s="1259" t="s">
        <v>1498</v>
      </c>
      <c r="AG183" s="1259" t="s">
        <v>1498</v>
      </c>
      <c r="AH183" s="1259" t="s">
        <v>1498</v>
      </c>
      <c r="AI183" s="1259" t="s">
        <v>1498</v>
      </c>
      <c r="AJ183" s="1259" t="s">
        <v>1498</v>
      </c>
      <c r="AK183" s="1259" t="s">
        <v>1498</v>
      </c>
      <c r="AL183" s="1259" t="s">
        <v>1498</v>
      </c>
      <c r="AM183" s="1259" t="s">
        <v>1498</v>
      </c>
      <c r="AN183" s="1259" t="s">
        <v>1498</v>
      </c>
      <c r="AO183" s="1259" t="s">
        <v>1498</v>
      </c>
      <c r="AP183" s="1259" t="s">
        <v>1498</v>
      </c>
      <c r="AQ183" s="1259" t="s">
        <v>1498</v>
      </c>
      <c r="AR183" s="1259" t="s">
        <v>1498</v>
      </c>
      <c r="AS183" s="1259" t="s">
        <v>1498</v>
      </c>
      <c r="AT183" s="1259" t="s">
        <v>1498</v>
      </c>
      <c r="AU183" s="1259" t="s">
        <v>1498</v>
      </c>
      <c r="AV183" s="1259" t="s">
        <v>1498</v>
      </c>
      <c r="AW183" s="1259" t="s">
        <v>1498</v>
      </c>
      <c r="AX183" s="1259" t="s">
        <v>1498</v>
      </c>
      <c r="AY183" s="1259" t="s">
        <v>1498</v>
      </c>
      <c r="AZ183" s="905" t="s">
        <v>2001</v>
      </c>
      <c r="BA183" s="499" t="s">
        <v>722</v>
      </c>
      <c r="BB183" s="953" t="s">
        <v>53</v>
      </c>
      <c r="BC183" s="980">
        <f>ROUND((VLOOKUP(H183,'[5]Cost Summary'!A:H,8,)),0.1)</f>
        <v>6961</v>
      </c>
      <c r="BD183" s="499">
        <v>0</v>
      </c>
      <c r="BE183" s="499" t="s">
        <v>1500</v>
      </c>
      <c r="BF183" s="954" t="s">
        <v>1584</v>
      </c>
      <c r="BG183" s="1261">
        <v>4522.38</v>
      </c>
      <c r="BH183" s="976" t="e">
        <f t="shared" si="197"/>
        <v>#VALUE!</v>
      </c>
      <c r="BI183" s="972" t="e">
        <f t="shared" si="198"/>
        <v>#VALUE!</v>
      </c>
      <c r="BJ183" s="972" t="e">
        <f t="shared" si="199"/>
        <v>#VALUE!</v>
      </c>
      <c r="BK183" s="972" t="e">
        <f t="shared" si="200"/>
        <v>#VALUE!</v>
      </c>
      <c r="BL183" s="972" t="e">
        <f t="shared" si="201"/>
        <v>#VALUE!</v>
      </c>
      <c r="BM183" s="972" t="e">
        <f t="shared" si="202"/>
        <v>#VALUE!</v>
      </c>
      <c r="BN183" s="972" t="e">
        <f t="shared" si="203"/>
        <v>#VALUE!</v>
      </c>
      <c r="BO183" s="972" t="e">
        <f t="shared" si="204"/>
        <v>#VALUE!</v>
      </c>
      <c r="BP183" s="972" t="e">
        <f t="shared" si="205"/>
        <v>#VALUE!</v>
      </c>
      <c r="BQ183" s="972" t="e">
        <f t="shared" si="206"/>
        <v>#VALUE!</v>
      </c>
      <c r="BR183" s="972" t="e">
        <f t="shared" si="207"/>
        <v>#VALUE!</v>
      </c>
      <c r="BS183" s="972" t="e">
        <f t="shared" si="208"/>
        <v>#VALUE!</v>
      </c>
      <c r="BT183" s="972" t="e">
        <f t="shared" si="209"/>
        <v>#VALUE!</v>
      </c>
      <c r="BU183" s="972" t="e">
        <f t="shared" si="210"/>
        <v>#VALUE!</v>
      </c>
      <c r="BV183" s="972" t="e">
        <f t="shared" si="211"/>
        <v>#VALUE!</v>
      </c>
      <c r="BW183" s="972" t="e">
        <f t="shared" si="212"/>
        <v>#VALUE!</v>
      </c>
      <c r="BX183" s="972" t="e">
        <f t="shared" si="213"/>
        <v>#VALUE!</v>
      </c>
      <c r="BY183" s="972" t="e">
        <f t="shared" si="214"/>
        <v>#VALUE!</v>
      </c>
      <c r="BZ183" s="972" t="e">
        <f t="shared" si="215"/>
        <v>#VALUE!</v>
      </c>
      <c r="CA183" s="972" t="e">
        <f t="shared" si="216"/>
        <v>#VALUE!</v>
      </c>
      <c r="CB183" s="973" t="e">
        <f t="shared" si="152"/>
        <v>#VALUE!</v>
      </c>
    </row>
    <row r="184" spans="3:80" ht="86.25" hidden="1" x14ac:dyDescent="0.25">
      <c r="C184" s="597"/>
      <c r="D184" s="597" t="s">
        <v>66</v>
      </c>
      <c r="E184" s="597"/>
      <c r="F184" s="597"/>
      <c r="G184" s="597"/>
      <c r="H184" s="499" t="s">
        <v>2017</v>
      </c>
      <c r="I184" s="499" t="s">
        <v>1231</v>
      </c>
      <c r="J184" s="499" t="s">
        <v>1232</v>
      </c>
      <c r="K184" s="499">
        <v>51.743291329999998</v>
      </c>
      <c r="L184" s="499">
        <v>-0.45603233999999998</v>
      </c>
      <c r="M184" s="499" t="s">
        <v>1488</v>
      </c>
      <c r="N184" s="499" t="s">
        <v>1489</v>
      </c>
      <c r="O184" s="499">
        <v>1</v>
      </c>
      <c r="P184" s="499" t="s">
        <v>932</v>
      </c>
      <c r="Q184" s="499" t="s">
        <v>1490</v>
      </c>
      <c r="R184" s="499" t="s">
        <v>1491</v>
      </c>
      <c r="S184" s="499" t="s">
        <v>1492</v>
      </c>
      <c r="T184" s="499" t="s">
        <v>1493</v>
      </c>
      <c r="U184" s="499" t="s">
        <v>1534</v>
      </c>
      <c r="V184" s="946" t="str">
        <f>_xlfn.XLOOKUP(H184, [5]GIS!D:D, [5]GIS!E:E, "Not mapped")</f>
        <v>Multiple - Scenario 2</v>
      </c>
      <c r="W184" s="1262" t="s">
        <v>1515</v>
      </c>
      <c r="X184" s="579" t="s">
        <v>1496</v>
      </c>
      <c r="Y184" s="1258" t="s">
        <v>1497</v>
      </c>
      <c r="Z184" s="1259" t="s">
        <v>1498</v>
      </c>
      <c r="AA184" s="1259" t="s">
        <v>1498</v>
      </c>
      <c r="AB184" s="1259" t="s">
        <v>1498</v>
      </c>
      <c r="AC184" s="1259" t="s">
        <v>1498</v>
      </c>
      <c r="AD184" s="1259" t="s">
        <v>1498</v>
      </c>
      <c r="AE184" s="1259" t="s">
        <v>1498</v>
      </c>
      <c r="AF184" s="1259" t="s">
        <v>1498</v>
      </c>
      <c r="AG184" s="1259" t="s">
        <v>1498</v>
      </c>
      <c r="AH184" s="1259" t="s">
        <v>1498</v>
      </c>
      <c r="AI184" s="1259" t="s">
        <v>1498</v>
      </c>
      <c r="AJ184" s="1259" t="s">
        <v>1498</v>
      </c>
      <c r="AK184" s="1259" t="s">
        <v>1498</v>
      </c>
      <c r="AL184" s="1259" t="s">
        <v>1498</v>
      </c>
      <c r="AM184" s="1259" t="s">
        <v>1498</v>
      </c>
      <c r="AN184" s="1259" t="s">
        <v>1498</v>
      </c>
      <c r="AO184" s="1259" t="s">
        <v>1498</v>
      </c>
      <c r="AP184" s="1259" t="s">
        <v>1498</v>
      </c>
      <c r="AQ184" s="1259" t="s">
        <v>1498</v>
      </c>
      <c r="AR184" s="1259" t="s">
        <v>1498</v>
      </c>
      <c r="AS184" s="1259" t="s">
        <v>1498</v>
      </c>
      <c r="AT184" s="1259" t="s">
        <v>1498</v>
      </c>
      <c r="AU184" s="1259" t="s">
        <v>1498</v>
      </c>
      <c r="AV184" s="1259" t="s">
        <v>1498</v>
      </c>
      <c r="AW184" s="1259" t="s">
        <v>1498</v>
      </c>
      <c r="AX184" s="1259" t="s">
        <v>1498</v>
      </c>
      <c r="AY184" s="1259" t="s">
        <v>1498</v>
      </c>
      <c r="AZ184" s="905" t="s">
        <v>2001</v>
      </c>
      <c r="BA184" s="499" t="s">
        <v>722</v>
      </c>
      <c r="BB184" s="953" t="s">
        <v>53</v>
      </c>
      <c r="BC184" s="980">
        <f>ROUND((VLOOKUP(H184,'[5]Cost Summary'!A:H,8,)),0.1)</f>
        <v>598</v>
      </c>
      <c r="BD184" s="499">
        <v>0</v>
      </c>
      <c r="BE184" s="499" t="s">
        <v>1500</v>
      </c>
      <c r="BF184" s="954" t="s">
        <v>1584</v>
      </c>
      <c r="BG184" s="1261">
        <v>388.51</v>
      </c>
      <c r="BH184" s="976" t="e">
        <f t="shared" si="197"/>
        <v>#VALUE!</v>
      </c>
      <c r="BI184" s="972" t="e">
        <f t="shared" si="198"/>
        <v>#VALUE!</v>
      </c>
      <c r="BJ184" s="972" t="e">
        <f t="shared" si="199"/>
        <v>#VALUE!</v>
      </c>
      <c r="BK184" s="972" t="e">
        <f t="shared" si="200"/>
        <v>#VALUE!</v>
      </c>
      <c r="BL184" s="972" t="e">
        <f t="shared" si="201"/>
        <v>#VALUE!</v>
      </c>
      <c r="BM184" s="972" t="e">
        <f t="shared" si="202"/>
        <v>#VALUE!</v>
      </c>
      <c r="BN184" s="972" t="e">
        <f t="shared" si="203"/>
        <v>#VALUE!</v>
      </c>
      <c r="BO184" s="972" t="e">
        <f t="shared" si="204"/>
        <v>#VALUE!</v>
      </c>
      <c r="BP184" s="972" t="e">
        <f t="shared" si="205"/>
        <v>#VALUE!</v>
      </c>
      <c r="BQ184" s="972" t="e">
        <f t="shared" si="206"/>
        <v>#VALUE!</v>
      </c>
      <c r="BR184" s="972" t="e">
        <f t="shared" si="207"/>
        <v>#VALUE!</v>
      </c>
      <c r="BS184" s="972" t="e">
        <f t="shared" si="208"/>
        <v>#VALUE!</v>
      </c>
      <c r="BT184" s="972" t="e">
        <f t="shared" si="209"/>
        <v>#VALUE!</v>
      </c>
      <c r="BU184" s="972" t="e">
        <f t="shared" si="210"/>
        <v>#VALUE!</v>
      </c>
      <c r="BV184" s="972" t="e">
        <f t="shared" si="211"/>
        <v>#VALUE!</v>
      </c>
      <c r="BW184" s="972" t="e">
        <f t="shared" si="212"/>
        <v>#VALUE!</v>
      </c>
      <c r="BX184" s="972" t="e">
        <f t="shared" si="213"/>
        <v>#VALUE!</v>
      </c>
      <c r="BY184" s="972" t="e">
        <f t="shared" si="214"/>
        <v>#VALUE!</v>
      </c>
      <c r="BZ184" s="972" t="e">
        <f t="shared" si="215"/>
        <v>#VALUE!</v>
      </c>
      <c r="CA184" s="972" t="e">
        <f t="shared" si="216"/>
        <v>#VALUE!</v>
      </c>
      <c r="CB184" s="973" t="e">
        <f t="shared" si="152"/>
        <v>#VALUE!</v>
      </c>
    </row>
    <row r="185" spans="3:80" ht="75" hidden="1" x14ac:dyDescent="0.25">
      <c r="C185" s="597"/>
      <c r="D185" s="597" t="s">
        <v>66</v>
      </c>
      <c r="E185" s="597"/>
      <c r="F185" s="597"/>
      <c r="G185" s="597"/>
      <c r="H185" s="499" t="s">
        <v>2018</v>
      </c>
      <c r="I185" s="499" t="s">
        <v>1233</v>
      </c>
      <c r="J185" s="499" t="s">
        <v>1234</v>
      </c>
      <c r="K185" s="499">
        <v>51.745871999999999</v>
      </c>
      <c r="L185" s="499">
        <v>-0.45622699999999999</v>
      </c>
      <c r="M185" s="499" t="s">
        <v>1488</v>
      </c>
      <c r="N185" s="499" t="s">
        <v>1489</v>
      </c>
      <c r="O185" s="499">
        <v>1</v>
      </c>
      <c r="P185" s="499" t="s">
        <v>932</v>
      </c>
      <c r="Q185" s="499" t="s">
        <v>1490</v>
      </c>
      <c r="R185" s="499" t="s">
        <v>1491</v>
      </c>
      <c r="S185" s="499" t="s">
        <v>1492</v>
      </c>
      <c r="T185" s="499" t="s">
        <v>1493</v>
      </c>
      <c r="U185" s="499" t="s">
        <v>2019</v>
      </c>
      <c r="V185" s="946" t="str">
        <f>_xlfn.XLOOKUP(H185, [5]GIS!D:D, [5]GIS!E:E, "Not mapped")</f>
        <v>Multiple - Scenario 2</v>
      </c>
      <c r="W185" s="1257" t="s">
        <v>1495</v>
      </c>
      <c r="X185" s="579" t="s">
        <v>1496</v>
      </c>
      <c r="Y185" s="1258" t="s">
        <v>1497</v>
      </c>
      <c r="Z185" s="1259" t="s">
        <v>1498</v>
      </c>
      <c r="AA185" s="1259" t="s">
        <v>1498</v>
      </c>
      <c r="AB185" s="1259" t="s">
        <v>1498</v>
      </c>
      <c r="AC185" s="1259" t="s">
        <v>1498</v>
      </c>
      <c r="AD185" s="1259" t="s">
        <v>1498</v>
      </c>
      <c r="AE185" s="1259" t="s">
        <v>1498</v>
      </c>
      <c r="AF185" s="1259" t="s">
        <v>1498</v>
      </c>
      <c r="AG185" s="1259" t="s">
        <v>1498</v>
      </c>
      <c r="AH185" s="1259" t="s">
        <v>1498</v>
      </c>
      <c r="AI185" s="1259" t="s">
        <v>1498</v>
      </c>
      <c r="AJ185" s="1259" t="s">
        <v>1498</v>
      </c>
      <c r="AK185" s="1259" t="s">
        <v>1498</v>
      </c>
      <c r="AL185" s="1259" t="s">
        <v>1498</v>
      </c>
      <c r="AM185" s="1259" t="s">
        <v>1498</v>
      </c>
      <c r="AN185" s="1259" t="s">
        <v>1498</v>
      </c>
      <c r="AO185" s="1259" t="s">
        <v>1498</v>
      </c>
      <c r="AP185" s="1259" t="s">
        <v>1498</v>
      </c>
      <c r="AQ185" s="1259" t="s">
        <v>1498</v>
      </c>
      <c r="AR185" s="1259" t="s">
        <v>1498</v>
      </c>
      <c r="AS185" s="1259" t="s">
        <v>1498</v>
      </c>
      <c r="AT185" s="1259" t="s">
        <v>1498</v>
      </c>
      <c r="AU185" s="1259" t="s">
        <v>1498</v>
      </c>
      <c r="AV185" s="1259" t="s">
        <v>1498</v>
      </c>
      <c r="AW185" s="1259" t="s">
        <v>1498</v>
      </c>
      <c r="AX185" s="1259" t="s">
        <v>1498</v>
      </c>
      <c r="AY185" s="1259" t="s">
        <v>1498</v>
      </c>
      <c r="AZ185" s="905" t="s">
        <v>1811</v>
      </c>
      <c r="BA185" s="499" t="s">
        <v>722</v>
      </c>
      <c r="BB185" s="953" t="s">
        <v>53</v>
      </c>
      <c r="BC185" s="980">
        <f>ROUND((VLOOKUP(H185,'[5]Cost Summary'!A:H,8,)),0.1)</f>
        <v>199337</v>
      </c>
      <c r="BD185" s="499">
        <v>0</v>
      </c>
      <c r="BE185" s="499" t="s">
        <v>1500</v>
      </c>
      <c r="BF185" s="954" t="s">
        <v>1584</v>
      </c>
      <c r="BG185" s="1261">
        <v>129504.38</v>
      </c>
      <c r="BH185" s="976" t="e">
        <f t="shared" si="197"/>
        <v>#VALUE!</v>
      </c>
      <c r="BI185" s="972" t="e">
        <f t="shared" si="198"/>
        <v>#VALUE!</v>
      </c>
      <c r="BJ185" s="972" t="e">
        <f t="shared" si="199"/>
        <v>#VALUE!</v>
      </c>
      <c r="BK185" s="972" t="e">
        <f t="shared" si="200"/>
        <v>#VALUE!</v>
      </c>
      <c r="BL185" s="972" t="e">
        <f t="shared" si="201"/>
        <v>#VALUE!</v>
      </c>
      <c r="BM185" s="972" t="e">
        <f t="shared" si="202"/>
        <v>#VALUE!</v>
      </c>
      <c r="BN185" s="972" t="e">
        <f t="shared" si="203"/>
        <v>#VALUE!</v>
      </c>
      <c r="BO185" s="972" t="e">
        <f t="shared" si="204"/>
        <v>#VALUE!</v>
      </c>
      <c r="BP185" s="972" t="e">
        <f t="shared" si="205"/>
        <v>#VALUE!</v>
      </c>
      <c r="BQ185" s="972" t="e">
        <f t="shared" si="206"/>
        <v>#VALUE!</v>
      </c>
      <c r="BR185" s="972" t="e">
        <f t="shared" si="207"/>
        <v>#VALUE!</v>
      </c>
      <c r="BS185" s="972" t="e">
        <f t="shared" si="208"/>
        <v>#VALUE!</v>
      </c>
      <c r="BT185" s="972" t="e">
        <f t="shared" si="209"/>
        <v>#VALUE!</v>
      </c>
      <c r="BU185" s="972" t="e">
        <f t="shared" si="210"/>
        <v>#VALUE!</v>
      </c>
      <c r="BV185" s="972" t="e">
        <f t="shared" si="211"/>
        <v>#VALUE!</v>
      </c>
      <c r="BW185" s="972" t="e">
        <f t="shared" si="212"/>
        <v>#VALUE!</v>
      </c>
      <c r="BX185" s="972" t="e">
        <f t="shared" si="213"/>
        <v>#VALUE!</v>
      </c>
      <c r="BY185" s="972" t="e">
        <f t="shared" si="214"/>
        <v>#VALUE!</v>
      </c>
      <c r="BZ185" s="972" t="e">
        <f t="shared" si="215"/>
        <v>#VALUE!</v>
      </c>
      <c r="CA185" s="972" t="e">
        <f t="shared" si="216"/>
        <v>#VALUE!</v>
      </c>
      <c r="CB185" s="973" t="e">
        <f t="shared" si="152"/>
        <v>#VALUE!</v>
      </c>
    </row>
    <row r="186" spans="3:80" ht="75" hidden="1" x14ac:dyDescent="0.25">
      <c r="C186" s="597"/>
      <c r="D186" s="597" t="s">
        <v>66</v>
      </c>
      <c r="E186" s="597"/>
      <c r="F186" s="597"/>
      <c r="G186" s="597"/>
      <c r="H186" s="499" t="s">
        <v>2020</v>
      </c>
      <c r="I186" s="499" t="s">
        <v>1235</v>
      </c>
      <c r="J186" s="499" t="s">
        <v>1236</v>
      </c>
      <c r="K186" s="499">
        <v>51.7479285</v>
      </c>
      <c r="L186" s="499">
        <v>-0.45146662199999998</v>
      </c>
      <c r="M186" s="499" t="s">
        <v>1488</v>
      </c>
      <c r="N186" s="499" t="s">
        <v>1489</v>
      </c>
      <c r="O186" s="499">
        <v>1</v>
      </c>
      <c r="P186" s="499" t="s">
        <v>932</v>
      </c>
      <c r="Q186" s="499" t="s">
        <v>1490</v>
      </c>
      <c r="R186" s="499" t="s">
        <v>1491</v>
      </c>
      <c r="S186" s="499" t="s">
        <v>1492</v>
      </c>
      <c r="T186" s="499" t="s">
        <v>1493</v>
      </c>
      <c r="U186" s="499" t="s">
        <v>2019</v>
      </c>
      <c r="V186" s="946" t="str">
        <f>_xlfn.XLOOKUP(H186, [5]GIS!D:D, [5]GIS!E:E, "Not mapped")</f>
        <v>Multiple - Scenario 2</v>
      </c>
      <c r="W186" s="1257" t="s">
        <v>1495</v>
      </c>
      <c r="X186" s="579" t="s">
        <v>1496</v>
      </c>
      <c r="Y186" s="1258" t="s">
        <v>1497</v>
      </c>
      <c r="Z186" s="1259" t="s">
        <v>1498</v>
      </c>
      <c r="AA186" s="1259" t="s">
        <v>1498</v>
      </c>
      <c r="AB186" s="1259" t="s">
        <v>1498</v>
      </c>
      <c r="AC186" s="1259" t="s">
        <v>1498</v>
      </c>
      <c r="AD186" s="1259" t="s">
        <v>1498</v>
      </c>
      <c r="AE186" s="1259" t="s">
        <v>1498</v>
      </c>
      <c r="AF186" s="1259" t="s">
        <v>1498</v>
      </c>
      <c r="AG186" s="1259" t="s">
        <v>1498</v>
      </c>
      <c r="AH186" s="1259" t="s">
        <v>1498</v>
      </c>
      <c r="AI186" s="1259" t="s">
        <v>1498</v>
      </c>
      <c r="AJ186" s="1259" t="s">
        <v>1498</v>
      </c>
      <c r="AK186" s="1259" t="s">
        <v>1498</v>
      </c>
      <c r="AL186" s="1259" t="s">
        <v>1498</v>
      </c>
      <c r="AM186" s="1259" t="s">
        <v>1498</v>
      </c>
      <c r="AN186" s="1259" t="s">
        <v>1498</v>
      </c>
      <c r="AO186" s="1259" t="s">
        <v>1498</v>
      </c>
      <c r="AP186" s="1259" t="s">
        <v>1498</v>
      </c>
      <c r="AQ186" s="1259" t="s">
        <v>1498</v>
      </c>
      <c r="AR186" s="1259" t="s">
        <v>1498</v>
      </c>
      <c r="AS186" s="1259" t="s">
        <v>1498</v>
      </c>
      <c r="AT186" s="1259" t="s">
        <v>1498</v>
      </c>
      <c r="AU186" s="1259" t="s">
        <v>1498</v>
      </c>
      <c r="AV186" s="1259" t="s">
        <v>1498</v>
      </c>
      <c r="AW186" s="1259" t="s">
        <v>1498</v>
      </c>
      <c r="AX186" s="1259" t="s">
        <v>1498</v>
      </c>
      <c r="AY186" s="1259" t="s">
        <v>1498</v>
      </c>
      <c r="AZ186" s="905" t="s">
        <v>1811</v>
      </c>
      <c r="BA186" s="499" t="s">
        <v>722</v>
      </c>
      <c r="BB186" s="953" t="s">
        <v>53</v>
      </c>
      <c r="BC186" s="980">
        <f>ROUND((VLOOKUP(H186,'[5]Cost Summary'!A:H,8,)),0.1)</f>
        <v>110163</v>
      </c>
      <c r="BD186" s="499">
        <v>0</v>
      </c>
      <c r="BE186" s="499" t="s">
        <v>1500</v>
      </c>
      <c r="BF186" s="954" t="s">
        <v>1584</v>
      </c>
      <c r="BG186" s="1261">
        <v>71570.42</v>
      </c>
      <c r="BH186" s="976" t="e">
        <f t="shared" si="197"/>
        <v>#VALUE!</v>
      </c>
      <c r="BI186" s="972" t="e">
        <f t="shared" si="198"/>
        <v>#VALUE!</v>
      </c>
      <c r="BJ186" s="972" t="e">
        <f t="shared" si="199"/>
        <v>#VALUE!</v>
      </c>
      <c r="BK186" s="972" t="e">
        <f t="shared" si="200"/>
        <v>#VALUE!</v>
      </c>
      <c r="BL186" s="972" t="e">
        <f t="shared" si="201"/>
        <v>#VALUE!</v>
      </c>
      <c r="BM186" s="972" t="e">
        <f t="shared" si="202"/>
        <v>#VALUE!</v>
      </c>
      <c r="BN186" s="972" t="e">
        <f t="shared" si="203"/>
        <v>#VALUE!</v>
      </c>
      <c r="BO186" s="972" t="e">
        <f t="shared" si="204"/>
        <v>#VALUE!</v>
      </c>
      <c r="BP186" s="972" t="e">
        <f t="shared" si="205"/>
        <v>#VALUE!</v>
      </c>
      <c r="BQ186" s="972" t="e">
        <f t="shared" si="206"/>
        <v>#VALUE!</v>
      </c>
      <c r="BR186" s="972" t="e">
        <f t="shared" si="207"/>
        <v>#VALUE!</v>
      </c>
      <c r="BS186" s="972" t="e">
        <f t="shared" si="208"/>
        <v>#VALUE!</v>
      </c>
      <c r="BT186" s="972" t="e">
        <f t="shared" si="209"/>
        <v>#VALUE!</v>
      </c>
      <c r="BU186" s="972" t="e">
        <f t="shared" si="210"/>
        <v>#VALUE!</v>
      </c>
      <c r="BV186" s="972" t="e">
        <f t="shared" si="211"/>
        <v>#VALUE!</v>
      </c>
      <c r="BW186" s="972" t="e">
        <f t="shared" si="212"/>
        <v>#VALUE!</v>
      </c>
      <c r="BX186" s="972" t="e">
        <f t="shared" si="213"/>
        <v>#VALUE!</v>
      </c>
      <c r="BY186" s="972" t="e">
        <f t="shared" si="214"/>
        <v>#VALUE!</v>
      </c>
      <c r="BZ186" s="972" t="e">
        <f t="shared" si="215"/>
        <v>#VALUE!</v>
      </c>
      <c r="CA186" s="972" t="e">
        <f t="shared" si="216"/>
        <v>#VALUE!</v>
      </c>
      <c r="CB186" s="973" t="e">
        <f t="shared" si="152"/>
        <v>#VALUE!</v>
      </c>
    </row>
    <row r="187" spans="3:80" ht="129" hidden="1" x14ac:dyDescent="0.25">
      <c r="C187" s="597"/>
      <c r="D187" s="597" t="s">
        <v>66</v>
      </c>
      <c r="E187" s="597"/>
      <c r="F187" s="597"/>
      <c r="G187" s="597"/>
      <c r="H187" s="499" t="s">
        <v>2021</v>
      </c>
      <c r="I187" s="499" t="s">
        <v>1237</v>
      </c>
      <c r="J187" s="499" t="s">
        <v>2022</v>
      </c>
      <c r="K187" s="499" t="s">
        <v>1521</v>
      </c>
      <c r="L187" s="499" t="s">
        <v>1521</v>
      </c>
      <c r="M187" s="499" t="s">
        <v>1488</v>
      </c>
      <c r="N187" s="499" t="s">
        <v>1489</v>
      </c>
      <c r="O187" s="499">
        <v>1</v>
      </c>
      <c r="P187" s="499" t="s">
        <v>932</v>
      </c>
      <c r="Q187" s="499" t="s">
        <v>1490</v>
      </c>
      <c r="R187" s="499" t="s">
        <v>1491</v>
      </c>
      <c r="S187" s="499" t="s">
        <v>1492</v>
      </c>
      <c r="T187" s="499" t="s">
        <v>1493</v>
      </c>
      <c r="U187" s="499" t="s">
        <v>2019</v>
      </c>
      <c r="V187" s="946" t="str">
        <f>_xlfn.XLOOKUP(H187, [5]GIS!D:D, [5]GIS!E:E, "Not mapped")</f>
        <v>Multiple - Scenario 2</v>
      </c>
      <c r="W187" s="1257" t="s">
        <v>1495</v>
      </c>
      <c r="X187" s="579" t="s">
        <v>1496</v>
      </c>
      <c r="Y187" s="1258" t="s">
        <v>1497</v>
      </c>
      <c r="Z187" s="1259" t="s">
        <v>1498</v>
      </c>
      <c r="AA187" s="1259" t="s">
        <v>1498</v>
      </c>
      <c r="AB187" s="1259" t="s">
        <v>1498</v>
      </c>
      <c r="AC187" s="1259" t="s">
        <v>1498</v>
      </c>
      <c r="AD187" s="1259" t="s">
        <v>1498</v>
      </c>
      <c r="AE187" s="1259" t="s">
        <v>1498</v>
      </c>
      <c r="AF187" s="1259" t="s">
        <v>1498</v>
      </c>
      <c r="AG187" s="1259" t="s">
        <v>1498</v>
      </c>
      <c r="AH187" s="1259" t="s">
        <v>1498</v>
      </c>
      <c r="AI187" s="1259" t="s">
        <v>1498</v>
      </c>
      <c r="AJ187" s="1259" t="s">
        <v>1498</v>
      </c>
      <c r="AK187" s="1259" t="s">
        <v>1498</v>
      </c>
      <c r="AL187" s="1259" t="s">
        <v>1498</v>
      </c>
      <c r="AM187" s="1259" t="s">
        <v>1498</v>
      </c>
      <c r="AN187" s="1259" t="s">
        <v>1498</v>
      </c>
      <c r="AO187" s="1259" t="s">
        <v>1498</v>
      </c>
      <c r="AP187" s="1259" t="s">
        <v>1498</v>
      </c>
      <c r="AQ187" s="1259" t="s">
        <v>1498</v>
      </c>
      <c r="AR187" s="1259" t="s">
        <v>1498</v>
      </c>
      <c r="AS187" s="1259" t="s">
        <v>1498</v>
      </c>
      <c r="AT187" s="1259" t="s">
        <v>1498</v>
      </c>
      <c r="AU187" s="1259" t="s">
        <v>1498</v>
      </c>
      <c r="AV187" s="1259" t="s">
        <v>1498</v>
      </c>
      <c r="AW187" s="1259" t="s">
        <v>1498</v>
      </c>
      <c r="AX187" s="1259" t="s">
        <v>1498</v>
      </c>
      <c r="AY187" s="1259" t="s">
        <v>1498</v>
      </c>
      <c r="AZ187" s="905" t="s">
        <v>2024</v>
      </c>
      <c r="BA187" s="499" t="s">
        <v>722</v>
      </c>
      <c r="BB187" s="953" t="s">
        <v>53</v>
      </c>
      <c r="BC187" s="980">
        <f>ROUND((VLOOKUP(H187,'[5]Cost Summary'!A:H,8,)),0.1)</f>
        <v>643137</v>
      </c>
      <c r="BD187" s="499">
        <v>1</v>
      </c>
      <c r="BE187" s="499">
        <v>8</v>
      </c>
      <c r="BF187" s="954" t="s">
        <v>1584</v>
      </c>
      <c r="BG187" s="1261">
        <v>417830.04</v>
      </c>
      <c r="BH187" s="976" t="e">
        <f t="shared" si="197"/>
        <v>#VALUE!</v>
      </c>
      <c r="BI187" s="972" t="e">
        <f t="shared" si="198"/>
        <v>#VALUE!</v>
      </c>
      <c r="BJ187" s="972" t="e">
        <f t="shared" si="199"/>
        <v>#VALUE!</v>
      </c>
      <c r="BK187" s="972" t="e">
        <f t="shared" si="200"/>
        <v>#VALUE!</v>
      </c>
      <c r="BL187" s="972" t="e">
        <f t="shared" si="201"/>
        <v>#VALUE!</v>
      </c>
      <c r="BM187" s="972" t="e">
        <f t="shared" si="202"/>
        <v>#VALUE!</v>
      </c>
      <c r="BN187" s="972" t="e">
        <f t="shared" si="203"/>
        <v>#VALUE!</v>
      </c>
      <c r="BO187" s="972" t="e">
        <f t="shared" si="204"/>
        <v>#VALUE!</v>
      </c>
      <c r="BP187" s="972" t="e">
        <f t="shared" si="205"/>
        <v>#VALUE!</v>
      </c>
      <c r="BQ187" s="972" t="e">
        <f t="shared" si="206"/>
        <v>#VALUE!</v>
      </c>
      <c r="BR187" s="972" t="e">
        <f t="shared" si="207"/>
        <v>#VALUE!</v>
      </c>
      <c r="BS187" s="972" t="e">
        <f t="shared" si="208"/>
        <v>#VALUE!</v>
      </c>
      <c r="BT187" s="972" t="e">
        <f t="shared" si="209"/>
        <v>#VALUE!</v>
      </c>
      <c r="BU187" s="972" t="e">
        <f t="shared" si="210"/>
        <v>#VALUE!</v>
      </c>
      <c r="BV187" s="972" t="e">
        <f t="shared" si="211"/>
        <v>#VALUE!</v>
      </c>
      <c r="BW187" s="972" t="e">
        <f t="shared" si="212"/>
        <v>#VALUE!</v>
      </c>
      <c r="BX187" s="972" t="e">
        <f t="shared" si="213"/>
        <v>#VALUE!</v>
      </c>
      <c r="BY187" s="972" t="e">
        <f t="shared" si="214"/>
        <v>#VALUE!</v>
      </c>
      <c r="BZ187" s="972" t="e">
        <f t="shared" si="215"/>
        <v>#VALUE!</v>
      </c>
      <c r="CA187" s="972" t="e">
        <f t="shared" si="216"/>
        <v>#VALUE!</v>
      </c>
      <c r="CB187" s="973" t="e">
        <f t="shared" si="152"/>
        <v>#VALUE!</v>
      </c>
    </row>
    <row r="188" spans="3:80" ht="75" hidden="1" x14ac:dyDescent="0.25">
      <c r="C188" s="597"/>
      <c r="D188" s="597" t="s">
        <v>66</v>
      </c>
      <c r="E188" s="597"/>
      <c r="F188" s="597"/>
      <c r="G188" s="597"/>
      <c r="H188" s="499" t="s">
        <v>2025</v>
      </c>
      <c r="I188" s="499" t="s">
        <v>1239</v>
      </c>
      <c r="J188" s="499" t="s">
        <v>1240</v>
      </c>
      <c r="K188" s="499">
        <v>51.742596040000002</v>
      </c>
      <c r="L188" s="499">
        <v>-0.44793355600000001</v>
      </c>
      <c r="M188" s="499" t="s">
        <v>1488</v>
      </c>
      <c r="N188" s="499" t="s">
        <v>1489</v>
      </c>
      <c r="O188" s="499">
        <v>1</v>
      </c>
      <c r="P188" s="499" t="s">
        <v>932</v>
      </c>
      <c r="Q188" s="499" t="s">
        <v>1490</v>
      </c>
      <c r="R188" s="499" t="s">
        <v>1491</v>
      </c>
      <c r="S188" s="499" t="s">
        <v>1492</v>
      </c>
      <c r="T188" s="499" t="s">
        <v>1493</v>
      </c>
      <c r="U188" s="499" t="s">
        <v>2019</v>
      </c>
      <c r="V188" s="946" t="str">
        <f>_xlfn.XLOOKUP(H188, [5]GIS!D:D, [5]GIS!E:E, "Not mapped")</f>
        <v>Multiple - Scenario 2</v>
      </c>
      <c r="W188" s="1257" t="s">
        <v>1495</v>
      </c>
      <c r="X188" s="579" t="s">
        <v>1496</v>
      </c>
      <c r="Y188" s="1258" t="s">
        <v>1497</v>
      </c>
      <c r="Z188" s="1259" t="s">
        <v>1498</v>
      </c>
      <c r="AA188" s="1259" t="s">
        <v>1498</v>
      </c>
      <c r="AB188" s="1259" t="s">
        <v>1498</v>
      </c>
      <c r="AC188" s="1259" t="s">
        <v>1498</v>
      </c>
      <c r="AD188" s="1259" t="s">
        <v>1498</v>
      </c>
      <c r="AE188" s="1259" t="s">
        <v>1498</v>
      </c>
      <c r="AF188" s="1259" t="s">
        <v>1498</v>
      </c>
      <c r="AG188" s="1259" t="s">
        <v>1498</v>
      </c>
      <c r="AH188" s="1259" t="s">
        <v>1498</v>
      </c>
      <c r="AI188" s="1259" t="s">
        <v>1498</v>
      </c>
      <c r="AJ188" s="1259" t="s">
        <v>1498</v>
      </c>
      <c r="AK188" s="1259" t="s">
        <v>1498</v>
      </c>
      <c r="AL188" s="1259" t="s">
        <v>1498</v>
      </c>
      <c r="AM188" s="1259" t="s">
        <v>1498</v>
      </c>
      <c r="AN188" s="1259" t="s">
        <v>1498</v>
      </c>
      <c r="AO188" s="1259" t="s">
        <v>1498</v>
      </c>
      <c r="AP188" s="1259" t="s">
        <v>1498</v>
      </c>
      <c r="AQ188" s="1259" t="s">
        <v>1498</v>
      </c>
      <c r="AR188" s="1259" t="s">
        <v>1498</v>
      </c>
      <c r="AS188" s="1259" t="s">
        <v>1498</v>
      </c>
      <c r="AT188" s="1259" t="s">
        <v>1498</v>
      </c>
      <c r="AU188" s="1259" t="s">
        <v>1498</v>
      </c>
      <c r="AV188" s="1259" t="s">
        <v>1498</v>
      </c>
      <c r="AW188" s="1259" t="s">
        <v>1498</v>
      </c>
      <c r="AX188" s="1259" t="s">
        <v>1498</v>
      </c>
      <c r="AY188" s="1259" t="s">
        <v>1498</v>
      </c>
      <c r="AZ188" s="905" t="s">
        <v>2024</v>
      </c>
      <c r="BA188" s="499" t="s">
        <v>722</v>
      </c>
      <c r="BB188" s="953" t="s">
        <v>53</v>
      </c>
      <c r="BC188" s="980">
        <f>ROUND((VLOOKUP(H188,'[5]Cost Summary'!A:H,8,)),0.1)</f>
        <v>3480</v>
      </c>
      <c r="BD188" s="499">
        <v>0</v>
      </c>
      <c r="BE188" s="499" t="s">
        <v>1500</v>
      </c>
      <c r="BF188" s="954" t="s">
        <v>1584</v>
      </c>
      <c r="BG188" s="1261">
        <v>2261.19</v>
      </c>
      <c r="BH188" s="976" t="e">
        <f t="shared" si="197"/>
        <v>#VALUE!</v>
      </c>
      <c r="BI188" s="972" t="e">
        <f t="shared" si="198"/>
        <v>#VALUE!</v>
      </c>
      <c r="BJ188" s="972" t="e">
        <f t="shared" si="199"/>
        <v>#VALUE!</v>
      </c>
      <c r="BK188" s="972" t="e">
        <f t="shared" si="200"/>
        <v>#VALUE!</v>
      </c>
      <c r="BL188" s="972" t="e">
        <f t="shared" si="201"/>
        <v>#VALUE!</v>
      </c>
      <c r="BM188" s="972" t="e">
        <f t="shared" si="202"/>
        <v>#VALUE!</v>
      </c>
      <c r="BN188" s="972" t="e">
        <f t="shared" si="203"/>
        <v>#VALUE!</v>
      </c>
      <c r="BO188" s="972" t="e">
        <f t="shared" si="204"/>
        <v>#VALUE!</v>
      </c>
      <c r="BP188" s="972" t="e">
        <f t="shared" si="205"/>
        <v>#VALUE!</v>
      </c>
      <c r="BQ188" s="972" t="e">
        <f t="shared" si="206"/>
        <v>#VALUE!</v>
      </c>
      <c r="BR188" s="972" t="e">
        <f t="shared" si="207"/>
        <v>#VALUE!</v>
      </c>
      <c r="BS188" s="972" t="e">
        <f t="shared" si="208"/>
        <v>#VALUE!</v>
      </c>
      <c r="BT188" s="972" t="e">
        <f t="shared" si="209"/>
        <v>#VALUE!</v>
      </c>
      <c r="BU188" s="972" t="e">
        <f t="shared" si="210"/>
        <v>#VALUE!</v>
      </c>
      <c r="BV188" s="972" t="e">
        <f t="shared" si="211"/>
        <v>#VALUE!</v>
      </c>
      <c r="BW188" s="972" t="e">
        <f t="shared" si="212"/>
        <v>#VALUE!</v>
      </c>
      <c r="BX188" s="972" t="e">
        <f t="shared" si="213"/>
        <v>#VALUE!</v>
      </c>
      <c r="BY188" s="972" t="e">
        <f t="shared" si="214"/>
        <v>#VALUE!</v>
      </c>
      <c r="BZ188" s="972" t="e">
        <f t="shared" si="215"/>
        <v>#VALUE!</v>
      </c>
      <c r="CA188" s="972" t="e">
        <f t="shared" si="216"/>
        <v>#VALUE!</v>
      </c>
      <c r="CB188" s="973" t="e">
        <f t="shared" si="152"/>
        <v>#VALUE!</v>
      </c>
    </row>
    <row r="189" spans="3:80" ht="75" hidden="1" x14ac:dyDescent="0.25">
      <c r="C189" s="597"/>
      <c r="D189" s="597" t="s">
        <v>66</v>
      </c>
      <c r="E189" s="597"/>
      <c r="F189" s="597"/>
      <c r="G189" s="597"/>
      <c r="H189" s="499" t="s">
        <v>2026</v>
      </c>
      <c r="I189" s="499" t="s">
        <v>1241</v>
      </c>
      <c r="J189" s="499" t="s">
        <v>1242</v>
      </c>
      <c r="K189" s="499">
        <v>51.744560880000002</v>
      </c>
      <c r="L189" s="499">
        <v>-0.45873779199999998</v>
      </c>
      <c r="M189" s="499" t="s">
        <v>1488</v>
      </c>
      <c r="N189" s="499" t="s">
        <v>1489</v>
      </c>
      <c r="O189" s="499">
        <v>1</v>
      </c>
      <c r="P189" s="499" t="s">
        <v>932</v>
      </c>
      <c r="Q189" s="499" t="s">
        <v>1490</v>
      </c>
      <c r="R189" s="499" t="s">
        <v>1491</v>
      </c>
      <c r="S189" s="499" t="s">
        <v>1492</v>
      </c>
      <c r="T189" s="499" t="s">
        <v>1493</v>
      </c>
      <c r="U189" s="499" t="s">
        <v>2019</v>
      </c>
      <c r="V189" s="946" t="str">
        <f>_xlfn.XLOOKUP(H189, [5]GIS!D:D, [5]GIS!E:E, "Not mapped")</f>
        <v>Single - Scenario 3</v>
      </c>
      <c r="W189" s="1257" t="s">
        <v>1495</v>
      </c>
      <c r="X189" s="579" t="s">
        <v>1496</v>
      </c>
      <c r="Y189" s="1258" t="s">
        <v>1497</v>
      </c>
      <c r="Z189" s="1259" t="s">
        <v>1498</v>
      </c>
      <c r="AA189" s="1259" t="s">
        <v>1498</v>
      </c>
      <c r="AB189" s="1259" t="s">
        <v>1498</v>
      </c>
      <c r="AC189" s="1259" t="s">
        <v>1498</v>
      </c>
      <c r="AD189" s="1259" t="s">
        <v>1498</v>
      </c>
      <c r="AE189" s="1259" t="s">
        <v>1498</v>
      </c>
      <c r="AF189" s="1259" t="s">
        <v>1498</v>
      </c>
      <c r="AG189" s="1259" t="s">
        <v>1498</v>
      </c>
      <c r="AH189" s="1259" t="s">
        <v>1498</v>
      </c>
      <c r="AI189" s="1259" t="s">
        <v>1498</v>
      </c>
      <c r="AJ189" s="1259" t="s">
        <v>1498</v>
      </c>
      <c r="AK189" s="1259" t="s">
        <v>1498</v>
      </c>
      <c r="AL189" s="1259" t="s">
        <v>1498</v>
      </c>
      <c r="AM189" s="1259" t="s">
        <v>1498</v>
      </c>
      <c r="AN189" s="1259" t="s">
        <v>1498</v>
      </c>
      <c r="AO189" s="1259" t="s">
        <v>1498</v>
      </c>
      <c r="AP189" s="1259" t="s">
        <v>1498</v>
      </c>
      <c r="AQ189" s="1259" t="s">
        <v>1498</v>
      </c>
      <c r="AR189" s="1259" t="s">
        <v>1498</v>
      </c>
      <c r="AS189" s="1259" t="s">
        <v>1498</v>
      </c>
      <c r="AT189" s="1259" t="s">
        <v>1498</v>
      </c>
      <c r="AU189" s="1259" t="s">
        <v>1498</v>
      </c>
      <c r="AV189" s="1259" t="s">
        <v>1498</v>
      </c>
      <c r="AW189" s="1259" t="s">
        <v>1498</v>
      </c>
      <c r="AX189" s="1259" t="s">
        <v>1498</v>
      </c>
      <c r="AY189" s="1259" t="s">
        <v>1498</v>
      </c>
      <c r="AZ189" s="905" t="s">
        <v>1811</v>
      </c>
      <c r="BA189" s="499" t="s">
        <v>722</v>
      </c>
      <c r="BB189" s="953" t="s">
        <v>53</v>
      </c>
      <c r="BC189" s="980">
        <f>ROUND((VLOOKUP(H189,'[5]Cost Summary'!A:H,8,)),0.1)</f>
        <v>797</v>
      </c>
      <c r="BD189" s="499">
        <v>0</v>
      </c>
      <c r="BE189" s="499" t="s">
        <v>1500</v>
      </c>
      <c r="BF189" s="954" t="s">
        <v>1584</v>
      </c>
      <c r="BG189" s="1261">
        <v>518.02</v>
      </c>
      <c r="BH189" s="976" t="e">
        <f t="shared" si="197"/>
        <v>#VALUE!</v>
      </c>
      <c r="BI189" s="972" t="e">
        <f t="shared" si="198"/>
        <v>#VALUE!</v>
      </c>
      <c r="BJ189" s="972" t="e">
        <f t="shared" si="199"/>
        <v>#VALUE!</v>
      </c>
      <c r="BK189" s="972" t="e">
        <f t="shared" si="200"/>
        <v>#VALUE!</v>
      </c>
      <c r="BL189" s="972" t="e">
        <f t="shared" si="201"/>
        <v>#VALUE!</v>
      </c>
      <c r="BM189" s="972" t="e">
        <f t="shared" si="202"/>
        <v>#VALUE!</v>
      </c>
      <c r="BN189" s="972" t="e">
        <f t="shared" si="203"/>
        <v>#VALUE!</v>
      </c>
      <c r="BO189" s="972" t="e">
        <f t="shared" si="204"/>
        <v>#VALUE!</v>
      </c>
      <c r="BP189" s="972" t="e">
        <f t="shared" si="205"/>
        <v>#VALUE!</v>
      </c>
      <c r="BQ189" s="972" t="e">
        <f t="shared" si="206"/>
        <v>#VALUE!</v>
      </c>
      <c r="BR189" s="972" t="e">
        <f t="shared" si="207"/>
        <v>#VALUE!</v>
      </c>
      <c r="BS189" s="972" t="e">
        <f t="shared" si="208"/>
        <v>#VALUE!</v>
      </c>
      <c r="BT189" s="972" t="e">
        <f t="shared" si="209"/>
        <v>#VALUE!</v>
      </c>
      <c r="BU189" s="972" t="e">
        <f t="shared" si="210"/>
        <v>#VALUE!</v>
      </c>
      <c r="BV189" s="972" t="e">
        <f t="shared" si="211"/>
        <v>#VALUE!</v>
      </c>
      <c r="BW189" s="972" t="e">
        <f t="shared" si="212"/>
        <v>#VALUE!</v>
      </c>
      <c r="BX189" s="972" t="e">
        <f t="shared" si="213"/>
        <v>#VALUE!</v>
      </c>
      <c r="BY189" s="972" t="e">
        <f t="shared" si="214"/>
        <v>#VALUE!</v>
      </c>
      <c r="BZ189" s="972" t="e">
        <f t="shared" si="215"/>
        <v>#VALUE!</v>
      </c>
      <c r="CA189" s="972" t="e">
        <f t="shared" si="216"/>
        <v>#VALUE!</v>
      </c>
      <c r="CB189" s="973" t="e">
        <f t="shared" si="152"/>
        <v>#VALUE!</v>
      </c>
    </row>
    <row r="190" spans="3:80" ht="57.75" hidden="1" x14ac:dyDescent="0.25">
      <c r="C190" s="597"/>
      <c r="D190" s="597" t="s">
        <v>66</v>
      </c>
      <c r="E190" s="597"/>
      <c r="F190" s="597"/>
      <c r="G190" s="597"/>
      <c r="H190" s="499" t="s">
        <v>2027</v>
      </c>
      <c r="I190" s="499" t="s">
        <v>1243</v>
      </c>
      <c r="J190" s="499" t="s">
        <v>1244</v>
      </c>
      <c r="K190" s="499" t="s">
        <v>2028</v>
      </c>
      <c r="L190" s="499" t="s">
        <v>2029</v>
      </c>
      <c r="M190" s="499" t="s">
        <v>1488</v>
      </c>
      <c r="N190" s="499" t="s">
        <v>1489</v>
      </c>
      <c r="O190" s="499">
        <v>1</v>
      </c>
      <c r="P190" s="499" t="s">
        <v>932</v>
      </c>
      <c r="Q190" s="499" t="s">
        <v>1490</v>
      </c>
      <c r="R190" s="499" t="s">
        <v>1491</v>
      </c>
      <c r="S190" s="499" t="s">
        <v>1492</v>
      </c>
      <c r="T190" s="499" t="s">
        <v>1493</v>
      </c>
      <c r="U190" s="499" t="s">
        <v>2030</v>
      </c>
      <c r="V190" s="946" t="str">
        <f>_xlfn.XLOOKUP(H190, [5]GIS!D:D, [5]GIS!E:E, "Not mapped")</f>
        <v>Multiple - Scenario 2</v>
      </c>
      <c r="W190" s="1262" t="s">
        <v>1515</v>
      </c>
      <c r="X190" s="579" t="s">
        <v>1496</v>
      </c>
      <c r="Y190" s="1258" t="s">
        <v>1497</v>
      </c>
      <c r="Z190" s="1259" t="s">
        <v>1498</v>
      </c>
      <c r="AA190" s="1259" t="s">
        <v>1498</v>
      </c>
      <c r="AB190" s="1259" t="s">
        <v>1498</v>
      </c>
      <c r="AC190" s="1259" t="s">
        <v>1498</v>
      </c>
      <c r="AD190" s="1259" t="s">
        <v>1498</v>
      </c>
      <c r="AE190" s="1259" t="s">
        <v>1498</v>
      </c>
      <c r="AF190" s="1259" t="s">
        <v>1498</v>
      </c>
      <c r="AG190" s="1259" t="s">
        <v>1498</v>
      </c>
      <c r="AH190" s="1259" t="s">
        <v>1498</v>
      </c>
      <c r="AI190" s="1259" t="s">
        <v>1498</v>
      </c>
      <c r="AJ190" s="1259" t="s">
        <v>1498</v>
      </c>
      <c r="AK190" s="1259" t="s">
        <v>1498</v>
      </c>
      <c r="AL190" s="1259" t="s">
        <v>1498</v>
      </c>
      <c r="AM190" s="1259" t="s">
        <v>1498</v>
      </c>
      <c r="AN190" s="1259" t="s">
        <v>1498</v>
      </c>
      <c r="AO190" s="1259" t="s">
        <v>1498</v>
      </c>
      <c r="AP190" s="1259" t="s">
        <v>1498</v>
      </c>
      <c r="AQ190" s="1259" t="s">
        <v>1498</v>
      </c>
      <c r="AR190" s="1259" t="s">
        <v>1498</v>
      </c>
      <c r="AS190" s="1259" t="s">
        <v>1498</v>
      </c>
      <c r="AT190" s="1259" t="s">
        <v>1498</v>
      </c>
      <c r="AU190" s="1259" t="s">
        <v>1498</v>
      </c>
      <c r="AV190" s="1259" t="s">
        <v>1498</v>
      </c>
      <c r="AW190" s="1259" t="s">
        <v>1498</v>
      </c>
      <c r="AX190" s="1259" t="s">
        <v>1498</v>
      </c>
      <c r="AY190" s="1259" t="s">
        <v>1498</v>
      </c>
      <c r="AZ190" s="905" t="s">
        <v>1896</v>
      </c>
      <c r="BA190" s="499" t="s">
        <v>722</v>
      </c>
      <c r="BB190" s="953" t="s">
        <v>53</v>
      </c>
      <c r="BC190" s="980">
        <f>ROUND((VLOOKUP(H190,'[5]Cost Summary'!A:H,8,)),0.1)</f>
        <v>7445</v>
      </c>
      <c r="BD190" s="499">
        <v>1</v>
      </c>
      <c r="BE190" s="499">
        <v>8</v>
      </c>
      <c r="BF190" s="954" t="s">
        <v>1584</v>
      </c>
      <c r="BG190" s="1261">
        <v>4836.6099999999997</v>
      </c>
      <c r="BH190" s="976" t="e">
        <f t="shared" si="197"/>
        <v>#VALUE!</v>
      </c>
      <c r="BI190" s="972" t="e">
        <f t="shared" si="198"/>
        <v>#VALUE!</v>
      </c>
      <c r="BJ190" s="972" t="e">
        <f t="shared" si="199"/>
        <v>#VALUE!</v>
      </c>
      <c r="BK190" s="972" t="e">
        <f t="shared" si="200"/>
        <v>#VALUE!</v>
      </c>
      <c r="BL190" s="972" t="e">
        <f t="shared" si="201"/>
        <v>#VALUE!</v>
      </c>
      <c r="BM190" s="972" t="e">
        <f t="shared" si="202"/>
        <v>#VALUE!</v>
      </c>
      <c r="BN190" s="972" t="e">
        <f t="shared" si="203"/>
        <v>#VALUE!</v>
      </c>
      <c r="BO190" s="972" t="e">
        <f t="shared" si="204"/>
        <v>#VALUE!</v>
      </c>
      <c r="BP190" s="972" t="e">
        <f t="shared" si="205"/>
        <v>#VALUE!</v>
      </c>
      <c r="BQ190" s="972" t="e">
        <f t="shared" si="206"/>
        <v>#VALUE!</v>
      </c>
      <c r="BR190" s="972" t="e">
        <f t="shared" si="207"/>
        <v>#VALUE!</v>
      </c>
      <c r="BS190" s="972" t="e">
        <f t="shared" si="208"/>
        <v>#VALUE!</v>
      </c>
      <c r="BT190" s="972" t="e">
        <f t="shared" si="209"/>
        <v>#VALUE!</v>
      </c>
      <c r="BU190" s="972" t="e">
        <f t="shared" si="210"/>
        <v>#VALUE!</v>
      </c>
      <c r="BV190" s="972" t="e">
        <f t="shared" si="211"/>
        <v>#VALUE!</v>
      </c>
      <c r="BW190" s="972" t="e">
        <f t="shared" si="212"/>
        <v>#VALUE!</v>
      </c>
      <c r="BX190" s="972" t="e">
        <f t="shared" si="213"/>
        <v>#VALUE!</v>
      </c>
      <c r="BY190" s="972" t="e">
        <f t="shared" si="214"/>
        <v>#VALUE!</v>
      </c>
      <c r="BZ190" s="972" t="e">
        <f t="shared" si="215"/>
        <v>#VALUE!</v>
      </c>
      <c r="CA190" s="972" t="e">
        <f t="shared" si="216"/>
        <v>#VALUE!</v>
      </c>
      <c r="CB190" s="973" t="e">
        <f t="shared" si="152"/>
        <v>#VALUE!</v>
      </c>
    </row>
    <row r="191" spans="3:80" ht="75" hidden="1" x14ac:dyDescent="0.25">
      <c r="C191" s="597"/>
      <c r="D191" s="597" t="s">
        <v>66</v>
      </c>
      <c r="E191" s="597"/>
      <c r="F191" s="597"/>
      <c r="G191" s="597"/>
      <c r="H191" s="499" t="s">
        <v>2031</v>
      </c>
      <c r="I191" s="499" t="s">
        <v>1245</v>
      </c>
      <c r="J191" s="499" t="s">
        <v>2032</v>
      </c>
      <c r="K191" s="499">
        <v>51.750098000000001</v>
      </c>
      <c r="L191" s="499">
        <v>-0.45068000000000003</v>
      </c>
      <c r="M191" s="499" t="s">
        <v>1488</v>
      </c>
      <c r="N191" s="499" t="s">
        <v>1489</v>
      </c>
      <c r="O191" s="499">
        <v>1</v>
      </c>
      <c r="P191" s="499" t="s">
        <v>932</v>
      </c>
      <c r="Q191" s="499" t="s">
        <v>1490</v>
      </c>
      <c r="R191" s="499" t="s">
        <v>1491</v>
      </c>
      <c r="S191" s="499" t="s">
        <v>1492</v>
      </c>
      <c r="T191" s="499" t="s">
        <v>1493</v>
      </c>
      <c r="U191" s="499" t="s">
        <v>2030</v>
      </c>
      <c r="V191" s="946" t="str">
        <f>_xlfn.XLOOKUP(H191, [5]GIS!D:D, [5]GIS!E:E, "Not mapped")</f>
        <v>Multiple - Scenario 2</v>
      </c>
      <c r="W191" s="1257" t="s">
        <v>1495</v>
      </c>
      <c r="X191" s="579" t="s">
        <v>1496</v>
      </c>
      <c r="Y191" s="1258" t="s">
        <v>1497</v>
      </c>
      <c r="Z191" s="1259" t="s">
        <v>1498</v>
      </c>
      <c r="AA191" s="1259" t="s">
        <v>1498</v>
      </c>
      <c r="AB191" s="1259" t="s">
        <v>1498</v>
      </c>
      <c r="AC191" s="1259" t="s">
        <v>1498</v>
      </c>
      <c r="AD191" s="1259" t="s">
        <v>1498</v>
      </c>
      <c r="AE191" s="1259" t="s">
        <v>1498</v>
      </c>
      <c r="AF191" s="1259" t="s">
        <v>1498</v>
      </c>
      <c r="AG191" s="1259" t="s">
        <v>1498</v>
      </c>
      <c r="AH191" s="1259" t="s">
        <v>1498</v>
      </c>
      <c r="AI191" s="1259" t="s">
        <v>1498</v>
      </c>
      <c r="AJ191" s="1259" t="s">
        <v>1498</v>
      </c>
      <c r="AK191" s="1259" t="s">
        <v>1498</v>
      </c>
      <c r="AL191" s="1259" t="s">
        <v>1498</v>
      </c>
      <c r="AM191" s="1259" t="s">
        <v>1498</v>
      </c>
      <c r="AN191" s="1259" t="s">
        <v>1498</v>
      </c>
      <c r="AO191" s="1259" t="s">
        <v>1498</v>
      </c>
      <c r="AP191" s="1259" t="s">
        <v>1498</v>
      </c>
      <c r="AQ191" s="1259" t="s">
        <v>1498</v>
      </c>
      <c r="AR191" s="1259" t="s">
        <v>1498</v>
      </c>
      <c r="AS191" s="1259" t="s">
        <v>1498</v>
      </c>
      <c r="AT191" s="1259" t="s">
        <v>1498</v>
      </c>
      <c r="AU191" s="1259" t="s">
        <v>1498</v>
      </c>
      <c r="AV191" s="1259" t="s">
        <v>1498</v>
      </c>
      <c r="AW191" s="1259" t="s">
        <v>1498</v>
      </c>
      <c r="AX191" s="1259" t="s">
        <v>1498</v>
      </c>
      <c r="AY191" s="1259" t="s">
        <v>1498</v>
      </c>
      <c r="AZ191" s="905" t="s">
        <v>1896</v>
      </c>
      <c r="BA191" s="499" t="s">
        <v>722</v>
      </c>
      <c r="BB191" s="953" t="s">
        <v>53</v>
      </c>
      <c r="BC191" s="980">
        <f>ROUND((VLOOKUP(H191,'[5]Cost Summary'!A:H,8,)),0.1)</f>
        <v>387284</v>
      </c>
      <c r="BD191" s="499">
        <v>1</v>
      </c>
      <c r="BE191" s="499">
        <v>8</v>
      </c>
      <c r="BF191" s="954" t="s">
        <v>1584</v>
      </c>
      <c r="BG191" s="1261">
        <v>251608.5</v>
      </c>
      <c r="BH191" s="976" t="e">
        <f t="shared" si="197"/>
        <v>#VALUE!</v>
      </c>
      <c r="BI191" s="972" t="e">
        <f t="shared" si="198"/>
        <v>#VALUE!</v>
      </c>
      <c r="BJ191" s="972" t="e">
        <f t="shared" si="199"/>
        <v>#VALUE!</v>
      </c>
      <c r="BK191" s="972" t="e">
        <f t="shared" si="200"/>
        <v>#VALUE!</v>
      </c>
      <c r="BL191" s="972" t="e">
        <f t="shared" si="201"/>
        <v>#VALUE!</v>
      </c>
      <c r="BM191" s="972" t="e">
        <f t="shared" si="202"/>
        <v>#VALUE!</v>
      </c>
      <c r="BN191" s="972" t="e">
        <f t="shared" si="203"/>
        <v>#VALUE!</v>
      </c>
      <c r="BO191" s="972" t="e">
        <f t="shared" si="204"/>
        <v>#VALUE!</v>
      </c>
      <c r="BP191" s="972" t="e">
        <f t="shared" si="205"/>
        <v>#VALUE!</v>
      </c>
      <c r="BQ191" s="972" t="e">
        <f t="shared" si="206"/>
        <v>#VALUE!</v>
      </c>
      <c r="BR191" s="972" t="e">
        <f t="shared" si="207"/>
        <v>#VALUE!</v>
      </c>
      <c r="BS191" s="972" t="e">
        <f t="shared" si="208"/>
        <v>#VALUE!</v>
      </c>
      <c r="BT191" s="972" t="e">
        <f t="shared" si="209"/>
        <v>#VALUE!</v>
      </c>
      <c r="BU191" s="972" t="e">
        <f t="shared" si="210"/>
        <v>#VALUE!</v>
      </c>
      <c r="BV191" s="972" t="e">
        <f t="shared" si="211"/>
        <v>#VALUE!</v>
      </c>
      <c r="BW191" s="972" t="e">
        <f t="shared" si="212"/>
        <v>#VALUE!</v>
      </c>
      <c r="BX191" s="972" t="e">
        <f t="shared" si="213"/>
        <v>#VALUE!</v>
      </c>
      <c r="BY191" s="972" t="e">
        <f t="shared" si="214"/>
        <v>#VALUE!</v>
      </c>
      <c r="BZ191" s="972" t="e">
        <f t="shared" si="215"/>
        <v>#VALUE!</v>
      </c>
      <c r="CA191" s="972" t="e">
        <f t="shared" si="216"/>
        <v>#VALUE!</v>
      </c>
      <c r="CB191" s="973" t="e">
        <f t="shared" si="152"/>
        <v>#VALUE!</v>
      </c>
    </row>
    <row r="192" spans="3:80" ht="75" hidden="1" x14ac:dyDescent="0.25">
      <c r="C192" s="597"/>
      <c r="D192" s="597" t="s">
        <v>66</v>
      </c>
      <c r="E192" s="597"/>
      <c r="F192" s="597"/>
      <c r="G192" s="597"/>
      <c r="H192" s="499" t="s">
        <v>2033</v>
      </c>
      <c r="I192" s="499" t="s">
        <v>1247</v>
      </c>
      <c r="J192" s="499" t="s">
        <v>1248</v>
      </c>
      <c r="K192" s="499" t="s">
        <v>2035</v>
      </c>
      <c r="L192" s="499" t="s">
        <v>2036</v>
      </c>
      <c r="M192" s="499" t="s">
        <v>1488</v>
      </c>
      <c r="N192" s="499" t="s">
        <v>1489</v>
      </c>
      <c r="O192" s="499">
        <v>1</v>
      </c>
      <c r="P192" s="499" t="s">
        <v>932</v>
      </c>
      <c r="Q192" s="499" t="s">
        <v>1490</v>
      </c>
      <c r="R192" s="499" t="s">
        <v>1491</v>
      </c>
      <c r="S192" s="499" t="s">
        <v>1492</v>
      </c>
      <c r="T192" s="499" t="s">
        <v>1493</v>
      </c>
      <c r="U192" s="499" t="s">
        <v>2030</v>
      </c>
      <c r="V192" s="946" t="str">
        <f>_xlfn.XLOOKUP(H192, [5]GIS!D:D, [5]GIS!E:E, "Not mapped")</f>
        <v>Multiple - Scenario 2</v>
      </c>
      <c r="W192" s="1257" t="s">
        <v>1495</v>
      </c>
      <c r="X192" s="579" t="s">
        <v>1496</v>
      </c>
      <c r="Y192" s="1258" t="s">
        <v>1497</v>
      </c>
      <c r="Z192" s="1259" t="s">
        <v>1498</v>
      </c>
      <c r="AA192" s="1259" t="s">
        <v>1498</v>
      </c>
      <c r="AB192" s="1259" t="s">
        <v>1498</v>
      </c>
      <c r="AC192" s="1259" t="s">
        <v>1498</v>
      </c>
      <c r="AD192" s="1259" t="s">
        <v>1498</v>
      </c>
      <c r="AE192" s="1259" t="s">
        <v>1498</v>
      </c>
      <c r="AF192" s="1259" t="s">
        <v>1498</v>
      </c>
      <c r="AG192" s="1259" t="s">
        <v>1498</v>
      </c>
      <c r="AH192" s="1259" t="s">
        <v>1498</v>
      </c>
      <c r="AI192" s="1259" t="s">
        <v>1498</v>
      </c>
      <c r="AJ192" s="1259" t="s">
        <v>1498</v>
      </c>
      <c r="AK192" s="1259" t="s">
        <v>1498</v>
      </c>
      <c r="AL192" s="1259" t="s">
        <v>1498</v>
      </c>
      <c r="AM192" s="1259" t="s">
        <v>1498</v>
      </c>
      <c r="AN192" s="1259" t="s">
        <v>1498</v>
      </c>
      <c r="AO192" s="1259" t="s">
        <v>1498</v>
      </c>
      <c r="AP192" s="1259" t="s">
        <v>1498</v>
      </c>
      <c r="AQ192" s="1259" t="s">
        <v>1498</v>
      </c>
      <c r="AR192" s="1259" t="s">
        <v>1498</v>
      </c>
      <c r="AS192" s="1259" t="s">
        <v>1498</v>
      </c>
      <c r="AT192" s="1259" t="s">
        <v>1498</v>
      </c>
      <c r="AU192" s="1259" t="s">
        <v>1498</v>
      </c>
      <c r="AV192" s="1259" t="s">
        <v>1498</v>
      </c>
      <c r="AW192" s="1259" t="s">
        <v>1498</v>
      </c>
      <c r="AX192" s="1259" t="s">
        <v>1498</v>
      </c>
      <c r="AY192" s="1259" t="s">
        <v>1498</v>
      </c>
      <c r="AZ192" s="905" t="s">
        <v>1896</v>
      </c>
      <c r="BA192" s="499" t="s">
        <v>722</v>
      </c>
      <c r="BB192" s="953" t="s">
        <v>53</v>
      </c>
      <c r="BC192" s="980">
        <f>ROUND((VLOOKUP(H192,'[5]Cost Summary'!A:H,8,)),0.1)</f>
        <v>10441</v>
      </c>
      <c r="BD192" s="499">
        <v>1</v>
      </c>
      <c r="BE192" s="499">
        <v>8</v>
      </c>
      <c r="BF192" s="954" t="s">
        <v>1584</v>
      </c>
      <c r="BG192" s="1261">
        <v>6783.56</v>
      </c>
      <c r="BH192" s="976" t="e">
        <f t="shared" si="197"/>
        <v>#VALUE!</v>
      </c>
      <c r="BI192" s="972" t="e">
        <f t="shared" si="198"/>
        <v>#VALUE!</v>
      </c>
      <c r="BJ192" s="972" t="e">
        <f t="shared" si="199"/>
        <v>#VALUE!</v>
      </c>
      <c r="BK192" s="972" t="e">
        <f t="shared" si="200"/>
        <v>#VALUE!</v>
      </c>
      <c r="BL192" s="972" t="e">
        <f t="shared" si="201"/>
        <v>#VALUE!</v>
      </c>
      <c r="BM192" s="972" t="e">
        <f t="shared" si="202"/>
        <v>#VALUE!</v>
      </c>
      <c r="BN192" s="972" t="e">
        <f t="shared" si="203"/>
        <v>#VALUE!</v>
      </c>
      <c r="BO192" s="972" t="e">
        <f t="shared" si="204"/>
        <v>#VALUE!</v>
      </c>
      <c r="BP192" s="972" t="e">
        <f t="shared" si="205"/>
        <v>#VALUE!</v>
      </c>
      <c r="BQ192" s="972" t="e">
        <f t="shared" si="206"/>
        <v>#VALUE!</v>
      </c>
      <c r="BR192" s="972" t="e">
        <f t="shared" si="207"/>
        <v>#VALUE!</v>
      </c>
      <c r="BS192" s="972" t="e">
        <f t="shared" si="208"/>
        <v>#VALUE!</v>
      </c>
      <c r="BT192" s="972" t="e">
        <f t="shared" si="209"/>
        <v>#VALUE!</v>
      </c>
      <c r="BU192" s="972" t="e">
        <f t="shared" si="210"/>
        <v>#VALUE!</v>
      </c>
      <c r="BV192" s="972" t="e">
        <f t="shared" si="211"/>
        <v>#VALUE!</v>
      </c>
      <c r="BW192" s="972" t="e">
        <f t="shared" si="212"/>
        <v>#VALUE!</v>
      </c>
      <c r="BX192" s="972" t="e">
        <f t="shared" si="213"/>
        <v>#VALUE!</v>
      </c>
      <c r="BY192" s="972" t="e">
        <f t="shared" si="214"/>
        <v>#VALUE!</v>
      </c>
      <c r="BZ192" s="972" t="e">
        <f t="shared" si="215"/>
        <v>#VALUE!</v>
      </c>
      <c r="CA192" s="972" t="e">
        <f t="shared" si="216"/>
        <v>#VALUE!</v>
      </c>
      <c r="CB192" s="973" t="e">
        <f t="shared" si="152"/>
        <v>#VALUE!</v>
      </c>
    </row>
    <row r="193" spans="3:80" ht="57.75" x14ac:dyDescent="0.25">
      <c r="C193" s="597" t="s">
        <v>66</v>
      </c>
      <c r="D193" s="597" t="s">
        <v>66</v>
      </c>
      <c r="E193" s="597"/>
      <c r="F193" s="597"/>
      <c r="G193" s="597"/>
      <c r="H193" s="499" t="s">
        <v>2037</v>
      </c>
      <c r="I193" s="499" t="s">
        <v>1041</v>
      </c>
      <c r="J193" s="499" t="s">
        <v>1042</v>
      </c>
      <c r="K193" s="499">
        <v>51.735872350000001</v>
      </c>
      <c r="L193" s="499">
        <v>-0.46717183600000001</v>
      </c>
      <c r="M193" s="499" t="s">
        <v>1522</v>
      </c>
      <c r="N193" s="499" t="s">
        <v>1489</v>
      </c>
      <c r="O193" s="499">
        <v>1</v>
      </c>
      <c r="P193" s="499" t="s">
        <v>932</v>
      </c>
      <c r="Q193" s="499" t="s">
        <v>1490</v>
      </c>
      <c r="R193" s="499" t="s">
        <v>1491</v>
      </c>
      <c r="S193" s="499" t="s">
        <v>1492</v>
      </c>
      <c r="T193" s="499" t="s">
        <v>1493</v>
      </c>
      <c r="U193" s="499" t="s">
        <v>1795</v>
      </c>
      <c r="V193" s="946" t="str">
        <f>_xlfn.XLOOKUP(H193, [5]GIS!D:D, [5]GIS!E:E, "Not mapped")</f>
        <v>Multiple - Scenario 1</v>
      </c>
      <c r="W193" s="773" t="s">
        <v>1707</v>
      </c>
      <c r="X193" s="987" t="s">
        <v>2618</v>
      </c>
      <c r="Y193" s="987" t="s">
        <v>1526</v>
      </c>
      <c r="Z193" s="949">
        <v>2</v>
      </c>
      <c r="AA193" s="949">
        <v>2</v>
      </c>
      <c r="AB193" s="949">
        <v>5</v>
      </c>
      <c r="AC193" s="949">
        <v>2</v>
      </c>
      <c r="AD193" s="949">
        <v>2</v>
      </c>
      <c r="AE193" s="950">
        <v>63</v>
      </c>
      <c r="AF193" s="950">
        <v>1</v>
      </c>
      <c r="AG193" s="950">
        <v>2</v>
      </c>
      <c r="AH193" s="950">
        <v>1</v>
      </c>
      <c r="AI193" s="950">
        <v>1</v>
      </c>
      <c r="AJ193" s="950">
        <v>3</v>
      </c>
      <c r="AK193" s="950">
        <v>6</v>
      </c>
      <c r="AL193" s="950">
        <v>1</v>
      </c>
      <c r="AM193" s="950">
        <v>1</v>
      </c>
      <c r="AN193" s="951">
        <f>AT193*[5]TripRateCalculations!O$4</f>
        <v>1.1000000000000001</v>
      </c>
      <c r="AO193" s="951">
        <f>AU193*[5]TripRateCalculations!P$4</f>
        <v>3.274576271186441</v>
      </c>
      <c r="AP193" s="951">
        <f>AV193*[5]TripRateCalculations!Q$4</f>
        <v>0.57754010695187163</v>
      </c>
      <c r="AQ193" s="951">
        <f>AW193*[5]TripRateCalculations!R$4</f>
        <v>0.4393592677345538</v>
      </c>
      <c r="AR193" s="951">
        <f>AX193*[5]TripRateCalculations!S$4</f>
        <v>0.20289855072463769</v>
      </c>
      <c r="AS193" s="951">
        <f>AY193*[5]TripRateCalculations!T$4</f>
        <v>7.5688073394495417E-2</v>
      </c>
      <c r="AT193" s="950">
        <v>5</v>
      </c>
      <c r="AU193" s="950">
        <v>42</v>
      </c>
      <c r="AV193" s="950">
        <v>2</v>
      </c>
      <c r="AW193" s="950">
        <v>3</v>
      </c>
      <c r="AX193" s="950">
        <v>2</v>
      </c>
      <c r="AY193" s="950">
        <v>3</v>
      </c>
      <c r="AZ193" s="905" t="s">
        <v>1983</v>
      </c>
      <c r="BA193" s="499" t="s">
        <v>722</v>
      </c>
      <c r="BB193" s="953" t="s">
        <v>53</v>
      </c>
      <c r="BC193" s="980">
        <f>ROUND((VLOOKUP(H193,'[5]Cost Summary'!A:H,8,)),0.1)</f>
        <v>86063</v>
      </c>
      <c r="BD193" s="499">
        <v>1</v>
      </c>
      <c r="BE193" s="499">
        <v>7</v>
      </c>
      <c r="BF193" s="954" t="s">
        <v>1584</v>
      </c>
      <c r="BG193" s="1261">
        <v>55913</v>
      </c>
      <c r="BH193" s="977">
        <f t="shared" ref="BH193:BQ194" si="217">Z193/(SUM($Z193:$AS193))</f>
        <v>2.047710376667259E-2</v>
      </c>
      <c r="BI193" s="974">
        <f t="shared" si="217"/>
        <v>2.047710376667259E-2</v>
      </c>
      <c r="BJ193" s="974">
        <f t="shared" si="217"/>
        <v>5.1192759416681478E-2</v>
      </c>
      <c r="BK193" s="974">
        <f t="shared" si="217"/>
        <v>2.047710376667259E-2</v>
      </c>
      <c r="BL193" s="974">
        <f t="shared" si="217"/>
        <v>2.047710376667259E-2</v>
      </c>
      <c r="BM193" s="974">
        <f t="shared" si="217"/>
        <v>0.64502876865018666</v>
      </c>
      <c r="BN193" s="974">
        <f t="shared" si="217"/>
        <v>1.0238551883336295E-2</v>
      </c>
      <c r="BO193" s="974">
        <f t="shared" si="217"/>
        <v>2.047710376667259E-2</v>
      </c>
      <c r="BP193" s="974">
        <f t="shared" si="217"/>
        <v>1.0238551883336295E-2</v>
      </c>
      <c r="BQ193" s="974">
        <f t="shared" si="217"/>
        <v>1.0238551883336295E-2</v>
      </c>
      <c r="BR193" s="974">
        <f t="shared" ref="BR193:CA194" si="218">AJ193/(SUM($Z193:$AS193))</f>
        <v>3.0715655650008885E-2</v>
      </c>
      <c r="BS193" s="974">
        <f t="shared" si="218"/>
        <v>6.143131130001777E-2</v>
      </c>
      <c r="BT193" s="974">
        <f t="shared" si="218"/>
        <v>1.0238551883336295E-2</v>
      </c>
      <c r="BU193" s="974">
        <f t="shared" si="218"/>
        <v>1.0238551883336295E-2</v>
      </c>
      <c r="BV193" s="974">
        <f t="shared" si="218"/>
        <v>1.1262407071669926E-2</v>
      </c>
      <c r="BW193" s="974">
        <f t="shared" si="218"/>
        <v>3.3526919048484281E-2</v>
      </c>
      <c r="BX193" s="974">
        <f t="shared" si="218"/>
        <v>5.9131743497343311E-3</v>
      </c>
      <c r="BY193" s="974">
        <f t="shared" si="218"/>
        <v>4.4984026581248717E-3</v>
      </c>
      <c r="BZ193" s="974">
        <f t="shared" si="218"/>
        <v>2.0773873386479443E-3</v>
      </c>
      <c r="CA193" s="974">
        <f t="shared" si="218"/>
        <v>7.7493626639930685E-4</v>
      </c>
      <c r="CB193" s="973">
        <f t="shared" si="152"/>
        <v>1</v>
      </c>
    </row>
    <row r="194" spans="3:80" ht="57.75" x14ac:dyDescent="0.25">
      <c r="C194" s="597" t="s">
        <v>66</v>
      </c>
      <c r="D194" s="597" t="s">
        <v>66</v>
      </c>
      <c r="E194" s="597"/>
      <c r="F194" s="597"/>
      <c r="G194" s="597"/>
      <c r="H194" s="499" t="s">
        <v>2038</v>
      </c>
      <c r="I194" s="499" t="s">
        <v>1043</v>
      </c>
      <c r="J194" s="499" t="s">
        <v>1044</v>
      </c>
      <c r="K194" s="499">
        <v>51.734760170000001</v>
      </c>
      <c r="L194" s="499">
        <v>-0.46472259300000002</v>
      </c>
      <c r="M194" s="499" t="s">
        <v>1522</v>
      </c>
      <c r="N194" s="499" t="s">
        <v>1489</v>
      </c>
      <c r="O194" s="499">
        <v>1</v>
      </c>
      <c r="P194" s="499" t="s">
        <v>932</v>
      </c>
      <c r="Q194" s="499" t="s">
        <v>1490</v>
      </c>
      <c r="R194" s="499" t="s">
        <v>1491</v>
      </c>
      <c r="S194" s="499" t="s">
        <v>1492</v>
      </c>
      <c r="T194" s="499" t="s">
        <v>1493</v>
      </c>
      <c r="U194" s="499" t="s">
        <v>1795</v>
      </c>
      <c r="V194" s="946" t="str">
        <f>_xlfn.XLOOKUP(H194, [5]GIS!D:D, [5]GIS!E:E, "Not mapped")</f>
        <v>Single - Scenario 2</v>
      </c>
      <c r="W194" s="773" t="s">
        <v>1707</v>
      </c>
      <c r="X194" s="987" t="s">
        <v>2618</v>
      </c>
      <c r="Y194" s="987" t="s">
        <v>1526</v>
      </c>
      <c r="Z194" s="949">
        <v>1</v>
      </c>
      <c r="AA194" s="949">
        <v>1</v>
      </c>
      <c r="AB194" s="949">
        <v>1</v>
      </c>
      <c r="AC194" s="949">
        <v>1</v>
      </c>
      <c r="AD194" s="949">
        <v>1</v>
      </c>
      <c r="AE194" s="950">
        <v>133</v>
      </c>
      <c r="AF194" s="950">
        <v>1</v>
      </c>
      <c r="AG194" s="950">
        <v>6</v>
      </c>
      <c r="AH194" s="950">
        <v>1</v>
      </c>
      <c r="AI194" s="950">
        <v>0</v>
      </c>
      <c r="AJ194" s="950">
        <v>3</v>
      </c>
      <c r="AK194" s="950">
        <v>2</v>
      </c>
      <c r="AL194" s="950">
        <v>1</v>
      </c>
      <c r="AM194" s="950">
        <v>0</v>
      </c>
      <c r="AN194" s="951">
        <f>AT194*[5]TripRateCalculations!O$4</f>
        <v>0.44</v>
      </c>
      <c r="AO194" s="951">
        <f>AU194*[5]TripRateCalculations!P$4</f>
        <v>1.2474576271186442</v>
      </c>
      <c r="AP194" s="951">
        <f>AV194*[5]TripRateCalculations!Q$4</f>
        <v>0</v>
      </c>
      <c r="AQ194" s="951">
        <f>AW194*[5]TripRateCalculations!R$4</f>
        <v>0.29290617848970252</v>
      </c>
      <c r="AR194" s="951">
        <f>AX194*[5]TripRateCalculations!S$4</f>
        <v>0.10144927536231885</v>
      </c>
      <c r="AS194" s="951">
        <f>AY194*[5]TripRateCalculations!T$4</f>
        <v>7.5688073394495417E-2</v>
      </c>
      <c r="AT194" s="950">
        <v>2</v>
      </c>
      <c r="AU194" s="950">
        <v>16</v>
      </c>
      <c r="AV194" s="950">
        <v>0</v>
      </c>
      <c r="AW194" s="950">
        <v>2</v>
      </c>
      <c r="AX194" s="950">
        <v>1</v>
      </c>
      <c r="AY194" s="950">
        <v>3</v>
      </c>
      <c r="AZ194" s="905" t="s">
        <v>1983</v>
      </c>
      <c r="BA194" s="499" t="s">
        <v>722</v>
      </c>
      <c r="BB194" s="953" t="s">
        <v>53</v>
      </c>
      <c r="BC194" s="980">
        <f>ROUND((VLOOKUP(H194,'[5]Cost Summary'!A:H,8,)),0.1)</f>
        <v>164532</v>
      </c>
      <c r="BD194" s="499">
        <v>1</v>
      </c>
      <c r="BE194" s="499">
        <v>7</v>
      </c>
      <c r="BF194" s="954" t="s">
        <v>1584</v>
      </c>
      <c r="BG194" s="1261">
        <v>106892.5</v>
      </c>
      <c r="BH194" s="977">
        <f t="shared" si="217"/>
        <v>6.4868721438255074E-3</v>
      </c>
      <c r="BI194" s="974">
        <f t="shared" si="217"/>
        <v>6.4868721438255074E-3</v>
      </c>
      <c r="BJ194" s="974">
        <f t="shared" si="217"/>
        <v>6.4868721438255074E-3</v>
      </c>
      <c r="BK194" s="974">
        <f t="shared" si="217"/>
        <v>6.4868721438255074E-3</v>
      </c>
      <c r="BL194" s="974">
        <f t="shared" si="217"/>
        <v>6.4868721438255074E-3</v>
      </c>
      <c r="BM194" s="974">
        <f t="shared" si="217"/>
        <v>0.86275399512879247</v>
      </c>
      <c r="BN194" s="974">
        <f t="shared" si="217"/>
        <v>6.4868721438255074E-3</v>
      </c>
      <c r="BO194" s="974">
        <f t="shared" si="217"/>
        <v>3.8921232862953042E-2</v>
      </c>
      <c r="BP194" s="974">
        <f t="shared" si="217"/>
        <v>6.4868721438255074E-3</v>
      </c>
      <c r="BQ194" s="974">
        <f t="shared" si="217"/>
        <v>0</v>
      </c>
      <c r="BR194" s="974">
        <f t="shared" si="218"/>
        <v>1.9460616431476521E-2</v>
      </c>
      <c r="BS194" s="974">
        <f t="shared" si="218"/>
        <v>1.2973744287651015E-2</v>
      </c>
      <c r="BT194" s="974">
        <f t="shared" si="218"/>
        <v>6.4868721438255074E-3</v>
      </c>
      <c r="BU194" s="974">
        <f t="shared" si="218"/>
        <v>0</v>
      </c>
      <c r="BV194" s="974">
        <f t="shared" si="218"/>
        <v>2.8542237432832235E-3</v>
      </c>
      <c r="BW194" s="974">
        <f t="shared" si="218"/>
        <v>8.0920981319585993E-3</v>
      </c>
      <c r="BX194" s="974">
        <f t="shared" si="218"/>
        <v>0</v>
      </c>
      <c r="BY194" s="974">
        <f t="shared" si="218"/>
        <v>1.9000449299992333E-3</v>
      </c>
      <c r="BZ194" s="974">
        <f t="shared" si="218"/>
        <v>6.5808847835910952E-4</v>
      </c>
      <c r="CA194" s="974">
        <f t="shared" si="218"/>
        <v>4.9097885492257283E-4</v>
      </c>
      <c r="CB194" s="973">
        <f t="shared" si="152"/>
        <v>0.99999999999999967</v>
      </c>
    </row>
    <row r="195" spans="3:80" ht="57.75" hidden="1" x14ac:dyDescent="0.25">
      <c r="C195" s="597"/>
      <c r="D195" s="597" t="s">
        <v>66</v>
      </c>
      <c r="E195" s="597"/>
      <c r="F195" s="597"/>
      <c r="G195" s="597"/>
      <c r="H195" s="499" t="s">
        <v>2039</v>
      </c>
      <c r="I195" s="499" t="s">
        <v>1253</v>
      </c>
      <c r="J195" s="499" t="s">
        <v>1254</v>
      </c>
      <c r="K195" s="499" t="s">
        <v>2040</v>
      </c>
      <c r="L195" s="499" t="s">
        <v>2041</v>
      </c>
      <c r="M195" s="499" t="s">
        <v>1488</v>
      </c>
      <c r="N195" s="499" t="s">
        <v>1489</v>
      </c>
      <c r="O195" s="499">
        <v>1</v>
      </c>
      <c r="P195" s="499" t="s">
        <v>932</v>
      </c>
      <c r="Q195" s="499" t="s">
        <v>1490</v>
      </c>
      <c r="R195" s="499" t="s">
        <v>1491</v>
      </c>
      <c r="S195" s="499" t="s">
        <v>1492</v>
      </c>
      <c r="T195" s="499" t="s">
        <v>1493</v>
      </c>
      <c r="U195" s="499" t="s">
        <v>2042</v>
      </c>
      <c r="V195" s="946" t="str">
        <f>_xlfn.XLOOKUP(H195, [5]GIS!D:D, [5]GIS!E:E, "Not mapped")</f>
        <v>Single - Scenario 3</v>
      </c>
      <c r="W195" s="499" t="s">
        <v>1508</v>
      </c>
      <c r="X195" s="579" t="s">
        <v>1496</v>
      </c>
      <c r="Y195" s="1258" t="s">
        <v>1497</v>
      </c>
      <c r="Z195" s="1259" t="s">
        <v>1498</v>
      </c>
      <c r="AA195" s="1259" t="s">
        <v>1498</v>
      </c>
      <c r="AB195" s="1259" t="s">
        <v>1498</v>
      </c>
      <c r="AC195" s="1259" t="s">
        <v>1498</v>
      </c>
      <c r="AD195" s="1259" t="s">
        <v>1498</v>
      </c>
      <c r="AE195" s="1259" t="s">
        <v>1498</v>
      </c>
      <c r="AF195" s="1259" t="s">
        <v>1498</v>
      </c>
      <c r="AG195" s="1259" t="s">
        <v>1498</v>
      </c>
      <c r="AH195" s="1259" t="s">
        <v>1498</v>
      </c>
      <c r="AI195" s="1259" t="s">
        <v>1498</v>
      </c>
      <c r="AJ195" s="1259" t="s">
        <v>1498</v>
      </c>
      <c r="AK195" s="1259" t="s">
        <v>1498</v>
      </c>
      <c r="AL195" s="1259" t="s">
        <v>1498</v>
      </c>
      <c r="AM195" s="1259" t="s">
        <v>1498</v>
      </c>
      <c r="AN195" s="1259" t="s">
        <v>1498</v>
      </c>
      <c r="AO195" s="1259" t="s">
        <v>1498</v>
      </c>
      <c r="AP195" s="1259" t="s">
        <v>1498</v>
      </c>
      <c r="AQ195" s="1259" t="s">
        <v>1498</v>
      </c>
      <c r="AR195" s="1259" t="s">
        <v>1498</v>
      </c>
      <c r="AS195" s="1259" t="s">
        <v>1498</v>
      </c>
      <c r="AT195" s="1259" t="s">
        <v>1498</v>
      </c>
      <c r="AU195" s="1259" t="s">
        <v>1498</v>
      </c>
      <c r="AV195" s="1259" t="s">
        <v>1498</v>
      </c>
      <c r="AW195" s="1259" t="s">
        <v>1498</v>
      </c>
      <c r="AX195" s="1259" t="s">
        <v>1498</v>
      </c>
      <c r="AY195" s="1259" t="s">
        <v>1498</v>
      </c>
      <c r="AZ195" s="905" t="s">
        <v>1642</v>
      </c>
      <c r="BA195" s="499" t="s">
        <v>722</v>
      </c>
      <c r="BB195" s="953" t="s">
        <v>53</v>
      </c>
      <c r="BC195" s="980">
        <f>ROUND((VLOOKUP(H195,'[5]Cost Summary'!A:H,8,)),0.1)</f>
        <v>885943</v>
      </c>
      <c r="BD195" s="499">
        <v>2</v>
      </c>
      <c r="BE195" s="499" t="s">
        <v>2043</v>
      </c>
      <c r="BF195" s="954" t="s">
        <v>1584</v>
      </c>
      <c r="BG195" s="1261">
        <v>575575</v>
      </c>
      <c r="BH195" s="976" t="e">
        <f t="shared" ref="BH195:BH212" si="219">Z195/(SUM($Z195:$AY195))</f>
        <v>#VALUE!</v>
      </c>
      <c r="BI195" s="972" t="e">
        <f t="shared" ref="BI195:BI212" si="220">AA195/(SUM($Z195:$AY195))</f>
        <v>#VALUE!</v>
      </c>
      <c r="BJ195" s="972" t="e">
        <f t="shared" ref="BJ195:BJ212" si="221">AB195/(SUM($Z195:$AY195))</f>
        <v>#VALUE!</v>
      </c>
      <c r="BK195" s="972" t="e">
        <f t="shared" ref="BK195:BK212" si="222">AC195/(SUM($Z195:$AY195))</f>
        <v>#VALUE!</v>
      </c>
      <c r="BL195" s="972" t="e">
        <f t="shared" ref="BL195:BL212" si="223">AD195/(SUM($Z195:$AY195))</f>
        <v>#VALUE!</v>
      </c>
      <c r="BM195" s="972" t="e">
        <f t="shared" ref="BM195:BM212" si="224">AE195/(SUM($Z195:$AY195))</f>
        <v>#VALUE!</v>
      </c>
      <c r="BN195" s="972" t="e">
        <f t="shared" ref="BN195:BN212" si="225">AF195/(SUM($Z195:$AY195))</f>
        <v>#VALUE!</v>
      </c>
      <c r="BO195" s="972" t="e">
        <f t="shared" ref="BO195:BO212" si="226">AG195/(SUM($Z195:$AY195))</f>
        <v>#VALUE!</v>
      </c>
      <c r="BP195" s="972" t="e">
        <f t="shared" ref="BP195:BP212" si="227">AH195/(SUM($Z195:$AY195))</f>
        <v>#VALUE!</v>
      </c>
      <c r="BQ195" s="972" t="e">
        <f t="shared" ref="BQ195:BQ212" si="228">AI195/(SUM($Z195:$AY195))</f>
        <v>#VALUE!</v>
      </c>
      <c r="BR195" s="972" t="e">
        <f t="shared" ref="BR195:BR212" si="229">AJ195/(SUM($Z195:$AY195))</f>
        <v>#VALUE!</v>
      </c>
      <c r="BS195" s="972" t="e">
        <f t="shared" ref="BS195:BS212" si="230">AK195/(SUM($Z195:$AY195))</f>
        <v>#VALUE!</v>
      </c>
      <c r="BT195" s="972" t="e">
        <f t="shared" ref="BT195:BT212" si="231">AL195/(SUM($Z195:$AY195))</f>
        <v>#VALUE!</v>
      </c>
      <c r="BU195" s="972" t="e">
        <f t="shared" ref="BU195:BU212" si="232">AM195/(SUM($Z195:$AY195))</f>
        <v>#VALUE!</v>
      </c>
      <c r="BV195" s="972" t="e">
        <f t="shared" ref="BV195:BV212" si="233">AM195/(SUM($Z195:$AY195))</f>
        <v>#VALUE!</v>
      </c>
      <c r="BW195" s="972" t="e">
        <f t="shared" ref="BW195:BW212" si="234">AN195/(SUM($Z195:$AY195))</f>
        <v>#VALUE!</v>
      </c>
      <c r="BX195" s="972" t="e">
        <f t="shared" ref="BX195:BX212" si="235">AO195/(SUM($Z195:$AY195))</f>
        <v>#VALUE!</v>
      </c>
      <c r="BY195" s="972" t="e">
        <f t="shared" ref="BY195:BY212" si="236">AP195/(SUM($Z195:$AY195))</f>
        <v>#VALUE!</v>
      </c>
      <c r="BZ195" s="972" t="e">
        <f t="shared" ref="BZ195:BZ212" si="237">AQ195/(SUM($Z195:$AY195))</f>
        <v>#VALUE!</v>
      </c>
      <c r="CA195" s="972" t="e">
        <f t="shared" ref="CA195:CA212" si="238">AR195/(SUM($Z195:$AY195))</f>
        <v>#VALUE!</v>
      </c>
      <c r="CB195" s="973" t="e">
        <f t="shared" si="152"/>
        <v>#VALUE!</v>
      </c>
    </row>
    <row r="196" spans="3:80" ht="100.5" hidden="1" x14ac:dyDescent="0.25">
      <c r="C196" s="597"/>
      <c r="D196" s="597" t="s">
        <v>66</v>
      </c>
      <c r="E196" s="597"/>
      <c r="F196" s="597"/>
      <c r="G196" s="597"/>
      <c r="H196" s="499" t="s">
        <v>2044</v>
      </c>
      <c r="I196" s="499" t="s">
        <v>1255</v>
      </c>
      <c r="J196" s="499" t="s">
        <v>1256</v>
      </c>
      <c r="K196" s="499">
        <v>51.770888919999997</v>
      </c>
      <c r="L196" s="499">
        <v>-0.43737183099999999</v>
      </c>
      <c r="M196" s="499" t="s">
        <v>1488</v>
      </c>
      <c r="N196" s="499" t="s">
        <v>1489</v>
      </c>
      <c r="O196" s="499">
        <v>1</v>
      </c>
      <c r="P196" s="499" t="s">
        <v>932</v>
      </c>
      <c r="Q196" s="499" t="s">
        <v>1490</v>
      </c>
      <c r="R196" s="499" t="s">
        <v>1491</v>
      </c>
      <c r="S196" s="499" t="s">
        <v>1492</v>
      </c>
      <c r="T196" s="499" t="s">
        <v>1493</v>
      </c>
      <c r="U196" s="499" t="s">
        <v>2042</v>
      </c>
      <c r="V196" s="946" t="str">
        <f>_xlfn.XLOOKUP(H196, [5]GIS!D:D, [5]GIS!E:E, "Not mapped")</f>
        <v>Single - Scenario 3</v>
      </c>
      <c r="W196" s="499" t="s">
        <v>1508</v>
      </c>
      <c r="X196" s="579" t="s">
        <v>1496</v>
      </c>
      <c r="Y196" s="1258" t="s">
        <v>1497</v>
      </c>
      <c r="Z196" s="1259" t="s">
        <v>1498</v>
      </c>
      <c r="AA196" s="1259" t="s">
        <v>1498</v>
      </c>
      <c r="AB196" s="1259" t="s">
        <v>1498</v>
      </c>
      <c r="AC196" s="1259" t="s">
        <v>1498</v>
      </c>
      <c r="AD196" s="1259" t="s">
        <v>1498</v>
      </c>
      <c r="AE196" s="1259" t="s">
        <v>1498</v>
      </c>
      <c r="AF196" s="1259" t="s">
        <v>1498</v>
      </c>
      <c r="AG196" s="1259" t="s">
        <v>1498</v>
      </c>
      <c r="AH196" s="1259" t="s">
        <v>1498</v>
      </c>
      <c r="AI196" s="1259" t="s">
        <v>1498</v>
      </c>
      <c r="AJ196" s="1259" t="s">
        <v>1498</v>
      </c>
      <c r="AK196" s="1259" t="s">
        <v>1498</v>
      </c>
      <c r="AL196" s="1259" t="s">
        <v>1498</v>
      </c>
      <c r="AM196" s="1259" t="s">
        <v>1498</v>
      </c>
      <c r="AN196" s="1259" t="s">
        <v>1498</v>
      </c>
      <c r="AO196" s="1259" t="s">
        <v>1498</v>
      </c>
      <c r="AP196" s="1259" t="s">
        <v>1498</v>
      </c>
      <c r="AQ196" s="1259" t="s">
        <v>1498</v>
      </c>
      <c r="AR196" s="1259" t="s">
        <v>1498</v>
      </c>
      <c r="AS196" s="1259" t="s">
        <v>1498</v>
      </c>
      <c r="AT196" s="1259" t="s">
        <v>1498</v>
      </c>
      <c r="AU196" s="1259" t="s">
        <v>1498</v>
      </c>
      <c r="AV196" s="1259" t="s">
        <v>1498</v>
      </c>
      <c r="AW196" s="1259" t="s">
        <v>1498</v>
      </c>
      <c r="AX196" s="1259" t="s">
        <v>1498</v>
      </c>
      <c r="AY196" s="1259" t="s">
        <v>1498</v>
      </c>
      <c r="AZ196" s="905" t="s">
        <v>1642</v>
      </c>
      <c r="BA196" s="499" t="s">
        <v>722</v>
      </c>
      <c r="BB196" s="953" t="s">
        <v>53</v>
      </c>
      <c r="BC196" s="980">
        <f>ROUND((VLOOKUP(H196,'[5]Cost Summary'!A:H,8,)),0.1)</f>
        <v>448034</v>
      </c>
      <c r="BD196" s="499">
        <v>1</v>
      </c>
      <c r="BE196" s="499">
        <v>4</v>
      </c>
      <c r="BF196" s="954" t="s">
        <v>1584</v>
      </c>
      <c r="BG196" s="1261">
        <v>291076.5</v>
      </c>
      <c r="BH196" s="976" t="e">
        <f t="shared" si="219"/>
        <v>#VALUE!</v>
      </c>
      <c r="BI196" s="972" t="e">
        <f t="shared" si="220"/>
        <v>#VALUE!</v>
      </c>
      <c r="BJ196" s="972" t="e">
        <f t="shared" si="221"/>
        <v>#VALUE!</v>
      </c>
      <c r="BK196" s="972" t="e">
        <f t="shared" si="222"/>
        <v>#VALUE!</v>
      </c>
      <c r="BL196" s="972" t="e">
        <f t="shared" si="223"/>
        <v>#VALUE!</v>
      </c>
      <c r="BM196" s="972" t="e">
        <f t="shared" si="224"/>
        <v>#VALUE!</v>
      </c>
      <c r="BN196" s="972" t="e">
        <f t="shared" si="225"/>
        <v>#VALUE!</v>
      </c>
      <c r="BO196" s="972" t="e">
        <f t="shared" si="226"/>
        <v>#VALUE!</v>
      </c>
      <c r="BP196" s="972" t="e">
        <f t="shared" si="227"/>
        <v>#VALUE!</v>
      </c>
      <c r="BQ196" s="972" t="e">
        <f t="shared" si="228"/>
        <v>#VALUE!</v>
      </c>
      <c r="BR196" s="972" t="e">
        <f t="shared" si="229"/>
        <v>#VALUE!</v>
      </c>
      <c r="BS196" s="972" t="e">
        <f t="shared" si="230"/>
        <v>#VALUE!</v>
      </c>
      <c r="BT196" s="972" t="e">
        <f t="shared" si="231"/>
        <v>#VALUE!</v>
      </c>
      <c r="BU196" s="972" t="e">
        <f t="shared" si="232"/>
        <v>#VALUE!</v>
      </c>
      <c r="BV196" s="972" t="e">
        <f t="shared" si="233"/>
        <v>#VALUE!</v>
      </c>
      <c r="BW196" s="972" t="e">
        <f t="shared" si="234"/>
        <v>#VALUE!</v>
      </c>
      <c r="BX196" s="972" t="e">
        <f t="shared" si="235"/>
        <v>#VALUE!</v>
      </c>
      <c r="BY196" s="972" t="e">
        <f t="shared" si="236"/>
        <v>#VALUE!</v>
      </c>
      <c r="BZ196" s="972" t="e">
        <f t="shared" si="237"/>
        <v>#VALUE!</v>
      </c>
      <c r="CA196" s="972" t="e">
        <f t="shared" si="238"/>
        <v>#VALUE!</v>
      </c>
      <c r="CB196" s="973" t="e">
        <f t="shared" si="152"/>
        <v>#VALUE!</v>
      </c>
    </row>
    <row r="197" spans="3:80" ht="57.75" hidden="1" x14ac:dyDescent="0.25">
      <c r="C197" s="597"/>
      <c r="D197" s="597" t="s">
        <v>66</v>
      </c>
      <c r="E197" s="597"/>
      <c r="F197" s="597"/>
      <c r="G197" s="597"/>
      <c r="H197" s="499" t="s">
        <v>2045</v>
      </c>
      <c r="I197" s="499" t="s">
        <v>1257</v>
      </c>
      <c r="J197" s="499" t="s">
        <v>1258</v>
      </c>
      <c r="K197" s="499" t="s">
        <v>1521</v>
      </c>
      <c r="L197" s="499" t="s">
        <v>1521</v>
      </c>
      <c r="M197" s="499" t="s">
        <v>1488</v>
      </c>
      <c r="N197" s="499" t="s">
        <v>1489</v>
      </c>
      <c r="O197" s="499">
        <v>1</v>
      </c>
      <c r="P197" s="499" t="s">
        <v>932</v>
      </c>
      <c r="Q197" s="499" t="s">
        <v>1490</v>
      </c>
      <c r="R197" s="499" t="s">
        <v>1491</v>
      </c>
      <c r="S197" s="499" t="s">
        <v>1492</v>
      </c>
      <c r="T197" s="499" t="s">
        <v>1493</v>
      </c>
      <c r="U197" s="499" t="s">
        <v>2042</v>
      </c>
      <c r="V197" s="946" t="str">
        <f>_xlfn.XLOOKUP(H197, [5]GIS!D:D, [5]GIS!E:E, "Not mapped")</f>
        <v>Single - Scenario 3</v>
      </c>
      <c r="W197" s="499" t="s">
        <v>1508</v>
      </c>
      <c r="X197" s="579" t="s">
        <v>1496</v>
      </c>
      <c r="Y197" s="1258" t="s">
        <v>1497</v>
      </c>
      <c r="Z197" s="1259" t="s">
        <v>1498</v>
      </c>
      <c r="AA197" s="1259" t="s">
        <v>1498</v>
      </c>
      <c r="AB197" s="1259" t="s">
        <v>1498</v>
      </c>
      <c r="AC197" s="1259" t="s">
        <v>1498</v>
      </c>
      <c r="AD197" s="1259" t="s">
        <v>1498</v>
      </c>
      <c r="AE197" s="1259" t="s">
        <v>1498</v>
      </c>
      <c r="AF197" s="1259" t="s">
        <v>1498</v>
      </c>
      <c r="AG197" s="1259" t="s">
        <v>1498</v>
      </c>
      <c r="AH197" s="1259" t="s">
        <v>1498</v>
      </c>
      <c r="AI197" s="1259" t="s">
        <v>1498</v>
      </c>
      <c r="AJ197" s="1259" t="s">
        <v>1498</v>
      </c>
      <c r="AK197" s="1259" t="s">
        <v>1498</v>
      </c>
      <c r="AL197" s="1259" t="s">
        <v>1498</v>
      </c>
      <c r="AM197" s="1259" t="s">
        <v>1498</v>
      </c>
      <c r="AN197" s="1259" t="s">
        <v>1498</v>
      </c>
      <c r="AO197" s="1259" t="s">
        <v>1498</v>
      </c>
      <c r="AP197" s="1259" t="s">
        <v>1498</v>
      </c>
      <c r="AQ197" s="1259" t="s">
        <v>1498</v>
      </c>
      <c r="AR197" s="1259" t="s">
        <v>1498</v>
      </c>
      <c r="AS197" s="1259" t="s">
        <v>1498</v>
      </c>
      <c r="AT197" s="1259" t="s">
        <v>1498</v>
      </c>
      <c r="AU197" s="1259" t="s">
        <v>1498</v>
      </c>
      <c r="AV197" s="1259" t="s">
        <v>1498</v>
      </c>
      <c r="AW197" s="1259" t="s">
        <v>1498</v>
      </c>
      <c r="AX197" s="1259" t="s">
        <v>1498</v>
      </c>
      <c r="AY197" s="1259" t="s">
        <v>1498</v>
      </c>
      <c r="AZ197" s="905" t="s">
        <v>1642</v>
      </c>
      <c r="BA197" s="499" t="s">
        <v>722</v>
      </c>
      <c r="BB197" s="953" t="s">
        <v>53</v>
      </c>
      <c r="BC197" s="980">
        <f>ROUND((VLOOKUP(H197,'[5]Cost Summary'!A:H,8,)),0.1)</f>
        <v>301853</v>
      </c>
      <c r="BD197" s="499">
        <v>2</v>
      </c>
      <c r="BE197" s="499" t="s">
        <v>2043</v>
      </c>
      <c r="BF197" s="954" t="s">
        <v>1584</v>
      </c>
      <c r="BG197" s="1261">
        <v>196106.63</v>
      </c>
      <c r="BH197" s="976" t="e">
        <f t="shared" si="219"/>
        <v>#VALUE!</v>
      </c>
      <c r="BI197" s="972" t="e">
        <f t="shared" si="220"/>
        <v>#VALUE!</v>
      </c>
      <c r="BJ197" s="972" t="e">
        <f t="shared" si="221"/>
        <v>#VALUE!</v>
      </c>
      <c r="BK197" s="972" t="e">
        <f t="shared" si="222"/>
        <v>#VALUE!</v>
      </c>
      <c r="BL197" s="972" t="e">
        <f t="shared" si="223"/>
        <v>#VALUE!</v>
      </c>
      <c r="BM197" s="972" t="e">
        <f t="shared" si="224"/>
        <v>#VALUE!</v>
      </c>
      <c r="BN197" s="972" t="e">
        <f t="shared" si="225"/>
        <v>#VALUE!</v>
      </c>
      <c r="BO197" s="972" t="e">
        <f t="shared" si="226"/>
        <v>#VALUE!</v>
      </c>
      <c r="BP197" s="972" t="e">
        <f t="shared" si="227"/>
        <v>#VALUE!</v>
      </c>
      <c r="BQ197" s="972" t="e">
        <f t="shared" si="228"/>
        <v>#VALUE!</v>
      </c>
      <c r="BR197" s="972" t="e">
        <f t="shared" si="229"/>
        <v>#VALUE!</v>
      </c>
      <c r="BS197" s="972" t="e">
        <f t="shared" si="230"/>
        <v>#VALUE!</v>
      </c>
      <c r="BT197" s="972" t="e">
        <f t="shared" si="231"/>
        <v>#VALUE!</v>
      </c>
      <c r="BU197" s="972" t="e">
        <f t="shared" si="232"/>
        <v>#VALUE!</v>
      </c>
      <c r="BV197" s="972" t="e">
        <f t="shared" si="233"/>
        <v>#VALUE!</v>
      </c>
      <c r="BW197" s="972" t="e">
        <f t="shared" si="234"/>
        <v>#VALUE!</v>
      </c>
      <c r="BX197" s="972" t="e">
        <f t="shared" si="235"/>
        <v>#VALUE!</v>
      </c>
      <c r="BY197" s="972" t="e">
        <f t="shared" si="236"/>
        <v>#VALUE!</v>
      </c>
      <c r="BZ197" s="972" t="e">
        <f t="shared" si="237"/>
        <v>#VALUE!</v>
      </c>
      <c r="CA197" s="972" t="e">
        <f t="shared" si="238"/>
        <v>#VALUE!</v>
      </c>
      <c r="CB197" s="973" t="e">
        <f t="shared" si="152"/>
        <v>#VALUE!</v>
      </c>
    </row>
    <row r="198" spans="3:80" ht="57.75" hidden="1" x14ac:dyDescent="0.25">
      <c r="C198" s="597"/>
      <c r="D198" s="597" t="s">
        <v>66</v>
      </c>
      <c r="E198" s="597"/>
      <c r="F198" s="597"/>
      <c r="G198" s="597"/>
      <c r="H198" s="499" t="s">
        <v>2046</v>
      </c>
      <c r="I198" s="499" t="s">
        <v>1259</v>
      </c>
      <c r="J198" s="499" t="s">
        <v>1260</v>
      </c>
      <c r="K198" s="499" t="s">
        <v>1521</v>
      </c>
      <c r="L198" s="499" t="s">
        <v>1521</v>
      </c>
      <c r="M198" s="499" t="s">
        <v>1488</v>
      </c>
      <c r="N198" s="499" t="s">
        <v>1489</v>
      </c>
      <c r="O198" s="499">
        <v>1</v>
      </c>
      <c r="P198" s="499" t="s">
        <v>932</v>
      </c>
      <c r="Q198" s="499" t="s">
        <v>1490</v>
      </c>
      <c r="R198" s="499" t="s">
        <v>1491</v>
      </c>
      <c r="S198" s="499" t="s">
        <v>1492</v>
      </c>
      <c r="T198" s="499" t="s">
        <v>1493</v>
      </c>
      <c r="U198" s="499" t="s">
        <v>2042</v>
      </c>
      <c r="V198" s="946" t="str">
        <f>_xlfn.XLOOKUP(H198, [5]GIS!D:D, [5]GIS!E:E, "Not mapped")</f>
        <v>Single - Scenario 3</v>
      </c>
      <c r="W198" s="499" t="s">
        <v>1508</v>
      </c>
      <c r="X198" s="579" t="s">
        <v>1496</v>
      </c>
      <c r="Y198" s="1258" t="s">
        <v>1497</v>
      </c>
      <c r="Z198" s="1259" t="s">
        <v>1498</v>
      </c>
      <c r="AA198" s="1259" t="s">
        <v>1498</v>
      </c>
      <c r="AB198" s="1259" t="s">
        <v>1498</v>
      </c>
      <c r="AC198" s="1259" t="s">
        <v>1498</v>
      </c>
      <c r="AD198" s="1259" t="s">
        <v>1498</v>
      </c>
      <c r="AE198" s="1259" t="s">
        <v>1498</v>
      </c>
      <c r="AF198" s="1259" t="s">
        <v>1498</v>
      </c>
      <c r="AG198" s="1259" t="s">
        <v>1498</v>
      </c>
      <c r="AH198" s="1259" t="s">
        <v>1498</v>
      </c>
      <c r="AI198" s="1259" t="s">
        <v>1498</v>
      </c>
      <c r="AJ198" s="1259" t="s">
        <v>1498</v>
      </c>
      <c r="AK198" s="1259" t="s">
        <v>1498</v>
      </c>
      <c r="AL198" s="1259" t="s">
        <v>1498</v>
      </c>
      <c r="AM198" s="1259" t="s">
        <v>1498</v>
      </c>
      <c r="AN198" s="1259" t="s">
        <v>1498</v>
      </c>
      <c r="AO198" s="1259" t="s">
        <v>1498</v>
      </c>
      <c r="AP198" s="1259" t="s">
        <v>1498</v>
      </c>
      <c r="AQ198" s="1259" t="s">
        <v>1498</v>
      </c>
      <c r="AR198" s="1259" t="s">
        <v>1498</v>
      </c>
      <c r="AS198" s="1259" t="s">
        <v>1498</v>
      </c>
      <c r="AT198" s="1259" t="s">
        <v>1498</v>
      </c>
      <c r="AU198" s="1259" t="s">
        <v>1498</v>
      </c>
      <c r="AV198" s="1259" t="s">
        <v>1498</v>
      </c>
      <c r="AW198" s="1259" t="s">
        <v>1498</v>
      </c>
      <c r="AX198" s="1259" t="s">
        <v>1498</v>
      </c>
      <c r="AY198" s="1259" t="s">
        <v>1498</v>
      </c>
      <c r="AZ198" s="905" t="s">
        <v>1642</v>
      </c>
      <c r="BA198" s="499" t="s">
        <v>722</v>
      </c>
      <c r="BB198" s="953" t="s">
        <v>53</v>
      </c>
      <c r="BC198" s="980">
        <f>ROUND((VLOOKUP(H198,'[5]Cost Summary'!A:H,8,)),0.1)</f>
        <v>110110</v>
      </c>
      <c r="BD198" s="499">
        <v>1</v>
      </c>
      <c r="BE198" s="499">
        <v>4</v>
      </c>
      <c r="BF198" s="954" t="s">
        <v>1584</v>
      </c>
      <c r="BG198" s="1261">
        <v>71535.75</v>
      </c>
      <c r="BH198" s="976" t="e">
        <f t="shared" si="219"/>
        <v>#VALUE!</v>
      </c>
      <c r="BI198" s="972" t="e">
        <f t="shared" si="220"/>
        <v>#VALUE!</v>
      </c>
      <c r="BJ198" s="972" t="e">
        <f t="shared" si="221"/>
        <v>#VALUE!</v>
      </c>
      <c r="BK198" s="972" t="e">
        <f t="shared" si="222"/>
        <v>#VALUE!</v>
      </c>
      <c r="BL198" s="972" t="e">
        <f t="shared" si="223"/>
        <v>#VALUE!</v>
      </c>
      <c r="BM198" s="972" t="e">
        <f t="shared" si="224"/>
        <v>#VALUE!</v>
      </c>
      <c r="BN198" s="972" t="e">
        <f t="shared" si="225"/>
        <v>#VALUE!</v>
      </c>
      <c r="BO198" s="972" t="e">
        <f t="shared" si="226"/>
        <v>#VALUE!</v>
      </c>
      <c r="BP198" s="972" t="e">
        <f t="shared" si="227"/>
        <v>#VALUE!</v>
      </c>
      <c r="BQ198" s="972" t="e">
        <f t="shared" si="228"/>
        <v>#VALUE!</v>
      </c>
      <c r="BR198" s="972" t="e">
        <f t="shared" si="229"/>
        <v>#VALUE!</v>
      </c>
      <c r="BS198" s="972" t="e">
        <f t="shared" si="230"/>
        <v>#VALUE!</v>
      </c>
      <c r="BT198" s="972" t="e">
        <f t="shared" si="231"/>
        <v>#VALUE!</v>
      </c>
      <c r="BU198" s="972" t="e">
        <f t="shared" si="232"/>
        <v>#VALUE!</v>
      </c>
      <c r="BV198" s="972" t="e">
        <f t="shared" si="233"/>
        <v>#VALUE!</v>
      </c>
      <c r="BW198" s="972" t="e">
        <f t="shared" si="234"/>
        <v>#VALUE!</v>
      </c>
      <c r="BX198" s="972" t="e">
        <f t="shared" si="235"/>
        <v>#VALUE!</v>
      </c>
      <c r="BY198" s="972" t="e">
        <f t="shared" si="236"/>
        <v>#VALUE!</v>
      </c>
      <c r="BZ198" s="972" t="e">
        <f t="shared" si="237"/>
        <v>#VALUE!</v>
      </c>
      <c r="CA198" s="972" t="e">
        <f t="shared" si="238"/>
        <v>#VALUE!</v>
      </c>
      <c r="CB198" s="973" t="e">
        <f t="shared" si="152"/>
        <v>#VALUE!</v>
      </c>
    </row>
    <row r="199" spans="3:80" ht="43.5" hidden="1" x14ac:dyDescent="0.25">
      <c r="C199" s="597"/>
      <c r="D199" s="597" t="s">
        <v>66</v>
      </c>
      <c r="E199" s="597"/>
      <c r="F199" s="597"/>
      <c r="G199" s="597"/>
      <c r="H199" s="499" t="s">
        <v>2047</v>
      </c>
      <c r="I199" s="499" t="s">
        <v>1261</v>
      </c>
      <c r="J199" s="499" t="s">
        <v>1262</v>
      </c>
      <c r="K199" s="499">
        <v>51.768773469999999</v>
      </c>
      <c r="L199" s="499">
        <v>-0.43823816700000001</v>
      </c>
      <c r="M199" s="499" t="s">
        <v>1488</v>
      </c>
      <c r="N199" s="499" t="s">
        <v>1489</v>
      </c>
      <c r="O199" s="499">
        <v>1</v>
      </c>
      <c r="P199" s="499" t="s">
        <v>932</v>
      </c>
      <c r="Q199" s="499" t="s">
        <v>1490</v>
      </c>
      <c r="R199" s="499" t="s">
        <v>1491</v>
      </c>
      <c r="S199" s="499" t="s">
        <v>1492</v>
      </c>
      <c r="T199" s="499" t="s">
        <v>1493</v>
      </c>
      <c r="U199" s="499" t="s">
        <v>2042</v>
      </c>
      <c r="V199" s="946" t="str">
        <f>_xlfn.XLOOKUP(H199, [5]GIS!D:D, [5]GIS!E:E, "Not mapped")</f>
        <v>Single - Scenario 3</v>
      </c>
      <c r="W199" s="499" t="s">
        <v>1508</v>
      </c>
      <c r="X199" s="579" t="s">
        <v>1496</v>
      </c>
      <c r="Y199" s="1258" t="s">
        <v>1497</v>
      </c>
      <c r="Z199" s="1259" t="s">
        <v>1498</v>
      </c>
      <c r="AA199" s="1259" t="s">
        <v>1498</v>
      </c>
      <c r="AB199" s="1259" t="s">
        <v>1498</v>
      </c>
      <c r="AC199" s="1259" t="s">
        <v>1498</v>
      </c>
      <c r="AD199" s="1259" t="s">
        <v>1498</v>
      </c>
      <c r="AE199" s="1259" t="s">
        <v>1498</v>
      </c>
      <c r="AF199" s="1259" t="s">
        <v>1498</v>
      </c>
      <c r="AG199" s="1259" t="s">
        <v>1498</v>
      </c>
      <c r="AH199" s="1259" t="s">
        <v>1498</v>
      </c>
      <c r="AI199" s="1259" t="s">
        <v>1498</v>
      </c>
      <c r="AJ199" s="1259" t="s">
        <v>1498</v>
      </c>
      <c r="AK199" s="1259" t="s">
        <v>1498</v>
      </c>
      <c r="AL199" s="1259" t="s">
        <v>1498</v>
      </c>
      <c r="AM199" s="1259" t="s">
        <v>1498</v>
      </c>
      <c r="AN199" s="1259" t="s">
        <v>1498</v>
      </c>
      <c r="AO199" s="1259" t="s">
        <v>1498</v>
      </c>
      <c r="AP199" s="1259" t="s">
        <v>1498</v>
      </c>
      <c r="AQ199" s="1259" t="s">
        <v>1498</v>
      </c>
      <c r="AR199" s="1259" t="s">
        <v>1498</v>
      </c>
      <c r="AS199" s="1259" t="s">
        <v>1498</v>
      </c>
      <c r="AT199" s="1259" t="s">
        <v>1498</v>
      </c>
      <c r="AU199" s="1259" t="s">
        <v>1498</v>
      </c>
      <c r="AV199" s="1259" t="s">
        <v>1498</v>
      </c>
      <c r="AW199" s="1259" t="s">
        <v>1498</v>
      </c>
      <c r="AX199" s="1259" t="s">
        <v>1498</v>
      </c>
      <c r="AY199" s="1259" t="s">
        <v>1498</v>
      </c>
      <c r="AZ199" s="905" t="s">
        <v>1642</v>
      </c>
      <c r="BA199" s="499" t="s">
        <v>722</v>
      </c>
      <c r="BB199" s="953" t="s">
        <v>53</v>
      </c>
      <c r="BC199" s="980">
        <f>ROUND((VLOOKUP(H199,'[5]Cost Summary'!A:H,8,)),0.1)</f>
        <v>1215</v>
      </c>
      <c r="BD199" s="499">
        <v>1</v>
      </c>
      <c r="BE199" s="499">
        <v>4</v>
      </c>
      <c r="BF199" s="954" t="s">
        <v>1584</v>
      </c>
      <c r="BG199" s="1261">
        <v>789.36</v>
      </c>
      <c r="BH199" s="976" t="e">
        <f t="shared" si="219"/>
        <v>#VALUE!</v>
      </c>
      <c r="BI199" s="972" t="e">
        <f t="shared" si="220"/>
        <v>#VALUE!</v>
      </c>
      <c r="BJ199" s="972" t="e">
        <f t="shared" si="221"/>
        <v>#VALUE!</v>
      </c>
      <c r="BK199" s="972" t="e">
        <f t="shared" si="222"/>
        <v>#VALUE!</v>
      </c>
      <c r="BL199" s="972" t="e">
        <f t="shared" si="223"/>
        <v>#VALUE!</v>
      </c>
      <c r="BM199" s="972" t="e">
        <f t="shared" si="224"/>
        <v>#VALUE!</v>
      </c>
      <c r="BN199" s="972" t="e">
        <f t="shared" si="225"/>
        <v>#VALUE!</v>
      </c>
      <c r="BO199" s="972" t="e">
        <f t="shared" si="226"/>
        <v>#VALUE!</v>
      </c>
      <c r="BP199" s="972" t="e">
        <f t="shared" si="227"/>
        <v>#VALUE!</v>
      </c>
      <c r="BQ199" s="972" t="e">
        <f t="shared" si="228"/>
        <v>#VALUE!</v>
      </c>
      <c r="BR199" s="972" t="e">
        <f t="shared" si="229"/>
        <v>#VALUE!</v>
      </c>
      <c r="BS199" s="972" t="e">
        <f t="shared" si="230"/>
        <v>#VALUE!</v>
      </c>
      <c r="BT199" s="972" t="e">
        <f t="shared" si="231"/>
        <v>#VALUE!</v>
      </c>
      <c r="BU199" s="972" t="e">
        <f t="shared" si="232"/>
        <v>#VALUE!</v>
      </c>
      <c r="BV199" s="972" t="e">
        <f t="shared" si="233"/>
        <v>#VALUE!</v>
      </c>
      <c r="BW199" s="972" t="e">
        <f t="shared" si="234"/>
        <v>#VALUE!</v>
      </c>
      <c r="BX199" s="972" t="e">
        <f t="shared" si="235"/>
        <v>#VALUE!</v>
      </c>
      <c r="BY199" s="972" t="e">
        <f t="shared" si="236"/>
        <v>#VALUE!</v>
      </c>
      <c r="BZ199" s="972" t="e">
        <f t="shared" si="237"/>
        <v>#VALUE!</v>
      </c>
      <c r="CA199" s="972" t="e">
        <f t="shared" si="238"/>
        <v>#VALUE!</v>
      </c>
      <c r="CB199" s="973" t="e">
        <f t="shared" si="152"/>
        <v>#VALUE!</v>
      </c>
    </row>
    <row r="200" spans="3:80" ht="43.5" hidden="1" x14ac:dyDescent="0.25">
      <c r="C200" s="597"/>
      <c r="D200" s="597" t="s">
        <v>66</v>
      </c>
      <c r="E200" s="597"/>
      <c r="F200" s="597"/>
      <c r="G200" s="597"/>
      <c r="H200" s="499" t="s">
        <v>2048</v>
      </c>
      <c r="I200" s="499" t="s">
        <v>1263</v>
      </c>
      <c r="J200" s="499" t="s">
        <v>1264</v>
      </c>
      <c r="K200" s="499" t="s">
        <v>2049</v>
      </c>
      <c r="L200" s="499" t="s">
        <v>2050</v>
      </c>
      <c r="M200" s="499" t="s">
        <v>1488</v>
      </c>
      <c r="N200" s="499" t="s">
        <v>1489</v>
      </c>
      <c r="O200" s="499">
        <v>1</v>
      </c>
      <c r="P200" s="499" t="s">
        <v>932</v>
      </c>
      <c r="Q200" s="499" t="s">
        <v>1490</v>
      </c>
      <c r="R200" s="499" t="s">
        <v>1491</v>
      </c>
      <c r="S200" s="499" t="s">
        <v>1492</v>
      </c>
      <c r="T200" s="499" t="s">
        <v>1493</v>
      </c>
      <c r="U200" s="499" t="s">
        <v>2042</v>
      </c>
      <c r="V200" s="946" t="str">
        <f>_xlfn.XLOOKUP(H200, [5]GIS!D:D, [5]GIS!E:E, "Not mapped")</f>
        <v>Single - Scenario 3</v>
      </c>
      <c r="W200" s="499" t="s">
        <v>1508</v>
      </c>
      <c r="X200" s="579" t="s">
        <v>1496</v>
      </c>
      <c r="Y200" s="1258" t="s">
        <v>1497</v>
      </c>
      <c r="Z200" s="1259" t="s">
        <v>1498</v>
      </c>
      <c r="AA200" s="1259" t="s">
        <v>1498</v>
      </c>
      <c r="AB200" s="1259" t="s">
        <v>1498</v>
      </c>
      <c r="AC200" s="1259" t="s">
        <v>1498</v>
      </c>
      <c r="AD200" s="1259" t="s">
        <v>1498</v>
      </c>
      <c r="AE200" s="1259" t="s">
        <v>1498</v>
      </c>
      <c r="AF200" s="1259" t="s">
        <v>1498</v>
      </c>
      <c r="AG200" s="1259" t="s">
        <v>1498</v>
      </c>
      <c r="AH200" s="1259" t="s">
        <v>1498</v>
      </c>
      <c r="AI200" s="1259" t="s">
        <v>1498</v>
      </c>
      <c r="AJ200" s="1259" t="s">
        <v>1498</v>
      </c>
      <c r="AK200" s="1259" t="s">
        <v>1498</v>
      </c>
      <c r="AL200" s="1259" t="s">
        <v>1498</v>
      </c>
      <c r="AM200" s="1259" t="s">
        <v>1498</v>
      </c>
      <c r="AN200" s="1259" t="s">
        <v>1498</v>
      </c>
      <c r="AO200" s="1259" t="s">
        <v>1498</v>
      </c>
      <c r="AP200" s="1259" t="s">
        <v>1498</v>
      </c>
      <c r="AQ200" s="1259" t="s">
        <v>1498</v>
      </c>
      <c r="AR200" s="1259" t="s">
        <v>1498</v>
      </c>
      <c r="AS200" s="1259" t="s">
        <v>1498</v>
      </c>
      <c r="AT200" s="1259" t="s">
        <v>1498</v>
      </c>
      <c r="AU200" s="1259" t="s">
        <v>1498</v>
      </c>
      <c r="AV200" s="1259" t="s">
        <v>1498</v>
      </c>
      <c r="AW200" s="1259" t="s">
        <v>1498</v>
      </c>
      <c r="AX200" s="1259" t="s">
        <v>1498</v>
      </c>
      <c r="AY200" s="1259" t="s">
        <v>1498</v>
      </c>
      <c r="AZ200" s="905" t="s">
        <v>1642</v>
      </c>
      <c r="BA200" s="499" t="s">
        <v>722</v>
      </c>
      <c r="BB200" s="953" t="s">
        <v>53</v>
      </c>
      <c r="BC200" s="980">
        <f>ROUND((VLOOKUP(H200,'[5]Cost Summary'!A:H,8,)),0.1)</f>
        <v>10441</v>
      </c>
      <c r="BD200" s="499">
        <v>2</v>
      </c>
      <c r="BE200" s="499" t="s">
        <v>2043</v>
      </c>
      <c r="BF200" s="954" t="s">
        <v>1584</v>
      </c>
      <c r="BG200" s="1261">
        <v>6783.56</v>
      </c>
      <c r="BH200" s="976" t="e">
        <f t="shared" si="219"/>
        <v>#VALUE!</v>
      </c>
      <c r="BI200" s="972" t="e">
        <f t="shared" si="220"/>
        <v>#VALUE!</v>
      </c>
      <c r="BJ200" s="972" t="e">
        <f t="shared" si="221"/>
        <v>#VALUE!</v>
      </c>
      <c r="BK200" s="972" t="e">
        <f t="shared" si="222"/>
        <v>#VALUE!</v>
      </c>
      <c r="BL200" s="972" t="e">
        <f t="shared" si="223"/>
        <v>#VALUE!</v>
      </c>
      <c r="BM200" s="972" t="e">
        <f t="shared" si="224"/>
        <v>#VALUE!</v>
      </c>
      <c r="BN200" s="972" t="e">
        <f t="shared" si="225"/>
        <v>#VALUE!</v>
      </c>
      <c r="BO200" s="972" t="e">
        <f t="shared" si="226"/>
        <v>#VALUE!</v>
      </c>
      <c r="BP200" s="972" t="e">
        <f t="shared" si="227"/>
        <v>#VALUE!</v>
      </c>
      <c r="BQ200" s="972" t="e">
        <f t="shared" si="228"/>
        <v>#VALUE!</v>
      </c>
      <c r="BR200" s="972" t="e">
        <f t="shared" si="229"/>
        <v>#VALUE!</v>
      </c>
      <c r="BS200" s="972" t="e">
        <f t="shared" si="230"/>
        <v>#VALUE!</v>
      </c>
      <c r="BT200" s="972" t="e">
        <f t="shared" si="231"/>
        <v>#VALUE!</v>
      </c>
      <c r="BU200" s="972" t="e">
        <f t="shared" si="232"/>
        <v>#VALUE!</v>
      </c>
      <c r="BV200" s="972" t="e">
        <f t="shared" si="233"/>
        <v>#VALUE!</v>
      </c>
      <c r="BW200" s="972" t="e">
        <f t="shared" si="234"/>
        <v>#VALUE!</v>
      </c>
      <c r="BX200" s="972" t="e">
        <f t="shared" si="235"/>
        <v>#VALUE!</v>
      </c>
      <c r="BY200" s="972" t="e">
        <f t="shared" si="236"/>
        <v>#VALUE!</v>
      </c>
      <c r="BZ200" s="972" t="e">
        <f t="shared" si="237"/>
        <v>#VALUE!</v>
      </c>
      <c r="CA200" s="972" t="e">
        <f t="shared" si="238"/>
        <v>#VALUE!</v>
      </c>
      <c r="CB200" s="973" t="e">
        <f t="shared" si="152"/>
        <v>#VALUE!</v>
      </c>
    </row>
    <row r="201" spans="3:80" ht="143.25" hidden="1" x14ac:dyDescent="0.25">
      <c r="C201" s="597" t="s">
        <v>66</v>
      </c>
      <c r="D201" s="597" t="s">
        <v>66</v>
      </c>
      <c r="E201" s="597"/>
      <c r="F201" s="597"/>
      <c r="G201" s="597"/>
      <c r="H201" s="499" t="s">
        <v>2051</v>
      </c>
      <c r="I201" s="499" t="s">
        <v>1265</v>
      </c>
      <c r="J201" s="499" t="s">
        <v>2052</v>
      </c>
      <c r="K201" s="499" t="s">
        <v>1521</v>
      </c>
      <c r="L201" s="499" t="s">
        <v>1521</v>
      </c>
      <c r="M201" s="499" t="s">
        <v>1488</v>
      </c>
      <c r="N201" s="499" t="s">
        <v>1489</v>
      </c>
      <c r="O201" s="499">
        <v>1</v>
      </c>
      <c r="P201" s="499" t="s">
        <v>932</v>
      </c>
      <c r="Q201" s="499" t="s">
        <v>1490</v>
      </c>
      <c r="R201" s="499" t="s">
        <v>1491</v>
      </c>
      <c r="S201" s="499" t="s">
        <v>1492</v>
      </c>
      <c r="T201" s="499" t="s">
        <v>1493</v>
      </c>
      <c r="U201" s="499" t="s">
        <v>1507</v>
      </c>
      <c r="V201" s="946" t="str">
        <f>_xlfn.XLOOKUP(H201, [5]GIS!D:D, [5]GIS!E:E, "Not mapped")</f>
        <v>Multiple - Scenario 1</v>
      </c>
      <c r="W201" s="499" t="s">
        <v>1508</v>
      </c>
      <c r="X201" s="579" t="s">
        <v>1496</v>
      </c>
      <c r="Y201" s="1258" t="s">
        <v>1497</v>
      </c>
      <c r="Z201" s="1259" t="s">
        <v>1498</v>
      </c>
      <c r="AA201" s="1259" t="s">
        <v>1498</v>
      </c>
      <c r="AB201" s="1259" t="s">
        <v>1498</v>
      </c>
      <c r="AC201" s="1259" t="s">
        <v>1498</v>
      </c>
      <c r="AD201" s="1259" t="s">
        <v>1498</v>
      </c>
      <c r="AE201" s="1259" t="s">
        <v>1498</v>
      </c>
      <c r="AF201" s="1259" t="s">
        <v>1498</v>
      </c>
      <c r="AG201" s="1259" t="s">
        <v>1498</v>
      </c>
      <c r="AH201" s="1259" t="s">
        <v>1498</v>
      </c>
      <c r="AI201" s="1259" t="s">
        <v>1498</v>
      </c>
      <c r="AJ201" s="1259" t="s">
        <v>1498</v>
      </c>
      <c r="AK201" s="1259" t="s">
        <v>1498</v>
      </c>
      <c r="AL201" s="1259" t="s">
        <v>1498</v>
      </c>
      <c r="AM201" s="1259" t="s">
        <v>1498</v>
      </c>
      <c r="AN201" s="1259" t="s">
        <v>1498</v>
      </c>
      <c r="AO201" s="1259" t="s">
        <v>1498</v>
      </c>
      <c r="AP201" s="1259" t="s">
        <v>1498</v>
      </c>
      <c r="AQ201" s="1259" t="s">
        <v>1498</v>
      </c>
      <c r="AR201" s="1259" t="s">
        <v>1498</v>
      </c>
      <c r="AS201" s="1259" t="s">
        <v>1498</v>
      </c>
      <c r="AT201" s="1259" t="s">
        <v>1498</v>
      </c>
      <c r="AU201" s="1259" t="s">
        <v>1498</v>
      </c>
      <c r="AV201" s="1259" t="s">
        <v>1498</v>
      </c>
      <c r="AW201" s="1259" t="s">
        <v>1498</v>
      </c>
      <c r="AX201" s="1259" t="s">
        <v>1498</v>
      </c>
      <c r="AY201" s="1259" t="s">
        <v>1498</v>
      </c>
      <c r="AZ201" s="905" t="s">
        <v>1642</v>
      </c>
      <c r="BA201" s="499" t="s">
        <v>722</v>
      </c>
      <c r="BB201" s="953" t="s">
        <v>53</v>
      </c>
      <c r="BC201" s="980">
        <f>ROUND((VLOOKUP(H201,'[5]Cost Summary'!A:H,8,)),0.1)</f>
        <v>3058882</v>
      </c>
      <c r="BD201" s="499">
        <v>2</v>
      </c>
      <c r="BE201" s="499" t="s">
        <v>2054</v>
      </c>
      <c r="BF201" s="954" t="s">
        <v>1584</v>
      </c>
      <c r="BG201" s="1261">
        <v>1987279.37</v>
      </c>
      <c r="BH201" s="976" t="e">
        <f t="shared" si="219"/>
        <v>#VALUE!</v>
      </c>
      <c r="BI201" s="972" t="e">
        <f t="shared" si="220"/>
        <v>#VALUE!</v>
      </c>
      <c r="BJ201" s="972" t="e">
        <f t="shared" si="221"/>
        <v>#VALUE!</v>
      </c>
      <c r="BK201" s="972" t="e">
        <f t="shared" si="222"/>
        <v>#VALUE!</v>
      </c>
      <c r="BL201" s="972" t="e">
        <f t="shared" si="223"/>
        <v>#VALUE!</v>
      </c>
      <c r="BM201" s="972" t="e">
        <f t="shared" si="224"/>
        <v>#VALUE!</v>
      </c>
      <c r="BN201" s="972" t="e">
        <f t="shared" si="225"/>
        <v>#VALUE!</v>
      </c>
      <c r="BO201" s="972" t="e">
        <f t="shared" si="226"/>
        <v>#VALUE!</v>
      </c>
      <c r="BP201" s="972" t="e">
        <f t="shared" si="227"/>
        <v>#VALUE!</v>
      </c>
      <c r="BQ201" s="972" t="e">
        <f t="shared" si="228"/>
        <v>#VALUE!</v>
      </c>
      <c r="BR201" s="972" t="e">
        <f t="shared" si="229"/>
        <v>#VALUE!</v>
      </c>
      <c r="BS201" s="972" t="e">
        <f t="shared" si="230"/>
        <v>#VALUE!</v>
      </c>
      <c r="BT201" s="972" t="e">
        <f t="shared" si="231"/>
        <v>#VALUE!</v>
      </c>
      <c r="BU201" s="972" t="e">
        <f t="shared" si="232"/>
        <v>#VALUE!</v>
      </c>
      <c r="BV201" s="972" t="e">
        <f t="shared" si="233"/>
        <v>#VALUE!</v>
      </c>
      <c r="BW201" s="972" t="e">
        <f t="shared" si="234"/>
        <v>#VALUE!</v>
      </c>
      <c r="BX201" s="972" t="e">
        <f t="shared" si="235"/>
        <v>#VALUE!</v>
      </c>
      <c r="BY201" s="972" t="e">
        <f t="shared" si="236"/>
        <v>#VALUE!</v>
      </c>
      <c r="BZ201" s="972" t="e">
        <f t="shared" si="237"/>
        <v>#VALUE!</v>
      </c>
      <c r="CA201" s="972" t="e">
        <f t="shared" si="238"/>
        <v>#VALUE!</v>
      </c>
      <c r="CB201" s="973" t="e">
        <f t="shared" ref="CB201:CB229" si="239">SUM(BH201:CA201)</f>
        <v>#VALUE!</v>
      </c>
    </row>
    <row r="202" spans="3:80" ht="43.5" hidden="1" x14ac:dyDescent="0.25">
      <c r="C202" s="597" t="s">
        <v>66</v>
      </c>
      <c r="D202" s="597" t="s">
        <v>66</v>
      </c>
      <c r="E202" s="597"/>
      <c r="F202" s="597"/>
      <c r="G202" s="597"/>
      <c r="H202" s="499" t="s">
        <v>2055</v>
      </c>
      <c r="I202" s="499" t="s">
        <v>1267</v>
      </c>
      <c r="J202" s="499" t="s">
        <v>1268</v>
      </c>
      <c r="K202" s="499">
        <v>51.778114299999999</v>
      </c>
      <c r="L202" s="499">
        <v>-0.44952082199999999</v>
      </c>
      <c r="M202" s="499" t="s">
        <v>1488</v>
      </c>
      <c r="N202" s="499" t="s">
        <v>1489</v>
      </c>
      <c r="O202" s="499">
        <v>1</v>
      </c>
      <c r="P202" s="499" t="s">
        <v>932</v>
      </c>
      <c r="Q202" s="499" t="s">
        <v>1490</v>
      </c>
      <c r="R202" s="499" t="s">
        <v>1491</v>
      </c>
      <c r="S202" s="499" t="s">
        <v>1492</v>
      </c>
      <c r="T202" s="499" t="s">
        <v>1493</v>
      </c>
      <c r="U202" s="499" t="s">
        <v>1507</v>
      </c>
      <c r="V202" s="946" t="str">
        <f>_xlfn.XLOOKUP(H202, [5]GIS!D:D, [5]GIS!E:E, "Not mapped")</f>
        <v>Single - Scenario 3</v>
      </c>
      <c r="W202" s="499" t="s">
        <v>1508</v>
      </c>
      <c r="X202" s="579" t="s">
        <v>1496</v>
      </c>
      <c r="Y202" s="1258" t="s">
        <v>1497</v>
      </c>
      <c r="Z202" s="1259" t="s">
        <v>1498</v>
      </c>
      <c r="AA202" s="1259" t="s">
        <v>1498</v>
      </c>
      <c r="AB202" s="1259" t="s">
        <v>1498</v>
      </c>
      <c r="AC202" s="1259" t="s">
        <v>1498</v>
      </c>
      <c r="AD202" s="1259" t="s">
        <v>1498</v>
      </c>
      <c r="AE202" s="1259" t="s">
        <v>1498</v>
      </c>
      <c r="AF202" s="1259" t="s">
        <v>1498</v>
      </c>
      <c r="AG202" s="1259" t="s">
        <v>1498</v>
      </c>
      <c r="AH202" s="1259" t="s">
        <v>1498</v>
      </c>
      <c r="AI202" s="1259" t="s">
        <v>1498</v>
      </c>
      <c r="AJ202" s="1259" t="s">
        <v>1498</v>
      </c>
      <c r="AK202" s="1259" t="s">
        <v>1498</v>
      </c>
      <c r="AL202" s="1259" t="s">
        <v>1498</v>
      </c>
      <c r="AM202" s="1259" t="s">
        <v>1498</v>
      </c>
      <c r="AN202" s="1259" t="s">
        <v>1498</v>
      </c>
      <c r="AO202" s="1259" t="s">
        <v>1498</v>
      </c>
      <c r="AP202" s="1259" t="s">
        <v>1498</v>
      </c>
      <c r="AQ202" s="1259" t="s">
        <v>1498</v>
      </c>
      <c r="AR202" s="1259" t="s">
        <v>1498</v>
      </c>
      <c r="AS202" s="1259" t="s">
        <v>1498</v>
      </c>
      <c r="AT202" s="1259" t="s">
        <v>1498</v>
      </c>
      <c r="AU202" s="1259" t="s">
        <v>1498</v>
      </c>
      <c r="AV202" s="1259" t="s">
        <v>1498</v>
      </c>
      <c r="AW202" s="1259" t="s">
        <v>1498</v>
      </c>
      <c r="AX202" s="1259" t="s">
        <v>1498</v>
      </c>
      <c r="AY202" s="1259" t="s">
        <v>1498</v>
      </c>
      <c r="AZ202" s="905" t="s">
        <v>1642</v>
      </c>
      <c r="BA202" s="499" t="s">
        <v>722</v>
      </c>
      <c r="BB202" s="953" t="s">
        <v>53</v>
      </c>
      <c r="BC202" s="980">
        <f>ROUND((VLOOKUP(H202,'[5]Cost Summary'!A:H,8,)),0.1)</f>
        <v>199337</v>
      </c>
      <c r="BD202" s="499">
        <v>0</v>
      </c>
      <c r="BE202" s="499" t="s">
        <v>1500</v>
      </c>
      <c r="BF202" s="954" t="s">
        <v>1584</v>
      </c>
      <c r="BG202" s="1261">
        <v>129504.38</v>
      </c>
      <c r="BH202" s="976" t="e">
        <f t="shared" si="219"/>
        <v>#VALUE!</v>
      </c>
      <c r="BI202" s="972" t="e">
        <f t="shared" si="220"/>
        <v>#VALUE!</v>
      </c>
      <c r="BJ202" s="972" t="e">
        <f t="shared" si="221"/>
        <v>#VALUE!</v>
      </c>
      <c r="BK202" s="972" t="e">
        <f t="shared" si="222"/>
        <v>#VALUE!</v>
      </c>
      <c r="BL202" s="972" t="e">
        <f t="shared" si="223"/>
        <v>#VALUE!</v>
      </c>
      <c r="BM202" s="972" t="e">
        <f t="shared" si="224"/>
        <v>#VALUE!</v>
      </c>
      <c r="BN202" s="972" t="e">
        <f t="shared" si="225"/>
        <v>#VALUE!</v>
      </c>
      <c r="BO202" s="972" t="e">
        <f t="shared" si="226"/>
        <v>#VALUE!</v>
      </c>
      <c r="BP202" s="972" t="e">
        <f t="shared" si="227"/>
        <v>#VALUE!</v>
      </c>
      <c r="BQ202" s="972" t="e">
        <f t="shared" si="228"/>
        <v>#VALUE!</v>
      </c>
      <c r="BR202" s="972" t="e">
        <f t="shared" si="229"/>
        <v>#VALUE!</v>
      </c>
      <c r="BS202" s="972" t="e">
        <f t="shared" si="230"/>
        <v>#VALUE!</v>
      </c>
      <c r="BT202" s="972" t="e">
        <f t="shared" si="231"/>
        <v>#VALUE!</v>
      </c>
      <c r="BU202" s="972" t="e">
        <f t="shared" si="232"/>
        <v>#VALUE!</v>
      </c>
      <c r="BV202" s="972" t="e">
        <f t="shared" si="233"/>
        <v>#VALUE!</v>
      </c>
      <c r="BW202" s="972" t="e">
        <f t="shared" si="234"/>
        <v>#VALUE!</v>
      </c>
      <c r="BX202" s="972" t="e">
        <f t="shared" si="235"/>
        <v>#VALUE!</v>
      </c>
      <c r="BY202" s="972" t="e">
        <f t="shared" si="236"/>
        <v>#VALUE!</v>
      </c>
      <c r="BZ202" s="972" t="e">
        <f t="shared" si="237"/>
        <v>#VALUE!</v>
      </c>
      <c r="CA202" s="972" t="e">
        <f t="shared" si="238"/>
        <v>#VALUE!</v>
      </c>
      <c r="CB202" s="973" t="e">
        <f t="shared" si="239"/>
        <v>#VALUE!</v>
      </c>
    </row>
    <row r="203" spans="3:80" ht="199.15" hidden="1" customHeight="1" x14ac:dyDescent="0.25">
      <c r="C203" s="597" t="s">
        <v>66</v>
      </c>
      <c r="D203" s="597" t="s">
        <v>66</v>
      </c>
      <c r="E203" s="597"/>
      <c r="F203" s="597"/>
      <c r="G203" s="597"/>
      <c r="H203" s="499" t="s">
        <v>2057</v>
      </c>
      <c r="I203" s="499" t="s">
        <v>1269</v>
      </c>
      <c r="J203" s="499" t="s">
        <v>1270</v>
      </c>
      <c r="K203" s="499" t="s">
        <v>1521</v>
      </c>
      <c r="L203" s="499" t="s">
        <v>1521</v>
      </c>
      <c r="M203" s="499" t="s">
        <v>1488</v>
      </c>
      <c r="N203" s="499" t="s">
        <v>1489</v>
      </c>
      <c r="O203" s="499">
        <v>1</v>
      </c>
      <c r="P203" s="499" t="s">
        <v>932</v>
      </c>
      <c r="Q203" s="499" t="s">
        <v>1490</v>
      </c>
      <c r="R203" s="499" t="s">
        <v>1491</v>
      </c>
      <c r="S203" s="499" t="s">
        <v>1492</v>
      </c>
      <c r="T203" s="499" t="s">
        <v>1493</v>
      </c>
      <c r="U203" s="499" t="s">
        <v>1507</v>
      </c>
      <c r="V203" s="946" t="str">
        <f>_xlfn.XLOOKUP(H203, [5]GIS!D:D, [5]GIS!E:E, "Not mapped")</f>
        <v>Single - Scenario 2</v>
      </c>
      <c r="W203" s="499" t="s">
        <v>1508</v>
      </c>
      <c r="X203" s="579" t="s">
        <v>1496</v>
      </c>
      <c r="Y203" s="1258" t="s">
        <v>1497</v>
      </c>
      <c r="Z203" s="1259" t="s">
        <v>1498</v>
      </c>
      <c r="AA203" s="1259" t="s">
        <v>1498</v>
      </c>
      <c r="AB203" s="1259" t="s">
        <v>1498</v>
      </c>
      <c r="AC203" s="1259" t="s">
        <v>1498</v>
      </c>
      <c r="AD203" s="1259" t="s">
        <v>1498</v>
      </c>
      <c r="AE203" s="1259" t="s">
        <v>1498</v>
      </c>
      <c r="AF203" s="1259" t="s">
        <v>1498</v>
      </c>
      <c r="AG203" s="1259" t="s">
        <v>1498</v>
      </c>
      <c r="AH203" s="1259" t="s">
        <v>1498</v>
      </c>
      <c r="AI203" s="1259" t="s">
        <v>1498</v>
      </c>
      <c r="AJ203" s="1259" t="s">
        <v>1498</v>
      </c>
      <c r="AK203" s="1259" t="s">
        <v>1498</v>
      </c>
      <c r="AL203" s="1259" t="s">
        <v>1498</v>
      </c>
      <c r="AM203" s="1259" t="s">
        <v>1498</v>
      </c>
      <c r="AN203" s="1259" t="s">
        <v>1498</v>
      </c>
      <c r="AO203" s="1259" t="s">
        <v>1498</v>
      </c>
      <c r="AP203" s="1259" t="s">
        <v>1498</v>
      </c>
      <c r="AQ203" s="1259" t="s">
        <v>1498</v>
      </c>
      <c r="AR203" s="1259" t="s">
        <v>1498</v>
      </c>
      <c r="AS203" s="1259" t="s">
        <v>1498</v>
      </c>
      <c r="AT203" s="1259" t="s">
        <v>1498</v>
      </c>
      <c r="AU203" s="1259" t="s">
        <v>1498</v>
      </c>
      <c r="AV203" s="1259" t="s">
        <v>1498</v>
      </c>
      <c r="AW203" s="1259" t="s">
        <v>1498</v>
      </c>
      <c r="AX203" s="1259" t="s">
        <v>1498</v>
      </c>
      <c r="AY203" s="1259" t="s">
        <v>1498</v>
      </c>
      <c r="AZ203" s="905" t="s">
        <v>1642</v>
      </c>
      <c r="BA203" s="499" t="s">
        <v>722</v>
      </c>
      <c r="BB203" s="953" t="s">
        <v>53</v>
      </c>
      <c r="BC203" s="980">
        <f>ROUND((VLOOKUP(H203,'[5]Cost Summary'!A:H,8,)),0.1)</f>
        <v>547386</v>
      </c>
      <c r="BD203" s="499">
        <v>0</v>
      </c>
      <c r="BE203" s="499" t="s">
        <v>1500</v>
      </c>
      <c r="BF203" s="954" t="s">
        <v>2058</v>
      </c>
      <c r="BG203" s="1261">
        <v>781137.5</v>
      </c>
      <c r="BH203" s="976" t="e">
        <f t="shared" si="219"/>
        <v>#VALUE!</v>
      </c>
      <c r="BI203" s="972" t="e">
        <f t="shared" si="220"/>
        <v>#VALUE!</v>
      </c>
      <c r="BJ203" s="972" t="e">
        <f t="shared" si="221"/>
        <v>#VALUE!</v>
      </c>
      <c r="BK203" s="972" t="e">
        <f t="shared" si="222"/>
        <v>#VALUE!</v>
      </c>
      <c r="BL203" s="972" t="e">
        <f t="shared" si="223"/>
        <v>#VALUE!</v>
      </c>
      <c r="BM203" s="972" t="e">
        <f t="shared" si="224"/>
        <v>#VALUE!</v>
      </c>
      <c r="BN203" s="972" t="e">
        <f t="shared" si="225"/>
        <v>#VALUE!</v>
      </c>
      <c r="BO203" s="972" t="e">
        <f t="shared" si="226"/>
        <v>#VALUE!</v>
      </c>
      <c r="BP203" s="972" t="e">
        <f t="shared" si="227"/>
        <v>#VALUE!</v>
      </c>
      <c r="BQ203" s="972" t="e">
        <f t="shared" si="228"/>
        <v>#VALUE!</v>
      </c>
      <c r="BR203" s="972" t="e">
        <f t="shared" si="229"/>
        <v>#VALUE!</v>
      </c>
      <c r="BS203" s="972" t="e">
        <f t="shared" si="230"/>
        <v>#VALUE!</v>
      </c>
      <c r="BT203" s="972" t="e">
        <f t="shared" si="231"/>
        <v>#VALUE!</v>
      </c>
      <c r="BU203" s="972" t="e">
        <f t="shared" si="232"/>
        <v>#VALUE!</v>
      </c>
      <c r="BV203" s="972" t="e">
        <f t="shared" si="233"/>
        <v>#VALUE!</v>
      </c>
      <c r="BW203" s="972" t="e">
        <f t="shared" si="234"/>
        <v>#VALUE!</v>
      </c>
      <c r="BX203" s="972" t="e">
        <f t="shared" si="235"/>
        <v>#VALUE!</v>
      </c>
      <c r="BY203" s="972" t="e">
        <f t="shared" si="236"/>
        <v>#VALUE!</v>
      </c>
      <c r="BZ203" s="972" t="e">
        <f t="shared" si="237"/>
        <v>#VALUE!</v>
      </c>
      <c r="CA203" s="972" t="e">
        <f t="shared" si="238"/>
        <v>#VALUE!</v>
      </c>
      <c r="CB203" s="973" t="e">
        <f t="shared" si="239"/>
        <v>#VALUE!</v>
      </c>
    </row>
    <row r="204" spans="3:80" ht="93.6" hidden="1" customHeight="1" x14ac:dyDescent="0.25">
      <c r="C204" s="597" t="s">
        <v>66</v>
      </c>
      <c r="D204" s="597" t="s">
        <v>66</v>
      </c>
      <c r="E204" s="597"/>
      <c r="F204" s="597"/>
      <c r="G204" s="597"/>
      <c r="H204" s="499" t="s">
        <v>2059</v>
      </c>
      <c r="I204" s="499" t="s">
        <v>1271</v>
      </c>
      <c r="J204" s="499" t="s">
        <v>1272</v>
      </c>
      <c r="K204" s="499" t="s">
        <v>1521</v>
      </c>
      <c r="L204" s="499" t="s">
        <v>1521</v>
      </c>
      <c r="M204" s="499" t="s">
        <v>1488</v>
      </c>
      <c r="N204" s="499" t="s">
        <v>1489</v>
      </c>
      <c r="O204" s="499">
        <v>2</v>
      </c>
      <c r="P204" s="499" t="s">
        <v>932</v>
      </c>
      <c r="Q204" s="499" t="s">
        <v>1490</v>
      </c>
      <c r="R204" s="499" t="s">
        <v>1491</v>
      </c>
      <c r="S204" s="499" t="s">
        <v>1492</v>
      </c>
      <c r="T204" s="499" t="s">
        <v>1493</v>
      </c>
      <c r="U204" s="499" t="s">
        <v>1507</v>
      </c>
      <c r="V204" s="946" t="str">
        <f>_xlfn.XLOOKUP(H204, [5]GIS!D:D, [5]GIS!E:E, "Not mapped")</f>
        <v>Single - Scenario 2</v>
      </c>
      <c r="W204" s="499" t="s">
        <v>1508</v>
      </c>
      <c r="X204" s="579" t="s">
        <v>1496</v>
      </c>
      <c r="Y204" s="1258" t="s">
        <v>1497</v>
      </c>
      <c r="Z204" s="1259" t="s">
        <v>1498</v>
      </c>
      <c r="AA204" s="1259" t="s">
        <v>1498</v>
      </c>
      <c r="AB204" s="1259" t="s">
        <v>1498</v>
      </c>
      <c r="AC204" s="1259" t="s">
        <v>1498</v>
      </c>
      <c r="AD204" s="1259" t="s">
        <v>1498</v>
      </c>
      <c r="AE204" s="1259" t="s">
        <v>1498</v>
      </c>
      <c r="AF204" s="1259" t="s">
        <v>1498</v>
      </c>
      <c r="AG204" s="1259" t="s">
        <v>1498</v>
      </c>
      <c r="AH204" s="1259" t="s">
        <v>1498</v>
      </c>
      <c r="AI204" s="1259" t="s">
        <v>1498</v>
      </c>
      <c r="AJ204" s="1259" t="s">
        <v>1498</v>
      </c>
      <c r="AK204" s="1259" t="s">
        <v>1498</v>
      </c>
      <c r="AL204" s="1259" t="s">
        <v>1498</v>
      </c>
      <c r="AM204" s="1259" t="s">
        <v>1498</v>
      </c>
      <c r="AN204" s="1259" t="s">
        <v>1498</v>
      </c>
      <c r="AO204" s="1259" t="s">
        <v>1498</v>
      </c>
      <c r="AP204" s="1259" t="s">
        <v>1498</v>
      </c>
      <c r="AQ204" s="1259" t="s">
        <v>1498</v>
      </c>
      <c r="AR204" s="1259" t="s">
        <v>1498</v>
      </c>
      <c r="AS204" s="1259" t="s">
        <v>1498</v>
      </c>
      <c r="AT204" s="1259" t="s">
        <v>1498</v>
      </c>
      <c r="AU204" s="1259" t="s">
        <v>1498</v>
      </c>
      <c r="AV204" s="1259" t="s">
        <v>1498</v>
      </c>
      <c r="AW204" s="1259" t="s">
        <v>1498</v>
      </c>
      <c r="AX204" s="1259" t="s">
        <v>1498</v>
      </c>
      <c r="AY204" s="1259" t="s">
        <v>1498</v>
      </c>
      <c r="AZ204" s="905" t="s">
        <v>1642</v>
      </c>
      <c r="BA204" s="499" t="s">
        <v>722</v>
      </c>
      <c r="BB204" s="953" t="s">
        <v>53</v>
      </c>
      <c r="BC204" s="980">
        <f>ROUND((VLOOKUP(H204,'[5]Cost Summary'!A:H,8,)),0.1)</f>
        <v>785325</v>
      </c>
      <c r="BD204" s="499">
        <v>1</v>
      </c>
      <c r="BE204" s="499">
        <v>1</v>
      </c>
      <c r="BF204" s="954" t="s">
        <v>2058</v>
      </c>
      <c r="BG204" s="1261">
        <v>279873.34000000003</v>
      </c>
      <c r="BH204" s="976" t="e">
        <f t="shared" si="219"/>
        <v>#VALUE!</v>
      </c>
      <c r="BI204" s="972" t="e">
        <f t="shared" si="220"/>
        <v>#VALUE!</v>
      </c>
      <c r="BJ204" s="972" t="e">
        <f t="shared" si="221"/>
        <v>#VALUE!</v>
      </c>
      <c r="BK204" s="972" t="e">
        <f t="shared" si="222"/>
        <v>#VALUE!</v>
      </c>
      <c r="BL204" s="972" t="e">
        <f t="shared" si="223"/>
        <v>#VALUE!</v>
      </c>
      <c r="BM204" s="972" t="e">
        <f t="shared" si="224"/>
        <v>#VALUE!</v>
      </c>
      <c r="BN204" s="972" t="e">
        <f t="shared" si="225"/>
        <v>#VALUE!</v>
      </c>
      <c r="BO204" s="972" t="e">
        <f t="shared" si="226"/>
        <v>#VALUE!</v>
      </c>
      <c r="BP204" s="972" t="e">
        <f t="shared" si="227"/>
        <v>#VALUE!</v>
      </c>
      <c r="BQ204" s="972" t="e">
        <f t="shared" si="228"/>
        <v>#VALUE!</v>
      </c>
      <c r="BR204" s="972" t="e">
        <f t="shared" si="229"/>
        <v>#VALUE!</v>
      </c>
      <c r="BS204" s="972" t="e">
        <f t="shared" si="230"/>
        <v>#VALUE!</v>
      </c>
      <c r="BT204" s="972" t="e">
        <f t="shared" si="231"/>
        <v>#VALUE!</v>
      </c>
      <c r="BU204" s="972" t="e">
        <f t="shared" si="232"/>
        <v>#VALUE!</v>
      </c>
      <c r="BV204" s="972" t="e">
        <f t="shared" si="233"/>
        <v>#VALUE!</v>
      </c>
      <c r="BW204" s="972" t="e">
        <f t="shared" si="234"/>
        <v>#VALUE!</v>
      </c>
      <c r="BX204" s="972" t="e">
        <f t="shared" si="235"/>
        <v>#VALUE!</v>
      </c>
      <c r="BY204" s="972" t="e">
        <f t="shared" si="236"/>
        <v>#VALUE!</v>
      </c>
      <c r="BZ204" s="972" t="e">
        <f t="shared" si="237"/>
        <v>#VALUE!</v>
      </c>
      <c r="CA204" s="972" t="e">
        <f t="shared" si="238"/>
        <v>#VALUE!</v>
      </c>
      <c r="CB204" s="973" t="e">
        <f t="shared" si="239"/>
        <v>#VALUE!</v>
      </c>
    </row>
    <row r="205" spans="3:80" ht="88.15" hidden="1" customHeight="1" x14ac:dyDescent="0.25">
      <c r="C205" s="597"/>
      <c r="D205" s="597"/>
      <c r="E205" s="597"/>
      <c r="F205" s="597"/>
      <c r="G205" s="597"/>
      <c r="H205" s="499" t="s">
        <v>1686</v>
      </c>
      <c r="I205" s="499" t="s">
        <v>933</v>
      </c>
      <c r="J205" s="499" t="s">
        <v>934</v>
      </c>
      <c r="K205" s="499">
        <v>51.763587280000003</v>
      </c>
      <c r="L205" s="499">
        <v>-0.50515975700000004</v>
      </c>
      <c r="M205" s="499" t="s">
        <v>1488</v>
      </c>
      <c r="N205" s="499" t="s">
        <v>1489</v>
      </c>
      <c r="O205" s="499">
        <v>1</v>
      </c>
      <c r="P205" s="499" t="s">
        <v>932</v>
      </c>
      <c r="Q205" s="499" t="s">
        <v>1490</v>
      </c>
      <c r="R205" s="499" t="s">
        <v>1491</v>
      </c>
      <c r="S205" s="499" t="s">
        <v>1492</v>
      </c>
      <c r="T205" s="499" t="s">
        <v>1493</v>
      </c>
      <c r="U205" s="499" t="s">
        <v>1610</v>
      </c>
      <c r="V205" s="946" t="str">
        <f>_xlfn.XLOOKUP(H205, [5]GIS!D:D, [5]GIS!E:E, "Not mapped")</f>
        <v>Single - Scenario 2</v>
      </c>
      <c r="W205" s="499" t="s">
        <v>1542</v>
      </c>
      <c r="X205" s="956" t="s">
        <v>1667</v>
      </c>
      <c r="Y205" s="956" t="s">
        <v>27</v>
      </c>
      <c r="Z205" s="1259" t="s">
        <v>1498</v>
      </c>
      <c r="AA205" s="1259" t="s">
        <v>1498</v>
      </c>
      <c r="AB205" s="1259" t="s">
        <v>1498</v>
      </c>
      <c r="AC205" s="1259" t="s">
        <v>1498</v>
      </c>
      <c r="AD205" s="1259" t="s">
        <v>1498</v>
      </c>
      <c r="AE205" s="1259" t="s">
        <v>1498</v>
      </c>
      <c r="AF205" s="1259" t="s">
        <v>1498</v>
      </c>
      <c r="AG205" s="1259" t="s">
        <v>1498</v>
      </c>
      <c r="AH205" s="1259" t="s">
        <v>1498</v>
      </c>
      <c r="AI205" s="1259" t="s">
        <v>1498</v>
      </c>
      <c r="AJ205" s="1259" t="s">
        <v>1498</v>
      </c>
      <c r="AK205" s="1259" t="s">
        <v>1498</v>
      </c>
      <c r="AL205" s="1259" t="s">
        <v>1498</v>
      </c>
      <c r="AM205" s="1259" t="s">
        <v>1498</v>
      </c>
      <c r="AN205" s="1259" t="s">
        <v>1498</v>
      </c>
      <c r="AO205" s="1259" t="s">
        <v>1498</v>
      </c>
      <c r="AP205" s="1259" t="s">
        <v>1498</v>
      </c>
      <c r="AQ205" s="1259" t="s">
        <v>1498</v>
      </c>
      <c r="AR205" s="1259" t="s">
        <v>1498</v>
      </c>
      <c r="AS205" s="1259"/>
      <c r="AT205" s="1259" t="s">
        <v>1498</v>
      </c>
      <c r="AU205" s="1259" t="s">
        <v>1498</v>
      </c>
      <c r="AV205" s="1259" t="s">
        <v>1498</v>
      </c>
      <c r="AW205" s="1259" t="s">
        <v>1498</v>
      </c>
      <c r="AX205" s="1259" t="s">
        <v>1498</v>
      </c>
      <c r="AY205" s="1259" t="s">
        <v>1498</v>
      </c>
      <c r="AZ205" s="905" t="s">
        <v>1678</v>
      </c>
      <c r="BA205" s="499" t="s">
        <v>834</v>
      </c>
      <c r="BB205" s="953" t="s">
        <v>53</v>
      </c>
      <c r="BC205" s="980">
        <f>ROUND((VLOOKUP(H205,'[5]Cost Summary'!A:H,8,)),0.1)</f>
        <v>34245</v>
      </c>
      <c r="BD205" s="499">
        <v>0</v>
      </c>
      <c r="BE205" s="499" t="s">
        <v>1500</v>
      </c>
      <c r="BF205" s="954" t="s">
        <v>1584</v>
      </c>
      <c r="BG205" s="1261">
        <v>22248.03</v>
      </c>
      <c r="BH205" s="976" t="e">
        <f t="shared" si="219"/>
        <v>#VALUE!</v>
      </c>
      <c r="BI205" s="972" t="e">
        <f t="shared" si="220"/>
        <v>#VALUE!</v>
      </c>
      <c r="BJ205" s="972" t="e">
        <f t="shared" si="221"/>
        <v>#VALUE!</v>
      </c>
      <c r="BK205" s="972" t="e">
        <f t="shared" si="222"/>
        <v>#VALUE!</v>
      </c>
      <c r="BL205" s="972" t="e">
        <f t="shared" si="223"/>
        <v>#VALUE!</v>
      </c>
      <c r="BM205" s="972" t="e">
        <f t="shared" si="224"/>
        <v>#VALUE!</v>
      </c>
      <c r="BN205" s="972" t="e">
        <f t="shared" si="225"/>
        <v>#VALUE!</v>
      </c>
      <c r="BO205" s="972" t="e">
        <f t="shared" si="226"/>
        <v>#VALUE!</v>
      </c>
      <c r="BP205" s="972" t="e">
        <f t="shared" si="227"/>
        <v>#VALUE!</v>
      </c>
      <c r="BQ205" s="972" t="e">
        <f t="shared" si="228"/>
        <v>#VALUE!</v>
      </c>
      <c r="BR205" s="972" t="e">
        <f t="shared" si="229"/>
        <v>#VALUE!</v>
      </c>
      <c r="BS205" s="972" t="e">
        <f t="shared" si="230"/>
        <v>#VALUE!</v>
      </c>
      <c r="BT205" s="972" t="e">
        <f t="shared" si="231"/>
        <v>#VALUE!</v>
      </c>
      <c r="BU205" s="972" t="e">
        <f t="shared" si="232"/>
        <v>#VALUE!</v>
      </c>
      <c r="BV205" s="972" t="e">
        <f t="shared" si="233"/>
        <v>#VALUE!</v>
      </c>
      <c r="BW205" s="972" t="e">
        <f t="shared" si="234"/>
        <v>#VALUE!</v>
      </c>
      <c r="BX205" s="972" t="e">
        <f t="shared" si="235"/>
        <v>#VALUE!</v>
      </c>
      <c r="BY205" s="972" t="e">
        <f t="shared" si="236"/>
        <v>#VALUE!</v>
      </c>
      <c r="BZ205" s="972" t="e">
        <f t="shared" si="237"/>
        <v>#VALUE!</v>
      </c>
      <c r="CA205" s="972" t="e">
        <f t="shared" si="238"/>
        <v>#VALUE!</v>
      </c>
      <c r="CB205" s="973" t="e">
        <f t="shared" si="239"/>
        <v>#VALUE!</v>
      </c>
    </row>
    <row r="206" spans="3:80" ht="57" hidden="1" customHeight="1" x14ac:dyDescent="0.25">
      <c r="C206" s="597"/>
      <c r="D206" s="597"/>
      <c r="E206" s="597"/>
      <c r="F206" s="597"/>
      <c r="G206" s="597"/>
      <c r="H206" s="499" t="s">
        <v>1917</v>
      </c>
      <c r="I206" s="499" t="s">
        <v>940</v>
      </c>
      <c r="J206" s="499" t="s">
        <v>941</v>
      </c>
      <c r="K206" s="499">
        <v>51.777509289999998</v>
      </c>
      <c r="L206" s="499">
        <v>-0.43040897900000002</v>
      </c>
      <c r="M206" s="499" t="s">
        <v>1522</v>
      </c>
      <c r="N206" s="499" t="s">
        <v>1489</v>
      </c>
      <c r="O206" s="499">
        <v>1</v>
      </c>
      <c r="P206" s="499" t="s">
        <v>932</v>
      </c>
      <c r="Q206" s="499" t="s">
        <v>1490</v>
      </c>
      <c r="R206" s="499" t="s">
        <v>1491</v>
      </c>
      <c r="S206" s="499" t="s">
        <v>1492</v>
      </c>
      <c r="T206" s="499" t="s">
        <v>1493</v>
      </c>
      <c r="U206" s="499" t="s">
        <v>1511</v>
      </c>
      <c r="V206" s="946" t="str">
        <f>_xlfn.XLOOKUP(H206, [5]GIS!D:D, [5]GIS!E:E, "Not mapped")</f>
        <v>Single - Scenario 2</v>
      </c>
      <c r="W206" s="499" t="s">
        <v>1542</v>
      </c>
      <c r="X206" s="986" t="s">
        <v>1653</v>
      </c>
      <c r="Y206" s="986" t="s">
        <v>1918</v>
      </c>
      <c r="Z206" s="1259" t="s">
        <v>1498</v>
      </c>
      <c r="AA206" s="1259" t="s">
        <v>1498</v>
      </c>
      <c r="AB206" s="1259" t="s">
        <v>1498</v>
      </c>
      <c r="AC206" s="1259" t="s">
        <v>1498</v>
      </c>
      <c r="AD206" s="1259" t="s">
        <v>1498</v>
      </c>
      <c r="AE206" s="1259" t="s">
        <v>1498</v>
      </c>
      <c r="AF206" s="1259" t="s">
        <v>1498</v>
      </c>
      <c r="AG206" s="1259" t="s">
        <v>1498</v>
      </c>
      <c r="AH206" s="1259" t="s">
        <v>1498</v>
      </c>
      <c r="AI206" s="1259" t="s">
        <v>1498</v>
      </c>
      <c r="AJ206" s="1259" t="s">
        <v>1498</v>
      </c>
      <c r="AK206" s="1259" t="s">
        <v>1498</v>
      </c>
      <c r="AL206" s="1259" t="s">
        <v>1498</v>
      </c>
      <c r="AM206" s="1259" t="s">
        <v>1498</v>
      </c>
      <c r="AN206" s="1259" t="s">
        <v>1498</v>
      </c>
      <c r="AO206" s="1259" t="s">
        <v>1498</v>
      </c>
      <c r="AP206" s="1259" t="s">
        <v>1498</v>
      </c>
      <c r="AQ206" s="1259" t="s">
        <v>1498</v>
      </c>
      <c r="AR206" s="1259" t="s">
        <v>1498</v>
      </c>
      <c r="AS206" s="1259"/>
      <c r="AT206" s="1259" t="s">
        <v>1498</v>
      </c>
      <c r="AU206" s="1259" t="s">
        <v>1498</v>
      </c>
      <c r="AV206" s="1259" t="s">
        <v>1498</v>
      </c>
      <c r="AW206" s="1259" t="s">
        <v>1498</v>
      </c>
      <c r="AX206" s="1259" t="s">
        <v>1498</v>
      </c>
      <c r="AY206" s="1259" t="s">
        <v>1498</v>
      </c>
      <c r="AZ206" s="905" t="s">
        <v>1683</v>
      </c>
      <c r="BA206" s="499" t="s">
        <v>834</v>
      </c>
      <c r="BB206" s="953" t="s">
        <v>869</v>
      </c>
      <c r="BC206" s="980">
        <f>ROUND((VLOOKUP(H206,'[5]Cost Summary'!A:H,8,)),0.1)</f>
        <v>34245</v>
      </c>
      <c r="BD206" s="499">
        <v>1</v>
      </c>
      <c r="BE206" s="499">
        <v>2</v>
      </c>
      <c r="BF206" s="954" t="s">
        <v>1584</v>
      </c>
      <c r="BG206" s="1261">
        <v>22248.03</v>
      </c>
      <c r="BH206" s="976" t="e">
        <f t="shared" si="219"/>
        <v>#VALUE!</v>
      </c>
      <c r="BI206" s="972" t="e">
        <f t="shared" si="220"/>
        <v>#VALUE!</v>
      </c>
      <c r="BJ206" s="972" t="e">
        <f t="shared" si="221"/>
        <v>#VALUE!</v>
      </c>
      <c r="BK206" s="972" t="e">
        <f t="shared" si="222"/>
        <v>#VALUE!</v>
      </c>
      <c r="BL206" s="972" t="e">
        <f t="shared" si="223"/>
        <v>#VALUE!</v>
      </c>
      <c r="BM206" s="972" t="e">
        <f t="shared" si="224"/>
        <v>#VALUE!</v>
      </c>
      <c r="BN206" s="972" t="e">
        <f t="shared" si="225"/>
        <v>#VALUE!</v>
      </c>
      <c r="BO206" s="972" t="e">
        <f t="shared" si="226"/>
        <v>#VALUE!</v>
      </c>
      <c r="BP206" s="972" t="e">
        <f t="shared" si="227"/>
        <v>#VALUE!</v>
      </c>
      <c r="BQ206" s="972" t="e">
        <f t="shared" si="228"/>
        <v>#VALUE!</v>
      </c>
      <c r="BR206" s="972" t="e">
        <f t="shared" si="229"/>
        <v>#VALUE!</v>
      </c>
      <c r="BS206" s="972" t="e">
        <f t="shared" si="230"/>
        <v>#VALUE!</v>
      </c>
      <c r="BT206" s="972" t="e">
        <f t="shared" si="231"/>
        <v>#VALUE!</v>
      </c>
      <c r="BU206" s="972" t="e">
        <f t="shared" si="232"/>
        <v>#VALUE!</v>
      </c>
      <c r="BV206" s="972" t="e">
        <f t="shared" si="233"/>
        <v>#VALUE!</v>
      </c>
      <c r="BW206" s="972" t="e">
        <f t="shared" si="234"/>
        <v>#VALUE!</v>
      </c>
      <c r="BX206" s="972" t="e">
        <f t="shared" si="235"/>
        <v>#VALUE!</v>
      </c>
      <c r="BY206" s="972" t="e">
        <f t="shared" si="236"/>
        <v>#VALUE!</v>
      </c>
      <c r="BZ206" s="972" t="e">
        <f t="shared" si="237"/>
        <v>#VALUE!</v>
      </c>
      <c r="CA206" s="972" t="e">
        <f t="shared" si="238"/>
        <v>#VALUE!</v>
      </c>
      <c r="CB206" s="973" t="e">
        <f t="shared" si="239"/>
        <v>#VALUE!</v>
      </c>
    </row>
    <row r="207" spans="3:80" ht="108" hidden="1" customHeight="1" x14ac:dyDescent="0.25">
      <c r="C207" s="597"/>
      <c r="D207" s="597" t="s">
        <v>66</v>
      </c>
      <c r="E207" s="597"/>
      <c r="F207" s="597"/>
      <c r="G207" s="597"/>
      <c r="H207" s="499" t="s">
        <v>2063</v>
      </c>
      <c r="I207" s="499" t="s">
        <v>1277</v>
      </c>
      <c r="J207" s="499" t="s">
        <v>2064</v>
      </c>
      <c r="K207" s="499" t="s">
        <v>1521</v>
      </c>
      <c r="L207" s="499" t="s">
        <v>1521</v>
      </c>
      <c r="M207" s="499" t="s">
        <v>1488</v>
      </c>
      <c r="N207" s="499" t="s">
        <v>1489</v>
      </c>
      <c r="O207" s="499">
        <v>1</v>
      </c>
      <c r="P207" s="499" t="s">
        <v>932</v>
      </c>
      <c r="Q207" s="499" t="s">
        <v>1490</v>
      </c>
      <c r="R207" s="499" t="s">
        <v>1491</v>
      </c>
      <c r="S207" s="499" t="s">
        <v>1492</v>
      </c>
      <c r="T207" s="499" t="s">
        <v>1493</v>
      </c>
      <c r="U207" s="499" t="s">
        <v>2066</v>
      </c>
      <c r="V207" s="946" t="str">
        <f>_xlfn.XLOOKUP(H207, [5]GIS!D:D, [5]GIS!E:E, "Not mapped")</f>
        <v>Single - Scenario 3</v>
      </c>
      <c r="W207" s="1257" t="s">
        <v>1495</v>
      </c>
      <c r="X207" s="579" t="s">
        <v>1496</v>
      </c>
      <c r="Y207" s="1258" t="s">
        <v>1497</v>
      </c>
      <c r="Z207" s="1259" t="s">
        <v>1498</v>
      </c>
      <c r="AA207" s="1259" t="s">
        <v>1498</v>
      </c>
      <c r="AB207" s="1259" t="s">
        <v>1498</v>
      </c>
      <c r="AC207" s="1259" t="s">
        <v>1498</v>
      </c>
      <c r="AD207" s="1259" t="s">
        <v>1498</v>
      </c>
      <c r="AE207" s="1259" t="s">
        <v>1498</v>
      </c>
      <c r="AF207" s="1259" t="s">
        <v>1498</v>
      </c>
      <c r="AG207" s="1259" t="s">
        <v>1498</v>
      </c>
      <c r="AH207" s="1259" t="s">
        <v>1498</v>
      </c>
      <c r="AI207" s="1259" t="s">
        <v>1498</v>
      </c>
      <c r="AJ207" s="1259" t="s">
        <v>1498</v>
      </c>
      <c r="AK207" s="1259" t="s">
        <v>1498</v>
      </c>
      <c r="AL207" s="1259" t="s">
        <v>1498</v>
      </c>
      <c r="AM207" s="1259" t="s">
        <v>1498</v>
      </c>
      <c r="AN207" s="1259" t="s">
        <v>1498</v>
      </c>
      <c r="AO207" s="1259" t="s">
        <v>1498</v>
      </c>
      <c r="AP207" s="1259" t="s">
        <v>1498</v>
      </c>
      <c r="AQ207" s="1259" t="s">
        <v>1498</v>
      </c>
      <c r="AR207" s="1259" t="s">
        <v>1498</v>
      </c>
      <c r="AS207" s="1259" t="s">
        <v>1498</v>
      </c>
      <c r="AT207" s="1259" t="s">
        <v>1498</v>
      </c>
      <c r="AU207" s="1259" t="s">
        <v>1498</v>
      </c>
      <c r="AV207" s="1259" t="s">
        <v>1498</v>
      </c>
      <c r="AW207" s="1259" t="s">
        <v>1498</v>
      </c>
      <c r="AX207" s="1259" t="s">
        <v>1498</v>
      </c>
      <c r="AY207" s="1259" t="s">
        <v>1498</v>
      </c>
      <c r="AZ207" s="905" t="s">
        <v>1642</v>
      </c>
      <c r="BA207" s="499" t="s">
        <v>722</v>
      </c>
      <c r="BB207" s="953" t="s">
        <v>53</v>
      </c>
      <c r="BC207" s="980">
        <f>ROUND((VLOOKUP(H207,'[5]Cost Summary'!A:H,8,)),0.1)</f>
        <v>1936418</v>
      </c>
      <c r="BD207" s="499">
        <v>0</v>
      </c>
      <c r="BE207" s="499" t="s">
        <v>1500</v>
      </c>
      <c r="BF207" s="954" t="s">
        <v>1584</v>
      </c>
      <c r="BG207" s="1261">
        <v>1258042.5</v>
      </c>
      <c r="BH207" s="976" t="e">
        <f t="shared" si="219"/>
        <v>#VALUE!</v>
      </c>
      <c r="BI207" s="972" t="e">
        <f t="shared" si="220"/>
        <v>#VALUE!</v>
      </c>
      <c r="BJ207" s="972" t="e">
        <f t="shared" si="221"/>
        <v>#VALUE!</v>
      </c>
      <c r="BK207" s="972" t="e">
        <f t="shared" si="222"/>
        <v>#VALUE!</v>
      </c>
      <c r="BL207" s="972" t="e">
        <f t="shared" si="223"/>
        <v>#VALUE!</v>
      </c>
      <c r="BM207" s="972" t="e">
        <f t="shared" si="224"/>
        <v>#VALUE!</v>
      </c>
      <c r="BN207" s="972" t="e">
        <f t="shared" si="225"/>
        <v>#VALUE!</v>
      </c>
      <c r="BO207" s="972" t="e">
        <f t="shared" si="226"/>
        <v>#VALUE!</v>
      </c>
      <c r="BP207" s="972" t="e">
        <f t="shared" si="227"/>
        <v>#VALUE!</v>
      </c>
      <c r="BQ207" s="972" t="e">
        <f t="shared" si="228"/>
        <v>#VALUE!</v>
      </c>
      <c r="BR207" s="972" t="e">
        <f t="shared" si="229"/>
        <v>#VALUE!</v>
      </c>
      <c r="BS207" s="972" t="e">
        <f t="shared" si="230"/>
        <v>#VALUE!</v>
      </c>
      <c r="BT207" s="972" t="e">
        <f t="shared" si="231"/>
        <v>#VALUE!</v>
      </c>
      <c r="BU207" s="972" t="e">
        <f t="shared" si="232"/>
        <v>#VALUE!</v>
      </c>
      <c r="BV207" s="972" t="e">
        <f t="shared" si="233"/>
        <v>#VALUE!</v>
      </c>
      <c r="BW207" s="972" t="e">
        <f t="shared" si="234"/>
        <v>#VALUE!</v>
      </c>
      <c r="BX207" s="972" t="e">
        <f t="shared" si="235"/>
        <v>#VALUE!</v>
      </c>
      <c r="BY207" s="972" t="e">
        <f t="shared" si="236"/>
        <v>#VALUE!</v>
      </c>
      <c r="BZ207" s="972" t="e">
        <f t="shared" si="237"/>
        <v>#VALUE!</v>
      </c>
      <c r="CA207" s="972" t="e">
        <f t="shared" si="238"/>
        <v>#VALUE!</v>
      </c>
      <c r="CB207" s="973" t="e">
        <f t="shared" si="239"/>
        <v>#VALUE!</v>
      </c>
    </row>
    <row r="208" spans="3:80" ht="114.75" hidden="1" x14ac:dyDescent="0.25">
      <c r="C208" s="597"/>
      <c r="D208" s="597" t="s">
        <v>66</v>
      </c>
      <c r="E208" s="597"/>
      <c r="F208" s="597"/>
      <c r="G208" s="597"/>
      <c r="H208" s="499" t="s">
        <v>2067</v>
      </c>
      <c r="I208" s="499" t="s">
        <v>1279</v>
      </c>
      <c r="J208" s="499" t="s">
        <v>1280</v>
      </c>
      <c r="K208" s="499">
        <v>51.749923969999998</v>
      </c>
      <c r="L208" s="499">
        <v>-0.49547934999999999</v>
      </c>
      <c r="M208" s="499" t="s">
        <v>1488</v>
      </c>
      <c r="N208" s="499" t="s">
        <v>1489</v>
      </c>
      <c r="O208" s="499">
        <v>1</v>
      </c>
      <c r="P208" s="499" t="s">
        <v>932</v>
      </c>
      <c r="Q208" s="499" t="s">
        <v>1490</v>
      </c>
      <c r="R208" s="499" t="s">
        <v>1491</v>
      </c>
      <c r="S208" s="499" t="s">
        <v>1492</v>
      </c>
      <c r="T208" s="499" t="s">
        <v>1493</v>
      </c>
      <c r="U208" s="499" t="s">
        <v>2066</v>
      </c>
      <c r="V208" s="946" t="str">
        <f>_xlfn.XLOOKUP(H208, [5]GIS!D:D, [5]GIS!E:E, "Not mapped")</f>
        <v>Single - Scenario 3</v>
      </c>
      <c r="W208" s="1257" t="s">
        <v>1495</v>
      </c>
      <c r="X208" s="579" t="s">
        <v>1496</v>
      </c>
      <c r="Y208" s="1258" t="s">
        <v>1497</v>
      </c>
      <c r="Z208" s="1259" t="s">
        <v>1498</v>
      </c>
      <c r="AA208" s="1259" t="s">
        <v>1498</v>
      </c>
      <c r="AB208" s="1259" t="s">
        <v>1498</v>
      </c>
      <c r="AC208" s="1259" t="s">
        <v>1498</v>
      </c>
      <c r="AD208" s="1259" t="s">
        <v>1498</v>
      </c>
      <c r="AE208" s="1259" t="s">
        <v>1498</v>
      </c>
      <c r="AF208" s="1259" t="s">
        <v>1498</v>
      </c>
      <c r="AG208" s="1259" t="s">
        <v>1498</v>
      </c>
      <c r="AH208" s="1259" t="s">
        <v>1498</v>
      </c>
      <c r="AI208" s="1259" t="s">
        <v>1498</v>
      </c>
      <c r="AJ208" s="1259" t="s">
        <v>1498</v>
      </c>
      <c r="AK208" s="1259" t="s">
        <v>1498</v>
      </c>
      <c r="AL208" s="1259" t="s">
        <v>1498</v>
      </c>
      <c r="AM208" s="1259" t="s">
        <v>1498</v>
      </c>
      <c r="AN208" s="1259" t="s">
        <v>1498</v>
      </c>
      <c r="AO208" s="1259" t="s">
        <v>1498</v>
      </c>
      <c r="AP208" s="1259" t="s">
        <v>1498</v>
      </c>
      <c r="AQ208" s="1259" t="s">
        <v>1498</v>
      </c>
      <c r="AR208" s="1259" t="s">
        <v>1498</v>
      </c>
      <c r="AS208" s="1259" t="s">
        <v>1498</v>
      </c>
      <c r="AT208" s="1259" t="s">
        <v>1498</v>
      </c>
      <c r="AU208" s="1259" t="s">
        <v>1498</v>
      </c>
      <c r="AV208" s="1259" t="s">
        <v>1498</v>
      </c>
      <c r="AW208" s="1259" t="s">
        <v>1498</v>
      </c>
      <c r="AX208" s="1259" t="s">
        <v>1498</v>
      </c>
      <c r="AY208" s="1259" t="s">
        <v>1498</v>
      </c>
      <c r="AZ208" s="905" t="s">
        <v>1642</v>
      </c>
      <c r="BA208" s="499" t="s">
        <v>722</v>
      </c>
      <c r="BB208" s="953" t="s">
        <v>53</v>
      </c>
      <c r="BC208" s="980">
        <f>ROUND((VLOOKUP(H208,'[5]Cost Summary'!A:H,8,)),0.1)</f>
        <v>234194</v>
      </c>
      <c r="BD208" s="499">
        <v>0</v>
      </c>
      <c r="BE208" s="499" t="s">
        <v>1500</v>
      </c>
      <c r="BF208" s="954" t="s">
        <v>1584</v>
      </c>
      <c r="BG208" s="1261">
        <v>152150.03</v>
      </c>
      <c r="BH208" s="976" t="e">
        <f t="shared" si="219"/>
        <v>#VALUE!</v>
      </c>
      <c r="BI208" s="972" t="e">
        <f t="shared" si="220"/>
        <v>#VALUE!</v>
      </c>
      <c r="BJ208" s="972" t="e">
        <f t="shared" si="221"/>
        <v>#VALUE!</v>
      </c>
      <c r="BK208" s="972" t="e">
        <f t="shared" si="222"/>
        <v>#VALUE!</v>
      </c>
      <c r="BL208" s="972" t="e">
        <f t="shared" si="223"/>
        <v>#VALUE!</v>
      </c>
      <c r="BM208" s="972" t="e">
        <f t="shared" si="224"/>
        <v>#VALUE!</v>
      </c>
      <c r="BN208" s="972" t="e">
        <f t="shared" si="225"/>
        <v>#VALUE!</v>
      </c>
      <c r="BO208" s="972" t="e">
        <f t="shared" si="226"/>
        <v>#VALUE!</v>
      </c>
      <c r="BP208" s="972" t="e">
        <f t="shared" si="227"/>
        <v>#VALUE!</v>
      </c>
      <c r="BQ208" s="972" t="e">
        <f t="shared" si="228"/>
        <v>#VALUE!</v>
      </c>
      <c r="BR208" s="972" t="e">
        <f t="shared" si="229"/>
        <v>#VALUE!</v>
      </c>
      <c r="BS208" s="972" t="e">
        <f t="shared" si="230"/>
        <v>#VALUE!</v>
      </c>
      <c r="BT208" s="972" t="e">
        <f t="shared" si="231"/>
        <v>#VALUE!</v>
      </c>
      <c r="BU208" s="972" t="e">
        <f t="shared" si="232"/>
        <v>#VALUE!</v>
      </c>
      <c r="BV208" s="972" t="e">
        <f t="shared" si="233"/>
        <v>#VALUE!</v>
      </c>
      <c r="BW208" s="972" t="e">
        <f t="shared" si="234"/>
        <v>#VALUE!</v>
      </c>
      <c r="BX208" s="972" t="e">
        <f t="shared" si="235"/>
        <v>#VALUE!</v>
      </c>
      <c r="BY208" s="972" t="e">
        <f t="shared" si="236"/>
        <v>#VALUE!</v>
      </c>
      <c r="BZ208" s="972" t="e">
        <f t="shared" si="237"/>
        <v>#VALUE!</v>
      </c>
      <c r="CA208" s="972" t="e">
        <f t="shared" si="238"/>
        <v>#VALUE!</v>
      </c>
      <c r="CB208" s="973" t="e">
        <f t="shared" si="239"/>
        <v>#VALUE!</v>
      </c>
    </row>
    <row r="209" spans="3:80" ht="75" hidden="1" x14ac:dyDescent="0.25">
      <c r="C209" s="597"/>
      <c r="D209" s="597" t="s">
        <v>66</v>
      </c>
      <c r="E209" s="597"/>
      <c r="F209" s="597"/>
      <c r="G209" s="597"/>
      <c r="H209" s="499" t="s">
        <v>2068</v>
      </c>
      <c r="I209" s="499" t="s">
        <v>1281</v>
      </c>
      <c r="J209" s="499" t="s">
        <v>1282</v>
      </c>
      <c r="K209" s="499" t="s">
        <v>2069</v>
      </c>
      <c r="L209" s="499" t="s">
        <v>2070</v>
      </c>
      <c r="M209" s="499" t="s">
        <v>1488</v>
      </c>
      <c r="N209" s="499" t="s">
        <v>1489</v>
      </c>
      <c r="O209" s="499">
        <v>1</v>
      </c>
      <c r="P209" s="499" t="s">
        <v>932</v>
      </c>
      <c r="Q209" s="499" t="s">
        <v>1490</v>
      </c>
      <c r="R209" s="499" t="s">
        <v>1491</v>
      </c>
      <c r="S209" s="499" t="s">
        <v>1492</v>
      </c>
      <c r="T209" s="499" t="s">
        <v>1493</v>
      </c>
      <c r="U209" s="499" t="s">
        <v>2066</v>
      </c>
      <c r="V209" s="946" t="str">
        <f>_xlfn.XLOOKUP(H209, [5]GIS!D:D, [5]GIS!E:E, "Not mapped")</f>
        <v>Single - Scenario 3</v>
      </c>
      <c r="W209" s="1257" t="s">
        <v>1495</v>
      </c>
      <c r="X209" s="579" t="s">
        <v>1496</v>
      </c>
      <c r="Y209" s="1258" t="s">
        <v>1497</v>
      </c>
      <c r="Z209" s="1259" t="s">
        <v>1498</v>
      </c>
      <c r="AA209" s="1259" t="s">
        <v>1498</v>
      </c>
      <c r="AB209" s="1259" t="s">
        <v>1498</v>
      </c>
      <c r="AC209" s="1259" t="s">
        <v>1498</v>
      </c>
      <c r="AD209" s="1259" t="s">
        <v>1498</v>
      </c>
      <c r="AE209" s="1259" t="s">
        <v>1498</v>
      </c>
      <c r="AF209" s="1259" t="s">
        <v>1498</v>
      </c>
      <c r="AG209" s="1259" t="s">
        <v>1498</v>
      </c>
      <c r="AH209" s="1259" t="s">
        <v>1498</v>
      </c>
      <c r="AI209" s="1259" t="s">
        <v>1498</v>
      </c>
      <c r="AJ209" s="1259" t="s">
        <v>1498</v>
      </c>
      <c r="AK209" s="1259" t="s">
        <v>1498</v>
      </c>
      <c r="AL209" s="1259" t="s">
        <v>1498</v>
      </c>
      <c r="AM209" s="1259" t="s">
        <v>1498</v>
      </c>
      <c r="AN209" s="1259" t="s">
        <v>1498</v>
      </c>
      <c r="AO209" s="1259" t="s">
        <v>1498</v>
      </c>
      <c r="AP209" s="1259" t="s">
        <v>1498</v>
      </c>
      <c r="AQ209" s="1259" t="s">
        <v>1498</v>
      </c>
      <c r="AR209" s="1259" t="s">
        <v>1498</v>
      </c>
      <c r="AS209" s="1259" t="s">
        <v>1498</v>
      </c>
      <c r="AT209" s="1259" t="s">
        <v>1498</v>
      </c>
      <c r="AU209" s="1259" t="s">
        <v>1498</v>
      </c>
      <c r="AV209" s="1259" t="s">
        <v>1498</v>
      </c>
      <c r="AW209" s="1259" t="s">
        <v>1498</v>
      </c>
      <c r="AX209" s="1259" t="s">
        <v>1498</v>
      </c>
      <c r="AY209" s="1259" t="s">
        <v>1498</v>
      </c>
      <c r="AZ209" s="905" t="s">
        <v>1642</v>
      </c>
      <c r="BA209" s="499" t="s">
        <v>722</v>
      </c>
      <c r="BB209" s="953" t="s">
        <v>53</v>
      </c>
      <c r="BC209" s="980">
        <f>ROUND((VLOOKUP(H209,'[5]Cost Summary'!A:H,8,)),0.1)</f>
        <v>10441</v>
      </c>
      <c r="BD209" s="499">
        <v>0</v>
      </c>
      <c r="BE209" s="499" t="s">
        <v>1500</v>
      </c>
      <c r="BF209" s="954" t="s">
        <v>1584</v>
      </c>
      <c r="BG209" s="1261">
        <v>6783.56</v>
      </c>
      <c r="BH209" s="976" t="e">
        <f t="shared" si="219"/>
        <v>#VALUE!</v>
      </c>
      <c r="BI209" s="972" t="e">
        <f t="shared" si="220"/>
        <v>#VALUE!</v>
      </c>
      <c r="BJ209" s="972" t="e">
        <f t="shared" si="221"/>
        <v>#VALUE!</v>
      </c>
      <c r="BK209" s="972" t="e">
        <f t="shared" si="222"/>
        <v>#VALUE!</v>
      </c>
      <c r="BL209" s="972" t="e">
        <f t="shared" si="223"/>
        <v>#VALUE!</v>
      </c>
      <c r="BM209" s="972" t="e">
        <f t="shared" si="224"/>
        <v>#VALUE!</v>
      </c>
      <c r="BN209" s="972" t="e">
        <f t="shared" si="225"/>
        <v>#VALUE!</v>
      </c>
      <c r="BO209" s="972" t="e">
        <f t="shared" si="226"/>
        <v>#VALUE!</v>
      </c>
      <c r="BP209" s="972" t="e">
        <f t="shared" si="227"/>
        <v>#VALUE!</v>
      </c>
      <c r="BQ209" s="972" t="e">
        <f t="shared" si="228"/>
        <v>#VALUE!</v>
      </c>
      <c r="BR209" s="972" t="e">
        <f t="shared" si="229"/>
        <v>#VALUE!</v>
      </c>
      <c r="BS209" s="972" t="e">
        <f t="shared" si="230"/>
        <v>#VALUE!</v>
      </c>
      <c r="BT209" s="972" t="e">
        <f t="shared" si="231"/>
        <v>#VALUE!</v>
      </c>
      <c r="BU209" s="972" t="e">
        <f t="shared" si="232"/>
        <v>#VALUE!</v>
      </c>
      <c r="BV209" s="972" t="e">
        <f t="shared" si="233"/>
        <v>#VALUE!</v>
      </c>
      <c r="BW209" s="972" t="e">
        <f t="shared" si="234"/>
        <v>#VALUE!</v>
      </c>
      <c r="BX209" s="972" t="e">
        <f t="shared" si="235"/>
        <v>#VALUE!</v>
      </c>
      <c r="BY209" s="972" t="e">
        <f t="shared" si="236"/>
        <v>#VALUE!</v>
      </c>
      <c r="BZ209" s="972" t="e">
        <f t="shared" si="237"/>
        <v>#VALUE!</v>
      </c>
      <c r="CA209" s="972" t="e">
        <f t="shared" si="238"/>
        <v>#VALUE!</v>
      </c>
      <c r="CB209" s="973" t="e">
        <f t="shared" si="239"/>
        <v>#VALUE!</v>
      </c>
    </row>
    <row r="210" spans="3:80" ht="75" hidden="1" x14ac:dyDescent="0.25">
      <c r="C210" s="597"/>
      <c r="D210" s="597" t="s">
        <v>66</v>
      </c>
      <c r="E210" s="597"/>
      <c r="F210" s="597"/>
      <c r="G210" s="597"/>
      <c r="H210" s="499" t="s">
        <v>2071</v>
      </c>
      <c r="I210" s="499" t="s">
        <v>1283</v>
      </c>
      <c r="J210" s="499" t="s">
        <v>1284</v>
      </c>
      <c r="K210" s="499">
        <v>51.754171999999997</v>
      </c>
      <c r="L210" s="499">
        <v>-0.492836</v>
      </c>
      <c r="M210" s="499" t="s">
        <v>1488</v>
      </c>
      <c r="N210" s="499" t="s">
        <v>1489</v>
      </c>
      <c r="O210" s="499">
        <v>1</v>
      </c>
      <c r="P210" s="499" t="s">
        <v>932</v>
      </c>
      <c r="Q210" s="499" t="s">
        <v>1490</v>
      </c>
      <c r="R210" s="499" t="s">
        <v>1491</v>
      </c>
      <c r="S210" s="499" t="s">
        <v>1492</v>
      </c>
      <c r="T210" s="499" t="s">
        <v>1493</v>
      </c>
      <c r="U210" s="499" t="s">
        <v>2066</v>
      </c>
      <c r="V210" s="946" t="str">
        <f>_xlfn.XLOOKUP(H210, [5]GIS!D:D, [5]GIS!E:E, "Not mapped")</f>
        <v>Multiple - Scenario 2</v>
      </c>
      <c r="W210" s="1257" t="s">
        <v>1495</v>
      </c>
      <c r="X210" s="579" t="s">
        <v>1496</v>
      </c>
      <c r="Y210" s="1258" t="s">
        <v>1497</v>
      </c>
      <c r="Z210" s="1259" t="s">
        <v>1498</v>
      </c>
      <c r="AA210" s="1259" t="s">
        <v>1498</v>
      </c>
      <c r="AB210" s="1259" t="s">
        <v>1498</v>
      </c>
      <c r="AC210" s="1259" t="s">
        <v>1498</v>
      </c>
      <c r="AD210" s="1259" t="s">
        <v>1498</v>
      </c>
      <c r="AE210" s="1259" t="s">
        <v>1498</v>
      </c>
      <c r="AF210" s="1259" t="s">
        <v>1498</v>
      </c>
      <c r="AG210" s="1259" t="s">
        <v>1498</v>
      </c>
      <c r="AH210" s="1259" t="s">
        <v>1498</v>
      </c>
      <c r="AI210" s="1259" t="s">
        <v>1498</v>
      </c>
      <c r="AJ210" s="1259" t="s">
        <v>1498</v>
      </c>
      <c r="AK210" s="1259" t="s">
        <v>1498</v>
      </c>
      <c r="AL210" s="1259" t="s">
        <v>1498</v>
      </c>
      <c r="AM210" s="1259" t="s">
        <v>1498</v>
      </c>
      <c r="AN210" s="1259" t="s">
        <v>1498</v>
      </c>
      <c r="AO210" s="1259" t="s">
        <v>1498</v>
      </c>
      <c r="AP210" s="1259" t="s">
        <v>1498</v>
      </c>
      <c r="AQ210" s="1259" t="s">
        <v>1498</v>
      </c>
      <c r="AR210" s="1259" t="s">
        <v>1498</v>
      </c>
      <c r="AS210" s="1259" t="s">
        <v>1498</v>
      </c>
      <c r="AT210" s="1259" t="s">
        <v>1498</v>
      </c>
      <c r="AU210" s="1259" t="s">
        <v>1498</v>
      </c>
      <c r="AV210" s="1259" t="s">
        <v>1498</v>
      </c>
      <c r="AW210" s="1259" t="s">
        <v>1498</v>
      </c>
      <c r="AX210" s="1259" t="s">
        <v>1498</v>
      </c>
      <c r="AY210" s="1259" t="s">
        <v>1498</v>
      </c>
      <c r="AZ210" s="905" t="s">
        <v>1642</v>
      </c>
      <c r="BA210" s="499" t="s">
        <v>722</v>
      </c>
      <c r="BB210" s="953" t="s">
        <v>53</v>
      </c>
      <c r="BC210" s="980">
        <f>ROUND((VLOOKUP(H210,'[5]Cost Summary'!A:H,8,)),0.1)</f>
        <v>797</v>
      </c>
      <c r="BD210" s="499">
        <v>0</v>
      </c>
      <c r="BE210" s="499" t="s">
        <v>1500</v>
      </c>
      <c r="BF210" s="954" t="s">
        <v>1584</v>
      </c>
      <c r="BG210" s="1261">
        <v>518.02</v>
      </c>
      <c r="BH210" s="976" t="e">
        <f t="shared" si="219"/>
        <v>#VALUE!</v>
      </c>
      <c r="BI210" s="972" t="e">
        <f t="shared" si="220"/>
        <v>#VALUE!</v>
      </c>
      <c r="BJ210" s="972" t="e">
        <f t="shared" si="221"/>
        <v>#VALUE!</v>
      </c>
      <c r="BK210" s="972" t="e">
        <f t="shared" si="222"/>
        <v>#VALUE!</v>
      </c>
      <c r="BL210" s="972" t="e">
        <f t="shared" si="223"/>
        <v>#VALUE!</v>
      </c>
      <c r="BM210" s="972" t="e">
        <f t="shared" si="224"/>
        <v>#VALUE!</v>
      </c>
      <c r="BN210" s="972" t="e">
        <f t="shared" si="225"/>
        <v>#VALUE!</v>
      </c>
      <c r="BO210" s="972" t="e">
        <f t="shared" si="226"/>
        <v>#VALUE!</v>
      </c>
      <c r="BP210" s="972" t="e">
        <f t="shared" si="227"/>
        <v>#VALUE!</v>
      </c>
      <c r="BQ210" s="972" t="e">
        <f t="shared" si="228"/>
        <v>#VALUE!</v>
      </c>
      <c r="BR210" s="972" t="e">
        <f t="shared" si="229"/>
        <v>#VALUE!</v>
      </c>
      <c r="BS210" s="972" t="e">
        <f t="shared" si="230"/>
        <v>#VALUE!</v>
      </c>
      <c r="BT210" s="972" t="e">
        <f t="shared" si="231"/>
        <v>#VALUE!</v>
      </c>
      <c r="BU210" s="972" t="e">
        <f t="shared" si="232"/>
        <v>#VALUE!</v>
      </c>
      <c r="BV210" s="972" t="e">
        <f t="shared" si="233"/>
        <v>#VALUE!</v>
      </c>
      <c r="BW210" s="972" t="e">
        <f t="shared" si="234"/>
        <v>#VALUE!</v>
      </c>
      <c r="BX210" s="972" t="e">
        <f t="shared" si="235"/>
        <v>#VALUE!</v>
      </c>
      <c r="BY210" s="972" t="e">
        <f t="shared" si="236"/>
        <v>#VALUE!</v>
      </c>
      <c r="BZ210" s="972" t="e">
        <f t="shared" si="237"/>
        <v>#VALUE!</v>
      </c>
      <c r="CA210" s="972" t="e">
        <f t="shared" si="238"/>
        <v>#VALUE!</v>
      </c>
      <c r="CB210" s="973" t="e">
        <f t="shared" si="239"/>
        <v>#VALUE!</v>
      </c>
    </row>
    <row r="211" spans="3:80" ht="57.75" hidden="1" x14ac:dyDescent="0.25">
      <c r="C211" s="597"/>
      <c r="D211" s="597"/>
      <c r="E211" s="597"/>
      <c r="F211" s="597"/>
      <c r="G211" s="597"/>
      <c r="H211" s="499" t="s">
        <v>2072</v>
      </c>
      <c r="I211" s="499" t="s">
        <v>1285</v>
      </c>
      <c r="J211" s="499" t="s">
        <v>1286</v>
      </c>
      <c r="K211" s="499">
        <v>51.747516310000002</v>
      </c>
      <c r="L211" s="499">
        <v>-0.49132562499999999</v>
      </c>
      <c r="M211" s="499" t="s">
        <v>1488</v>
      </c>
      <c r="N211" s="499" t="s">
        <v>1489</v>
      </c>
      <c r="O211" s="499">
        <v>1</v>
      </c>
      <c r="P211" s="499" t="s">
        <v>932</v>
      </c>
      <c r="Q211" s="499" t="s">
        <v>1490</v>
      </c>
      <c r="R211" s="499" t="s">
        <v>1491</v>
      </c>
      <c r="S211" s="499" t="s">
        <v>1492</v>
      </c>
      <c r="T211" s="499" t="s">
        <v>1493</v>
      </c>
      <c r="U211" s="499" t="s">
        <v>2073</v>
      </c>
      <c r="V211" s="946" t="str">
        <f>_xlfn.XLOOKUP(H211, [5]GIS!D:D, [5]GIS!E:E, "Not mapped")</f>
        <v>Single - Scenario 3</v>
      </c>
      <c r="W211" s="499" t="s">
        <v>1723</v>
      </c>
      <c r="X211" s="579" t="s">
        <v>1496</v>
      </c>
      <c r="Y211" s="1258" t="s">
        <v>1497</v>
      </c>
      <c r="Z211" s="1259" t="s">
        <v>1498</v>
      </c>
      <c r="AA211" s="1259" t="s">
        <v>1498</v>
      </c>
      <c r="AB211" s="1259" t="s">
        <v>1498</v>
      </c>
      <c r="AC211" s="1259" t="s">
        <v>1498</v>
      </c>
      <c r="AD211" s="1259" t="s">
        <v>1498</v>
      </c>
      <c r="AE211" s="1259" t="s">
        <v>1498</v>
      </c>
      <c r="AF211" s="1259" t="s">
        <v>1498</v>
      </c>
      <c r="AG211" s="1259" t="s">
        <v>1498</v>
      </c>
      <c r="AH211" s="1259" t="s">
        <v>1498</v>
      </c>
      <c r="AI211" s="1259" t="s">
        <v>1498</v>
      </c>
      <c r="AJ211" s="1259" t="s">
        <v>1498</v>
      </c>
      <c r="AK211" s="1259" t="s">
        <v>1498</v>
      </c>
      <c r="AL211" s="1259" t="s">
        <v>1498</v>
      </c>
      <c r="AM211" s="1259" t="s">
        <v>1498</v>
      </c>
      <c r="AN211" s="1259" t="s">
        <v>1498</v>
      </c>
      <c r="AO211" s="1259" t="s">
        <v>1498</v>
      </c>
      <c r="AP211" s="1259" t="s">
        <v>1498</v>
      </c>
      <c r="AQ211" s="1259" t="s">
        <v>1498</v>
      </c>
      <c r="AR211" s="1259" t="s">
        <v>1498</v>
      </c>
      <c r="AS211" s="1259" t="s">
        <v>1498</v>
      </c>
      <c r="AT211" s="1259" t="s">
        <v>1498</v>
      </c>
      <c r="AU211" s="1259" t="s">
        <v>1498</v>
      </c>
      <c r="AV211" s="1259" t="s">
        <v>1498</v>
      </c>
      <c r="AW211" s="1259" t="s">
        <v>1498</v>
      </c>
      <c r="AX211" s="1259" t="s">
        <v>1498</v>
      </c>
      <c r="AY211" s="1259" t="s">
        <v>1498</v>
      </c>
      <c r="AZ211" s="905" t="s">
        <v>1642</v>
      </c>
      <c r="BA211" s="499" t="s">
        <v>722</v>
      </c>
      <c r="BB211" s="953" t="s">
        <v>53</v>
      </c>
      <c r="BC211" s="980">
        <f>ROUND((VLOOKUP(H211,'[5]Cost Summary'!A:H,8,)),0.1)</f>
        <v>10938</v>
      </c>
      <c r="BD211" s="499">
        <v>0</v>
      </c>
      <c r="BE211" s="499" t="s">
        <v>1500</v>
      </c>
      <c r="BF211" s="954" t="s">
        <v>1584</v>
      </c>
      <c r="BG211" s="1261">
        <v>7106.02</v>
      </c>
      <c r="BH211" s="976" t="e">
        <f t="shared" si="219"/>
        <v>#VALUE!</v>
      </c>
      <c r="BI211" s="972" t="e">
        <f t="shared" si="220"/>
        <v>#VALUE!</v>
      </c>
      <c r="BJ211" s="972" t="e">
        <f t="shared" si="221"/>
        <v>#VALUE!</v>
      </c>
      <c r="BK211" s="972" t="e">
        <f t="shared" si="222"/>
        <v>#VALUE!</v>
      </c>
      <c r="BL211" s="972" t="e">
        <f t="shared" si="223"/>
        <v>#VALUE!</v>
      </c>
      <c r="BM211" s="972" t="e">
        <f t="shared" si="224"/>
        <v>#VALUE!</v>
      </c>
      <c r="BN211" s="972" t="e">
        <f t="shared" si="225"/>
        <v>#VALUE!</v>
      </c>
      <c r="BO211" s="972" t="e">
        <f t="shared" si="226"/>
        <v>#VALUE!</v>
      </c>
      <c r="BP211" s="972" t="e">
        <f t="shared" si="227"/>
        <v>#VALUE!</v>
      </c>
      <c r="BQ211" s="972" t="e">
        <f t="shared" si="228"/>
        <v>#VALUE!</v>
      </c>
      <c r="BR211" s="972" t="e">
        <f t="shared" si="229"/>
        <v>#VALUE!</v>
      </c>
      <c r="BS211" s="972" t="e">
        <f t="shared" si="230"/>
        <v>#VALUE!</v>
      </c>
      <c r="BT211" s="972" t="e">
        <f t="shared" si="231"/>
        <v>#VALUE!</v>
      </c>
      <c r="BU211" s="972" t="e">
        <f t="shared" si="232"/>
        <v>#VALUE!</v>
      </c>
      <c r="BV211" s="972" t="e">
        <f t="shared" si="233"/>
        <v>#VALUE!</v>
      </c>
      <c r="BW211" s="972" t="e">
        <f t="shared" si="234"/>
        <v>#VALUE!</v>
      </c>
      <c r="BX211" s="972" t="e">
        <f t="shared" si="235"/>
        <v>#VALUE!</v>
      </c>
      <c r="BY211" s="972" t="e">
        <f t="shared" si="236"/>
        <v>#VALUE!</v>
      </c>
      <c r="BZ211" s="972" t="e">
        <f t="shared" si="237"/>
        <v>#VALUE!</v>
      </c>
      <c r="CA211" s="972" t="e">
        <f t="shared" si="238"/>
        <v>#VALUE!</v>
      </c>
      <c r="CB211" s="973" t="e">
        <f t="shared" si="239"/>
        <v>#VALUE!</v>
      </c>
    </row>
    <row r="212" spans="3:80" ht="43.5" hidden="1" x14ac:dyDescent="0.25">
      <c r="C212" s="597"/>
      <c r="D212" s="597"/>
      <c r="E212" s="597"/>
      <c r="F212" s="597"/>
      <c r="G212" s="597"/>
      <c r="H212" s="499" t="s">
        <v>2074</v>
      </c>
      <c r="I212" s="964" t="s">
        <v>1287</v>
      </c>
      <c r="J212" s="964" t="s">
        <v>1288</v>
      </c>
      <c r="K212" s="964">
        <v>51.750686999999999</v>
      </c>
      <c r="L212" s="964">
        <v>-0.49187599999999998</v>
      </c>
      <c r="M212" s="964" t="s">
        <v>1488</v>
      </c>
      <c r="N212" s="964" t="s">
        <v>1489</v>
      </c>
      <c r="O212" s="964">
        <v>1</v>
      </c>
      <c r="P212" s="964" t="s">
        <v>932</v>
      </c>
      <c r="Q212" s="964" t="s">
        <v>1490</v>
      </c>
      <c r="R212" s="964" t="s">
        <v>1491</v>
      </c>
      <c r="S212" s="964" t="s">
        <v>1492</v>
      </c>
      <c r="T212" s="964" t="s">
        <v>1493</v>
      </c>
      <c r="U212" s="964" t="s">
        <v>2073</v>
      </c>
      <c r="V212" s="946" t="str">
        <f>_xlfn.XLOOKUP(H212, [5]GIS!D:D, [5]GIS!E:E, "Not mapped")</f>
        <v>Single - Scenario 3</v>
      </c>
      <c r="W212" s="964" t="s">
        <v>1723</v>
      </c>
      <c r="X212" s="579" t="s">
        <v>1496</v>
      </c>
      <c r="Y212" s="1258" t="s">
        <v>1497</v>
      </c>
      <c r="Z212" s="1259" t="s">
        <v>1498</v>
      </c>
      <c r="AA212" s="1259" t="s">
        <v>1498</v>
      </c>
      <c r="AB212" s="1259" t="s">
        <v>1498</v>
      </c>
      <c r="AC212" s="1259" t="s">
        <v>1498</v>
      </c>
      <c r="AD212" s="1259" t="s">
        <v>1498</v>
      </c>
      <c r="AE212" s="1259" t="s">
        <v>1498</v>
      </c>
      <c r="AF212" s="1259" t="s">
        <v>1498</v>
      </c>
      <c r="AG212" s="1259" t="s">
        <v>1498</v>
      </c>
      <c r="AH212" s="1259" t="s">
        <v>1498</v>
      </c>
      <c r="AI212" s="1259" t="s">
        <v>1498</v>
      </c>
      <c r="AJ212" s="1259" t="s">
        <v>1498</v>
      </c>
      <c r="AK212" s="1259" t="s">
        <v>1498</v>
      </c>
      <c r="AL212" s="1259" t="s">
        <v>1498</v>
      </c>
      <c r="AM212" s="1259" t="s">
        <v>1498</v>
      </c>
      <c r="AN212" s="1259" t="s">
        <v>1498</v>
      </c>
      <c r="AO212" s="1259" t="s">
        <v>1498</v>
      </c>
      <c r="AP212" s="1259" t="s">
        <v>1498</v>
      </c>
      <c r="AQ212" s="1259" t="s">
        <v>1498</v>
      </c>
      <c r="AR212" s="1259" t="s">
        <v>1498</v>
      </c>
      <c r="AS212" s="1259" t="s">
        <v>1498</v>
      </c>
      <c r="AT212" s="1259" t="s">
        <v>1498</v>
      </c>
      <c r="AU212" s="1259" t="s">
        <v>1498</v>
      </c>
      <c r="AV212" s="1259" t="s">
        <v>1498</v>
      </c>
      <c r="AW212" s="1259" t="s">
        <v>1498</v>
      </c>
      <c r="AX212" s="1259" t="s">
        <v>1498</v>
      </c>
      <c r="AY212" s="1259" t="s">
        <v>1498</v>
      </c>
      <c r="AZ212" s="965" t="s">
        <v>1642</v>
      </c>
      <c r="BA212" s="964" t="s">
        <v>722</v>
      </c>
      <c r="BB212" s="975" t="s">
        <v>53</v>
      </c>
      <c r="BC212" s="980">
        <f>ROUND((VLOOKUP(H212,'[5]Cost Summary'!A:H,8,)),0.1)</f>
        <v>199337</v>
      </c>
      <c r="BD212" s="499">
        <v>0</v>
      </c>
      <c r="BE212" s="499" t="s">
        <v>1500</v>
      </c>
      <c r="BF212" s="954" t="s">
        <v>1584</v>
      </c>
      <c r="BG212" s="1261">
        <v>129504.38</v>
      </c>
      <c r="BH212" s="976" t="e">
        <f t="shared" si="219"/>
        <v>#VALUE!</v>
      </c>
      <c r="BI212" s="972" t="e">
        <f t="shared" si="220"/>
        <v>#VALUE!</v>
      </c>
      <c r="BJ212" s="972" t="e">
        <f t="shared" si="221"/>
        <v>#VALUE!</v>
      </c>
      <c r="BK212" s="972" t="e">
        <f t="shared" si="222"/>
        <v>#VALUE!</v>
      </c>
      <c r="BL212" s="972" t="e">
        <f t="shared" si="223"/>
        <v>#VALUE!</v>
      </c>
      <c r="BM212" s="972" t="e">
        <f t="shared" si="224"/>
        <v>#VALUE!</v>
      </c>
      <c r="BN212" s="972" t="e">
        <f t="shared" si="225"/>
        <v>#VALUE!</v>
      </c>
      <c r="BO212" s="972" t="e">
        <f t="shared" si="226"/>
        <v>#VALUE!</v>
      </c>
      <c r="BP212" s="972" t="e">
        <f t="shared" si="227"/>
        <v>#VALUE!</v>
      </c>
      <c r="BQ212" s="972" t="e">
        <f t="shared" si="228"/>
        <v>#VALUE!</v>
      </c>
      <c r="BR212" s="972" t="e">
        <f t="shared" si="229"/>
        <v>#VALUE!</v>
      </c>
      <c r="BS212" s="972" t="e">
        <f t="shared" si="230"/>
        <v>#VALUE!</v>
      </c>
      <c r="BT212" s="972" t="e">
        <f t="shared" si="231"/>
        <v>#VALUE!</v>
      </c>
      <c r="BU212" s="972" t="e">
        <f t="shared" si="232"/>
        <v>#VALUE!</v>
      </c>
      <c r="BV212" s="972" t="e">
        <f t="shared" si="233"/>
        <v>#VALUE!</v>
      </c>
      <c r="BW212" s="972" t="e">
        <f t="shared" si="234"/>
        <v>#VALUE!</v>
      </c>
      <c r="BX212" s="972" t="e">
        <f t="shared" si="235"/>
        <v>#VALUE!</v>
      </c>
      <c r="BY212" s="972" t="e">
        <f t="shared" si="236"/>
        <v>#VALUE!</v>
      </c>
      <c r="BZ212" s="972" t="e">
        <f t="shared" si="237"/>
        <v>#VALUE!</v>
      </c>
      <c r="CA212" s="972" t="e">
        <f t="shared" si="238"/>
        <v>#VALUE!</v>
      </c>
      <c r="CB212" s="973" t="e">
        <f t="shared" si="239"/>
        <v>#VALUE!</v>
      </c>
    </row>
    <row r="213" spans="3:80" ht="86.25" x14ac:dyDescent="0.25">
      <c r="C213" s="597"/>
      <c r="D213" s="597"/>
      <c r="E213" s="597"/>
      <c r="F213" s="597"/>
      <c r="G213" s="597"/>
      <c r="H213" s="499" t="s">
        <v>2075</v>
      </c>
      <c r="I213" s="499" t="s">
        <v>1047</v>
      </c>
      <c r="J213" s="499" t="s">
        <v>1048</v>
      </c>
      <c r="K213" s="499">
        <v>51.730353000000001</v>
      </c>
      <c r="L213" s="499">
        <v>-0.45757399999999998</v>
      </c>
      <c r="M213" s="499" t="s">
        <v>1522</v>
      </c>
      <c r="N213" s="499" t="s">
        <v>1489</v>
      </c>
      <c r="O213" s="499">
        <v>1</v>
      </c>
      <c r="P213" s="499" t="s">
        <v>900</v>
      </c>
      <c r="Q213" s="499" t="s">
        <v>1490</v>
      </c>
      <c r="R213" s="499" t="s">
        <v>1491</v>
      </c>
      <c r="S213" s="499" t="s">
        <v>1492</v>
      </c>
      <c r="T213" s="499" t="s">
        <v>1493</v>
      </c>
      <c r="U213" s="499" t="s">
        <v>1706</v>
      </c>
      <c r="V213" s="946" t="str">
        <f>_xlfn.XLOOKUP(H213, [5]GIS!D:D, [5]GIS!E:E, "Not mapped")</f>
        <v>Single - Scenario 2</v>
      </c>
      <c r="W213" s="499" t="s">
        <v>1707</v>
      </c>
      <c r="X213" s="987" t="s">
        <v>2618</v>
      </c>
      <c r="Y213" s="987" t="s">
        <v>1526</v>
      </c>
      <c r="Z213" s="949">
        <v>1</v>
      </c>
      <c r="AA213" s="949">
        <v>1</v>
      </c>
      <c r="AB213" s="949">
        <v>4</v>
      </c>
      <c r="AC213" s="949">
        <v>1</v>
      </c>
      <c r="AD213" s="949">
        <v>1</v>
      </c>
      <c r="AE213" s="950">
        <v>70</v>
      </c>
      <c r="AF213" s="950">
        <v>1</v>
      </c>
      <c r="AG213" s="950">
        <v>7</v>
      </c>
      <c r="AH213" s="950">
        <v>0</v>
      </c>
      <c r="AI213" s="950">
        <v>1</v>
      </c>
      <c r="AJ213" s="950">
        <v>0</v>
      </c>
      <c r="AK213" s="950">
        <v>4</v>
      </c>
      <c r="AL213" s="950">
        <v>0</v>
      </c>
      <c r="AM213" s="950">
        <v>1</v>
      </c>
      <c r="AN213" s="951">
        <f>AT213*[5]TripRateCalculations!O$4</f>
        <v>0.66</v>
      </c>
      <c r="AO213" s="951">
        <f>AU213*[5]TripRateCalculations!P$4</f>
        <v>2.0271186440677966</v>
      </c>
      <c r="AP213" s="951">
        <f>AV213*[5]TripRateCalculations!Q$4</f>
        <v>0.28877005347593582</v>
      </c>
      <c r="AQ213" s="951">
        <f>AW213*[5]TripRateCalculations!R$4</f>
        <v>0</v>
      </c>
      <c r="AR213" s="951">
        <f>AX213*[5]TripRateCalculations!S$4</f>
        <v>0.20289855072463769</v>
      </c>
      <c r="AS213" s="951">
        <f>AY213*[5]TripRateCalculations!T$4</f>
        <v>0</v>
      </c>
      <c r="AT213" s="950">
        <v>3</v>
      </c>
      <c r="AU213" s="950">
        <v>26</v>
      </c>
      <c r="AV213" s="950">
        <v>1</v>
      </c>
      <c r="AW213" s="950">
        <v>0</v>
      </c>
      <c r="AX213" s="950">
        <v>2</v>
      </c>
      <c r="AY213" s="950">
        <v>0</v>
      </c>
      <c r="AZ213" s="905" t="s">
        <v>1983</v>
      </c>
      <c r="BA213" s="499" t="s">
        <v>834</v>
      </c>
      <c r="BB213" s="953" t="s">
        <v>53</v>
      </c>
      <c r="BC213" s="980">
        <f>ROUND((VLOOKUP(H213,'[5]Cost Summary'!A:H,8,)),0.1)</f>
        <v>651168</v>
      </c>
      <c r="BD213" s="499">
        <v>0</v>
      </c>
      <c r="BE213" s="499" t="s">
        <v>1500</v>
      </c>
      <c r="BF213" s="954" t="s">
        <v>1584</v>
      </c>
      <c r="BG213" s="1261">
        <v>423047.63</v>
      </c>
      <c r="BH213" s="977">
        <f t="shared" ref="BH213:BQ215" si="240">Z213/(SUM($Z213:$AS213))</f>
        <v>1.0506542780289455E-2</v>
      </c>
      <c r="BI213" s="974">
        <f t="shared" si="240"/>
        <v>1.0506542780289455E-2</v>
      </c>
      <c r="BJ213" s="974">
        <f t="shared" si="240"/>
        <v>4.2026171121157821E-2</v>
      </c>
      <c r="BK213" s="974">
        <f t="shared" si="240"/>
        <v>1.0506542780289455E-2</v>
      </c>
      <c r="BL213" s="974">
        <f t="shared" si="240"/>
        <v>1.0506542780289455E-2</v>
      </c>
      <c r="BM213" s="974">
        <f t="shared" si="240"/>
        <v>0.73545799462026185</v>
      </c>
      <c r="BN213" s="974">
        <f t="shared" si="240"/>
        <v>1.0506542780289455E-2</v>
      </c>
      <c r="BO213" s="974">
        <f t="shared" si="240"/>
        <v>7.354579946202619E-2</v>
      </c>
      <c r="BP213" s="974">
        <f t="shared" si="240"/>
        <v>0</v>
      </c>
      <c r="BQ213" s="974">
        <f t="shared" si="240"/>
        <v>1.0506542780289455E-2</v>
      </c>
      <c r="BR213" s="974">
        <f t="shared" ref="BR213:CA215" si="241">AJ213/(SUM($Z213:$AS213))</f>
        <v>0</v>
      </c>
      <c r="BS213" s="974">
        <f t="shared" si="241"/>
        <v>4.2026171121157821E-2</v>
      </c>
      <c r="BT213" s="974">
        <f t="shared" si="241"/>
        <v>0</v>
      </c>
      <c r="BU213" s="974">
        <f t="shared" si="241"/>
        <v>1.0506542780289455E-2</v>
      </c>
      <c r="BV213" s="974">
        <f t="shared" si="241"/>
        <v>6.9343182349910406E-3</v>
      </c>
      <c r="BW213" s="974">
        <f t="shared" si="241"/>
        <v>2.1298008754620658E-2</v>
      </c>
      <c r="BX213" s="974">
        <f t="shared" si="241"/>
        <v>3.0339749205113933E-3</v>
      </c>
      <c r="BY213" s="974">
        <f t="shared" si="241"/>
        <v>0</v>
      </c>
      <c r="BZ213" s="974">
        <f t="shared" si="241"/>
        <v>2.1317623032471359E-3</v>
      </c>
      <c r="CA213" s="974">
        <f t="shared" si="241"/>
        <v>0</v>
      </c>
      <c r="CB213" s="973">
        <f t="shared" si="239"/>
        <v>1.0000000000000002</v>
      </c>
    </row>
    <row r="214" spans="3:80" ht="143.25" x14ac:dyDescent="0.25">
      <c r="C214" s="597"/>
      <c r="D214" s="597"/>
      <c r="E214" s="597"/>
      <c r="F214" s="597"/>
      <c r="G214" s="597"/>
      <c r="H214" s="499" t="s">
        <v>2076</v>
      </c>
      <c r="I214" s="499" t="s">
        <v>1049</v>
      </c>
      <c r="J214" s="499" t="s">
        <v>1050</v>
      </c>
      <c r="K214" s="499">
        <v>51.732146630000003</v>
      </c>
      <c r="L214" s="499">
        <v>-0.46105804</v>
      </c>
      <c r="M214" s="499" t="s">
        <v>1522</v>
      </c>
      <c r="N214" s="499" t="s">
        <v>1489</v>
      </c>
      <c r="O214" s="499">
        <v>1</v>
      </c>
      <c r="P214" s="499" t="s">
        <v>932</v>
      </c>
      <c r="Q214" s="499" t="s">
        <v>1490</v>
      </c>
      <c r="R214" s="499" t="s">
        <v>1491</v>
      </c>
      <c r="S214" s="499" t="s">
        <v>1492</v>
      </c>
      <c r="T214" s="499" t="s">
        <v>1493</v>
      </c>
      <c r="U214" s="499" t="s">
        <v>1706</v>
      </c>
      <c r="V214" s="946" t="str">
        <f>_xlfn.XLOOKUP(H214, [5]GIS!D:D, [5]GIS!E:E, "Not mapped")</f>
        <v>Multiple - Scenario 1</v>
      </c>
      <c r="W214" s="499" t="s">
        <v>1707</v>
      </c>
      <c r="X214" s="987" t="s">
        <v>2618</v>
      </c>
      <c r="Y214" s="987" t="s">
        <v>1526</v>
      </c>
      <c r="Z214" s="949">
        <v>1</v>
      </c>
      <c r="AA214" s="949">
        <v>1</v>
      </c>
      <c r="AB214" s="949">
        <v>4</v>
      </c>
      <c r="AC214" s="949">
        <v>1</v>
      </c>
      <c r="AD214" s="949">
        <v>1</v>
      </c>
      <c r="AE214" s="950">
        <v>70</v>
      </c>
      <c r="AF214" s="950">
        <v>1</v>
      </c>
      <c r="AG214" s="950">
        <v>7</v>
      </c>
      <c r="AH214" s="950">
        <v>0</v>
      </c>
      <c r="AI214" s="950">
        <v>1</v>
      </c>
      <c r="AJ214" s="950">
        <v>0</v>
      </c>
      <c r="AK214" s="950">
        <v>4</v>
      </c>
      <c r="AL214" s="950">
        <v>0</v>
      </c>
      <c r="AM214" s="950">
        <v>1</v>
      </c>
      <c r="AN214" s="951">
        <f>AT214*[5]TripRateCalculations!O$4</f>
        <v>0.66</v>
      </c>
      <c r="AO214" s="951">
        <f>AU214*[5]TripRateCalculations!P$4</f>
        <v>2.0271186440677966</v>
      </c>
      <c r="AP214" s="951">
        <f>AV214*[5]TripRateCalculations!Q$4</f>
        <v>0.28877005347593582</v>
      </c>
      <c r="AQ214" s="951">
        <f>AW214*[5]TripRateCalculations!R$4</f>
        <v>0</v>
      </c>
      <c r="AR214" s="951">
        <f>AX214*[5]TripRateCalculations!S$4</f>
        <v>0.20289855072463769</v>
      </c>
      <c r="AS214" s="951">
        <f>AY214*[5]TripRateCalculations!T$4</f>
        <v>0</v>
      </c>
      <c r="AT214" s="950">
        <v>3</v>
      </c>
      <c r="AU214" s="950">
        <v>26</v>
      </c>
      <c r="AV214" s="950">
        <v>1</v>
      </c>
      <c r="AW214" s="950">
        <v>0</v>
      </c>
      <c r="AX214" s="950">
        <v>2</v>
      </c>
      <c r="AY214" s="950">
        <v>0</v>
      </c>
      <c r="AZ214" s="905" t="s">
        <v>1983</v>
      </c>
      <c r="BA214" s="499" t="s">
        <v>834</v>
      </c>
      <c r="BB214" s="953" t="s">
        <v>53</v>
      </c>
      <c r="BC214" s="980">
        <f>ROUND((VLOOKUP(H214,'[5]Cost Summary'!A:H,8,)),0.1)</f>
        <v>457042</v>
      </c>
      <c r="BD214" s="499">
        <v>0</v>
      </c>
      <c r="BE214" s="499" t="s">
        <v>1500</v>
      </c>
      <c r="BF214" s="954" t="s">
        <v>1584</v>
      </c>
      <c r="BG214" s="1261">
        <v>296928.86</v>
      </c>
      <c r="BH214" s="977">
        <f t="shared" si="240"/>
        <v>1.0506542780289455E-2</v>
      </c>
      <c r="BI214" s="974">
        <f t="shared" si="240"/>
        <v>1.0506542780289455E-2</v>
      </c>
      <c r="BJ214" s="974">
        <f t="shared" si="240"/>
        <v>4.2026171121157821E-2</v>
      </c>
      <c r="BK214" s="974">
        <f t="shared" si="240"/>
        <v>1.0506542780289455E-2</v>
      </c>
      <c r="BL214" s="974">
        <f t="shared" si="240"/>
        <v>1.0506542780289455E-2</v>
      </c>
      <c r="BM214" s="974">
        <f t="shared" si="240"/>
        <v>0.73545799462026185</v>
      </c>
      <c r="BN214" s="974">
        <f t="shared" si="240"/>
        <v>1.0506542780289455E-2</v>
      </c>
      <c r="BO214" s="974">
        <f t="shared" si="240"/>
        <v>7.354579946202619E-2</v>
      </c>
      <c r="BP214" s="974">
        <f t="shared" si="240"/>
        <v>0</v>
      </c>
      <c r="BQ214" s="974">
        <f t="shared" si="240"/>
        <v>1.0506542780289455E-2</v>
      </c>
      <c r="BR214" s="974">
        <f t="shared" si="241"/>
        <v>0</v>
      </c>
      <c r="BS214" s="974">
        <f t="shared" si="241"/>
        <v>4.2026171121157821E-2</v>
      </c>
      <c r="BT214" s="974">
        <f t="shared" si="241"/>
        <v>0</v>
      </c>
      <c r="BU214" s="974">
        <f t="shared" si="241"/>
        <v>1.0506542780289455E-2</v>
      </c>
      <c r="BV214" s="974">
        <f t="shared" si="241"/>
        <v>6.9343182349910406E-3</v>
      </c>
      <c r="BW214" s="974">
        <f t="shared" si="241"/>
        <v>2.1298008754620658E-2</v>
      </c>
      <c r="BX214" s="974">
        <f t="shared" si="241"/>
        <v>3.0339749205113933E-3</v>
      </c>
      <c r="BY214" s="974">
        <f t="shared" si="241"/>
        <v>0</v>
      </c>
      <c r="BZ214" s="974">
        <f t="shared" si="241"/>
        <v>2.1317623032471359E-3</v>
      </c>
      <c r="CA214" s="974">
        <f t="shared" si="241"/>
        <v>0</v>
      </c>
      <c r="CB214" s="973">
        <f t="shared" si="239"/>
        <v>1.0000000000000002</v>
      </c>
    </row>
    <row r="215" spans="3:80" ht="72" x14ac:dyDescent="0.25">
      <c r="C215" s="597"/>
      <c r="D215" s="597"/>
      <c r="E215" s="597"/>
      <c r="F215" s="597"/>
      <c r="G215" s="597"/>
      <c r="H215" s="499" t="s">
        <v>2077</v>
      </c>
      <c r="I215" s="499" t="s">
        <v>1051</v>
      </c>
      <c r="J215" s="499" t="s">
        <v>1052</v>
      </c>
      <c r="K215" s="499">
        <v>51.729831619999999</v>
      </c>
      <c r="L215" s="499">
        <v>-0.45701721499999998</v>
      </c>
      <c r="M215" s="499" t="s">
        <v>1522</v>
      </c>
      <c r="N215" s="499" t="s">
        <v>1489</v>
      </c>
      <c r="O215" s="499">
        <v>1</v>
      </c>
      <c r="P215" s="499" t="s">
        <v>932</v>
      </c>
      <c r="Q215" s="499" t="s">
        <v>1490</v>
      </c>
      <c r="R215" s="499" t="s">
        <v>1491</v>
      </c>
      <c r="S215" s="499" t="s">
        <v>1492</v>
      </c>
      <c r="T215" s="499" t="s">
        <v>1493</v>
      </c>
      <c r="U215" s="499" t="s">
        <v>1706</v>
      </c>
      <c r="V215" s="946" t="str">
        <f>_xlfn.XLOOKUP(H215, [5]GIS!D:D, [5]GIS!E:E, "Not mapped")</f>
        <v>Single - Scenario 2</v>
      </c>
      <c r="W215" s="499" t="s">
        <v>1707</v>
      </c>
      <c r="X215" s="987" t="s">
        <v>2618</v>
      </c>
      <c r="Y215" s="987" t="s">
        <v>1526</v>
      </c>
      <c r="Z215" s="949">
        <v>1</v>
      </c>
      <c r="AA215" s="949">
        <v>1</v>
      </c>
      <c r="AB215" s="949">
        <v>4</v>
      </c>
      <c r="AC215" s="949">
        <v>1</v>
      </c>
      <c r="AD215" s="949">
        <v>1</v>
      </c>
      <c r="AE215" s="950">
        <v>70</v>
      </c>
      <c r="AF215" s="950">
        <v>1</v>
      </c>
      <c r="AG215" s="950">
        <v>7</v>
      </c>
      <c r="AH215" s="950">
        <v>0</v>
      </c>
      <c r="AI215" s="950">
        <v>1</v>
      </c>
      <c r="AJ215" s="950">
        <v>0</v>
      </c>
      <c r="AK215" s="950">
        <v>4</v>
      </c>
      <c r="AL215" s="950">
        <v>0</v>
      </c>
      <c r="AM215" s="950">
        <v>1</v>
      </c>
      <c r="AN215" s="951">
        <f>AT215*[5]TripRateCalculations!O$4</f>
        <v>0.66</v>
      </c>
      <c r="AO215" s="951">
        <f>AU215*[5]TripRateCalculations!P$4</f>
        <v>2.0271186440677966</v>
      </c>
      <c r="AP215" s="951">
        <f>AV215*[5]TripRateCalculations!Q$4</f>
        <v>0.28877005347593582</v>
      </c>
      <c r="AQ215" s="951">
        <f>AW215*[5]TripRateCalculations!R$4</f>
        <v>0</v>
      </c>
      <c r="AR215" s="951">
        <f>AX215*[5]TripRateCalculations!S$4</f>
        <v>0.20289855072463769</v>
      </c>
      <c r="AS215" s="951">
        <f>AY215*[5]TripRateCalculations!T$4</f>
        <v>0</v>
      </c>
      <c r="AT215" s="950">
        <v>3</v>
      </c>
      <c r="AU215" s="950">
        <v>26</v>
      </c>
      <c r="AV215" s="950">
        <v>1</v>
      </c>
      <c r="AW215" s="950">
        <v>0</v>
      </c>
      <c r="AX215" s="950">
        <v>2</v>
      </c>
      <c r="AY215" s="950">
        <v>0</v>
      </c>
      <c r="AZ215" s="905" t="s">
        <v>1983</v>
      </c>
      <c r="BA215" s="499" t="s">
        <v>834</v>
      </c>
      <c r="BB215" s="953" t="s">
        <v>53</v>
      </c>
      <c r="BC215" s="980">
        <f>ROUND((VLOOKUP(H215,'[5]Cost Summary'!A:H,8,)),0.1)</f>
        <v>553714</v>
      </c>
      <c r="BD215" s="499">
        <v>0</v>
      </c>
      <c r="BE215" s="499" t="s">
        <v>1500</v>
      </c>
      <c r="BF215" s="954" t="s">
        <v>1584</v>
      </c>
      <c r="BG215" s="1261">
        <v>359734.38</v>
      </c>
      <c r="BH215" s="977">
        <f t="shared" si="240"/>
        <v>1.0506542780289455E-2</v>
      </c>
      <c r="BI215" s="974">
        <f t="shared" si="240"/>
        <v>1.0506542780289455E-2</v>
      </c>
      <c r="BJ215" s="974">
        <f t="shared" si="240"/>
        <v>4.2026171121157821E-2</v>
      </c>
      <c r="BK215" s="974">
        <f t="shared" si="240"/>
        <v>1.0506542780289455E-2</v>
      </c>
      <c r="BL215" s="974">
        <f t="shared" si="240"/>
        <v>1.0506542780289455E-2</v>
      </c>
      <c r="BM215" s="974">
        <f t="shared" si="240"/>
        <v>0.73545799462026185</v>
      </c>
      <c r="BN215" s="974">
        <f t="shared" si="240"/>
        <v>1.0506542780289455E-2</v>
      </c>
      <c r="BO215" s="974">
        <f t="shared" si="240"/>
        <v>7.354579946202619E-2</v>
      </c>
      <c r="BP215" s="974">
        <f t="shared" si="240"/>
        <v>0</v>
      </c>
      <c r="BQ215" s="974">
        <f t="shared" si="240"/>
        <v>1.0506542780289455E-2</v>
      </c>
      <c r="BR215" s="974">
        <f t="shared" si="241"/>
        <v>0</v>
      </c>
      <c r="BS215" s="974">
        <f t="shared" si="241"/>
        <v>4.2026171121157821E-2</v>
      </c>
      <c r="BT215" s="974">
        <f t="shared" si="241"/>
        <v>0</v>
      </c>
      <c r="BU215" s="974">
        <f t="shared" si="241"/>
        <v>1.0506542780289455E-2</v>
      </c>
      <c r="BV215" s="974">
        <f t="shared" si="241"/>
        <v>6.9343182349910406E-3</v>
      </c>
      <c r="BW215" s="974">
        <f t="shared" si="241"/>
        <v>2.1298008754620658E-2</v>
      </c>
      <c r="BX215" s="974">
        <f t="shared" si="241"/>
        <v>3.0339749205113933E-3</v>
      </c>
      <c r="BY215" s="974">
        <f t="shared" si="241"/>
        <v>0</v>
      </c>
      <c r="BZ215" s="974">
        <f t="shared" si="241"/>
        <v>2.1317623032471359E-3</v>
      </c>
      <c r="CA215" s="974">
        <f t="shared" si="241"/>
        <v>0</v>
      </c>
      <c r="CB215" s="973">
        <f t="shared" si="239"/>
        <v>1.0000000000000002</v>
      </c>
    </row>
    <row r="216" spans="3:80" ht="129" hidden="1" x14ac:dyDescent="0.25">
      <c r="C216" s="597"/>
      <c r="D216" s="597" t="s">
        <v>66</v>
      </c>
      <c r="E216" s="597"/>
      <c r="F216" s="597"/>
      <c r="G216" s="597"/>
      <c r="H216" s="499" t="s">
        <v>2078</v>
      </c>
      <c r="I216" s="499" t="s">
        <v>2079</v>
      </c>
      <c r="J216" s="499" t="s">
        <v>2080</v>
      </c>
      <c r="K216" s="499">
        <v>51.732214050000003</v>
      </c>
      <c r="L216" s="499">
        <v>-0.46338488799999999</v>
      </c>
      <c r="M216" s="499" t="s">
        <v>1560</v>
      </c>
      <c r="N216" s="499" t="s">
        <v>1523</v>
      </c>
      <c r="O216" s="499">
        <v>3</v>
      </c>
      <c r="P216" s="499" t="s">
        <v>897</v>
      </c>
      <c r="Q216" s="499" t="s">
        <v>1490</v>
      </c>
      <c r="R216" s="499" t="s">
        <v>1491</v>
      </c>
      <c r="S216" s="499" t="s">
        <v>1492</v>
      </c>
      <c r="T216" s="499" t="s">
        <v>1561</v>
      </c>
      <c r="U216" s="499" t="s">
        <v>1610</v>
      </c>
      <c r="V216" s="946" t="str">
        <f>_xlfn.XLOOKUP(H216, [5]GIS!D:D, [5]GIS!E:E, "Not mapped")</f>
        <v>Single - Scenario 1</v>
      </c>
      <c r="W216" s="499" t="s">
        <v>1562</v>
      </c>
      <c r="X216" s="952" t="s">
        <v>1563</v>
      </c>
      <c r="Y216" s="952" t="s">
        <v>26</v>
      </c>
      <c r="Z216" s="1259" t="s">
        <v>1498</v>
      </c>
      <c r="AA216" s="1259" t="s">
        <v>1498</v>
      </c>
      <c r="AB216" s="1259" t="s">
        <v>1498</v>
      </c>
      <c r="AC216" s="1259" t="s">
        <v>1498</v>
      </c>
      <c r="AD216" s="1259" t="s">
        <v>1498</v>
      </c>
      <c r="AE216" s="1259" t="s">
        <v>1498</v>
      </c>
      <c r="AF216" s="1259" t="s">
        <v>1498</v>
      </c>
      <c r="AG216" s="1259" t="s">
        <v>1498</v>
      </c>
      <c r="AH216" s="1259" t="s">
        <v>1498</v>
      </c>
      <c r="AI216" s="1259" t="s">
        <v>1498</v>
      </c>
      <c r="AJ216" s="1259" t="s">
        <v>1498</v>
      </c>
      <c r="AK216" s="1259" t="s">
        <v>1498</v>
      </c>
      <c r="AL216" s="1259" t="s">
        <v>1498</v>
      </c>
      <c r="AM216" s="1259" t="s">
        <v>1498</v>
      </c>
      <c r="AN216" s="1259" t="s">
        <v>1498</v>
      </c>
      <c r="AO216" s="1259" t="s">
        <v>1498</v>
      </c>
      <c r="AP216" s="1259" t="s">
        <v>1498</v>
      </c>
      <c r="AQ216" s="1259" t="s">
        <v>1498</v>
      </c>
      <c r="AR216" s="1259" t="s">
        <v>1498</v>
      </c>
      <c r="AS216" s="1259" t="s">
        <v>1498</v>
      </c>
      <c r="AT216" s="1259" t="s">
        <v>1498</v>
      </c>
      <c r="AU216" s="1259" t="s">
        <v>1498</v>
      </c>
      <c r="AV216" s="1259" t="s">
        <v>1498</v>
      </c>
      <c r="AW216" s="1259" t="s">
        <v>1498</v>
      </c>
      <c r="AX216" s="1259" t="s">
        <v>1498</v>
      </c>
      <c r="AY216" s="1259" t="s">
        <v>1498</v>
      </c>
      <c r="AZ216" s="905" t="s">
        <v>1642</v>
      </c>
      <c r="BA216" s="499" t="s">
        <v>868</v>
      </c>
      <c r="BB216" s="953" t="s">
        <v>53</v>
      </c>
      <c r="BC216" s="981" t="str">
        <f>'[5]Cost Summary'!H75</f>
        <v>£10,000,000-£15,000,000</v>
      </c>
      <c r="BD216" s="960">
        <v>0</v>
      </c>
      <c r="BE216" s="960" t="s">
        <v>1500</v>
      </c>
      <c r="BF216" s="1274" t="s">
        <v>2081</v>
      </c>
      <c r="BG216" s="1261">
        <v>129504.38</v>
      </c>
      <c r="BH216" s="976" t="e">
        <f t="shared" ref="BH216:BU217" si="242">Z216/(SUM($Z216:$AY216))</f>
        <v>#VALUE!</v>
      </c>
      <c r="BI216" s="972" t="e">
        <f t="shared" si="242"/>
        <v>#VALUE!</v>
      </c>
      <c r="BJ216" s="972" t="e">
        <f t="shared" si="242"/>
        <v>#VALUE!</v>
      </c>
      <c r="BK216" s="972" t="e">
        <f t="shared" si="242"/>
        <v>#VALUE!</v>
      </c>
      <c r="BL216" s="972" t="e">
        <f t="shared" si="242"/>
        <v>#VALUE!</v>
      </c>
      <c r="BM216" s="972" t="e">
        <f t="shared" si="242"/>
        <v>#VALUE!</v>
      </c>
      <c r="BN216" s="972" t="e">
        <f t="shared" si="242"/>
        <v>#VALUE!</v>
      </c>
      <c r="BO216" s="972" t="e">
        <f t="shared" si="242"/>
        <v>#VALUE!</v>
      </c>
      <c r="BP216" s="972" t="e">
        <f t="shared" si="242"/>
        <v>#VALUE!</v>
      </c>
      <c r="BQ216" s="972" t="e">
        <f t="shared" si="242"/>
        <v>#VALUE!</v>
      </c>
      <c r="BR216" s="972" t="e">
        <f t="shared" si="242"/>
        <v>#VALUE!</v>
      </c>
      <c r="BS216" s="972" t="e">
        <f t="shared" si="242"/>
        <v>#VALUE!</v>
      </c>
      <c r="BT216" s="972" t="e">
        <f t="shared" si="242"/>
        <v>#VALUE!</v>
      </c>
      <c r="BU216" s="972" t="e">
        <f t="shared" si="242"/>
        <v>#VALUE!</v>
      </c>
      <c r="BV216" s="972" t="e">
        <f t="shared" ref="BV216:CA217" si="243">AM216/(SUM($Z216:$AY216))</f>
        <v>#VALUE!</v>
      </c>
      <c r="BW216" s="972" t="e">
        <f t="shared" si="243"/>
        <v>#VALUE!</v>
      </c>
      <c r="BX216" s="972" t="e">
        <f t="shared" si="243"/>
        <v>#VALUE!</v>
      </c>
      <c r="BY216" s="972" t="e">
        <f t="shared" si="243"/>
        <v>#VALUE!</v>
      </c>
      <c r="BZ216" s="972" t="e">
        <f t="shared" si="243"/>
        <v>#VALUE!</v>
      </c>
      <c r="CA216" s="972" t="e">
        <f t="shared" si="243"/>
        <v>#VALUE!</v>
      </c>
      <c r="CB216" s="973" t="e">
        <f t="shared" si="239"/>
        <v>#VALUE!</v>
      </c>
    </row>
    <row r="217" spans="3:80" ht="53.1" hidden="1" customHeight="1" x14ac:dyDescent="0.25">
      <c r="C217" s="597"/>
      <c r="D217" s="597"/>
      <c r="E217" s="597"/>
      <c r="F217" s="597"/>
      <c r="G217" s="597"/>
      <c r="H217" s="499" t="s">
        <v>1747</v>
      </c>
      <c r="I217" s="499" t="s">
        <v>942</v>
      </c>
      <c r="J217" s="499" t="s">
        <v>943</v>
      </c>
      <c r="K217" s="499" t="s">
        <v>1521</v>
      </c>
      <c r="L217" s="499" t="s">
        <v>1521</v>
      </c>
      <c r="M217" s="499" t="s">
        <v>1488</v>
      </c>
      <c r="N217" s="499" t="s">
        <v>1523</v>
      </c>
      <c r="O217" s="499">
        <v>2</v>
      </c>
      <c r="P217" s="499" t="s">
        <v>932</v>
      </c>
      <c r="Q217" s="499" t="s">
        <v>1490</v>
      </c>
      <c r="R217" s="499" t="s">
        <v>1491</v>
      </c>
      <c r="S217" s="499" t="s">
        <v>1492</v>
      </c>
      <c r="T217" s="499" t="s">
        <v>1493</v>
      </c>
      <c r="U217" s="499" t="s">
        <v>1511</v>
      </c>
      <c r="V217" s="946" t="str">
        <f>_xlfn.XLOOKUP(H217, [5]GIS!D:D, [5]GIS!E:E, "Not mapped")</f>
        <v>Single - Scenario 2</v>
      </c>
      <c r="W217" s="499" t="s">
        <v>1542</v>
      </c>
      <c r="X217" s="986" t="s">
        <v>1653</v>
      </c>
      <c r="Y217" s="986" t="s">
        <v>1918</v>
      </c>
      <c r="Z217" s="1259" t="s">
        <v>1498</v>
      </c>
      <c r="AA217" s="1259" t="s">
        <v>1498</v>
      </c>
      <c r="AB217" s="1259" t="s">
        <v>1498</v>
      </c>
      <c r="AC217" s="1259" t="s">
        <v>1498</v>
      </c>
      <c r="AD217" s="1259" t="s">
        <v>1498</v>
      </c>
      <c r="AE217" s="1259" t="s">
        <v>1498</v>
      </c>
      <c r="AF217" s="1259" t="s">
        <v>1498</v>
      </c>
      <c r="AG217" s="1259" t="s">
        <v>1498</v>
      </c>
      <c r="AH217" s="1259" t="s">
        <v>1498</v>
      </c>
      <c r="AI217" s="1259" t="s">
        <v>1498</v>
      </c>
      <c r="AJ217" s="1259" t="s">
        <v>1498</v>
      </c>
      <c r="AK217" s="1259" t="s">
        <v>1498</v>
      </c>
      <c r="AL217" s="1259" t="s">
        <v>1498</v>
      </c>
      <c r="AM217" s="1259" t="s">
        <v>1498</v>
      </c>
      <c r="AN217" s="1259" t="s">
        <v>1498</v>
      </c>
      <c r="AO217" s="1259" t="s">
        <v>1498</v>
      </c>
      <c r="AP217" s="1259" t="s">
        <v>1498</v>
      </c>
      <c r="AQ217" s="1259" t="s">
        <v>1498</v>
      </c>
      <c r="AR217" s="1259" t="s">
        <v>1498</v>
      </c>
      <c r="AS217" s="1259"/>
      <c r="AT217" s="1259" t="s">
        <v>1498</v>
      </c>
      <c r="AU217" s="1259" t="s">
        <v>1498</v>
      </c>
      <c r="AV217" s="1259" t="s">
        <v>1498</v>
      </c>
      <c r="AW217" s="1259" t="s">
        <v>1498</v>
      </c>
      <c r="AX217" s="1259" t="s">
        <v>1498</v>
      </c>
      <c r="AY217" s="1259" t="s">
        <v>1498</v>
      </c>
      <c r="AZ217" s="905" t="s">
        <v>1539</v>
      </c>
      <c r="BA217" s="499" t="s">
        <v>834</v>
      </c>
      <c r="BB217" s="953" t="s">
        <v>869</v>
      </c>
      <c r="BC217" s="980">
        <f>ROUND((VLOOKUP(H217,'[5]Cost Summary'!A:H,8,)),0.1)</f>
        <v>2369897</v>
      </c>
      <c r="BD217" s="499">
        <v>0</v>
      </c>
      <c r="BE217" s="499" t="s">
        <v>1500</v>
      </c>
      <c r="BF217" s="954" t="s">
        <v>1584</v>
      </c>
      <c r="BG217" s="1261">
        <v>1539663.13</v>
      </c>
      <c r="BH217" s="976" t="e">
        <f t="shared" si="242"/>
        <v>#VALUE!</v>
      </c>
      <c r="BI217" s="972" t="e">
        <f t="shared" si="242"/>
        <v>#VALUE!</v>
      </c>
      <c r="BJ217" s="972" t="e">
        <f t="shared" si="242"/>
        <v>#VALUE!</v>
      </c>
      <c r="BK217" s="972" t="e">
        <f t="shared" si="242"/>
        <v>#VALUE!</v>
      </c>
      <c r="BL217" s="972" t="e">
        <f t="shared" si="242"/>
        <v>#VALUE!</v>
      </c>
      <c r="BM217" s="972" t="e">
        <f t="shared" si="242"/>
        <v>#VALUE!</v>
      </c>
      <c r="BN217" s="972" t="e">
        <f t="shared" si="242"/>
        <v>#VALUE!</v>
      </c>
      <c r="BO217" s="972" t="e">
        <f t="shared" si="242"/>
        <v>#VALUE!</v>
      </c>
      <c r="BP217" s="972" t="e">
        <f t="shared" si="242"/>
        <v>#VALUE!</v>
      </c>
      <c r="BQ217" s="972" t="e">
        <f t="shared" si="242"/>
        <v>#VALUE!</v>
      </c>
      <c r="BR217" s="972" t="e">
        <f t="shared" si="242"/>
        <v>#VALUE!</v>
      </c>
      <c r="BS217" s="972" t="e">
        <f t="shared" si="242"/>
        <v>#VALUE!</v>
      </c>
      <c r="BT217" s="972" t="e">
        <f t="shared" si="242"/>
        <v>#VALUE!</v>
      </c>
      <c r="BU217" s="972" t="e">
        <f t="shared" si="242"/>
        <v>#VALUE!</v>
      </c>
      <c r="BV217" s="972" t="e">
        <f t="shared" si="243"/>
        <v>#VALUE!</v>
      </c>
      <c r="BW217" s="972" t="e">
        <f t="shared" si="243"/>
        <v>#VALUE!</v>
      </c>
      <c r="BX217" s="972" t="e">
        <f t="shared" si="243"/>
        <v>#VALUE!</v>
      </c>
      <c r="BY217" s="972" t="e">
        <f t="shared" si="243"/>
        <v>#VALUE!</v>
      </c>
      <c r="BZ217" s="972" t="e">
        <f t="shared" si="243"/>
        <v>#VALUE!</v>
      </c>
      <c r="CA217" s="972" t="e">
        <f t="shared" si="243"/>
        <v>#VALUE!</v>
      </c>
      <c r="CB217" s="973" t="e">
        <f t="shared" si="239"/>
        <v>#VALUE!</v>
      </c>
    </row>
    <row r="218" spans="3:80" ht="57.75" x14ac:dyDescent="0.25">
      <c r="C218" s="597"/>
      <c r="D218" s="597"/>
      <c r="E218" s="597"/>
      <c r="F218" s="597"/>
      <c r="G218" s="597"/>
      <c r="H218" s="499" t="s">
        <v>2083</v>
      </c>
      <c r="I218" s="499" t="s">
        <v>1053</v>
      </c>
      <c r="J218" s="499" t="s">
        <v>1054</v>
      </c>
      <c r="K218" s="499">
        <v>51.730353000000001</v>
      </c>
      <c r="L218" s="499">
        <v>-0.45757399999999998</v>
      </c>
      <c r="M218" s="499" t="s">
        <v>1522</v>
      </c>
      <c r="N218" s="499" t="s">
        <v>1489</v>
      </c>
      <c r="O218" s="499">
        <v>1</v>
      </c>
      <c r="P218" s="499" t="s">
        <v>932</v>
      </c>
      <c r="Q218" s="499" t="s">
        <v>1490</v>
      </c>
      <c r="R218" s="499" t="s">
        <v>1491</v>
      </c>
      <c r="S218" s="499" t="s">
        <v>1492</v>
      </c>
      <c r="T218" s="499" t="s">
        <v>1493</v>
      </c>
      <c r="U218" s="499" t="s">
        <v>1706</v>
      </c>
      <c r="V218" s="946" t="str">
        <f>_xlfn.XLOOKUP(H218, [5]GIS!D:D, [5]GIS!E:E, "Not mapped")</f>
        <v>Single - Scenario 2</v>
      </c>
      <c r="W218" s="499" t="s">
        <v>1707</v>
      </c>
      <c r="X218" s="987" t="s">
        <v>2618</v>
      </c>
      <c r="Y218" s="987" t="s">
        <v>1526</v>
      </c>
      <c r="Z218" s="949">
        <v>1</v>
      </c>
      <c r="AA218" s="949">
        <v>1</v>
      </c>
      <c r="AB218" s="949">
        <v>4</v>
      </c>
      <c r="AC218" s="949">
        <v>1</v>
      </c>
      <c r="AD218" s="949">
        <v>1</v>
      </c>
      <c r="AE218" s="950">
        <v>70</v>
      </c>
      <c r="AF218" s="950">
        <v>1</v>
      </c>
      <c r="AG218" s="950">
        <v>7</v>
      </c>
      <c r="AH218" s="950">
        <v>0</v>
      </c>
      <c r="AI218" s="950">
        <v>1</v>
      </c>
      <c r="AJ218" s="950">
        <v>0</v>
      </c>
      <c r="AK218" s="950">
        <v>4</v>
      </c>
      <c r="AL218" s="950">
        <v>0</v>
      </c>
      <c r="AM218" s="950">
        <v>1</v>
      </c>
      <c r="AN218" s="951">
        <f>AT218*[5]TripRateCalculations!O$4</f>
        <v>0.66</v>
      </c>
      <c r="AO218" s="951">
        <f>AU218*[5]TripRateCalculations!P$4</f>
        <v>2.0271186440677966</v>
      </c>
      <c r="AP218" s="951">
        <f>AV218*[5]TripRateCalculations!Q$4</f>
        <v>0.28877005347593582</v>
      </c>
      <c r="AQ218" s="951">
        <f>AW218*[5]TripRateCalculations!R$4</f>
        <v>0</v>
      </c>
      <c r="AR218" s="951">
        <f>AX218*[5]TripRateCalculations!S$4</f>
        <v>0.20289855072463769</v>
      </c>
      <c r="AS218" s="951">
        <f>AY218*[5]TripRateCalculations!T$4</f>
        <v>0</v>
      </c>
      <c r="AT218" s="950">
        <v>3</v>
      </c>
      <c r="AU218" s="950">
        <v>26</v>
      </c>
      <c r="AV218" s="950">
        <v>1</v>
      </c>
      <c r="AW218" s="950">
        <v>0</v>
      </c>
      <c r="AX218" s="950">
        <v>2</v>
      </c>
      <c r="AY218" s="950">
        <v>0</v>
      </c>
      <c r="AZ218" s="905" t="s">
        <v>1983</v>
      </c>
      <c r="BA218" s="499" t="s">
        <v>834</v>
      </c>
      <c r="BB218" s="953" t="s">
        <v>53</v>
      </c>
      <c r="BC218" s="980">
        <f>ROUND((VLOOKUP(H218,'[5]Cost Summary'!A:H,8,)),0.1)</f>
        <v>72774</v>
      </c>
      <c r="BD218" s="499">
        <v>0</v>
      </c>
      <c r="BE218" s="499" t="s">
        <v>1500</v>
      </c>
      <c r="BF218" s="954" t="s">
        <v>1584</v>
      </c>
      <c r="BG218" s="1261">
        <v>47279.38</v>
      </c>
      <c r="BH218" s="977">
        <f t="shared" ref="BH218:BQ219" si="244">Z218/(SUM($Z218:$AS218))</f>
        <v>1.0506542780289455E-2</v>
      </c>
      <c r="BI218" s="974">
        <f t="shared" si="244"/>
        <v>1.0506542780289455E-2</v>
      </c>
      <c r="BJ218" s="974">
        <f t="shared" si="244"/>
        <v>4.2026171121157821E-2</v>
      </c>
      <c r="BK218" s="974">
        <f t="shared" si="244"/>
        <v>1.0506542780289455E-2</v>
      </c>
      <c r="BL218" s="974">
        <f t="shared" si="244"/>
        <v>1.0506542780289455E-2</v>
      </c>
      <c r="BM218" s="974">
        <f t="shared" si="244"/>
        <v>0.73545799462026185</v>
      </c>
      <c r="BN218" s="974">
        <f t="shared" si="244"/>
        <v>1.0506542780289455E-2</v>
      </c>
      <c r="BO218" s="974">
        <f t="shared" si="244"/>
        <v>7.354579946202619E-2</v>
      </c>
      <c r="BP218" s="974">
        <f t="shared" si="244"/>
        <v>0</v>
      </c>
      <c r="BQ218" s="974">
        <f t="shared" si="244"/>
        <v>1.0506542780289455E-2</v>
      </c>
      <c r="BR218" s="974">
        <f t="shared" ref="BR218:CA219" si="245">AJ218/(SUM($Z218:$AS218))</f>
        <v>0</v>
      </c>
      <c r="BS218" s="974">
        <f t="shared" si="245"/>
        <v>4.2026171121157821E-2</v>
      </c>
      <c r="BT218" s="974">
        <f t="shared" si="245"/>
        <v>0</v>
      </c>
      <c r="BU218" s="974">
        <f t="shared" si="245"/>
        <v>1.0506542780289455E-2</v>
      </c>
      <c r="BV218" s="974">
        <f t="shared" si="245"/>
        <v>6.9343182349910406E-3</v>
      </c>
      <c r="BW218" s="974">
        <f t="shared" si="245"/>
        <v>2.1298008754620658E-2</v>
      </c>
      <c r="BX218" s="974">
        <f t="shared" si="245"/>
        <v>3.0339749205113933E-3</v>
      </c>
      <c r="BY218" s="974">
        <f t="shared" si="245"/>
        <v>0</v>
      </c>
      <c r="BZ218" s="974">
        <f t="shared" si="245"/>
        <v>2.1317623032471359E-3</v>
      </c>
      <c r="CA218" s="974">
        <f t="shared" si="245"/>
        <v>0</v>
      </c>
      <c r="CB218" s="973">
        <f t="shared" si="239"/>
        <v>1.0000000000000002</v>
      </c>
    </row>
    <row r="219" spans="3:80" ht="83.65" customHeight="1" x14ac:dyDescent="0.25">
      <c r="C219" s="597"/>
      <c r="D219" s="597"/>
      <c r="E219" s="597"/>
      <c r="F219" s="597"/>
      <c r="G219" s="597"/>
      <c r="H219" s="499" t="s">
        <v>2084</v>
      </c>
      <c r="I219" s="499" t="s">
        <v>1055</v>
      </c>
      <c r="J219" s="499" t="s">
        <v>1056</v>
      </c>
      <c r="K219" s="499" t="s">
        <v>1521</v>
      </c>
      <c r="L219" s="499" t="s">
        <v>1521</v>
      </c>
      <c r="M219" s="499" t="s">
        <v>1522</v>
      </c>
      <c r="N219" s="499" t="s">
        <v>1489</v>
      </c>
      <c r="O219" s="499">
        <v>1</v>
      </c>
      <c r="P219" s="499" t="s">
        <v>932</v>
      </c>
      <c r="Q219" s="499" t="s">
        <v>1490</v>
      </c>
      <c r="R219" s="499" t="s">
        <v>1491</v>
      </c>
      <c r="S219" s="499" t="s">
        <v>1492</v>
      </c>
      <c r="T219" s="499" t="s">
        <v>1493</v>
      </c>
      <c r="U219" s="499" t="s">
        <v>1706</v>
      </c>
      <c r="V219" s="946" t="str">
        <f>_xlfn.XLOOKUP(H219, [5]GIS!D:D, [5]GIS!E:E, "Not mapped")</f>
        <v>Single - Scenario 2</v>
      </c>
      <c r="W219" s="499" t="s">
        <v>1707</v>
      </c>
      <c r="X219" s="987" t="s">
        <v>2618</v>
      </c>
      <c r="Y219" s="987" t="s">
        <v>1526</v>
      </c>
      <c r="Z219" s="949">
        <v>1</v>
      </c>
      <c r="AA219" s="949">
        <v>1</v>
      </c>
      <c r="AB219" s="949">
        <v>4</v>
      </c>
      <c r="AC219" s="949">
        <v>1</v>
      </c>
      <c r="AD219" s="949">
        <v>1</v>
      </c>
      <c r="AE219" s="950">
        <v>70</v>
      </c>
      <c r="AF219" s="950">
        <v>1</v>
      </c>
      <c r="AG219" s="950">
        <v>7</v>
      </c>
      <c r="AH219" s="950">
        <v>0</v>
      </c>
      <c r="AI219" s="950">
        <v>1</v>
      </c>
      <c r="AJ219" s="950">
        <v>0</v>
      </c>
      <c r="AK219" s="950">
        <v>4</v>
      </c>
      <c r="AL219" s="950">
        <v>0</v>
      </c>
      <c r="AM219" s="950">
        <v>1</v>
      </c>
      <c r="AN219" s="951">
        <f>AT219*[5]TripRateCalculations!O$4</f>
        <v>0.66</v>
      </c>
      <c r="AO219" s="951">
        <f>AU219*[5]TripRateCalculations!P$4</f>
        <v>2.0271186440677966</v>
      </c>
      <c r="AP219" s="951">
        <f>AV219*[5]TripRateCalculations!Q$4</f>
        <v>0.28877005347593582</v>
      </c>
      <c r="AQ219" s="951">
        <f>AW219*[5]TripRateCalculations!R$4</f>
        <v>0</v>
      </c>
      <c r="AR219" s="951">
        <f>AX219*[5]TripRateCalculations!S$4</f>
        <v>0.20289855072463769</v>
      </c>
      <c r="AS219" s="951">
        <f>AY219*[5]TripRateCalculations!T$4</f>
        <v>0</v>
      </c>
      <c r="AT219" s="950">
        <v>3</v>
      </c>
      <c r="AU219" s="950">
        <v>26</v>
      </c>
      <c r="AV219" s="950">
        <v>1</v>
      </c>
      <c r="AW219" s="950">
        <v>0</v>
      </c>
      <c r="AX219" s="950">
        <v>2</v>
      </c>
      <c r="AY219" s="950">
        <v>0</v>
      </c>
      <c r="AZ219" s="905" t="s">
        <v>1983</v>
      </c>
      <c r="BA219" s="499" t="s">
        <v>834</v>
      </c>
      <c r="BB219" s="953" t="s">
        <v>53</v>
      </c>
      <c r="BC219" s="980">
        <f>ROUND((VLOOKUP(H219,'[5]Cost Summary'!A:H,8,)),0.1)</f>
        <v>1518759</v>
      </c>
      <c r="BD219" s="499">
        <v>1</v>
      </c>
      <c r="BE219" s="499">
        <v>7</v>
      </c>
      <c r="BF219" s="954" t="s">
        <v>1584</v>
      </c>
      <c r="BG219" s="1261">
        <v>986700</v>
      </c>
      <c r="BH219" s="977">
        <f t="shared" si="244"/>
        <v>1.0506542780289455E-2</v>
      </c>
      <c r="BI219" s="974">
        <f t="shared" si="244"/>
        <v>1.0506542780289455E-2</v>
      </c>
      <c r="BJ219" s="974">
        <f t="shared" si="244"/>
        <v>4.2026171121157821E-2</v>
      </c>
      <c r="BK219" s="974">
        <f t="shared" si="244"/>
        <v>1.0506542780289455E-2</v>
      </c>
      <c r="BL219" s="974">
        <f t="shared" si="244"/>
        <v>1.0506542780289455E-2</v>
      </c>
      <c r="BM219" s="974">
        <f t="shared" si="244"/>
        <v>0.73545799462026185</v>
      </c>
      <c r="BN219" s="974">
        <f t="shared" si="244"/>
        <v>1.0506542780289455E-2</v>
      </c>
      <c r="BO219" s="974">
        <f t="shared" si="244"/>
        <v>7.354579946202619E-2</v>
      </c>
      <c r="BP219" s="974">
        <f t="shared" si="244"/>
        <v>0</v>
      </c>
      <c r="BQ219" s="974">
        <f t="shared" si="244"/>
        <v>1.0506542780289455E-2</v>
      </c>
      <c r="BR219" s="974">
        <f t="shared" si="245"/>
        <v>0</v>
      </c>
      <c r="BS219" s="974">
        <f t="shared" si="245"/>
        <v>4.2026171121157821E-2</v>
      </c>
      <c r="BT219" s="974">
        <f t="shared" si="245"/>
        <v>0</v>
      </c>
      <c r="BU219" s="974">
        <f t="shared" si="245"/>
        <v>1.0506542780289455E-2</v>
      </c>
      <c r="BV219" s="974">
        <f t="shared" si="245"/>
        <v>6.9343182349910406E-3</v>
      </c>
      <c r="BW219" s="974">
        <f t="shared" si="245"/>
        <v>2.1298008754620658E-2</v>
      </c>
      <c r="BX219" s="974">
        <f t="shared" si="245"/>
        <v>3.0339749205113933E-3</v>
      </c>
      <c r="BY219" s="974">
        <f t="shared" si="245"/>
        <v>0</v>
      </c>
      <c r="BZ219" s="974">
        <f t="shared" si="245"/>
        <v>2.1317623032471359E-3</v>
      </c>
      <c r="CA219" s="974">
        <f t="shared" si="245"/>
        <v>0</v>
      </c>
      <c r="CB219" s="973">
        <f t="shared" si="239"/>
        <v>1.0000000000000002</v>
      </c>
    </row>
    <row r="220" spans="3:80" ht="93" hidden="1" customHeight="1" x14ac:dyDescent="0.25">
      <c r="C220" s="597"/>
      <c r="D220" s="597"/>
      <c r="E220" s="597"/>
      <c r="F220" s="597"/>
      <c r="G220" s="597" t="s">
        <v>66</v>
      </c>
      <c r="H220" s="499" t="s">
        <v>2086</v>
      </c>
      <c r="I220" s="499" t="s">
        <v>2087</v>
      </c>
      <c r="J220" s="499" t="s">
        <v>2088</v>
      </c>
      <c r="K220" s="499">
        <v>51.741713448895702</v>
      </c>
      <c r="L220" s="499">
        <v>-0.389423705179479</v>
      </c>
      <c r="M220" s="499" t="s">
        <v>1522</v>
      </c>
      <c r="N220" s="499" t="s">
        <v>1523</v>
      </c>
      <c r="O220" s="499">
        <v>3</v>
      </c>
      <c r="P220" s="499" t="s">
        <v>870</v>
      </c>
      <c r="Q220" s="499" t="s">
        <v>1578</v>
      </c>
      <c r="R220" s="499" t="s">
        <v>1491</v>
      </c>
      <c r="S220" s="499" t="s">
        <v>1492</v>
      </c>
      <c r="T220" s="499" t="s">
        <v>2089</v>
      </c>
      <c r="U220" s="499"/>
      <c r="V220" s="946" t="str">
        <f>_xlfn.XLOOKUP(H220, [5]GIS!D:D, [5]GIS!E:E, "Not mapped")</f>
        <v>Single - Scenario 1</v>
      </c>
      <c r="W220" s="499"/>
      <c r="X220" s="1272" t="s">
        <v>1618</v>
      </c>
      <c r="Y220" s="1272" t="s">
        <v>1619</v>
      </c>
      <c r="Z220" s="1259" t="s">
        <v>1498</v>
      </c>
      <c r="AA220" s="1259" t="s">
        <v>1498</v>
      </c>
      <c r="AB220" s="1259" t="s">
        <v>1498</v>
      </c>
      <c r="AC220" s="1259" t="s">
        <v>1498</v>
      </c>
      <c r="AD220" s="1259" t="s">
        <v>1498</v>
      </c>
      <c r="AE220" s="1259" t="s">
        <v>1498</v>
      </c>
      <c r="AF220" s="1259" t="s">
        <v>1498</v>
      </c>
      <c r="AG220" s="1259" t="s">
        <v>1498</v>
      </c>
      <c r="AH220" s="1259" t="s">
        <v>1498</v>
      </c>
      <c r="AI220" s="1259" t="s">
        <v>1498</v>
      </c>
      <c r="AJ220" s="1259" t="s">
        <v>1498</v>
      </c>
      <c r="AK220" s="1259" t="s">
        <v>1498</v>
      </c>
      <c r="AL220" s="1259" t="s">
        <v>1498</v>
      </c>
      <c r="AM220" s="1259" t="s">
        <v>1498</v>
      </c>
      <c r="AN220" s="1259" t="s">
        <v>1498</v>
      </c>
      <c r="AO220" s="1259" t="s">
        <v>1498</v>
      </c>
      <c r="AP220" s="1259" t="s">
        <v>1498</v>
      </c>
      <c r="AQ220" s="1259" t="s">
        <v>1498</v>
      </c>
      <c r="AR220" s="1259" t="s">
        <v>1498</v>
      </c>
      <c r="AS220" s="1259" t="s">
        <v>1498</v>
      </c>
      <c r="AT220" s="1259" t="s">
        <v>1498</v>
      </c>
      <c r="AU220" s="1259" t="s">
        <v>1498</v>
      </c>
      <c r="AV220" s="1259" t="s">
        <v>1498</v>
      </c>
      <c r="AW220" s="1259" t="s">
        <v>1498</v>
      </c>
      <c r="AX220" s="1259" t="s">
        <v>1498</v>
      </c>
      <c r="AY220" s="1259" t="s">
        <v>1498</v>
      </c>
      <c r="AZ220" s="905"/>
      <c r="BA220" s="499" t="s">
        <v>904</v>
      </c>
      <c r="BB220" s="953" t="s">
        <v>869</v>
      </c>
      <c r="BC220" s="982">
        <f>ROUND((VLOOKUP(H220,'[5]Cost Summary'!A:H,8,)),0.1)</f>
        <v>2809962</v>
      </c>
      <c r="BD220" s="966"/>
      <c r="BE220" s="966"/>
      <c r="BF220" s="967" t="s">
        <v>1527</v>
      </c>
      <c r="BG220" s="1261" t="s">
        <v>1528</v>
      </c>
      <c r="BH220" s="976" t="e">
        <f t="shared" ref="BH220:BU222" si="246">Z220/(SUM($Z220:$AY220))</f>
        <v>#VALUE!</v>
      </c>
      <c r="BI220" s="972" t="e">
        <f t="shared" si="246"/>
        <v>#VALUE!</v>
      </c>
      <c r="BJ220" s="972" t="e">
        <f t="shared" si="246"/>
        <v>#VALUE!</v>
      </c>
      <c r="BK220" s="972" t="e">
        <f t="shared" si="246"/>
        <v>#VALUE!</v>
      </c>
      <c r="BL220" s="972" t="e">
        <f t="shared" si="246"/>
        <v>#VALUE!</v>
      </c>
      <c r="BM220" s="972" t="e">
        <f t="shared" si="246"/>
        <v>#VALUE!</v>
      </c>
      <c r="BN220" s="972" t="e">
        <f t="shared" si="246"/>
        <v>#VALUE!</v>
      </c>
      <c r="BO220" s="972" t="e">
        <f t="shared" si="246"/>
        <v>#VALUE!</v>
      </c>
      <c r="BP220" s="972" t="e">
        <f t="shared" si="246"/>
        <v>#VALUE!</v>
      </c>
      <c r="BQ220" s="972" t="e">
        <f t="shared" si="246"/>
        <v>#VALUE!</v>
      </c>
      <c r="BR220" s="972" t="e">
        <f t="shared" si="246"/>
        <v>#VALUE!</v>
      </c>
      <c r="BS220" s="972" t="e">
        <f t="shared" si="246"/>
        <v>#VALUE!</v>
      </c>
      <c r="BT220" s="972" t="e">
        <f t="shared" si="246"/>
        <v>#VALUE!</v>
      </c>
      <c r="BU220" s="972" t="e">
        <f t="shared" si="246"/>
        <v>#VALUE!</v>
      </c>
      <c r="BV220" s="972" t="e">
        <f t="shared" ref="BV220:CA222" si="247">AM220/(SUM($Z220:$AY220))</f>
        <v>#VALUE!</v>
      </c>
      <c r="BW220" s="972" t="e">
        <f t="shared" si="247"/>
        <v>#VALUE!</v>
      </c>
      <c r="BX220" s="972" t="e">
        <f t="shared" si="247"/>
        <v>#VALUE!</v>
      </c>
      <c r="BY220" s="972" t="e">
        <f t="shared" si="247"/>
        <v>#VALUE!</v>
      </c>
      <c r="BZ220" s="972" t="e">
        <f t="shared" si="247"/>
        <v>#VALUE!</v>
      </c>
      <c r="CA220" s="972" t="e">
        <f t="shared" si="247"/>
        <v>#VALUE!</v>
      </c>
      <c r="CB220" s="973" t="e">
        <f t="shared" si="239"/>
        <v>#VALUE!</v>
      </c>
    </row>
    <row r="221" spans="3:80" ht="115.5" hidden="1" customHeight="1" x14ac:dyDescent="0.25">
      <c r="C221" s="597" t="s">
        <v>66</v>
      </c>
      <c r="D221" s="597" t="s">
        <v>66</v>
      </c>
      <c r="E221" s="597" t="s">
        <v>66</v>
      </c>
      <c r="F221" s="597"/>
      <c r="G221" s="597"/>
      <c r="H221" s="499" t="s">
        <v>2090</v>
      </c>
      <c r="I221" s="499" t="s">
        <v>1275</v>
      </c>
      <c r="J221" s="499" t="s">
        <v>2091</v>
      </c>
      <c r="K221" s="499" t="s">
        <v>1521</v>
      </c>
      <c r="L221" s="499" t="s">
        <v>1521</v>
      </c>
      <c r="M221" s="499" t="s">
        <v>1488</v>
      </c>
      <c r="N221" s="499" t="s">
        <v>1489</v>
      </c>
      <c r="O221" s="499">
        <v>1</v>
      </c>
      <c r="P221" s="499" t="s">
        <v>932</v>
      </c>
      <c r="Q221" s="499" t="s">
        <v>1490</v>
      </c>
      <c r="R221" s="499" t="s">
        <v>1491</v>
      </c>
      <c r="S221" s="499" t="s">
        <v>1492</v>
      </c>
      <c r="T221" s="499" t="s">
        <v>1493</v>
      </c>
      <c r="U221" s="499" t="s">
        <v>1507</v>
      </c>
      <c r="V221" s="946" t="str">
        <f>_xlfn.XLOOKUP(H221, [5]GIS!D:D, [5]GIS!E:E, "Not mapped")</f>
        <v>Single - Scenario 2</v>
      </c>
      <c r="W221" s="499"/>
      <c r="X221" s="986" t="s">
        <v>1653</v>
      </c>
      <c r="Y221" s="1276" t="s">
        <v>2092</v>
      </c>
      <c r="Z221" s="1259" t="s">
        <v>1498</v>
      </c>
      <c r="AA221" s="1259" t="s">
        <v>1498</v>
      </c>
      <c r="AB221" s="1259" t="s">
        <v>1498</v>
      </c>
      <c r="AC221" s="1259" t="s">
        <v>1498</v>
      </c>
      <c r="AD221" s="1259" t="s">
        <v>1498</v>
      </c>
      <c r="AE221" s="1259" t="s">
        <v>1498</v>
      </c>
      <c r="AF221" s="1259" t="s">
        <v>1498</v>
      </c>
      <c r="AG221" s="1259" t="s">
        <v>1498</v>
      </c>
      <c r="AH221" s="1259" t="s">
        <v>1498</v>
      </c>
      <c r="AI221" s="1259" t="s">
        <v>1498</v>
      </c>
      <c r="AJ221" s="1259" t="s">
        <v>1498</v>
      </c>
      <c r="AK221" s="1259" t="s">
        <v>1498</v>
      </c>
      <c r="AL221" s="1259" t="s">
        <v>1498</v>
      </c>
      <c r="AM221" s="1259" t="s">
        <v>1498</v>
      </c>
      <c r="AN221" s="1259" t="s">
        <v>1498</v>
      </c>
      <c r="AO221" s="1259" t="s">
        <v>1498</v>
      </c>
      <c r="AP221" s="1259" t="s">
        <v>1498</v>
      </c>
      <c r="AQ221" s="1259" t="s">
        <v>1498</v>
      </c>
      <c r="AR221" s="1259" t="s">
        <v>1498</v>
      </c>
      <c r="AS221" s="1259" t="s">
        <v>1498</v>
      </c>
      <c r="AT221" s="1259" t="s">
        <v>1498</v>
      </c>
      <c r="AU221" s="1259" t="s">
        <v>1498</v>
      </c>
      <c r="AV221" s="1259" t="s">
        <v>1498</v>
      </c>
      <c r="AW221" s="1259" t="s">
        <v>1498</v>
      </c>
      <c r="AX221" s="1259" t="s">
        <v>1498</v>
      </c>
      <c r="AY221" s="1259" t="s">
        <v>1498</v>
      </c>
      <c r="AZ221" s="905" t="s">
        <v>1642</v>
      </c>
      <c r="BA221" s="499" t="s">
        <v>722</v>
      </c>
      <c r="BB221" s="953" t="s">
        <v>53</v>
      </c>
      <c r="BC221" s="980">
        <f>ROUND((VLOOKUP(H221,'[5]Cost Summary'!A:H,8,)),0.1)</f>
        <v>345715</v>
      </c>
      <c r="BD221" s="499">
        <v>1</v>
      </c>
      <c r="BE221" s="499">
        <v>2</v>
      </c>
      <c r="BF221" s="954" t="s">
        <v>2058</v>
      </c>
      <c r="BG221" s="1261">
        <v>124150.5</v>
      </c>
      <c r="BH221" s="976" t="e">
        <f t="shared" si="246"/>
        <v>#VALUE!</v>
      </c>
      <c r="BI221" s="972" t="e">
        <f t="shared" si="246"/>
        <v>#VALUE!</v>
      </c>
      <c r="BJ221" s="972" t="e">
        <f t="shared" si="246"/>
        <v>#VALUE!</v>
      </c>
      <c r="BK221" s="972" t="e">
        <f t="shared" si="246"/>
        <v>#VALUE!</v>
      </c>
      <c r="BL221" s="972" t="e">
        <f t="shared" si="246"/>
        <v>#VALUE!</v>
      </c>
      <c r="BM221" s="972" t="e">
        <f t="shared" si="246"/>
        <v>#VALUE!</v>
      </c>
      <c r="BN221" s="972" t="e">
        <f t="shared" si="246"/>
        <v>#VALUE!</v>
      </c>
      <c r="BO221" s="972" t="e">
        <f t="shared" si="246"/>
        <v>#VALUE!</v>
      </c>
      <c r="BP221" s="972" t="e">
        <f t="shared" si="246"/>
        <v>#VALUE!</v>
      </c>
      <c r="BQ221" s="972" t="e">
        <f t="shared" si="246"/>
        <v>#VALUE!</v>
      </c>
      <c r="BR221" s="972" t="e">
        <f t="shared" si="246"/>
        <v>#VALUE!</v>
      </c>
      <c r="BS221" s="972" t="e">
        <f t="shared" si="246"/>
        <v>#VALUE!</v>
      </c>
      <c r="BT221" s="972" t="e">
        <f t="shared" si="246"/>
        <v>#VALUE!</v>
      </c>
      <c r="BU221" s="972" t="e">
        <f t="shared" si="246"/>
        <v>#VALUE!</v>
      </c>
      <c r="BV221" s="972" t="e">
        <f t="shared" si="247"/>
        <v>#VALUE!</v>
      </c>
      <c r="BW221" s="972" t="e">
        <f t="shared" si="247"/>
        <v>#VALUE!</v>
      </c>
      <c r="BX221" s="972" t="e">
        <f t="shared" si="247"/>
        <v>#VALUE!</v>
      </c>
      <c r="BY221" s="972" t="e">
        <f t="shared" si="247"/>
        <v>#VALUE!</v>
      </c>
      <c r="BZ221" s="972" t="e">
        <f t="shared" si="247"/>
        <v>#VALUE!</v>
      </c>
      <c r="CA221" s="972" t="e">
        <f t="shared" si="247"/>
        <v>#VALUE!</v>
      </c>
      <c r="CB221" s="973" t="e">
        <f t="shared" si="239"/>
        <v>#VALUE!</v>
      </c>
    </row>
    <row r="222" spans="3:80" ht="100.5" hidden="1" x14ac:dyDescent="0.25">
      <c r="C222" s="597"/>
      <c r="D222" s="597"/>
      <c r="E222" s="597"/>
      <c r="F222" s="597"/>
      <c r="G222" s="597" t="s">
        <v>66</v>
      </c>
      <c r="H222" s="499" t="s">
        <v>2093</v>
      </c>
      <c r="I222" s="499" t="s">
        <v>2094</v>
      </c>
      <c r="J222" s="499" t="s">
        <v>2095</v>
      </c>
      <c r="K222" s="499">
        <v>51.743028180225799</v>
      </c>
      <c r="L222" s="499">
        <v>-0.49072964743419101</v>
      </c>
      <c r="M222" s="499" t="s">
        <v>1522</v>
      </c>
      <c r="N222" s="499" t="s">
        <v>1523</v>
      </c>
      <c r="O222" s="499">
        <v>2</v>
      </c>
      <c r="P222" s="499" t="s">
        <v>830</v>
      </c>
      <c r="Q222" s="499" t="s">
        <v>1616</v>
      </c>
      <c r="R222" s="499" t="s">
        <v>1491</v>
      </c>
      <c r="S222" s="499" t="s">
        <v>1492</v>
      </c>
      <c r="T222" s="499" t="s">
        <v>1493</v>
      </c>
      <c r="U222" s="499"/>
      <c r="V222" s="946" t="str">
        <f>_xlfn.XLOOKUP(H222, [5]GIS!D:D, [5]GIS!E:E, "Not mapped")</f>
        <v>Single - Scenario 1</v>
      </c>
      <c r="W222" s="1262" t="s">
        <v>1515</v>
      </c>
      <c r="X222" s="1272" t="s">
        <v>1618</v>
      </c>
      <c r="Y222" s="1272" t="s">
        <v>1619</v>
      </c>
      <c r="Z222" s="1259" t="s">
        <v>1498</v>
      </c>
      <c r="AA222" s="1259" t="s">
        <v>1498</v>
      </c>
      <c r="AB222" s="1259" t="s">
        <v>1498</v>
      </c>
      <c r="AC222" s="1259" t="s">
        <v>1498</v>
      </c>
      <c r="AD222" s="1259" t="s">
        <v>1498</v>
      </c>
      <c r="AE222" s="1259" t="s">
        <v>1498</v>
      </c>
      <c r="AF222" s="1259" t="s">
        <v>1498</v>
      </c>
      <c r="AG222" s="1259" t="s">
        <v>1498</v>
      </c>
      <c r="AH222" s="1259" t="s">
        <v>1498</v>
      </c>
      <c r="AI222" s="1259" t="s">
        <v>1498</v>
      </c>
      <c r="AJ222" s="1259" t="s">
        <v>1498</v>
      </c>
      <c r="AK222" s="1259" t="s">
        <v>1498</v>
      </c>
      <c r="AL222" s="1259" t="s">
        <v>1498</v>
      </c>
      <c r="AM222" s="1259" t="s">
        <v>1498</v>
      </c>
      <c r="AN222" s="1259" t="s">
        <v>1498</v>
      </c>
      <c r="AO222" s="1259" t="s">
        <v>1498</v>
      </c>
      <c r="AP222" s="1259" t="s">
        <v>1498</v>
      </c>
      <c r="AQ222" s="1259" t="s">
        <v>1498</v>
      </c>
      <c r="AR222" s="1259" t="s">
        <v>1498</v>
      </c>
      <c r="AS222" s="1259" t="s">
        <v>1498</v>
      </c>
      <c r="AT222" s="1259" t="s">
        <v>1498</v>
      </c>
      <c r="AU222" s="1259" t="s">
        <v>1498</v>
      </c>
      <c r="AV222" s="1259" t="s">
        <v>1498</v>
      </c>
      <c r="AW222" s="1259" t="s">
        <v>1498</v>
      </c>
      <c r="AX222" s="1259" t="s">
        <v>1498</v>
      </c>
      <c r="AY222" s="1259" t="s">
        <v>1498</v>
      </c>
      <c r="AZ222" s="905"/>
      <c r="BA222" s="499" t="s">
        <v>868</v>
      </c>
      <c r="BB222" s="953" t="s">
        <v>53</v>
      </c>
      <c r="BC222" s="982">
        <v>370629.19</v>
      </c>
      <c r="BD222" s="966"/>
      <c r="BE222" s="966"/>
      <c r="BF222" s="967" t="s">
        <v>2096</v>
      </c>
      <c r="BG222" s="1261" t="s">
        <v>1528</v>
      </c>
      <c r="BH222" s="976" t="e">
        <f t="shared" si="246"/>
        <v>#VALUE!</v>
      </c>
      <c r="BI222" s="972" t="e">
        <f t="shared" si="246"/>
        <v>#VALUE!</v>
      </c>
      <c r="BJ222" s="972" t="e">
        <f t="shared" si="246"/>
        <v>#VALUE!</v>
      </c>
      <c r="BK222" s="972" t="e">
        <f t="shared" si="246"/>
        <v>#VALUE!</v>
      </c>
      <c r="BL222" s="972" t="e">
        <f t="shared" si="246"/>
        <v>#VALUE!</v>
      </c>
      <c r="BM222" s="972" t="e">
        <f t="shared" si="246"/>
        <v>#VALUE!</v>
      </c>
      <c r="BN222" s="972" t="e">
        <f t="shared" si="246"/>
        <v>#VALUE!</v>
      </c>
      <c r="BO222" s="972" t="e">
        <f t="shared" si="246"/>
        <v>#VALUE!</v>
      </c>
      <c r="BP222" s="972" t="e">
        <f t="shared" si="246"/>
        <v>#VALUE!</v>
      </c>
      <c r="BQ222" s="972" t="e">
        <f t="shared" si="246"/>
        <v>#VALUE!</v>
      </c>
      <c r="BR222" s="972" t="e">
        <f t="shared" si="246"/>
        <v>#VALUE!</v>
      </c>
      <c r="BS222" s="972" t="e">
        <f t="shared" si="246"/>
        <v>#VALUE!</v>
      </c>
      <c r="BT222" s="972" t="e">
        <f t="shared" si="246"/>
        <v>#VALUE!</v>
      </c>
      <c r="BU222" s="972" t="e">
        <f t="shared" si="246"/>
        <v>#VALUE!</v>
      </c>
      <c r="BV222" s="972" t="e">
        <f t="shared" si="247"/>
        <v>#VALUE!</v>
      </c>
      <c r="BW222" s="972" t="e">
        <f t="shared" si="247"/>
        <v>#VALUE!</v>
      </c>
      <c r="BX222" s="972" t="e">
        <f t="shared" si="247"/>
        <v>#VALUE!</v>
      </c>
      <c r="BY222" s="972" t="e">
        <f t="shared" si="247"/>
        <v>#VALUE!</v>
      </c>
      <c r="BZ222" s="972" t="e">
        <f t="shared" si="247"/>
        <v>#VALUE!</v>
      </c>
      <c r="CA222" s="972" t="e">
        <f t="shared" si="247"/>
        <v>#VALUE!</v>
      </c>
      <c r="CB222" s="973" t="e">
        <f t="shared" si="239"/>
        <v>#VALUE!</v>
      </c>
    </row>
    <row r="223" spans="3:80" ht="57.75" x14ac:dyDescent="0.25">
      <c r="C223" s="597"/>
      <c r="D223" s="597"/>
      <c r="E223" s="597"/>
      <c r="F223" s="597"/>
      <c r="G223" s="597"/>
      <c r="H223" s="499" t="s">
        <v>2097</v>
      </c>
      <c r="I223" s="499" t="s">
        <v>1057</v>
      </c>
      <c r="J223" s="499" t="s">
        <v>1058</v>
      </c>
      <c r="K223" s="499" t="s">
        <v>2098</v>
      </c>
      <c r="L223" s="499" t="s">
        <v>2099</v>
      </c>
      <c r="M223" s="499" t="s">
        <v>1522</v>
      </c>
      <c r="N223" s="499" t="s">
        <v>1489</v>
      </c>
      <c r="O223" s="499">
        <v>1</v>
      </c>
      <c r="P223" s="499" t="s">
        <v>932</v>
      </c>
      <c r="Q223" s="499" t="s">
        <v>1490</v>
      </c>
      <c r="R223" s="499" t="s">
        <v>1491</v>
      </c>
      <c r="S223" s="499" t="s">
        <v>1492</v>
      </c>
      <c r="T223" s="499" t="s">
        <v>1493</v>
      </c>
      <c r="U223" s="499" t="s">
        <v>1706</v>
      </c>
      <c r="V223" s="946" t="str">
        <f>_xlfn.XLOOKUP(H223, [5]GIS!D:D, [5]GIS!E:E, "Not mapped")</f>
        <v>Single - Scenario 2</v>
      </c>
      <c r="W223" s="499" t="s">
        <v>1707</v>
      </c>
      <c r="X223" s="987" t="s">
        <v>2618</v>
      </c>
      <c r="Y223" s="987" t="s">
        <v>1526</v>
      </c>
      <c r="Z223" s="949">
        <v>1</v>
      </c>
      <c r="AA223" s="949">
        <v>1</v>
      </c>
      <c r="AB223" s="949">
        <v>4</v>
      </c>
      <c r="AC223" s="949">
        <v>1</v>
      </c>
      <c r="AD223" s="949">
        <v>1</v>
      </c>
      <c r="AE223" s="950">
        <v>70</v>
      </c>
      <c r="AF223" s="950">
        <v>1</v>
      </c>
      <c r="AG223" s="950">
        <v>7</v>
      </c>
      <c r="AH223" s="950">
        <v>0</v>
      </c>
      <c r="AI223" s="950">
        <v>1</v>
      </c>
      <c r="AJ223" s="950">
        <v>0</v>
      </c>
      <c r="AK223" s="950">
        <v>4</v>
      </c>
      <c r="AL223" s="950">
        <v>0</v>
      </c>
      <c r="AM223" s="950">
        <v>1</v>
      </c>
      <c r="AN223" s="951">
        <f>AT223*[5]TripRateCalculations!O$4</f>
        <v>0.66</v>
      </c>
      <c r="AO223" s="951">
        <f>AU223*[5]TripRateCalculations!P$4</f>
        <v>2.0271186440677966</v>
      </c>
      <c r="AP223" s="951">
        <f>AV223*[5]TripRateCalculations!Q$4</f>
        <v>0.28877005347593582</v>
      </c>
      <c r="AQ223" s="951">
        <f>AW223*[5]TripRateCalculations!R$4</f>
        <v>0</v>
      </c>
      <c r="AR223" s="951">
        <f>AX223*[5]TripRateCalculations!S$4</f>
        <v>0.20289855072463769</v>
      </c>
      <c r="AS223" s="951">
        <f>AY223*[5]TripRateCalculations!T$4</f>
        <v>0</v>
      </c>
      <c r="AT223" s="950">
        <v>3</v>
      </c>
      <c r="AU223" s="950">
        <v>26</v>
      </c>
      <c r="AV223" s="950">
        <v>1</v>
      </c>
      <c r="AW223" s="950">
        <v>0</v>
      </c>
      <c r="AX223" s="950">
        <v>2</v>
      </c>
      <c r="AY223" s="950">
        <v>0</v>
      </c>
      <c r="AZ223" s="499" t="s">
        <v>1983</v>
      </c>
      <c r="BA223" s="499" t="s">
        <v>834</v>
      </c>
      <c r="BB223" s="953" t="s">
        <v>53</v>
      </c>
      <c r="BC223" s="980">
        <f>ROUND((VLOOKUP(H223,'[5]Cost Summary'!A:H,8,)),0.1)</f>
        <v>20883</v>
      </c>
      <c r="BD223" s="499">
        <v>1</v>
      </c>
      <c r="BE223" s="499">
        <v>7</v>
      </c>
      <c r="BF223" s="954" t="s">
        <v>1584</v>
      </c>
      <c r="BG223" s="1261">
        <v>13567.13</v>
      </c>
      <c r="BH223" s="977">
        <f t="shared" ref="BH223:CA223" si="248">Z223/(SUM($Z223:$AS223))</f>
        <v>1.0506542780289455E-2</v>
      </c>
      <c r="BI223" s="974">
        <f t="shared" si="248"/>
        <v>1.0506542780289455E-2</v>
      </c>
      <c r="BJ223" s="974">
        <f t="shared" si="248"/>
        <v>4.2026171121157821E-2</v>
      </c>
      <c r="BK223" s="974">
        <f t="shared" si="248"/>
        <v>1.0506542780289455E-2</v>
      </c>
      <c r="BL223" s="974">
        <f t="shared" si="248"/>
        <v>1.0506542780289455E-2</v>
      </c>
      <c r="BM223" s="974">
        <f t="shared" si="248"/>
        <v>0.73545799462026185</v>
      </c>
      <c r="BN223" s="974">
        <f t="shared" si="248"/>
        <v>1.0506542780289455E-2</v>
      </c>
      <c r="BO223" s="974">
        <f t="shared" si="248"/>
        <v>7.354579946202619E-2</v>
      </c>
      <c r="BP223" s="974">
        <f t="shared" si="248"/>
        <v>0</v>
      </c>
      <c r="BQ223" s="974">
        <f t="shared" si="248"/>
        <v>1.0506542780289455E-2</v>
      </c>
      <c r="BR223" s="974">
        <f t="shared" si="248"/>
        <v>0</v>
      </c>
      <c r="BS223" s="974">
        <f t="shared" si="248"/>
        <v>4.2026171121157821E-2</v>
      </c>
      <c r="BT223" s="974">
        <f t="shared" si="248"/>
        <v>0</v>
      </c>
      <c r="BU223" s="974">
        <f t="shared" si="248"/>
        <v>1.0506542780289455E-2</v>
      </c>
      <c r="BV223" s="974">
        <f t="shared" si="248"/>
        <v>6.9343182349910406E-3</v>
      </c>
      <c r="BW223" s="974">
        <f t="shared" si="248"/>
        <v>2.1298008754620658E-2</v>
      </c>
      <c r="BX223" s="974">
        <f t="shared" si="248"/>
        <v>3.0339749205113933E-3</v>
      </c>
      <c r="BY223" s="974">
        <f t="shared" si="248"/>
        <v>0</v>
      </c>
      <c r="BZ223" s="974">
        <f t="shared" si="248"/>
        <v>2.1317623032471359E-3</v>
      </c>
      <c r="CA223" s="974">
        <f t="shared" si="248"/>
        <v>0</v>
      </c>
      <c r="CB223" s="973">
        <f t="shared" si="239"/>
        <v>1.0000000000000002</v>
      </c>
    </row>
    <row r="224" spans="3:80" ht="72" hidden="1" x14ac:dyDescent="0.25">
      <c r="C224" s="597"/>
      <c r="D224" s="597"/>
      <c r="E224" s="597"/>
      <c r="F224" s="597"/>
      <c r="G224" s="597" t="s">
        <v>66</v>
      </c>
      <c r="H224" s="499" t="s">
        <v>2100</v>
      </c>
      <c r="I224" s="499" t="s">
        <v>2101</v>
      </c>
      <c r="J224" s="499" t="s">
        <v>2102</v>
      </c>
      <c r="K224" s="499">
        <v>51.790641730601102</v>
      </c>
      <c r="L224" s="499">
        <v>-0.40811346676299198</v>
      </c>
      <c r="M224" s="499" t="s">
        <v>1560</v>
      </c>
      <c r="N224" s="499" t="s">
        <v>1523</v>
      </c>
      <c r="O224" s="499">
        <v>2</v>
      </c>
      <c r="P224" s="499" t="s">
        <v>870</v>
      </c>
      <c r="Q224" s="499" t="s">
        <v>1490</v>
      </c>
      <c r="R224" s="499" t="s">
        <v>1491</v>
      </c>
      <c r="S224" s="499" t="s">
        <v>1492</v>
      </c>
      <c r="T224" s="499" t="s">
        <v>1493</v>
      </c>
      <c r="U224" s="499"/>
      <c r="V224" s="946" t="str">
        <f>_xlfn.XLOOKUP(H224, [5]GIS!D:D, [5]GIS!E:E, "Not mapped")</f>
        <v>Single - Scenario 3</v>
      </c>
      <c r="W224" s="499" t="s">
        <v>1515</v>
      </c>
      <c r="X224" s="1277" t="s">
        <v>1691</v>
      </c>
      <c r="Y224" s="1278" t="s">
        <v>1692</v>
      </c>
      <c r="Z224" s="1259" t="s">
        <v>1498</v>
      </c>
      <c r="AA224" s="1259" t="s">
        <v>1498</v>
      </c>
      <c r="AB224" s="1259" t="s">
        <v>1498</v>
      </c>
      <c r="AC224" s="1259" t="s">
        <v>1498</v>
      </c>
      <c r="AD224" s="1259" t="s">
        <v>1498</v>
      </c>
      <c r="AE224" s="1259" t="s">
        <v>1498</v>
      </c>
      <c r="AF224" s="1259" t="s">
        <v>1498</v>
      </c>
      <c r="AG224" s="1259" t="s">
        <v>1498</v>
      </c>
      <c r="AH224" s="1259" t="s">
        <v>1498</v>
      </c>
      <c r="AI224" s="1259" t="s">
        <v>1498</v>
      </c>
      <c r="AJ224" s="1259" t="s">
        <v>1498</v>
      </c>
      <c r="AK224" s="1259" t="s">
        <v>1498</v>
      </c>
      <c r="AL224" s="1259" t="s">
        <v>1498</v>
      </c>
      <c r="AM224" s="1259" t="s">
        <v>1498</v>
      </c>
      <c r="AN224" s="1259" t="s">
        <v>1498</v>
      </c>
      <c r="AO224" s="1259" t="s">
        <v>1498</v>
      </c>
      <c r="AP224" s="1259" t="s">
        <v>1498</v>
      </c>
      <c r="AQ224" s="1259" t="s">
        <v>1498</v>
      </c>
      <c r="AR224" s="1259" t="s">
        <v>1498</v>
      </c>
      <c r="AS224" s="1259" t="s">
        <v>1498</v>
      </c>
      <c r="AT224" s="1259" t="s">
        <v>1498</v>
      </c>
      <c r="AU224" s="1259" t="s">
        <v>1498</v>
      </c>
      <c r="AV224" s="1259" t="s">
        <v>1498</v>
      </c>
      <c r="AW224" s="1259" t="s">
        <v>1498</v>
      </c>
      <c r="AX224" s="1259" t="s">
        <v>1498</v>
      </c>
      <c r="AY224" s="1259" t="s">
        <v>1498</v>
      </c>
      <c r="AZ224" s="499"/>
      <c r="BA224" s="499" t="s">
        <v>904</v>
      </c>
      <c r="BB224" s="953" t="s">
        <v>869</v>
      </c>
      <c r="BC224" s="982">
        <v>370629.19</v>
      </c>
      <c r="BD224" s="966"/>
      <c r="BE224" s="966"/>
      <c r="BF224" s="967" t="s">
        <v>1527</v>
      </c>
      <c r="BG224" s="1261" t="s">
        <v>1528</v>
      </c>
      <c r="BH224" s="976" t="e">
        <f t="shared" ref="BH224:BU229" si="249">Z224/(SUM($Z224:$AY224))</f>
        <v>#VALUE!</v>
      </c>
      <c r="BI224" s="972" t="e">
        <f t="shared" si="249"/>
        <v>#VALUE!</v>
      </c>
      <c r="BJ224" s="972" t="e">
        <f t="shared" si="249"/>
        <v>#VALUE!</v>
      </c>
      <c r="BK224" s="972" t="e">
        <f t="shared" si="249"/>
        <v>#VALUE!</v>
      </c>
      <c r="BL224" s="972" t="e">
        <f t="shared" si="249"/>
        <v>#VALUE!</v>
      </c>
      <c r="BM224" s="972" t="e">
        <f t="shared" si="249"/>
        <v>#VALUE!</v>
      </c>
      <c r="BN224" s="972" t="e">
        <f t="shared" si="249"/>
        <v>#VALUE!</v>
      </c>
      <c r="BO224" s="972" t="e">
        <f t="shared" si="249"/>
        <v>#VALUE!</v>
      </c>
      <c r="BP224" s="972" t="e">
        <f t="shared" si="249"/>
        <v>#VALUE!</v>
      </c>
      <c r="BQ224" s="972" t="e">
        <f t="shared" si="249"/>
        <v>#VALUE!</v>
      </c>
      <c r="BR224" s="972" t="e">
        <f t="shared" si="249"/>
        <v>#VALUE!</v>
      </c>
      <c r="BS224" s="972" t="e">
        <f t="shared" si="249"/>
        <v>#VALUE!</v>
      </c>
      <c r="BT224" s="972" t="e">
        <f t="shared" si="249"/>
        <v>#VALUE!</v>
      </c>
      <c r="BU224" s="972" t="e">
        <f t="shared" si="249"/>
        <v>#VALUE!</v>
      </c>
      <c r="BV224" s="972" t="e">
        <f t="shared" ref="BV224:CA229" si="250">AM224/(SUM($Z224:$AY224))</f>
        <v>#VALUE!</v>
      </c>
      <c r="BW224" s="972" t="e">
        <f t="shared" si="250"/>
        <v>#VALUE!</v>
      </c>
      <c r="BX224" s="972" t="e">
        <f t="shared" si="250"/>
        <v>#VALUE!</v>
      </c>
      <c r="BY224" s="972" t="e">
        <f t="shared" si="250"/>
        <v>#VALUE!</v>
      </c>
      <c r="BZ224" s="972" t="e">
        <f t="shared" si="250"/>
        <v>#VALUE!</v>
      </c>
      <c r="CA224" s="972" t="e">
        <f t="shared" si="250"/>
        <v>#VALUE!</v>
      </c>
      <c r="CB224" s="973" t="e">
        <f t="shared" si="239"/>
        <v>#VALUE!</v>
      </c>
    </row>
    <row r="225" spans="3:80" ht="86.25" hidden="1" x14ac:dyDescent="0.25">
      <c r="C225" s="597"/>
      <c r="D225" s="597"/>
      <c r="E225" s="597"/>
      <c r="F225" s="597"/>
      <c r="G225" s="597" t="s">
        <v>66</v>
      </c>
      <c r="H225" s="499" t="s">
        <v>2103</v>
      </c>
      <c r="I225" s="499" t="s">
        <v>2104</v>
      </c>
      <c r="J225" s="499" t="s">
        <v>2105</v>
      </c>
      <c r="K225" s="499" t="s">
        <v>1521</v>
      </c>
      <c r="L225" s="499" t="s">
        <v>1521</v>
      </c>
      <c r="M225" s="499" t="s">
        <v>1522</v>
      </c>
      <c r="N225" s="34" t="s">
        <v>1523</v>
      </c>
      <c r="O225" s="499">
        <v>2</v>
      </c>
      <c r="P225" s="499" t="s">
        <v>870</v>
      </c>
      <c r="Q225" s="499" t="s">
        <v>1490</v>
      </c>
      <c r="R225" s="499" t="s">
        <v>1491</v>
      </c>
      <c r="S225" s="499" t="s">
        <v>1492</v>
      </c>
      <c r="T225" s="499" t="s">
        <v>1493</v>
      </c>
      <c r="U225" s="499"/>
      <c r="V225" s="946" t="str">
        <f>_xlfn.XLOOKUP(H225, [5]GIS!D:D, [5]GIS!E:E, "Not mapped")</f>
        <v>Not mapped</v>
      </c>
      <c r="W225" s="499" t="s">
        <v>1515</v>
      </c>
      <c r="X225" s="1269" t="s">
        <v>1582</v>
      </c>
      <c r="Y225" s="1270" t="s">
        <v>1583</v>
      </c>
      <c r="Z225" s="1259" t="s">
        <v>1498</v>
      </c>
      <c r="AA225" s="1259" t="s">
        <v>1498</v>
      </c>
      <c r="AB225" s="1259" t="s">
        <v>1498</v>
      </c>
      <c r="AC225" s="1259" t="s">
        <v>1498</v>
      </c>
      <c r="AD225" s="1259" t="s">
        <v>1498</v>
      </c>
      <c r="AE225" s="1259" t="s">
        <v>1498</v>
      </c>
      <c r="AF225" s="1259" t="s">
        <v>1498</v>
      </c>
      <c r="AG225" s="1259" t="s">
        <v>1498</v>
      </c>
      <c r="AH225" s="1259" t="s">
        <v>1498</v>
      </c>
      <c r="AI225" s="1259" t="s">
        <v>1498</v>
      </c>
      <c r="AJ225" s="1259" t="s">
        <v>1498</v>
      </c>
      <c r="AK225" s="1259" t="s">
        <v>1498</v>
      </c>
      <c r="AL225" s="1259" t="s">
        <v>1498</v>
      </c>
      <c r="AM225" s="1259" t="s">
        <v>1498</v>
      </c>
      <c r="AN225" s="1259" t="s">
        <v>1498</v>
      </c>
      <c r="AO225" s="1259" t="s">
        <v>1498</v>
      </c>
      <c r="AP225" s="1259" t="s">
        <v>1498</v>
      </c>
      <c r="AQ225" s="1259" t="s">
        <v>1498</v>
      </c>
      <c r="AR225" s="1259" t="s">
        <v>1498</v>
      </c>
      <c r="AS225" s="1259" t="s">
        <v>1498</v>
      </c>
      <c r="AT225" s="1259" t="s">
        <v>1498</v>
      </c>
      <c r="AU225" s="1259" t="s">
        <v>1498</v>
      </c>
      <c r="AV225" s="1259" t="s">
        <v>1498</v>
      </c>
      <c r="AW225" s="1259" t="s">
        <v>1498</v>
      </c>
      <c r="AX225" s="1259" t="s">
        <v>1498</v>
      </c>
      <c r="AY225" s="1259" t="s">
        <v>1498</v>
      </c>
      <c r="AZ225" s="499"/>
      <c r="BA225" s="499" t="s">
        <v>868</v>
      </c>
      <c r="BB225" s="953" t="s">
        <v>2106</v>
      </c>
      <c r="BC225" s="982">
        <f>ROUND((VLOOKUP(H225,'[5]Cost Summary'!A:H,8,)),0.1)</f>
        <v>10500000</v>
      </c>
      <c r="BD225" s="966"/>
      <c r="BE225" s="966"/>
      <c r="BF225" s="967" t="s">
        <v>1527</v>
      </c>
      <c r="BG225" s="1261" t="s">
        <v>1528</v>
      </c>
      <c r="BH225" s="976" t="e">
        <f t="shared" si="249"/>
        <v>#VALUE!</v>
      </c>
      <c r="BI225" s="972" t="e">
        <f t="shared" si="249"/>
        <v>#VALUE!</v>
      </c>
      <c r="BJ225" s="972" t="e">
        <f t="shared" si="249"/>
        <v>#VALUE!</v>
      </c>
      <c r="BK225" s="972" t="e">
        <f t="shared" si="249"/>
        <v>#VALUE!</v>
      </c>
      <c r="BL225" s="972" t="e">
        <f t="shared" si="249"/>
        <v>#VALUE!</v>
      </c>
      <c r="BM225" s="972" t="e">
        <f t="shared" si="249"/>
        <v>#VALUE!</v>
      </c>
      <c r="BN225" s="972" t="e">
        <f t="shared" si="249"/>
        <v>#VALUE!</v>
      </c>
      <c r="BO225" s="972" t="e">
        <f t="shared" si="249"/>
        <v>#VALUE!</v>
      </c>
      <c r="BP225" s="972" t="e">
        <f t="shared" si="249"/>
        <v>#VALUE!</v>
      </c>
      <c r="BQ225" s="972" t="e">
        <f t="shared" si="249"/>
        <v>#VALUE!</v>
      </c>
      <c r="BR225" s="972" t="e">
        <f t="shared" si="249"/>
        <v>#VALUE!</v>
      </c>
      <c r="BS225" s="972" t="e">
        <f t="shared" si="249"/>
        <v>#VALUE!</v>
      </c>
      <c r="BT225" s="972" t="e">
        <f t="shared" si="249"/>
        <v>#VALUE!</v>
      </c>
      <c r="BU225" s="972" t="e">
        <f t="shared" si="249"/>
        <v>#VALUE!</v>
      </c>
      <c r="BV225" s="972" t="e">
        <f t="shared" si="250"/>
        <v>#VALUE!</v>
      </c>
      <c r="BW225" s="972" t="e">
        <f t="shared" si="250"/>
        <v>#VALUE!</v>
      </c>
      <c r="BX225" s="972" t="e">
        <f t="shared" si="250"/>
        <v>#VALUE!</v>
      </c>
      <c r="BY225" s="972" t="e">
        <f t="shared" si="250"/>
        <v>#VALUE!</v>
      </c>
      <c r="BZ225" s="972" t="e">
        <f t="shared" si="250"/>
        <v>#VALUE!</v>
      </c>
      <c r="CA225" s="972" t="e">
        <f t="shared" si="250"/>
        <v>#VALUE!</v>
      </c>
      <c r="CB225" s="973" t="e">
        <f t="shared" si="239"/>
        <v>#VALUE!</v>
      </c>
    </row>
    <row r="226" spans="3:80" ht="72" hidden="1" x14ac:dyDescent="0.25">
      <c r="C226" s="597"/>
      <c r="D226" s="597"/>
      <c r="E226" s="597"/>
      <c r="F226" s="597"/>
      <c r="G226" s="597" t="s">
        <v>66</v>
      </c>
      <c r="H226" s="499" t="s">
        <v>2107</v>
      </c>
      <c r="I226" s="499" t="s">
        <v>2108</v>
      </c>
      <c r="J226" s="499" t="s">
        <v>2109</v>
      </c>
      <c r="K226" s="499" t="s">
        <v>1521</v>
      </c>
      <c r="L226" s="499" t="s">
        <v>1521</v>
      </c>
      <c r="M226" s="499" t="s">
        <v>1522</v>
      </c>
      <c r="N226" s="499" t="s">
        <v>1523</v>
      </c>
      <c r="O226" s="499">
        <v>2</v>
      </c>
      <c r="P226" s="499" t="s">
        <v>870</v>
      </c>
      <c r="Q226" s="499" t="s">
        <v>1490</v>
      </c>
      <c r="R226" s="499" t="s">
        <v>1491</v>
      </c>
      <c r="S226" s="499" t="s">
        <v>1492</v>
      </c>
      <c r="T226" s="499" t="s">
        <v>1493</v>
      </c>
      <c r="U226" s="499"/>
      <c r="V226" s="946" t="str">
        <f>_xlfn.XLOOKUP(H226, [5]GIS!D:D, [5]GIS!E:E, "Not mapped")</f>
        <v>Not mapped</v>
      </c>
      <c r="W226" s="499" t="s">
        <v>1515</v>
      </c>
      <c r="X226" s="1269" t="s">
        <v>1582</v>
      </c>
      <c r="Y226" s="1270" t="s">
        <v>1583</v>
      </c>
      <c r="Z226" s="1259" t="s">
        <v>1498</v>
      </c>
      <c r="AA226" s="1259" t="s">
        <v>1498</v>
      </c>
      <c r="AB226" s="1259" t="s">
        <v>1498</v>
      </c>
      <c r="AC226" s="1259" t="s">
        <v>1498</v>
      </c>
      <c r="AD226" s="1259" t="s">
        <v>1498</v>
      </c>
      <c r="AE226" s="1259" t="s">
        <v>1498</v>
      </c>
      <c r="AF226" s="1259" t="s">
        <v>1498</v>
      </c>
      <c r="AG226" s="1259" t="s">
        <v>1498</v>
      </c>
      <c r="AH226" s="1259" t="s">
        <v>1498</v>
      </c>
      <c r="AI226" s="1259" t="s">
        <v>1498</v>
      </c>
      <c r="AJ226" s="1259" t="s">
        <v>1498</v>
      </c>
      <c r="AK226" s="1259" t="s">
        <v>1498</v>
      </c>
      <c r="AL226" s="1259" t="s">
        <v>1498</v>
      </c>
      <c r="AM226" s="1259" t="s">
        <v>1498</v>
      </c>
      <c r="AN226" s="1259" t="s">
        <v>1498</v>
      </c>
      <c r="AO226" s="1259" t="s">
        <v>1498</v>
      </c>
      <c r="AP226" s="1259" t="s">
        <v>1498</v>
      </c>
      <c r="AQ226" s="1259" t="s">
        <v>1498</v>
      </c>
      <c r="AR226" s="1259" t="s">
        <v>1498</v>
      </c>
      <c r="AS226" s="1259" t="s">
        <v>1498</v>
      </c>
      <c r="AT226" s="1259" t="s">
        <v>1498</v>
      </c>
      <c r="AU226" s="1259" t="s">
        <v>1498</v>
      </c>
      <c r="AV226" s="1259" t="s">
        <v>1498</v>
      </c>
      <c r="AW226" s="1259" t="s">
        <v>1498</v>
      </c>
      <c r="AX226" s="1259" t="s">
        <v>1498</v>
      </c>
      <c r="AY226" s="1259" t="s">
        <v>1498</v>
      </c>
      <c r="AZ226" s="499"/>
      <c r="BA226" s="499" t="s">
        <v>834</v>
      </c>
      <c r="BB226" s="953" t="s">
        <v>2106</v>
      </c>
      <c r="BC226" s="982">
        <f>ROUND((VLOOKUP(H226,'[5]Cost Summary'!A:H,8,)),0.1)</f>
        <v>5250000</v>
      </c>
      <c r="BD226" s="966"/>
      <c r="BE226" s="966"/>
      <c r="BF226" s="967" t="s">
        <v>1527</v>
      </c>
      <c r="BG226" s="1261" t="s">
        <v>1528</v>
      </c>
      <c r="BH226" s="976" t="e">
        <f t="shared" si="249"/>
        <v>#VALUE!</v>
      </c>
      <c r="BI226" s="972" t="e">
        <f t="shared" si="249"/>
        <v>#VALUE!</v>
      </c>
      <c r="BJ226" s="972" t="e">
        <f t="shared" si="249"/>
        <v>#VALUE!</v>
      </c>
      <c r="BK226" s="972" t="e">
        <f t="shared" si="249"/>
        <v>#VALUE!</v>
      </c>
      <c r="BL226" s="972" t="e">
        <f t="shared" si="249"/>
        <v>#VALUE!</v>
      </c>
      <c r="BM226" s="972" t="e">
        <f t="shared" si="249"/>
        <v>#VALUE!</v>
      </c>
      <c r="BN226" s="972" t="e">
        <f t="shared" si="249"/>
        <v>#VALUE!</v>
      </c>
      <c r="BO226" s="972" t="e">
        <f t="shared" si="249"/>
        <v>#VALUE!</v>
      </c>
      <c r="BP226" s="972" t="e">
        <f t="shared" si="249"/>
        <v>#VALUE!</v>
      </c>
      <c r="BQ226" s="972" t="e">
        <f t="shared" si="249"/>
        <v>#VALUE!</v>
      </c>
      <c r="BR226" s="972" t="e">
        <f t="shared" si="249"/>
        <v>#VALUE!</v>
      </c>
      <c r="BS226" s="972" t="e">
        <f t="shared" si="249"/>
        <v>#VALUE!</v>
      </c>
      <c r="BT226" s="972" t="e">
        <f t="shared" si="249"/>
        <v>#VALUE!</v>
      </c>
      <c r="BU226" s="972" t="e">
        <f t="shared" si="249"/>
        <v>#VALUE!</v>
      </c>
      <c r="BV226" s="972" t="e">
        <f t="shared" si="250"/>
        <v>#VALUE!</v>
      </c>
      <c r="BW226" s="972" t="e">
        <f t="shared" si="250"/>
        <v>#VALUE!</v>
      </c>
      <c r="BX226" s="972" t="e">
        <f t="shared" si="250"/>
        <v>#VALUE!</v>
      </c>
      <c r="BY226" s="972" t="e">
        <f t="shared" si="250"/>
        <v>#VALUE!</v>
      </c>
      <c r="BZ226" s="972" t="e">
        <f t="shared" si="250"/>
        <v>#VALUE!</v>
      </c>
      <c r="CA226" s="972" t="e">
        <f t="shared" si="250"/>
        <v>#VALUE!</v>
      </c>
      <c r="CB226" s="973" t="e">
        <f t="shared" si="239"/>
        <v>#VALUE!</v>
      </c>
    </row>
    <row r="227" spans="3:80" ht="143.25" hidden="1" x14ac:dyDescent="0.25">
      <c r="C227" s="597"/>
      <c r="D227" s="597"/>
      <c r="E227" s="597"/>
      <c r="F227" s="597"/>
      <c r="G227" s="597"/>
      <c r="H227" s="499" t="s">
        <v>1687</v>
      </c>
      <c r="I227" s="964" t="s">
        <v>935</v>
      </c>
      <c r="J227" s="964" t="s">
        <v>936</v>
      </c>
      <c r="K227" s="499">
        <v>51.768291179999999</v>
      </c>
      <c r="L227" s="499">
        <v>-0.48981177100000001</v>
      </c>
      <c r="M227" s="499" t="s">
        <v>1674</v>
      </c>
      <c r="N227" s="34" t="s">
        <v>1489</v>
      </c>
      <c r="O227" s="964">
        <v>1</v>
      </c>
      <c r="P227" s="499" t="s">
        <v>932</v>
      </c>
      <c r="Q227" s="964" t="s">
        <v>1490</v>
      </c>
      <c r="R227" s="499" t="s">
        <v>1491</v>
      </c>
      <c r="S227" s="499" t="s">
        <v>1492</v>
      </c>
      <c r="T227" s="499" t="s">
        <v>1493</v>
      </c>
      <c r="U227" s="964" t="s">
        <v>1672</v>
      </c>
      <c r="V227" s="946" t="str">
        <f>_xlfn.XLOOKUP(H227, [5]GIS!D:D, [5]GIS!E:E, "Not mapped")</f>
        <v>Single - Scenario 2 (longer segment, one edge in close proximity of a development)</v>
      </c>
      <c r="W227" s="499" t="s">
        <v>1542</v>
      </c>
      <c r="X227" s="968" t="s">
        <v>1667</v>
      </c>
      <c r="Y227" s="968" t="s">
        <v>27</v>
      </c>
      <c r="Z227" s="1259" t="s">
        <v>1498</v>
      </c>
      <c r="AA227" s="1259" t="s">
        <v>1498</v>
      </c>
      <c r="AB227" s="1259" t="s">
        <v>1498</v>
      </c>
      <c r="AC227" s="1259" t="s">
        <v>1498</v>
      </c>
      <c r="AD227" s="1259" t="s">
        <v>1498</v>
      </c>
      <c r="AE227" s="1259" t="s">
        <v>1498</v>
      </c>
      <c r="AF227" s="1259" t="s">
        <v>1498</v>
      </c>
      <c r="AG227" s="1259" t="s">
        <v>1498</v>
      </c>
      <c r="AH227" s="1259" t="s">
        <v>1498</v>
      </c>
      <c r="AI227" s="1259" t="s">
        <v>1498</v>
      </c>
      <c r="AJ227" s="1259" t="s">
        <v>1498</v>
      </c>
      <c r="AK227" s="1259" t="s">
        <v>1498</v>
      </c>
      <c r="AL227" s="1259" t="s">
        <v>1498</v>
      </c>
      <c r="AM227" s="1259" t="s">
        <v>1498</v>
      </c>
      <c r="AN227" s="1259" t="s">
        <v>1498</v>
      </c>
      <c r="AO227" s="1259" t="s">
        <v>1498</v>
      </c>
      <c r="AP227" s="1259" t="s">
        <v>1498</v>
      </c>
      <c r="AQ227" s="1259" t="s">
        <v>1498</v>
      </c>
      <c r="AR227" s="1259" t="s">
        <v>1498</v>
      </c>
      <c r="AS227" s="1259"/>
      <c r="AT227" s="1259" t="s">
        <v>1498</v>
      </c>
      <c r="AU227" s="1259" t="s">
        <v>1498</v>
      </c>
      <c r="AV227" s="1259" t="s">
        <v>1498</v>
      </c>
      <c r="AW227" s="1259" t="s">
        <v>1498</v>
      </c>
      <c r="AX227" s="1259" t="s">
        <v>1498</v>
      </c>
      <c r="AY227" s="1259" t="s">
        <v>1498</v>
      </c>
      <c r="AZ227" s="964" t="s">
        <v>1678</v>
      </c>
      <c r="BA227" s="499" t="s">
        <v>834</v>
      </c>
      <c r="BB227" s="975" t="s">
        <v>53</v>
      </c>
      <c r="BC227" s="980">
        <f>ROUND((VLOOKUP(H227,'[5]Cost Summary'!A:H,8,)),0.1)</f>
        <v>1481063</v>
      </c>
      <c r="BD227" s="499">
        <v>0</v>
      </c>
      <c r="BE227" s="499" t="s">
        <v>1500</v>
      </c>
      <c r="BF227" s="954" t="s">
        <v>1584</v>
      </c>
      <c r="BG227" s="1261">
        <v>962209.95</v>
      </c>
      <c r="BH227" s="976" t="e">
        <f t="shared" si="249"/>
        <v>#VALUE!</v>
      </c>
      <c r="BI227" s="972" t="e">
        <f t="shared" si="249"/>
        <v>#VALUE!</v>
      </c>
      <c r="BJ227" s="972" t="e">
        <f t="shared" si="249"/>
        <v>#VALUE!</v>
      </c>
      <c r="BK227" s="972" t="e">
        <f t="shared" si="249"/>
        <v>#VALUE!</v>
      </c>
      <c r="BL227" s="972" t="e">
        <f t="shared" si="249"/>
        <v>#VALUE!</v>
      </c>
      <c r="BM227" s="972" t="e">
        <f t="shared" si="249"/>
        <v>#VALUE!</v>
      </c>
      <c r="BN227" s="972" t="e">
        <f t="shared" si="249"/>
        <v>#VALUE!</v>
      </c>
      <c r="BO227" s="972" t="e">
        <f t="shared" si="249"/>
        <v>#VALUE!</v>
      </c>
      <c r="BP227" s="972" t="e">
        <f t="shared" si="249"/>
        <v>#VALUE!</v>
      </c>
      <c r="BQ227" s="972" t="e">
        <f t="shared" si="249"/>
        <v>#VALUE!</v>
      </c>
      <c r="BR227" s="972" t="e">
        <f t="shared" si="249"/>
        <v>#VALUE!</v>
      </c>
      <c r="BS227" s="972" t="e">
        <f t="shared" si="249"/>
        <v>#VALUE!</v>
      </c>
      <c r="BT227" s="972" t="e">
        <f t="shared" si="249"/>
        <v>#VALUE!</v>
      </c>
      <c r="BU227" s="972" t="e">
        <f t="shared" si="249"/>
        <v>#VALUE!</v>
      </c>
      <c r="BV227" s="972" t="e">
        <f t="shared" si="250"/>
        <v>#VALUE!</v>
      </c>
      <c r="BW227" s="972" t="e">
        <f t="shared" si="250"/>
        <v>#VALUE!</v>
      </c>
      <c r="BX227" s="972" t="e">
        <f t="shared" si="250"/>
        <v>#VALUE!</v>
      </c>
      <c r="BY227" s="972" t="e">
        <f t="shared" si="250"/>
        <v>#VALUE!</v>
      </c>
      <c r="BZ227" s="972" t="e">
        <f t="shared" si="250"/>
        <v>#VALUE!</v>
      </c>
      <c r="CA227" s="972" t="e">
        <f t="shared" si="250"/>
        <v>#VALUE!</v>
      </c>
      <c r="CB227" s="973" t="e">
        <f t="shared" si="239"/>
        <v>#VALUE!</v>
      </c>
    </row>
    <row r="228" spans="3:80" ht="72" hidden="1" x14ac:dyDescent="0.25">
      <c r="C228" s="597"/>
      <c r="D228" s="597"/>
      <c r="E228" s="597"/>
      <c r="F228" s="597"/>
      <c r="G228" s="597" t="s">
        <v>66</v>
      </c>
      <c r="H228" s="499" t="s">
        <v>2111</v>
      </c>
      <c r="I228" s="499" t="s">
        <v>2112</v>
      </c>
      <c r="J228" s="499" t="s">
        <v>2113</v>
      </c>
      <c r="K228" s="499" t="s">
        <v>1521</v>
      </c>
      <c r="L228" s="499" t="s">
        <v>1521</v>
      </c>
      <c r="M228" s="499" t="s">
        <v>1522</v>
      </c>
      <c r="N228" s="499" t="s">
        <v>1523</v>
      </c>
      <c r="O228" s="499">
        <v>2</v>
      </c>
      <c r="P228" s="499" t="s">
        <v>870</v>
      </c>
      <c r="Q228" s="499" t="s">
        <v>1490</v>
      </c>
      <c r="R228" s="499" t="s">
        <v>1491</v>
      </c>
      <c r="S228" s="499" t="s">
        <v>1492</v>
      </c>
      <c r="T228" s="499" t="s">
        <v>1493</v>
      </c>
      <c r="U228" s="499"/>
      <c r="V228" s="946" t="str">
        <f>_xlfn.XLOOKUP(H228, [5]GIS!D:D, [5]GIS!E:E, "Not mapped")</f>
        <v>Not mapped</v>
      </c>
      <c r="W228" s="499" t="s">
        <v>1515</v>
      </c>
      <c r="X228" s="1297" t="s">
        <v>1582</v>
      </c>
      <c r="Y228" s="1297" t="s">
        <v>1583</v>
      </c>
      <c r="Z228" s="1259" t="s">
        <v>1498</v>
      </c>
      <c r="AA228" s="1259" t="s">
        <v>1498</v>
      </c>
      <c r="AB228" s="1259" t="s">
        <v>1498</v>
      </c>
      <c r="AC228" s="1259" t="s">
        <v>1498</v>
      </c>
      <c r="AD228" s="1259" t="s">
        <v>1498</v>
      </c>
      <c r="AE228" s="1259" t="s">
        <v>1498</v>
      </c>
      <c r="AF228" s="1259" t="s">
        <v>1498</v>
      </c>
      <c r="AG228" s="1259" t="s">
        <v>1498</v>
      </c>
      <c r="AH228" s="1259" t="s">
        <v>1498</v>
      </c>
      <c r="AI228" s="1259" t="s">
        <v>1498</v>
      </c>
      <c r="AJ228" s="1259" t="s">
        <v>1498</v>
      </c>
      <c r="AK228" s="1259" t="s">
        <v>1498</v>
      </c>
      <c r="AL228" s="1259" t="s">
        <v>1498</v>
      </c>
      <c r="AM228" s="1259" t="s">
        <v>1498</v>
      </c>
      <c r="AN228" s="1259" t="s">
        <v>1498</v>
      </c>
      <c r="AO228" s="1259" t="s">
        <v>1498</v>
      </c>
      <c r="AP228" s="1259" t="s">
        <v>1498</v>
      </c>
      <c r="AQ228" s="1259" t="s">
        <v>1498</v>
      </c>
      <c r="AR228" s="1259" t="s">
        <v>1498</v>
      </c>
      <c r="AS228" s="1259" t="s">
        <v>1498</v>
      </c>
      <c r="AT228" s="1259" t="s">
        <v>1498</v>
      </c>
      <c r="AU228" s="1259" t="s">
        <v>1498</v>
      </c>
      <c r="AV228" s="1259" t="s">
        <v>1498</v>
      </c>
      <c r="AW228" s="1259" t="s">
        <v>1498</v>
      </c>
      <c r="AX228" s="1259" t="s">
        <v>1498</v>
      </c>
      <c r="AY228" s="1259" t="s">
        <v>1498</v>
      </c>
      <c r="AZ228" s="499"/>
      <c r="BA228" s="499" t="s">
        <v>868</v>
      </c>
      <c r="BB228" s="975" t="s">
        <v>53</v>
      </c>
      <c r="BC228" s="982">
        <f>ROUND((VLOOKUP(H228,'[5]Cost Summary'!A:H,8,)),0.1)</f>
        <v>875000</v>
      </c>
      <c r="BD228" s="966"/>
      <c r="BE228" s="966"/>
      <c r="BF228" s="967" t="s">
        <v>1527</v>
      </c>
      <c r="BG228" s="1261" t="s">
        <v>1528</v>
      </c>
      <c r="BH228" s="976" t="e">
        <f t="shared" si="249"/>
        <v>#VALUE!</v>
      </c>
      <c r="BI228" s="972" t="e">
        <f t="shared" si="249"/>
        <v>#VALUE!</v>
      </c>
      <c r="BJ228" s="972" t="e">
        <f t="shared" si="249"/>
        <v>#VALUE!</v>
      </c>
      <c r="BK228" s="972" t="e">
        <f t="shared" si="249"/>
        <v>#VALUE!</v>
      </c>
      <c r="BL228" s="972" t="e">
        <f t="shared" si="249"/>
        <v>#VALUE!</v>
      </c>
      <c r="BM228" s="972" t="e">
        <f t="shared" si="249"/>
        <v>#VALUE!</v>
      </c>
      <c r="BN228" s="972" t="e">
        <f t="shared" si="249"/>
        <v>#VALUE!</v>
      </c>
      <c r="BO228" s="972" t="e">
        <f t="shared" si="249"/>
        <v>#VALUE!</v>
      </c>
      <c r="BP228" s="972" t="e">
        <f t="shared" si="249"/>
        <v>#VALUE!</v>
      </c>
      <c r="BQ228" s="972" t="e">
        <f t="shared" si="249"/>
        <v>#VALUE!</v>
      </c>
      <c r="BR228" s="972" t="e">
        <f t="shared" si="249"/>
        <v>#VALUE!</v>
      </c>
      <c r="BS228" s="972" t="e">
        <f t="shared" si="249"/>
        <v>#VALUE!</v>
      </c>
      <c r="BT228" s="972" t="e">
        <f t="shared" si="249"/>
        <v>#VALUE!</v>
      </c>
      <c r="BU228" s="972" t="e">
        <f t="shared" si="249"/>
        <v>#VALUE!</v>
      </c>
      <c r="BV228" s="972" t="e">
        <f t="shared" si="250"/>
        <v>#VALUE!</v>
      </c>
      <c r="BW228" s="972" t="e">
        <f t="shared" si="250"/>
        <v>#VALUE!</v>
      </c>
      <c r="BX228" s="972" t="e">
        <f t="shared" si="250"/>
        <v>#VALUE!</v>
      </c>
      <c r="BY228" s="972" t="e">
        <f t="shared" si="250"/>
        <v>#VALUE!</v>
      </c>
      <c r="BZ228" s="972" t="e">
        <f t="shared" si="250"/>
        <v>#VALUE!</v>
      </c>
      <c r="CA228" s="972" t="e">
        <f t="shared" si="250"/>
        <v>#VALUE!</v>
      </c>
      <c r="CB228" s="973" t="e">
        <f t="shared" si="239"/>
        <v>#VALUE!</v>
      </c>
    </row>
    <row r="229" spans="3:80" ht="72" hidden="1" x14ac:dyDescent="0.25">
      <c r="C229" s="597" t="s">
        <v>66</v>
      </c>
      <c r="D229" s="597" t="s">
        <v>66</v>
      </c>
      <c r="E229" s="597"/>
      <c r="F229" s="597"/>
      <c r="G229" s="597"/>
      <c r="H229" s="499" t="s">
        <v>2114</v>
      </c>
      <c r="I229" s="499" t="s">
        <v>1273</v>
      </c>
      <c r="J229" s="499" t="s">
        <v>1274</v>
      </c>
      <c r="K229" s="499" t="s">
        <v>1521</v>
      </c>
      <c r="L229" s="499" t="s">
        <v>1521</v>
      </c>
      <c r="M229" s="499" t="s">
        <v>1488</v>
      </c>
      <c r="N229" s="499" t="s">
        <v>1489</v>
      </c>
      <c r="O229" s="499">
        <v>1</v>
      </c>
      <c r="P229" s="499" t="s">
        <v>932</v>
      </c>
      <c r="Q229" s="499" t="s">
        <v>1490</v>
      </c>
      <c r="R229" s="499" t="s">
        <v>1491</v>
      </c>
      <c r="S229" s="499" t="s">
        <v>1492</v>
      </c>
      <c r="T229" s="499" t="s">
        <v>1493</v>
      </c>
      <c r="U229" s="499" t="s">
        <v>1507</v>
      </c>
      <c r="V229" s="946" t="str">
        <f>_xlfn.XLOOKUP(H229, [5]GIS!D:D, [5]GIS!E:E, "Not mapped")</f>
        <v>Single - Scenario 2</v>
      </c>
      <c r="W229" s="499" t="s">
        <v>1508</v>
      </c>
      <c r="X229" s="968" t="s">
        <v>1667</v>
      </c>
      <c r="Y229" s="1298" t="s">
        <v>1592</v>
      </c>
      <c r="Z229" s="1259" t="s">
        <v>1498</v>
      </c>
      <c r="AA229" s="1259" t="s">
        <v>1498</v>
      </c>
      <c r="AB229" s="1259" t="s">
        <v>1498</v>
      </c>
      <c r="AC229" s="1259" t="s">
        <v>1498</v>
      </c>
      <c r="AD229" s="1259" t="s">
        <v>1498</v>
      </c>
      <c r="AE229" s="1259" t="s">
        <v>1498</v>
      </c>
      <c r="AF229" s="1259" t="s">
        <v>1498</v>
      </c>
      <c r="AG229" s="1259" t="s">
        <v>1498</v>
      </c>
      <c r="AH229" s="1259" t="s">
        <v>1498</v>
      </c>
      <c r="AI229" s="1259" t="s">
        <v>1498</v>
      </c>
      <c r="AJ229" s="1259" t="s">
        <v>1498</v>
      </c>
      <c r="AK229" s="1259" t="s">
        <v>1498</v>
      </c>
      <c r="AL229" s="1259" t="s">
        <v>1498</v>
      </c>
      <c r="AM229" s="1259" t="s">
        <v>1498</v>
      </c>
      <c r="AN229" s="1259" t="s">
        <v>1498</v>
      </c>
      <c r="AO229" s="1259" t="s">
        <v>1498</v>
      </c>
      <c r="AP229" s="1259" t="s">
        <v>1498</v>
      </c>
      <c r="AQ229" s="1259" t="s">
        <v>1498</v>
      </c>
      <c r="AR229" s="1259" t="s">
        <v>1498</v>
      </c>
      <c r="AS229" s="1259" t="s">
        <v>1498</v>
      </c>
      <c r="AT229" s="1259" t="s">
        <v>1498</v>
      </c>
      <c r="AU229" s="1259" t="s">
        <v>1498</v>
      </c>
      <c r="AV229" s="1259" t="s">
        <v>1498</v>
      </c>
      <c r="AW229" s="1259" t="s">
        <v>1498</v>
      </c>
      <c r="AX229" s="1259" t="s">
        <v>1498</v>
      </c>
      <c r="AY229" s="1259" t="s">
        <v>1498</v>
      </c>
      <c r="AZ229" s="499" t="s">
        <v>1642</v>
      </c>
      <c r="BA229" s="499" t="s">
        <v>722</v>
      </c>
      <c r="BB229" s="953" t="s">
        <v>53</v>
      </c>
      <c r="BC229" s="980">
        <f>ROUND((VLOOKUP(H229,'[5]Cost Summary'!A:H,8,)),0.1)</f>
        <v>220536</v>
      </c>
      <c r="BD229" s="499">
        <v>1</v>
      </c>
      <c r="BE229" s="499">
        <v>1</v>
      </c>
      <c r="BF229" s="954" t="s">
        <v>2058</v>
      </c>
      <c r="BG229" s="1261">
        <v>79151.839999999997</v>
      </c>
      <c r="BH229" s="976" t="e">
        <f t="shared" si="249"/>
        <v>#VALUE!</v>
      </c>
      <c r="BI229" s="972" t="e">
        <f t="shared" si="249"/>
        <v>#VALUE!</v>
      </c>
      <c r="BJ229" s="972" t="e">
        <f t="shared" si="249"/>
        <v>#VALUE!</v>
      </c>
      <c r="BK229" s="972" t="e">
        <f t="shared" si="249"/>
        <v>#VALUE!</v>
      </c>
      <c r="BL229" s="972" t="e">
        <f t="shared" si="249"/>
        <v>#VALUE!</v>
      </c>
      <c r="BM229" s="972" t="e">
        <f t="shared" si="249"/>
        <v>#VALUE!</v>
      </c>
      <c r="BN229" s="972" t="e">
        <f t="shared" si="249"/>
        <v>#VALUE!</v>
      </c>
      <c r="BO229" s="972" t="e">
        <f t="shared" si="249"/>
        <v>#VALUE!</v>
      </c>
      <c r="BP229" s="972" t="e">
        <f t="shared" si="249"/>
        <v>#VALUE!</v>
      </c>
      <c r="BQ229" s="972" t="e">
        <f t="shared" si="249"/>
        <v>#VALUE!</v>
      </c>
      <c r="BR229" s="972" t="e">
        <f t="shared" si="249"/>
        <v>#VALUE!</v>
      </c>
      <c r="BS229" s="972" t="e">
        <f t="shared" si="249"/>
        <v>#VALUE!</v>
      </c>
      <c r="BT229" s="972" t="e">
        <f t="shared" si="249"/>
        <v>#VALUE!</v>
      </c>
      <c r="BU229" s="972" t="e">
        <f t="shared" si="249"/>
        <v>#VALUE!</v>
      </c>
      <c r="BV229" s="972" t="e">
        <f t="shared" si="250"/>
        <v>#VALUE!</v>
      </c>
      <c r="BW229" s="972" t="e">
        <f t="shared" si="250"/>
        <v>#VALUE!</v>
      </c>
      <c r="BX229" s="972" t="e">
        <f t="shared" si="250"/>
        <v>#VALUE!</v>
      </c>
      <c r="BY229" s="972" t="e">
        <f t="shared" si="250"/>
        <v>#VALUE!</v>
      </c>
      <c r="BZ229" s="972" t="e">
        <f t="shared" si="250"/>
        <v>#VALUE!</v>
      </c>
      <c r="CA229" s="972" t="e">
        <f t="shared" si="250"/>
        <v>#VALUE!</v>
      </c>
      <c r="CB229" s="973" t="e">
        <f t="shared" si="239"/>
        <v>#VALUE!</v>
      </c>
    </row>
    <row r="230" spans="3:80" ht="158.25" hidden="1" thickBot="1" x14ac:dyDescent="0.3">
      <c r="C230" s="597"/>
      <c r="D230" s="597"/>
      <c r="E230" s="597"/>
      <c r="F230" s="597"/>
      <c r="G230" s="597" t="s">
        <v>66</v>
      </c>
      <c r="H230" s="499" t="s">
        <v>2115</v>
      </c>
      <c r="I230" s="499" t="s">
        <v>2116</v>
      </c>
      <c r="J230" s="499" t="s">
        <v>2117</v>
      </c>
      <c r="K230" s="499">
        <v>51.822959942178599</v>
      </c>
      <c r="L230" s="499">
        <v>-0.42516708375141699</v>
      </c>
      <c r="M230" s="499" t="s">
        <v>1560</v>
      </c>
      <c r="N230" s="499" t="s">
        <v>1523</v>
      </c>
      <c r="O230" s="499">
        <v>2</v>
      </c>
      <c r="P230" s="499" t="s">
        <v>900</v>
      </c>
      <c r="Q230" s="499" t="s">
        <v>1490</v>
      </c>
      <c r="R230" s="499" t="s">
        <v>1491</v>
      </c>
      <c r="S230" s="499" t="s">
        <v>1492</v>
      </c>
      <c r="T230" s="499" t="s">
        <v>1493</v>
      </c>
      <c r="U230" s="499"/>
      <c r="V230" s="946" t="str">
        <f>_xlfn.XLOOKUP(H230, [5]GIS!D:D, [5]GIS!E:E, "Not mapped")</f>
        <v>Multiple - Scenario 2</v>
      </c>
      <c r="W230" s="499" t="s">
        <v>1515</v>
      </c>
      <c r="X230" s="1277" t="s">
        <v>1691</v>
      </c>
      <c r="Y230" s="1278" t="s">
        <v>1692</v>
      </c>
      <c r="Z230" s="1259" t="s">
        <v>1498</v>
      </c>
      <c r="AA230" s="1259" t="s">
        <v>1498</v>
      </c>
      <c r="AB230" s="1259" t="s">
        <v>1498</v>
      </c>
      <c r="AC230" s="1259" t="s">
        <v>1498</v>
      </c>
      <c r="AD230" s="1259" t="s">
        <v>1498</v>
      </c>
      <c r="AE230" s="1259" t="s">
        <v>1498</v>
      </c>
      <c r="AF230" s="1259" t="s">
        <v>1498</v>
      </c>
      <c r="AG230" s="1259" t="s">
        <v>1498</v>
      </c>
      <c r="AH230" s="1259" t="s">
        <v>1498</v>
      </c>
      <c r="AI230" s="1259" t="s">
        <v>1498</v>
      </c>
      <c r="AJ230" s="1259" t="s">
        <v>1498</v>
      </c>
      <c r="AK230" s="1259" t="s">
        <v>1498</v>
      </c>
      <c r="AL230" s="1259" t="s">
        <v>1498</v>
      </c>
      <c r="AM230" s="1259" t="s">
        <v>1498</v>
      </c>
      <c r="AN230" s="1259" t="s">
        <v>1498</v>
      </c>
      <c r="AO230" s="1259" t="s">
        <v>1498</v>
      </c>
      <c r="AP230" s="1259" t="s">
        <v>1498</v>
      </c>
      <c r="AQ230" s="1259" t="s">
        <v>1498</v>
      </c>
      <c r="AR230" s="1259" t="s">
        <v>1498</v>
      </c>
      <c r="AS230" s="1259" t="s">
        <v>1498</v>
      </c>
      <c r="AT230" s="1259" t="s">
        <v>1498</v>
      </c>
      <c r="AU230" s="1259" t="s">
        <v>1498</v>
      </c>
      <c r="AV230" s="1259" t="s">
        <v>1498</v>
      </c>
      <c r="AW230" s="1259" t="s">
        <v>1498</v>
      </c>
      <c r="AX230" s="1259" t="s">
        <v>1498</v>
      </c>
      <c r="AY230" s="1259" t="s">
        <v>1498</v>
      </c>
      <c r="AZ230" s="499"/>
      <c r="BA230" s="499" t="s">
        <v>904</v>
      </c>
      <c r="BB230" s="953" t="s">
        <v>53</v>
      </c>
      <c r="BC230" s="983">
        <f>ROUND((VLOOKUP(H230,'[5]Cost Summary'!A:H,8,)),0.1)</f>
        <v>1582041</v>
      </c>
      <c r="BD230" s="984"/>
      <c r="BE230" s="984"/>
      <c r="BF230" s="985" t="s">
        <v>2118</v>
      </c>
      <c r="BG230" s="1299" t="s">
        <v>1528</v>
      </c>
      <c r="BH230" s="976" t="e">
        <f t="shared" ref="BH230:BU230" si="251">Z230/(SUM($Z230:$AY230))</f>
        <v>#VALUE!</v>
      </c>
      <c r="BI230" s="972" t="e">
        <f t="shared" si="251"/>
        <v>#VALUE!</v>
      </c>
      <c r="BJ230" s="972" t="e">
        <f t="shared" si="251"/>
        <v>#VALUE!</v>
      </c>
      <c r="BK230" s="972" t="e">
        <f t="shared" si="251"/>
        <v>#VALUE!</v>
      </c>
      <c r="BL230" s="972" t="e">
        <f t="shared" si="251"/>
        <v>#VALUE!</v>
      </c>
      <c r="BM230" s="972" t="e">
        <f t="shared" si="251"/>
        <v>#VALUE!</v>
      </c>
      <c r="BN230" s="972" t="e">
        <f t="shared" si="251"/>
        <v>#VALUE!</v>
      </c>
      <c r="BO230" s="972" t="e">
        <f t="shared" si="251"/>
        <v>#VALUE!</v>
      </c>
      <c r="BP230" s="972" t="e">
        <f t="shared" si="251"/>
        <v>#VALUE!</v>
      </c>
      <c r="BQ230" s="972" t="e">
        <f t="shared" si="251"/>
        <v>#VALUE!</v>
      </c>
      <c r="BR230" s="972" t="e">
        <f t="shared" si="251"/>
        <v>#VALUE!</v>
      </c>
      <c r="BS230" s="972" t="e">
        <f t="shared" si="251"/>
        <v>#VALUE!</v>
      </c>
      <c r="BT230" s="972" t="e">
        <f t="shared" si="251"/>
        <v>#VALUE!</v>
      </c>
      <c r="BU230" s="972" t="e">
        <f t="shared" si="251"/>
        <v>#VALUE!</v>
      </c>
      <c r="BV230" s="972" t="e">
        <f t="shared" ref="BV230:CA230" si="252">AM230/(SUM($Z230:$AY230))</f>
        <v>#VALUE!</v>
      </c>
      <c r="BW230" s="972" t="e">
        <f t="shared" si="252"/>
        <v>#VALUE!</v>
      </c>
      <c r="BX230" s="972" t="e">
        <f t="shared" si="252"/>
        <v>#VALUE!</v>
      </c>
      <c r="BY230" s="972" t="e">
        <f t="shared" si="252"/>
        <v>#VALUE!</v>
      </c>
      <c r="BZ230" s="972" t="e">
        <f t="shared" si="252"/>
        <v>#VALUE!</v>
      </c>
      <c r="CA230" s="972" t="e">
        <f t="shared" si="252"/>
        <v>#VALUE!</v>
      </c>
      <c r="CB230" s="973" t="e">
        <f t="shared" ref="CB230" si="253">SUM(BH230:CA230)</f>
        <v>#VALUE!</v>
      </c>
    </row>
  </sheetData>
  <autoFilter ref="C3:CB230" xr:uid="{D3661A30-EA38-4FF5-AAD6-FC166AB1B578}">
    <filterColumn colId="21">
      <filters>
        <filter val="Multiple Scenario 2 (Step 5)"/>
        <filter val="Mutliple Scenario 2 (Step 5)"/>
      </filters>
    </filterColumn>
  </autoFilter>
  <conditionalFormatting sqref="C4:G212">
    <cfRule type="containsText" dxfId="579" priority="2" operator="containsText" text="Yes">
      <formula>NOT(ISERROR(SEARCH("Yes",C4)))</formula>
    </cfRule>
  </conditionalFormatting>
  <conditionalFormatting sqref="G213:G230 C222:F222">
    <cfRule type="containsText" dxfId="578" priority="1" operator="containsText" text="Yes">
      <formula>NOT(ISERROR(SEARCH("Yes",C213)))</formula>
    </cfRule>
  </conditionalFormatting>
  <pageMargins left="0.7" right="0.7" top="0.75" bottom="0.75" header="0.3" footer="0.3"/>
  <legacyDrawing r:id="rId1"/>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1118604-72E3-454A-B615-EA58B3161889}">
  <sheetPr codeName="Sheet5"/>
  <dimension ref="A1:XCQ835"/>
  <sheetViews>
    <sheetView topLeftCell="A802" workbookViewId="0">
      <selection activeCell="A804" sqref="A804:XFD804"/>
    </sheetView>
  </sheetViews>
  <sheetFormatPr defaultColWidth="8.625" defaultRowHeight="56.1" customHeight="1" x14ac:dyDescent="0.2"/>
  <cols>
    <col min="1" max="1" width="8.625" style="119" customWidth="1"/>
    <col min="2" max="2" width="8.625" style="119"/>
    <col min="3" max="4" width="9.625" style="356" customWidth="1"/>
    <col min="5" max="6" width="25.125" style="119" customWidth="1"/>
    <col min="7" max="7" width="29.125" style="119" customWidth="1"/>
    <col min="8" max="8" width="29.125" style="354" customWidth="1"/>
    <col min="9" max="9" width="65.625" style="143" customWidth="1"/>
    <col min="10" max="10" width="21.125" style="143" customWidth="1"/>
    <col min="11" max="15" width="18.125" style="119" customWidth="1"/>
    <col min="16" max="17" width="16.125" style="119" customWidth="1"/>
    <col min="18" max="18" width="18.125" style="355" customWidth="1"/>
    <col min="19" max="19" width="19.5" style="355" customWidth="1"/>
    <col min="20" max="20" width="16.125" style="119" customWidth="1"/>
    <col min="21" max="21" width="20.625" style="119" customWidth="1"/>
    <col min="22" max="54" width="16.625" style="119" customWidth="1"/>
    <col min="55" max="56" width="17.5" style="119" customWidth="1"/>
    <col min="57" max="69" width="24.625" style="119" customWidth="1"/>
    <col min="70" max="107" width="17.5" style="119" customWidth="1"/>
    <col min="108" max="109" width="40.125" style="119" customWidth="1"/>
    <col min="110" max="110" width="66.625" style="119" customWidth="1"/>
    <col min="111" max="16384" width="8.625" style="119"/>
  </cols>
  <sheetData>
    <row r="1" spans="3:110" ht="91.5" customHeight="1" x14ac:dyDescent="0.2">
      <c r="C1" s="97" t="s">
        <v>0</v>
      </c>
      <c r="D1" s="97"/>
      <c r="E1" s="98" t="s">
        <v>1</v>
      </c>
      <c r="F1" s="98" t="s">
        <v>2</v>
      </c>
      <c r="G1" s="98" t="s">
        <v>3</v>
      </c>
      <c r="H1" s="99" t="s">
        <v>4</v>
      </c>
      <c r="I1" s="99" t="s">
        <v>5</v>
      </c>
      <c r="J1" s="99" t="s">
        <v>2148</v>
      </c>
      <c r="K1" s="98" t="s">
        <v>6</v>
      </c>
      <c r="L1" s="98" t="s">
        <v>7</v>
      </c>
      <c r="M1" s="98" t="s">
        <v>8</v>
      </c>
      <c r="N1" s="100" t="s">
        <v>9</v>
      </c>
      <c r="O1" s="100" t="s">
        <v>10</v>
      </c>
      <c r="P1" s="101" t="s">
        <v>11</v>
      </c>
      <c r="Q1" s="101" t="s">
        <v>12</v>
      </c>
      <c r="R1" s="357" t="s">
        <v>13</v>
      </c>
      <c r="S1" s="358" t="s">
        <v>14</v>
      </c>
      <c r="T1" s="104" t="s">
        <v>15</v>
      </c>
      <c r="U1" s="105" t="s">
        <v>16</v>
      </c>
      <c r="V1" s="106" t="s">
        <v>17</v>
      </c>
      <c r="W1" s="106" t="s">
        <v>18</v>
      </c>
      <c r="X1" s="106" t="s">
        <v>19</v>
      </c>
      <c r="Y1" s="106" t="s">
        <v>20</v>
      </c>
      <c r="Z1" s="106" t="s">
        <v>21</v>
      </c>
      <c r="AA1" s="106" t="s">
        <v>22</v>
      </c>
      <c r="AB1" s="106" t="s">
        <v>23</v>
      </c>
      <c r="AC1" s="106" t="s">
        <v>24</v>
      </c>
      <c r="AD1" s="106" t="s">
        <v>25</v>
      </c>
      <c r="AE1" s="106" t="s">
        <v>26</v>
      </c>
      <c r="AF1" s="106" t="s">
        <v>27</v>
      </c>
      <c r="AG1" s="106" t="s">
        <v>28</v>
      </c>
      <c r="AH1" s="106" t="s">
        <v>29</v>
      </c>
      <c r="AI1" s="106" t="s">
        <v>30</v>
      </c>
      <c r="AJ1" s="106" t="s">
        <v>31</v>
      </c>
      <c r="AK1" s="106" t="s">
        <v>32</v>
      </c>
      <c r="AL1" s="107" t="s">
        <v>33</v>
      </c>
      <c r="AM1" s="108" t="s">
        <v>34</v>
      </c>
      <c r="AN1" s="108" t="s">
        <v>35</v>
      </c>
      <c r="AO1" s="108" t="s">
        <v>36</v>
      </c>
      <c r="AP1" s="109" t="s">
        <v>37</v>
      </c>
      <c r="AQ1" s="110" t="s">
        <v>38</v>
      </c>
      <c r="AR1" s="110" t="s">
        <v>39</v>
      </c>
      <c r="AS1" s="110" t="s">
        <v>40</v>
      </c>
      <c r="AT1" s="111" t="s">
        <v>41</v>
      </c>
      <c r="AU1" s="112" t="s">
        <v>42</v>
      </c>
      <c r="AV1" s="113" t="s">
        <v>43</v>
      </c>
      <c r="AW1" s="114" t="s">
        <v>44</v>
      </c>
      <c r="AX1" s="115" t="s">
        <v>45</v>
      </c>
      <c r="AY1" s="116" t="s">
        <v>46</v>
      </c>
      <c r="AZ1" s="117" t="s">
        <v>47</v>
      </c>
      <c r="BA1" s="118" t="s">
        <v>48</v>
      </c>
      <c r="BB1" s="118" t="s">
        <v>49</v>
      </c>
      <c r="BC1" s="106" t="s">
        <v>17</v>
      </c>
      <c r="BD1" s="106" t="s">
        <v>18</v>
      </c>
      <c r="BE1" s="106" t="s">
        <v>19</v>
      </c>
      <c r="BF1" s="106" t="s">
        <v>20</v>
      </c>
      <c r="BG1" s="106" t="s">
        <v>21</v>
      </c>
      <c r="BH1" s="106" t="s">
        <v>22</v>
      </c>
      <c r="BI1" s="106" t="s">
        <v>23</v>
      </c>
      <c r="BJ1" s="106" t="s">
        <v>24</v>
      </c>
      <c r="BK1" s="106" t="s">
        <v>25</v>
      </c>
      <c r="BL1" s="106" t="s">
        <v>26</v>
      </c>
      <c r="BM1" s="106" t="s">
        <v>27</v>
      </c>
      <c r="BN1" s="106" t="s">
        <v>28</v>
      </c>
      <c r="BO1" s="106" t="s">
        <v>29</v>
      </c>
      <c r="BP1" s="106" t="s">
        <v>30</v>
      </c>
      <c r="BQ1" s="106" t="s">
        <v>31</v>
      </c>
      <c r="BR1" s="106" t="s">
        <v>32</v>
      </c>
      <c r="BS1" s="107" t="s">
        <v>33</v>
      </c>
      <c r="BT1" s="108" t="s">
        <v>34</v>
      </c>
      <c r="BU1" s="108" t="s">
        <v>35</v>
      </c>
      <c r="BV1" s="108" t="s">
        <v>36</v>
      </c>
      <c r="BW1" s="109" t="s">
        <v>37</v>
      </c>
      <c r="BX1" s="110" t="s">
        <v>38</v>
      </c>
      <c r="BY1" s="110" t="s">
        <v>39</v>
      </c>
      <c r="BZ1" s="110" t="s">
        <v>40</v>
      </c>
      <c r="CA1" s="111" t="s">
        <v>41</v>
      </c>
      <c r="CB1" s="112" t="s">
        <v>42</v>
      </c>
      <c r="CC1" s="113" t="s">
        <v>43</v>
      </c>
      <c r="CD1" s="114" t="s">
        <v>44</v>
      </c>
      <c r="CE1" s="115" t="s">
        <v>45</v>
      </c>
      <c r="CF1" s="116" t="s">
        <v>46</v>
      </c>
      <c r="CG1" s="117" t="s">
        <v>47</v>
      </c>
      <c r="CH1" s="403" t="s">
        <v>2157</v>
      </c>
      <c r="CI1" s="403" t="s">
        <v>2158</v>
      </c>
      <c r="CJ1" s="403" t="s">
        <v>2159</v>
      </c>
      <c r="CK1" s="403" t="s">
        <v>2160</v>
      </c>
      <c r="CL1" s="403" t="s">
        <v>2161</v>
      </c>
      <c r="CM1" s="403" t="s">
        <v>2162</v>
      </c>
      <c r="CN1" s="403" t="s">
        <v>2163</v>
      </c>
      <c r="CO1" s="403" t="s">
        <v>2164</v>
      </c>
      <c r="CP1" s="398" t="s">
        <v>2165</v>
      </c>
      <c r="CQ1" s="398" t="s">
        <v>2166</v>
      </c>
      <c r="CR1" s="398" t="s">
        <v>2167</v>
      </c>
      <c r="CS1" s="398" t="s">
        <v>2168</v>
      </c>
      <c r="CT1" s="409" t="s">
        <v>2169</v>
      </c>
      <c r="CU1" s="406" t="s">
        <v>2170</v>
      </c>
      <c r="CV1" s="406" t="s">
        <v>2171</v>
      </c>
      <c r="CW1" s="406" t="s">
        <v>2172</v>
      </c>
      <c r="CX1" s="406" t="s">
        <v>2173</v>
      </c>
      <c r="CY1" s="406" t="s">
        <v>2174</v>
      </c>
      <c r="CZ1" s="406" t="s">
        <v>2175</v>
      </c>
      <c r="DA1" s="406" t="s">
        <v>2176</v>
      </c>
      <c r="DB1" s="406" t="s">
        <v>2177</v>
      </c>
      <c r="DC1" s="406" t="s">
        <v>2178</v>
      </c>
      <c r="DD1" s="99" t="s">
        <v>50</v>
      </c>
      <c r="DE1" s="99" t="s">
        <v>51</v>
      </c>
      <c r="DF1" s="99" t="s">
        <v>52</v>
      </c>
    </row>
    <row r="2" spans="3:110" ht="32.1" customHeight="1" x14ac:dyDescent="0.2">
      <c r="C2" s="97"/>
      <c r="D2" s="97"/>
      <c r="E2" s="98"/>
      <c r="F2" s="98"/>
      <c r="G2" s="98"/>
      <c r="H2" s="99"/>
      <c r="I2" s="99"/>
      <c r="J2" s="99"/>
      <c r="K2" s="98"/>
      <c r="L2" s="98"/>
      <c r="M2" s="98"/>
      <c r="N2" s="100"/>
      <c r="O2" s="100"/>
      <c r="P2" s="101"/>
      <c r="Q2" s="101"/>
      <c r="R2" s="357"/>
      <c r="S2" s="358"/>
      <c r="T2" s="104"/>
      <c r="U2" s="105"/>
      <c r="V2" s="359">
        <v>1500</v>
      </c>
      <c r="W2" s="106">
        <v>200</v>
      </c>
      <c r="X2" s="106">
        <v>450</v>
      </c>
      <c r="Y2" s="106">
        <v>350</v>
      </c>
      <c r="Z2" s="106">
        <v>300</v>
      </c>
      <c r="AA2" s="106">
        <v>480</v>
      </c>
      <c r="AB2" s="106">
        <v>100</v>
      </c>
      <c r="AC2" s="106">
        <v>390</v>
      </c>
      <c r="AD2" s="106">
        <v>500</v>
      </c>
      <c r="AE2" s="106">
        <v>500</v>
      </c>
      <c r="AF2" s="106">
        <v>750</v>
      </c>
      <c r="AG2" s="106">
        <v>200</v>
      </c>
      <c r="AH2" s="106">
        <v>234</v>
      </c>
      <c r="AI2" s="106">
        <v>350</v>
      </c>
      <c r="AJ2" s="106">
        <v>90</v>
      </c>
      <c r="AK2" s="106">
        <v>80</v>
      </c>
      <c r="AL2" s="359">
        <v>2385</v>
      </c>
      <c r="AM2" s="360">
        <v>775</v>
      </c>
      <c r="AN2" s="360">
        <v>100</v>
      </c>
      <c r="AO2" s="360">
        <v>100</v>
      </c>
      <c r="AP2" s="360">
        <v>302</v>
      </c>
      <c r="AQ2" s="110">
        <v>250</v>
      </c>
      <c r="AR2" s="110">
        <v>400</v>
      </c>
      <c r="AS2" s="361">
        <v>1400</v>
      </c>
      <c r="AT2" s="110">
        <v>201</v>
      </c>
      <c r="AU2" s="112">
        <v>217</v>
      </c>
      <c r="AV2" s="112">
        <v>31</v>
      </c>
      <c r="AW2" s="114">
        <v>67</v>
      </c>
      <c r="AX2" s="362">
        <v>150</v>
      </c>
      <c r="AY2" s="362">
        <v>31</v>
      </c>
      <c r="AZ2" s="363">
        <v>336</v>
      </c>
      <c r="BA2" s="118"/>
      <c r="BB2" s="118"/>
      <c r="BC2" s="359">
        <v>1500</v>
      </c>
      <c r="BD2" s="106">
        <v>200</v>
      </c>
      <c r="BE2" s="106">
        <v>450</v>
      </c>
      <c r="BF2" s="106">
        <v>350</v>
      </c>
      <c r="BG2" s="106">
        <v>300</v>
      </c>
      <c r="BH2" s="106">
        <v>480</v>
      </c>
      <c r="BI2" s="106">
        <v>100</v>
      </c>
      <c r="BJ2" s="106">
        <v>390</v>
      </c>
      <c r="BK2" s="106">
        <v>500</v>
      </c>
      <c r="BL2" s="106">
        <v>500</v>
      </c>
      <c r="BM2" s="106">
        <v>750</v>
      </c>
      <c r="BN2" s="106">
        <v>200</v>
      </c>
      <c r="BO2" s="106">
        <v>234</v>
      </c>
      <c r="BP2" s="106">
        <v>350</v>
      </c>
      <c r="BQ2" s="106">
        <v>90</v>
      </c>
      <c r="BR2" s="106">
        <v>80</v>
      </c>
      <c r="BS2" s="359">
        <v>2385</v>
      </c>
      <c r="BT2" s="360">
        <v>775</v>
      </c>
      <c r="BU2" s="360">
        <v>100</v>
      </c>
      <c r="BV2" s="360">
        <v>100</v>
      </c>
      <c r="BW2" s="360">
        <v>302</v>
      </c>
      <c r="BX2" s="110">
        <v>250</v>
      </c>
      <c r="BY2" s="110">
        <v>400</v>
      </c>
      <c r="BZ2" s="361">
        <v>1400</v>
      </c>
      <c r="CA2" s="110">
        <v>201</v>
      </c>
      <c r="CB2" s="112">
        <v>217</v>
      </c>
      <c r="CC2" s="112">
        <v>31</v>
      </c>
      <c r="CD2" s="114">
        <v>67</v>
      </c>
      <c r="CE2" s="362">
        <v>150</v>
      </c>
      <c r="CF2" s="362">
        <v>31</v>
      </c>
      <c r="CG2" s="363">
        <v>336</v>
      </c>
      <c r="CH2" s="363"/>
      <c r="CI2" s="363"/>
      <c r="CJ2" s="363"/>
      <c r="CK2" s="363"/>
      <c r="CL2" s="363"/>
      <c r="CM2" s="363"/>
      <c r="CN2" s="363"/>
      <c r="CO2" s="363"/>
      <c r="CP2" s="363"/>
      <c r="CQ2" s="363"/>
      <c r="CR2" s="363"/>
      <c r="CS2" s="363"/>
      <c r="CT2" s="363"/>
      <c r="CU2" s="363"/>
      <c r="CV2" s="363"/>
      <c r="CW2" s="363"/>
      <c r="CX2" s="363"/>
      <c r="CY2" s="363"/>
      <c r="CZ2" s="363"/>
      <c r="DA2" s="363"/>
      <c r="DB2" s="363"/>
      <c r="DC2" s="363"/>
      <c r="DD2" s="99"/>
      <c r="DE2" s="99"/>
      <c r="DF2" s="99"/>
    </row>
    <row r="3" spans="3:110" s="396" customFormat="1" ht="56.1" customHeight="1" x14ac:dyDescent="0.2">
      <c r="C3" s="420">
        <v>6</v>
      </c>
      <c r="D3" s="420" t="s">
        <v>2481</v>
      </c>
      <c r="E3" s="96" t="s">
        <v>53</v>
      </c>
      <c r="F3" s="96" t="s">
        <v>54</v>
      </c>
      <c r="G3" s="407" t="s">
        <v>55</v>
      </c>
      <c r="H3" s="407" t="s">
        <v>84</v>
      </c>
      <c r="I3" s="407" t="s">
        <v>85</v>
      </c>
      <c r="J3" s="407"/>
      <c r="K3" s="407" t="s">
        <v>86</v>
      </c>
      <c r="L3" s="407" t="s">
        <v>87</v>
      </c>
      <c r="M3" s="407" t="s">
        <v>60</v>
      </c>
      <c r="N3" s="407" t="s">
        <v>61</v>
      </c>
      <c r="O3" s="407" t="s">
        <v>71</v>
      </c>
      <c r="P3" s="407" t="s">
        <v>63</v>
      </c>
      <c r="Q3" s="407" t="s">
        <v>63</v>
      </c>
      <c r="R3" s="410">
        <v>11480040</v>
      </c>
      <c r="S3" s="410">
        <f>R3</f>
        <v>11480040</v>
      </c>
      <c r="T3" s="407" t="s">
        <v>64</v>
      </c>
      <c r="U3" s="397" t="s">
        <v>65</v>
      </c>
      <c r="V3" s="306"/>
      <c r="W3" s="306"/>
      <c r="X3" s="306"/>
      <c r="Y3" s="306"/>
      <c r="Z3" s="306"/>
      <c r="AA3" s="306"/>
      <c r="AB3" s="306"/>
      <c r="AC3" s="306"/>
      <c r="AD3" s="306"/>
      <c r="AE3" s="306"/>
      <c r="AF3" s="306"/>
      <c r="AG3" s="306"/>
      <c r="AH3" s="306"/>
      <c r="AI3" s="306"/>
      <c r="AJ3" s="306"/>
      <c r="AK3" s="306"/>
      <c r="AL3" s="306"/>
      <c r="AM3" s="402" t="s">
        <v>66</v>
      </c>
      <c r="AN3" s="306"/>
      <c r="AO3" s="306"/>
      <c r="AP3" s="306"/>
      <c r="AQ3" s="306"/>
      <c r="AR3" s="306"/>
      <c r="AS3" s="306"/>
      <c r="AT3" s="306"/>
      <c r="AU3" s="306"/>
      <c r="AV3" s="306"/>
      <c r="AW3" s="306"/>
      <c r="AX3" s="306"/>
      <c r="AY3" s="306"/>
      <c r="AZ3" s="306"/>
      <c r="BA3" s="308">
        <f t="shared" ref="BA3:BA66" si="0">SUMIF(V3:AZ3,"YES",$V$2:$AZ$2)</f>
        <v>775</v>
      </c>
      <c r="BB3" s="309">
        <f>S3/BA3</f>
        <v>14812.954838709677</v>
      </c>
      <c r="BC3" s="402" t="str">
        <f t="shared" ref="BC3:BC66" si="1">IF(V3="yes",(V$2*$BB3),"")</f>
        <v/>
      </c>
      <c r="BD3" s="402" t="str">
        <f t="shared" ref="BD3:BD66" si="2">IF(W3="yes",(W$2*$BB3),"")</f>
        <v/>
      </c>
      <c r="BE3" s="402" t="str">
        <f t="shared" ref="BE3:BE66" si="3">IF(X3="yes",(X$2*$BB3),"")</f>
        <v/>
      </c>
      <c r="BF3" s="402" t="str">
        <f t="shared" ref="BF3:BF66" si="4">IF(Y3="yes",(Y$2*$BB3),"")</f>
        <v/>
      </c>
      <c r="BG3" s="402" t="str">
        <f t="shared" ref="BG3:BG66" si="5">IF(Z3="yes",(Z$2*$BB3),"")</f>
        <v/>
      </c>
      <c r="BH3" s="402" t="str">
        <f t="shared" ref="BH3:BH66" si="6">IF(AA3="yes",(AA$2*$BB3),"")</f>
        <v/>
      </c>
      <c r="BI3" s="402" t="str">
        <f t="shared" ref="BI3:BI66" si="7">IF(AB3="yes",(AB$2*$BB3),"")</f>
        <v/>
      </c>
      <c r="BJ3" s="402" t="str">
        <f t="shared" ref="BJ3:BJ66" si="8">IF(AC3="yes",(AC$2*$BB3),"")</f>
        <v/>
      </c>
      <c r="BK3" s="402" t="str">
        <f t="shared" ref="BK3:BK66" si="9">IF(AD3="yes",(AD$2*$BB3),"")</f>
        <v/>
      </c>
      <c r="BL3" s="402" t="str">
        <f t="shared" ref="BL3:BL66" si="10">IF(AE3="yes",(AE$2*$BB3),"")</f>
        <v/>
      </c>
      <c r="BM3" s="402" t="str">
        <f t="shared" ref="BM3:BM66" si="11">IF(AF3="yes",(AF$2*$BB3),"")</f>
        <v/>
      </c>
      <c r="BN3" s="402" t="str">
        <f t="shared" ref="BN3:BN66" si="12">IF(AG3="yes",(AG$2*$BB3),"")</f>
        <v/>
      </c>
      <c r="BO3" s="402" t="str">
        <f t="shared" ref="BO3:BO66" si="13">IF(AH3="yes",(AH$2*$BB3),"")</f>
        <v/>
      </c>
      <c r="BP3" s="402" t="str">
        <f t="shared" ref="BP3:BP66" si="14">IF(AI3="yes",(AI$2*$BB3),"")</f>
        <v/>
      </c>
      <c r="BQ3" s="402" t="str">
        <f t="shared" ref="BQ3:BQ66" si="15">IF(AJ3="yes",(AJ$2*$BB3),"")</f>
        <v/>
      </c>
      <c r="BR3" s="402" t="str">
        <f t="shared" ref="BR3:BR66" si="16">IF(AK3="yes",(AK$2*$BB3),"")</f>
        <v/>
      </c>
      <c r="BS3" s="402" t="str">
        <f t="shared" ref="BS3:BS66" si="17">IF(AL3="yes",(AL$2*$BB3),"")</f>
        <v/>
      </c>
      <c r="BT3" s="402">
        <f t="shared" ref="BT3:BT66" si="18">IF(AM3="yes",(AM$2*$BB3),"")</f>
        <v>11480040</v>
      </c>
      <c r="BU3" s="402" t="str">
        <f t="shared" ref="BU3:BU66" si="19">IF(AN3="yes",(AN$2*$BB3),"")</f>
        <v/>
      </c>
      <c r="BV3" s="402" t="str">
        <f t="shared" ref="BV3:BV66" si="20">IF(AO3="yes",(AO$2*$BB3),"")</f>
        <v/>
      </c>
      <c r="BW3" s="402" t="str">
        <f t="shared" ref="BW3:BW66" si="21">IF(AP3="yes",(AP$2*$BB3),"")</f>
        <v/>
      </c>
      <c r="BX3" s="402" t="str">
        <f t="shared" ref="BX3:BX66" si="22">IF(AQ3="yes",(AQ$2*$BB3),"")</f>
        <v/>
      </c>
      <c r="BY3" s="402" t="str">
        <f t="shared" ref="BY3:BY66" si="23">IF(AR3="yes",(AR$2*$BB3),"")</f>
        <v/>
      </c>
      <c r="BZ3" s="402" t="str">
        <f t="shared" ref="BZ3:BZ66" si="24">IF(AS3="yes",(AS$2*$BB3),"")</f>
        <v/>
      </c>
      <c r="CA3" s="402" t="str">
        <f t="shared" ref="CA3:CA66" si="25">IF(AT3="yes",(AT$2*$BB3),"")</f>
        <v/>
      </c>
      <c r="CB3" s="402" t="str">
        <f t="shared" ref="CB3:CB66" si="26">IF(AU3="yes",(AU$2*$BB3),"")</f>
        <v/>
      </c>
      <c r="CC3" s="402" t="str">
        <f t="shared" ref="CC3:CC66" si="27">IF(AV3="yes",(AV$2*$BB3),"")</f>
        <v/>
      </c>
      <c r="CD3" s="402" t="str">
        <f t="shared" ref="CD3:CD66" si="28">IF(AW3="yes",(AW$2*$BB3),"")</f>
        <v/>
      </c>
      <c r="CE3" s="402" t="str">
        <f t="shared" ref="CE3:CE66" si="29">IF(AX3="yes",(AX$2*$BB3),"")</f>
        <v/>
      </c>
      <c r="CF3" s="402" t="str">
        <f t="shared" ref="CF3:CF66" si="30">IF(AY3="yes",(AY$2*$BB3),"")</f>
        <v/>
      </c>
      <c r="CG3" s="402" t="str">
        <f t="shared" ref="CG3:CG66" si="31">IF(AZ3="yes",(AZ$2*$BB3),"")</f>
        <v/>
      </c>
      <c r="CH3" s="402"/>
      <c r="CI3" s="402"/>
      <c r="CJ3" s="402"/>
      <c r="CK3" s="402"/>
      <c r="CL3" s="402"/>
      <c r="CM3" s="402"/>
      <c r="CN3" s="402"/>
      <c r="CO3" s="402"/>
      <c r="CP3" s="402"/>
      <c r="CQ3" s="402"/>
      <c r="CR3" s="402"/>
      <c r="CS3" s="402"/>
      <c r="CT3" s="402"/>
      <c r="CU3" s="402"/>
      <c r="CV3" s="402"/>
      <c r="CW3" s="402"/>
      <c r="CX3" s="402"/>
      <c r="CY3" s="402"/>
      <c r="CZ3" s="402"/>
      <c r="DA3" s="402"/>
      <c r="DB3" s="402"/>
      <c r="DC3" s="402"/>
      <c r="DD3" s="397" t="s">
        <v>72</v>
      </c>
      <c r="DE3" s="407" t="s">
        <v>73</v>
      </c>
      <c r="DF3" s="310" t="s">
        <v>69</v>
      </c>
    </row>
    <row r="4" spans="3:110" s="396" customFormat="1" ht="56.1" customHeight="1" x14ac:dyDescent="0.2">
      <c r="C4" s="420">
        <v>7</v>
      </c>
      <c r="D4" s="420" t="s">
        <v>2481</v>
      </c>
      <c r="E4" s="96" t="s">
        <v>53</v>
      </c>
      <c r="F4" s="96" t="s">
        <v>54</v>
      </c>
      <c r="G4" s="407" t="s">
        <v>55</v>
      </c>
      <c r="H4" s="407" t="s">
        <v>88</v>
      </c>
      <c r="I4" s="407" t="s">
        <v>89</v>
      </c>
      <c r="J4" s="407"/>
      <c r="K4" s="407" t="s">
        <v>90</v>
      </c>
      <c r="L4" s="407" t="s">
        <v>38</v>
      </c>
      <c r="M4" s="407" t="s">
        <v>60</v>
      </c>
      <c r="N4" s="407" t="s">
        <v>61</v>
      </c>
      <c r="O4" s="407" t="s">
        <v>71</v>
      </c>
      <c r="P4" s="407" t="s">
        <v>63</v>
      </c>
      <c r="Q4" s="407" t="s">
        <v>63</v>
      </c>
      <c r="R4" s="410">
        <v>11480040</v>
      </c>
      <c r="S4" s="410">
        <f>R4</f>
        <v>11480040</v>
      </c>
      <c r="T4" s="407" t="s">
        <v>64</v>
      </c>
      <c r="U4" s="397" t="s">
        <v>65</v>
      </c>
      <c r="V4" s="306"/>
      <c r="W4" s="306"/>
      <c r="X4" s="306"/>
      <c r="Y4" s="306"/>
      <c r="Z4" s="306"/>
      <c r="AA4" s="306"/>
      <c r="AB4" s="306"/>
      <c r="AC4" s="306"/>
      <c r="AD4" s="306"/>
      <c r="AE4" s="306"/>
      <c r="AF4" s="306"/>
      <c r="AG4" s="306"/>
      <c r="AH4" s="306"/>
      <c r="AI4" s="306"/>
      <c r="AJ4" s="306"/>
      <c r="AK4" s="306"/>
      <c r="AL4" s="306"/>
      <c r="AM4" s="306"/>
      <c r="AN4" s="306"/>
      <c r="AO4" s="306"/>
      <c r="AP4" s="306"/>
      <c r="AQ4" s="402" t="s">
        <v>66</v>
      </c>
      <c r="AR4" s="306"/>
      <c r="AS4" s="306"/>
      <c r="AT4" s="306"/>
      <c r="AU4" s="306"/>
      <c r="AV4" s="306"/>
      <c r="AW4" s="306"/>
      <c r="AX4" s="306"/>
      <c r="AY4" s="306"/>
      <c r="AZ4" s="306"/>
      <c r="BA4" s="308">
        <f t="shared" si="0"/>
        <v>250</v>
      </c>
      <c r="BB4" s="309">
        <f>S4/BA4</f>
        <v>45920.160000000003</v>
      </c>
      <c r="BC4" s="402" t="str">
        <f t="shared" si="1"/>
        <v/>
      </c>
      <c r="BD4" s="402" t="str">
        <f t="shared" si="2"/>
        <v/>
      </c>
      <c r="BE4" s="402" t="str">
        <f t="shared" si="3"/>
        <v/>
      </c>
      <c r="BF4" s="402" t="str">
        <f t="shared" si="4"/>
        <v/>
      </c>
      <c r="BG4" s="402" t="str">
        <f t="shared" si="5"/>
        <v/>
      </c>
      <c r="BH4" s="402" t="str">
        <f t="shared" si="6"/>
        <v/>
      </c>
      <c r="BI4" s="402" t="str">
        <f t="shared" si="7"/>
        <v/>
      </c>
      <c r="BJ4" s="402" t="str">
        <f t="shared" si="8"/>
        <v/>
      </c>
      <c r="BK4" s="402" t="str">
        <f t="shared" si="9"/>
        <v/>
      </c>
      <c r="BL4" s="402" t="str">
        <f t="shared" si="10"/>
        <v/>
      </c>
      <c r="BM4" s="402" t="str">
        <f t="shared" si="11"/>
        <v/>
      </c>
      <c r="BN4" s="402" t="str">
        <f t="shared" si="12"/>
        <v/>
      </c>
      <c r="BO4" s="402" t="str">
        <f t="shared" si="13"/>
        <v/>
      </c>
      <c r="BP4" s="402" t="str">
        <f t="shared" si="14"/>
        <v/>
      </c>
      <c r="BQ4" s="402" t="str">
        <f t="shared" si="15"/>
        <v/>
      </c>
      <c r="BR4" s="402" t="str">
        <f t="shared" si="16"/>
        <v/>
      </c>
      <c r="BS4" s="402" t="str">
        <f t="shared" si="17"/>
        <v/>
      </c>
      <c r="BT4" s="402" t="str">
        <f t="shared" si="18"/>
        <v/>
      </c>
      <c r="BU4" s="402" t="str">
        <f t="shared" si="19"/>
        <v/>
      </c>
      <c r="BV4" s="402" t="str">
        <f t="shared" si="20"/>
        <v/>
      </c>
      <c r="BW4" s="402" t="str">
        <f t="shared" si="21"/>
        <v/>
      </c>
      <c r="BX4" s="402">
        <f t="shared" si="22"/>
        <v>11480040</v>
      </c>
      <c r="BY4" s="402" t="str">
        <f t="shared" si="23"/>
        <v/>
      </c>
      <c r="BZ4" s="402" t="str">
        <f t="shared" si="24"/>
        <v/>
      </c>
      <c r="CA4" s="402" t="str">
        <f t="shared" si="25"/>
        <v/>
      </c>
      <c r="CB4" s="402" t="str">
        <f t="shared" si="26"/>
        <v/>
      </c>
      <c r="CC4" s="402" t="str">
        <f t="shared" si="27"/>
        <v/>
      </c>
      <c r="CD4" s="402" t="str">
        <f t="shared" si="28"/>
        <v/>
      </c>
      <c r="CE4" s="402" t="str">
        <f t="shared" si="29"/>
        <v/>
      </c>
      <c r="CF4" s="402" t="str">
        <f t="shared" si="30"/>
        <v/>
      </c>
      <c r="CG4" s="402" t="str">
        <f t="shared" si="31"/>
        <v/>
      </c>
      <c r="CH4" s="402"/>
      <c r="CI4" s="402"/>
      <c r="CJ4" s="402"/>
      <c r="CK4" s="402"/>
      <c r="CL4" s="402"/>
      <c r="CM4" s="402"/>
      <c r="CN4" s="402"/>
      <c r="CO4" s="402"/>
      <c r="CP4" s="402"/>
      <c r="CQ4" s="402"/>
      <c r="CR4" s="402"/>
      <c r="CS4" s="402"/>
      <c r="CT4" s="402"/>
      <c r="CU4" s="402"/>
      <c r="CV4" s="402"/>
      <c r="CW4" s="402"/>
      <c r="CX4" s="402"/>
      <c r="CY4" s="402"/>
      <c r="CZ4" s="402"/>
      <c r="DA4" s="402"/>
      <c r="DB4" s="402"/>
      <c r="DC4" s="402"/>
      <c r="DD4" s="397" t="s">
        <v>72</v>
      </c>
      <c r="DE4" s="407" t="s">
        <v>91</v>
      </c>
      <c r="DF4" s="310" t="s">
        <v>69</v>
      </c>
    </row>
    <row r="5" spans="3:110" s="396" customFormat="1" ht="56.1" customHeight="1" x14ac:dyDescent="0.2">
      <c r="C5" s="420">
        <v>8</v>
      </c>
      <c r="D5" s="420" t="s">
        <v>2481</v>
      </c>
      <c r="E5" s="96" t="s">
        <v>53</v>
      </c>
      <c r="F5" s="96" t="s">
        <v>54</v>
      </c>
      <c r="G5" s="407" t="s">
        <v>55</v>
      </c>
      <c r="H5" s="407" t="s">
        <v>79</v>
      </c>
      <c r="I5" s="407" t="s">
        <v>92</v>
      </c>
      <c r="J5" s="407"/>
      <c r="K5" s="407" t="s">
        <v>93</v>
      </c>
      <c r="L5" s="407" t="s">
        <v>63</v>
      </c>
      <c r="M5" s="407" t="s">
        <v>81</v>
      </c>
      <c r="N5" s="407" t="s">
        <v>61</v>
      </c>
      <c r="O5" s="407" t="s">
        <v>71</v>
      </c>
      <c r="P5" s="407" t="s">
        <v>63</v>
      </c>
      <c r="Q5" s="407" t="s">
        <v>63</v>
      </c>
      <c r="R5" s="410">
        <v>4807688</v>
      </c>
      <c r="S5" s="410">
        <f>R5</f>
        <v>4807688</v>
      </c>
      <c r="T5" s="407" t="s">
        <v>64</v>
      </c>
      <c r="U5" s="397" t="s">
        <v>82</v>
      </c>
      <c r="V5" s="306"/>
      <c r="W5" s="306"/>
      <c r="X5" s="306"/>
      <c r="Y5" s="306"/>
      <c r="Z5" s="306"/>
      <c r="AA5" s="306"/>
      <c r="AB5" s="306"/>
      <c r="AC5" s="306"/>
      <c r="AD5" s="306"/>
      <c r="AE5" s="306"/>
      <c r="AF5" s="306"/>
      <c r="AG5" s="306"/>
      <c r="AH5" s="306"/>
      <c r="AI5" s="306"/>
      <c r="AJ5" s="306"/>
      <c r="AK5" s="306"/>
      <c r="AL5" s="306"/>
      <c r="AM5" s="306"/>
      <c r="AN5" s="306"/>
      <c r="AO5" s="306"/>
      <c r="AP5" s="306"/>
      <c r="AQ5" s="306"/>
      <c r="AR5" s="306"/>
      <c r="AS5" s="306"/>
      <c r="AT5" s="306"/>
      <c r="AU5" s="402" t="s">
        <v>66</v>
      </c>
      <c r="AV5" s="402" t="s">
        <v>66</v>
      </c>
      <c r="AW5" s="306"/>
      <c r="AX5" s="306"/>
      <c r="AY5" s="306"/>
      <c r="AZ5" s="306"/>
      <c r="BA5" s="308">
        <f t="shared" si="0"/>
        <v>248</v>
      </c>
      <c r="BB5" s="309">
        <f>S5/BA5</f>
        <v>19385.83870967742</v>
      </c>
      <c r="BC5" s="402" t="str">
        <f t="shared" si="1"/>
        <v/>
      </c>
      <c r="BD5" s="402" t="str">
        <f t="shared" si="2"/>
        <v/>
      </c>
      <c r="BE5" s="402" t="str">
        <f t="shared" si="3"/>
        <v/>
      </c>
      <c r="BF5" s="402" t="str">
        <f t="shared" si="4"/>
        <v/>
      </c>
      <c r="BG5" s="402" t="str">
        <f t="shared" si="5"/>
        <v/>
      </c>
      <c r="BH5" s="402" t="str">
        <f t="shared" si="6"/>
        <v/>
      </c>
      <c r="BI5" s="402" t="str">
        <f t="shared" si="7"/>
        <v/>
      </c>
      <c r="BJ5" s="402" t="str">
        <f t="shared" si="8"/>
        <v/>
      </c>
      <c r="BK5" s="402" t="str">
        <f t="shared" si="9"/>
        <v/>
      </c>
      <c r="BL5" s="402" t="str">
        <f t="shared" si="10"/>
        <v/>
      </c>
      <c r="BM5" s="402" t="str">
        <f t="shared" si="11"/>
        <v/>
      </c>
      <c r="BN5" s="402" t="str">
        <f t="shared" si="12"/>
        <v/>
      </c>
      <c r="BO5" s="402" t="str">
        <f t="shared" si="13"/>
        <v/>
      </c>
      <c r="BP5" s="402" t="str">
        <f t="shared" si="14"/>
        <v/>
      </c>
      <c r="BQ5" s="402" t="str">
        <f t="shared" si="15"/>
        <v/>
      </c>
      <c r="BR5" s="402" t="str">
        <f t="shared" si="16"/>
        <v/>
      </c>
      <c r="BS5" s="402" t="str">
        <f t="shared" si="17"/>
        <v/>
      </c>
      <c r="BT5" s="402" t="str">
        <f t="shared" si="18"/>
        <v/>
      </c>
      <c r="BU5" s="402" t="str">
        <f t="shared" si="19"/>
        <v/>
      </c>
      <c r="BV5" s="402" t="str">
        <f t="shared" si="20"/>
        <v/>
      </c>
      <c r="BW5" s="402" t="str">
        <f t="shared" si="21"/>
        <v/>
      </c>
      <c r="BX5" s="402" t="str">
        <f t="shared" si="22"/>
        <v/>
      </c>
      <c r="BY5" s="402" t="str">
        <f t="shared" si="23"/>
        <v/>
      </c>
      <c r="BZ5" s="402" t="str">
        <f t="shared" si="24"/>
        <v/>
      </c>
      <c r="CA5" s="402" t="str">
        <f t="shared" si="25"/>
        <v/>
      </c>
      <c r="CB5" s="402">
        <f t="shared" si="26"/>
        <v>4206727</v>
      </c>
      <c r="CC5" s="402">
        <f t="shared" si="27"/>
        <v>600961</v>
      </c>
      <c r="CD5" s="402" t="str">
        <f t="shared" si="28"/>
        <v/>
      </c>
      <c r="CE5" s="402" t="str">
        <f t="shared" si="29"/>
        <v/>
      </c>
      <c r="CF5" s="402" t="str">
        <f t="shared" si="30"/>
        <v/>
      </c>
      <c r="CG5" s="402" t="str">
        <f t="shared" si="31"/>
        <v/>
      </c>
      <c r="CH5" s="402"/>
      <c r="CI5" s="402"/>
      <c r="CJ5" s="402"/>
      <c r="CK5" s="402"/>
      <c r="CL5" s="402"/>
      <c r="CM5" s="402"/>
      <c r="CN5" s="402"/>
      <c r="CO5" s="402"/>
      <c r="CP5" s="402"/>
      <c r="CQ5" s="402"/>
      <c r="CR5" s="402"/>
      <c r="CS5" s="402"/>
      <c r="CT5" s="402"/>
      <c r="CU5" s="402"/>
      <c r="CV5" s="402"/>
      <c r="CW5" s="402"/>
      <c r="CX5" s="402"/>
      <c r="CY5" s="402"/>
      <c r="CZ5" s="402"/>
      <c r="DA5" s="402"/>
      <c r="DB5" s="402"/>
      <c r="DC5" s="402"/>
      <c r="DD5" s="407" t="s">
        <v>83</v>
      </c>
      <c r="DE5" s="407" t="s">
        <v>73</v>
      </c>
      <c r="DF5" s="310" t="s">
        <v>69</v>
      </c>
    </row>
    <row r="6" spans="3:110" s="396" customFormat="1" ht="56.1" customHeight="1" x14ac:dyDescent="0.2">
      <c r="C6" s="420">
        <v>9</v>
      </c>
      <c r="D6" s="420" t="s">
        <v>2481</v>
      </c>
      <c r="E6" s="96" t="s">
        <v>53</v>
      </c>
      <c r="F6" s="96" t="s">
        <v>54</v>
      </c>
      <c r="G6" s="407" t="s">
        <v>55</v>
      </c>
      <c r="H6" s="407" t="s">
        <v>79</v>
      </c>
      <c r="I6" s="407" t="s">
        <v>94</v>
      </c>
      <c r="J6" s="407"/>
      <c r="K6" s="407" t="s">
        <v>95</v>
      </c>
      <c r="L6" s="407" t="s">
        <v>63</v>
      </c>
      <c r="M6" s="407" t="s">
        <v>81</v>
      </c>
      <c r="N6" s="407" t="s">
        <v>61</v>
      </c>
      <c r="O6" s="407" t="s">
        <v>71</v>
      </c>
      <c r="P6" s="407" t="s">
        <v>63</v>
      </c>
      <c r="Q6" s="407" t="s">
        <v>63</v>
      </c>
      <c r="R6" s="410">
        <v>4807688</v>
      </c>
      <c r="S6" s="410">
        <f>R6</f>
        <v>4807688</v>
      </c>
      <c r="T6" s="407" t="s">
        <v>64</v>
      </c>
      <c r="U6" s="397" t="s">
        <v>82</v>
      </c>
      <c r="V6" s="306"/>
      <c r="W6" s="306"/>
      <c r="X6" s="306"/>
      <c r="Y6" s="306"/>
      <c r="Z6" s="306"/>
      <c r="AA6" s="306"/>
      <c r="AB6" s="306"/>
      <c r="AC6" s="306"/>
      <c r="AD6" s="306"/>
      <c r="AE6" s="306"/>
      <c r="AF6" s="306"/>
      <c r="AG6" s="306"/>
      <c r="AH6" s="306"/>
      <c r="AI6" s="306"/>
      <c r="AJ6" s="306"/>
      <c r="AK6" s="306"/>
      <c r="AL6" s="306"/>
      <c r="AM6" s="306"/>
      <c r="AN6" s="306"/>
      <c r="AO6" s="306"/>
      <c r="AP6" s="306"/>
      <c r="AQ6" s="306"/>
      <c r="AR6" s="306"/>
      <c r="AS6" s="306"/>
      <c r="AT6" s="306"/>
      <c r="AU6" s="306"/>
      <c r="AV6" s="306"/>
      <c r="AW6" s="306"/>
      <c r="AX6" s="402" t="s">
        <v>66</v>
      </c>
      <c r="AY6" s="306" t="s">
        <v>66</v>
      </c>
      <c r="AZ6" s="306"/>
      <c r="BA6" s="308">
        <f t="shared" si="0"/>
        <v>181</v>
      </c>
      <c r="BB6" s="309">
        <f>S6/BA6</f>
        <v>26561.812154696134</v>
      </c>
      <c r="BC6" s="402" t="str">
        <f t="shared" si="1"/>
        <v/>
      </c>
      <c r="BD6" s="402" t="str">
        <f t="shared" si="2"/>
        <v/>
      </c>
      <c r="BE6" s="402" t="str">
        <f t="shared" si="3"/>
        <v/>
      </c>
      <c r="BF6" s="402" t="str">
        <f t="shared" si="4"/>
        <v/>
      </c>
      <c r="BG6" s="402" t="str">
        <f t="shared" si="5"/>
        <v/>
      </c>
      <c r="BH6" s="402" t="str">
        <f t="shared" si="6"/>
        <v/>
      </c>
      <c r="BI6" s="402" t="str">
        <f t="shared" si="7"/>
        <v/>
      </c>
      <c r="BJ6" s="402" t="str">
        <f t="shared" si="8"/>
        <v/>
      </c>
      <c r="BK6" s="402" t="str">
        <f t="shared" si="9"/>
        <v/>
      </c>
      <c r="BL6" s="402" t="str">
        <f t="shared" si="10"/>
        <v/>
      </c>
      <c r="BM6" s="402" t="str">
        <f t="shared" si="11"/>
        <v/>
      </c>
      <c r="BN6" s="402" t="str">
        <f t="shared" si="12"/>
        <v/>
      </c>
      <c r="BO6" s="402" t="str">
        <f t="shared" si="13"/>
        <v/>
      </c>
      <c r="BP6" s="402" t="str">
        <f t="shared" si="14"/>
        <v/>
      </c>
      <c r="BQ6" s="402" t="str">
        <f t="shared" si="15"/>
        <v/>
      </c>
      <c r="BR6" s="402" t="str">
        <f t="shared" si="16"/>
        <v/>
      </c>
      <c r="BS6" s="402" t="str">
        <f t="shared" si="17"/>
        <v/>
      </c>
      <c r="BT6" s="402" t="str">
        <f t="shared" si="18"/>
        <v/>
      </c>
      <c r="BU6" s="402" t="str">
        <f t="shared" si="19"/>
        <v/>
      </c>
      <c r="BV6" s="402" t="str">
        <f t="shared" si="20"/>
        <v/>
      </c>
      <c r="BW6" s="402" t="str">
        <f t="shared" si="21"/>
        <v/>
      </c>
      <c r="BX6" s="402" t="str">
        <f t="shared" si="22"/>
        <v/>
      </c>
      <c r="BY6" s="402" t="str">
        <f t="shared" si="23"/>
        <v/>
      </c>
      <c r="BZ6" s="402" t="str">
        <f t="shared" si="24"/>
        <v/>
      </c>
      <c r="CA6" s="402" t="str">
        <f t="shared" si="25"/>
        <v/>
      </c>
      <c r="CB6" s="402" t="str">
        <f t="shared" si="26"/>
        <v/>
      </c>
      <c r="CC6" s="402" t="str">
        <f t="shared" si="27"/>
        <v/>
      </c>
      <c r="CD6" s="402" t="str">
        <f t="shared" si="28"/>
        <v/>
      </c>
      <c r="CE6" s="402">
        <f t="shared" si="29"/>
        <v>3984271.82320442</v>
      </c>
      <c r="CF6" s="402">
        <f t="shared" si="30"/>
        <v>823416.17679558019</v>
      </c>
      <c r="CG6" s="402" t="str">
        <f t="shared" si="31"/>
        <v/>
      </c>
      <c r="CH6" s="402"/>
      <c r="CI6" s="402"/>
      <c r="CJ6" s="402"/>
      <c r="CK6" s="402"/>
      <c r="CL6" s="402"/>
      <c r="CM6" s="402"/>
      <c r="CN6" s="402"/>
      <c r="CO6" s="402"/>
      <c r="CP6" s="402"/>
      <c r="CQ6" s="402"/>
      <c r="CR6" s="402"/>
      <c r="CS6" s="402"/>
      <c r="CT6" s="402"/>
      <c r="CU6" s="402"/>
      <c r="CV6" s="402"/>
      <c r="CW6" s="402"/>
      <c r="CX6" s="402"/>
      <c r="CY6" s="402"/>
      <c r="CZ6" s="402"/>
      <c r="DA6" s="402"/>
      <c r="DB6" s="402"/>
      <c r="DC6" s="402"/>
      <c r="DD6" s="407" t="s">
        <v>83</v>
      </c>
      <c r="DE6" s="407" t="s">
        <v>73</v>
      </c>
      <c r="DF6" s="310" t="s">
        <v>69</v>
      </c>
    </row>
    <row r="7" spans="3:110" s="396" customFormat="1" ht="56.1" customHeight="1" x14ac:dyDescent="0.2">
      <c r="C7" s="420">
        <v>11</v>
      </c>
      <c r="D7" s="420" t="s">
        <v>2481</v>
      </c>
      <c r="E7" s="96" t="s">
        <v>53</v>
      </c>
      <c r="F7" s="96" t="s">
        <v>96</v>
      </c>
      <c r="G7" s="407" t="s">
        <v>55</v>
      </c>
      <c r="H7" s="407" t="s">
        <v>99</v>
      </c>
      <c r="I7" s="407" t="s">
        <v>100</v>
      </c>
      <c r="J7" s="407"/>
      <c r="K7" s="407" t="s">
        <v>90</v>
      </c>
      <c r="L7" s="407" t="s">
        <v>40</v>
      </c>
      <c r="M7" s="407" t="s">
        <v>60</v>
      </c>
      <c r="N7" s="407" t="s">
        <v>77</v>
      </c>
      <c r="O7" s="407" t="s">
        <v>101</v>
      </c>
      <c r="P7" s="407" t="s">
        <v>63</v>
      </c>
      <c r="Q7" s="407" t="s">
        <v>63</v>
      </c>
      <c r="R7" s="410">
        <v>28700100</v>
      </c>
      <c r="S7" s="410">
        <v>28700100</v>
      </c>
      <c r="T7" s="407" t="s">
        <v>64</v>
      </c>
      <c r="U7" s="397" t="s">
        <v>65</v>
      </c>
      <c r="V7" s="306"/>
      <c r="W7" s="306"/>
      <c r="X7" s="306"/>
      <c r="Y7" s="306"/>
      <c r="Z7" s="306"/>
      <c r="AA7" s="306"/>
      <c r="AB7" s="306"/>
      <c r="AC7" s="306"/>
      <c r="AD7" s="306"/>
      <c r="AE7" s="306"/>
      <c r="AF7" s="306"/>
      <c r="AG7" s="306"/>
      <c r="AH7" s="306"/>
      <c r="AI7" s="306"/>
      <c r="AJ7" s="306"/>
      <c r="AK7" s="306"/>
      <c r="AL7" s="306"/>
      <c r="AM7" s="306"/>
      <c r="AN7" s="306"/>
      <c r="AO7" s="306"/>
      <c r="AP7" s="306"/>
      <c r="AQ7" s="306"/>
      <c r="AR7" s="306"/>
      <c r="AS7" s="306" t="s">
        <v>66</v>
      </c>
      <c r="AT7" s="306"/>
      <c r="AU7" s="306"/>
      <c r="AV7" s="306"/>
      <c r="AW7" s="306"/>
      <c r="AX7" s="306"/>
      <c r="AY7" s="306"/>
      <c r="AZ7" s="306"/>
      <c r="BA7" s="308">
        <f t="shared" si="0"/>
        <v>1400</v>
      </c>
      <c r="BB7" s="309"/>
      <c r="BC7" s="402" t="str">
        <f t="shared" si="1"/>
        <v/>
      </c>
      <c r="BD7" s="402" t="str">
        <f t="shared" si="2"/>
        <v/>
      </c>
      <c r="BE7" s="402" t="str">
        <f t="shared" si="3"/>
        <v/>
      </c>
      <c r="BF7" s="402" t="str">
        <f t="shared" si="4"/>
        <v/>
      </c>
      <c r="BG7" s="402" t="str">
        <f t="shared" si="5"/>
        <v/>
      </c>
      <c r="BH7" s="402" t="str">
        <f t="shared" si="6"/>
        <v/>
      </c>
      <c r="BI7" s="402" t="str">
        <f t="shared" si="7"/>
        <v/>
      </c>
      <c r="BJ7" s="402" t="str">
        <f t="shared" si="8"/>
        <v/>
      </c>
      <c r="BK7" s="402" t="str">
        <f t="shared" si="9"/>
        <v/>
      </c>
      <c r="BL7" s="402" t="str">
        <f t="shared" si="10"/>
        <v/>
      </c>
      <c r="BM7" s="402" t="str">
        <f t="shared" si="11"/>
        <v/>
      </c>
      <c r="BN7" s="402" t="str">
        <f t="shared" si="12"/>
        <v/>
      </c>
      <c r="BO7" s="402" t="str">
        <f t="shared" si="13"/>
        <v/>
      </c>
      <c r="BP7" s="402" t="str">
        <f t="shared" si="14"/>
        <v/>
      </c>
      <c r="BQ7" s="402" t="str">
        <f t="shared" si="15"/>
        <v/>
      </c>
      <c r="BR7" s="402" t="str">
        <f t="shared" si="16"/>
        <v/>
      </c>
      <c r="BS7" s="402" t="str">
        <f t="shared" si="17"/>
        <v/>
      </c>
      <c r="BT7" s="402" t="str">
        <f t="shared" si="18"/>
        <v/>
      </c>
      <c r="BU7" s="402" t="str">
        <f t="shared" si="19"/>
        <v/>
      </c>
      <c r="BV7" s="402" t="str">
        <f t="shared" si="20"/>
        <v/>
      </c>
      <c r="BW7" s="402" t="str">
        <f t="shared" si="21"/>
        <v/>
      </c>
      <c r="BX7" s="402" t="str">
        <f t="shared" si="22"/>
        <v/>
      </c>
      <c r="BY7" s="402" t="str">
        <f t="shared" si="23"/>
        <v/>
      </c>
      <c r="BZ7" s="402">
        <f t="shared" si="24"/>
        <v>0</v>
      </c>
      <c r="CA7" s="402" t="str">
        <f t="shared" si="25"/>
        <v/>
      </c>
      <c r="CB7" s="402" t="str">
        <f t="shared" si="26"/>
        <v/>
      </c>
      <c r="CC7" s="402" t="str">
        <f t="shared" si="27"/>
        <v/>
      </c>
      <c r="CD7" s="402" t="str">
        <f t="shared" si="28"/>
        <v/>
      </c>
      <c r="CE7" s="402" t="str">
        <f t="shared" si="29"/>
        <v/>
      </c>
      <c r="CF7" s="402" t="str">
        <f t="shared" si="30"/>
        <v/>
      </c>
      <c r="CG7" s="402" t="str">
        <f t="shared" si="31"/>
        <v/>
      </c>
      <c r="CH7" s="402"/>
      <c r="CI7" s="402"/>
      <c r="CJ7" s="402"/>
      <c r="CK7" s="402"/>
      <c r="CL7" s="402"/>
      <c r="CM7" s="402"/>
      <c r="CN7" s="402"/>
      <c r="CO7" s="402"/>
      <c r="CP7" s="402"/>
      <c r="CQ7" s="402"/>
      <c r="CR7" s="402"/>
      <c r="CS7" s="402"/>
      <c r="CT7" s="402"/>
      <c r="CU7" s="402"/>
      <c r="CV7" s="402"/>
      <c r="CW7" s="402"/>
      <c r="CX7" s="402"/>
      <c r="CY7" s="402"/>
      <c r="CZ7" s="402"/>
      <c r="DA7" s="402"/>
      <c r="DB7" s="402"/>
      <c r="DC7" s="402"/>
      <c r="DD7" s="407"/>
      <c r="DE7" s="407"/>
      <c r="DF7" s="310" t="s">
        <v>69</v>
      </c>
    </row>
    <row r="8" spans="3:110" s="396" customFormat="1" ht="56.1" customHeight="1" x14ac:dyDescent="0.2">
      <c r="C8" s="420">
        <v>14</v>
      </c>
      <c r="D8" s="420" t="s">
        <v>2481</v>
      </c>
      <c r="E8" s="96" t="s">
        <v>53</v>
      </c>
      <c r="F8" s="96" t="s">
        <v>54</v>
      </c>
      <c r="G8" s="407" t="s">
        <v>102</v>
      </c>
      <c r="H8" s="407" t="s">
        <v>109</v>
      </c>
      <c r="I8" s="407" t="s">
        <v>110</v>
      </c>
      <c r="J8" s="407"/>
      <c r="K8" s="407" t="s">
        <v>86</v>
      </c>
      <c r="L8" s="407" t="s">
        <v>63</v>
      </c>
      <c r="M8" s="407" t="s">
        <v>81</v>
      </c>
      <c r="N8" s="407" t="s">
        <v>61</v>
      </c>
      <c r="O8" s="407" t="s">
        <v>71</v>
      </c>
      <c r="P8" s="407" t="s">
        <v>63</v>
      </c>
      <c r="Q8" s="407" t="s">
        <v>63</v>
      </c>
      <c r="R8" s="410">
        <v>11285260</v>
      </c>
      <c r="S8" s="410">
        <f>R8</f>
        <v>11285260</v>
      </c>
      <c r="T8" s="407" t="s">
        <v>64</v>
      </c>
      <c r="U8" s="397" t="s">
        <v>65</v>
      </c>
      <c r="V8" s="306"/>
      <c r="W8" s="306"/>
      <c r="X8" s="306"/>
      <c r="Y8" s="306"/>
      <c r="Z8" s="306"/>
      <c r="AA8" s="306"/>
      <c r="AB8" s="306"/>
      <c r="AC8" s="306"/>
      <c r="AD8" s="306"/>
      <c r="AE8" s="306"/>
      <c r="AF8" s="306"/>
      <c r="AG8" s="306"/>
      <c r="AH8" s="306"/>
      <c r="AI8" s="306"/>
      <c r="AJ8" s="306"/>
      <c r="AK8" s="306"/>
      <c r="AL8" s="306"/>
      <c r="AM8" s="402" t="s">
        <v>66</v>
      </c>
      <c r="AN8" s="402" t="s">
        <v>66</v>
      </c>
      <c r="AO8" s="402" t="s">
        <v>66</v>
      </c>
      <c r="AP8" s="402" t="s">
        <v>66</v>
      </c>
      <c r="AQ8" s="306"/>
      <c r="AR8" s="306"/>
      <c r="AS8" s="306"/>
      <c r="AT8" s="306"/>
      <c r="AU8" s="306"/>
      <c r="AV8" s="306"/>
      <c r="AW8" s="306"/>
      <c r="AX8" s="306"/>
      <c r="AY8" s="306"/>
      <c r="AZ8" s="306"/>
      <c r="BA8" s="308">
        <f t="shared" si="0"/>
        <v>1277</v>
      </c>
      <c r="BB8" s="309">
        <f>S8/BA8</f>
        <v>8837.3218480814412</v>
      </c>
      <c r="BC8" s="402" t="str">
        <f t="shared" si="1"/>
        <v/>
      </c>
      <c r="BD8" s="402" t="str">
        <f t="shared" si="2"/>
        <v/>
      </c>
      <c r="BE8" s="402" t="str">
        <f t="shared" si="3"/>
        <v/>
      </c>
      <c r="BF8" s="402" t="str">
        <f t="shared" si="4"/>
        <v/>
      </c>
      <c r="BG8" s="402" t="str">
        <f t="shared" si="5"/>
        <v/>
      </c>
      <c r="BH8" s="402" t="str">
        <f t="shared" si="6"/>
        <v/>
      </c>
      <c r="BI8" s="402" t="str">
        <f t="shared" si="7"/>
        <v/>
      </c>
      <c r="BJ8" s="402" t="str">
        <f t="shared" si="8"/>
        <v/>
      </c>
      <c r="BK8" s="402" t="str">
        <f t="shared" si="9"/>
        <v/>
      </c>
      <c r="BL8" s="402" t="str">
        <f t="shared" si="10"/>
        <v/>
      </c>
      <c r="BM8" s="402" t="str">
        <f t="shared" si="11"/>
        <v/>
      </c>
      <c r="BN8" s="402" t="str">
        <f t="shared" si="12"/>
        <v/>
      </c>
      <c r="BO8" s="402" t="str">
        <f t="shared" si="13"/>
        <v/>
      </c>
      <c r="BP8" s="402" t="str">
        <f t="shared" si="14"/>
        <v/>
      </c>
      <c r="BQ8" s="402" t="str">
        <f t="shared" si="15"/>
        <v/>
      </c>
      <c r="BR8" s="402" t="str">
        <f t="shared" si="16"/>
        <v/>
      </c>
      <c r="BS8" s="402" t="str">
        <f t="shared" si="17"/>
        <v/>
      </c>
      <c r="BT8" s="402">
        <f t="shared" si="18"/>
        <v>6848924.4322631173</v>
      </c>
      <c r="BU8" s="402">
        <f t="shared" si="19"/>
        <v>883732.18480814411</v>
      </c>
      <c r="BV8" s="402">
        <f t="shared" si="20"/>
        <v>883732.18480814411</v>
      </c>
      <c r="BW8" s="402">
        <f t="shared" si="21"/>
        <v>2668871.1981205954</v>
      </c>
      <c r="BX8" s="402" t="str">
        <f t="shared" si="22"/>
        <v/>
      </c>
      <c r="BY8" s="402" t="str">
        <f t="shared" si="23"/>
        <v/>
      </c>
      <c r="BZ8" s="402" t="str">
        <f t="shared" si="24"/>
        <v/>
      </c>
      <c r="CA8" s="402" t="str">
        <f t="shared" si="25"/>
        <v/>
      </c>
      <c r="CB8" s="402" t="str">
        <f t="shared" si="26"/>
        <v/>
      </c>
      <c r="CC8" s="402" t="str">
        <f t="shared" si="27"/>
        <v/>
      </c>
      <c r="CD8" s="402" t="str">
        <f t="shared" si="28"/>
        <v/>
      </c>
      <c r="CE8" s="402" t="str">
        <f t="shared" si="29"/>
        <v/>
      </c>
      <c r="CF8" s="402" t="str">
        <f t="shared" si="30"/>
        <v/>
      </c>
      <c r="CG8" s="402" t="str">
        <f t="shared" si="31"/>
        <v/>
      </c>
      <c r="CH8" s="402"/>
      <c r="CI8" s="402"/>
      <c r="CJ8" s="402"/>
      <c r="CK8" s="402"/>
      <c r="CL8" s="402"/>
      <c r="CM8" s="402"/>
      <c r="CN8" s="402"/>
      <c r="CO8" s="402"/>
      <c r="CP8" s="402"/>
      <c r="CQ8" s="402"/>
      <c r="CR8" s="402"/>
      <c r="CS8" s="402"/>
      <c r="CT8" s="402"/>
      <c r="CU8" s="402"/>
      <c r="CV8" s="402"/>
      <c r="CW8" s="402"/>
      <c r="CX8" s="402"/>
      <c r="CY8" s="402"/>
      <c r="CZ8" s="402"/>
      <c r="DA8" s="402"/>
      <c r="DB8" s="402"/>
      <c r="DC8" s="402"/>
      <c r="DD8" s="407" t="s">
        <v>111</v>
      </c>
      <c r="DE8" s="407" t="s">
        <v>73</v>
      </c>
      <c r="DF8" s="310" t="s">
        <v>69</v>
      </c>
    </row>
    <row r="9" spans="3:110" s="396" customFormat="1" ht="56.1" customHeight="1" x14ac:dyDescent="0.2">
      <c r="C9" s="420">
        <v>15</v>
      </c>
      <c r="D9" s="420" t="s">
        <v>2481</v>
      </c>
      <c r="E9" s="96" t="s">
        <v>53</v>
      </c>
      <c r="F9" s="96" t="s">
        <v>54</v>
      </c>
      <c r="G9" s="407" t="s">
        <v>102</v>
      </c>
      <c r="H9" s="407" t="s">
        <v>107</v>
      </c>
      <c r="I9" s="407" t="s">
        <v>112</v>
      </c>
      <c r="J9" s="407"/>
      <c r="K9" s="407" t="s">
        <v>90</v>
      </c>
      <c r="L9" s="407" t="s">
        <v>63</v>
      </c>
      <c r="M9" s="407" t="s">
        <v>81</v>
      </c>
      <c r="N9" s="407" t="s">
        <v>61</v>
      </c>
      <c r="O9" s="407" t="s">
        <v>71</v>
      </c>
      <c r="P9" s="407" t="s">
        <v>63</v>
      </c>
      <c r="Q9" s="407" t="s">
        <v>63</v>
      </c>
      <c r="R9" s="410">
        <v>11285260</v>
      </c>
      <c r="S9" s="410">
        <f>R9</f>
        <v>11285260</v>
      </c>
      <c r="T9" s="407" t="s">
        <v>64</v>
      </c>
      <c r="U9" s="397" t="s">
        <v>65</v>
      </c>
      <c r="V9" s="306"/>
      <c r="W9" s="306"/>
      <c r="X9" s="306"/>
      <c r="Y9" s="306"/>
      <c r="Z9" s="306"/>
      <c r="AA9" s="306"/>
      <c r="AB9" s="306"/>
      <c r="AC9" s="306"/>
      <c r="AD9" s="306"/>
      <c r="AE9" s="306"/>
      <c r="AF9" s="306"/>
      <c r="AG9" s="306"/>
      <c r="AH9" s="306"/>
      <c r="AI9" s="306"/>
      <c r="AJ9" s="306"/>
      <c r="AK9" s="306"/>
      <c r="AL9" s="306"/>
      <c r="AM9" s="306"/>
      <c r="AN9" s="306"/>
      <c r="AO9" s="306"/>
      <c r="AP9" s="306"/>
      <c r="AQ9" s="402" t="s">
        <v>66</v>
      </c>
      <c r="AR9" s="402" t="s">
        <v>66</v>
      </c>
      <c r="AS9" s="402" t="s">
        <v>66</v>
      </c>
      <c r="AT9" s="402" t="s">
        <v>66</v>
      </c>
      <c r="AU9" s="306"/>
      <c r="AV9" s="306"/>
      <c r="AW9" s="306"/>
      <c r="AX9" s="306"/>
      <c r="AY9" s="306"/>
      <c r="AZ9" s="306"/>
      <c r="BA9" s="308">
        <f t="shared" si="0"/>
        <v>2251</v>
      </c>
      <c r="BB9" s="309">
        <f>S9/BA9</f>
        <v>5013.4429142603285</v>
      </c>
      <c r="BC9" s="402" t="str">
        <f t="shared" si="1"/>
        <v/>
      </c>
      <c r="BD9" s="402" t="str">
        <f t="shared" si="2"/>
        <v/>
      </c>
      <c r="BE9" s="402" t="str">
        <f t="shared" si="3"/>
        <v/>
      </c>
      <c r="BF9" s="402" t="str">
        <f t="shared" si="4"/>
        <v/>
      </c>
      <c r="BG9" s="402" t="str">
        <f t="shared" si="5"/>
        <v/>
      </c>
      <c r="BH9" s="402" t="str">
        <f t="shared" si="6"/>
        <v/>
      </c>
      <c r="BI9" s="402" t="str">
        <f t="shared" si="7"/>
        <v/>
      </c>
      <c r="BJ9" s="402" t="str">
        <f t="shared" si="8"/>
        <v/>
      </c>
      <c r="BK9" s="402" t="str">
        <f t="shared" si="9"/>
        <v/>
      </c>
      <c r="BL9" s="402" t="str">
        <f t="shared" si="10"/>
        <v/>
      </c>
      <c r="BM9" s="402" t="str">
        <f t="shared" si="11"/>
        <v/>
      </c>
      <c r="BN9" s="402" t="str">
        <f t="shared" si="12"/>
        <v/>
      </c>
      <c r="BO9" s="402" t="str">
        <f t="shared" si="13"/>
        <v/>
      </c>
      <c r="BP9" s="402" t="str">
        <f t="shared" si="14"/>
        <v/>
      </c>
      <c r="BQ9" s="402" t="str">
        <f t="shared" si="15"/>
        <v/>
      </c>
      <c r="BR9" s="402" t="str">
        <f t="shared" si="16"/>
        <v/>
      </c>
      <c r="BS9" s="402" t="str">
        <f t="shared" si="17"/>
        <v/>
      </c>
      <c r="BT9" s="402" t="str">
        <f t="shared" si="18"/>
        <v/>
      </c>
      <c r="BU9" s="402" t="str">
        <f t="shared" si="19"/>
        <v/>
      </c>
      <c r="BV9" s="402" t="str">
        <f t="shared" si="20"/>
        <v/>
      </c>
      <c r="BW9" s="402" t="str">
        <f t="shared" si="21"/>
        <v/>
      </c>
      <c r="BX9" s="402">
        <f t="shared" si="22"/>
        <v>1253360.7285650822</v>
      </c>
      <c r="BY9" s="402">
        <f t="shared" si="23"/>
        <v>2005377.1657041314</v>
      </c>
      <c r="BZ9" s="402">
        <f t="shared" si="24"/>
        <v>7018820.0799644599</v>
      </c>
      <c r="CA9" s="402">
        <f t="shared" si="25"/>
        <v>1007702.025766326</v>
      </c>
      <c r="CB9" s="402" t="str">
        <f t="shared" si="26"/>
        <v/>
      </c>
      <c r="CC9" s="402" t="str">
        <f t="shared" si="27"/>
        <v/>
      </c>
      <c r="CD9" s="402" t="str">
        <f t="shared" si="28"/>
        <v/>
      </c>
      <c r="CE9" s="402" t="str">
        <f t="shared" si="29"/>
        <v/>
      </c>
      <c r="CF9" s="402" t="str">
        <f t="shared" si="30"/>
        <v/>
      </c>
      <c r="CG9" s="402" t="str">
        <f t="shared" si="31"/>
        <v/>
      </c>
      <c r="CH9" s="402"/>
      <c r="CI9" s="402"/>
      <c r="CJ9" s="402"/>
      <c r="CK9" s="402"/>
      <c r="CL9" s="402"/>
      <c r="CM9" s="402"/>
      <c r="CN9" s="402"/>
      <c r="CO9" s="402"/>
      <c r="CP9" s="402"/>
      <c r="CQ9" s="402"/>
      <c r="CR9" s="402"/>
      <c r="CS9" s="402"/>
      <c r="CT9" s="402"/>
      <c r="CU9" s="402"/>
      <c r="CV9" s="402"/>
      <c r="CW9" s="402"/>
      <c r="CX9" s="402"/>
      <c r="CY9" s="402"/>
      <c r="CZ9" s="402"/>
      <c r="DA9" s="402"/>
      <c r="DB9" s="402"/>
      <c r="DC9" s="402"/>
      <c r="DD9" s="407" t="s">
        <v>111</v>
      </c>
      <c r="DE9" s="407" t="s">
        <v>73</v>
      </c>
      <c r="DF9" s="310" t="s">
        <v>69</v>
      </c>
    </row>
    <row r="10" spans="3:110" s="396" customFormat="1" ht="56.1" customHeight="1" x14ac:dyDescent="0.2">
      <c r="C10" s="420">
        <v>16</v>
      </c>
      <c r="D10" s="420" t="s">
        <v>2481</v>
      </c>
      <c r="E10" s="96" t="s">
        <v>53</v>
      </c>
      <c r="F10" s="96" t="s">
        <v>96</v>
      </c>
      <c r="G10" s="407" t="s">
        <v>102</v>
      </c>
      <c r="H10" s="407" t="s">
        <v>113</v>
      </c>
      <c r="I10" s="407" t="s">
        <v>114</v>
      </c>
      <c r="J10" s="407"/>
      <c r="K10" s="407" t="s">
        <v>90</v>
      </c>
      <c r="L10" s="407" t="s">
        <v>40</v>
      </c>
      <c r="M10" s="407" t="s">
        <v>60</v>
      </c>
      <c r="N10" s="407" t="s">
        <v>77</v>
      </c>
      <c r="O10" s="407" t="s">
        <v>101</v>
      </c>
      <c r="P10" s="407" t="s">
        <v>63</v>
      </c>
      <c r="Q10" s="407" t="s">
        <v>63</v>
      </c>
      <c r="R10" s="410"/>
      <c r="S10" s="410"/>
      <c r="T10" s="407" t="s">
        <v>64</v>
      </c>
      <c r="U10" s="397" t="s">
        <v>65</v>
      </c>
      <c r="V10" s="306"/>
      <c r="W10" s="306"/>
      <c r="X10" s="306"/>
      <c r="Y10" s="306"/>
      <c r="Z10" s="306"/>
      <c r="AA10" s="306"/>
      <c r="AB10" s="306"/>
      <c r="AC10" s="306"/>
      <c r="AD10" s="306"/>
      <c r="AE10" s="306"/>
      <c r="AF10" s="306"/>
      <c r="AG10" s="306"/>
      <c r="AH10" s="306"/>
      <c r="AI10" s="306"/>
      <c r="AJ10" s="306"/>
      <c r="AK10" s="306"/>
      <c r="AL10" s="306"/>
      <c r="AM10" s="306"/>
      <c r="AN10" s="306"/>
      <c r="AO10" s="306"/>
      <c r="AP10" s="306"/>
      <c r="AQ10" s="306"/>
      <c r="AR10" s="306"/>
      <c r="AS10" s="306" t="s">
        <v>66</v>
      </c>
      <c r="AT10" s="306"/>
      <c r="AU10" s="306"/>
      <c r="AV10" s="306"/>
      <c r="AW10" s="306"/>
      <c r="AX10" s="306"/>
      <c r="AY10" s="306"/>
      <c r="AZ10" s="306"/>
      <c r="BA10" s="308">
        <f t="shared" si="0"/>
        <v>1400</v>
      </c>
      <c r="BB10" s="309"/>
      <c r="BC10" s="402" t="str">
        <f t="shared" si="1"/>
        <v/>
      </c>
      <c r="BD10" s="402" t="str">
        <f t="shared" si="2"/>
        <v/>
      </c>
      <c r="BE10" s="402" t="str">
        <f t="shared" si="3"/>
        <v/>
      </c>
      <c r="BF10" s="402" t="str">
        <f t="shared" si="4"/>
        <v/>
      </c>
      <c r="BG10" s="402" t="str">
        <f t="shared" si="5"/>
        <v/>
      </c>
      <c r="BH10" s="402" t="str">
        <f t="shared" si="6"/>
        <v/>
      </c>
      <c r="BI10" s="402" t="str">
        <f t="shared" si="7"/>
        <v/>
      </c>
      <c r="BJ10" s="402" t="str">
        <f t="shared" si="8"/>
        <v/>
      </c>
      <c r="BK10" s="402" t="str">
        <f t="shared" si="9"/>
        <v/>
      </c>
      <c r="BL10" s="402" t="str">
        <f t="shared" si="10"/>
        <v/>
      </c>
      <c r="BM10" s="402" t="str">
        <f t="shared" si="11"/>
        <v/>
      </c>
      <c r="BN10" s="402" t="str">
        <f t="shared" si="12"/>
        <v/>
      </c>
      <c r="BO10" s="402" t="str">
        <f t="shared" si="13"/>
        <v/>
      </c>
      <c r="BP10" s="402" t="str">
        <f t="shared" si="14"/>
        <v/>
      </c>
      <c r="BQ10" s="402" t="str">
        <f t="shared" si="15"/>
        <v/>
      </c>
      <c r="BR10" s="402" t="str">
        <f t="shared" si="16"/>
        <v/>
      </c>
      <c r="BS10" s="402" t="str">
        <f t="shared" si="17"/>
        <v/>
      </c>
      <c r="BT10" s="402" t="str">
        <f t="shared" si="18"/>
        <v/>
      </c>
      <c r="BU10" s="402" t="str">
        <f t="shared" si="19"/>
        <v/>
      </c>
      <c r="BV10" s="402" t="str">
        <f t="shared" si="20"/>
        <v/>
      </c>
      <c r="BW10" s="402" t="str">
        <f t="shared" si="21"/>
        <v/>
      </c>
      <c r="BX10" s="402" t="str">
        <f t="shared" si="22"/>
        <v/>
      </c>
      <c r="BY10" s="402" t="str">
        <f t="shared" si="23"/>
        <v/>
      </c>
      <c r="BZ10" s="402">
        <f t="shared" si="24"/>
        <v>0</v>
      </c>
      <c r="CA10" s="402" t="str">
        <f t="shared" si="25"/>
        <v/>
      </c>
      <c r="CB10" s="402" t="str">
        <f t="shared" si="26"/>
        <v/>
      </c>
      <c r="CC10" s="402" t="str">
        <f t="shared" si="27"/>
        <v/>
      </c>
      <c r="CD10" s="402" t="str">
        <f t="shared" si="28"/>
        <v/>
      </c>
      <c r="CE10" s="402" t="str">
        <f t="shared" si="29"/>
        <v/>
      </c>
      <c r="CF10" s="402" t="str">
        <f t="shared" si="30"/>
        <v/>
      </c>
      <c r="CG10" s="402" t="str">
        <f t="shared" si="31"/>
        <v/>
      </c>
      <c r="CH10" s="402"/>
      <c r="CI10" s="402"/>
      <c r="CJ10" s="402"/>
      <c r="CK10" s="402"/>
      <c r="CL10" s="402"/>
      <c r="CM10" s="402"/>
      <c r="CN10" s="402"/>
      <c r="CO10" s="402"/>
      <c r="CP10" s="402"/>
      <c r="CQ10" s="402"/>
      <c r="CR10" s="402"/>
      <c r="CS10" s="402"/>
      <c r="CT10" s="402"/>
      <c r="CU10" s="402"/>
      <c r="CV10" s="402"/>
      <c r="CW10" s="402"/>
      <c r="CX10" s="402"/>
      <c r="CY10" s="402"/>
      <c r="CZ10" s="402"/>
      <c r="DA10" s="402"/>
      <c r="DB10" s="402"/>
      <c r="DC10" s="402"/>
      <c r="DD10" s="407"/>
      <c r="DE10" s="407"/>
      <c r="DF10" s="310" t="s">
        <v>69</v>
      </c>
    </row>
    <row r="11" spans="3:110" s="396" customFormat="1" ht="56.1" customHeight="1" x14ac:dyDescent="0.2">
      <c r="C11" s="420">
        <v>19</v>
      </c>
      <c r="D11" s="420" t="s">
        <v>2481</v>
      </c>
      <c r="E11" s="96" t="s">
        <v>53</v>
      </c>
      <c r="F11" s="96" t="s">
        <v>54</v>
      </c>
      <c r="G11" s="407" t="s">
        <v>115</v>
      </c>
      <c r="H11" s="407" t="s">
        <v>116</v>
      </c>
      <c r="I11" s="407" t="s">
        <v>117</v>
      </c>
      <c r="J11" s="407"/>
      <c r="K11" s="407" t="s">
        <v>86</v>
      </c>
      <c r="L11" s="407" t="s">
        <v>63</v>
      </c>
      <c r="M11" s="407" t="s">
        <v>81</v>
      </c>
      <c r="N11" s="407" t="s">
        <v>61</v>
      </c>
      <c r="O11" s="407" t="s">
        <v>71</v>
      </c>
      <c r="P11" s="407" t="s">
        <v>63</v>
      </c>
      <c r="Q11" s="407" t="s">
        <v>63</v>
      </c>
      <c r="R11" s="410">
        <v>840000</v>
      </c>
      <c r="S11" s="410">
        <f>R11</f>
        <v>840000</v>
      </c>
      <c r="T11" s="407" t="s">
        <v>64</v>
      </c>
      <c r="U11" s="397" t="s">
        <v>82</v>
      </c>
      <c r="V11" s="306"/>
      <c r="W11" s="306"/>
      <c r="X11" s="306"/>
      <c r="Y11" s="306"/>
      <c r="Z11" s="306"/>
      <c r="AA11" s="306"/>
      <c r="AB11" s="306"/>
      <c r="AC11" s="306"/>
      <c r="AD11" s="306"/>
      <c r="AE11" s="306"/>
      <c r="AF11" s="306"/>
      <c r="AG11" s="306"/>
      <c r="AH11" s="306"/>
      <c r="AI11" s="306"/>
      <c r="AJ11" s="306"/>
      <c r="AK11" s="306"/>
      <c r="AL11" s="306"/>
      <c r="AM11" s="402" t="s">
        <v>66</v>
      </c>
      <c r="AN11" s="402" t="s">
        <v>66</v>
      </c>
      <c r="AO11" s="402" t="s">
        <v>66</v>
      </c>
      <c r="AP11" s="402" t="s">
        <v>66</v>
      </c>
      <c r="AQ11" s="306"/>
      <c r="AR11" s="306"/>
      <c r="AS11" s="306"/>
      <c r="AT11" s="306"/>
      <c r="AU11" s="306"/>
      <c r="AV11" s="306"/>
      <c r="AW11" s="306"/>
      <c r="AX11" s="306"/>
      <c r="AY11" s="306"/>
      <c r="AZ11" s="306"/>
      <c r="BA11" s="308">
        <f t="shared" si="0"/>
        <v>1277</v>
      </c>
      <c r="BB11" s="309">
        <f>S11/BA11</f>
        <v>657.79169929522322</v>
      </c>
      <c r="BC11" s="402" t="str">
        <f t="shared" si="1"/>
        <v/>
      </c>
      <c r="BD11" s="402" t="str">
        <f t="shared" si="2"/>
        <v/>
      </c>
      <c r="BE11" s="402" t="str">
        <f t="shared" si="3"/>
        <v/>
      </c>
      <c r="BF11" s="402" t="str">
        <f t="shared" si="4"/>
        <v/>
      </c>
      <c r="BG11" s="402" t="str">
        <f t="shared" si="5"/>
        <v/>
      </c>
      <c r="BH11" s="402" t="str">
        <f t="shared" si="6"/>
        <v/>
      </c>
      <c r="BI11" s="402" t="str">
        <f t="shared" si="7"/>
        <v/>
      </c>
      <c r="BJ11" s="402" t="str">
        <f t="shared" si="8"/>
        <v/>
      </c>
      <c r="BK11" s="402" t="str">
        <f t="shared" si="9"/>
        <v/>
      </c>
      <c r="BL11" s="402" t="str">
        <f t="shared" si="10"/>
        <v/>
      </c>
      <c r="BM11" s="402" t="str">
        <f t="shared" si="11"/>
        <v/>
      </c>
      <c r="BN11" s="402" t="str">
        <f t="shared" si="12"/>
        <v/>
      </c>
      <c r="BO11" s="402" t="str">
        <f t="shared" si="13"/>
        <v/>
      </c>
      <c r="BP11" s="402" t="str">
        <f t="shared" si="14"/>
        <v/>
      </c>
      <c r="BQ11" s="402" t="str">
        <f t="shared" si="15"/>
        <v/>
      </c>
      <c r="BR11" s="402" t="str">
        <f t="shared" si="16"/>
        <v/>
      </c>
      <c r="BS11" s="402" t="str">
        <f t="shared" si="17"/>
        <v/>
      </c>
      <c r="BT11" s="402">
        <f t="shared" si="18"/>
        <v>509788.566953798</v>
      </c>
      <c r="BU11" s="402">
        <f t="shared" si="19"/>
        <v>65779.169929522322</v>
      </c>
      <c r="BV11" s="402">
        <f t="shared" si="20"/>
        <v>65779.169929522322</v>
      </c>
      <c r="BW11" s="402">
        <f t="shared" si="21"/>
        <v>198653.09318715741</v>
      </c>
      <c r="BX11" s="402" t="str">
        <f t="shared" si="22"/>
        <v/>
      </c>
      <c r="BY11" s="402" t="str">
        <f t="shared" si="23"/>
        <v/>
      </c>
      <c r="BZ11" s="402" t="str">
        <f t="shared" si="24"/>
        <v/>
      </c>
      <c r="CA11" s="402" t="str">
        <f t="shared" si="25"/>
        <v/>
      </c>
      <c r="CB11" s="402" t="str">
        <f t="shared" si="26"/>
        <v/>
      </c>
      <c r="CC11" s="402" t="str">
        <f t="shared" si="27"/>
        <v/>
      </c>
      <c r="CD11" s="402" t="str">
        <f t="shared" si="28"/>
        <v/>
      </c>
      <c r="CE11" s="402" t="str">
        <f t="shared" si="29"/>
        <v/>
      </c>
      <c r="CF11" s="402" t="str">
        <f t="shared" si="30"/>
        <v/>
      </c>
      <c r="CG11" s="402" t="str">
        <f t="shared" si="31"/>
        <v/>
      </c>
      <c r="CH11" s="402"/>
      <c r="CI11" s="402"/>
      <c r="CJ11" s="402"/>
      <c r="CK11" s="402"/>
      <c r="CL11" s="402"/>
      <c r="CM11" s="402"/>
      <c r="CN11" s="402"/>
      <c r="CO11" s="402"/>
      <c r="CP11" s="402"/>
      <c r="CQ11" s="402"/>
      <c r="CR11" s="402"/>
      <c r="CS11" s="402"/>
      <c r="CT11" s="402"/>
      <c r="CU11" s="402"/>
      <c r="CV11" s="402"/>
      <c r="CW11" s="402"/>
      <c r="CX11" s="402"/>
      <c r="CY11" s="402"/>
      <c r="CZ11" s="402"/>
      <c r="DA11" s="402"/>
      <c r="DB11" s="402"/>
      <c r="DC11" s="402"/>
      <c r="DD11" s="407" t="s">
        <v>118</v>
      </c>
      <c r="DE11" s="407"/>
      <c r="DF11" s="310" t="s">
        <v>69</v>
      </c>
    </row>
    <row r="12" spans="3:110" s="421" customFormat="1" ht="56.1" customHeight="1" x14ac:dyDescent="0.2">
      <c r="C12" s="420">
        <v>20</v>
      </c>
      <c r="D12" s="420" t="s">
        <v>2481</v>
      </c>
      <c r="E12" s="96" t="s">
        <v>53</v>
      </c>
      <c r="F12" s="96" t="s">
        <v>54</v>
      </c>
      <c r="G12" s="407" t="s">
        <v>115</v>
      </c>
      <c r="H12" s="407" t="s">
        <v>116</v>
      </c>
      <c r="I12" s="407" t="s">
        <v>117</v>
      </c>
      <c r="J12" s="407"/>
      <c r="K12" s="407" t="s">
        <v>90</v>
      </c>
      <c r="L12" s="407" t="s">
        <v>63</v>
      </c>
      <c r="M12" s="407" t="s">
        <v>81</v>
      </c>
      <c r="N12" s="407" t="s">
        <v>61</v>
      </c>
      <c r="O12" s="407" t="s">
        <v>71</v>
      </c>
      <c r="P12" s="407" t="s">
        <v>63</v>
      </c>
      <c r="Q12" s="407" t="s">
        <v>63</v>
      </c>
      <c r="R12" s="410">
        <v>840000</v>
      </c>
      <c r="S12" s="410">
        <f>R12</f>
        <v>840000</v>
      </c>
      <c r="T12" s="407" t="s">
        <v>64</v>
      </c>
      <c r="U12" s="397" t="s">
        <v>82</v>
      </c>
      <c r="V12" s="312"/>
      <c r="W12" s="312"/>
      <c r="X12" s="312"/>
      <c r="Y12" s="312"/>
      <c r="Z12" s="312"/>
      <c r="AA12" s="312"/>
      <c r="AB12" s="312"/>
      <c r="AC12" s="312"/>
      <c r="AD12" s="312"/>
      <c r="AE12" s="312"/>
      <c r="AF12" s="312"/>
      <c r="AG12" s="312"/>
      <c r="AH12" s="312"/>
      <c r="AI12" s="312"/>
      <c r="AJ12" s="312"/>
      <c r="AK12" s="312"/>
      <c r="AL12" s="312"/>
      <c r="AM12" s="312"/>
      <c r="AN12" s="312"/>
      <c r="AO12" s="312"/>
      <c r="AP12" s="312"/>
      <c r="AQ12" s="402" t="s">
        <v>66</v>
      </c>
      <c r="AR12" s="402" t="s">
        <v>66</v>
      </c>
      <c r="AS12" s="402" t="s">
        <v>66</v>
      </c>
      <c r="AT12" s="402" t="s">
        <v>66</v>
      </c>
      <c r="AU12" s="402"/>
      <c r="AV12" s="306"/>
      <c r="AW12" s="312"/>
      <c r="AX12" s="312"/>
      <c r="AY12" s="312"/>
      <c r="AZ12" s="312"/>
      <c r="BA12" s="308">
        <f t="shared" si="0"/>
        <v>2251</v>
      </c>
      <c r="BB12" s="309">
        <f>S12/BA12</f>
        <v>373.16748111950244</v>
      </c>
      <c r="BC12" s="402" t="str">
        <f t="shared" si="1"/>
        <v/>
      </c>
      <c r="BD12" s="402" t="str">
        <f t="shared" si="2"/>
        <v/>
      </c>
      <c r="BE12" s="402" t="str">
        <f t="shared" si="3"/>
        <v/>
      </c>
      <c r="BF12" s="402" t="str">
        <f t="shared" si="4"/>
        <v/>
      </c>
      <c r="BG12" s="402" t="str">
        <f t="shared" si="5"/>
        <v/>
      </c>
      <c r="BH12" s="402" t="str">
        <f t="shared" si="6"/>
        <v/>
      </c>
      <c r="BI12" s="402" t="str">
        <f t="shared" si="7"/>
        <v/>
      </c>
      <c r="BJ12" s="402" t="str">
        <f t="shared" si="8"/>
        <v/>
      </c>
      <c r="BK12" s="402" t="str">
        <f t="shared" si="9"/>
        <v/>
      </c>
      <c r="BL12" s="402" t="str">
        <f t="shared" si="10"/>
        <v/>
      </c>
      <c r="BM12" s="402" t="str">
        <f t="shared" si="11"/>
        <v/>
      </c>
      <c r="BN12" s="402" t="str">
        <f t="shared" si="12"/>
        <v/>
      </c>
      <c r="BO12" s="402" t="str">
        <f t="shared" si="13"/>
        <v/>
      </c>
      <c r="BP12" s="402" t="str">
        <f t="shared" si="14"/>
        <v/>
      </c>
      <c r="BQ12" s="402" t="str">
        <f t="shared" si="15"/>
        <v/>
      </c>
      <c r="BR12" s="402" t="str">
        <f t="shared" si="16"/>
        <v/>
      </c>
      <c r="BS12" s="402" t="str">
        <f t="shared" si="17"/>
        <v/>
      </c>
      <c r="BT12" s="402" t="str">
        <f t="shared" si="18"/>
        <v/>
      </c>
      <c r="BU12" s="402" t="str">
        <f t="shared" si="19"/>
        <v/>
      </c>
      <c r="BV12" s="402" t="str">
        <f t="shared" si="20"/>
        <v/>
      </c>
      <c r="BW12" s="402" t="str">
        <f t="shared" si="21"/>
        <v/>
      </c>
      <c r="BX12" s="402">
        <f t="shared" si="22"/>
        <v>93291.870279875613</v>
      </c>
      <c r="BY12" s="402">
        <f t="shared" si="23"/>
        <v>149266.99244780096</v>
      </c>
      <c r="BZ12" s="402">
        <f t="shared" si="24"/>
        <v>522434.47356730344</v>
      </c>
      <c r="CA12" s="402">
        <f t="shared" si="25"/>
        <v>75006.663705019993</v>
      </c>
      <c r="CB12" s="402" t="str">
        <f t="shared" si="26"/>
        <v/>
      </c>
      <c r="CC12" s="402" t="str">
        <f t="shared" si="27"/>
        <v/>
      </c>
      <c r="CD12" s="402" t="str">
        <f t="shared" si="28"/>
        <v/>
      </c>
      <c r="CE12" s="402" t="str">
        <f t="shared" si="29"/>
        <v/>
      </c>
      <c r="CF12" s="402" t="str">
        <f t="shared" si="30"/>
        <v/>
      </c>
      <c r="CG12" s="402" t="str">
        <f t="shared" si="31"/>
        <v/>
      </c>
      <c r="CH12" s="402"/>
      <c r="CI12" s="402"/>
      <c r="CJ12" s="402"/>
      <c r="CK12" s="402"/>
      <c r="CL12" s="402"/>
      <c r="CM12" s="402"/>
      <c r="CN12" s="402"/>
      <c r="CO12" s="402"/>
      <c r="CP12" s="402"/>
      <c r="CQ12" s="402"/>
      <c r="CR12" s="402"/>
      <c r="CS12" s="402"/>
      <c r="CT12" s="402"/>
      <c r="CU12" s="402"/>
      <c r="CV12" s="402"/>
      <c r="CW12" s="402"/>
      <c r="CX12" s="402"/>
      <c r="CY12" s="402"/>
      <c r="CZ12" s="402"/>
      <c r="DA12" s="402"/>
      <c r="DB12" s="402"/>
      <c r="DC12" s="402"/>
      <c r="DD12" s="407" t="s">
        <v>118</v>
      </c>
      <c r="DE12" s="407"/>
      <c r="DF12" s="310" t="s">
        <v>69</v>
      </c>
    </row>
    <row r="13" spans="3:110" s="396" customFormat="1" ht="56.1" customHeight="1" x14ac:dyDescent="0.2">
      <c r="C13" s="420">
        <v>26</v>
      </c>
      <c r="D13" s="420" t="s">
        <v>2481</v>
      </c>
      <c r="E13" s="96" t="s">
        <v>53</v>
      </c>
      <c r="F13" s="96" t="s">
        <v>54</v>
      </c>
      <c r="G13" s="407" t="s">
        <v>142</v>
      </c>
      <c r="H13" s="407" t="s">
        <v>143</v>
      </c>
      <c r="I13" s="407" t="s">
        <v>144</v>
      </c>
      <c r="J13" s="407"/>
      <c r="K13" s="407" t="s">
        <v>145</v>
      </c>
      <c r="L13" s="407" t="s">
        <v>63</v>
      </c>
      <c r="M13" s="407" t="s">
        <v>81</v>
      </c>
      <c r="N13" s="407" t="s">
        <v>61</v>
      </c>
      <c r="O13" s="407" t="s">
        <v>71</v>
      </c>
      <c r="P13" s="407" t="s">
        <v>63</v>
      </c>
      <c r="Q13" s="407" t="s">
        <v>63</v>
      </c>
      <c r="R13" s="410">
        <v>103625</v>
      </c>
      <c r="S13" s="410">
        <f>R13</f>
        <v>103625</v>
      </c>
      <c r="T13" s="407" t="s">
        <v>64</v>
      </c>
      <c r="U13" s="397" t="s">
        <v>65</v>
      </c>
      <c r="V13" s="306"/>
      <c r="W13" s="306"/>
      <c r="X13" s="306"/>
      <c r="Y13" s="306"/>
      <c r="Z13" s="306"/>
      <c r="AA13" s="306"/>
      <c r="AB13" s="306"/>
      <c r="AC13" s="306"/>
      <c r="AD13" s="306"/>
      <c r="AE13" s="306"/>
      <c r="AF13" s="306"/>
      <c r="AG13" s="306"/>
      <c r="AH13" s="306"/>
      <c r="AI13" s="306"/>
      <c r="AJ13" s="306"/>
      <c r="AK13" s="306"/>
      <c r="AL13" s="306"/>
      <c r="AM13" s="402" t="s">
        <v>66</v>
      </c>
      <c r="AN13" s="306"/>
      <c r="AO13" s="306"/>
      <c r="AP13" s="306"/>
      <c r="AQ13" s="306"/>
      <c r="AR13" s="306"/>
      <c r="AS13" s="306"/>
      <c r="AT13" s="306"/>
      <c r="AU13" s="306"/>
      <c r="AV13" s="306"/>
      <c r="AW13" s="306"/>
      <c r="AX13" s="306"/>
      <c r="AY13" s="306"/>
      <c r="AZ13" s="306"/>
      <c r="BA13" s="308">
        <f t="shared" si="0"/>
        <v>775</v>
      </c>
      <c r="BB13" s="309">
        <f>S13/BA13</f>
        <v>133.70967741935485</v>
      </c>
      <c r="BC13" s="402" t="str">
        <f t="shared" si="1"/>
        <v/>
      </c>
      <c r="BD13" s="402" t="str">
        <f t="shared" si="2"/>
        <v/>
      </c>
      <c r="BE13" s="402" t="str">
        <f t="shared" si="3"/>
        <v/>
      </c>
      <c r="BF13" s="402" t="str">
        <f t="shared" si="4"/>
        <v/>
      </c>
      <c r="BG13" s="402" t="str">
        <f t="shared" si="5"/>
        <v/>
      </c>
      <c r="BH13" s="402" t="str">
        <f t="shared" si="6"/>
        <v/>
      </c>
      <c r="BI13" s="402" t="str">
        <f t="shared" si="7"/>
        <v/>
      </c>
      <c r="BJ13" s="402" t="str">
        <f t="shared" si="8"/>
        <v/>
      </c>
      <c r="BK13" s="402" t="str">
        <f t="shared" si="9"/>
        <v/>
      </c>
      <c r="BL13" s="402" t="str">
        <f t="shared" si="10"/>
        <v/>
      </c>
      <c r="BM13" s="402" t="str">
        <f t="shared" si="11"/>
        <v/>
      </c>
      <c r="BN13" s="402" t="str">
        <f t="shared" si="12"/>
        <v/>
      </c>
      <c r="BO13" s="402" t="str">
        <f t="shared" si="13"/>
        <v/>
      </c>
      <c r="BP13" s="402" t="str">
        <f t="shared" si="14"/>
        <v/>
      </c>
      <c r="BQ13" s="402" t="str">
        <f t="shared" si="15"/>
        <v/>
      </c>
      <c r="BR13" s="402" t="str">
        <f t="shared" si="16"/>
        <v/>
      </c>
      <c r="BS13" s="402" t="str">
        <f t="shared" si="17"/>
        <v/>
      </c>
      <c r="BT13" s="402">
        <f t="shared" si="18"/>
        <v>103625</v>
      </c>
      <c r="BU13" s="402" t="str">
        <f t="shared" si="19"/>
        <v/>
      </c>
      <c r="BV13" s="402" t="str">
        <f t="shared" si="20"/>
        <v/>
      </c>
      <c r="BW13" s="402" t="str">
        <f t="shared" si="21"/>
        <v/>
      </c>
      <c r="BX13" s="402" t="str">
        <f t="shared" si="22"/>
        <v/>
      </c>
      <c r="BY13" s="402" t="str">
        <f t="shared" si="23"/>
        <v/>
      </c>
      <c r="BZ13" s="402" t="str">
        <f t="shared" si="24"/>
        <v/>
      </c>
      <c r="CA13" s="402" t="str">
        <f t="shared" si="25"/>
        <v/>
      </c>
      <c r="CB13" s="402" t="str">
        <f t="shared" si="26"/>
        <v/>
      </c>
      <c r="CC13" s="402" t="str">
        <f t="shared" si="27"/>
        <v/>
      </c>
      <c r="CD13" s="402" t="str">
        <f t="shared" si="28"/>
        <v/>
      </c>
      <c r="CE13" s="402" t="str">
        <f t="shared" si="29"/>
        <v/>
      </c>
      <c r="CF13" s="402" t="str">
        <f t="shared" si="30"/>
        <v/>
      </c>
      <c r="CG13" s="402" t="str">
        <f t="shared" si="31"/>
        <v/>
      </c>
      <c r="CH13" s="402"/>
      <c r="CI13" s="402"/>
      <c r="CJ13" s="402"/>
      <c r="CK13" s="402"/>
      <c r="CL13" s="402"/>
      <c r="CM13" s="402"/>
      <c r="CN13" s="402"/>
      <c r="CO13" s="402"/>
      <c r="CP13" s="402"/>
      <c r="CQ13" s="402"/>
      <c r="CR13" s="402"/>
      <c r="CS13" s="402"/>
      <c r="CT13" s="402"/>
      <c r="CU13" s="402"/>
      <c r="CV13" s="402"/>
      <c r="CW13" s="402"/>
      <c r="CX13" s="402"/>
      <c r="CY13" s="402"/>
      <c r="CZ13" s="402"/>
      <c r="DA13" s="402"/>
      <c r="DB13" s="402"/>
      <c r="DC13" s="402"/>
      <c r="DD13" s="407" t="s">
        <v>146</v>
      </c>
      <c r="DE13" s="407" t="s">
        <v>147</v>
      </c>
      <c r="DF13" s="310" t="s">
        <v>69</v>
      </c>
    </row>
    <row r="14" spans="3:110" s="396" customFormat="1" ht="56.1" customHeight="1" x14ac:dyDescent="0.2">
      <c r="C14" s="420">
        <v>28</v>
      </c>
      <c r="D14" s="420" t="s">
        <v>2481</v>
      </c>
      <c r="E14" s="96" t="s">
        <v>53</v>
      </c>
      <c r="F14" s="96" t="s">
        <v>153</v>
      </c>
      <c r="G14" s="407" t="s">
        <v>154</v>
      </c>
      <c r="H14" s="407" t="s">
        <v>155</v>
      </c>
      <c r="I14" s="407" t="s">
        <v>156</v>
      </c>
      <c r="J14" s="407"/>
      <c r="K14" s="407" t="s">
        <v>157</v>
      </c>
      <c r="L14" s="407" t="s">
        <v>42</v>
      </c>
      <c r="M14" s="407" t="s">
        <v>81</v>
      </c>
      <c r="N14" s="407" t="s">
        <v>158</v>
      </c>
      <c r="O14" s="407" t="s">
        <v>159</v>
      </c>
      <c r="P14" s="407" t="s">
        <v>63</v>
      </c>
      <c r="Q14" s="407" t="s">
        <v>63</v>
      </c>
      <c r="R14" s="410"/>
      <c r="S14" s="410"/>
      <c r="T14" s="407" t="s">
        <v>160</v>
      </c>
      <c r="U14" s="397" t="s">
        <v>65</v>
      </c>
      <c r="V14" s="306"/>
      <c r="W14" s="306"/>
      <c r="X14" s="306"/>
      <c r="Y14" s="306"/>
      <c r="Z14" s="306"/>
      <c r="AA14" s="306"/>
      <c r="AB14" s="306"/>
      <c r="AC14" s="306"/>
      <c r="AD14" s="306"/>
      <c r="AE14" s="306"/>
      <c r="AF14" s="306"/>
      <c r="AG14" s="306"/>
      <c r="AH14" s="306"/>
      <c r="AI14" s="306"/>
      <c r="AJ14" s="306"/>
      <c r="AK14" s="306"/>
      <c r="AL14" s="306"/>
      <c r="AM14" s="306"/>
      <c r="AN14" s="306"/>
      <c r="AO14" s="306"/>
      <c r="AP14" s="306"/>
      <c r="AQ14" s="306"/>
      <c r="AR14" s="306"/>
      <c r="AS14" s="306"/>
      <c r="AT14" s="306"/>
      <c r="AU14" s="306"/>
      <c r="AV14" s="306"/>
      <c r="AW14" s="306" t="s">
        <v>66</v>
      </c>
      <c r="AX14" s="306"/>
      <c r="AY14" s="306"/>
      <c r="AZ14" s="306"/>
      <c r="BA14" s="308">
        <f t="shared" si="0"/>
        <v>67</v>
      </c>
      <c r="BB14" s="309"/>
      <c r="BC14" s="402" t="str">
        <f t="shared" si="1"/>
        <v/>
      </c>
      <c r="BD14" s="402" t="str">
        <f t="shared" si="2"/>
        <v/>
      </c>
      <c r="BE14" s="402" t="str">
        <f t="shared" si="3"/>
        <v/>
      </c>
      <c r="BF14" s="402" t="str">
        <f t="shared" si="4"/>
        <v/>
      </c>
      <c r="BG14" s="402" t="str">
        <f t="shared" si="5"/>
        <v/>
      </c>
      <c r="BH14" s="402" t="str">
        <f t="shared" si="6"/>
        <v/>
      </c>
      <c r="BI14" s="402" t="str">
        <f t="shared" si="7"/>
        <v/>
      </c>
      <c r="BJ14" s="402" t="str">
        <f t="shared" si="8"/>
        <v/>
      </c>
      <c r="BK14" s="402" t="str">
        <f t="shared" si="9"/>
        <v/>
      </c>
      <c r="BL14" s="402" t="str">
        <f t="shared" si="10"/>
        <v/>
      </c>
      <c r="BM14" s="402" t="str">
        <f t="shared" si="11"/>
        <v/>
      </c>
      <c r="BN14" s="402" t="str">
        <f t="shared" si="12"/>
        <v/>
      </c>
      <c r="BO14" s="402" t="str">
        <f t="shared" si="13"/>
        <v/>
      </c>
      <c r="BP14" s="402" t="str">
        <f t="shared" si="14"/>
        <v/>
      </c>
      <c r="BQ14" s="402" t="str">
        <f t="shared" si="15"/>
        <v/>
      </c>
      <c r="BR14" s="402" t="str">
        <f t="shared" si="16"/>
        <v/>
      </c>
      <c r="BS14" s="402" t="str">
        <f t="shared" si="17"/>
        <v/>
      </c>
      <c r="BT14" s="402" t="str">
        <f t="shared" si="18"/>
        <v/>
      </c>
      <c r="BU14" s="402" t="str">
        <f t="shared" si="19"/>
        <v/>
      </c>
      <c r="BV14" s="402" t="str">
        <f t="shared" si="20"/>
        <v/>
      </c>
      <c r="BW14" s="402" t="str">
        <f t="shared" si="21"/>
        <v/>
      </c>
      <c r="BX14" s="402" t="str">
        <f t="shared" si="22"/>
        <v/>
      </c>
      <c r="BY14" s="402" t="str">
        <f t="shared" si="23"/>
        <v/>
      </c>
      <c r="BZ14" s="402" t="str">
        <f t="shared" si="24"/>
        <v/>
      </c>
      <c r="CA14" s="402" t="str">
        <f t="shared" si="25"/>
        <v/>
      </c>
      <c r="CB14" s="402" t="str">
        <f t="shared" si="26"/>
        <v/>
      </c>
      <c r="CC14" s="402" t="str">
        <f t="shared" si="27"/>
        <v/>
      </c>
      <c r="CD14" s="402">
        <f t="shared" si="28"/>
        <v>0</v>
      </c>
      <c r="CE14" s="402" t="str">
        <f t="shared" si="29"/>
        <v/>
      </c>
      <c r="CF14" s="402" t="str">
        <f t="shared" si="30"/>
        <v/>
      </c>
      <c r="CG14" s="402" t="str">
        <f t="shared" si="31"/>
        <v/>
      </c>
      <c r="CH14" s="402"/>
      <c r="CI14" s="402"/>
      <c r="CJ14" s="402"/>
      <c r="CK14" s="402"/>
      <c r="CL14" s="402"/>
      <c r="CM14" s="402"/>
      <c r="CN14" s="402"/>
      <c r="CO14" s="402"/>
      <c r="CP14" s="402"/>
      <c r="CQ14" s="402"/>
      <c r="CR14" s="402"/>
      <c r="CS14" s="402"/>
      <c r="CT14" s="402"/>
      <c r="CU14" s="402"/>
      <c r="CV14" s="402"/>
      <c r="CW14" s="402"/>
      <c r="CX14" s="402"/>
      <c r="CY14" s="402"/>
      <c r="CZ14" s="402"/>
      <c r="DA14" s="402"/>
      <c r="DB14" s="402"/>
      <c r="DC14" s="402"/>
      <c r="DD14" s="407"/>
      <c r="DE14" s="310" t="s">
        <v>161</v>
      </c>
      <c r="DF14" s="310" t="s">
        <v>162</v>
      </c>
    </row>
    <row r="15" spans="3:110" s="396" customFormat="1" ht="110.85" customHeight="1" x14ac:dyDescent="0.2">
      <c r="C15" s="420">
        <v>30</v>
      </c>
      <c r="D15" s="420" t="s">
        <v>2481</v>
      </c>
      <c r="E15" s="96" t="s">
        <v>53</v>
      </c>
      <c r="F15" s="96" t="s">
        <v>153</v>
      </c>
      <c r="G15" s="407" t="s">
        <v>154</v>
      </c>
      <c r="H15" s="407" t="s">
        <v>166</v>
      </c>
      <c r="I15" s="407" t="s">
        <v>167</v>
      </c>
      <c r="J15" s="407"/>
      <c r="K15" s="407" t="s">
        <v>90</v>
      </c>
      <c r="L15" s="407" t="s">
        <v>168</v>
      </c>
      <c r="M15" s="407" t="s">
        <v>60</v>
      </c>
      <c r="N15" s="407" t="s">
        <v>158</v>
      </c>
      <c r="O15" s="407" t="s">
        <v>169</v>
      </c>
      <c r="P15" s="407" t="s">
        <v>63</v>
      </c>
      <c r="Q15" s="407" t="s">
        <v>63</v>
      </c>
      <c r="R15" s="410">
        <v>1800000</v>
      </c>
      <c r="S15" s="410">
        <v>1800000</v>
      </c>
      <c r="T15" s="407" t="s">
        <v>160</v>
      </c>
      <c r="U15" s="397" t="s">
        <v>65</v>
      </c>
      <c r="V15" s="306"/>
      <c r="W15" s="306"/>
      <c r="X15" s="306"/>
      <c r="Y15" s="306"/>
      <c r="Z15" s="306"/>
      <c r="AA15" s="306"/>
      <c r="AB15" s="306"/>
      <c r="AC15" s="306"/>
      <c r="AD15" s="306"/>
      <c r="AE15" s="306"/>
      <c r="AF15" s="306"/>
      <c r="AG15" s="306"/>
      <c r="AH15" s="306"/>
      <c r="AI15" s="306"/>
      <c r="AJ15" s="306"/>
      <c r="AK15" s="306"/>
      <c r="AL15" s="306"/>
      <c r="AM15" s="306"/>
      <c r="AN15" s="306"/>
      <c r="AO15" s="306"/>
      <c r="AP15" s="306"/>
      <c r="AQ15" s="306"/>
      <c r="AR15" s="306"/>
      <c r="AS15" s="306" t="s">
        <v>66</v>
      </c>
      <c r="AT15" s="306"/>
      <c r="AU15" s="306"/>
      <c r="AV15" s="306"/>
      <c r="AW15" s="306"/>
      <c r="AX15" s="306"/>
      <c r="AY15" s="306"/>
      <c r="AZ15" s="306"/>
      <c r="BA15" s="308">
        <f t="shared" si="0"/>
        <v>1400</v>
      </c>
      <c r="BB15" s="309"/>
      <c r="BC15" s="402" t="str">
        <f t="shared" si="1"/>
        <v/>
      </c>
      <c r="BD15" s="402" t="str">
        <f t="shared" si="2"/>
        <v/>
      </c>
      <c r="BE15" s="402" t="str">
        <f t="shared" si="3"/>
        <v/>
      </c>
      <c r="BF15" s="402" t="str">
        <f t="shared" si="4"/>
        <v/>
      </c>
      <c r="BG15" s="402" t="str">
        <f t="shared" si="5"/>
        <v/>
      </c>
      <c r="BH15" s="402" t="str">
        <f t="shared" si="6"/>
        <v/>
      </c>
      <c r="BI15" s="402" t="str">
        <f t="shared" si="7"/>
        <v/>
      </c>
      <c r="BJ15" s="402" t="str">
        <f t="shared" si="8"/>
        <v/>
      </c>
      <c r="BK15" s="402" t="str">
        <f t="shared" si="9"/>
        <v/>
      </c>
      <c r="BL15" s="402" t="str">
        <f t="shared" si="10"/>
        <v/>
      </c>
      <c r="BM15" s="402" t="str">
        <f t="shared" si="11"/>
        <v/>
      </c>
      <c r="BN15" s="402" t="str">
        <f t="shared" si="12"/>
        <v/>
      </c>
      <c r="BO15" s="402" t="str">
        <f t="shared" si="13"/>
        <v/>
      </c>
      <c r="BP15" s="402" t="str">
        <f t="shared" si="14"/>
        <v/>
      </c>
      <c r="BQ15" s="402" t="str">
        <f t="shared" si="15"/>
        <v/>
      </c>
      <c r="BR15" s="402" t="str">
        <f t="shared" si="16"/>
        <v/>
      </c>
      <c r="BS15" s="402" t="str">
        <f t="shared" si="17"/>
        <v/>
      </c>
      <c r="BT15" s="402" t="str">
        <f t="shared" si="18"/>
        <v/>
      </c>
      <c r="BU15" s="402" t="str">
        <f t="shared" si="19"/>
        <v/>
      </c>
      <c r="BV15" s="402" t="str">
        <f t="shared" si="20"/>
        <v/>
      </c>
      <c r="BW15" s="402" t="str">
        <f t="shared" si="21"/>
        <v/>
      </c>
      <c r="BX15" s="402" t="str">
        <f t="shared" si="22"/>
        <v/>
      </c>
      <c r="BY15" s="402" t="str">
        <f t="shared" si="23"/>
        <v/>
      </c>
      <c r="BZ15" s="402">
        <f t="shared" si="24"/>
        <v>0</v>
      </c>
      <c r="CA15" s="402" t="str">
        <f t="shared" si="25"/>
        <v/>
      </c>
      <c r="CB15" s="402" t="str">
        <f t="shared" si="26"/>
        <v/>
      </c>
      <c r="CC15" s="402" t="str">
        <f t="shared" si="27"/>
        <v/>
      </c>
      <c r="CD15" s="402" t="str">
        <f t="shared" si="28"/>
        <v/>
      </c>
      <c r="CE15" s="402" t="str">
        <f t="shared" si="29"/>
        <v/>
      </c>
      <c r="CF15" s="402" t="str">
        <f t="shared" si="30"/>
        <v/>
      </c>
      <c r="CG15" s="402" t="str">
        <f t="shared" si="31"/>
        <v/>
      </c>
      <c r="CH15" s="402"/>
      <c r="CI15" s="402"/>
      <c r="CJ15" s="402"/>
      <c r="CK15" s="402"/>
      <c r="CL15" s="402"/>
      <c r="CM15" s="402"/>
      <c r="CN15" s="402"/>
      <c r="CO15" s="402"/>
      <c r="CP15" s="402"/>
      <c r="CQ15" s="402"/>
      <c r="CR15" s="402"/>
      <c r="CS15" s="402"/>
      <c r="CT15" s="402"/>
      <c r="CU15" s="402"/>
      <c r="CV15" s="402"/>
      <c r="CW15" s="402"/>
      <c r="CX15" s="402"/>
      <c r="CY15" s="402"/>
      <c r="CZ15" s="402"/>
      <c r="DA15" s="402"/>
      <c r="DB15" s="402"/>
      <c r="DC15" s="402"/>
      <c r="DD15" s="407"/>
      <c r="DE15" s="310" t="s">
        <v>170</v>
      </c>
      <c r="DF15" s="310" t="s">
        <v>162</v>
      </c>
    </row>
    <row r="16" spans="3:110" s="396" customFormat="1" ht="56.1" customHeight="1" x14ac:dyDescent="0.2">
      <c r="C16" s="420">
        <v>34</v>
      </c>
      <c r="D16" s="420" t="s">
        <v>2481</v>
      </c>
      <c r="E16" s="96" t="s">
        <v>53</v>
      </c>
      <c r="F16" s="96" t="s">
        <v>153</v>
      </c>
      <c r="G16" s="407" t="s">
        <v>154</v>
      </c>
      <c r="H16" s="407" t="s">
        <v>182</v>
      </c>
      <c r="I16" s="407" t="s">
        <v>183</v>
      </c>
      <c r="J16" s="407"/>
      <c r="K16" s="407" t="s">
        <v>86</v>
      </c>
      <c r="L16" s="407" t="s">
        <v>87</v>
      </c>
      <c r="M16" s="407" t="s">
        <v>60</v>
      </c>
      <c r="N16" s="407" t="s">
        <v>158</v>
      </c>
      <c r="O16" s="407" t="s">
        <v>184</v>
      </c>
      <c r="P16" s="407" t="s">
        <v>63</v>
      </c>
      <c r="Q16" s="407" t="s">
        <v>63</v>
      </c>
      <c r="R16" s="410"/>
      <c r="S16" s="410"/>
      <c r="T16" s="407" t="s">
        <v>160</v>
      </c>
      <c r="U16" s="397" t="s">
        <v>65</v>
      </c>
      <c r="V16" s="306"/>
      <c r="W16" s="306"/>
      <c r="X16" s="306"/>
      <c r="Y16" s="306"/>
      <c r="Z16" s="306"/>
      <c r="AA16" s="306"/>
      <c r="AB16" s="306"/>
      <c r="AC16" s="306"/>
      <c r="AD16" s="306"/>
      <c r="AE16" s="306"/>
      <c r="AF16" s="306"/>
      <c r="AG16" s="306"/>
      <c r="AH16" s="306"/>
      <c r="AJ16" s="306"/>
      <c r="AK16" s="306"/>
      <c r="AL16" s="306"/>
      <c r="AM16" s="306" t="s">
        <v>66</v>
      </c>
      <c r="AN16" s="306"/>
      <c r="AO16" s="306"/>
      <c r="AP16" s="306"/>
      <c r="AQ16" s="306"/>
      <c r="AR16" s="306"/>
      <c r="AS16" s="306"/>
      <c r="AT16" s="306"/>
      <c r="AU16" s="306"/>
      <c r="AV16" s="306"/>
      <c r="AW16" s="306"/>
      <c r="AX16" s="306"/>
      <c r="AY16" s="306"/>
      <c r="AZ16" s="306"/>
      <c r="BA16" s="308">
        <f t="shared" si="0"/>
        <v>775</v>
      </c>
      <c r="BB16" s="309">
        <f>S16/BA16</f>
        <v>0</v>
      </c>
      <c r="BC16" s="402" t="str">
        <f t="shared" si="1"/>
        <v/>
      </c>
      <c r="BD16" s="402" t="str">
        <f t="shared" si="2"/>
        <v/>
      </c>
      <c r="BE16" s="402" t="str">
        <f t="shared" si="3"/>
        <v/>
      </c>
      <c r="BF16" s="402" t="str">
        <f t="shared" si="4"/>
        <v/>
      </c>
      <c r="BG16" s="402" t="str">
        <f t="shared" si="5"/>
        <v/>
      </c>
      <c r="BH16" s="402" t="str">
        <f t="shared" si="6"/>
        <v/>
      </c>
      <c r="BI16" s="402" t="str">
        <f t="shared" si="7"/>
        <v/>
      </c>
      <c r="BJ16" s="402" t="str">
        <f t="shared" si="8"/>
        <v/>
      </c>
      <c r="BK16" s="402" t="str">
        <f t="shared" si="9"/>
        <v/>
      </c>
      <c r="BL16" s="402" t="str">
        <f t="shared" si="10"/>
        <v/>
      </c>
      <c r="BM16" s="402" t="str">
        <f t="shared" si="11"/>
        <v/>
      </c>
      <c r="BN16" s="402" t="str">
        <f t="shared" si="12"/>
        <v/>
      </c>
      <c r="BO16" s="402" t="str">
        <f t="shared" si="13"/>
        <v/>
      </c>
      <c r="BP16" s="402" t="str">
        <f t="shared" si="14"/>
        <v/>
      </c>
      <c r="BQ16" s="402" t="str">
        <f t="shared" si="15"/>
        <v/>
      </c>
      <c r="BR16" s="402" t="str">
        <f t="shared" si="16"/>
        <v/>
      </c>
      <c r="BS16" s="402" t="str">
        <f t="shared" si="17"/>
        <v/>
      </c>
      <c r="BT16" s="402">
        <f t="shared" si="18"/>
        <v>0</v>
      </c>
      <c r="BU16" s="402" t="str">
        <f t="shared" si="19"/>
        <v/>
      </c>
      <c r="BV16" s="402" t="str">
        <f t="shared" si="20"/>
        <v/>
      </c>
      <c r="BW16" s="402" t="str">
        <f t="shared" si="21"/>
        <v/>
      </c>
      <c r="BX16" s="402" t="str">
        <f t="shared" si="22"/>
        <v/>
      </c>
      <c r="BY16" s="402" t="str">
        <f t="shared" si="23"/>
        <v/>
      </c>
      <c r="BZ16" s="402" t="str">
        <f t="shared" si="24"/>
        <v/>
      </c>
      <c r="CA16" s="402" t="str">
        <f t="shared" si="25"/>
        <v/>
      </c>
      <c r="CB16" s="402" t="str">
        <f t="shared" si="26"/>
        <v/>
      </c>
      <c r="CC16" s="402" t="str">
        <f t="shared" si="27"/>
        <v/>
      </c>
      <c r="CD16" s="402" t="str">
        <f t="shared" si="28"/>
        <v/>
      </c>
      <c r="CE16" s="402" t="str">
        <f t="shared" si="29"/>
        <v/>
      </c>
      <c r="CF16" s="402" t="str">
        <f t="shared" si="30"/>
        <v/>
      </c>
      <c r="CG16" s="402" t="str">
        <f t="shared" si="31"/>
        <v/>
      </c>
      <c r="CH16" s="402"/>
      <c r="CI16" s="402"/>
      <c r="CJ16" s="402"/>
      <c r="CK16" s="402"/>
      <c r="CL16" s="402"/>
      <c r="CM16" s="402"/>
      <c r="CN16" s="402"/>
      <c r="CO16" s="402"/>
      <c r="CP16" s="402"/>
      <c r="CQ16" s="402"/>
      <c r="CR16" s="402"/>
      <c r="CS16" s="402"/>
      <c r="CT16" s="402"/>
      <c r="CU16" s="402"/>
      <c r="CV16" s="402"/>
      <c r="CW16" s="402"/>
      <c r="CX16" s="402"/>
      <c r="CY16" s="402"/>
      <c r="CZ16" s="402"/>
      <c r="DA16" s="402"/>
      <c r="DB16" s="402"/>
      <c r="DC16" s="402"/>
      <c r="DD16" s="407" t="s">
        <v>174</v>
      </c>
      <c r="DE16" s="310"/>
      <c r="DF16" s="310" t="s">
        <v>162</v>
      </c>
    </row>
    <row r="17" spans="3:110" s="396" customFormat="1" ht="56.1" customHeight="1" x14ac:dyDescent="0.2">
      <c r="C17" s="420">
        <v>37</v>
      </c>
      <c r="D17" s="420" t="s">
        <v>2481</v>
      </c>
      <c r="E17" s="96" t="s">
        <v>53</v>
      </c>
      <c r="F17" s="96" t="s">
        <v>153</v>
      </c>
      <c r="G17" s="407" t="s">
        <v>192</v>
      </c>
      <c r="H17" s="407" t="s">
        <v>193</v>
      </c>
      <c r="I17" s="407" t="s">
        <v>194</v>
      </c>
      <c r="J17" s="407"/>
      <c r="K17" s="407" t="s">
        <v>86</v>
      </c>
      <c r="L17" s="407" t="s">
        <v>87</v>
      </c>
      <c r="M17" s="407" t="s">
        <v>60</v>
      </c>
      <c r="N17" s="407" t="s">
        <v>195</v>
      </c>
      <c r="O17" s="407" t="s">
        <v>184</v>
      </c>
      <c r="P17" s="407" t="s">
        <v>63</v>
      </c>
      <c r="Q17" s="407" t="s">
        <v>63</v>
      </c>
      <c r="R17" s="410"/>
      <c r="S17" s="410"/>
      <c r="T17" s="407" t="s">
        <v>64</v>
      </c>
      <c r="U17" s="397" t="s">
        <v>65</v>
      </c>
      <c r="V17" s="314"/>
      <c r="W17" s="306"/>
      <c r="X17" s="306"/>
      <c r="Y17" s="306"/>
      <c r="Z17" s="306"/>
      <c r="AA17" s="306"/>
      <c r="AB17" s="306"/>
      <c r="AC17" s="306"/>
      <c r="AD17" s="306"/>
      <c r="AE17" s="306"/>
      <c r="AF17" s="306"/>
      <c r="AG17" s="306"/>
      <c r="AH17" s="306"/>
      <c r="AI17" s="306"/>
      <c r="AJ17" s="306"/>
      <c r="AK17" s="306"/>
      <c r="AL17" s="306"/>
      <c r="AM17" s="306" t="s">
        <v>66</v>
      </c>
      <c r="AN17" s="306"/>
      <c r="AO17" s="306"/>
      <c r="AP17" s="306"/>
      <c r="AQ17" s="306"/>
      <c r="AR17" s="306"/>
      <c r="AS17" s="306"/>
      <c r="AT17" s="306"/>
      <c r="AU17" s="306"/>
      <c r="AV17" s="306"/>
      <c r="AW17" s="306"/>
      <c r="AX17" s="306"/>
      <c r="AY17" s="306"/>
      <c r="AZ17" s="306"/>
      <c r="BA17" s="308">
        <f t="shared" si="0"/>
        <v>775</v>
      </c>
      <c r="BB17" s="309"/>
      <c r="BC17" s="402" t="str">
        <f t="shared" si="1"/>
        <v/>
      </c>
      <c r="BD17" s="402" t="str">
        <f t="shared" si="2"/>
        <v/>
      </c>
      <c r="BE17" s="402" t="str">
        <f t="shared" si="3"/>
        <v/>
      </c>
      <c r="BF17" s="402" t="str">
        <f t="shared" si="4"/>
        <v/>
      </c>
      <c r="BG17" s="402" t="str">
        <f t="shared" si="5"/>
        <v/>
      </c>
      <c r="BH17" s="402" t="str">
        <f t="shared" si="6"/>
        <v/>
      </c>
      <c r="BI17" s="402" t="str">
        <f t="shared" si="7"/>
        <v/>
      </c>
      <c r="BJ17" s="402" t="str">
        <f t="shared" si="8"/>
        <v/>
      </c>
      <c r="BK17" s="402" t="str">
        <f t="shared" si="9"/>
        <v/>
      </c>
      <c r="BL17" s="402" t="str">
        <f t="shared" si="10"/>
        <v/>
      </c>
      <c r="BM17" s="402" t="str">
        <f t="shared" si="11"/>
        <v/>
      </c>
      <c r="BN17" s="402" t="str">
        <f t="shared" si="12"/>
        <v/>
      </c>
      <c r="BO17" s="402" t="str">
        <f t="shared" si="13"/>
        <v/>
      </c>
      <c r="BP17" s="402" t="str">
        <f t="shared" si="14"/>
        <v/>
      </c>
      <c r="BQ17" s="402" t="str">
        <f t="shared" si="15"/>
        <v/>
      </c>
      <c r="BR17" s="402" t="str">
        <f t="shared" si="16"/>
        <v/>
      </c>
      <c r="BS17" s="402" t="str">
        <f t="shared" si="17"/>
        <v/>
      </c>
      <c r="BT17" s="402">
        <f t="shared" si="18"/>
        <v>0</v>
      </c>
      <c r="BU17" s="402" t="str">
        <f t="shared" si="19"/>
        <v/>
      </c>
      <c r="BV17" s="402" t="str">
        <f t="shared" si="20"/>
        <v/>
      </c>
      <c r="BW17" s="402" t="str">
        <f t="shared" si="21"/>
        <v/>
      </c>
      <c r="BX17" s="402" t="str">
        <f t="shared" si="22"/>
        <v/>
      </c>
      <c r="BY17" s="402" t="str">
        <f t="shared" si="23"/>
        <v/>
      </c>
      <c r="BZ17" s="402" t="str">
        <f t="shared" si="24"/>
        <v/>
      </c>
      <c r="CA17" s="402" t="str">
        <f t="shared" si="25"/>
        <v/>
      </c>
      <c r="CB17" s="402" t="str">
        <f t="shared" si="26"/>
        <v/>
      </c>
      <c r="CC17" s="402" t="str">
        <f t="shared" si="27"/>
        <v/>
      </c>
      <c r="CD17" s="402" t="str">
        <f t="shared" si="28"/>
        <v/>
      </c>
      <c r="CE17" s="402" t="str">
        <f t="shared" si="29"/>
        <v/>
      </c>
      <c r="CF17" s="402" t="str">
        <f t="shared" si="30"/>
        <v/>
      </c>
      <c r="CG17" s="402" t="str">
        <f t="shared" si="31"/>
        <v/>
      </c>
      <c r="CH17" s="402"/>
      <c r="CI17" s="402"/>
      <c r="CJ17" s="402"/>
      <c r="CK17" s="402"/>
      <c r="CL17" s="402"/>
      <c r="CM17" s="402"/>
      <c r="CN17" s="402"/>
      <c r="CO17" s="402"/>
      <c r="CP17" s="402"/>
      <c r="CQ17" s="402"/>
      <c r="CR17" s="402"/>
      <c r="CS17" s="402"/>
      <c r="CT17" s="402"/>
      <c r="CU17" s="402"/>
      <c r="CV17" s="402"/>
      <c r="CW17" s="402"/>
      <c r="CX17" s="402"/>
      <c r="CY17" s="402"/>
      <c r="CZ17" s="402"/>
      <c r="DA17" s="402"/>
      <c r="DB17" s="402"/>
      <c r="DC17" s="402"/>
      <c r="DD17" s="407"/>
      <c r="DE17" s="407"/>
      <c r="DF17" s="310" t="s">
        <v>196</v>
      </c>
    </row>
    <row r="18" spans="3:110" s="396" customFormat="1" ht="142.5" x14ac:dyDescent="0.2">
      <c r="C18" s="420">
        <v>47</v>
      </c>
      <c r="D18" s="420" t="s">
        <v>2481</v>
      </c>
      <c r="E18" s="96" t="s">
        <v>53</v>
      </c>
      <c r="F18" s="96" t="s">
        <v>153</v>
      </c>
      <c r="G18" s="407" t="s">
        <v>227</v>
      </c>
      <c r="H18" s="407" t="s">
        <v>232</v>
      </c>
      <c r="I18" s="407" t="s">
        <v>229</v>
      </c>
      <c r="J18" s="407"/>
      <c r="K18" s="407" t="s">
        <v>86</v>
      </c>
      <c r="L18" s="407" t="s">
        <v>63</v>
      </c>
      <c r="M18" s="407" t="s">
        <v>81</v>
      </c>
      <c r="N18" s="407" t="s">
        <v>230</v>
      </c>
      <c r="O18" s="407" t="s">
        <v>191</v>
      </c>
      <c r="P18" s="407" t="s">
        <v>63</v>
      </c>
      <c r="Q18" s="407" t="s">
        <v>63</v>
      </c>
      <c r="R18" s="410">
        <v>289000</v>
      </c>
      <c r="S18" s="410">
        <f>R18</f>
        <v>289000</v>
      </c>
      <c r="T18" s="407" t="s">
        <v>217</v>
      </c>
      <c r="U18" s="397" t="s">
        <v>65</v>
      </c>
      <c r="V18" s="306"/>
      <c r="W18" s="306"/>
      <c r="X18" s="306"/>
      <c r="Y18" s="306"/>
      <c r="Z18" s="306"/>
      <c r="AA18" s="306"/>
      <c r="AB18" s="306"/>
      <c r="AC18" s="306"/>
      <c r="AD18" s="306"/>
      <c r="AE18" s="306"/>
      <c r="AF18" s="306"/>
      <c r="AG18" s="306"/>
      <c r="AH18" s="306"/>
      <c r="AI18" s="306"/>
      <c r="AJ18" s="306"/>
      <c r="AK18" s="306"/>
      <c r="AL18" s="306"/>
      <c r="AM18" s="402" t="s">
        <v>66</v>
      </c>
      <c r="AN18" s="402" t="s">
        <v>66</v>
      </c>
      <c r="AO18" s="402" t="s">
        <v>66</v>
      </c>
      <c r="AP18" s="402" t="s">
        <v>66</v>
      </c>
      <c r="AQ18" s="306"/>
      <c r="AR18" s="306"/>
      <c r="AS18" s="306"/>
      <c r="AT18" s="306"/>
      <c r="AU18" s="306"/>
      <c r="AV18" s="306"/>
      <c r="AW18" s="306"/>
      <c r="AX18" s="306"/>
      <c r="AY18" s="306"/>
      <c r="AZ18" s="306"/>
      <c r="BA18" s="308">
        <f t="shared" si="0"/>
        <v>1277</v>
      </c>
      <c r="BB18" s="309">
        <f>S18/BA18</f>
        <v>226.31166797180893</v>
      </c>
      <c r="BC18" s="402" t="str">
        <f t="shared" si="1"/>
        <v/>
      </c>
      <c r="BD18" s="402" t="str">
        <f t="shared" si="2"/>
        <v/>
      </c>
      <c r="BE18" s="402" t="str">
        <f t="shared" si="3"/>
        <v/>
      </c>
      <c r="BF18" s="402" t="str">
        <f t="shared" si="4"/>
        <v/>
      </c>
      <c r="BG18" s="402" t="str">
        <f t="shared" si="5"/>
        <v/>
      </c>
      <c r="BH18" s="402" t="str">
        <f t="shared" si="6"/>
        <v/>
      </c>
      <c r="BI18" s="402" t="str">
        <f t="shared" si="7"/>
        <v/>
      </c>
      <c r="BJ18" s="402" t="str">
        <f t="shared" si="8"/>
        <v/>
      </c>
      <c r="BK18" s="402" t="str">
        <f t="shared" si="9"/>
        <v/>
      </c>
      <c r="BL18" s="402" t="str">
        <f t="shared" si="10"/>
        <v/>
      </c>
      <c r="BM18" s="402" t="str">
        <f t="shared" si="11"/>
        <v/>
      </c>
      <c r="BN18" s="402" t="str">
        <f t="shared" si="12"/>
        <v/>
      </c>
      <c r="BO18" s="402" t="str">
        <f t="shared" si="13"/>
        <v/>
      </c>
      <c r="BP18" s="402" t="str">
        <f t="shared" si="14"/>
        <v/>
      </c>
      <c r="BQ18" s="402" t="str">
        <f t="shared" si="15"/>
        <v/>
      </c>
      <c r="BR18" s="402" t="str">
        <f t="shared" si="16"/>
        <v/>
      </c>
      <c r="BS18" s="402" t="str">
        <f t="shared" si="17"/>
        <v/>
      </c>
      <c r="BT18" s="402">
        <f t="shared" si="18"/>
        <v>175391.54267815192</v>
      </c>
      <c r="BU18" s="402">
        <f t="shared" si="19"/>
        <v>22631.166797180893</v>
      </c>
      <c r="BV18" s="402">
        <f t="shared" si="20"/>
        <v>22631.166797180893</v>
      </c>
      <c r="BW18" s="402">
        <f t="shared" si="21"/>
        <v>68346.123727486294</v>
      </c>
      <c r="BX18" s="402" t="str">
        <f t="shared" si="22"/>
        <v/>
      </c>
      <c r="BY18" s="402" t="str">
        <f t="shared" si="23"/>
        <v/>
      </c>
      <c r="BZ18" s="402" t="str">
        <f t="shared" si="24"/>
        <v/>
      </c>
      <c r="CA18" s="402" t="str">
        <f t="shared" si="25"/>
        <v/>
      </c>
      <c r="CB18" s="402" t="str">
        <f t="shared" si="26"/>
        <v/>
      </c>
      <c r="CC18" s="402" t="str">
        <f t="shared" si="27"/>
        <v/>
      </c>
      <c r="CD18" s="402" t="str">
        <f t="shared" si="28"/>
        <v/>
      </c>
      <c r="CE18" s="402" t="str">
        <f t="shared" si="29"/>
        <v/>
      </c>
      <c r="CF18" s="402" t="str">
        <f t="shared" si="30"/>
        <v/>
      </c>
      <c r="CG18" s="402" t="str">
        <f t="shared" si="31"/>
        <v/>
      </c>
      <c r="CH18" s="402"/>
      <c r="CI18" s="402"/>
      <c r="CJ18" s="402"/>
      <c r="CK18" s="402"/>
      <c r="CL18" s="402"/>
      <c r="CM18" s="402"/>
      <c r="CN18" s="402"/>
      <c r="CO18" s="402"/>
      <c r="CP18" s="402"/>
      <c r="CQ18" s="402"/>
      <c r="CR18" s="402"/>
      <c r="CS18" s="402"/>
      <c r="CT18" s="402"/>
      <c r="CU18" s="402"/>
      <c r="CV18" s="402"/>
      <c r="CW18" s="402"/>
      <c r="CX18" s="402"/>
      <c r="CY18" s="402"/>
      <c r="CZ18" s="402"/>
      <c r="DA18" s="402"/>
      <c r="DB18" s="402"/>
      <c r="DC18" s="402"/>
      <c r="DD18" s="407"/>
      <c r="DE18" s="407"/>
      <c r="DF18" s="310" t="s">
        <v>231</v>
      </c>
    </row>
    <row r="19" spans="3:110" s="396" customFormat="1" ht="56.1" customHeight="1" x14ac:dyDescent="0.2">
      <c r="C19" s="420">
        <v>48</v>
      </c>
      <c r="D19" s="420" t="s">
        <v>2481</v>
      </c>
      <c r="E19" s="96" t="s">
        <v>53</v>
      </c>
      <c r="F19" s="96" t="s">
        <v>153</v>
      </c>
      <c r="G19" s="407" t="s">
        <v>227</v>
      </c>
      <c r="H19" s="407" t="s">
        <v>233</v>
      </c>
      <c r="I19" s="407" t="s">
        <v>229</v>
      </c>
      <c r="J19" s="407"/>
      <c r="K19" s="407" t="s">
        <v>90</v>
      </c>
      <c r="L19" s="407" t="s">
        <v>63</v>
      </c>
      <c r="M19" s="407" t="s">
        <v>81</v>
      </c>
      <c r="N19" s="407" t="s">
        <v>230</v>
      </c>
      <c r="O19" s="407" t="s">
        <v>191</v>
      </c>
      <c r="P19" s="407" t="s">
        <v>63</v>
      </c>
      <c r="Q19" s="407" t="s">
        <v>63</v>
      </c>
      <c r="R19" s="410">
        <v>85000</v>
      </c>
      <c r="S19" s="410">
        <f>R19</f>
        <v>85000</v>
      </c>
      <c r="T19" s="407" t="s">
        <v>217</v>
      </c>
      <c r="U19" s="397" t="s">
        <v>65</v>
      </c>
      <c r="V19" s="306"/>
      <c r="W19" s="306"/>
      <c r="X19" s="306"/>
      <c r="Y19" s="306"/>
      <c r="Z19" s="306"/>
      <c r="AA19" s="306"/>
      <c r="AB19" s="306"/>
      <c r="AC19" s="306"/>
      <c r="AD19" s="306"/>
      <c r="AE19" s="306"/>
      <c r="AF19" s="306"/>
      <c r="AG19" s="306"/>
      <c r="AH19" s="306"/>
      <c r="AI19" s="306"/>
      <c r="AJ19" s="306"/>
      <c r="AK19" s="306"/>
      <c r="AL19" s="306"/>
      <c r="AM19" s="306"/>
      <c r="AN19" s="306"/>
      <c r="AO19" s="306"/>
      <c r="AP19" s="306"/>
      <c r="AQ19" s="402" t="s">
        <v>66</v>
      </c>
      <c r="AR19" s="402" t="s">
        <v>66</v>
      </c>
      <c r="AS19" s="402" t="s">
        <v>66</v>
      </c>
      <c r="AT19" s="402" t="s">
        <v>66</v>
      </c>
      <c r="AU19" s="306"/>
      <c r="AV19" s="306"/>
      <c r="AW19" s="306"/>
      <c r="AX19" s="306"/>
      <c r="AY19" s="306"/>
      <c r="AZ19" s="306"/>
      <c r="BA19" s="308">
        <f t="shared" si="0"/>
        <v>2251</v>
      </c>
      <c r="BB19" s="309">
        <f>S19/BA19</f>
        <v>37.760995113282988</v>
      </c>
      <c r="BC19" s="402" t="str">
        <f t="shared" si="1"/>
        <v/>
      </c>
      <c r="BD19" s="402" t="str">
        <f t="shared" si="2"/>
        <v/>
      </c>
      <c r="BE19" s="402" t="str">
        <f t="shared" si="3"/>
        <v/>
      </c>
      <c r="BF19" s="402" t="str">
        <f t="shared" si="4"/>
        <v/>
      </c>
      <c r="BG19" s="402" t="str">
        <f t="shared" si="5"/>
        <v/>
      </c>
      <c r="BH19" s="402" t="str">
        <f t="shared" si="6"/>
        <v/>
      </c>
      <c r="BI19" s="402" t="str">
        <f t="shared" si="7"/>
        <v/>
      </c>
      <c r="BJ19" s="402" t="str">
        <f t="shared" si="8"/>
        <v/>
      </c>
      <c r="BK19" s="402" t="str">
        <f t="shared" si="9"/>
        <v/>
      </c>
      <c r="BL19" s="402" t="str">
        <f t="shared" si="10"/>
        <v/>
      </c>
      <c r="BM19" s="402" t="str">
        <f t="shared" si="11"/>
        <v/>
      </c>
      <c r="BN19" s="402" t="str">
        <f t="shared" si="12"/>
        <v/>
      </c>
      <c r="BO19" s="402" t="str">
        <f t="shared" si="13"/>
        <v/>
      </c>
      <c r="BP19" s="402" t="str">
        <f t="shared" si="14"/>
        <v/>
      </c>
      <c r="BQ19" s="402" t="str">
        <f t="shared" si="15"/>
        <v/>
      </c>
      <c r="BR19" s="402" t="str">
        <f t="shared" si="16"/>
        <v/>
      </c>
      <c r="BS19" s="402" t="str">
        <f t="shared" si="17"/>
        <v/>
      </c>
      <c r="BT19" s="402" t="str">
        <f t="shared" si="18"/>
        <v/>
      </c>
      <c r="BU19" s="402" t="str">
        <f t="shared" si="19"/>
        <v/>
      </c>
      <c r="BV19" s="402" t="str">
        <f t="shared" si="20"/>
        <v/>
      </c>
      <c r="BW19" s="402" t="str">
        <f t="shared" si="21"/>
        <v/>
      </c>
      <c r="BX19" s="402">
        <f t="shared" si="22"/>
        <v>9440.2487783207471</v>
      </c>
      <c r="BY19" s="402">
        <f t="shared" si="23"/>
        <v>15104.398045313195</v>
      </c>
      <c r="BZ19" s="402">
        <f t="shared" si="24"/>
        <v>52865.393158596184</v>
      </c>
      <c r="CA19" s="402">
        <f t="shared" si="25"/>
        <v>7589.9600177698803</v>
      </c>
      <c r="CB19" s="402" t="str">
        <f t="shared" si="26"/>
        <v/>
      </c>
      <c r="CC19" s="402" t="str">
        <f t="shared" si="27"/>
        <v/>
      </c>
      <c r="CD19" s="402" t="str">
        <f t="shared" si="28"/>
        <v/>
      </c>
      <c r="CE19" s="402" t="str">
        <f t="shared" si="29"/>
        <v/>
      </c>
      <c r="CF19" s="402" t="str">
        <f t="shared" si="30"/>
        <v/>
      </c>
      <c r="CG19" s="402" t="str">
        <f t="shared" si="31"/>
        <v/>
      </c>
      <c r="CH19" s="402"/>
      <c r="CI19" s="402"/>
      <c r="CJ19" s="402"/>
      <c r="CK19" s="402"/>
      <c r="CL19" s="402"/>
      <c r="CM19" s="402"/>
      <c r="CN19" s="402"/>
      <c r="CO19" s="402"/>
      <c r="CP19" s="402"/>
      <c r="CQ19" s="402"/>
      <c r="CR19" s="402"/>
      <c r="CS19" s="402"/>
      <c r="CT19" s="402"/>
      <c r="CU19" s="402"/>
      <c r="CV19" s="402"/>
      <c r="CW19" s="402"/>
      <c r="CX19" s="402"/>
      <c r="CY19" s="402"/>
      <c r="CZ19" s="402"/>
      <c r="DA19" s="402"/>
      <c r="DB19" s="402"/>
      <c r="DC19" s="402"/>
      <c r="DD19" s="407" t="s">
        <v>234</v>
      </c>
      <c r="DE19" s="407"/>
      <c r="DF19" s="310" t="s">
        <v>231</v>
      </c>
    </row>
    <row r="20" spans="3:110" s="396" customFormat="1" ht="56.1" customHeight="1" x14ac:dyDescent="0.2">
      <c r="C20" s="420">
        <v>49</v>
      </c>
      <c r="D20" s="420" t="s">
        <v>2481</v>
      </c>
      <c r="E20" s="96" t="s">
        <v>53</v>
      </c>
      <c r="F20" s="96" t="s">
        <v>153</v>
      </c>
      <c r="G20" s="407" t="s">
        <v>227</v>
      </c>
      <c r="H20" s="407" t="s">
        <v>235</v>
      </c>
      <c r="I20" s="407" t="s">
        <v>229</v>
      </c>
      <c r="J20" s="407"/>
      <c r="K20" s="407" t="s">
        <v>93</v>
      </c>
      <c r="L20" s="407" t="s">
        <v>63</v>
      </c>
      <c r="M20" s="407" t="s">
        <v>81</v>
      </c>
      <c r="N20" s="407" t="s">
        <v>230</v>
      </c>
      <c r="O20" s="407" t="s">
        <v>191</v>
      </c>
      <c r="P20" s="407" t="s">
        <v>63</v>
      </c>
      <c r="Q20" s="407" t="s">
        <v>63</v>
      </c>
      <c r="R20" s="410">
        <v>63600</v>
      </c>
      <c r="S20" s="410">
        <f>R20</f>
        <v>63600</v>
      </c>
      <c r="T20" s="407" t="s">
        <v>217</v>
      </c>
      <c r="U20" s="397" t="s">
        <v>65</v>
      </c>
      <c r="V20" s="306"/>
      <c r="W20" s="306"/>
      <c r="X20" s="306"/>
      <c r="Y20" s="306"/>
      <c r="Z20" s="306"/>
      <c r="AA20" s="306"/>
      <c r="AB20" s="306"/>
      <c r="AC20" s="306"/>
      <c r="AD20" s="306"/>
      <c r="AE20" s="306"/>
      <c r="AF20" s="306"/>
      <c r="AG20" s="306"/>
      <c r="AH20" s="306"/>
      <c r="AI20" s="306"/>
      <c r="AJ20" s="306"/>
      <c r="AK20" s="306"/>
      <c r="AL20" s="306"/>
      <c r="AM20" s="306"/>
      <c r="AN20" s="306"/>
      <c r="AO20" s="306"/>
      <c r="AP20" s="306"/>
      <c r="AQ20" s="306"/>
      <c r="AR20" s="306"/>
      <c r="AS20" s="306"/>
      <c r="AT20" s="306"/>
      <c r="AU20" s="402" t="s">
        <v>66</v>
      </c>
      <c r="AV20" s="402" t="s">
        <v>66</v>
      </c>
      <c r="AW20" s="306"/>
      <c r="AX20" s="306"/>
      <c r="AY20" s="306"/>
      <c r="AZ20" s="306"/>
      <c r="BA20" s="308">
        <f t="shared" si="0"/>
        <v>248</v>
      </c>
      <c r="BB20" s="309">
        <f>S20/BA20</f>
        <v>256.45161290322579</v>
      </c>
      <c r="BC20" s="402" t="str">
        <f t="shared" si="1"/>
        <v/>
      </c>
      <c r="BD20" s="402" t="str">
        <f t="shared" si="2"/>
        <v/>
      </c>
      <c r="BE20" s="402" t="str">
        <f t="shared" si="3"/>
        <v/>
      </c>
      <c r="BF20" s="402" t="str">
        <f t="shared" si="4"/>
        <v/>
      </c>
      <c r="BG20" s="402" t="str">
        <f t="shared" si="5"/>
        <v/>
      </c>
      <c r="BH20" s="402" t="str">
        <f t="shared" si="6"/>
        <v/>
      </c>
      <c r="BI20" s="402" t="str">
        <f t="shared" si="7"/>
        <v/>
      </c>
      <c r="BJ20" s="402" t="str">
        <f t="shared" si="8"/>
        <v/>
      </c>
      <c r="BK20" s="402" t="str">
        <f t="shared" si="9"/>
        <v/>
      </c>
      <c r="BL20" s="402" t="str">
        <f t="shared" si="10"/>
        <v/>
      </c>
      <c r="BM20" s="402" t="str">
        <f t="shared" si="11"/>
        <v/>
      </c>
      <c r="BN20" s="402" t="str">
        <f t="shared" si="12"/>
        <v/>
      </c>
      <c r="BO20" s="402" t="str">
        <f t="shared" si="13"/>
        <v/>
      </c>
      <c r="BP20" s="402" t="str">
        <f t="shared" si="14"/>
        <v/>
      </c>
      <c r="BQ20" s="402" t="str">
        <f t="shared" si="15"/>
        <v/>
      </c>
      <c r="BR20" s="402" t="str">
        <f t="shared" si="16"/>
        <v/>
      </c>
      <c r="BS20" s="402" t="str">
        <f t="shared" si="17"/>
        <v/>
      </c>
      <c r="BT20" s="402" t="str">
        <f t="shared" si="18"/>
        <v/>
      </c>
      <c r="BU20" s="402" t="str">
        <f t="shared" si="19"/>
        <v/>
      </c>
      <c r="BV20" s="402" t="str">
        <f t="shared" si="20"/>
        <v/>
      </c>
      <c r="BW20" s="402" t="str">
        <f t="shared" si="21"/>
        <v/>
      </c>
      <c r="BX20" s="402" t="str">
        <f t="shared" si="22"/>
        <v/>
      </c>
      <c r="BY20" s="402" t="str">
        <f t="shared" si="23"/>
        <v/>
      </c>
      <c r="BZ20" s="402" t="str">
        <f t="shared" si="24"/>
        <v/>
      </c>
      <c r="CA20" s="402" t="str">
        <f t="shared" si="25"/>
        <v/>
      </c>
      <c r="CB20" s="402">
        <f t="shared" si="26"/>
        <v>55650</v>
      </c>
      <c r="CC20" s="402">
        <f t="shared" si="27"/>
        <v>7950</v>
      </c>
      <c r="CD20" s="402" t="str">
        <f t="shared" si="28"/>
        <v/>
      </c>
      <c r="CE20" s="402" t="str">
        <f t="shared" si="29"/>
        <v/>
      </c>
      <c r="CF20" s="402" t="str">
        <f t="shared" si="30"/>
        <v/>
      </c>
      <c r="CG20" s="402" t="str">
        <f t="shared" si="31"/>
        <v/>
      </c>
      <c r="CH20" s="402"/>
      <c r="CI20" s="402"/>
      <c r="CJ20" s="402"/>
      <c r="CK20" s="402"/>
      <c r="CL20" s="402"/>
      <c r="CM20" s="402"/>
      <c r="CN20" s="402"/>
      <c r="CO20" s="402"/>
      <c r="CP20" s="402"/>
      <c r="CQ20" s="402"/>
      <c r="CR20" s="402"/>
      <c r="CS20" s="402"/>
      <c r="CT20" s="402"/>
      <c r="CU20" s="402"/>
      <c r="CV20" s="402"/>
      <c r="CW20" s="402"/>
      <c r="CX20" s="402"/>
      <c r="CY20" s="402"/>
      <c r="CZ20" s="402"/>
      <c r="DA20" s="402"/>
      <c r="DB20" s="402"/>
      <c r="DC20" s="402"/>
      <c r="DD20" s="407" t="s">
        <v>236</v>
      </c>
      <c r="DE20" s="407"/>
      <c r="DF20" s="310" t="s">
        <v>231</v>
      </c>
    </row>
    <row r="21" spans="3:110" s="396" customFormat="1" ht="56.1" customHeight="1" x14ac:dyDescent="0.2">
      <c r="C21" s="420">
        <v>50</v>
      </c>
      <c r="D21" s="420" t="s">
        <v>2481</v>
      </c>
      <c r="E21" s="96" t="s">
        <v>53</v>
      </c>
      <c r="F21" s="96" t="s">
        <v>153</v>
      </c>
      <c r="G21" s="407" t="s">
        <v>227</v>
      </c>
      <c r="H21" s="407" t="s">
        <v>237</v>
      </c>
      <c r="I21" s="407" t="s">
        <v>229</v>
      </c>
      <c r="J21" s="407"/>
      <c r="K21" s="407" t="s">
        <v>95</v>
      </c>
      <c r="L21" s="407" t="s">
        <v>63</v>
      </c>
      <c r="M21" s="407" t="s">
        <v>81</v>
      </c>
      <c r="N21" s="407" t="s">
        <v>230</v>
      </c>
      <c r="O21" s="407" t="s">
        <v>191</v>
      </c>
      <c r="P21" s="407" t="s">
        <v>63</v>
      </c>
      <c r="Q21" s="407" t="s">
        <v>63</v>
      </c>
      <c r="R21" s="410">
        <v>6800</v>
      </c>
      <c r="S21" s="410">
        <f>R21</f>
        <v>6800</v>
      </c>
      <c r="T21" s="407" t="s">
        <v>217</v>
      </c>
      <c r="U21" s="397" t="s">
        <v>65</v>
      </c>
      <c r="V21" s="306"/>
      <c r="W21" s="306"/>
      <c r="X21" s="306"/>
      <c r="Y21" s="306"/>
      <c r="Z21" s="306"/>
      <c r="AA21" s="306"/>
      <c r="AB21" s="306"/>
      <c r="AC21" s="306"/>
      <c r="AD21" s="306"/>
      <c r="AE21" s="306"/>
      <c r="AF21" s="306"/>
      <c r="AG21" s="306"/>
      <c r="AH21" s="306"/>
      <c r="AI21" s="306"/>
      <c r="AJ21" s="306"/>
      <c r="AK21" s="306"/>
      <c r="AL21" s="306"/>
      <c r="AM21" s="306"/>
      <c r="AN21" s="306"/>
      <c r="AO21" s="306"/>
      <c r="AP21" s="306"/>
      <c r="AQ21" s="306"/>
      <c r="AR21" s="306"/>
      <c r="AS21" s="306"/>
      <c r="AT21" s="306"/>
      <c r="AU21" s="306"/>
      <c r="AV21" s="306"/>
      <c r="AW21" s="306"/>
      <c r="AX21" s="402" t="s">
        <v>66</v>
      </c>
      <c r="AY21" s="402" t="s">
        <v>66</v>
      </c>
      <c r="AZ21" s="306"/>
      <c r="BA21" s="308">
        <f t="shared" si="0"/>
        <v>181</v>
      </c>
      <c r="BB21" s="309">
        <f>S21/BA21</f>
        <v>37.569060773480665</v>
      </c>
      <c r="BC21" s="402" t="str">
        <f t="shared" si="1"/>
        <v/>
      </c>
      <c r="BD21" s="402" t="str">
        <f t="shared" si="2"/>
        <v/>
      </c>
      <c r="BE21" s="402" t="str">
        <f t="shared" si="3"/>
        <v/>
      </c>
      <c r="BF21" s="402" t="str">
        <f t="shared" si="4"/>
        <v/>
      </c>
      <c r="BG21" s="402" t="str">
        <f t="shared" si="5"/>
        <v/>
      </c>
      <c r="BH21" s="402" t="str">
        <f t="shared" si="6"/>
        <v/>
      </c>
      <c r="BI21" s="402" t="str">
        <f t="shared" si="7"/>
        <v/>
      </c>
      <c r="BJ21" s="402" t="str">
        <f t="shared" si="8"/>
        <v/>
      </c>
      <c r="BK21" s="402" t="str">
        <f t="shared" si="9"/>
        <v/>
      </c>
      <c r="BL21" s="402" t="str">
        <f t="shared" si="10"/>
        <v/>
      </c>
      <c r="BM21" s="402" t="str">
        <f t="shared" si="11"/>
        <v/>
      </c>
      <c r="BN21" s="402" t="str">
        <f t="shared" si="12"/>
        <v/>
      </c>
      <c r="BO21" s="402" t="str">
        <f t="shared" si="13"/>
        <v/>
      </c>
      <c r="BP21" s="402" t="str">
        <f t="shared" si="14"/>
        <v/>
      </c>
      <c r="BQ21" s="402" t="str">
        <f t="shared" si="15"/>
        <v/>
      </c>
      <c r="BR21" s="402" t="str">
        <f t="shared" si="16"/>
        <v/>
      </c>
      <c r="BS21" s="402" t="str">
        <f t="shared" si="17"/>
        <v/>
      </c>
      <c r="BT21" s="402" t="str">
        <f t="shared" si="18"/>
        <v/>
      </c>
      <c r="BU21" s="402" t="str">
        <f t="shared" si="19"/>
        <v/>
      </c>
      <c r="BV21" s="402" t="str">
        <f t="shared" si="20"/>
        <v/>
      </c>
      <c r="BW21" s="402" t="str">
        <f t="shared" si="21"/>
        <v/>
      </c>
      <c r="BX21" s="402" t="str">
        <f t="shared" si="22"/>
        <v/>
      </c>
      <c r="BY21" s="402" t="str">
        <f t="shared" si="23"/>
        <v/>
      </c>
      <c r="BZ21" s="402" t="str">
        <f t="shared" si="24"/>
        <v/>
      </c>
      <c r="CA21" s="402" t="str">
        <f t="shared" si="25"/>
        <v/>
      </c>
      <c r="CB21" s="402" t="str">
        <f t="shared" si="26"/>
        <v/>
      </c>
      <c r="CC21" s="402" t="str">
        <f t="shared" si="27"/>
        <v/>
      </c>
      <c r="CD21" s="402" t="str">
        <f t="shared" si="28"/>
        <v/>
      </c>
      <c r="CE21" s="402">
        <f t="shared" si="29"/>
        <v>5635.3591160220994</v>
      </c>
      <c r="CF21" s="402">
        <f t="shared" si="30"/>
        <v>1164.6408839779006</v>
      </c>
      <c r="CG21" s="402" t="str">
        <f t="shared" si="31"/>
        <v/>
      </c>
      <c r="CH21" s="402"/>
      <c r="CI21" s="402"/>
      <c r="CJ21" s="402"/>
      <c r="CK21" s="402"/>
      <c r="CL21" s="402"/>
      <c r="CM21" s="402"/>
      <c r="CN21" s="402"/>
      <c r="CO21" s="402"/>
      <c r="CP21" s="402"/>
      <c r="CQ21" s="402"/>
      <c r="CR21" s="402"/>
      <c r="CS21" s="402"/>
      <c r="CT21" s="402"/>
      <c r="CU21" s="402"/>
      <c r="CV21" s="402"/>
      <c r="CW21" s="402"/>
      <c r="CX21" s="402"/>
      <c r="CY21" s="402"/>
      <c r="CZ21" s="402"/>
      <c r="DA21" s="402"/>
      <c r="DB21" s="402"/>
      <c r="DC21" s="402"/>
      <c r="DD21" s="407"/>
      <c r="DE21" s="407"/>
      <c r="DF21" s="310" t="s">
        <v>231</v>
      </c>
    </row>
    <row r="22" spans="3:110" s="396" customFormat="1" ht="56.1" customHeight="1" x14ac:dyDescent="0.2">
      <c r="C22" s="420">
        <v>52</v>
      </c>
      <c r="D22" s="420" t="s">
        <v>2481</v>
      </c>
      <c r="E22" s="96" t="s">
        <v>53</v>
      </c>
      <c r="F22" s="96" t="s">
        <v>238</v>
      </c>
      <c r="G22" s="407" t="s">
        <v>239</v>
      </c>
      <c r="H22" s="407" t="s">
        <v>246</v>
      </c>
      <c r="I22" s="407" t="s">
        <v>247</v>
      </c>
      <c r="J22" s="407"/>
      <c r="K22" s="407" t="s">
        <v>86</v>
      </c>
      <c r="L22" s="407" t="s">
        <v>63</v>
      </c>
      <c r="M22" s="407" t="s">
        <v>81</v>
      </c>
      <c r="N22" s="407" t="s">
        <v>248</v>
      </c>
      <c r="O22" s="407" t="s">
        <v>249</v>
      </c>
      <c r="P22" s="407" t="s">
        <v>63</v>
      </c>
      <c r="Q22" s="407" t="s">
        <v>63</v>
      </c>
      <c r="R22" s="410"/>
      <c r="S22" s="410"/>
      <c r="T22" s="407" t="s">
        <v>244</v>
      </c>
      <c r="U22" s="309" t="s">
        <v>245</v>
      </c>
      <c r="V22" s="306"/>
      <c r="W22" s="306"/>
      <c r="X22" s="306"/>
      <c r="Y22" s="306"/>
      <c r="Z22" s="306"/>
      <c r="AA22" s="306"/>
      <c r="AB22" s="306"/>
      <c r="AC22" s="306"/>
      <c r="AD22" s="306"/>
      <c r="AE22" s="306"/>
      <c r="AF22" s="306"/>
      <c r="AG22" s="306"/>
      <c r="AH22" s="306"/>
      <c r="AI22" s="306"/>
      <c r="AJ22" s="306"/>
      <c r="AK22" s="306"/>
      <c r="AL22" s="306"/>
      <c r="AM22" s="306"/>
      <c r="AN22" s="306"/>
      <c r="AO22" s="306"/>
      <c r="AP22" s="306"/>
      <c r="AQ22" s="306"/>
      <c r="AR22" s="306"/>
      <c r="AS22" s="306"/>
      <c r="AT22" s="306"/>
      <c r="AU22" s="306"/>
      <c r="AV22" s="306"/>
      <c r="AW22" s="306"/>
      <c r="AX22" s="306"/>
      <c r="AY22" s="306"/>
      <c r="AZ22" s="306"/>
      <c r="BA22" s="308">
        <f t="shared" si="0"/>
        <v>0</v>
      </c>
      <c r="BB22" s="309"/>
      <c r="BC22" s="402" t="str">
        <f t="shared" si="1"/>
        <v/>
      </c>
      <c r="BD22" s="402" t="str">
        <f t="shared" si="2"/>
        <v/>
      </c>
      <c r="BE22" s="402" t="str">
        <f t="shared" si="3"/>
        <v/>
      </c>
      <c r="BF22" s="402" t="str">
        <f t="shared" si="4"/>
        <v/>
      </c>
      <c r="BG22" s="402" t="str">
        <f t="shared" si="5"/>
        <v/>
      </c>
      <c r="BH22" s="402" t="str">
        <f t="shared" si="6"/>
        <v/>
      </c>
      <c r="BI22" s="402" t="str">
        <f t="shared" si="7"/>
        <v/>
      </c>
      <c r="BJ22" s="402" t="str">
        <f t="shared" si="8"/>
        <v/>
      </c>
      <c r="BK22" s="402" t="str">
        <f t="shared" si="9"/>
        <v/>
      </c>
      <c r="BL22" s="402" t="str">
        <f t="shared" si="10"/>
        <v/>
      </c>
      <c r="BM22" s="402" t="str">
        <f t="shared" si="11"/>
        <v/>
      </c>
      <c r="BN22" s="402" t="str">
        <f t="shared" si="12"/>
        <v/>
      </c>
      <c r="BO22" s="402" t="str">
        <f t="shared" si="13"/>
        <v/>
      </c>
      <c r="BP22" s="402" t="str">
        <f t="shared" si="14"/>
        <v/>
      </c>
      <c r="BQ22" s="402" t="str">
        <f t="shared" si="15"/>
        <v/>
      </c>
      <c r="BR22" s="402" t="str">
        <f t="shared" si="16"/>
        <v/>
      </c>
      <c r="BS22" s="402" t="str">
        <f t="shared" si="17"/>
        <v/>
      </c>
      <c r="BT22" s="402" t="str">
        <f t="shared" si="18"/>
        <v/>
      </c>
      <c r="BU22" s="402" t="str">
        <f t="shared" si="19"/>
        <v/>
      </c>
      <c r="BV22" s="402" t="str">
        <f t="shared" si="20"/>
        <v/>
      </c>
      <c r="BW22" s="402" t="str">
        <f t="shared" si="21"/>
        <v/>
      </c>
      <c r="BX22" s="402" t="str">
        <f t="shared" si="22"/>
        <v/>
      </c>
      <c r="BY22" s="402" t="str">
        <f t="shared" si="23"/>
        <v/>
      </c>
      <c r="BZ22" s="402" t="str">
        <f t="shared" si="24"/>
        <v/>
      </c>
      <c r="CA22" s="402" t="str">
        <f t="shared" si="25"/>
        <v/>
      </c>
      <c r="CB22" s="402" t="str">
        <f t="shared" si="26"/>
        <v/>
      </c>
      <c r="CC22" s="402" t="str">
        <f t="shared" si="27"/>
        <v/>
      </c>
      <c r="CD22" s="402" t="str">
        <f t="shared" si="28"/>
        <v/>
      </c>
      <c r="CE22" s="402" t="str">
        <f t="shared" si="29"/>
        <v/>
      </c>
      <c r="CF22" s="402" t="str">
        <f t="shared" si="30"/>
        <v/>
      </c>
      <c r="CG22" s="402" t="str">
        <f t="shared" si="31"/>
        <v/>
      </c>
      <c r="CH22" s="402"/>
      <c r="CI22" s="402"/>
      <c r="CJ22" s="402"/>
      <c r="CK22" s="402"/>
      <c r="CL22" s="402"/>
      <c r="CM22" s="402"/>
      <c r="CN22" s="402"/>
      <c r="CO22" s="402"/>
      <c r="CP22" s="402"/>
      <c r="CQ22" s="402"/>
      <c r="CR22" s="402"/>
      <c r="CS22" s="402"/>
      <c r="CT22" s="402"/>
      <c r="CU22" s="402"/>
      <c r="CV22" s="402"/>
      <c r="CW22" s="402"/>
      <c r="CX22" s="402"/>
      <c r="CY22" s="402"/>
      <c r="CZ22" s="402"/>
      <c r="DA22" s="402"/>
      <c r="DB22" s="402"/>
      <c r="DC22" s="402"/>
      <c r="DD22" s="407"/>
      <c r="DE22" s="407"/>
      <c r="DF22" s="310"/>
    </row>
    <row r="23" spans="3:110" s="396" customFormat="1" ht="56.1" customHeight="1" x14ac:dyDescent="0.2">
      <c r="C23" s="420">
        <v>54</v>
      </c>
      <c r="D23" s="420" t="s">
        <v>2481</v>
      </c>
      <c r="E23" s="96" t="s">
        <v>53</v>
      </c>
      <c r="F23" s="96" t="s">
        <v>238</v>
      </c>
      <c r="G23" s="407" t="s">
        <v>250</v>
      </c>
      <c r="H23" s="407" t="s">
        <v>258</v>
      </c>
      <c r="I23" s="407" t="s">
        <v>259</v>
      </c>
      <c r="J23" s="407"/>
      <c r="K23" s="407" t="s">
        <v>90</v>
      </c>
      <c r="L23" s="407" t="s">
        <v>260</v>
      </c>
      <c r="M23" s="407" t="s">
        <v>60</v>
      </c>
      <c r="N23" s="407" t="s">
        <v>261</v>
      </c>
      <c r="O23" s="407" t="s">
        <v>225</v>
      </c>
      <c r="P23" s="407" t="s">
        <v>191</v>
      </c>
      <c r="Q23" s="407" t="s">
        <v>191</v>
      </c>
      <c r="R23" s="410"/>
      <c r="S23" s="410"/>
      <c r="T23" s="407" t="s">
        <v>262</v>
      </c>
      <c r="U23" s="309" t="s">
        <v>245</v>
      </c>
      <c r="V23" s="314"/>
      <c r="W23" s="314"/>
      <c r="X23" s="314"/>
      <c r="Y23" s="314"/>
      <c r="Z23" s="306"/>
      <c r="AA23" s="306"/>
      <c r="AB23" s="306"/>
      <c r="AC23" s="314"/>
      <c r="AD23" s="314"/>
      <c r="AE23" s="314"/>
      <c r="AF23" s="314"/>
      <c r="AG23" s="314"/>
      <c r="AH23" s="314"/>
      <c r="AI23" s="314"/>
      <c r="AJ23" s="314"/>
      <c r="AK23" s="314"/>
      <c r="AL23" s="314"/>
      <c r="AM23" s="314"/>
      <c r="AN23" s="314"/>
      <c r="AO23" s="314"/>
      <c r="AP23" s="314"/>
      <c r="AQ23" s="314"/>
      <c r="AR23" s="314"/>
      <c r="AS23" s="314"/>
      <c r="AT23" s="314"/>
      <c r="AU23" s="314"/>
      <c r="AV23" s="314"/>
      <c r="AW23" s="314"/>
      <c r="AX23" s="314"/>
      <c r="AY23" s="314"/>
      <c r="AZ23" s="314"/>
      <c r="BA23" s="308">
        <f t="shared" si="0"/>
        <v>0</v>
      </c>
      <c r="BB23" s="309"/>
      <c r="BC23" s="402" t="str">
        <f t="shared" si="1"/>
        <v/>
      </c>
      <c r="BD23" s="402" t="str">
        <f t="shared" si="2"/>
        <v/>
      </c>
      <c r="BE23" s="402" t="str">
        <f t="shared" si="3"/>
        <v/>
      </c>
      <c r="BF23" s="402" t="str">
        <f t="shared" si="4"/>
        <v/>
      </c>
      <c r="BG23" s="402" t="str">
        <f t="shared" si="5"/>
        <v/>
      </c>
      <c r="BH23" s="402" t="str">
        <f t="shared" si="6"/>
        <v/>
      </c>
      <c r="BI23" s="402" t="str">
        <f t="shared" si="7"/>
        <v/>
      </c>
      <c r="BJ23" s="402" t="str">
        <f t="shared" si="8"/>
        <v/>
      </c>
      <c r="BK23" s="402" t="str">
        <f t="shared" si="9"/>
        <v/>
      </c>
      <c r="BL23" s="402" t="str">
        <f t="shared" si="10"/>
        <v/>
      </c>
      <c r="BM23" s="402" t="str">
        <f t="shared" si="11"/>
        <v/>
      </c>
      <c r="BN23" s="402" t="str">
        <f t="shared" si="12"/>
        <v/>
      </c>
      <c r="BO23" s="402" t="str">
        <f t="shared" si="13"/>
        <v/>
      </c>
      <c r="BP23" s="402" t="str">
        <f t="shared" si="14"/>
        <v/>
      </c>
      <c r="BQ23" s="402" t="str">
        <f t="shared" si="15"/>
        <v/>
      </c>
      <c r="BR23" s="402" t="str">
        <f t="shared" si="16"/>
        <v/>
      </c>
      <c r="BS23" s="402" t="str">
        <f t="shared" si="17"/>
        <v/>
      </c>
      <c r="BT23" s="402" t="str">
        <f t="shared" si="18"/>
        <v/>
      </c>
      <c r="BU23" s="402" t="str">
        <f t="shared" si="19"/>
        <v/>
      </c>
      <c r="BV23" s="402" t="str">
        <f t="shared" si="20"/>
        <v/>
      </c>
      <c r="BW23" s="402" t="str">
        <f t="shared" si="21"/>
        <v/>
      </c>
      <c r="BX23" s="402" t="str">
        <f t="shared" si="22"/>
        <v/>
      </c>
      <c r="BY23" s="402" t="str">
        <f t="shared" si="23"/>
        <v/>
      </c>
      <c r="BZ23" s="402" t="str">
        <f t="shared" si="24"/>
        <v/>
      </c>
      <c r="CA23" s="402" t="str">
        <f t="shared" si="25"/>
        <v/>
      </c>
      <c r="CB23" s="402" t="str">
        <f t="shared" si="26"/>
        <v/>
      </c>
      <c r="CC23" s="402" t="str">
        <f t="shared" si="27"/>
        <v/>
      </c>
      <c r="CD23" s="402" t="str">
        <f t="shared" si="28"/>
        <v/>
      </c>
      <c r="CE23" s="402" t="str">
        <f t="shared" si="29"/>
        <v/>
      </c>
      <c r="CF23" s="402" t="str">
        <f t="shared" si="30"/>
        <v/>
      </c>
      <c r="CG23" s="402" t="str">
        <f t="shared" si="31"/>
        <v/>
      </c>
      <c r="CH23" s="402"/>
      <c r="CI23" s="402"/>
      <c r="CJ23" s="402"/>
      <c r="CK23" s="402"/>
      <c r="CL23" s="402"/>
      <c r="CM23" s="402"/>
      <c r="CN23" s="402"/>
      <c r="CO23" s="402"/>
      <c r="CP23" s="402"/>
      <c r="CQ23" s="402"/>
      <c r="CR23" s="402"/>
      <c r="CS23" s="402"/>
      <c r="CT23" s="402"/>
      <c r="CU23" s="402"/>
      <c r="CV23" s="402"/>
      <c r="CW23" s="402"/>
      <c r="CX23" s="402"/>
      <c r="CY23" s="402"/>
      <c r="CZ23" s="402"/>
      <c r="DA23" s="402"/>
      <c r="DB23" s="402"/>
      <c r="DC23" s="402"/>
      <c r="DD23" s="310"/>
      <c r="DE23" s="310"/>
      <c r="DF23" s="310"/>
    </row>
    <row r="24" spans="3:110" s="396" customFormat="1" ht="56.1" customHeight="1" x14ac:dyDescent="0.2">
      <c r="C24" s="420">
        <v>61</v>
      </c>
      <c r="D24" s="420" t="s">
        <v>2481</v>
      </c>
      <c r="E24" s="96" t="s">
        <v>53</v>
      </c>
      <c r="F24" s="96" t="s">
        <v>279</v>
      </c>
      <c r="G24" s="407" t="s">
        <v>280</v>
      </c>
      <c r="H24" s="407" t="s">
        <v>292</v>
      </c>
      <c r="I24" s="407" t="s">
        <v>293</v>
      </c>
      <c r="J24" s="407"/>
      <c r="K24" s="407" t="s">
        <v>86</v>
      </c>
      <c r="L24" s="407" t="s">
        <v>63</v>
      </c>
      <c r="M24" s="407" t="s">
        <v>81</v>
      </c>
      <c r="N24" s="407" t="s">
        <v>77</v>
      </c>
      <c r="O24" s="407" t="s">
        <v>294</v>
      </c>
      <c r="P24" s="407" t="s">
        <v>63</v>
      </c>
      <c r="Q24" s="407" t="s">
        <v>63</v>
      </c>
      <c r="R24" s="410">
        <v>445000</v>
      </c>
      <c r="S24" s="410">
        <v>235573</v>
      </c>
      <c r="T24" s="407" t="s">
        <v>283</v>
      </c>
      <c r="U24" s="309" t="s">
        <v>65</v>
      </c>
      <c r="V24" s="306"/>
      <c r="W24" s="306"/>
      <c r="X24" s="306"/>
      <c r="Y24" s="306"/>
      <c r="Z24" s="306"/>
      <c r="AA24" s="306"/>
      <c r="AB24" s="306"/>
      <c r="AC24" s="306"/>
      <c r="AD24" s="306"/>
      <c r="AE24" s="306"/>
      <c r="AF24" s="306"/>
      <c r="AG24" s="306"/>
      <c r="AH24" s="306"/>
      <c r="AI24" s="306"/>
      <c r="AJ24" s="306"/>
      <c r="AK24" s="306"/>
      <c r="AL24" s="306"/>
      <c r="AM24" s="402" t="s">
        <v>66</v>
      </c>
      <c r="AN24" s="402" t="s">
        <v>66</v>
      </c>
      <c r="AO24" s="402" t="s">
        <v>66</v>
      </c>
      <c r="AP24" s="402" t="s">
        <v>66</v>
      </c>
      <c r="AQ24" s="402"/>
      <c r="AR24" s="306"/>
      <c r="AS24" s="306"/>
      <c r="AT24" s="306"/>
      <c r="AU24" s="306"/>
      <c r="AV24" s="306"/>
      <c r="AW24" s="306"/>
      <c r="AX24" s="306"/>
      <c r="AY24" s="306"/>
      <c r="AZ24" s="306"/>
      <c r="BA24" s="308">
        <f t="shared" si="0"/>
        <v>1277</v>
      </c>
      <c r="BB24" s="309">
        <f t="shared" ref="BB24:BB55" si="32">S24/BA24</f>
        <v>184.47376664056381</v>
      </c>
      <c r="BC24" s="402" t="str">
        <f t="shared" si="1"/>
        <v/>
      </c>
      <c r="BD24" s="402" t="str">
        <f t="shared" si="2"/>
        <v/>
      </c>
      <c r="BE24" s="402" t="str">
        <f t="shared" si="3"/>
        <v/>
      </c>
      <c r="BF24" s="402" t="str">
        <f t="shared" si="4"/>
        <v/>
      </c>
      <c r="BG24" s="402" t="str">
        <f t="shared" si="5"/>
        <v/>
      </c>
      <c r="BH24" s="402" t="str">
        <f t="shared" si="6"/>
        <v/>
      </c>
      <c r="BI24" s="402" t="str">
        <f t="shared" si="7"/>
        <v/>
      </c>
      <c r="BJ24" s="402" t="str">
        <f t="shared" si="8"/>
        <v/>
      </c>
      <c r="BK24" s="402" t="str">
        <f t="shared" si="9"/>
        <v/>
      </c>
      <c r="BL24" s="402" t="str">
        <f t="shared" si="10"/>
        <v/>
      </c>
      <c r="BM24" s="402" t="str">
        <f t="shared" si="11"/>
        <v/>
      </c>
      <c r="BN24" s="402" t="str">
        <f t="shared" si="12"/>
        <v/>
      </c>
      <c r="BO24" s="402" t="str">
        <f t="shared" si="13"/>
        <v/>
      </c>
      <c r="BP24" s="402" t="str">
        <f t="shared" si="14"/>
        <v/>
      </c>
      <c r="BQ24" s="402" t="str">
        <f t="shared" si="15"/>
        <v/>
      </c>
      <c r="BR24" s="402" t="str">
        <f t="shared" si="16"/>
        <v/>
      </c>
      <c r="BS24" s="402" t="str">
        <f t="shared" si="17"/>
        <v/>
      </c>
      <c r="BT24" s="402">
        <f t="shared" si="18"/>
        <v>142967.16914643697</v>
      </c>
      <c r="BU24" s="402">
        <f t="shared" si="19"/>
        <v>18447.376664056381</v>
      </c>
      <c r="BV24" s="402">
        <f t="shared" si="20"/>
        <v>18447.376664056381</v>
      </c>
      <c r="BW24" s="402">
        <f t="shared" si="21"/>
        <v>55711.077525450273</v>
      </c>
      <c r="BX24" s="402" t="str">
        <f t="shared" si="22"/>
        <v/>
      </c>
      <c r="BY24" s="402" t="str">
        <f t="shared" si="23"/>
        <v/>
      </c>
      <c r="BZ24" s="402" t="str">
        <f t="shared" si="24"/>
        <v/>
      </c>
      <c r="CA24" s="402" t="str">
        <f t="shared" si="25"/>
        <v/>
      </c>
      <c r="CB24" s="402" t="str">
        <f t="shared" si="26"/>
        <v/>
      </c>
      <c r="CC24" s="402" t="str">
        <f t="shared" si="27"/>
        <v/>
      </c>
      <c r="CD24" s="402" t="str">
        <f t="shared" si="28"/>
        <v/>
      </c>
      <c r="CE24" s="402" t="str">
        <f t="shared" si="29"/>
        <v/>
      </c>
      <c r="CF24" s="402" t="str">
        <f t="shared" si="30"/>
        <v/>
      </c>
      <c r="CG24" s="402" t="str">
        <f t="shared" si="31"/>
        <v/>
      </c>
      <c r="CH24" s="402"/>
      <c r="CI24" s="402"/>
      <c r="CJ24" s="402"/>
      <c r="CK24" s="402"/>
      <c r="CL24" s="402"/>
      <c r="CM24" s="402"/>
      <c r="CN24" s="402"/>
      <c r="CO24" s="402"/>
      <c r="CP24" s="402"/>
      <c r="CQ24" s="402"/>
      <c r="CR24" s="402"/>
      <c r="CS24" s="402"/>
      <c r="CT24" s="402"/>
      <c r="CU24" s="402"/>
      <c r="CV24" s="402"/>
      <c r="CW24" s="402"/>
      <c r="CX24" s="402"/>
      <c r="CY24" s="402"/>
      <c r="CZ24" s="402"/>
      <c r="DA24" s="402"/>
      <c r="DB24" s="402"/>
      <c r="DC24" s="402"/>
      <c r="DD24" s="407" t="s">
        <v>288</v>
      </c>
      <c r="DE24" s="407"/>
      <c r="DF24" s="310" t="s">
        <v>196</v>
      </c>
    </row>
    <row r="25" spans="3:110" s="396" customFormat="1" ht="56.1" customHeight="1" x14ac:dyDescent="0.2">
      <c r="C25" s="420">
        <v>62</v>
      </c>
      <c r="D25" s="420" t="s">
        <v>2481</v>
      </c>
      <c r="E25" s="96" t="s">
        <v>53</v>
      </c>
      <c r="F25" s="96" t="s">
        <v>295</v>
      </c>
      <c r="G25" s="407" t="s">
        <v>296</v>
      </c>
      <c r="H25" s="407" t="s">
        <v>297</v>
      </c>
      <c r="I25" s="407" t="s">
        <v>298</v>
      </c>
      <c r="J25" s="407"/>
      <c r="K25" s="407" t="s">
        <v>90</v>
      </c>
      <c r="L25" s="407" t="s">
        <v>38</v>
      </c>
      <c r="M25" s="407" t="s">
        <v>81</v>
      </c>
      <c r="N25" s="407" t="s">
        <v>299</v>
      </c>
      <c r="O25" s="407" t="s">
        <v>225</v>
      </c>
      <c r="P25" s="407" t="s">
        <v>63</v>
      </c>
      <c r="Q25" s="407" t="s">
        <v>63</v>
      </c>
      <c r="R25" s="410">
        <v>1515700</v>
      </c>
      <c r="S25" s="410">
        <v>1515700</v>
      </c>
      <c r="T25" s="407" t="s">
        <v>64</v>
      </c>
      <c r="U25" s="407" t="s">
        <v>82</v>
      </c>
      <c r="V25" s="306"/>
      <c r="W25" s="306"/>
      <c r="X25" s="306"/>
      <c r="Y25" s="306"/>
      <c r="Z25" s="306"/>
      <c r="AA25" s="306"/>
      <c r="AB25" s="306"/>
      <c r="AC25" s="306"/>
      <c r="AD25" s="306"/>
      <c r="AE25" s="306"/>
      <c r="AF25" s="306"/>
      <c r="AG25" s="306"/>
      <c r="AH25" s="306"/>
      <c r="AI25" s="306"/>
      <c r="AJ25" s="306"/>
      <c r="AK25" s="306"/>
      <c r="AL25" s="306"/>
      <c r="AM25" s="306"/>
      <c r="AN25" s="306"/>
      <c r="AO25" s="306"/>
      <c r="AP25" s="306"/>
      <c r="AQ25" s="402" t="s">
        <v>66</v>
      </c>
      <c r="AR25" s="306"/>
      <c r="AS25" s="306"/>
      <c r="AT25" s="306"/>
      <c r="AU25" s="306"/>
      <c r="AV25" s="306"/>
      <c r="AW25" s="306"/>
      <c r="AX25" s="306"/>
      <c r="AY25" s="306"/>
      <c r="AZ25" s="306"/>
      <c r="BA25" s="308">
        <f t="shared" si="0"/>
        <v>250</v>
      </c>
      <c r="BB25" s="309">
        <f t="shared" si="32"/>
        <v>6062.8</v>
      </c>
      <c r="BC25" s="402" t="str">
        <f t="shared" si="1"/>
        <v/>
      </c>
      <c r="BD25" s="402" t="str">
        <f t="shared" si="2"/>
        <v/>
      </c>
      <c r="BE25" s="402" t="str">
        <f t="shared" si="3"/>
        <v/>
      </c>
      <c r="BF25" s="402" t="str">
        <f t="shared" si="4"/>
        <v/>
      </c>
      <c r="BG25" s="402" t="str">
        <f t="shared" si="5"/>
        <v/>
      </c>
      <c r="BH25" s="402" t="str">
        <f t="shared" si="6"/>
        <v/>
      </c>
      <c r="BI25" s="402" t="str">
        <f t="shared" si="7"/>
        <v/>
      </c>
      <c r="BJ25" s="402" t="str">
        <f t="shared" si="8"/>
        <v/>
      </c>
      <c r="BK25" s="402" t="str">
        <f t="shared" si="9"/>
        <v/>
      </c>
      <c r="BL25" s="402" t="str">
        <f t="shared" si="10"/>
        <v/>
      </c>
      <c r="BM25" s="402" t="str">
        <f t="shared" si="11"/>
        <v/>
      </c>
      <c r="BN25" s="402" t="str">
        <f t="shared" si="12"/>
        <v/>
      </c>
      <c r="BO25" s="402" t="str">
        <f t="shared" si="13"/>
        <v/>
      </c>
      <c r="BP25" s="402" t="str">
        <f t="shared" si="14"/>
        <v/>
      </c>
      <c r="BQ25" s="402" t="str">
        <f t="shared" si="15"/>
        <v/>
      </c>
      <c r="BR25" s="402" t="str">
        <f t="shared" si="16"/>
        <v/>
      </c>
      <c r="BS25" s="402" t="str">
        <f t="shared" si="17"/>
        <v/>
      </c>
      <c r="BT25" s="402" t="str">
        <f t="shared" si="18"/>
        <v/>
      </c>
      <c r="BU25" s="402" t="str">
        <f t="shared" si="19"/>
        <v/>
      </c>
      <c r="BV25" s="402" t="str">
        <f t="shared" si="20"/>
        <v/>
      </c>
      <c r="BW25" s="402" t="str">
        <f t="shared" si="21"/>
        <v/>
      </c>
      <c r="BX25" s="402">
        <f t="shared" si="22"/>
        <v>1515700</v>
      </c>
      <c r="BY25" s="402" t="str">
        <f t="shared" si="23"/>
        <v/>
      </c>
      <c r="BZ25" s="402" t="str">
        <f t="shared" si="24"/>
        <v/>
      </c>
      <c r="CA25" s="402" t="str">
        <f t="shared" si="25"/>
        <v/>
      </c>
      <c r="CB25" s="402" t="str">
        <f t="shared" si="26"/>
        <v/>
      </c>
      <c r="CC25" s="402" t="str">
        <f t="shared" si="27"/>
        <v/>
      </c>
      <c r="CD25" s="402" t="str">
        <f t="shared" si="28"/>
        <v/>
      </c>
      <c r="CE25" s="402" t="str">
        <f t="shared" si="29"/>
        <v/>
      </c>
      <c r="CF25" s="402" t="str">
        <f t="shared" si="30"/>
        <v/>
      </c>
      <c r="CG25" s="402" t="str">
        <f t="shared" si="31"/>
        <v/>
      </c>
      <c r="CH25" s="402"/>
      <c r="CI25" s="402"/>
      <c r="CJ25" s="402"/>
      <c r="CK25" s="402"/>
      <c r="CL25" s="402"/>
      <c r="CM25" s="402"/>
      <c r="CN25" s="402"/>
      <c r="CO25" s="402"/>
      <c r="CP25" s="402"/>
      <c r="CQ25" s="402"/>
      <c r="CR25" s="402"/>
      <c r="CS25" s="402"/>
      <c r="CT25" s="402"/>
      <c r="CU25" s="402"/>
      <c r="CV25" s="402"/>
      <c r="CW25" s="402"/>
      <c r="CX25" s="402"/>
      <c r="CY25" s="402"/>
      <c r="CZ25" s="402"/>
      <c r="DA25" s="402"/>
      <c r="DB25" s="402"/>
      <c r="DC25" s="402"/>
      <c r="DD25" s="407" t="s">
        <v>300</v>
      </c>
      <c r="DE25" s="407"/>
      <c r="DF25" s="310"/>
    </row>
    <row r="26" spans="3:110" s="396" customFormat="1" ht="56.1" customHeight="1" x14ac:dyDescent="0.2">
      <c r="C26" s="420">
        <v>63</v>
      </c>
      <c r="D26" s="420" t="s">
        <v>2481</v>
      </c>
      <c r="E26" s="96" t="s">
        <v>53</v>
      </c>
      <c r="F26" s="96" t="s">
        <v>295</v>
      </c>
      <c r="G26" s="407" t="s">
        <v>301</v>
      </c>
      <c r="H26" s="407" t="s">
        <v>302</v>
      </c>
      <c r="I26" s="407" t="s">
        <v>303</v>
      </c>
      <c r="J26" s="407"/>
      <c r="K26" s="407" t="s">
        <v>90</v>
      </c>
      <c r="L26" s="407" t="s">
        <v>38</v>
      </c>
      <c r="M26" s="407" t="s">
        <v>81</v>
      </c>
      <c r="N26" s="407" t="s">
        <v>304</v>
      </c>
      <c r="O26" s="407" t="s">
        <v>225</v>
      </c>
      <c r="P26" s="407" t="s">
        <v>63</v>
      </c>
      <c r="Q26" s="407" t="s">
        <v>63</v>
      </c>
      <c r="R26" s="410">
        <v>59310</v>
      </c>
      <c r="S26" s="410">
        <v>59310</v>
      </c>
      <c r="T26" s="407" t="s">
        <v>64</v>
      </c>
      <c r="U26" s="407" t="s">
        <v>82</v>
      </c>
      <c r="V26" s="306"/>
      <c r="W26" s="306"/>
      <c r="X26" s="306"/>
      <c r="Y26" s="306"/>
      <c r="Z26" s="306"/>
      <c r="AA26" s="306"/>
      <c r="AB26" s="306"/>
      <c r="AC26" s="306"/>
      <c r="AD26" s="306"/>
      <c r="AE26" s="306"/>
      <c r="AF26" s="306"/>
      <c r="AG26" s="306"/>
      <c r="AH26" s="306"/>
      <c r="AI26" s="306"/>
      <c r="AJ26" s="306"/>
      <c r="AK26" s="306"/>
      <c r="AL26" s="306"/>
      <c r="AM26" s="306"/>
      <c r="AN26" s="306"/>
      <c r="AO26" s="306"/>
      <c r="AP26" s="306"/>
      <c r="AQ26" s="402" t="s">
        <v>66</v>
      </c>
      <c r="AR26" s="306"/>
      <c r="AS26" s="306"/>
      <c r="AT26" s="306"/>
      <c r="AU26" s="306"/>
      <c r="AV26" s="306"/>
      <c r="AW26" s="306"/>
      <c r="AX26" s="306"/>
      <c r="AY26" s="306"/>
      <c r="AZ26" s="306"/>
      <c r="BA26" s="308">
        <f t="shared" si="0"/>
        <v>250</v>
      </c>
      <c r="BB26" s="309">
        <f t="shared" si="32"/>
        <v>237.24</v>
      </c>
      <c r="BC26" s="402" t="str">
        <f t="shared" si="1"/>
        <v/>
      </c>
      <c r="BD26" s="402" t="str">
        <f t="shared" si="2"/>
        <v/>
      </c>
      <c r="BE26" s="402" t="str">
        <f t="shared" si="3"/>
        <v/>
      </c>
      <c r="BF26" s="402" t="str">
        <f t="shared" si="4"/>
        <v/>
      </c>
      <c r="BG26" s="402" t="str">
        <f t="shared" si="5"/>
        <v/>
      </c>
      <c r="BH26" s="402" t="str">
        <f t="shared" si="6"/>
        <v/>
      </c>
      <c r="BI26" s="402" t="str">
        <f t="shared" si="7"/>
        <v/>
      </c>
      <c r="BJ26" s="402" t="str">
        <f t="shared" si="8"/>
        <v/>
      </c>
      <c r="BK26" s="402" t="str">
        <f t="shared" si="9"/>
        <v/>
      </c>
      <c r="BL26" s="402" t="str">
        <f t="shared" si="10"/>
        <v/>
      </c>
      <c r="BM26" s="402" t="str">
        <f t="shared" si="11"/>
        <v/>
      </c>
      <c r="BN26" s="402" t="str">
        <f t="shared" si="12"/>
        <v/>
      </c>
      <c r="BO26" s="402" t="str">
        <f t="shared" si="13"/>
        <v/>
      </c>
      <c r="BP26" s="402" t="str">
        <f t="shared" si="14"/>
        <v/>
      </c>
      <c r="BQ26" s="402" t="str">
        <f t="shared" si="15"/>
        <v/>
      </c>
      <c r="BR26" s="402" t="str">
        <f t="shared" si="16"/>
        <v/>
      </c>
      <c r="BS26" s="402" t="str">
        <f t="shared" si="17"/>
        <v/>
      </c>
      <c r="BT26" s="402" t="str">
        <f t="shared" si="18"/>
        <v/>
      </c>
      <c r="BU26" s="402" t="str">
        <f t="shared" si="19"/>
        <v/>
      </c>
      <c r="BV26" s="402" t="str">
        <f t="shared" si="20"/>
        <v/>
      </c>
      <c r="BW26" s="402" t="str">
        <f t="shared" si="21"/>
        <v/>
      </c>
      <c r="BX26" s="402">
        <f t="shared" si="22"/>
        <v>59310</v>
      </c>
      <c r="BY26" s="402" t="str">
        <f t="shared" si="23"/>
        <v/>
      </c>
      <c r="BZ26" s="402" t="str">
        <f t="shared" si="24"/>
        <v/>
      </c>
      <c r="CA26" s="402" t="str">
        <f t="shared" si="25"/>
        <v/>
      </c>
      <c r="CB26" s="402" t="str">
        <f t="shared" si="26"/>
        <v/>
      </c>
      <c r="CC26" s="402" t="str">
        <f t="shared" si="27"/>
        <v/>
      </c>
      <c r="CD26" s="402" t="str">
        <f t="shared" si="28"/>
        <v/>
      </c>
      <c r="CE26" s="402" t="str">
        <f t="shared" si="29"/>
        <v/>
      </c>
      <c r="CF26" s="402" t="str">
        <f t="shared" si="30"/>
        <v/>
      </c>
      <c r="CG26" s="402" t="str">
        <f t="shared" si="31"/>
        <v/>
      </c>
      <c r="CH26" s="402"/>
      <c r="CI26" s="402"/>
      <c r="CJ26" s="402"/>
      <c r="CK26" s="402"/>
      <c r="CL26" s="402"/>
      <c r="CM26" s="402"/>
      <c r="CN26" s="402"/>
      <c r="CO26" s="402"/>
      <c r="CP26" s="402"/>
      <c r="CQ26" s="402"/>
      <c r="CR26" s="402"/>
      <c r="CS26" s="402"/>
      <c r="CT26" s="402"/>
      <c r="CU26" s="402"/>
      <c r="CV26" s="402"/>
      <c r="CW26" s="402"/>
      <c r="CX26" s="402"/>
      <c r="CY26" s="402"/>
      <c r="CZ26" s="402"/>
      <c r="DA26" s="402"/>
      <c r="DB26" s="402"/>
      <c r="DC26" s="402"/>
      <c r="DD26" s="407" t="s">
        <v>300</v>
      </c>
      <c r="DE26" s="407"/>
      <c r="DF26" s="310"/>
    </row>
    <row r="27" spans="3:110" s="396" customFormat="1" ht="56.1" customHeight="1" x14ac:dyDescent="0.2">
      <c r="C27" s="420">
        <v>64</v>
      </c>
      <c r="D27" s="420" t="s">
        <v>2481</v>
      </c>
      <c r="E27" s="96" t="s">
        <v>53</v>
      </c>
      <c r="F27" s="96" t="s">
        <v>295</v>
      </c>
      <c r="G27" s="407" t="s">
        <v>296</v>
      </c>
      <c r="H27" s="407" t="s">
        <v>297</v>
      </c>
      <c r="I27" s="407" t="s">
        <v>298</v>
      </c>
      <c r="J27" s="407"/>
      <c r="K27" s="407" t="s">
        <v>90</v>
      </c>
      <c r="L27" s="407" t="s">
        <v>39</v>
      </c>
      <c r="M27" s="407" t="s">
        <v>81</v>
      </c>
      <c r="N27" s="407" t="s">
        <v>299</v>
      </c>
      <c r="O27" s="407" t="s">
        <v>225</v>
      </c>
      <c r="P27" s="407" t="s">
        <v>63</v>
      </c>
      <c r="Q27" s="407" t="s">
        <v>63</v>
      </c>
      <c r="R27" s="410">
        <v>1515700</v>
      </c>
      <c r="S27" s="410">
        <v>1515700</v>
      </c>
      <c r="T27" s="407" t="s">
        <v>305</v>
      </c>
      <c r="U27" s="407" t="s">
        <v>82</v>
      </c>
      <c r="V27" s="306"/>
      <c r="W27" s="306"/>
      <c r="X27" s="306"/>
      <c r="Y27" s="306"/>
      <c r="Z27" s="306"/>
      <c r="AA27" s="306"/>
      <c r="AB27" s="306"/>
      <c r="AC27" s="306"/>
      <c r="AD27" s="306"/>
      <c r="AE27" s="306"/>
      <c r="AF27" s="306"/>
      <c r="AG27" s="306"/>
      <c r="AH27" s="306"/>
      <c r="AI27" s="306"/>
      <c r="AJ27" s="306"/>
      <c r="AK27" s="306"/>
      <c r="AL27" s="306"/>
      <c r="AM27" s="306"/>
      <c r="AN27" s="306"/>
      <c r="AO27" s="306"/>
      <c r="AP27" s="306"/>
      <c r="AQ27" s="402"/>
      <c r="AR27" s="402" t="s">
        <v>66</v>
      </c>
      <c r="AS27" s="306"/>
      <c r="AT27" s="306"/>
      <c r="AU27" s="306"/>
      <c r="AV27" s="306"/>
      <c r="AW27" s="306"/>
      <c r="AX27" s="306"/>
      <c r="AY27" s="306"/>
      <c r="AZ27" s="306"/>
      <c r="BA27" s="308">
        <f t="shared" si="0"/>
        <v>400</v>
      </c>
      <c r="BB27" s="309">
        <f t="shared" si="32"/>
        <v>3789.25</v>
      </c>
      <c r="BC27" s="402" t="str">
        <f t="shared" si="1"/>
        <v/>
      </c>
      <c r="BD27" s="402" t="str">
        <f t="shared" si="2"/>
        <v/>
      </c>
      <c r="BE27" s="402" t="str">
        <f t="shared" si="3"/>
        <v/>
      </c>
      <c r="BF27" s="402" t="str">
        <f t="shared" si="4"/>
        <v/>
      </c>
      <c r="BG27" s="402" t="str">
        <f t="shared" si="5"/>
        <v/>
      </c>
      <c r="BH27" s="402" t="str">
        <f t="shared" si="6"/>
        <v/>
      </c>
      <c r="BI27" s="402" t="str">
        <f t="shared" si="7"/>
        <v/>
      </c>
      <c r="BJ27" s="402" t="str">
        <f t="shared" si="8"/>
        <v/>
      </c>
      <c r="BK27" s="402" t="str">
        <f t="shared" si="9"/>
        <v/>
      </c>
      <c r="BL27" s="402" t="str">
        <f t="shared" si="10"/>
        <v/>
      </c>
      <c r="BM27" s="402" t="str">
        <f t="shared" si="11"/>
        <v/>
      </c>
      <c r="BN27" s="402" t="str">
        <f t="shared" si="12"/>
        <v/>
      </c>
      <c r="BO27" s="402" t="str">
        <f t="shared" si="13"/>
        <v/>
      </c>
      <c r="BP27" s="402" t="str">
        <f t="shared" si="14"/>
        <v/>
      </c>
      <c r="BQ27" s="402" t="str">
        <f t="shared" si="15"/>
        <v/>
      </c>
      <c r="BR27" s="402" t="str">
        <f t="shared" si="16"/>
        <v/>
      </c>
      <c r="BS27" s="402" t="str">
        <f t="shared" si="17"/>
        <v/>
      </c>
      <c r="BT27" s="402" t="str">
        <f t="shared" si="18"/>
        <v/>
      </c>
      <c r="BU27" s="402" t="str">
        <f t="shared" si="19"/>
        <v/>
      </c>
      <c r="BV27" s="402" t="str">
        <f t="shared" si="20"/>
        <v/>
      </c>
      <c r="BW27" s="402" t="str">
        <f t="shared" si="21"/>
        <v/>
      </c>
      <c r="BX27" s="402" t="str">
        <f t="shared" si="22"/>
        <v/>
      </c>
      <c r="BY27" s="402">
        <f t="shared" si="23"/>
        <v>1515700</v>
      </c>
      <c r="BZ27" s="402" t="str">
        <f t="shared" si="24"/>
        <v/>
      </c>
      <c r="CA27" s="402" t="str">
        <f t="shared" si="25"/>
        <v/>
      </c>
      <c r="CB27" s="402" t="str">
        <f t="shared" si="26"/>
        <v/>
      </c>
      <c r="CC27" s="402" t="str">
        <f t="shared" si="27"/>
        <v/>
      </c>
      <c r="CD27" s="402" t="str">
        <f t="shared" si="28"/>
        <v/>
      </c>
      <c r="CE27" s="402" t="str">
        <f t="shared" si="29"/>
        <v/>
      </c>
      <c r="CF27" s="402" t="str">
        <f t="shared" si="30"/>
        <v/>
      </c>
      <c r="CG27" s="402" t="str">
        <f t="shared" si="31"/>
        <v/>
      </c>
      <c r="CH27" s="402"/>
      <c r="CI27" s="402"/>
      <c r="CJ27" s="402"/>
      <c r="CK27" s="402"/>
      <c r="CL27" s="402"/>
      <c r="CM27" s="402"/>
      <c r="CN27" s="402"/>
      <c r="CO27" s="402"/>
      <c r="CP27" s="402"/>
      <c r="CQ27" s="402"/>
      <c r="CR27" s="402"/>
      <c r="CS27" s="402"/>
      <c r="CT27" s="402"/>
      <c r="CU27" s="402"/>
      <c r="CV27" s="402"/>
      <c r="CW27" s="402"/>
      <c r="CX27" s="402"/>
      <c r="CY27" s="402"/>
      <c r="CZ27" s="402"/>
      <c r="DA27" s="402"/>
      <c r="DB27" s="402"/>
      <c r="DC27" s="402"/>
      <c r="DD27" s="407" t="s">
        <v>300</v>
      </c>
      <c r="DE27" s="407"/>
      <c r="DF27" s="310"/>
    </row>
    <row r="28" spans="3:110" s="396" customFormat="1" ht="56.1" customHeight="1" x14ac:dyDescent="0.2">
      <c r="C28" s="420">
        <v>65</v>
      </c>
      <c r="D28" s="420" t="s">
        <v>2481</v>
      </c>
      <c r="E28" s="96" t="s">
        <v>53</v>
      </c>
      <c r="F28" s="96" t="s">
        <v>295</v>
      </c>
      <c r="G28" s="407" t="s">
        <v>301</v>
      </c>
      <c r="H28" s="407" t="s">
        <v>302</v>
      </c>
      <c r="I28" s="407" t="s">
        <v>303</v>
      </c>
      <c r="J28" s="407"/>
      <c r="K28" s="407" t="s">
        <v>90</v>
      </c>
      <c r="L28" s="407" t="s">
        <v>39</v>
      </c>
      <c r="M28" s="407" t="s">
        <v>81</v>
      </c>
      <c r="N28" s="407" t="s">
        <v>304</v>
      </c>
      <c r="O28" s="407" t="s">
        <v>225</v>
      </c>
      <c r="P28" s="407" t="s">
        <v>63</v>
      </c>
      <c r="Q28" s="407" t="s">
        <v>63</v>
      </c>
      <c r="R28" s="410">
        <v>59310</v>
      </c>
      <c r="S28" s="410">
        <v>59310</v>
      </c>
      <c r="T28" s="407" t="s">
        <v>64</v>
      </c>
      <c r="U28" s="407" t="s">
        <v>82</v>
      </c>
      <c r="V28" s="306"/>
      <c r="W28" s="306"/>
      <c r="X28" s="306"/>
      <c r="Y28" s="306"/>
      <c r="Z28" s="306"/>
      <c r="AA28" s="306"/>
      <c r="AB28" s="306"/>
      <c r="AC28" s="306"/>
      <c r="AD28" s="306"/>
      <c r="AE28" s="306"/>
      <c r="AF28" s="306"/>
      <c r="AG28" s="306"/>
      <c r="AH28" s="306"/>
      <c r="AI28" s="306"/>
      <c r="AJ28" s="306"/>
      <c r="AK28" s="306"/>
      <c r="AL28" s="306"/>
      <c r="AM28" s="306"/>
      <c r="AN28" s="306"/>
      <c r="AO28" s="306"/>
      <c r="AP28" s="306"/>
      <c r="AQ28" s="402"/>
      <c r="AR28" s="402" t="s">
        <v>66</v>
      </c>
      <c r="AS28" s="306"/>
      <c r="AT28" s="306"/>
      <c r="AU28" s="306"/>
      <c r="AV28" s="306"/>
      <c r="AW28" s="306"/>
      <c r="AX28" s="306"/>
      <c r="AY28" s="306"/>
      <c r="AZ28" s="306"/>
      <c r="BA28" s="308">
        <f t="shared" si="0"/>
        <v>400</v>
      </c>
      <c r="BB28" s="309">
        <f t="shared" si="32"/>
        <v>148.27500000000001</v>
      </c>
      <c r="BC28" s="402" t="str">
        <f t="shared" si="1"/>
        <v/>
      </c>
      <c r="BD28" s="402" t="str">
        <f t="shared" si="2"/>
        <v/>
      </c>
      <c r="BE28" s="402" t="str">
        <f t="shared" si="3"/>
        <v/>
      </c>
      <c r="BF28" s="402" t="str">
        <f t="shared" si="4"/>
        <v/>
      </c>
      <c r="BG28" s="402" t="str">
        <f t="shared" si="5"/>
        <v/>
      </c>
      <c r="BH28" s="402" t="str">
        <f t="shared" si="6"/>
        <v/>
      </c>
      <c r="BI28" s="402" t="str">
        <f t="shared" si="7"/>
        <v/>
      </c>
      <c r="BJ28" s="402" t="str">
        <f t="shared" si="8"/>
        <v/>
      </c>
      <c r="BK28" s="402" t="str">
        <f t="shared" si="9"/>
        <v/>
      </c>
      <c r="BL28" s="402" t="str">
        <f t="shared" si="10"/>
        <v/>
      </c>
      <c r="BM28" s="402" t="str">
        <f t="shared" si="11"/>
        <v/>
      </c>
      <c r="BN28" s="402" t="str">
        <f t="shared" si="12"/>
        <v/>
      </c>
      <c r="BO28" s="402" t="str">
        <f t="shared" si="13"/>
        <v/>
      </c>
      <c r="BP28" s="402" t="str">
        <f t="shared" si="14"/>
        <v/>
      </c>
      <c r="BQ28" s="402" t="str">
        <f t="shared" si="15"/>
        <v/>
      </c>
      <c r="BR28" s="402" t="str">
        <f t="shared" si="16"/>
        <v/>
      </c>
      <c r="BS28" s="402" t="str">
        <f t="shared" si="17"/>
        <v/>
      </c>
      <c r="BT28" s="402" t="str">
        <f t="shared" si="18"/>
        <v/>
      </c>
      <c r="BU28" s="402" t="str">
        <f t="shared" si="19"/>
        <v/>
      </c>
      <c r="BV28" s="402" t="str">
        <f t="shared" si="20"/>
        <v/>
      </c>
      <c r="BW28" s="402" t="str">
        <f t="shared" si="21"/>
        <v/>
      </c>
      <c r="BX28" s="402" t="str">
        <f t="shared" si="22"/>
        <v/>
      </c>
      <c r="BY28" s="402">
        <f t="shared" si="23"/>
        <v>59310</v>
      </c>
      <c r="BZ28" s="402" t="str">
        <f t="shared" si="24"/>
        <v/>
      </c>
      <c r="CA28" s="402" t="str">
        <f t="shared" si="25"/>
        <v/>
      </c>
      <c r="CB28" s="402" t="str">
        <f t="shared" si="26"/>
        <v/>
      </c>
      <c r="CC28" s="402" t="str">
        <f t="shared" si="27"/>
        <v/>
      </c>
      <c r="CD28" s="402" t="str">
        <f t="shared" si="28"/>
        <v/>
      </c>
      <c r="CE28" s="402" t="str">
        <f t="shared" si="29"/>
        <v/>
      </c>
      <c r="CF28" s="402" t="str">
        <f t="shared" si="30"/>
        <v/>
      </c>
      <c r="CG28" s="402" t="str">
        <f t="shared" si="31"/>
        <v/>
      </c>
      <c r="CH28" s="402"/>
      <c r="CI28" s="402"/>
      <c r="CJ28" s="402"/>
      <c r="CK28" s="402"/>
      <c r="CL28" s="402"/>
      <c r="CM28" s="402"/>
      <c r="CN28" s="402"/>
      <c r="CO28" s="402"/>
      <c r="CP28" s="402"/>
      <c r="CQ28" s="402"/>
      <c r="CR28" s="402"/>
      <c r="CS28" s="402"/>
      <c r="CT28" s="402"/>
      <c r="CU28" s="402"/>
      <c r="CV28" s="402"/>
      <c r="CW28" s="402"/>
      <c r="CX28" s="402"/>
      <c r="CY28" s="402"/>
      <c r="CZ28" s="402"/>
      <c r="DA28" s="402"/>
      <c r="DB28" s="402"/>
      <c r="DC28" s="402"/>
      <c r="DD28" s="407" t="s">
        <v>300</v>
      </c>
      <c r="DE28" s="407"/>
      <c r="DF28" s="310"/>
    </row>
    <row r="29" spans="3:110" s="396" customFormat="1" ht="56.1" customHeight="1" x14ac:dyDescent="0.2">
      <c r="C29" s="420">
        <v>66</v>
      </c>
      <c r="D29" s="420" t="s">
        <v>2481</v>
      </c>
      <c r="E29" s="96" t="s">
        <v>53</v>
      </c>
      <c r="F29" s="96" t="s">
        <v>295</v>
      </c>
      <c r="G29" s="407" t="s">
        <v>296</v>
      </c>
      <c r="H29" s="407" t="s">
        <v>306</v>
      </c>
      <c r="I29" s="407" t="s">
        <v>307</v>
      </c>
      <c r="J29" s="407"/>
      <c r="K29" s="407" t="s">
        <v>90</v>
      </c>
      <c r="L29" s="407" t="s">
        <v>260</v>
      </c>
      <c r="M29" s="407" t="s">
        <v>60</v>
      </c>
      <c r="N29" s="407" t="s">
        <v>299</v>
      </c>
      <c r="O29" s="407" t="s">
        <v>225</v>
      </c>
      <c r="P29" s="407" t="s">
        <v>63</v>
      </c>
      <c r="Q29" s="407" t="s">
        <v>63</v>
      </c>
      <c r="R29" s="410">
        <v>1515700</v>
      </c>
      <c r="S29" s="410">
        <v>1515700</v>
      </c>
      <c r="T29" s="407" t="s">
        <v>64</v>
      </c>
      <c r="U29" s="407" t="s">
        <v>82</v>
      </c>
      <c r="V29" s="306"/>
      <c r="W29" s="306"/>
      <c r="X29" s="306"/>
      <c r="Y29" s="306"/>
      <c r="Z29" s="306"/>
      <c r="AA29" s="306"/>
      <c r="AB29" s="306"/>
      <c r="AC29" s="306"/>
      <c r="AD29" s="306"/>
      <c r="AE29" s="306"/>
      <c r="AF29" s="306"/>
      <c r="AG29" s="306"/>
      <c r="AH29" s="306"/>
      <c r="AI29" s="306"/>
      <c r="AJ29" s="306"/>
      <c r="AK29" s="306"/>
      <c r="AL29" s="306"/>
      <c r="AM29" s="306"/>
      <c r="AN29" s="306"/>
      <c r="AO29" s="306"/>
      <c r="AP29" s="306"/>
      <c r="AQ29" s="402"/>
      <c r="AR29" s="306"/>
      <c r="AS29" s="402" t="s">
        <v>66</v>
      </c>
      <c r="AT29" s="306"/>
      <c r="AU29" s="306"/>
      <c r="AV29" s="306"/>
      <c r="AW29" s="306"/>
      <c r="AX29" s="306"/>
      <c r="AY29" s="306"/>
      <c r="AZ29" s="306"/>
      <c r="BA29" s="308">
        <f t="shared" si="0"/>
        <v>1400</v>
      </c>
      <c r="BB29" s="309">
        <f t="shared" si="32"/>
        <v>1082.6428571428571</v>
      </c>
      <c r="BC29" s="402" t="str">
        <f t="shared" si="1"/>
        <v/>
      </c>
      <c r="BD29" s="402" t="str">
        <f t="shared" si="2"/>
        <v/>
      </c>
      <c r="BE29" s="402" t="str">
        <f t="shared" si="3"/>
        <v/>
      </c>
      <c r="BF29" s="402" t="str">
        <f t="shared" si="4"/>
        <v/>
      </c>
      <c r="BG29" s="402" t="str">
        <f t="shared" si="5"/>
        <v/>
      </c>
      <c r="BH29" s="402" t="str">
        <f t="shared" si="6"/>
        <v/>
      </c>
      <c r="BI29" s="402" t="str">
        <f t="shared" si="7"/>
        <v/>
      </c>
      <c r="BJ29" s="402" t="str">
        <f t="shared" si="8"/>
        <v/>
      </c>
      <c r="BK29" s="402" t="str">
        <f t="shared" si="9"/>
        <v/>
      </c>
      <c r="BL29" s="402" t="str">
        <f t="shared" si="10"/>
        <v/>
      </c>
      <c r="BM29" s="402" t="str">
        <f t="shared" si="11"/>
        <v/>
      </c>
      <c r="BN29" s="402" t="str">
        <f t="shared" si="12"/>
        <v/>
      </c>
      <c r="BO29" s="402" t="str">
        <f t="shared" si="13"/>
        <v/>
      </c>
      <c r="BP29" s="402" t="str">
        <f t="shared" si="14"/>
        <v/>
      </c>
      <c r="BQ29" s="402" t="str">
        <f t="shared" si="15"/>
        <v/>
      </c>
      <c r="BR29" s="402" t="str">
        <f t="shared" si="16"/>
        <v/>
      </c>
      <c r="BS29" s="402" t="str">
        <f t="shared" si="17"/>
        <v/>
      </c>
      <c r="BT29" s="402" t="str">
        <f t="shared" si="18"/>
        <v/>
      </c>
      <c r="BU29" s="402" t="str">
        <f t="shared" si="19"/>
        <v/>
      </c>
      <c r="BV29" s="402" t="str">
        <f t="shared" si="20"/>
        <v/>
      </c>
      <c r="BW29" s="402" t="str">
        <f t="shared" si="21"/>
        <v/>
      </c>
      <c r="BX29" s="402" t="str">
        <f t="shared" si="22"/>
        <v/>
      </c>
      <c r="BY29" s="402" t="str">
        <f t="shared" si="23"/>
        <v/>
      </c>
      <c r="BZ29" s="402">
        <f t="shared" si="24"/>
        <v>1515700</v>
      </c>
      <c r="CA29" s="402" t="str">
        <f t="shared" si="25"/>
        <v/>
      </c>
      <c r="CB29" s="402" t="str">
        <f t="shared" si="26"/>
        <v/>
      </c>
      <c r="CC29" s="402" t="str">
        <f t="shared" si="27"/>
        <v/>
      </c>
      <c r="CD29" s="402" t="str">
        <f t="shared" si="28"/>
        <v/>
      </c>
      <c r="CE29" s="402" t="str">
        <f t="shared" si="29"/>
        <v/>
      </c>
      <c r="CF29" s="402" t="str">
        <f t="shared" si="30"/>
        <v/>
      </c>
      <c r="CG29" s="402" t="str">
        <f t="shared" si="31"/>
        <v/>
      </c>
      <c r="CH29" s="402"/>
      <c r="CI29" s="402"/>
      <c r="CJ29" s="402"/>
      <c r="CK29" s="402"/>
      <c r="CL29" s="402"/>
      <c r="CM29" s="402"/>
      <c r="CN29" s="402"/>
      <c r="CO29" s="402"/>
      <c r="CP29" s="402"/>
      <c r="CQ29" s="402"/>
      <c r="CR29" s="402"/>
      <c r="CS29" s="402"/>
      <c r="CT29" s="402"/>
      <c r="CU29" s="402"/>
      <c r="CV29" s="402"/>
      <c r="CW29" s="402"/>
      <c r="CX29" s="402"/>
      <c r="CY29" s="402"/>
      <c r="CZ29" s="402"/>
      <c r="DA29" s="402"/>
      <c r="DB29" s="402"/>
      <c r="DC29" s="402"/>
      <c r="DD29" s="407" t="s">
        <v>300</v>
      </c>
      <c r="DE29" s="407"/>
      <c r="DF29" s="310"/>
    </row>
    <row r="30" spans="3:110" s="396" customFormat="1" ht="56.1" customHeight="1" x14ac:dyDescent="0.2">
      <c r="C30" s="420">
        <v>67</v>
      </c>
      <c r="D30" s="420" t="s">
        <v>2481</v>
      </c>
      <c r="E30" s="96" t="s">
        <v>53</v>
      </c>
      <c r="F30" s="96" t="s">
        <v>295</v>
      </c>
      <c r="G30" s="407" t="s">
        <v>301</v>
      </c>
      <c r="H30" s="407" t="s">
        <v>308</v>
      </c>
      <c r="I30" s="407" t="s">
        <v>308</v>
      </c>
      <c r="J30" s="407"/>
      <c r="K30" s="407" t="s">
        <v>90</v>
      </c>
      <c r="L30" s="407" t="s">
        <v>260</v>
      </c>
      <c r="M30" s="407" t="s">
        <v>60</v>
      </c>
      <c r="N30" s="407" t="s">
        <v>304</v>
      </c>
      <c r="O30" s="407" t="s">
        <v>225</v>
      </c>
      <c r="P30" s="407" t="s">
        <v>63</v>
      </c>
      <c r="Q30" s="407" t="s">
        <v>63</v>
      </c>
      <c r="R30" s="410">
        <v>59310</v>
      </c>
      <c r="S30" s="410">
        <v>59310</v>
      </c>
      <c r="T30" s="407" t="s">
        <v>64</v>
      </c>
      <c r="U30" s="407" t="s">
        <v>82</v>
      </c>
      <c r="V30" s="306"/>
      <c r="W30" s="306"/>
      <c r="X30" s="306"/>
      <c r="Y30" s="306"/>
      <c r="Z30" s="306"/>
      <c r="AA30" s="306"/>
      <c r="AB30" s="306"/>
      <c r="AC30" s="306"/>
      <c r="AD30" s="306"/>
      <c r="AE30" s="306"/>
      <c r="AF30" s="306"/>
      <c r="AG30" s="306"/>
      <c r="AH30" s="306"/>
      <c r="AI30" s="306"/>
      <c r="AJ30" s="306"/>
      <c r="AK30" s="306"/>
      <c r="AL30" s="306"/>
      <c r="AM30" s="306"/>
      <c r="AN30" s="306"/>
      <c r="AO30" s="306"/>
      <c r="AP30" s="306"/>
      <c r="AQ30" s="402"/>
      <c r="AR30" s="306"/>
      <c r="AS30" s="402" t="s">
        <v>66</v>
      </c>
      <c r="AT30" s="306"/>
      <c r="AU30" s="306"/>
      <c r="AV30" s="306"/>
      <c r="AW30" s="306"/>
      <c r="AX30" s="306"/>
      <c r="AY30" s="306"/>
      <c r="AZ30" s="306"/>
      <c r="BA30" s="308">
        <f t="shared" si="0"/>
        <v>1400</v>
      </c>
      <c r="BB30" s="309">
        <f t="shared" si="32"/>
        <v>42.364285714285714</v>
      </c>
      <c r="BC30" s="402" t="str">
        <f t="shared" si="1"/>
        <v/>
      </c>
      <c r="BD30" s="402" t="str">
        <f t="shared" si="2"/>
        <v/>
      </c>
      <c r="BE30" s="402" t="str">
        <f t="shared" si="3"/>
        <v/>
      </c>
      <c r="BF30" s="402" t="str">
        <f t="shared" si="4"/>
        <v/>
      </c>
      <c r="BG30" s="402" t="str">
        <f t="shared" si="5"/>
        <v/>
      </c>
      <c r="BH30" s="402" t="str">
        <f t="shared" si="6"/>
        <v/>
      </c>
      <c r="BI30" s="402" t="str">
        <f t="shared" si="7"/>
        <v/>
      </c>
      <c r="BJ30" s="402" t="str">
        <f t="shared" si="8"/>
        <v/>
      </c>
      <c r="BK30" s="402" t="str">
        <f t="shared" si="9"/>
        <v/>
      </c>
      <c r="BL30" s="402" t="str">
        <f t="shared" si="10"/>
        <v/>
      </c>
      <c r="BM30" s="402" t="str">
        <f t="shared" si="11"/>
        <v/>
      </c>
      <c r="BN30" s="402" t="str">
        <f t="shared" si="12"/>
        <v/>
      </c>
      <c r="BO30" s="402" t="str">
        <f t="shared" si="13"/>
        <v/>
      </c>
      <c r="BP30" s="402" t="str">
        <f t="shared" si="14"/>
        <v/>
      </c>
      <c r="BQ30" s="402" t="str">
        <f t="shared" si="15"/>
        <v/>
      </c>
      <c r="BR30" s="402" t="str">
        <f t="shared" si="16"/>
        <v/>
      </c>
      <c r="BS30" s="402" t="str">
        <f t="shared" si="17"/>
        <v/>
      </c>
      <c r="BT30" s="402" t="str">
        <f t="shared" si="18"/>
        <v/>
      </c>
      <c r="BU30" s="402" t="str">
        <f t="shared" si="19"/>
        <v/>
      </c>
      <c r="BV30" s="402" t="str">
        <f t="shared" si="20"/>
        <v/>
      </c>
      <c r="BW30" s="402" t="str">
        <f t="shared" si="21"/>
        <v/>
      </c>
      <c r="BX30" s="402" t="str">
        <f t="shared" si="22"/>
        <v/>
      </c>
      <c r="BY30" s="402" t="str">
        <f t="shared" si="23"/>
        <v/>
      </c>
      <c r="BZ30" s="402">
        <f t="shared" si="24"/>
        <v>59310</v>
      </c>
      <c r="CA30" s="402" t="str">
        <f t="shared" si="25"/>
        <v/>
      </c>
      <c r="CB30" s="402" t="str">
        <f t="shared" si="26"/>
        <v/>
      </c>
      <c r="CC30" s="402" t="str">
        <f t="shared" si="27"/>
        <v/>
      </c>
      <c r="CD30" s="402" t="str">
        <f t="shared" si="28"/>
        <v/>
      </c>
      <c r="CE30" s="402" t="str">
        <f t="shared" si="29"/>
        <v/>
      </c>
      <c r="CF30" s="402" t="str">
        <f t="shared" si="30"/>
        <v/>
      </c>
      <c r="CG30" s="402" t="str">
        <f t="shared" si="31"/>
        <v/>
      </c>
      <c r="CH30" s="402"/>
      <c r="CI30" s="402"/>
      <c r="CJ30" s="402"/>
      <c r="CK30" s="402"/>
      <c r="CL30" s="402"/>
      <c r="CM30" s="402"/>
      <c r="CN30" s="402"/>
      <c r="CO30" s="402"/>
      <c r="CP30" s="402"/>
      <c r="CQ30" s="402"/>
      <c r="CR30" s="402"/>
      <c r="CS30" s="402"/>
      <c r="CT30" s="402"/>
      <c r="CU30" s="402"/>
      <c r="CV30" s="402"/>
      <c r="CW30" s="402"/>
      <c r="CX30" s="402"/>
      <c r="CY30" s="402"/>
      <c r="CZ30" s="402"/>
      <c r="DA30" s="402"/>
      <c r="DB30" s="402"/>
      <c r="DC30" s="402"/>
      <c r="DD30" s="407" t="s">
        <v>300</v>
      </c>
      <c r="DE30" s="407"/>
      <c r="DF30" s="310"/>
    </row>
    <row r="31" spans="3:110" s="396" customFormat="1" ht="56.1" customHeight="1" x14ac:dyDescent="0.2">
      <c r="C31" s="420">
        <v>68</v>
      </c>
      <c r="D31" s="420" t="s">
        <v>2481</v>
      </c>
      <c r="E31" s="96" t="s">
        <v>53</v>
      </c>
      <c r="F31" s="96" t="s">
        <v>295</v>
      </c>
      <c r="G31" s="407" t="s">
        <v>296</v>
      </c>
      <c r="H31" s="407" t="s">
        <v>309</v>
      </c>
      <c r="I31" s="407" t="s">
        <v>309</v>
      </c>
      <c r="J31" s="407"/>
      <c r="K31" s="407" t="s">
        <v>90</v>
      </c>
      <c r="L31" s="407" t="s">
        <v>310</v>
      </c>
      <c r="M31" s="407" t="s">
        <v>81</v>
      </c>
      <c r="N31" s="407" t="s">
        <v>299</v>
      </c>
      <c r="O31" s="407" t="s">
        <v>225</v>
      </c>
      <c r="P31" s="407" t="s">
        <v>63</v>
      </c>
      <c r="Q31" s="407" t="s">
        <v>63</v>
      </c>
      <c r="R31" s="410">
        <v>1515700</v>
      </c>
      <c r="S31" s="410">
        <v>1515700</v>
      </c>
      <c r="T31" s="407" t="s">
        <v>64</v>
      </c>
      <c r="U31" s="407" t="s">
        <v>82</v>
      </c>
      <c r="V31" s="306"/>
      <c r="W31" s="306"/>
      <c r="X31" s="306"/>
      <c r="Y31" s="306"/>
      <c r="Z31" s="306"/>
      <c r="AA31" s="306"/>
      <c r="AB31" s="306"/>
      <c r="AC31" s="306"/>
      <c r="AD31" s="306"/>
      <c r="AE31" s="306"/>
      <c r="AF31" s="306"/>
      <c r="AG31" s="306"/>
      <c r="AH31" s="306"/>
      <c r="AI31" s="306"/>
      <c r="AJ31" s="306"/>
      <c r="AK31" s="306"/>
      <c r="AL31" s="306"/>
      <c r="AM31" s="306"/>
      <c r="AN31" s="306"/>
      <c r="AO31" s="306"/>
      <c r="AP31" s="306"/>
      <c r="AQ31" s="402"/>
      <c r="AR31" s="306"/>
      <c r="AS31" s="306"/>
      <c r="AT31" s="402" t="s">
        <v>66</v>
      </c>
      <c r="AU31" s="306"/>
      <c r="AV31" s="306"/>
      <c r="AW31" s="306"/>
      <c r="AX31" s="306"/>
      <c r="AY31" s="306"/>
      <c r="AZ31" s="306"/>
      <c r="BA31" s="308">
        <f t="shared" si="0"/>
        <v>201</v>
      </c>
      <c r="BB31" s="309">
        <f t="shared" si="32"/>
        <v>7540.7960199004974</v>
      </c>
      <c r="BC31" s="402" t="str">
        <f t="shared" si="1"/>
        <v/>
      </c>
      <c r="BD31" s="402" t="str">
        <f t="shared" si="2"/>
        <v/>
      </c>
      <c r="BE31" s="402" t="str">
        <f t="shared" si="3"/>
        <v/>
      </c>
      <c r="BF31" s="402" t="str">
        <f t="shared" si="4"/>
        <v/>
      </c>
      <c r="BG31" s="402" t="str">
        <f t="shared" si="5"/>
        <v/>
      </c>
      <c r="BH31" s="402" t="str">
        <f t="shared" si="6"/>
        <v/>
      </c>
      <c r="BI31" s="402" t="str">
        <f t="shared" si="7"/>
        <v/>
      </c>
      <c r="BJ31" s="402" t="str">
        <f t="shared" si="8"/>
        <v/>
      </c>
      <c r="BK31" s="402" t="str">
        <f t="shared" si="9"/>
        <v/>
      </c>
      <c r="BL31" s="402" t="str">
        <f t="shared" si="10"/>
        <v/>
      </c>
      <c r="BM31" s="402" t="str">
        <f t="shared" si="11"/>
        <v/>
      </c>
      <c r="BN31" s="402" t="str">
        <f t="shared" si="12"/>
        <v/>
      </c>
      <c r="BO31" s="402" t="str">
        <f t="shared" si="13"/>
        <v/>
      </c>
      <c r="BP31" s="402" t="str">
        <f t="shared" si="14"/>
        <v/>
      </c>
      <c r="BQ31" s="402" t="str">
        <f t="shared" si="15"/>
        <v/>
      </c>
      <c r="BR31" s="402" t="str">
        <f t="shared" si="16"/>
        <v/>
      </c>
      <c r="BS31" s="402" t="str">
        <f t="shared" si="17"/>
        <v/>
      </c>
      <c r="BT31" s="402" t="str">
        <f t="shared" si="18"/>
        <v/>
      </c>
      <c r="BU31" s="402" t="str">
        <f t="shared" si="19"/>
        <v/>
      </c>
      <c r="BV31" s="402" t="str">
        <f t="shared" si="20"/>
        <v/>
      </c>
      <c r="BW31" s="402" t="str">
        <f t="shared" si="21"/>
        <v/>
      </c>
      <c r="BX31" s="402" t="str">
        <f t="shared" si="22"/>
        <v/>
      </c>
      <c r="BY31" s="402" t="str">
        <f t="shared" si="23"/>
        <v/>
      </c>
      <c r="BZ31" s="402" t="str">
        <f t="shared" si="24"/>
        <v/>
      </c>
      <c r="CA31" s="402">
        <f t="shared" si="25"/>
        <v>1515700</v>
      </c>
      <c r="CB31" s="402" t="str">
        <f t="shared" si="26"/>
        <v/>
      </c>
      <c r="CC31" s="402" t="str">
        <f t="shared" si="27"/>
        <v/>
      </c>
      <c r="CD31" s="402" t="str">
        <f t="shared" si="28"/>
        <v/>
      </c>
      <c r="CE31" s="402" t="str">
        <f t="shared" si="29"/>
        <v/>
      </c>
      <c r="CF31" s="402" t="str">
        <f t="shared" si="30"/>
        <v/>
      </c>
      <c r="CG31" s="402" t="str">
        <f t="shared" si="31"/>
        <v/>
      </c>
      <c r="CH31" s="402"/>
      <c r="CI31" s="402"/>
      <c r="CJ31" s="402"/>
      <c r="CK31" s="402"/>
      <c r="CL31" s="402"/>
      <c r="CM31" s="402"/>
      <c r="CN31" s="402"/>
      <c r="CO31" s="402"/>
      <c r="CP31" s="402"/>
      <c r="CQ31" s="402"/>
      <c r="CR31" s="402"/>
      <c r="CS31" s="402"/>
      <c r="CT31" s="402"/>
      <c r="CU31" s="402"/>
      <c r="CV31" s="402"/>
      <c r="CW31" s="402"/>
      <c r="CX31" s="402"/>
      <c r="CY31" s="402"/>
      <c r="CZ31" s="402"/>
      <c r="DA31" s="402"/>
      <c r="DB31" s="402"/>
      <c r="DC31" s="402"/>
      <c r="DD31" s="407" t="s">
        <v>300</v>
      </c>
      <c r="DE31" s="407"/>
      <c r="DF31" s="310"/>
    </row>
    <row r="32" spans="3:110" s="396" customFormat="1" ht="56.1" customHeight="1" x14ac:dyDescent="0.2">
      <c r="C32" s="420">
        <v>69</v>
      </c>
      <c r="D32" s="420" t="s">
        <v>2481</v>
      </c>
      <c r="E32" s="96" t="s">
        <v>53</v>
      </c>
      <c r="F32" s="96" t="s">
        <v>295</v>
      </c>
      <c r="G32" s="407" t="s">
        <v>301</v>
      </c>
      <c r="H32" s="407" t="s">
        <v>311</v>
      </c>
      <c r="I32" s="407" t="s">
        <v>312</v>
      </c>
      <c r="J32" s="407"/>
      <c r="K32" s="407" t="s">
        <v>90</v>
      </c>
      <c r="L32" s="407" t="s">
        <v>310</v>
      </c>
      <c r="M32" s="407" t="s">
        <v>81</v>
      </c>
      <c r="N32" s="407" t="s">
        <v>304</v>
      </c>
      <c r="O32" s="407" t="s">
        <v>225</v>
      </c>
      <c r="P32" s="407" t="s">
        <v>63</v>
      </c>
      <c r="Q32" s="407" t="s">
        <v>63</v>
      </c>
      <c r="R32" s="410">
        <v>59310</v>
      </c>
      <c r="S32" s="410">
        <v>59310</v>
      </c>
      <c r="T32" s="407" t="s">
        <v>64</v>
      </c>
      <c r="U32" s="407" t="s">
        <v>82</v>
      </c>
      <c r="V32" s="306"/>
      <c r="W32" s="306"/>
      <c r="X32" s="306"/>
      <c r="Y32" s="306"/>
      <c r="Z32" s="306"/>
      <c r="AA32" s="306"/>
      <c r="AB32" s="306"/>
      <c r="AC32" s="306"/>
      <c r="AD32" s="306"/>
      <c r="AE32" s="306"/>
      <c r="AF32" s="306"/>
      <c r="AG32" s="306"/>
      <c r="AH32" s="306"/>
      <c r="AI32" s="306"/>
      <c r="AJ32" s="306"/>
      <c r="AK32" s="306"/>
      <c r="AL32" s="306"/>
      <c r="AM32" s="306"/>
      <c r="AN32" s="306"/>
      <c r="AO32" s="306"/>
      <c r="AP32" s="306"/>
      <c r="AQ32" s="402"/>
      <c r="AR32" s="306"/>
      <c r="AS32" s="306"/>
      <c r="AT32" s="402" t="s">
        <v>66</v>
      </c>
      <c r="AU32" s="306"/>
      <c r="AV32" s="306"/>
      <c r="AW32" s="306"/>
      <c r="AX32" s="306"/>
      <c r="AY32" s="306"/>
      <c r="AZ32" s="306"/>
      <c r="BA32" s="308">
        <f t="shared" si="0"/>
        <v>201</v>
      </c>
      <c r="BB32" s="309">
        <f t="shared" si="32"/>
        <v>295.07462686567163</v>
      </c>
      <c r="BC32" s="402" t="str">
        <f t="shared" si="1"/>
        <v/>
      </c>
      <c r="BD32" s="402" t="str">
        <f t="shared" si="2"/>
        <v/>
      </c>
      <c r="BE32" s="402" t="str">
        <f t="shared" si="3"/>
        <v/>
      </c>
      <c r="BF32" s="402" t="str">
        <f t="shared" si="4"/>
        <v/>
      </c>
      <c r="BG32" s="402" t="str">
        <f t="shared" si="5"/>
        <v/>
      </c>
      <c r="BH32" s="402" t="str">
        <f t="shared" si="6"/>
        <v/>
      </c>
      <c r="BI32" s="402" t="str">
        <f t="shared" si="7"/>
        <v/>
      </c>
      <c r="BJ32" s="402" t="str">
        <f t="shared" si="8"/>
        <v/>
      </c>
      <c r="BK32" s="402" t="str">
        <f t="shared" si="9"/>
        <v/>
      </c>
      <c r="BL32" s="402" t="str">
        <f t="shared" si="10"/>
        <v/>
      </c>
      <c r="BM32" s="402" t="str">
        <f t="shared" si="11"/>
        <v/>
      </c>
      <c r="BN32" s="402" t="str">
        <f t="shared" si="12"/>
        <v/>
      </c>
      <c r="BO32" s="402" t="str">
        <f t="shared" si="13"/>
        <v/>
      </c>
      <c r="BP32" s="402" t="str">
        <f t="shared" si="14"/>
        <v/>
      </c>
      <c r="BQ32" s="402" t="str">
        <f t="shared" si="15"/>
        <v/>
      </c>
      <c r="BR32" s="402" t="str">
        <f t="shared" si="16"/>
        <v/>
      </c>
      <c r="BS32" s="402" t="str">
        <f t="shared" si="17"/>
        <v/>
      </c>
      <c r="BT32" s="402" t="str">
        <f t="shared" si="18"/>
        <v/>
      </c>
      <c r="BU32" s="402" t="str">
        <f t="shared" si="19"/>
        <v/>
      </c>
      <c r="BV32" s="402" t="str">
        <f t="shared" si="20"/>
        <v/>
      </c>
      <c r="BW32" s="402" t="str">
        <f t="shared" si="21"/>
        <v/>
      </c>
      <c r="BX32" s="402" t="str">
        <f t="shared" si="22"/>
        <v/>
      </c>
      <c r="BY32" s="402" t="str">
        <f t="shared" si="23"/>
        <v/>
      </c>
      <c r="BZ32" s="402" t="str">
        <f t="shared" si="24"/>
        <v/>
      </c>
      <c r="CA32" s="402">
        <f t="shared" si="25"/>
        <v>59310</v>
      </c>
      <c r="CB32" s="402" t="str">
        <f t="shared" si="26"/>
        <v/>
      </c>
      <c r="CC32" s="402" t="str">
        <f t="shared" si="27"/>
        <v/>
      </c>
      <c r="CD32" s="402" t="str">
        <f t="shared" si="28"/>
        <v/>
      </c>
      <c r="CE32" s="402" t="str">
        <f t="shared" si="29"/>
        <v/>
      </c>
      <c r="CF32" s="402" t="str">
        <f t="shared" si="30"/>
        <v/>
      </c>
      <c r="CG32" s="402" t="str">
        <f t="shared" si="31"/>
        <v/>
      </c>
      <c r="CH32" s="402"/>
      <c r="CI32" s="402"/>
      <c r="CJ32" s="402"/>
      <c r="CK32" s="402"/>
      <c r="CL32" s="402"/>
      <c r="CM32" s="402"/>
      <c r="CN32" s="402"/>
      <c r="CO32" s="402"/>
      <c r="CP32" s="402"/>
      <c r="CQ32" s="402"/>
      <c r="CR32" s="402"/>
      <c r="CS32" s="402"/>
      <c r="CT32" s="402"/>
      <c r="CU32" s="402"/>
      <c r="CV32" s="402"/>
      <c r="CW32" s="402"/>
      <c r="CX32" s="402"/>
      <c r="CY32" s="402"/>
      <c r="CZ32" s="402"/>
      <c r="DA32" s="402"/>
      <c r="DB32" s="402"/>
      <c r="DC32" s="402"/>
      <c r="DD32" s="407" t="s">
        <v>300</v>
      </c>
      <c r="DE32" s="407"/>
      <c r="DF32" s="310"/>
    </row>
    <row r="33" spans="3:110" s="337" customFormat="1" ht="56.1" customHeight="1" x14ac:dyDescent="0.2">
      <c r="C33" s="368">
        <v>104</v>
      </c>
      <c r="D33" s="420" t="s">
        <v>2481</v>
      </c>
      <c r="E33" s="369" t="s">
        <v>53</v>
      </c>
      <c r="F33" s="369" t="s">
        <v>329</v>
      </c>
      <c r="G33" s="334" t="s">
        <v>330</v>
      </c>
      <c r="H33" s="334" t="s">
        <v>331</v>
      </c>
      <c r="I33" s="259" t="s">
        <v>332</v>
      </c>
      <c r="J33" s="259"/>
      <c r="K33" s="334" t="s">
        <v>333</v>
      </c>
      <c r="L33" s="334" t="s">
        <v>63</v>
      </c>
      <c r="M33" s="334" t="s">
        <v>81</v>
      </c>
      <c r="N33" s="334" t="s">
        <v>334</v>
      </c>
      <c r="O33" s="334" t="s">
        <v>225</v>
      </c>
      <c r="P33" s="334" t="s">
        <v>63</v>
      </c>
      <c r="Q33" s="334" t="s">
        <v>63</v>
      </c>
      <c r="R33" s="335">
        <v>145164</v>
      </c>
      <c r="S33" s="335">
        <f t="shared" ref="S33:S64" si="33">R33</f>
        <v>145164</v>
      </c>
      <c r="T33" s="334" t="s">
        <v>226</v>
      </c>
      <c r="U33" s="334" t="s">
        <v>82</v>
      </c>
      <c r="V33" s="336" t="s">
        <v>66</v>
      </c>
      <c r="W33" s="336" t="s">
        <v>66</v>
      </c>
      <c r="X33" s="336" t="s">
        <v>66</v>
      </c>
      <c r="Y33" s="336" t="s">
        <v>66</v>
      </c>
      <c r="Z33" s="336" t="s">
        <v>66</v>
      </c>
      <c r="AA33" s="336" t="s">
        <v>66</v>
      </c>
      <c r="AB33" s="336" t="s">
        <v>66</v>
      </c>
      <c r="AC33" s="336" t="s">
        <v>66</v>
      </c>
      <c r="AD33" s="336" t="s">
        <v>66</v>
      </c>
      <c r="AE33" s="336" t="s">
        <v>66</v>
      </c>
      <c r="AF33" s="336" t="s">
        <v>66</v>
      </c>
      <c r="AG33" s="336" t="s">
        <v>66</v>
      </c>
      <c r="AH33" s="336" t="s">
        <v>66</v>
      </c>
      <c r="AI33" s="336" t="s">
        <v>66</v>
      </c>
      <c r="AJ33" s="336" t="s">
        <v>66</v>
      </c>
      <c r="AK33" s="336" t="s">
        <v>66</v>
      </c>
      <c r="AL33" s="336" t="s">
        <v>66</v>
      </c>
      <c r="AM33" s="336" t="s">
        <v>66</v>
      </c>
      <c r="AN33" s="336" t="s">
        <v>66</v>
      </c>
      <c r="AO33" s="336" t="s">
        <v>66</v>
      </c>
      <c r="AP33" s="336" t="s">
        <v>66</v>
      </c>
      <c r="AQ33" s="336" t="s">
        <v>66</v>
      </c>
      <c r="AR33" s="336" t="s">
        <v>66</v>
      </c>
      <c r="AS33" s="336" t="s">
        <v>66</v>
      </c>
      <c r="AT33" s="336" t="s">
        <v>66</v>
      </c>
      <c r="AU33" s="336" t="s">
        <v>66</v>
      </c>
      <c r="AV33" s="336" t="s">
        <v>66</v>
      </c>
      <c r="AW33" s="336" t="s">
        <v>66</v>
      </c>
      <c r="AX33" s="336" t="s">
        <v>66</v>
      </c>
      <c r="AY33" s="336" t="s">
        <v>66</v>
      </c>
      <c r="AZ33" s="336" t="s">
        <v>66</v>
      </c>
      <c r="BA33" s="238">
        <f t="shared" si="0"/>
        <v>13219</v>
      </c>
      <c r="BB33" s="84">
        <f t="shared" si="32"/>
        <v>10.981466071563659</v>
      </c>
      <c r="BC33" s="336">
        <f t="shared" si="1"/>
        <v>16472.199107345488</v>
      </c>
      <c r="BD33" s="336">
        <f t="shared" si="2"/>
        <v>2196.2932143127318</v>
      </c>
      <c r="BE33" s="336">
        <f t="shared" si="3"/>
        <v>4941.6597322036469</v>
      </c>
      <c r="BF33" s="336">
        <f t="shared" si="4"/>
        <v>3843.5131250472805</v>
      </c>
      <c r="BG33" s="336">
        <f t="shared" si="5"/>
        <v>3294.4398214690978</v>
      </c>
      <c r="BH33" s="336">
        <f t="shared" si="6"/>
        <v>5271.1037143505564</v>
      </c>
      <c r="BI33" s="336">
        <f t="shared" si="7"/>
        <v>1098.1466071563659</v>
      </c>
      <c r="BJ33" s="336">
        <f t="shared" si="8"/>
        <v>4282.7717679098268</v>
      </c>
      <c r="BK33" s="336">
        <f t="shared" si="9"/>
        <v>5490.73303578183</v>
      </c>
      <c r="BL33" s="336">
        <f t="shared" si="10"/>
        <v>5490.73303578183</v>
      </c>
      <c r="BM33" s="336">
        <f t="shared" si="11"/>
        <v>8236.0995536727442</v>
      </c>
      <c r="BN33" s="336">
        <f t="shared" si="12"/>
        <v>2196.2932143127318</v>
      </c>
      <c r="BO33" s="336">
        <f t="shared" si="13"/>
        <v>2569.6630607458965</v>
      </c>
      <c r="BP33" s="336">
        <f t="shared" si="14"/>
        <v>3843.5131250472805</v>
      </c>
      <c r="BQ33" s="336">
        <f t="shared" si="15"/>
        <v>988.33194644072933</v>
      </c>
      <c r="BR33" s="336">
        <f t="shared" si="16"/>
        <v>878.51728572509273</v>
      </c>
      <c r="BS33" s="336">
        <f t="shared" si="17"/>
        <v>26190.796580679325</v>
      </c>
      <c r="BT33" s="336">
        <f t="shared" si="18"/>
        <v>8510.6362054618367</v>
      </c>
      <c r="BU33" s="336">
        <f t="shared" si="19"/>
        <v>1098.1466071563659</v>
      </c>
      <c r="BV33" s="336">
        <f t="shared" si="20"/>
        <v>1098.1466071563659</v>
      </c>
      <c r="BW33" s="336">
        <f t="shared" si="21"/>
        <v>3316.4027536122248</v>
      </c>
      <c r="BX33" s="336">
        <f t="shared" si="22"/>
        <v>2745.366517890915</v>
      </c>
      <c r="BY33" s="336">
        <f t="shared" si="23"/>
        <v>4392.5864286254637</v>
      </c>
      <c r="BZ33" s="336">
        <f t="shared" si="24"/>
        <v>15374.052500189122</v>
      </c>
      <c r="CA33" s="336">
        <f t="shared" si="25"/>
        <v>2207.2746803842956</v>
      </c>
      <c r="CB33" s="336">
        <f t="shared" si="26"/>
        <v>2382.9781375293142</v>
      </c>
      <c r="CC33" s="336">
        <f t="shared" si="27"/>
        <v>340.42544821847343</v>
      </c>
      <c r="CD33" s="336">
        <f t="shared" si="28"/>
        <v>735.75822679476516</v>
      </c>
      <c r="CE33" s="336">
        <f t="shared" si="29"/>
        <v>1647.2199107345489</v>
      </c>
      <c r="CF33" s="336">
        <f t="shared" si="30"/>
        <v>340.42544821847343</v>
      </c>
      <c r="CG33" s="336">
        <f t="shared" si="31"/>
        <v>3689.7726000453895</v>
      </c>
      <c r="CH33" s="336"/>
      <c r="CI33" s="336"/>
      <c r="CJ33" s="336"/>
      <c r="CK33" s="336"/>
      <c r="CL33" s="336"/>
      <c r="CM33" s="336"/>
      <c r="CN33" s="336"/>
      <c r="CO33" s="336"/>
      <c r="CP33" s="336"/>
      <c r="CQ33" s="336"/>
      <c r="CR33" s="336"/>
      <c r="CS33" s="336"/>
      <c r="CT33" s="336"/>
      <c r="CU33" s="336"/>
      <c r="CV33" s="336"/>
      <c r="CW33" s="336"/>
      <c r="CX33" s="336"/>
      <c r="CY33" s="336"/>
      <c r="CZ33" s="336"/>
      <c r="DA33" s="336"/>
      <c r="DB33" s="336"/>
      <c r="DC33" s="336"/>
      <c r="DD33" s="334"/>
      <c r="DE33" s="334" t="s">
        <v>335</v>
      </c>
      <c r="DF33" s="334" t="s">
        <v>336</v>
      </c>
    </row>
    <row r="34" spans="3:110" s="395" customFormat="1" ht="56.1" customHeight="1" x14ac:dyDescent="0.2">
      <c r="C34" s="420">
        <v>105</v>
      </c>
      <c r="D34" s="420" t="s">
        <v>2481</v>
      </c>
      <c r="E34" s="96" t="s">
        <v>53</v>
      </c>
      <c r="F34" s="96" t="s">
        <v>329</v>
      </c>
      <c r="G34" s="407" t="s">
        <v>330</v>
      </c>
      <c r="H34" s="407" t="s">
        <v>337</v>
      </c>
      <c r="I34" s="316" t="s">
        <v>338</v>
      </c>
      <c r="J34" s="316"/>
      <c r="K34" s="407" t="s">
        <v>90</v>
      </c>
      <c r="L34" s="407" t="s">
        <v>38</v>
      </c>
      <c r="M34" s="407" t="s">
        <v>60</v>
      </c>
      <c r="N34" s="407" t="s">
        <v>334</v>
      </c>
      <c r="O34" s="407" t="s">
        <v>339</v>
      </c>
      <c r="P34" s="407" t="s">
        <v>63</v>
      </c>
      <c r="Q34" s="407" t="s">
        <v>63</v>
      </c>
      <c r="R34" s="410">
        <v>108063</v>
      </c>
      <c r="S34" s="410">
        <f t="shared" si="33"/>
        <v>108063</v>
      </c>
      <c r="T34" s="407" t="s">
        <v>226</v>
      </c>
      <c r="U34" s="407" t="s">
        <v>82</v>
      </c>
      <c r="V34" s="408"/>
      <c r="W34" s="408"/>
      <c r="X34" s="408"/>
      <c r="Y34" s="408"/>
      <c r="Z34" s="408"/>
      <c r="AA34" s="408"/>
      <c r="AB34" s="408"/>
      <c r="AC34" s="408"/>
      <c r="AD34" s="408"/>
      <c r="AE34" s="408"/>
      <c r="AF34" s="408"/>
      <c r="AG34" s="408"/>
      <c r="AH34" s="408"/>
      <c r="AI34" s="408"/>
      <c r="AJ34" s="408"/>
      <c r="AK34" s="408"/>
      <c r="AL34" s="408"/>
      <c r="AM34" s="408"/>
      <c r="AN34" s="408"/>
      <c r="AO34" s="408"/>
      <c r="AP34" s="408"/>
      <c r="AQ34" s="402" t="s">
        <v>66</v>
      </c>
      <c r="AR34" s="408"/>
      <c r="AS34" s="408"/>
      <c r="AT34" s="408"/>
      <c r="AU34" s="408"/>
      <c r="AV34" s="408"/>
      <c r="AW34" s="408"/>
      <c r="AX34" s="408"/>
      <c r="AY34" s="408"/>
      <c r="AZ34" s="408"/>
      <c r="BA34" s="308">
        <f t="shared" si="0"/>
        <v>250</v>
      </c>
      <c r="BB34" s="309">
        <f t="shared" si="32"/>
        <v>432.25200000000001</v>
      </c>
      <c r="BC34" s="402" t="str">
        <f t="shared" si="1"/>
        <v/>
      </c>
      <c r="BD34" s="402" t="str">
        <f t="shared" si="2"/>
        <v/>
      </c>
      <c r="BE34" s="402" t="str">
        <f t="shared" si="3"/>
        <v/>
      </c>
      <c r="BF34" s="402" t="str">
        <f t="shared" si="4"/>
        <v/>
      </c>
      <c r="BG34" s="402" t="str">
        <f t="shared" si="5"/>
        <v/>
      </c>
      <c r="BH34" s="402" t="str">
        <f t="shared" si="6"/>
        <v/>
      </c>
      <c r="BI34" s="402" t="str">
        <f t="shared" si="7"/>
        <v/>
      </c>
      <c r="BJ34" s="402" t="str">
        <f t="shared" si="8"/>
        <v/>
      </c>
      <c r="BK34" s="402" t="str">
        <f t="shared" si="9"/>
        <v/>
      </c>
      <c r="BL34" s="402" t="str">
        <f t="shared" si="10"/>
        <v/>
      </c>
      <c r="BM34" s="402" t="str">
        <f t="shared" si="11"/>
        <v/>
      </c>
      <c r="BN34" s="402" t="str">
        <f t="shared" si="12"/>
        <v/>
      </c>
      <c r="BO34" s="402" t="str">
        <f t="shared" si="13"/>
        <v/>
      </c>
      <c r="BP34" s="402" t="str">
        <f t="shared" si="14"/>
        <v/>
      </c>
      <c r="BQ34" s="402" t="str">
        <f t="shared" si="15"/>
        <v/>
      </c>
      <c r="BR34" s="402" t="str">
        <f t="shared" si="16"/>
        <v/>
      </c>
      <c r="BS34" s="402" t="str">
        <f t="shared" si="17"/>
        <v/>
      </c>
      <c r="BT34" s="402" t="str">
        <f t="shared" si="18"/>
        <v/>
      </c>
      <c r="BU34" s="402" t="str">
        <f t="shared" si="19"/>
        <v/>
      </c>
      <c r="BV34" s="402" t="str">
        <f t="shared" si="20"/>
        <v/>
      </c>
      <c r="BW34" s="402" t="str">
        <f t="shared" si="21"/>
        <v/>
      </c>
      <c r="BX34" s="402">
        <f t="shared" si="22"/>
        <v>108063</v>
      </c>
      <c r="BY34" s="402" t="str">
        <f t="shared" si="23"/>
        <v/>
      </c>
      <c r="BZ34" s="402" t="str">
        <f t="shared" si="24"/>
        <v/>
      </c>
      <c r="CA34" s="402" t="str">
        <f t="shared" si="25"/>
        <v/>
      </c>
      <c r="CB34" s="402" t="str">
        <f t="shared" si="26"/>
        <v/>
      </c>
      <c r="CC34" s="402" t="str">
        <f t="shared" si="27"/>
        <v/>
      </c>
      <c r="CD34" s="402" t="str">
        <f t="shared" si="28"/>
        <v/>
      </c>
      <c r="CE34" s="402" t="str">
        <f t="shared" si="29"/>
        <v/>
      </c>
      <c r="CF34" s="402" t="str">
        <f t="shared" si="30"/>
        <v/>
      </c>
      <c r="CG34" s="402" t="str">
        <f t="shared" si="31"/>
        <v/>
      </c>
      <c r="CH34" s="402"/>
      <c r="CI34" s="402"/>
      <c r="CJ34" s="402"/>
      <c r="CK34" s="402"/>
      <c r="CL34" s="402"/>
      <c r="CM34" s="402"/>
      <c r="CN34" s="402"/>
      <c r="CO34" s="402"/>
      <c r="CP34" s="402"/>
      <c r="CQ34" s="402"/>
      <c r="CR34" s="402"/>
      <c r="CS34" s="402"/>
      <c r="CT34" s="402"/>
      <c r="CU34" s="402"/>
      <c r="CV34" s="402"/>
      <c r="CW34" s="402"/>
      <c r="CX34" s="402"/>
      <c r="CY34" s="402"/>
      <c r="CZ34" s="402"/>
      <c r="DA34" s="402"/>
      <c r="DB34" s="402"/>
      <c r="DC34" s="402"/>
      <c r="DD34" s="407"/>
      <c r="DE34" s="407" t="s">
        <v>340</v>
      </c>
      <c r="DF34" s="407" t="s">
        <v>336</v>
      </c>
    </row>
    <row r="35" spans="3:110" s="395" customFormat="1" ht="56.1" customHeight="1" x14ac:dyDescent="0.2">
      <c r="C35" s="420">
        <v>106</v>
      </c>
      <c r="D35" s="420" t="s">
        <v>2481</v>
      </c>
      <c r="E35" s="96" t="s">
        <v>53</v>
      </c>
      <c r="F35" s="96" t="s">
        <v>329</v>
      </c>
      <c r="G35" s="407" t="s">
        <v>330</v>
      </c>
      <c r="H35" s="407" t="s">
        <v>337</v>
      </c>
      <c r="I35" s="316" t="s">
        <v>341</v>
      </c>
      <c r="J35" s="316"/>
      <c r="K35" s="407" t="s">
        <v>90</v>
      </c>
      <c r="L35" s="407" t="s">
        <v>39</v>
      </c>
      <c r="M35" s="407" t="s">
        <v>81</v>
      </c>
      <c r="N35" s="407" t="s">
        <v>334</v>
      </c>
      <c r="O35" s="407" t="s">
        <v>342</v>
      </c>
      <c r="P35" s="407" t="s">
        <v>63</v>
      </c>
      <c r="Q35" s="407" t="s">
        <v>63</v>
      </c>
      <c r="R35" s="410">
        <v>172895</v>
      </c>
      <c r="S35" s="410">
        <f t="shared" si="33"/>
        <v>172895</v>
      </c>
      <c r="T35" s="407" t="s">
        <v>226</v>
      </c>
      <c r="U35" s="407" t="s">
        <v>82</v>
      </c>
      <c r="V35" s="408"/>
      <c r="W35" s="408"/>
      <c r="X35" s="408"/>
      <c r="Y35" s="408"/>
      <c r="Z35" s="408"/>
      <c r="AA35" s="408"/>
      <c r="AB35" s="408"/>
      <c r="AC35" s="408"/>
      <c r="AD35" s="408"/>
      <c r="AE35" s="408"/>
      <c r="AF35" s="408"/>
      <c r="AG35" s="408"/>
      <c r="AH35" s="408"/>
      <c r="AI35" s="408"/>
      <c r="AJ35" s="408"/>
      <c r="AK35" s="408"/>
      <c r="AL35" s="408"/>
      <c r="AM35" s="408"/>
      <c r="AN35" s="408"/>
      <c r="AO35" s="408"/>
      <c r="AP35" s="408"/>
      <c r="AQ35" s="408"/>
      <c r="AR35" s="402" t="s">
        <v>66</v>
      </c>
      <c r="AS35" s="408"/>
      <c r="AT35" s="408"/>
      <c r="AU35" s="408"/>
      <c r="AV35" s="408"/>
      <c r="AW35" s="408"/>
      <c r="AX35" s="408"/>
      <c r="AY35" s="408"/>
      <c r="AZ35" s="408"/>
      <c r="BA35" s="308">
        <f t="shared" si="0"/>
        <v>400</v>
      </c>
      <c r="BB35" s="309">
        <f t="shared" si="32"/>
        <v>432.23750000000001</v>
      </c>
      <c r="BC35" s="402" t="str">
        <f t="shared" si="1"/>
        <v/>
      </c>
      <c r="BD35" s="402" t="str">
        <f t="shared" si="2"/>
        <v/>
      </c>
      <c r="BE35" s="402" t="str">
        <f t="shared" si="3"/>
        <v/>
      </c>
      <c r="BF35" s="402" t="str">
        <f t="shared" si="4"/>
        <v/>
      </c>
      <c r="BG35" s="402" t="str">
        <f t="shared" si="5"/>
        <v/>
      </c>
      <c r="BH35" s="402" t="str">
        <f t="shared" si="6"/>
        <v/>
      </c>
      <c r="BI35" s="402" t="str">
        <f t="shared" si="7"/>
        <v/>
      </c>
      <c r="BJ35" s="402" t="str">
        <f t="shared" si="8"/>
        <v/>
      </c>
      <c r="BK35" s="402" t="str">
        <f t="shared" si="9"/>
        <v/>
      </c>
      <c r="BL35" s="402" t="str">
        <f t="shared" si="10"/>
        <v/>
      </c>
      <c r="BM35" s="402" t="str">
        <f t="shared" si="11"/>
        <v/>
      </c>
      <c r="BN35" s="402" t="str">
        <f t="shared" si="12"/>
        <v/>
      </c>
      <c r="BO35" s="402" t="str">
        <f t="shared" si="13"/>
        <v/>
      </c>
      <c r="BP35" s="402" t="str">
        <f t="shared" si="14"/>
        <v/>
      </c>
      <c r="BQ35" s="402" t="str">
        <f t="shared" si="15"/>
        <v/>
      </c>
      <c r="BR35" s="402" t="str">
        <f t="shared" si="16"/>
        <v/>
      </c>
      <c r="BS35" s="402" t="str">
        <f t="shared" si="17"/>
        <v/>
      </c>
      <c r="BT35" s="402" t="str">
        <f t="shared" si="18"/>
        <v/>
      </c>
      <c r="BU35" s="402" t="str">
        <f t="shared" si="19"/>
        <v/>
      </c>
      <c r="BV35" s="402" t="str">
        <f t="shared" si="20"/>
        <v/>
      </c>
      <c r="BW35" s="402" t="str">
        <f t="shared" si="21"/>
        <v/>
      </c>
      <c r="BX35" s="402" t="str">
        <f t="shared" si="22"/>
        <v/>
      </c>
      <c r="BY35" s="402">
        <f t="shared" si="23"/>
        <v>172895</v>
      </c>
      <c r="BZ35" s="402" t="str">
        <f t="shared" si="24"/>
        <v/>
      </c>
      <c r="CA35" s="402" t="str">
        <f t="shared" si="25"/>
        <v/>
      </c>
      <c r="CB35" s="402" t="str">
        <f t="shared" si="26"/>
        <v/>
      </c>
      <c r="CC35" s="402" t="str">
        <f t="shared" si="27"/>
        <v/>
      </c>
      <c r="CD35" s="402" t="str">
        <f t="shared" si="28"/>
        <v/>
      </c>
      <c r="CE35" s="402" t="str">
        <f t="shared" si="29"/>
        <v/>
      </c>
      <c r="CF35" s="402" t="str">
        <f t="shared" si="30"/>
        <v/>
      </c>
      <c r="CG35" s="402" t="str">
        <f t="shared" si="31"/>
        <v/>
      </c>
      <c r="CH35" s="402"/>
      <c r="CI35" s="402"/>
      <c r="CJ35" s="402"/>
      <c r="CK35" s="402"/>
      <c r="CL35" s="402"/>
      <c r="CM35" s="402"/>
      <c r="CN35" s="402"/>
      <c r="CO35" s="402"/>
      <c r="CP35" s="402"/>
      <c r="CQ35" s="402"/>
      <c r="CR35" s="402"/>
      <c r="CS35" s="402"/>
      <c r="CT35" s="402"/>
      <c r="CU35" s="402"/>
      <c r="CV35" s="402"/>
      <c r="CW35" s="402"/>
      <c r="CX35" s="402"/>
      <c r="CY35" s="402"/>
      <c r="CZ35" s="402"/>
      <c r="DA35" s="402"/>
      <c r="DB35" s="402"/>
      <c r="DC35" s="402"/>
      <c r="DD35" s="407"/>
      <c r="DE35" s="407" t="s">
        <v>343</v>
      </c>
      <c r="DF35" s="407" t="s">
        <v>336</v>
      </c>
    </row>
    <row r="36" spans="3:110" s="395" customFormat="1" ht="56.1" customHeight="1" x14ac:dyDescent="0.2">
      <c r="C36" s="420">
        <v>107</v>
      </c>
      <c r="D36" s="420" t="s">
        <v>2481</v>
      </c>
      <c r="E36" s="96" t="s">
        <v>53</v>
      </c>
      <c r="F36" s="96" t="s">
        <v>329</v>
      </c>
      <c r="G36" s="407" t="s">
        <v>330</v>
      </c>
      <c r="H36" s="407" t="s">
        <v>337</v>
      </c>
      <c r="I36" s="316" t="s">
        <v>344</v>
      </c>
      <c r="J36" s="316"/>
      <c r="K36" s="407" t="s">
        <v>90</v>
      </c>
      <c r="L36" s="407" t="s">
        <v>345</v>
      </c>
      <c r="M36" s="407" t="s">
        <v>8</v>
      </c>
      <c r="N36" s="407" t="s">
        <v>334</v>
      </c>
      <c r="O36" s="407" t="s">
        <v>169</v>
      </c>
      <c r="P36" s="407" t="s">
        <v>63</v>
      </c>
      <c r="Q36" s="407" t="s">
        <v>63</v>
      </c>
      <c r="R36" s="410">
        <v>605124</v>
      </c>
      <c r="S36" s="410">
        <f t="shared" si="33"/>
        <v>605124</v>
      </c>
      <c r="T36" s="407" t="s">
        <v>226</v>
      </c>
      <c r="U36" s="407" t="s">
        <v>82</v>
      </c>
      <c r="V36" s="408"/>
      <c r="W36" s="408"/>
      <c r="X36" s="408"/>
      <c r="Y36" s="408"/>
      <c r="Z36" s="408"/>
      <c r="AA36" s="408"/>
      <c r="AB36" s="408"/>
      <c r="AC36" s="408"/>
      <c r="AD36" s="408"/>
      <c r="AE36" s="408"/>
      <c r="AF36" s="408"/>
      <c r="AG36" s="408"/>
      <c r="AH36" s="408"/>
      <c r="AI36" s="408"/>
      <c r="AJ36" s="408"/>
      <c r="AK36" s="408"/>
      <c r="AL36" s="408"/>
      <c r="AM36" s="408"/>
      <c r="AN36" s="408"/>
      <c r="AO36" s="408"/>
      <c r="AP36" s="408"/>
      <c r="AQ36" s="408"/>
      <c r="AR36" s="408"/>
      <c r="AS36" s="402" t="s">
        <v>66</v>
      </c>
      <c r="AT36" s="408"/>
      <c r="AU36" s="408"/>
      <c r="AV36" s="408"/>
      <c r="AW36" s="408"/>
      <c r="AX36" s="408"/>
      <c r="AY36" s="408"/>
      <c r="AZ36" s="408"/>
      <c r="BA36" s="308">
        <f t="shared" si="0"/>
        <v>1400</v>
      </c>
      <c r="BB36" s="309">
        <f t="shared" si="32"/>
        <v>432.23142857142858</v>
      </c>
      <c r="BC36" s="402" t="str">
        <f t="shared" si="1"/>
        <v/>
      </c>
      <c r="BD36" s="402" t="str">
        <f t="shared" si="2"/>
        <v/>
      </c>
      <c r="BE36" s="402" t="str">
        <f t="shared" si="3"/>
        <v/>
      </c>
      <c r="BF36" s="402" t="str">
        <f t="shared" si="4"/>
        <v/>
      </c>
      <c r="BG36" s="402" t="str">
        <f t="shared" si="5"/>
        <v/>
      </c>
      <c r="BH36" s="402" t="str">
        <f t="shared" si="6"/>
        <v/>
      </c>
      <c r="BI36" s="402" t="str">
        <f t="shared" si="7"/>
        <v/>
      </c>
      <c r="BJ36" s="402" t="str">
        <f t="shared" si="8"/>
        <v/>
      </c>
      <c r="BK36" s="402" t="str">
        <f t="shared" si="9"/>
        <v/>
      </c>
      <c r="BL36" s="402" t="str">
        <f t="shared" si="10"/>
        <v/>
      </c>
      <c r="BM36" s="402" t="str">
        <f t="shared" si="11"/>
        <v/>
      </c>
      <c r="BN36" s="402" t="str">
        <f t="shared" si="12"/>
        <v/>
      </c>
      <c r="BO36" s="402" t="str">
        <f t="shared" si="13"/>
        <v/>
      </c>
      <c r="BP36" s="402" t="str">
        <f t="shared" si="14"/>
        <v/>
      </c>
      <c r="BQ36" s="402" t="str">
        <f t="shared" si="15"/>
        <v/>
      </c>
      <c r="BR36" s="402" t="str">
        <f t="shared" si="16"/>
        <v/>
      </c>
      <c r="BS36" s="402" t="str">
        <f t="shared" si="17"/>
        <v/>
      </c>
      <c r="BT36" s="402" t="str">
        <f t="shared" si="18"/>
        <v/>
      </c>
      <c r="BU36" s="402" t="str">
        <f t="shared" si="19"/>
        <v/>
      </c>
      <c r="BV36" s="402" t="str">
        <f t="shared" si="20"/>
        <v/>
      </c>
      <c r="BW36" s="402" t="str">
        <f t="shared" si="21"/>
        <v/>
      </c>
      <c r="BX36" s="402" t="str">
        <f t="shared" si="22"/>
        <v/>
      </c>
      <c r="BY36" s="402" t="str">
        <f t="shared" si="23"/>
        <v/>
      </c>
      <c r="BZ36" s="402">
        <f t="shared" si="24"/>
        <v>605124</v>
      </c>
      <c r="CA36" s="402" t="str">
        <f t="shared" si="25"/>
        <v/>
      </c>
      <c r="CB36" s="402" t="str">
        <f t="shared" si="26"/>
        <v/>
      </c>
      <c r="CC36" s="402" t="str">
        <f t="shared" si="27"/>
        <v/>
      </c>
      <c r="CD36" s="402" t="str">
        <f t="shared" si="28"/>
        <v/>
      </c>
      <c r="CE36" s="402" t="str">
        <f t="shared" si="29"/>
        <v/>
      </c>
      <c r="CF36" s="402" t="str">
        <f t="shared" si="30"/>
        <v/>
      </c>
      <c r="CG36" s="402" t="str">
        <f t="shared" si="31"/>
        <v/>
      </c>
      <c r="CH36" s="402"/>
      <c r="CI36" s="402"/>
      <c r="CJ36" s="402"/>
      <c r="CK36" s="402"/>
      <c r="CL36" s="402"/>
      <c r="CM36" s="402"/>
      <c r="CN36" s="402"/>
      <c r="CO36" s="402"/>
      <c r="CP36" s="402"/>
      <c r="CQ36" s="402"/>
      <c r="CR36" s="402"/>
      <c r="CS36" s="402"/>
      <c r="CT36" s="402"/>
      <c r="CU36" s="402"/>
      <c r="CV36" s="402"/>
      <c r="CW36" s="402"/>
      <c r="CX36" s="402"/>
      <c r="CY36" s="402"/>
      <c r="CZ36" s="402"/>
      <c r="DA36" s="402"/>
      <c r="DB36" s="402"/>
      <c r="DC36" s="402"/>
      <c r="DD36" s="407"/>
      <c r="DE36" s="407" t="s">
        <v>340</v>
      </c>
      <c r="DF36" s="407" t="s">
        <v>336</v>
      </c>
    </row>
    <row r="37" spans="3:110" s="395" customFormat="1" ht="56.1" customHeight="1" x14ac:dyDescent="0.2">
      <c r="C37" s="420">
        <v>108</v>
      </c>
      <c r="D37" s="420" t="s">
        <v>2481</v>
      </c>
      <c r="E37" s="96" t="s">
        <v>53</v>
      </c>
      <c r="F37" s="96" t="s">
        <v>329</v>
      </c>
      <c r="G37" s="407" t="s">
        <v>330</v>
      </c>
      <c r="H37" s="407" t="s">
        <v>337</v>
      </c>
      <c r="I37" s="316" t="s">
        <v>346</v>
      </c>
      <c r="J37" s="316"/>
      <c r="K37" s="407" t="s">
        <v>90</v>
      </c>
      <c r="L37" s="407" t="s">
        <v>347</v>
      </c>
      <c r="M37" s="407" t="s">
        <v>81</v>
      </c>
      <c r="N37" s="407" t="s">
        <v>334</v>
      </c>
      <c r="O37" s="407" t="s">
        <v>225</v>
      </c>
      <c r="P37" s="407" t="s">
        <v>63</v>
      </c>
      <c r="Q37" s="407" t="s">
        <v>63</v>
      </c>
      <c r="R37" s="410">
        <v>86786</v>
      </c>
      <c r="S37" s="410">
        <f t="shared" si="33"/>
        <v>86786</v>
      </c>
      <c r="T37" s="407" t="s">
        <v>226</v>
      </c>
      <c r="U37" s="407" t="s">
        <v>82</v>
      </c>
      <c r="V37" s="408"/>
      <c r="W37" s="408"/>
      <c r="X37" s="408"/>
      <c r="Y37" s="408"/>
      <c r="Z37" s="408"/>
      <c r="AA37" s="408"/>
      <c r="AB37" s="408"/>
      <c r="AC37" s="408"/>
      <c r="AD37" s="408"/>
      <c r="AE37" s="408"/>
      <c r="AF37" s="408"/>
      <c r="AG37" s="408"/>
      <c r="AH37" s="408"/>
      <c r="AI37" s="408"/>
      <c r="AJ37" s="408"/>
      <c r="AK37" s="408"/>
      <c r="AL37" s="408"/>
      <c r="AM37" s="408"/>
      <c r="AN37" s="408"/>
      <c r="AO37" s="408"/>
      <c r="AP37" s="408"/>
      <c r="AQ37" s="408"/>
      <c r="AR37" s="408"/>
      <c r="AS37" s="408"/>
      <c r="AT37" s="402" t="s">
        <v>66</v>
      </c>
      <c r="AU37" s="408"/>
      <c r="AV37" s="408"/>
      <c r="AW37" s="408"/>
      <c r="AX37" s="408"/>
      <c r="AY37" s="408"/>
      <c r="AZ37" s="408"/>
      <c r="BA37" s="308">
        <f t="shared" si="0"/>
        <v>201</v>
      </c>
      <c r="BB37" s="309">
        <f t="shared" si="32"/>
        <v>431.77114427860698</v>
      </c>
      <c r="BC37" s="402" t="str">
        <f t="shared" si="1"/>
        <v/>
      </c>
      <c r="BD37" s="402" t="str">
        <f t="shared" si="2"/>
        <v/>
      </c>
      <c r="BE37" s="402" t="str">
        <f t="shared" si="3"/>
        <v/>
      </c>
      <c r="BF37" s="402" t="str">
        <f t="shared" si="4"/>
        <v/>
      </c>
      <c r="BG37" s="402" t="str">
        <f t="shared" si="5"/>
        <v/>
      </c>
      <c r="BH37" s="402" t="str">
        <f t="shared" si="6"/>
        <v/>
      </c>
      <c r="BI37" s="402" t="str">
        <f t="shared" si="7"/>
        <v/>
      </c>
      <c r="BJ37" s="402" t="str">
        <f t="shared" si="8"/>
        <v/>
      </c>
      <c r="BK37" s="402" t="str">
        <f t="shared" si="9"/>
        <v/>
      </c>
      <c r="BL37" s="402" t="str">
        <f t="shared" si="10"/>
        <v/>
      </c>
      <c r="BM37" s="402" t="str">
        <f t="shared" si="11"/>
        <v/>
      </c>
      <c r="BN37" s="402" t="str">
        <f t="shared" si="12"/>
        <v/>
      </c>
      <c r="BO37" s="402" t="str">
        <f t="shared" si="13"/>
        <v/>
      </c>
      <c r="BP37" s="402" t="str">
        <f t="shared" si="14"/>
        <v/>
      </c>
      <c r="BQ37" s="402" t="str">
        <f t="shared" si="15"/>
        <v/>
      </c>
      <c r="BR37" s="402" t="str">
        <f t="shared" si="16"/>
        <v/>
      </c>
      <c r="BS37" s="402" t="str">
        <f t="shared" si="17"/>
        <v/>
      </c>
      <c r="BT37" s="402" t="str">
        <f t="shared" si="18"/>
        <v/>
      </c>
      <c r="BU37" s="402" t="str">
        <f t="shared" si="19"/>
        <v/>
      </c>
      <c r="BV37" s="402" t="str">
        <f t="shared" si="20"/>
        <v/>
      </c>
      <c r="BW37" s="402" t="str">
        <f t="shared" si="21"/>
        <v/>
      </c>
      <c r="BX37" s="402" t="str">
        <f t="shared" si="22"/>
        <v/>
      </c>
      <c r="BY37" s="402" t="str">
        <f t="shared" si="23"/>
        <v/>
      </c>
      <c r="BZ37" s="402" t="str">
        <f t="shared" si="24"/>
        <v/>
      </c>
      <c r="CA37" s="402">
        <f t="shared" si="25"/>
        <v>86786</v>
      </c>
      <c r="CB37" s="402" t="str">
        <f t="shared" si="26"/>
        <v/>
      </c>
      <c r="CC37" s="402" t="str">
        <f t="shared" si="27"/>
        <v/>
      </c>
      <c r="CD37" s="402" t="str">
        <f t="shared" si="28"/>
        <v/>
      </c>
      <c r="CE37" s="402" t="str">
        <f t="shared" si="29"/>
        <v/>
      </c>
      <c r="CF37" s="402" t="str">
        <f t="shared" si="30"/>
        <v/>
      </c>
      <c r="CG37" s="402" t="str">
        <f t="shared" si="31"/>
        <v/>
      </c>
      <c r="CH37" s="402"/>
      <c r="CI37" s="402"/>
      <c r="CJ37" s="402"/>
      <c r="CK37" s="402"/>
      <c r="CL37" s="402"/>
      <c r="CM37" s="402"/>
      <c r="CN37" s="402"/>
      <c r="CO37" s="402"/>
      <c r="CP37" s="402"/>
      <c r="CQ37" s="402"/>
      <c r="CR37" s="402"/>
      <c r="CS37" s="402"/>
      <c r="CT37" s="402"/>
      <c r="CU37" s="402"/>
      <c r="CV37" s="402"/>
      <c r="CW37" s="402"/>
      <c r="CX37" s="402"/>
      <c r="CY37" s="402"/>
      <c r="CZ37" s="402"/>
      <c r="DA37" s="402"/>
      <c r="DB37" s="402"/>
      <c r="DC37" s="402"/>
      <c r="DD37" s="407"/>
      <c r="DE37" s="407" t="s">
        <v>340</v>
      </c>
      <c r="DF37" s="407" t="s">
        <v>336</v>
      </c>
    </row>
    <row r="38" spans="3:110" s="395" customFormat="1" ht="56.1" customHeight="1" x14ac:dyDescent="0.2">
      <c r="C38" s="420">
        <v>109</v>
      </c>
      <c r="D38" s="420" t="s">
        <v>2481</v>
      </c>
      <c r="E38" s="96" t="s">
        <v>53</v>
      </c>
      <c r="F38" s="96" t="s">
        <v>329</v>
      </c>
      <c r="G38" s="407" t="s">
        <v>330</v>
      </c>
      <c r="H38" s="407" t="s">
        <v>348</v>
      </c>
      <c r="I38" s="316" t="s">
        <v>349</v>
      </c>
      <c r="J38" s="316"/>
      <c r="K38" s="407" t="s">
        <v>86</v>
      </c>
      <c r="L38" s="407" t="s">
        <v>350</v>
      </c>
      <c r="M38" s="407" t="s">
        <v>351</v>
      </c>
      <c r="N38" s="407" t="s">
        <v>334</v>
      </c>
      <c r="O38" s="407" t="s">
        <v>184</v>
      </c>
      <c r="P38" s="407" t="s">
        <v>63</v>
      </c>
      <c r="Q38" s="407" t="s">
        <v>63</v>
      </c>
      <c r="R38" s="410">
        <v>334961</v>
      </c>
      <c r="S38" s="410">
        <f t="shared" si="33"/>
        <v>334961</v>
      </c>
      <c r="T38" s="407" t="s">
        <v>226</v>
      </c>
      <c r="U38" s="407" t="s">
        <v>82</v>
      </c>
      <c r="V38" s="408"/>
      <c r="W38" s="408"/>
      <c r="X38" s="408"/>
      <c r="Y38" s="408"/>
      <c r="Z38" s="408"/>
      <c r="AA38" s="408"/>
      <c r="AB38" s="408"/>
      <c r="AC38" s="408"/>
      <c r="AD38" s="408"/>
      <c r="AE38" s="408"/>
      <c r="AF38" s="408"/>
      <c r="AG38" s="408"/>
      <c r="AH38" s="408"/>
      <c r="AI38" s="408"/>
      <c r="AJ38" s="408"/>
      <c r="AK38" s="408"/>
      <c r="AL38" s="408"/>
      <c r="AM38" s="402" t="s">
        <v>66</v>
      </c>
      <c r="AN38" s="408"/>
      <c r="AO38" s="408"/>
      <c r="AP38" s="408"/>
      <c r="AQ38" s="408"/>
      <c r="AR38" s="408"/>
      <c r="AS38" s="408"/>
      <c r="AT38" s="408"/>
      <c r="AU38" s="408"/>
      <c r="AV38" s="408"/>
      <c r="AW38" s="408"/>
      <c r="AX38" s="408"/>
      <c r="AY38" s="408"/>
      <c r="AZ38" s="408"/>
      <c r="BA38" s="308">
        <f t="shared" si="0"/>
        <v>775</v>
      </c>
      <c r="BB38" s="309">
        <f t="shared" si="32"/>
        <v>432.20774193548385</v>
      </c>
      <c r="BC38" s="402" t="str">
        <f t="shared" si="1"/>
        <v/>
      </c>
      <c r="BD38" s="402" t="str">
        <f t="shared" si="2"/>
        <v/>
      </c>
      <c r="BE38" s="402" t="str">
        <f t="shared" si="3"/>
        <v/>
      </c>
      <c r="BF38" s="402" t="str">
        <f t="shared" si="4"/>
        <v/>
      </c>
      <c r="BG38" s="402" t="str">
        <f t="shared" si="5"/>
        <v/>
      </c>
      <c r="BH38" s="402" t="str">
        <f t="shared" si="6"/>
        <v/>
      </c>
      <c r="BI38" s="402" t="str">
        <f t="shared" si="7"/>
        <v/>
      </c>
      <c r="BJ38" s="402" t="str">
        <f t="shared" si="8"/>
        <v/>
      </c>
      <c r="BK38" s="402" t="str">
        <f t="shared" si="9"/>
        <v/>
      </c>
      <c r="BL38" s="402" t="str">
        <f t="shared" si="10"/>
        <v/>
      </c>
      <c r="BM38" s="402" t="str">
        <f t="shared" si="11"/>
        <v/>
      </c>
      <c r="BN38" s="402" t="str">
        <f t="shared" si="12"/>
        <v/>
      </c>
      <c r="BO38" s="402" t="str">
        <f t="shared" si="13"/>
        <v/>
      </c>
      <c r="BP38" s="402" t="str">
        <f t="shared" si="14"/>
        <v/>
      </c>
      <c r="BQ38" s="402" t="str">
        <f t="shared" si="15"/>
        <v/>
      </c>
      <c r="BR38" s="402" t="str">
        <f t="shared" si="16"/>
        <v/>
      </c>
      <c r="BS38" s="402" t="str">
        <f t="shared" si="17"/>
        <v/>
      </c>
      <c r="BT38" s="402">
        <f t="shared" si="18"/>
        <v>334961</v>
      </c>
      <c r="BU38" s="402" t="str">
        <f t="shared" si="19"/>
        <v/>
      </c>
      <c r="BV38" s="402" t="str">
        <f t="shared" si="20"/>
        <v/>
      </c>
      <c r="BW38" s="402" t="str">
        <f t="shared" si="21"/>
        <v/>
      </c>
      <c r="BX38" s="402" t="str">
        <f t="shared" si="22"/>
        <v/>
      </c>
      <c r="BY38" s="402" t="str">
        <f t="shared" si="23"/>
        <v/>
      </c>
      <c r="BZ38" s="402" t="str">
        <f t="shared" si="24"/>
        <v/>
      </c>
      <c r="CA38" s="402" t="str">
        <f t="shared" si="25"/>
        <v/>
      </c>
      <c r="CB38" s="402" t="str">
        <f t="shared" si="26"/>
        <v/>
      </c>
      <c r="CC38" s="402" t="str">
        <f t="shared" si="27"/>
        <v/>
      </c>
      <c r="CD38" s="402" t="str">
        <f t="shared" si="28"/>
        <v/>
      </c>
      <c r="CE38" s="402" t="str">
        <f t="shared" si="29"/>
        <v/>
      </c>
      <c r="CF38" s="402" t="str">
        <f t="shared" si="30"/>
        <v/>
      </c>
      <c r="CG38" s="402" t="str">
        <f t="shared" si="31"/>
        <v/>
      </c>
      <c r="CH38" s="402"/>
      <c r="CI38" s="402"/>
      <c r="CJ38" s="402"/>
      <c r="CK38" s="402"/>
      <c r="CL38" s="402"/>
      <c r="CM38" s="402"/>
      <c r="CN38" s="402"/>
      <c r="CO38" s="402"/>
      <c r="CP38" s="402"/>
      <c r="CQ38" s="402"/>
      <c r="CR38" s="402"/>
      <c r="CS38" s="402"/>
      <c r="CT38" s="402"/>
      <c r="CU38" s="402"/>
      <c r="CV38" s="402"/>
      <c r="CW38" s="402"/>
      <c r="CX38" s="402"/>
      <c r="CY38" s="402"/>
      <c r="CZ38" s="402"/>
      <c r="DA38" s="402"/>
      <c r="DB38" s="402"/>
      <c r="DC38" s="402"/>
      <c r="DD38" s="407"/>
      <c r="DE38" s="407" t="s">
        <v>352</v>
      </c>
      <c r="DF38" s="407" t="s">
        <v>336</v>
      </c>
    </row>
    <row r="39" spans="3:110" s="395" customFormat="1" ht="56.1" customHeight="1" x14ac:dyDescent="0.2">
      <c r="C39" s="420">
        <v>110</v>
      </c>
      <c r="D39" s="420" t="s">
        <v>2481</v>
      </c>
      <c r="E39" s="96" t="s">
        <v>53</v>
      </c>
      <c r="F39" s="96" t="s">
        <v>329</v>
      </c>
      <c r="G39" s="407" t="s">
        <v>330</v>
      </c>
      <c r="H39" s="407" t="s">
        <v>353</v>
      </c>
      <c r="I39" s="316" t="s">
        <v>354</v>
      </c>
      <c r="J39" s="316"/>
      <c r="K39" s="407" t="s">
        <v>86</v>
      </c>
      <c r="L39" s="407" t="s">
        <v>36</v>
      </c>
      <c r="M39" s="407" t="s">
        <v>81</v>
      </c>
      <c r="N39" s="407" t="s">
        <v>334</v>
      </c>
      <c r="O39" s="407" t="s">
        <v>355</v>
      </c>
      <c r="P39" s="407" t="s">
        <v>63</v>
      </c>
      <c r="Q39" s="407" t="s">
        <v>63</v>
      </c>
      <c r="R39" s="410">
        <v>43229</v>
      </c>
      <c r="S39" s="410">
        <f t="shared" si="33"/>
        <v>43229</v>
      </c>
      <c r="T39" s="407" t="s">
        <v>226</v>
      </c>
      <c r="U39" s="407" t="s">
        <v>82</v>
      </c>
      <c r="V39" s="408"/>
      <c r="W39" s="408"/>
      <c r="X39" s="408"/>
      <c r="Y39" s="408"/>
      <c r="Z39" s="408"/>
      <c r="AA39" s="408"/>
      <c r="AB39" s="408"/>
      <c r="AC39" s="408"/>
      <c r="AD39" s="408"/>
      <c r="AE39" s="408"/>
      <c r="AF39" s="408"/>
      <c r="AG39" s="408"/>
      <c r="AH39" s="408"/>
      <c r="AI39" s="408"/>
      <c r="AJ39" s="408"/>
      <c r="AK39" s="408"/>
      <c r="AL39" s="408"/>
      <c r="AM39" s="408"/>
      <c r="AN39" s="408"/>
      <c r="AO39" s="402" t="s">
        <v>66</v>
      </c>
      <c r="AP39" s="408"/>
      <c r="AQ39" s="408"/>
      <c r="AR39" s="408"/>
      <c r="AS39" s="408"/>
      <c r="AT39" s="408"/>
      <c r="AU39" s="408"/>
      <c r="AV39" s="408"/>
      <c r="AW39" s="408"/>
      <c r="AX39" s="408"/>
      <c r="AY39" s="408"/>
      <c r="AZ39" s="408"/>
      <c r="BA39" s="308">
        <f t="shared" si="0"/>
        <v>100</v>
      </c>
      <c r="BB39" s="309">
        <f t="shared" si="32"/>
        <v>432.29</v>
      </c>
      <c r="BC39" s="402" t="str">
        <f t="shared" si="1"/>
        <v/>
      </c>
      <c r="BD39" s="402" t="str">
        <f t="shared" si="2"/>
        <v/>
      </c>
      <c r="BE39" s="402" t="str">
        <f t="shared" si="3"/>
        <v/>
      </c>
      <c r="BF39" s="402" t="str">
        <f t="shared" si="4"/>
        <v/>
      </c>
      <c r="BG39" s="402" t="str">
        <f t="shared" si="5"/>
        <v/>
      </c>
      <c r="BH39" s="402" t="str">
        <f t="shared" si="6"/>
        <v/>
      </c>
      <c r="BI39" s="402" t="str">
        <f t="shared" si="7"/>
        <v/>
      </c>
      <c r="BJ39" s="402" t="str">
        <f t="shared" si="8"/>
        <v/>
      </c>
      <c r="BK39" s="402" t="str">
        <f t="shared" si="9"/>
        <v/>
      </c>
      <c r="BL39" s="402" t="str">
        <f t="shared" si="10"/>
        <v/>
      </c>
      <c r="BM39" s="402" t="str">
        <f t="shared" si="11"/>
        <v/>
      </c>
      <c r="BN39" s="402" t="str">
        <f t="shared" si="12"/>
        <v/>
      </c>
      <c r="BO39" s="402" t="str">
        <f t="shared" si="13"/>
        <v/>
      </c>
      <c r="BP39" s="402" t="str">
        <f t="shared" si="14"/>
        <v/>
      </c>
      <c r="BQ39" s="402" t="str">
        <f t="shared" si="15"/>
        <v/>
      </c>
      <c r="BR39" s="402" t="str">
        <f t="shared" si="16"/>
        <v/>
      </c>
      <c r="BS39" s="402" t="str">
        <f t="shared" si="17"/>
        <v/>
      </c>
      <c r="BT39" s="402" t="str">
        <f t="shared" si="18"/>
        <v/>
      </c>
      <c r="BU39" s="402" t="str">
        <f t="shared" si="19"/>
        <v/>
      </c>
      <c r="BV39" s="402">
        <f t="shared" si="20"/>
        <v>43229</v>
      </c>
      <c r="BW39" s="402" t="str">
        <f t="shared" si="21"/>
        <v/>
      </c>
      <c r="BX39" s="402" t="str">
        <f t="shared" si="22"/>
        <v/>
      </c>
      <c r="BY39" s="402" t="str">
        <f t="shared" si="23"/>
        <v/>
      </c>
      <c r="BZ39" s="402" t="str">
        <f t="shared" si="24"/>
        <v/>
      </c>
      <c r="CA39" s="402" t="str">
        <f t="shared" si="25"/>
        <v/>
      </c>
      <c r="CB39" s="402" t="str">
        <f t="shared" si="26"/>
        <v/>
      </c>
      <c r="CC39" s="402" t="str">
        <f t="shared" si="27"/>
        <v/>
      </c>
      <c r="CD39" s="402" t="str">
        <f t="shared" si="28"/>
        <v/>
      </c>
      <c r="CE39" s="402" t="str">
        <f t="shared" si="29"/>
        <v/>
      </c>
      <c r="CF39" s="402" t="str">
        <f t="shared" si="30"/>
        <v/>
      </c>
      <c r="CG39" s="402" t="str">
        <f t="shared" si="31"/>
        <v/>
      </c>
      <c r="CH39" s="402"/>
      <c r="CI39" s="402"/>
      <c r="CJ39" s="402"/>
      <c r="CK39" s="402"/>
      <c r="CL39" s="402"/>
      <c r="CM39" s="402"/>
      <c r="CN39" s="402"/>
      <c r="CO39" s="402"/>
      <c r="CP39" s="402"/>
      <c r="CQ39" s="402"/>
      <c r="CR39" s="402"/>
      <c r="CS39" s="402"/>
      <c r="CT39" s="402"/>
      <c r="CU39" s="402"/>
      <c r="CV39" s="402"/>
      <c r="CW39" s="402"/>
      <c r="CX39" s="402"/>
      <c r="CY39" s="402"/>
      <c r="CZ39" s="402"/>
      <c r="DA39" s="402"/>
      <c r="DB39" s="402"/>
      <c r="DC39" s="402"/>
      <c r="DD39" s="407"/>
      <c r="DE39" s="407" t="s">
        <v>352</v>
      </c>
      <c r="DF39" s="407" t="s">
        <v>336</v>
      </c>
    </row>
    <row r="40" spans="3:110" s="395" customFormat="1" ht="56.1" customHeight="1" x14ac:dyDescent="0.2">
      <c r="C40" s="420">
        <v>111</v>
      </c>
      <c r="D40" s="420" t="s">
        <v>2481</v>
      </c>
      <c r="E40" s="96" t="s">
        <v>53</v>
      </c>
      <c r="F40" s="96" t="s">
        <v>329</v>
      </c>
      <c r="G40" s="407" t="s">
        <v>330</v>
      </c>
      <c r="H40" s="407" t="s">
        <v>348</v>
      </c>
      <c r="I40" s="316" t="s">
        <v>356</v>
      </c>
      <c r="J40" s="316"/>
      <c r="K40" s="407" t="s">
        <v>86</v>
      </c>
      <c r="L40" s="407" t="s">
        <v>35</v>
      </c>
      <c r="M40" s="407" t="s">
        <v>60</v>
      </c>
      <c r="N40" s="407" t="s">
        <v>334</v>
      </c>
      <c r="O40" s="407" t="s">
        <v>357</v>
      </c>
      <c r="P40" s="407" t="s">
        <v>63</v>
      </c>
      <c r="Q40" s="407" t="s">
        <v>63</v>
      </c>
      <c r="R40" s="410">
        <v>43229</v>
      </c>
      <c r="S40" s="410">
        <f t="shared" si="33"/>
        <v>43229</v>
      </c>
      <c r="T40" s="407" t="s">
        <v>226</v>
      </c>
      <c r="U40" s="407" t="s">
        <v>82</v>
      </c>
      <c r="V40" s="408"/>
      <c r="W40" s="408"/>
      <c r="X40" s="408"/>
      <c r="Y40" s="408"/>
      <c r="Z40" s="408"/>
      <c r="AA40" s="408"/>
      <c r="AB40" s="408"/>
      <c r="AC40" s="408"/>
      <c r="AD40" s="408"/>
      <c r="AE40" s="408"/>
      <c r="AF40" s="408"/>
      <c r="AG40" s="408"/>
      <c r="AH40" s="408"/>
      <c r="AI40" s="408"/>
      <c r="AJ40" s="408"/>
      <c r="AK40" s="408"/>
      <c r="AL40" s="408"/>
      <c r="AM40" s="408"/>
      <c r="AN40" s="402" t="s">
        <v>66</v>
      </c>
      <c r="AO40" s="408"/>
      <c r="AP40" s="408"/>
      <c r="AQ40" s="408"/>
      <c r="AR40" s="408"/>
      <c r="AS40" s="408"/>
      <c r="AT40" s="408"/>
      <c r="AU40" s="408"/>
      <c r="AV40" s="408"/>
      <c r="AW40" s="408"/>
      <c r="AX40" s="408"/>
      <c r="AY40" s="408"/>
      <c r="AZ40" s="408"/>
      <c r="BA40" s="308">
        <f t="shared" si="0"/>
        <v>100</v>
      </c>
      <c r="BB40" s="309">
        <f t="shared" si="32"/>
        <v>432.29</v>
      </c>
      <c r="BC40" s="402" t="str">
        <f t="shared" si="1"/>
        <v/>
      </c>
      <c r="BD40" s="402" t="str">
        <f t="shared" si="2"/>
        <v/>
      </c>
      <c r="BE40" s="402" t="str">
        <f t="shared" si="3"/>
        <v/>
      </c>
      <c r="BF40" s="402" t="str">
        <f t="shared" si="4"/>
        <v/>
      </c>
      <c r="BG40" s="402" t="str">
        <f t="shared" si="5"/>
        <v/>
      </c>
      <c r="BH40" s="402" t="str">
        <f t="shared" si="6"/>
        <v/>
      </c>
      <c r="BI40" s="402" t="str">
        <f t="shared" si="7"/>
        <v/>
      </c>
      <c r="BJ40" s="402" t="str">
        <f t="shared" si="8"/>
        <v/>
      </c>
      <c r="BK40" s="402" t="str">
        <f t="shared" si="9"/>
        <v/>
      </c>
      <c r="BL40" s="402" t="str">
        <f t="shared" si="10"/>
        <v/>
      </c>
      <c r="BM40" s="402" t="str">
        <f t="shared" si="11"/>
        <v/>
      </c>
      <c r="BN40" s="402" t="str">
        <f t="shared" si="12"/>
        <v/>
      </c>
      <c r="BO40" s="402" t="str">
        <f t="shared" si="13"/>
        <v/>
      </c>
      <c r="BP40" s="402" t="str">
        <f t="shared" si="14"/>
        <v/>
      </c>
      <c r="BQ40" s="402" t="str">
        <f t="shared" si="15"/>
        <v/>
      </c>
      <c r="BR40" s="402" t="str">
        <f t="shared" si="16"/>
        <v/>
      </c>
      <c r="BS40" s="402" t="str">
        <f t="shared" si="17"/>
        <v/>
      </c>
      <c r="BT40" s="402" t="str">
        <f t="shared" si="18"/>
        <v/>
      </c>
      <c r="BU40" s="402">
        <f t="shared" si="19"/>
        <v>43229</v>
      </c>
      <c r="BV40" s="402" t="str">
        <f t="shared" si="20"/>
        <v/>
      </c>
      <c r="BW40" s="402" t="str">
        <f t="shared" si="21"/>
        <v/>
      </c>
      <c r="BX40" s="402" t="str">
        <f t="shared" si="22"/>
        <v/>
      </c>
      <c r="BY40" s="402" t="str">
        <f t="shared" si="23"/>
        <v/>
      </c>
      <c r="BZ40" s="402" t="str">
        <f t="shared" si="24"/>
        <v/>
      </c>
      <c r="CA40" s="402" t="str">
        <f t="shared" si="25"/>
        <v/>
      </c>
      <c r="CB40" s="402" t="str">
        <f t="shared" si="26"/>
        <v/>
      </c>
      <c r="CC40" s="402" t="str">
        <f t="shared" si="27"/>
        <v/>
      </c>
      <c r="CD40" s="402" t="str">
        <f t="shared" si="28"/>
        <v/>
      </c>
      <c r="CE40" s="402" t="str">
        <f t="shared" si="29"/>
        <v/>
      </c>
      <c r="CF40" s="402" t="str">
        <f t="shared" si="30"/>
        <v/>
      </c>
      <c r="CG40" s="402" t="str">
        <f t="shared" si="31"/>
        <v/>
      </c>
      <c r="CH40" s="402"/>
      <c r="CI40" s="402"/>
      <c r="CJ40" s="402"/>
      <c r="CK40" s="402"/>
      <c r="CL40" s="402"/>
      <c r="CM40" s="402"/>
      <c r="CN40" s="402"/>
      <c r="CO40" s="402"/>
      <c r="CP40" s="402"/>
      <c r="CQ40" s="402"/>
      <c r="CR40" s="402"/>
      <c r="CS40" s="402"/>
      <c r="CT40" s="402"/>
      <c r="CU40" s="402"/>
      <c r="CV40" s="402"/>
      <c r="CW40" s="402"/>
      <c r="CX40" s="402"/>
      <c r="CY40" s="402"/>
      <c r="CZ40" s="402"/>
      <c r="DA40" s="402"/>
      <c r="DB40" s="402"/>
      <c r="DC40" s="402"/>
      <c r="DD40" s="407"/>
      <c r="DE40" s="407" t="s">
        <v>352</v>
      </c>
      <c r="DF40" s="407" t="s">
        <v>336</v>
      </c>
    </row>
    <row r="41" spans="3:110" s="395" customFormat="1" ht="56.1" customHeight="1" x14ac:dyDescent="0.2">
      <c r="C41" s="420">
        <v>112</v>
      </c>
      <c r="D41" s="420" t="s">
        <v>2481</v>
      </c>
      <c r="E41" s="96" t="s">
        <v>53</v>
      </c>
      <c r="F41" s="96" t="s">
        <v>329</v>
      </c>
      <c r="G41" s="407" t="s">
        <v>330</v>
      </c>
      <c r="H41" s="407" t="s">
        <v>358</v>
      </c>
      <c r="I41" s="316" t="s">
        <v>359</v>
      </c>
      <c r="J41" s="316"/>
      <c r="K41" s="407" t="s">
        <v>86</v>
      </c>
      <c r="L41" s="407" t="s">
        <v>347</v>
      </c>
      <c r="M41" s="407" t="s">
        <v>81</v>
      </c>
      <c r="N41" s="407" t="s">
        <v>334</v>
      </c>
      <c r="O41" s="407" t="s">
        <v>225</v>
      </c>
      <c r="P41" s="407" t="s">
        <v>63</v>
      </c>
      <c r="Q41" s="407" t="s">
        <v>63</v>
      </c>
      <c r="R41" s="410">
        <v>130555.02</v>
      </c>
      <c r="S41" s="410">
        <f t="shared" si="33"/>
        <v>130555.02</v>
      </c>
      <c r="T41" s="407" t="s">
        <v>226</v>
      </c>
      <c r="U41" s="407" t="s">
        <v>82</v>
      </c>
      <c r="V41" s="408"/>
      <c r="W41" s="408"/>
      <c r="X41" s="408"/>
      <c r="Y41" s="408"/>
      <c r="Z41" s="408"/>
      <c r="AA41" s="408"/>
      <c r="AB41" s="408"/>
      <c r="AC41" s="408"/>
      <c r="AD41" s="408"/>
      <c r="AE41" s="408"/>
      <c r="AF41" s="408"/>
      <c r="AG41" s="408"/>
      <c r="AH41" s="408"/>
      <c r="AI41" s="408"/>
      <c r="AJ41" s="408"/>
      <c r="AK41" s="408"/>
      <c r="AL41" s="408"/>
      <c r="AM41" s="408"/>
      <c r="AN41" s="408"/>
      <c r="AO41" s="408"/>
      <c r="AP41" s="402" t="s">
        <v>66</v>
      </c>
      <c r="AQ41" s="408"/>
      <c r="AR41" s="408"/>
      <c r="AS41" s="408"/>
      <c r="AT41" s="408"/>
      <c r="AU41" s="408"/>
      <c r="AV41" s="408"/>
      <c r="AW41" s="408"/>
      <c r="AX41" s="408"/>
      <c r="AY41" s="408"/>
      <c r="AZ41" s="408"/>
      <c r="BA41" s="308">
        <f t="shared" si="0"/>
        <v>302</v>
      </c>
      <c r="BB41" s="309">
        <f t="shared" si="32"/>
        <v>432.30139072847686</v>
      </c>
      <c r="BC41" s="402" t="str">
        <f t="shared" si="1"/>
        <v/>
      </c>
      <c r="BD41" s="402" t="str">
        <f t="shared" si="2"/>
        <v/>
      </c>
      <c r="BE41" s="402" t="str">
        <f t="shared" si="3"/>
        <v/>
      </c>
      <c r="BF41" s="402" t="str">
        <f t="shared" si="4"/>
        <v/>
      </c>
      <c r="BG41" s="402" t="str">
        <f t="shared" si="5"/>
        <v/>
      </c>
      <c r="BH41" s="402" t="str">
        <f t="shared" si="6"/>
        <v/>
      </c>
      <c r="BI41" s="402" t="str">
        <f t="shared" si="7"/>
        <v/>
      </c>
      <c r="BJ41" s="402" t="str">
        <f t="shared" si="8"/>
        <v/>
      </c>
      <c r="BK41" s="402" t="str">
        <f t="shared" si="9"/>
        <v/>
      </c>
      <c r="BL41" s="402" t="str">
        <f t="shared" si="10"/>
        <v/>
      </c>
      <c r="BM41" s="402" t="str">
        <f t="shared" si="11"/>
        <v/>
      </c>
      <c r="BN41" s="402" t="str">
        <f t="shared" si="12"/>
        <v/>
      </c>
      <c r="BO41" s="402" t="str">
        <f t="shared" si="13"/>
        <v/>
      </c>
      <c r="BP41" s="402" t="str">
        <f t="shared" si="14"/>
        <v/>
      </c>
      <c r="BQ41" s="402" t="str">
        <f t="shared" si="15"/>
        <v/>
      </c>
      <c r="BR41" s="402" t="str">
        <f t="shared" si="16"/>
        <v/>
      </c>
      <c r="BS41" s="402" t="str">
        <f t="shared" si="17"/>
        <v/>
      </c>
      <c r="BT41" s="402" t="str">
        <f t="shared" si="18"/>
        <v/>
      </c>
      <c r="BU41" s="402" t="str">
        <f t="shared" si="19"/>
        <v/>
      </c>
      <c r="BV41" s="402" t="str">
        <f t="shared" si="20"/>
        <v/>
      </c>
      <c r="BW41" s="402">
        <f t="shared" si="21"/>
        <v>130555.02000000002</v>
      </c>
      <c r="BX41" s="402" t="str">
        <f t="shared" si="22"/>
        <v/>
      </c>
      <c r="BY41" s="402" t="str">
        <f t="shared" si="23"/>
        <v/>
      </c>
      <c r="BZ41" s="402" t="str">
        <f t="shared" si="24"/>
        <v/>
      </c>
      <c r="CA41" s="402" t="str">
        <f t="shared" si="25"/>
        <v/>
      </c>
      <c r="CB41" s="402" t="str">
        <f t="shared" si="26"/>
        <v/>
      </c>
      <c r="CC41" s="402" t="str">
        <f t="shared" si="27"/>
        <v/>
      </c>
      <c r="CD41" s="402" t="str">
        <f t="shared" si="28"/>
        <v/>
      </c>
      <c r="CE41" s="402" t="str">
        <f t="shared" si="29"/>
        <v/>
      </c>
      <c r="CF41" s="402" t="str">
        <f t="shared" si="30"/>
        <v/>
      </c>
      <c r="CG41" s="402" t="str">
        <f t="shared" si="31"/>
        <v/>
      </c>
      <c r="CH41" s="402"/>
      <c r="CI41" s="402"/>
      <c r="CJ41" s="402"/>
      <c r="CK41" s="402"/>
      <c r="CL41" s="402"/>
      <c r="CM41" s="402"/>
      <c r="CN41" s="402"/>
      <c r="CO41" s="402"/>
      <c r="CP41" s="402"/>
      <c r="CQ41" s="402"/>
      <c r="CR41" s="402"/>
      <c r="CS41" s="402"/>
      <c r="CT41" s="402"/>
      <c r="CU41" s="402"/>
      <c r="CV41" s="402"/>
      <c r="CW41" s="402"/>
      <c r="CX41" s="402"/>
      <c r="CY41" s="402"/>
      <c r="CZ41" s="402"/>
      <c r="DA41" s="402"/>
      <c r="DB41" s="402"/>
      <c r="DC41" s="402"/>
      <c r="DD41" s="407"/>
      <c r="DE41" s="407" t="s">
        <v>340</v>
      </c>
      <c r="DF41" s="407" t="s">
        <v>336</v>
      </c>
    </row>
    <row r="42" spans="3:110" s="395" customFormat="1" ht="56.1" customHeight="1" x14ac:dyDescent="0.2">
      <c r="C42" s="420">
        <v>113</v>
      </c>
      <c r="D42" s="420" t="s">
        <v>2481</v>
      </c>
      <c r="E42" s="96" t="s">
        <v>53</v>
      </c>
      <c r="F42" s="96" t="s">
        <v>329</v>
      </c>
      <c r="G42" s="407" t="s">
        <v>330</v>
      </c>
      <c r="H42" s="407" t="s">
        <v>360</v>
      </c>
      <c r="I42" s="316" t="s">
        <v>361</v>
      </c>
      <c r="J42" s="316"/>
      <c r="K42" s="407" t="s">
        <v>362</v>
      </c>
      <c r="L42" s="407" t="s">
        <v>347</v>
      </c>
      <c r="M42" s="407" t="s">
        <v>81</v>
      </c>
      <c r="N42" s="407" t="s">
        <v>334</v>
      </c>
      <c r="O42" s="407" t="s">
        <v>225</v>
      </c>
      <c r="P42" s="407" t="s">
        <v>63</v>
      </c>
      <c r="Q42" s="407" t="s">
        <v>63</v>
      </c>
      <c r="R42" s="410">
        <v>13343</v>
      </c>
      <c r="S42" s="410">
        <f t="shared" si="33"/>
        <v>13343</v>
      </c>
      <c r="T42" s="407" t="s">
        <v>226</v>
      </c>
      <c r="U42" s="407" t="s">
        <v>82</v>
      </c>
      <c r="V42" s="408"/>
      <c r="W42" s="408"/>
      <c r="X42" s="408"/>
      <c r="Y42" s="408"/>
      <c r="Z42" s="408"/>
      <c r="AA42" s="408"/>
      <c r="AB42" s="408"/>
      <c r="AC42" s="408"/>
      <c r="AD42" s="408"/>
      <c r="AE42" s="408"/>
      <c r="AF42" s="408"/>
      <c r="AG42" s="408"/>
      <c r="AH42" s="408"/>
      <c r="AI42" s="408"/>
      <c r="AJ42" s="408"/>
      <c r="AK42" s="408"/>
      <c r="AL42" s="408"/>
      <c r="AM42" s="408"/>
      <c r="AN42" s="408"/>
      <c r="AO42" s="408"/>
      <c r="AP42" s="408"/>
      <c r="AQ42" s="408"/>
      <c r="AR42" s="408"/>
      <c r="AS42" s="408"/>
      <c r="AT42" s="408"/>
      <c r="AU42" s="408"/>
      <c r="AV42" s="402" t="s">
        <v>66</v>
      </c>
      <c r="AW42" s="408"/>
      <c r="AX42" s="408"/>
      <c r="AY42" s="408"/>
      <c r="AZ42" s="408"/>
      <c r="BA42" s="308">
        <f t="shared" si="0"/>
        <v>31</v>
      </c>
      <c r="BB42" s="309">
        <f t="shared" si="32"/>
        <v>430.41935483870969</v>
      </c>
      <c r="BC42" s="402" t="str">
        <f t="shared" si="1"/>
        <v/>
      </c>
      <c r="BD42" s="402" t="str">
        <f t="shared" si="2"/>
        <v/>
      </c>
      <c r="BE42" s="402" t="str">
        <f t="shared" si="3"/>
        <v/>
      </c>
      <c r="BF42" s="402" t="str">
        <f t="shared" si="4"/>
        <v/>
      </c>
      <c r="BG42" s="402" t="str">
        <f t="shared" si="5"/>
        <v/>
      </c>
      <c r="BH42" s="402" t="str">
        <f t="shared" si="6"/>
        <v/>
      </c>
      <c r="BI42" s="402" t="str">
        <f t="shared" si="7"/>
        <v/>
      </c>
      <c r="BJ42" s="402" t="str">
        <f t="shared" si="8"/>
        <v/>
      </c>
      <c r="BK42" s="402" t="str">
        <f t="shared" si="9"/>
        <v/>
      </c>
      <c r="BL42" s="402" t="str">
        <f t="shared" si="10"/>
        <v/>
      </c>
      <c r="BM42" s="402" t="str">
        <f t="shared" si="11"/>
        <v/>
      </c>
      <c r="BN42" s="402" t="str">
        <f t="shared" si="12"/>
        <v/>
      </c>
      <c r="BO42" s="402" t="str">
        <f t="shared" si="13"/>
        <v/>
      </c>
      <c r="BP42" s="402" t="str">
        <f t="shared" si="14"/>
        <v/>
      </c>
      <c r="BQ42" s="402" t="str">
        <f t="shared" si="15"/>
        <v/>
      </c>
      <c r="BR42" s="402" t="str">
        <f t="shared" si="16"/>
        <v/>
      </c>
      <c r="BS42" s="402" t="str">
        <f t="shared" si="17"/>
        <v/>
      </c>
      <c r="BT42" s="402" t="str">
        <f t="shared" si="18"/>
        <v/>
      </c>
      <c r="BU42" s="402" t="str">
        <f t="shared" si="19"/>
        <v/>
      </c>
      <c r="BV42" s="402" t="str">
        <f t="shared" si="20"/>
        <v/>
      </c>
      <c r="BW42" s="402" t="str">
        <f t="shared" si="21"/>
        <v/>
      </c>
      <c r="BX42" s="402" t="str">
        <f t="shared" si="22"/>
        <v/>
      </c>
      <c r="BY42" s="402" t="str">
        <f t="shared" si="23"/>
        <v/>
      </c>
      <c r="BZ42" s="402" t="str">
        <f t="shared" si="24"/>
        <v/>
      </c>
      <c r="CA42" s="402" t="str">
        <f t="shared" si="25"/>
        <v/>
      </c>
      <c r="CB42" s="402" t="str">
        <f t="shared" si="26"/>
        <v/>
      </c>
      <c r="CC42" s="402">
        <f t="shared" si="27"/>
        <v>13343</v>
      </c>
      <c r="CD42" s="402" t="str">
        <f t="shared" si="28"/>
        <v/>
      </c>
      <c r="CE42" s="402" t="str">
        <f t="shared" si="29"/>
        <v/>
      </c>
      <c r="CF42" s="402" t="str">
        <f t="shared" si="30"/>
        <v/>
      </c>
      <c r="CG42" s="402" t="str">
        <f t="shared" si="31"/>
        <v/>
      </c>
      <c r="CH42" s="402"/>
      <c r="CI42" s="402"/>
      <c r="CJ42" s="402"/>
      <c r="CK42" s="402"/>
      <c r="CL42" s="402"/>
      <c r="CM42" s="402"/>
      <c r="CN42" s="402"/>
      <c r="CO42" s="402"/>
      <c r="CP42" s="402"/>
      <c r="CQ42" s="402"/>
      <c r="CR42" s="402"/>
      <c r="CS42" s="402"/>
      <c r="CT42" s="402"/>
      <c r="CU42" s="402"/>
      <c r="CV42" s="402"/>
      <c r="CW42" s="402"/>
      <c r="CX42" s="402"/>
      <c r="CY42" s="402"/>
      <c r="CZ42" s="402"/>
      <c r="DA42" s="402"/>
      <c r="DB42" s="402"/>
      <c r="DC42" s="402"/>
      <c r="DD42" s="407"/>
      <c r="DE42" s="407" t="s">
        <v>340</v>
      </c>
      <c r="DF42" s="407" t="s">
        <v>336</v>
      </c>
    </row>
    <row r="43" spans="3:110" s="395" customFormat="1" ht="56.1" customHeight="1" x14ac:dyDescent="0.2">
      <c r="C43" s="420">
        <v>114</v>
      </c>
      <c r="D43" s="420" t="s">
        <v>2481</v>
      </c>
      <c r="E43" s="96" t="s">
        <v>53</v>
      </c>
      <c r="F43" s="96" t="s">
        <v>329</v>
      </c>
      <c r="G43" s="407" t="s">
        <v>330</v>
      </c>
      <c r="H43" s="407" t="s">
        <v>360</v>
      </c>
      <c r="I43" s="316" t="s">
        <v>363</v>
      </c>
      <c r="J43" s="316"/>
      <c r="K43" s="407" t="s">
        <v>362</v>
      </c>
      <c r="L43" s="407" t="s">
        <v>364</v>
      </c>
      <c r="M43" s="407" t="s">
        <v>81</v>
      </c>
      <c r="N43" s="407" t="s">
        <v>334</v>
      </c>
      <c r="O43" s="407" t="s">
        <v>71</v>
      </c>
      <c r="P43" s="407" t="s">
        <v>63</v>
      </c>
      <c r="Q43" s="407" t="s">
        <v>63</v>
      </c>
      <c r="R43" s="410">
        <v>93836</v>
      </c>
      <c r="S43" s="410">
        <f t="shared" si="33"/>
        <v>93836</v>
      </c>
      <c r="T43" s="407" t="s">
        <v>226</v>
      </c>
      <c r="U43" s="407" t="s">
        <v>82</v>
      </c>
      <c r="V43" s="408"/>
      <c r="W43" s="408"/>
      <c r="X43" s="408"/>
      <c r="Y43" s="408"/>
      <c r="Z43" s="408"/>
      <c r="AA43" s="408"/>
      <c r="AB43" s="408"/>
      <c r="AC43" s="408"/>
      <c r="AD43" s="408"/>
      <c r="AE43" s="408"/>
      <c r="AF43" s="408"/>
      <c r="AG43" s="408"/>
      <c r="AH43" s="408"/>
      <c r="AI43" s="408"/>
      <c r="AJ43" s="408"/>
      <c r="AK43" s="408"/>
      <c r="AL43" s="408"/>
      <c r="AM43" s="408"/>
      <c r="AN43" s="408"/>
      <c r="AO43" s="408"/>
      <c r="AP43" s="408"/>
      <c r="AQ43" s="408"/>
      <c r="AR43" s="408"/>
      <c r="AS43" s="408"/>
      <c r="AT43" s="408"/>
      <c r="AU43" s="402" t="s">
        <v>66</v>
      </c>
      <c r="AV43" s="408"/>
      <c r="AW43" s="408"/>
      <c r="AX43" s="408"/>
      <c r="AY43" s="408"/>
      <c r="AZ43" s="408"/>
      <c r="BA43" s="308">
        <f t="shared" si="0"/>
        <v>217</v>
      </c>
      <c r="BB43" s="309">
        <f t="shared" si="32"/>
        <v>432.42396313364054</v>
      </c>
      <c r="BC43" s="402" t="str">
        <f t="shared" si="1"/>
        <v/>
      </c>
      <c r="BD43" s="402" t="str">
        <f t="shared" si="2"/>
        <v/>
      </c>
      <c r="BE43" s="402" t="str">
        <f t="shared" si="3"/>
        <v/>
      </c>
      <c r="BF43" s="402" t="str">
        <f t="shared" si="4"/>
        <v/>
      </c>
      <c r="BG43" s="402" t="str">
        <f t="shared" si="5"/>
        <v/>
      </c>
      <c r="BH43" s="402" t="str">
        <f t="shared" si="6"/>
        <v/>
      </c>
      <c r="BI43" s="402" t="str">
        <f t="shared" si="7"/>
        <v/>
      </c>
      <c r="BJ43" s="402" t="str">
        <f t="shared" si="8"/>
        <v/>
      </c>
      <c r="BK43" s="402" t="str">
        <f t="shared" si="9"/>
        <v/>
      </c>
      <c r="BL43" s="402" t="str">
        <f t="shared" si="10"/>
        <v/>
      </c>
      <c r="BM43" s="402" t="str">
        <f t="shared" si="11"/>
        <v/>
      </c>
      <c r="BN43" s="402" t="str">
        <f t="shared" si="12"/>
        <v/>
      </c>
      <c r="BO43" s="402" t="str">
        <f t="shared" si="13"/>
        <v/>
      </c>
      <c r="BP43" s="402" t="str">
        <f t="shared" si="14"/>
        <v/>
      </c>
      <c r="BQ43" s="402" t="str">
        <f t="shared" si="15"/>
        <v/>
      </c>
      <c r="BR43" s="402" t="str">
        <f t="shared" si="16"/>
        <v/>
      </c>
      <c r="BS43" s="402" t="str">
        <f t="shared" si="17"/>
        <v/>
      </c>
      <c r="BT43" s="402" t="str">
        <f t="shared" si="18"/>
        <v/>
      </c>
      <c r="BU43" s="402" t="str">
        <f t="shared" si="19"/>
        <v/>
      </c>
      <c r="BV43" s="402" t="str">
        <f t="shared" si="20"/>
        <v/>
      </c>
      <c r="BW43" s="402" t="str">
        <f t="shared" si="21"/>
        <v/>
      </c>
      <c r="BX43" s="402" t="str">
        <f t="shared" si="22"/>
        <v/>
      </c>
      <c r="BY43" s="402" t="str">
        <f t="shared" si="23"/>
        <v/>
      </c>
      <c r="BZ43" s="402" t="str">
        <f t="shared" si="24"/>
        <v/>
      </c>
      <c r="CA43" s="402" t="str">
        <f t="shared" si="25"/>
        <v/>
      </c>
      <c r="CB43" s="402">
        <f t="shared" si="26"/>
        <v>93836</v>
      </c>
      <c r="CC43" s="402" t="str">
        <f t="shared" si="27"/>
        <v/>
      </c>
      <c r="CD43" s="402" t="str">
        <f t="shared" si="28"/>
        <v/>
      </c>
      <c r="CE43" s="402" t="str">
        <f t="shared" si="29"/>
        <v/>
      </c>
      <c r="CF43" s="402" t="str">
        <f t="shared" si="30"/>
        <v/>
      </c>
      <c r="CG43" s="402" t="str">
        <f t="shared" si="31"/>
        <v/>
      </c>
      <c r="CH43" s="402"/>
      <c r="CI43" s="402"/>
      <c r="CJ43" s="402"/>
      <c r="CK43" s="402"/>
      <c r="CL43" s="402"/>
      <c r="CM43" s="402"/>
      <c r="CN43" s="402"/>
      <c r="CO43" s="402"/>
      <c r="CP43" s="402"/>
      <c r="CQ43" s="402"/>
      <c r="CR43" s="402"/>
      <c r="CS43" s="402"/>
      <c r="CT43" s="402"/>
      <c r="CU43" s="402"/>
      <c r="CV43" s="402"/>
      <c r="CW43" s="402"/>
      <c r="CX43" s="402"/>
      <c r="CY43" s="402"/>
      <c r="CZ43" s="402"/>
      <c r="DA43" s="402"/>
      <c r="DB43" s="402"/>
      <c r="DC43" s="402"/>
      <c r="DD43" s="407"/>
      <c r="DE43" s="407" t="s">
        <v>340</v>
      </c>
      <c r="DF43" s="407" t="s">
        <v>336</v>
      </c>
    </row>
    <row r="44" spans="3:110" s="395" customFormat="1" ht="56.1" customHeight="1" x14ac:dyDescent="0.2">
      <c r="C44" s="420">
        <v>115</v>
      </c>
      <c r="D44" s="420" t="s">
        <v>2481</v>
      </c>
      <c r="E44" s="96" t="s">
        <v>53</v>
      </c>
      <c r="F44" s="96" t="s">
        <v>329</v>
      </c>
      <c r="G44" s="407" t="s">
        <v>330</v>
      </c>
      <c r="H44" s="407" t="s">
        <v>360</v>
      </c>
      <c r="I44" s="316" t="s">
        <v>365</v>
      </c>
      <c r="J44" s="316"/>
      <c r="K44" s="407" t="s">
        <v>157</v>
      </c>
      <c r="L44" s="407" t="s">
        <v>347</v>
      </c>
      <c r="M44" s="407"/>
      <c r="N44" s="407" t="s">
        <v>334</v>
      </c>
      <c r="O44" s="407" t="s">
        <v>225</v>
      </c>
      <c r="P44" s="407" t="s">
        <v>63</v>
      </c>
      <c r="Q44" s="407" t="s">
        <v>63</v>
      </c>
      <c r="R44" s="410">
        <v>28986</v>
      </c>
      <c r="S44" s="410">
        <f t="shared" si="33"/>
        <v>28986</v>
      </c>
      <c r="T44" s="407" t="s">
        <v>226</v>
      </c>
      <c r="U44" s="407" t="s">
        <v>82</v>
      </c>
      <c r="V44" s="408"/>
      <c r="W44" s="408"/>
      <c r="X44" s="408"/>
      <c r="Y44" s="408"/>
      <c r="Z44" s="408"/>
      <c r="AA44" s="408"/>
      <c r="AB44" s="408"/>
      <c r="AC44" s="408"/>
      <c r="AD44" s="408"/>
      <c r="AE44" s="408"/>
      <c r="AF44" s="408"/>
      <c r="AG44" s="408"/>
      <c r="AH44" s="408"/>
      <c r="AI44" s="408"/>
      <c r="AJ44" s="408"/>
      <c r="AK44" s="408"/>
      <c r="AL44" s="408"/>
      <c r="AM44" s="408"/>
      <c r="AN44" s="408"/>
      <c r="AO44" s="408"/>
      <c r="AP44" s="408"/>
      <c r="AQ44" s="408"/>
      <c r="AR44" s="408"/>
      <c r="AS44" s="408"/>
      <c r="AT44" s="408"/>
      <c r="AU44" s="408"/>
      <c r="AV44" s="408"/>
      <c r="AW44" s="408" t="s">
        <v>66</v>
      </c>
      <c r="AX44" s="408"/>
      <c r="AY44" s="408"/>
      <c r="AZ44" s="408"/>
      <c r="BA44" s="308">
        <f t="shared" si="0"/>
        <v>67</v>
      </c>
      <c r="BB44" s="309">
        <f t="shared" si="32"/>
        <v>432.62686567164178</v>
      </c>
      <c r="BC44" s="402" t="str">
        <f t="shared" si="1"/>
        <v/>
      </c>
      <c r="BD44" s="402" t="str">
        <f t="shared" si="2"/>
        <v/>
      </c>
      <c r="BE44" s="402" t="str">
        <f t="shared" si="3"/>
        <v/>
      </c>
      <c r="BF44" s="402" t="str">
        <f t="shared" si="4"/>
        <v/>
      </c>
      <c r="BG44" s="402" t="str">
        <f t="shared" si="5"/>
        <v/>
      </c>
      <c r="BH44" s="402" t="str">
        <f t="shared" si="6"/>
        <v/>
      </c>
      <c r="BI44" s="402" t="str">
        <f t="shared" si="7"/>
        <v/>
      </c>
      <c r="BJ44" s="402" t="str">
        <f t="shared" si="8"/>
        <v/>
      </c>
      <c r="BK44" s="402" t="str">
        <f t="shared" si="9"/>
        <v/>
      </c>
      <c r="BL44" s="402" t="str">
        <f t="shared" si="10"/>
        <v/>
      </c>
      <c r="BM44" s="402" t="str">
        <f t="shared" si="11"/>
        <v/>
      </c>
      <c r="BN44" s="402" t="str">
        <f t="shared" si="12"/>
        <v/>
      </c>
      <c r="BO44" s="402" t="str">
        <f t="shared" si="13"/>
        <v/>
      </c>
      <c r="BP44" s="402" t="str">
        <f t="shared" si="14"/>
        <v/>
      </c>
      <c r="BQ44" s="402" t="str">
        <f t="shared" si="15"/>
        <v/>
      </c>
      <c r="BR44" s="402" t="str">
        <f t="shared" si="16"/>
        <v/>
      </c>
      <c r="BS44" s="402" t="str">
        <f t="shared" si="17"/>
        <v/>
      </c>
      <c r="BT44" s="402" t="str">
        <f t="shared" si="18"/>
        <v/>
      </c>
      <c r="BU44" s="402" t="str">
        <f t="shared" si="19"/>
        <v/>
      </c>
      <c r="BV44" s="402" t="str">
        <f t="shared" si="20"/>
        <v/>
      </c>
      <c r="BW44" s="402" t="str">
        <f t="shared" si="21"/>
        <v/>
      </c>
      <c r="BX44" s="402" t="str">
        <f t="shared" si="22"/>
        <v/>
      </c>
      <c r="BY44" s="402" t="str">
        <f t="shared" si="23"/>
        <v/>
      </c>
      <c r="BZ44" s="402" t="str">
        <f t="shared" si="24"/>
        <v/>
      </c>
      <c r="CA44" s="402" t="str">
        <f t="shared" si="25"/>
        <v/>
      </c>
      <c r="CB44" s="402" t="str">
        <f t="shared" si="26"/>
        <v/>
      </c>
      <c r="CC44" s="402" t="str">
        <f t="shared" si="27"/>
        <v/>
      </c>
      <c r="CD44" s="402">
        <f t="shared" si="28"/>
        <v>28986</v>
      </c>
      <c r="CE44" s="402" t="str">
        <f t="shared" si="29"/>
        <v/>
      </c>
      <c r="CF44" s="402" t="str">
        <f t="shared" si="30"/>
        <v/>
      </c>
      <c r="CG44" s="402" t="str">
        <f t="shared" si="31"/>
        <v/>
      </c>
      <c r="CH44" s="402"/>
      <c r="CI44" s="402"/>
      <c r="CJ44" s="402"/>
      <c r="CK44" s="402"/>
      <c r="CL44" s="402"/>
      <c r="CM44" s="402"/>
      <c r="CN44" s="402"/>
      <c r="CO44" s="402"/>
      <c r="CP44" s="402"/>
      <c r="CQ44" s="402"/>
      <c r="CR44" s="402"/>
      <c r="CS44" s="402"/>
      <c r="CT44" s="402"/>
      <c r="CU44" s="402"/>
      <c r="CV44" s="402"/>
      <c r="CW44" s="402"/>
      <c r="CX44" s="402"/>
      <c r="CY44" s="402"/>
      <c r="CZ44" s="402"/>
      <c r="DA44" s="402"/>
      <c r="DB44" s="402"/>
      <c r="DC44" s="402"/>
      <c r="DD44" s="407"/>
      <c r="DE44" s="407" t="s">
        <v>340</v>
      </c>
      <c r="DF44" s="407" t="s">
        <v>336</v>
      </c>
    </row>
    <row r="45" spans="3:110" s="395" customFormat="1" ht="56.1" customHeight="1" x14ac:dyDescent="0.2">
      <c r="C45" s="420">
        <v>116</v>
      </c>
      <c r="D45" s="420" t="s">
        <v>2481</v>
      </c>
      <c r="E45" s="96" t="s">
        <v>53</v>
      </c>
      <c r="F45" s="96" t="s">
        <v>329</v>
      </c>
      <c r="G45" s="407" t="s">
        <v>330</v>
      </c>
      <c r="H45" s="407" t="s">
        <v>366</v>
      </c>
      <c r="I45" s="316" t="s">
        <v>361</v>
      </c>
      <c r="J45" s="316"/>
      <c r="K45" s="407" t="s">
        <v>95</v>
      </c>
      <c r="L45" s="407" t="s">
        <v>347</v>
      </c>
      <c r="M45" s="407"/>
      <c r="N45" s="407" t="s">
        <v>334</v>
      </c>
      <c r="O45" s="407" t="s">
        <v>225</v>
      </c>
      <c r="P45" s="407" t="s">
        <v>63</v>
      </c>
      <c r="Q45" s="407" t="s">
        <v>63</v>
      </c>
      <c r="R45" s="410">
        <v>13343</v>
      </c>
      <c r="S45" s="410">
        <f t="shared" si="33"/>
        <v>13343</v>
      </c>
      <c r="T45" s="407" t="s">
        <v>226</v>
      </c>
      <c r="U45" s="407" t="s">
        <v>82</v>
      </c>
      <c r="V45" s="408"/>
      <c r="W45" s="408"/>
      <c r="X45" s="408"/>
      <c r="Y45" s="408"/>
      <c r="Z45" s="408"/>
      <c r="AA45" s="408"/>
      <c r="AB45" s="408"/>
      <c r="AC45" s="408"/>
      <c r="AD45" s="408"/>
      <c r="AE45" s="408"/>
      <c r="AF45" s="408"/>
      <c r="AG45" s="408"/>
      <c r="AH45" s="408"/>
      <c r="AI45" s="408"/>
      <c r="AJ45" s="408"/>
      <c r="AK45" s="408"/>
      <c r="AL45" s="408"/>
      <c r="AM45" s="408"/>
      <c r="AN45" s="408"/>
      <c r="AO45" s="408"/>
      <c r="AP45" s="408"/>
      <c r="AQ45" s="408"/>
      <c r="AR45" s="408"/>
      <c r="AS45" s="408"/>
      <c r="AT45" s="408"/>
      <c r="AU45" s="408"/>
      <c r="AV45" s="408"/>
      <c r="AW45" s="408"/>
      <c r="AX45" s="408"/>
      <c r="AY45" s="306" t="s">
        <v>66</v>
      </c>
      <c r="AZ45" s="408"/>
      <c r="BA45" s="308">
        <f t="shared" si="0"/>
        <v>31</v>
      </c>
      <c r="BB45" s="309">
        <f t="shared" si="32"/>
        <v>430.41935483870969</v>
      </c>
      <c r="BC45" s="402" t="str">
        <f t="shared" si="1"/>
        <v/>
      </c>
      <c r="BD45" s="402" t="str">
        <f t="shared" si="2"/>
        <v/>
      </c>
      <c r="BE45" s="402" t="str">
        <f t="shared" si="3"/>
        <v/>
      </c>
      <c r="BF45" s="402" t="str">
        <f t="shared" si="4"/>
        <v/>
      </c>
      <c r="BG45" s="402" t="str">
        <f t="shared" si="5"/>
        <v/>
      </c>
      <c r="BH45" s="402" t="str">
        <f t="shared" si="6"/>
        <v/>
      </c>
      <c r="BI45" s="402" t="str">
        <f t="shared" si="7"/>
        <v/>
      </c>
      <c r="BJ45" s="402" t="str">
        <f t="shared" si="8"/>
        <v/>
      </c>
      <c r="BK45" s="402" t="str">
        <f t="shared" si="9"/>
        <v/>
      </c>
      <c r="BL45" s="402" t="str">
        <f t="shared" si="10"/>
        <v/>
      </c>
      <c r="BM45" s="402" t="str">
        <f t="shared" si="11"/>
        <v/>
      </c>
      <c r="BN45" s="402" t="str">
        <f t="shared" si="12"/>
        <v/>
      </c>
      <c r="BO45" s="402" t="str">
        <f t="shared" si="13"/>
        <v/>
      </c>
      <c r="BP45" s="402" t="str">
        <f t="shared" si="14"/>
        <v/>
      </c>
      <c r="BQ45" s="402" t="str">
        <f t="shared" si="15"/>
        <v/>
      </c>
      <c r="BR45" s="402" t="str">
        <f t="shared" si="16"/>
        <v/>
      </c>
      <c r="BS45" s="402" t="str">
        <f t="shared" si="17"/>
        <v/>
      </c>
      <c r="BT45" s="402" t="str">
        <f t="shared" si="18"/>
        <v/>
      </c>
      <c r="BU45" s="402" t="str">
        <f t="shared" si="19"/>
        <v/>
      </c>
      <c r="BV45" s="402" t="str">
        <f t="shared" si="20"/>
        <v/>
      </c>
      <c r="BW45" s="402" t="str">
        <f t="shared" si="21"/>
        <v/>
      </c>
      <c r="BX45" s="402" t="str">
        <f t="shared" si="22"/>
        <v/>
      </c>
      <c r="BY45" s="402" t="str">
        <f t="shared" si="23"/>
        <v/>
      </c>
      <c r="BZ45" s="402" t="str">
        <f t="shared" si="24"/>
        <v/>
      </c>
      <c r="CA45" s="402" t="str">
        <f t="shared" si="25"/>
        <v/>
      </c>
      <c r="CB45" s="402" t="str">
        <f t="shared" si="26"/>
        <v/>
      </c>
      <c r="CC45" s="402" t="str">
        <f t="shared" si="27"/>
        <v/>
      </c>
      <c r="CD45" s="402" t="str">
        <f t="shared" si="28"/>
        <v/>
      </c>
      <c r="CE45" s="402" t="str">
        <f t="shared" si="29"/>
        <v/>
      </c>
      <c r="CF45" s="402">
        <f t="shared" si="30"/>
        <v>13343</v>
      </c>
      <c r="CG45" s="402" t="str">
        <f t="shared" si="31"/>
        <v/>
      </c>
      <c r="CH45" s="402"/>
      <c r="CI45" s="402"/>
      <c r="CJ45" s="402"/>
      <c r="CK45" s="402"/>
      <c r="CL45" s="402"/>
      <c r="CM45" s="402"/>
      <c r="CN45" s="402"/>
      <c r="CO45" s="402"/>
      <c r="CP45" s="402"/>
      <c r="CQ45" s="402"/>
      <c r="CR45" s="402"/>
      <c r="CS45" s="402"/>
      <c r="CT45" s="402"/>
      <c r="CU45" s="402"/>
      <c r="CV45" s="402"/>
      <c r="CW45" s="402"/>
      <c r="CX45" s="402"/>
      <c r="CY45" s="402"/>
      <c r="CZ45" s="402"/>
      <c r="DA45" s="402"/>
      <c r="DB45" s="402"/>
      <c r="DC45" s="402"/>
      <c r="DD45" s="407"/>
      <c r="DE45" s="407" t="s">
        <v>340</v>
      </c>
      <c r="DF45" s="407" t="s">
        <v>336</v>
      </c>
    </row>
    <row r="46" spans="3:110" s="337" customFormat="1" ht="56.1" customHeight="1" x14ac:dyDescent="0.2">
      <c r="C46" s="368">
        <v>135</v>
      </c>
      <c r="D46" s="420" t="s">
        <v>2481</v>
      </c>
      <c r="E46" s="369" t="s">
        <v>53</v>
      </c>
      <c r="F46" s="369" t="s">
        <v>329</v>
      </c>
      <c r="G46" s="334" t="s">
        <v>396</v>
      </c>
      <c r="H46" s="334" t="s">
        <v>397</v>
      </c>
      <c r="I46" s="259" t="s">
        <v>398</v>
      </c>
      <c r="J46" s="259"/>
      <c r="K46" s="334" t="s">
        <v>333</v>
      </c>
      <c r="L46" s="334" t="s">
        <v>63</v>
      </c>
      <c r="M46" s="334" t="s">
        <v>81</v>
      </c>
      <c r="N46" s="334" t="s">
        <v>334</v>
      </c>
      <c r="O46" s="334" t="s">
        <v>225</v>
      </c>
      <c r="P46" s="334" t="s">
        <v>63</v>
      </c>
      <c r="Q46" s="334" t="s">
        <v>63</v>
      </c>
      <c r="R46" s="335">
        <v>286634</v>
      </c>
      <c r="S46" s="335">
        <f t="shared" si="33"/>
        <v>286634</v>
      </c>
      <c r="T46" s="334" t="s">
        <v>226</v>
      </c>
      <c r="U46" s="334" t="s">
        <v>82</v>
      </c>
      <c r="V46" s="336" t="s">
        <v>66</v>
      </c>
      <c r="W46" s="338"/>
      <c r="X46" s="338"/>
      <c r="Y46" s="338"/>
      <c r="Z46" s="338"/>
      <c r="AA46" s="338"/>
      <c r="AB46" s="338"/>
      <c r="AC46" s="338"/>
      <c r="AD46" s="338"/>
      <c r="AE46" s="338"/>
      <c r="AF46" s="338"/>
      <c r="AG46" s="338"/>
      <c r="AH46" s="338"/>
      <c r="AI46" s="338"/>
      <c r="AJ46" s="338"/>
      <c r="AK46" s="338"/>
      <c r="AL46" s="338"/>
      <c r="AM46" s="338"/>
      <c r="AN46" s="338"/>
      <c r="AO46" s="338"/>
      <c r="AP46" s="338"/>
      <c r="AQ46" s="338"/>
      <c r="AR46" s="338"/>
      <c r="AS46" s="338"/>
      <c r="AT46" s="338"/>
      <c r="AU46" s="338"/>
      <c r="AV46" s="338"/>
      <c r="AW46" s="338"/>
      <c r="AX46" s="338"/>
      <c r="AY46" s="338"/>
      <c r="AZ46" s="338"/>
      <c r="BA46" s="238">
        <f t="shared" si="0"/>
        <v>1500</v>
      </c>
      <c r="BB46" s="84">
        <f t="shared" si="32"/>
        <v>191.08933333333334</v>
      </c>
      <c r="BC46" s="336">
        <f t="shared" si="1"/>
        <v>286634</v>
      </c>
      <c r="BD46" s="336" t="str">
        <f t="shared" si="2"/>
        <v/>
      </c>
      <c r="BE46" s="336" t="str">
        <f t="shared" si="3"/>
        <v/>
      </c>
      <c r="BF46" s="336" t="str">
        <f t="shared" si="4"/>
        <v/>
      </c>
      <c r="BG46" s="336" t="str">
        <f t="shared" si="5"/>
        <v/>
      </c>
      <c r="BH46" s="336" t="str">
        <f t="shared" si="6"/>
        <v/>
      </c>
      <c r="BI46" s="336" t="str">
        <f t="shared" si="7"/>
        <v/>
      </c>
      <c r="BJ46" s="336" t="str">
        <f t="shared" si="8"/>
        <v/>
      </c>
      <c r="BK46" s="336" t="str">
        <f t="shared" si="9"/>
        <v/>
      </c>
      <c r="BL46" s="336" t="str">
        <f t="shared" si="10"/>
        <v/>
      </c>
      <c r="BM46" s="336" t="str">
        <f t="shared" si="11"/>
        <v/>
      </c>
      <c r="BN46" s="336" t="str">
        <f t="shared" si="12"/>
        <v/>
      </c>
      <c r="BO46" s="336" t="str">
        <f t="shared" si="13"/>
        <v/>
      </c>
      <c r="BP46" s="336" t="str">
        <f t="shared" si="14"/>
        <v/>
      </c>
      <c r="BQ46" s="336" t="str">
        <f t="shared" si="15"/>
        <v/>
      </c>
      <c r="BR46" s="336" t="str">
        <f t="shared" si="16"/>
        <v/>
      </c>
      <c r="BS46" s="336" t="str">
        <f t="shared" si="17"/>
        <v/>
      </c>
      <c r="BT46" s="336" t="str">
        <f t="shared" si="18"/>
        <v/>
      </c>
      <c r="BU46" s="336" t="str">
        <f t="shared" si="19"/>
        <v/>
      </c>
      <c r="BV46" s="336" t="str">
        <f t="shared" si="20"/>
        <v/>
      </c>
      <c r="BW46" s="336" t="str">
        <f t="shared" si="21"/>
        <v/>
      </c>
      <c r="BX46" s="336" t="str">
        <f t="shared" si="22"/>
        <v/>
      </c>
      <c r="BY46" s="336" t="str">
        <f t="shared" si="23"/>
        <v/>
      </c>
      <c r="BZ46" s="336" t="str">
        <f t="shared" si="24"/>
        <v/>
      </c>
      <c r="CA46" s="336" t="str">
        <f t="shared" si="25"/>
        <v/>
      </c>
      <c r="CB46" s="336" t="str">
        <f t="shared" si="26"/>
        <v/>
      </c>
      <c r="CC46" s="336" t="str">
        <f t="shared" si="27"/>
        <v/>
      </c>
      <c r="CD46" s="336" t="str">
        <f t="shared" si="28"/>
        <v/>
      </c>
      <c r="CE46" s="336" t="str">
        <f t="shared" si="29"/>
        <v/>
      </c>
      <c r="CF46" s="336" t="str">
        <f t="shared" si="30"/>
        <v/>
      </c>
      <c r="CG46" s="336" t="str">
        <f t="shared" si="31"/>
        <v/>
      </c>
      <c r="CH46" s="336"/>
      <c r="CI46" s="336"/>
      <c r="CJ46" s="336"/>
      <c r="CK46" s="336"/>
      <c r="CL46" s="336"/>
      <c r="CM46" s="336"/>
      <c r="CN46" s="336"/>
      <c r="CO46" s="336"/>
      <c r="CP46" s="336"/>
      <c r="CQ46" s="336"/>
      <c r="CR46" s="336"/>
      <c r="CS46" s="336"/>
      <c r="CT46" s="336"/>
      <c r="CU46" s="336"/>
      <c r="CV46" s="336"/>
      <c r="CW46" s="336"/>
      <c r="CX46" s="336"/>
      <c r="CY46" s="336"/>
      <c r="CZ46" s="336"/>
      <c r="DA46" s="336"/>
      <c r="DB46" s="336"/>
      <c r="DC46" s="336"/>
      <c r="DD46" s="334"/>
      <c r="DE46" s="334" t="s">
        <v>399</v>
      </c>
      <c r="DF46" s="334" t="s">
        <v>336</v>
      </c>
    </row>
    <row r="47" spans="3:110" s="395" customFormat="1" ht="56.1" customHeight="1" x14ac:dyDescent="0.2">
      <c r="C47" s="420">
        <v>136</v>
      </c>
      <c r="D47" s="420" t="s">
        <v>2481</v>
      </c>
      <c r="E47" s="96" t="s">
        <v>53</v>
      </c>
      <c r="F47" s="96" t="s">
        <v>329</v>
      </c>
      <c r="G47" s="407" t="s">
        <v>396</v>
      </c>
      <c r="H47" s="407" t="s">
        <v>400</v>
      </c>
      <c r="I47" s="316" t="s">
        <v>401</v>
      </c>
      <c r="J47" s="316"/>
      <c r="K47" s="407" t="s">
        <v>90</v>
      </c>
      <c r="L47" s="407" t="s">
        <v>38</v>
      </c>
      <c r="M47" s="407" t="s">
        <v>60</v>
      </c>
      <c r="N47" s="407" t="s">
        <v>334</v>
      </c>
      <c r="O47" s="407" t="s">
        <v>339</v>
      </c>
      <c r="P47" s="407" t="s">
        <v>63</v>
      </c>
      <c r="Q47" s="407" t="s">
        <v>63</v>
      </c>
      <c r="R47" s="410">
        <v>213345</v>
      </c>
      <c r="S47" s="410">
        <f t="shared" si="33"/>
        <v>213345</v>
      </c>
      <c r="T47" s="407" t="s">
        <v>226</v>
      </c>
      <c r="U47" s="407" t="s">
        <v>82</v>
      </c>
      <c r="V47" s="408"/>
      <c r="W47" s="408"/>
      <c r="X47" s="408"/>
      <c r="Y47" s="408"/>
      <c r="Z47" s="408"/>
      <c r="AA47" s="408"/>
      <c r="AB47" s="408"/>
      <c r="AC47" s="408"/>
      <c r="AD47" s="408"/>
      <c r="AE47" s="408"/>
      <c r="AF47" s="408"/>
      <c r="AG47" s="408"/>
      <c r="AH47" s="408"/>
      <c r="AI47" s="408"/>
      <c r="AJ47" s="408"/>
      <c r="AK47" s="408"/>
      <c r="AL47" s="408"/>
      <c r="AM47" s="408"/>
      <c r="AN47" s="408"/>
      <c r="AO47" s="408"/>
      <c r="AP47" s="408"/>
      <c r="AQ47" s="402" t="s">
        <v>66</v>
      </c>
      <c r="AR47" s="408"/>
      <c r="AS47" s="408"/>
      <c r="AT47" s="408"/>
      <c r="AU47" s="408"/>
      <c r="AV47" s="408"/>
      <c r="AW47" s="408"/>
      <c r="AX47" s="408"/>
      <c r="AY47" s="408"/>
      <c r="AZ47" s="408"/>
      <c r="BA47" s="308">
        <f t="shared" si="0"/>
        <v>250</v>
      </c>
      <c r="BB47" s="309">
        <f t="shared" si="32"/>
        <v>853.38</v>
      </c>
      <c r="BC47" s="402" t="str">
        <f t="shared" si="1"/>
        <v/>
      </c>
      <c r="BD47" s="402" t="str">
        <f t="shared" si="2"/>
        <v/>
      </c>
      <c r="BE47" s="402" t="str">
        <f t="shared" si="3"/>
        <v/>
      </c>
      <c r="BF47" s="402" t="str">
        <f t="shared" si="4"/>
        <v/>
      </c>
      <c r="BG47" s="402" t="str">
        <f t="shared" si="5"/>
        <v/>
      </c>
      <c r="BH47" s="402" t="str">
        <f t="shared" si="6"/>
        <v/>
      </c>
      <c r="BI47" s="402" t="str">
        <f t="shared" si="7"/>
        <v/>
      </c>
      <c r="BJ47" s="402" t="str">
        <f t="shared" si="8"/>
        <v/>
      </c>
      <c r="BK47" s="402" t="str">
        <f t="shared" si="9"/>
        <v/>
      </c>
      <c r="BL47" s="402" t="str">
        <f t="shared" si="10"/>
        <v/>
      </c>
      <c r="BM47" s="402" t="str">
        <f t="shared" si="11"/>
        <v/>
      </c>
      <c r="BN47" s="402" t="str">
        <f t="shared" si="12"/>
        <v/>
      </c>
      <c r="BO47" s="402" t="str">
        <f t="shared" si="13"/>
        <v/>
      </c>
      <c r="BP47" s="402" t="str">
        <f t="shared" si="14"/>
        <v/>
      </c>
      <c r="BQ47" s="402" t="str">
        <f t="shared" si="15"/>
        <v/>
      </c>
      <c r="BR47" s="402" t="str">
        <f t="shared" si="16"/>
        <v/>
      </c>
      <c r="BS47" s="402" t="str">
        <f t="shared" si="17"/>
        <v/>
      </c>
      <c r="BT47" s="402" t="str">
        <f t="shared" si="18"/>
        <v/>
      </c>
      <c r="BU47" s="402" t="str">
        <f t="shared" si="19"/>
        <v/>
      </c>
      <c r="BV47" s="402" t="str">
        <f t="shared" si="20"/>
        <v/>
      </c>
      <c r="BW47" s="402" t="str">
        <f t="shared" si="21"/>
        <v/>
      </c>
      <c r="BX47" s="402">
        <f t="shared" si="22"/>
        <v>213345</v>
      </c>
      <c r="BY47" s="402" t="str">
        <f t="shared" si="23"/>
        <v/>
      </c>
      <c r="BZ47" s="402" t="str">
        <f t="shared" si="24"/>
        <v/>
      </c>
      <c r="CA47" s="402" t="str">
        <f t="shared" si="25"/>
        <v/>
      </c>
      <c r="CB47" s="402" t="str">
        <f t="shared" si="26"/>
        <v/>
      </c>
      <c r="CC47" s="402" t="str">
        <f t="shared" si="27"/>
        <v/>
      </c>
      <c r="CD47" s="402" t="str">
        <f t="shared" si="28"/>
        <v/>
      </c>
      <c r="CE47" s="402" t="str">
        <f t="shared" si="29"/>
        <v/>
      </c>
      <c r="CF47" s="402" t="str">
        <f t="shared" si="30"/>
        <v/>
      </c>
      <c r="CG47" s="402" t="str">
        <f t="shared" si="31"/>
        <v/>
      </c>
      <c r="CH47" s="402"/>
      <c r="CI47" s="402"/>
      <c r="CJ47" s="402"/>
      <c r="CK47" s="402"/>
      <c r="CL47" s="402"/>
      <c r="CM47" s="402"/>
      <c r="CN47" s="402"/>
      <c r="CO47" s="402"/>
      <c r="CP47" s="402"/>
      <c r="CQ47" s="402"/>
      <c r="CR47" s="402"/>
      <c r="CS47" s="402"/>
      <c r="CT47" s="402"/>
      <c r="CU47" s="402"/>
      <c r="CV47" s="402"/>
      <c r="CW47" s="402"/>
      <c r="CX47" s="402"/>
      <c r="CY47" s="402"/>
      <c r="CZ47" s="402"/>
      <c r="DA47" s="402"/>
      <c r="DB47" s="402"/>
      <c r="DC47" s="402"/>
      <c r="DD47" s="407"/>
      <c r="DE47" s="407" t="s">
        <v>399</v>
      </c>
      <c r="DF47" s="407" t="s">
        <v>336</v>
      </c>
    </row>
    <row r="48" spans="3:110" s="395" customFormat="1" ht="56.1" customHeight="1" x14ac:dyDescent="0.2">
      <c r="C48" s="420">
        <v>137</v>
      </c>
      <c r="D48" s="420" t="s">
        <v>2481</v>
      </c>
      <c r="E48" s="96" t="s">
        <v>53</v>
      </c>
      <c r="F48" s="96" t="s">
        <v>329</v>
      </c>
      <c r="G48" s="407" t="s">
        <v>396</v>
      </c>
      <c r="H48" s="407" t="s">
        <v>400</v>
      </c>
      <c r="I48" s="316" t="s">
        <v>402</v>
      </c>
      <c r="J48" s="316"/>
      <c r="K48" s="407" t="s">
        <v>90</v>
      </c>
      <c r="L48" s="407" t="s">
        <v>39</v>
      </c>
      <c r="M48" s="407" t="s">
        <v>60</v>
      </c>
      <c r="N48" s="407" t="s">
        <v>334</v>
      </c>
      <c r="O48" s="407" t="s">
        <v>122</v>
      </c>
      <c r="P48" s="407" t="s">
        <v>63</v>
      </c>
      <c r="Q48" s="407" t="s">
        <v>63</v>
      </c>
      <c r="R48" s="410">
        <v>341385</v>
      </c>
      <c r="S48" s="410">
        <f t="shared" si="33"/>
        <v>341385</v>
      </c>
      <c r="T48" s="407" t="s">
        <v>226</v>
      </c>
      <c r="U48" s="407" t="s">
        <v>82</v>
      </c>
      <c r="V48" s="408"/>
      <c r="W48" s="408"/>
      <c r="X48" s="408"/>
      <c r="Y48" s="408"/>
      <c r="Z48" s="408"/>
      <c r="AA48" s="408"/>
      <c r="AB48" s="408"/>
      <c r="AC48" s="408"/>
      <c r="AD48" s="408"/>
      <c r="AE48" s="408"/>
      <c r="AF48" s="408"/>
      <c r="AG48" s="408"/>
      <c r="AH48" s="408"/>
      <c r="AI48" s="408"/>
      <c r="AJ48" s="408"/>
      <c r="AK48" s="408"/>
      <c r="AL48" s="408"/>
      <c r="AM48" s="408"/>
      <c r="AN48" s="408"/>
      <c r="AO48" s="408"/>
      <c r="AP48" s="408"/>
      <c r="AQ48" s="408"/>
      <c r="AR48" s="402" t="s">
        <v>66</v>
      </c>
      <c r="AS48" s="408"/>
      <c r="AT48" s="408"/>
      <c r="AU48" s="408"/>
      <c r="AV48" s="408"/>
      <c r="AW48" s="408"/>
      <c r="AX48" s="408"/>
      <c r="AY48" s="408"/>
      <c r="AZ48" s="408"/>
      <c r="BA48" s="308">
        <f t="shared" si="0"/>
        <v>400</v>
      </c>
      <c r="BB48" s="309">
        <f t="shared" si="32"/>
        <v>853.46249999999998</v>
      </c>
      <c r="BC48" s="402" t="str">
        <f t="shared" si="1"/>
        <v/>
      </c>
      <c r="BD48" s="402" t="str">
        <f t="shared" si="2"/>
        <v/>
      </c>
      <c r="BE48" s="402" t="str">
        <f t="shared" si="3"/>
        <v/>
      </c>
      <c r="BF48" s="402" t="str">
        <f t="shared" si="4"/>
        <v/>
      </c>
      <c r="BG48" s="402" t="str">
        <f t="shared" si="5"/>
        <v/>
      </c>
      <c r="BH48" s="402" t="str">
        <f t="shared" si="6"/>
        <v/>
      </c>
      <c r="BI48" s="402" t="str">
        <f t="shared" si="7"/>
        <v/>
      </c>
      <c r="BJ48" s="402" t="str">
        <f t="shared" si="8"/>
        <v/>
      </c>
      <c r="BK48" s="402" t="str">
        <f t="shared" si="9"/>
        <v/>
      </c>
      <c r="BL48" s="402" t="str">
        <f t="shared" si="10"/>
        <v/>
      </c>
      <c r="BM48" s="402" t="str">
        <f t="shared" si="11"/>
        <v/>
      </c>
      <c r="BN48" s="402" t="str">
        <f t="shared" si="12"/>
        <v/>
      </c>
      <c r="BO48" s="402" t="str">
        <f t="shared" si="13"/>
        <v/>
      </c>
      <c r="BP48" s="402" t="str">
        <f t="shared" si="14"/>
        <v/>
      </c>
      <c r="BQ48" s="402" t="str">
        <f t="shared" si="15"/>
        <v/>
      </c>
      <c r="BR48" s="402" t="str">
        <f t="shared" si="16"/>
        <v/>
      </c>
      <c r="BS48" s="402" t="str">
        <f t="shared" si="17"/>
        <v/>
      </c>
      <c r="BT48" s="402" t="str">
        <f t="shared" si="18"/>
        <v/>
      </c>
      <c r="BU48" s="402" t="str">
        <f t="shared" si="19"/>
        <v/>
      </c>
      <c r="BV48" s="402" t="str">
        <f t="shared" si="20"/>
        <v/>
      </c>
      <c r="BW48" s="402" t="str">
        <f t="shared" si="21"/>
        <v/>
      </c>
      <c r="BX48" s="402" t="str">
        <f t="shared" si="22"/>
        <v/>
      </c>
      <c r="BY48" s="402">
        <f t="shared" si="23"/>
        <v>341385</v>
      </c>
      <c r="BZ48" s="402" t="str">
        <f t="shared" si="24"/>
        <v/>
      </c>
      <c r="CA48" s="402" t="str">
        <f t="shared" si="25"/>
        <v/>
      </c>
      <c r="CB48" s="402" t="str">
        <f t="shared" si="26"/>
        <v/>
      </c>
      <c r="CC48" s="402" t="str">
        <f t="shared" si="27"/>
        <v/>
      </c>
      <c r="CD48" s="402" t="str">
        <f t="shared" si="28"/>
        <v/>
      </c>
      <c r="CE48" s="402" t="str">
        <f t="shared" si="29"/>
        <v/>
      </c>
      <c r="CF48" s="402" t="str">
        <f t="shared" si="30"/>
        <v/>
      </c>
      <c r="CG48" s="402" t="str">
        <f t="shared" si="31"/>
        <v/>
      </c>
      <c r="CH48" s="402"/>
      <c r="CI48" s="402"/>
      <c r="CJ48" s="402"/>
      <c r="CK48" s="402"/>
      <c r="CL48" s="402"/>
      <c r="CM48" s="402"/>
      <c r="CN48" s="402"/>
      <c r="CO48" s="402"/>
      <c r="CP48" s="402"/>
      <c r="CQ48" s="402"/>
      <c r="CR48" s="402"/>
      <c r="CS48" s="402"/>
      <c r="CT48" s="402"/>
      <c r="CU48" s="402"/>
      <c r="CV48" s="402"/>
      <c r="CW48" s="402"/>
      <c r="CX48" s="402"/>
      <c r="CY48" s="402"/>
      <c r="CZ48" s="402"/>
      <c r="DA48" s="402"/>
      <c r="DB48" s="402"/>
      <c r="DC48" s="402"/>
      <c r="DD48" s="407"/>
      <c r="DE48" s="407" t="s">
        <v>399</v>
      </c>
      <c r="DF48" s="407" t="s">
        <v>336</v>
      </c>
    </row>
    <row r="49" spans="3:110" s="395" customFormat="1" ht="56.1" customHeight="1" x14ac:dyDescent="0.2">
      <c r="C49" s="420">
        <v>138</v>
      </c>
      <c r="D49" s="420" t="s">
        <v>2481</v>
      </c>
      <c r="E49" s="96" t="s">
        <v>53</v>
      </c>
      <c r="F49" s="96" t="s">
        <v>329</v>
      </c>
      <c r="G49" s="407" t="s">
        <v>396</v>
      </c>
      <c r="H49" s="407" t="s">
        <v>400</v>
      </c>
      <c r="I49" s="316" t="s">
        <v>403</v>
      </c>
      <c r="J49" s="316"/>
      <c r="K49" s="407" t="s">
        <v>90</v>
      </c>
      <c r="L49" s="407" t="s">
        <v>40</v>
      </c>
      <c r="M49" s="407" t="s">
        <v>60</v>
      </c>
      <c r="N49" s="407" t="s">
        <v>334</v>
      </c>
      <c r="O49" s="407" t="s">
        <v>169</v>
      </c>
      <c r="P49" s="407" t="s">
        <v>63</v>
      </c>
      <c r="Q49" s="407" t="s">
        <v>63</v>
      </c>
      <c r="R49" s="410">
        <v>1194847</v>
      </c>
      <c r="S49" s="410">
        <f t="shared" si="33"/>
        <v>1194847</v>
      </c>
      <c r="T49" s="407" t="s">
        <v>226</v>
      </c>
      <c r="U49" s="407" t="s">
        <v>82</v>
      </c>
      <c r="V49" s="408"/>
      <c r="W49" s="408"/>
      <c r="X49" s="408"/>
      <c r="Y49" s="408"/>
      <c r="Z49" s="408"/>
      <c r="AA49" s="408"/>
      <c r="AB49" s="408"/>
      <c r="AC49" s="408"/>
      <c r="AD49" s="408"/>
      <c r="AE49" s="408"/>
      <c r="AF49" s="408"/>
      <c r="AG49" s="408"/>
      <c r="AH49" s="408"/>
      <c r="AI49" s="408"/>
      <c r="AJ49" s="408"/>
      <c r="AK49" s="408"/>
      <c r="AL49" s="408"/>
      <c r="AM49" s="408"/>
      <c r="AN49" s="408"/>
      <c r="AO49" s="408"/>
      <c r="AP49" s="408"/>
      <c r="AQ49" s="408"/>
      <c r="AR49" s="408"/>
      <c r="AS49" s="402" t="s">
        <v>66</v>
      </c>
      <c r="AT49" s="408"/>
      <c r="AU49" s="408"/>
      <c r="AV49" s="408"/>
      <c r="AW49" s="408"/>
      <c r="AX49" s="408"/>
      <c r="AY49" s="408"/>
      <c r="AZ49" s="408"/>
      <c r="BA49" s="308">
        <f t="shared" si="0"/>
        <v>1400</v>
      </c>
      <c r="BB49" s="309">
        <f t="shared" si="32"/>
        <v>853.46214285714291</v>
      </c>
      <c r="BC49" s="402" t="str">
        <f t="shared" si="1"/>
        <v/>
      </c>
      <c r="BD49" s="402" t="str">
        <f t="shared" si="2"/>
        <v/>
      </c>
      <c r="BE49" s="402" t="str">
        <f t="shared" si="3"/>
        <v/>
      </c>
      <c r="BF49" s="402" t="str">
        <f t="shared" si="4"/>
        <v/>
      </c>
      <c r="BG49" s="402" t="str">
        <f t="shared" si="5"/>
        <v/>
      </c>
      <c r="BH49" s="402" t="str">
        <f t="shared" si="6"/>
        <v/>
      </c>
      <c r="BI49" s="402" t="str">
        <f t="shared" si="7"/>
        <v/>
      </c>
      <c r="BJ49" s="402" t="str">
        <f t="shared" si="8"/>
        <v/>
      </c>
      <c r="BK49" s="402" t="str">
        <f t="shared" si="9"/>
        <v/>
      </c>
      <c r="BL49" s="402" t="str">
        <f t="shared" si="10"/>
        <v/>
      </c>
      <c r="BM49" s="402" t="str">
        <f t="shared" si="11"/>
        <v/>
      </c>
      <c r="BN49" s="402" t="str">
        <f t="shared" si="12"/>
        <v/>
      </c>
      <c r="BO49" s="402" t="str">
        <f t="shared" si="13"/>
        <v/>
      </c>
      <c r="BP49" s="402" t="str">
        <f t="shared" si="14"/>
        <v/>
      </c>
      <c r="BQ49" s="402" t="str">
        <f t="shared" si="15"/>
        <v/>
      </c>
      <c r="BR49" s="402" t="str">
        <f t="shared" si="16"/>
        <v/>
      </c>
      <c r="BS49" s="402" t="str">
        <f t="shared" si="17"/>
        <v/>
      </c>
      <c r="BT49" s="402" t="str">
        <f t="shared" si="18"/>
        <v/>
      </c>
      <c r="BU49" s="402" t="str">
        <f t="shared" si="19"/>
        <v/>
      </c>
      <c r="BV49" s="402" t="str">
        <f t="shared" si="20"/>
        <v/>
      </c>
      <c r="BW49" s="402" t="str">
        <f t="shared" si="21"/>
        <v/>
      </c>
      <c r="BX49" s="402" t="str">
        <f t="shared" si="22"/>
        <v/>
      </c>
      <c r="BY49" s="402" t="str">
        <f t="shared" si="23"/>
        <v/>
      </c>
      <c r="BZ49" s="402">
        <f t="shared" si="24"/>
        <v>1194847</v>
      </c>
      <c r="CA49" s="402" t="str">
        <f t="shared" si="25"/>
        <v/>
      </c>
      <c r="CB49" s="402" t="str">
        <f t="shared" si="26"/>
        <v/>
      </c>
      <c r="CC49" s="402" t="str">
        <f t="shared" si="27"/>
        <v/>
      </c>
      <c r="CD49" s="402" t="str">
        <f t="shared" si="28"/>
        <v/>
      </c>
      <c r="CE49" s="402" t="str">
        <f t="shared" si="29"/>
        <v/>
      </c>
      <c r="CF49" s="402" t="str">
        <f t="shared" si="30"/>
        <v/>
      </c>
      <c r="CG49" s="402" t="str">
        <f t="shared" si="31"/>
        <v/>
      </c>
      <c r="CH49" s="402"/>
      <c r="CI49" s="402"/>
      <c r="CJ49" s="402"/>
      <c r="CK49" s="402"/>
      <c r="CL49" s="402"/>
      <c r="CM49" s="402"/>
      <c r="CN49" s="402"/>
      <c r="CO49" s="402"/>
      <c r="CP49" s="402"/>
      <c r="CQ49" s="402"/>
      <c r="CR49" s="402"/>
      <c r="CS49" s="402"/>
      <c r="CT49" s="402"/>
      <c r="CU49" s="402"/>
      <c r="CV49" s="402"/>
      <c r="CW49" s="402"/>
      <c r="CX49" s="402"/>
      <c r="CY49" s="402"/>
      <c r="CZ49" s="402"/>
      <c r="DA49" s="402"/>
      <c r="DB49" s="402"/>
      <c r="DC49" s="402"/>
      <c r="DD49" s="407"/>
      <c r="DE49" s="407" t="s">
        <v>399</v>
      </c>
      <c r="DF49" s="407" t="s">
        <v>336</v>
      </c>
    </row>
    <row r="50" spans="3:110" s="395" customFormat="1" ht="56.1" customHeight="1" x14ac:dyDescent="0.2">
      <c r="C50" s="420">
        <v>139</v>
      </c>
      <c r="D50" s="420" t="s">
        <v>2481</v>
      </c>
      <c r="E50" s="96" t="s">
        <v>53</v>
      </c>
      <c r="F50" s="96" t="s">
        <v>329</v>
      </c>
      <c r="G50" s="407" t="s">
        <v>396</v>
      </c>
      <c r="H50" s="407" t="s">
        <v>400</v>
      </c>
      <c r="I50" s="316" t="s">
        <v>404</v>
      </c>
      <c r="J50" s="316"/>
      <c r="K50" s="407" t="s">
        <v>90</v>
      </c>
      <c r="L50" s="407" t="s">
        <v>310</v>
      </c>
      <c r="M50" s="407" t="s">
        <v>81</v>
      </c>
      <c r="N50" s="407" t="s">
        <v>334</v>
      </c>
      <c r="O50" s="407" t="s">
        <v>225</v>
      </c>
      <c r="P50" s="407" t="s">
        <v>63</v>
      </c>
      <c r="Q50" s="407" t="s">
        <v>63</v>
      </c>
      <c r="R50" s="410">
        <v>171358</v>
      </c>
      <c r="S50" s="410">
        <f t="shared" si="33"/>
        <v>171358</v>
      </c>
      <c r="T50" s="407" t="s">
        <v>226</v>
      </c>
      <c r="U50" s="407" t="s">
        <v>82</v>
      </c>
      <c r="V50" s="408"/>
      <c r="W50" s="408"/>
      <c r="X50" s="408"/>
      <c r="Y50" s="408"/>
      <c r="Z50" s="408"/>
      <c r="AA50" s="408"/>
      <c r="AB50" s="408"/>
      <c r="AC50" s="408"/>
      <c r="AD50" s="408"/>
      <c r="AE50" s="408"/>
      <c r="AF50" s="408"/>
      <c r="AG50" s="408"/>
      <c r="AH50" s="408"/>
      <c r="AI50" s="408"/>
      <c r="AJ50" s="408"/>
      <c r="AK50" s="408"/>
      <c r="AL50" s="408"/>
      <c r="AM50" s="408"/>
      <c r="AN50" s="408"/>
      <c r="AO50" s="408"/>
      <c r="AP50" s="408"/>
      <c r="AQ50" s="408"/>
      <c r="AR50" s="408"/>
      <c r="AS50" s="408"/>
      <c r="AT50" s="402" t="s">
        <v>66</v>
      </c>
      <c r="AU50" s="408"/>
      <c r="AV50" s="408"/>
      <c r="AW50" s="408"/>
      <c r="AX50" s="408"/>
      <c r="AY50" s="408"/>
      <c r="AZ50" s="408"/>
      <c r="BA50" s="308">
        <f t="shared" si="0"/>
        <v>201</v>
      </c>
      <c r="BB50" s="309">
        <f t="shared" si="32"/>
        <v>852.5273631840796</v>
      </c>
      <c r="BC50" s="402" t="str">
        <f t="shared" si="1"/>
        <v/>
      </c>
      <c r="BD50" s="402" t="str">
        <f t="shared" si="2"/>
        <v/>
      </c>
      <c r="BE50" s="402" t="str">
        <f t="shared" si="3"/>
        <v/>
      </c>
      <c r="BF50" s="402" t="str">
        <f t="shared" si="4"/>
        <v/>
      </c>
      <c r="BG50" s="402" t="str">
        <f t="shared" si="5"/>
        <v/>
      </c>
      <c r="BH50" s="402" t="str">
        <f t="shared" si="6"/>
        <v/>
      </c>
      <c r="BI50" s="402" t="str">
        <f t="shared" si="7"/>
        <v/>
      </c>
      <c r="BJ50" s="402" t="str">
        <f t="shared" si="8"/>
        <v/>
      </c>
      <c r="BK50" s="402" t="str">
        <f t="shared" si="9"/>
        <v/>
      </c>
      <c r="BL50" s="402" t="str">
        <f t="shared" si="10"/>
        <v/>
      </c>
      <c r="BM50" s="402" t="str">
        <f t="shared" si="11"/>
        <v/>
      </c>
      <c r="BN50" s="402" t="str">
        <f t="shared" si="12"/>
        <v/>
      </c>
      <c r="BO50" s="402" t="str">
        <f t="shared" si="13"/>
        <v/>
      </c>
      <c r="BP50" s="402" t="str">
        <f t="shared" si="14"/>
        <v/>
      </c>
      <c r="BQ50" s="402" t="str">
        <f t="shared" si="15"/>
        <v/>
      </c>
      <c r="BR50" s="402" t="str">
        <f t="shared" si="16"/>
        <v/>
      </c>
      <c r="BS50" s="402" t="str">
        <f t="shared" si="17"/>
        <v/>
      </c>
      <c r="BT50" s="402" t="str">
        <f t="shared" si="18"/>
        <v/>
      </c>
      <c r="BU50" s="402" t="str">
        <f t="shared" si="19"/>
        <v/>
      </c>
      <c r="BV50" s="402" t="str">
        <f t="shared" si="20"/>
        <v/>
      </c>
      <c r="BW50" s="402" t="str">
        <f t="shared" si="21"/>
        <v/>
      </c>
      <c r="BX50" s="402" t="str">
        <f t="shared" si="22"/>
        <v/>
      </c>
      <c r="BY50" s="402" t="str">
        <f t="shared" si="23"/>
        <v/>
      </c>
      <c r="BZ50" s="402" t="str">
        <f t="shared" si="24"/>
        <v/>
      </c>
      <c r="CA50" s="402">
        <f t="shared" si="25"/>
        <v>171358</v>
      </c>
      <c r="CB50" s="402" t="str">
        <f t="shared" si="26"/>
        <v/>
      </c>
      <c r="CC50" s="402" t="str">
        <f t="shared" si="27"/>
        <v/>
      </c>
      <c r="CD50" s="402" t="str">
        <f t="shared" si="28"/>
        <v/>
      </c>
      <c r="CE50" s="402" t="str">
        <f t="shared" si="29"/>
        <v/>
      </c>
      <c r="CF50" s="402" t="str">
        <f t="shared" si="30"/>
        <v/>
      </c>
      <c r="CG50" s="402" t="str">
        <f t="shared" si="31"/>
        <v/>
      </c>
      <c r="CH50" s="402"/>
      <c r="CI50" s="402"/>
      <c r="CJ50" s="402"/>
      <c r="CK50" s="402"/>
      <c r="CL50" s="402"/>
      <c r="CM50" s="402"/>
      <c r="CN50" s="402"/>
      <c r="CO50" s="402"/>
      <c r="CP50" s="402"/>
      <c r="CQ50" s="402"/>
      <c r="CR50" s="402"/>
      <c r="CS50" s="402"/>
      <c r="CT50" s="402"/>
      <c r="CU50" s="402"/>
      <c r="CV50" s="402"/>
      <c r="CW50" s="402"/>
      <c r="CX50" s="402"/>
      <c r="CY50" s="402"/>
      <c r="CZ50" s="402"/>
      <c r="DA50" s="402"/>
      <c r="DB50" s="402"/>
      <c r="DC50" s="402"/>
      <c r="DD50" s="407"/>
      <c r="DE50" s="407" t="s">
        <v>399</v>
      </c>
      <c r="DF50" s="407" t="s">
        <v>336</v>
      </c>
    </row>
    <row r="51" spans="3:110" s="395" customFormat="1" ht="56.1" customHeight="1" x14ac:dyDescent="0.2">
      <c r="C51" s="420">
        <v>140</v>
      </c>
      <c r="D51" s="420" t="s">
        <v>2481</v>
      </c>
      <c r="E51" s="96" t="s">
        <v>53</v>
      </c>
      <c r="F51" s="96" t="s">
        <v>329</v>
      </c>
      <c r="G51" s="407" t="s">
        <v>396</v>
      </c>
      <c r="H51" s="407" t="s">
        <v>405</v>
      </c>
      <c r="I51" s="316" t="s">
        <v>406</v>
      </c>
      <c r="J51" s="316"/>
      <c r="K51" s="407" t="s">
        <v>86</v>
      </c>
      <c r="L51" s="407" t="s">
        <v>87</v>
      </c>
      <c r="M51" s="407" t="s">
        <v>351</v>
      </c>
      <c r="N51" s="407" t="s">
        <v>334</v>
      </c>
      <c r="O51" s="407" t="s">
        <v>184</v>
      </c>
      <c r="P51" s="407" t="s">
        <v>63</v>
      </c>
      <c r="Q51" s="407" t="s">
        <v>63</v>
      </c>
      <c r="R51" s="410">
        <v>661371</v>
      </c>
      <c r="S51" s="410">
        <f t="shared" si="33"/>
        <v>661371</v>
      </c>
      <c r="T51" s="407" t="s">
        <v>226</v>
      </c>
      <c r="U51" s="407" t="s">
        <v>82</v>
      </c>
      <c r="V51" s="408"/>
      <c r="W51" s="408"/>
      <c r="X51" s="408"/>
      <c r="Y51" s="408"/>
      <c r="Z51" s="408"/>
      <c r="AA51" s="408"/>
      <c r="AB51" s="408"/>
      <c r="AC51" s="408"/>
      <c r="AD51" s="408"/>
      <c r="AE51" s="408"/>
      <c r="AF51" s="408"/>
      <c r="AG51" s="408"/>
      <c r="AH51" s="408"/>
      <c r="AI51" s="408"/>
      <c r="AJ51" s="408"/>
      <c r="AK51" s="408"/>
      <c r="AL51" s="408"/>
      <c r="AM51" s="402" t="s">
        <v>66</v>
      </c>
      <c r="AN51" s="408"/>
      <c r="AO51" s="408"/>
      <c r="AP51" s="408"/>
      <c r="AQ51" s="408"/>
      <c r="AR51" s="408"/>
      <c r="AS51" s="408"/>
      <c r="AT51" s="408"/>
      <c r="AU51" s="408"/>
      <c r="AV51" s="408"/>
      <c r="AW51" s="408"/>
      <c r="AX51" s="408"/>
      <c r="AY51" s="408"/>
      <c r="AZ51" s="408"/>
      <c r="BA51" s="308">
        <f t="shared" si="0"/>
        <v>775</v>
      </c>
      <c r="BB51" s="309">
        <f t="shared" si="32"/>
        <v>853.38193548387096</v>
      </c>
      <c r="BC51" s="402" t="str">
        <f t="shared" si="1"/>
        <v/>
      </c>
      <c r="BD51" s="402" t="str">
        <f t="shared" si="2"/>
        <v/>
      </c>
      <c r="BE51" s="402" t="str">
        <f t="shared" si="3"/>
        <v/>
      </c>
      <c r="BF51" s="402" t="str">
        <f t="shared" si="4"/>
        <v/>
      </c>
      <c r="BG51" s="402" t="str">
        <f t="shared" si="5"/>
        <v/>
      </c>
      <c r="BH51" s="402" t="str">
        <f t="shared" si="6"/>
        <v/>
      </c>
      <c r="BI51" s="402" t="str">
        <f t="shared" si="7"/>
        <v/>
      </c>
      <c r="BJ51" s="402" t="str">
        <f t="shared" si="8"/>
        <v/>
      </c>
      <c r="BK51" s="402" t="str">
        <f t="shared" si="9"/>
        <v/>
      </c>
      <c r="BL51" s="402" t="str">
        <f t="shared" si="10"/>
        <v/>
      </c>
      <c r="BM51" s="402" t="str">
        <f t="shared" si="11"/>
        <v/>
      </c>
      <c r="BN51" s="402" t="str">
        <f t="shared" si="12"/>
        <v/>
      </c>
      <c r="BO51" s="402" t="str">
        <f t="shared" si="13"/>
        <v/>
      </c>
      <c r="BP51" s="402" t="str">
        <f t="shared" si="14"/>
        <v/>
      </c>
      <c r="BQ51" s="402" t="str">
        <f t="shared" si="15"/>
        <v/>
      </c>
      <c r="BR51" s="402" t="str">
        <f t="shared" si="16"/>
        <v/>
      </c>
      <c r="BS51" s="402" t="str">
        <f t="shared" si="17"/>
        <v/>
      </c>
      <c r="BT51" s="402">
        <f t="shared" si="18"/>
        <v>661371</v>
      </c>
      <c r="BU51" s="402" t="str">
        <f t="shared" si="19"/>
        <v/>
      </c>
      <c r="BV51" s="402" t="str">
        <f t="shared" si="20"/>
        <v/>
      </c>
      <c r="BW51" s="402" t="str">
        <f t="shared" si="21"/>
        <v/>
      </c>
      <c r="BX51" s="402" t="str">
        <f t="shared" si="22"/>
        <v/>
      </c>
      <c r="BY51" s="402" t="str">
        <f t="shared" si="23"/>
        <v/>
      </c>
      <c r="BZ51" s="402" t="str">
        <f t="shared" si="24"/>
        <v/>
      </c>
      <c r="CA51" s="402" t="str">
        <f t="shared" si="25"/>
        <v/>
      </c>
      <c r="CB51" s="402" t="str">
        <f t="shared" si="26"/>
        <v/>
      </c>
      <c r="CC51" s="402" t="str">
        <f t="shared" si="27"/>
        <v/>
      </c>
      <c r="CD51" s="402" t="str">
        <f t="shared" si="28"/>
        <v/>
      </c>
      <c r="CE51" s="402" t="str">
        <f t="shared" si="29"/>
        <v/>
      </c>
      <c r="CF51" s="402" t="str">
        <f t="shared" si="30"/>
        <v/>
      </c>
      <c r="CG51" s="402" t="str">
        <f t="shared" si="31"/>
        <v/>
      </c>
      <c r="CH51" s="402"/>
      <c r="CI51" s="402"/>
      <c r="CJ51" s="402"/>
      <c r="CK51" s="402"/>
      <c r="CL51" s="402"/>
      <c r="CM51" s="402"/>
      <c r="CN51" s="402"/>
      <c r="CO51" s="402"/>
      <c r="CP51" s="402"/>
      <c r="CQ51" s="402"/>
      <c r="CR51" s="402"/>
      <c r="CS51" s="402"/>
      <c r="CT51" s="402"/>
      <c r="CU51" s="402"/>
      <c r="CV51" s="402"/>
      <c r="CW51" s="402"/>
      <c r="CX51" s="402"/>
      <c r="CY51" s="402"/>
      <c r="CZ51" s="402"/>
      <c r="DA51" s="402"/>
      <c r="DB51" s="402"/>
      <c r="DC51" s="402"/>
      <c r="DD51" s="407"/>
      <c r="DE51" s="407" t="s">
        <v>399</v>
      </c>
      <c r="DF51" s="407" t="s">
        <v>336</v>
      </c>
    </row>
    <row r="52" spans="3:110" s="395" customFormat="1" ht="56.1" customHeight="1" x14ac:dyDescent="0.2">
      <c r="C52" s="420">
        <v>141</v>
      </c>
      <c r="D52" s="420" t="s">
        <v>2481</v>
      </c>
      <c r="E52" s="96" t="s">
        <v>53</v>
      </c>
      <c r="F52" s="96" t="s">
        <v>329</v>
      </c>
      <c r="G52" s="407" t="s">
        <v>396</v>
      </c>
      <c r="H52" s="407" t="s">
        <v>405</v>
      </c>
      <c r="I52" s="316" t="s">
        <v>407</v>
      </c>
      <c r="J52" s="316"/>
      <c r="K52" s="407" t="s">
        <v>86</v>
      </c>
      <c r="L52" s="407" t="s">
        <v>36</v>
      </c>
      <c r="M52" s="407" t="s">
        <v>81</v>
      </c>
      <c r="N52" s="407" t="s">
        <v>334</v>
      </c>
      <c r="O52" s="407" t="s">
        <v>408</v>
      </c>
      <c r="P52" s="407" t="s">
        <v>63</v>
      </c>
      <c r="Q52" s="407" t="s">
        <v>63</v>
      </c>
      <c r="R52" s="410">
        <v>85372</v>
      </c>
      <c r="S52" s="410">
        <f t="shared" si="33"/>
        <v>85372</v>
      </c>
      <c r="T52" s="407" t="s">
        <v>226</v>
      </c>
      <c r="U52" s="407" t="s">
        <v>82</v>
      </c>
      <c r="V52" s="408"/>
      <c r="W52" s="408"/>
      <c r="X52" s="408"/>
      <c r="Y52" s="408"/>
      <c r="Z52" s="408"/>
      <c r="AA52" s="408"/>
      <c r="AB52" s="408"/>
      <c r="AC52" s="408"/>
      <c r="AD52" s="408"/>
      <c r="AE52" s="408"/>
      <c r="AF52" s="408"/>
      <c r="AG52" s="408"/>
      <c r="AH52" s="408"/>
      <c r="AI52" s="408"/>
      <c r="AJ52" s="408"/>
      <c r="AK52" s="408"/>
      <c r="AL52" s="408"/>
      <c r="AM52" s="408"/>
      <c r="AN52" s="408"/>
      <c r="AO52" s="402" t="s">
        <v>66</v>
      </c>
      <c r="AP52" s="408"/>
      <c r="AQ52" s="408"/>
      <c r="AR52" s="408"/>
      <c r="AS52" s="408"/>
      <c r="AT52" s="408"/>
      <c r="AU52" s="408"/>
      <c r="AV52" s="408"/>
      <c r="AW52" s="408"/>
      <c r="AX52" s="408"/>
      <c r="AY52" s="408"/>
      <c r="AZ52" s="408"/>
      <c r="BA52" s="308">
        <f t="shared" si="0"/>
        <v>100</v>
      </c>
      <c r="BB52" s="309">
        <f t="shared" si="32"/>
        <v>853.72</v>
      </c>
      <c r="BC52" s="402" t="str">
        <f t="shared" si="1"/>
        <v/>
      </c>
      <c r="BD52" s="402" t="str">
        <f t="shared" si="2"/>
        <v/>
      </c>
      <c r="BE52" s="402" t="str">
        <f t="shared" si="3"/>
        <v/>
      </c>
      <c r="BF52" s="402" t="str">
        <f t="shared" si="4"/>
        <v/>
      </c>
      <c r="BG52" s="402" t="str">
        <f t="shared" si="5"/>
        <v/>
      </c>
      <c r="BH52" s="402" t="str">
        <f t="shared" si="6"/>
        <v/>
      </c>
      <c r="BI52" s="402" t="str">
        <f t="shared" si="7"/>
        <v/>
      </c>
      <c r="BJ52" s="402" t="str">
        <f t="shared" si="8"/>
        <v/>
      </c>
      <c r="BK52" s="402" t="str">
        <f t="shared" si="9"/>
        <v/>
      </c>
      <c r="BL52" s="402" t="str">
        <f t="shared" si="10"/>
        <v/>
      </c>
      <c r="BM52" s="402" t="str">
        <f t="shared" si="11"/>
        <v/>
      </c>
      <c r="BN52" s="402" t="str">
        <f t="shared" si="12"/>
        <v/>
      </c>
      <c r="BO52" s="402" t="str">
        <f t="shared" si="13"/>
        <v/>
      </c>
      <c r="BP52" s="402" t="str">
        <f t="shared" si="14"/>
        <v/>
      </c>
      <c r="BQ52" s="402" t="str">
        <f t="shared" si="15"/>
        <v/>
      </c>
      <c r="BR52" s="402" t="str">
        <f t="shared" si="16"/>
        <v/>
      </c>
      <c r="BS52" s="402" t="str">
        <f t="shared" si="17"/>
        <v/>
      </c>
      <c r="BT52" s="402" t="str">
        <f t="shared" si="18"/>
        <v/>
      </c>
      <c r="BU52" s="402" t="str">
        <f t="shared" si="19"/>
        <v/>
      </c>
      <c r="BV52" s="402">
        <f t="shared" si="20"/>
        <v>85372</v>
      </c>
      <c r="BW52" s="402" t="str">
        <f t="shared" si="21"/>
        <v/>
      </c>
      <c r="BX52" s="402" t="str">
        <f t="shared" si="22"/>
        <v/>
      </c>
      <c r="BY52" s="402" t="str">
        <f t="shared" si="23"/>
        <v/>
      </c>
      <c r="BZ52" s="402" t="str">
        <f t="shared" si="24"/>
        <v/>
      </c>
      <c r="CA52" s="402" t="str">
        <f t="shared" si="25"/>
        <v/>
      </c>
      <c r="CB52" s="402" t="str">
        <f t="shared" si="26"/>
        <v/>
      </c>
      <c r="CC52" s="402" t="str">
        <f t="shared" si="27"/>
        <v/>
      </c>
      <c r="CD52" s="402" t="str">
        <f t="shared" si="28"/>
        <v/>
      </c>
      <c r="CE52" s="402" t="str">
        <f t="shared" si="29"/>
        <v/>
      </c>
      <c r="CF52" s="402" t="str">
        <f t="shared" si="30"/>
        <v/>
      </c>
      <c r="CG52" s="402" t="str">
        <f t="shared" si="31"/>
        <v/>
      </c>
      <c r="CH52" s="402"/>
      <c r="CI52" s="402"/>
      <c r="CJ52" s="402"/>
      <c r="CK52" s="402"/>
      <c r="CL52" s="402"/>
      <c r="CM52" s="402"/>
      <c r="CN52" s="402"/>
      <c r="CO52" s="402"/>
      <c r="CP52" s="402"/>
      <c r="CQ52" s="402"/>
      <c r="CR52" s="402"/>
      <c r="CS52" s="402"/>
      <c r="CT52" s="402"/>
      <c r="CU52" s="402"/>
      <c r="CV52" s="402"/>
      <c r="CW52" s="402"/>
      <c r="CX52" s="402"/>
      <c r="CY52" s="402"/>
      <c r="CZ52" s="402"/>
      <c r="DA52" s="402"/>
      <c r="DB52" s="402"/>
      <c r="DC52" s="402"/>
      <c r="DD52" s="407"/>
      <c r="DE52" s="407" t="s">
        <v>399</v>
      </c>
      <c r="DF52" s="407" t="s">
        <v>336</v>
      </c>
    </row>
    <row r="53" spans="3:110" s="395" customFormat="1" ht="56.1" customHeight="1" x14ac:dyDescent="0.2">
      <c r="C53" s="420">
        <v>142</v>
      </c>
      <c r="D53" s="420" t="s">
        <v>2481</v>
      </c>
      <c r="E53" s="96" t="s">
        <v>53</v>
      </c>
      <c r="F53" s="96" t="s">
        <v>329</v>
      </c>
      <c r="G53" s="407" t="s">
        <v>396</v>
      </c>
      <c r="H53" s="407" t="s">
        <v>405</v>
      </c>
      <c r="I53" s="316" t="s">
        <v>407</v>
      </c>
      <c r="J53" s="316"/>
      <c r="K53" s="407" t="s">
        <v>86</v>
      </c>
      <c r="L53" s="407" t="s">
        <v>35</v>
      </c>
      <c r="M53" s="407" t="s">
        <v>60</v>
      </c>
      <c r="N53" s="407" t="s">
        <v>334</v>
      </c>
      <c r="O53" s="407" t="s">
        <v>357</v>
      </c>
      <c r="P53" s="407" t="s">
        <v>63</v>
      </c>
      <c r="Q53" s="407" t="s">
        <v>63</v>
      </c>
      <c r="R53" s="410">
        <v>85372</v>
      </c>
      <c r="S53" s="410">
        <f t="shared" si="33"/>
        <v>85372</v>
      </c>
      <c r="T53" s="407" t="s">
        <v>226</v>
      </c>
      <c r="U53" s="407" t="s">
        <v>82</v>
      </c>
      <c r="V53" s="408"/>
      <c r="W53" s="408"/>
      <c r="X53" s="408"/>
      <c r="Y53" s="408"/>
      <c r="Z53" s="408"/>
      <c r="AA53" s="408"/>
      <c r="AB53" s="408"/>
      <c r="AC53" s="408"/>
      <c r="AD53" s="408"/>
      <c r="AE53" s="408"/>
      <c r="AF53" s="408"/>
      <c r="AG53" s="408"/>
      <c r="AH53" s="408"/>
      <c r="AI53" s="408"/>
      <c r="AJ53" s="408"/>
      <c r="AK53" s="408"/>
      <c r="AL53" s="408"/>
      <c r="AM53" s="408"/>
      <c r="AN53" s="402" t="s">
        <v>66</v>
      </c>
      <c r="AO53" s="408"/>
      <c r="AP53" s="408"/>
      <c r="AQ53" s="408"/>
      <c r="AR53" s="408"/>
      <c r="AS53" s="408"/>
      <c r="AT53" s="408"/>
      <c r="AU53" s="408"/>
      <c r="AV53" s="408"/>
      <c r="AW53" s="408"/>
      <c r="AX53" s="408"/>
      <c r="AY53" s="408"/>
      <c r="AZ53" s="408"/>
      <c r="BA53" s="308">
        <f t="shared" si="0"/>
        <v>100</v>
      </c>
      <c r="BB53" s="309">
        <f t="shared" si="32"/>
        <v>853.72</v>
      </c>
      <c r="BC53" s="402" t="str">
        <f t="shared" si="1"/>
        <v/>
      </c>
      <c r="BD53" s="402" t="str">
        <f t="shared" si="2"/>
        <v/>
      </c>
      <c r="BE53" s="402" t="str">
        <f t="shared" si="3"/>
        <v/>
      </c>
      <c r="BF53" s="402" t="str">
        <f t="shared" si="4"/>
        <v/>
      </c>
      <c r="BG53" s="402" t="str">
        <f t="shared" si="5"/>
        <v/>
      </c>
      <c r="BH53" s="402" t="str">
        <f t="shared" si="6"/>
        <v/>
      </c>
      <c r="BI53" s="402" t="str">
        <f t="shared" si="7"/>
        <v/>
      </c>
      <c r="BJ53" s="402" t="str">
        <f t="shared" si="8"/>
        <v/>
      </c>
      <c r="BK53" s="402" t="str">
        <f t="shared" si="9"/>
        <v/>
      </c>
      <c r="BL53" s="402" t="str">
        <f t="shared" si="10"/>
        <v/>
      </c>
      <c r="BM53" s="402" t="str">
        <f t="shared" si="11"/>
        <v/>
      </c>
      <c r="BN53" s="402" t="str">
        <f t="shared" si="12"/>
        <v/>
      </c>
      <c r="BO53" s="402" t="str">
        <f t="shared" si="13"/>
        <v/>
      </c>
      <c r="BP53" s="402" t="str">
        <f t="shared" si="14"/>
        <v/>
      </c>
      <c r="BQ53" s="402" t="str">
        <f t="shared" si="15"/>
        <v/>
      </c>
      <c r="BR53" s="402" t="str">
        <f t="shared" si="16"/>
        <v/>
      </c>
      <c r="BS53" s="402" t="str">
        <f t="shared" si="17"/>
        <v/>
      </c>
      <c r="BT53" s="402" t="str">
        <f t="shared" si="18"/>
        <v/>
      </c>
      <c r="BU53" s="402">
        <f t="shared" si="19"/>
        <v>85372</v>
      </c>
      <c r="BV53" s="402" t="str">
        <f t="shared" si="20"/>
        <v/>
      </c>
      <c r="BW53" s="402" t="str">
        <f t="shared" si="21"/>
        <v/>
      </c>
      <c r="BX53" s="402" t="str">
        <f t="shared" si="22"/>
        <v/>
      </c>
      <c r="BY53" s="402" t="str">
        <f t="shared" si="23"/>
        <v/>
      </c>
      <c r="BZ53" s="402" t="str">
        <f t="shared" si="24"/>
        <v/>
      </c>
      <c r="CA53" s="402" t="str">
        <f t="shared" si="25"/>
        <v/>
      </c>
      <c r="CB53" s="402" t="str">
        <f t="shared" si="26"/>
        <v/>
      </c>
      <c r="CC53" s="402" t="str">
        <f t="shared" si="27"/>
        <v/>
      </c>
      <c r="CD53" s="402" t="str">
        <f t="shared" si="28"/>
        <v/>
      </c>
      <c r="CE53" s="402" t="str">
        <f t="shared" si="29"/>
        <v/>
      </c>
      <c r="CF53" s="402" t="str">
        <f t="shared" si="30"/>
        <v/>
      </c>
      <c r="CG53" s="402" t="str">
        <f t="shared" si="31"/>
        <v/>
      </c>
      <c r="CH53" s="402"/>
      <c r="CI53" s="402"/>
      <c r="CJ53" s="402"/>
      <c r="CK53" s="402"/>
      <c r="CL53" s="402"/>
      <c r="CM53" s="402"/>
      <c r="CN53" s="402"/>
      <c r="CO53" s="402"/>
      <c r="CP53" s="402"/>
      <c r="CQ53" s="402"/>
      <c r="CR53" s="402"/>
      <c r="CS53" s="402"/>
      <c r="CT53" s="402"/>
      <c r="CU53" s="402"/>
      <c r="CV53" s="402"/>
      <c r="CW53" s="402"/>
      <c r="CX53" s="402"/>
      <c r="CY53" s="402"/>
      <c r="CZ53" s="402"/>
      <c r="DA53" s="402"/>
      <c r="DB53" s="402"/>
      <c r="DC53" s="402"/>
      <c r="DD53" s="407"/>
      <c r="DE53" s="407" t="s">
        <v>399</v>
      </c>
      <c r="DF53" s="407" t="s">
        <v>336</v>
      </c>
    </row>
    <row r="54" spans="3:110" s="395" customFormat="1" ht="56.1" customHeight="1" x14ac:dyDescent="0.2">
      <c r="C54" s="420">
        <v>143</v>
      </c>
      <c r="D54" s="420" t="s">
        <v>2481</v>
      </c>
      <c r="E54" s="96" t="s">
        <v>53</v>
      </c>
      <c r="F54" s="96" t="s">
        <v>329</v>
      </c>
      <c r="G54" s="407" t="s">
        <v>396</v>
      </c>
      <c r="H54" s="407" t="s">
        <v>405</v>
      </c>
      <c r="I54" s="316" t="s">
        <v>409</v>
      </c>
      <c r="J54" s="316"/>
      <c r="K54" s="407" t="s">
        <v>86</v>
      </c>
      <c r="L54" s="407" t="s">
        <v>310</v>
      </c>
      <c r="M54" s="407" t="s">
        <v>81</v>
      </c>
      <c r="N54" s="407" t="s">
        <v>334</v>
      </c>
      <c r="O54" s="407" t="s">
        <v>225</v>
      </c>
      <c r="P54" s="407" t="s">
        <v>63</v>
      </c>
      <c r="Q54" s="407" t="s">
        <v>63</v>
      </c>
      <c r="R54" s="410">
        <v>257770.06</v>
      </c>
      <c r="S54" s="410">
        <f t="shared" si="33"/>
        <v>257770.06</v>
      </c>
      <c r="T54" s="407" t="s">
        <v>226</v>
      </c>
      <c r="U54" s="407" t="s">
        <v>82</v>
      </c>
      <c r="V54" s="408"/>
      <c r="W54" s="408"/>
      <c r="X54" s="408"/>
      <c r="Y54" s="408"/>
      <c r="Z54" s="408"/>
      <c r="AA54" s="408"/>
      <c r="AB54" s="408"/>
      <c r="AC54" s="408"/>
      <c r="AD54" s="408"/>
      <c r="AE54" s="408"/>
      <c r="AF54" s="408"/>
      <c r="AG54" s="408"/>
      <c r="AH54" s="408"/>
      <c r="AI54" s="408"/>
      <c r="AJ54" s="408"/>
      <c r="AK54" s="408"/>
      <c r="AL54" s="408"/>
      <c r="AM54" s="408"/>
      <c r="AN54" s="408"/>
      <c r="AO54" s="408"/>
      <c r="AP54" s="402" t="s">
        <v>66</v>
      </c>
      <c r="AQ54" s="408"/>
      <c r="AR54" s="408"/>
      <c r="AS54" s="408"/>
      <c r="AT54" s="408"/>
      <c r="AU54" s="408"/>
      <c r="AV54" s="408"/>
      <c r="AW54" s="408"/>
      <c r="AX54" s="408"/>
      <c r="AY54" s="408"/>
      <c r="AZ54" s="408"/>
      <c r="BA54" s="308">
        <f t="shared" si="0"/>
        <v>302</v>
      </c>
      <c r="BB54" s="309">
        <f t="shared" si="32"/>
        <v>853.54324503311261</v>
      </c>
      <c r="BC54" s="402" t="str">
        <f t="shared" si="1"/>
        <v/>
      </c>
      <c r="BD54" s="402" t="str">
        <f t="shared" si="2"/>
        <v/>
      </c>
      <c r="BE54" s="402" t="str">
        <f t="shared" si="3"/>
        <v/>
      </c>
      <c r="BF54" s="402" t="str">
        <f t="shared" si="4"/>
        <v/>
      </c>
      <c r="BG54" s="402" t="str">
        <f t="shared" si="5"/>
        <v/>
      </c>
      <c r="BH54" s="402" t="str">
        <f t="shared" si="6"/>
        <v/>
      </c>
      <c r="BI54" s="402" t="str">
        <f t="shared" si="7"/>
        <v/>
      </c>
      <c r="BJ54" s="402" t="str">
        <f t="shared" si="8"/>
        <v/>
      </c>
      <c r="BK54" s="402" t="str">
        <f t="shared" si="9"/>
        <v/>
      </c>
      <c r="BL54" s="402" t="str">
        <f t="shared" si="10"/>
        <v/>
      </c>
      <c r="BM54" s="402" t="str">
        <f t="shared" si="11"/>
        <v/>
      </c>
      <c r="BN54" s="402" t="str">
        <f t="shared" si="12"/>
        <v/>
      </c>
      <c r="BO54" s="402" t="str">
        <f t="shared" si="13"/>
        <v/>
      </c>
      <c r="BP54" s="402" t="str">
        <f t="shared" si="14"/>
        <v/>
      </c>
      <c r="BQ54" s="402" t="str">
        <f t="shared" si="15"/>
        <v/>
      </c>
      <c r="BR54" s="402" t="str">
        <f t="shared" si="16"/>
        <v/>
      </c>
      <c r="BS54" s="402" t="str">
        <f t="shared" si="17"/>
        <v/>
      </c>
      <c r="BT54" s="402" t="str">
        <f t="shared" si="18"/>
        <v/>
      </c>
      <c r="BU54" s="402" t="str">
        <f t="shared" si="19"/>
        <v/>
      </c>
      <c r="BV54" s="402" t="str">
        <f t="shared" si="20"/>
        <v/>
      </c>
      <c r="BW54" s="402">
        <f t="shared" si="21"/>
        <v>257770.06</v>
      </c>
      <c r="BX54" s="402" t="str">
        <f t="shared" si="22"/>
        <v/>
      </c>
      <c r="BY54" s="402" t="str">
        <f t="shared" si="23"/>
        <v/>
      </c>
      <c r="BZ54" s="402" t="str">
        <f t="shared" si="24"/>
        <v/>
      </c>
      <c r="CA54" s="402" t="str">
        <f t="shared" si="25"/>
        <v/>
      </c>
      <c r="CB54" s="402" t="str">
        <f t="shared" si="26"/>
        <v/>
      </c>
      <c r="CC54" s="402" t="str">
        <f t="shared" si="27"/>
        <v/>
      </c>
      <c r="CD54" s="402" t="str">
        <f t="shared" si="28"/>
        <v/>
      </c>
      <c r="CE54" s="402" t="str">
        <f t="shared" si="29"/>
        <v/>
      </c>
      <c r="CF54" s="402" t="str">
        <f t="shared" si="30"/>
        <v/>
      </c>
      <c r="CG54" s="402" t="str">
        <f t="shared" si="31"/>
        <v/>
      </c>
      <c r="CH54" s="402"/>
      <c r="CI54" s="402"/>
      <c r="CJ54" s="402"/>
      <c r="CK54" s="402"/>
      <c r="CL54" s="402"/>
      <c r="CM54" s="402"/>
      <c r="CN54" s="402"/>
      <c r="CO54" s="402"/>
      <c r="CP54" s="402"/>
      <c r="CQ54" s="402"/>
      <c r="CR54" s="402"/>
      <c r="CS54" s="402"/>
      <c r="CT54" s="402"/>
      <c r="CU54" s="402"/>
      <c r="CV54" s="402"/>
      <c r="CW54" s="402"/>
      <c r="CX54" s="402"/>
      <c r="CY54" s="402"/>
      <c r="CZ54" s="402"/>
      <c r="DA54" s="402"/>
      <c r="DB54" s="402"/>
      <c r="DC54" s="402"/>
      <c r="DD54" s="407"/>
      <c r="DE54" s="407" t="s">
        <v>399</v>
      </c>
      <c r="DF54" s="407" t="s">
        <v>336</v>
      </c>
    </row>
    <row r="55" spans="3:110" s="395" customFormat="1" ht="56.1" customHeight="1" x14ac:dyDescent="0.2">
      <c r="C55" s="420">
        <v>144</v>
      </c>
      <c r="D55" s="420" t="s">
        <v>2481</v>
      </c>
      <c r="E55" s="96" t="s">
        <v>53</v>
      </c>
      <c r="F55" s="96" t="s">
        <v>329</v>
      </c>
      <c r="G55" s="407" t="s">
        <v>396</v>
      </c>
      <c r="H55" s="407" t="s">
        <v>360</v>
      </c>
      <c r="I55" s="316" t="s">
        <v>410</v>
      </c>
      <c r="J55" s="316"/>
      <c r="K55" s="407" t="s">
        <v>93</v>
      </c>
      <c r="L55" s="407" t="s">
        <v>310</v>
      </c>
      <c r="M55" s="407" t="s">
        <v>81</v>
      </c>
      <c r="N55" s="407" t="s">
        <v>334</v>
      </c>
      <c r="O55" s="407" t="s">
        <v>225</v>
      </c>
      <c r="P55" s="407" t="s">
        <v>63</v>
      </c>
      <c r="Q55" s="407" t="s">
        <v>63</v>
      </c>
      <c r="R55" s="410">
        <v>26354</v>
      </c>
      <c r="S55" s="410">
        <f t="shared" si="33"/>
        <v>26354</v>
      </c>
      <c r="T55" s="407" t="s">
        <v>226</v>
      </c>
      <c r="U55" s="407" t="s">
        <v>82</v>
      </c>
      <c r="V55" s="408"/>
      <c r="W55" s="408"/>
      <c r="X55" s="408"/>
      <c r="Y55" s="408"/>
      <c r="Z55" s="408"/>
      <c r="AA55" s="408"/>
      <c r="AB55" s="408"/>
      <c r="AC55" s="408"/>
      <c r="AD55" s="408"/>
      <c r="AE55" s="408"/>
      <c r="AF55" s="408"/>
      <c r="AG55" s="408"/>
      <c r="AH55" s="408"/>
      <c r="AI55" s="408"/>
      <c r="AJ55" s="408"/>
      <c r="AK55" s="408"/>
      <c r="AL55" s="408"/>
      <c r="AM55" s="408"/>
      <c r="AN55" s="408"/>
      <c r="AO55" s="408"/>
      <c r="AP55" s="408"/>
      <c r="AQ55" s="408"/>
      <c r="AR55" s="408"/>
      <c r="AS55" s="408"/>
      <c r="AT55" s="408"/>
      <c r="AU55" s="408"/>
      <c r="AV55" s="402" t="s">
        <v>66</v>
      </c>
      <c r="AW55" s="408"/>
      <c r="AX55" s="408"/>
      <c r="AY55" s="408"/>
      <c r="AZ55" s="408"/>
      <c r="BA55" s="308">
        <f t="shared" si="0"/>
        <v>31</v>
      </c>
      <c r="BB55" s="309">
        <f t="shared" si="32"/>
        <v>850.12903225806451</v>
      </c>
      <c r="BC55" s="402" t="str">
        <f t="shared" si="1"/>
        <v/>
      </c>
      <c r="BD55" s="402" t="str">
        <f t="shared" si="2"/>
        <v/>
      </c>
      <c r="BE55" s="402" t="str">
        <f t="shared" si="3"/>
        <v/>
      </c>
      <c r="BF55" s="402" t="str">
        <f t="shared" si="4"/>
        <v/>
      </c>
      <c r="BG55" s="402" t="str">
        <f t="shared" si="5"/>
        <v/>
      </c>
      <c r="BH55" s="402" t="str">
        <f t="shared" si="6"/>
        <v/>
      </c>
      <c r="BI55" s="402" t="str">
        <f t="shared" si="7"/>
        <v/>
      </c>
      <c r="BJ55" s="402" t="str">
        <f t="shared" si="8"/>
        <v/>
      </c>
      <c r="BK55" s="402" t="str">
        <f t="shared" si="9"/>
        <v/>
      </c>
      <c r="BL55" s="402" t="str">
        <f t="shared" si="10"/>
        <v/>
      </c>
      <c r="BM55" s="402" t="str">
        <f t="shared" si="11"/>
        <v/>
      </c>
      <c r="BN55" s="402" t="str">
        <f t="shared" si="12"/>
        <v/>
      </c>
      <c r="BO55" s="402" t="str">
        <f t="shared" si="13"/>
        <v/>
      </c>
      <c r="BP55" s="402" t="str">
        <f t="shared" si="14"/>
        <v/>
      </c>
      <c r="BQ55" s="402" t="str">
        <f t="shared" si="15"/>
        <v/>
      </c>
      <c r="BR55" s="402" t="str">
        <f t="shared" si="16"/>
        <v/>
      </c>
      <c r="BS55" s="402" t="str">
        <f t="shared" si="17"/>
        <v/>
      </c>
      <c r="BT55" s="402" t="str">
        <f t="shared" si="18"/>
        <v/>
      </c>
      <c r="BU55" s="402" t="str">
        <f t="shared" si="19"/>
        <v/>
      </c>
      <c r="BV55" s="402" t="str">
        <f t="shared" si="20"/>
        <v/>
      </c>
      <c r="BW55" s="402" t="str">
        <f t="shared" si="21"/>
        <v/>
      </c>
      <c r="BX55" s="402" t="str">
        <f t="shared" si="22"/>
        <v/>
      </c>
      <c r="BY55" s="402" t="str">
        <f t="shared" si="23"/>
        <v/>
      </c>
      <c r="BZ55" s="402" t="str">
        <f t="shared" si="24"/>
        <v/>
      </c>
      <c r="CA55" s="402" t="str">
        <f t="shared" si="25"/>
        <v/>
      </c>
      <c r="CB55" s="402" t="str">
        <f t="shared" si="26"/>
        <v/>
      </c>
      <c r="CC55" s="402">
        <f t="shared" si="27"/>
        <v>26354</v>
      </c>
      <c r="CD55" s="402" t="str">
        <f t="shared" si="28"/>
        <v/>
      </c>
      <c r="CE55" s="402" t="str">
        <f t="shared" si="29"/>
        <v/>
      </c>
      <c r="CF55" s="402" t="str">
        <f t="shared" si="30"/>
        <v/>
      </c>
      <c r="CG55" s="402" t="str">
        <f t="shared" si="31"/>
        <v/>
      </c>
      <c r="CH55" s="402"/>
      <c r="CI55" s="402"/>
      <c r="CJ55" s="402"/>
      <c r="CK55" s="402"/>
      <c r="CL55" s="402"/>
      <c r="CM55" s="402"/>
      <c r="CN55" s="402"/>
      <c r="CO55" s="402"/>
      <c r="CP55" s="402"/>
      <c r="CQ55" s="402"/>
      <c r="CR55" s="402"/>
      <c r="CS55" s="402"/>
      <c r="CT55" s="402"/>
      <c r="CU55" s="402"/>
      <c r="CV55" s="402"/>
      <c r="CW55" s="402"/>
      <c r="CX55" s="402"/>
      <c r="CY55" s="402"/>
      <c r="CZ55" s="402"/>
      <c r="DA55" s="402"/>
      <c r="DB55" s="402"/>
      <c r="DC55" s="402"/>
      <c r="DD55" s="407"/>
      <c r="DE55" s="407" t="s">
        <v>399</v>
      </c>
      <c r="DF55" s="407" t="s">
        <v>336</v>
      </c>
    </row>
    <row r="56" spans="3:110" s="395" customFormat="1" ht="56.1" customHeight="1" x14ac:dyDescent="0.2">
      <c r="C56" s="420">
        <v>145</v>
      </c>
      <c r="D56" s="420" t="s">
        <v>2481</v>
      </c>
      <c r="E56" s="96" t="s">
        <v>53</v>
      </c>
      <c r="F56" s="96" t="s">
        <v>329</v>
      </c>
      <c r="G56" s="407" t="s">
        <v>396</v>
      </c>
      <c r="H56" s="407" t="s">
        <v>360</v>
      </c>
      <c r="I56" s="316" t="s">
        <v>411</v>
      </c>
      <c r="J56" s="316"/>
      <c r="K56" s="407" t="s">
        <v>93</v>
      </c>
      <c r="L56" s="407" t="s">
        <v>364</v>
      </c>
      <c r="M56" s="407" t="s">
        <v>81</v>
      </c>
      <c r="N56" s="407" t="s">
        <v>334</v>
      </c>
      <c r="O56" s="407" t="s">
        <v>71</v>
      </c>
      <c r="P56" s="407" t="s">
        <v>63</v>
      </c>
      <c r="Q56" s="407" t="s">
        <v>63</v>
      </c>
      <c r="R56" s="410">
        <v>185282</v>
      </c>
      <c r="S56" s="410">
        <f t="shared" si="33"/>
        <v>185282</v>
      </c>
      <c r="T56" s="407" t="s">
        <v>226</v>
      </c>
      <c r="U56" s="407" t="s">
        <v>82</v>
      </c>
      <c r="V56" s="408"/>
      <c r="W56" s="408"/>
      <c r="X56" s="408"/>
      <c r="Y56" s="408"/>
      <c r="Z56" s="408"/>
      <c r="AA56" s="408"/>
      <c r="AB56" s="408"/>
      <c r="AC56" s="408"/>
      <c r="AD56" s="408"/>
      <c r="AE56" s="408"/>
      <c r="AF56" s="408"/>
      <c r="AG56" s="408"/>
      <c r="AH56" s="408"/>
      <c r="AI56" s="408"/>
      <c r="AJ56" s="408"/>
      <c r="AK56" s="408"/>
      <c r="AL56" s="408"/>
      <c r="AM56" s="408"/>
      <c r="AN56" s="408"/>
      <c r="AO56" s="408"/>
      <c r="AP56" s="408"/>
      <c r="AQ56" s="408"/>
      <c r="AR56" s="408"/>
      <c r="AS56" s="408"/>
      <c r="AT56" s="408"/>
      <c r="AU56" s="402" t="s">
        <v>66</v>
      </c>
      <c r="AV56" s="408"/>
      <c r="AW56" s="408"/>
      <c r="AX56" s="408"/>
      <c r="AY56" s="408"/>
      <c r="AZ56" s="408"/>
      <c r="BA56" s="308">
        <f t="shared" si="0"/>
        <v>217</v>
      </c>
      <c r="BB56" s="309">
        <f t="shared" ref="BB56:BB87" si="34">S56/BA56</f>
        <v>853.83410138248848</v>
      </c>
      <c r="BC56" s="402" t="str">
        <f t="shared" si="1"/>
        <v/>
      </c>
      <c r="BD56" s="402" t="str">
        <f t="shared" si="2"/>
        <v/>
      </c>
      <c r="BE56" s="402" t="str">
        <f t="shared" si="3"/>
        <v/>
      </c>
      <c r="BF56" s="402" t="str">
        <f t="shared" si="4"/>
        <v/>
      </c>
      <c r="BG56" s="402" t="str">
        <f t="shared" si="5"/>
        <v/>
      </c>
      <c r="BH56" s="402" t="str">
        <f t="shared" si="6"/>
        <v/>
      </c>
      <c r="BI56" s="402" t="str">
        <f t="shared" si="7"/>
        <v/>
      </c>
      <c r="BJ56" s="402" t="str">
        <f t="shared" si="8"/>
        <v/>
      </c>
      <c r="BK56" s="402" t="str">
        <f t="shared" si="9"/>
        <v/>
      </c>
      <c r="BL56" s="402" t="str">
        <f t="shared" si="10"/>
        <v/>
      </c>
      <c r="BM56" s="402" t="str">
        <f t="shared" si="11"/>
        <v/>
      </c>
      <c r="BN56" s="402" t="str">
        <f t="shared" si="12"/>
        <v/>
      </c>
      <c r="BO56" s="402" t="str">
        <f t="shared" si="13"/>
        <v/>
      </c>
      <c r="BP56" s="402" t="str">
        <f t="shared" si="14"/>
        <v/>
      </c>
      <c r="BQ56" s="402" t="str">
        <f t="shared" si="15"/>
        <v/>
      </c>
      <c r="BR56" s="402" t="str">
        <f t="shared" si="16"/>
        <v/>
      </c>
      <c r="BS56" s="402" t="str">
        <f t="shared" si="17"/>
        <v/>
      </c>
      <c r="BT56" s="402" t="str">
        <f t="shared" si="18"/>
        <v/>
      </c>
      <c r="BU56" s="402" t="str">
        <f t="shared" si="19"/>
        <v/>
      </c>
      <c r="BV56" s="402" t="str">
        <f t="shared" si="20"/>
        <v/>
      </c>
      <c r="BW56" s="402" t="str">
        <f t="shared" si="21"/>
        <v/>
      </c>
      <c r="BX56" s="402" t="str">
        <f t="shared" si="22"/>
        <v/>
      </c>
      <c r="BY56" s="402" t="str">
        <f t="shared" si="23"/>
        <v/>
      </c>
      <c r="BZ56" s="402" t="str">
        <f t="shared" si="24"/>
        <v/>
      </c>
      <c r="CA56" s="402" t="str">
        <f t="shared" si="25"/>
        <v/>
      </c>
      <c r="CB56" s="402">
        <f t="shared" si="26"/>
        <v>185282</v>
      </c>
      <c r="CC56" s="402" t="str">
        <f t="shared" si="27"/>
        <v/>
      </c>
      <c r="CD56" s="402" t="str">
        <f t="shared" si="28"/>
        <v/>
      </c>
      <c r="CE56" s="402" t="str">
        <f t="shared" si="29"/>
        <v/>
      </c>
      <c r="CF56" s="402" t="str">
        <f t="shared" si="30"/>
        <v/>
      </c>
      <c r="CG56" s="402" t="str">
        <f t="shared" si="31"/>
        <v/>
      </c>
      <c r="CH56" s="402"/>
      <c r="CI56" s="402"/>
      <c r="CJ56" s="402"/>
      <c r="CK56" s="402"/>
      <c r="CL56" s="402"/>
      <c r="CM56" s="402"/>
      <c r="CN56" s="402"/>
      <c r="CO56" s="402"/>
      <c r="CP56" s="402"/>
      <c r="CQ56" s="402"/>
      <c r="CR56" s="402"/>
      <c r="CS56" s="402"/>
      <c r="CT56" s="402"/>
      <c r="CU56" s="402"/>
      <c r="CV56" s="402"/>
      <c r="CW56" s="402"/>
      <c r="CX56" s="402"/>
      <c r="CY56" s="402"/>
      <c r="CZ56" s="402"/>
      <c r="DA56" s="402"/>
      <c r="DB56" s="402"/>
      <c r="DC56" s="402"/>
      <c r="DD56" s="407"/>
      <c r="DE56" s="407" t="s">
        <v>399</v>
      </c>
      <c r="DF56" s="407" t="s">
        <v>336</v>
      </c>
    </row>
    <row r="57" spans="3:110" s="395" customFormat="1" ht="56.1" customHeight="1" x14ac:dyDescent="0.2">
      <c r="C57" s="420">
        <v>146</v>
      </c>
      <c r="D57" s="420" t="s">
        <v>2481</v>
      </c>
      <c r="E57" s="96" t="s">
        <v>53</v>
      </c>
      <c r="F57" s="96" t="s">
        <v>329</v>
      </c>
      <c r="G57" s="407" t="s">
        <v>396</v>
      </c>
      <c r="H57" s="407" t="s">
        <v>360</v>
      </c>
      <c r="I57" s="316" t="s">
        <v>412</v>
      </c>
      <c r="J57" s="316"/>
      <c r="K57" s="407" t="s">
        <v>413</v>
      </c>
      <c r="L57" s="407" t="s">
        <v>310</v>
      </c>
      <c r="M57" s="407" t="s">
        <v>81</v>
      </c>
      <c r="N57" s="407" t="s">
        <v>334</v>
      </c>
      <c r="O57" s="407" t="s">
        <v>225</v>
      </c>
      <c r="P57" s="407" t="s">
        <v>63</v>
      </c>
      <c r="Q57" s="407" t="s">
        <v>63</v>
      </c>
      <c r="R57" s="410">
        <v>57252</v>
      </c>
      <c r="S57" s="410">
        <f t="shared" si="33"/>
        <v>57252</v>
      </c>
      <c r="T57" s="407" t="s">
        <v>226</v>
      </c>
      <c r="U57" s="407" t="s">
        <v>82</v>
      </c>
      <c r="V57" s="408"/>
      <c r="W57" s="408"/>
      <c r="X57" s="408"/>
      <c r="Y57" s="408"/>
      <c r="Z57" s="408"/>
      <c r="AA57" s="408"/>
      <c r="AB57" s="408"/>
      <c r="AC57" s="408"/>
      <c r="AD57" s="408"/>
      <c r="AE57" s="408"/>
      <c r="AF57" s="408"/>
      <c r="AG57" s="408"/>
      <c r="AH57" s="408"/>
      <c r="AI57" s="408"/>
      <c r="AJ57" s="408"/>
      <c r="AK57" s="408"/>
      <c r="AL57" s="408"/>
      <c r="AM57" s="408"/>
      <c r="AN57" s="408"/>
      <c r="AO57" s="408"/>
      <c r="AP57" s="408"/>
      <c r="AQ57" s="408"/>
      <c r="AR57" s="408"/>
      <c r="AS57" s="408"/>
      <c r="AT57" s="408"/>
      <c r="AU57" s="408"/>
      <c r="AV57" s="408"/>
      <c r="AW57" s="408" t="s">
        <v>66</v>
      </c>
      <c r="AX57" s="408"/>
      <c r="AY57" s="408"/>
      <c r="AZ57" s="408"/>
      <c r="BA57" s="308">
        <f t="shared" si="0"/>
        <v>67</v>
      </c>
      <c r="BB57" s="309">
        <f t="shared" si="34"/>
        <v>854.50746268656712</v>
      </c>
      <c r="BC57" s="402" t="str">
        <f t="shared" si="1"/>
        <v/>
      </c>
      <c r="BD57" s="402" t="str">
        <f t="shared" si="2"/>
        <v/>
      </c>
      <c r="BE57" s="402" t="str">
        <f t="shared" si="3"/>
        <v/>
      </c>
      <c r="BF57" s="402" t="str">
        <f t="shared" si="4"/>
        <v/>
      </c>
      <c r="BG57" s="402" t="str">
        <f t="shared" si="5"/>
        <v/>
      </c>
      <c r="BH57" s="402" t="str">
        <f t="shared" si="6"/>
        <v/>
      </c>
      <c r="BI57" s="402" t="str">
        <f t="shared" si="7"/>
        <v/>
      </c>
      <c r="BJ57" s="402" t="str">
        <f t="shared" si="8"/>
        <v/>
      </c>
      <c r="BK57" s="402" t="str">
        <f t="shared" si="9"/>
        <v/>
      </c>
      <c r="BL57" s="402" t="str">
        <f t="shared" si="10"/>
        <v/>
      </c>
      <c r="BM57" s="402" t="str">
        <f t="shared" si="11"/>
        <v/>
      </c>
      <c r="BN57" s="402" t="str">
        <f t="shared" si="12"/>
        <v/>
      </c>
      <c r="BO57" s="402" t="str">
        <f t="shared" si="13"/>
        <v/>
      </c>
      <c r="BP57" s="402" t="str">
        <f t="shared" si="14"/>
        <v/>
      </c>
      <c r="BQ57" s="402" t="str">
        <f t="shared" si="15"/>
        <v/>
      </c>
      <c r="BR57" s="402" t="str">
        <f t="shared" si="16"/>
        <v/>
      </c>
      <c r="BS57" s="402" t="str">
        <f t="shared" si="17"/>
        <v/>
      </c>
      <c r="BT57" s="402" t="str">
        <f t="shared" si="18"/>
        <v/>
      </c>
      <c r="BU57" s="402" t="str">
        <f t="shared" si="19"/>
        <v/>
      </c>
      <c r="BV57" s="402" t="str">
        <f t="shared" si="20"/>
        <v/>
      </c>
      <c r="BW57" s="402" t="str">
        <f t="shared" si="21"/>
        <v/>
      </c>
      <c r="BX57" s="402" t="str">
        <f t="shared" si="22"/>
        <v/>
      </c>
      <c r="BY57" s="402" t="str">
        <f t="shared" si="23"/>
        <v/>
      </c>
      <c r="BZ57" s="402" t="str">
        <f t="shared" si="24"/>
        <v/>
      </c>
      <c r="CA57" s="402" t="str">
        <f t="shared" si="25"/>
        <v/>
      </c>
      <c r="CB57" s="402" t="str">
        <f t="shared" si="26"/>
        <v/>
      </c>
      <c r="CC57" s="402" t="str">
        <f t="shared" si="27"/>
        <v/>
      </c>
      <c r="CD57" s="402">
        <f t="shared" si="28"/>
        <v>57252</v>
      </c>
      <c r="CE57" s="402" t="str">
        <f t="shared" si="29"/>
        <v/>
      </c>
      <c r="CF57" s="402" t="str">
        <f t="shared" si="30"/>
        <v/>
      </c>
      <c r="CG57" s="402" t="str">
        <f t="shared" si="31"/>
        <v/>
      </c>
      <c r="CH57" s="402"/>
      <c r="CI57" s="402"/>
      <c r="CJ57" s="402"/>
      <c r="CK57" s="402"/>
      <c r="CL57" s="402"/>
      <c r="CM57" s="402"/>
      <c r="CN57" s="402"/>
      <c r="CO57" s="402"/>
      <c r="CP57" s="402"/>
      <c r="CQ57" s="402"/>
      <c r="CR57" s="402"/>
      <c r="CS57" s="402"/>
      <c r="CT57" s="402"/>
      <c r="CU57" s="402"/>
      <c r="CV57" s="402"/>
      <c r="CW57" s="402"/>
      <c r="CX57" s="402"/>
      <c r="CY57" s="402"/>
      <c r="CZ57" s="402"/>
      <c r="DA57" s="402"/>
      <c r="DB57" s="402"/>
      <c r="DC57" s="402"/>
      <c r="DD57" s="407"/>
      <c r="DE57" s="407" t="s">
        <v>399</v>
      </c>
      <c r="DF57" s="407" t="s">
        <v>336</v>
      </c>
    </row>
    <row r="58" spans="3:110" s="395" customFormat="1" ht="56.1" customHeight="1" x14ac:dyDescent="0.2">
      <c r="C58" s="420">
        <v>147</v>
      </c>
      <c r="D58" s="420" t="s">
        <v>2481</v>
      </c>
      <c r="E58" s="96" t="s">
        <v>53</v>
      </c>
      <c r="F58" s="96" t="s">
        <v>329</v>
      </c>
      <c r="G58" s="407" t="s">
        <v>396</v>
      </c>
      <c r="H58" s="407" t="s">
        <v>414</v>
      </c>
      <c r="I58" s="316" t="s">
        <v>410</v>
      </c>
      <c r="J58" s="316"/>
      <c r="K58" s="407" t="s">
        <v>95</v>
      </c>
      <c r="L58" s="407" t="s">
        <v>347</v>
      </c>
      <c r="M58" s="407" t="s">
        <v>81</v>
      </c>
      <c r="N58" s="407" t="s">
        <v>334</v>
      </c>
      <c r="O58" s="407" t="s">
        <v>225</v>
      </c>
      <c r="P58" s="407" t="s">
        <v>63</v>
      </c>
      <c r="Q58" s="407" t="s">
        <v>63</v>
      </c>
      <c r="R58" s="410">
        <v>26354</v>
      </c>
      <c r="S58" s="410">
        <f t="shared" si="33"/>
        <v>26354</v>
      </c>
      <c r="T58" s="407" t="s">
        <v>226</v>
      </c>
      <c r="U58" s="407" t="s">
        <v>82</v>
      </c>
      <c r="V58" s="408"/>
      <c r="W58" s="408"/>
      <c r="X58" s="408"/>
      <c r="Y58" s="408"/>
      <c r="Z58" s="408"/>
      <c r="AA58" s="408"/>
      <c r="AB58" s="408"/>
      <c r="AC58" s="408"/>
      <c r="AD58" s="408"/>
      <c r="AE58" s="408"/>
      <c r="AF58" s="408"/>
      <c r="AG58" s="408"/>
      <c r="AH58" s="408"/>
      <c r="AI58" s="408"/>
      <c r="AJ58" s="408"/>
      <c r="AK58" s="408"/>
      <c r="AL58" s="408"/>
      <c r="AM58" s="408"/>
      <c r="AN58" s="408"/>
      <c r="AO58" s="408"/>
      <c r="AP58" s="408"/>
      <c r="AQ58" s="408"/>
      <c r="AR58" s="408"/>
      <c r="AS58" s="408"/>
      <c r="AT58" s="408"/>
      <c r="AU58" s="408"/>
      <c r="AV58" s="408"/>
      <c r="AW58" s="408"/>
      <c r="AX58" s="408"/>
      <c r="AY58" s="306" t="s">
        <v>66</v>
      </c>
      <c r="AZ58" s="408"/>
      <c r="BA58" s="308">
        <f t="shared" si="0"/>
        <v>31</v>
      </c>
      <c r="BB58" s="309">
        <f t="shared" si="34"/>
        <v>850.12903225806451</v>
      </c>
      <c r="BC58" s="402" t="str">
        <f t="shared" si="1"/>
        <v/>
      </c>
      <c r="BD58" s="402" t="str">
        <f t="shared" si="2"/>
        <v/>
      </c>
      <c r="BE58" s="402" t="str">
        <f t="shared" si="3"/>
        <v/>
      </c>
      <c r="BF58" s="402" t="str">
        <f t="shared" si="4"/>
        <v/>
      </c>
      <c r="BG58" s="402" t="str">
        <f t="shared" si="5"/>
        <v/>
      </c>
      <c r="BH58" s="402" t="str">
        <f t="shared" si="6"/>
        <v/>
      </c>
      <c r="BI58" s="402" t="str">
        <f t="shared" si="7"/>
        <v/>
      </c>
      <c r="BJ58" s="402" t="str">
        <f t="shared" si="8"/>
        <v/>
      </c>
      <c r="BK58" s="402" t="str">
        <f t="shared" si="9"/>
        <v/>
      </c>
      <c r="BL58" s="402" t="str">
        <f t="shared" si="10"/>
        <v/>
      </c>
      <c r="BM58" s="402" t="str">
        <f t="shared" si="11"/>
        <v/>
      </c>
      <c r="BN58" s="402" t="str">
        <f t="shared" si="12"/>
        <v/>
      </c>
      <c r="BO58" s="402" t="str">
        <f t="shared" si="13"/>
        <v/>
      </c>
      <c r="BP58" s="402" t="str">
        <f t="shared" si="14"/>
        <v/>
      </c>
      <c r="BQ58" s="402" t="str">
        <f t="shared" si="15"/>
        <v/>
      </c>
      <c r="BR58" s="402" t="str">
        <f t="shared" si="16"/>
        <v/>
      </c>
      <c r="BS58" s="402" t="str">
        <f t="shared" si="17"/>
        <v/>
      </c>
      <c r="BT58" s="402" t="str">
        <f t="shared" si="18"/>
        <v/>
      </c>
      <c r="BU58" s="402" t="str">
        <f t="shared" si="19"/>
        <v/>
      </c>
      <c r="BV58" s="402" t="str">
        <f t="shared" si="20"/>
        <v/>
      </c>
      <c r="BW58" s="402" t="str">
        <f t="shared" si="21"/>
        <v/>
      </c>
      <c r="BX58" s="402" t="str">
        <f t="shared" si="22"/>
        <v/>
      </c>
      <c r="BY58" s="402" t="str">
        <f t="shared" si="23"/>
        <v/>
      </c>
      <c r="BZ58" s="402" t="str">
        <f t="shared" si="24"/>
        <v/>
      </c>
      <c r="CA58" s="402" t="str">
        <f t="shared" si="25"/>
        <v/>
      </c>
      <c r="CB58" s="402" t="str">
        <f t="shared" si="26"/>
        <v/>
      </c>
      <c r="CC58" s="402" t="str">
        <f t="shared" si="27"/>
        <v/>
      </c>
      <c r="CD58" s="402" t="str">
        <f t="shared" si="28"/>
        <v/>
      </c>
      <c r="CE58" s="402" t="str">
        <f t="shared" si="29"/>
        <v/>
      </c>
      <c r="CF58" s="402">
        <f t="shared" si="30"/>
        <v>26354</v>
      </c>
      <c r="CG58" s="402" t="str">
        <f t="shared" si="31"/>
        <v/>
      </c>
      <c r="CH58" s="402"/>
      <c r="CI58" s="402"/>
      <c r="CJ58" s="402"/>
      <c r="CK58" s="402"/>
      <c r="CL58" s="402"/>
      <c r="CM58" s="402"/>
      <c r="CN58" s="402"/>
      <c r="CO58" s="402"/>
      <c r="CP58" s="402"/>
      <c r="CQ58" s="402"/>
      <c r="CR58" s="402"/>
      <c r="CS58" s="402"/>
      <c r="CT58" s="402"/>
      <c r="CU58" s="402"/>
      <c r="CV58" s="402"/>
      <c r="CW58" s="402"/>
      <c r="CX58" s="402"/>
      <c r="CY58" s="402"/>
      <c r="CZ58" s="402"/>
      <c r="DA58" s="402"/>
      <c r="DB58" s="402"/>
      <c r="DC58" s="402"/>
      <c r="DD58" s="407"/>
      <c r="DE58" s="407" t="s">
        <v>399</v>
      </c>
      <c r="DF58" s="407" t="s">
        <v>336</v>
      </c>
    </row>
    <row r="59" spans="3:110" s="337" customFormat="1" ht="56.1" customHeight="1" x14ac:dyDescent="0.2">
      <c r="C59" s="368">
        <v>166</v>
      </c>
      <c r="D59" s="420" t="s">
        <v>2481</v>
      </c>
      <c r="E59" s="369" t="s">
        <v>53</v>
      </c>
      <c r="F59" s="369" t="s">
        <v>329</v>
      </c>
      <c r="G59" s="334" t="s">
        <v>428</v>
      </c>
      <c r="H59" s="334" t="s">
        <v>429</v>
      </c>
      <c r="I59" s="259" t="s">
        <v>430</v>
      </c>
      <c r="J59" s="259"/>
      <c r="K59" s="334" t="s">
        <v>333</v>
      </c>
      <c r="L59" s="334" t="s">
        <v>63</v>
      </c>
      <c r="M59" s="334" t="s">
        <v>81</v>
      </c>
      <c r="N59" s="334" t="s">
        <v>334</v>
      </c>
      <c r="O59" s="334" t="s">
        <v>225</v>
      </c>
      <c r="P59" s="334" t="s">
        <v>63</v>
      </c>
      <c r="Q59" s="334" t="s">
        <v>63</v>
      </c>
      <c r="R59" s="335">
        <v>77984</v>
      </c>
      <c r="S59" s="335">
        <f t="shared" si="33"/>
        <v>77984</v>
      </c>
      <c r="T59" s="334" t="s">
        <v>226</v>
      </c>
      <c r="U59" s="334" t="s">
        <v>82</v>
      </c>
      <c r="V59" s="336" t="s">
        <v>66</v>
      </c>
      <c r="W59" s="338"/>
      <c r="X59" s="338"/>
      <c r="Y59" s="338"/>
      <c r="Z59" s="338"/>
      <c r="AA59" s="338"/>
      <c r="AB59" s="338"/>
      <c r="AC59" s="338"/>
      <c r="AD59" s="338"/>
      <c r="AE59" s="338"/>
      <c r="AF59" s="338"/>
      <c r="AG59" s="338"/>
      <c r="AH59" s="338"/>
      <c r="AI59" s="338"/>
      <c r="AJ59" s="338"/>
      <c r="AK59" s="338"/>
      <c r="AL59" s="338"/>
      <c r="AM59" s="338"/>
      <c r="AN59" s="338"/>
      <c r="AO59" s="338"/>
      <c r="AP59" s="338"/>
      <c r="AQ59" s="338"/>
      <c r="AR59" s="338"/>
      <c r="AS59" s="338"/>
      <c r="AT59" s="338"/>
      <c r="AU59" s="338"/>
      <c r="AV59" s="338"/>
      <c r="AW59" s="338"/>
      <c r="AX59" s="338"/>
      <c r="AY59" s="338"/>
      <c r="AZ59" s="338"/>
      <c r="BA59" s="238">
        <f t="shared" si="0"/>
        <v>1500</v>
      </c>
      <c r="BB59" s="84">
        <f t="shared" si="34"/>
        <v>51.989333333333335</v>
      </c>
      <c r="BC59" s="336">
        <f t="shared" si="1"/>
        <v>77984</v>
      </c>
      <c r="BD59" s="336" t="str">
        <f t="shared" si="2"/>
        <v/>
      </c>
      <c r="BE59" s="336" t="str">
        <f t="shared" si="3"/>
        <v/>
      </c>
      <c r="BF59" s="336" t="str">
        <f t="shared" si="4"/>
        <v/>
      </c>
      <c r="BG59" s="336" t="str">
        <f t="shared" si="5"/>
        <v/>
      </c>
      <c r="BH59" s="336" t="str">
        <f t="shared" si="6"/>
        <v/>
      </c>
      <c r="BI59" s="336" t="str">
        <f t="shared" si="7"/>
        <v/>
      </c>
      <c r="BJ59" s="336" t="str">
        <f t="shared" si="8"/>
        <v/>
      </c>
      <c r="BK59" s="336" t="str">
        <f t="shared" si="9"/>
        <v/>
      </c>
      <c r="BL59" s="336" t="str">
        <f t="shared" si="10"/>
        <v/>
      </c>
      <c r="BM59" s="336" t="str">
        <f t="shared" si="11"/>
        <v/>
      </c>
      <c r="BN59" s="336" t="str">
        <f t="shared" si="12"/>
        <v/>
      </c>
      <c r="BO59" s="336" t="str">
        <f t="shared" si="13"/>
        <v/>
      </c>
      <c r="BP59" s="336" t="str">
        <f t="shared" si="14"/>
        <v/>
      </c>
      <c r="BQ59" s="336" t="str">
        <f t="shared" si="15"/>
        <v/>
      </c>
      <c r="BR59" s="336" t="str">
        <f t="shared" si="16"/>
        <v/>
      </c>
      <c r="BS59" s="336" t="str">
        <f t="shared" si="17"/>
        <v/>
      </c>
      <c r="BT59" s="336" t="str">
        <f t="shared" si="18"/>
        <v/>
      </c>
      <c r="BU59" s="336" t="str">
        <f t="shared" si="19"/>
        <v/>
      </c>
      <c r="BV59" s="336" t="str">
        <f t="shared" si="20"/>
        <v/>
      </c>
      <c r="BW59" s="336" t="str">
        <f t="shared" si="21"/>
        <v/>
      </c>
      <c r="BX59" s="336" t="str">
        <f t="shared" si="22"/>
        <v/>
      </c>
      <c r="BY59" s="336" t="str">
        <f t="shared" si="23"/>
        <v/>
      </c>
      <c r="BZ59" s="336" t="str">
        <f t="shared" si="24"/>
        <v/>
      </c>
      <c r="CA59" s="336" t="str">
        <f t="shared" si="25"/>
        <v/>
      </c>
      <c r="CB59" s="336" t="str">
        <f t="shared" si="26"/>
        <v/>
      </c>
      <c r="CC59" s="336" t="str">
        <f t="shared" si="27"/>
        <v/>
      </c>
      <c r="CD59" s="336" t="str">
        <f t="shared" si="28"/>
        <v/>
      </c>
      <c r="CE59" s="336" t="str">
        <f t="shared" si="29"/>
        <v/>
      </c>
      <c r="CF59" s="336" t="str">
        <f t="shared" si="30"/>
        <v/>
      </c>
      <c r="CG59" s="336" t="str">
        <f t="shared" si="31"/>
        <v/>
      </c>
      <c r="CH59" s="336"/>
      <c r="CI59" s="336"/>
      <c r="CJ59" s="336"/>
      <c r="CK59" s="336"/>
      <c r="CL59" s="336"/>
      <c r="CM59" s="336"/>
      <c r="CN59" s="336"/>
      <c r="CO59" s="336"/>
      <c r="CP59" s="336"/>
      <c r="CQ59" s="336"/>
      <c r="CR59" s="336"/>
      <c r="CS59" s="336"/>
      <c r="CT59" s="336"/>
      <c r="CU59" s="336"/>
      <c r="CV59" s="336"/>
      <c r="CW59" s="336"/>
      <c r="CX59" s="336"/>
      <c r="CY59" s="336"/>
      <c r="CZ59" s="336"/>
      <c r="DA59" s="336"/>
      <c r="DB59" s="336"/>
      <c r="DC59" s="336"/>
      <c r="DD59" s="334"/>
      <c r="DE59" s="334" t="s">
        <v>335</v>
      </c>
      <c r="DF59" s="334" t="s">
        <v>336</v>
      </c>
    </row>
    <row r="60" spans="3:110" s="395" customFormat="1" ht="56.1" customHeight="1" x14ac:dyDescent="0.2">
      <c r="C60" s="420">
        <v>167</v>
      </c>
      <c r="D60" s="420" t="s">
        <v>2481</v>
      </c>
      <c r="E60" s="96" t="s">
        <v>53</v>
      </c>
      <c r="F60" s="96" t="s">
        <v>329</v>
      </c>
      <c r="G60" s="407" t="s">
        <v>428</v>
      </c>
      <c r="H60" s="407" t="s">
        <v>431</v>
      </c>
      <c r="I60" s="316" t="s">
        <v>432</v>
      </c>
      <c r="J60" s="316"/>
      <c r="K60" s="407" t="s">
        <v>90</v>
      </c>
      <c r="L60" s="407" t="s">
        <v>38</v>
      </c>
      <c r="M60" s="407" t="s">
        <v>81</v>
      </c>
      <c r="N60" s="407" t="s">
        <v>334</v>
      </c>
      <c r="O60" s="407" t="s">
        <v>339</v>
      </c>
      <c r="P60" s="407" t="s">
        <v>63</v>
      </c>
      <c r="Q60" s="407" t="s">
        <v>63</v>
      </c>
      <c r="R60" s="410">
        <v>58062</v>
      </c>
      <c r="S60" s="410">
        <f t="shared" si="33"/>
        <v>58062</v>
      </c>
      <c r="T60" s="407" t="s">
        <v>226</v>
      </c>
      <c r="U60" s="407" t="s">
        <v>82</v>
      </c>
      <c r="V60" s="408"/>
      <c r="W60" s="408"/>
      <c r="X60" s="408"/>
      <c r="Y60" s="408"/>
      <c r="Z60" s="408"/>
      <c r="AA60" s="408"/>
      <c r="AB60" s="408"/>
      <c r="AC60" s="408"/>
      <c r="AD60" s="408"/>
      <c r="AE60" s="408"/>
      <c r="AF60" s="408"/>
      <c r="AG60" s="408"/>
      <c r="AH60" s="408"/>
      <c r="AI60" s="408"/>
      <c r="AJ60" s="408"/>
      <c r="AK60" s="408"/>
      <c r="AL60" s="408"/>
      <c r="AM60" s="408"/>
      <c r="AN60" s="408"/>
      <c r="AO60" s="408"/>
      <c r="AP60" s="408"/>
      <c r="AQ60" s="402" t="s">
        <v>66</v>
      </c>
      <c r="AR60" s="408"/>
      <c r="AS60" s="408"/>
      <c r="AT60" s="408"/>
      <c r="AU60" s="408"/>
      <c r="AV60" s="408"/>
      <c r="AW60" s="408"/>
      <c r="AX60" s="408"/>
      <c r="AY60" s="408"/>
      <c r="AZ60" s="408"/>
      <c r="BA60" s="308">
        <f t="shared" si="0"/>
        <v>250</v>
      </c>
      <c r="BB60" s="309">
        <f t="shared" si="34"/>
        <v>232.24799999999999</v>
      </c>
      <c r="BC60" s="402" t="str">
        <f t="shared" si="1"/>
        <v/>
      </c>
      <c r="BD60" s="402" t="str">
        <f t="shared" si="2"/>
        <v/>
      </c>
      <c r="BE60" s="402" t="str">
        <f t="shared" si="3"/>
        <v/>
      </c>
      <c r="BF60" s="402" t="str">
        <f t="shared" si="4"/>
        <v/>
      </c>
      <c r="BG60" s="402" t="str">
        <f t="shared" si="5"/>
        <v/>
      </c>
      <c r="BH60" s="402" t="str">
        <f t="shared" si="6"/>
        <v/>
      </c>
      <c r="BI60" s="402" t="str">
        <f t="shared" si="7"/>
        <v/>
      </c>
      <c r="BJ60" s="402" t="str">
        <f t="shared" si="8"/>
        <v/>
      </c>
      <c r="BK60" s="402" t="str">
        <f t="shared" si="9"/>
        <v/>
      </c>
      <c r="BL60" s="402" t="str">
        <f t="shared" si="10"/>
        <v/>
      </c>
      <c r="BM60" s="402" t="str">
        <f t="shared" si="11"/>
        <v/>
      </c>
      <c r="BN60" s="402" t="str">
        <f t="shared" si="12"/>
        <v/>
      </c>
      <c r="BO60" s="402" t="str">
        <f t="shared" si="13"/>
        <v/>
      </c>
      <c r="BP60" s="402" t="str">
        <f t="shared" si="14"/>
        <v/>
      </c>
      <c r="BQ60" s="402" t="str">
        <f t="shared" si="15"/>
        <v/>
      </c>
      <c r="BR60" s="402" t="str">
        <f t="shared" si="16"/>
        <v/>
      </c>
      <c r="BS60" s="402" t="str">
        <f t="shared" si="17"/>
        <v/>
      </c>
      <c r="BT60" s="402" t="str">
        <f t="shared" si="18"/>
        <v/>
      </c>
      <c r="BU60" s="402" t="str">
        <f t="shared" si="19"/>
        <v/>
      </c>
      <c r="BV60" s="402" t="str">
        <f t="shared" si="20"/>
        <v/>
      </c>
      <c r="BW60" s="402" t="str">
        <f t="shared" si="21"/>
        <v/>
      </c>
      <c r="BX60" s="402">
        <f t="shared" si="22"/>
        <v>58062</v>
      </c>
      <c r="BY60" s="402" t="str">
        <f t="shared" si="23"/>
        <v/>
      </c>
      <c r="BZ60" s="402" t="str">
        <f t="shared" si="24"/>
        <v/>
      </c>
      <c r="CA60" s="402" t="str">
        <f t="shared" si="25"/>
        <v/>
      </c>
      <c r="CB60" s="402" t="str">
        <f t="shared" si="26"/>
        <v/>
      </c>
      <c r="CC60" s="402" t="str">
        <f t="shared" si="27"/>
        <v/>
      </c>
      <c r="CD60" s="402" t="str">
        <f t="shared" si="28"/>
        <v/>
      </c>
      <c r="CE60" s="402" t="str">
        <f t="shared" si="29"/>
        <v/>
      </c>
      <c r="CF60" s="402" t="str">
        <f t="shared" si="30"/>
        <v/>
      </c>
      <c r="CG60" s="402" t="str">
        <f t="shared" si="31"/>
        <v/>
      </c>
      <c r="CH60" s="402"/>
      <c r="CI60" s="402"/>
      <c r="CJ60" s="402"/>
      <c r="CK60" s="402"/>
      <c r="CL60" s="402"/>
      <c r="CM60" s="402"/>
      <c r="CN60" s="402"/>
      <c r="CO60" s="402"/>
      <c r="CP60" s="402"/>
      <c r="CQ60" s="402"/>
      <c r="CR60" s="402"/>
      <c r="CS60" s="402"/>
      <c r="CT60" s="402"/>
      <c r="CU60" s="402"/>
      <c r="CV60" s="402"/>
      <c r="CW60" s="402"/>
      <c r="CX60" s="402"/>
      <c r="CY60" s="402"/>
      <c r="CZ60" s="402"/>
      <c r="DA60" s="402"/>
      <c r="DB60" s="402"/>
      <c r="DC60" s="402"/>
      <c r="DD60" s="407"/>
      <c r="DE60" s="407" t="s">
        <v>340</v>
      </c>
      <c r="DF60" s="407" t="s">
        <v>336</v>
      </c>
    </row>
    <row r="61" spans="3:110" s="395" customFormat="1" ht="56.1" customHeight="1" x14ac:dyDescent="0.2">
      <c r="C61" s="420">
        <v>168</v>
      </c>
      <c r="D61" s="420" t="s">
        <v>2481</v>
      </c>
      <c r="E61" s="96" t="s">
        <v>53</v>
      </c>
      <c r="F61" s="96" t="s">
        <v>329</v>
      </c>
      <c r="G61" s="407" t="s">
        <v>428</v>
      </c>
      <c r="H61" s="407" t="s">
        <v>431</v>
      </c>
      <c r="I61" s="316" t="s">
        <v>433</v>
      </c>
      <c r="J61" s="316"/>
      <c r="K61" s="407" t="s">
        <v>90</v>
      </c>
      <c r="L61" s="407" t="s">
        <v>39</v>
      </c>
      <c r="M61" s="407" t="s">
        <v>81</v>
      </c>
      <c r="N61" s="407" t="s">
        <v>334</v>
      </c>
      <c r="O61" s="407" t="s">
        <v>122</v>
      </c>
      <c r="P61" s="407" t="s">
        <v>63</v>
      </c>
      <c r="Q61" s="407" t="s">
        <v>63</v>
      </c>
      <c r="R61" s="410">
        <v>92882</v>
      </c>
      <c r="S61" s="410">
        <f t="shared" si="33"/>
        <v>92882</v>
      </c>
      <c r="T61" s="407" t="s">
        <v>226</v>
      </c>
      <c r="U61" s="407" t="s">
        <v>82</v>
      </c>
      <c r="V61" s="408"/>
      <c r="W61" s="408"/>
      <c r="X61" s="408"/>
      <c r="Y61" s="408"/>
      <c r="Z61" s="408"/>
      <c r="AA61" s="408"/>
      <c r="AB61" s="408"/>
      <c r="AC61" s="408"/>
      <c r="AD61" s="408"/>
      <c r="AE61" s="408"/>
      <c r="AF61" s="408"/>
      <c r="AG61" s="408"/>
      <c r="AH61" s="408"/>
      <c r="AI61" s="408"/>
      <c r="AJ61" s="408"/>
      <c r="AK61" s="408"/>
      <c r="AL61" s="408"/>
      <c r="AM61" s="408"/>
      <c r="AN61" s="408"/>
      <c r="AO61" s="408"/>
      <c r="AP61" s="408"/>
      <c r="AQ61" s="408"/>
      <c r="AR61" s="402" t="s">
        <v>66</v>
      </c>
      <c r="AS61" s="408"/>
      <c r="AT61" s="408"/>
      <c r="AU61" s="408"/>
      <c r="AV61" s="408"/>
      <c r="AW61" s="408"/>
      <c r="AX61" s="408"/>
      <c r="AY61" s="408"/>
      <c r="AZ61" s="408"/>
      <c r="BA61" s="308">
        <f t="shared" si="0"/>
        <v>400</v>
      </c>
      <c r="BB61" s="309">
        <f t="shared" si="34"/>
        <v>232.20500000000001</v>
      </c>
      <c r="BC61" s="402" t="str">
        <f t="shared" si="1"/>
        <v/>
      </c>
      <c r="BD61" s="402" t="str">
        <f t="shared" si="2"/>
        <v/>
      </c>
      <c r="BE61" s="402" t="str">
        <f t="shared" si="3"/>
        <v/>
      </c>
      <c r="BF61" s="402" t="str">
        <f t="shared" si="4"/>
        <v/>
      </c>
      <c r="BG61" s="402" t="str">
        <f t="shared" si="5"/>
        <v/>
      </c>
      <c r="BH61" s="402" t="str">
        <f t="shared" si="6"/>
        <v/>
      </c>
      <c r="BI61" s="402" t="str">
        <f t="shared" si="7"/>
        <v/>
      </c>
      <c r="BJ61" s="402" t="str">
        <f t="shared" si="8"/>
        <v/>
      </c>
      <c r="BK61" s="402" t="str">
        <f t="shared" si="9"/>
        <v/>
      </c>
      <c r="BL61" s="402" t="str">
        <f t="shared" si="10"/>
        <v/>
      </c>
      <c r="BM61" s="402" t="str">
        <f t="shared" si="11"/>
        <v/>
      </c>
      <c r="BN61" s="402" t="str">
        <f t="shared" si="12"/>
        <v/>
      </c>
      <c r="BO61" s="402" t="str">
        <f t="shared" si="13"/>
        <v/>
      </c>
      <c r="BP61" s="402" t="str">
        <f t="shared" si="14"/>
        <v/>
      </c>
      <c r="BQ61" s="402" t="str">
        <f t="shared" si="15"/>
        <v/>
      </c>
      <c r="BR61" s="402" t="str">
        <f t="shared" si="16"/>
        <v/>
      </c>
      <c r="BS61" s="402" t="str">
        <f t="shared" si="17"/>
        <v/>
      </c>
      <c r="BT61" s="402" t="str">
        <f t="shared" si="18"/>
        <v/>
      </c>
      <c r="BU61" s="402" t="str">
        <f t="shared" si="19"/>
        <v/>
      </c>
      <c r="BV61" s="402" t="str">
        <f t="shared" si="20"/>
        <v/>
      </c>
      <c r="BW61" s="402" t="str">
        <f t="shared" si="21"/>
        <v/>
      </c>
      <c r="BX61" s="402" t="str">
        <f t="shared" si="22"/>
        <v/>
      </c>
      <c r="BY61" s="402">
        <f t="shared" si="23"/>
        <v>92882</v>
      </c>
      <c r="BZ61" s="402" t="str">
        <f t="shared" si="24"/>
        <v/>
      </c>
      <c r="CA61" s="402" t="str">
        <f t="shared" si="25"/>
        <v/>
      </c>
      <c r="CB61" s="402" t="str">
        <f t="shared" si="26"/>
        <v/>
      </c>
      <c r="CC61" s="402" t="str">
        <f t="shared" si="27"/>
        <v/>
      </c>
      <c r="CD61" s="402" t="str">
        <f t="shared" si="28"/>
        <v/>
      </c>
      <c r="CE61" s="402" t="str">
        <f t="shared" si="29"/>
        <v/>
      </c>
      <c r="CF61" s="402" t="str">
        <f t="shared" si="30"/>
        <v/>
      </c>
      <c r="CG61" s="402" t="str">
        <f t="shared" si="31"/>
        <v/>
      </c>
      <c r="CH61" s="402"/>
      <c r="CI61" s="402"/>
      <c r="CJ61" s="402"/>
      <c r="CK61" s="402"/>
      <c r="CL61" s="402"/>
      <c r="CM61" s="402"/>
      <c r="CN61" s="402"/>
      <c r="CO61" s="402"/>
      <c r="CP61" s="402"/>
      <c r="CQ61" s="402"/>
      <c r="CR61" s="402"/>
      <c r="CS61" s="402"/>
      <c r="CT61" s="402"/>
      <c r="CU61" s="402"/>
      <c r="CV61" s="402"/>
      <c r="CW61" s="402"/>
      <c r="CX61" s="402"/>
      <c r="CY61" s="402"/>
      <c r="CZ61" s="402"/>
      <c r="DA61" s="402"/>
      <c r="DB61" s="402"/>
      <c r="DC61" s="402"/>
      <c r="DD61" s="407"/>
      <c r="DE61" s="407" t="s">
        <v>340</v>
      </c>
      <c r="DF61" s="407" t="s">
        <v>336</v>
      </c>
    </row>
    <row r="62" spans="3:110" s="395" customFormat="1" ht="56.1" customHeight="1" x14ac:dyDescent="0.2">
      <c r="C62" s="420">
        <v>169</v>
      </c>
      <c r="D62" s="420" t="s">
        <v>2481</v>
      </c>
      <c r="E62" s="96" t="s">
        <v>53</v>
      </c>
      <c r="F62" s="96" t="s">
        <v>329</v>
      </c>
      <c r="G62" s="407" t="s">
        <v>428</v>
      </c>
      <c r="H62" s="407" t="s">
        <v>431</v>
      </c>
      <c r="I62" s="316" t="s">
        <v>434</v>
      </c>
      <c r="J62" s="316"/>
      <c r="K62" s="407" t="s">
        <v>90</v>
      </c>
      <c r="L62" s="407" t="s">
        <v>260</v>
      </c>
      <c r="M62" s="407" t="s">
        <v>81</v>
      </c>
      <c r="N62" s="407" t="s">
        <v>334</v>
      </c>
      <c r="O62" s="407" t="s">
        <v>169</v>
      </c>
      <c r="P62" s="407" t="s">
        <v>63</v>
      </c>
      <c r="Q62" s="407" t="s">
        <v>63</v>
      </c>
      <c r="R62" s="410">
        <v>325102</v>
      </c>
      <c r="S62" s="410">
        <f t="shared" si="33"/>
        <v>325102</v>
      </c>
      <c r="T62" s="407" t="s">
        <v>226</v>
      </c>
      <c r="U62" s="407" t="s">
        <v>82</v>
      </c>
      <c r="V62" s="408"/>
      <c r="W62" s="408"/>
      <c r="X62" s="408"/>
      <c r="Y62" s="408"/>
      <c r="Z62" s="408"/>
      <c r="AA62" s="408"/>
      <c r="AB62" s="408"/>
      <c r="AC62" s="408"/>
      <c r="AD62" s="408"/>
      <c r="AE62" s="408"/>
      <c r="AF62" s="408"/>
      <c r="AG62" s="408"/>
      <c r="AH62" s="408"/>
      <c r="AI62" s="408"/>
      <c r="AJ62" s="408"/>
      <c r="AK62" s="408"/>
      <c r="AL62" s="408"/>
      <c r="AM62" s="408"/>
      <c r="AN62" s="408"/>
      <c r="AO62" s="408"/>
      <c r="AP62" s="408"/>
      <c r="AQ62" s="408"/>
      <c r="AR62" s="408"/>
      <c r="AS62" s="402" t="s">
        <v>66</v>
      </c>
      <c r="AT62" s="408"/>
      <c r="AU62" s="408"/>
      <c r="AV62" s="408"/>
      <c r="AW62" s="408"/>
      <c r="AX62" s="408"/>
      <c r="AY62" s="408"/>
      <c r="AZ62" s="408"/>
      <c r="BA62" s="308">
        <f t="shared" si="0"/>
        <v>1400</v>
      </c>
      <c r="BB62" s="309">
        <f t="shared" si="34"/>
        <v>232.21571428571428</v>
      </c>
      <c r="BC62" s="402" t="str">
        <f t="shared" si="1"/>
        <v/>
      </c>
      <c r="BD62" s="402" t="str">
        <f t="shared" si="2"/>
        <v/>
      </c>
      <c r="BE62" s="402" t="str">
        <f t="shared" si="3"/>
        <v/>
      </c>
      <c r="BF62" s="402" t="str">
        <f t="shared" si="4"/>
        <v/>
      </c>
      <c r="BG62" s="402" t="str">
        <f t="shared" si="5"/>
        <v/>
      </c>
      <c r="BH62" s="402" t="str">
        <f t="shared" si="6"/>
        <v/>
      </c>
      <c r="BI62" s="402" t="str">
        <f t="shared" si="7"/>
        <v/>
      </c>
      <c r="BJ62" s="402" t="str">
        <f t="shared" si="8"/>
        <v/>
      </c>
      <c r="BK62" s="402" t="str">
        <f t="shared" si="9"/>
        <v/>
      </c>
      <c r="BL62" s="402" t="str">
        <f t="shared" si="10"/>
        <v/>
      </c>
      <c r="BM62" s="402" t="str">
        <f t="shared" si="11"/>
        <v/>
      </c>
      <c r="BN62" s="402" t="str">
        <f t="shared" si="12"/>
        <v/>
      </c>
      <c r="BO62" s="402" t="str">
        <f t="shared" si="13"/>
        <v/>
      </c>
      <c r="BP62" s="402" t="str">
        <f t="shared" si="14"/>
        <v/>
      </c>
      <c r="BQ62" s="402" t="str">
        <f t="shared" si="15"/>
        <v/>
      </c>
      <c r="BR62" s="402" t="str">
        <f t="shared" si="16"/>
        <v/>
      </c>
      <c r="BS62" s="402" t="str">
        <f t="shared" si="17"/>
        <v/>
      </c>
      <c r="BT62" s="402" t="str">
        <f t="shared" si="18"/>
        <v/>
      </c>
      <c r="BU62" s="402" t="str">
        <f t="shared" si="19"/>
        <v/>
      </c>
      <c r="BV62" s="402" t="str">
        <f t="shared" si="20"/>
        <v/>
      </c>
      <c r="BW62" s="402" t="str">
        <f t="shared" si="21"/>
        <v/>
      </c>
      <c r="BX62" s="402" t="str">
        <f t="shared" si="22"/>
        <v/>
      </c>
      <c r="BY62" s="402" t="str">
        <f t="shared" si="23"/>
        <v/>
      </c>
      <c r="BZ62" s="402">
        <f t="shared" si="24"/>
        <v>325102</v>
      </c>
      <c r="CA62" s="402" t="str">
        <f t="shared" si="25"/>
        <v/>
      </c>
      <c r="CB62" s="402" t="str">
        <f t="shared" si="26"/>
        <v/>
      </c>
      <c r="CC62" s="402" t="str">
        <f t="shared" si="27"/>
        <v/>
      </c>
      <c r="CD62" s="402" t="str">
        <f t="shared" si="28"/>
        <v/>
      </c>
      <c r="CE62" s="402" t="str">
        <f t="shared" si="29"/>
        <v/>
      </c>
      <c r="CF62" s="402" t="str">
        <f t="shared" si="30"/>
        <v/>
      </c>
      <c r="CG62" s="402" t="str">
        <f t="shared" si="31"/>
        <v/>
      </c>
      <c r="CH62" s="402"/>
      <c r="CI62" s="402"/>
      <c r="CJ62" s="402"/>
      <c r="CK62" s="402"/>
      <c r="CL62" s="402"/>
      <c r="CM62" s="402"/>
      <c r="CN62" s="402"/>
      <c r="CO62" s="402"/>
      <c r="CP62" s="402"/>
      <c r="CQ62" s="402"/>
      <c r="CR62" s="402"/>
      <c r="CS62" s="402"/>
      <c r="CT62" s="402"/>
      <c r="CU62" s="402"/>
      <c r="CV62" s="402"/>
      <c r="CW62" s="402"/>
      <c r="CX62" s="402"/>
      <c r="CY62" s="402"/>
      <c r="CZ62" s="402"/>
      <c r="DA62" s="402"/>
      <c r="DB62" s="402"/>
      <c r="DC62" s="402"/>
      <c r="DD62" s="407"/>
      <c r="DE62" s="407" t="s">
        <v>340</v>
      </c>
      <c r="DF62" s="407" t="s">
        <v>336</v>
      </c>
    </row>
    <row r="63" spans="3:110" s="395" customFormat="1" ht="56.1" customHeight="1" x14ac:dyDescent="0.2">
      <c r="C63" s="420">
        <v>170</v>
      </c>
      <c r="D63" s="420" t="s">
        <v>2481</v>
      </c>
      <c r="E63" s="96" t="s">
        <v>53</v>
      </c>
      <c r="F63" s="96" t="s">
        <v>329</v>
      </c>
      <c r="G63" s="407" t="s">
        <v>428</v>
      </c>
      <c r="H63" s="407" t="s">
        <v>431</v>
      </c>
      <c r="I63" s="316" t="s">
        <v>435</v>
      </c>
      <c r="J63" s="316"/>
      <c r="K63" s="407" t="s">
        <v>90</v>
      </c>
      <c r="L63" s="407" t="s">
        <v>310</v>
      </c>
      <c r="M63" s="407" t="s">
        <v>81</v>
      </c>
      <c r="N63" s="407" t="s">
        <v>334</v>
      </c>
      <c r="O63" s="407" t="s">
        <v>225</v>
      </c>
      <c r="P63" s="407" t="s">
        <v>63</v>
      </c>
      <c r="Q63" s="407" t="s">
        <v>63</v>
      </c>
      <c r="R63" s="410">
        <v>46621</v>
      </c>
      <c r="S63" s="410">
        <f t="shared" si="33"/>
        <v>46621</v>
      </c>
      <c r="T63" s="407" t="s">
        <v>226</v>
      </c>
      <c r="U63" s="407" t="s">
        <v>82</v>
      </c>
      <c r="V63" s="408"/>
      <c r="W63" s="408"/>
      <c r="X63" s="408"/>
      <c r="Y63" s="408"/>
      <c r="Z63" s="408"/>
      <c r="AA63" s="408"/>
      <c r="AB63" s="408"/>
      <c r="AC63" s="408"/>
      <c r="AD63" s="408"/>
      <c r="AE63" s="408"/>
      <c r="AF63" s="408"/>
      <c r="AG63" s="408"/>
      <c r="AH63" s="408"/>
      <c r="AI63" s="408"/>
      <c r="AJ63" s="408"/>
      <c r="AK63" s="408"/>
      <c r="AL63" s="408"/>
      <c r="AM63" s="408"/>
      <c r="AN63" s="408"/>
      <c r="AO63" s="408"/>
      <c r="AP63" s="408"/>
      <c r="AQ63" s="408"/>
      <c r="AR63" s="408"/>
      <c r="AS63" s="408"/>
      <c r="AT63" s="402" t="s">
        <v>66</v>
      </c>
      <c r="AU63" s="408"/>
      <c r="AV63" s="408"/>
      <c r="AW63" s="408"/>
      <c r="AX63" s="408"/>
      <c r="AY63" s="408"/>
      <c r="AZ63" s="408"/>
      <c r="BA63" s="308">
        <f t="shared" si="0"/>
        <v>201</v>
      </c>
      <c r="BB63" s="309">
        <f t="shared" si="34"/>
        <v>231.94527363184079</v>
      </c>
      <c r="BC63" s="402" t="str">
        <f t="shared" si="1"/>
        <v/>
      </c>
      <c r="BD63" s="402" t="str">
        <f t="shared" si="2"/>
        <v/>
      </c>
      <c r="BE63" s="402" t="str">
        <f t="shared" si="3"/>
        <v/>
      </c>
      <c r="BF63" s="402" t="str">
        <f t="shared" si="4"/>
        <v/>
      </c>
      <c r="BG63" s="402" t="str">
        <f t="shared" si="5"/>
        <v/>
      </c>
      <c r="BH63" s="402" t="str">
        <f t="shared" si="6"/>
        <v/>
      </c>
      <c r="BI63" s="402" t="str">
        <f t="shared" si="7"/>
        <v/>
      </c>
      <c r="BJ63" s="402" t="str">
        <f t="shared" si="8"/>
        <v/>
      </c>
      <c r="BK63" s="402" t="str">
        <f t="shared" si="9"/>
        <v/>
      </c>
      <c r="BL63" s="402" t="str">
        <f t="shared" si="10"/>
        <v/>
      </c>
      <c r="BM63" s="402" t="str">
        <f t="shared" si="11"/>
        <v/>
      </c>
      <c r="BN63" s="402" t="str">
        <f t="shared" si="12"/>
        <v/>
      </c>
      <c r="BO63" s="402" t="str">
        <f t="shared" si="13"/>
        <v/>
      </c>
      <c r="BP63" s="402" t="str">
        <f t="shared" si="14"/>
        <v/>
      </c>
      <c r="BQ63" s="402" t="str">
        <f t="shared" si="15"/>
        <v/>
      </c>
      <c r="BR63" s="402" t="str">
        <f t="shared" si="16"/>
        <v/>
      </c>
      <c r="BS63" s="402" t="str">
        <f t="shared" si="17"/>
        <v/>
      </c>
      <c r="BT63" s="402" t="str">
        <f t="shared" si="18"/>
        <v/>
      </c>
      <c r="BU63" s="402" t="str">
        <f t="shared" si="19"/>
        <v/>
      </c>
      <c r="BV63" s="402" t="str">
        <f t="shared" si="20"/>
        <v/>
      </c>
      <c r="BW63" s="402" t="str">
        <f t="shared" si="21"/>
        <v/>
      </c>
      <c r="BX63" s="402" t="str">
        <f t="shared" si="22"/>
        <v/>
      </c>
      <c r="BY63" s="402" t="str">
        <f t="shared" si="23"/>
        <v/>
      </c>
      <c r="BZ63" s="402" t="str">
        <f t="shared" si="24"/>
        <v/>
      </c>
      <c r="CA63" s="402">
        <f t="shared" si="25"/>
        <v>46621</v>
      </c>
      <c r="CB63" s="402" t="str">
        <f t="shared" si="26"/>
        <v/>
      </c>
      <c r="CC63" s="402" t="str">
        <f t="shared" si="27"/>
        <v/>
      </c>
      <c r="CD63" s="402" t="str">
        <f t="shared" si="28"/>
        <v/>
      </c>
      <c r="CE63" s="402" t="str">
        <f t="shared" si="29"/>
        <v/>
      </c>
      <c r="CF63" s="402" t="str">
        <f t="shared" si="30"/>
        <v/>
      </c>
      <c r="CG63" s="402" t="str">
        <f t="shared" si="31"/>
        <v/>
      </c>
      <c r="CH63" s="402"/>
      <c r="CI63" s="402"/>
      <c r="CJ63" s="402"/>
      <c r="CK63" s="402"/>
      <c r="CL63" s="402"/>
      <c r="CM63" s="402"/>
      <c r="CN63" s="402"/>
      <c r="CO63" s="402"/>
      <c r="CP63" s="402"/>
      <c r="CQ63" s="402"/>
      <c r="CR63" s="402"/>
      <c r="CS63" s="402"/>
      <c r="CT63" s="402"/>
      <c r="CU63" s="402"/>
      <c r="CV63" s="402"/>
      <c r="CW63" s="402"/>
      <c r="CX63" s="402"/>
      <c r="CY63" s="402"/>
      <c r="CZ63" s="402"/>
      <c r="DA63" s="402"/>
      <c r="DB63" s="402"/>
      <c r="DC63" s="402"/>
      <c r="DD63" s="407"/>
      <c r="DE63" s="407" t="s">
        <v>340</v>
      </c>
      <c r="DF63" s="407" t="s">
        <v>336</v>
      </c>
    </row>
    <row r="64" spans="3:110" s="395" customFormat="1" ht="56.1" customHeight="1" x14ac:dyDescent="0.2">
      <c r="C64" s="420">
        <v>171</v>
      </c>
      <c r="D64" s="420" t="s">
        <v>2481</v>
      </c>
      <c r="E64" s="96" t="s">
        <v>53</v>
      </c>
      <c r="F64" s="96" t="s">
        <v>329</v>
      </c>
      <c r="G64" s="407" t="s">
        <v>428</v>
      </c>
      <c r="H64" s="407" t="s">
        <v>436</v>
      </c>
      <c r="I64" s="316" t="s">
        <v>437</v>
      </c>
      <c r="J64" s="316"/>
      <c r="K64" s="407" t="s">
        <v>86</v>
      </c>
      <c r="L64" s="407" t="s">
        <v>87</v>
      </c>
      <c r="M64" s="407" t="s">
        <v>81</v>
      </c>
      <c r="N64" s="407" t="s">
        <v>334</v>
      </c>
      <c r="O64" s="407" t="s">
        <v>184</v>
      </c>
      <c r="P64" s="407" t="s">
        <v>63</v>
      </c>
      <c r="Q64" s="407" t="s">
        <v>63</v>
      </c>
      <c r="R64" s="410">
        <v>179957</v>
      </c>
      <c r="S64" s="410">
        <f t="shared" si="33"/>
        <v>179957</v>
      </c>
      <c r="T64" s="407" t="s">
        <v>226</v>
      </c>
      <c r="U64" s="407" t="s">
        <v>82</v>
      </c>
      <c r="V64" s="408"/>
      <c r="W64" s="408"/>
      <c r="X64" s="408"/>
      <c r="Y64" s="408"/>
      <c r="Z64" s="408"/>
      <c r="AA64" s="408"/>
      <c r="AB64" s="408"/>
      <c r="AC64" s="408"/>
      <c r="AD64" s="408"/>
      <c r="AE64" s="408"/>
      <c r="AF64" s="408"/>
      <c r="AG64" s="408"/>
      <c r="AH64" s="408"/>
      <c r="AI64" s="408"/>
      <c r="AJ64" s="408"/>
      <c r="AK64" s="408"/>
      <c r="AL64" s="408"/>
      <c r="AM64" s="402" t="s">
        <v>66</v>
      </c>
      <c r="AN64" s="408"/>
      <c r="AO64" s="408"/>
      <c r="AP64" s="408"/>
      <c r="AQ64" s="408"/>
      <c r="AR64" s="408"/>
      <c r="AS64" s="408"/>
      <c r="AT64" s="408"/>
      <c r="AU64" s="408"/>
      <c r="AV64" s="408"/>
      <c r="AW64" s="408"/>
      <c r="AX64" s="408"/>
      <c r="AY64" s="408"/>
      <c r="AZ64" s="408"/>
      <c r="BA64" s="308">
        <f t="shared" si="0"/>
        <v>775</v>
      </c>
      <c r="BB64" s="309">
        <f t="shared" si="34"/>
        <v>232.20258064516128</v>
      </c>
      <c r="BC64" s="402" t="str">
        <f t="shared" si="1"/>
        <v/>
      </c>
      <c r="BD64" s="402" t="str">
        <f t="shared" si="2"/>
        <v/>
      </c>
      <c r="BE64" s="402" t="str">
        <f t="shared" si="3"/>
        <v/>
      </c>
      <c r="BF64" s="402" t="str">
        <f t="shared" si="4"/>
        <v/>
      </c>
      <c r="BG64" s="402" t="str">
        <f t="shared" si="5"/>
        <v/>
      </c>
      <c r="BH64" s="402" t="str">
        <f t="shared" si="6"/>
        <v/>
      </c>
      <c r="BI64" s="402" t="str">
        <f t="shared" si="7"/>
        <v/>
      </c>
      <c r="BJ64" s="402" t="str">
        <f t="shared" si="8"/>
        <v/>
      </c>
      <c r="BK64" s="402" t="str">
        <f t="shared" si="9"/>
        <v/>
      </c>
      <c r="BL64" s="402" t="str">
        <f t="shared" si="10"/>
        <v/>
      </c>
      <c r="BM64" s="402" t="str">
        <f t="shared" si="11"/>
        <v/>
      </c>
      <c r="BN64" s="402" t="str">
        <f t="shared" si="12"/>
        <v/>
      </c>
      <c r="BO64" s="402" t="str">
        <f t="shared" si="13"/>
        <v/>
      </c>
      <c r="BP64" s="402" t="str">
        <f t="shared" si="14"/>
        <v/>
      </c>
      <c r="BQ64" s="402" t="str">
        <f t="shared" si="15"/>
        <v/>
      </c>
      <c r="BR64" s="402" t="str">
        <f t="shared" si="16"/>
        <v/>
      </c>
      <c r="BS64" s="402" t="str">
        <f t="shared" si="17"/>
        <v/>
      </c>
      <c r="BT64" s="402">
        <f t="shared" si="18"/>
        <v>179957</v>
      </c>
      <c r="BU64" s="402" t="str">
        <f t="shared" si="19"/>
        <v/>
      </c>
      <c r="BV64" s="402" t="str">
        <f t="shared" si="20"/>
        <v/>
      </c>
      <c r="BW64" s="402" t="str">
        <f t="shared" si="21"/>
        <v/>
      </c>
      <c r="BX64" s="402" t="str">
        <f t="shared" si="22"/>
        <v/>
      </c>
      <c r="BY64" s="402" t="str">
        <f t="shared" si="23"/>
        <v/>
      </c>
      <c r="BZ64" s="402" t="str">
        <f t="shared" si="24"/>
        <v/>
      </c>
      <c r="CA64" s="402" t="str">
        <f t="shared" si="25"/>
        <v/>
      </c>
      <c r="CB64" s="402" t="str">
        <f t="shared" si="26"/>
        <v/>
      </c>
      <c r="CC64" s="402" t="str">
        <f t="shared" si="27"/>
        <v/>
      </c>
      <c r="CD64" s="402" t="str">
        <f t="shared" si="28"/>
        <v/>
      </c>
      <c r="CE64" s="402" t="str">
        <f t="shared" si="29"/>
        <v/>
      </c>
      <c r="CF64" s="402" t="str">
        <f t="shared" si="30"/>
        <v/>
      </c>
      <c r="CG64" s="402" t="str">
        <f t="shared" si="31"/>
        <v/>
      </c>
      <c r="CH64" s="402"/>
      <c r="CI64" s="402"/>
      <c r="CJ64" s="402"/>
      <c r="CK64" s="402"/>
      <c r="CL64" s="402"/>
      <c r="CM64" s="402"/>
      <c r="CN64" s="402"/>
      <c r="CO64" s="402"/>
      <c r="CP64" s="402"/>
      <c r="CQ64" s="402"/>
      <c r="CR64" s="402"/>
      <c r="CS64" s="402"/>
      <c r="CT64" s="402"/>
      <c r="CU64" s="402"/>
      <c r="CV64" s="402"/>
      <c r="CW64" s="402"/>
      <c r="CX64" s="402"/>
      <c r="CY64" s="402"/>
      <c r="CZ64" s="402"/>
      <c r="DA64" s="402"/>
      <c r="DB64" s="402"/>
      <c r="DC64" s="402"/>
      <c r="DD64" s="407"/>
      <c r="DE64" s="407" t="s">
        <v>340</v>
      </c>
      <c r="DF64" s="407" t="s">
        <v>336</v>
      </c>
    </row>
    <row r="65" spans="3:110" s="395" customFormat="1" ht="56.1" customHeight="1" x14ac:dyDescent="0.2">
      <c r="C65" s="420">
        <v>172</v>
      </c>
      <c r="D65" s="420" t="s">
        <v>2481</v>
      </c>
      <c r="E65" s="96" t="s">
        <v>53</v>
      </c>
      <c r="F65" s="96" t="s">
        <v>329</v>
      </c>
      <c r="G65" s="407" t="s">
        <v>428</v>
      </c>
      <c r="H65" s="407" t="s">
        <v>358</v>
      </c>
      <c r="I65" s="316" t="s">
        <v>438</v>
      </c>
      <c r="J65" s="316"/>
      <c r="K65" s="407" t="s">
        <v>86</v>
      </c>
      <c r="L65" s="407" t="s">
        <v>36</v>
      </c>
      <c r="M65" s="407" t="s">
        <v>81</v>
      </c>
      <c r="N65" s="407" t="s">
        <v>334</v>
      </c>
      <c r="O65" s="407" t="s">
        <v>408</v>
      </c>
      <c r="P65" s="407" t="s">
        <v>63</v>
      </c>
      <c r="Q65" s="407" t="s">
        <v>63</v>
      </c>
      <c r="R65" s="410">
        <v>23224</v>
      </c>
      <c r="S65" s="410">
        <f t="shared" ref="S65:S96" si="35">R65</f>
        <v>23224</v>
      </c>
      <c r="T65" s="407" t="s">
        <v>226</v>
      </c>
      <c r="U65" s="407" t="s">
        <v>82</v>
      </c>
      <c r="V65" s="408"/>
      <c r="W65" s="408"/>
      <c r="X65" s="408"/>
      <c r="Y65" s="408"/>
      <c r="Z65" s="408"/>
      <c r="AA65" s="408"/>
      <c r="AB65" s="408"/>
      <c r="AC65" s="408"/>
      <c r="AD65" s="408"/>
      <c r="AE65" s="408"/>
      <c r="AF65" s="408"/>
      <c r="AG65" s="408"/>
      <c r="AH65" s="408"/>
      <c r="AI65" s="408"/>
      <c r="AJ65" s="408"/>
      <c r="AK65" s="408"/>
      <c r="AL65" s="408"/>
      <c r="AM65" s="408"/>
      <c r="AN65" s="408"/>
      <c r="AO65" s="402" t="s">
        <v>66</v>
      </c>
      <c r="AP65" s="408"/>
      <c r="AQ65" s="408"/>
      <c r="AR65" s="408"/>
      <c r="AS65" s="408"/>
      <c r="AT65" s="408"/>
      <c r="AU65" s="408"/>
      <c r="AV65" s="408"/>
      <c r="AW65" s="408"/>
      <c r="AX65" s="408"/>
      <c r="AY65" s="408"/>
      <c r="AZ65" s="408"/>
      <c r="BA65" s="308">
        <f t="shared" si="0"/>
        <v>100</v>
      </c>
      <c r="BB65" s="309">
        <f t="shared" si="34"/>
        <v>232.24</v>
      </c>
      <c r="BC65" s="402" t="str">
        <f t="shared" si="1"/>
        <v/>
      </c>
      <c r="BD65" s="402" t="str">
        <f t="shared" si="2"/>
        <v/>
      </c>
      <c r="BE65" s="402" t="str">
        <f t="shared" si="3"/>
        <v/>
      </c>
      <c r="BF65" s="402" t="str">
        <f t="shared" si="4"/>
        <v/>
      </c>
      <c r="BG65" s="402" t="str">
        <f t="shared" si="5"/>
        <v/>
      </c>
      <c r="BH65" s="402" t="str">
        <f t="shared" si="6"/>
        <v/>
      </c>
      <c r="BI65" s="402" t="str">
        <f t="shared" si="7"/>
        <v/>
      </c>
      <c r="BJ65" s="402" t="str">
        <f t="shared" si="8"/>
        <v/>
      </c>
      <c r="BK65" s="402" t="str">
        <f t="shared" si="9"/>
        <v/>
      </c>
      <c r="BL65" s="402" t="str">
        <f t="shared" si="10"/>
        <v/>
      </c>
      <c r="BM65" s="402" t="str">
        <f t="shared" si="11"/>
        <v/>
      </c>
      <c r="BN65" s="402" t="str">
        <f t="shared" si="12"/>
        <v/>
      </c>
      <c r="BO65" s="402" t="str">
        <f t="shared" si="13"/>
        <v/>
      </c>
      <c r="BP65" s="402" t="str">
        <f t="shared" si="14"/>
        <v/>
      </c>
      <c r="BQ65" s="402" t="str">
        <f t="shared" si="15"/>
        <v/>
      </c>
      <c r="BR65" s="402" t="str">
        <f t="shared" si="16"/>
        <v/>
      </c>
      <c r="BS65" s="402" t="str">
        <f t="shared" si="17"/>
        <v/>
      </c>
      <c r="BT65" s="402" t="str">
        <f t="shared" si="18"/>
        <v/>
      </c>
      <c r="BU65" s="402" t="str">
        <f t="shared" si="19"/>
        <v/>
      </c>
      <c r="BV65" s="402">
        <f t="shared" si="20"/>
        <v>23224</v>
      </c>
      <c r="BW65" s="402" t="str">
        <f t="shared" si="21"/>
        <v/>
      </c>
      <c r="BX65" s="402" t="str">
        <f t="shared" si="22"/>
        <v/>
      </c>
      <c r="BY65" s="402" t="str">
        <f t="shared" si="23"/>
        <v/>
      </c>
      <c r="BZ65" s="402" t="str">
        <f t="shared" si="24"/>
        <v/>
      </c>
      <c r="CA65" s="402" t="str">
        <f t="shared" si="25"/>
        <v/>
      </c>
      <c r="CB65" s="402" t="str">
        <f t="shared" si="26"/>
        <v/>
      </c>
      <c r="CC65" s="402" t="str">
        <f t="shared" si="27"/>
        <v/>
      </c>
      <c r="CD65" s="402" t="str">
        <f t="shared" si="28"/>
        <v/>
      </c>
      <c r="CE65" s="402" t="str">
        <f t="shared" si="29"/>
        <v/>
      </c>
      <c r="CF65" s="402" t="str">
        <f t="shared" si="30"/>
        <v/>
      </c>
      <c r="CG65" s="402" t="str">
        <f t="shared" si="31"/>
        <v/>
      </c>
      <c r="CH65" s="402"/>
      <c r="CI65" s="402"/>
      <c r="CJ65" s="402"/>
      <c r="CK65" s="402"/>
      <c r="CL65" s="402"/>
      <c r="CM65" s="402"/>
      <c r="CN65" s="402"/>
      <c r="CO65" s="402"/>
      <c r="CP65" s="402"/>
      <c r="CQ65" s="402"/>
      <c r="CR65" s="402"/>
      <c r="CS65" s="402"/>
      <c r="CT65" s="402"/>
      <c r="CU65" s="402"/>
      <c r="CV65" s="402"/>
      <c r="CW65" s="402"/>
      <c r="CX65" s="402"/>
      <c r="CY65" s="402"/>
      <c r="CZ65" s="402"/>
      <c r="DA65" s="402"/>
      <c r="DB65" s="402"/>
      <c r="DC65" s="402"/>
      <c r="DD65" s="407"/>
      <c r="DE65" s="407" t="s">
        <v>340</v>
      </c>
      <c r="DF65" s="407" t="s">
        <v>336</v>
      </c>
    </row>
    <row r="66" spans="3:110" s="395" customFormat="1" ht="56.1" customHeight="1" x14ac:dyDescent="0.2">
      <c r="C66" s="420">
        <v>173</v>
      </c>
      <c r="D66" s="420" t="s">
        <v>2481</v>
      </c>
      <c r="E66" s="96" t="s">
        <v>53</v>
      </c>
      <c r="F66" s="96" t="s">
        <v>329</v>
      </c>
      <c r="G66" s="407" t="s">
        <v>428</v>
      </c>
      <c r="H66" s="407" t="s">
        <v>358</v>
      </c>
      <c r="I66" s="316" t="s">
        <v>438</v>
      </c>
      <c r="J66" s="316"/>
      <c r="K66" s="407" t="s">
        <v>86</v>
      </c>
      <c r="L66" s="407" t="s">
        <v>35</v>
      </c>
      <c r="M66" s="407" t="s">
        <v>60</v>
      </c>
      <c r="N66" s="407" t="s">
        <v>334</v>
      </c>
      <c r="O66" s="407" t="s">
        <v>357</v>
      </c>
      <c r="P66" s="407" t="s">
        <v>63</v>
      </c>
      <c r="Q66" s="407" t="s">
        <v>63</v>
      </c>
      <c r="R66" s="410">
        <v>23224</v>
      </c>
      <c r="S66" s="410">
        <f t="shared" si="35"/>
        <v>23224</v>
      </c>
      <c r="T66" s="407" t="s">
        <v>226</v>
      </c>
      <c r="U66" s="407" t="s">
        <v>82</v>
      </c>
      <c r="V66" s="408"/>
      <c r="W66" s="408"/>
      <c r="X66" s="408"/>
      <c r="Y66" s="408"/>
      <c r="Z66" s="408"/>
      <c r="AA66" s="408"/>
      <c r="AB66" s="408"/>
      <c r="AC66" s="408"/>
      <c r="AD66" s="408"/>
      <c r="AE66" s="408"/>
      <c r="AF66" s="408"/>
      <c r="AG66" s="408"/>
      <c r="AH66" s="408"/>
      <c r="AI66" s="408"/>
      <c r="AJ66" s="408"/>
      <c r="AK66" s="408"/>
      <c r="AL66" s="408"/>
      <c r="AM66" s="408"/>
      <c r="AN66" s="402" t="s">
        <v>66</v>
      </c>
      <c r="AO66" s="408"/>
      <c r="AP66" s="408"/>
      <c r="AQ66" s="408"/>
      <c r="AR66" s="408"/>
      <c r="AS66" s="408"/>
      <c r="AT66" s="408"/>
      <c r="AU66" s="408"/>
      <c r="AV66" s="408"/>
      <c r="AW66" s="408"/>
      <c r="AX66" s="408"/>
      <c r="AY66" s="408"/>
      <c r="AZ66" s="408"/>
      <c r="BA66" s="308">
        <f t="shared" si="0"/>
        <v>100</v>
      </c>
      <c r="BB66" s="309">
        <f t="shared" si="34"/>
        <v>232.24</v>
      </c>
      <c r="BC66" s="402" t="str">
        <f t="shared" si="1"/>
        <v/>
      </c>
      <c r="BD66" s="402" t="str">
        <f t="shared" si="2"/>
        <v/>
      </c>
      <c r="BE66" s="402" t="str">
        <f t="shared" si="3"/>
        <v/>
      </c>
      <c r="BF66" s="402" t="str">
        <f t="shared" si="4"/>
        <v/>
      </c>
      <c r="BG66" s="402" t="str">
        <f t="shared" si="5"/>
        <v/>
      </c>
      <c r="BH66" s="402" t="str">
        <f t="shared" si="6"/>
        <v/>
      </c>
      <c r="BI66" s="402" t="str">
        <f t="shared" si="7"/>
        <v/>
      </c>
      <c r="BJ66" s="402" t="str">
        <f t="shared" si="8"/>
        <v/>
      </c>
      <c r="BK66" s="402" t="str">
        <f t="shared" si="9"/>
        <v/>
      </c>
      <c r="BL66" s="402" t="str">
        <f t="shared" si="10"/>
        <v/>
      </c>
      <c r="BM66" s="402" t="str">
        <f t="shared" si="11"/>
        <v/>
      </c>
      <c r="BN66" s="402" t="str">
        <f t="shared" si="12"/>
        <v/>
      </c>
      <c r="BO66" s="402" t="str">
        <f t="shared" si="13"/>
        <v/>
      </c>
      <c r="BP66" s="402" t="str">
        <f t="shared" si="14"/>
        <v/>
      </c>
      <c r="BQ66" s="402" t="str">
        <f t="shared" si="15"/>
        <v/>
      </c>
      <c r="BR66" s="402" t="str">
        <f t="shared" si="16"/>
        <v/>
      </c>
      <c r="BS66" s="402" t="str">
        <f t="shared" si="17"/>
        <v/>
      </c>
      <c r="BT66" s="402" t="str">
        <f t="shared" si="18"/>
        <v/>
      </c>
      <c r="BU66" s="402">
        <f t="shared" si="19"/>
        <v>23224</v>
      </c>
      <c r="BV66" s="402" t="str">
        <f t="shared" si="20"/>
        <v/>
      </c>
      <c r="BW66" s="402" t="str">
        <f t="shared" si="21"/>
        <v/>
      </c>
      <c r="BX66" s="402" t="str">
        <f t="shared" si="22"/>
        <v/>
      </c>
      <c r="BY66" s="402" t="str">
        <f t="shared" si="23"/>
        <v/>
      </c>
      <c r="BZ66" s="402" t="str">
        <f t="shared" si="24"/>
        <v/>
      </c>
      <c r="CA66" s="402" t="str">
        <f t="shared" si="25"/>
        <v/>
      </c>
      <c r="CB66" s="402" t="str">
        <f t="shared" si="26"/>
        <v/>
      </c>
      <c r="CC66" s="402" t="str">
        <f t="shared" si="27"/>
        <v/>
      </c>
      <c r="CD66" s="402" t="str">
        <f t="shared" si="28"/>
        <v/>
      </c>
      <c r="CE66" s="402" t="str">
        <f t="shared" si="29"/>
        <v/>
      </c>
      <c r="CF66" s="402" t="str">
        <f t="shared" si="30"/>
        <v/>
      </c>
      <c r="CG66" s="402" t="str">
        <f t="shared" si="31"/>
        <v/>
      </c>
      <c r="CH66" s="402"/>
      <c r="CI66" s="402"/>
      <c r="CJ66" s="402"/>
      <c r="CK66" s="402"/>
      <c r="CL66" s="402"/>
      <c r="CM66" s="402"/>
      <c r="CN66" s="402"/>
      <c r="CO66" s="402"/>
      <c r="CP66" s="402"/>
      <c r="CQ66" s="402"/>
      <c r="CR66" s="402"/>
      <c r="CS66" s="402"/>
      <c r="CT66" s="402"/>
      <c r="CU66" s="402"/>
      <c r="CV66" s="402"/>
      <c r="CW66" s="402"/>
      <c r="CX66" s="402"/>
      <c r="CY66" s="402"/>
      <c r="CZ66" s="402"/>
      <c r="DA66" s="402"/>
      <c r="DB66" s="402"/>
      <c r="DC66" s="402"/>
      <c r="DD66" s="407"/>
      <c r="DE66" s="407" t="s">
        <v>340</v>
      </c>
      <c r="DF66" s="407" t="s">
        <v>336</v>
      </c>
    </row>
    <row r="67" spans="3:110" s="395" customFormat="1" ht="56.1" customHeight="1" x14ac:dyDescent="0.2">
      <c r="C67" s="420">
        <v>174</v>
      </c>
      <c r="D67" s="420" t="s">
        <v>2481</v>
      </c>
      <c r="E67" s="96" t="s">
        <v>53</v>
      </c>
      <c r="F67" s="96" t="s">
        <v>329</v>
      </c>
      <c r="G67" s="407" t="s">
        <v>428</v>
      </c>
      <c r="H67" s="407" t="s">
        <v>358</v>
      </c>
      <c r="I67" s="316" t="s">
        <v>439</v>
      </c>
      <c r="J67" s="316"/>
      <c r="K67" s="407" t="s">
        <v>86</v>
      </c>
      <c r="L67" s="407" t="s">
        <v>310</v>
      </c>
      <c r="M67" s="407" t="s">
        <v>81</v>
      </c>
      <c r="N67" s="407" t="s">
        <v>334</v>
      </c>
      <c r="O67" s="407" t="s">
        <v>225</v>
      </c>
      <c r="P67" s="407" t="s">
        <v>63</v>
      </c>
      <c r="Q67" s="407" t="s">
        <v>63</v>
      </c>
      <c r="R67" s="410">
        <v>70145.740000000005</v>
      </c>
      <c r="S67" s="410">
        <f t="shared" si="35"/>
        <v>70145.740000000005</v>
      </c>
      <c r="T67" s="407" t="s">
        <v>226</v>
      </c>
      <c r="U67" s="407" t="s">
        <v>82</v>
      </c>
      <c r="V67" s="408"/>
      <c r="W67" s="408"/>
      <c r="X67" s="408"/>
      <c r="Y67" s="408"/>
      <c r="Z67" s="408"/>
      <c r="AA67" s="408"/>
      <c r="AB67" s="408"/>
      <c r="AC67" s="408"/>
      <c r="AD67" s="408"/>
      <c r="AE67" s="408"/>
      <c r="AF67" s="408"/>
      <c r="AG67" s="408"/>
      <c r="AH67" s="408"/>
      <c r="AI67" s="408"/>
      <c r="AJ67" s="408"/>
      <c r="AK67" s="408"/>
      <c r="AL67" s="408"/>
      <c r="AM67" s="408"/>
      <c r="AN67" s="408"/>
      <c r="AO67" s="408"/>
      <c r="AP67" s="402" t="s">
        <v>66</v>
      </c>
      <c r="AQ67" s="408"/>
      <c r="AR67" s="408"/>
      <c r="AS67" s="408"/>
      <c r="AT67" s="408"/>
      <c r="AU67" s="408"/>
      <c r="AV67" s="408"/>
      <c r="AW67" s="408"/>
      <c r="AX67" s="408"/>
      <c r="AY67" s="408"/>
      <c r="AZ67" s="408"/>
      <c r="BA67" s="308">
        <f t="shared" ref="BA67:BA130" si="36">SUMIF(V67:AZ67,"YES",$V$2:$AZ$2)</f>
        <v>302</v>
      </c>
      <c r="BB67" s="309">
        <f t="shared" si="34"/>
        <v>232.27066225165564</v>
      </c>
      <c r="BC67" s="402" t="str">
        <f t="shared" ref="BC67:BC130" si="37">IF(V67="yes",(V$2*$BB67),"")</f>
        <v/>
      </c>
      <c r="BD67" s="402" t="str">
        <f t="shared" ref="BD67:BD130" si="38">IF(W67="yes",(W$2*$BB67),"")</f>
        <v/>
      </c>
      <c r="BE67" s="402" t="str">
        <f t="shared" ref="BE67:BE130" si="39">IF(X67="yes",(X$2*$BB67),"")</f>
        <v/>
      </c>
      <c r="BF67" s="402" t="str">
        <f t="shared" ref="BF67:BF130" si="40">IF(Y67="yes",(Y$2*$BB67),"")</f>
        <v/>
      </c>
      <c r="BG67" s="402" t="str">
        <f t="shared" ref="BG67:BG130" si="41">IF(Z67="yes",(Z$2*$BB67),"")</f>
        <v/>
      </c>
      <c r="BH67" s="402" t="str">
        <f t="shared" ref="BH67:BH130" si="42">IF(AA67="yes",(AA$2*$BB67),"")</f>
        <v/>
      </c>
      <c r="BI67" s="402" t="str">
        <f t="shared" ref="BI67:BI130" si="43">IF(AB67="yes",(AB$2*$BB67),"")</f>
        <v/>
      </c>
      <c r="BJ67" s="402" t="str">
        <f t="shared" ref="BJ67:BJ130" si="44">IF(AC67="yes",(AC$2*$BB67),"")</f>
        <v/>
      </c>
      <c r="BK67" s="402" t="str">
        <f t="shared" ref="BK67:BK130" si="45">IF(AD67="yes",(AD$2*$BB67),"")</f>
        <v/>
      </c>
      <c r="BL67" s="402" t="str">
        <f t="shared" ref="BL67:BL130" si="46">IF(AE67="yes",(AE$2*$BB67),"")</f>
        <v/>
      </c>
      <c r="BM67" s="402" t="str">
        <f t="shared" ref="BM67:BM130" si="47">IF(AF67="yes",(AF$2*$BB67),"")</f>
        <v/>
      </c>
      <c r="BN67" s="402" t="str">
        <f t="shared" ref="BN67:BN130" si="48">IF(AG67="yes",(AG$2*$BB67),"")</f>
        <v/>
      </c>
      <c r="BO67" s="402" t="str">
        <f t="shared" ref="BO67:BO130" si="49">IF(AH67="yes",(AH$2*$BB67),"")</f>
        <v/>
      </c>
      <c r="BP67" s="402" t="str">
        <f t="shared" ref="BP67:BP130" si="50">IF(AI67="yes",(AI$2*$BB67),"")</f>
        <v/>
      </c>
      <c r="BQ67" s="402" t="str">
        <f t="shared" ref="BQ67:BQ130" si="51">IF(AJ67="yes",(AJ$2*$BB67),"")</f>
        <v/>
      </c>
      <c r="BR67" s="402" t="str">
        <f t="shared" ref="BR67:BR130" si="52">IF(AK67="yes",(AK$2*$BB67),"")</f>
        <v/>
      </c>
      <c r="BS67" s="402" t="str">
        <f t="shared" ref="BS67:BS130" si="53">IF(AL67="yes",(AL$2*$BB67),"")</f>
        <v/>
      </c>
      <c r="BT67" s="402" t="str">
        <f t="shared" ref="BT67:BT130" si="54">IF(AM67="yes",(AM$2*$BB67),"")</f>
        <v/>
      </c>
      <c r="BU67" s="402" t="str">
        <f t="shared" ref="BU67:BU130" si="55">IF(AN67="yes",(AN$2*$BB67),"")</f>
        <v/>
      </c>
      <c r="BV67" s="402" t="str">
        <f t="shared" ref="BV67:BV130" si="56">IF(AO67="yes",(AO$2*$BB67),"")</f>
        <v/>
      </c>
      <c r="BW67" s="402">
        <f t="shared" ref="BW67:BW130" si="57">IF(AP67="yes",(AP$2*$BB67),"")</f>
        <v>70145.740000000005</v>
      </c>
      <c r="BX67" s="402" t="str">
        <f t="shared" ref="BX67:BX130" si="58">IF(AQ67="yes",(AQ$2*$BB67),"")</f>
        <v/>
      </c>
      <c r="BY67" s="402" t="str">
        <f t="shared" ref="BY67:BY130" si="59">IF(AR67="yes",(AR$2*$BB67),"")</f>
        <v/>
      </c>
      <c r="BZ67" s="402" t="str">
        <f t="shared" ref="BZ67:BZ130" si="60">IF(AS67="yes",(AS$2*$BB67),"")</f>
        <v/>
      </c>
      <c r="CA67" s="402" t="str">
        <f t="shared" ref="CA67:CA130" si="61">IF(AT67="yes",(AT$2*$BB67),"")</f>
        <v/>
      </c>
      <c r="CB67" s="402" t="str">
        <f t="shared" ref="CB67:CB130" si="62">IF(AU67="yes",(AU$2*$BB67),"")</f>
        <v/>
      </c>
      <c r="CC67" s="402" t="str">
        <f t="shared" ref="CC67:CC130" si="63">IF(AV67="yes",(AV$2*$BB67),"")</f>
        <v/>
      </c>
      <c r="CD67" s="402" t="str">
        <f t="shared" ref="CD67:CD130" si="64">IF(AW67="yes",(AW$2*$BB67),"")</f>
        <v/>
      </c>
      <c r="CE67" s="402" t="str">
        <f t="shared" ref="CE67:CE130" si="65">IF(AX67="yes",(AX$2*$BB67),"")</f>
        <v/>
      </c>
      <c r="CF67" s="402" t="str">
        <f t="shared" ref="CF67:CF130" si="66">IF(AY67="yes",(AY$2*$BB67),"")</f>
        <v/>
      </c>
      <c r="CG67" s="402" t="str">
        <f t="shared" ref="CG67:CG130" si="67">IF(AZ67="yes",(AZ$2*$BB67),"")</f>
        <v/>
      </c>
      <c r="CH67" s="402"/>
      <c r="CI67" s="402"/>
      <c r="CJ67" s="402"/>
      <c r="CK67" s="402"/>
      <c r="CL67" s="402"/>
      <c r="CM67" s="402"/>
      <c r="CN67" s="402"/>
      <c r="CO67" s="402"/>
      <c r="CP67" s="402"/>
      <c r="CQ67" s="402"/>
      <c r="CR67" s="402"/>
      <c r="CS67" s="402"/>
      <c r="CT67" s="402"/>
      <c r="CU67" s="402"/>
      <c r="CV67" s="402"/>
      <c r="CW67" s="402"/>
      <c r="CX67" s="402"/>
      <c r="CY67" s="402"/>
      <c r="CZ67" s="402"/>
      <c r="DA67" s="402"/>
      <c r="DB67" s="402"/>
      <c r="DC67" s="402"/>
      <c r="DD67" s="407"/>
      <c r="DE67" s="407" t="s">
        <v>340</v>
      </c>
      <c r="DF67" s="407" t="s">
        <v>336</v>
      </c>
    </row>
    <row r="68" spans="3:110" s="395" customFormat="1" ht="56.1" customHeight="1" x14ac:dyDescent="0.2">
      <c r="C68" s="420">
        <v>175</v>
      </c>
      <c r="D68" s="420" t="s">
        <v>2481</v>
      </c>
      <c r="E68" s="96" t="s">
        <v>53</v>
      </c>
      <c r="F68" s="96" t="s">
        <v>329</v>
      </c>
      <c r="G68" s="407" t="s">
        <v>428</v>
      </c>
      <c r="H68" s="407" t="s">
        <v>360</v>
      </c>
      <c r="I68" s="316" t="s">
        <v>440</v>
      </c>
      <c r="J68" s="316"/>
      <c r="K68" s="407" t="s">
        <v>93</v>
      </c>
      <c r="L68" s="407" t="s">
        <v>310</v>
      </c>
      <c r="M68" s="407" t="s">
        <v>81</v>
      </c>
      <c r="N68" s="407" t="s">
        <v>334</v>
      </c>
      <c r="O68" s="407" t="s">
        <v>225</v>
      </c>
      <c r="P68" s="407" t="s">
        <v>63</v>
      </c>
      <c r="Q68" s="407" t="s">
        <v>63</v>
      </c>
      <c r="R68" s="410">
        <v>7168</v>
      </c>
      <c r="S68" s="410">
        <f t="shared" si="35"/>
        <v>7168</v>
      </c>
      <c r="T68" s="407" t="s">
        <v>226</v>
      </c>
      <c r="U68" s="407" t="s">
        <v>82</v>
      </c>
      <c r="V68" s="408"/>
      <c r="W68" s="408"/>
      <c r="X68" s="408"/>
      <c r="Y68" s="408"/>
      <c r="Z68" s="408"/>
      <c r="AA68" s="408"/>
      <c r="AB68" s="408"/>
      <c r="AC68" s="408"/>
      <c r="AD68" s="408"/>
      <c r="AE68" s="408"/>
      <c r="AF68" s="408"/>
      <c r="AG68" s="408"/>
      <c r="AH68" s="408"/>
      <c r="AI68" s="408"/>
      <c r="AJ68" s="408"/>
      <c r="AK68" s="408"/>
      <c r="AL68" s="408"/>
      <c r="AM68" s="408"/>
      <c r="AN68" s="408"/>
      <c r="AO68" s="408"/>
      <c r="AP68" s="408"/>
      <c r="AQ68" s="408"/>
      <c r="AR68" s="408"/>
      <c r="AS68" s="408"/>
      <c r="AT68" s="408"/>
      <c r="AU68" s="408"/>
      <c r="AV68" s="402" t="s">
        <v>66</v>
      </c>
      <c r="AW68" s="408"/>
      <c r="AX68" s="408"/>
      <c r="AY68" s="408"/>
      <c r="AZ68" s="408"/>
      <c r="BA68" s="308">
        <f t="shared" si="36"/>
        <v>31</v>
      </c>
      <c r="BB68" s="309">
        <f t="shared" si="34"/>
        <v>231.2258064516129</v>
      </c>
      <c r="BC68" s="402" t="str">
        <f t="shared" si="37"/>
        <v/>
      </c>
      <c r="BD68" s="402" t="str">
        <f t="shared" si="38"/>
        <v/>
      </c>
      <c r="BE68" s="402" t="str">
        <f t="shared" si="39"/>
        <v/>
      </c>
      <c r="BF68" s="402" t="str">
        <f t="shared" si="40"/>
        <v/>
      </c>
      <c r="BG68" s="402" t="str">
        <f t="shared" si="41"/>
        <v/>
      </c>
      <c r="BH68" s="402" t="str">
        <f t="shared" si="42"/>
        <v/>
      </c>
      <c r="BI68" s="402" t="str">
        <f t="shared" si="43"/>
        <v/>
      </c>
      <c r="BJ68" s="402" t="str">
        <f t="shared" si="44"/>
        <v/>
      </c>
      <c r="BK68" s="402" t="str">
        <f t="shared" si="45"/>
        <v/>
      </c>
      <c r="BL68" s="402" t="str">
        <f t="shared" si="46"/>
        <v/>
      </c>
      <c r="BM68" s="402" t="str">
        <f t="shared" si="47"/>
        <v/>
      </c>
      <c r="BN68" s="402" t="str">
        <f t="shared" si="48"/>
        <v/>
      </c>
      <c r="BO68" s="402" t="str">
        <f t="shared" si="49"/>
        <v/>
      </c>
      <c r="BP68" s="402" t="str">
        <f t="shared" si="50"/>
        <v/>
      </c>
      <c r="BQ68" s="402" t="str">
        <f t="shared" si="51"/>
        <v/>
      </c>
      <c r="BR68" s="402" t="str">
        <f t="shared" si="52"/>
        <v/>
      </c>
      <c r="BS68" s="402" t="str">
        <f t="shared" si="53"/>
        <v/>
      </c>
      <c r="BT68" s="402" t="str">
        <f t="shared" si="54"/>
        <v/>
      </c>
      <c r="BU68" s="402" t="str">
        <f t="shared" si="55"/>
        <v/>
      </c>
      <c r="BV68" s="402" t="str">
        <f t="shared" si="56"/>
        <v/>
      </c>
      <c r="BW68" s="402" t="str">
        <f t="shared" si="57"/>
        <v/>
      </c>
      <c r="BX68" s="402" t="str">
        <f t="shared" si="58"/>
        <v/>
      </c>
      <c r="BY68" s="402" t="str">
        <f t="shared" si="59"/>
        <v/>
      </c>
      <c r="BZ68" s="402" t="str">
        <f t="shared" si="60"/>
        <v/>
      </c>
      <c r="CA68" s="402" t="str">
        <f t="shared" si="61"/>
        <v/>
      </c>
      <c r="CB68" s="402" t="str">
        <f t="shared" si="62"/>
        <v/>
      </c>
      <c r="CC68" s="402">
        <f t="shared" si="63"/>
        <v>7168</v>
      </c>
      <c r="CD68" s="402" t="str">
        <f t="shared" si="64"/>
        <v/>
      </c>
      <c r="CE68" s="402" t="str">
        <f t="shared" si="65"/>
        <v/>
      </c>
      <c r="CF68" s="402" t="str">
        <f t="shared" si="66"/>
        <v/>
      </c>
      <c r="CG68" s="402" t="str">
        <f t="shared" si="67"/>
        <v/>
      </c>
      <c r="CH68" s="402"/>
      <c r="CI68" s="402"/>
      <c r="CJ68" s="402"/>
      <c r="CK68" s="402"/>
      <c r="CL68" s="402"/>
      <c r="CM68" s="402"/>
      <c r="CN68" s="402"/>
      <c r="CO68" s="402"/>
      <c r="CP68" s="402"/>
      <c r="CQ68" s="402"/>
      <c r="CR68" s="402"/>
      <c r="CS68" s="402"/>
      <c r="CT68" s="402"/>
      <c r="CU68" s="402"/>
      <c r="CV68" s="402"/>
      <c r="CW68" s="402"/>
      <c r="CX68" s="402"/>
      <c r="CY68" s="402"/>
      <c r="CZ68" s="402"/>
      <c r="DA68" s="402"/>
      <c r="DB68" s="402"/>
      <c r="DC68" s="402"/>
      <c r="DD68" s="407"/>
      <c r="DE68" s="407" t="s">
        <v>340</v>
      </c>
      <c r="DF68" s="407" t="s">
        <v>336</v>
      </c>
    </row>
    <row r="69" spans="3:110" s="395" customFormat="1" ht="56.1" customHeight="1" x14ac:dyDescent="0.2">
      <c r="C69" s="420">
        <v>176</v>
      </c>
      <c r="D69" s="420" t="s">
        <v>2481</v>
      </c>
      <c r="E69" s="96" t="s">
        <v>53</v>
      </c>
      <c r="F69" s="96" t="s">
        <v>329</v>
      </c>
      <c r="G69" s="407" t="s">
        <v>428</v>
      </c>
      <c r="H69" s="407" t="s">
        <v>360</v>
      </c>
      <c r="I69" s="316" t="s">
        <v>441</v>
      </c>
      <c r="J69" s="316"/>
      <c r="K69" s="407" t="s">
        <v>93</v>
      </c>
      <c r="L69" s="407" t="s">
        <v>42</v>
      </c>
      <c r="M69" s="407" t="s">
        <v>81</v>
      </c>
      <c r="N69" s="407" t="s">
        <v>334</v>
      </c>
      <c r="O69" s="407" t="s">
        <v>71</v>
      </c>
      <c r="P69" s="407" t="s">
        <v>63</v>
      </c>
      <c r="Q69" s="407" t="s">
        <v>63</v>
      </c>
      <c r="R69" s="410">
        <v>50411</v>
      </c>
      <c r="S69" s="410">
        <f t="shared" si="35"/>
        <v>50411</v>
      </c>
      <c r="T69" s="407" t="s">
        <v>226</v>
      </c>
      <c r="U69" s="407" t="s">
        <v>82</v>
      </c>
      <c r="V69" s="408"/>
      <c r="W69" s="408"/>
      <c r="X69" s="408"/>
      <c r="Y69" s="408"/>
      <c r="Z69" s="408"/>
      <c r="AA69" s="408"/>
      <c r="AB69" s="408"/>
      <c r="AC69" s="408"/>
      <c r="AD69" s="408"/>
      <c r="AE69" s="408"/>
      <c r="AF69" s="408"/>
      <c r="AG69" s="408"/>
      <c r="AH69" s="408"/>
      <c r="AI69" s="408"/>
      <c r="AJ69" s="408"/>
      <c r="AK69" s="408"/>
      <c r="AL69" s="408"/>
      <c r="AM69" s="408"/>
      <c r="AN69" s="408"/>
      <c r="AO69" s="408"/>
      <c r="AP69" s="408"/>
      <c r="AQ69" s="408"/>
      <c r="AR69" s="408"/>
      <c r="AS69" s="408"/>
      <c r="AT69" s="408"/>
      <c r="AU69" s="402" t="s">
        <v>66</v>
      </c>
      <c r="AV69" s="408"/>
      <c r="AW69" s="408"/>
      <c r="AX69" s="408"/>
      <c r="AY69" s="408"/>
      <c r="AZ69" s="408"/>
      <c r="BA69" s="308">
        <f t="shared" si="36"/>
        <v>217</v>
      </c>
      <c r="BB69" s="309">
        <f t="shared" si="34"/>
        <v>232.30875576036865</v>
      </c>
      <c r="BC69" s="402" t="str">
        <f t="shared" si="37"/>
        <v/>
      </c>
      <c r="BD69" s="402" t="str">
        <f t="shared" si="38"/>
        <v/>
      </c>
      <c r="BE69" s="402" t="str">
        <f t="shared" si="39"/>
        <v/>
      </c>
      <c r="BF69" s="402" t="str">
        <f t="shared" si="40"/>
        <v/>
      </c>
      <c r="BG69" s="402" t="str">
        <f t="shared" si="41"/>
        <v/>
      </c>
      <c r="BH69" s="402" t="str">
        <f t="shared" si="42"/>
        <v/>
      </c>
      <c r="BI69" s="402" t="str">
        <f t="shared" si="43"/>
        <v/>
      </c>
      <c r="BJ69" s="402" t="str">
        <f t="shared" si="44"/>
        <v/>
      </c>
      <c r="BK69" s="402" t="str">
        <f t="shared" si="45"/>
        <v/>
      </c>
      <c r="BL69" s="402" t="str">
        <f t="shared" si="46"/>
        <v/>
      </c>
      <c r="BM69" s="402" t="str">
        <f t="shared" si="47"/>
        <v/>
      </c>
      <c r="BN69" s="402" t="str">
        <f t="shared" si="48"/>
        <v/>
      </c>
      <c r="BO69" s="402" t="str">
        <f t="shared" si="49"/>
        <v/>
      </c>
      <c r="BP69" s="402" t="str">
        <f t="shared" si="50"/>
        <v/>
      </c>
      <c r="BQ69" s="402" t="str">
        <f t="shared" si="51"/>
        <v/>
      </c>
      <c r="BR69" s="402" t="str">
        <f t="shared" si="52"/>
        <v/>
      </c>
      <c r="BS69" s="402" t="str">
        <f t="shared" si="53"/>
        <v/>
      </c>
      <c r="BT69" s="402" t="str">
        <f t="shared" si="54"/>
        <v/>
      </c>
      <c r="BU69" s="402" t="str">
        <f t="shared" si="55"/>
        <v/>
      </c>
      <c r="BV69" s="402" t="str">
        <f t="shared" si="56"/>
        <v/>
      </c>
      <c r="BW69" s="402" t="str">
        <f t="shared" si="57"/>
        <v/>
      </c>
      <c r="BX69" s="402" t="str">
        <f t="shared" si="58"/>
        <v/>
      </c>
      <c r="BY69" s="402" t="str">
        <f t="shared" si="59"/>
        <v/>
      </c>
      <c r="BZ69" s="402" t="str">
        <f t="shared" si="60"/>
        <v/>
      </c>
      <c r="CA69" s="402" t="str">
        <f t="shared" si="61"/>
        <v/>
      </c>
      <c r="CB69" s="402">
        <f t="shared" si="62"/>
        <v>50411</v>
      </c>
      <c r="CC69" s="402" t="str">
        <f t="shared" si="63"/>
        <v/>
      </c>
      <c r="CD69" s="402" t="str">
        <f t="shared" si="64"/>
        <v/>
      </c>
      <c r="CE69" s="402" t="str">
        <f t="shared" si="65"/>
        <v/>
      </c>
      <c r="CF69" s="402" t="str">
        <f t="shared" si="66"/>
        <v/>
      </c>
      <c r="CG69" s="402" t="str">
        <f t="shared" si="67"/>
        <v/>
      </c>
      <c r="CH69" s="402"/>
      <c r="CI69" s="402"/>
      <c r="CJ69" s="402"/>
      <c r="CK69" s="402"/>
      <c r="CL69" s="402"/>
      <c r="CM69" s="402"/>
      <c r="CN69" s="402"/>
      <c r="CO69" s="402"/>
      <c r="CP69" s="402"/>
      <c r="CQ69" s="402"/>
      <c r="CR69" s="402"/>
      <c r="CS69" s="402"/>
      <c r="CT69" s="402"/>
      <c r="CU69" s="402"/>
      <c r="CV69" s="402"/>
      <c r="CW69" s="402"/>
      <c r="CX69" s="402"/>
      <c r="CY69" s="402"/>
      <c r="CZ69" s="402"/>
      <c r="DA69" s="402"/>
      <c r="DB69" s="402"/>
      <c r="DC69" s="402"/>
      <c r="DD69" s="407"/>
      <c r="DE69" s="407" t="s">
        <v>340</v>
      </c>
      <c r="DF69" s="407" t="s">
        <v>336</v>
      </c>
    </row>
    <row r="70" spans="3:110" s="395" customFormat="1" ht="56.1" customHeight="1" x14ac:dyDescent="0.2">
      <c r="C70" s="420">
        <v>177</v>
      </c>
      <c r="D70" s="420" t="s">
        <v>2481</v>
      </c>
      <c r="E70" s="96" t="s">
        <v>53</v>
      </c>
      <c r="F70" s="96" t="s">
        <v>329</v>
      </c>
      <c r="G70" s="407" t="s">
        <v>428</v>
      </c>
      <c r="H70" s="407" t="s">
        <v>360</v>
      </c>
      <c r="I70" s="316" t="s">
        <v>440</v>
      </c>
      <c r="J70" s="316"/>
      <c r="K70" s="407" t="s">
        <v>413</v>
      </c>
      <c r="L70" s="407" t="s">
        <v>310</v>
      </c>
      <c r="M70" s="407" t="s">
        <v>81</v>
      </c>
      <c r="N70" s="407" t="s">
        <v>334</v>
      </c>
      <c r="O70" s="407" t="s">
        <v>225</v>
      </c>
      <c r="P70" s="407" t="s">
        <v>63</v>
      </c>
      <c r="Q70" s="407" t="s">
        <v>63</v>
      </c>
      <c r="R70" s="410">
        <v>5482</v>
      </c>
      <c r="S70" s="410">
        <f t="shared" si="35"/>
        <v>5482</v>
      </c>
      <c r="T70" s="407" t="s">
        <v>226</v>
      </c>
      <c r="U70" s="407" t="s">
        <v>82</v>
      </c>
      <c r="V70" s="408"/>
      <c r="W70" s="408"/>
      <c r="X70" s="408"/>
      <c r="Y70" s="408"/>
      <c r="Z70" s="408"/>
      <c r="AA70" s="408"/>
      <c r="AB70" s="408"/>
      <c r="AC70" s="408"/>
      <c r="AD70" s="408"/>
      <c r="AE70" s="408"/>
      <c r="AF70" s="408"/>
      <c r="AG70" s="408"/>
      <c r="AH70" s="408"/>
      <c r="AI70" s="408"/>
      <c r="AJ70" s="408"/>
      <c r="AK70" s="408"/>
      <c r="AL70" s="408"/>
      <c r="AM70" s="408"/>
      <c r="AN70" s="408"/>
      <c r="AO70" s="408"/>
      <c r="AP70" s="408"/>
      <c r="AQ70" s="408"/>
      <c r="AR70" s="408"/>
      <c r="AS70" s="408"/>
      <c r="AT70" s="408"/>
      <c r="AU70" s="408"/>
      <c r="AV70" s="408"/>
      <c r="AW70" s="408" t="s">
        <v>66</v>
      </c>
      <c r="AX70" s="408"/>
      <c r="AY70" s="408"/>
      <c r="AZ70" s="408"/>
      <c r="BA70" s="308">
        <f t="shared" si="36"/>
        <v>67</v>
      </c>
      <c r="BB70" s="309">
        <f t="shared" si="34"/>
        <v>81.820895522388057</v>
      </c>
      <c r="BC70" s="402" t="str">
        <f t="shared" si="37"/>
        <v/>
      </c>
      <c r="BD70" s="402" t="str">
        <f t="shared" si="38"/>
        <v/>
      </c>
      <c r="BE70" s="402" t="str">
        <f t="shared" si="39"/>
        <v/>
      </c>
      <c r="BF70" s="402" t="str">
        <f t="shared" si="40"/>
        <v/>
      </c>
      <c r="BG70" s="402" t="str">
        <f t="shared" si="41"/>
        <v/>
      </c>
      <c r="BH70" s="402" t="str">
        <f t="shared" si="42"/>
        <v/>
      </c>
      <c r="BI70" s="402" t="str">
        <f t="shared" si="43"/>
        <v/>
      </c>
      <c r="BJ70" s="402" t="str">
        <f t="shared" si="44"/>
        <v/>
      </c>
      <c r="BK70" s="402" t="str">
        <f t="shared" si="45"/>
        <v/>
      </c>
      <c r="BL70" s="402" t="str">
        <f t="shared" si="46"/>
        <v/>
      </c>
      <c r="BM70" s="402" t="str">
        <f t="shared" si="47"/>
        <v/>
      </c>
      <c r="BN70" s="402" t="str">
        <f t="shared" si="48"/>
        <v/>
      </c>
      <c r="BO70" s="402" t="str">
        <f t="shared" si="49"/>
        <v/>
      </c>
      <c r="BP70" s="402" t="str">
        <f t="shared" si="50"/>
        <v/>
      </c>
      <c r="BQ70" s="402" t="str">
        <f t="shared" si="51"/>
        <v/>
      </c>
      <c r="BR70" s="402" t="str">
        <f t="shared" si="52"/>
        <v/>
      </c>
      <c r="BS70" s="402" t="str">
        <f t="shared" si="53"/>
        <v/>
      </c>
      <c r="BT70" s="402" t="str">
        <f t="shared" si="54"/>
        <v/>
      </c>
      <c r="BU70" s="402" t="str">
        <f t="shared" si="55"/>
        <v/>
      </c>
      <c r="BV70" s="402" t="str">
        <f t="shared" si="56"/>
        <v/>
      </c>
      <c r="BW70" s="402" t="str">
        <f t="shared" si="57"/>
        <v/>
      </c>
      <c r="BX70" s="402" t="str">
        <f t="shared" si="58"/>
        <v/>
      </c>
      <c r="BY70" s="402" t="str">
        <f t="shared" si="59"/>
        <v/>
      </c>
      <c r="BZ70" s="402" t="str">
        <f t="shared" si="60"/>
        <v/>
      </c>
      <c r="CA70" s="402" t="str">
        <f t="shared" si="61"/>
        <v/>
      </c>
      <c r="CB70" s="402" t="str">
        <f t="shared" si="62"/>
        <v/>
      </c>
      <c r="CC70" s="402" t="str">
        <f t="shared" si="63"/>
        <v/>
      </c>
      <c r="CD70" s="402">
        <f t="shared" si="64"/>
        <v>5482</v>
      </c>
      <c r="CE70" s="402" t="str">
        <f t="shared" si="65"/>
        <v/>
      </c>
      <c r="CF70" s="402" t="str">
        <f t="shared" si="66"/>
        <v/>
      </c>
      <c r="CG70" s="402" t="str">
        <f t="shared" si="67"/>
        <v/>
      </c>
      <c r="CH70" s="402"/>
      <c r="CI70" s="402"/>
      <c r="CJ70" s="402"/>
      <c r="CK70" s="402"/>
      <c r="CL70" s="402"/>
      <c r="CM70" s="402"/>
      <c r="CN70" s="402"/>
      <c r="CO70" s="402"/>
      <c r="CP70" s="402"/>
      <c r="CQ70" s="402"/>
      <c r="CR70" s="402"/>
      <c r="CS70" s="402"/>
      <c r="CT70" s="402"/>
      <c r="CU70" s="402"/>
      <c r="CV70" s="402"/>
      <c r="CW70" s="402"/>
      <c r="CX70" s="402"/>
      <c r="CY70" s="402"/>
      <c r="CZ70" s="402"/>
      <c r="DA70" s="402"/>
      <c r="DB70" s="402"/>
      <c r="DC70" s="402"/>
      <c r="DD70" s="407"/>
      <c r="DE70" s="407" t="s">
        <v>340</v>
      </c>
      <c r="DF70" s="407" t="s">
        <v>336</v>
      </c>
    </row>
    <row r="71" spans="3:110" s="395" customFormat="1" ht="56.1" customHeight="1" x14ac:dyDescent="0.2">
      <c r="C71" s="420">
        <v>178</v>
      </c>
      <c r="D71" s="420" t="s">
        <v>2481</v>
      </c>
      <c r="E71" s="96" t="s">
        <v>53</v>
      </c>
      <c r="F71" s="96" t="s">
        <v>329</v>
      </c>
      <c r="G71" s="407" t="s">
        <v>428</v>
      </c>
      <c r="H71" s="407" t="s">
        <v>414</v>
      </c>
      <c r="I71" s="316" t="s">
        <v>440</v>
      </c>
      <c r="J71" s="316"/>
      <c r="K71" s="407" t="s">
        <v>95</v>
      </c>
      <c r="L71" s="407" t="s">
        <v>347</v>
      </c>
      <c r="M71" s="407" t="s">
        <v>81</v>
      </c>
      <c r="N71" s="407" t="s">
        <v>334</v>
      </c>
      <c r="O71" s="407" t="s">
        <v>225</v>
      </c>
      <c r="P71" s="407" t="s">
        <v>63</v>
      </c>
      <c r="Q71" s="407" t="s">
        <v>63</v>
      </c>
      <c r="R71" s="410">
        <v>7168</v>
      </c>
      <c r="S71" s="410">
        <f t="shared" si="35"/>
        <v>7168</v>
      </c>
      <c r="T71" s="407" t="s">
        <v>226</v>
      </c>
      <c r="U71" s="407" t="s">
        <v>82</v>
      </c>
      <c r="V71" s="408"/>
      <c r="W71" s="408"/>
      <c r="X71" s="408"/>
      <c r="Y71" s="408"/>
      <c r="Z71" s="408"/>
      <c r="AA71" s="408"/>
      <c r="AB71" s="408"/>
      <c r="AC71" s="408"/>
      <c r="AD71" s="408"/>
      <c r="AE71" s="408"/>
      <c r="AF71" s="408"/>
      <c r="AG71" s="408"/>
      <c r="AH71" s="408"/>
      <c r="AI71" s="408"/>
      <c r="AJ71" s="408"/>
      <c r="AK71" s="408"/>
      <c r="AL71" s="408"/>
      <c r="AM71" s="408"/>
      <c r="AN71" s="408"/>
      <c r="AO71" s="408"/>
      <c r="AP71" s="408"/>
      <c r="AQ71" s="408"/>
      <c r="AR71" s="408"/>
      <c r="AS71" s="408"/>
      <c r="AT71" s="408"/>
      <c r="AU71" s="408"/>
      <c r="AV71" s="408"/>
      <c r="AW71" s="408"/>
      <c r="AX71" s="408"/>
      <c r="AY71" s="306" t="s">
        <v>66</v>
      </c>
      <c r="AZ71" s="408"/>
      <c r="BA71" s="308">
        <f t="shared" si="36"/>
        <v>31</v>
      </c>
      <c r="BB71" s="309">
        <f t="shared" si="34"/>
        <v>231.2258064516129</v>
      </c>
      <c r="BC71" s="402" t="str">
        <f t="shared" si="37"/>
        <v/>
      </c>
      <c r="BD71" s="402" t="str">
        <f t="shared" si="38"/>
        <v/>
      </c>
      <c r="BE71" s="402" t="str">
        <f t="shared" si="39"/>
        <v/>
      </c>
      <c r="BF71" s="402" t="str">
        <f t="shared" si="40"/>
        <v/>
      </c>
      <c r="BG71" s="402" t="str">
        <f t="shared" si="41"/>
        <v/>
      </c>
      <c r="BH71" s="402" t="str">
        <f t="shared" si="42"/>
        <v/>
      </c>
      <c r="BI71" s="402" t="str">
        <f t="shared" si="43"/>
        <v/>
      </c>
      <c r="BJ71" s="402" t="str">
        <f t="shared" si="44"/>
        <v/>
      </c>
      <c r="BK71" s="402" t="str">
        <f t="shared" si="45"/>
        <v/>
      </c>
      <c r="BL71" s="402" t="str">
        <f t="shared" si="46"/>
        <v/>
      </c>
      <c r="BM71" s="402" t="str">
        <f t="shared" si="47"/>
        <v/>
      </c>
      <c r="BN71" s="402" t="str">
        <f t="shared" si="48"/>
        <v/>
      </c>
      <c r="BO71" s="402" t="str">
        <f t="shared" si="49"/>
        <v/>
      </c>
      <c r="BP71" s="402" t="str">
        <f t="shared" si="50"/>
        <v/>
      </c>
      <c r="BQ71" s="402" t="str">
        <f t="shared" si="51"/>
        <v/>
      </c>
      <c r="BR71" s="402" t="str">
        <f t="shared" si="52"/>
        <v/>
      </c>
      <c r="BS71" s="402" t="str">
        <f t="shared" si="53"/>
        <v/>
      </c>
      <c r="BT71" s="402" t="str">
        <f t="shared" si="54"/>
        <v/>
      </c>
      <c r="BU71" s="402" t="str">
        <f t="shared" si="55"/>
        <v/>
      </c>
      <c r="BV71" s="402" t="str">
        <f t="shared" si="56"/>
        <v/>
      </c>
      <c r="BW71" s="402" t="str">
        <f t="shared" si="57"/>
        <v/>
      </c>
      <c r="BX71" s="402" t="str">
        <f t="shared" si="58"/>
        <v/>
      </c>
      <c r="BY71" s="402" t="str">
        <f t="shared" si="59"/>
        <v/>
      </c>
      <c r="BZ71" s="402" t="str">
        <f t="shared" si="60"/>
        <v/>
      </c>
      <c r="CA71" s="402" t="str">
        <f t="shared" si="61"/>
        <v/>
      </c>
      <c r="CB71" s="402" t="str">
        <f t="shared" si="62"/>
        <v/>
      </c>
      <c r="CC71" s="402" t="str">
        <f t="shared" si="63"/>
        <v/>
      </c>
      <c r="CD71" s="402" t="str">
        <f t="shared" si="64"/>
        <v/>
      </c>
      <c r="CE71" s="402" t="str">
        <f t="shared" si="65"/>
        <v/>
      </c>
      <c r="CF71" s="402">
        <f t="shared" si="66"/>
        <v>7168</v>
      </c>
      <c r="CG71" s="402" t="str">
        <f t="shared" si="67"/>
        <v/>
      </c>
      <c r="CH71" s="402"/>
      <c r="CI71" s="402"/>
      <c r="CJ71" s="402"/>
      <c r="CK71" s="402"/>
      <c r="CL71" s="402"/>
      <c r="CM71" s="402"/>
      <c r="CN71" s="402"/>
      <c r="CO71" s="402"/>
      <c r="CP71" s="402"/>
      <c r="CQ71" s="402"/>
      <c r="CR71" s="402"/>
      <c r="CS71" s="402"/>
      <c r="CT71" s="402"/>
      <c r="CU71" s="402"/>
      <c r="CV71" s="402"/>
      <c r="CW71" s="402"/>
      <c r="CX71" s="402"/>
      <c r="CY71" s="402"/>
      <c r="CZ71" s="402"/>
      <c r="DA71" s="402"/>
      <c r="DB71" s="402"/>
      <c r="DC71" s="402"/>
      <c r="DD71" s="407"/>
      <c r="DE71" s="407" t="s">
        <v>340</v>
      </c>
      <c r="DF71" s="407" t="s">
        <v>336</v>
      </c>
    </row>
    <row r="72" spans="3:110" s="337" customFormat="1" ht="56.1" customHeight="1" x14ac:dyDescent="0.2">
      <c r="C72" s="368">
        <v>197</v>
      </c>
      <c r="D72" s="420" t="s">
        <v>2481</v>
      </c>
      <c r="E72" s="369" t="s">
        <v>53</v>
      </c>
      <c r="F72" s="369" t="s">
        <v>329</v>
      </c>
      <c r="G72" s="334" t="s">
        <v>456</v>
      </c>
      <c r="H72" s="334" t="s">
        <v>457</v>
      </c>
      <c r="I72" s="259" t="s">
        <v>458</v>
      </c>
      <c r="J72" s="259"/>
      <c r="K72" s="334" t="s">
        <v>333</v>
      </c>
      <c r="L72" s="334" t="s">
        <v>63</v>
      </c>
      <c r="M72" s="334" t="s">
        <v>81</v>
      </c>
      <c r="N72" s="334" t="s">
        <v>334</v>
      </c>
      <c r="O72" s="334" t="s">
        <v>225</v>
      </c>
      <c r="P72" s="334" t="s">
        <v>63</v>
      </c>
      <c r="Q72" s="334" t="s">
        <v>63</v>
      </c>
      <c r="R72" s="335">
        <v>27454</v>
      </c>
      <c r="S72" s="335">
        <f t="shared" si="35"/>
        <v>27454</v>
      </c>
      <c r="T72" s="334" t="s">
        <v>226</v>
      </c>
      <c r="U72" s="334" t="s">
        <v>82</v>
      </c>
      <c r="V72" s="336" t="s">
        <v>66</v>
      </c>
      <c r="W72" s="338"/>
      <c r="X72" s="338"/>
      <c r="Y72" s="338"/>
      <c r="Z72" s="338"/>
      <c r="AA72" s="338"/>
      <c r="AB72" s="338"/>
      <c r="AC72" s="338"/>
      <c r="AD72" s="338"/>
      <c r="AE72" s="338"/>
      <c r="AF72" s="338"/>
      <c r="AG72" s="338"/>
      <c r="AH72" s="338"/>
      <c r="AI72" s="338"/>
      <c r="AJ72" s="338"/>
      <c r="AK72" s="338"/>
      <c r="AL72" s="338"/>
      <c r="AM72" s="338"/>
      <c r="AN72" s="338"/>
      <c r="AO72" s="338"/>
      <c r="AP72" s="338"/>
      <c r="AQ72" s="338"/>
      <c r="AR72" s="338"/>
      <c r="AS72" s="338"/>
      <c r="AT72" s="338"/>
      <c r="AU72" s="338"/>
      <c r="AV72" s="338"/>
      <c r="AW72" s="338"/>
      <c r="AX72" s="338"/>
      <c r="AY72" s="338"/>
      <c r="AZ72" s="338"/>
      <c r="BA72" s="238">
        <f t="shared" si="36"/>
        <v>1500</v>
      </c>
      <c r="BB72" s="84">
        <f t="shared" si="34"/>
        <v>18.302666666666667</v>
      </c>
      <c r="BC72" s="336">
        <f t="shared" si="37"/>
        <v>27454</v>
      </c>
      <c r="BD72" s="336" t="str">
        <f t="shared" si="38"/>
        <v/>
      </c>
      <c r="BE72" s="336" t="str">
        <f t="shared" si="39"/>
        <v/>
      </c>
      <c r="BF72" s="336" t="str">
        <f t="shared" si="40"/>
        <v/>
      </c>
      <c r="BG72" s="336" t="str">
        <f t="shared" si="41"/>
        <v/>
      </c>
      <c r="BH72" s="336" t="str">
        <f t="shared" si="42"/>
        <v/>
      </c>
      <c r="BI72" s="336" t="str">
        <f t="shared" si="43"/>
        <v/>
      </c>
      <c r="BJ72" s="336" t="str">
        <f t="shared" si="44"/>
        <v/>
      </c>
      <c r="BK72" s="336" t="str">
        <f t="shared" si="45"/>
        <v/>
      </c>
      <c r="BL72" s="336" t="str">
        <f t="shared" si="46"/>
        <v/>
      </c>
      <c r="BM72" s="336" t="str">
        <f t="shared" si="47"/>
        <v/>
      </c>
      <c r="BN72" s="336" t="str">
        <f t="shared" si="48"/>
        <v/>
      </c>
      <c r="BO72" s="336" t="str">
        <f t="shared" si="49"/>
        <v/>
      </c>
      <c r="BP72" s="336" t="str">
        <f t="shared" si="50"/>
        <v/>
      </c>
      <c r="BQ72" s="336" t="str">
        <f t="shared" si="51"/>
        <v/>
      </c>
      <c r="BR72" s="336" t="str">
        <f t="shared" si="52"/>
        <v/>
      </c>
      <c r="BS72" s="336" t="str">
        <f t="shared" si="53"/>
        <v/>
      </c>
      <c r="BT72" s="336" t="str">
        <f t="shared" si="54"/>
        <v/>
      </c>
      <c r="BU72" s="336" t="str">
        <f t="shared" si="55"/>
        <v/>
      </c>
      <c r="BV72" s="336" t="str">
        <f t="shared" si="56"/>
        <v/>
      </c>
      <c r="BW72" s="336" t="str">
        <f t="shared" si="57"/>
        <v/>
      </c>
      <c r="BX72" s="336" t="str">
        <f t="shared" si="58"/>
        <v/>
      </c>
      <c r="BY72" s="336" t="str">
        <f t="shared" si="59"/>
        <v/>
      </c>
      <c r="BZ72" s="336" t="str">
        <f t="shared" si="60"/>
        <v/>
      </c>
      <c r="CA72" s="336" t="str">
        <f t="shared" si="61"/>
        <v/>
      </c>
      <c r="CB72" s="336" t="str">
        <f t="shared" si="62"/>
        <v/>
      </c>
      <c r="CC72" s="336" t="str">
        <f t="shared" si="63"/>
        <v/>
      </c>
      <c r="CD72" s="336" t="str">
        <f t="shared" si="64"/>
        <v/>
      </c>
      <c r="CE72" s="336" t="str">
        <f t="shared" si="65"/>
        <v/>
      </c>
      <c r="CF72" s="336" t="str">
        <f t="shared" si="66"/>
        <v/>
      </c>
      <c r="CG72" s="336" t="str">
        <f t="shared" si="67"/>
        <v/>
      </c>
      <c r="CH72" s="336"/>
      <c r="CI72" s="336"/>
      <c r="CJ72" s="336"/>
      <c r="CK72" s="336"/>
      <c r="CL72" s="336"/>
      <c r="CM72" s="336"/>
      <c r="CN72" s="336"/>
      <c r="CO72" s="336"/>
      <c r="CP72" s="336"/>
      <c r="CQ72" s="336"/>
      <c r="CR72" s="336"/>
      <c r="CS72" s="336"/>
      <c r="CT72" s="336"/>
      <c r="CU72" s="336"/>
      <c r="CV72" s="336"/>
      <c r="CW72" s="336"/>
      <c r="CX72" s="336"/>
      <c r="CY72" s="336"/>
      <c r="CZ72" s="336"/>
      <c r="DA72" s="336"/>
      <c r="DB72" s="336"/>
      <c r="DC72" s="336"/>
      <c r="DD72" s="334"/>
      <c r="DE72" s="334" t="s">
        <v>459</v>
      </c>
      <c r="DF72" s="334" t="s">
        <v>336</v>
      </c>
    </row>
    <row r="73" spans="3:110" s="395" customFormat="1" ht="56.1" customHeight="1" x14ac:dyDescent="0.2">
      <c r="C73" s="420">
        <v>198</v>
      </c>
      <c r="D73" s="420" t="s">
        <v>2481</v>
      </c>
      <c r="E73" s="96" t="s">
        <v>53</v>
      </c>
      <c r="F73" s="96" t="s">
        <v>329</v>
      </c>
      <c r="G73" s="407" t="s">
        <v>456</v>
      </c>
      <c r="H73" s="407" t="s">
        <v>460</v>
      </c>
      <c r="I73" s="316" t="s">
        <v>461</v>
      </c>
      <c r="J73" s="316"/>
      <c r="K73" s="407" t="s">
        <v>90</v>
      </c>
      <c r="L73" s="407" t="s">
        <v>38</v>
      </c>
      <c r="M73" s="407" t="s">
        <v>81</v>
      </c>
      <c r="N73" s="407" t="s">
        <v>334</v>
      </c>
      <c r="O73" s="407" t="s">
        <v>339</v>
      </c>
      <c r="P73" s="407" t="s">
        <v>63</v>
      </c>
      <c r="Q73" s="407" t="s">
        <v>63</v>
      </c>
      <c r="R73" s="410">
        <v>20440</v>
      </c>
      <c r="S73" s="410">
        <f t="shared" si="35"/>
        <v>20440</v>
      </c>
      <c r="T73" s="407" t="s">
        <v>226</v>
      </c>
      <c r="U73" s="407" t="s">
        <v>82</v>
      </c>
      <c r="V73" s="408"/>
      <c r="W73" s="408"/>
      <c r="X73" s="408"/>
      <c r="Y73" s="408"/>
      <c r="Z73" s="408"/>
      <c r="AA73" s="408"/>
      <c r="AB73" s="408"/>
      <c r="AC73" s="408"/>
      <c r="AD73" s="408"/>
      <c r="AE73" s="408"/>
      <c r="AF73" s="408"/>
      <c r="AG73" s="408"/>
      <c r="AH73" s="408"/>
      <c r="AI73" s="408"/>
      <c r="AJ73" s="408"/>
      <c r="AK73" s="408"/>
      <c r="AL73" s="408"/>
      <c r="AM73" s="408"/>
      <c r="AN73" s="408"/>
      <c r="AO73" s="408"/>
      <c r="AP73" s="408"/>
      <c r="AQ73" s="402" t="s">
        <v>66</v>
      </c>
      <c r="AR73" s="408"/>
      <c r="AS73" s="408"/>
      <c r="AT73" s="408"/>
      <c r="AU73" s="408"/>
      <c r="AV73" s="408"/>
      <c r="AW73" s="408"/>
      <c r="AX73" s="408"/>
      <c r="AY73" s="408"/>
      <c r="AZ73" s="408"/>
      <c r="BA73" s="308">
        <f t="shared" si="36"/>
        <v>250</v>
      </c>
      <c r="BB73" s="309">
        <f t="shared" si="34"/>
        <v>81.760000000000005</v>
      </c>
      <c r="BC73" s="402" t="str">
        <f t="shared" si="37"/>
        <v/>
      </c>
      <c r="BD73" s="402" t="str">
        <f t="shared" si="38"/>
        <v/>
      </c>
      <c r="BE73" s="402" t="str">
        <f t="shared" si="39"/>
        <v/>
      </c>
      <c r="BF73" s="402" t="str">
        <f t="shared" si="40"/>
        <v/>
      </c>
      <c r="BG73" s="402" t="str">
        <f t="shared" si="41"/>
        <v/>
      </c>
      <c r="BH73" s="402" t="str">
        <f t="shared" si="42"/>
        <v/>
      </c>
      <c r="BI73" s="402" t="str">
        <f t="shared" si="43"/>
        <v/>
      </c>
      <c r="BJ73" s="402" t="str">
        <f t="shared" si="44"/>
        <v/>
      </c>
      <c r="BK73" s="402" t="str">
        <f t="shared" si="45"/>
        <v/>
      </c>
      <c r="BL73" s="402" t="str">
        <f t="shared" si="46"/>
        <v/>
      </c>
      <c r="BM73" s="402" t="str">
        <f t="shared" si="47"/>
        <v/>
      </c>
      <c r="BN73" s="402" t="str">
        <f t="shared" si="48"/>
        <v/>
      </c>
      <c r="BO73" s="402" t="str">
        <f t="shared" si="49"/>
        <v/>
      </c>
      <c r="BP73" s="402" t="str">
        <f t="shared" si="50"/>
        <v/>
      </c>
      <c r="BQ73" s="402" t="str">
        <f t="shared" si="51"/>
        <v/>
      </c>
      <c r="BR73" s="402" t="str">
        <f t="shared" si="52"/>
        <v/>
      </c>
      <c r="BS73" s="402" t="str">
        <f t="shared" si="53"/>
        <v/>
      </c>
      <c r="BT73" s="402" t="str">
        <f t="shared" si="54"/>
        <v/>
      </c>
      <c r="BU73" s="402" t="str">
        <f t="shared" si="55"/>
        <v/>
      </c>
      <c r="BV73" s="402" t="str">
        <f t="shared" si="56"/>
        <v/>
      </c>
      <c r="BW73" s="402" t="str">
        <f t="shared" si="57"/>
        <v/>
      </c>
      <c r="BX73" s="402">
        <f t="shared" si="58"/>
        <v>20440</v>
      </c>
      <c r="BY73" s="402" t="str">
        <f t="shared" si="59"/>
        <v/>
      </c>
      <c r="BZ73" s="402" t="str">
        <f t="shared" si="60"/>
        <v/>
      </c>
      <c r="CA73" s="402" t="str">
        <f t="shared" si="61"/>
        <v/>
      </c>
      <c r="CB73" s="402" t="str">
        <f t="shared" si="62"/>
        <v/>
      </c>
      <c r="CC73" s="402" t="str">
        <f t="shared" si="63"/>
        <v/>
      </c>
      <c r="CD73" s="402" t="str">
        <f t="shared" si="64"/>
        <v/>
      </c>
      <c r="CE73" s="402" t="str">
        <f t="shared" si="65"/>
        <v/>
      </c>
      <c r="CF73" s="402" t="str">
        <f t="shared" si="66"/>
        <v/>
      </c>
      <c r="CG73" s="402" t="str">
        <f t="shared" si="67"/>
        <v/>
      </c>
      <c r="CH73" s="402"/>
      <c r="CI73" s="402"/>
      <c r="CJ73" s="402"/>
      <c r="CK73" s="402"/>
      <c r="CL73" s="402"/>
      <c r="CM73" s="402"/>
      <c r="CN73" s="402"/>
      <c r="CO73" s="402"/>
      <c r="CP73" s="402"/>
      <c r="CQ73" s="402"/>
      <c r="CR73" s="402"/>
      <c r="CS73" s="402"/>
      <c r="CT73" s="402"/>
      <c r="CU73" s="402"/>
      <c r="CV73" s="402"/>
      <c r="CW73" s="402"/>
      <c r="CX73" s="402"/>
      <c r="CY73" s="402"/>
      <c r="CZ73" s="402"/>
      <c r="DA73" s="402"/>
      <c r="DB73" s="402"/>
      <c r="DC73" s="402"/>
      <c r="DD73" s="407"/>
      <c r="DE73" s="407" t="s">
        <v>462</v>
      </c>
      <c r="DF73" s="407" t="s">
        <v>336</v>
      </c>
    </row>
    <row r="74" spans="3:110" s="395" customFormat="1" ht="56.1" customHeight="1" x14ac:dyDescent="0.2">
      <c r="C74" s="420">
        <v>199</v>
      </c>
      <c r="D74" s="420" t="s">
        <v>2481</v>
      </c>
      <c r="E74" s="96" t="s">
        <v>53</v>
      </c>
      <c r="F74" s="96" t="s">
        <v>329</v>
      </c>
      <c r="G74" s="407" t="s">
        <v>456</v>
      </c>
      <c r="H74" s="407" t="s">
        <v>460</v>
      </c>
      <c r="I74" s="316" t="s">
        <v>463</v>
      </c>
      <c r="J74" s="316"/>
      <c r="K74" s="407" t="s">
        <v>90</v>
      </c>
      <c r="L74" s="407" t="s">
        <v>39</v>
      </c>
      <c r="M74" s="407" t="s">
        <v>81</v>
      </c>
      <c r="N74" s="407" t="s">
        <v>334</v>
      </c>
      <c r="O74" s="407" t="s">
        <v>122</v>
      </c>
      <c r="P74" s="407" t="s">
        <v>63</v>
      </c>
      <c r="Q74" s="407" t="s">
        <v>63</v>
      </c>
      <c r="R74" s="410">
        <v>32698</v>
      </c>
      <c r="S74" s="410">
        <f t="shared" si="35"/>
        <v>32698</v>
      </c>
      <c r="T74" s="407" t="s">
        <v>226</v>
      </c>
      <c r="U74" s="407" t="s">
        <v>82</v>
      </c>
      <c r="V74" s="408"/>
      <c r="W74" s="408"/>
      <c r="X74" s="408"/>
      <c r="Y74" s="408"/>
      <c r="Z74" s="408"/>
      <c r="AA74" s="408"/>
      <c r="AB74" s="408"/>
      <c r="AC74" s="408"/>
      <c r="AD74" s="408"/>
      <c r="AE74" s="408"/>
      <c r="AF74" s="408"/>
      <c r="AG74" s="408"/>
      <c r="AH74" s="408"/>
      <c r="AI74" s="408"/>
      <c r="AJ74" s="408"/>
      <c r="AK74" s="408"/>
      <c r="AL74" s="408"/>
      <c r="AM74" s="408"/>
      <c r="AN74" s="408"/>
      <c r="AO74" s="408"/>
      <c r="AP74" s="408"/>
      <c r="AQ74" s="408"/>
      <c r="AR74" s="402" t="s">
        <v>66</v>
      </c>
      <c r="AS74" s="408"/>
      <c r="AT74" s="408"/>
      <c r="AU74" s="408"/>
      <c r="AV74" s="408"/>
      <c r="AW74" s="408"/>
      <c r="AX74" s="408"/>
      <c r="AY74" s="408"/>
      <c r="AZ74" s="408"/>
      <c r="BA74" s="308">
        <f t="shared" si="36"/>
        <v>400</v>
      </c>
      <c r="BB74" s="309">
        <f t="shared" si="34"/>
        <v>81.745000000000005</v>
      </c>
      <c r="BC74" s="402" t="str">
        <f t="shared" si="37"/>
        <v/>
      </c>
      <c r="BD74" s="402" t="str">
        <f t="shared" si="38"/>
        <v/>
      </c>
      <c r="BE74" s="402" t="str">
        <f t="shared" si="39"/>
        <v/>
      </c>
      <c r="BF74" s="402" t="str">
        <f t="shared" si="40"/>
        <v/>
      </c>
      <c r="BG74" s="402" t="str">
        <f t="shared" si="41"/>
        <v/>
      </c>
      <c r="BH74" s="402" t="str">
        <f t="shared" si="42"/>
        <v/>
      </c>
      <c r="BI74" s="402" t="str">
        <f t="shared" si="43"/>
        <v/>
      </c>
      <c r="BJ74" s="402" t="str">
        <f t="shared" si="44"/>
        <v/>
      </c>
      <c r="BK74" s="402" t="str">
        <f t="shared" si="45"/>
        <v/>
      </c>
      <c r="BL74" s="402" t="str">
        <f t="shared" si="46"/>
        <v/>
      </c>
      <c r="BM74" s="402" t="str">
        <f t="shared" si="47"/>
        <v/>
      </c>
      <c r="BN74" s="402" t="str">
        <f t="shared" si="48"/>
        <v/>
      </c>
      <c r="BO74" s="402" t="str">
        <f t="shared" si="49"/>
        <v/>
      </c>
      <c r="BP74" s="402" t="str">
        <f t="shared" si="50"/>
        <v/>
      </c>
      <c r="BQ74" s="402" t="str">
        <f t="shared" si="51"/>
        <v/>
      </c>
      <c r="BR74" s="402" t="str">
        <f t="shared" si="52"/>
        <v/>
      </c>
      <c r="BS74" s="402" t="str">
        <f t="shared" si="53"/>
        <v/>
      </c>
      <c r="BT74" s="402" t="str">
        <f t="shared" si="54"/>
        <v/>
      </c>
      <c r="BU74" s="402" t="str">
        <f t="shared" si="55"/>
        <v/>
      </c>
      <c r="BV74" s="402" t="str">
        <f t="shared" si="56"/>
        <v/>
      </c>
      <c r="BW74" s="402" t="str">
        <f t="shared" si="57"/>
        <v/>
      </c>
      <c r="BX74" s="402" t="str">
        <f t="shared" si="58"/>
        <v/>
      </c>
      <c r="BY74" s="402">
        <f t="shared" si="59"/>
        <v>32698</v>
      </c>
      <c r="BZ74" s="402" t="str">
        <f t="shared" si="60"/>
        <v/>
      </c>
      <c r="CA74" s="402" t="str">
        <f t="shared" si="61"/>
        <v/>
      </c>
      <c r="CB74" s="402" t="str">
        <f t="shared" si="62"/>
        <v/>
      </c>
      <c r="CC74" s="402" t="str">
        <f t="shared" si="63"/>
        <v/>
      </c>
      <c r="CD74" s="402" t="str">
        <f t="shared" si="64"/>
        <v/>
      </c>
      <c r="CE74" s="402" t="str">
        <f t="shared" si="65"/>
        <v/>
      </c>
      <c r="CF74" s="402" t="str">
        <f t="shared" si="66"/>
        <v/>
      </c>
      <c r="CG74" s="402" t="str">
        <f t="shared" si="67"/>
        <v/>
      </c>
      <c r="CH74" s="402"/>
      <c r="CI74" s="402"/>
      <c r="CJ74" s="402"/>
      <c r="CK74" s="402"/>
      <c r="CL74" s="402"/>
      <c r="CM74" s="402"/>
      <c r="CN74" s="402"/>
      <c r="CO74" s="402"/>
      <c r="CP74" s="402"/>
      <c r="CQ74" s="402"/>
      <c r="CR74" s="402"/>
      <c r="CS74" s="402"/>
      <c r="CT74" s="402"/>
      <c r="CU74" s="402"/>
      <c r="CV74" s="402"/>
      <c r="CW74" s="402"/>
      <c r="CX74" s="402"/>
      <c r="CY74" s="402"/>
      <c r="CZ74" s="402"/>
      <c r="DA74" s="402"/>
      <c r="DB74" s="402"/>
      <c r="DC74" s="402"/>
      <c r="DD74" s="407"/>
      <c r="DE74" s="407" t="s">
        <v>462</v>
      </c>
      <c r="DF74" s="407" t="s">
        <v>336</v>
      </c>
    </row>
    <row r="75" spans="3:110" s="395" customFormat="1" ht="56.1" customHeight="1" x14ac:dyDescent="0.2">
      <c r="C75" s="420">
        <v>200</v>
      </c>
      <c r="D75" s="420" t="s">
        <v>2481</v>
      </c>
      <c r="E75" s="96" t="s">
        <v>53</v>
      </c>
      <c r="F75" s="96" t="s">
        <v>329</v>
      </c>
      <c r="G75" s="407" t="s">
        <v>456</v>
      </c>
      <c r="H75" s="407" t="s">
        <v>460</v>
      </c>
      <c r="I75" s="316" t="s">
        <v>464</v>
      </c>
      <c r="J75" s="316"/>
      <c r="K75" s="407" t="s">
        <v>90</v>
      </c>
      <c r="L75" s="407" t="s">
        <v>40</v>
      </c>
      <c r="M75" s="407" t="s">
        <v>81</v>
      </c>
      <c r="N75" s="407" t="s">
        <v>334</v>
      </c>
      <c r="O75" s="407" t="s">
        <v>169</v>
      </c>
      <c r="P75" s="407" t="s">
        <v>63</v>
      </c>
      <c r="Q75" s="407" t="s">
        <v>63</v>
      </c>
      <c r="R75" s="410">
        <v>114449</v>
      </c>
      <c r="S75" s="410">
        <f t="shared" si="35"/>
        <v>114449</v>
      </c>
      <c r="T75" s="407" t="s">
        <v>226</v>
      </c>
      <c r="U75" s="407" t="s">
        <v>82</v>
      </c>
      <c r="V75" s="408"/>
      <c r="W75" s="408"/>
      <c r="X75" s="408"/>
      <c r="Y75" s="408"/>
      <c r="Z75" s="408"/>
      <c r="AA75" s="408"/>
      <c r="AB75" s="408"/>
      <c r="AC75" s="408"/>
      <c r="AD75" s="408"/>
      <c r="AE75" s="408"/>
      <c r="AF75" s="408"/>
      <c r="AG75" s="408"/>
      <c r="AH75" s="408"/>
      <c r="AI75" s="408"/>
      <c r="AJ75" s="408"/>
      <c r="AK75" s="408"/>
      <c r="AL75" s="408"/>
      <c r="AM75" s="408"/>
      <c r="AN75" s="408"/>
      <c r="AO75" s="408"/>
      <c r="AP75" s="408"/>
      <c r="AQ75" s="408"/>
      <c r="AR75" s="408"/>
      <c r="AS75" s="402" t="s">
        <v>66</v>
      </c>
      <c r="AT75" s="408"/>
      <c r="AU75" s="408"/>
      <c r="AV75" s="408"/>
      <c r="AW75" s="408"/>
      <c r="AX75" s="408"/>
      <c r="AY75" s="408"/>
      <c r="AZ75" s="408"/>
      <c r="BA75" s="308">
        <f t="shared" si="36"/>
        <v>1400</v>
      </c>
      <c r="BB75" s="309">
        <f t="shared" si="34"/>
        <v>81.749285714285719</v>
      </c>
      <c r="BC75" s="402" t="str">
        <f t="shared" si="37"/>
        <v/>
      </c>
      <c r="BD75" s="402" t="str">
        <f t="shared" si="38"/>
        <v/>
      </c>
      <c r="BE75" s="402" t="str">
        <f t="shared" si="39"/>
        <v/>
      </c>
      <c r="BF75" s="402" t="str">
        <f t="shared" si="40"/>
        <v/>
      </c>
      <c r="BG75" s="402" t="str">
        <f t="shared" si="41"/>
        <v/>
      </c>
      <c r="BH75" s="402" t="str">
        <f t="shared" si="42"/>
        <v/>
      </c>
      <c r="BI75" s="402" t="str">
        <f t="shared" si="43"/>
        <v/>
      </c>
      <c r="BJ75" s="402" t="str">
        <f t="shared" si="44"/>
        <v/>
      </c>
      <c r="BK75" s="402" t="str">
        <f t="shared" si="45"/>
        <v/>
      </c>
      <c r="BL75" s="402" t="str">
        <f t="shared" si="46"/>
        <v/>
      </c>
      <c r="BM75" s="402" t="str">
        <f t="shared" si="47"/>
        <v/>
      </c>
      <c r="BN75" s="402" t="str">
        <f t="shared" si="48"/>
        <v/>
      </c>
      <c r="BO75" s="402" t="str">
        <f t="shared" si="49"/>
        <v/>
      </c>
      <c r="BP75" s="402" t="str">
        <f t="shared" si="50"/>
        <v/>
      </c>
      <c r="BQ75" s="402" t="str">
        <f t="shared" si="51"/>
        <v/>
      </c>
      <c r="BR75" s="402" t="str">
        <f t="shared" si="52"/>
        <v/>
      </c>
      <c r="BS75" s="402" t="str">
        <f t="shared" si="53"/>
        <v/>
      </c>
      <c r="BT75" s="402" t="str">
        <f t="shared" si="54"/>
        <v/>
      </c>
      <c r="BU75" s="402" t="str">
        <f t="shared" si="55"/>
        <v/>
      </c>
      <c r="BV75" s="402" t="str">
        <f t="shared" si="56"/>
        <v/>
      </c>
      <c r="BW75" s="402" t="str">
        <f t="shared" si="57"/>
        <v/>
      </c>
      <c r="BX75" s="402" t="str">
        <f t="shared" si="58"/>
        <v/>
      </c>
      <c r="BY75" s="402" t="str">
        <f t="shared" si="59"/>
        <v/>
      </c>
      <c r="BZ75" s="402">
        <f t="shared" si="60"/>
        <v>114449</v>
      </c>
      <c r="CA75" s="402" t="str">
        <f t="shared" si="61"/>
        <v/>
      </c>
      <c r="CB75" s="402" t="str">
        <f t="shared" si="62"/>
        <v/>
      </c>
      <c r="CC75" s="402" t="str">
        <f t="shared" si="63"/>
        <v/>
      </c>
      <c r="CD75" s="402" t="str">
        <f t="shared" si="64"/>
        <v/>
      </c>
      <c r="CE75" s="402" t="str">
        <f t="shared" si="65"/>
        <v/>
      </c>
      <c r="CF75" s="402" t="str">
        <f t="shared" si="66"/>
        <v/>
      </c>
      <c r="CG75" s="402" t="str">
        <f t="shared" si="67"/>
        <v/>
      </c>
      <c r="CH75" s="402"/>
      <c r="CI75" s="402"/>
      <c r="CJ75" s="402"/>
      <c r="CK75" s="402"/>
      <c r="CL75" s="402"/>
      <c r="CM75" s="402"/>
      <c r="CN75" s="402"/>
      <c r="CO75" s="402"/>
      <c r="CP75" s="402"/>
      <c r="CQ75" s="402"/>
      <c r="CR75" s="402"/>
      <c r="CS75" s="402"/>
      <c r="CT75" s="402"/>
      <c r="CU75" s="402"/>
      <c r="CV75" s="402"/>
      <c r="CW75" s="402"/>
      <c r="CX75" s="402"/>
      <c r="CY75" s="402"/>
      <c r="CZ75" s="402"/>
      <c r="DA75" s="402"/>
      <c r="DB75" s="402"/>
      <c r="DC75" s="402"/>
      <c r="DD75" s="407"/>
      <c r="DE75" s="407" t="s">
        <v>462</v>
      </c>
      <c r="DF75" s="407" t="s">
        <v>336</v>
      </c>
    </row>
    <row r="76" spans="3:110" s="395" customFormat="1" ht="56.1" customHeight="1" x14ac:dyDescent="0.2">
      <c r="C76" s="420">
        <v>201</v>
      </c>
      <c r="D76" s="420" t="s">
        <v>2481</v>
      </c>
      <c r="E76" s="96" t="s">
        <v>53</v>
      </c>
      <c r="F76" s="96" t="s">
        <v>329</v>
      </c>
      <c r="G76" s="407" t="s">
        <v>456</v>
      </c>
      <c r="H76" s="407" t="s">
        <v>460</v>
      </c>
      <c r="I76" s="316" t="s">
        <v>465</v>
      </c>
      <c r="J76" s="316"/>
      <c r="K76" s="407" t="s">
        <v>90</v>
      </c>
      <c r="L76" s="407" t="s">
        <v>310</v>
      </c>
      <c r="M76" s="407" t="s">
        <v>81</v>
      </c>
      <c r="N76" s="407" t="s">
        <v>334</v>
      </c>
      <c r="O76" s="407" t="s">
        <v>225</v>
      </c>
      <c r="P76" s="407" t="s">
        <v>63</v>
      </c>
      <c r="Q76" s="407" t="s">
        <v>63</v>
      </c>
      <c r="R76" s="410">
        <v>16413</v>
      </c>
      <c r="S76" s="410">
        <f t="shared" si="35"/>
        <v>16413</v>
      </c>
      <c r="T76" s="407" t="s">
        <v>226</v>
      </c>
      <c r="U76" s="407" t="s">
        <v>82</v>
      </c>
      <c r="V76" s="408"/>
      <c r="W76" s="408"/>
      <c r="X76" s="408"/>
      <c r="Y76" s="408"/>
      <c r="Z76" s="408"/>
      <c r="AA76" s="408"/>
      <c r="AB76" s="408"/>
      <c r="AC76" s="408"/>
      <c r="AD76" s="408"/>
      <c r="AE76" s="408"/>
      <c r="AF76" s="408"/>
      <c r="AG76" s="408"/>
      <c r="AH76" s="408"/>
      <c r="AI76" s="408"/>
      <c r="AJ76" s="408"/>
      <c r="AK76" s="408"/>
      <c r="AL76" s="408"/>
      <c r="AM76" s="408"/>
      <c r="AN76" s="408"/>
      <c r="AO76" s="408"/>
      <c r="AP76" s="408"/>
      <c r="AQ76" s="408"/>
      <c r="AR76" s="408"/>
      <c r="AS76" s="408"/>
      <c r="AT76" s="402" t="s">
        <v>66</v>
      </c>
      <c r="AU76" s="408"/>
      <c r="AV76" s="408"/>
      <c r="AW76" s="408"/>
      <c r="AX76" s="408"/>
      <c r="AY76" s="408"/>
      <c r="AZ76" s="408"/>
      <c r="BA76" s="308">
        <f t="shared" si="36"/>
        <v>201</v>
      </c>
      <c r="BB76" s="309">
        <f t="shared" si="34"/>
        <v>81.656716417910445</v>
      </c>
      <c r="BC76" s="402" t="str">
        <f t="shared" si="37"/>
        <v/>
      </c>
      <c r="BD76" s="402" t="str">
        <f t="shared" si="38"/>
        <v/>
      </c>
      <c r="BE76" s="402" t="str">
        <f t="shared" si="39"/>
        <v/>
      </c>
      <c r="BF76" s="402" t="str">
        <f t="shared" si="40"/>
        <v/>
      </c>
      <c r="BG76" s="402" t="str">
        <f t="shared" si="41"/>
        <v/>
      </c>
      <c r="BH76" s="402" t="str">
        <f t="shared" si="42"/>
        <v/>
      </c>
      <c r="BI76" s="402" t="str">
        <f t="shared" si="43"/>
        <v/>
      </c>
      <c r="BJ76" s="402" t="str">
        <f t="shared" si="44"/>
        <v/>
      </c>
      <c r="BK76" s="402" t="str">
        <f t="shared" si="45"/>
        <v/>
      </c>
      <c r="BL76" s="402" t="str">
        <f t="shared" si="46"/>
        <v/>
      </c>
      <c r="BM76" s="402" t="str">
        <f t="shared" si="47"/>
        <v/>
      </c>
      <c r="BN76" s="402" t="str">
        <f t="shared" si="48"/>
        <v/>
      </c>
      <c r="BO76" s="402" t="str">
        <f t="shared" si="49"/>
        <v/>
      </c>
      <c r="BP76" s="402" t="str">
        <f t="shared" si="50"/>
        <v/>
      </c>
      <c r="BQ76" s="402" t="str">
        <f t="shared" si="51"/>
        <v/>
      </c>
      <c r="BR76" s="402" t="str">
        <f t="shared" si="52"/>
        <v/>
      </c>
      <c r="BS76" s="402" t="str">
        <f t="shared" si="53"/>
        <v/>
      </c>
      <c r="BT76" s="402" t="str">
        <f t="shared" si="54"/>
        <v/>
      </c>
      <c r="BU76" s="402" t="str">
        <f t="shared" si="55"/>
        <v/>
      </c>
      <c r="BV76" s="402" t="str">
        <f t="shared" si="56"/>
        <v/>
      </c>
      <c r="BW76" s="402" t="str">
        <f t="shared" si="57"/>
        <v/>
      </c>
      <c r="BX76" s="402" t="str">
        <f t="shared" si="58"/>
        <v/>
      </c>
      <c r="BY76" s="402" t="str">
        <f t="shared" si="59"/>
        <v/>
      </c>
      <c r="BZ76" s="402" t="str">
        <f t="shared" si="60"/>
        <v/>
      </c>
      <c r="CA76" s="402">
        <f t="shared" si="61"/>
        <v>16413</v>
      </c>
      <c r="CB76" s="402" t="str">
        <f t="shared" si="62"/>
        <v/>
      </c>
      <c r="CC76" s="402" t="str">
        <f t="shared" si="63"/>
        <v/>
      </c>
      <c r="CD76" s="402" t="str">
        <f t="shared" si="64"/>
        <v/>
      </c>
      <c r="CE76" s="402" t="str">
        <f t="shared" si="65"/>
        <v/>
      </c>
      <c r="CF76" s="402" t="str">
        <f t="shared" si="66"/>
        <v/>
      </c>
      <c r="CG76" s="402" t="str">
        <f t="shared" si="67"/>
        <v/>
      </c>
      <c r="CH76" s="402"/>
      <c r="CI76" s="402"/>
      <c r="CJ76" s="402"/>
      <c r="CK76" s="402"/>
      <c r="CL76" s="402"/>
      <c r="CM76" s="402"/>
      <c r="CN76" s="402"/>
      <c r="CO76" s="402"/>
      <c r="CP76" s="402"/>
      <c r="CQ76" s="402"/>
      <c r="CR76" s="402"/>
      <c r="CS76" s="402"/>
      <c r="CT76" s="402"/>
      <c r="CU76" s="402"/>
      <c r="CV76" s="402"/>
      <c r="CW76" s="402"/>
      <c r="CX76" s="402"/>
      <c r="CY76" s="402"/>
      <c r="CZ76" s="402"/>
      <c r="DA76" s="402"/>
      <c r="DB76" s="402"/>
      <c r="DC76" s="402"/>
      <c r="DD76" s="407"/>
      <c r="DE76" s="407" t="s">
        <v>462</v>
      </c>
      <c r="DF76" s="407" t="s">
        <v>336</v>
      </c>
    </row>
    <row r="77" spans="3:110" s="395" customFormat="1" ht="56.1" customHeight="1" x14ac:dyDescent="0.2">
      <c r="C77" s="420">
        <v>202</v>
      </c>
      <c r="D77" s="420" t="s">
        <v>2481</v>
      </c>
      <c r="E77" s="96" t="s">
        <v>53</v>
      </c>
      <c r="F77" s="96" t="s">
        <v>329</v>
      </c>
      <c r="G77" s="407" t="s">
        <v>456</v>
      </c>
      <c r="H77" s="407" t="s">
        <v>466</v>
      </c>
      <c r="I77" s="316" t="s">
        <v>467</v>
      </c>
      <c r="J77" s="316"/>
      <c r="K77" s="407" t="s">
        <v>86</v>
      </c>
      <c r="L77" s="407" t="s">
        <v>87</v>
      </c>
      <c r="M77" s="407" t="s">
        <v>81</v>
      </c>
      <c r="N77" s="407" t="s">
        <v>334</v>
      </c>
      <c r="O77" s="407" t="s">
        <v>184</v>
      </c>
      <c r="P77" s="407" t="s">
        <v>63</v>
      </c>
      <c r="Q77" s="407" t="s">
        <v>63</v>
      </c>
      <c r="R77" s="410">
        <v>63352</v>
      </c>
      <c r="S77" s="410">
        <f t="shared" si="35"/>
        <v>63352</v>
      </c>
      <c r="T77" s="407" t="s">
        <v>226</v>
      </c>
      <c r="U77" s="407" t="s">
        <v>82</v>
      </c>
      <c r="V77" s="408"/>
      <c r="W77" s="408"/>
      <c r="X77" s="408"/>
      <c r="Y77" s="408"/>
      <c r="Z77" s="408"/>
      <c r="AA77" s="408"/>
      <c r="AB77" s="408"/>
      <c r="AC77" s="408"/>
      <c r="AD77" s="408"/>
      <c r="AE77" s="408"/>
      <c r="AF77" s="408"/>
      <c r="AG77" s="408"/>
      <c r="AH77" s="408"/>
      <c r="AI77" s="408"/>
      <c r="AJ77" s="408"/>
      <c r="AK77" s="408"/>
      <c r="AL77" s="408"/>
      <c r="AM77" s="402" t="s">
        <v>66</v>
      </c>
      <c r="AN77" s="408"/>
      <c r="AO77" s="408"/>
      <c r="AP77" s="408"/>
      <c r="AQ77" s="408"/>
      <c r="AR77" s="408"/>
      <c r="AS77" s="408"/>
      <c r="AT77" s="408"/>
      <c r="AU77" s="408"/>
      <c r="AV77" s="408"/>
      <c r="AW77" s="408"/>
      <c r="AX77" s="408"/>
      <c r="AY77" s="408"/>
      <c r="AZ77" s="408"/>
      <c r="BA77" s="308">
        <f t="shared" si="36"/>
        <v>775</v>
      </c>
      <c r="BB77" s="309">
        <f t="shared" si="34"/>
        <v>81.744516129032263</v>
      </c>
      <c r="BC77" s="402" t="str">
        <f t="shared" si="37"/>
        <v/>
      </c>
      <c r="BD77" s="402" t="str">
        <f t="shared" si="38"/>
        <v/>
      </c>
      <c r="BE77" s="402" t="str">
        <f t="shared" si="39"/>
        <v/>
      </c>
      <c r="BF77" s="402" t="str">
        <f t="shared" si="40"/>
        <v/>
      </c>
      <c r="BG77" s="402" t="str">
        <f t="shared" si="41"/>
        <v/>
      </c>
      <c r="BH77" s="402" t="str">
        <f t="shared" si="42"/>
        <v/>
      </c>
      <c r="BI77" s="402" t="str">
        <f t="shared" si="43"/>
        <v/>
      </c>
      <c r="BJ77" s="402" t="str">
        <f t="shared" si="44"/>
        <v/>
      </c>
      <c r="BK77" s="402" t="str">
        <f t="shared" si="45"/>
        <v/>
      </c>
      <c r="BL77" s="402" t="str">
        <f t="shared" si="46"/>
        <v/>
      </c>
      <c r="BM77" s="402" t="str">
        <f t="shared" si="47"/>
        <v/>
      </c>
      <c r="BN77" s="402" t="str">
        <f t="shared" si="48"/>
        <v/>
      </c>
      <c r="BO77" s="402" t="str">
        <f t="shared" si="49"/>
        <v/>
      </c>
      <c r="BP77" s="402" t="str">
        <f t="shared" si="50"/>
        <v/>
      </c>
      <c r="BQ77" s="402" t="str">
        <f t="shared" si="51"/>
        <v/>
      </c>
      <c r="BR77" s="402" t="str">
        <f t="shared" si="52"/>
        <v/>
      </c>
      <c r="BS77" s="402" t="str">
        <f t="shared" si="53"/>
        <v/>
      </c>
      <c r="BT77" s="402">
        <f t="shared" si="54"/>
        <v>63352.000000000007</v>
      </c>
      <c r="BU77" s="402" t="str">
        <f t="shared" si="55"/>
        <v/>
      </c>
      <c r="BV77" s="402" t="str">
        <f t="shared" si="56"/>
        <v/>
      </c>
      <c r="BW77" s="402" t="str">
        <f t="shared" si="57"/>
        <v/>
      </c>
      <c r="BX77" s="402" t="str">
        <f t="shared" si="58"/>
        <v/>
      </c>
      <c r="BY77" s="402" t="str">
        <f t="shared" si="59"/>
        <v/>
      </c>
      <c r="BZ77" s="402" t="str">
        <f t="shared" si="60"/>
        <v/>
      </c>
      <c r="CA77" s="402" t="str">
        <f t="shared" si="61"/>
        <v/>
      </c>
      <c r="CB77" s="402" t="str">
        <f t="shared" si="62"/>
        <v/>
      </c>
      <c r="CC77" s="402" t="str">
        <f t="shared" si="63"/>
        <v/>
      </c>
      <c r="CD77" s="402" t="str">
        <f t="shared" si="64"/>
        <v/>
      </c>
      <c r="CE77" s="402" t="str">
        <f t="shared" si="65"/>
        <v/>
      </c>
      <c r="CF77" s="402" t="str">
        <f t="shared" si="66"/>
        <v/>
      </c>
      <c r="CG77" s="402" t="str">
        <f t="shared" si="67"/>
        <v/>
      </c>
      <c r="CH77" s="402"/>
      <c r="CI77" s="402"/>
      <c r="CJ77" s="402"/>
      <c r="CK77" s="402"/>
      <c r="CL77" s="402"/>
      <c r="CM77" s="402"/>
      <c r="CN77" s="402"/>
      <c r="CO77" s="402"/>
      <c r="CP77" s="402"/>
      <c r="CQ77" s="402"/>
      <c r="CR77" s="402"/>
      <c r="CS77" s="402"/>
      <c r="CT77" s="402"/>
      <c r="CU77" s="402"/>
      <c r="CV77" s="402"/>
      <c r="CW77" s="402"/>
      <c r="CX77" s="402"/>
      <c r="CY77" s="402"/>
      <c r="CZ77" s="402"/>
      <c r="DA77" s="402"/>
      <c r="DB77" s="402"/>
      <c r="DC77" s="402"/>
      <c r="DD77" s="407"/>
      <c r="DE77" s="407" t="s">
        <v>462</v>
      </c>
      <c r="DF77" s="407" t="s">
        <v>336</v>
      </c>
    </row>
    <row r="78" spans="3:110" s="395" customFormat="1" ht="56.1" customHeight="1" x14ac:dyDescent="0.2">
      <c r="C78" s="420">
        <v>203</v>
      </c>
      <c r="D78" s="420" t="s">
        <v>2481</v>
      </c>
      <c r="E78" s="96" t="s">
        <v>53</v>
      </c>
      <c r="F78" s="96" t="s">
        <v>329</v>
      </c>
      <c r="G78" s="407" t="s">
        <v>456</v>
      </c>
      <c r="H78" s="407" t="s">
        <v>466</v>
      </c>
      <c r="I78" s="316" t="s">
        <v>468</v>
      </c>
      <c r="J78" s="316"/>
      <c r="K78" s="407" t="s">
        <v>86</v>
      </c>
      <c r="L78" s="407" t="s">
        <v>36</v>
      </c>
      <c r="M78" s="407" t="s">
        <v>81</v>
      </c>
      <c r="N78" s="407" t="s">
        <v>334</v>
      </c>
      <c r="O78" s="407" t="s">
        <v>408</v>
      </c>
      <c r="P78" s="407" t="s">
        <v>63</v>
      </c>
      <c r="Q78" s="407" t="s">
        <v>63</v>
      </c>
      <c r="R78" s="410">
        <v>8176</v>
      </c>
      <c r="S78" s="410">
        <f t="shared" si="35"/>
        <v>8176</v>
      </c>
      <c r="T78" s="407" t="s">
        <v>226</v>
      </c>
      <c r="U78" s="407" t="s">
        <v>82</v>
      </c>
      <c r="V78" s="408"/>
      <c r="W78" s="408"/>
      <c r="X78" s="408"/>
      <c r="Y78" s="408"/>
      <c r="Z78" s="408"/>
      <c r="AA78" s="408"/>
      <c r="AB78" s="408"/>
      <c r="AC78" s="408"/>
      <c r="AD78" s="408"/>
      <c r="AE78" s="408"/>
      <c r="AF78" s="408"/>
      <c r="AG78" s="408"/>
      <c r="AH78" s="408"/>
      <c r="AI78" s="408"/>
      <c r="AJ78" s="408"/>
      <c r="AK78" s="408"/>
      <c r="AL78" s="408"/>
      <c r="AM78" s="408"/>
      <c r="AN78" s="408"/>
      <c r="AO78" s="402" t="s">
        <v>66</v>
      </c>
      <c r="AP78" s="408"/>
      <c r="AQ78" s="408"/>
      <c r="AR78" s="408"/>
      <c r="AS78" s="408"/>
      <c r="AT78" s="408"/>
      <c r="AU78" s="408"/>
      <c r="AV78" s="408"/>
      <c r="AW78" s="408"/>
      <c r="AX78" s="408"/>
      <c r="AY78" s="408"/>
      <c r="AZ78" s="408"/>
      <c r="BA78" s="308">
        <f t="shared" si="36"/>
        <v>100</v>
      </c>
      <c r="BB78" s="309">
        <f t="shared" si="34"/>
        <v>81.760000000000005</v>
      </c>
      <c r="BC78" s="402" t="str">
        <f t="shared" si="37"/>
        <v/>
      </c>
      <c r="BD78" s="402" t="str">
        <f t="shared" si="38"/>
        <v/>
      </c>
      <c r="BE78" s="402" t="str">
        <f t="shared" si="39"/>
        <v/>
      </c>
      <c r="BF78" s="402" t="str">
        <f t="shared" si="40"/>
        <v/>
      </c>
      <c r="BG78" s="402" t="str">
        <f t="shared" si="41"/>
        <v/>
      </c>
      <c r="BH78" s="402" t="str">
        <f t="shared" si="42"/>
        <v/>
      </c>
      <c r="BI78" s="402" t="str">
        <f t="shared" si="43"/>
        <v/>
      </c>
      <c r="BJ78" s="402" t="str">
        <f t="shared" si="44"/>
        <v/>
      </c>
      <c r="BK78" s="402" t="str">
        <f t="shared" si="45"/>
        <v/>
      </c>
      <c r="BL78" s="402" t="str">
        <f t="shared" si="46"/>
        <v/>
      </c>
      <c r="BM78" s="402" t="str">
        <f t="shared" si="47"/>
        <v/>
      </c>
      <c r="BN78" s="402" t="str">
        <f t="shared" si="48"/>
        <v/>
      </c>
      <c r="BO78" s="402" t="str">
        <f t="shared" si="49"/>
        <v/>
      </c>
      <c r="BP78" s="402" t="str">
        <f t="shared" si="50"/>
        <v/>
      </c>
      <c r="BQ78" s="402" t="str">
        <f t="shared" si="51"/>
        <v/>
      </c>
      <c r="BR78" s="402" t="str">
        <f t="shared" si="52"/>
        <v/>
      </c>
      <c r="BS78" s="402" t="str">
        <f t="shared" si="53"/>
        <v/>
      </c>
      <c r="BT78" s="402" t="str">
        <f t="shared" si="54"/>
        <v/>
      </c>
      <c r="BU78" s="402" t="str">
        <f t="shared" si="55"/>
        <v/>
      </c>
      <c r="BV78" s="402">
        <f t="shared" si="56"/>
        <v>8176.0000000000009</v>
      </c>
      <c r="BW78" s="402" t="str">
        <f t="shared" si="57"/>
        <v/>
      </c>
      <c r="BX78" s="402" t="str">
        <f t="shared" si="58"/>
        <v/>
      </c>
      <c r="BY78" s="402" t="str">
        <f t="shared" si="59"/>
        <v/>
      </c>
      <c r="BZ78" s="402" t="str">
        <f t="shared" si="60"/>
        <v/>
      </c>
      <c r="CA78" s="402" t="str">
        <f t="shared" si="61"/>
        <v/>
      </c>
      <c r="CB78" s="402" t="str">
        <f t="shared" si="62"/>
        <v/>
      </c>
      <c r="CC78" s="402" t="str">
        <f t="shared" si="63"/>
        <v/>
      </c>
      <c r="CD78" s="402" t="str">
        <f t="shared" si="64"/>
        <v/>
      </c>
      <c r="CE78" s="402" t="str">
        <f t="shared" si="65"/>
        <v/>
      </c>
      <c r="CF78" s="402" t="str">
        <f t="shared" si="66"/>
        <v/>
      </c>
      <c r="CG78" s="402" t="str">
        <f t="shared" si="67"/>
        <v/>
      </c>
      <c r="CH78" s="402"/>
      <c r="CI78" s="402"/>
      <c r="CJ78" s="402"/>
      <c r="CK78" s="402"/>
      <c r="CL78" s="402"/>
      <c r="CM78" s="402"/>
      <c r="CN78" s="402"/>
      <c r="CO78" s="402"/>
      <c r="CP78" s="402"/>
      <c r="CQ78" s="402"/>
      <c r="CR78" s="402"/>
      <c r="CS78" s="402"/>
      <c r="CT78" s="402"/>
      <c r="CU78" s="402"/>
      <c r="CV78" s="402"/>
      <c r="CW78" s="402"/>
      <c r="CX78" s="402"/>
      <c r="CY78" s="402"/>
      <c r="CZ78" s="402"/>
      <c r="DA78" s="402"/>
      <c r="DB78" s="402"/>
      <c r="DC78" s="402"/>
      <c r="DD78" s="407"/>
      <c r="DE78" s="407" t="s">
        <v>462</v>
      </c>
      <c r="DF78" s="407" t="s">
        <v>336</v>
      </c>
    </row>
    <row r="79" spans="3:110" s="395" customFormat="1" ht="56.1" customHeight="1" x14ac:dyDescent="0.2">
      <c r="C79" s="420">
        <v>204</v>
      </c>
      <c r="D79" s="420" t="s">
        <v>2481</v>
      </c>
      <c r="E79" s="96" t="s">
        <v>53</v>
      </c>
      <c r="F79" s="96" t="s">
        <v>329</v>
      </c>
      <c r="G79" s="407" t="s">
        <v>456</v>
      </c>
      <c r="H79" s="407" t="s">
        <v>466</v>
      </c>
      <c r="I79" s="316" t="s">
        <v>468</v>
      </c>
      <c r="J79" s="316"/>
      <c r="K79" s="407" t="s">
        <v>86</v>
      </c>
      <c r="L79" s="407" t="s">
        <v>35</v>
      </c>
      <c r="M79" s="407" t="s">
        <v>60</v>
      </c>
      <c r="N79" s="407" t="s">
        <v>334</v>
      </c>
      <c r="O79" s="407" t="s">
        <v>357</v>
      </c>
      <c r="P79" s="407" t="s">
        <v>63</v>
      </c>
      <c r="Q79" s="407" t="s">
        <v>63</v>
      </c>
      <c r="R79" s="410">
        <v>8176</v>
      </c>
      <c r="S79" s="410">
        <f t="shared" si="35"/>
        <v>8176</v>
      </c>
      <c r="T79" s="407" t="s">
        <v>226</v>
      </c>
      <c r="U79" s="407" t="s">
        <v>82</v>
      </c>
      <c r="V79" s="408"/>
      <c r="W79" s="408"/>
      <c r="X79" s="408"/>
      <c r="Y79" s="408"/>
      <c r="Z79" s="408"/>
      <c r="AA79" s="408"/>
      <c r="AB79" s="408"/>
      <c r="AC79" s="408"/>
      <c r="AD79" s="408"/>
      <c r="AE79" s="408"/>
      <c r="AF79" s="408"/>
      <c r="AG79" s="408"/>
      <c r="AH79" s="408"/>
      <c r="AI79" s="408"/>
      <c r="AJ79" s="408"/>
      <c r="AK79" s="408"/>
      <c r="AL79" s="408"/>
      <c r="AM79" s="408"/>
      <c r="AN79" s="402" t="s">
        <v>66</v>
      </c>
      <c r="AO79" s="408"/>
      <c r="AP79" s="408"/>
      <c r="AQ79" s="408"/>
      <c r="AR79" s="408"/>
      <c r="AS79" s="408"/>
      <c r="AT79" s="408"/>
      <c r="AU79" s="408"/>
      <c r="AV79" s="408"/>
      <c r="AW79" s="408"/>
      <c r="AX79" s="408"/>
      <c r="AY79" s="408"/>
      <c r="AZ79" s="408"/>
      <c r="BA79" s="308">
        <f t="shared" si="36"/>
        <v>100</v>
      </c>
      <c r="BB79" s="309">
        <f t="shared" si="34"/>
        <v>81.760000000000005</v>
      </c>
      <c r="BC79" s="402" t="str">
        <f t="shared" si="37"/>
        <v/>
      </c>
      <c r="BD79" s="402" t="str">
        <f t="shared" si="38"/>
        <v/>
      </c>
      <c r="BE79" s="402" t="str">
        <f t="shared" si="39"/>
        <v/>
      </c>
      <c r="BF79" s="402" t="str">
        <f t="shared" si="40"/>
        <v/>
      </c>
      <c r="BG79" s="402" t="str">
        <f t="shared" si="41"/>
        <v/>
      </c>
      <c r="BH79" s="402" t="str">
        <f t="shared" si="42"/>
        <v/>
      </c>
      <c r="BI79" s="402" t="str">
        <f t="shared" si="43"/>
        <v/>
      </c>
      <c r="BJ79" s="402" t="str">
        <f t="shared" si="44"/>
        <v/>
      </c>
      <c r="BK79" s="402" t="str">
        <f t="shared" si="45"/>
        <v/>
      </c>
      <c r="BL79" s="402" t="str">
        <f t="shared" si="46"/>
        <v/>
      </c>
      <c r="BM79" s="402" t="str">
        <f t="shared" si="47"/>
        <v/>
      </c>
      <c r="BN79" s="402" t="str">
        <f t="shared" si="48"/>
        <v/>
      </c>
      <c r="BO79" s="402" t="str">
        <f t="shared" si="49"/>
        <v/>
      </c>
      <c r="BP79" s="402" t="str">
        <f t="shared" si="50"/>
        <v/>
      </c>
      <c r="BQ79" s="402" t="str">
        <f t="shared" si="51"/>
        <v/>
      </c>
      <c r="BR79" s="402" t="str">
        <f t="shared" si="52"/>
        <v/>
      </c>
      <c r="BS79" s="402" t="str">
        <f t="shared" si="53"/>
        <v/>
      </c>
      <c r="BT79" s="402" t="str">
        <f t="shared" si="54"/>
        <v/>
      </c>
      <c r="BU79" s="402">
        <f t="shared" si="55"/>
        <v>8176.0000000000009</v>
      </c>
      <c r="BV79" s="402" t="str">
        <f t="shared" si="56"/>
        <v/>
      </c>
      <c r="BW79" s="402" t="str">
        <f t="shared" si="57"/>
        <v/>
      </c>
      <c r="BX79" s="402" t="str">
        <f t="shared" si="58"/>
        <v/>
      </c>
      <c r="BY79" s="402" t="str">
        <f t="shared" si="59"/>
        <v/>
      </c>
      <c r="BZ79" s="402" t="str">
        <f t="shared" si="60"/>
        <v/>
      </c>
      <c r="CA79" s="402" t="str">
        <f t="shared" si="61"/>
        <v/>
      </c>
      <c r="CB79" s="402" t="str">
        <f t="shared" si="62"/>
        <v/>
      </c>
      <c r="CC79" s="402" t="str">
        <f t="shared" si="63"/>
        <v/>
      </c>
      <c r="CD79" s="402" t="str">
        <f t="shared" si="64"/>
        <v/>
      </c>
      <c r="CE79" s="402" t="str">
        <f t="shared" si="65"/>
        <v/>
      </c>
      <c r="CF79" s="402" t="str">
        <f t="shared" si="66"/>
        <v/>
      </c>
      <c r="CG79" s="402" t="str">
        <f t="shared" si="67"/>
        <v/>
      </c>
      <c r="CH79" s="402"/>
      <c r="CI79" s="402"/>
      <c r="CJ79" s="402"/>
      <c r="CK79" s="402"/>
      <c r="CL79" s="402"/>
      <c r="CM79" s="402"/>
      <c r="CN79" s="402"/>
      <c r="CO79" s="402"/>
      <c r="CP79" s="402"/>
      <c r="CQ79" s="402"/>
      <c r="CR79" s="402"/>
      <c r="CS79" s="402"/>
      <c r="CT79" s="402"/>
      <c r="CU79" s="402"/>
      <c r="CV79" s="402"/>
      <c r="CW79" s="402"/>
      <c r="CX79" s="402"/>
      <c r="CY79" s="402"/>
      <c r="CZ79" s="402"/>
      <c r="DA79" s="402"/>
      <c r="DB79" s="402"/>
      <c r="DC79" s="402"/>
      <c r="DD79" s="407"/>
      <c r="DE79" s="407" t="s">
        <v>462</v>
      </c>
      <c r="DF79" s="407" t="s">
        <v>336</v>
      </c>
    </row>
    <row r="80" spans="3:110" s="395" customFormat="1" ht="56.1" customHeight="1" x14ac:dyDescent="0.2">
      <c r="C80" s="420">
        <v>205</v>
      </c>
      <c r="D80" s="420" t="s">
        <v>2481</v>
      </c>
      <c r="E80" s="96" t="s">
        <v>53</v>
      </c>
      <c r="F80" s="96" t="s">
        <v>329</v>
      </c>
      <c r="G80" s="407" t="s">
        <v>456</v>
      </c>
      <c r="H80" s="407" t="s">
        <v>466</v>
      </c>
      <c r="I80" s="316" t="s">
        <v>469</v>
      </c>
      <c r="J80" s="316"/>
      <c r="K80" s="407" t="s">
        <v>86</v>
      </c>
      <c r="L80" s="407" t="s">
        <v>310</v>
      </c>
      <c r="M80" s="407" t="s">
        <v>81</v>
      </c>
      <c r="N80" s="407" t="s">
        <v>334</v>
      </c>
      <c r="O80" s="407" t="s">
        <v>225</v>
      </c>
      <c r="P80" s="407" t="s">
        <v>63</v>
      </c>
      <c r="Q80" s="407" t="s">
        <v>63</v>
      </c>
      <c r="R80" s="410">
        <v>24694</v>
      </c>
      <c r="S80" s="410">
        <f t="shared" si="35"/>
        <v>24694</v>
      </c>
      <c r="T80" s="407" t="s">
        <v>226</v>
      </c>
      <c r="U80" s="407" t="s">
        <v>82</v>
      </c>
      <c r="V80" s="408"/>
      <c r="W80" s="408"/>
      <c r="X80" s="408"/>
      <c r="Y80" s="408"/>
      <c r="Z80" s="408"/>
      <c r="AA80" s="408"/>
      <c r="AB80" s="408"/>
      <c r="AC80" s="408"/>
      <c r="AD80" s="408"/>
      <c r="AE80" s="408"/>
      <c r="AF80" s="408"/>
      <c r="AG80" s="408"/>
      <c r="AH80" s="408"/>
      <c r="AI80" s="408"/>
      <c r="AJ80" s="408"/>
      <c r="AK80" s="408"/>
      <c r="AL80" s="408"/>
      <c r="AM80" s="408"/>
      <c r="AN80" s="408"/>
      <c r="AO80" s="408"/>
      <c r="AP80" s="402" t="s">
        <v>66</v>
      </c>
      <c r="AQ80" s="408"/>
      <c r="AR80" s="408"/>
      <c r="AS80" s="408"/>
      <c r="AT80" s="408"/>
      <c r="AU80" s="408"/>
      <c r="AV80" s="408"/>
      <c r="AW80" s="408"/>
      <c r="AX80" s="408"/>
      <c r="AY80" s="408"/>
      <c r="AZ80" s="408"/>
      <c r="BA80" s="308">
        <f t="shared" si="36"/>
        <v>302</v>
      </c>
      <c r="BB80" s="309">
        <f t="shared" si="34"/>
        <v>81.768211920529808</v>
      </c>
      <c r="BC80" s="402" t="str">
        <f t="shared" si="37"/>
        <v/>
      </c>
      <c r="BD80" s="402" t="str">
        <f t="shared" si="38"/>
        <v/>
      </c>
      <c r="BE80" s="402" t="str">
        <f t="shared" si="39"/>
        <v/>
      </c>
      <c r="BF80" s="402" t="str">
        <f t="shared" si="40"/>
        <v/>
      </c>
      <c r="BG80" s="402" t="str">
        <f t="shared" si="41"/>
        <v/>
      </c>
      <c r="BH80" s="402" t="str">
        <f t="shared" si="42"/>
        <v/>
      </c>
      <c r="BI80" s="402" t="str">
        <f t="shared" si="43"/>
        <v/>
      </c>
      <c r="BJ80" s="402" t="str">
        <f t="shared" si="44"/>
        <v/>
      </c>
      <c r="BK80" s="402" t="str">
        <f t="shared" si="45"/>
        <v/>
      </c>
      <c r="BL80" s="402" t="str">
        <f t="shared" si="46"/>
        <v/>
      </c>
      <c r="BM80" s="402" t="str">
        <f t="shared" si="47"/>
        <v/>
      </c>
      <c r="BN80" s="402" t="str">
        <f t="shared" si="48"/>
        <v/>
      </c>
      <c r="BO80" s="402" t="str">
        <f t="shared" si="49"/>
        <v/>
      </c>
      <c r="BP80" s="402" t="str">
        <f t="shared" si="50"/>
        <v/>
      </c>
      <c r="BQ80" s="402" t="str">
        <f t="shared" si="51"/>
        <v/>
      </c>
      <c r="BR80" s="402" t="str">
        <f t="shared" si="52"/>
        <v/>
      </c>
      <c r="BS80" s="402" t="str">
        <f t="shared" si="53"/>
        <v/>
      </c>
      <c r="BT80" s="402" t="str">
        <f t="shared" si="54"/>
        <v/>
      </c>
      <c r="BU80" s="402" t="str">
        <f t="shared" si="55"/>
        <v/>
      </c>
      <c r="BV80" s="402" t="str">
        <f t="shared" si="56"/>
        <v/>
      </c>
      <c r="BW80" s="402">
        <f t="shared" si="57"/>
        <v>24694.000000000004</v>
      </c>
      <c r="BX80" s="402" t="str">
        <f t="shared" si="58"/>
        <v/>
      </c>
      <c r="BY80" s="402" t="str">
        <f t="shared" si="59"/>
        <v/>
      </c>
      <c r="BZ80" s="402" t="str">
        <f t="shared" si="60"/>
        <v/>
      </c>
      <c r="CA80" s="402" t="str">
        <f t="shared" si="61"/>
        <v/>
      </c>
      <c r="CB80" s="402" t="str">
        <f t="shared" si="62"/>
        <v/>
      </c>
      <c r="CC80" s="402" t="str">
        <f t="shared" si="63"/>
        <v/>
      </c>
      <c r="CD80" s="402" t="str">
        <f t="shared" si="64"/>
        <v/>
      </c>
      <c r="CE80" s="402" t="str">
        <f t="shared" si="65"/>
        <v/>
      </c>
      <c r="CF80" s="402" t="str">
        <f t="shared" si="66"/>
        <v/>
      </c>
      <c r="CG80" s="402" t="str">
        <f t="shared" si="67"/>
        <v/>
      </c>
      <c r="CH80" s="402"/>
      <c r="CI80" s="402"/>
      <c r="CJ80" s="402"/>
      <c r="CK80" s="402"/>
      <c r="CL80" s="402"/>
      <c r="CM80" s="402"/>
      <c r="CN80" s="402"/>
      <c r="CO80" s="402"/>
      <c r="CP80" s="402"/>
      <c r="CQ80" s="402"/>
      <c r="CR80" s="402"/>
      <c r="CS80" s="402"/>
      <c r="CT80" s="402"/>
      <c r="CU80" s="402"/>
      <c r="CV80" s="402"/>
      <c r="CW80" s="402"/>
      <c r="CX80" s="402"/>
      <c r="CY80" s="402"/>
      <c r="CZ80" s="402"/>
      <c r="DA80" s="402"/>
      <c r="DB80" s="402"/>
      <c r="DC80" s="402"/>
      <c r="DD80" s="407"/>
      <c r="DE80" s="407" t="s">
        <v>462</v>
      </c>
      <c r="DF80" s="407" t="s">
        <v>336</v>
      </c>
    </row>
    <row r="81" spans="3:110" s="395" customFormat="1" ht="56.1" customHeight="1" x14ac:dyDescent="0.2">
      <c r="C81" s="420">
        <v>206</v>
      </c>
      <c r="D81" s="420" t="s">
        <v>2481</v>
      </c>
      <c r="E81" s="96" t="s">
        <v>53</v>
      </c>
      <c r="F81" s="96" t="s">
        <v>329</v>
      </c>
      <c r="G81" s="407" t="s">
        <v>456</v>
      </c>
      <c r="H81" s="407" t="s">
        <v>360</v>
      </c>
      <c r="I81" s="316" t="s">
        <v>470</v>
      </c>
      <c r="J81" s="316"/>
      <c r="K81" s="407" t="s">
        <v>93</v>
      </c>
      <c r="L81" s="407" t="s">
        <v>310</v>
      </c>
      <c r="M81" s="407" t="s">
        <v>81</v>
      </c>
      <c r="N81" s="407" t="s">
        <v>334</v>
      </c>
      <c r="O81" s="407" t="s">
        <v>225</v>
      </c>
      <c r="P81" s="407" t="s">
        <v>63</v>
      </c>
      <c r="Q81" s="407" t="s">
        <v>63</v>
      </c>
      <c r="R81" s="410">
        <v>2523</v>
      </c>
      <c r="S81" s="410">
        <f t="shared" si="35"/>
        <v>2523</v>
      </c>
      <c r="T81" s="407" t="s">
        <v>226</v>
      </c>
      <c r="U81" s="407" t="s">
        <v>82</v>
      </c>
      <c r="V81" s="408"/>
      <c r="W81" s="408"/>
      <c r="X81" s="408"/>
      <c r="Y81" s="408"/>
      <c r="Z81" s="408"/>
      <c r="AA81" s="408"/>
      <c r="AB81" s="408"/>
      <c r="AC81" s="408"/>
      <c r="AD81" s="408"/>
      <c r="AE81" s="408"/>
      <c r="AF81" s="408"/>
      <c r="AG81" s="408"/>
      <c r="AH81" s="408"/>
      <c r="AI81" s="408"/>
      <c r="AJ81" s="408"/>
      <c r="AK81" s="408"/>
      <c r="AL81" s="408"/>
      <c r="AM81" s="408"/>
      <c r="AN81" s="408"/>
      <c r="AO81" s="408"/>
      <c r="AP81" s="408"/>
      <c r="AQ81" s="408"/>
      <c r="AR81" s="408"/>
      <c r="AS81" s="408"/>
      <c r="AT81" s="408"/>
      <c r="AU81" s="408"/>
      <c r="AV81" s="402" t="s">
        <v>66</v>
      </c>
      <c r="AW81" s="408"/>
      <c r="AX81" s="408"/>
      <c r="AY81" s="408"/>
      <c r="AZ81" s="408"/>
      <c r="BA81" s="308">
        <f t="shared" si="36"/>
        <v>31</v>
      </c>
      <c r="BB81" s="309">
        <f t="shared" si="34"/>
        <v>81.387096774193552</v>
      </c>
      <c r="BC81" s="402" t="str">
        <f t="shared" si="37"/>
        <v/>
      </c>
      <c r="BD81" s="402" t="str">
        <f t="shared" si="38"/>
        <v/>
      </c>
      <c r="BE81" s="402" t="str">
        <f t="shared" si="39"/>
        <v/>
      </c>
      <c r="BF81" s="402" t="str">
        <f t="shared" si="40"/>
        <v/>
      </c>
      <c r="BG81" s="402" t="str">
        <f t="shared" si="41"/>
        <v/>
      </c>
      <c r="BH81" s="402" t="str">
        <f t="shared" si="42"/>
        <v/>
      </c>
      <c r="BI81" s="402" t="str">
        <f t="shared" si="43"/>
        <v/>
      </c>
      <c r="BJ81" s="402" t="str">
        <f t="shared" si="44"/>
        <v/>
      </c>
      <c r="BK81" s="402" t="str">
        <f t="shared" si="45"/>
        <v/>
      </c>
      <c r="BL81" s="402" t="str">
        <f t="shared" si="46"/>
        <v/>
      </c>
      <c r="BM81" s="402" t="str">
        <f t="shared" si="47"/>
        <v/>
      </c>
      <c r="BN81" s="402" t="str">
        <f t="shared" si="48"/>
        <v/>
      </c>
      <c r="BO81" s="402" t="str">
        <f t="shared" si="49"/>
        <v/>
      </c>
      <c r="BP81" s="402" t="str">
        <f t="shared" si="50"/>
        <v/>
      </c>
      <c r="BQ81" s="402" t="str">
        <f t="shared" si="51"/>
        <v/>
      </c>
      <c r="BR81" s="402" t="str">
        <f t="shared" si="52"/>
        <v/>
      </c>
      <c r="BS81" s="402" t="str">
        <f t="shared" si="53"/>
        <v/>
      </c>
      <c r="BT81" s="402" t="str">
        <f t="shared" si="54"/>
        <v/>
      </c>
      <c r="BU81" s="402" t="str">
        <f t="shared" si="55"/>
        <v/>
      </c>
      <c r="BV81" s="402" t="str">
        <f t="shared" si="56"/>
        <v/>
      </c>
      <c r="BW81" s="402" t="str">
        <f t="shared" si="57"/>
        <v/>
      </c>
      <c r="BX81" s="402" t="str">
        <f t="shared" si="58"/>
        <v/>
      </c>
      <c r="BY81" s="402" t="str">
        <f t="shared" si="59"/>
        <v/>
      </c>
      <c r="BZ81" s="402" t="str">
        <f t="shared" si="60"/>
        <v/>
      </c>
      <c r="CA81" s="402" t="str">
        <f t="shared" si="61"/>
        <v/>
      </c>
      <c r="CB81" s="402" t="str">
        <f t="shared" si="62"/>
        <v/>
      </c>
      <c r="CC81" s="402">
        <f t="shared" si="63"/>
        <v>2523</v>
      </c>
      <c r="CD81" s="402" t="str">
        <f t="shared" si="64"/>
        <v/>
      </c>
      <c r="CE81" s="402" t="str">
        <f t="shared" si="65"/>
        <v/>
      </c>
      <c r="CF81" s="402" t="str">
        <f t="shared" si="66"/>
        <v/>
      </c>
      <c r="CG81" s="402" t="str">
        <f t="shared" si="67"/>
        <v/>
      </c>
      <c r="CH81" s="402"/>
      <c r="CI81" s="402"/>
      <c r="CJ81" s="402"/>
      <c r="CK81" s="402"/>
      <c r="CL81" s="402"/>
      <c r="CM81" s="402"/>
      <c r="CN81" s="402"/>
      <c r="CO81" s="402"/>
      <c r="CP81" s="402"/>
      <c r="CQ81" s="402"/>
      <c r="CR81" s="402"/>
      <c r="CS81" s="402"/>
      <c r="CT81" s="402"/>
      <c r="CU81" s="402"/>
      <c r="CV81" s="402"/>
      <c r="CW81" s="402"/>
      <c r="CX81" s="402"/>
      <c r="CY81" s="402"/>
      <c r="CZ81" s="402"/>
      <c r="DA81" s="402"/>
      <c r="DB81" s="402"/>
      <c r="DC81" s="402"/>
      <c r="DD81" s="407"/>
      <c r="DE81" s="407" t="s">
        <v>462</v>
      </c>
      <c r="DF81" s="407" t="s">
        <v>336</v>
      </c>
    </row>
    <row r="82" spans="3:110" s="395" customFormat="1" ht="56.1" customHeight="1" x14ac:dyDescent="0.2">
      <c r="C82" s="420">
        <v>207</v>
      </c>
      <c r="D82" s="420" t="s">
        <v>2481</v>
      </c>
      <c r="E82" s="96" t="s">
        <v>53</v>
      </c>
      <c r="F82" s="96" t="s">
        <v>329</v>
      </c>
      <c r="G82" s="407" t="s">
        <v>456</v>
      </c>
      <c r="H82" s="407" t="s">
        <v>360</v>
      </c>
      <c r="I82" s="316" t="s">
        <v>469</v>
      </c>
      <c r="J82" s="316"/>
      <c r="K82" s="407" t="s">
        <v>93</v>
      </c>
      <c r="L82" s="407" t="s">
        <v>42</v>
      </c>
      <c r="M82" s="407" t="s">
        <v>81</v>
      </c>
      <c r="N82" s="407" t="s">
        <v>334</v>
      </c>
      <c r="O82" s="407" t="s">
        <v>71</v>
      </c>
      <c r="P82" s="407" t="s">
        <v>63</v>
      </c>
      <c r="Q82" s="407" t="s">
        <v>63</v>
      </c>
      <c r="R82" s="410">
        <v>17747</v>
      </c>
      <c r="S82" s="410">
        <f t="shared" si="35"/>
        <v>17747</v>
      </c>
      <c r="T82" s="407" t="s">
        <v>226</v>
      </c>
      <c r="U82" s="407" t="s">
        <v>82</v>
      </c>
      <c r="V82" s="408"/>
      <c r="W82" s="408"/>
      <c r="X82" s="408"/>
      <c r="Y82" s="408"/>
      <c r="Z82" s="408"/>
      <c r="AA82" s="408"/>
      <c r="AB82" s="408"/>
      <c r="AC82" s="408"/>
      <c r="AD82" s="408"/>
      <c r="AE82" s="408"/>
      <c r="AF82" s="408"/>
      <c r="AG82" s="408"/>
      <c r="AH82" s="408"/>
      <c r="AI82" s="408"/>
      <c r="AJ82" s="408"/>
      <c r="AK82" s="408"/>
      <c r="AL82" s="408"/>
      <c r="AM82" s="408"/>
      <c r="AN82" s="408"/>
      <c r="AO82" s="408"/>
      <c r="AP82" s="408"/>
      <c r="AQ82" s="408"/>
      <c r="AR82" s="408"/>
      <c r="AS82" s="408"/>
      <c r="AT82" s="408"/>
      <c r="AU82" s="402" t="s">
        <v>66</v>
      </c>
      <c r="AV82" s="408"/>
      <c r="AW82" s="408"/>
      <c r="AX82" s="408"/>
      <c r="AY82" s="408"/>
      <c r="AZ82" s="408"/>
      <c r="BA82" s="308">
        <f t="shared" si="36"/>
        <v>217</v>
      </c>
      <c r="BB82" s="309">
        <f t="shared" si="34"/>
        <v>81.783410138248854</v>
      </c>
      <c r="BC82" s="402" t="str">
        <f t="shared" si="37"/>
        <v/>
      </c>
      <c r="BD82" s="402" t="str">
        <f t="shared" si="38"/>
        <v/>
      </c>
      <c r="BE82" s="402" t="str">
        <f t="shared" si="39"/>
        <v/>
      </c>
      <c r="BF82" s="402" t="str">
        <f t="shared" si="40"/>
        <v/>
      </c>
      <c r="BG82" s="402" t="str">
        <f t="shared" si="41"/>
        <v/>
      </c>
      <c r="BH82" s="402" t="str">
        <f t="shared" si="42"/>
        <v/>
      </c>
      <c r="BI82" s="402" t="str">
        <f t="shared" si="43"/>
        <v/>
      </c>
      <c r="BJ82" s="402" t="str">
        <f t="shared" si="44"/>
        <v/>
      </c>
      <c r="BK82" s="402" t="str">
        <f t="shared" si="45"/>
        <v/>
      </c>
      <c r="BL82" s="402" t="str">
        <f t="shared" si="46"/>
        <v/>
      </c>
      <c r="BM82" s="402" t="str">
        <f t="shared" si="47"/>
        <v/>
      </c>
      <c r="BN82" s="402" t="str">
        <f t="shared" si="48"/>
        <v/>
      </c>
      <c r="BO82" s="402" t="str">
        <f t="shared" si="49"/>
        <v/>
      </c>
      <c r="BP82" s="402" t="str">
        <f t="shared" si="50"/>
        <v/>
      </c>
      <c r="BQ82" s="402" t="str">
        <f t="shared" si="51"/>
        <v/>
      </c>
      <c r="BR82" s="402" t="str">
        <f t="shared" si="52"/>
        <v/>
      </c>
      <c r="BS82" s="402" t="str">
        <f t="shared" si="53"/>
        <v/>
      </c>
      <c r="BT82" s="402" t="str">
        <f t="shared" si="54"/>
        <v/>
      </c>
      <c r="BU82" s="402" t="str">
        <f t="shared" si="55"/>
        <v/>
      </c>
      <c r="BV82" s="402" t="str">
        <f t="shared" si="56"/>
        <v/>
      </c>
      <c r="BW82" s="402" t="str">
        <f t="shared" si="57"/>
        <v/>
      </c>
      <c r="BX82" s="402" t="str">
        <f t="shared" si="58"/>
        <v/>
      </c>
      <c r="BY82" s="402" t="str">
        <f t="shared" si="59"/>
        <v/>
      </c>
      <c r="BZ82" s="402" t="str">
        <f t="shared" si="60"/>
        <v/>
      </c>
      <c r="CA82" s="402" t="str">
        <f t="shared" si="61"/>
        <v/>
      </c>
      <c r="CB82" s="402">
        <f t="shared" si="62"/>
        <v>17747</v>
      </c>
      <c r="CC82" s="402" t="str">
        <f t="shared" si="63"/>
        <v/>
      </c>
      <c r="CD82" s="402" t="str">
        <f t="shared" si="64"/>
        <v/>
      </c>
      <c r="CE82" s="402" t="str">
        <f t="shared" si="65"/>
        <v/>
      </c>
      <c r="CF82" s="402" t="str">
        <f t="shared" si="66"/>
        <v/>
      </c>
      <c r="CG82" s="402" t="str">
        <f t="shared" si="67"/>
        <v/>
      </c>
      <c r="CH82" s="402"/>
      <c r="CI82" s="402"/>
      <c r="CJ82" s="402"/>
      <c r="CK82" s="402"/>
      <c r="CL82" s="402"/>
      <c r="CM82" s="402"/>
      <c r="CN82" s="402"/>
      <c r="CO82" s="402"/>
      <c r="CP82" s="402"/>
      <c r="CQ82" s="402"/>
      <c r="CR82" s="402"/>
      <c r="CS82" s="402"/>
      <c r="CT82" s="402"/>
      <c r="CU82" s="402"/>
      <c r="CV82" s="402"/>
      <c r="CW82" s="402"/>
      <c r="CX82" s="402"/>
      <c r="CY82" s="402"/>
      <c r="CZ82" s="402"/>
      <c r="DA82" s="402"/>
      <c r="DB82" s="402"/>
      <c r="DC82" s="402"/>
      <c r="DD82" s="407"/>
      <c r="DE82" s="407" t="s">
        <v>462</v>
      </c>
      <c r="DF82" s="407" t="s">
        <v>336</v>
      </c>
    </row>
    <row r="83" spans="3:110" s="395" customFormat="1" ht="56.1" customHeight="1" x14ac:dyDescent="0.2">
      <c r="C83" s="420">
        <v>208</v>
      </c>
      <c r="D83" s="420" t="s">
        <v>2481</v>
      </c>
      <c r="E83" s="96" t="s">
        <v>53</v>
      </c>
      <c r="F83" s="96" t="s">
        <v>329</v>
      </c>
      <c r="G83" s="407" t="s">
        <v>456</v>
      </c>
      <c r="H83" s="407" t="s">
        <v>360</v>
      </c>
      <c r="I83" s="316" t="s">
        <v>471</v>
      </c>
      <c r="J83" s="316"/>
      <c r="K83" s="407" t="s">
        <v>157</v>
      </c>
      <c r="L83" s="407" t="s">
        <v>310</v>
      </c>
      <c r="M83" s="407" t="s">
        <v>81</v>
      </c>
      <c r="N83" s="407" t="s">
        <v>334</v>
      </c>
      <c r="O83" s="407" t="s">
        <v>225</v>
      </c>
      <c r="P83" s="407" t="s">
        <v>63</v>
      </c>
      <c r="Q83" s="407" t="s">
        <v>63</v>
      </c>
      <c r="R83" s="410">
        <v>5482</v>
      </c>
      <c r="S83" s="410">
        <f t="shared" si="35"/>
        <v>5482</v>
      </c>
      <c r="T83" s="407" t="s">
        <v>226</v>
      </c>
      <c r="U83" s="407" t="s">
        <v>82</v>
      </c>
      <c r="V83" s="408"/>
      <c r="W83" s="408"/>
      <c r="X83" s="408"/>
      <c r="Y83" s="408"/>
      <c r="Z83" s="408"/>
      <c r="AA83" s="408"/>
      <c r="AB83" s="408"/>
      <c r="AC83" s="408"/>
      <c r="AD83" s="408"/>
      <c r="AE83" s="408"/>
      <c r="AF83" s="408"/>
      <c r="AG83" s="408"/>
      <c r="AH83" s="408"/>
      <c r="AI83" s="408"/>
      <c r="AJ83" s="408"/>
      <c r="AK83" s="408"/>
      <c r="AL83" s="408"/>
      <c r="AM83" s="408"/>
      <c r="AN83" s="408"/>
      <c r="AO83" s="408"/>
      <c r="AP83" s="408"/>
      <c r="AQ83" s="408"/>
      <c r="AR83" s="408"/>
      <c r="AS83" s="408"/>
      <c r="AT83" s="408"/>
      <c r="AU83" s="408"/>
      <c r="AV83" s="408"/>
      <c r="AW83" s="408" t="s">
        <v>66</v>
      </c>
      <c r="AX83" s="408"/>
      <c r="AY83" s="408"/>
      <c r="AZ83" s="408"/>
      <c r="BA83" s="308">
        <f t="shared" si="36"/>
        <v>67</v>
      </c>
      <c r="BB83" s="309">
        <f t="shared" si="34"/>
        <v>81.820895522388057</v>
      </c>
      <c r="BC83" s="402" t="str">
        <f t="shared" si="37"/>
        <v/>
      </c>
      <c r="BD83" s="402" t="str">
        <f t="shared" si="38"/>
        <v/>
      </c>
      <c r="BE83" s="402" t="str">
        <f t="shared" si="39"/>
        <v/>
      </c>
      <c r="BF83" s="402" t="str">
        <f t="shared" si="40"/>
        <v/>
      </c>
      <c r="BG83" s="402" t="str">
        <f t="shared" si="41"/>
        <v/>
      </c>
      <c r="BH83" s="402" t="str">
        <f t="shared" si="42"/>
        <v/>
      </c>
      <c r="BI83" s="402" t="str">
        <f t="shared" si="43"/>
        <v/>
      </c>
      <c r="BJ83" s="402" t="str">
        <f t="shared" si="44"/>
        <v/>
      </c>
      <c r="BK83" s="402" t="str">
        <f t="shared" si="45"/>
        <v/>
      </c>
      <c r="BL83" s="402" t="str">
        <f t="shared" si="46"/>
        <v/>
      </c>
      <c r="BM83" s="402" t="str">
        <f t="shared" si="47"/>
        <v/>
      </c>
      <c r="BN83" s="402" t="str">
        <f t="shared" si="48"/>
        <v/>
      </c>
      <c r="BO83" s="402" t="str">
        <f t="shared" si="49"/>
        <v/>
      </c>
      <c r="BP83" s="402" t="str">
        <f t="shared" si="50"/>
        <v/>
      </c>
      <c r="BQ83" s="402" t="str">
        <f t="shared" si="51"/>
        <v/>
      </c>
      <c r="BR83" s="402" t="str">
        <f t="shared" si="52"/>
        <v/>
      </c>
      <c r="BS83" s="402" t="str">
        <f t="shared" si="53"/>
        <v/>
      </c>
      <c r="BT83" s="402" t="str">
        <f t="shared" si="54"/>
        <v/>
      </c>
      <c r="BU83" s="402" t="str">
        <f t="shared" si="55"/>
        <v/>
      </c>
      <c r="BV83" s="402" t="str">
        <f t="shared" si="56"/>
        <v/>
      </c>
      <c r="BW83" s="402" t="str">
        <f t="shared" si="57"/>
        <v/>
      </c>
      <c r="BX83" s="402" t="str">
        <f t="shared" si="58"/>
        <v/>
      </c>
      <c r="BY83" s="402" t="str">
        <f t="shared" si="59"/>
        <v/>
      </c>
      <c r="BZ83" s="402" t="str">
        <f t="shared" si="60"/>
        <v/>
      </c>
      <c r="CA83" s="402" t="str">
        <f t="shared" si="61"/>
        <v/>
      </c>
      <c r="CB83" s="402" t="str">
        <f t="shared" si="62"/>
        <v/>
      </c>
      <c r="CC83" s="402" t="str">
        <f t="shared" si="63"/>
        <v/>
      </c>
      <c r="CD83" s="402">
        <f t="shared" si="64"/>
        <v>5482</v>
      </c>
      <c r="CE83" s="402" t="str">
        <f t="shared" si="65"/>
        <v/>
      </c>
      <c r="CF83" s="402" t="str">
        <f t="shared" si="66"/>
        <v/>
      </c>
      <c r="CG83" s="402" t="str">
        <f t="shared" si="67"/>
        <v/>
      </c>
      <c r="CH83" s="402"/>
      <c r="CI83" s="402"/>
      <c r="CJ83" s="402"/>
      <c r="CK83" s="402"/>
      <c r="CL83" s="402"/>
      <c r="CM83" s="402"/>
      <c r="CN83" s="402"/>
      <c r="CO83" s="402"/>
      <c r="CP83" s="402"/>
      <c r="CQ83" s="402"/>
      <c r="CR83" s="402"/>
      <c r="CS83" s="402"/>
      <c r="CT83" s="402"/>
      <c r="CU83" s="402"/>
      <c r="CV83" s="402"/>
      <c r="CW83" s="402"/>
      <c r="CX83" s="402"/>
      <c r="CY83" s="402"/>
      <c r="CZ83" s="402"/>
      <c r="DA83" s="402"/>
      <c r="DB83" s="402"/>
      <c r="DC83" s="402"/>
      <c r="DD83" s="407"/>
      <c r="DE83" s="407" t="s">
        <v>462</v>
      </c>
      <c r="DF83" s="407" t="s">
        <v>336</v>
      </c>
    </row>
    <row r="84" spans="3:110" s="395" customFormat="1" ht="56.1" customHeight="1" x14ac:dyDescent="0.2">
      <c r="C84" s="420">
        <v>209</v>
      </c>
      <c r="D84" s="420" t="s">
        <v>2481</v>
      </c>
      <c r="E84" s="96" t="s">
        <v>53</v>
      </c>
      <c r="F84" s="96" t="s">
        <v>329</v>
      </c>
      <c r="G84" s="407" t="s">
        <v>456</v>
      </c>
      <c r="H84" s="407" t="s">
        <v>414</v>
      </c>
      <c r="I84" s="316" t="s">
        <v>470</v>
      </c>
      <c r="J84" s="316"/>
      <c r="K84" s="407" t="s">
        <v>95</v>
      </c>
      <c r="L84" s="407" t="s">
        <v>347</v>
      </c>
      <c r="M84" s="407" t="s">
        <v>81</v>
      </c>
      <c r="N84" s="407" t="s">
        <v>334</v>
      </c>
      <c r="O84" s="407" t="s">
        <v>225</v>
      </c>
      <c r="P84" s="407" t="s">
        <v>63</v>
      </c>
      <c r="Q84" s="407" t="s">
        <v>63</v>
      </c>
      <c r="R84" s="410">
        <v>2523</v>
      </c>
      <c r="S84" s="410">
        <f t="shared" si="35"/>
        <v>2523</v>
      </c>
      <c r="T84" s="407" t="s">
        <v>226</v>
      </c>
      <c r="U84" s="407" t="s">
        <v>82</v>
      </c>
      <c r="V84" s="408"/>
      <c r="W84" s="408"/>
      <c r="X84" s="408"/>
      <c r="Y84" s="408"/>
      <c r="Z84" s="408"/>
      <c r="AA84" s="408"/>
      <c r="AB84" s="408"/>
      <c r="AC84" s="408"/>
      <c r="AD84" s="408"/>
      <c r="AE84" s="408"/>
      <c r="AF84" s="408"/>
      <c r="AG84" s="408"/>
      <c r="AH84" s="408"/>
      <c r="AI84" s="408"/>
      <c r="AJ84" s="408"/>
      <c r="AK84" s="408"/>
      <c r="AL84" s="408"/>
      <c r="AM84" s="408"/>
      <c r="AN84" s="408"/>
      <c r="AO84" s="408"/>
      <c r="AP84" s="408"/>
      <c r="AQ84" s="408"/>
      <c r="AR84" s="408"/>
      <c r="AS84" s="408"/>
      <c r="AT84" s="408"/>
      <c r="AU84" s="408"/>
      <c r="AV84" s="408"/>
      <c r="AW84" s="408"/>
      <c r="AX84" s="408"/>
      <c r="AY84" s="306" t="s">
        <v>66</v>
      </c>
      <c r="AZ84" s="408"/>
      <c r="BA84" s="308">
        <f t="shared" si="36"/>
        <v>31</v>
      </c>
      <c r="BB84" s="309">
        <f t="shared" si="34"/>
        <v>81.387096774193552</v>
      </c>
      <c r="BC84" s="402" t="str">
        <f t="shared" si="37"/>
        <v/>
      </c>
      <c r="BD84" s="402" t="str">
        <f t="shared" si="38"/>
        <v/>
      </c>
      <c r="BE84" s="402" t="str">
        <f t="shared" si="39"/>
        <v/>
      </c>
      <c r="BF84" s="402" t="str">
        <f t="shared" si="40"/>
        <v/>
      </c>
      <c r="BG84" s="402" t="str">
        <f t="shared" si="41"/>
        <v/>
      </c>
      <c r="BH84" s="402" t="str">
        <f t="shared" si="42"/>
        <v/>
      </c>
      <c r="BI84" s="402" t="str">
        <f t="shared" si="43"/>
        <v/>
      </c>
      <c r="BJ84" s="402" t="str">
        <f t="shared" si="44"/>
        <v/>
      </c>
      <c r="BK84" s="402" t="str">
        <f t="shared" si="45"/>
        <v/>
      </c>
      <c r="BL84" s="402" t="str">
        <f t="shared" si="46"/>
        <v/>
      </c>
      <c r="BM84" s="402" t="str">
        <f t="shared" si="47"/>
        <v/>
      </c>
      <c r="BN84" s="402" t="str">
        <f t="shared" si="48"/>
        <v/>
      </c>
      <c r="BO84" s="402" t="str">
        <f t="shared" si="49"/>
        <v/>
      </c>
      <c r="BP84" s="402" t="str">
        <f t="shared" si="50"/>
        <v/>
      </c>
      <c r="BQ84" s="402" t="str">
        <f t="shared" si="51"/>
        <v/>
      </c>
      <c r="BR84" s="402" t="str">
        <f t="shared" si="52"/>
        <v/>
      </c>
      <c r="BS84" s="402" t="str">
        <f t="shared" si="53"/>
        <v/>
      </c>
      <c r="BT84" s="402" t="str">
        <f t="shared" si="54"/>
        <v/>
      </c>
      <c r="BU84" s="402" t="str">
        <f t="shared" si="55"/>
        <v/>
      </c>
      <c r="BV84" s="402" t="str">
        <f t="shared" si="56"/>
        <v/>
      </c>
      <c r="BW84" s="402" t="str">
        <f t="shared" si="57"/>
        <v/>
      </c>
      <c r="BX84" s="402" t="str">
        <f t="shared" si="58"/>
        <v/>
      </c>
      <c r="BY84" s="402" t="str">
        <f t="shared" si="59"/>
        <v/>
      </c>
      <c r="BZ84" s="402" t="str">
        <f t="shared" si="60"/>
        <v/>
      </c>
      <c r="CA84" s="402" t="str">
        <f t="shared" si="61"/>
        <v/>
      </c>
      <c r="CB84" s="402" t="str">
        <f t="shared" si="62"/>
        <v/>
      </c>
      <c r="CC84" s="402" t="str">
        <f t="shared" si="63"/>
        <v/>
      </c>
      <c r="CD84" s="402" t="str">
        <f t="shared" si="64"/>
        <v/>
      </c>
      <c r="CE84" s="402" t="str">
        <f t="shared" si="65"/>
        <v/>
      </c>
      <c r="CF84" s="402">
        <f t="shared" si="66"/>
        <v>2523</v>
      </c>
      <c r="CG84" s="402" t="str">
        <f t="shared" si="67"/>
        <v/>
      </c>
      <c r="CH84" s="402"/>
      <c r="CI84" s="402"/>
      <c r="CJ84" s="402"/>
      <c r="CK84" s="402"/>
      <c r="CL84" s="402"/>
      <c r="CM84" s="402"/>
      <c r="CN84" s="402"/>
      <c r="CO84" s="402"/>
      <c r="CP84" s="402"/>
      <c r="CQ84" s="402"/>
      <c r="CR84" s="402"/>
      <c r="CS84" s="402"/>
      <c r="CT84" s="402"/>
      <c r="CU84" s="402"/>
      <c r="CV84" s="402"/>
      <c r="CW84" s="402"/>
      <c r="CX84" s="402"/>
      <c r="CY84" s="402"/>
      <c r="CZ84" s="402"/>
      <c r="DA84" s="402"/>
      <c r="DB84" s="402"/>
      <c r="DC84" s="402"/>
      <c r="DD84" s="407"/>
      <c r="DE84" s="407" t="s">
        <v>462</v>
      </c>
      <c r="DF84" s="407" t="s">
        <v>336</v>
      </c>
    </row>
    <row r="85" spans="3:110" s="337" customFormat="1" ht="56.1" customHeight="1" x14ac:dyDescent="0.2">
      <c r="C85" s="368">
        <v>228</v>
      </c>
      <c r="D85" s="420" t="s">
        <v>2481</v>
      </c>
      <c r="E85" s="369" t="s">
        <v>53</v>
      </c>
      <c r="F85" s="369" t="s">
        <v>329</v>
      </c>
      <c r="G85" s="334" t="s">
        <v>482</v>
      </c>
      <c r="H85" s="334" t="s">
        <v>483</v>
      </c>
      <c r="I85" s="259" t="s">
        <v>484</v>
      </c>
      <c r="J85" s="259"/>
      <c r="K85" s="334" t="s">
        <v>333</v>
      </c>
      <c r="L85" s="334" t="s">
        <v>63</v>
      </c>
      <c r="M85" s="334" t="s">
        <v>81</v>
      </c>
      <c r="N85" s="334" t="s">
        <v>334</v>
      </c>
      <c r="O85" s="334" t="s">
        <v>225</v>
      </c>
      <c r="P85" s="334" t="s">
        <v>63</v>
      </c>
      <c r="Q85" s="334" t="s">
        <v>63</v>
      </c>
      <c r="R85" s="335">
        <v>216378</v>
      </c>
      <c r="S85" s="335">
        <f t="shared" si="35"/>
        <v>216378</v>
      </c>
      <c r="T85" s="334" t="s">
        <v>226</v>
      </c>
      <c r="U85" s="334" t="s">
        <v>82</v>
      </c>
      <c r="V85" s="336" t="s">
        <v>66</v>
      </c>
      <c r="W85" s="338"/>
      <c r="X85" s="338"/>
      <c r="Y85" s="338"/>
      <c r="Z85" s="338"/>
      <c r="AA85" s="338"/>
      <c r="AB85" s="338"/>
      <c r="AC85" s="338"/>
      <c r="AD85" s="338"/>
      <c r="AE85" s="338"/>
      <c r="AF85" s="338"/>
      <c r="AG85" s="338"/>
      <c r="AH85" s="338"/>
      <c r="AI85" s="338"/>
      <c r="AJ85" s="338"/>
      <c r="AK85" s="338"/>
      <c r="AL85" s="338"/>
      <c r="AM85" s="338"/>
      <c r="AN85" s="338"/>
      <c r="AO85" s="338"/>
      <c r="AP85" s="338"/>
      <c r="AQ85" s="338"/>
      <c r="AR85" s="338"/>
      <c r="AS85" s="338"/>
      <c r="AT85" s="338"/>
      <c r="AU85" s="338"/>
      <c r="AV85" s="338"/>
      <c r="AW85" s="338"/>
      <c r="AX85" s="338"/>
      <c r="AY85" s="338"/>
      <c r="AZ85" s="338"/>
      <c r="BA85" s="238">
        <f t="shared" si="36"/>
        <v>1500</v>
      </c>
      <c r="BB85" s="84">
        <f t="shared" si="34"/>
        <v>144.25200000000001</v>
      </c>
      <c r="BC85" s="336">
        <f t="shared" si="37"/>
        <v>216378</v>
      </c>
      <c r="BD85" s="336" t="str">
        <f t="shared" si="38"/>
        <v/>
      </c>
      <c r="BE85" s="336" t="str">
        <f t="shared" si="39"/>
        <v/>
      </c>
      <c r="BF85" s="336" t="str">
        <f t="shared" si="40"/>
        <v/>
      </c>
      <c r="BG85" s="336" t="str">
        <f t="shared" si="41"/>
        <v/>
      </c>
      <c r="BH85" s="336" t="str">
        <f t="shared" si="42"/>
        <v/>
      </c>
      <c r="BI85" s="336" t="str">
        <f t="shared" si="43"/>
        <v/>
      </c>
      <c r="BJ85" s="336" t="str">
        <f t="shared" si="44"/>
        <v/>
      </c>
      <c r="BK85" s="336" t="str">
        <f t="shared" si="45"/>
        <v/>
      </c>
      <c r="BL85" s="336" t="str">
        <f t="shared" si="46"/>
        <v/>
      </c>
      <c r="BM85" s="336" t="str">
        <f t="shared" si="47"/>
        <v/>
      </c>
      <c r="BN85" s="336" t="str">
        <f t="shared" si="48"/>
        <v/>
      </c>
      <c r="BO85" s="336" t="str">
        <f t="shared" si="49"/>
        <v/>
      </c>
      <c r="BP85" s="336" t="str">
        <f t="shared" si="50"/>
        <v/>
      </c>
      <c r="BQ85" s="336" t="str">
        <f t="shared" si="51"/>
        <v/>
      </c>
      <c r="BR85" s="336" t="str">
        <f t="shared" si="52"/>
        <v/>
      </c>
      <c r="BS85" s="336" t="str">
        <f t="shared" si="53"/>
        <v/>
      </c>
      <c r="BT85" s="336" t="str">
        <f t="shared" si="54"/>
        <v/>
      </c>
      <c r="BU85" s="336" t="str">
        <f t="shared" si="55"/>
        <v/>
      </c>
      <c r="BV85" s="336" t="str">
        <f t="shared" si="56"/>
        <v/>
      </c>
      <c r="BW85" s="336" t="str">
        <f t="shared" si="57"/>
        <v/>
      </c>
      <c r="BX85" s="336" t="str">
        <f t="shared" si="58"/>
        <v/>
      </c>
      <c r="BY85" s="336" t="str">
        <f t="shared" si="59"/>
        <v/>
      </c>
      <c r="BZ85" s="336" t="str">
        <f t="shared" si="60"/>
        <v/>
      </c>
      <c r="CA85" s="336" t="str">
        <f t="shared" si="61"/>
        <v/>
      </c>
      <c r="CB85" s="336" t="str">
        <f t="shared" si="62"/>
        <v/>
      </c>
      <c r="CC85" s="336" t="str">
        <f t="shared" si="63"/>
        <v/>
      </c>
      <c r="CD85" s="336" t="str">
        <f t="shared" si="64"/>
        <v/>
      </c>
      <c r="CE85" s="336" t="str">
        <f t="shared" si="65"/>
        <v/>
      </c>
      <c r="CF85" s="336" t="str">
        <f t="shared" si="66"/>
        <v/>
      </c>
      <c r="CG85" s="336" t="str">
        <f t="shared" si="67"/>
        <v/>
      </c>
      <c r="CH85" s="336"/>
      <c r="CI85" s="336"/>
      <c r="CJ85" s="336"/>
      <c r="CK85" s="336"/>
      <c r="CL85" s="336"/>
      <c r="CM85" s="336"/>
      <c r="CN85" s="336"/>
      <c r="CO85" s="336"/>
      <c r="CP85" s="336"/>
      <c r="CQ85" s="336"/>
      <c r="CR85" s="336"/>
      <c r="CS85" s="336"/>
      <c r="CT85" s="336"/>
      <c r="CU85" s="336"/>
      <c r="CV85" s="336"/>
      <c r="CW85" s="336"/>
      <c r="CX85" s="336"/>
      <c r="CY85" s="336"/>
      <c r="CZ85" s="336"/>
      <c r="DA85" s="336"/>
      <c r="DB85" s="336"/>
      <c r="DC85" s="336"/>
      <c r="DD85" s="334"/>
      <c r="DE85" s="334" t="s">
        <v>485</v>
      </c>
      <c r="DF85" s="334" t="s">
        <v>336</v>
      </c>
    </row>
    <row r="86" spans="3:110" s="395" customFormat="1" ht="56.1" customHeight="1" x14ac:dyDescent="0.2">
      <c r="C86" s="420">
        <v>229</v>
      </c>
      <c r="D86" s="420" t="s">
        <v>2481</v>
      </c>
      <c r="E86" s="96" t="s">
        <v>53</v>
      </c>
      <c r="F86" s="96" t="s">
        <v>329</v>
      </c>
      <c r="G86" s="407" t="s">
        <v>482</v>
      </c>
      <c r="H86" s="407" t="s">
        <v>483</v>
      </c>
      <c r="I86" s="316" t="s">
        <v>486</v>
      </c>
      <c r="J86" s="316"/>
      <c r="K86" s="407" t="s">
        <v>90</v>
      </c>
      <c r="L86" s="407" t="s">
        <v>38</v>
      </c>
      <c r="M86" s="407" t="s">
        <v>81</v>
      </c>
      <c r="N86" s="407" t="s">
        <v>334</v>
      </c>
      <c r="O86" s="407" t="s">
        <v>339</v>
      </c>
      <c r="P86" s="407" t="s">
        <v>63</v>
      </c>
      <c r="Q86" s="407" t="s">
        <v>63</v>
      </c>
      <c r="R86" s="410">
        <v>127131</v>
      </c>
      <c r="S86" s="410">
        <f t="shared" si="35"/>
        <v>127131</v>
      </c>
      <c r="T86" s="407" t="s">
        <v>226</v>
      </c>
      <c r="U86" s="407" t="s">
        <v>82</v>
      </c>
      <c r="V86" s="408"/>
      <c r="W86" s="408"/>
      <c r="X86" s="408"/>
      <c r="Y86" s="408"/>
      <c r="Z86" s="408"/>
      <c r="AA86" s="408"/>
      <c r="AB86" s="408"/>
      <c r="AC86" s="408"/>
      <c r="AD86" s="408"/>
      <c r="AE86" s="408"/>
      <c r="AF86" s="408"/>
      <c r="AG86" s="408"/>
      <c r="AH86" s="408"/>
      <c r="AI86" s="408"/>
      <c r="AJ86" s="408"/>
      <c r="AK86" s="408"/>
      <c r="AL86" s="408"/>
      <c r="AM86" s="408"/>
      <c r="AN86" s="408"/>
      <c r="AO86" s="408"/>
      <c r="AP86" s="408"/>
      <c r="AQ86" s="402" t="s">
        <v>66</v>
      </c>
      <c r="AR86" s="408"/>
      <c r="AS86" s="408"/>
      <c r="AT86" s="408"/>
      <c r="AU86" s="408"/>
      <c r="AV86" s="408"/>
      <c r="AW86" s="408"/>
      <c r="AX86" s="408"/>
      <c r="AY86" s="408"/>
      <c r="AZ86" s="408"/>
      <c r="BA86" s="308">
        <f t="shared" si="36"/>
        <v>250</v>
      </c>
      <c r="BB86" s="309">
        <f t="shared" si="34"/>
        <v>508.524</v>
      </c>
      <c r="BC86" s="402" t="str">
        <f t="shared" si="37"/>
        <v/>
      </c>
      <c r="BD86" s="402" t="str">
        <f t="shared" si="38"/>
        <v/>
      </c>
      <c r="BE86" s="402" t="str">
        <f t="shared" si="39"/>
        <v/>
      </c>
      <c r="BF86" s="402" t="str">
        <f t="shared" si="40"/>
        <v/>
      </c>
      <c r="BG86" s="402" t="str">
        <f t="shared" si="41"/>
        <v/>
      </c>
      <c r="BH86" s="402" t="str">
        <f t="shared" si="42"/>
        <v/>
      </c>
      <c r="BI86" s="402" t="str">
        <f t="shared" si="43"/>
        <v/>
      </c>
      <c r="BJ86" s="402" t="str">
        <f t="shared" si="44"/>
        <v/>
      </c>
      <c r="BK86" s="402" t="str">
        <f t="shared" si="45"/>
        <v/>
      </c>
      <c r="BL86" s="402" t="str">
        <f t="shared" si="46"/>
        <v/>
      </c>
      <c r="BM86" s="402" t="str">
        <f t="shared" si="47"/>
        <v/>
      </c>
      <c r="BN86" s="402" t="str">
        <f t="shared" si="48"/>
        <v/>
      </c>
      <c r="BO86" s="402" t="str">
        <f t="shared" si="49"/>
        <v/>
      </c>
      <c r="BP86" s="402" t="str">
        <f t="shared" si="50"/>
        <v/>
      </c>
      <c r="BQ86" s="402" t="str">
        <f t="shared" si="51"/>
        <v/>
      </c>
      <c r="BR86" s="402" t="str">
        <f t="shared" si="52"/>
        <v/>
      </c>
      <c r="BS86" s="402" t="str">
        <f t="shared" si="53"/>
        <v/>
      </c>
      <c r="BT86" s="402" t="str">
        <f t="shared" si="54"/>
        <v/>
      </c>
      <c r="BU86" s="402" t="str">
        <f t="shared" si="55"/>
        <v/>
      </c>
      <c r="BV86" s="402" t="str">
        <f t="shared" si="56"/>
        <v/>
      </c>
      <c r="BW86" s="402" t="str">
        <f t="shared" si="57"/>
        <v/>
      </c>
      <c r="BX86" s="402">
        <f t="shared" si="58"/>
        <v>127131</v>
      </c>
      <c r="BY86" s="402" t="str">
        <f t="shared" si="59"/>
        <v/>
      </c>
      <c r="BZ86" s="402" t="str">
        <f t="shared" si="60"/>
        <v/>
      </c>
      <c r="CA86" s="402" t="str">
        <f t="shared" si="61"/>
        <v/>
      </c>
      <c r="CB86" s="402" t="str">
        <f t="shared" si="62"/>
        <v/>
      </c>
      <c r="CC86" s="402" t="str">
        <f t="shared" si="63"/>
        <v/>
      </c>
      <c r="CD86" s="402" t="str">
        <f t="shared" si="64"/>
        <v/>
      </c>
      <c r="CE86" s="402" t="str">
        <f t="shared" si="65"/>
        <v/>
      </c>
      <c r="CF86" s="402" t="str">
        <f t="shared" si="66"/>
        <v/>
      </c>
      <c r="CG86" s="402" t="str">
        <f t="shared" si="67"/>
        <v/>
      </c>
      <c r="CH86" s="402"/>
      <c r="CI86" s="402"/>
      <c r="CJ86" s="402"/>
      <c r="CK86" s="402"/>
      <c r="CL86" s="402"/>
      <c r="CM86" s="402"/>
      <c r="CN86" s="402"/>
      <c r="CO86" s="402"/>
      <c r="CP86" s="402"/>
      <c r="CQ86" s="402"/>
      <c r="CR86" s="402"/>
      <c r="CS86" s="402"/>
      <c r="CT86" s="402"/>
      <c r="CU86" s="402"/>
      <c r="CV86" s="402"/>
      <c r="CW86" s="402"/>
      <c r="CX86" s="402"/>
      <c r="CY86" s="402"/>
      <c r="CZ86" s="402"/>
      <c r="DA86" s="402"/>
      <c r="DB86" s="402"/>
      <c r="DC86" s="402"/>
      <c r="DD86" s="407"/>
      <c r="DE86" s="407" t="s">
        <v>485</v>
      </c>
      <c r="DF86" s="407" t="s">
        <v>336</v>
      </c>
    </row>
    <row r="87" spans="3:110" s="395" customFormat="1" ht="56.1" customHeight="1" x14ac:dyDescent="0.2">
      <c r="C87" s="420">
        <v>230</v>
      </c>
      <c r="D87" s="420" t="s">
        <v>2481</v>
      </c>
      <c r="E87" s="96" t="s">
        <v>53</v>
      </c>
      <c r="F87" s="96" t="s">
        <v>329</v>
      </c>
      <c r="G87" s="407" t="s">
        <v>482</v>
      </c>
      <c r="H87" s="407" t="s">
        <v>483</v>
      </c>
      <c r="I87" s="316" t="s">
        <v>487</v>
      </c>
      <c r="J87" s="316"/>
      <c r="K87" s="407" t="s">
        <v>90</v>
      </c>
      <c r="L87" s="407" t="s">
        <v>39</v>
      </c>
      <c r="M87" s="407" t="s">
        <v>81</v>
      </c>
      <c r="N87" s="407" t="s">
        <v>334</v>
      </c>
      <c r="O87" s="407" t="s">
        <v>342</v>
      </c>
      <c r="P87" s="407" t="s">
        <v>63</v>
      </c>
      <c r="Q87" s="407" t="s">
        <v>63</v>
      </c>
      <c r="R87" s="410">
        <v>225542</v>
      </c>
      <c r="S87" s="410">
        <f t="shared" si="35"/>
        <v>225542</v>
      </c>
      <c r="T87" s="407" t="s">
        <v>226</v>
      </c>
      <c r="U87" s="407" t="s">
        <v>82</v>
      </c>
      <c r="V87" s="408"/>
      <c r="W87" s="408"/>
      <c r="X87" s="408"/>
      <c r="Y87" s="408"/>
      <c r="Z87" s="408"/>
      <c r="AA87" s="408"/>
      <c r="AB87" s="408"/>
      <c r="AC87" s="408"/>
      <c r="AD87" s="408"/>
      <c r="AE87" s="408"/>
      <c r="AF87" s="408"/>
      <c r="AG87" s="408"/>
      <c r="AH87" s="408"/>
      <c r="AI87" s="408"/>
      <c r="AJ87" s="408"/>
      <c r="AK87" s="408"/>
      <c r="AL87" s="408"/>
      <c r="AM87" s="408"/>
      <c r="AN87" s="408"/>
      <c r="AO87" s="408"/>
      <c r="AP87" s="408"/>
      <c r="AQ87" s="408"/>
      <c r="AR87" s="402" t="s">
        <v>66</v>
      </c>
      <c r="AS87" s="408"/>
      <c r="AT87" s="408"/>
      <c r="AU87" s="408"/>
      <c r="AV87" s="408"/>
      <c r="AW87" s="408"/>
      <c r="AX87" s="408"/>
      <c r="AY87" s="408"/>
      <c r="AZ87" s="408"/>
      <c r="BA87" s="308">
        <f t="shared" si="36"/>
        <v>400</v>
      </c>
      <c r="BB87" s="309">
        <f t="shared" si="34"/>
        <v>563.85500000000002</v>
      </c>
      <c r="BC87" s="402" t="str">
        <f t="shared" si="37"/>
        <v/>
      </c>
      <c r="BD87" s="402" t="str">
        <f t="shared" si="38"/>
        <v/>
      </c>
      <c r="BE87" s="402" t="str">
        <f t="shared" si="39"/>
        <v/>
      </c>
      <c r="BF87" s="402" t="str">
        <f t="shared" si="40"/>
        <v/>
      </c>
      <c r="BG87" s="402" t="str">
        <f t="shared" si="41"/>
        <v/>
      </c>
      <c r="BH87" s="402" t="str">
        <f t="shared" si="42"/>
        <v/>
      </c>
      <c r="BI87" s="402" t="str">
        <f t="shared" si="43"/>
        <v/>
      </c>
      <c r="BJ87" s="402" t="str">
        <f t="shared" si="44"/>
        <v/>
      </c>
      <c r="BK87" s="402" t="str">
        <f t="shared" si="45"/>
        <v/>
      </c>
      <c r="BL87" s="402" t="str">
        <f t="shared" si="46"/>
        <v/>
      </c>
      <c r="BM87" s="402" t="str">
        <f t="shared" si="47"/>
        <v/>
      </c>
      <c r="BN87" s="402" t="str">
        <f t="shared" si="48"/>
        <v/>
      </c>
      <c r="BO87" s="402" t="str">
        <f t="shared" si="49"/>
        <v/>
      </c>
      <c r="BP87" s="402" t="str">
        <f t="shared" si="50"/>
        <v/>
      </c>
      <c r="BQ87" s="402" t="str">
        <f t="shared" si="51"/>
        <v/>
      </c>
      <c r="BR87" s="402" t="str">
        <f t="shared" si="52"/>
        <v/>
      </c>
      <c r="BS87" s="402" t="str">
        <f t="shared" si="53"/>
        <v/>
      </c>
      <c r="BT87" s="402" t="str">
        <f t="shared" si="54"/>
        <v/>
      </c>
      <c r="BU87" s="402" t="str">
        <f t="shared" si="55"/>
        <v/>
      </c>
      <c r="BV87" s="402" t="str">
        <f t="shared" si="56"/>
        <v/>
      </c>
      <c r="BW87" s="402" t="str">
        <f t="shared" si="57"/>
        <v/>
      </c>
      <c r="BX87" s="402" t="str">
        <f t="shared" si="58"/>
        <v/>
      </c>
      <c r="BY87" s="402">
        <f t="shared" si="59"/>
        <v>225542</v>
      </c>
      <c r="BZ87" s="402" t="str">
        <f t="shared" si="60"/>
        <v/>
      </c>
      <c r="CA87" s="402" t="str">
        <f t="shared" si="61"/>
        <v/>
      </c>
      <c r="CB87" s="402" t="str">
        <f t="shared" si="62"/>
        <v/>
      </c>
      <c r="CC87" s="402" t="str">
        <f t="shared" si="63"/>
        <v/>
      </c>
      <c r="CD87" s="402" t="str">
        <f t="shared" si="64"/>
        <v/>
      </c>
      <c r="CE87" s="402" t="str">
        <f t="shared" si="65"/>
        <v/>
      </c>
      <c r="CF87" s="402" t="str">
        <f t="shared" si="66"/>
        <v/>
      </c>
      <c r="CG87" s="402" t="str">
        <f t="shared" si="67"/>
        <v/>
      </c>
      <c r="CH87" s="402"/>
      <c r="CI87" s="402"/>
      <c r="CJ87" s="402"/>
      <c r="CK87" s="402"/>
      <c r="CL87" s="402"/>
      <c r="CM87" s="402"/>
      <c r="CN87" s="402"/>
      <c r="CO87" s="402"/>
      <c r="CP87" s="402"/>
      <c r="CQ87" s="402"/>
      <c r="CR87" s="402"/>
      <c r="CS87" s="402"/>
      <c r="CT87" s="402"/>
      <c r="CU87" s="402"/>
      <c r="CV87" s="402"/>
      <c r="CW87" s="402"/>
      <c r="CX87" s="402"/>
      <c r="CY87" s="402"/>
      <c r="CZ87" s="402"/>
      <c r="DA87" s="402"/>
      <c r="DB87" s="402"/>
      <c r="DC87" s="402"/>
      <c r="DD87" s="407"/>
      <c r="DE87" s="407" t="s">
        <v>485</v>
      </c>
      <c r="DF87" s="407" t="s">
        <v>336</v>
      </c>
    </row>
    <row r="88" spans="3:110" s="395" customFormat="1" ht="56.1" customHeight="1" x14ac:dyDescent="0.2">
      <c r="C88" s="420">
        <v>231</v>
      </c>
      <c r="D88" s="420" t="s">
        <v>2481</v>
      </c>
      <c r="E88" s="96" t="s">
        <v>53</v>
      </c>
      <c r="F88" s="96" t="s">
        <v>329</v>
      </c>
      <c r="G88" s="407" t="s">
        <v>482</v>
      </c>
      <c r="H88" s="407" t="s">
        <v>483</v>
      </c>
      <c r="I88" s="316" t="s">
        <v>488</v>
      </c>
      <c r="J88" s="316"/>
      <c r="K88" s="407" t="s">
        <v>90</v>
      </c>
      <c r="L88" s="407" t="s">
        <v>40</v>
      </c>
      <c r="M88" s="407" t="s">
        <v>81</v>
      </c>
      <c r="N88" s="407" t="s">
        <v>334</v>
      </c>
      <c r="O88" s="407" t="s">
        <v>169</v>
      </c>
      <c r="P88" s="407" t="s">
        <v>63</v>
      </c>
      <c r="Q88" s="407" t="s">
        <v>63</v>
      </c>
      <c r="R88" s="410">
        <v>789392</v>
      </c>
      <c r="S88" s="410">
        <f t="shared" si="35"/>
        <v>789392</v>
      </c>
      <c r="T88" s="407" t="s">
        <v>226</v>
      </c>
      <c r="U88" s="407" t="s">
        <v>82</v>
      </c>
      <c r="V88" s="408"/>
      <c r="W88" s="408"/>
      <c r="X88" s="408"/>
      <c r="Y88" s="408"/>
      <c r="Z88" s="408"/>
      <c r="AA88" s="408"/>
      <c r="AB88" s="408"/>
      <c r="AC88" s="408"/>
      <c r="AD88" s="408"/>
      <c r="AE88" s="408"/>
      <c r="AF88" s="408"/>
      <c r="AG88" s="408"/>
      <c r="AH88" s="408"/>
      <c r="AI88" s="408"/>
      <c r="AJ88" s="408"/>
      <c r="AK88" s="408"/>
      <c r="AL88" s="408"/>
      <c r="AM88" s="408"/>
      <c r="AN88" s="408"/>
      <c r="AO88" s="408"/>
      <c r="AP88" s="408"/>
      <c r="AQ88" s="408"/>
      <c r="AR88" s="408"/>
      <c r="AS88" s="402" t="s">
        <v>66</v>
      </c>
      <c r="AT88" s="408"/>
      <c r="AU88" s="408"/>
      <c r="AV88" s="408"/>
      <c r="AW88" s="408"/>
      <c r="AX88" s="408"/>
      <c r="AY88" s="408"/>
      <c r="AZ88" s="408"/>
      <c r="BA88" s="308">
        <f t="shared" si="36"/>
        <v>1400</v>
      </c>
      <c r="BB88" s="309">
        <f t="shared" ref="BB88:BB113" si="68">S88/BA88</f>
        <v>563.85142857142853</v>
      </c>
      <c r="BC88" s="402" t="str">
        <f t="shared" si="37"/>
        <v/>
      </c>
      <c r="BD88" s="402" t="str">
        <f t="shared" si="38"/>
        <v/>
      </c>
      <c r="BE88" s="402" t="str">
        <f t="shared" si="39"/>
        <v/>
      </c>
      <c r="BF88" s="402" t="str">
        <f t="shared" si="40"/>
        <v/>
      </c>
      <c r="BG88" s="402" t="str">
        <f t="shared" si="41"/>
        <v/>
      </c>
      <c r="BH88" s="402" t="str">
        <f t="shared" si="42"/>
        <v/>
      </c>
      <c r="BI88" s="402" t="str">
        <f t="shared" si="43"/>
        <v/>
      </c>
      <c r="BJ88" s="402" t="str">
        <f t="shared" si="44"/>
        <v/>
      </c>
      <c r="BK88" s="402" t="str">
        <f t="shared" si="45"/>
        <v/>
      </c>
      <c r="BL88" s="402" t="str">
        <f t="shared" si="46"/>
        <v/>
      </c>
      <c r="BM88" s="402" t="str">
        <f t="shared" si="47"/>
        <v/>
      </c>
      <c r="BN88" s="402" t="str">
        <f t="shared" si="48"/>
        <v/>
      </c>
      <c r="BO88" s="402" t="str">
        <f t="shared" si="49"/>
        <v/>
      </c>
      <c r="BP88" s="402" t="str">
        <f t="shared" si="50"/>
        <v/>
      </c>
      <c r="BQ88" s="402" t="str">
        <f t="shared" si="51"/>
        <v/>
      </c>
      <c r="BR88" s="402" t="str">
        <f t="shared" si="52"/>
        <v/>
      </c>
      <c r="BS88" s="402" t="str">
        <f t="shared" si="53"/>
        <v/>
      </c>
      <c r="BT88" s="402" t="str">
        <f t="shared" si="54"/>
        <v/>
      </c>
      <c r="BU88" s="402" t="str">
        <f t="shared" si="55"/>
        <v/>
      </c>
      <c r="BV88" s="402" t="str">
        <f t="shared" si="56"/>
        <v/>
      </c>
      <c r="BW88" s="402" t="str">
        <f t="shared" si="57"/>
        <v/>
      </c>
      <c r="BX88" s="402" t="str">
        <f t="shared" si="58"/>
        <v/>
      </c>
      <c r="BY88" s="402" t="str">
        <f t="shared" si="59"/>
        <v/>
      </c>
      <c r="BZ88" s="402">
        <f t="shared" si="60"/>
        <v>789391.99999999988</v>
      </c>
      <c r="CA88" s="402" t="str">
        <f t="shared" si="61"/>
        <v/>
      </c>
      <c r="CB88" s="402" t="str">
        <f t="shared" si="62"/>
        <v/>
      </c>
      <c r="CC88" s="402" t="str">
        <f t="shared" si="63"/>
        <v/>
      </c>
      <c r="CD88" s="402" t="str">
        <f t="shared" si="64"/>
        <v/>
      </c>
      <c r="CE88" s="402" t="str">
        <f t="shared" si="65"/>
        <v/>
      </c>
      <c r="CF88" s="402" t="str">
        <f t="shared" si="66"/>
        <v/>
      </c>
      <c r="CG88" s="402" t="str">
        <f t="shared" si="67"/>
        <v/>
      </c>
      <c r="CH88" s="402"/>
      <c r="CI88" s="402"/>
      <c r="CJ88" s="402"/>
      <c r="CK88" s="402"/>
      <c r="CL88" s="402"/>
      <c r="CM88" s="402"/>
      <c r="CN88" s="402"/>
      <c r="CO88" s="402"/>
      <c r="CP88" s="402"/>
      <c r="CQ88" s="402"/>
      <c r="CR88" s="402"/>
      <c r="CS88" s="402"/>
      <c r="CT88" s="402"/>
      <c r="CU88" s="402"/>
      <c r="CV88" s="402"/>
      <c r="CW88" s="402"/>
      <c r="CX88" s="402"/>
      <c r="CY88" s="402"/>
      <c r="CZ88" s="402"/>
      <c r="DA88" s="402"/>
      <c r="DB88" s="402"/>
      <c r="DC88" s="402"/>
      <c r="DD88" s="407"/>
      <c r="DE88" s="407" t="s">
        <v>485</v>
      </c>
      <c r="DF88" s="407" t="s">
        <v>336</v>
      </c>
    </row>
    <row r="89" spans="3:110" s="395" customFormat="1" ht="56.1" customHeight="1" x14ac:dyDescent="0.2">
      <c r="C89" s="420">
        <v>232</v>
      </c>
      <c r="D89" s="420" t="s">
        <v>2481</v>
      </c>
      <c r="E89" s="96" t="s">
        <v>53</v>
      </c>
      <c r="F89" s="96" t="s">
        <v>329</v>
      </c>
      <c r="G89" s="407" t="s">
        <v>482</v>
      </c>
      <c r="H89" s="407" t="s">
        <v>483</v>
      </c>
      <c r="I89" s="316" t="s">
        <v>489</v>
      </c>
      <c r="J89" s="316"/>
      <c r="K89" s="407" t="s">
        <v>90</v>
      </c>
      <c r="L89" s="407" t="s">
        <v>310</v>
      </c>
      <c r="M89" s="407" t="s">
        <v>81</v>
      </c>
      <c r="N89" s="407" t="s">
        <v>334</v>
      </c>
      <c r="O89" s="407" t="s">
        <v>225</v>
      </c>
      <c r="P89" s="407" t="s">
        <v>63</v>
      </c>
      <c r="Q89" s="407" t="s">
        <v>63</v>
      </c>
      <c r="R89" s="410">
        <v>113420</v>
      </c>
      <c r="S89" s="410">
        <f t="shared" si="35"/>
        <v>113420</v>
      </c>
      <c r="T89" s="407" t="s">
        <v>226</v>
      </c>
      <c r="U89" s="407" t="s">
        <v>82</v>
      </c>
      <c r="V89" s="408"/>
      <c r="W89" s="408"/>
      <c r="X89" s="408"/>
      <c r="Y89" s="408"/>
      <c r="Z89" s="408"/>
      <c r="AA89" s="408"/>
      <c r="AB89" s="408"/>
      <c r="AC89" s="408"/>
      <c r="AD89" s="408"/>
      <c r="AE89" s="408"/>
      <c r="AF89" s="408"/>
      <c r="AG89" s="408"/>
      <c r="AH89" s="408"/>
      <c r="AI89" s="408"/>
      <c r="AJ89" s="408"/>
      <c r="AK89" s="408"/>
      <c r="AL89" s="408"/>
      <c r="AM89" s="408"/>
      <c r="AN89" s="408"/>
      <c r="AO89" s="408"/>
      <c r="AP89" s="408"/>
      <c r="AQ89" s="408"/>
      <c r="AR89" s="408"/>
      <c r="AS89" s="408"/>
      <c r="AT89" s="402" t="s">
        <v>66</v>
      </c>
      <c r="AU89" s="408"/>
      <c r="AV89" s="408"/>
      <c r="AW89" s="408"/>
      <c r="AX89" s="408"/>
      <c r="AY89" s="408"/>
      <c r="AZ89" s="408"/>
      <c r="BA89" s="308">
        <f t="shared" si="36"/>
        <v>201</v>
      </c>
      <c r="BB89" s="309">
        <f t="shared" si="68"/>
        <v>564.27860696517416</v>
      </c>
      <c r="BC89" s="402" t="str">
        <f t="shared" si="37"/>
        <v/>
      </c>
      <c r="BD89" s="402" t="str">
        <f t="shared" si="38"/>
        <v/>
      </c>
      <c r="BE89" s="402" t="str">
        <f t="shared" si="39"/>
        <v/>
      </c>
      <c r="BF89" s="402" t="str">
        <f t="shared" si="40"/>
        <v/>
      </c>
      <c r="BG89" s="402" t="str">
        <f t="shared" si="41"/>
        <v/>
      </c>
      <c r="BH89" s="402" t="str">
        <f t="shared" si="42"/>
        <v/>
      </c>
      <c r="BI89" s="402" t="str">
        <f t="shared" si="43"/>
        <v/>
      </c>
      <c r="BJ89" s="402" t="str">
        <f t="shared" si="44"/>
        <v/>
      </c>
      <c r="BK89" s="402" t="str">
        <f t="shared" si="45"/>
        <v/>
      </c>
      <c r="BL89" s="402" t="str">
        <f t="shared" si="46"/>
        <v/>
      </c>
      <c r="BM89" s="402" t="str">
        <f t="shared" si="47"/>
        <v/>
      </c>
      <c r="BN89" s="402" t="str">
        <f t="shared" si="48"/>
        <v/>
      </c>
      <c r="BO89" s="402" t="str">
        <f t="shared" si="49"/>
        <v/>
      </c>
      <c r="BP89" s="402" t="str">
        <f t="shared" si="50"/>
        <v/>
      </c>
      <c r="BQ89" s="402" t="str">
        <f t="shared" si="51"/>
        <v/>
      </c>
      <c r="BR89" s="402" t="str">
        <f t="shared" si="52"/>
        <v/>
      </c>
      <c r="BS89" s="402" t="str">
        <f t="shared" si="53"/>
        <v/>
      </c>
      <c r="BT89" s="402" t="str">
        <f t="shared" si="54"/>
        <v/>
      </c>
      <c r="BU89" s="402" t="str">
        <f t="shared" si="55"/>
        <v/>
      </c>
      <c r="BV89" s="402" t="str">
        <f t="shared" si="56"/>
        <v/>
      </c>
      <c r="BW89" s="402" t="str">
        <f t="shared" si="57"/>
        <v/>
      </c>
      <c r="BX89" s="402" t="str">
        <f t="shared" si="58"/>
        <v/>
      </c>
      <c r="BY89" s="402" t="str">
        <f t="shared" si="59"/>
        <v/>
      </c>
      <c r="BZ89" s="402" t="str">
        <f t="shared" si="60"/>
        <v/>
      </c>
      <c r="CA89" s="402">
        <f t="shared" si="61"/>
        <v>113420</v>
      </c>
      <c r="CB89" s="402" t="str">
        <f t="shared" si="62"/>
        <v/>
      </c>
      <c r="CC89" s="402" t="str">
        <f t="shared" si="63"/>
        <v/>
      </c>
      <c r="CD89" s="402" t="str">
        <f t="shared" si="64"/>
        <v/>
      </c>
      <c r="CE89" s="402" t="str">
        <f t="shared" si="65"/>
        <v/>
      </c>
      <c r="CF89" s="402" t="str">
        <f t="shared" si="66"/>
        <v/>
      </c>
      <c r="CG89" s="402" t="str">
        <f t="shared" si="67"/>
        <v/>
      </c>
      <c r="CH89" s="402"/>
      <c r="CI89" s="402"/>
      <c r="CJ89" s="402"/>
      <c r="CK89" s="402"/>
      <c r="CL89" s="402"/>
      <c r="CM89" s="402"/>
      <c r="CN89" s="402"/>
      <c r="CO89" s="402"/>
      <c r="CP89" s="402"/>
      <c r="CQ89" s="402"/>
      <c r="CR89" s="402"/>
      <c r="CS89" s="402"/>
      <c r="CT89" s="402"/>
      <c r="CU89" s="402"/>
      <c r="CV89" s="402"/>
      <c r="CW89" s="402"/>
      <c r="CX89" s="402"/>
      <c r="CY89" s="402"/>
      <c r="CZ89" s="402"/>
      <c r="DA89" s="402"/>
      <c r="DB89" s="402"/>
      <c r="DC89" s="402"/>
      <c r="DD89" s="407"/>
      <c r="DE89" s="407" t="s">
        <v>485</v>
      </c>
      <c r="DF89" s="407" t="s">
        <v>336</v>
      </c>
    </row>
    <row r="90" spans="3:110" s="395" customFormat="1" ht="56.1" customHeight="1" x14ac:dyDescent="0.2">
      <c r="C90" s="420">
        <v>233</v>
      </c>
      <c r="D90" s="420" t="s">
        <v>2481</v>
      </c>
      <c r="E90" s="96" t="s">
        <v>53</v>
      </c>
      <c r="F90" s="96" t="s">
        <v>329</v>
      </c>
      <c r="G90" s="407" t="s">
        <v>482</v>
      </c>
      <c r="H90" s="407" t="s">
        <v>483</v>
      </c>
      <c r="I90" s="316" t="s">
        <v>490</v>
      </c>
      <c r="J90" s="316"/>
      <c r="K90" s="407" t="s">
        <v>86</v>
      </c>
      <c r="L90" s="407" t="s">
        <v>87</v>
      </c>
      <c r="M90" s="407" t="s">
        <v>81</v>
      </c>
      <c r="N90" s="407" t="s">
        <v>334</v>
      </c>
      <c r="O90" s="407" t="s">
        <v>184</v>
      </c>
      <c r="P90" s="407" t="s">
        <v>63</v>
      </c>
      <c r="Q90" s="407" t="s">
        <v>63</v>
      </c>
      <c r="R90" s="410">
        <v>436985</v>
      </c>
      <c r="S90" s="410">
        <f t="shared" si="35"/>
        <v>436985</v>
      </c>
      <c r="T90" s="407" t="s">
        <v>226</v>
      </c>
      <c r="U90" s="407" t="s">
        <v>82</v>
      </c>
      <c r="V90" s="408"/>
      <c r="W90" s="408"/>
      <c r="X90" s="408"/>
      <c r="Y90" s="408"/>
      <c r="Z90" s="408"/>
      <c r="AA90" s="408"/>
      <c r="AB90" s="408"/>
      <c r="AC90" s="408"/>
      <c r="AD90" s="408"/>
      <c r="AE90" s="408"/>
      <c r="AF90" s="408"/>
      <c r="AG90" s="408"/>
      <c r="AH90" s="408"/>
      <c r="AI90" s="408"/>
      <c r="AJ90" s="408"/>
      <c r="AK90" s="408"/>
      <c r="AL90" s="408"/>
      <c r="AM90" s="402" t="s">
        <v>66</v>
      </c>
      <c r="AN90" s="408"/>
      <c r="AO90" s="408"/>
      <c r="AP90" s="408"/>
      <c r="AQ90" s="408"/>
      <c r="AR90" s="408"/>
      <c r="AS90" s="408"/>
      <c r="AT90" s="408"/>
      <c r="AU90" s="408"/>
      <c r="AV90" s="408"/>
      <c r="AW90" s="408"/>
      <c r="AX90" s="408"/>
      <c r="AY90" s="408"/>
      <c r="AZ90" s="408"/>
      <c r="BA90" s="308">
        <f t="shared" si="36"/>
        <v>775</v>
      </c>
      <c r="BB90" s="309">
        <f t="shared" si="68"/>
        <v>563.85161290322583</v>
      </c>
      <c r="BC90" s="402" t="str">
        <f t="shared" si="37"/>
        <v/>
      </c>
      <c r="BD90" s="402" t="str">
        <f t="shared" si="38"/>
        <v/>
      </c>
      <c r="BE90" s="402" t="str">
        <f t="shared" si="39"/>
        <v/>
      </c>
      <c r="BF90" s="402" t="str">
        <f t="shared" si="40"/>
        <v/>
      </c>
      <c r="BG90" s="402" t="str">
        <f t="shared" si="41"/>
        <v/>
      </c>
      <c r="BH90" s="402" t="str">
        <f t="shared" si="42"/>
        <v/>
      </c>
      <c r="BI90" s="402" t="str">
        <f t="shared" si="43"/>
        <v/>
      </c>
      <c r="BJ90" s="402" t="str">
        <f t="shared" si="44"/>
        <v/>
      </c>
      <c r="BK90" s="402" t="str">
        <f t="shared" si="45"/>
        <v/>
      </c>
      <c r="BL90" s="402" t="str">
        <f t="shared" si="46"/>
        <v/>
      </c>
      <c r="BM90" s="402" t="str">
        <f t="shared" si="47"/>
        <v/>
      </c>
      <c r="BN90" s="402" t="str">
        <f t="shared" si="48"/>
        <v/>
      </c>
      <c r="BO90" s="402" t="str">
        <f t="shared" si="49"/>
        <v/>
      </c>
      <c r="BP90" s="402" t="str">
        <f t="shared" si="50"/>
        <v/>
      </c>
      <c r="BQ90" s="402" t="str">
        <f t="shared" si="51"/>
        <v/>
      </c>
      <c r="BR90" s="402" t="str">
        <f t="shared" si="52"/>
        <v/>
      </c>
      <c r="BS90" s="402" t="str">
        <f t="shared" si="53"/>
        <v/>
      </c>
      <c r="BT90" s="402">
        <f t="shared" si="54"/>
        <v>436985</v>
      </c>
      <c r="BU90" s="402" t="str">
        <f t="shared" si="55"/>
        <v/>
      </c>
      <c r="BV90" s="402" t="str">
        <f t="shared" si="56"/>
        <v/>
      </c>
      <c r="BW90" s="402" t="str">
        <f t="shared" si="57"/>
        <v/>
      </c>
      <c r="BX90" s="402" t="str">
        <f t="shared" si="58"/>
        <v/>
      </c>
      <c r="BY90" s="402" t="str">
        <f t="shared" si="59"/>
        <v/>
      </c>
      <c r="BZ90" s="402" t="str">
        <f t="shared" si="60"/>
        <v/>
      </c>
      <c r="CA90" s="402" t="str">
        <f t="shared" si="61"/>
        <v/>
      </c>
      <c r="CB90" s="402" t="str">
        <f t="shared" si="62"/>
        <v/>
      </c>
      <c r="CC90" s="402" t="str">
        <f t="shared" si="63"/>
        <v/>
      </c>
      <c r="CD90" s="402" t="str">
        <f t="shared" si="64"/>
        <v/>
      </c>
      <c r="CE90" s="402" t="str">
        <f t="shared" si="65"/>
        <v/>
      </c>
      <c r="CF90" s="402" t="str">
        <f t="shared" si="66"/>
        <v/>
      </c>
      <c r="CG90" s="402" t="str">
        <f t="shared" si="67"/>
        <v/>
      </c>
      <c r="CH90" s="402"/>
      <c r="CI90" s="402"/>
      <c r="CJ90" s="402"/>
      <c r="CK90" s="402"/>
      <c r="CL90" s="402"/>
      <c r="CM90" s="402"/>
      <c r="CN90" s="402"/>
      <c r="CO90" s="402"/>
      <c r="CP90" s="402"/>
      <c r="CQ90" s="402"/>
      <c r="CR90" s="402"/>
      <c r="CS90" s="402"/>
      <c r="CT90" s="402"/>
      <c r="CU90" s="402"/>
      <c r="CV90" s="402"/>
      <c r="CW90" s="402"/>
      <c r="CX90" s="402"/>
      <c r="CY90" s="402"/>
      <c r="CZ90" s="402"/>
      <c r="DA90" s="402"/>
      <c r="DB90" s="402"/>
      <c r="DC90" s="402"/>
      <c r="DD90" s="407"/>
      <c r="DE90" s="407" t="s">
        <v>485</v>
      </c>
      <c r="DF90" s="407" t="s">
        <v>336</v>
      </c>
    </row>
    <row r="91" spans="3:110" s="395" customFormat="1" ht="56.1" customHeight="1" x14ac:dyDescent="0.2">
      <c r="C91" s="420">
        <v>234</v>
      </c>
      <c r="D91" s="420" t="s">
        <v>2481</v>
      </c>
      <c r="E91" s="96" t="s">
        <v>53</v>
      </c>
      <c r="F91" s="96" t="s">
        <v>329</v>
      </c>
      <c r="G91" s="407" t="s">
        <v>482</v>
      </c>
      <c r="H91" s="407" t="s">
        <v>483</v>
      </c>
      <c r="I91" s="316" t="s">
        <v>491</v>
      </c>
      <c r="J91" s="316"/>
      <c r="K91" s="407" t="s">
        <v>86</v>
      </c>
      <c r="L91" s="407" t="s">
        <v>36</v>
      </c>
      <c r="M91" s="407" t="s">
        <v>81</v>
      </c>
      <c r="N91" s="407" t="s">
        <v>334</v>
      </c>
      <c r="O91" s="407" t="s">
        <v>408</v>
      </c>
      <c r="P91" s="407" t="s">
        <v>63</v>
      </c>
      <c r="Q91" s="407" t="s">
        <v>63</v>
      </c>
      <c r="R91" s="410">
        <v>56385</v>
      </c>
      <c r="S91" s="410">
        <f t="shared" si="35"/>
        <v>56385</v>
      </c>
      <c r="T91" s="407" t="s">
        <v>226</v>
      </c>
      <c r="U91" s="407" t="s">
        <v>82</v>
      </c>
      <c r="V91" s="408"/>
      <c r="W91" s="408"/>
      <c r="X91" s="408"/>
      <c r="Y91" s="408"/>
      <c r="Z91" s="408"/>
      <c r="AA91" s="408"/>
      <c r="AB91" s="408"/>
      <c r="AC91" s="408"/>
      <c r="AD91" s="408"/>
      <c r="AE91" s="408"/>
      <c r="AF91" s="408"/>
      <c r="AG91" s="408"/>
      <c r="AH91" s="408"/>
      <c r="AI91" s="408"/>
      <c r="AJ91" s="408"/>
      <c r="AK91" s="408"/>
      <c r="AL91" s="408"/>
      <c r="AM91" s="408"/>
      <c r="AN91" s="408"/>
      <c r="AO91" s="402" t="s">
        <v>66</v>
      </c>
      <c r="AP91" s="408"/>
      <c r="AQ91" s="408"/>
      <c r="AR91" s="408"/>
      <c r="AS91" s="408"/>
      <c r="AT91" s="408"/>
      <c r="AU91" s="408"/>
      <c r="AV91" s="408"/>
      <c r="AW91" s="408"/>
      <c r="AX91" s="408"/>
      <c r="AY91" s="408"/>
      <c r="AZ91" s="408"/>
      <c r="BA91" s="308">
        <f t="shared" si="36"/>
        <v>100</v>
      </c>
      <c r="BB91" s="309">
        <f t="shared" si="68"/>
        <v>563.85</v>
      </c>
      <c r="BC91" s="402" t="str">
        <f t="shared" si="37"/>
        <v/>
      </c>
      <c r="BD91" s="402" t="str">
        <f t="shared" si="38"/>
        <v/>
      </c>
      <c r="BE91" s="402" t="str">
        <f t="shared" si="39"/>
        <v/>
      </c>
      <c r="BF91" s="402" t="str">
        <f t="shared" si="40"/>
        <v/>
      </c>
      <c r="BG91" s="402" t="str">
        <f t="shared" si="41"/>
        <v/>
      </c>
      <c r="BH91" s="402" t="str">
        <f t="shared" si="42"/>
        <v/>
      </c>
      <c r="BI91" s="402" t="str">
        <f t="shared" si="43"/>
        <v/>
      </c>
      <c r="BJ91" s="402" t="str">
        <f t="shared" si="44"/>
        <v/>
      </c>
      <c r="BK91" s="402" t="str">
        <f t="shared" si="45"/>
        <v/>
      </c>
      <c r="BL91" s="402" t="str">
        <f t="shared" si="46"/>
        <v/>
      </c>
      <c r="BM91" s="402" t="str">
        <f t="shared" si="47"/>
        <v/>
      </c>
      <c r="BN91" s="402" t="str">
        <f t="shared" si="48"/>
        <v/>
      </c>
      <c r="BO91" s="402" t="str">
        <f t="shared" si="49"/>
        <v/>
      </c>
      <c r="BP91" s="402" t="str">
        <f t="shared" si="50"/>
        <v/>
      </c>
      <c r="BQ91" s="402" t="str">
        <f t="shared" si="51"/>
        <v/>
      </c>
      <c r="BR91" s="402" t="str">
        <f t="shared" si="52"/>
        <v/>
      </c>
      <c r="BS91" s="402" t="str">
        <f t="shared" si="53"/>
        <v/>
      </c>
      <c r="BT91" s="402" t="str">
        <f t="shared" si="54"/>
        <v/>
      </c>
      <c r="BU91" s="402" t="str">
        <f t="shared" si="55"/>
        <v/>
      </c>
      <c r="BV91" s="402">
        <f t="shared" si="56"/>
        <v>56385</v>
      </c>
      <c r="BW91" s="402" t="str">
        <f t="shared" si="57"/>
        <v/>
      </c>
      <c r="BX91" s="402" t="str">
        <f t="shared" si="58"/>
        <v/>
      </c>
      <c r="BY91" s="402" t="str">
        <f t="shared" si="59"/>
        <v/>
      </c>
      <c r="BZ91" s="402" t="str">
        <f t="shared" si="60"/>
        <v/>
      </c>
      <c r="CA91" s="402" t="str">
        <f t="shared" si="61"/>
        <v/>
      </c>
      <c r="CB91" s="402" t="str">
        <f t="shared" si="62"/>
        <v/>
      </c>
      <c r="CC91" s="402" t="str">
        <f t="shared" si="63"/>
        <v/>
      </c>
      <c r="CD91" s="402" t="str">
        <f t="shared" si="64"/>
        <v/>
      </c>
      <c r="CE91" s="402" t="str">
        <f t="shared" si="65"/>
        <v/>
      </c>
      <c r="CF91" s="402" t="str">
        <f t="shared" si="66"/>
        <v/>
      </c>
      <c r="CG91" s="402" t="str">
        <f t="shared" si="67"/>
        <v/>
      </c>
      <c r="CH91" s="402"/>
      <c r="CI91" s="402"/>
      <c r="CJ91" s="402"/>
      <c r="CK91" s="402"/>
      <c r="CL91" s="402"/>
      <c r="CM91" s="402"/>
      <c r="CN91" s="402"/>
      <c r="CO91" s="402"/>
      <c r="CP91" s="402"/>
      <c r="CQ91" s="402"/>
      <c r="CR91" s="402"/>
      <c r="CS91" s="402"/>
      <c r="CT91" s="402"/>
      <c r="CU91" s="402"/>
      <c r="CV91" s="402"/>
      <c r="CW91" s="402"/>
      <c r="CX91" s="402"/>
      <c r="CY91" s="402"/>
      <c r="CZ91" s="402"/>
      <c r="DA91" s="402"/>
      <c r="DB91" s="402"/>
      <c r="DC91" s="402"/>
      <c r="DD91" s="407"/>
      <c r="DE91" s="407" t="s">
        <v>485</v>
      </c>
      <c r="DF91" s="407" t="s">
        <v>336</v>
      </c>
    </row>
    <row r="92" spans="3:110" s="395" customFormat="1" ht="56.1" customHeight="1" x14ac:dyDescent="0.2">
      <c r="C92" s="420">
        <v>235</v>
      </c>
      <c r="D92" s="420" t="s">
        <v>2481</v>
      </c>
      <c r="E92" s="96" t="s">
        <v>53</v>
      </c>
      <c r="F92" s="96" t="s">
        <v>329</v>
      </c>
      <c r="G92" s="407" t="s">
        <v>482</v>
      </c>
      <c r="H92" s="407" t="s">
        <v>483</v>
      </c>
      <c r="I92" s="316" t="s">
        <v>491</v>
      </c>
      <c r="J92" s="316"/>
      <c r="K92" s="407" t="s">
        <v>86</v>
      </c>
      <c r="L92" s="407" t="s">
        <v>35</v>
      </c>
      <c r="M92" s="407" t="s">
        <v>81</v>
      </c>
      <c r="N92" s="407" t="s">
        <v>334</v>
      </c>
      <c r="O92" s="407" t="s">
        <v>357</v>
      </c>
      <c r="P92" s="407" t="s">
        <v>63</v>
      </c>
      <c r="Q92" s="407" t="s">
        <v>63</v>
      </c>
      <c r="R92" s="410">
        <v>56385</v>
      </c>
      <c r="S92" s="410">
        <f t="shared" si="35"/>
        <v>56385</v>
      </c>
      <c r="T92" s="407" t="s">
        <v>226</v>
      </c>
      <c r="U92" s="407" t="s">
        <v>82</v>
      </c>
      <c r="V92" s="408"/>
      <c r="W92" s="408"/>
      <c r="X92" s="408"/>
      <c r="Y92" s="408"/>
      <c r="Z92" s="408"/>
      <c r="AA92" s="408"/>
      <c r="AB92" s="408"/>
      <c r="AC92" s="408"/>
      <c r="AD92" s="408"/>
      <c r="AE92" s="408"/>
      <c r="AF92" s="408"/>
      <c r="AG92" s="408"/>
      <c r="AH92" s="408"/>
      <c r="AI92" s="408"/>
      <c r="AJ92" s="408"/>
      <c r="AK92" s="408"/>
      <c r="AL92" s="408"/>
      <c r="AM92" s="408"/>
      <c r="AN92" s="402" t="s">
        <v>66</v>
      </c>
      <c r="AO92" s="408"/>
      <c r="AP92" s="408"/>
      <c r="AQ92" s="408"/>
      <c r="AR92" s="408"/>
      <c r="AS92" s="408"/>
      <c r="AT92" s="408"/>
      <c r="AU92" s="408"/>
      <c r="AV92" s="408"/>
      <c r="AW92" s="408"/>
      <c r="AX92" s="408"/>
      <c r="AY92" s="408"/>
      <c r="AZ92" s="408"/>
      <c r="BA92" s="308">
        <f t="shared" si="36"/>
        <v>100</v>
      </c>
      <c r="BB92" s="309">
        <f t="shared" si="68"/>
        <v>563.85</v>
      </c>
      <c r="BC92" s="402" t="str">
        <f t="shared" si="37"/>
        <v/>
      </c>
      <c r="BD92" s="402" t="str">
        <f t="shared" si="38"/>
        <v/>
      </c>
      <c r="BE92" s="402" t="str">
        <f t="shared" si="39"/>
        <v/>
      </c>
      <c r="BF92" s="402" t="str">
        <f t="shared" si="40"/>
        <v/>
      </c>
      <c r="BG92" s="402" t="str">
        <f t="shared" si="41"/>
        <v/>
      </c>
      <c r="BH92" s="402" t="str">
        <f t="shared" si="42"/>
        <v/>
      </c>
      <c r="BI92" s="402" t="str">
        <f t="shared" si="43"/>
        <v/>
      </c>
      <c r="BJ92" s="402" t="str">
        <f t="shared" si="44"/>
        <v/>
      </c>
      <c r="BK92" s="402" t="str">
        <f t="shared" si="45"/>
        <v/>
      </c>
      <c r="BL92" s="402" t="str">
        <f t="shared" si="46"/>
        <v/>
      </c>
      <c r="BM92" s="402" t="str">
        <f t="shared" si="47"/>
        <v/>
      </c>
      <c r="BN92" s="402" t="str">
        <f t="shared" si="48"/>
        <v/>
      </c>
      <c r="BO92" s="402" t="str">
        <f t="shared" si="49"/>
        <v/>
      </c>
      <c r="BP92" s="402" t="str">
        <f t="shared" si="50"/>
        <v/>
      </c>
      <c r="BQ92" s="402" t="str">
        <f t="shared" si="51"/>
        <v/>
      </c>
      <c r="BR92" s="402" t="str">
        <f t="shared" si="52"/>
        <v/>
      </c>
      <c r="BS92" s="402" t="str">
        <f t="shared" si="53"/>
        <v/>
      </c>
      <c r="BT92" s="402" t="str">
        <f t="shared" si="54"/>
        <v/>
      </c>
      <c r="BU92" s="402">
        <f t="shared" si="55"/>
        <v>56385</v>
      </c>
      <c r="BV92" s="402" t="str">
        <f t="shared" si="56"/>
        <v/>
      </c>
      <c r="BW92" s="402" t="str">
        <f t="shared" si="57"/>
        <v/>
      </c>
      <c r="BX92" s="402" t="str">
        <f t="shared" si="58"/>
        <v/>
      </c>
      <c r="BY92" s="402" t="str">
        <f t="shared" si="59"/>
        <v/>
      </c>
      <c r="BZ92" s="402" t="str">
        <f t="shared" si="60"/>
        <v/>
      </c>
      <c r="CA92" s="402" t="str">
        <f t="shared" si="61"/>
        <v/>
      </c>
      <c r="CB92" s="402" t="str">
        <f t="shared" si="62"/>
        <v/>
      </c>
      <c r="CC92" s="402" t="str">
        <f t="shared" si="63"/>
        <v/>
      </c>
      <c r="CD92" s="402" t="str">
        <f t="shared" si="64"/>
        <v/>
      </c>
      <c r="CE92" s="402" t="str">
        <f t="shared" si="65"/>
        <v/>
      </c>
      <c r="CF92" s="402" t="str">
        <f t="shared" si="66"/>
        <v/>
      </c>
      <c r="CG92" s="402" t="str">
        <f t="shared" si="67"/>
        <v/>
      </c>
      <c r="CH92" s="402"/>
      <c r="CI92" s="402"/>
      <c r="CJ92" s="402"/>
      <c r="CK92" s="402"/>
      <c r="CL92" s="402"/>
      <c r="CM92" s="402"/>
      <c r="CN92" s="402"/>
      <c r="CO92" s="402"/>
      <c r="CP92" s="402"/>
      <c r="CQ92" s="402"/>
      <c r="CR92" s="402"/>
      <c r="CS92" s="402"/>
      <c r="CT92" s="402"/>
      <c r="CU92" s="402"/>
      <c r="CV92" s="402"/>
      <c r="CW92" s="402"/>
      <c r="CX92" s="402"/>
      <c r="CY92" s="402"/>
      <c r="CZ92" s="402"/>
      <c r="DA92" s="402"/>
      <c r="DB92" s="402"/>
      <c r="DC92" s="402"/>
      <c r="DD92" s="407"/>
      <c r="DE92" s="407" t="s">
        <v>485</v>
      </c>
      <c r="DF92" s="407" t="s">
        <v>336</v>
      </c>
    </row>
    <row r="93" spans="3:110" s="395" customFormat="1" ht="56.1" customHeight="1" x14ac:dyDescent="0.2">
      <c r="C93" s="420">
        <v>236</v>
      </c>
      <c r="D93" s="420" t="s">
        <v>2481</v>
      </c>
      <c r="E93" s="96" t="s">
        <v>53</v>
      </c>
      <c r="F93" s="96" t="s">
        <v>329</v>
      </c>
      <c r="G93" s="407" t="s">
        <v>482</v>
      </c>
      <c r="H93" s="407" t="s">
        <v>483</v>
      </c>
      <c r="I93" s="316" t="s">
        <v>492</v>
      </c>
      <c r="J93" s="316"/>
      <c r="K93" s="407" t="s">
        <v>86</v>
      </c>
      <c r="L93" s="407" t="s">
        <v>310</v>
      </c>
      <c r="M93" s="407" t="s">
        <v>81</v>
      </c>
      <c r="N93" s="407" t="s">
        <v>334</v>
      </c>
      <c r="O93" s="407" t="s">
        <v>225</v>
      </c>
      <c r="P93" s="407" t="s">
        <v>63</v>
      </c>
      <c r="Q93" s="407" t="s">
        <v>63</v>
      </c>
      <c r="R93" s="410">
        <v>170330</v>
      </c>
      <c r="S93" s="410">
        <f t="shared" si="35"/>
        <v>170330</v>
      </c>
      <c r="T93" s="407" t="s">
        <v>226</v>
      </c>
      <c r="U93" s="407" t="s">
        <v>82</v>
      </c>
      <c r="V93" s="408"/>
      <c r="W93" s="408"/>
      <c r="X93" s="408"/>
      <c r="Y93" s="408"/>
      <c r="Z93" s="408"/>
      <c r="AA93" s="408"/>
      <c r="AB93" s="408"/>
      <c r="AC93" s="408"/>
      <c r="AD93" s="408"/>
      <c r="AE93" s="408"/>
      <c r="AF93" s="408"/>
      <c r="AG93" s="408"/>
      <c r="AH93" s="408"/>
      <c r="AI93" s="408"/>
      <c r="AJ93" s="408"/>
      <c r="AK93" s="408"/>
      <c r="AL93" s="408"/>
      <c r="AM93" s="408"/>
      <c r="AN93" s="408"/>
      <c r="AO93" s="408"/>
      <c r="AP93" s="402" t="s">
        <v>66</v>
      </c>
      <c r="AQ93" s="408"/>
      <c r="AR93" s="408"/>
      <c r="AS93" s="408"/>
      <c r="AT93" s="408"/>
      <c r="AU93" s="408"/>
      <c r="AV93" s="408"/>
      <c r="AW93" s="408"/>
      <c r="AX93" s="408"/>
      <c r="AY93" s="408"/>
      <c r="AZ93" s="408"/>
      <c r="BA93" s="308">
        <f t="shared" si="36"/>
        <v>302</v>
      </c>
      <c r="BB93" s="309">
        <f t="shared" si="68"/>
        <v>564.00662251655626</v>
      </c>
      <c r="BC93" s="402" t="str">
        <f t="shared" si="37"/>
        <v/>
      </c>
      <c r="BD93" s="402" t="str">
        <f t="shared" si="38"/>
        <v/>
      </c>
      <c r="BE93" s="402" t="str">
        <f t="shared" si="39"/>
        <v/>
      </c>
      <c r="BF93" s="402" t="str">
        <f t="shared" si="40"/>
        <v/>
      </c>
      <c r="BG93" s="402" t="str">
        <f t="shared" si="41"/>
        <v/>
      </c>
      <c r="BH93" s="402" t="str">
        <f t="shared" si="42"/>
        <v/>
      </c>
      <c r="BI93" s="402" t="str">
        <f t="shared" si="43"/>
        <v/>
      </c>
      <c r="BJ93" s="402" t="str">
        <f t="shared" si="44"/>
        <v/>
      </c>
      <c r="BK93" s="402" t="str">
        <f t="shared" si="45"/>
        <v/>
      </c>
      <c r="BL93" s="402" t="str">
        <f t="shared" si="46"/>
        <v/>
      </c>
      <c r="BM93" s="402" t="str">
        <f t="shared" si="47"/>
        <v/>
      </c>
      <c r="BN93" s="402" t="str">
        <f t="shared" si="48"/>
        <v/>
      </c>
      <c r="BO93" s="402" t="str">
        <f t="shared" si="49"/>
        <v/>
      </c>
      <c r="BP93" s="402" t="str">
        <f t="shared" si="50"/>
        <v/>
      </c>
      <c r="BQ93" s="402" t="str">
        <f t="shared" si="51"/>
        <v/>
      </c>
      <c r="BR93" s="402" t="str">
        <f t="shared" si="52"/>
        <v/>
      </c>
      <c r="BS93" s="402" t="str">
        <f t="shared" si="53"/>
        <v/>
      </c>
      <c r="BT93" s="402" t="str">
        <f t="shared" si="54"/>
        <v/>
      </c>
      <c r="BU93" s="402" t="str">
        <f t="shared" si="55"/>
        <v/>
      </c>
      <c r="BV93" s="402" t="str">
        <f t="shared" si="56"/>
        <v/>
      </c>
      <c r="BW93" s="402">
        <f t="shared" si="57"/>
        <v>170330</v>
      </c>
      <c r="BX93" s="402" t="str">
        <f t="shared" si="58"/>
        <v/>
      </c>
      <c r="BY93" s="402" t="str">
        <f t="shared" si="59"/>
        <v/>
      </c>
      <c r="BZ93" s="402" t="str">
        <f t="shared" si="60"/>
        <v/>
      </c>
      <c r="CA93" s="402" t="str">
        <f t="shared" si="61"/>
        <v/>
      </c>
      <c r="CB93" s="402" t="str">
        <f t="shared" si="62"/>
        <v/>
      </c>
      <c r="CC93" s="402" t="str">
        <f t="shared" si="63"/>
        <v/>
      </c>
      <c r="CD93" s="402" t="str">
        <f t="shared" si="64"/>
        <v/>
      </c>
      <c r="CE93" s="402" t="str">
        <f t="shared" si="65"/>
        <v/>
      </c>
      <c r="CF93" s="402" t="str">
        <f t="shared" si="66"/>
        <v/>
      </c>
      <c r="CG93" s="402" t="str">
        <f t="shared" si="67"/>
        <v/>
      </c>
      <c r="CH93" s="402"/>
      <c r="CI93" s="402"/>
      <c r="CJ93" s="402"/>
      <c r="CK93" s="402"/>
      <c r="CL93" s="402"/>
      <c r="CM93" s="402"/>
      <c r="CN93" s="402"/>
      <c r="CO93" s="402"/>
      <c r="CP93" s="402"/>
      <c r="CQ93" s="402"/>
      <c r="CR93" s="402"/>
      <c r="CS93" s="402"/>
      <c r="CT93" s="402"/>
      <c r="CU93" s="402"/>
      <c r="CV93" s="402"/>
      <c r="CW93" s="402"/>
      <c r="CX93" s="402"/>
      <c r="CY93" s="402"/>
      <c r="CZ93" s="402"/>
      <c r="DA93" s="402"/>
      <c r="DB93" s="402"/>
      <c r="DC93" s="402"/>
      <c r="DD93" s="407"/>
      <c r="DE93" s="407" t="s">
        <v>485</v>
      </c>
      <c r="DF93" s="407" t="s">
        <v>336</v>
      </c>
    </row>
    <row r="94" spans="3:110" s="395" customFormat="1" ht="56.1" customHeight="1" x14ac:dyDescent="0.2">
      <c r="C94" s="420">
        <v>237</v>
      </c>
      <c r="D94" s="420" t="s">
        <v>2481</v>
      </c>
      <c r="E94" s="96" t="s">
        <v>53</v>
      </c>
      <c r="F94" s="96" t="s">
        <v>329</v>
      </c>
      <c r="G94" s="407" t="s">
        <v>482</v>
      </c>
      <c r="H94" s="407" t="s">
        <v>483</v>
      </c>
      <c r="I94" s="316" t="s">
        <v>491</v>
      </c>
      <c r="J94" s="316"/>
      <c r="K94" s="407" t="s">
        <v>93</v>
      </c>
      <c r="L94" s="407" t="s">
        <v>310</v>
      </c>
      <c r="M94" s="407" t="s">
        <v>81</v>
      </c>
      <c r="N94" s="407" t="s">
        <v>334</v>
      </c>
      <c r="O94" s="407" t="s">
        <v>225</v>
      </c>
      <c r="P94" s="407" t="s">
        <v>63</v>
      </c>
      <c r="Q94" s="407" t="s">
        <v>63</v>
      </c>
      <c r="R94" s="410">
        <v>17385</v>
      </c>
      <c r="S94" s="410">
        <f t="shared" si="35"/>
        <v>17385</v>
      </c>
      <c r="T94" s="407" t="s">
        <v>226</v>
      </c>
      <c r="U94" s="407" t="s">
        <v>82</v>
      </c>
      <c r="V94" s="408"/>
      <c r="W94" s="408"/>
      <c r="X94" s="408"/>
      <c r="Y94" s="408"/>
      <c r="Z94" s="408"/>
      <c r="AA94" s="408"/>
      <c r="AB94" s="408"/>
      <c r="AC94" s="408"/>
      <c r="AD94" s="408"/>
      <c r="AE94" s="408"/>
      <c r="AF94" s="408"/>
      <c r="AG94" s="408"/>
      <c r="AH94" s="408"/>
      <c r="AI94" s="408"/>
      <c r="AJ94" s="408"/>
      <c r="AK94" s="408"/>
      <c r="AL94" s="408"/>
      <c r="AM94" s="408"/>
      <c r="AN94" s="408"/>
      <c r="AO94" s="408"/>
      <c r="AP94" s="408"/>
      <c r="AQ94" s="408"/>
      <c r="AR94" s="408"/>
      <c r="AS94" s="408"/>
      <c r="AT94" s="408"/>
      <c r="AU94" s="408"/>
      <c r="AV94" s="402" t="s">
        <v>66</v>
      </c>
      <c r="AW94" s="408"/>
      <c r="AX94" s="408"/>
      <c r="AY94" s="408"/>
      <c r="AZ94" s="408"/>
      <c r="BA94" s="308">
        <f t="shared" si="36"/>
        <v>31</v>
      </c>
      <c r="BB94" s="309">
        <f t="shared" si="68"/>
        <v>560.80645161290317</v>
      </c>
      <c r="BC94" s="402" t="str">
        <f t="shared" si="37"/>
        <v/>
      </c>
      <c r="BD94" s="402" t="str">
        <f t="shared" si="38"/>
        <v/>
      </c>
      <c r="BE94" s="402" t="str">
        <f t="shared" si="39"/>
        <v/>
      </c>
      <c r="BF94" s="402" t="str">
        <f t="shared" si="40"/>
        <v/>
      </c>
      <c r="BG94" s="402" t="str">
        <f t="shared" si="41"/>
        <v/>
      </c>
      <c r="BH94" s="402" t="str">
        <f t="shared" si="42"/>
        <v/>
      </c>
      <c r="BI94" s="402" t="str">
        <f t="shared" si="43"/>
        <v/>
      </c>
      <c r="BJ94" s="402" t="str">
        <f t="shared" si="44"/>
        <v/>
      </c>
      <c r="BK94" s="402" t="str">
        <f t="shared" si="45"/>
        <v/>
      </c>
      <c r="BL94" s="402" t="str">
        <f t="shared" si="46"/>
        <v/>
      </c>
      <c r="BM94" s="402" t="str">
        <f t="shared" si="47"/>
        <v/>
      </c>
      <c r="BN94" s="402" t="str">
        <f t="shared" si="48"/>
        <v/>
      </c>
      <c r="BO94" s="402" t="str">
        <f t="shared" si="49"/>
        <v/>
      </c>
      <c r="BP94" s="402" t="str">
        <f t="shared" si="50"/>
        <v/>
      </c>
      <c r="BQ94" s="402" t="str">
        <f t="shared" si="51"/>
        <v/>
      </c>
      <c r="BR94" s="402" t="str">
        <f t="shared" si="52"/>
        <v/>
      </c>
      <c r="BS94" s="402" t="str">
        <f t="shared" si="53"/>
        <v/>
      </c>
      <c r="BT94" s="402" t="str">
        <f t="shared" si="54"/>
        <v/>
      </c>
      <c r="BU94" s="402" t="str">
        <f t="shared" si="55"/>
        <v/>
      </c>
      <c r="BV94" s="402" t="str">
        <f t="shared" si="56"/>
        <v/>
      </c>
      <c r="BW94" s="402" t="str">
        <f t="shared" si="57"/>
        <v/>
      </c>
      <c r="BX94" s="402" t="str">
        <f t="shared" si="58"/>
        <v/>
      </c>
      <c r="BY94" s="402" t="str">
        <f t="shared" si="59"/>
        <v/>
      </c>
      <c r="BZ94" s="402" t="str">
        <f t="shared" si="60"/>
        <v/>
      </c>
      <c r="CA94" s="402" t="str">
        <f t="shared" si="61"/>
        <v/>
      </c>
      <c r="CB94" s="402" t="str">
        <f t="shared" si="62"/>
        <v/>
      </c>
      <c r="CC94" s="402">
        <f t="shared" si="63"/>
        <v>17385</v>
      </c>
      <c r="CD94" s="402" t="str">
        <f t="shared" si="64"/>
        <v/>
      </c>
      <c r="CE94" s="402" t="str">
        <f t="shared" si="65"/>
        <v/>
      </c>
      <c r="CF94" s="402" t="str">
        <f t="shared" si="66"/>
        <v/>
      </c>
      <c r="CG94" s="402" t="str">
        <f t="shared" si="67"/>
        <v/>
      </c>
      <c r="CH94" s="402"/>
      <c r="CI94" s="402"/>
      <c r="CJ94" s="402"/>
      <c r="CK94" s="402"/>
      <c r="CL94" s="402"/>
      <c r="CM94" s="402"/>
      <c r="CN94" s="402"/>
      <c r="CO94" s="402"/>
      <c r="CP94" s="402"/>
      <c r="CQ94" s="402"/>
      <c r="CR94" s="402"/>
      <c r="CS94" s="402"/>
      <c r="CT94" s="402"/>
      <c r="CU94" s="402"/>
      <c r="CV94" s="402"/>
      <c r="CW94" s="402"/>
      <c r="CX94" s="402"/>
      <c r="CY94" s="402"/>
      <c r="CZ94" s="402"/>
      <c r="DA94" s="402"/>
      <c r="DB94" s="402"/>
      <c r="DC94" s="402"/>
      <c r="DD94" s="407"/>
      <c r="DE94" s="407" t="s">
        <v>485</v>
      </c>
      <c r="DF94" s="407" t="s">
        <v>336</v>
      </c>
    </row>
    <row r="95" spans="3:110" s="395" customFormat="1" ht="56.1" customHeight="1" x14ac:dyDescent="0.2">
      <c r="C95" s="420">
        <v>238</v>
      </c>
      <c r="D95" s="420" t="s">
        <v>2481</v>
      </c>
      <c r="E95" s="96" t="s">
        <v>53</v>
      </c>
      <c r="F95" s="96" t="s">
        <v>329</v>
      </c>
      <c r="G95" s="407" t="s">
        <v>482</v>
      </c>
      <c r="H95" s="407" t="s">
        <v>483</v>
      </c>
      <c r="I95" s="316" t="s">
        <v>486</v>
      </c>
      <c r="J95" s="316"/>
      <c r="K95" s="407" t="s">
        <v>93</v>
      </c>
      <c r="L95" s="407" t="s">
        <v>364</v>
      </c>
      <c r="M95" s="407" t="s">
        <v>81</v>
      </c>
      <c r="N95" s="407" t="s">
        <v>334</v>
      </c>
      <c r="O95" s="407" t="s">
        <v>71</v>
      </c>
      <c r="P95" s="407" t="s">
        <v>63</v>
      </c>
      <c r="Q95" s="407" t="s">
        <v>63</v>
      </c>
      <c r="R95" s="410">
        <v>122403</v>
      </c>
      <c r="S95" s="410">
        <f t="shared" si="35"/>
        <v>122403</v>
      </c>
      <c r="T95" s="407" t="s">
        <v>226</v>
      </c>
      <c r="U95" s="407" t="s">
        <v>82</v>
      </c>
      <c r="V95" s="408"/>
      <c r="W95" s="408"/>
      <c r="X95" s="408"/>
      <c r="Y95" s="408"/>
      <c r="Z95" s="408"/>
      <c r="AA95" s="408"/>
      <c r="AB95" s="408"/>
      <c r="AC95" s="408"/>
      <c r="AD95" s="408"/>
      <c r="AE95" s="408"/>
      <c r="AF95" s="408"/>
      <c r="AG95" s="408"/>
      <c r="AH95" s="408"/>
      <c r="AI95" s="408"/>
      <c r="AJ95" s="408"/>
      <c r="AK95" s="408"/>
      <c r="AL95" s="408"/>
      <c r="AM95" s="408"/>
      <c r="AN95" s="408"/>
      <c r="AO95" s="408"/>
      <c r="AP95" s="408"/>
      <c r="AQ95" s="408"/>
      <c r="AR95" s="408"/>
      <c r="AS95" s="408"/>
      <c r="AT95" s="408"/>
      <c r="AU95" s="402" t="s">
        <v>66</v>
      </c>
      <c r="AV95" s="408"/>
      <c r="AW95" s="408"/>
      <c r="AX95" s="408"/>
      <c r="AY95" s="408"/>
      <c r="AZ95" s="408"/>
      <c r="BA95" s="308">
        <f t="shared" si="36"/>
        <v>217</v>
      </c>
      <c r="BB95" s="309">
        <f t="shared" si="68"/>
        <v>564.0691244239631</v>
      </c>
      <c r="BC95" s="402" t="str">
        <f t="shared" si="37"/>
        <v/>
      </c>
      <c r="BD95" s="402" t="str">
        <f t="shared" si="38"/>
        <v/>
      </c>
      <c r="BE95" s="402" t="str">
        <f t="shared" si="39"/>
        <v/>
      </c>
      <c r="BF95" s="402" t="str">
        <f t="shared" si="40"/>
        <v/>
      </c>
      <c r="BG95" s="402" t="str">
        <f t="shared" si="41"/>
        <v/>
      </c>
      <c r="BH95" s="402" t="str">
        <f t="shared" si="42"/>
        <v/>
      </c>
      <c r="BI95" s="402" t="str">
        <f t="shared" si="43"/>
        <v/>
      </c>
      <c r="BJ95" s="402" t="str">
        <f t="shared" si="44"/>
        <v/>
      </c>
      <c r="BK95" s="402" t="str">
        <f t="shared" si="45"/>
        <v/>
      </c>
      <c r="BL95" s="402" t="str">
        <f t="shared" si="46"/>
        <v/>
      </c>
      <c r="BM95" s="402" t="str">
        <f t="shared" si="47"/>
        <v/>
      </c>
      <c r="BN95" s="402" t="str">
        <f t="shared" si="48"/>
        <v/>
      </c>
      <c r="BO95" s="402" t="str">
        <f t="shared" si="49"/>
        <v/>
      </c>
      <c r="BP95" s="402" t="str">
        <f t="shared" si="50"/>
        <v/>
      </c>
      <c r="BQ95" s="402" t="str">
        <f t="shared" si="51"/>
        <v/>
      </c>
      <c r="BR95" s="402" t="str">
        <f t="shared" si="52"/>
        <v/>
      </c>
      <c r="BS95" s="402" t="str">
        <f t="shared" si="53"/>
        <v/>
      </c>
      <c r="BT95" s="402" t="str">
        <f t="shared" si="54"/>
        <v/>
      </c>
      <c r="BU95" s="402" t="str">
        <f t="shared" si="55"/>
        <v/>
      </c>
      <c r="BV95" s="402" t="str">
        <f t="shared" si="56"/>
        <v/>
      </c>
      <c r="BW95" s="402" t="str">
        <f t="shared" si="57"/>
        <v/>
      </c>
      <c r="BX95" s="402" t="str">
        <f t="shared" si="58"/>
        <v/>
      </c>
      <c r="BY95" s="402" t="str">
        <f t="shared" si="59"/>
        <v/>
      </c>
      <c r="BZ95" s="402" t="str">
        <f t="shared" si="60"/>
        <v/>
      </c>
      <c r="CA95" s="402" t="str">
        <f t="shared" si="61"/>
        <v/>
      </c>
      <c r="CB95" s="402">
        <f t="shared" si="62"/>
        <v>122403</v>
      </c>
      <c r="CC95" s="402" t="str">
        <f t="shared" si="63"/>
        <v/>
      </c>
      <c r="CD95" s="402" t="str">
        <f t="shared" si="64"/>
        <v/>
      </c>
      <c r="CE95" s="402" t="str">
        <f t="shared" si="65"/>
        <v/>
      </c>
      <c r="CF95" s="402" t="str">
        <f t="shared" si="66"/>
        <v/>
      </c>
      <c r="CG95" s="402" t="str">
        <f t="shared" si="67"/>
        <v/>
      </c>
      <c r="CH95" s="402"/>
      <c r="CI95" s="402"/>
      <c r="CJ95" s="402"/>
      <c r="CK95" s="402"/>
      <c r="CL95" s="402"/>
      <c r="CM95" s="402"/>
      <c r="CN95" s="402"/>
      <c r="CO95" s="402"/>
      <c r="CP95" s="402"/>
      <c r="CQ95" s="402"/>
      <c r="CR95" s="402"/>
      <c r="CS95" s="402"/>
      <c r="CT95" s="402"/>
      <c r="CU95" s="402"/>
      <c r="CV95" s="402"/>
      <c r="CW95" s="402"/>
      <c r="CX95" s="402"/>
      <c r="CY95" s="402"/>
      <c r="CZ95" s="402"/>
      <c r="DA95" s="402"/>
      <c r="DB95" s="402"/>
      <c r="DC95" s="402"/>
      <c r="DD95" s="407"/>
      <c r="DE95" s="407" t="s">
        <v>485</v>
      </c>
      <c r="DF95" s="407" t="s">
        <v>336</v>
      </c>
    </row>
    <row r="96" spans="3:110" s="395" customFormat="1" ht="56.1" customHeight="1" x14ac:dyDescent="0.2">
      <c r="C96" s="420">
        <v>239</v>
      </c>
      <c r="D96" s="420" t="s">
        <v>2481</v>
      </c>
      <c r="E96" s="96" t="s">
        <v>53</v>
      </c>
      <c r="F96" s="96" t="s">
        <v>329</v>
      </c>
      <c r="G96" s="407" t="s">
        <v>482</v>
      </c>
      <c r="H96" s="407" t="s">
        <v>483</v>
      </c>
      <c r="I96" s="316" t="s">
        <v>491</v>
      </c>
      <c r="J96" s="316"/>
      <c r="K96" s="407" t="s">
        <v>413</v>
      </c>
      <c r="L96" s="407" t="s">
        <v>310</v>
      </c>
      <c r="M96" s="407" t="s">
        <v>81</v>
      </c>
      <c r="N96" s="407" t="s">
        <v>334</v>
      </c>
      <c r="O96" s="407" t="s">
        <v>225</v>
      </c>
      <c r="P96" s="407" t="s">
        <v>63</v>
      </c>
      <c r="Q96" s="407" t="s">
        <v>63</v>
      </c>
      <c r="R96" s="410">
        <v>37825</v>
      </c>
      <c r="S96" s="410">
        <f t="shared" si="35"/>
        <v>37825</v>
      </c>
      <c r="T96" s="407" t="s">
        <v>226</v>
      </c>
      <c r="U96" s="407" t="s">
        <v>82</v>
      </c>
      <c r="V96" s="408"/>
      <c r="W96" s="408"/>
      <c r="X96" s="408"/>
      <c r="Y96" s="408"/>
      <c r="Z96" s="408"/>
      <c r="AA96" s="408"/>
      <c r="AB96" s="408"/>
      <c r="AC96" s="408"/>
      <c r="AD96" s="408"/>
      <c r="AE96" s="408"/>
      <c r="AF96" s="408"/>
      <c r="AG96" s="408"/>
      <c r="AH96" s="408"/>
      <c r="AI96" s="408"/>
      <c r="AJ96" s="408"/>
      <c r="AK96" s="408"/>
      <c r="AL96" s="408"/>
      <c r="AM96" s="408"/>
      <c r="AN96" s="408"/>
      <c r="AO96" s="408"/>
      <c r="AP96" s="408"/>
      <c r="AQ96" s="408"/>
      <c r="AR96" s="408"/>
      <c r="AS96" s="408"/>
      <c r="AT96" s="408"/>
      <c r="AU96" s="408"/>
      <c r="AV96" s="408"/>
      <c r="AW96" s="408" t="s">
        <v>66</v>
      </c>
      <c r="AX96" s="408"/>
      <c r="AY96" s="408"/>
      <c r="AZ96" s="408"/>
      <c r="BA96" s="308">
        <f t="shared" si="36"/>
        <v>67</v>
      </c>
      <c r="BB96" s="309">
        <f t="shared" si="68"/>
        <v>564.55223880597021</v>
      </c>
      <c r="BC96" s="402" t="str">
        <f t="shared" si="37"/>
        <v/>
      </c>
      <c r="BD96" s="402" t="str">
        <f t="shared" si="38"/>
        <v/>
      </c>
      <c r="BE96" s="402" t="str">
        <f t="shared" si="39"/>
        <v/>
      </c>
      <c r="BF96" s="402" t="str">
        <f t="shared" si="40"/>
        <v/>
      </c>
      <c r="BG96" s="402" t="str">
        <f t="shared" si="41"/>
        <v/>
      </c>
      <c r="BH96" s="402" t="str">
        <f t="shared" si="42"/>
        <v/>
      </c>
      <c r="BI96" s="402" t="str">
        <f t="shared" si="43"/>
        <v/>
      </c>
      <c r="BJ96" s="402" t="str">
        <f t="shared" si="44"/>
        <v/>
      </c>
      <c r="BK96" s="402" t="str">
        <f t="shared" si="45"/>
        <v/>
      </c>
      <c r="BL96" s="402" t="str">
        <f t="shared" si="46"/>
        <v/>
      </c>
      <c r="BM96" s="402" t="str">
        <f t="shared" si="47"/>
        <v/>
      </c>
      <c r="BN96" s="402" t="str">
        <f t="shared" si="48"/>
        <v/>
      </c>
      <c r="BO96" s="402" t="str">
        <f t="shared" si="49"/>
        <v/>
      </c>
      <c r="BP96" s="402" t="str">
        <f t="shared" si="50"/>
        <v/>
      </c>
      <c r="BQ96" s="402" t="str">
        <f t="shared" si="51"/>
        <v/>
      </c>
      <c r="BR96" s="402" t="str">
        <f t="shared" si="52"/>
        <v/>
      </c>
      <c r="BS96" s="402" t="str">
        <f t="shared" si="53"/>
        <v/>
      </c>
      <c r="BT96" s="402" t="str">
        <f t="shared" si="54"/>
        <v/>
      </c>
      <c r="BU96" s="402" t="str">
        <f t="shared" si="55"/>
        <v/>
      </c>
      <c r="BV96" s="402" t="str">
        <f t="shared" si="56"/>
        <v/>
      </c>
      <c r="BW96" s="402" t="str">
        <f t="shared" si="57"/>
        <v/>
      </c>
      <c r="BX96" s="402" t="str">
        <f t="shared" si="58"/>
        <v/>
      </c>
      <c r="BY96" s="402" t="str">
        <f t="shared" si="59"/>
        <v/>
      </c>
      <c r="BZ96" s="402" t="str">
        <f t="shared" si="60"/>
        <v/>
      </c>
      <c r="CA96" s="402" t="str">
        <f t="shared" si="61"/>
        <v/>
      </c>
      <c r="CB96" s="402" t="str">
        <f t="shared" si="62"/>
        <v/>
      </c>
      <c r="CC96" s="402" t="str">
        <f t="shared" si="63"/>
        <v/>
      </c>
      <c r="CD96" s="402">
        <f t="shared" si="64"/>
        <v>37825.000000000007</v>
      </c>
      <c r="CE96" s="402" t="str">
        <f t="shared" si="65"/>
        <v/>
      </c>
      <c r="CF96" s="402" t="str">
        <f t="shared" si="66"/>
        <v/>
      </c>
      <c r="CG96" s="402" t="str">
        <f t="shared" si="67"/>
        <v/>
      </c>
      <c r="CH96" s="402"/>
      <c r="CI96" s="402"/>
      <c r="CJ96" s="402"/>
      <c r="CK96" s="402"/>
      <c r="CL96" s="402"/>
      <c r="CM96" s="402"/>
      <c r="CN96" s="402"/>
      <c r="CO96" s="402"/>
      <c r="CP96" s="402"/>
      <c r="CQ96" s="402"/>
      <c r="CR96" s="402"/>
      <c r="CS96" s="402"/>
      <c r="CT96" s="402"/>
      <c r="CU96" s="402"/>
      <c r="CV96" s="402"/>
      <c r="CW96" s="402"/>
      <c r="CX96" s="402"/>
      <c r="CY96" s="402"/>
      <c r="CZ96" s="402"/>
      <c r="DA96" s="402"/>
      <c r="DB96" s="402"/>
      <c r="DC96" s="402"/>
      <c r="DD96" s="407"/>
      <c r="DE96" s="407" t="s">
        <v>485</v>
      </c>
      <c r="DF96" s="407" t="s">
        <v>336</v>
      </c>
    </row>
    <row r="97" spans="3:110" s="395" customFormat="1" ht="56.1" customHeight="1" x14ac:dyDescent="0.2">
      <c r="C97" s="420">
        <v>240</v>
      </c>
      <c r="D97" s="420" t="s">
        <v>2481</v>
      </c>
      <c r="E97" s="96" t="s">
        <v>53</v>
      </c>
      <c r="F97" s="96" t="s">
        <v>329</v>
      </c>
      <c r="G97" s="407" t="s">
        <v>482</v>
      </c>
      <c r="H97" s="407" t="s">
        <v>483</v>
      </c>
      <c r="I97" s="316" t="s">
        <v>491</v>
      </c>
      <c r="J97" s="316"/>
      <c r="K97" s="407" t="s">
        <v>95</v>
      </c>
      <c r="L97" s="407" t="s">
        <v>347</v>
      </c>
      <c r="M97" s="407" t="s">
        <v>81</v>
      </c>
      <c r="N97" s="407" t="s">
        <v>334</v>
      </c>
      <c r="O97" s="407" t="s">
        <v>225</v>
      </c>
      <c r="P97" s="407" t="s">
        <v>63</v>
      </c>
      <c r="Q97" s="407" t="s">
        <v>63</v>
      </c>
      <c r="R97" s="410">
        <v>17385</v>
      </c>
      <c r="S97" s="410">
        <f t="shared" ref="S97:S110" si="69">R97</f>
        <v>17385</v>
      </c>
      <c r="T97" s="407" t="s">
        <v>226</v>
      </c>
      <c r="U97" s="407" t="s">
        <v>82</v>
      </c>
      <c r="V97" s="408"/>
      <c r="W97" s="408"/>
      <c r="X97" s="408"/>
      <c r="Y97" s="408"/>
      <c r="Z97" s="408"/>
      <c r="AA97" s="408"/>
      <c r="AB97" s="408"/>
      <c r="AC97" s="408"/>
      <c r="AD97" s="408"/>
      <c r="AE97" s="408"/>
      <c r="AF97" s="408"/>
      <c r="AG97" s="408"/>
      <c r="AH97" s="408"/>
      <c r="AI97" s="408"/>
      <c r="AJ97" s="408"/>
      <c r="AK97" s="408"/>
      <c r="AL97" s="408"/>
      <c r="AM97" s="408"/>
      <c r="AN97" s="408"/>
      <c r="AO97" s="408"/>
      <c r="AP97" s="408"/>
      <c r="AQ97" s="408"/>
      <c r="AR97" s="408"/>
      <c r="AS97" s="408"/>
      <c r="AT97" s="408"/>
      <c r="AU97" s="408"/>
      <c r="AV97" s="408"/>
      <c r="AW97" s="408"/>
      <c r="AX97" s="408"/>
      <c r="AY97" s="306" t="s">
        <v>66</v>
      </c>
      <c r="AZ97" s="408"/>
      <c r="BA97" s="308">
        <f t="shared" si="36"/>
        <v>31</v>
      </c>
      <c r="BB97" s="309">
        <f t="shared" si="68"/>
        <v>560.80645161290317</v>
      </c>
      <c r="BC97" s="402" t="str">
        <f t="shared" si="37"/>
        <v/>
      </c>
      <c r="BD97" s="402" t="str">
        <f t="shared" si="38"/>
        <v/>
      </c>
      <c r="BE97" s="402" t="str">
        <f t="shared" si="39"/>
        <v/>
      </c>
      <c r="BF97" s="402" t="str">
        <f t="shared" si="40"/>
        <v/>
      </c>
      <c r="BG97" s="402" t="str">
        <f t="shared" si="41"/>
        <v/>
      </c>
      <c r="BH97" s="402" t="str">
        <f t="shared" si="42"/>
        <v/>
      </c>
      <c r="BI97" s="402" t="str">
        <f t="shared" si="43"/>
        <v/>
      </c>
      <c r="BJ97" s="402" t="str">
        <f t="shared" si="44"/>
        <v/>
      </c>
      <c r="BK97" s="402" t="str">
        <f t="shared" si="45"/>
        <v/>
      </c>
      <c r="BL97" s="402" t="str">
        <f t="shared" si="46"/>
        <v/>
      </c>
      <c r="BM97" s="402" t="str">
        <f t="shared" si="47"/>
        <v/>
      </c>
      <c r="BN97" s="402" t="str">
        <f t="shared" si="48"/>
        <v/>
      </c>
      <c r="BO97" s="402" t="str">
        <f t="shared" si="49"/>
        <v/>
      </c>
      <c r="BP97" s="402" t="str">
        <f t="shared" si="50"/>
        <v/>
      </c>
      <c r="BQ97" s="402" t="str">
        <f t="shared" si="51"/>
        <v/>
      </c>
      <c r="BR97" s="402" t="str">
        <f t="shared" si="52"/>
        <v/>
      </c>
      <c r="BS97" s="402" t="str">
        <f t="shared" si="53"/>
        <v/>
      </c>
      <c r="BT97" s="402" t="str">
        <f t="shared" si="54"/>
        <v/>
      </c>
      <c r="BU97" s="402" t="str">
        <f t="shared" si="55"/>
        <v/>
      </c>
      <c r="BV97" s="402" t="str">
        <f t="shared" si="56"/>
        <v/>
      </c>
      <c r="BW97" s="402" t="str">
        <f t="shared" si="57"/>
        <v/>
      </c>
      <c r="BX97" s="402" t="str">
        <f t="shared" si="58"/>
        <v/>
      </c>
      <c r="BY97" s="402" t="str">
        <f t="shared" si="59"/>
        <v/>
      </c>
      <c r="BZ97" s="402" t="str">
        <f t="shared" si="60"/>
        <v/>
      </c>
      <c r="CA97" s="402" t="str">
        <f t="shared" si="61"/>
        <v/>
      </c>
      <c r="CB97" s="402" t="str">
        <f t="shared" si="62"/>
        <v/>
      </c>
      <c r="CC97" s="402" t="str">
        <f t="shared" si="63"/>
        <v/>
      </c>
      <c r="CD97" s="402" t="str">
        <f t="shared" si="64"/>
        <v/>
      </c>
      <c r="CE97" s="402" t="str">
        <f t="shared" si="65"/>
        <v/>
      </c>
      <c r="CF97" s="402">
        <f t="shared" si="66"/>
        <v>17385</v>
      </c>
      <c r="CG97" s="402" t="str">
        <f t="shared" si="67"/>
        <v/>
      </c>
      <c r="CH97" s="402"/>
      <c r="CI97" s="402"/>
      <c r="CJ97" s="402"/>
      <c r="CK97" s="402"/>
      <c r="CL97" s="402"/>
      <c r="CM97" s="402"/>
      <c r="CN97" s="402"/>
      <c r="CO97" s="402"/>
      <c r="CP97" s="402"/>
      <c r="CQ97" s="402"/>
      <c r="CR97" s="402"/>
      <c r="CS97" s="402"/>
      <c r="CT97" s="402"/>
      <c r="CU97" s="402"/>
      <c r="CV97" s="402"/>
      <c r="CW97" s="402"/>
      <c r="CX97" s="402"/>
      <c r="CY97" s="402"/>
      <c r="CZ97" s="402"/>
      <c r="DA97" s="402"/>
      <c r="DB97" s="402"/>
      <c r="DC97" s="402"/>
      <c r="DD97" s="407"/>
      <c r="DE97" s="407" t="s">
        <v>485</v>
      </c>
      <c r="DF97" s="407" t="s">
        <v>336</v>
      </c>
    </row>
    <row r="98" spans="3:110" s="337" customFormat="1" ht="56.1" customHeight="1" x14ac:dyDescent="0.2">
      <c r="C98" s="368">
        <v>259</v>
      </c>
      <c r="D98" s="420" t="s">
        <v>2481</v>
      </c>
      <c r="E98" s="369" t="s">
        <v>53</v>
      </c>
      <c r="F98" s="369" t="s">
        <v>329</v>
      </c>
      <c r="G98" s="334" t="s">
        <v>500</v>
      </c>
      <c r="H98" s="334" t="s">
        <v>501</v>
      </c>
      <c r="I98" s="259" t="s">
        <v>502</v>
      </c>
      <c r="J98" s="259"/>
      <c r="K98" s="334" t="s">
        <v>333</v>
      </c>
      <c r="L98" s="334" t="s">
        <v>63</v>
      </c>
      <c r="M98" s="334" t="s">
        <v>81</v>
      </c>
      <c r="N98" s="334" t="s">
        <v>334</v>
      </c>
      <c r="O98" s="334" t="s">
        <v>225</v>
      </c>
      <c r="P98" s="334" t="s">
        <v>63</v>
      </c>
      <c r="Q98" s="334" t="s">
        <v>63</v>
      </c>
      <c r="R98" s="335">
        <v>195147</v>
      </c>
      <c r="S98" s="335">
        <f t="shared" si="69"/>
        <v>195147</v>
      </c>
      <c r="T98" s="334" t="s">
        <v>226</v>
      </c>
      <c r="U98" s="334" t="s">
        <v>82</v>
      </c>
      <c r="V98" s="336" t="s">
        <v>66</v>
      </c>
      <c r="W98" s="338"/>
      <c r="X98" s="338"/>
      <c r="Y98" s="338"/>
      <c r="Z98" s="338"/>
      <c r="AA98" s="338"/>
      <c r="AB98" s="338"/>
      <c r="AC98" s="338"/>
      <c r="AD98" s="338"/>
      <c r="AE98" s="338"/>
      <c r="AF98" s="338"/>
      <c r="AG98" s="338"/>
      <c r="AH98" s="338"/>
      <c r="AI98" s="338"/>
      <c r="AJ98" s="338"/>
      <c r="AK98" s="338"/>
      <c r="AL98" s="338"/>
      <c r="AM98" s="338"/>
      <c r="AN98" s="338"/>
      <c r="AO98" s="338"/>
      <c r="AP98" s="338"/>
      <c r="AQ98" s="338"/>
      <c r="AR98" s="338"/>
      <c r="AS98" s="338"/>
      <c r="AT98" s="338"/>
      <c r="AU98" s="338"/>
      <c r="AV98" s="338"/>
      <c r="AW98" s="338"/>
      <c r="AX98" s="338"/>
      <c r="AY98" s="338"/>
      <c r="AZ98" s="338"/>
      <c r="BA98" s="238">
        <f t="shared" si="36"/>
        <v>1500</v>
      </c>
      <c r="BB98" s="84">
        <f t="shared" si="68"/>
        <v>130.09800000000001</v>
      </c>
      <c r="BC98" s="336">
        <f t="shared" si="37"/>
        <v>195147.00000000003</v>
      </c>
      <c r="BD98" s="336" t="str">
        <f t="shared" si="38"/>
        <v/>
      </c>
      <c r="BE98" s="336" t="str">
        <f t="shared" si="39"/>
        <v/>
      </c>
      <c r="BF98" s="336" t="str">
        <f t="shared" si="40"/>
        <v/>
      </c>
      <c r="BG98" s="336" t="str">
        <f t="shared" si="41"/>
        <v/>
      </c>
      <c r="BH98" s="336" t="str">
        <f t="shared" si="42"/>
        <v/>
      </c>
      <c r="BI98" s="336" t="str">
        <f t="shared" si="43"/>
        <v/>
      </c>
      <c r="BJ98" s="336" t="str">
        <f t="shared" si="44"/>
        <v/>
      </c>
      <c r="BK98" s="336" t="str">
        <f t="shared" si="45"/>
        <v/>
      </c>
      <c r="BL98" s="336" t="str">
        <f t="shared" si="46"/>
        <v/>
      </c>
      <c r="BM98" s="336" t="str">
        <f t="shared" si="47"/>
        <v/>
      </c>
      <c r="BN98" s="336" t="str">
        <f t="shared" si="48"/>
        <v/>
      </c>
      <c r="BO98" s="336" t="str">
        <f t="shared" si="49"/>
        <v/>
      </c>
      <c r="BP98" s="336" t="str">
        <f t="shared" si="50"/>
        <v/>
      </c>
      <c r="BQ98" s="336" t="str">
        <f t="shared" si="51"/>
        <v/>
      </c>
      <c r="BR98" s="336" t="str">
        <f t="shared" si="52"/>
        <v/>
      </c>
      <c r="BS98" s="336" t="str">
        <f t="shared" si="53"/>
        <v/>
      </c>
      <c r="BT98" s="336" t="str">
        <f t="shared" si="54"/>
        <v/>
      </c>
      <c r="BU98" s="336" t="str">
        <f t="shared" si="55"/>
        <v/>
      </c>
      <c r="BV98" s="336" t="str">
        <f t="shared" si="56"/>
        <v/>
      </c>
      <c r="BW98" s="336" t="str">
        <f t="shared" si="57"/>
        <v/>
      </c>
      <c r="BX98" s="336" t="str">
        <f t="shared" si="58"/>
        <v/>
      </c>
      <c r="BY98" s="336" t="str">
        <f t="shared" si="59"/>
        <v/>
      </c>
      <c r="BZ98" s="336" t="str">
        <f t="shared" si="60"/>
        <v/>
      </c>
      <c r="CA98" s="336" t="str">
        <f t="shared" si="61"/>
        <v/>
      </c>
      <c r="CB98" s="336" t="str">
        <f t="shared" si="62"/>
        <v/>
      </c>
      <c r="CC98" s="336" t="str">
        <f t="shared" si="63"/>
        <v/>
      </c>
      <c r="CD98" s="336" t="str">
        <f t="shared" si="64"/>
        <v/>
      </c>
      <c r="CE98" s="336" t="str">
        <f t="shared" si="65"/>
        <v/>
      </c>
      <c r="CF98" s="336" t="str">
        <f t="shared" si="66"/>
        <v/>
      </c>
      <c r="CG98" s="336" t="str">
        <f t="shared" si="67"/>
        <v/>
      </c>
      <c r="CH98" s="336"/>
      <c r="CI98" s="336"/>
      <c r="CJ98" s="336"/>
      <c r="CK98" s="336"/>
      <c r="CL98" s="336"/>
      <c r="CM98" s="336"/>
      <c r="CN98" s="336"/>
      <c r="CO98" s="336"/>
      <c r="CP98" s="336"/>
      <c r="CQ98" s="336"/>
      <c r="CR98" s="336"/>
      <c r="CS98" s="336"/>
      <c r="CT98" s="336"/>
      <c r="CU98" s="336"/>
      <c r="CV98" s="336"/>
      <c r="CW98" s="336"/>
      <c r="CX98" s="336"/>
      <c r="CY98" s="336"/>
      <c r="CZ98" s="336"/>
      <c r="DA98" s="336"/>
      <c r="DB98" s="336"/>
      <c r="DC98" s="336"/>
      <c r="DD98" s="334"/>
      <c r="DE98" s="334" t="s">
        <v>485</v>
      </c>
      <c r="DF98" s="334" t="s">
        <v>336</v>
      </c>
    </row>
    <row r="99" spans="3:110" s="395" customFormat="1" ht="56.1" customHeight="1" x14ac:dyDescent="0.2">
      <c r="C99" s="420">
        <v>260</v>
      </c>
      <c r="D99" s="420" t="s">
        <v>2481</v>
      </c>
      <c r="E99" s="96" t="s">
        <v>53</v>
      </c>
      <c r="F99" s="96" t="s">
        <v>329</v>
      </c>
      <c r="G99" s="407" t="s">
        <v>500</v>
      </c>
      <c r="H99" s="407" t="s">
        <v>501</v>
      </c>
      <c r="I99" s="316" t="s">
        <v>503</v>
      </c>
      <c r="J99" s="316"/>
      <c r="K99" s="407" t="s">
        <v>90</v>
      </c>
      <c r="L99" s="407" t="s">
        <v>38</v>
      </c>
      <c r="M99" s="407" t="s">
        <v>60</v>
      </c>
      <c r="N99" s="407" t="s">
        <v>334</v>
      </c>
      <c r="O99" s="407" t="s">
        <v>339</v>
      </c>
      <c r="P99" s="407" t="s">
        <v>63</v>
      </c>
      <c r="Q99" s="407" t="s">
        <v>63</v>
      </c>
      <c r="R99" s="410">
        <v>127131</v>
      </c>
      <c r="S99" s="410">
        <f t="shared" si="69"/>
        <v>127131</v>
      </c>
      <c r="T99" s="407" t="s">
        <v>226</v>
      </c>
      <c r="U99" s="407" t="s">
        <v>82</v>
      </c>
      <c r="V99" s="408"/>
      <c r="W99" s="408"/>
      <c r="X99" s="408"/>
      <c r="Y99" s="408"/>
      <c r="Z99" s="408"/>
      <c r="AA99" s="408"/>
      <c r="AB99" s="408"/>
      <c r="AC99" s="408"/>
      <c r="AD99" s="408"/>
      <c r="AE99" s="408"/>
      <c r="AF99" s="408"/>
      <c r="AG99" s="408"/>
      <c r="AH99" s="408"/>
      <c r="AI99" s="408"/>
      <c r="AJ99" s="408"/>
      <c r="AK99" s="408"/>
      <c r="AL99" s="408"/>
      <c r="AM99" s="408"/>
      <c r="AN99" s="408"/>
      <c r="AO99" s="408"/>
      <c r="AP99" s="408"/>
      <c r="AQ99" s="402" t="s">
        <v>66</v>
      </c>
      <c r="AR99" s="408"/>
      <c r="AS99" s="408"/>
      <c r="AT99" s="408"/>
      <c r="AU99" s="408"/>
      <c r="AV99" s="408"/>
      <c r="AW99" s="408"/>
      <c r="AX99" s="408"/>
      <c r="AY99" s="408"/>
      <c r="AZ99" s="408"/>
      <c r="BA99" s="308">
        <f t="shared" si="36"/>
        <v>250</v>
      </c>
      <c r="BB99" s="309">
        <f t="shared" si="68"/>
        <v>508.524</v>
      </c>
      <c r="BC99" s="402" t="str">
        <f t="shared" si="37"/>
        <v/>
      </c>
      <c r="BD99" s="402" t="str">
        <f t="shared" si="38"/>
        <v/>
      </c>
      <c r="BE99" s="402" t="str">
        <f t="shared" si="39"/>
        <v/>
      </c>
      <c r="BF99" s="402" t="str">
        <f t="shared" si="40"/>
        <v/>
      </c>
      <c r="BG99" s="402" t="str">
        <f t="shared" si="41"/>
        <v/>
      </c>
      <c r="BH99" s="402" t="str">
        <f t="shared" si="42"/>
        <v/>
      </c>
      <c r="BI99" s="402" t="str">
        <f t="shared" si="43"/>
        <v/>
      </c>
      <c r="BJ99" s="402" t="str">
        <f t="shared" si="44"/>
        <v/>
      </c>
      <c r="BK99" s="402" t="str">
        <f t="shared" si="45"/>
        <v/>
      </c>
      <c r="BL99" s="402" t="str">
        <f t="shared" si="46"/>
        <v/>
      </c>
      <c r="BM99" s="402" t="str">
        <f t="shared" si="47"/>
        <v/>
      </c>
      <c r="BN99" s="402" t="str">
        <f t="shared" si="48"/>
        <v/>
      </c>
      <c r="BO99" s="402" t="str">
        <f t="shared" si="49"/>
        <v/>
      </c>
      <c r="BP99" s="402" t="str">
        <f t="shared" si="50"/>
        <v/>
      </c>
      <c r="BQ99" s="402" t="str">
        <f t="shared" si="51"/>
        <v/>
      </c>
      <c r="BR99" s="402" t="str">
        <f t="shared" si="52"/>
        <v/>
      </c>
      <c r="BS99" s="402" t="str">
        <f t="shared" si="53"/>
        <v/>
      </c>
      <c r="BT99" s="402" t="str">
        <f t="shared" si="54"/>
        <v/>
      </c>
      <c r="BU99" s="402" t="str">
        <f t="shared" si="55"/>
        <v/>
      </c>
      <c r="BV99" s="402" t="str">
        <f t="shared" si="56"/>
        <v/>
      </c>
      <c r="BW99" s="402" t="str">
        <f t="shared" si="57"/>
        <v/>
      </c>
      <c r="BX99" s="402">
        <f t="shared" si="58"/>
        <v>127131</v>
      </c>
      <c r="BY99" s="402" t="str">
        <f t="shared" si="59"/>
        <v/>
      </c>
      <c r="BZ99" s="402" t="str">
        <f t="shared" si="60"/>
        <v/>
      </c>
      <c r="CA99" s="402" t="str">
        <f t="shared" si="61"/>
        <v/>
      </c>
      <c r="CB99" s="402" t="str">
        <f t="shared" si="62"/>
        <v/>
      </c>
      <c r="CC99" s="402" t="str">
        <f t="shared" si="63"/>
        <v/>
      </c>
      <c r="CD99" s="402" t="str">
        <f t="shared" si="64"/>
        <v/>
      </c>
      <c r="CE99" s="402" t="str">
        <f t="shared" si="65"/>
        <v/>
      </c>
      <c r="CF99" s="402" t="str">
        <f t="shared" si="66"/>
        <v/>
      </c>
      <c r="CG99" s="402" t="str">
        <f t="shared" si="67"/>
        <v/>
      </c>
      <c r="CH99" s="402"/>
      <c r="CI99" s="402"/>
      <c r="CJ99" s="402"/>
      <c r="CK99" s="402"/>
      <c r="CL99" s="402"/>
      <c r="CM99" s="402"/>
      <c r="CN99" s="402"/>
      <c r="CO99" s="402"/>
      <c r="CP99" s="402"/>
      <c r="CQ99" s="402"/>
      <c r="CR99" s="402"/>
      <c r="CS99" s="402"/>
      <c r="CT99" s="402"/>
      <c r="CU99" s="402"/>
      <c r="CV99" s="402"/>
      <c r="CW99" s="402"/>
      <c r="CX99" s="402"/>
      <c r="CY99" s="402"/>
      <c r="CZ99" s="402"/>
      <c r="DA99" s="402"/>
      <c r="DB99" s="402"/>
      <c r="DC99" s="402"/>
      <c r="DD99" s="407"/>
      <c r="DE99" s="407"/>
      <c r="DF99" s="407"/>
    </row>
    <row r="100" spans="3:110" s="395" customFormat="1" ht="56.1" customHeight="1" x14ac:dyDescent="0.2">
      <c r="C100" s="420">
        <v>261</v>
      </c>
      <c r="D100" s="420" t="s">
        <v>2481</v>
      </c>
      <c r="E100" s="96" t="s">
        <v>53</v>
      </c>
      <c r="F100" s="96" t="s">
        <v>329</v>
      </c>
      <c r="G100" s="407" t="s">
        <v>500</v>
      </c>
      <c r="H100" s="407" t="s">
        <v>501</v>
      </c>
      <c r="I100" s="316" t="s">
        <v>502</v>
      </c>
      <c r="J100" s="316"/>
      <c r="K100" s="407" t="s">
        <v>90</v>
      </c>
      <c r="L100" s="407" t="s">
        <v>39</v>
      </c>
      <c r="M100" s="407" t="s">
        <v>81</v>
      </c>
      <c r="N100" s="407" t="s">
        <v>334</v>
      </c>
      <c r="O100" s="407" t="s">
        <v>225</v>
      </c>
      <c r="P100" s="407" t="s">
        <v>63</v>
      </c>
      <c r="Q100" s="407" t="s">
        <v>63</v>
      </c>
      <c r="R100" s="410">
        <v>203410</v>
      </c>
      <c r="S100" s="410">
        <f t="shared" si="69"/>
        <v>203410</v>
      </c>
      <c r="T100" s="407" t="s">
        <v>226</v>
      </c>
      <c r="U100" s="407" t="s">
        <v>82</v>
      </c>
      <c r="V100" s="408"/>
      <c r="W100" s="408"/>
      <c r="X100" s="408"/>
      <c r="Y100" s="408"/>
      <c r="Z100" s="408"/>
      <c r="AA100" s="408"/>
      <c r="AB100" s="408"/>
      <c r="AC100" s="408"/>
      <c r="AD100" s="408"/>
      <c r="AE100" s="408"/>
      <c r="AF100" s="408"/>
      <c r="AG100" s="408"/>
      <c r="AH100" s="408"/>
      <c r="AI100" s="408"/>
      <c r="AJ100" s="408"/>
      <c r="AK100" s="408"/>
      <c r="AL100" s="408"/>
      <c r="AM100" s="408"/>
      <c r="AN100" s="408"/>
      <c r="AO100" s="408"/>
      <c r="AP100" s="408"/>
      <c r="AQ100" s="408"/>
      <c r="AR100" s="402" t="s">
        <v>66</v>
      </c>
      <c r="AS100" s="408"/>
      <c r="AT100" s="408"/>
      <c r="AU100" s="408"/>
      <c r="AV100" s="408"/>
      <c r="AW100" s="408"/>
      <c r="AX100" s="408"/>
      <c r="AY100" s="408"/>
      <c r="AZ100" s="408"/>
      <c r="BA100" s="308">
        <f t="shared" si="36"/>
        <v>400</v>
      </c>
      <c r="BB100" s="309">
        <f t="shared" si="68"/>
        <v>508.52499999999998</v>
      </c>
      <c r="BC100" s="402" t="str">
        <f t="shared" si="37"/>
        <v/>
      </c>
      <c r="BD100" s="402" t="str">
        <f t="shared" si="38"/>
        <v/>
      </c>
      <c r="BE100" s="402" t="str">
        <f t="shared" si="39"/>
        <v/>
      </c>
      <c r="BF100" s="402" t="str">
        <f t="shared" si="40"/>
        <v/>
      </c>
      <c r="BG100" s="402" t="str">
        <f t="shared" si="41"/>
        <v/>
      </c>
      <c r="BH100" s="402" t="str">
        <f t="shared" si="42"/>
        <v/>
      </c>
      <c r="BI100" s="402" t="str">
        <f t="shared" si="43"/>
        <v/>
      </c>
      <c r="BJ100" s="402" t="str">
        <f t="shared" si="44"/>
        <v/>
      </c>
      <c r="BK100" s="402" t="str">
        <f t="shared" si="45"/>
        <v/>
      </c>
      <c r="BL100" s="402" t="str">
        <f t="shared" si="46"/>
        <v/>
      </c>
      <c r="BM100" s="402" t="str">
        <f t="shared" si="47"/>
        <v/>
      </c>
      <c r="BN100" s="402" t="str">
        <f t="shared" si="48"/>
        <v/>
      </c>
      <c r="BO100" s="402" t="str">
        <f t="shared" si="49"/>
        <v/>
      </c>
      <c r="BP100" s="402" t="str">
        <f t="shared" si="50"/>
        <v/>
      </c>
      <c r="BQ100" s="402" t="str">
        <f t="shared" si="51"/>
        <v/>
      </c>
      <c r="BR100" s="402" t="str">
        <f t="shared" si="52"/>
        <v/>
      </c>
      <c r="BS100" s="402" t="str">
        <f t="shared" si="53"/>
        <v/>
      </c>
      <c r="BT100" s="402" t="str">
        <f t="shared" si="54"/>
        <v/>
      </c>
      <c r="BU100" s="402" t="str">
        <f t="shared" si="55"/>
        <v/>
      </c>
      <c r="BV100" s="402" t="str">
        <f t="shared" si="56"/>
        <v/>
      </c>
      <c r="BW100" s="402" t="str">
        <f t="shared" si="57"/>
        <v/>
      </c>
      <c r="BX100" s="402" t="str">
        <f t="shared" si="58"/>
        <v/>
      </c>
      <c r="BY100" s="402">
        <f t="shared" si="59"/>
        <v>203410</v>
      </c>
      <c r="BZ100" s="402" t="str">
        <f t="shared" si="60"/>
        <v/>
      </c>
      <c r="CA100" s="402" t="str">
        <f t="shared" si="61"/>
        <v/>
      </c>
      <c r="CB100" s="402" t="str">
        <f t="shared" si="62"/>
        <v/>
      </c>
      <c r="CC100" s="402" t="str">
        <f t="shared" si="63"/>
        <v/>
      </c>
      <c r="CD100" s="402" t="str">
        <f t="shared" si="64"/>
        <v/>
      </c>
      <c r="CE100" s="402" t="str">
        <f t="shared" si="65"/>
        <v/>
      </c>
      <c r="CF100" s="402" t="str">
        <f t="shared" si="66"/>
        <v/>
      </c>
      <c r="CG100" s="402" t="str">
        <f t="shared" si="67"/>
        <v/>
      </c>
      <c r="CH100" s="402"/>
      <c r="CI100" s="402"/>
      <c r="CJ100" s="402"/>
      <c r="CK100" s="402"/>
      <c r="CL100" s="402"/>
      <c r="CM100" s="402"/>
      <c r="CN100" s="402"/>
      <c r="CO100" s="402"/>
      <c r="CP100" s="402"/>
      <c r="CQ100" s="402"/>
      <c r="CR100" s="402"/>
      <c r="CS100" s="402"/>
      <c r="CT100" s="402"/>
      <c r="CU100" s="402"/>
      <c r="CV100" s="402"/>
      <c r="CW100" s="402"/>
      <c r="CX100" s="402"/>
      <c r="CY100" s="402"/>
      <c r="CZ100" s="402"/>
      <c r="DA100" s="402"/>
      <c r="DB100" s="402"/>
      <c r="DC100" s="402"/>
      <c r="DD100" s="407"/>
      <c r="DE100" s="407"/>
      <c r="DF100" s="407"/>
    </row>
    <row r="101" spans="3:110" s="395" customFormat="1" ht="56.1" customHeight="1" x14ac:dyDescent="0.2">
      <c r="C101" s="420">
        <v>262</v>
      </c>
      <c r="D101" s="420" t="s">
        <v>2481</v>
      </c>
      <c r="E101" s="96" t="s">
        <v>53</v>
      </c>
      <c r="F101" s="96" t="s">
        <v>329</v>
      </c>
      <c r="G101" s="407" t="s">
        <v>500</v>
      </c>
      <c r="H101" s="407" t="s">
        <v>501</v>
      </c>
      <c r="I101" s="316" t="s">
        <v>504</v>
      </c>
      <c r="J101" s="316"/>
      <c r="K101" s="407" t="s">
        <v>90</v>
      </c>
      <c r="L101" s="407" t="s">
        <v>40</v>
      </c>
      <c r="M101" s="407" t="s">
        <v>60</v>
      </c>
      <c r="N101" s="407" t="s">
        <v>334</v>
      </c>
      <c r="O101" s="407" t="s">
        <v>169</v>
      </c>
      <c r="P101" s="407" t="s">
        <v>63</v>
      </c>
      <c r="Q101" s="407" t="s">
        <v>63</v>
      </c>
      <c r="R101" s="410">
        <v>711936</v>
      </c>
      <c r="S101" s="410">
        <f t="shared" si="69"/>
        <v>711936</v>
      </c>
      <c r="T101" s="407" t="s">
        <v>226</v>
      </c>
      <c r="U101" s="407" t="s">
        <v>82</v>
      </c>
      <c r="V101" s="408"/>
      <c r="W101" s="408"/>
      <c r="X101" s="408"/>
      <c r="Y101" s="408"/>
      <c r="Z101" s="408"/>
      <c r="AA101" s="408"/>
      <c r="AB101" s="408"/>
      <c r="AC101" s="408"/>
      <c r="AD101" s="408"/>
      <c r="AE101" s="408"/>
      <c r="AF101" s="408"/>
      <c r="AG101" s="408"/>
      <c r="AH101" s="408"/>
      <c r="AI101" s="408"/>
      <c r="AJ101" s="408"/>
      <c r="AK101" s="408"/>
      <c r="AL101" s="408"/>
      <c r="AM101" s="408"/>
      <c r="AN101" s="408"/>
      <c r="AO101" s="408"/>
      <c r="AP101" s="408"/>
      <c r="AQ101" s="408"/>
      <c r="AR101" s="408"/>
      <c r="AS101" s="402" t="s">
        <v>66</v>
      </c>
      <c r="AT101" s="408"/>
      <c r="AU101" s="408"/>
      <c r="AV101" s="408"/>
      <c r="AW101" s="408"/>
      <c r="AX101" s="408"/>
      <c r="AY101" s="408"/>
      <c r="AZ101" s="408"/>
      <c r="BA101" s="308">
        <f t="shared" si="36"/>
        <v>1400</v>
      </c>
      <c r="BB101" s="309">
        <f t="shared" si="68"/>
        <v>508.52571428571429</v>
      </c>
      <c r="BC101" s="402" t="str">
        <f t="shared" si="37"/>
        <v/>
      </c>
      <c r="BD101" s="402" t="str">
        <f t="shared" si="38"/>
        <v/>
      </c>
      <c r="BE101" s="402" t="str">
        <f t="shared" si="39"/>
        <v/>
      </c>
      <c r="BF101" s="402" t="str">
        <f t="shared" si="40"/>
        <v/>
      </c>
      <c r="BG101" s="402" t="str">
        <f t="shared" si="41"/>
        <v/>
      </c>
      <c r="BH101" s="402" t="str">
        <f t="shared" si="42"/>
        <v/>
      </c>
      <c r="BI101" s="402" t="str">
        <f t="shared" si="43"/>
        <v/>
      </c>
      <c r="BJ101" s="402" t="str">
        <f t="shared" si="44"/>
        <v/>
      </c>
      <c r="BK101" s="402" t="str">
        <f t="shared" si="45"/>
        <v/>
      </c>
      <c r="BL101" s="402" t="str">
        <f t="shared" si="46"/>
        <v/>
      </c>
      <c r="BM101" s="402" t="str">
        <f t="shared" si="47"/>
        <v/>
      </c>
      <c r="BN101" s="402" t="str">
        <f t="shared" si="48"/>
        <v/>
      </c>
      <c r="BO101" s="402" t="str">
        <f t="shared" si="49"/>
        <v/>
      </c>
      <c r="BP101" s="402" t="str">
        <f t="shared" si="50"/>
        <v/>
      </c>
      <c r="BQ101" s="402" t="str">
        <f t="shared" si="51"/>
        <v/>
      </c>
      <c r="BR101" s="402" t="str">
        <f t="shared" si="52"/>
        <v/>
      </c>
      <c r="BS101" s="402" t="str">
        <f t="shared" si="53"/>
        <v/>
      </c>
      <c r="BT101" s="402" t="str">
        <f t="shared" si="54"/>
        <v/>
      </c>
      <c r="BU101" s="402" t="str">
        <f t="shared" si="55"/>
        <v/>
      </c>
      <c r="BV101" s="402" t="str">
        <f t="shared" si="56"/>
        <v/>
      </c>
      <c r="BW101" s="402" t="str">
        <f t="shared" si="57"/>
        <v/>
      </c>
      <c r="BX101" s="402" t="str">
        <f t="shared" si="58"/>
        <v/>
      </c>
      <c r="BY101" s="402" t="str">
        <f t="shared" si="59"/>
        <v/>
      </c>
      <c r="BZ101" s="402">
        <f t="shared" si="60"/>
        <v>711936</v>
      </c>
      <c r="CA101" s="402" t="str">
        <f t="shared" si="61"/>
        <v/>
      </c>
      <c r="CB101" s="402" t="str">
        <f t="shared" si="62"/>
        <v/>
      </c>
      <c r="CC101" s="402" t="str">
        <f t="shared" si="63"/>
        <v/>
      </c>
      <c r="CD101" s="402" t="str">
        <f t="shared" si="64"/>
        <v/>
      </c>
      <c r="CE101" s="402" t="str">
        <f t="shared" si="65"/>
        <v/>
      </c>
      <c r="CF101" s="402" t="str">
        <f t="shared" si="66"/>
        <v/>
      </c>
      <c r="CG101" s="402" t="str">
        <f t="shared" si="67"/>
        <v/>
      </c>
      <c r="CH101" s="402"/>
      <c r="CI101" s="402"/>
      <c r="CJ101" s="402"/>
      <c r="CK101" s="402"/>
      <c r="CL101" s="402"/>
      <c r="CM101" s="402"/>
      <c r="CN101" s="402"/>
      <c r="CO101" s="402"/>
      <c r="CP101" s="402"/>
      <c r="CQ101" s="402"/>
      <c r="CR101" s="402"/>
      <c r="CS101" s="402"/>
      <c r="CT101" s="402"/>
      <c r="CU101" s="402"/>
      <c r="CV101" s="402"/>
      <c r="CW101" s="402"/>
      <c r="CX101" s="402"/>
      <c r="CY101" s="402"/>
      <c r="CZ101" s="402"/>
      <c r="DA101" s="402"/>
      <c r="DB101" s="402"/>
      <c r="DC101" s="402"/>
      <c r="DD101" s="407"/>
      <c r="DE101" s="407"/>
      <c r="DF101" s="407"/>
    </row>
    <row r="102" spans="3:110" s="395" customFormat="1" ht="56.1" customHeight="1" x14ac:dyDescent="0.2">
      <c r="C102" s="420">
        <v>263</v>
      </c>
      <c r="D102" s="420" t="s">
        <v>2481</v>
      </c>
      <c r="E102" s="96" t="s">
        <v>53</v>
      </c>
      <c r="F102" s="96" t="s">
        <v>329</v>
      </c>
      <c r="G102" s="407" t="s">
        <v>500</v>
      </c>
      <c r="H102" s="407" t="s">
        <v>501</v>
      </c>
      <c r="I102" s="316" t="s">
        <v>505</v>
      </c>
      <c r="J102" s="316"/>
      <c r="K102" s="407" t="s">
        <v>90</v>
      </c>
      <c r="L102" s="407" t="s">
        <v>310</v>
      </c>
      <c r="M102" s="407" t="s">
        <v>81</v>
      </c>
      <c r="N102" s="407" t="s">
        <v>334</v>
      </c>
      <c r="O102" s="407" t="s">
        <v>225</v>
      </c>
      <c r="P102" s="407" t="s">
        <v>63</v>
      </c>
      <c r="Q102" s="407" t="s">
        <v>63</v>
      </c>
      <c r="R102" s="410">
        <v>102129</v>
      </c>
      <c r="S102" s="410">
        <f t="shared" si="69"/>
        <v>102129</v>
      </c>
      <c r="T102" s="407" t="s">
        <v>226</v>
      </c>
      <c r="U102" s="407" t="s">
        <v>82</v>
      </c>
      <c r="V102" s="408"/>
      <c r="W102" s="408"/>
      <c r="X102" s="408"/>
      <c r="Y102" s="408"/>
      <c r="Z102" s="408"/>
      <c r="AA102" s="408"/>
      <c r="AB102" s="408"/>
      <c r="AC102" s="408"/>
      <c r="AD102" s="408"/>
      <c r="AE102" s="408"/>
      <c r="AF102" s="408"/>
      <c r="AG102" s="408"/>
      <c r="AH102" s="408"/>
      <c r="AI102" s="408"/>
      <c r="AJ102" s="408"/>
      <c r="AK102" s="408"/>
      <c r="AL102" s="408"/>
      <c r="AM102" s="408"/>
      <c r="AN102" s="408"/>
      <c r="AO102" s="408"/>
      <c r="AP102" s="408"/>
      <c r="AQ102" s="408"/>
      <c r="AR102" s="408"/>
      <c r="AS102" s="408"/>
      <c r="AT102" s="402" t="s">
        <v>66</v>
      </c>
      <c r="AU102" s="408"/>
      <c r="AV102" s="408"/>
      <c r="AW102" s="408"/>
      <c r="AX102" s="408"/>
      <c r="AY102" s="408"/>
      <c r="AZ102" s="408"/>
      <c r="BA102" s="308">
        <f t="shared" si="36"/>
        <v>201</v>
      </c>
      <c r="BB102" s="309">
        <f t="shared" si="68"/>
        <v>508.1044776119403</v>
      </c>
      <c r="BC102" s="402" t="str">
        <f t="shared" si="37"/>
        <v/>
      </c>
      <c r="BD102" s="402" t="str">
        <f t="shared" si="38"/>
        <v/>
      </c>
      <c r="BE102" s="402" t="str">
        <f t="shared" si="39"/>
        <v/>
      </c>
      <c r="BF102" s="402" t="str">
        <f t="shared" si="40"/>
        <v/>
      </c>
      <c r="BG102" s="402" t="str">
        <f t="shared" si="41"/>
        <v/>
      </c>
      <c r="BH102" s="402" t="str">
        <f t="shared" si="42"/>
        <v/>
      </c>
      <c r="BI102" s="402" t="str">
        <f t="shared" si="43"/>
        <v/>
      </c>
      <c r="BJ102" s="402" t="str">
        <f t="shared" si="44"/>
        <v/>
      </c>
      <c r="BK102" s="402" t="str">
        <f t="shared" si="45"/>
        <v/>
      </c>
      <c r="BL102" s="402" t="str">
        <f t="shared" si="46"/>
        <v/>
      </c>
      <c r="BM102" s="402" t="str">
        <f t="shared" si="47"/>
        <v/>
      </c>
      <c r="BN102" s="402" t="str">
        <f t="shared" si="48"/>
        <v/>
      </c>
      <c r="BO102" s="402" t="str">
        <f t="shared" si="49"/>
        <v/>
      </c>
      <c r="BP102" s="402" t="str">
        <f t="shared" si="50"/>
        <v/>
      </c>
      <c r="BQ102" s="402" t="str">
        <f t="shared" si="51"/>
        <v/>
      </c>
      <c r="BR102" s="402" t="str">
        <f t="shared" si="52"/>
        <v/>
      </c>
      <c r="BS102" s="402" t="str">
        <f t="shared" si="53"/>
        <v/>
      </c>
      <c r="BT102" s="402" t="str">
        <f t="shared" si="54"/>
        <v/>
      </c>
      <c r="BU102" s="402" t="str">
        <f t="shared" si="55"/>
        <v/>
      </c>
      <c r="BV102" s="402" t="str">
        <f t="shared" si="56"/>
        <v/>
      </c>
      <c r="BW102" s="402" t="str">
        <f t="shared" si="57"/>
        <v/>
      </c>
      <c r="BX102" s="402" t="str">
        <f t="shared" si="58"/>
        <v/>
      </c>
      <c r="BY102" s="402" t="str">
        <f t="shared" si="59"/>
        <v/>
      </c>
      <c r="BZ102" s="402" t="str">
        <f t="shared" si="60"/>
        <v/>
      </c>
      <c r="CA102" s="402">
        <f t="shared" si="61"/>
        <v>102129</v>
      </c>
      <c r="CB102" s="402" t="str">
        <f t="shared" si="62"/>
        <v/>
      </c>
      <c r="CC102" s="402" t="str">
        <f t="shared" si="63"/>
        <v/>
      </c>
      <c r="CD102" s="402" t="str">
        <f t="shared" si="64"/>
        <v/>
      </c>
      <c r="CE102" s="402" t="str">
        <f t="shared" si="65"/>
        <v/>
      </c>
      <c r="CF102" s="402" t="str">
        <f t="shared" si="66"/>
        <v/>
      </c>
      <c r="CG102" s="402" t="str">
        <f t="shared" si="67"/>
        <v/>
      </c>
      <c r="CH102" s="402"/>
      <c r="CI102" s="402"/>
      <c r="CJ102" s="402"/>
      <c r="CK102" s="402"/>
      <c r="CL102" s="402"/>
      <c r="CM102" s="402"/>
      <c r="CN102" s="402"/>
      <c r="CO102" s="402"/>
      <c r="CP102" s="402"/>
      <c r="CQ102" s="402"/>
      <c r="CR102" s="402"/>
      <c r="CS102" s="402"/>
      <c r="CT102" s="402"/>
      <c r="CU102" s="402"/>
      <c r="CV102" s="402"/>
      <c r="CW102" s="402"/>
      <c r="CX102" s="402"/>
      <c r="CY102" s="402"/>
      <c r="CZ102" s="402"/>
      <c r="DA102" s="402"/>
      <c r="DB102" s="402"/>
      <c r="DC102" s="402"/>
      <c r="DD102" s="407"/>
      <c r="DE102" s="407"/>
      <c r="DF102" s="407"/>
    </row>
    <row r="103" spans="3:110" s="395" customFormat="1" ht="56.1" customHeight="1" x14ac:dyDescent="0.2">
      <c r="C103" s="420">
        <v>264</v>
      </c>
      <c r="D103" s="420" t="s">
        <v>2481</v>
      </c>
      <c r="E103" s="96" t="s">
        <v>53</v>
      </c>
      <c r="F103" s="96" t="s">
        <v>329</v>
      </c>
      <c r="G103" s="407" t="s">
        <v>500</v>
      </c>
      <c r="H103" s="407" t="s">
        <v>501</v>
      </c>
      <c r="I103" s="316" t="s">
        <v>506</v>
      </c>
      <c r="J103" s="316"/>
      <c r="K103" s="407" t="s">
        <v>86</v>
      </c>
      <c r="L103" s="407" t="s">
        <v>87</v>
      </c>
      <c r="M103" s="407" t="s">
        <v>81</v>
      </c>
      <c r="N103" s="407" t="s">
        <v>334</v>
      </c>
      <c r="O103" s="407" t="s">
        <v>225</v>
      </c>
      <c r="P103" s="407" t="s">
        <v>63</v>
      </c>
      <c r="Q103" s="407" t="s">
        <v>63</v>
      </c>
      <c r="R103" s="410">
        <v>394107</v>
      </c>
      <c r="S103" s="410">
        <f t="shared" si="69"/>
        <v>394107</v>
      </c>
      <c r="T103" s="407" t="s">
        <v>226</v>
      </c>
      <c r="U103" s="407" t="s">
        <v>82</v>
      </c>
      <c r="V103" s="408"/>
      <c r="W103" s="408"/>
      <c r="X103" s="408"/>
      <c r="Y103" s="408"/>
      <c r="Z103" s="408"/>
      <c r="AA103" s="408"/>
      <c r="AB103" s="408"/>
      <c r="AC103" s="408"/>
      <c r="AD103" s="408"/>
      <c r="AE103" s="408"/>
      <c r="AF103" s="408"/>
      <c r="AG103" s="408"/>
      <c r="AH103" s="408"/>
      <c r="AI103" s="408"/>
      <c r="AJ103" s="408"/>
      <c r="AK103" s="408"/>
      <c r="AL103" s="408"/>
      <c r="AM103" s="402" t="s">
        <v>66</v>
      </c>
      <c r="AN103" s="408"/>
      <c r="AO103" s="408"/>
      <c r="AP103" s="408"/>
      <c r="AQ103" s="408"/>
      <c r="AR103" s="408"/>
      <c r="AS103" s="408"/>
      <c r="AT103" s="408"/>
      <c r="AU103" s="408"/>
      <c r="AV103" s="408"/>
      <c r="AW103" s="408"/>
      <c r="AX103" s="408"/>
      <c r="AY103" s="408"/>
      <c r="AZ103" s="408"/>
      <c r="BA103" s="308">
        <f t="shared" si="36"/>
        <v>775</v>
      </c>
      <c r="BB103" s="309">
        <f t="shared" si="68"/>
        <v>508.52516129032256</v>
      </c>
      <c r="BC103" s="402" t="str">
        <f t="shared" si="37"/>
        <v/>
      </c>
      <c r="BD103" s="402" t="str">
        <f t="shared" si="38"/>
        <v/>
      </c>
      <c r="BE103" s="402" t="str">
        <f t="shared" si="39"/>
        <v/>
      </c>
      <c r="BF103" s="402" t="str">
        <f t="shared" si="40"/>
        <v/>
      </c>
      <c r="BG103" s="402" t="str">
        <f t="shared" si="41"/>
        <v/>
      </c>
      <c r="BH103" s="402" t="str">
        <f t="shared" si="42"/>
        <v/>
      </c>
      <c r="BI103" s="402" t="str">
        <f t="shared" si="43"/>
        <v/>
      </c>
      <c r="BJ103" s="402" t="str">
        <f t="shared" si="44"/>
        <v/>
      </c>
      <c r="BK103" s="402" t="str">
        <f t="shared" si="45"/>
        <v/>
      </c>
      <c r="BL103" s="402" t="str">
        <f t="shared" si="46"/>
        <v/>
      </c>
      <c r="BM103" s="402" t="str">
        <f t="shared" si="47"/>
        <v/>
      </c>
      <c r="BN103" s="402" t="str">
        <f t="shared" si="48"/>
        <v/>
      </c>
      <c r="BO103" s="402" t="str">
        <f t="shared" si="49"/>
        <v/>
      </c>
      <c r="BP103" s="402" t="str">
        <f t="shared" si="50"/>
        <v/>
      </c>
      <c r="BQ103" s="402" t="str">
        <f t="shared" si="51"/>
        <v/>
      </c>
      <c r="BR103" s="402" t="str">
        <f t="shared" si="52"/>
        <v/>
      </c>
      <c r="BS103" s="402" t="str">
        <f t="shared" si="53"/>
        <v/>
      </c>
      <c r="BT103" s="402">
        <f t="shared" si="54"/>
        <v>394107</v>
      </c>
      <c r="BU103" s="402" t="str">
        <f t="shared" si="55"/>
        <v/>
      </c>
      <c r="BV103" s="402" t="str">
        <f t="shared" si="56"/>
        <v/>
      </c>
      <c r="BW103" s="402" t="str">
        <f t="shared" si="57"/>
        <v/>
      </c>
      <c r="BX103" s="402" t="str">
        <f t="shared" si="58"/>
        <v/>
      </c>
      <c r="BY103" s="402" t="str">
        <f t="shared" si="59"/>
        <v/>
      </c>
      <c r="BZ103" s="402" t="str">
        <f t="shared" si="60"/>
        <v/>
      </c>
      <c r="CA103" s="402" t="str">
        <f t="shared" si="61"/>
        <v/>
      </c>
      <c r="CB103" s="402" t="str">
        <f t="shared" si="62"/>
        <v/>
      </c>
      <c r="CC103" s="402" t="str">
        <f t="shared" si="63"/>
        <v/>
      </c>
      <c r="CD103" s="402" t="str">
        <f t="shared" si="64"/>
        <v/>
      </c>
      <c r="CE103" s="402" t="str">
        <f t="shared" si="65"/>
        <v/>
      </c>
      <c r="CF103" s="402" t="str">
        <f t="shared" si="66"/>
        <v/>
      </c>
      <c r="CG103" s="402" t="str">
        <f t="shared" si="67"/>
        <v/>
      </c>
      <c r="CH103" s="402"/>
      <c r="CI103" s="402"/>
      <c r="CJ103" s="402"/>
      <c r="CK103" s="402"/>
      <c r="CL103" s="402"/>
      <c r="CM103" s="402"/>
      <c r="CN103" s="402"/>
      <c r="CO103" s="402"/>
      <c r="CP103" s="402"/>
      <c r="CQ103" s="402"/>
      <c r="CR103" s="402"/>
      <c r="CS103" s="402"/>
      <c r="CT103" s="402"/>
      <c r="CU103" s="402"/>
      <c r="CV103" s="402"/>
      <c r="CW103" s="402"/>
      <c r="CX103" s="402"/>
      <c r="CY103" s="402"/>
      <c r="CZ103" s="402"/>
      <c r="DA103" s="402"/>
      <c r="DB103" s="402"/>
      <c r="DC103" s="402"/>
      <c r="DD103" s="407"/>
      <c r="DE103" s="407"/>
      <c r="DF103" s="407"/>
    </row>
    <row r="104" spans="3:110" s="395" customFormat="1" ht="56.1" customHeight="1" x14ac:dyDescent="0.2">
      <c r="C104" s="420">
        <v>265</v>
      </c>
      <c r="D104" s="420" t="s">
        <v>2481</v>
      </c>
      <c r="E104" s="96" t="s">
        <v>53</v>
      </c>
      <c r="F104" s="96" t="s">
        <v>329</v>
      </c>
      <c r="G104" s="407" t="s">
        <v>500</v>
      </c>
      <c r="H104" s="407" t="s">
        <v>501</v>
      </c>
      <c r="I104" s="316" t="s">
        <v>507</v>
      </c>
      <c r="J104" s="316"/>
      <c r="K104" s="407" t="s">
        <v>86</v>
      </c>
      <c r="L104" s="407" t="s">
        <v>36</v>
      </c>
      <c r="M104" s="407" t="s">
        <v>81</v>
      </c>
      <c r="N104" s="407" t="s">
        <v>334</v>
      </c>
      <c r="O104" s="407" t="s">
        <v>225</v>
      </c>
      <c r="P104" s="407" t="s">
        <v>63</v>
      </c>
      <c r="Q104" s="407" t="s">
        <v>63</v>
      </c>
      <c r="R104" s="410">
        <v>50853</v>
      </c>
      <c r="S104" s="410">
        <f t="shared" si="69"/>
        <v>50853</v>
      </c>
      <c r="T104" s="407" t="s">
        <v>226</v>
      </c>
      <c r="U104" s="407" t="s">
        <v>82</v>
      </c>
      <c r="V104" s="408"/>
      <c r="W104" s="408"/>
      <c r="X104" s="408"/>
      <c r="Y104" s="408"/>
      <c r="Z104" s="408"/>
      <c r="AA104" s="408"/>
      <c r="AB104" s="408"/>
      <c r="AC104" s="408"/>
      <c r="AD104" s="408"/>
      <c r="AE104" s="408"/>
      <c r="AF104" s="408"/>
      <c r="AG104" s="408"/>
      <c r="AH104" s="408"/>
      <c r="AI104" s="408"/>
      <c r="AJ104" s="408"/>
      <c r="AK104" s="408"/>
      <c r="AL104" s="408"/>
      <c r="AM104" s="408"/>
      <c r="AN104" s="408"/>
      <c r="AO104" s="402" t="s">
        <v>66</v>
      </c>
      <c r="AP104" s="408"/>
      <c r="AQ104" s="408"/>
      <c r="AR104" s="408"/>
      <c r="AS104" s="408"/>
      <c r="AT104" s="408"/>
      <c r="AU104" s="408"/>
      <c r="AV104" s="408"/>
      <c r="AW104" s="408"/>
      <c r="AX104" s="408"/>
      <c r="AY104" s="408"/>
      <c r="AZ104" s="408"/>
      <c r="BA104" s="308">
        <f t="shared" si="36"/>
        <v>100</v>
      </c>
      <c r="BB104" s="309">
        <f t="shared" si="68"/>
        <v>508.53</v>
      </c>
      <c r="BC104" s="402" t="str">
        <f t="shared" si="37"/>
        <v/>
      </c>
      <c r="BD104" s="402" t="str">
        <f t="shared" si="38"/>
        <v/>
      </c>
      <c r="BE104" s="402" t="str">
        <f t="shared" si="39"/>
        <v/>
      </c>
      <c r="BF104" s="402" t="str">
        <f t="shared" si="40"/>
        <v/>
      </c>
      <c r="BG104" s="402" t="str">
        <f t="shared" si="41"/>
        <v/>
      </c>
      <c r="BH104" s="402" t="str">
        <f t="shared" si="42"/>
        <v/>
      </c>
      <c r="BI104" s="402" t="str">
        <f t="shared" si="43"/>
        <v/>
      </c>
      <c r="BJ104" s="402" t="str">
        <f t="shared" si="44"/>
        <v/>
      </c>
      <c r="BK104" s="402" t="str">
        <f t="shared" si="45"/>
        <v/>
      </c>
      <c r="BL104" s="402" t="str">
        <f t="shared" si="46"/>
        <v/>
      </c>
      <c r="BM104" s="402" t="str">
        <f t="shared" si="47"/>
        <v/>
      </c>
      <c r="BN104" s="402" t="str">
        <f t="shared" si="48"/>
        <v/>
      </c>
      <c r="BO104" s="402" t="str">
        <f t="shared" si="49"/>
        <v/>
      </c>
      <c r="BP104" s="402" t="str">
        <f t="shared" si="50"/>
        <v/>
      </c>
      <c r="BQ104" s="402" t="str">
        <f t="shared" si="51"/>
        <v/>
      </c>
      <c r="BR104" s="402" t="str">
        <f t="shared" si="52"/>
        <v/>
      </c>
      <c r="BS104" s="402" t="str">
        <f t="shared" si="53"/>
        <v/>
      </c>
      <c r="BT104" s="402" t="str">
        <f t="shared" si="54"/>
        <v/>
      </c>
      <c r="BU104" s="402" t="str">
        <f t="shared" si="55"/>
        <v/>
      </c>
      <c r="BV104" s="402">
        <f t="shared" si="56"/>
        <v>50853</v>
      </c>
      <c r="BW104" s="402" t="str">
        <f t="shared" si="57"/>
        <v/>
      </c>
      <c r="BX104" s="402" t="str">
        <f t="shared" si="58"/>
        <v/>
      </c>
      <c r="BY104" s="402" t="str">
        <f t="shared" si="59"/>
        <v/>
      </c>
      <c r="BZ104" s="402" t="str">
        <f t="shared" si="60"/>
        <v/>
      </c>
      <c r="CA104" s="402" t="str">
        <f t="shared" si="61"/>
        <v/>
      </c>
      <c r="CB104" s="402" t="str">
        <f t="shared" si="62"/>
        <v/>
      </c>
      <c r="CC104" s="402" t="str">
        <f t="shared" si="63"/>
        <v/>
      </c>
      <c r="CD104" s="402" t="str">
        <f t="shared" si="64"/>
        <v/>
      </c>
      <c r="CE104" s="402" t="str">
        <f t="shared" si="65"/>
        <v/>
      </c>
      <c r="CF104" s="402" t="str">
        <f t="shared" si="66"/>
        <v/>
      </c>
      <c r="CG104" s="402" t="str">
        <f t="shared" si="67"/>
        <v/>
      </c>
      <c r="CH104" s="402"/>
      <c r="CI104" s="402"/>
      <c r="CJ104" s="402"/>
      <c r="CK104" s="402"/>
      <c r="CL104" s="402"/>
      <c r="CM104" s="402"/>
      <c r="CN104" s="402"/>
      <c r="CO104" s="402"/>
      <c r="CP104" s="402"/>
      <c r="CQ104" s="402"/>
      <c r="CR104" s="402"/>
      <c r="CS104" s="402"/>
      <c r="CT104" s="402"/>
      <c r="CU104" s="402"/>
      <c r="CV104" s="402"/>
      <c r="CW104" s="402"/>
      <c r="CX104" s="402"/>
      <c r="CY104" s="402"/>
      <c r="CZ104" s="402"/>
      <c r="DA104" s="402"/>
      <c r="DB104" s="402"/>
      <c r="DC104" s="402"/>
      <c r="DD104" s="407"/>
      <c r="DE104" s="407"/>
      <c r="DF104" s="407"/>
    </row>
    <row r="105" spans="3:110" s="395" customFormat="1" ht="56.1" customHeight="1" x14ac:dyDescent="0.2">
      <c r="C105" s="420">
        <v>266</v>
      </c>
      <c r="D105" s="420" t="s">
        <v>2481</v>
      </c>
      <c r="E105" s="96" t="s">
        <v>53</v>
      </c>
      <c r="F105" s="96" t="s">
        <v>329</v>
      </c>
      <c r="G105" s="407" t="s">
        <v>500</v>
      </c>
      <c r="H105" s="407" t="s">
        <v>501</v>
      </c>
      <c r="I105" s="316" t="s">
        <v>507</v>
      </c>
      <c r="J105" s="316"/>
      <c r="K105" s="407" t="s">
        <v>86</v>
      </c>
      <c r="L105" s="407" t="s">
        <v>35</v>
      </c>
      <c r="M105" s="407" t="s">
        <v>81</v>
      </c>
      <c r="N105" s="407" t="s">
        <v>334</v>
      </c>
      <c r="O105" s="407" t="s">
        <v>225</v>
      </c>
      <c r="P105" s="407" t="s">
        <v>63</v>
      </c>
      <c r="Q105" s="407" t="s">
        <v>63</v>
      </c>
      <c r="R105" s="410">
        <v>50853</v>
      </c>
      <c r="S105" s="410">
        <f t="shared" si="69"/>
        <v>50853</v>
      </c>
      <c r="T105" s="407" t="s">
        <v>226</v>
      </c>
      <c r="U105" s="407" t="s">
        <v>82</v>
      </c>
      <c r="V105" s="408"/>
      <c r="W105" s="408"/>
      <c r="X105" s="408"/>
      <c r="Y105" s="408"/>
      <c r="Z105" s="408"/>
      <c r="AA105" s="408"/>
      <c r="AB105" s="408"/>
      <c r="AC105" s="408"/>
      <c r="AD105" s="408"/>
      <c r="AE105" s="408"/>
      <c r="AF105" s="408"/>
      <c r="AG105" s="408"/>
      <c r="AH105" s="408"/>
      <c r="AI105" s="408"/>
      <c r="AJ105" s="408"/>
      <c r="AK105" s="408"/>
      <c r="AL105" s="408"/>
      <c r="AM105" s="408"/>
      <c r="AN105" s="402" t="s">
        <v>66</v>
      </c>
      <c r="AO105" s="408"/>
      <c r="AP105" s="408"/>
      <c r="AQ105" s="408"/>
      <c r="AR105" s="408"/>
      <c r="AS105" s="408"/>
      <c r="AT105" s="408"/>
      <c r="AU105" s="408"/>
      <c r="AV105" s="408"/>
      <c r="AW105" s="408"/>
      <c r="AX105" s="408"/>
      <c r="AY105" s="408"/>
      <c r="AZ105" s="408"/>
      <c r="BA105" s="308">
        <f t="shared" si="36"/>
        <v>100</v>
      </c>
      <c r="BB105" s="309">
        <f t="shared" si="68"/>
        <v>508.53</v>
      </c>
      <c r="BC105" s="402" t="str">
        <f t="shared" si="37"/>
        <v/>
      </c>
      <c r="BD105" s="402" t="str">
        <f t="shared" si="38"/>
        <v/>
      </c>
      <c r="BE105" s="402" t="str">
        <f t="shared" si="39"/>
        <v/>
      </c>
      <c r="BF105" s="402" t="str">
        <f t="shared" si="40"/>
        <v/>
      </c>
      <c r="BG105" s="402" t="str">
        <f t="shared" si="41"/>
        <v/>
      </c>
      <c r="BH105" s="402" t="str">
        <f t="shared" si="42"/>
        <v/>
      </c>
      <c r="BI105" s="402" t="str">
        <f t="shared" si="43"/>
        <v/>
      </c>
      <c r="BJ105" s="402" t="str">
        <f t="shared" si="44"/>
        <v/>
      </c>
      <c r="BK105" s="402" t="str">
        <f t="shared" si="45"/>
        <v/>
      </c>
      <c r="BL105" s="402" t="str">
        <f t="shared" si="46"/>
        <v/>
      </c>
      <c r="BM105" s="402" t="str">
        <f t="shared" si="47"/>
        <v/>
      </c>
      <c r="BN105" s="402" t="str">
        <f t="shared" si="48"/>
        <v/>
      </c>
      <c r="BO105" s="402" t="str">
        <f t="shared" si="49"/>
        <v/>
      </c>
      <c r="BP105" s="402" t="str">
        <f t="shared" si="50"/>
        <v/>
      </c>
      <c r="BQ105" s="402" t="str">
        <f t="shared" si="51"/>
        <v/>
      </c>
      <c r="BR105" s="402" t="str">
        <f t="shared" si="52"/>
        <v/>
      </c>
      <c r="BS105" s="402" t="str">
        <f t="shared" si="53"/>
        <v/>
      </c>
      <c r="BT105" s="402" t="str">
        <f t="shared" si="54"/>
        <v/>
      </c>
      <c r="BU105" s="402">
        <f t="shared" si="55"/>
        <v>50853</v>
      </c>
      <c r="BV105" s="402" t="str">
        <f t="shared" si="56"/>
        <v/>
      </c>
      <c r="BW105" s="402" t="str">
        <f t="shared" si="57"/>
        <v/>
      </c>
      <c r="BX105" s="402" t="str">
        <f t="shared" si="58"/>
        <v/>
      </c>
      <c r="BY105" s="402" t="str">
        <f t="shared" si="59"/>
        <v/>
      </c>
      <c r="BZ105" s="402" t="str">
        <f t="shared" si="60"/>
        <v/>
      </c>
      <c r="CA105" s="402" t="str">
        <f t="shared" si="61"/>
        <v/>
      </c>
      <c r="CB105" s="402" t="str">
        <f t="shared" si="62"/>
        <v/>
      </c>
      <c r="CC105" s="402" t="str">
        <f t="shared" si="63"/>
        <v/>
      </c>
      <c r="CD105" s="402" t="str">
        <f t="shared" si="64"/>
        <v/>
      </c>
      <c r="CE105" s="402" t="str">
        <f t="shared" si="65"/>
        <v/>
      </c>
      <c r="CF105" s="402" t="str">
        <f t="shared" si="66"/>
        <v/>
      </c>
      <c r="CG105" s="402" t="str">
        <f t="shared" si="67"/>
        <v/>
      </c>
      <c r="CH105" s="402"/>
      <c r="CI105" s="402"/>
      <c r="CJ105" s="402"/>
      <c r="CK105" s="402"/>
      <c r="CL105" s="402"/>
      <c r="CM105" s="402"/>
      <c r="CN105" s="402"/>
      <c r="CO105" s="402"/>
      <c r="CP105" s="402"/>
      <c r="CQ105" s="402"/>
      <c r="CR105" s="402"/>
      <c r="CS105" s="402"/>
      <c r="CT105" s="402"/>
      <c r="CU105" s="402"/>
      <c r="CV105" s="402"/>
      <c r="CW105" s="402"/>
      <c r="CX105" s="402"/>
      <c r="CY105" s="402"/>
      <c r="CZ105" s="402"/>
      <c r="DA105" s="402"/>
      <c r="DB105" s="402"/>
      <c r="DC105" s="402"/>
      <c r="DD105" s="407"/>
      <c r="DE105" s="407"/>
      <c r="DF105" s="407"/>
    </row>
    <row r="106" spans="3:110" s="395" customFormat="1" ht="56.1" customHeight="1" x14ac:dyDescent="0.2">
      <c r="C106" s="420">
        <v>267</v>
      </c>
      <c r="D106" s="420" t="s">
        <v>2481</v>
      </c>
      <c r="E106" s="96" t="s">
        <v>53</v>
      </c>
      <c r="F106" s="96" t="s">
        <v>329</v>
      </c>
      <c r="G106" s="407" t="s">
        <v>500</v>
      </c>
      <c r="H106" s="407" t="s">
        <v>501</v>
      </c>
      <c r="I106" s="316" t="s">
        <v>508</v>
      </c>
      <c r="J106" s="316"/>
      <c r="K106" s="407" t="s">
        <v>86</v>
      </c>
      <c r="L106" s="407" t="s">
        <v>310</v>
      </c>
      <c r="M106" s="407" t="s">
        <v>81</v>
      </c>
      <c r="N106" s="407" t="s">
        <v>334</v>
      </c>
      <c r="O106" s="407" t="s">
        <v>225</v>
      </c>
      <c r="P106" s="407" t="s">
        <v>63</v>
      </c>
      <c r="Q106" s="407" t="s">
        <v>63</v>
      </c>
      <c r="R106" s="410">
        <v>153617</v>
      </c>
      <c r="S106" s="410">
        <f t="shared" si="69"/>
        <v>153617</v>
      </c>
      <c r="T106" s="407" t="s">
        <v>226</v>
      </c>
      <c r="U106" s="407" t="s">
        <v>82</v>
      </c>
      <c r="V106" s="408"/>
      <c r="W106" s="408"/>
      <c r="X106" s="408"/>
      <c r="Y106" s="408"/>
      <c r="Z106" s="408"/>
      <c r="AA106" s="408"/>
      <c r="AB106" s="408"/>
      <c r="AC106" s="408"/>
      <c r="AD106" s="408"/>
      <c r="AE106" s="408"/>
      <c r="AF106" s="408"/>
      <c r="AG106" s="408"/>
      <c r="AH106" s="408"/>
      <c r="AI106" s="408"/>
      <c r="AJ106" s="408"/>
      <c r="AK106" s="408"/>
      <c r="AL106" s="408"/>
      <c r="AM106" s="408"/>
      <c r="AN106" s="408"/>
      <c r="AO106" s="408"/>
      <c r="AP106" s="402" t="s">
        <v>66</v>
      </c>
      <c r="AQ106" s="408"/>
      <c r="AR106" s="408"/>
      <c r="AS106" s="408"/>
      <c r="AT106" s="408"/>
      <c r="AU106" s="408"/>
      <c r="AV106" s="408"/>
      <c r="AW106" s="408"/>
      <c r="AX106" s="408"/>
      <c r="AY106" s="408"/>
      <c r="AZ106" s="408"/>
      <c r="BA106" s="308">
        <f t="shared" si="36"/>
        <v>302</v>
      </c>
      <c r="BB106" s="309">
        <f t="shared" si="68"/>
        <v>508.66556291390731</v>
      </c>
      <c r="BC106" s="402" t="str">
        <f t="shared" si="37"/>
        <v/>
      </c>
      <c r="BD106" s="402" t="str">
        <f t="shared" si="38"/>
        <v/>
      </c>
      <c r="BE106" s="402" t="str">
        <f t="shared" si="39"/>
        <v/>
      </c>
      <c r="BF106" s="402" t="str">
        <f t="shared" si="40"/>
        <v/>
      </c>
      <c r="BG106" s="402" t="str">
        <f t="shared" si="41"/>
        <v/>
      </c>
      <c r="BH106" s="402" t="str">
        <f t="shared" si="42"/>
        <v/>
      </c>
      <c r="BI106" s="402" t="str">
        <f t="shared" si="43"/>
        <v/>
      </c>
      <c r="BJ106" s="402" t="str">
        <f t="shared" si="44"/>
        <v/>
      </c>
      <c r="BK106" s="402" t="str">
        <f t="shared" si="45"/>
        <v/>
      </c>
      <c r="BL106" s="402" t="str">
        <f t="shared" si="46"/>
        <v/>
      </c>
      <c r="BM106" s="402" t="str">
        <f t="shared" si="47"/>
        <v/>
      </c>
      <c r="BN106" s="402" t="str">
        <f t="shared" si="48"/>
        <v/>
      </c>
      <c r="BO106" s="402" t="str">
        <f t="shared" si="49"/>
        <v/>
      </c>
      <c r="BP106" s="402" t="str">
        <f t="shared" si="50"/>
        <v/>
      </c>
      <c r="BQ106" s="402" t="str">
        <f t="shared" si="51"/>
        <v/>
      </c>
      <c r="BR106" s="402" t="str">
        <f t="shared" si="52"/>
        <v/>
      </c>
      <c r="BS106" s="402" t="str">
        <f t="shared" si="53"/>
        <v/>
      </c>
      <c r="BT106" s="402" t="str">
        <f t="shared" si="54"/>
        <v/>
      </c>
      <c r="BU106" s="402" t="str">
        <f t="shared" si="55"/>
        <v/>
      </c>
      <c r="BV106" s="402" t="str">
        <f t="shared" si="56"/>
        <v/>
      </c>
      <c r="BW106" s="402">
        <f t="shared" si="57"/>
        <v>153617</v>
      </c>
      <c r="BX106" s="402" t="str">
        <f t="shared" si="58"/>
        <v/>
      </c>
      <c r="BY106" s="402" t="str">
        <f t="shared" si="59"/>
        <v/>
      </c>
      <c r="BZ106" s="402" t="str">
        <f t="shared" si="60"/>
        <v/>
      </c>
      <c r="CA106" s="402" t="str">
        <f t="shared" si="61"/>
        <v/>
      </c>
      <c r="CB106" s="402" t="str">
        <f t="shared" si="62"/>
        <v/>
      </c>
      <c r="CC106" s="402" t="str">
        <f t="shared" si="63"/>
        <v/>
      </c>
      <c r="CD106" s="402" t="str">
        <f t="shared" si="64"/>
        <v/>
      </c>
      <c r="CE106" s="402" t="str">
        <f t="shared" si="65"/>
        <v/>
      </c>
      <c r="CF106" s="402" t="str">
        <f t="shared" si="66"/>
        <v/>
      </c>
      <c r="CG106" s="402" t="str">
        <f t="shared" si="67"/>
        <v/>
      </c>
      <c r="CH106" s="402"/>
      <c r="CI106" s="402"/>
      <c r="CJ106" s="402"/>
      <c r="CK106" s="402"/>
      <c r="CL106" s="402"/>
      <c r="CM106" s="402"/>
      <c r="CN106" s="402"/>
      <c r="CO106" s="402"/>
      <c r="CP106" s="402"/>
      <c r="CQ106" s="402"/>
      <c r="CR106" s="402"/>
      <c r="CS106" s="402"/>
      <c r="CT106" s="402"/>
      <c r="CU106" s="402"/>
      <c r="CV106" s="402"/>
      <c r="CW106" s="402"/>
      <c r="CX106" s="402"/>
      <c r="CY106" s="402"/>
      <c r="CZ106" s="402"/>
      <c r="DA106" s="402"/>
      <c r="DB106" s="402"/>
      <c r="DC106" s="402"/>
      <c r="DD106" s="407"/>
      <c r="DE106" s="407"/>
      <c r="DF106" s="407"/>
    </row>
    <row r="107" spans="3:110" s="395" customFormat="1" ht="56.1" customHeight="1" x14ac:dyDescent="0.2">
      <c r="C107" s="420">
        <v>268</v>
      </c>
      <c r="D107" s="420" t="s">
        <v>2481</v>
      </c>
      <c r="E107" s="96" t="s">
        <v>53</v>
      </c>
      <c r="F107" s="96" t="s">
        <v>329</v>
      </c>
      <c r="G107" s="407" t="s">
        <v>500</v>
      </c>
      <c r="H107" s="407" t="s">
        <v>501</v>
      </c>
      <c r="I107" s="316" t="s">
        <v>503</v>
      </c>
      <c r="J107" s="316"/>
      <c r="K107" s="407" t="s">
        <v>93</v>
      </c>
      <c r="L107" s="407" t="s">
        <v>310</v>
      </c>
      <c r="M107" s="407" t="s">
        <v>81</v>
      </c>
      <c r="N107" s="407" t="s">
        <v>334</v>
      </c>
      <c r="O107" s="407" t="s">
        <v>225</v>
      </c>
      <c r="P107" s="407" t="s">
        <v>63</v>
      </c>
      <c r="Q107" s="407" t="s">
        <v>63</v>
      </c>
      <c r="R107" s="410">
        <v>15680</v>
      </c>
      <c r="S107" s="410">
        <f t="shared" si="69"/>
        <v>15680</v>
      </c>
      <c r="T107" s="407" t="s">
        <v>226</v>
      </c>
      <c r="U107" s="407" t="s">
        <v>82</v>
      </c>
      <c r="V107" s="408"/>
      <c r="W107" s="408"/>
      <c r="X107" s="408"/>
      <c r="Y107" s="408"/>
      <c r="Z107" s="408"/>
      <c r="AA107" s="408"/>
      <c r="AB107" s="408"/>
      <c r="AC107" s="408"/>
      <c r="AD107" s="408"/>
      <c r="AE107" s="408"/>
      <c r="AF107" s="408"/>
      <c r="AG107" s="408"/>
      <c r="AH107" s="408"/>
      <c r="AI107" s="408"/>
      <c r="AJ107" s="408"/>
      <c r="AK107" s="408"/>
      <c r="AL107" s="408"/>
      <c r="AM107" s="408"/>
      <c r="AN107" s="408"/>
      <c r="AO107" s="408"/>
      <c r="AP107" s="408"/>
      <c r="AQ107" s="408"/>
      <c r="AR107" s="408"/>
      <c r="AS107" s="408"/>
      <c r="AT107" s="408"/>
      <c r="AU107" s="408"/>
      <c r="AV107" s="402" t="s">
        <v>66</v>
      </c>
      <c r="AW107" s="408"/>
      <c r="AX107" s="408"/>
      <c r="AY107" s="408"/>
      <c r="AZ107" s="408"/>
      <c r="BA107" s="308">
        <f t="shared" si="36"/>
        <v>31</v>
      </c>
      <c r="BB107" s="309">
        <f t="shared" si="68"/>
        <v>505.80645161290323</v>
      </c>
      <c r="BC107" s="402" t="str">
        <f t="shared" si="37"/>
        <v/>
      </c>
      <c r="BD107" s="402" t="str">
        <f t="shared" si="38"/>
        <v/>
      </c>
      <c r="BE107" s="402" t="str">
        <f t="shared" si="39"/>
        <v/>
      </c>
      <c r="BF107" s="402" t="str">
        <f t="shared" si="40"/>
        <v/>
      </c>
      <c r="BG107" s="402" t="str">
        <f t="shared" si="41"/>
        <v/>
      </c>
      <c r="BH107" s="402" t="str">
        <f t="shared" si="42"/>
        <v/>
      </c>
      <c r="BI107" s="402" t="str">
        <f t="shared" si="43"/>
        <v/>
      </c>
      <c r="BJ107" s="402" t="str">
        <f t="shared" si="44"/>
        <v/>
      </c>
      <c r="BK107" s="402" t="str">
        <f t="shared" si="45"/>
        <v/>
      </c>
      <c r="BL107" s="402" t="str">
        <f t="shared" si="46"/>
        <v/>
      </c>
      <c r="BM107" s="402" t="str">
        <f t="shared" si="47"/>
        <v/>
      </c>
      <c r="BN107" s="402" t="str">
        <f t="shared" si="48"/>
        <v/>
      </c>
      <c r="BO107" s="402" t="str">
        <f t="shared" si="49"/>
        <v/>
      </c>
      <c r="BP107" s="402" t="str">
        <f t="shared" si="50"/>
        <v/>
      </c>
      <c r="BQ107" s="402" t="str">
        <f t="shared" si="51"/>
        <v/>
      </c>
      <c r="BR107" s="402" t="str">
        <f t="shared" si="52"/>
        <v/>
      </c>
      <c r="BS107" s="402" t="str">
        <f t="shared" si="53"/>
        <v/>
      </c>
      <c r="BT107" s="402" t="str">
        <f t="shared" si="54"/>
        <v/>
      </c>
      <c r="BU107" s="402" t="str">
        <f t="shared" si="55"/>
        <v/>
      </c>
      <c r="BV107" s="402" t="str">
        <f t="shared" si="56"/>
        <v/>
      </c>
      <c r="BW107" s="402" t="str">
        <f t="shared" si="57"/>
        <v/>
      </c>
      <c r="BX107" s="402" t="str">
        <f t="shared" si="58"/>
        <v/>
      </c>
      <c r="BY107" s="402" t="str">
        <f t="shared" si="59"/>
        <v/>
      </c>
      <c r="BZ107" s="402" t="str">
        <f t="shared" si="60"/>
        <v/>
      </c>
      <c r="CA107" s="402" t="str">
        <f t="shared" si="61"/>
        <v/>
      </c>
      <c r="CB107" s="402" t="str">
        <f t="shared" si="62"/>
        <v/>
      </c>
      <c r="CC107" s="402">
        <f t="shared" si="63"/>
        <v>15680</v>
      </c>
      <c r="CD107" s="402" t="str">
        <f t="shared" si="64"/>
        <v/>
      </c>
      <c r="CE107" s="402" t="str">
        <f t="shared" si="65"/>
        <v/>
      </c>
      <c r="CF107" s="402" t="str">
        <f t="shared" si="66"/>
        <v/>
      </c>
      <c r="CG107" s="402" t="str">
        <f t="shared" si="67"/>
        <v/>
      </c>
      <c r="CH107" s="402"/>
      <c r="CI107" s="402"/>
      <c r="CJ107" s="402"/>
      <c r="CK107" s="402"/>
      <c r="CL107" s="402"/>
      <c r="CM107" s="402"/>
      <c r="CN107" s="402"/>
      <c r="CO107" s="402"/>
      <c r="CP107" s="402"/>
      <c r="CQ107" s="402"/>
      <c r="CR107" s="402"/>
      <c r="CS107" s="402"/>
      <c r="CT107" s="402"/>
      <c r="CU107" s="402"/>
      <c r="CV107" s="402"/>
      <c r="CW107" s="402"/>
      <c r="CX107" s="402"/>
      <c r="CY107" s="402"/>
      <c r="CZ107" s="402"/>
      <c r="DA107" s="402"/>
      <c r="DB107" s="402"/>
      <c r="DC107" s="402"/>
      <c r="DD107" s="407"/>
      <c r="DE107" s="407"/>
      <c r="DF107" s="407"/>
    </row>
    <row r="108" spans="3:110" s="395" customFormat="1" ht="56.1" customHeight="1" x14ac:dyDescent="0.2">
      <c r="C108" s="420">
        <v>269</v>
      </c>
      <c r="D108" s="420" t="s">
        <v>2481</v>
      </c>
      <c r="E108" s="96" t="s">
        <v>53</v>
      </c>
      <c r="F108" s="96" t="s">
        <v>329</v>
      </c>
      <c r="G108" s="407" t="s">
        <v>500</v>
      </c>
      <c r="H108" s="407" t="s">
        <v>501</v>
      </c>
      <c r="I108" s="316" t="s">
        <v>503</v>
      </c>
      <c r="J108" s="316"/>
      <c r="K108" s="407" t="s">
        <v>93</v>
      </c>
      <c r="L108" s="407" t="s">
        <v>364</v>
      </c>
      <c r="M108" s="407" t="s">
        <v>81</v>
      </c>
      <c r="N108" s="407" t="s">
        <v>334</v>
      </c>
      <c r="O108" s="407" t="s">
        <v>225</v>
      </c>
      <c r="P108" s="407" t="s">
        <v>63</v>
      </c>
      <c r="Q108" s="407" t="s">
        <v>63</v>
      </c>
      <c r="R108" s="410">
        <v>110392</v>
      </c>
      <c r="S108" s="410">
        <f t="shared" si="69"/>
        <v>110392</v>
      </c>
      <c r="T108" s="407" t="s">
        <v>226</v>
      </c>
      <c r="U108" s="407" t="s">
        <v>82</v>
      </c>
      <c r="V108" s="408"/>
      <c r="W108" s="408"/>
      <c r="X108" s="408"/>
      <c r="Y108" s="408"/>
      <c r="Z108" s="408"/>
      <c r="AA108" s="408"/>
      <c r="AB108" s="408"/>
      <c r="AC108" s="408"/>
      <c r="AD108" s="408"/>
      <c r="AE108" s="408"/>
      <c r="AF108" s="408"/>
      <c r="AG108" s="408"/>
      <c r="AH108" s="408"/>
      <c r="AI108" s="408"/>
      <c r="AJ108" s="408"/>
      <c r="AK108" s="408"/>
      <c r="AL108" s="408"/>
      <c r="AM108" s="408"/>
      <c r="AN108" s="408"/>
      <c r="AO108" s="408"/>
      <c r="AP108" s="408"/>
      <c r="AQ108" s="408"/>
      <c r="AR108" s="408"/>
      <c r="AS108" s="408"/>
      <c r="AT108" s="408"/>
      <c r="AU108" s="402" t="s">
        <v>66</v>
      </c>
      <c r="AV108" s="408"/>
      <c r="AW108" s="408"/>
      <c r="AX108" s="408"/>
      <c r="AY108" s="408"/>
      <c r="AZ108" s="408"/>
      <c r="BA108" s="308">
        <f t="shared" si="36"/>
        <v>217</v>
      </c>
      <c r="BB108" s="309">
        <f t="shared" si="68"/>
        <v>508.71889400921657</v>
      </c>
      <c r="BC108" s="402" t="str">
        <f t="shared" si="37"/>
        <v/>
      </c>
      <c r="BD108" s="402" t="str">
        <f t="shared" si="38"/>
        <v/>
      </c>
      <c r="BE108" s="402" t="str">
        <f t="shared" si="39"/>
        <v/>
      </c>
      <c r="BF108" s="402" t="str">
        <f t="shared" si="40"/>
        <v/>
      </c>
      <c r="BG108" s="402" t="str">
        <f t="shared" si="41"/>
        <v/>
      </c>
      <c r="BH108" s="402" t="str">
        <f t="shared" si="42"/>
        <v/>
      </c>
      <c r="BI108" s="402" t="str">
        <f t="shared" si="43"/>
        <v/>
      </c>
      <c r="BJ108" s="402" t="str">
        <f t="shared" si="44"/>
        <v/>
      </c>
      <c r="BK108" s="402" t="str">
        <f t="shared" si="45"/>
        <v/>
      </c>
      <c r="BL108" s="402" t="str">
        <f t="shared" si="46"/>
        <v/>
      </c>
      <c r="BM108" s="402" t="str">
        <f t="shared" si="47"/>
        <v/>
      </c>
      <c r="BN108" s="402" t="str">
        <f t="shared" si="48"/>
        <v/>
      </c>
      <c r="BO108" s="402" t="str">
        <f t="shared" si="49"/>
        <v/>
      </c>
      <c r="BP108" s="402" t="str">
        <f t="shared" si="50"/>
        <v/>
      </c>
      <c r="BQ108" s="402" t="str">
        <f t="shared" si="51"/>
        <v/>
      </c>
      <c r="BR108" s="402" t="str">
        <f t="shared" si="52"/>
        <v/>
      </c>
      <c r="BS108" s="402" t="str">
        <f t="shared" si="53"/>
        <v/>
      </c>
      <c r="BT108" s="402" t="str">
        <f t="shared" si="54"/>
        <v/>
      </c>
      <c r="BU108" s="402" t="str">
        <f t="shared" si="55"/>
        <v/>
      </c>
      <c r="BV108" s="402" t="str">
        <f t="shared" si="56"/>
        <v/>
      </c>
      <c r="BW108" s="402" t="str">
        <f t="shared" si="57"/>
        <v/>
      </c>
      <c r="BX108" s="402" t="str">
        <f t="shared" si="58"/>
        <v/>
      </c>
      <c r="BY108" s="402" t="str">
        <f t="shared" si="59"/>
        <v/>
      </c>
      <c r="BZ108" s="402" t="str">
        <f t="shared" si="60"/>
        <v/>
      </c>
      <c r="CA108" s="402" t="str">
        <f t="shared" si="61"/>
        <v/>
      </c>
      <c r="CB108" s="402">
        <f t="shared" si="62"/>
        <v>110392</v>
      </c>
      <c r="CC108" s="402" t="str">
        <f t="shared" si="63"/>
        <v/>
      </c>
      <c r="CD108" s="402" t="str">
        <f t="shared" si="64"/>
        <v/>
      </c>
      <c r="CE108" s="402" t="str">
        <f t="shared" si="65"/>
        <v/>
      </c>
      <c r="CF108" s="402" t="str">
        <f t="shared" si="66"/>
        <v/>
      </c>
      <c r="CG108" s="402" t="str">
        <f t="shared" si="67"/>
        <v/>
      </c>
      <c r="CH108" s="402"/>
      <c r="CI108" s="402"/>
      <c r="CJ108" s="402"/>
      <c r="CK108" s="402"/>
      <c r="CL108" s="402"/>
      <c r="CM108" s="402"/>
      <c r="CN108" s="402"/>
      <c r="CO108" s="402"/>
      <c r="CP108" s="402"/>
      <c r="CQ108" s="402"/>
      <c r="CR108" s="402"/>
      <c r="CS108" s="402"/>
      <c r="CT108" s="402"/>
      <c r="CU108" s="402"/>
      <c r="CV108" s="402"/>
      <c r="CW108" s="402"/>
      <c r="CX108" s="402"/>
      <c r="CY108" s="402"/>
      <c r="CZ108" s="402"/>
      <c r="DA108" s="402"/>
      <c r="DB108" s="402"/>
      <c r="DC108" s="402"/>
      <c r="DD108" s="407"/>
      <c r="DE108" s="407"/>
      <c r="DF108" s="407"/>
    </row>
    <row r="109" spans="3:110" s="395" customFormat="1" ht="56.1" customHeight="1" x14ac:dyDescent="0.2">
      <c r="C109" s="420">
        <v>270</v>
      </c>
      <c r="D109" s="420" t="s">
        <v>2481</v>
      </c>
      <c r="E109" s="96" t="s">
        <v>53</v>
      </c>
      <c r="F109" s="96" t="s">
        <v>329</v>
      </c>
      <c r="G109" s="407" t="s">
        <v>500</v>
      </c>
      <c r="H109" s="407" t="s">
        <v>501</v>
      </c>
      <c r="I109" s="316" t="s">
        <v>509</v>
      </c>
      <c r="J109" s="316"/>
      <c r="K109" s="407" t="s">
        <v>157</v>
      </c>
      <c r="L109" s="407" t="s">
        <v>310</v>
      </c>
      <c r="M109" s="407" t="s">
        <v>81</v>
      </c>
      <c r="N109" s="407" t="s">
        <v>334</v>
      </c>
      <c r="O109" s="407" t="s">
        <v>225</v>
      </c>
      <c r="P109" s="407" t="s">
        <v>63</v>
      </c>
      <c r="Q109" s="407" t="s">
        <v>63</v>
      </c>
      <c r="R109" s="410">
        <v>34114</v>
      </c>
      <c r="S109" s="410">
        <f t="shared" si="69"/>
        <v>34114</v>
      </c>
      <c r="T109" s="407" t="s">
        <v>226</v>
      </c>
      <c r="U109" s="407" t="s">
        <v>82</v>
      </c>
      <c r="V109" s="408"/>
      <c r="W109" s="408"/>
      <c r="X109" s="408"/>
      <c r="Y109" s="408"/>
      <c r="Z109" s="408"/>
      <c r="AA109" s="408"/>
      <c r="AB109" s="408"/>
      <c r="AC109" s="408"/>
      <c r="AD109" s="408"/>
      <c r="AE109" s="408"/>
      <c r="AF109" s="408"/>
      <c r="AG109" s="408"/>
      <c r="AH109" s="408"/>
      <c r="AI109" s="408"/>
      <c r="AJ109" s="408"/>
      <c r="AK109" s="408"/>
      <c r="AL109" s="408"/>
      <c r="AM109" s="408"/>
      <c r="AN109" s="408"/>
      <c r="AO109" s="408"/>
      <c r="AP109" s="408"/>
      <c r="AQ109" s="408"/>
      <c r="AR109" s="408"/>
      <c r="AS109" s="408"/>
      <c r="AT109" s="408"/>
      <c r="AU109" s="408"/>
      <c r="AV109" s="408"/>
      <c r="AW109" s="408" t="s">
        <v>66</v>
      </c>
      <c r="AX109" s="408"/>
      <c r="AY109" s="408"/>
      <c r="AZ109" s="408"/>
      <c r="BA109" s="308">
        <f t="shared" si="36"/>
        <v>67</v>
      </c>
      <c r="BB109" s="309">
        <f t="shared" si="68"/>
        <v>509.16417910447763</v>
      </c>
      <c r="BC109" s="402" t="str">
        <f t="shared" si="37"/>
        <v/>
      </c>
      <c r="BD109" s="402" t="str">
        <f t="shared" si="38"/>
        <v/>
      </c>
      <c r="BE109" s="402" t="str">
        <f t="shared" si="39"/>
        <v/>
      </c>
      <c r="BF109" s="402" t="str">
        <f t="shared" si="40"/>
        <v/>
      </c>
      <c r="BG109" s="402" t="str">
        <f t="shared" si="41"/>
        <v/>
      </c>
      <c r="BH109" s="402" t="str">
        <f t="shared" si="42"/>
        <v/>
      </c>
      <c r="BI109" s="402" t="str">
        <f t="shared" si="43"/>
        <v/>
      </c>
      <c r="BJ109" s="402" t="str">
        <f t="shared" si="44"/>
        <v/>
      </c>
      <c r="BK109" s="402" t="str">
        <f t="shared" si="45"/>
        <v/>
      </c>
      <c r="BL109" s="402" t="str">
        <f t="shared" si="46"/>
        <v/>
      </c>
      <c r="BM109" s="402" t="str">
        <f t="shared" si="47"/>
        <v/>
      </c>
      <c r="BN109" s="402" t="str">
        <f t="shared" si="48"/>
        <v/>
      </c>
      <c r="BO109" s="402" t="str">
        <f t="shared" si="49"/>
        <v/>
      </c>
      <c r="BP109" s="402" t="str">
        <f t="shared" si="50"/>
        <v/>
      </c>
      <c r="BQ109" s="402" t="str">
        <f t="shared" si="51"/>
        <v/>
      </c>
      <c r="BR109" s="402" t="str">
        <f t="shared" si="52"/>
        <v/>
      </c>
      <c r="BS109" s="402" t="str">
        <f t="shared" si="53"/>
        <v/>
      </c>
      <c r="BT109" s="402" t="str">
        <f t="shared" si="54"/>
        <v/>
      </c>
      <c r="BU109" s="402" t="str">
        <f t="shared" si="55"/>
        <v/>
      </c>
      <c r="BV109" s="402" t="str">
        <f t="shared" si="56"/>
        <v/>
      </c>
      <c r="BW109" s="402" t="str">
        <f t="shared" si="57"/>
        <v/>
      </c>
      <c r="BX109" s="402" t="str">
        <f t="shared" si="58"/>
        <v/>
      </c>
      <c r="BY109" s="402" t="str">
        <f t="shared" si="59"/>
        <v/>
      </c>
      <c r="BZ109" s="402" t="str">
        <f t="shared" si="60"/>
        <v/>
      </c>
      <c r="CA109" s="402" t="str">
        <f t="shared" si="61"/>
        <v/>
      </c>
      <c r="CB109" s="402" t="str">
        <f t="shared" si="62"/>
        <v/>
      </c>
      <c r="CC109" s="402" t="str">
        <f t="shared" si="63"/>
        <v/>
      </c>
      <c r="CD109" s="402">
        <f t="shared" si="64"/>
        <v>34114</v>
      </c>
      <c r="CE109" s="402" t="str">
        <f t="shared" si="65"/>
        <v/>
      </c>
      <c r="CF109" s="402" t="str">
        <f t="shared" si="66"/>
        <v/>
      </c>
      <c r="CG109" s="402" t="str">
        <f t="shared" si="67"/>
        <v/>
      </c>
      <c r="CH109" s="402"/>
      <c r="CI109" s="402"/>
      <c r="CJ109" s="402"/>
      <c r="CK109" s="402"/>
      <c r="CL109" s="402"/>
      <c r="CM109" s="402"/>
      <c r="CN109" s="402"/>
      <c r="CO109" s="402"/>
      <c r="CP109" s="402"/>
      <c r="CQ109" s="402"/>
      <c r="CR109" s="402"/>
      <c r="CS109" s="402"/>
      <c r="CT109" s="402"/>
      <c r="CU109" s="402"/>
      <c r="CV109" s="402"/>
      <c r="CW109" s="402"/>
      <c r="CX109" s="402"/>
      <c r="CY109" s="402"/>
      <c r="CZ109" s="402"/>
      <c r="DA109" s="402"/>
      <c r="DB109" s="402"/>
      <c r="DC109" s="402"/>
      <c r="DD109" s="407"/>
      <c r="DE109" s="407"/>
      <c r="DF109" s="407"/>
    </row>
    <row r="110" spans="3:110" s="395" customFormat="1" ht="56.1" customHeight="1" x14ac:dyDescent="0.2">
      <c r="C110" s="420">
        <v>271</v>
      </c>
      <c r="D110" s="420" t="s">
        <v>2481</v>
      </c>
      <c r="E110" s="96" t="s">
        <v>53</v>
      </c>
      <c r="F110" s="96" t="s">
        <v>329</v>
      </c>
      <c r="G110" s="407" t="s">
        <v>500</v>
      </c>
      <c r="H110" s="407" t="s">
        <v>501</v>
      </c>
      <c r="I110" s="316" t="s">
        <v>509</v>
      </c>
      <c r="J110" s="316"/>
      <c r="K110" s="407" t="s">
        <v>95</v>
      </c>
      <c r="L110" s="407" t="s">
        <v>347</v>
      </c>
      <c r="M110" s="407" t="s">
        <v>81</v>
      </c>
      <c r="N110" s="407" t="s">
        <v>334</v>
      </c>
      <c r="O110" s="407" t="s">
        <v>225</v>
      </c>
      <c r="P110" s="407" t="s">
        <v>63</v>
      </c>
      <c r="Q110" s="407" t="s">
        <v>63</v>
      </c>
      <c r="R110" s="410">
        <v>15680</v>
      </c>
      <c r="S110" s="410">
        <f t="shared" si="69"/>
        <v>15680</v>
      </c>
      <c r="T110" s="407" t="s">
        <v>226</v>
      </c>
      <c r="U110" s="407" t="s">
        <v>82</v>
      </c>
      <c r="V110" s="408"/>
      <c r="W110" s="408"/>
      <c r="X110" s="408"/>
      <c r="Y110" s="408"/>
      <c r="Z110" s="408"/>
      <c r="AA110" s="408"/>
      <c r="AB110" s="408"/>
      <c r="AC110" s="408"/>
      <c r="AD110" s="408"/>
      <c r="AE110" s="408"/>
      <c r="AF110" s="408"/>
      <c r="AG110" s="408"/>
      <c r="AH110" s="408"/>
      <c r="AI110" s="408"/>
      <c r="AJ110" s="408"/>
      <c r="AK110" s="408"/>
      <c r="AL110" s="408"/>
      <c r="AM110" s="408"/>
      <c r="AN110" s="408"/>
      <c r="AO110" s="408"/>
      <c r="AP110" s="408"/>
      <c r="AQ110" s="408"/>
      <c r="AR110" s="408"/>
      <c r="AS110" s="408"/>
      <c r="AT110" s="408"/>
      <c r="AU110" s="408"/>
      <c r="AV110" s="408"/>
      <c r="AW110" s="408"/>
      <c r="AX110" s="408"/>
      <c r="AY110" s="306" t="s">
        <v>66</v>
      </c>
      <c r="AZ110" s="408"/>
      <c r="BA110" s="308">
        <f t="shared" si="36"/>
        <v>31</v>
      </c>
      <c r="BB110" s="309">
        <f t="shared" si="68"/>
        <v>505.80645161290323</v>
      </c>
      <c r="BC110" s="402" t="str">
        <f t="shared" si="37"/>
        <v/>
      </c>
      <c r="BD110" s="402" t="str">
        <f t="shared" si="38"/>
        <v/>
      </c>
      <c r="BE110" s="402" t="str">
        <f t="shared" si="39"/>
        <v/>
      </c>
      <c r="BF110" s="402" t="str">
        <f t="shared" si="40"/>
        <v/>
      </c>
      <c r="BG110" s="402" t="str">
        <f t="shared" si="41"/>
        <v/>
      </c>
      <c r="BH110" s="402" t="str">
        <f t="shared" si="42"/>
        <v/>
      </c>
      <c r="BI110" s="402" t="str">
        <f t="shared" si="43"/>
        <v/>
      </c>
      <c r="BJ110" s="402" t="str">
        <f t="shared" si="44"/>
        <v/>
      </c>
      <c r="BK110" s="402" t="str">
        <f t="shared" si="45"/>
        <v/>
      </c>
      <c r="BL110" s="402" t="str">
        <f t="shared" si="46"/>
        <v/>
      </c>
      <c r="BM110" s="402" t="str">
        <f t="shared" si="47"/>
        <v/>
      </c>
      <c r="BN110" s="402" t="str">
        <f t="shared" si="48"/>
        <v/>
      </c>
      <c r="BO110" s="402" t="str">
        <f t="shared" si="49"/>
        <v/>
      </c>
      <c r="BP110" s="402" t="str">
        <f t="shared" si="50"/>
        <v/>
      </c>
      <c r="BQ110" s="402" t="str">
        <f t="shared" si="51"/>
        <v/>
      </c>
      <c r="BR110" s="402" t="str">
        <f t="shared" si="52"/>
        <v/>
      </c>
      <c r="BS110" s="402" t="str">
        <f t="shared" si="53"/>
        <v/>
      </c>
      <c r="BT110" s="402" t="str">
        <f t="shared" si="54"/>
        <v/>
      </c>
      <c r="BU110" s="402" t="str">
        <f t="shared" si="55"/>
        <v/>
      </c>
      <c r="BV110" s="402" t="str">
        <f t="shared" si="56"/>
        <v/>
      </c>
      <c r="BW110" s="402" t="str">
        <f t="shared" si="57"/>
        <v/>
      </c>
      <c r="BX110" s="402" t="str">
        <f t="shared" si="58"/>
        <v/>
      </c>
      <c r="BY110" s="402" t="str">
        <f t="shared" si="59"/>
        <v/>
      </c>
      <c r="BZ110" s="402" t="str">
        <f t="shared" si="60"/>
        <v/>
      </c>
      <c r="CA110" s="402" t="str">
        <f t="shared" si="61"/>
        <v/>
      </c>
      <c r="CB110" s="402" t="str">
        <f t="shared" si="62"/>
        <v/>
      </c>
      <c r="CC110" s="402" t="str">
        <f t="shared" si="63"/>
        <v/>
      </c>
      <c r="CD110" s="402" t="str">
        <f t="shared" si="64"/>
        <v/>
      </c>
      <c r="CE110" s="402" t="str">
        <f t="shared" si="65"/>
        <v/>
      </c>
      <c r="CF110" s="402">
        <f t="shared" si="66"/>
        <v>15680</v>
      </c>
      <c r="CG110" s="402" t="str">
        <f t="shared" si="67"/>
        <v/>
      </c>
      <c r="CH110" s="402"/>
      <c r="CI110" s="402"/>
      <c r="CJ110" s="402"/>
      <c r="CK110" s="402"/>
      <c r="CL110" s="402"/>
      <c r="CM110" s="402"/>
      <c r="CN110" s="402"/>
      <c r="CO110" s="402"/>
      <c r="CP110" s="402"/>
      <c r="CQ110" s="402"/>
      <c r="CR110" s="402"/>
      <c r="CS110" s="402"/>
      <c r="CT110" s="402"/>
      <c r="CU110" s="402"/>
      <c r="CV110" s="402"/>
      <c r="CW110" s="402"/>
      <c r="CX110" s="402"/>
      <c r="CY110" s="402"/>
      <c r="CZ110" s="402"/>
      <c r="DA110" s="402"/>
      <c r="DB110" s="402"/>
      <c r="DC110" s="402"/>
      <c r="DD110" s="407"/>
      <c r="DE110" s="407"/>
      <c r="DF110" s="407"/>
    </row>
    <row r="111" spans="3:110" s="337" customFormat="1" ht="56.1" customHeight="1" x14ac:dyDescent="0.2">
      <c r="C111" s="368">
        <v>290</v>
      </c>
      <c r="D111" s="420" t="s">
        <v>2481</v>
      </c>
      <c r="E111" s="369" t="s">
        <v>53</v>
      </c>
      <c r="F111" s="369" t="s">
        <v>515</v>
      </c>
      <c r="G111" s="334" t="s">
        <v>516</v>
      </c>
      <c r="H111" s="334" t="s">
        <v>517</v>
      </c>
      <c r="I111" s="334" t="s">
        <v>517</v>
      </c>
      <c r="J111" s="334"/>
      <c r="K111" s="334" t="s">
        <v>333</v>
      </c>
      <c r="L111" s="334" t="s">
        <v>310</v>
      </c>
      <c r="M111" s="334" t="s">
        <v>81</v>
      </c>
      <c r="N111" s="334" t="s">
        <v>334</v>
      </c>
      <c r="O111" s="334" t="s">
        <v>225</v>
      </c>
      <c r="P111" s="334" t="s">
        <v>63</v>
      </c>
      <c r="Q111" s="334" t="s">
        <v>63</v>
      </c>
      <c r="R111" s="335">
        <v>102032.1792</v>
      </c>
      <c r="S111" s="335">
        <v>102032.1792</v>
      </c>
      <c r="T111" s="334" t="s">
        <v>226</v>
      </c>
      <c r="U111" s="334" t="s">
        <v>82</v>
      </c>
      <c r="V111" s="338"/>
      <c r="W111" s="338"/>
      <c r="X111" s="338"/>
      <c r="Y111" s="338"/>
      <c r="Z111" s="338"/>
      <c r="AA111" s="336"/>
      <c r="AB111" s="338"/>
      <c r="AC111" s="338"/>
      <c r="AD111" s="338"/>
      <c r="AE111" s="338"/>
      <c r="AF111" s="338"/>
      <c r="AG111" s="338"/>
      <c r="AH111" s="338"/>
      <c r="AI111" s="338"/>
      <c r="AJ111" s="338"/>
      <c r="AK111" s="338"/>
      <c r="AL111" s="336" t="s">
        <v>66</v>
      </c>
      <c r="AM111" s="338"/>
      <c r="AN111" s="338"/>
      <c r="AO111" s="338"/>
      <c r="AP111" s="336" t="s">
        <v>66</v>
      </c>
      <c r="AQ111" s="338"/>
      <c r="AR111" s="338"/>
      <c r="AS111" s="338"/>
      <c r="AT111" s="336" t="s">
        <v>66</v>
      </c>
      <c r="AU111" s="338"/>
      <c r="AV111" s="336" t="s">
        <v>66</v>
      </c>
      <c r="AW111" s="338"/>
      <c r="AX111" s="338"/>
      <c r="AY111" s="336" t="s">
        <v>66</v>
      </c>
      <c r="AZ111" s="336" t="s">
        <v>66</v>
      </c>
      <c r="BA111" s="238">
        <f t="shared" si="36"/>
        <v>3286</v>
      </c>
      <c r="BB111" s="84">
        <f t="shared" si="68"/>
        <v>31.050571880706027</v>
      </c>
      <c r="BC111" s="336" t="str">
        <f t="shared" si="37"/>
        <v/>
      </c>
      <c r="BD111" s="336" t="str">
        <f t="shared" si="38"/>
        <v/>
      </c>
      <c r="BE111" s="336" t="str">
        <f t="shared" si="39"/>
        <v/>
      </c>
      <c r="BF111" s="336" t="str">
        <f t="shared" si="40"/>
        <v/>
      </c>
      <c r="BG111" s="336" t="str">
        <f t="shared" si="41"/>
        <v/>
      </c>
      <c r="BH111" s="336" t="str">
        <f t="shared" si="42"/>
        <v/>
      </c>
      <c r="BI111" s="336" t="str">
        <f t="shared" si="43"/>
        <v/>
      </c>
      <c r="BJ111" s="336" t="str">
        <f t="shared" si="44"/>
        <v/>
      </c>
      <c r="BK111" s="336" t="str">
        <f t="shared" si="45"/>
        <v/>
      </c>
      <c r="BL111" s="336" t="str">
        <f t="shared" si="46"/>
        <v/>
      </c>
      <c r="BM111" s="336" t="str">
        <f t="shared" si="47"/>
        <v/>
      </c>
      <c r="BN111" s="336" t="str">
        <f t="shared" si="48"/>
        <v/>
      </c>
      <c r="BO111" s="336" t="str">
        <f t="shared" si="49"/>
        <v/>
      </c>
      <c r="BP111" s="336" t="str">
        <f t="shared" si="50"/>
        <v/>
      </c>
      <c r="BQ111" s="336" t="str">
        <f t="shared" si="51"/>
        <v/>
      </c>
      <c r="BR111" s="336" t="str">
        <f t="shared" si="52"/>
        <v/>
      </c>
      <c r="BS111" s="336">
        <f t="shared" si="53"/>
        <v>74055.613935483867</v>
      </c>
      <c r="BT111" s="336" t="str">
        <f t="shared" si="54"/>
        <v/>
      </c>
      <c r="BU111" s="336" t="str">
        <f t="shared" si="55"/>
        <v/>
      </c>
      <c r="BV111" s="336" t="str">
        <f t="shared" si="56"/>
        <v/>
      </c>
      <c r="BW111" s="336">
        <f t="shared" si="57"/>
        <v>9377.2727079732194</v>
      </c>
      <c r="BX111" s="336" t="str">
        <f t="shared" si="58"/>
        <v/>
      </c>
      <c r="BY111" s="336" t="str">
        <f t="shared" si="59"/>
        <v/>
      </c>
      <c r="BZ111" s="336" t="str">
        <f t="shared" si="60"/>
        <v/>
      </c>
      <c r="CA111" s="336">
        <f t="shared" si="61"/>
        <v>6241.1649480219112</v>
      </c>
      <c r="CB111" s="336" t="str">
        <f t="shared" si="62"/>
        <v/>
      </c>
      <c r="CC111" s="336">
        <f t="shared" si="63"/>
        <v>962.56772830188686</v>
      </c>
      <c r="CD111" s="336" t="str">
        <f t="shared" si="64"/>
        <v/>
      </c>
      <c r="CE111" s="336" t="str">
        <f t="shared" si="65"/>
        <v/>
      </c>
      <c r="CF111" s="336">
        <f t="shared" si="66"/>
        <v>962.56772830188686</v>
      </c>
      <c r="CG111" s="336">
        <f t="shared" si="67"/>
        <v>10432.992151917226</v>
      </c>
      <c r="CH111" s="336"/>
      <c r="CI111" s="336"/>
      <c r="CJ111" s="336"/>
      <c r="CK111" s="336"/>
      <c r="CL111" s="336"/>
      <c r="CM111" s="336"/>
      <c r="CN111" s="336"/>
      <c r="CO111" s="336"/>
      <c r="CP111" s="336"/>
      <c r="CQ111" s="336"/>
      <c r="CR111" s="336"/>
      <c r="CS111" s="336"/>
      <c r="CT111" s="336"/>
      <c r="CU111" s="336"/>
      <c r="CV111" s="336"/>
      <c r="CW111" s="336"/>
      <c r="CX111" s="336"/>
      <c r="CY111" s="336"/>
      <c r="CZ111" s="336"/>
      <c r="DA111" s="336"/>
      <c r="DB111" s="336"/>
      <c r="DC111" s="336"/>
      <c r="DD111" s="334"/>
      <c r="DE111" s="334"/>
      <c r="DF111" s="334"/>
    </row>
    <row r="112" spans="3:110" s="337" customFormat="1" ht="56.1" customHeight="1" x14ac:dyDescent="0.2">
      <c r="C112" s="368">
        <v>291</v>
      </c>
      <c r="D112" s="420" t="s">
        <v>2481</v>
      </c>
      <c r="E112" s="369" t="s">
        <v>53</v>
      </c>
      <c r="F112" s="369" t="s">
        <v>515</v>
      </c>
      <c r="G112" s="334" t="s">
        <v>518</v>
      </c>
      <c r="H112" s="334" t="s">
        <v>519</v>
      </c>
      <c r="I112" s="334" t="s">
        <v>520</v>
      </c>
      <c r="J112" s="334"/>
      <c r="K112" s="334" t="s">
        <v>333</v>
      </c>
      <c r="L112" s="334" t="s">
        <v>310</v>
      </c>
      <c r="M112" s="334" t="s">
        <v>81</v>
      </c>
      <c r="N112" s="334" t="s">
        <v>334</v>
      </c>
      <c r="O112" s="334" t="s">
        <v>225</v>
      </c>
      <c r="P112" s="334" t="s">
        <v>63</v>
      </c>
      <c r="Q112" s="334" t="s">
        <v>63</v>
      </c>
      <c r="R112" s="335">
        <v>267834.47040000005</v>
      </c>
      <c r="S112" s="335">
        <v>267834.47040000005</v>
      </c>
      <c r="T112" s="334" t="s">
        <v>226</v>
      </c>
      <c r="U112" s="334" t="s">
        <v>82</v>
      </c>
      <c r="V112" s="338"/>
      <c r="W112" s="338"/>
      <c r="X112" s="338"/>
      <c r="Y112" s="338"/>
      <c r="Z112" s="338"/>
      <c r="AA112" s="336"/>
      <c r="AB112" s="338"/>
      <c r="AC112" s="338"/>
      <c r="AD112" s="338"/>
      <c r="AE112" s="338"/>
      <c r="AF112" s="338"/>
      <c r="AG112" s="338"/>
      <c r="AH112" s="338"/>
      <c r="AI112" s="338"/>
      <c r="AJ112" s="338"/>
      <c r="AK112" s="338"/>
      <c r="AL112" s="336" t="s">
        <v>66</v>
      </c>
      <c r="AM112" s="338"/>
      <c r="AN112" s="338"/>
      <c r="AO112" s="338"/>
      <c r="AP112" s="336" t="s">
        <v>66</v>
      </c>
      <c r="AQ112" s="338"/>
      <c r="AR112" s="338"/>
      <c r="AS112" s="338"/>
      <c r="AT112" s="336" t="s">
        <v>66</v>
      </c>
      <c r="AU112" s="338"/>
      <c r="AV112" s="336" t="s">
        <v>66</v>
      </c>
      <c r="AW112" s="338"/>
      <c r="AX112" s="338"/>
      <c r="AY112" s="336" t="s">
        <v>66</v>
      </c>
      <c r="AZ112" s="336" t="s">
        <v>66</v>
      </c>
      <c r="BA112" s="238">
        <f t="shared" si="36"/>
        <v>3286</v>
      </c>
      <c r="BB112" s="84">
        <f t="shared" si="68"/>
        <v>81.507751186853326</v>
      </c>
      <c r="BC112" s="336" t="str">
        <f t="shared" si="37"/>
        <v/>
      </c>
      <c r="BD112" s="336" t="str">
        <f t="shared" si="38"/>
        <v/>
      </c>
      <c r="BE112" s="336" t="str">
        <f t="shared" si="39"/>
        <v/>
      </c>
      <c r="BF112" s="336" t="str">
        <f t="shared" si="40"/>
        <v/>
      </c>
      <c r="BG112" s="336" t="str">
        <f t="shared" si="41"/>
        <v/>
      </c>
      <c r="BH112" s="336" t="str">
        <f t="shared" si="42"/>
        <v/>
      </c>
      <c r="BI112" s="336" t="str">
        <f t="shared" si="43"/>
        <v/>
      </c>
      <c r="BJ112" s="336" t="str">
        <f t="shared" si="44"/>
        <v/>
      </c>
      <c r="BK112" s="336" t="str">
        <f t="shared" si="45"/>
        <v/>
      </c>
      <c r="BL112" s="336" t="str">
        <f t="shared" si="46"/>
        <v/>
      </c>
      <c r="BM112" s="336" t="str">
        <f t="shared" si="47"/>
        <v/>
      </c>
      <c r="BN112" s="336" t="str">
        <f t="shared" si="48"/>
        <v/>
      </c>
      <c r="BO112" s="336" t="str">
        <f t="shared" si="49"/>
        <v/>
      </c>
      <c r="BP112" s="336" t="str">
        <f t="shared" si="50"/>
        <v/>
      </c>
      <c r="BQ112" s="336" t="str">
        <f t="shared" si="51"/>
        <v/>
      </c>
      <c r="BR112" s="336" t="str">
        <f t="shared" si="52"/>
        <v/>
      </c>
      <c r="BS112" s="336">
        <f t="shared" si="53"/>
        <v>194395.98658064517</v>
      </c>
      <c r="BT112" s="336" t="str">
        <f t="shared" si="54"/>
        <v/>
      </c>
      <c r="BU112" s="336" t="str">
        <f t="shared" si="55"/>
        <v/>
      </c>
      <c r="BV112" s="336" t="str">
        <f t="shared" si="56"/>
        <v/>
      </c>
      <c r="BW112" s="336">
        <f t="shared" si="57"/>
        <v>24615.340858429703</v>
      </c>
      <c r="BX112" s="336" t="str">
        <f t="shared" si="58"/>
        <v/>
      </c>
      <c r="BY112" s="336" t="str">
        <f t="shared" si="59"/>
        <v/>
      </c>
      <c r="BZ112" s="336" t="str">
        <f t="shared" si="60"/>
        <v/>
      </c>
      <c r="CA112" s="336">
        <f t="shared" si="61"/>
        <v>16383.057988557519</v>
      </c>
      <c r="CB112" s="336" t="str">
        <f t="shared" si="62"/>
        <v/>
      </c>
      <c r="CC112" s="336">
        <f t="shared" si="63"/>
        <v>2526.7402867924529</v>
      </c>
      <c r="CD112" s="336" t="str">
        <f t="shared" si="64"/>
        <v/>
      </c>
      <c r="CE112" s="336" t="str">
        <f t="shared" si="65"/>
        <v/>
      </c>
      <c r="CF112" s="336">
        <f t="shared" si="66"/>
        <v>2526.7402867924529</v>
      </c>
      <c r="CG112" s="336">
        <f t="shared" si="67"/>
        <v>27386.604398782718</v>
      </c>
      <c r="CH112" s="336"/>
      <c r="CI112" s="336"/>
      <c r="CJ112" s="336"/>
      <c r="CK112" s="336"/>
      <c r="CL112" s="336"/>
      <c r="CM112" s="336"/>
      <c r="CN112" s="336"/>
      <c r="CO112" s="336"/>
      <c r="CP112" s="336"/>
      <c r="CQ112" s="336"/>
      <c r="CR112" s="336"/>
      <c r="CS112" s="336"/>
      <c r="CT112" s="336"/>
      <c r="CU112" s="336"/>
      <c r="CV112" s="336"/>
      <c r="CW112" s="336"/>
      <c r="CX112" s="336"/>
      <c r="CY112" s="336"/>
      <c r="CZ112" s="336"/>
      <c r="DA112" s="336"/>
      <c r="DB112" s="336"/>
      <c r="DC112" s="336"/>
      <c r="DD112" s="334"/>
      <c r="DE112" s="334"/>
      <c r="DF112" s="334"/>
    </row>
    <row r="113" spans="3:110" s="337" customFormat="1" ht="56.1" customHeight="1" x14ac:dyDescent="0.2">
      <c r="C113" s="368">
        <v>292</v>
      </c>
      <c r="D113" s="420" t="s">
        <v>2481</v>
      </c>
      <c r="E113" s="369" t="s">
        <v>53</v>
      </c>
      <c r="F113" s="369" t="s">
        <v>515</v>
      </c>
      <c r="G113" s="334" t="s">
        <v>521</v>
      </c>
      <c r="H113" s="334" t="s">
        <v>522</v>
      </c>
      <c r="I113" s="334" t="s">
        <v>522</v>
      </c>
      <c r="J113" s="334"/>
      <c r="K113" s="334" t="s">
        <v>333</v>
      </c>
      <c r="L113" s="334" t="s">
        <v>310</v>
      </c>
      <c r="M113" s="334" t="s">
        <v>81</v>
      </c>
      <c r="N113" s="334" t="s">
        <v>334</v>
      </c>
      <c r="O113" s="334" t="s">
        <v>225</v>
      </c>
      <c r="P113" s="334" t="s">
        <v>63</v>
      </c>
      <c r="Q113" s="334" t="s">
        <v>63</v>
      </c>
      <c r="R113" s="335">
        <v>374117.99040000001</v>
      </c>
      <c r="S113" s="335">
        <v>374117.99040000001</v>
      </c>
      <c r="T113" s="334" t="s">
        <v>226</v>
      </c>
      <c r="U113" s="334" t="s">
        <v>82</v>
      </c>
      <c r="V113" s="338"/>
      <c r="W113" s="338"/>
      <c r="X113" s="338"/>
      <c r="Y113" s="338"/>
      <c r="Z113" s="338"/>
      <c r="AA113" s="336"/>
      <c r="AB113" s="338"/>
      <c r="AC113" s="338"/>
      <c r="AD113" s="338"/>
      <c r="AE113" s="338"/>
      <c r="AF113" s="338"/>
      <c r="AG113" s="338"/>
      <c r="AH113" s="338"/>
      <c r="AI113" s="338"/>
      <c r="AJ113" s="338"/>
      <c r="AK113" s="338"/>
      <c r="AL113" s="336" t="s">
        <v>66</v>
      </c>
      <c r="AM113" s="338"/>
      <c r="AN113" s="338"/>
      <c r="AO113" s="338"/>
      <c r="AP113" s="336" t="s">
        <v>66</v>
      </c>
      <c r="AQ113" s="338"/>
      <c r="AR113" s="338"/>
      <c r="AS113" s="338"/>
      <c r="AT113" s="336" t="s">
        <v>66</v>
      </c>
      <c r="AU113" s="338"/>
      <c r="AV113" s="336" t="s">
        <v>66</v>
      </c>
      <c r="AW113" s="338"/>
      <c r="AX113" s="338"/>
      <c r="AY113" s="336" t="s">
        <v>66</v>
      </c>
      <c r="AZ113" s="336" t="s">
        <v>66</v>
      </c>
      <c r="BA113" s="238">
        <f t="shared" si="36"/>
        <v>3286</v>
      </c>
      <c r="BB113" s="84">
        <f t="shared" si="68"/>
        <v>113.8520968959221</v>
      </c>
      <c r="BC113" s="336" t="str">
        <f t="shared" si="37"/>
        <v/>
      </c>
      <c r="BD113" s="336" t="str">
        <f t="shared" si="38"/>
        <v/>
      </c>
      <c r="BE113" s="336" t="str">
        <f t="shared" si="39"/>
        <v/>
      </c>
      <c r="BF113" s="336" t="str">
        <f t="shared" si="40"/>
        <v/>
      </c>
      <c r="BG113" s="336" t="str">
        <f t="shared" si="41"/>
        <v/>
      </c>
      <c r="BH113" s="336" t="str">
        <f t="shared" si="42"/>
        <v/>
      </c>
      <c r="BI113" s="336" t="str">
        <f t="shared" si="43"/>
        <v/>
      </c>
      <c r="BJ113" s="336" t="str">
        <f t="shared" si="44"/>
        <v/>
      </c>
      <c r="BK113" s="336" t="str">
        <f t="shared" si="45"/>
        <v/>
      </c>
      <c r="BL113" s="336" t="str">
        <f t="shared" si="46"/>
        <v/>
      </c>
      <c r="BM113" s="336" t="str">
        <f t="shared" si="47"/>
        <v/>
      </c>
      <c r="BN113" s="336" t="str">
        <f t="shared" si="48"/>
        <v/>
      </c>
      <c r="BO113" s="336" t="str">
        <f t="shared" si="49"/>
        <v/>
      </c>
      <c r="BP113" s="336" t="str">
        <f t="shared" si="50"/>
        <v/>
      </c>
      <c r="BQ113" s="336" t="str">
        <f t="shared" si="51"/>
        <v/>
      </c>
      <c r="BR113" s="336" t="str">
        <f t="shared" si="52"/>
        <v/>
      </c>
      <c r="BS113" s="336">
        <f t="shared" si="53"/>
        <v>271537.25109677424</v>
      </c>
      <c r="BT113" s="336" t="str">
        <f t="shared" si="54"/>
        <v/>
      </c>
      <c r="BU113" s="336" t="str">
        <f t="shared" si="55"/>
        <v/>
      </c>
      <c r="BV113" s="336" t="str">
        <f t="shared" si="56"/>
        <v/>
      </c>
      <c r="BW113" s="336">
        <f t="shared" si="57"/>
        <v>34383.333262568478</v>
      </c>
      <c r="BX113" s="336" t="str">
        <f t="shared" si="58"/>
        <v/>
      </c>
      <c r="BY113" s="336" t="str">
        <f t="shared" si="59"/>
        <v/>
      </c>
      <c r="BZ113" s="336" t="str">
        <f t="shared" si="60"/>
        <v/>
      </c>
      <c r="CA113" s="336">
        <f t="shared" si="61"/>
        <v>22884.271476080343</v>
      </c>
      <c r="CB113" s="336" t="str">
        <f t="shared" si="62"/>
        <v/>
      </c>
      <c r="CC113" s="336">
        <f t="shared" si="63"/>
        <v>3529.4150037735853</v>
      </c>
      <c r="CD113" s="336" t="str">
        <f t="shared" si="64"/>
        <v/>
      </c>
      <c r="CE113" s="336" t="str">
        <f t="shared" si="65"/>
        <v/>
      </c>
      <c r="CF113" s="336">
        <f t="shared" si="66"/>
        <v>3529.4150037735853</v>
      </c>
      <c r="CG113" s="336">
        <f t="shared" si="67"/>
        <v>38254.304557029827</v>
      </c>
      <c r="CH113" s="336"/>
      <c r="CI113" s="336"/>
      <c r="CJ113" s="336"/>
      <c r="CK113" s="336"/>
      <c r="CL113" s="336"/>
      <c r="CM113" s="336"/>
      <c r="CN113" s="336"/>
      <c r="CO113" s="336"/>
      <c r="CP113" s="336"/>
      <c r="CQ113" s="336"/>
      <c r="CR113" s="336"/>
      <c r="CS113" s="336"/>
      <c r="CT113" s="336"/>
      <c r="CU113" s="336"/>
      <c r="CV113" s="336"/>
      <c r="CW113" s="336"/>
      <c r="CX113" s="336"/>
      <c r="CY113" s="336"/>
      <c r="CZ113" s="336"/>
      <c r="DA113" s="336"/>
      <c r="DB113" s="336"/>
      <c r="DC113" s="336"/>
      <c r="DD113" s="334"/>
      <c r="DE113" s="334"/>
      <c r="DF113" s="334"/>
    </row>
    <row r="114" spans="3:110" s="337" customFormat="1" ht="56.1" customHeight="1" x14ac:dyDescent="0.2">
      <c r="C114" s="368">
        <v>293</v>
      </c>
      <c r="D114" s="420" t="s">
        <v>2481</v>
      </c>
      <c r="E114" s="369" t="s">
        <v>53</v>
      </c>
      <c r="F114" s="369" t="s">
        <v>515</v>
      </c>
      <c r="G114" s="334" t="s">
        <v>523</v>
      </c>
      <c r="H114" s="334" t="s">
        <v>524</v>
      </c>
      <c r="I114" s="334" t="s">
        <v>524</v>
      </c>
      <c r="J114" s="334"/>
      <c r="K114" s="334" t="s">
        <v>333</v>
      </c>
      <c r="L114" s="334" t="s">
        <v>310</v>
      </c>
      <c r="M114" s="334" t="s">
        <v>81</v>
      </c>
      <c r="N114" s="334" t="s">
        <v>525</v>
      </c>
      <c r="O114" s="334" t="s">
        <v>225</v>
      </c>
      <c r="P114" s="334" t="s">
        <v>63</v>
      </c>
      <c r="Q114" s="334" t="s">
        <v>63</v>
      </c>
      <c r="R114" s="335"/>
      <c r="S114" s="335"/>
      <c r="T114" s="334" t="s">
        <v>226</v>
      </c>
      <c r="U114" s="334" t="s">
        <v>82</v>
      </c>
      <c r="V114" s="338"/>
      <c r="W114" s="338"/>
      <c r="X114" s="338"/>
      <c r="Y114" s="338"/>
      <c r="Z114" s="338"/>
      <c r="AA114" s="336"/>
      <c r="AB114" s="338"/>
      <c r="AC114" s="338"/>
      <c r="AD114" s="338"/>
      <c r="AE114" s="338"/>
      <c r="AF114" s="338"/>
      <c r="AG114" s="338"/>
      <c r="AH114" s="338"/>
      <c r="AI114" s="338"/>
      <c r="AJ114" s="338"/>
      <c r="AK114" s="338"/>
      <c r="AL114" s="336" t="s">
        <v>66</v>
      </c>
      <c r="AM114" s="338"/>
      <c r="AN114" s="338"/>
      <c r="AO114" s="338"/>
      <c r="AP114" s="336" t="s">
        <v>66</v>
      </c>
      <c r="AQ114" s="338"/>
      <c r="AR114" s="338"/>
      <c r="AS114" s="338"/>
      <c r="AT114" s="336" t="s">
        <v>66</v>
      </c>
      <c r="AU114" s="338"/>
      <c r="AV114" s="336" t="s">
        <v>66</v>
      </c>
      <c r="AW114" s="338"/>
      <c r="AX114" s="338"/>
      <c r="AY114" s="336" t="s">
        <v>66</v>
      </c>
      <c r="AZ114" s="336" t="s">
        <v>66</v>
      </c>
      <c r="BA114" s="238">
        <f t="shared" si="36"/>
        <v>3286</v>
      </c>
      <c r="BB114" s="84"/>
      <c r="BC114" s="336" t="str">
        <f t="shared" si="37"/>
        <v/>
      </c>
      <c r="BD114" s="336" t="str">
        <f t="shared" si="38"/>
        <v/>
      </c>
      <c r="BE114" s="336" t="str">
        <f t="shared" si="39"/>
        <v/>
      </c>
      <c r="BF114" s="336" t="str">
        <f t="shared" si="40"/>
        <v/>
      </c>
      <c r="BG114" s="336" t="str">
        <f t="shared" si="41"/>
        <v/>
      </c>
      <c r="BH114" s="336" t="str">
        <f t="shared" si="42"/>
        <v/>
      </c>
      <c r="BI114" s="336" t="str">
        <f t="shared" si="43"/>
        <v/>
      </c>
      <c r="BJ114" s="336" t="str">
        <f t="shared" si="44"/>
        <v/>
      </c>
      <c r="BK114" s="336" t="str">
        <f t="shared" si="45"/>
        <v/>
      </c>
      <c r="BL114" s="336" t="str">
        <f t="shared" si="46"/>
        <v/>
      </c>
      <c r="BM114" s="336" t="str">
        <f t="shared" si="47"/>
        <v/>
      </c>
      <c r="BN114" s="336" t="str">
        <f t="shared" si="48"/>
        <v/>
      </c>
      <c r="BO114" s="336" t="str">
        <f t="shared" si="49"/>
        <v/>
      </c>
      <c r="BP114" s="336" t="str">
        <f t="shared" si="50"/>
        <v/>
      </c>
      <c r="BQ114" s="336" t="str">
        <f t="shared" si="51"/>
        <v/>
      </c>
      <c r="BR114" s="336" t="str">
        <f t="shared" si="52"/>
        <v/>
      </c>
      <c r="BS114" s="336">
        <f t="shared" si="53"/>
        <v>0</v>
      </c>
      <c r="BT114" s="336" t="str">
        <f t="shared" si="54"/>
        <v/>
      </c>
      <c r="BU114" s="336" t="str">
        <f t="shared" si="55"/>
        <v/>
      </c>
      <c r="BV114" s="336" t="str">
        <f t="shared" si="56"/>
        <v/>
      </c>
      <c r="BW114" s="336">
        <f t="shared" si="57"/>
        <v>0</v>
      </c>
      <c r="BX114" s="336" t="str">
        <f t="shared" si="58"/>
        <v/>
      </c>
      <c r="BY114" s="336" t="str">
        <f t="shared" si="59"/>
        <v/>
      </c>
      <c r="BZ114" s="336" t="str">
        <f t="shared" si="60"/>
        <v/>
      </c>
      <c r="CA114" s="336">
        <f t="shared" si="61"/>
        <v>0</v>
      </c>
      <c r="CB114" s="336" t="str">
        <f t="shared" si="62"/>
        <v/>
      </c>
      <c r="CC114" s="336">
        <f t="shared" si="63"/>
        <v>0</v>
      </c>
      <c r="CD114" s="336" t="str">
        <f t="shared" si="64"/>
        <v/>
      </c>
      <c r="CE114" s="336" t="str">
        <f t="shared" si="65"/>
        <v/>
      </c>
      <c r="CF114" s="336">
        <f t="shared" si="66"/>
        <v>0</v>
      </c>
      <c r="CG114" s="336">
        <f t="shared" si="67"/>
        <v>0</v>
      </c>
      <c r="CH114" s="336"/>
      <c r="CI114" s="336"/>
      <c r="CJ114" s="336"/>
      <c r="CK114" s="336"/>
      <c r="CL114" s="336"/>
      <c r="CM114" s="336"/>
      <c r="CN114" s="336"/>
      <c r="CO114" s="336"/>
      <c r="CP114" s="336"/>
      <c r="CQ114" s="336"/>
      <c r="CR114" s="336"/>
      <c r="CS114" s="336"/>
      <c r="CT114" s="336"/>
      <c r="CU114" s="336"/>
      <c r="CV114" s="336"/>
      <c r="CW114" s="336"/>
      <c r="CX114" s="336"/>
      <c r="CY114" s="336"/>
      <c r="CZ114" s="336"/>
      <c r="DA114" s="336"/>
      <c r="DB114" s="336"/>
      <c r="DC114" s="336"/>
      <c r="DD114" s="334"/>
      <c r="DE114" s="334"/>
      <c r="DF114" s="334"/>
    </row>
    <row r="115" spans="3:110" s="337" customFormat="1" ht="56.1" customHeight="1" x14ac:dyDescent="0.2">
      <c r="C115" s="368">
        <v>294</v>
      </c>
      <c r="D115" s="420" t="s">
        <v>2481</v>
      </c>
      <c r="E115" s="369" t="s">
        <v>53</v>
      </c>
      <c r="F115" s="369" t="s">
        <v>515</v>
      </c>
      <c r="G115" s="334" t="s">
        <v>526</v>
      </c>
      <c r="H115" s="334" t="s">
        <v>527</v>
      </c>
      <c r="I115" s="334" t="s">
        <v>527</v>
      </c>
      <c r="J115" s="334"/>
      <c r="K115" s="334" t="s">
        <v>333</v>
      </c>
      <c r="L115" s="334" t="s">
        <v>310</v>
      </c>
      <c r="M115" s="334" t="s">
        <v>81</v>
      </c>
      <c r="N115" s="334" t="s">
        <v>525</v>
      </c>
      <c r="O115" s="334" t="s">
        <v>225</v>
      </c>
      <c r="P115" s="334" t="s">
        <v>63</v>
      </c>
      <c r="Q115" s="334" t="s">
        <v>63</v>
      </c>
      <c r="R115" s="335"/>
      <c r="S115" s="335"/>
      <c r="T115" s="334" t="s">
        <v>226</v>
      </c>
      <c r="U115" s="334" t="s">
        <v>82</v>
      </c>
      <c r="V115" s="338"/>
      <c r="W115" s="338"/>
      <c r="X115" s="338"/>
      <c r="Y115" s="338"/>
      <c r="Z115" s="338"/>
      <c r="AA115" s="336"/>
      <c r="AB115" s="338"/>
      <c r="AC115" s="338"/>
      <c r="AD115" s="338"/>
      <c r="AE115" s="338"/>
      <c r="AF115" s="338"/>
      <c r="AG115" s="338"/>
      <c r="AH115" s="338"/>
      <c r="AI115" s="338"/>
      <c r="AJ115" s="338"/>
      <c r="AK115" s="338"/>
      <c r="AL115" s="336" t="s">
        <v>66</v>
      </c>
      <c r="AM115" s="338"/>
      <c r="AN115" s="338"/>
      <c r="AO115" s="338"/>
      <c r="AP115" s="336" t="s">
        <v>66</v>
      </c>
      <c r="AQ115" s="338"/>
      <c r="AR115" s="338"/>
      <c r="AS115" s="338"/>
      <c r="AT115" s="336" t="s">
        <v>66</v>
      </c>
      <c r="AU115" s="338"/>
      <c r="AV115" s="336" t="s">
        <v>66</v>
      </c>
      <c r="AW115" s="338"/>
      <c r="AX115" s="338"/>
      <c r="AY115" s="336" t="s">
        <v>66</v>
      </c>
      <c r="AZ115" s="336" t="s">
        <v>66</v>
      </c>
      <c r="BA115" s="238">
        <f t="shared" si="36"/>
        <v>3286</v>
      </c>
      <c r="BB115" s="84"/>
      <c r="BC115" s="336" t="str">
        <f t="shared" si="37"/>
        <v/>
      </c>
      <c r="BD115" s="336" t="str">
        <f t="shared" si="38"/>
        <v/>
      </c>
      <c r="BE115" s="336" t="str">
        <f t="shared" si="39"/>
        <v/>
      </c>
      <c r="BF115" s="336" t="str">
        <f t="shared" si="40"/>
        <v/>
      </c>
      <c r="BG115" s="336" t="str">
        <f t="shared" si="41"/>
        <v/>
      </c>
      <c r="BH115" s="336" t="str">
        <f t="shared" si="42"/>
        <v/>
      </c>
      <c r="BI115" s="336" t="str">
        <f t="shared" si="43"/>
        <v/>
      </c>
      <c r="BJ115" s="336" t="str">
        <f t="shared" si="44"/>
        <v/>
      </c>
      <c r="BK115" s="336" t="str">
        <f t="shared" si="45"/>
        <v/>
      </c>
      <c r="BL115" s="336" t="str">
        <f t="shared" si="46"/>
        <v/>
      </c>
      <c r="BM115" s="336" t="str">
        <f t="shared" si="47"/>
        <v/>
      </c>
      <c r="BN115" s="336" t="str">
        <f t="shared" si="48"/>
        <v/>
      </c>
      <c r="BO115" s="336" t="str">
        <f t="shared" si="49"/>
        <v/>
      </c>
      <c r="BP115" s="336" t="str">
        <f t="shared" si="50"/>
        <v/>
      </c>
      <c r="BQ115" s="336" t="str">
        <f t="shared" si="51"/>
        <v/>
      </c>
      <c r="BR115" s="336" t="str">
        <f t="shared" si="52"/>
        <v/>
      </c>
      <c r="BS115" s="336">
        <f t="shared" si="53"/>
        <v>0</v>
      </c>
      <c r="BT115" s="336" t="str">
        <f t="shared" si="54"/>
        <v/>
      </c>
      <c r="BU115" s="336" t="str">
        <f t="shared" si="55"/>
        <v/>
      </c>
      <c r="BV115" s="336" t="str">
        <f t="shared" si="56"/>
        <v/>
      </c>
      <c r="BW115" s="336">
        <f t="shared" si="57"/>
        <v>0</v>
      </c>
      <c r="BX115" s="336" t="str">
        <f t="shared" si="58"/>
        <v/>
      </c>
      <c r="BY115" s="336" t="str">
        <f t="shared" si="59"/>
        <v/>
      </c>
      <c r="BZ115" s="336" t="str">
        <f t="shared" si="60"/>
        <v/>
      </c>
      <c r="CA115" s="336">
        <f t="shared" si="61"/>
        <v>0</v>
      </c>
      <c r="CB115" s="336" t="str">
        <f t="shared" si="62"/>
        <v/>
      </c>
      <c r="CC115" s="336">
        <f t="shared" si="63"/>
        <v>0</v>
      </c>
      <c r="CD115" s="336" t="str">
        <f t="shared" si="64"/>
        <v/>
      </c>
      <c r="CE115" s="336" t="str">
        <f t="shared" si="65"/>
        <v/>
      </c>
      <c r="CF115" s="336">
        <f t="shared" si="66"/>
        <v>0</v>
      </c>
      <c r="CG115" s="336">
        <f t="shared" si="67"/>
        <v>0</v>
      </c>
      <c r="CH115" s="336"/>
      <c r="CI115" s="336"/>
      <c r="CJ115" s="336"/>
      <c r="CK115" s="336"/>
      <c r="CL115" s="336"/>
      <c r="CM115" s="336"/>
      <c r="CN115" s="336"/>
      <c r="CO115" s="336"/>
      <c r="CP115" s="336"/>
      <c r="CQ115" s="336"/>
      <c r="CR115" s="336"/>
      <c r="CS115" s="336"/>
      <c r="CT115" s="336"/>
      <c r="CU115" s="336"/>
      <c r="CV115" s="336"/>
      <c r="CW115" s="336"/>
      <c r="CX115" s="336"/>
      <c r="CY115" s="336"/>
      <c r="CZ115" s="336"/>
      <c r="DA115" s="336"/>
      <c r="DB115" s="336"/>
      <c r="DC115" s="336"/>
      <c r="DD115" s="334"/>
      <c r="DE115" s="334"/>
      <c r="DF115" s="334"/>
    </row>
    <row r="116" spans="3:110" s="337" customFormat="1" ht="56.1" customHeight="1" x14ac:dyDescent="0.2">
      <c r="C116" s="368">
        <v>295</v>
      </c>
      <c r="D116" s="420" t="s">
        <v>2481</v>
      </c>
      <c r="E116" s="369" t="s">
        <v>53</v>
      </c>
      <c r="F116" s="369" t="s">
        <v>515</v>
      </c>
      <c r="G116" s="334" t="s">
        <v>528</v>
      </c>
      <c r="H116" s="334" t="s">
        <v>529</v>
      </c>
      <c r="I116" s="334" t="s">
        <v>529</v>
      </c>
      <c r="J116" s="334"/>
      <c r="K116" s="334" t="s">
        <v>333</v>
      </c>
      <c r="L116" s="334" t="s">
        <v>310</v>
      </c>
      <c r="M116" s="334" t="s">
        <v>81</v>
      </c>
      <c r="N116" s="334" t="s">
        <v>525</v>
      </c>
      <c r="O116" s="334" t="s">
        <v>225</v>
      </c>
      <c r="P116" s="334" t="s">
        <v>63</v>
      </c>
      <c r="Q116" s="334" t="s">
        <v>63</v>
      </c>
      <c r="R116" s="335"/>
      <c r="S116" s="335"/>
      <c r="T116" s="334" t="s">
        <v>226</v>
      </c>
      <c r="U116" s="334" t="s">
        <v>82</v>
      </c>
      <c r="V116" s="338"/>
      <c r="W116" s="338"/>
      <c r="X116" s="338"/>
      <c r="Y116" s="338"/>
      <c r="Z116" s="338"/>
      <c r="AA116" s="336"/>
      <c r="AB116" s="338"/>
      <c r="AC116" s="338"/>
      <c r="AD116" s="338"/>
      <c r="AE116" s="338"/>
      <c r="AF116" s="338"/>
      <c r="AG116" s="338"/>
      <c r="AH116" s="338"/>
      <c r="AI116" s="338"/>
      <c r="AJ116" s="338"/>
      <c r="AK116" s="338"/>
      <c r="AL116" s="336" t="s">
        <v>66</v>
      </c>
      <c r="AM116" s="338"/>
      <c r="AN116" s="338"/>
      <c r="AO116" s="338"/>
      <c r="AP116" s="336" t="s">
        <v>66</v>
      </c>
      <c r="AQ116" s="338"/>
      <c r="AR116" s="338"/>
      <c r="AS116" s="338"/>
      <c r="AT116" s="336" t="s">
        <v>66</v>
      </c>
      <c r="AU116" s="338"/>
      <c r="AV116" s="336" t="s">
        <v>66</v>
      </c>
      <c r="AW116" s="338"/>
      <c r="AX116" s="338"/>
      <c r="AY116" s="336" t="s">
        <v>66</v>
      </c>
      <c r="AZ116" s="336" t="s">
        <v>66</v>
      </c>
      <c r="BA116" s="238">
        <f t="shared" si="36"/>
        <v>3286</v>
      </c>
      <c r="BB116" s="84"/>
      <c r="BC116" s="336" t="str">
        <f t="shared" si="37"/>
        <v/>
      </c>
      <c r="BD116" s="336" t="str">
        <f t="shared" si="38"/>
        <v/>
      </c>
      <c r="BE116" s="336" t="str">
        <f t="shared" si="39"/>
        <v/>
      </c>
      <c r="BF116" s="336" t="str">
        <f t="shared" si="40"/>
        <v/>
      </c>
      <c r="BG116" s="336" t="str">
        <f t="shared" si="41"/>
        <v/>
      </c>
      <c r="BH116" s="336" t="str">
        <f t="shared" si="42"/>
        <v/>
      </c>
      <c r="BI116" s="336" t="str">
        <f t="shared" si="43"/>
        <v/>
      </c>
      <c r="BJ116" s="336" t="str">
        <f t="shared" si="44"/>
        <v/>
      </c>
      <c r="BK116" s="336" t="str">
        <f t="shared" si="45"/>
        <v/>
      </c>
      <c r="BL116" s="336" t="str">
        <f t="shared" si="46"/>
        <v/>
      </c>
      <c r="BM116" s="336" t="str">
        <f t="shared" si="47"/>
        <v/>
      </c>
      <c r="BN116" s="336" t="str">
        <f t="shared" si="48"/>
        <v/>
      </c>
      <c r="BO116" s="336" t="str">
        <f t="shared" si="49"/>
        <v/>
      </c>
      <c r="BP116" s="336" t="str">
        <f t="shared" si="50"/>
        <v/>
      </c>
      <c r="BQ116" s="336" t="str">
        <f t="shared" si="51"/>
        <v/>
      </c>
      <c r="BR116" s="336" t="str">
        <f t="shared" si="52"/>
        <v/>
      </c>
      <c r="BS116" s="336">
        <f t="shared" si="53"/>
        <v>0</v>
      </c>
      <c r="BT116" s="336" t="str">
        <f t="shared" si="54"/>
        <v/>
      </c>
      <c r="BU116" s="336" t="str">
        <f t="shared" si="55"/>
        <v/>
      </c>
      <c r="BV116" s="336" t="str">
        <f t="shared" si="56"/>
        <v/>
      </c>
      <c r="BW116" s="336">
        <f t="shared" si="57"/>
        <v>0</v>
      </c>
      <c r="BX116" s="336" t="str">
        <f t="shared" si="58"/>
        <v/>
      </c>
      <c r="BY116" s="336" t="str">
        <f t="shared" si="59"/>
        <v/>
      </c>
      <c r="BZ116" s="336" t="str">
        <f t="shared" si="60"/>
        <v/>
      </c>
      <c r="CA116" s="336">
        <f t="shared" si="61"/>
        <v>0</v>
      </c>
      <c r="CB116" s="336" t="str">
        <f t="shared" si="62"/>
        <v/>
      </c>
      <c r="CC116" s="336">
        <f t="shared" si="63"/>
        <v>0</v>
      </c>
      <c r="CD116" s="336" t="str">
        <f t="shared" si="64"/>
        <v/>
      </c>
      <c r="CE116" s="336" t="str">
        <f t="shared" si="65"/>
        <v/>
      </c>
      <c r="CF116" s="336">
        <f t="shared" si="66"/>
        <v>0</v>
      </c>
      <c r="CG116" s="336">
        <f t="shared" si="67"/>
        <v>0</v>
      </c>
      <c r="CH116" s="336"/>
      <c r="CI116" s="336"/>
      <c r="CJ116" s="336"/>
      <c r="CK116" s="336"/>
      <c r="CL116" s="336"/>
      <c r="CM116" s="336"/>
      <c r="CN116" s="336"/>
      <c r="CO116" s="336"/>
      <c r="CP116" s="336"/>
      <c r="CQ116" s="336"/>
      <c r="CR116" s="336"/>
      <c r="CS116" s="336"/>
      <c r="CT116" s="336"/>
      <c r="CU116" s="336"/>
      <c r="CV116" s="336"/>
      <c r="CW116" s="336"/>
      <c r="CX116" s="336"/>
      <c r="CY116" s="336"/>
      <c r="CZ116" s="336"/>
      <c r="DA116" s="336"/>
      <c r="DB116" s="336"/>
      <c r="DC116" s="336"/>
      <c r="DD116" s="334"/>
      <c r="DE116" s="334"/>
      <c r="DF116" s="334"/>
    </row>
    <row r="117" spans="3:110" s="337" customFormat="1" ht="56.1" customHeight="1" x14ac:dyDescent="0.2">
      <c r="C117" s="368">
        <v>296</v>
      </c>
      <c r="D117" s="420" t="s">
        <v>2481</v>
      </c>
      <c r="E117" s="369" t="s">
        <v>53</v>
      </c>
      <c r="F117" s="369" t="s">
        <v>515</v>
      </c>
      <c r="G117" s="334" t="s">
        <v>530</v>
      </c>
      <c r="H117" s="334" t="s">
        <v>531</v>
      </c>
      <c r="I117" s="334" t="s">
        <v>532</v>
      </c>
      <c r="J117" s="334"/>
      <c r="K117" s="334" t="s">
        <v>333</v>
      </c>
      <c r="L117" s="334" t="s">
        <v>310</v>
      </c>
      <c r="M117" s="334" t="s">
        <v>81</v>
      </c>
      <c r="N117" s="334" t="s">
        <v>525</v>
      </c>
      <c r="O117" s="334" t="s">
        <v>225</v>
      </c>
      <c r="P117" s="334" t="s">
        <v>63</v>
      </c>
      <c r="Q117" s="334" t="s">
        <v>63</v>
      </c>
      <c r="R117" s="335"/>
      <c r="S117" s="335"/>
      <c r="T117" s="334" t="s">
        <v>226</v>
      </c>
      <c r="U117" s="334" t="s">
        <v>82</v>
      </c>
      <c r="V117" s="338"/>
      <c r="W117" s="338"/>
      <c r="X117" s="338"/>
      <c r="Y117" s="338"/>
      <c r="Z117" s="338"/>
      <c r="AA117" s="336"/>
      <c r="AB117" s="338"/>
      <c r="AC117" s="338"/>
      <c r="AD117" s="338"/>
      <c r="AE117" s="338"/>
      <c r="AF117" s="338"/>
      <c r="AG117" s="338"/>
      <c r="AH117" s="338"/>
      <c r="AI117" s="338"/>
      <c r="AJ117" s="338"/>
      <c r="AK117" s="338"/>
      <c r="AL117" s="336" t="s">
        <v>66</v>
      </c>
      <c r="AM117" s="338"/>
      <c r="AN117" s="338"/>
      <c r="AO117" s="338"/>
      <c r="AP117" s="336" t="s">
        <v>66</v>
      </c>
      <c r="AQ117" s="338"/>
      <c r="AR117" s="338"/>
      <c r="AS117" s="338"/>
      <c r="AT117" s="336" t="s">
        <v>66</v>
      </c>
      <c r="AU117" s="338"/>
      <c r="AV117" s="336" t="s">
        <v>66</v>
      </c>
      <c r="AW117" s="338"/>
      <c r="AX117" s="338"/>
      <c r="AY117" s="336" t="s">
        <v>66</v>
      </c>
      <c r="AZ117" s="336" t="s">
        <v>66</v>
      </c>
      <c r="BA117" s="238">
        <f t="shared" si="36"/>
        <v>3286</v>
      </c>
      <c r="BB117" s="84"/>
      <c r="BC117" s="336" t="str">
        <f t="shared" si="37"/>
        <v/>
      </c>
      <c r="BD117" s="336" t="str">
        <f t="shared" si="38"/>
        <v/>
      </c>
      <c r="BE117" s="336" t="str">
        <f t="shared" si="39"/>
        <v/>
      </c>
      <c r="BF117" s="336" t="str">
        <f t="shared" si="40"/>
        <v/>
      </c>
      <c r="BG117" s="336" t="str">
        <f t="shared" si="41"/>
        <v/>
      </c>
      <c r="BH117" s="336" t="str">
        <f t="shared" si="42"/>
        <v/>
      </c>
      <c r="BI117" s="336" t="str">
        <f t="shared" si="43"/>
        <v/>
      </c>
      <c r="BJ117" s="336" t="str">
        <f t="shared" si="44"/>
        <v/>
      </c>
      <c r="BK117" s="336" t="str">
        <f t="shared" si="45"/>
        <v/>
      </c>
      <c r="BL117" s="336" t="str">
        <f t="shared" si="46"/>
        <v/>
      </c>
      <c r="BM117" s="336" t="str">
        <f t="shared" si="47"/>
        <v/>
      </c>
      <c r="BN117" s="336" t="str">
        <f t="shared" si="48"/>
        <v/>
      </c>
      <c r="BO117" s="336" t="str">
        <f t="shared" si="49"/>
        <v/>
      </c>
      <c r="BP117" s="336" t="str">
        <f t="shared" si="50"/>
        <v/>
      </c>
      <c r="BQ117" s="336" t="str">
        <f t="shared" si="51"/>
        <v/>
      </c>
      <c r="BR117" s="336" t="str">
        <f t="shared" si="52"/>
        <v/>
      </c>
      <c r="BS117" s="336">
        <f t="shared" si="53"/>
        <v>0</v>
      </c>
      <c r="BT117" s="336" t="str">
        <f t="shared" si="54"/>
        <v/>
      </c>
      <c r="BU117" s="336" t="str">
        <f t="shared" si="55"/>
        <v/>
      </c>
      <c r="BV117" s="336" t="str">
        <f t="shared" si="56"/>
        <v/>
      </c>
      <c r="BW117" s="336">
        <f t="shared" si="57"/>
        <v>0</v>
      </c>
      <c r="BX117" s="336" t="str">
        <f t="shared" si="58"/>
        <v/>
      </c>
      <c r="BY117" s="336" t="str">
        <f t="shared" si="59"/>
        <v/>
      </c>
      <c r="BZ117" s="336" t="str">
        <f t="shared" si="60"/>
        <v/>
      </c>
      <c r="CA117" s="336">
        <f t="shared" si="61"/>
        <v>0</v>
      </c>
      <c r="CB117" s="336" t="str">
        <f t="shared" si="62"/>
        <v/>
      </c>
      <c r="CC117" s="336">
        <f t="shared" si="63"/>
        <v>0</v>
      </c>
      <c r="CD117" s="336" t="str">
        <f t="shared" si="64"/>
        <v/>
      </c>
      <c r="CE117" s="336" t="str">
        <f t="shared" si="65"/>
        <v/>
      </c>
      <c r="CF117" s="336">
        <f t="shared" si="66"/>
        <v>0</v>
      </c>
      <c r="CG117" s="336">
        <f t="shared" si="67"/>
        <v>0</v>
      </c>
      <c r="CH117" s="336"/>
      <c r="CI117" s="336"/>
      <c r="CJ117" s="336"/>
      <c r="CK117" s="336"/>
      <c r="CL117" s="336"/>
      <c r="CM117" s="336"/>
      <c r="CN117" s="336"/>
      <c r="CO117" s="336"/>
      <c r="CP117" s="336"/>
      <c r="CQ117" s="336"/>
      <c r="CR117" s="336"/>
      <c r="CS117" s="336"/>
      <c r="CT117" s="336"/>
      <c r="CU117" s="336"/>
      <c r="CV117" s="336"/>
      <c r="CW117" s="336"/>
      <c r="CX117" s="336"/>
      <c r="CY117" s="336"/>
      <c r="CZ117" s="336"/>
      <c r="DA117" s="336"/>
      <c r="DB117" s="336"/>
      <c r="DC117" s="336"/>
      <c r="DD117" s="334"/>
      <c r="DE117" s="334"/>
      <c r="DF117" s="334"/>
    </row>
    <row r="118" spans="3:110" s="337" customFormat="1" ht="56.1" customHeight="1" x14ac:dyDescent="0.2">
      <c r="C118" s="368">
        <v>297</v>
      </c>
      <c r="D118" s="420" t="s">
        <v>2481</v>
      </c>
      <c r="E118" s="369" t="s">
        <v>53</v>
      </c>
      <c r="F118" s="369" t="s">
        <v>515</v>
      </c>
      <c r="G118" s="334" t="s">
        <v>533</v>
      </c>
      <c r="H118" s="334" t="s">
        <v>534</v>
      </c>
      <c r="I118" s="334" t="s">
        <v>534</v>
      </c>
      <c r="J118" s="334"/>
      <c r="K118" s="334" t="s">
        <v>333</v>
      </c>
      <c r="L118" s="334" t="s">
        <v>310</v>
      </c>
      <c r="M118" s="334" t="s">
        <v>81</v>
      </c>
      <c r="N118" s="334" t="s">
        <v>334</v>
      </c>
      <c r="O118" s="334" t="s">
        <v>225</v>
      </c>
      <c r="P118" s="334" t="s">
        <v>63</v>
      </c>
      <c r="Q118" s="334" t="s">
        <v>63</v>
      </c>
      <c r="R118" s="335">
        <v>59784.480000000003</v>
      </c>
      <c r="S118" s="335">
        <v>59784.480000000003</v>
      </c>
      <c r="T118" s="334" t="s">
        <v>226</v>
      </c>
      <c r="U118" s="334" t="s">
        <v>82</v>
      </c>
      <c r="V118" s="338"/>
      <c r="W118" s="338"/>
      <c r="X118" s="338"/>
      <c r="Y118" s="338"/>
      <c r="Z118" s="338"/>
      <c r="AA118" s="336"/>
      <c r="AB118" s="338"/>
      <c r="AC118" s="338"/>
      <c r="AD118" s="338"/>
      <c r="AE118" s="338"/>
      <c r="AF118" s="338"/>
      <c r="AG118" s="338"/>
      <c r="AH118" s="338"/>
      <c r="AI118" s="338"/>
      <c r="AJ118" s="338"/>
      <c r="AK118" s="338"/>
      <c r="AL118" s="336" t="s">
        <v>66</v>
      </c>
      <c r="AM118" s="338"/>
      <c r="AN118" s="338"/>
      <c r="AO118" s="338"/>
      <c r="AP118" s="336" t="s">
        <v>66</v>
      </c>
      <c r="AQ118" s="338"/>
      <c r="AR118" s="338"/>
      <c r="AS118" s="338"/>
      <c r="AT118" s="336" t="s">
        <v>66</v>
      </c>
      <c r="AU118" s="338"/>
      <c r="AV118" s="336" t="s">
        <v>66</v>
      </c>
      <c r="AW118" s="338"/>
      <c r="AX118" s="338"/>
      <c r="AY118" s="336" t="s">
        <v>66</v>
      </c>
      <c r="AZ118" s="336" t="s">
        <v>66</v>
      </c>
      <c r="BA118" s="238">
        <f t="shared" si="36"/>
        <v>3286</v>
      </c>
      <c r="BB118" s="84">
        <f>S118/BA118</f>
        <v>18.193694461351189</v>
      </c>
      <c r="BC118" s="336" t="str">
        <f t="shared" si="37"/>
        <v/>
      </c>
      <c r="BD118" s="336" t="str">
        <f t="shared" si="38"/>
        <v/>
      </c>
      <c r="BE118" s="336" t="str">
        <f t="shared" si="39"/>
        <v/>
      </c>
      <c r="BF118" s="336" t="str">
        <f t="shared" si="40"/>
        <v/>
      </c>
      <c r="BG118" s="336" t="str">
        <f t="shared" si="41"/>
        <v/>
      </c>
      <c r="BH118" s="336" t="str">
        <f t="shared" si="42"/>
        <v/>
      </c>
      <c r="BI118" s="336" t="str">
        <f t="shared" si="43"/>
        <v/>
      </c>
      <c r="BJ118" s="336" t="str">
        <f t="shared" si="44"/>
        <v/>
      </c>
      <c r="BK118" s="336" t="str">
        <f t="shared" si="45"/>
        <v/>
      </c>
      <c r="BL118" s="336" t="str">
        <f t="shared" si="46"/>
        <v/>
      </c>
      <c r="BM118" s="336" t="str">
        <f t="shared" si="47"/>
        <v/>
      </c>
      <c r="BN118" s="336" t="str">
        <f t="shared" si="48"/>
        <v/>
      </c>
      <c r="BO118" s="336" t="str">
        <f t="shared" si="49"/>
        <v/>
      </c>
      <c r="BP118" s="336" t="str">
        <f t="shared" si="50"/>
        <v/>
      </c>
      <c r="BQ118" s="336" t="str">
        <f t="shared" si="51"/>
        <v/>
      </c>
      <c r="BR118" s="336" t="str">
        <f t="shared" si="52"/>
        <v/>
      </c>
      <c r="BS118" s="336">
        <f t="shared" si="53"/>
        <v>43391.961290322586</v>
      </c>
      <c r="BT118" s="336" t="str">
        <f t="shared" si="54"/>
        <v/>
      </c>
      <c r="BU118" s="336" t="str">
        <f t="shared" si="55"/>
        <v/>
      </c>
      <c r="BV118" s="336" t="str">
        <f t="shared" si="56"/>
        <v/>
      </c>
      <c r="BW118" s="336">
        <f t="shared" si="57"/>
        <v>5494.4957273280588</v>
      </c>
      <c r="BX118" s="336" t="str">
        <f t="shared" si="58"/>
        <v/>
      </c>
      <c r="BY118" s="336" t="str">
        <f t="shared" si="59"/>
        <v/>
      </c>
      <c r="BZ118" s="336" t="str">
        <f t="shared" si="60"/>
        <v/>
      </c>
      <c r="CA118" s="336">
        <f t="shared" si="61"/>
        <v>3656.9325867315888</v>
      </c>
      <c r="CB118" s="336" t="str">
        <f t="shared" si="62"/>
        <v/>
      </c>
      <c r="CC118" s="336">
        <f t="shared" si="63"/>
        <v>564.00452830188681</v>
      </c>
      <c r="CD118" s="336" t="str">
        <f t="shared" si="64"/>
        <v/>
      </c>
      <c r="CE118" s="336" t="str">
        <f t="shared" si="65"/>
        <v/>
      </c>
      <c r="CF118" s="336">
        <f t="shared" si="66"/>
        <v>564.00452830188681</v>
      </c>
      <c r="CG118" s="336">
        <f t="shared" si="67"/>
        <v>6113.0813390139992</v>
      </c>
      <c r="CH118" s="336"/>
      <c r="CI118" s="336"/>
      <c r="CJ118" s="336"/>
      <c r="CK118" s="336"/>
      <c r="CL118" s="336"/>
      <c r="CM118" s="336"/>
      <c r="CN118" s="336"/>
      <c r="CO118" s="336"/>
      <c r="CP118" s="336"/>
      <c r="CQ118" s="336"/>
      <c r="CR118" s="336"/>
      <c r="CS118" s="336"/>
      <c r="CT118" s="336"/>
      <c r="CU118" s="336"/>
      <c r="CV118" s="336"/>
      <c r="CW118" s="336"/>
      <c r="CX118" s="336"/>
      <c r="CY118" s="336"/>
      <c r="CZ118" s="336"/>
      <c r="DA118" s="336"/>
      <c r="DB118" s="336"/>
      <c r="DC118" s="336"/>
      <c r="DD118" s="334"/>
      <c r="DE118" s="334"/>
      <c r="DF118" s="334"/>
    </row>
    <row r="119" spans="3:110" s="395" customFormat="1" ht="56.1" customHeight="1" x14ac:dyDescent="0.2">
      <c r="C119" s="420">
        <v>306</v>
      </c>
      <c r="D119" s="420" t="s">
        <v>2481</v>
      </c>
      <c r="E119" s="96" t="s">
        <v>53</v>
      </c>
      <c r="F119" s="96" t="s">
        <v>515</v>
      </c>
      <c r="G119" s="407" t="s">
        <v>516</v>
      </c>
      <c r="H119" s="407" t="s">
        <v>535</v>
      </c>
      <c r="I119" s="407" t="s">
        <v>536</v>
      </c>
      <c r="J119" s="407"/>
      <c r="K119" s="407" t="s">
        <v>95</v>
      </c>
      <c r="L119" s="407" t="s">
        <v>310</v>
      </c>
      <c r="M119" s="407" t="s">
        <v>81</v>
      </c>
      <c r="N119" s="407" t="s">
        <v>334</v>
      </c>
      <c r="O119" s="407" t="s">
        <v>225</v>
      </c>
      <c r="P119" s="407" t="s">
        <v>63</v>
      </c>
      <c r="Q119" s="407" t="s">
        <v>63</v>
      </c>
      <c r="R119" s="410">
        <v>9413.6831999999977</v>
      </c>
      <c r="S119" s="410">
        <v>9413.6831999999977</v>
      </c>
      <c r="T119" s="407" t="s">
        <v>226</v>
      </c>
      <c r="U119" s="407" t="s">
        <v>82</v>
      </c>
      <c r="V119" s="408"/>
      <c r="W119" s="408"/>
      <c r="X119" s="408"/>
      <c r="Y119" s="408"/>
      <c r="Z119" s="408"/>
      <c r="AA119" s="402"/>
      <c r="AB119" s="408"/>
      <c r="AC119" s="408"/>
      <c r="AD119" s="408"/>
      <c r="AE119" s="408"/>
      <c r="AF119" s="408"/>
      <c r="AG119" s="408"/>
      <c r="AH119" s="408"/>
      <c r="AI119" s="408"/>
      <c r="AJ119" s="408"/>
      <c r="AK119" s="408"/>
      <c r="AL119" s="408"/>
      <c r="AM119" s="408"/>
      <c r="AN119" s="408"/>
      <c r="AO119" s="408"/>
      <c r="AP119" s="408"/>
      <c r="AQ119" s="408"/>
      <c r="AR119" s="408"/>
      <c r="AS119" s="408"/>
      <c r="AT119" s="408"/>
      <c r="AU119" s="408"/>
      <c r="AV119" s="408"/>
      <c r="AW119" s="408"/>
      <c r="AX119" s="408"/>
      <c r="AY119" s="402" t="s">
        <v>66</v>
      </c>
      <c r="AZ119" s="408"/>
      <c r="BA119" s="308">
        <f t="shared" si="36"/>
        <v>31</v>
      </c>
      <c r="BB119" s="309">
        <f>S119/BA119</f>
        <v>303.66719999999992</v>
      </c>
      <c r="BC119" s="402" t="str">
        <f t="shared" si="37"/>
        <v/>
      </c>
      <c r="BD119" s="402" t="str">
        <f t="shared" si="38"/>
        <v/>
      </c>
      <c r="BE119" s="402" t="str">
        <f t="shared" si="39"/>
        <v/>
      </c>
      <c r="BF119" s="402" t="str">
        <f t="shared" si="40"/>
        <v/>
      </c>
      <c r="BG119" s="402" t="str">
        <f t="shared" si="41"/>
        <v/>
      </c>
      <c r="BH119" s="402" t="str">
        <f t="shared" si="42"/>
        <v/>
      </c>
      <c r="BI119" s="402" t="str">
        <f t="shared" si="43"/>
        <v/>
      </c>
      <c r="BJ119" s="402" t="str">
        <f t="shared" si="44"/>
        <v/>
      </c>
      <c r="BK119" s="402" t="str">
        <f t="shared" si="45"/>
        <v/>
      </c>
      <c r="BL119" s="402" t="str">
        <f t="shared" si="46"/>
        <v/>
      </c>
      <c r="BM119" s="402" t="str">
        <f t="shared" si="47"/>
        <v/>
      </c>
      <c r="BN119" s="402" t="str">
        <f t="shared" si="48"/>
        <v/>
      </c>
      <c r="BO119" s="402" t="str">
        <f t="shared" si="49"/>
        <v/>
      </c>
      <c r="BP119" s="402" t="str">
        <f t="shared" si="50"/>
        <v/>
      </c>
      <c r="BQ119" s="402" t="str">
        <f t="shared" si="51"/>
        <v/>
      </c>
      <c r="BR119" s="402" t="str">
        <f t="shared" si="52"/>
        <v/>
      </c>
      <c r="BS119" s="402" t="str">
        <f t="shared" si="53"/>
        <v/>
      </c>
      <c r="BT119" s="402" t="str">
        <f t="shared" si="54"/>
        <v/>
      </c>
      <c r="BU119" s="402" t="str">
        <f t="shared" si="55"/>
        <v/>
      </c>
      <c r="BV119" s="402" t="str">
        <f t="shared" si="56"/>
        <v/>
      </c>
      <c r="BW119" s="402" t="str">
        <f t="shared" si="57"/>
        <v/>
      </c>
      <c r="BX119" s="402" t="str">
        <f t="shared" si="58"/>
        <v/>
      </c>
      <c r="BY119" s="402" t="str">
        <f t="shared" si="59"/>
        <v/>
      </c>
      <c r="BZ119" s="402" t="str">
        <f t="shared" si="60"/>
        <v/>
      </c>
      <c r="CA119" s="402" t="str">
        <f t="shared" si="61"/>
        <v/>
      </c>
      <c r="CB119" s="402" t="str">
        <f t="shared" si="62"/>
        <v/>
      </c>
      <c r="CC119" s="402" t="str">
        <f t="shared" si="63"/>
        <v/>
      </c>
      <c r="CD119" s="402" t="str">
        <f t="shared" si="64"/>
        <v/>
      </c>
      <c r="CE119" s="402" t="str">
        <f t="shared" si="65"/>
        <v/>
      </c>
      <c r="CF119" s="402">
        <f t="shared" si="66"/>
        <v>9413.6831999999977</v>
      </c>
      <c r="CG119" s="402" t="str">
        <f t="shared" si="67"/>
        <v/>
      </c>
      <c r="CH119" s="402"/>
      <c r="CI119" s="402"/>
      <c r="CJ119" s="402"/>
      <c r="CK119" s="402"/>
      <c r="CL119" s="402"/>
      <c r="CM119" s="402"/>
      <c r="CN119" s="402"/>
      <c r="CO119" s="402"/>
      <c r="CP119" s="402"/>
      <c r="CQ119" s="402"/>
      <c r="CR119" s="402"/>
      <c r="CS119" s="402"/>
      <c r="CT119" s="402"/>
      <c r="CU119" s="402"/>
      <c r="CV119" s="402"/>
      <c r="CW119" s="402"/>
      <c r="CX119" s="402"/>
      <c r="CY119" s="402"/>
      <c r="CZ119" s="402"/>
      <c r="DA119" s="402"/>
      <c r="DB119" s="402"/>
      <c r="DC119" s="402"/>
      <c r="DD119" s="407"/>
      <c r="DE119" s="407"/>
      <c r="DF119" s="407"/>
    </row>
    <row r="120" spans="3:110" s="395" customFormat="1" ht="56.1" customHeight="1" x14ac:dyDescent="0.2">
      <c r="C120" s="420">
        <v>307</v>
      </c>
      <c r="D120" s="420" t="s">
        <v>2481</v>
      </c>
      <c r="E120" s="96" t="s">
        <v>53</v>
      </c>
      <c r="F120" s="96" t="s">
        <v>515</v>
      </c>
      <c r="G120" s="407" t="s">
        <v>518</v>
      </c>
      <c r="H120" s="407" t="s">
        <v>520</v>
      </c>
      <c r="I120" s="407" t="s">
        <v>520</v>
      </c>
      <c r="J120" s="407"/>
      <c r="K120" s="407" t="s">
        <v>95</v>
      </c>
      <c r="L120" s="407" t="s">
        <v>310</v>
      </c>
      <c r="M120" s="407" t="s">
        <v>81</v>
      </c>
      <c r="N120" s="407" t="s">
        <v>334</v>
      </c>
      <c r="O120" s="407" t="s">
        <v>225</v>
      </c>
      <c r="P120" s="407" t="s">
        <v>63</v>
      </c>
      <c r="Q120" s="407" t="s">
        <v>63</v>
      </c>
      <c r="R120" s="410">
        <v>24710.918399999999</v>
      </c>
      <c r="S120" s="410">
        <v>24710.918399999999</v>
      </c>
      <c r="T120" s="407" t="s">
        <v>226</v>
      </c>
      <c r="U120" s="407" t="s">
        <v>82</v>
      </c>
      <c r="V120" s="408"/>
      <c r="W120" s="408"/>
      <c r="X120" s="408"/>
      <c r="Y120" s="408"/>
      <c r="Z120" s="408"/>
      <c r="AA120" s="402"/>
      <c r="AB120" s="408"/>
      <c r="AC120" s="408"/>
      <c r="AD120" s="408"/>
      <c r="AE120" s="408"/>
      <c r="AF120" s="408"/>
      <c r="AG120" s="408"/>
      <c r="AH120" s="408"/>
      <c r="AI120" s="408"/>
      <c r="AJ120" s="408"/>
      <c r="AK120" s="408"/>
      <c r="AL120" s="408"/>
      <c r="AM120" s="408"/>
      <c r="AN120" s="408"/>
      <c r="AO120" s="408"/>
      <c r="AP120" s="408"/>
      <c r="AQ120" s="408"/>
      <c r="AR120" s="408"/>
      <c r="AS120" s="408"/>
      <c r="AT120" s="408"/>
      <c r="AU120" s="408"/>
      <c r="AV120" s="408"/>
      <c r="AW120" s="408"/>
      <c r="AX120" s="408"/>
      <c r="AY120" s="402" t="s">
        <v>66</v>
      </c>
      <c r="AZ120" s="408"/>
      <c r="BA120" s="308">
        <f t="shared" si="36"/>
        <v>31</v>
      </c>
      <c r="BB120" s="309">
        <f>S120/BA120</f>
        <v>797.12639999999999</v>
      </c>
      <c r="BC120" s="402" t="str">
        <f t="shared" si="37"/>
        <v/>
      </c>
      <c r="BD120" s="402" t="str">
        <f t="shared" si="38"/>
        <v/>
      </c>
      <c r="BE120" s="402" t="str">
        <f t="shared" si="39"/>
        <v/>
      </c>
      <c r="BF120" s="402" t="str">
        <f t="shared" si="40"/>
        <v/>
      </c>
      <c r="BG120" s="402" t="str">
        <f t="shared" si="41"/>
        <v/>
      </c>
      <c r="BH120" s="402" t="str">
        <f t="shared" si="42"/>
        <v/>
      </c>
      <c r="BI120" s="402" t="str">
        <f t="shared" si="43"/>
        <v/>
      </c>
      <c r="BJ120" s="402" t="str">
        <f t="shared" si="44"/>
        <v/>
      </c>
      <c r="BK120" s="402" t="str">
        <f t="shared" si="45"/>
        <v/>
      </c>
      <c r="BL120" s="402" t="str">
        <f t="shared" si="46"/>
        <v/>
      </c>
      <c r="BM120" s="402" t="str">
        <f t="shared" si="47"/>
        <v/>
      </c>
      <c r="BN120" s="402" t="str">
        <f t="shared" si="48"/>
        <v/>
      </c>
      <c r="BO120" s="402" t="str">
        <f t="shared" si="49"/>
        <v/>
      </c>
      <c r="BP120" s="402" t="str">
        <f t="shared" si="50"/>
        <v/>
      </c>
      <c r="BQ120" s="402" t="str">
        <f t="shared" si="51"/>
        <v/>
      </c>
      <c r="BR120" s="402" t="str">
        <f t="shared" si="52"/>
        <v/>
      </c>
      <c r="BS120" s="402" t="str">
        <f t="shared" si="53"/>
        <v/>
      </c>
      <c r="BT120" s="402" t="str">
        <f t="shared" si="54"/>
        <v/>
      </c>
      <c r="BU120" s="402" t="str">
        <f t="shared" si="55"/>
        <v/>
      </c>
      <c r="BV120" s="402" t="str">
        <f t="shared" si="56"/>
        <v/>
      </c>
      <c r="BW120" s="402" t="str">
        <f t="shared" si="57"/>
        <v/>
      </c>
      <c r="BX120" s="402" t="str">
        <f t="shared" si="58"/>
        <v/>
      </c>
      <c r="BY120" s="402" t="str">
        <f t="shared" si="59"/>
        <v/>
      </c>
      <c r="BZ120" s="402" t="str">
        <f t="shared" si="60"/>
        <v/>
      </c>
      <c r="CA120" s="402" t="str">
        <f t="shared" si="61"/>
        <v/>
      </c>
      <c r="CB120" s="402" t="str">
        <f t="shared" si="62"/>
        <v/>
      </c>
      <c r="CC120" s="402" t="str">
        <f t="shared" si="63"/>
        <v/>
      </c>
      <c r="CD120" s="402" t="str">
        <f t="shared" si="64"/>
        <v/>
      </c>
      <c r="CE120" s="402" t="str">
        <f t="shared" si="65"/>
        <v/>
      </c>
      <c r="CF120" s="402">
        <f t="shared" si="66"/>
        <v>24710.918399999999</v>
      </c>
      <c r="CG120" s="402" t="str">
        <f t="shared" si="67"/>
        <v/>
      </c>
      <c r="CH120" s="402"/>
      <c r="CI120" s="402"/>
      <c r="CJ120" s="402"/>
      <c r="CK120" s="402"/>
      <c r="CL120" s="402"/>
      <c r="CM120" s="402"/>
      <c r="CN120" s="402"/>
      <c r="CO120" s="402"/>
      <c r="CP120" s="402"/>
      <c r="CQ120" s="402"/>
      <c r="CR120" s="402"/>
      <c r="CS120" s="402"/>
      <c r="CT120" s="402"/>
      <c r="CU120" s="402"/>
      <c r="CV120" s="402"/>
      <c r="CW120" s="402"/>
      <c r="CX120" s="402"/>
      <c r="CY120" s="402"/>
      <c r="CZ120" s="402"/>
      <c r="DA120" s="402"/>
      <c r="DB120" s="402"/>
      <c r="DC120" s="402"/>
      <c r="DD120" s="407"/>
      <c r="DE120" s="407"/>
      <c r="DF120" s="407"/>
    </row>
    <row r="121" spans="3:110" s="395" customFormat="1" ht="56.1" customHeight="1" x14ac:dyDescent="0.2">
      <c r="C121" s="420">
        <v>308</v>
      </c>
      <c r="D121" s="420" t="s">
        <v>2481</v>
      </c>
      <c r="E121" s="96" t="s">
        <v>53</v>
      </c>
      <c r="F121" s="96" t="s">
        <v>515</v>
      </c>
      <c r="G121" s="407" t="s">
        <v>521</v>
      </c>
      <c r="H121" s="407" t="s">
        <v>522</v>
      </c>
      <c r="I121" s="407" t="s">
        <v>522</v>
      </c>
      <c r="J121" s="407"/>
      <c r="K121" s="407" t="s">
        <v>95</v>
      </c>
      <c r="L121" s="407" t="s">
        <v>310</v>
      </c>
      <c r="M121" s="407" t="s">
        <v>81</v>
      </c>
      <c r="N121" s="407" t="s">
        <v>334</v>
      </c>
      <c r="O121" s="407" t="s">
        <v>225</v>
      </c>
      <c r="P121" s="407" t="s">
        <v>63</v>
      </c>
      <c r="Q121" s="407" t="s">
        <v>63</v>
      </c>
      <c r="R121" s="410">
        <v>34516.838400000001</v>
      </c>
      <c r="S121" s="410">
        <v>34516.838400000001</v>
      </c>
      <c r="T121" s="407" t="s">
        <v>226</v>
      </c>
      <c r="U121" s="407" t="s">
        <v>82</v>
      </c>
      <c r="V121" s="408"/>
      <c r="W121" s="408"/>
      <c r="X121" s="408"/>
      <c r="Y121" s="408"/>
      <c r="Z121" s="408"/>
      <c r="AA121" s="402"/>
      <c r="AB121" s="408"/>
      <c r="AC121" s="408"/>
      <c r="AD121" s="408"/>
      <c r="AE121" s="408"/>
      <c r="AF121" s="408"/>
      <c r="AG121" s="408"/>
      <c r="AH121" s="408"/>
      <c r="AI121" s="408"/>
      <c r="AJ121" s="408"/>
      <c r="AK121" s="408"/>
      <c r="AL121" s="408"/>
      <c r="AM121" s="408"/>
      <c r="AN121" s="408"/>
      <c r="AO121" s="408"/>
      <c r="AP121" s="408"/>
      <c r="AQ121" s="408"/>
      <c r="AR121" s="408"/>
      <c r="AS121" s="408"/>
      <c r="AT121" s="408"/>
      <c r="AU121" s="408"/>
      <c r="AV121" s="408"/>
      <c r="AW121" s="408"/>
      <c r="AX121" s="408"/>
      <c r="AY121" s="402" t="s">
        <v>66</v>
      </c>
      <c r="AZ121" s="408"/>
      <c r="BA121" s="308">
        <f t="shared" si="36"/>
        <v>31</v>
      </c>
      <c r="BB121" s="309">
        <f>S121/BA121</f>
        <v>1113.4464</v>
      </c>
      <c r="BC121" s="402" t="str">
        <f t="shared" si="37"/>
        <v/>
      </c>
      <c r="BD121" s="402" t="str">
        <f t="shared" si="38"/>
        <v/>
      </c>
      <c r="BE121" s="402" t="str">
        <f t="shared" si="39"/>
        <v/>
      </c>
      <c r="BF121" s="402" t="str">
        <f t="shared" si="40"/>
        <v/>
      </c>
      <c r="BG121" s="402" t="str">
        <f t="shared" si="41"/>
        <v/>
      </c>
      <c r="BH121" s="402" t="str">
        <f t="shared" si="42"/>
        <v/>
      </c>
      <c r="BI121" s="402" t="str">
        <f t="shared" si="43"/>
        <v/>
      </c>
      <c r="BJ121" s="402" t="str">
        <f t="shared" si="44"/>
        <v/>
      </c>
      <c r="BK121" s="402" t="str">
        <f t="shared" si="45"/>
        <v/>
      </c>
      <c r="BL121" s="402" t="str">
        <f t="shared" si="46"/>
        <v/>
      </c>
      <c r="BM121" s="402" t="str">
        <f t="shared" si="47"/>
        <v/>
      </c>
      <c r="BN121" s="402" t="str">
        <f t="shared" si="48"/>
        <v/>
      </c>
      <c r="BO121" s="402" t="str">
        <f t="shared" si="49"/>
        <v/>
      </c>
      <c r="BP121" s="402" t="str">
        <f t="shared" si="50"/>
        <v/>
      </c>
      <c r="BQ121" s="402" t="str">
        <f t="shared" si="51"/>
        <v/>
      </c>
      <c r="BR121" s="402" t="str">
        <f t="shared" si="52"/>
        <v/>
      </c>
      <c r="BS121" s="402" t="str">
        <f t="shared" si="53"/>
        <v/>
      </c>
      <c r="BT121" s="402" t="str">
        <f t="shared" si="54"/>
        <v/>
      </c>
      <c r="BU121" s="402" t="str">
        <f t="shared" si="55"/>
        <v/>
      </c>
      <c r="BV121" s="402" t="str">
        <f t="shared" si="56"/>
        <v/>
      </c>
      <c r="BW121" s="402" t="str">
        <f t="shared" si="57"/>
        <v/>
      </c>
      <c r="BX121" s="402" t="str">
        <f t="shared" si="58"/>
        <v/>
      </c>
      <c r="BY121" s="402" t="str">
        <f t="shared" si="59"/>
        <v/>
      </c>
      <c r="BZ121" s="402" t="str">
        <f t="shared" si="60"/>
        <v/>
      </c>
      <c r="CA121" s="402" t="str">
        <f t="shared" si="61"/>
        <v/>
      </c>
      <c r="CB121" s="402" t="str">
        <f t="shared" si="62"/>
        <v/>
      </c>
      <c r="CC121" s="402" t="str">
        <f t="shared" si="63"/>
        <v/>
      </c>
      <c r="CD121" s="402" t="str">
        <f t="shared" si="64"/>
        <v/>
      </c>
      <c r="CE121" s="402" t="str">
        <f t="shared" si="65"/>
        <v/>
      </c>
      <c r="CF121" s="402">
        <f t="shared" si="66"/>
        <v>34516.838400000001</v>
      </c>
      <c r="CG121" s="402" t="str">
        <f t="shared" si="67"/>
        <v/>
      </c>
      <c r="CH121" s="402"/>
      <c r="CI121" s="402"/>
      <c r="CJ121" s="402"/>
      <c r="CK121" s="402"/>
      <c r="CL121" s="402"/>
      <c r="CM121" s="402"/>
      <c r="CN121" s="402"/>
      <c r="CO121" s="402"/>
      <c r="CP121" s="402"/>
      <c r="CQ121" s="402"/>
      <c r="CR121" s="402"/>
      <c r="CS121" s="402"/>
      <c r="CT121" s="402"/>
      <c r="CU121" s="402"/>
      <c r="CV121" s="402"/>
      <c r="CW121" s="402"/>
      <c r="CX121" s="402"/>
      <c r="CY121" s="402"/>
      <c r="CZ121" s="402"/>
      <c r="DA121" s="402"/>
      <c r="DB121" s="402"/>
      <c r="DC121" s="402"/>
      <c r="DD121" s="407"/>
      <c r="DE121" s="407"/>
      <c r="DF121" s="407"/>
    </row>
    <row r="122" spans="3:110" s="395" customFormat="1" ht="56.1" customHeight="1" x14ac:dyDescent="0.2">
      <c r="C122" s="420">
        <v>309</v>
      </c>
      <c r="D122" s="420" t="s">
        <v>2481</v>
      </c>
      <c r="E122" s="96" t="s">
        <v>53</v>
      </c>
      <c r="F122" s="96" t="s">
        <v>515</v>
      </c>
      <c r="G122" s="407" t="s">
        <v>523</v>
      </c>
      <c r="H122" s="407" t="s">
        <v>524</v>
      </c>
      <c r="I122" s="407" t="s">
        <v>524</v>
      </c>
      <c r="J122" s="407"/>
      <c r="K122" s="407" t="s">
        <v>95</v>
      </c>
      <c r="L122" s="407" t="s">
        <v>310</v>
      </c>
      <c r="M122" s="407" t="s">
        <v>81</v>
      </c>
      <c r="N122" s="407" t="s">
        <v>525</v>
      </c>
      <c r="O122" s="407" t="s">
        <v>225</v>
      </c>
      <c r="P122" s="407" t="s">
        <v>63</v>
      </c>
      <c r="Q122" s="407" t="s">
        <v>63</v>
      </c>
      <c r="R122" s="410">
        <v>0</v>
      </c>
      <c r="S122" s="410">
        <v>0</v>
      </c>
      <c r="T122" s="407" t="s">
        <v>226</v>
      </c>
      <c r="U122" s="407" t="s">
        <v>82</v>
      </c>
      <c r="V122" s="408"/>
      <c r="W122" s="408"/>
      <c r="X122" s="408"/>
      <c r="Y122" s="408"/>
      <c r="Z122" s="408"/>
      <c r="AA122" s="402"/>
      <c r="AB122" s="408"/>
      <c r="AC122" s="408"/>
      <c r="AD122" s="408"/>
      <c r="AE122" s="408"/>
      <c r="AF122" s="408"/>
      <c r="AG122" s="408"/>
      <c r="AH122" s="408"/>
      <c r="AI122" s="408"/>
      <c r="AJ122" s="408"/>
      <c r="AK122" s="408"/>
      <c r="AL122" s="408"/>
      <c r="AM122" s="408"/>
      <c r="AN122" s="408"/>
      <c r="AO122" s="408"/>
      <c r="AP122" s="408"/>
      <c r="AQ122" s="408"/>
      <c r="AR122" s="408"/>
      <c r="AS122" s="408"/>
      <c r="AT122" s="408"/>
      <c r="AU122" s="408"/>
      <c r="AV122" s="408"/>
      <c r="AW122" s="408"/>
      <c r="AX122" s="408"/>
      <c r="AY122" s="402" t="s">
        <v>66</v>
      </c>
      <c r="AZ122" s="408"/>
      <c r="BA122" s="308">
        <f t="shared" si="36"/>
        <v>31</v>
      </c>
      <c r="BB122" s="309">
        <f>S122/BA122</f>
        <v>0</v>
      </c>
      <c r="BC122" s="402" t="str">
        <f t="shared" si="37"/>
        <v/>
      </c>
      <c r="BD122" s="402" t="str">
        <f t="shared" si="38"/>
        <v/>
      </c>
      <c r="BE122" s="402" t="str">
        <f t="shared" si="39"/>
        <v/>
      </c>
      <c r="BF122" s="402" t="str">
        <f t="shared" si="40"/>
        <v/>
      </c>
      <c r="BG122" s="402" t="str">
        <f t="shared" si="41"/>
        <v/>
      </c>
      <c r="BH122" s="402" t="str">
        <f t="shared" si="42"/>
        <v/>
      </c>
      <c r="BI122" s="402" t="str">
        <f t="shared" si="43"/>
        <v/>
      </c>
      <c r="BJ122" s="402" t="str">
        <f t="shared" si="44"/>
        <v/>
      </c>
      <c r="BK122" s="402" t="str">
        <f t="shared" si="45"/>
        <v/>
      </c>
      <c r="BL122" s="402" t="str">
        <f t="shared" si="46"/>
        <v/>
      </c>
      <c r="BM122" s="402" t="str">
        <f t="shared" si="47"/>
        <v/>
      </c>
      <c r="BN122" s="402" t="str">
        <f t="shared" si="48"/>
        <v/>
      </c>
      <c r="BO122" s="402" t="str">
        <f t="shared" si="49"/>
        <v/>
      </c>
      <c r="BP122" s="402" t="str">
        <f t="shared" si="50"/>
        <v/>
      </c>
      <c r="BQ122" s="402" t="str">
        <f t="shared" si="51"/>
        <v/>
      </c>
      <c r="BR122" s="402" t="str">
        <f t="shared" si="52"/>
        <v/>
      </c>
      <c r="BS122" s="402" t="str">
        <f t="shared" si="53"/>
        <v/>
      </c>
      <c r="BT122" s="402" t="str">
        <f t="shared" si="54"/>
        <v/>
      </c>
      <c r="BU122" s="402" t="str">
        <f t="shared" si="55"/>
        <v/>
      </c>
      <c r="BV122" s="402" t="str">
        <f t="shared" si="56"/>
        <v/>
      </c>
      <c r="BW122" s="402" t="str">
        <f t="shared" si="57"/>
        <v/>
      </c>
      <c r="BX122" s="402" t="str">
        <f t="shared" si="58"/>
        <v/>
      </c>
      <c r="BY122" s="402" t="str">
        <f t="shared" si="59"/>
        <v/>
      </c>
      <c r="BZ122" s="402" t="str">
        <f t="shared" si="60"/>
        <v/>
      </c>
      <c r="CA122" s="402" t="str">
        <f t="shared" si="61"/>
        <v/>
      </c>
      <c r="CB122" s="402" t="str">
        <f t="shared" si="62"/>
        <v/>
      </c>
      <c r="CC122" s="402" t="str">
        <f t="shared" si="63"/>
        <v/>
      </c>
      <c r="CD122" s="402" t="str">
        <f t="shared" si="64"/>
        <v/>
      </c>
      <c r="CE122" s="402" t="str">
        <f t="shared" si="65"/>
        <v/>
      </c>
      <c r="CF122" s="402">
        <f t="shared" si="66"/>
        <v>0</v>
      </c>
      <c r="CG122" s="402" t="str">
        <f t="shared" si="67"/>
        <v/>
      </c>
      <c r="CH122" s="402"/>
      <c r="CI122" s="402"/>
      <c r="CJ122" s="402"/>
      <c r="CK122" s="402"/>
      <c r="CL122" s="402"/>
      <c r="CM122" s="402"/>
      <c r="CN122" s="402"/>
      <c r="CO122" s="402"/>
      <c r="CP122" s="402"/>
      <c r="CQ122" s="402"/>
      <c r="CR122" s="402"/>
      <c r="CS122" s="402"/>
      <c r="CT122" s="402"/>
      <c r="CU122" s="402"/>
      <c r="CV122" s="402"/>
      <c r="CW122" s="402"/>
      <c r="CX122" s="402"/>
      <c r="CY122" s="402"/>
      <c r="CZ122" s="402"/>
      <c r="DA122" s="402"/>
      <c r="DB122" s="402"/>
      <c r="DC122" s="402"/>
      <c r="DD122" s="407"/>
      <c r="DE122" s="407"/>
      <c r="DF122" s="407"/>
    </row>
    <row r="123" spans="3:110" s="395" customFormat="1" ht="56.1" customHeight="1" x14ac:dyDescent="0.2">
      <c r="C123" s="420">
        <v>310</v>
      </c>
      <c r="D123" s="420" t="s">
        <v>2481</v>
      </c>
      <c r="E123" s="96" t="s">
        <v>53</v>
      </c>
      <c r="F123" s="96" t="s">
        <v>515</v>
      </c>
      <c r="G123" s="407" t="s">
        <v>539</v>
      </c>
      <c r="H123" s="407" t="s">
        <v>527</v>
      </c>
      <c r="I123" s="407" t="s">
        <v>527</v>
      </c>
      <c r="J123" s="407"/>
      <c r="K123" s="407" t="s">
        <v>95</v>
      </c>
      <c r="L123" s="407" t="s">
        <v>310</v>
      </c>
      <c r="M123" s="407" t="s">
        <v>81</v>
      </c>
      <c r="N123" s="407" t="s">
        <v>525</v>
      </c>
      <c r="O123" s="407" t="s">
        <v>225</v>
      </c>
      <c r="P123" s="407" t="s">
        <v>63</v>
      </c>
      <c r="Q123" s="407" t="s">
        <v>63</v>
      </c>
      <c r="R123" s="410">
        <v>0</v>
      </c>
      <c r="S123" s="410">
        <v>0</v>
      </c>
      <c r="T123" s="407" t="s">
        <v>226</v>
      </c>
      <c r="U123" s="407" t="s">
        <v>82</v>
      </c>
      <c r="V123" s="408"/>
      <c r="W123" s="408"/>
      <c r="X123" s="408"/>
      <c r="Y123" s="408"/>
      <c r="Z123" s="408"/>
      <c r="AA123" s="402"/>
      <c r="AB123" s="408"/>
      <c r="AC123" s="408"/>
      <c r="AD123" s="408"/>
      <c r="AE123" s="408"/>
      <c r="AF123" s="408"/>
      <c r="AG123" s="408"/>
      <c r="AH123" s="408"/>
      <c r="AI123" s="408"/>
      <c r="AJ123" s="408"/>
      <c r="AK123" s="408"/>
      <c r="AL123" s="408"/>
      <c r="AM123" s="408"/>
      <c r="AN123" s="408"/>
      <c r="AO123" s="408"/>
      <c r="AP123" s="408"/>
      <c r="AQ123" s="408"/>
      <c r="AR123" s="408"/>
      <c r="AS123" s="408"/>
      <c r="AT123" s="408"/>
      <c r="AU123" s="408"/>
      <c r="AV123" s="408"/>
      <c r="AW123" s="408"/>
      <c r="AX123" s="408"/>
      <c r="AY123" s="402" t="s">
        <v>66</v>
      </c>
      <c r="AZ123" s="408"/>
      <c r="BA123" s="308">
        <f t="shared" si="36"/>
        <v>31</v>
      </c>
      <c r="BB123" s="309"/>
      <c r="BC123" s="402" t="str">
        <f t="shared" si="37"/>
        <v/>
      </c>
      <c r="BD123" s="402" t="str">
        <f t="shared" si="38"/>
        <v/>
      </c>
      <c r="BE123" s="402" t="str">
        <f t="shared" si="39"/>
        <v/>
      </c>
      <c r="BF123" s="402" t="str">
        <f t="shared" si="40"/>
        <v/>
      </c>
      <c r="BG123" s="402" t="str">
        <f t="shared" si="41"/>
        <v/>
      </c>
      <c r="BH123" s="402" t="str">
        <f t="shared" si="42"/>
        <v/>
      </c>
      <c r="BI123" s="402" t="str">
        <f t="shared" si="43"/>
        <v/>
      </c>
      <c r="BJ123" s="402" t="str">
        <f t="shared" si="44"/>
        <v/>
      </c>
      <c r="BK123" s="402" t="str">
        <f t="shared" si="45"/>
        <v/>
      </c>
      <c r="BL123" s="402" t="str">
        <f t="shared" si="46"/>
        <v/>
      </c>
      <c r="BM123" s="402" t="str">
        <f t="shared" si="47"/>
        <v/>
      </c>
      <c r="BN123" s="402" t="str">
        <f t="shared" si="48"/>
        <v/>
      </c>
      <c r="BO123" s="402" t="str">
        <f t="shared" si="49"/>
        <v/>
      </c>
      <c r="BP123" s="402" t="str">
        <f t="shared" si="50"/>
        <v/>
      </c>
      <c r="BQ123" s="402" t="str">
        <f t="shared" si="51"/>
        <v/>
      </c>
      <c r="BR123" s="402" t="str">
        <f t="shared" si="52"/>
        <v/>
      </c>
      <c r="BS123" s="402" t="str">
        <f t="shared" si="53"/>
        <v/>
      </c>
      <c r="BT123" s="402" t="str">
        <f t="shared" si="54"/>
        <v/>
      </c>
      <c r="BU123" s="402" t="str">
        <f t="shared" si="55"/>
        <v/>
      </c>
      <c r="BV123" s="402" t="str">
        <f t="shared" si="56"/>
        <v/>
      </c>
      <c r="BW123" s="402" t="str">
        <f t="shared" si="57"/>
        <v/>
      </c>
      <c r="BX123" s="402" t="str">
        <f t="shared" si="58"/>
        <v/>
      </c>
      <c r="BY123" s="402" t="str">
        <f t="shared" si="59"/>
        <v/>
      </c>
      <c r="BZ123" s="402" t="str">
        <f t="shared" si="60"/>
        <v/>
      </c>
      <c r="CA123" s="402" t="str">
        <f t="shared" si="61"/>
        <v/>
      </c>
      <c r="CB123" s="402" t="str">
        <f t="shared" si="62"/>
        <v/>
      </c>
      <c r="CC123" s="402" t="str">
        <f t="shared" si="63"/>
        <v/>
      </c>
      <c r="CD123" s="402" t="str">
        <f t="shared" si="64"/>
        <v/>
      </c>
      <c r="CE123" s="402" t="str">
        <f t="shared" si="65"/>
        <v/>
      </c>
      <c r="CF123" s="402">
        <f t="shared" si="66"/>
        <v>0</v>
      </c>
      <c r="CG123" s="402" t="str">
        <f t="shared" si="67"/>
        <v/>
      </c>
      <c r="CH123" s="402"/>
      <c r="CI123" s="402"/>
      <c r="CJ123" s="402"/>
      <c r="CK123" s="402"/>
      <c r="CL123" s="402"/>
      <c r="CM123" s="402"/>
      <c r="CN123" s="402"/>
      <c r="CO123" s="402"/>
      <c r="CP123" s="402"/>
      <c r="CQ123" s="402"/>
      <c r="CR123" s="402"/>
      <c r="CS123" s="402"/>
      <c r="CT123" s="402"/>
      <c r="CU123" s="402"/>
      <c r="CV123" s="402"/>
      <c r="CW123" s="402"/>
      <c r="CX123" s="402"/>
      <c r="CY123" s="402"/>
      <c r="CZ123" s="402"/>
      <c r="DA123" s="402"/>
      <c r="DB123" s="402"/>
      <c r="DC123" s="402"/>
      <c r="DD123" s="407"/>
      <c r="DE123" s="407"/>
      <c r="DF123" s="407"/>
    </row>
    <row r="124" spans="3:110" s="395" customFormat="1" ht="56.1" customHeight="1" x14ac:dyDescent="0.2">
      <c r="C124" s="420">
        <v>311</v>
      </c>
      <c r="D124" s="420" t="s">
        <v>2481</v>
      </c>
      <c r="E124" s="96" t="s">
        <v>53</v>
      </c>
      <c r="F124" s="96" t="s">
        <v>515</v>
      </c>
      <c r="G124" s="407" t="s">
        <v>528</v>
      </c>
      <c r="H124" s="407" t="s">
        <v>529</v>
      </c>
      <c r="I124" s="407" t="s">
        <v>529</v>
      </c>
      <c r="J124" s="407"/>
      <c r="K124" s="407" t="s">
        <v>95</v>
      </c>
      <c r="L124" s="407" t="s">
        <v>310</v>
      </c>
      <c r="M124" s="407" t="s">
        <v>81</v>
      </c>
      <c r="N124" s="407" t="s">
        <v>525</v>
      </c>
      <c r="O124" s="407" t="s">
        <v>225</v>
      </c>
      <c r="P124" s="407" t="s">
        <v>63</v>
      </c>
      <c r="Q124" s="407" t="s">
        <v>63</v>
      </c>
      <c r="R124" s="410">
        <v>0</v>
      </c>
      <c r="S124" s="410">
        <v>0</v>
      </c>
      <c r="T124" s="407" t="s">
        <v>226</v>
      </c>
      <c r="U124" s="407" t="s">
        <v>82</v>
      </c>
      <c r="V124" s="408"/>
      <c r="W124" s="408"/>
      <c r="X124" s="408"/>
      <c r="Y124" s="408"/>
      <c r="Z124" s="408"/>
      <c r="AA124" s="402"/>
      <c r="AB124" s="408"/>
      <c r="AC124" s="408"/>
      <c r="AD124" s="408"/>
      <c r="AE124" s="408"/>
      <c r="AF124" s="408"/>
      <c r="AG124" s="408"/>
      <c r="AH124" s="408"/>
      <c r="AI124" s="408"/>
      <c r="AJ124" s="408"/>
      <c r="AK124" s="408"/>
      <c r="AL124" s="408"/>
      <c r="AM124" s="408"/>
      <c r="AN124" s="408"/>
      <c r="AO124" s="408"/>
      <c r="AP124" s="408"/>
      <c r="AQ124" s="408"/>
      <c r="AR124" s="408"/>
      <c r="AS124" s="408"/>
      <c r="AT124" s="408"/>
      <c r="AU124" s="408"/>
      <c r="AV124" s="408"/>
      <c r="AW124" s="408"/>
      <c r="AX124" s="408"/>
      <c r="AY124" s="402" t="s">
        <v>66</v>
      </c>
      <c r="AZ124" s="408"/>
      <c r="BA124" s="308">
        <f t="shared" si="36"/>
        <v>31</v>
      </c>
      <c r="BB124" s="309"/>
      <c r="BC124" s="402" t="str">
        <f t="shared" si="37"/>
        <v/>
      </c>
      <c r="BD124" s="402" t="str">
        <f t="shared" si="38"/>
        <v/>
      </c>
      <c r="BE124" s="402" t="str">
        <f t="shared" si="39"/>
        <v/>
      </c>
      <c r="BF124" s="402" t="str">
        <f t="shared" si="40"/>
        <v/>
      </c>
      <c r="BG124" s="402" t="str">
        <f t="shared" si="41"/>
        <v/>
      </c>
      <c r="BH124" s="402" t="str">
        <f t="shared" si="42"/>
        <v/>
      </c>
      <c r="BI124" s="402" t="str">
        <f t="shared" si="43"/>
        <v/>
      </c>
      <c r="BJ124" s="402" t="str">
        <f t="shared" si="44"/>
        <v/>
      </c>
      <c r="BK124" s="402" t="str">
        <f t="shared" si="45"/>
        <v/>
      </c>
      <c r="BL124" s="402" t="str">
        <f t="shared" si="46"/>
        <v/>
      </c>
      <c r="BM124" s="402" t="str">
        <f t="shared" si="47"/>
        <v/>
      </c>
      <c r="BN124" s="402" t="str">
        <f t="shared" si="48"/>
        <v/>
      </c>
      <c r="BO124" s="402" t="str">
        <f t="shared" si="49"/>
        <v/>
      </c>
      <c r="BP124" s="402" t="str">
        <f t="shared" si="50"/>
        <v/>
      </c>
      <c r="BQ124" s="402" t="str">
        <f t="shared" si="51"/>
        <v/>
      </c>
      <c r="BR124" s="402" t="str">
        <f t="shared" si="52"/>
        <v/>
      </c>
      <c r="BS124" s="402" t="str">
        <f t="shared" si="53"/>
        <v/>
      </c>
      <c r="BT124" s="402" t="str">
        <f t="shared" si="54"/>
        <v/>
      </c>
      <c r="BU124" s="402" t="str">
        <f t="shared" si="55"/>
        <v/>
      </c>
      <c r="BV124" s="402" t="str">
        <f t="shared" si="56"/>
        <v/>
      </c>
      <c r="BW124" s="402" t="str">
        <f t="shared" si="57"/>
        <v/>
      </c>
      <c r="BX124" s="402" t="str">
        <f t="shared" si="58"/>
        <v/>
      </c>
      <c r="BY124" s="402" t="str">
        <f t="shared" si="59"/>
        <v/>
      </c>
      <c r="BZ124" s="402" t="str">
        <f t="shared" si="60"/>
        <v/>
      </c>
      <c r="CA124" s="402" t="str">
        <f t="shared" si="61"/>
        <v/>
      </c>
      <c r="CB124" s="402" t="str">
        <f t="shared" si="62"/>
        <v/>
      </c>
      <c r="CC124" s="402" t="str">
        <f t="shared" si="63"/>
        <v/>
      </c>
      <c r="CD124" s="402" t="str">
        <f t="shared" si="64"/>
        <v/>
      </c>
      <c r="CE124" s="402" t="str">
        <f t="shared" si="65"/>
        <v/>
      </c>
      <c r="CF124" s="402">
        <f t="shared" si="66"/>
        <v>0</v>
      </c>
      <c r="CG124" s="402" t="str">
        <f t="shared" si="67"/>
        <v/>
      </c>
      <c r="CH124" s="402"/>
      <c r="CI124" s="402"/>
      <c r="CJ124" s="402"/>
      <c r="CK124" s="402"/>
      <c r="CL124" s="402"/>
      <c r="CM124" s="402"/>
      <c r="CN124" s="402"/>
      <c r="CO124" s="402"/>
      <c r="CP124" s="402"/>
      <c r="CQ124" s="402"/>
      <c r="CR124" s="402"/>
      <c r="CS124" s="402"/>
      <c r="CT124" s="402"/>
      <c r="CU124" s="402"/>
      <c r="CV124" s="402"/>
      <c r="CW124" s="402"/>
      <c r="CX124" s="402"/>
      <c r="CY124" s="402"/>
      <c r="CZ124" s="402"/>
      <c r="DA124" s="402"/>
      <c r="DB124" s="402"/>
      <c r="DC124" s="402"/>
      <c r="DD124" s="407"/>
      <c r="DE124" s="407"/>
      <c r="DF124" s="407"/>
    </row>
    <row r="125" spans="3:110" s="395" customFormat="1" ht="56.1" customHeight="1" x14ac:dyDescent="0.2">
      <c r="C125" s="420">
        <v>312</v>
      </c>
      <c r="D125" s="420" t="s">
        <v>2481</v>
      </c>
      <c r="E125" s="96" t="s">
        <v>53</v>
      </c>
      <c r="F125" s="96" t="s">
        <v>515</v>
      </c>
      <c r="G125" s="407" t="s">
        <v>530</v>
      </c>
      <c r="H125" s="407" t="s">
        <v>532</v>
      </c>
      <c r="I125" s="407" t="s">
        <v>532</v>
      </c>
      <c r="J125" s="407"/>
      <c r="K125" s="407" t="s">
        <v>95</v>
      </c>
      <c r="L125" s="407" t="s">
        <v>310</v>
      </c>
      <c r="M125" s="407" t="s">
        <v>81</v>
      </c>
      <c r="N125" s="407" t="s">
        <v>525</v>
      </c>
      <c r="O125" s="407" t="s">
        <v>225</v>
      </c>
      <c r="P125" s="407" t="s">
        <v>63</v>
      </c>
      <c r="Q125" s="407" t="s">
        <v>63</v>
      </c>
      <c r="R125" s="410">
        <v>0</v>
      </c>
      <c r="S125" s="410">
        <v>0</v>
      </c>
      <c r="T125" s="407" t="s">
        <v>226</v>
      </c>
      <c r="U125" s="407" t="s">
        <v>82</v>
      </c>
      <c r="V125" s="408"/>
      <c r="W125" s="408"/>
      <c r="X125" s="408"/>
      <c r="Y125" s="408"/>
      <c r="Z125" s="408"/>
      <c r="AA125" s="402"/>
      <c r="AB125" s="408"/>
      <c r="AC125" s="408"/>
      <c r="AD125" s="408"/>
      <c r="AE125" s="408"/>
      <c r="AF125" s="408"/>
      <c r="AG125" s="408"/>
      <c r="AH125" s="408"/>
      <c r="AI125" s="408"/>
      <c r="AJ125" s="408"/>
      <c r="AK125" s="408"/>
      <c r="AL125" s="408"/>
      <c r="AM125" s="408"/>
      <c r="AN125" s="408"/>
      <c r="AO125" s="408"/>
      <c r="AP125" s="408"/>
      <c r="AQ125" s="408"/>
      <c r="AR125" s="408"/>
      <c r="AS125" s="408"/>
      <c r="AT125" s="408"/>
      <c r="AU125" s="408"/>
      <c r="AV125" s="408"/>
      <c r="AW125" s="408"/>
      <c r="AX125" s="408"/>
      <c r="AY125" s="402" t="s">
        <v>66</v>
      </c>
      <c r="AZ125" s="408"/>
      <c r="BA125" s="308">
        <f t="shared" si="36"/>
        <v>31</v>
      </c>
      <c r="BB125" s="309"/>
      <c r="BC125" s="402" t="str">
        <f t="shared" si="37"/>
        <v/>
      </c>
      <c r="BD125" s="402" t="str">
        <f t="shared" si="38"/>
        <v/>
      </c>
      <c r="BE125" s="402" t="str">
        <f t="shared" si="39"/>
        <v/>
      </c>
      <c r="BF125" s="402" t="str">
        <f t="shared" si="40"/>
        <v/>
      </c>
      <c r="BG125" s="402" t="str">
        <f t="shared" si="41"/>
        <v/>
      </c>
      <c r="BH125" s="402" t="str">
        <f t="shared" si="42"/>
        <v/>
      </c>
      <c r="BI125" s="402" t="str">
        <f t="shared" si="43"/>
        <v/>
      </c>
      <c r="BJ125" s="402" t="str">
        <f t="shared" si="44"/>
        <v/>
      </c>
      <c r="BK125" s="402" t="str">
        <f t="shared" si="45"/>
        <v/>
      </c>
      <c r="BL125" s="402" t="str">
        <f t="shared" si="46"/>
        <v/>
      </c>
      <c r="BM125" s="402" t="str">
        <f t="shared" si="47"/>
        <v/>
      </c>
      <c r="BN125" s="402" t="str">
        <f t="shared" si="48"/>
        <v/>
      </c>
      <c r="BO125" s="402" t="str">
        <f t="shared" si="49"/>
        <v/>
      </c>
      <c r="BP125" s="402" t="str">
        <f t="shared" si="50"/>
        <v/>
      </c>
      <c r="BQ125" s="402" t="str">
        <f t="shared" si="51"/>
        <v/>
      </c>
      <c r="BR125" s="402" t="str">
        <f t="shared" si="52"/>
        <v/>
      </c>
      <c r="BS125" s="402" t="str">
        <f t="shared" si="53"/>
        <v/>
      </c>
      <c r="BT125" s="402" t="str">
        <f t="shared" si="54"/>
        <v/>
      </c>
      <c r="BU125" s="402" t="str">
        <f t="shared" si="55"/>
        <v/>
      </c>
      <c r="BV125" s="402" t="str">
        <f t="shared" si="56"/>
        <v/>
      </c>
      <c r="BW125" s="402" t="str">
        <f t="shared" si="57"/>
        <v/>
      </c>
      <c r="BX125" s="402" t="str">
        <f t="shared" si="58"/>
        <v/>
      </c>
      <c r="BY125" s="402" t="str">
        <f t="shared" si="59"/>
        <v/>
      </c>
      <c r="BZ125" s="402" t="str">
        <f t="shared" si="60"/>
        <v/>
      </c>
      <c r="CA125" s="402" t="str">
        <f t="shared" si="61"/>
        <v/>
      </c>
      <c r="CB125" s="402" t="str">
        <f t="shared" si="62"/>
        <v/>
      </c>
      <c r="CC125" s="402" t="str">
        <f t="shared" si="63"/>
        <v/>
      </c>
      <c r="CD125" s="402" t="str">
        <f t="shared" si="64"/>
        <v/>
      </c>
      <c r="CE125" s="402" t="str">
        <f t="shared" si="65"/>
        <v/>
      </c>
      <c r="CF125" s="402">
        <f t="shared" si="66"/>
        <v>0</v>
      </c>
      <c r="CG125" s="402" t="str">
        <f t="shared" si="67"/>
        <v/>
      </c>
      <c r="CH125" s="402"/>
      <c r="CI125" s="402"/>
      <c r="CJ125" s="402"/>
      <c r="CK125" s="402"/>
      <c r="CL125" s="402"/>
      <c r="CM125" s="402"/>
      <c r="CN125" s="402"/>
      <c r="CO125" s="402"/>
      <c r="CP125" s="402"/>
      <c r="CQ125" s="402"/>
      <c r="CR125" s="402"/>
      <c r="CS125" s="402"/>
      <c r="CT125" s="402"/>
      <c r="CU125" s="402"/>
      <c r="CV125" s="402"/>
      <c r="CW125" s="402"/>
      <c r="CX125" s="402"/>
      <c r="CY125" s="402"/>
      <c r="CZ125" s="402"/>
      <c r="DA125" s="402"/>
      <c r="DB125" s="402"/>
      <c r="DC125" s="402"/>
      <c r="DD125" s="407"/>
      <c r="DE125" s="407"/>
      <c r="DF125" s="407"/>
    </row>
    <row r="126" spans="3:110" s="395" customFormat="1" ht="56.1" customHeight="1" x14ac:dyDescent="0.2">
      <c r="C126" s="420">
        <v>313</v>
      </c>
      <c r="D126" s="420" t="s">
        <v>2481</v>
      </c>
      <c r="E126" s="96" t="s">
        <v>53</v>
      </c>
      <c r="F126" s="96" t="s">
        <v>515</v>
      </c>
      <c r="G126" s="407" t="s">
        <v>533</v>
      </c>
      <c r="H126" s="407" t="s">
        <v>534</v>
      </c>
      <c r="I126" s="407" t="s">
        <v>534</v>
      </c>
      <c r="J126" s="407"/>
      <c r="K126" s="407" t="s">
        <v>95</v>
      </c>
      <c r="L126" s="407" t="s">
        <v>310</v>
      </c>
      <c r="M126" s="407" t="s">
        <v>81</v>
      </c>
      <c r="N126" s="407" t="s">
        <v>334</v>
      </c>
      <c r="O126" s="407" t="s">
        <v>225</v>
      </c>
      <c r="P126" s="407" t="s">
        <v>63</v>
      </c>
      <c r="Q126" s="407" t="s">
        <v>63</v>
      </c>
      <c r="R126" s="410">
        <v>5515.83</v>
      </c>
      <c r="S126" s="410">
        <v>5515.83</v>
      </c>
      <c r="T126" s="407" t="s">
        <v>226</v>
      </c>
      <c r="U126" s="407" t="s">
        <v>82</v>
      </c>
      <c r="V126" s="408"/>
      <c r="W126" s="408"/>
      <c r="X126" s="408"/>
      <c r="Y126" s="408"/>
      <c r="Z126" s="408"/>
      <c r="AA126" s="402"/>
      <c r="AB126" s="408"/>
      <c r="AC126" s="408"/>
      <c r="AD126" s="408"/>
      <c r="AE126" s="408"/>
      <c r="AF126" s="408"/>
      <c r="AG126" s="408"/>
      <c r="AH126" s="408"/>
      <c r="AI126" s="408"/>
      <c r="AJ126" s="408"/>
      <c r="AK126" s="408"/>
      <c r="AL126" s="408"/>
      <c r="AM126" s="408"/>
      <c r="AN126" s="408"/>
      <c r="AO126" s="408"/>
      <c r="AP126" s="408"/>
      <c r="AQ126" s="408"/>
      <c r="AR126" s="408"/>
      <c r="AS126" s="408"/>
      <c r="AT126" s="408"/>
      <c r="AU126" s="408"/>
      <c r="AV126" s="408"/>
      <c r="AW126" s="408"/>
      <c r="AX126" s="408"/>
      <c r="AY126" s="402" t="s">
        <v>66</v>
      </c>
      <c r="AZ126" s="408"/>
      <c r="BA126" s="308">
        <f t="shared" si="36"/>
        <v>31</v>
      </c>
      <c r="BB126" s="309">
        <f t="shared" ref="BB126:BB154" si="70">S126/BA126</f>
        <v>177.93</v>
      </c>
      <c r="BC126" s="402" t="str">
        <f t="shared" si="37"/>
        <v/>
      </c>
      <c r="BD126" s="402" t="str">
        <f t="shared" si="38"/>
        <v/>
      </c>
      <c r="BE126" s="402" t="str">
        <f t="shared" si="39"/>
        <v/>
      </c>
      <c r="BF126" s="402" t="str">
        <f t="shared" si="40"/>
        <v/>
      </c>
      <c r="BG126" s="402" t="str">
        <f t="shared" si="41"/>
        <v/>
      </c>
      <c r="BH126" s="402" t="str">
        <f t="shared" si="42"/>
        <v/>
      </c>
      <c r="BI126" s="402" t="str">
        <f t="shared" si="43"/>
        <v/>
      </c>
      <c r="BJ126" s="402" t="str">
        <f t="shared" si="44"/>
        <v/>
      </c>
      <c r="BK126" s="402" t="str">
        <f t="shared" si="45"/>
        <v/>
      </c>
      <c r="BL126" s="402" t="str">
        <f t="shared" si="46"/>
        <v/>
      </c>
      <c r="BM126" s="402" t="str">
        <f t="shared" si="47"/>
        <v/>
      </c>
      <c r="BN126" s="402" t="str">
        <f t="shared" si="48"/>
        <v/>
      </c>
      <c r="BO126" s="402" t="str">
        <f t="shared" si="49"/>
        <v/>
      </c>
      <c r="BP126" s="402" t="str">
        <f t="shared" si="50"/>
        <v/>
      </c>
      <c r="BQ126" s="402" t="str">
        <f t="shared" si="51"/>
        <v/>
      </c>
      <c r="BR126" s="402" t="str">
        <f t="shared" si="52"/>
        <v/>
      </c>
      <c r="BS126" s="402" t="str">
        <f t="shared" si="53"/>
        <v/>
      </c>
      <c r="BT126" s="402" t="str">
        <f t="shared" si="54"/>
        <v/>
      </c>
      <c r="BU126" s="402" t="str">
        <f t="shared" si="55"/>
        <v/>
      </c>
      <c r="BV126" s="402" t="str">
        <f t="shared" si="56"/>
        <v/>
      </c>
      <c r="BW126" s="402" t="str">
        <f t="shared" si="57"/>
        <v/>
      </c>
      <c r="BX126" s="402" t="str">
        <f t="shared" si="58"/>
        <v/>
      </c>
      <c r="BY126" s="402" t="str">
        <f t="shared" si="59"/>
        <v/>
      </c>
      <c r="BZ126" s="402" t="str">
        <f t="shared" si="60"/>
        <v/>
      </c>
      <c r="CA126" s="402" t="str">
        <f t="shared" si="61"/>
        <v/>
      </c>
      <c r="CB126" s="402" t="str">
        <f t="shared" si="62"/>
        <v/>
      </c>
      <c r="CC126" s="402" t="str">
        <f t="shared" si="63"/>
        <v/>
      </c>
      <c r="CD126" s="402" t="str">
        <f t="shared" si="64"/>
        <v/>
      </c>
      <c r="CE126" s="402" t="str">
        <f t="shared" si="65"/>
        <v/>
      </c>
      <c r="CF126" s="402">
        <f t="shared" si="66"/>
        <v>5515.83</v>
      </c>
      <c r="CG126" s="402" t="str">
        <f t="shared" si="67"/>
        <v/>
      </c>
      <c r="CH126" s="402"/>
      <c r="CI126" s="402"/>
      <c r="CJ126" s="402"/>
      <c r="CK126" s="402"/>
      <c r="CL126" s="402"/>
      <c r="CM126" s="402"/>
      <c r="CN126" s="402"/>
      <c r="CO126" s="402"/>
      <c r="CP126" s="402"/>
      <c r="CQ126" s="402"/>
      <c r="CR126" s="402"/>
      <c r="CS126" s="402"/>
      <c r="CT126" s="402"/>
      <c r="CU126" s="402"/>
      <c r="CV126" s="402"/>
      <c r="CW126" s="402"/>
      <c r="CX126" s="402"/>
      <c r="CY126" s="402"/>
      <c r="CZ126" s="402"/>
      <c r="DA126" s="402"/>
      <c r="DB126" s="402"/>
      <c r="DC126" s="402"/>
      <c r="DD126" s="407"/>
      <c r="DE126" s="407"/>
      <c r="DF126" s="407"/>
    </row>
    <row r="127" spans="3:110" s="395" customFormat="1" ht="56.1" customHeight="1" x14ac:dyDescent="0.2">
      <c r="C127" s="420">
        <v>314</v>
      </c>
      <c r="D127" s="420" t="s">
        <v>2481</v>
      </c>
      <c r="E127" s="96" t="s">
        <v>53</v>
      </c>
      <c r="F127" s="96" t="s">
        <v>515</v>
      </c>
      <c r="G127" s="407" t="s">
        <v>516</v>
      </c>
      <c r="H127" s="407" t="s">
        <v>535</v>
      </c>
      <c r="I127" s="407" t="s">
        <v>536</v>
      </c>
      <c r="J127" s="407"/>
      <c r="K127" s="407" t="s">
        <v>90</v>
      </c>
      <c r="L127" s="407" t="s">
        <v>38</v>
      </c>
      <c r="M127" s="407" t="s">
        <v>60</v>
      </c>
      <c r="N127" s="407" t="s">
        <v>334</v>
      </c>
      <c r="O127" s="407" t="s">
        <v>339</v>
      </c>
      <c r="P127" s="407" t="s">
        <v>63</v>
      </c>
      <c r="Q127" s="407" t="s">
        <v>63</v>
      </c>
      <c r="R127" s="410">
        <v>75916.800000000003</v>
      </c>
      <c r="S127" s="410">
        <v>75916.800000000003</v>
      </c>
      <c r="T127" s="407" t="s">
        <v>64</v>
      </c>
      <c r="U127" s="407" t="s">
        <v>82</v>
      </c>
      <c r="V127" s="408"/>
      <c r="W127" s="408"/>
      <c r="X127" s="408"/>
      <c r="Y127" s="408"/>
      <c r="Z127" s="408"/>
      <c r="AA127" s="402"/>
      <c r="AB127" s="408"/>
      <c r="AC127" s="408"/>
      <c r="AD127" s="408"/>
      <c r="AE127" s="408"/>
      <c r="AF127" s="408"/>
      <c r="AG127" s="408"/>
      <c r="AH127" s="408"/>
      <c r="AI127" s="408"/>
      <c r="AJ127" s="408"/>
      <c r="AK127" s="408"/>
      <c r="AL127" s="408"/>
      <c r="AM127" s="408"/>
      <c r="AN127" s="408"/>
      <c r="AO127" s="408"/>
      <c r="AP127" s="408"/>
      <c r="AQ127" s="402" t="s">
        <v>66</v>
      </c>
      <c r="AR127" s="408"/>
      <c r="AS127" s="408"/>
      <c r="AT127" s="408"/>
      <c r="AU127" s="408"/>
      <c r="AV127" s="408"/>
      <c r="AW127" s="408"/>
      <c r="AX127" s="408"/>
      <c r="AY127" s="408"/>
      <c r="AZ127" s="408"/>
      <c r="BA127" s="308">
        <f t="shared" si="36"/>
        <v>250</v>
      </c>
      <c r="BB127" s="309">
        <f t="shared" si="70"/>
        <v>303.66720000000004</v>
      </c>
      <c r="BC127" s="402" t="str">
        <f t="shared" si="37"/>
        <v/>
      </c>
      <c r="BD127" s="402" t="str">
        <f t="shared" si="38"/>
        <v/>
      </c>
      <c r="BE127" s="402" t="str">
        <f t="shared" si="39"/>
        <v/>
      </c>
      <c r="BF127" s="402" t="str">
        <f t="shared" si="40"/>
        <v/>
      </c>
      <c r="BG127" s="402" t="str">
        <f t="shared" si="41"/>
        <v/>
      </c>
      <c r="BH127" s="402" t="str">
        <f t="shared" si="42"/>
        <v/>
      </c>
      <c r="BI127" s="402" t="str">
        <f t="shared" si="43"/>
        <v/>
      </c>
      <c r="BJ127" s="402" t="str">
        <f t="shared" si="44"/>
        <v/>
      </c>
      <c r="BK127" s="402" t="str">
        <f t="shared" si="45"/>
        <v/>
      </c>
      <c r="BL127" s="402" t="str">
        <f t="shared" si="46"/>
        <v/>
      </c>
      <c r="BM127" s="402" t="str">
        <f t="shared" si="47"/>
        <v/>
      </c>
      <c r="BN127" s="402" t="str">
        <f t="shared" si="48"/>
        <v/>
      </c>
      <c r="BO127" s="402" t="str">
        <f t="shared" si="49"/>
        <v/>
      </c>
      <c r="BP127" s="402" t="str">
        <f t="shared" si="50"/>
        <v/>
      </c>
      <c r="BQ127" s="402" t="str">
        <f t="shared" si="51"/>
        <v/>
      </c>
      <c r="BR127" s="402" t="str">
        <f t="shared" si="52"/>
        <v/>
      </c>
      <c r="BS127" s="402" t="str">
        <f t="shared" si="53"/>
        <v/>
      </c>
      <c r="BT127" s="402" t="str">
        <f t="shared" si="54"/>
        <v/>
      </c>
      <c r="BU127" s="402" t="str">
        <f t="shared" si="55"/>
        <v/>
      </c>
      <c r="BV127" s="402" t="str">
        <f t="shared" si="56"/>
        <v/>
      </c>
      <c r="BW127" s="402" t="str">
        <f t="shared" si="57"/>
        <v/>
      </c>
      <c r="BX127" s="402">
        <f t="shared" si="58"/>
        <v>75916.800000000003</v>
      </c>
      <c r="BY127" s="402" t="str">
        <f t="shared" si="59"/>
        <v/>
      </c>
      <c r="BZ127" s="402" t="str">
        <f t="shared" si="60"/>
        <v/>
      </c>
      <c r="CA127" s="402" t="str">
        <f t="shared" si="61"/>
        <v/>
      </c>
      <c r="CB127" s="402" t="str">
        <f t="shared" si="62"/>
        <v/>
      </c>
      <c r="CC127" s="402" t="str">
        <f t="shared" si="63"/>
        <v/>
      </c>
      <c r="CD127" s="402" t="str">
        <f t="shared" si="64"/>
        <v/>
      </c>
      <c r="CE127" s="402" t="str">
        <f t="shared" si="65"/>
        <v/>
      </c>
      <c r="CF127" s="402" t="str">
        <f t="shared" si="66"/>
        <v/>
      </c>
      <c r="CG127" s="402" t="str">
        <f t="shared" si="67"/>
        <v/>
      </c>
      <c r="CH127" s="402"/>
      <c r="CI127" s="402"/>
      <c r="CJ127" s="402"/>
      <c r="CK127" s="402"/>
      <c r="CL127" s="402"/>
      <c r="CM127" s="402"/>
      <c r="CN127" s="402"/>
      <c r="CO127" s="402"/>
      <c r="CP127" s="402"/>
      <c r="CQ127" s="402"/>
      <c r="CR127" s="402"/>
      <c r="CS127" s="402"/>
      <c r="CT127" s="402"/>
      <c r="CU127" s="402"/>
      <c r="CV127" s="402"/>
      <c r="CW127" s="402"/>
      <c r="CX127" s="402"/>
      <c r="CY127" s="402"/>
      <c r="CZ127" s="402"/>
      <c r="DA127" s="402"/>
      <c r="DB127" s="402"/>
      <c r="DC127" s="402"/>
      <c r="DD127" s="407"/>
      <c r="DE127" s="407"/>
      <c r="DF127" s="407"/>
    </row>
    <row r="128" spans="3:110" s="395" customFormat="1" ht="56.1" customHeight="1" x14ac:dyDescent="0.2">
      <c r="C128" s="420">
        <v>315</v>
      </c>
      <c r="D128" s="420" t="s">
        <v>2481</v>
      </c>
      <c r="E128" s="96" t="s">
        <v>53</v>
      </c>
      <c r="F128" s="96" t="s">
        <v>515</v>
      </c>
      <c r="G128" s="407" t="s">
        <v>518</v>
      </c>
      <c r="H128" s="407" t="s">
        <v>520</v>
      </c>
      <c r="I128" s="407" t="s">
        <v>520</v>
      </c>
      <c r="J128" s="407"/>
      <c r="K128" s="407" t="s">
        <v>90</v>
      </c>
      <c r="L128" s="407" t="s">
        <v>38</v>
      </c>
      <c r="M128" s="407" t="s">
        <v>60</v>
      </c>
      <c r="N128" s="407" t="s">
        <v>334</v>
      </c>
      <c r="O128" s="407" t="s">
        <v>339</v>
      </c>
      <c r="P128" s="407" t="s">
        <v>63</v>
      </c>
      <c r="Q128" s="407" t="s">
        <v>63</v>
      </c>
      <c r="R128" s="410">
        <v>199281.6</v>
      </c>
      <c r="S128" s="410">
        <v>199281.6</v>
      </c>
      <c r="T128" s="407" t="s">
        <v>64</v>
      </c>
      <c r="U128" s="407" t="s">
        <v>82</v>
      </c>
      <c r="V128" s="408"/>
      <c r="W128" s="408"/>
      <c r="X128" s="408"/>
      <c r="Y128" s="408"/>
      <c r="Z128" s="408"/>
      <c r="AA128" s="402"/>
      <c r="AB128" s="408"/>
      <c r="AC128" s="408"/>
      <c r="AD128" s="408"/>
      <c r="AE128" s="408"/>
      <c r="AF128" s="408"/>
      <c r="AG128" s="408"/>
      <c r="AH128" s="408"/>
      <c r="AI128" s="408"/>
      <c r="AJ128" s="408"/>
      <c r="AK128" s="408"/>
      <c r="AL128" s="408"/>
      <c r="AM128" s="408"/>
      <c r="AN128" s="408"/>
      <c r="AO128" s="408"/>
      <c r="AP128" s="408"/>
      <c r="AQ128" s="402" t="s">
        <v>66</v>
      </c>
      <c r="AR128" s="408"/>
      <c r="AS128" s="408"/>
      <c r="AT128" s="408"/>
      <c r="AU128" s="408"/>
      <c r="AV128" s="408"/>
      <c r="AW128" s="408"/>
      <c r="AX128" s="408"/>
      <c r="AY128" s="408"/>
      <c r="AZ128" s="408"/>
      <c r="BA128" s="308">
        <f t="shared" si="36"/>
        <v>250</v>
      </c>
      <c r="BB128" s="309">
        <f t="shared" si="70"/>
        <v>797.12639999999999</v>
      </c>
      <c r="BC128" s="402" t="str">
        <f t="shared" si="37"/>
        <v/>
      </c>
      <c r="BD128" s="402" t="str">
        <f t="shared" si="38"/>
        <v/>
      </c>
      <c r="BE128" s="402" t="str">
        <f t="shared" si="39"/>
        <v/>
      </c>
      <c r="BF128" s="402" t="str">
        <f t="shared" si="40"/>
        <v/>
      </c>
      <c r="BG128" s="402" t="str">
        <f t="shared" si="41"/>
        <v/>
      </c>
      <c r="BH128" s="402" t="str">
        <f t="shared" si="42"/>
        <v/>
      </c>
      <c r="BI128" s="402" t="str">
        <f t="shared" si="43"/>
        <v/>
      </c>
      <c r="BJ128" s="402" t="str">
        <f t="shared" si="44"/>
        <v/>
      </c>
      <c r="BK128" s="402" t="str">
        <f t="shared" si="45"/>
        <v/>
      </c>
      <c r="BL128" s="402" t="str">
        <f t="shared" si="46"/>
        <v/>
      </c>
      <c r="BM128" s="402" t="str">
        <f t="shared" si="47"/>
        <v/>
      </c>
      <c r="BN128" s="402" t="str">
        <f t="shared" si="48"/>
        <v/>
      </c>
      <c r="BO128" s="402" t="str">
        <f t="shared" si="49"/>
        <v/>
      </c>
      <c r="BP128" s="402" t="str">
        <f t="shared" si="50"/>
        <v/>
      </c>
      <c r="BQ128" s="402" t="str">
        <f t="shared" si="51"/>
        <v/>
      </c>
      <c r="BR128" s="402" t="str">
        <f t="shared" si="52"/>
        <v/>
      </c>
      <c r="BS128" s="402" t="str">
        <f t="shared" si="53"/>
        <v/>
      </c>
      <c r="BT128" s="402" t="str">
        <f t="shared" si="54"/>
        <v/>
      </c>
      <c r="BU128" s="402" t="str">
        <f t="shared" si="55"/>
        <v/>
      </c>
      <c r="BV128" s="402" t="str">
        <f t="shared" si="56"/>
        <v/>
      </c>
      <c r="BW128" s="402" t="str">
        <f t="shared" si="57"/>
        <v/>
      </c>
      <c r="BX128" s="402">
        <f t="shared" si="58"/>
        <v>199281.6</v>
      </c>
      <c r="BY128" s="402" t="str">
        <f t="shared" si="59"/>
        <v/>
      </c>
      <c r="BZ128" s="402" t="str">
        <f t="shared" si="60"/>
        <v/>
      </c>
      <c r="CA128" s="402" t="str">
        <f t="shared" si="61"/>
        <v/>
      </c>
      <c r="CB128" s="402" t="str">
        <f t="shared" si="62"/>
        <v/>
      </c>
      <c r="CC128" s="402" t="str">
        <f t="shared" si="63"/>
        <v/>
      </c>
      <c r="CD128" s="402" t="str">
        <f t="shared" si="64"/>
        <v/>
      </c>
      <c r="CE128" s="402" t="str">
        <f t="shared" si="65"/>
        <v/>
      </c>
      <c r="CF128" s="402" t="str">
        <f t="shared" si="66"/>
        <v/>
      </c>
      <c r="CG128" s="402" t="str">
        <f t="shared" si="67"/>
        <v/>
      </c>
      <c r="CH128" s="402"/>
      <c r="CI128" s="402"/>
      <c r="CJ128" s="402"/>
      <c r="CK128" s="402"/>
      <c r="CL128" s="402"/>
      <c r="CM128" s="402"/>
      <c r="CN128" s="402"/>
      <c r="CO128" s="402"/>
      <c r="CP128" s="402"/>
      <c r="CQ128" s="402"/>
      <c r="CR128" s="402"/>
      <c r="CS128" s="402"/>
      <c r="CT128" s="402"/>
      <c r="CU128" s="402"/>
      <c r="CV128" s="402"/>
      <c r="CW128" s="402"/>
      <c r="CX128" s="402"/>
      <c r="CY128" s="402"/>
      <c r="CZ128" s="402"/>
      <c r="DA128" s="402"/>
      <c r="DB128" s="402"/>
      <c r="DC128" s="402"/>
      <c r="DD128" s="407"/>
      <c r="DE128" s="407"/>
      <c r="DF128" s="407"/>
    </row>
    <row r="129" spans="3:110" s="395" customFormat="1" ht="56.1" customHeight="1" x14ac:dyDescent="0.2">
      <c r="C129" s="420">
        <v>316</v>
      </c>
      <c r="D129" s="420" t="s">
        <v>2481</v>
      </c>
      <c r="E129" s="96" t="s">
        <v>53</v>
      </c>
      <c r="F129" s="96" t="s">
        <v>515</v>
      </c>
      <c r="G129" s="407" t="s">
        <v>521</v>
      </c>
      <c r="H129" s="407" t="s">
        <v>522</v>
      </c>
      <c r="I129" s="407" t="s">
        <v>522</v>
      </c>
      <c r="J129" s="407"/>
      <c r="K129" s="407" t="s">
        <v>90</v>
      </c>
      <c r="L129" s="407" t="s">
        <v>38</v>
      </c>
      <c r="M129" s="407" t="s">
        <v>60</v>
      </c>
      <c r="N129" s="407" t="s">
        <v>334</v>
      </c>
      <c r="O129" s="407" t="s">
        <v>339</v>
      </c>
      <c r="P129" s="407" t="s">
        <v>63</v>
      </c>
      <c r="Q129" s="407" t="s">
        <v>63</v>
      </c>
      <c r="R129" s="410">
        <v>278361.59999999998</v>
      </c>
      <c r="S129" s="410">
        <v>278361.59999999998</v>
      </c>
      <c r="T129" s="407" t="s">
        <v>64</v>
      </c>
      <c r="U129" s="407" t="s">
        <v>82</v>
      </c>
      <c r="V129" s="408"/>
      <c r="W129" s="408"/>
      <c r="X129" s="408"/>
      <c r="Y129" s="408"/>
      <c r="Z129" s="408"/>
      <c r="AA129" s="402"/>
      <c r="AB129" s="408"/>
      <c r="AC129" s="408"/>
      <c r="AD129" s="408"/>
      <c r="AE129" s="408"/>
      <c r="AF129" s="408"/>
      <c r="AG129" s="408"/>
      <c r="AH129" s="408"/>
      <c r="AI129" s="408"/>
      <c r="AJ129" s="408"/>
      <c r="AK129" s="408"/>
      <c r="AL129" s="408"/>
      <c r="AM129" s="408"/>
      <c r="AN129" s="408"/>
      <c r="AO129" s="408"/>
      <c r="AP129" s="408"/>
      <c r="AQ129" s="402" t="s">
        <v>66</v>
      </c>
      <c r="AR129" s="408"/>
      <c r="AS129" s="408"/>
      <c r="AT129" s="408"/>
      <c r="AU129" s="408"/>
      <c r="AV129" s="408"/>
      <c r="AW129" s="408"/>
      <c r="AX129" s="408"/>
      <c r="AY129" s="408"/>
      <c r="AZ129" s="408"/>
      <c r="BA129" s="308">
        <f t="shared" si="36"/>
        <v>250</v>
      </c>
      <c r="BB129" s="309">
        <f t="shared" si="70"/>
        <v>1113.4463999999998</v>
      </c>
      <c r="BC129" s="402" t="str">
        <f t="shared" si="37"/>
        <v/>
      </c>
      <c r="BD129" s="402" t="str">
        <f t="shared" si="38"/>
        <v/>
      </c>
      <c r="BE129" s="402" t="str">
        <f t="shared" si="39"/>
        <v/>
      </c>
      <c r="BF129" s="402" t="str">
        <f t="shared" si="40"/>
        <v/>
      </c>
      <c r="BG129" s="402" t="str">
        <f t="shared" si="41"/>
        <v/>
      </c>
      <c r="BH129" s="402" t="str">
        <f t="shared" si="42"/>
        <v/>
      </c>
      <c r="BI129" s="402" t="str">
        <f t="shared" si="43"/>
        <v/>
      </c>
      <c r="BJ129" s="402" t="str">
        <f t="shared" si="44"/>
        <v/>
      </c>
      <c r="BK129" s="402" t="str">
        <f t="shared" si="45"/>
        <v/>
      </c>
      <c r="BL129" s="402" t="str">
        <f t="shared" si="46"/>
        <v/>
      </c>
      <c r="BM129" s="402" t="str">
        <f t="shared" si="47"/>
        <v/>
      </c>
      <c r="BN129" s="402" t="str">
        <f t="shared" si="48"/>
        <v/>
      </c>
      <c r="BO129" s="402" t="str">
        <f t="shared" si="49"/>
        <v/>
      </c>
      <c r="BP129" s="402" t="str">
        <f t="shared" si="50"/>
        <v/>
      </c>
      <c r="BQ129" s="402" t="str">
        <f t="shared" si="51"/>
        <v/>
      </c>
      <c r="BR129" s="402" t="str">
        <f t="shared" si="52"/>
        <v/>
      </c>
      <c r="BS129" s="402" t="str">
        <f t="shared" si="53"/>
        <v/>
      </c>
      <c r="BT129" s="402" t="str">
        <f t="shared" si="54"/>
        <v/>
      </c>
      <c r="BU129" s="402" t="str">
        <f t="shared" si="55"/>
        <v/>
      </c>
      <c r="BV129" s="402" t="str">
        <f t="shared" si="56"/>
        <v/>
      </c>
      <c r="BW129" s="402" t="str">
        <f t="shared" si="57"/>
        <v/>
      </c>
      <c r="BX129" s="402">
        <f t="shared" si="58"/>
        <v>278361.59999999998</v>
      </c>
      <c r="BY129" s="402" t="str">
        <f t="shared" si="59"/>
        <v/>
      </c>
      <c r="BZ129" s="402" t="str">
        <f t="shared" si="60"/>
        <v/>
      </c>
      <c r="CA129" s="402" t="str">
        <f t="shared" si="61"/>
        <v/>
      </c>
      <c r="CB129" s="402" t="str">
        <f t="shared" si="62"/>
        <v/>
      </c>
      <c r="CC129" s="402" t="str">
        <f t="shared" si="63"/>
        <v/>
      </c>
      <c r="CD129" s="402" t="str">
        <f t="shared" si="64"/>
        <v/>
      </c>
      <c r="CE129" s="402" t="str">
        <f t="shared" si="65"/>
        <v/>
      </c>
      <c r="CF129" s="402" t="str">
        <f t="shared" si="66"/>
        <v/>
      </c>
      <c r="CG129" s="402" t="str">
        <f t="shared" si="67"/>
        <v/>
      </c>
      <c r="CH129" s="402"/>
      <c r="CI129" s="402"/>
      <c r="CJ129" s="402"/>
      <c r="CK129" s="402"/>
      <c r="CL129" s="402"/>
      <c r="CM129" s="402"/>
      <c r="CN129" s="402"/>
      <c r="CO129" s="402"/>
      <c r="CP129" s="402"/>
      <c r="CQ129" s="402"/>
      <c r="CR129" s="402"/>
      <c r="CS129" s="402"/>
      <c r="CT129" s="402"/>
      <c r="CU129" s="402"/>
      <c r="CV129" s="402"/>
      <c r="CW129" s="402"/>
      <c r="CX129" s="402"/>
      <c r="CY129" s="402"/>
      <c r="CZ129" s="402"/>
      <c r="DA129" s="402"/>
      <c r="DB129" s="402"/>
      <c r="DC129" s="402"/>
      <c r="DD129" s="407"/>
      <c r="DE129" s="407"/>
      <c r="DF129" s="407"/>
    </row>
    <row r="130" spans="3:110" s="395" customFormat="1" ht="56.1" customHeight="1" x14ac:dyDescent="0.2">
      <c r="C130" s="420">
        <v>317</v>
      </c>
      <c r="D130" s="420" t="s">
        <v>2481</v>
      </c>
      <c r="E130" s="96" t="s">
        <v>53</v>
      </c>
      <c r="F130" s="96" t="s">
        <v>515</v>
      </c>
      <c r="G130" s="407" t="s">
        <v>523</v>
      </c>
      <c r="H130" s="407" t="s">
        <v>540</v>
      </c>
      <c r="I130" s="407" t="s">
        <v>540</v>
      </c>
      <c r="J130" s="407"/>
      <c r="K130" s="407" t="s">
        <v>90</v>
      </c>
      <c r="L130" s="407" t="s">
        <v>38</v>
      </c>
      <c r="M130" s="407" t="s">
        <v>388</v>
      </c>
      <c r="N130" s="407" t="s">
        <v>525</v>
      </c>
      <c r="O130" s="407" t="s">
        <v>339</v>
      </c>
      <c r="P130" s="407" t="s">
        <v>63</v>
      </c>
      <c r="Q130" s="407" t="s">
        <v>63</v>
      </c>
      <c r="R130" s="410">
        <v>43494</v>
      </c>
      <c r="S130" s="410">
        <v>43494</v>
      </c>
      <c r="T130" s="407" t="s">
        <v>64</v>
      </c>
      <c r="U130" s="407" t="s">
        <v>82</v>
      </c>
      <c r="V130" s="408"/>
      <c r="W130" s="408"/>
      <c r="X130" s="408"/>
      <c r="Y130" s="408"/>
      <c r="Z130" s="408"/>
      <c r="AA130" s="402"/>
      <c r="AB130" s="408"/>
      <c r="AC130" s="408"/>
      <c r="AD130" s="408"/>
      <c r="AE130" s="408"/>
      <c r="AF130" s="408"/>
      <c r="AG130" s="408"/>
      <c r="AH130" s="408"/>
      <c r="AI130" s="408"/>
      <c r="AJ130" s="408"/>
      <c r="AK130" s="408"/>
      <c r="AL130" s="408"/>
      <c r="AM130" s="408"/>
      <c r="AN130" s="408"/>
      <c r="AO130" s="408"/>
      <c r="AP130" s="408"/>
      <c r="AQ130" s="402" t="s">
        <v>66</v>
      </c>
      <c r="AR130" s="408"/>
      <c r="AS130" s="408"/>
      <c r="AT130" s="408"/>
      <c r="AU130" s="408"/>
      <c r="AV130" s="408"/>
      <c r="AW130" s="408"/>
      <c r="AX130" s="408"/>
      <c r="AY130" s="408"/>
      <c r="AZ130" s="408"/>
      <c r="BA130" s="308">
        <f t="shared" si="36"/>
        <v>250</v>
      </c>
      <c r="BB130" s="309">
        <f t="shared" si="70"/>
        <v>173.976</v>
      </c>
      <c r="BC130" s="402" t="str">
        <f t="shared" si="37"/>
        <v/>
      </c>
      <c r="BD130" s="402" t="str">
        <f t="shared" si="38"/>
        <v/>
      </c>
      <c r="BE130" s="402" t="str">
        <f t="shared" si="39"/>
        <v/>
      </c>
      <c r="BF130" s="402" t="str">
        <f t="shared" si="40"/>
        <v/>
      </c>
      <c r="BG130" s="402" t="str">
        <f t="shared" si="41"/>
        <v/>
      </c>
      <c r="BH130" s="402" t="str">
        <f t="shared" si="42"/>
        <v/>
      </c>
      <c r="BI130" s="402" t="str">
        <f t="shared" si="43"/>
        <v/>
      </c>
      <c r="BJ130" s="402" t="str">
        <f t="shared" si="44"/>
        <v/>
      </c>
      <c r="BK130" s="402" t="str">
        <f t="shared" si="45"/>
        <v/>
      </c>
      <c r="BL130" s="402" t="str">
        <f t="shared" si="46"/>
        <v/>
      </c>
      <c r="BM130" s="402" t="str">
        <f t="shared" si="47"/>
        <v/>
      </c>
      <c r="BN130" s="402" t="str">
        <f t="shared" si="48"/>
        <v/>
      </c>
      <c r="BO130" s="402" t="str">
        <f t="shared" si="49"/>
        <v/>
      </c>
      <c r="BP130" s="402" t="str">
        <f t="shared" si="50"/>
        <v/>
      </c>
      <c r="BQ130" s="402" t="str">
        <f t="shared" si="51"/>
        <v/>
      </c>
      <c r="BR130" s="402" t="str">
        <f t="shared" si="52"/>
        <v/>
      </c>
      <c r="BS130" s="402" t="str">
        <f t="shared" si="53"/>
        <v/>
      </c>
      <c r="BT130" s="402" t="str">
        <f t="shared" si="54"/>
        <v/>
      </c>
      <c r="BU130" s="402" t="str">
        <f t="shared" si="55"/>
        <v/>
      </c>
      <c r="BV130" s="402" t="str">
        <f t="shared" si="56"/>
        <v/>
      </c>
      <c r="BW130" s="402" t="str">
        <f t="shared" si="57"/>
        <v/>
      </c>
      <c r="BX130" s="402">
        <f t="shared" si="58"/>
        <v>43494</v>
      </c>
      <c r="BY130" s="402" t="str">
        <f t="shared" si="59"/>
        <v/>
      </c>
      <c r="BZ130" s="402" t="str">
        <f t="shared" si="60"/>
        <v/>
      </c>
      <c r="CA130" s="402" t="str">
        <f t="shared" si="61"/>
        <v/>
      </c>
      <c r="CB130" s="402" t="str">
        <f t="shared" si="62"/>
        <v/>
      </c>
      <c r="CC130" s="402" t="str">
        <f t="shared" si="63"/>
        <v/>
      </c>
      <c r="CD130" s="402" t="str">
        <f t="shared" si="64"/>
        <v/>
      </c>
      <c r="CE130" s="402" t="str">
        <f t="shared" si="65"/>
        <v/>
      </c>
      <c r="CF130" s="402" t="str">
        <f t="shared" si="66"/>
        <v/>
      </c>
      <c r="CG130" s="402" t="str">
        <f t="shared" si="67"/>
        <v/>
      </c>
      <c r="CH130" s="402"/>
      <c r="CI130" s="402"/>
      <c r="CJ130" s="402"/>
      <c r="CK130" s="402"/>
      <c r="CL130" s="402"/>
      <c r="CM130" s="402"/>
      <c r="CN130" s="402"/>
      <c r="CO130" s="402"/>
      <c r="CP130" s="402"/>
      <c r="CQ130" s="402"/>
      <c r="CR130" s="402"/>
      <c r="CS130" s="402"/>
      <c r="CT130" s="402"/>
      <c r="CU130" s="402"/>
      <c r="CV130" s="402"/>
      <c r="CW130" s="402"/>
      <c r="CX130" s="402"/>
      <c r="CY130" s="402"/>
      <c r="CZ130" s="402"/>
      <c r="DA130" s="402"/>
      <c r="DB130" s="402"/>
      <c r="DC130" s="402"/>
      <c r="DD130" s="407"/>
      <c r="DE130" s="407"/>
      <c r="DF130" s="407"/>
    </row>
    <row r="131" spans="3:110" s="395" customFormat="1" ht="56.1" customHeight="1" x14ac:dyDescent="0.2">
      <c r="C131" s="420">
        <v>318</v>
      </c>
      <c r="D131" s="420" t="s">
        <v>2481</v>
      </c>
      <c r="E131" s="96" t="s">
        <v>53</v>
      </c>
      <c r="F131" s="96" t="s">
        <v>515</v>
      </c>
      <c r="G131" s="407" t="s">
        <v>539</v>
      </c>
      <c r="H131" s="407" t="s">
        <v>541</v>
      </c>
      <c r="I131" s="407" t="s">
        <v>541</v>
      </c>
      <c r="J131" s="407"/>
      <c r="K131" s="407" t="s">
        <v>90</v>
      </c>
      <c r="L131" s="407" t="s">
        <v>38</v>
      </c>
      <c r="M131" s="407" t="s">
        <v>388</v>
      </c>
      <c r="N131" s="407" t="s">
        <v>525</v>
      </c>
      <c r="O131" s="407" t="s">
        <v>339</v>
      </c>
      <c r="P131" s="407" t="s">
        <v>63</v>
      </c>
      <c r="Q131" s="407" t="s">
        <v>63</v>
      </c>
      <c r="R131" s="410">
        <v>105440</v>
      </c>
      <c r="S131" s="410">
        <v>105440</v>
      </c>
      <c r="T131" s="407" t="s">
        <v>64</v>
      </c>
      <c r="U131" s="407" t="s">
        <v>82</v>
      </c>
      <c r="V131" s="408"/>
      <c r="W131" s="408"/>
      <c r="X131" s="408"/>
      <c r="Y131" s="408"/>
      <c r="Z131" s="408"/>
      <c r="AA131" s="402"/>
      <c r="AB131" s="408"/>
      <c r="AC131" s="408"/>
      <c r="AD131" s="408"/>
      <c r="AE131" s="408"/>
      <c r="AF131" s="408"/>
      <c r="AG131" s="408"/>
      <c r="AH131" s="408"/>
      <c r="AI131" s="408"/>
      <c r="AJ131" s="408"/>
      <c r="AK131" s="408"/>
      <c r="AL131" s="408"/>
      <c r="AM131" s="408"/>
      <c r="AN131" s="408"/>
      <c r="AO131" s="408"/>
      <c r="AP131" s="408"/>
      <c r="AQ131" s="402" t="s">
        <v>66</v>
      </c>
      <c r="AR131" s="408"/>
      <c r="AS131" s="408"/>
      <c r="AT131" s="408"/>
      <c r="AU131" s="408"/>
      <c r="AV131" s="408"/>
      <c r="AW131" s="408"/>
      <c r="AX131" s="408"/>
      <c r="AY131" s="408"/>
      <c r="AZ131" s="408"/>
      <c r="BA131" s="308">
        <f t="shared" ref="BA131:BA194" si="71">SUMIF(V131:AZ131,"YES",$V$2:$AZ$2)</f>
        <v>250</v>
      </c>
      <c r="BB131" s="309">
        <f t="shared" si="70"/>
        <v>421.76</v>
      </c>
      <c r="BC131" s="402" t="str">
        <f t="shared" ref="BC131:BC194" si="72">IF(V131="yes",(V$2*$BB131),"")</f>
        <v/>
      </c>
      <c r="BD131" s="402" t="str">
        <f t="shared" ref="BD131:BD194" si="73">IF(W131="yes",(W$2*$BB131),"")</f>
        <v/>
      </c>
      <c r="BE131" s="402" t="str">
        <f t="shared" ref="BE131:BE194" si="74">IF(X131="yes",(X$2*$BB131),"")</f>
        <v/>
      </c>
      <c r="BF131" s="402" t="str">
        <f t="shared" ref="BF131:BF194" si="75">IF(Y131="yes",(Y$2*$BB131),"")</f>
        <v/>
      </c>
      <c r="BG131" s="402" t="str">
        <f t="shared" ref="BG131:BG194" si="76">IF(Z131="yes",(Z$2*$BB131),"")</f>
        <v/>
      </c>
      <c r="BH131" s="402" t="str">
        <f t="shared" ref="BH131:BH194" si="77">IF(AA131="yes",(AA$2*$BB131),"")</f>
        <v/>
      </c>
      <c r="BI131" s="402" t="str">
        <f t="shared" ref="BI131:BI194" si="78">IF(AB131="yes",(AB$2*$BB131),"")</f>
        <v/>
      </c>
      <c r="BJ131" s="402" t="str">
        <f t="shared" ref="BJ131:BJ194" si="79">IF(AC131="yes",(AC$2*$BB131),"")</f>
        <v/>
      </c>
      <c r="BK131" s="402" t="str">
        <f t="shared" ref="BK131:BK194" si="80">IF(AD131="yes",(AD$2*$BB131),"")</f>
        <v/>
      </c>
      <c r="BL131" s="402" t="str">
        <f t="shared" ref="BL131:BL194" si="81">IF(AE131="yes",(AE$2*$BB131),"")</f>
        <v/>
      </c>
      <c r="BM131" s="402" t="str">
        <f t="shared" ref="BM131:BM194" si="82">IF(AF131="yes",(AF$2*$BB131),"")</f>
        <v/>
      </c>
      <c r="BN131" s="402" t="str">
        <f t="shared" ref="BN131:BN194" si="83">IF(AG131="yes",(AG$2*$BB131),"")</f>
        <v/>
      </c>
      <c r="BO131" s="402" t="str">
        <f t="shared" ref="BO131:BO194" si="84">IF(AH131="yes",(AH$2*$BB131),"")</f>
        <v/>
      </c>
      <c r="BP131" s="402" t="str">
        <f t="shared" ref="BP131:BP194" si="85">IF(AI131="yes",(AI$2*$BB131),"")</f>
        <v/>
      </c>
      <c r="BQ131" s="402" t="str">
        <f t="shared" ref="BQ131:BQ194" si="86">IF(AJ131="yes",(AJ$2*$BB131),"")</f>
        <v/>
      </c>
      <c r="BR131" s="402" t="str">
        <f t="shared" ref="BR131:BR194" si="87">IF(AK131="yes",(AK$2*$BB131),"")</f>
        <v/>
      </c>
      <c r="BS131" s="402" t="str">
        <f t="shared" ref="BS131:BS194" si="88">IF(AL131="yes",(AL$2*$BB131),"")</f>
        <v/>
      </c>
      <c r="BT131" s="402" t="str">
        <f t="shared" ref="BT131:BT194" si="89">IF(AM131="yes",(AM$2*$BB131),"")</f>
        <v/>
      </c>
      <c r="BU131" s="402" t="str">
        <f t="shared" ref="BU131:BU194" si="90">IF(AN131="yes",(AN$2*$BB131),"")</f>
        <v/>
      </c>
      <c r="BV131" s="402" t="str">
        <f t="shared" ref="BV131:BV194" si="91">IF(AO131="yes",(AO$2*$BB131),"")</f>
        <v/>
      </c>
      <c r="BW131" s="402" t="str">
        <f t="shared" ref="BW131:BW194" si="92">IF(AP131="yes",(AP$2*$BB131),"")</f>
        <v/>
      </c>
      <c r="BX131" s="402">
        <f t="shared" ref="BX131:BX194" si="93">IF(AQ131="yes",(AQ$2*$BB131),"")</f>
        <v>105440</v>
      </c>
      <c r="BY131" s="402" t="str">
        <f t="shared" ref="BY131:BY194" si="94">IF(AR131="yes",(AR$2*$BB131),"")</f>
        <v/>
      </c>
      <c r="BZ131" s="402" t="str">
        <f t="shared" ref="BZ131:BZ194" si="95">IF(AS131="yes",(AS$2*$BB131),"")</f>
        <v/>
      </c>
      <c r="CA131" s="402" t="str">
        <f t="shared" ref="CA131:CA194" si="96">IF(AT131="yes",(AT$2*$BB131),"")</f>
        <v/>
      </c>
      <c r="CB131" s="402" t="str">
        <f t="shared" ref="CB131:CB194" si="97">IF(AU131="yes",(AU$2*$BB131),"")</f>
        <v/>
      </c>
      <c r="CC131" s="402" t="str">
        <f t="shared" ref="CC131:CC194" si="98">IF(AV131="yes",(AV$2*$BB131),"")</f>
        <v/>
      </c>
      <c r="CD131" s="402" t="str">
        <f t="shared" ref="CD131:CD194" si="99">IF(AW131="yes",(AW$2*$BB131),"")</f>
        <v/>
      </c>
      <c r="CE131" s="402" t="str">
        <f t="shared" ref="CE131:CE194" si="100">IF(AX131="yes",(AX$2*$BB131),"")</f>
        <v/>
      </c>
      <c r="CF131" s="402" t="str">
        <f t="shared" ref="CF131:CF194" si="101">IF(AY131="yes",(AY$2*$BB131),"")</f>
        <v/>
      </c>
      <c r="CG131" s="402" t="str">
        <f t="shared" ref="CG131:CG194" si="102">IF(AZ131="yes",(AZ$2*$BB131),"")</f>
        <v/>
      </c>
      <c r="CH131" s="402"/>
      <c r="CI131" s="402"/>
      <c r="CJ131" s="402"/>
      <c r="CK131" s="402"/>
      <c r="CL131" s="402"/>
      <c r="CM131" s="402"/>
      <c r="CN131" s="402"/>
      <c r="CO131" s="402"/>
      <c r="CP131" s="402"/>
      <c r="CQ131" s="402"/>
      <c r="CR131" s="402"/>
      <c r="CS131" s="402"/>
      <c r="CT131" s="402"/>
      <c r="CU131" s="402"/>
      <c r="CV131" s="402"/>
      <c r="CW131" s="402"/>
      <c r="CX131" s="402"/>
      <c r="CY131" s="402"/>
      <c r="CZ131" s="402"/>
      <c r="DA131" s="402"/>
      <c r="DB131" s="402"/>
      <c r="DC131" s="402"/>
      <c r="DD131" s="407"/>
      <c r="DE131" s="407"/>
      <c r="DF131" s="407"/>
    </row>
    <row r="132" spans="3:110" s="395" customFormat="1" ht="56.1" customHeight="1" x14ac:dyDescent="0.2">
      <c r="C132" s="420">
        <v>319</v>
      </c>
      <c r="D132" s="420" t="s">
        <v>2481</v>
      </c>
      <c r="E132" s="96" t="s">
        <v>53</v>
      </c>
      <c r="F132" s="96" t="s">
        <v>515</v>
      </c>
      <c r="G132" s="407" t="s">
        <v>528</v>
      </c>
      <c r="H132" s="407" t="s">
        <v>542</v>
      </c>
      <c r="I132" s="407" t="s">
        <v>542</v>
      </c>
      <c r="J132" s="407"/>
      <c r="K132" s="407" t="s">
        <v>90</v>
      </c>
      <c r="L132" s="407" t="s">
        <v>38</v>
      </c>
      <c r="M132" s="407" t="s">
        <v>388</v>
      </c>
      <c r="N132" s="407" t="s">
        <v>525</v>
      </c>
      <c r="O132" s="407" t="s">
        <v>339</v>
      </c>
      <c r="P132" s="407" t="s">
        <v>63</v>
      </c>
      <c r="Q132" s="407" t="s">
        <v>63</v>
      </c>
      <c r="R132" s="410">
        <v>184520</v>
      </c>
      <c r="S132" s="410">
        <v>184520</v>
      </c>
      <c r="T132" s="407" t="s">
        <v>64</v>
      </c>
      <c r="U132" s="407" t="s">
        <v>82</v>
      </c>
      <c r="V132" s="408"/>
      <c r="W132" s="408"/>
      <c r="X132" s="408"/>
      <c r="Y132" s="408"/>
      <c r="Z132" s="408"/>
      <c r="AA132" s="402"/>
      <c r="AB132" s="408"/>
      <c r="AC132" s="408"/>
      <c r="AD132" s="408"/>
      <c r="AE132" s="408"/>
      <c r="AF132" s="408"/>
      <c r="AG132" s="408"/>
      <c r="AH132" s="408"/>
      <c r="AI132" s="408"/>
      <c r="AJ132" s="408"/>
      <c r="AK132" s="408"/>
      <c r="AL132" s="408"/>
      <c r="AM132" s="408"/>
      <c r="AN132" s="408"/>
      <c r="AO132" s="408"/>
      <c r="AP132" s="408"/>
      <c r="AQ132" s="402" t="s">
        <v>66</v>
      </c>
      <c r="AR132" s="408"/>
      <c r="AS132" s="408"/>
      <c r="AT132" s="408"/>
      <c r="AU132" s="408"/>
      <c r="AV132" s="408"/>
      <c r="AW132" s="408"/>
      <c r="AX132" s="408"/>
      <c r="AY132" s="408"/>
      <c r="AZ132" s="408"/>
      <c r="BA132" s="308">
        <f t="shared" si="71"/>
        <v>250</v>
      </c>
      <c r="BB132" s="309">
        <f t="shared" si="70"/>
        <v>738.08</v>
      </c>
      <c r="BC132" s="402" t="str">
        <f t="shared" si="72"/>
        <v/>
      </c>
      <c r="BD132" s="402" t="str">
        <f t="shared" si="73"/>
        <v/>
      </c>
      <c r="BE132" s="402" t="str">
        <f t="shared" si="74"/>
        <v/>
      </c>
      <c r="BF132" s="402" t="str">
        <f t="shared" si="75"/>
        <v/>
      </c>
      <c r="BG132" s="402" t="str">
        <f t="shared" si="76"/>
        <v/>
      </c>
      <c r="BH132" s="402" t="str">
        <f t="shared" si="77"/>
        <v/>
      </c>
      <c r="BI132" s="402" t="str">
        <f t="shared" si="78"/>
        <v/>
      </c>
      <c r="BJ132" s="402" t="str">
        <f t="shared" si="79"/>
        <v/>
      </c>
      <c r="BK132" s="402" t="str">
        <f t="shared" si="80"/>
        <v/>
      </c>
      <c r="BL132" s="402" t="str">
        <f t="shared" si="81"/>
        <v/>
      </c>
      <c r="BM132" s="402" t="str">
        <f t="shared" si="82"/>
        <v/>
      </c>
      <c r="BN132" s="402" t="str">
        <f t="shared" si="83"/>
        <v/>
      </c>
      <c r="BO132" s="402" t="str">
        <f t="shared" si="84"/>
        <v/>
      </c>
      <c r="BP132" s="402" t="str">
        <f t="shared" si="85"/>
        <v/>
      </c>
      <c r="BQ132" s="402" t="str">
        <f t="shared" si="86"/>
        <v/>
      </c>
      <c r="BR132" s="402" t="str">
        <f t="shared" si="87"/>
        <v/>
      </c>
      <c r="BS132" s="402" t="str">
        <f t="shared" si="88"/>
        <v/>
      </c>
      <c r="BT132" s="402" t="str">
        <f t="shared" si="89"/>
        <v/>
      </c>
      <c r="BU132" s="402" t="str">
        <f t="shared" si="90"/>
        <v/>
      </c>
      <c r="BV132" s="402" t="str">
        <f t="shared" si="91"/>
        <v/>
      </c>
      <c r="BW132" s="402" t="str">
        <f t="shared" si="92"/>
        <v/>
      </c>
      <c r="BX132" s="402">
        <f t="shared" si="93"/>
        <v>184520</v>
      </c>
      <c r="BY132" s="402" t="str">
        <f t="shared" si="94"/>
        <v/>
      </c>
      <c r="BZ132" s="402" t="str">
        <f t="shared" si="95"/>
        <v/>
      </c>
      <c r="CA132" s="402" t="str">
        <f t="shared" si="96"/>
        <v/>
      </c>
      <c r="CB132" s="402" t="str">
        <f t="shared" si="97"/>
        <v/>
      </c>
      <c r="CC132" s="402" t="str">
        <f t="shared" si="98"/>
        <v/>
      </c>
      <c r="CD132" s="402" t="str">
        <f t="shared" si="99"/>
        <v/>
      </c>
      <c r="CE132" s="402" t="str">
        <f t="shared" si="100"/>
        <v/>
      </c>
      <c r="CF132" s="402" t="str">
        <f t="shared" si="101"/>
        <v/>
      </c>
      <c r="CG132" s="402" t="str">
        <f t="shared" si="102"/>
        <v/>
      </c>
      <c r="CH132" s="402"/>
      <c r="CI132" s="402"/>
      <c r="CJ132" s="402"/>
      <c r="CK132" s="402"/>
      <c r="CL132" s="402"/>
      <c r="CM132" s="402"/>
      <c r="CN132" s="402"/>
      <c r="CO132" s="402"/>
      <c r="CP132" s="402"/>
      <c r="CQ132" s="402"/>
      <c r="CR132" s="402"/>
      <c r="CS132" s="402"/>
      <c r="CT132" s="402"/>
      <c r="CU132" s="402"/>
      <c r="CV132" s="402"/>
      <c r="CW132" s="402"/>
      <c r="CX132" s="402"/>
      <c r="CY132" s="402"/>
      <c r="CZ132" s="402"/>
      <c r="DA132" s="402"/>
      <c r="DB132" s="402"/>
      <c r="DC132" s="402"/>
      <c r="DD132" s="407"/>
      <c r="DE132" s="407"/>
      <c r="DF132" s="407"/>
    </row>
    <row r="133" spans="3:110" s="395" customFormat="1" ht="56.1" customHeight="1" x14ac:dyDescent="0.2">
      <c r="C133" s="420">
        <v>320</v>
      </c>
      <c r="D133" s="420" t="s">
        <v>2481</v>
      </c>
      <c r="E133" s="96" t="s">
        <v>53</v>
      </c>
      <c r="F133" s="96" t="s">
        <v>515</v>
      </c>
      <c r="G133" s="407" t="s">
        <v>530</v>
      </c>
      <c r="H133" s="407" t="s">
        <v>532</v>
      </c>
      <c r="I133" s="407" t="s">
        <v>532</v>
      </c>
      <c r="J133" s="407"/>
      <c r="K133" s="407" t="s">
        <v>90</v>
      </c>
      <c r="L133" s="407" t="s">
        <v>38</v>
      </c>
      <c r="M133" s="407" t="s">
        <v>8</v>
      </c>
      <c r="N133" s="407" t="s">
        <v>525</v>
      </c>
      <c r="O133" s="407" t="s">
        <v>339</v>
      </c>
      <c r="P133" s="407" t="s">
        <v>63</v>
      </c>
      <c r="Q133" s="407" t="s">
        <v>63</v>
      </c>
      <c r="R133" s="410">
        <v>0</v>
      </c>
      <c r="S133" s="410">
        <v>0</v>
      </c>
      <c r="T133" s="407" t="s">
        <v>64</v>
      </c>
      <c r="U133" s="407" t="s">
        <v>82</v>
      </c>
      <c r="V133" s="408"/>
      <c r="W133" s="408"/>
      <c r="X133" s="408"/>
      <c r="Y133" s="408"/>
      <c r="Z133" s="408"/>
      <c r="AA133" s="402"/>
      <c r="AB133" s="408"/>
      <c r="AC133" s="408"/>
      <c r="AD133" s="408"/>
      <c r="AE133" s="408"/>
      <c r="AF133" s="408"/>
      <c r="AG133" s="408"/>
      <c r="AH133" s="408"/>
      <c r="AI133" s="408"/>
      <c r="AJ133" s="408"/>
      <c r="AK133" s="408"/>
      <c r="AL133" s="408"/>
      <c r="AM133" s="408"/>
      <c r="AN133" s="408"/>
      <c r="AO133" s="408"/>
      <c r="AP133" s="408"/>
      <c r="AQ133" s="402" t="s">
        <v>66</v>
      </c>
      <c r="AR133" s="408"/>
      <c r="AS133" s="408"/>
      <c r="AT133" s="408"/>
      <c r="AU133" s="408"/>
      <c r="AV133" s="408"/>
      <c r="AW133" s="408"/>
      <c r="AX133" s="408"/>
      <c r="AY133" s="408"/>
      <c r="AZ133" s="408"/>
      <c r="BA133" s="308">
        <f t="shared" si="71"/>
        <v>250</v>
      </c>
      <c r="BB133" s="309">
        <f t="shared" si="70"/>
        <v>0</v>
      </c>
      <c r="BC133" s="402" t="str">
        <f t="shared" si="72"/>
        <v/>
      </c>
      <c r="BD133" s="402" t="str">
        <f t="shared" si="73"/>
        <v/>
      </c>
      <c r="BE133" s="402" t="str">
        <f t="shared" si="74"/>
        <v/>
      </c>
      <c r="BF133" s="402" t="str">
        <f t="shared" si="75"/>
        <v/>
      </c>
      <c r="BG133" s="402" t="str">
        <f t="shared" si="76"/>
        <v/>
      </c>
      <c r="BH133" s="402" t="str">
        <f t="shared" si="77"/>
        <v/>
      </c>
      <c r="BI133" s="402" t="str">
        <f t="shared" si="78"/>
        <v/>
      </c>
      <c r="BJ133" s="402" t="str">
        <f t="shared" si="79"/>
        <v/>
      </c>
      <c r="BK133" s="402" t="str">
        <f t="shared" si="80"/>
        <v/>
      </c>
      <c r="BL133" s="402" t="str">
        <f t="shared" si="81"/>
        <v/>
      </c>
      <c r="BM133" s="402" t="str">
        <f t="shared" si="82"/>
        <v/>
      </c>
      <c r="BN133" s="402" t="str">
        <f t="shared" si="83"/>
        <v/>
      </c>
      <c r="BO133" s="402" t="str">
        <f t="shared" si="84"/>
        <v/>
      </c>
      <c r="BP133" s="402" t="str">
        <f t="shared" si="85"/>
        <v/>
      </c>
      <c r="BQ133" s="402" t="str">
        <f t="shared" si="86"/>
        <v/>
      </c>
      <c r="BR133" s="402" t="str">
        <f t="shared" si="87"/>
        <v/>
      </c>
      <c r="BS133" s="402" t="str">
        <f t="shared" si="88"/>
        <v/>
      </c>
      <c r="BT133" s="402" t="str">
        <f t="shared" si="89"/>
        <v/>
      </c>
      <c r="BU133" s="402" t="str">
        <f t="shared" si="90"/>
        <v/>
      </c>
      <c r="BV133" s="402" t="str">
        <f t="shared" si="91"/>
        <v/>
      </c>
      <c r="BW133" s="402" t="str">
        <f t="shared" si="92"/>
        <v/>
      </c>
      <c r="BX133" s="402">
        <f t="shared" si="93"/>
        <v>0</v>
      </c>
      <c r="BY133" s="402" t="str">
        <f t="shared" si="94"/>
        <v/>
      </c>
      <c r="BZ133" s="402" t="str">
        <f t="shared" si="95"/>
        <v/>
      </c>
      <c r="CA133" s="402" t="str">
        <f t="shared" si="96"/>
        <v/>
      </c>
      <c r="CB133" s="402" t="str">
        <f t="shared" si="97"/>
        <v/>
      </c>
      <c r="CC133" s="402" t="str">
        <f t="shared" si="98"/>
        <v/>
      </c>
      <c r="CD133" s="402" t="str">
        <f t="shared" si="99"/>
        <v/>
      </c>
      <c r="CE133" s="402" t="str">
        <f t="shared" si="100"/>
        <v/>
      </c>
      <c r="CF133" s="402" t="str">
        <f t="shared" si="101"/>
        <v/>
      </c>
      <c r="CG133" s="402" t="str">
        <f t="shared" si="102"/>
        <v/>
      </c>
      <c r="CH133" s="402"/>
      <c r="CI133" s="402"/>
      <c r="CJ133" s="402"/>
      <c r="CK133" s="402"/>
      <c r="CL133" s="402"/>
      <c r="CM133" s="402"/>
      <c r="CN133" s="402"/>
      <c r="CO133" s="402"/>
      <c r="CP133" s="402"/>
      <c r="CQ133" s="402"/>
      <c r="CR133" s="402"/>
      <c r="CS133" s="402"/>
      <c r="CT133" s="402"/>
      <c r="CU133" s="402"/>
      <c r="CV133" s="402"/>
      <c r="CW133" s="402"/>
      <c r="CX133" s="402"/>
      <c r="CY133" s="402"/>
      <c r="CZ133" s="402"/>
      <c r="DA133" s="402"/>
      <c r="DB133" s="402"/>
      <c r="DC133" s="402"/>
      <c r="DD133" s="407"/>
      <c r="DE133" s="407"/>
      <c r="DF133" s="407"/>
    </row>
    <row r="134" spans="3:110" s="395" customFormat="1" ht="56.1" customHeight="1" x14ac:dyDescent="0.2">
      <c r="C134" s="420">
        <v>321</v>
      </c>
      <c r="D134" s="420" t="s">
        <v>2481</v>
      </c>
      <c r="E134" s="96" t="s">
        <v>53</v>
      </c>
      <c r="F134" s="96" t="s">
        <v>515</v>
      </c>
      <c r="G134" s="407" t="s">
        <v>533</v>
      </c>
      <c r="H134" s="407" t="s">
        <v>534</v>
      </c>
      <c r="I134" s="407" t="s">
        <v>534</v>
      </c>
      <c r="J134" s="407"/>
      <c r="K134" s="407" t="s">
        <v>90</v>
      </c>
      <c r="L134" s="407" t="s">
        <v>38</v>
      </c>
      <c r="M134" s="407" t="s">
        <v>81</v>
      </c>
      <c r="N134" s="407" t="s">
        <v>334</v>
      </c>
      <c r="O134" s="407" t="s">
        <v>339</v>
      </c>
      <c r="P134" s="407" t="s">
        <v>63</v>
      </c>
      <c r="Q134" s="407" t="s">
        <v>63</v>
      </c>
      <c r="R134" s="410">
        <v>44482.5</v>
      </c>
      <c r="S134" s="410">
        <v>44482.5</v>
      </c>
      <c r="T134" s="407" t="s">
        <v>64</v>
      </c>
      <c r="U134" s="407" t="s">
        <v>82</v>
      </c>
      <c r="V134" s="408"/>
      <c r="W134" s="408"/>
      <c r="X134" s="408"/>
      <c r="Y134" s="408"/>
      <c r="Z134" s="408"/>
      <c r="AA134" s="402"/>
      <c r="AB134" s="408"/>
      <c r="AC134" s="408"/>
      <c r="AD134" s="408"/>
      <c r="AE134" s="408"/>
      <c r="AF134" s="408"/>
      <c r="AG134" s="408"/>
      <c r="AH134" s="408"/>
      <c r="AI134" s="408"/>
      <c r="AJ134" s="408"/>
      <c r="AK134" s="408"/>
      <c r="AL134" s="408"/>
      <c r="AM134" s="408"/>
      <c r="AN134" s="408"/>
      <c r="AO134" s="408"/>
      <c r="AP134" s="408"/>
      <c r="AQ134" s="402" t="s">
        <v>66</v>
      </c>
      <c r="AR134" s="408"/>
      <c r="AS134" s="408"/>
      <c r="AT134" s="408"/>
      <c r="AU134" s="408"/>
      <c r="AV134" s="408"/>
      <c r="AW134" s="408"/>
      <c r="AX134" s="408"/>
      <c r="AY134" s="408"/>
      <c r="AZ134" s="408"/>
      <c r="BA134" s="308">
        <f t="shared" si="71"/>
        <v>250</v>
      </c>
      <c r="BB134" s="309">
        <f t="shared" si="70"/>
        <v>177.93</v>
      </c>
      <c r="BC134" s="402" t="str">
        <f t="shared" si="72"/>
        <v/>
      </c>
      <c r="BD134" s="402" t="str">
        <f t="shared" si="73"/>
        <v/>
      </c>
      <c r="BE134" s="402" t="str">
        <f t="shared" si="74"/>
        <v/>
      </c>
      <c r="BF134" s="402" t="str">
        <f t="shared" si="75"/>
        <v/>
      </c>
      <c r="BG134" s="402" t="str">
        <f t="shared" si="76"/>
        <v/>
      </c>
      <c r="BH134" s="402" t="str">
        <f t="shared" si="77"/>
        <v/>
      </c>
      <c r="BI134" s="402" t="str">
        <f t="shared" si="78"/>
        <v/>
      </c>
      <c r="BJ134" s="402" t="str">
        <f t="shared" si="79"/>
        <v/>
      </c>
      <c r="BK134" s="402" t="str">
        <f t="shared" si="80"/>
        <v/>
      </c>
      <c r="BL134" s="402" t="str">
        <f t="shared" si="81"/>
        <v/>
      </c>
      <c r="BM134" s="402" t="str">
        <f t="shared" si="82"/>
        <v/>
      </c>
      <c r="BN134" s="402" t="str">
        <f t="shared" si="83"/>
        <v/>
      </c>
      <c r="BO134" s="402" t="str">
        <f t="shared" si="84"/>
        <v/>
      </c>
      <c r="BP134" s="402" t="str">
        <f t="shared" si="85"/>
        <v/>
      </c>
      <c r="BQ134" s="402" t="str">
        <f t="shared" si="86"/>
        <v/>
      </c>
      <c r="BR134" s="402" t="str">
        <f t="shared" si="87"/>
        <v/>
      </c>
      <c r="BS134" s="402" t="str">
        <f t="shared" si="88"/>
        <v/>
      </c>
      <c r="BT134" s="402" t="str">
        <f t="shared" si="89"/>
        <v/>
      </c>
      <c r="BU134" s="402" t="str">
        <f t="shared" si="90"/>
        <v/>
      </c>
      <c r="BV134" s="402" t="str">
        <f t="shared" si="91"/>
        <v/>
      </c>
      <c r="BW134" s="402" t="str">
        <f t="shared" si="92"/>
        <v/>
      </c>
      <c r="BX134" s="402">
        <f t="shared" si="93"/>
        <v>44482.5</v>
      </c>
      <c r="BY134" s="402" t="str">
        <f t="shared" si="94"/>
        <v/>
      </c>
      <c r="BZ134" s="402" t="str">
        <f t="shared" si="95"/>
        <v/>
      </c>
      <c r="CA134" s="402" t="str">
        <f t="shared" si="96"/>
        <v/>
      </c>
      <c r="CB134" s="402" t="str">
        <f t="shared" si="97"/>
        <v/>
      </c>
      <c r="CC134" s="402" t="str">
        <f t="shared" si="98"/>
        <v/>
      </c>
      <c r="CD134" s="402" t="str">
        <f t="shared" si="99"/>
        <v/>
      </c>
      <c r="CE134" s="402" t="str">
        <f t="shared" si="100"/>
        <v/>
      </c>
      <c r="CF134" s="402" t="str">
        <f t="shared" si="101"/>
        <v/>
      </c>
      <c r="CG134" s="402" t="str">
        <f t="shared" si="102"/>
        <v/>
      </c>
      <c r="CH134" s="402"/>
      <c r="CI134" s="402"/>
      <c r="CJ134" s="402"/>
      <c r="CK134" s="402"/>
      <c r="CL134" s="402"/>
      <c r="CM134" s="402"/>
      <c r="CN134" s="402"/>
      <c r="CO134" s="402"/>
      <c r="CP134" s="402"/>
      <c r="CQ134" s="402"/>
      <c r="CR134" s="402"/>
      <c r="CS134" s="402"/>
      <c r="CT134" s="402"/>
      <c r="CU134" s="402"/>
      <c r="CV134" s="402"/>
      <c r="CW134" s="402"/>
      <c r="CX134" s="402"/>
      <c r="CY134" s="402"/>
      <c r="CZ134" s="402"/>
      <c r="DA134" s="402"/>
      <c r="DB134" s="402"/>
      <c r="DC134" s="402"/>
      <c r="DD134" s="407"/>
      <c r="DE134" s="407"/>
      <c r="DF134" s="407"/>
    </row>
    <row r="135" spans="3:110" s="395" customFormat="1" ht="56.1" customHeight="1" x14ac:dyDescent="0.2">
      <c r="C135" s="420">
        <v>322</v>
      </c>
      <c r="D135" s="420" t="s">
        <v>2481</v>
      </c>
      <c r="E135" s="96" t="s">
        <v>53</v>
      </c>
      <c r="F135" s="96" t="s">
        <v>515</v>
      </c>
      <c r="G135" s="407" t="s">
        <v>516</v>
      </c>
      <c r="H135" s="407" t="s">
        <v>535</v>
      </c>
      <c r="I135" s="407" t="s">
        <v>536</v>
      </c>
      <c r="J135" s="407"/>
      <c r="K135" s="407" t="s">
        <v>90</v>
      </c>
      <c r="L135" s="407" t="s">
        <v>39</v>
      </c>
      <c r="M135" s="407" t="s">
        <v>60</v>
      </c>
      <c r="N135" s="407" t="s">
        <v>334</v>
      </c>
      <c r="O135" s="407" t="s">
        <v>342</v>
      </c>
      <c r="P135" s="407" t="s">
        <v>63</v>
      </c>
      <c r="Q135" s="407" t="s">
        <v>63</v>
      </c>
      <c r="R135" s="410">
        <v>121466.87999999999</v>
      </c>
      <c r="S135" s="410">
        <v>121466.87999999999</v>
      </c>
      <c r="T135" s="407" t="s">
        <v>64</v>
      </c>
      <c r="U135" s="407" t="s">
        <v>82</v>
      </c>
      <c r="V135" s="408"/>
      <c r="W135" s="408"/>
      <c r="X135" s="408"/>
      <c r="Y135" s="408"/>
      <c r="Z135" s="408"/>
      <c r="AA135" s="402"/>
      <c r="AB135" s="408"/>
      <c r="AC135" s="408"/>
      <c r="AD135" s="408"/>
      <c r="AE135" s="408"/>
      <c r="AF135" s="408"/>
      <c r="AG135" s="408"/>
      <c r="AH135" s="408"/>
      <c r="AI135" s="408"/>
      <c r="AJ135" s="408"/>
      <c r="AK135" s="408"/>
      <c r="AL135" s="408"/>
      <c r="AM135" s="408"/>
      <c r="AN135" s="408"/>
      <c r="AO135" s="408"/>
      <c r="AP135" s="408"/>
      <c r="AQ135" s="408"/>
      <c r="AR135" s="402" t="s">
        <v>66</v>
      </c>
      <c r="AS135" s="408"/>
      <c r="AT135" s="408"/>
      <c r="AU135" s="408"/>
      <c r="AV135" s="408"/>
      <c r="AW135" s="408"/>
      <c r="AX135" s="408"/>
      <c r="AY135" s="408"/>
      <c r="AZ135" s="408"/>
      <c r="BA135" s="308">
        <f t="shared" si="71"/>
        <v>400</v>
      </c>
      <c r="BB135" s="309">
        <f t="shared" si="70"/>
        <v>303.66719999999998</v>
      </c>
      <c r="BC135" s="402" t="str">
        <f t="shared" si="72"/>
        <v/>
      </c>
      <c r="BD135" s="402" t="str">
        <f t="shared" si="73"/>
        <v/>
      </c>
      <c r="BE135" s="402" t="str">
        <f t="shared" si="74"/>
        <v/>
      </c>
      <c r="BF135" s="402" t="str">
        <f t="shared" si="75"/>
        <v/>
      </c>
      <c r="BG135" s="402" t="str">
        <f t="shared" si="76"/>
        <v/>
      </c>
      <c r="BH135" s="402" t="str">
        <f t="shared" si="77"/>
        <v/>
      </c>
      <c r="BI135" s="402" t="str">
        <f t="shared" si="78"/>
        <v/>
      </c>
      <c r="BJ135" s="402" t="str">
        <f t="shared" si="79"/>
        <v/>
      </c>
      <c r="BK135" s="402" t="str">
        <f t="shared" si="80"/>
        <v/>
      </c>
      <c r="BL135" s="402" t="str">
        <f t="shared" si="81"/>
        <v/>
      </c>
      <c r="BM135" s="402" t="str">
        <f t="shared" si="82"/>
        <v/>
      </c>
      <c r="BN135" s="402" t="str">
        <f t="shared" si="83"/>
        <v/>
      </c>
      <c r="BO135" s="402" t="str">
        <f t="shared" si="84"/>
        <v/>
      </c>
      <c r="BP135" s="402" t="str">
        <f t="shared" si="85"/>
        <v/>
      </c>
      <c r="BQ135" s="402" t="str">
        <f t="shared" si="86"/>
        <v/>
      </c>
      <c r="BR135" s="402" t="str">
        <f t="shared" si="87"/>
        <v/>
      </c>
      <c r="BS135" s="402" t="str">
        <f t="shared" si="88"/>
        <v/>
      </c>
      <c r="BT135" s="402" t="str">
        <f t="shared" si="89"/>
        <v/>
      </c>
      <c r="BU135" s="402" t="str">
        <f t="shared" si="90"/>
        <v/>
      </c>
      <c r="BV135" s="402" t="str">
        <f t="shared" si="91"/>
        <v/>
      </c>
      <c r="BW135" s="402" t="str">
        <f t="shared" si="92"/>
        <v/>
      </c>
      <c r="BX135" s="402" t="str">
        <f t="shared" si="93"/>
        <v/>
      </c>
      <c r="BY135" s="402">
        <f t="shared" si="94"/>
        <v>121466.87999999999</v>
      </c>
      <c r="BZ135" s="402" t="str">
        <f t="shared" si="95"/>
        <v/>
      </c>
      <c r="CA135" s="402" t="str">
        <f t="shared" si="96"/>
        <v/>
      </c>
      <c r="CB135" s="402" t="str">
        <f t="shared" si="97"/>
        <v/>
      </c>
      <c r="CC135" s="402" t="str">
        <f t="shared" si="98"/>
        <v/>
      </c>
      <c r="CD135" s="402" t="str">
        <f t="shared" si="99"/>
        <v/>
      </c>
      <c r="CE135" s="402" t="str">
        <f t="shared" si="100"/>
        <v/>
      </c>
      <c r="CF135" s="402" t="str">
        <f t="shared" si="101"/>
        <v/>
      </c>
      <c r="CG135" s="402" t="str">
        <f t="shared" si="102"/>
        <v/>
      </c>
      <c r="CH135" s="402"/>
      <c r="CI135" s="402"/>
      <c r="CJ135" s="402"/>
      <c r="CK135" s="402"/>
      <c r="CL135" s="402"/>
      <c r="CM135" s="402"/>
      <c r="CN135" s="402"/>
      <c r="CO135" s="402"/>
      <c r="CP135" s="402"/>
      <c r="CQ135" s="402"/>
      <c r="CR135" s="402"/>
      <c r="CS135" s="402"/>
      <c r="CT135" s="402"/>
      <c r="CU135" s="402"/>
      <c r="CV135" s="402"/>
      <c r="CW135" s="402"/>
      <c r="CX135" s="402"/>
      <c r="CY135" s="402"/>
      <c r="CZ135" s="402"/>
      <c r="DA135" s="402"/>
      <c r="DB135" s="402"/>
      <c r="DC135" s="402"/>
      <c r="DD135" s="407"/>
      <c r="DE135" s="407"/>
      <c r="DF135" s="407"/>
    </row>
    <row r="136" spans="3:110" s="395" customFormat="1" ht="56.1" customHeight="1" x14ac:dyDescent="0.2">
      <c r="C136" s="420">
        <v>323</v>
      </c>
      <c r="D136" s="420" t="s">
        <v>2481</v>
      </c>
      <c r="E136" s="96" t="s">
        <v>53</v>
      </c>
      <c r="F136" s="96" t="s">
        <v>515</v>
      </c>
      <c r="G136" s="407" t="s">
        <v>518</v>
      </c>
      <c r="H136" s="407" t="s">
        <v>520</v>
      </c>
      <c r="I136" s="407" t="s">
        <v>520</v>
      </c>
      <c r="J136" s="407"/>
      <c r="K136" s="407" t="s">
        <v>90</v>
      </c>
      <c r="L136" s="407" t="s">
        <v>39</v>
      </c>
      <c r="M136" s="407" t="s">
        <v>543</v>
      </c>
      <c r="N136" s="407" t="s">
        <v>334</v>
      </c>
      <c r="O136" s="407" t="s">
        <v>342</v>
      </c>
      <c r="P136" s="407" t="s">
        <v>63</v>
      </c>
      <c r="Q136" s="407" t="s">
        <v>63</v>
      </c>
      <c r="R136" s="410">
        <v>318850.56</v>
      </c>
      <c r="S136" s="410">
        <v>318850.56</v>
      </c>
      <c r="T136" s="407" t="s">
        <v>64</v>
      </c>
      <c r="U136" s="407" t="s">
        <v>82</v>
      </c>
      <c r="V136" s="408"/>
      <c r="W136" s="408"/>
      <c r="X136" s="408"/>
      <c r="Y136" s="408"/>
      <c r="Z136" s="408"/>
      <c r="AA136" s="402"/>
      <c r="AB136" s="408"/>
      <c r="AC136" s="408"/>
      <c r="AD136" s="408"/>
      <c r="AE136" s="408"/>
      <c r="AF136" s="408"/>
      <c r="AG136" s="408"/>
      <c r="AH136" s="408"/>
      <c r="AI136" s="408"/>
      <c r="AJ136" s="408"/>
      <c r="AK136" s="408"/>
      <c r="AL136" s="408"/>
      <c r="AM136" s="408"/>
      <c r="AN136" s="408"/>
      <c r="AO136" s="408"/>
      <c r="AP136" s="408"/>
      <c r="AQ136" s="408"/>
      <c r="AR136" s="402" t="s">
        <v>66</v>
      </c>
      <c r="AS136" s="408"/>
      <c r="AT136" s="408"/>
      <c r="AU136" s="408"/>
      <c r="AV136" s="408"/>
      <c r="AW136" s="408"/>
      <c r="AX136" s="408"/>
      <c r="AY136" s="408"/>
      <c r="AZ136" s="408"/>
      <c r="BA136" s="308">
        <f t="shared" si="71"/>
        <v>400</v>
      </c>
      <c r="BB136" s="309">
        <f t="shared" si="70"/>
        <v>797.12639999999999</v>
      </c>
      <c r="BC136" s="402" t="str">
        <f t="shared" si="72"/>
        <v/>
      </c>
      <c r="BD136" s="402" t="str">
        <f t="shared" si="73"/>
        <v/>
      </c>
      <c r="BE136" s="402" t="str">
        <f t="shared" si="74"/>
        <v/>
      </c>
      <c r="BF136" s="402" t="str">
        <f t="shared" si="75"/>
        <v/>
      </c>
      <c r="BG136" s="402" t="str">
        <f t="shared" si="76"/>
        <v/>
      </c>
      <c r="BH136" s="402" t="str">
        <f t="shared" si="77"/>
        <v/>
      </c>
      <c r="BI136" s="402" t="str">
        <f t="shared" si="78"/>
        <v/>
      </c>
      <c r="BJ136" s="402" t="str">
        <f t="shared" si="79"/>
        <v/>
      </c>
      <c r="BK136" s="402" t="str">
        <f t="shared" si="80"/>
        <v/>
      </c>
      <c r="BL136" s="402" t="str">
        <f t="shared" si="81"/>
        <v/>
      </c>
      <c r="BM136" s="402" t="str">
        <f t="shared" si="82"/>
        <v/>
      </c>
      <c r="BN136" s="402" t="str">
        <f t="shared" si="83"/>
        <v/>
      </c>
      <c r="BO136" s="402" t="str">
        <f t="shared" si="84"/>
        <v/>
      </c>
      <c r="BP136" s="402" t="str">
        <f t="shared" si="85"/>
        <v/>
      </c>
      <c r="BQ136" s="402" t="str">
        <f t="shared" si="86"/>
        <v/>
      </c>
      <c r="BR136" s="402" t="str">
        <f t="shared" si="87"/>
        <v/>
      </c>
      <c r="BS136" s="402" t="str">
        <f t="shared" si="88"/>
        <v/>
      </c>
      <c r="BT136" s="402" t="str">
        <f t="shared" si="89"/>
        <v/>
      </c>
      <c r="BU136" s="402" t="str">
        <f t="shared" si="90"/>
        <v/>
      </c>
      <c r="BV136" s="402" t="str">
        <f t="shared" si="91"/>
        <v/>
      </c>
      <c r="BW136" s="402" t="str">
        <f t="shared" si="92"/>
        <v/>
      </c>
      <c r="BX136" s="402" t="str">
        <f t="shared" si="93"/>
        <v/>
      </c>
      <c r="BY136" s="402">
        <f t="shared" si="94"/>
        <v>318850.56</v>
      </c>
      <c r="BZ136" s="402" t="str">
        <f t="shared" si="95"/>
        <v/>
      </c>
      <c r="CA136" s="402" t="str">
        <f t="shared" si="96"/>
        <v/>
      </c>
      <c r="CB136" s="402" t="str">
        <f t="shared" si="97"/>
        <v/>
      </c>
      <c r="CC136" s="402" t="str">
        <f t="shared" si="98"/>
        <v/>
      </c>
      <c r="CD136" s="402" t="str">
        <f t="shared" si="99"/>
        <v/>
      </c>
      <c r="CE136" s="402" t="str">
        <f t="shared" si="100"/>
        <v/>
      </c>
      <c r="CF136" s="402" t="str">
        <f t="shared" si="101"/>
        <v/>
      </c>
      <c r="CG136" s="402" t="str">
        <f t="shared" si="102"/>
        <v/>
      </c>
      <c r="CH136" s="402"/>
      <c r="CI136" s="402"/>
      <c r="CJ136" s="402"/>
      <c r="CK136" s="402"/>
      <c r="CL136" s="402"/>
      <c r="CM136" s="402"/>
      <c r="CN136" s="402"/>
      <c r="CO136" s="402"/>
      <c r="CP136" s="402"/>
      <c r="CQ136" s="402"/>
      <c r="CR136" s="402"/>
      <c r="CS136" s="402"/>
      <c r="CT136" s="402"/>
      <c r="CU136" s="402"/>
      <c r="CV136" s="402"/>
      <c r="CW136" s="402"/>
      <c r="CX136" s="402"/>
      <c r="CY136" s="402"/>
      <c r="CZ136" s="402"/>
      <c r="DA136" s="402"/>
      <c r="DB136" s="402"/>
      <c r="DC136" s="402"/>
      <c r="DD136" s="407"/>
      <c r="DE136" s="407"/>
      <c r="DF136" s="407"/>
    </row>
    <row r="137" spans="3:110" s="395" customFormat="1" ht="56.1" customHeight="1" x14ac:dyDescent="0.2">
      <c r="C137" s="420">
        <v>324</v>
      </c>
      <c r="D137" s="420" t="s">
        <v>2481</v>
      </c>
      <c r="E137" s="96" t="s">
        <v>53</v>
      </c>
      <c r="F137" s="96" t="s">
        <v>515</v>
      </c>
      <c r="G137" s="407" t="s">
        <v>521</v>
      </c>
      <c r="H137" s="407" t="s">
        <v>522</v>
      </c>
      <c r="I137" s="407" t="s">
        <v>522</v>
      </c>
      <c r="J137" s="407"/>
      <c r="K137" s="407" t="s">
        <v>90</v>
      </c>
      <c r="L137" s="407" t="s">
        <v>39</v>
      </c>
      <c r="M137" s="407" t="s">
        <v>60</v>
      </c>
      <c r="N137" s="407" t="s">
        <v>334</v>
      </c>
      <c r="O137" s="407" t="s">
        <v>342</v>
      </c>
      <c r="P137" s="407" t="s">
        <v>63</v>
      </c>
      <c r="Q137" s="407" t="s">
        <v>63</v>
      </c>
      <c r="R137" s="410">
        <v>445378.56</v>
      </c>
      <c r="S137" s="410">
        <v>445378.56</v>
      </c>
      <c r="T137" s="407" t="s">
        <v>64</v>
      </c>
      <c r="U137" s="407" t="s">
        <v>82</v>
      </c>
      <c r="V137" s="408"/>
      <c r="W137" s="408"/>
      <c r="X137" s="408"/>
      <c r="Y137" s="408"/>
      <c r="Z137" s="408"/>
      <c r="AA137" s="402"/>
      <c r="AB137" s="408"/>
      <c r="AC137" s="408"/>
      <c r="AD137" s="408"/>
      <c r="AE137" s="408"/>
      <c r="AF137" s="408"/>
      <c r="AG137" s="408"/>
      <c r="AH137" s="408"/>
      <c r="AI137" s="408"/>
      <c r="AJ137" s="408"/>
      <c r="AK137" s="408"/>
      <c r="AL137" s="408"/>
      <c r="AM137" s="408"/>
      <c r="AN137" s="408"/>
      <c r="AO137" s="408"/>
      <c r="AP137" s="408"/>
      <c r="AQ137" s="408"/>
      <c r="AR137" s="402" t="s">
        <v>66</v>
      </c>
      <c r="AS137" s="408"/>
      <c r="AT137" s="408"/>
      <c r="AU137" s="408"/>
      <c r="AV137" s="408"/>
      <c r="AW137" s="408"/>
      <c r="AX137" s="408"/>
      <c r="AY137" s="408"/>
      <c r="AZ137" s="408"/>
      <c r="BA137" s="308">
        <f t="shared" si="71"/>
        <v>400</v>
      </c>
      <c r="BB137" s="309">
        <f t="shared" si="70"/>
        <v>1113.4464</v>
      </c>
      <c r="BC137" s="402" t="str">
        <f t="shared" si="72"/>
        <v/>
      </c>
      <c r="BD137" s="402" t="str">
        <f t="shared" si="73"/>
        <v/>
      </c>
      <c r="BE137" s="402" t="str">
        <f t="shared" si="74"/>
        <v/>
      </c>
      <c r="BF137" s="402" t="str">
        <f t="shared" si="75"/>
        <v/>
      </c>
      <c r="BG137" s="402" t="str">
        <f t="shared" si="76"/>
        <v/>
      </c>
      <c r="BH137" s="402" t="str">
        <f t="shared" si="77"/>
        <v/>
      </c>
      <c r="BI137" s="402" t="str">
        <f t="shared" si="78"/>
        <v/>
      </c>
      <c r="BJ137" s="402" t="str">
        <f t="shared" si="79"/>
        <v/>
      </c>
      <c r="BK137" s="402" t="str">
        <f t="shared" si="80"/>
        <v/>
      </c>
      <c r="BL137" s="402" t="str">
        <f t="shared" si="81"/>
        <v/>
      </c>
      <c r="BM137" s="402" t="str">
        <f t="shared" si="82"/>
        <v/>
      </c>
      <c r="BN137" s="402" t="str">
        <f t="shared" si="83"/>
        <v/>
      </c>
      <c r="BO137" s="402" t="str">
        <f t="shared" si="84"/>
        <v/>
      </c>
      <c r="BP137" s="402" t="str">
        <f t="shared" si="85"/>
        <v/>
      </c>
      <c r="BQ137" s="402" t="str">
        <f t="shared" si="86"/>
        <v/>
      </c>
      <c r="BR137" s="402" t="str">
        <f t="shared" si="87"/>
        <v/>
      </c>
      <c r="BS137" s="402" t="str">
        <f t="shared" si="88"/>
        <v/>
      </c>
      <c r="BT137" s="402" t="str">
        <f t="shared" si="89"/>
        <v/>
      </c>
      <c r="BU137" s="402" t="str">
        <f t="shared" si="90"/>
        <v/>
      </c>
      <c r="BV137" s="402" t="str">
        <f t="shared" si="91"/>
        <v/>
      </c>
      <c r="BW137" s="402" t="str">
        <f t="shared" si="92"/>
        <v/>
      </c>
      <c r="BX137" s="402" t="str">
        <f t="shared" si="93"/>
        <v/>
      </c>
      <c r="BY137" s="402">
        <f t="shared" si="94"/>
        <v>445378.56</v>
      </c>
      <c r="BZ137" s="402" t="str">
        <f t="shared" si="95"/>
        <v/>
      </c>
      <c r="CA137" s="402" t="str">
        <f t="shared" si="96"/>
        <v/>
      </c>
      <c r="CB137" s="402" t="str">
        <f t="shared" si="97"/>
        <v/>
      </c>
      <c r="CC137" s="402" t="str">
        <f t="shared" si="98"/>
        <v/>
      </c>
      <c r="CD137" s="402" t="str">
        <f t="shared" si="99"/>
        <v/>
      </c>
      <c r="CE137" s="402" t="str">
        <f t="shared" si="100"/>
        <v/>
      </c>
      <c r="CF137" s="402" t="str">
        <f t="shared" si="101"/>
        <v/>
      </c>
      <c r="CG137" s="402" t="str">
        <f t="shared" si="102"/>
        <v/>
      </c>
      <c r="CH137" s="402"/>
      <c r="CI137" s="402"/>
      <c r="CJ137" s="402"/>
      <c r="CK137" s="402"/>
      <c r="CL137" s="402"/>
      <c r="CM137" s="402"/>
      <c r="CN137" s="402"/>
      <c r="CO137" s="402"/>
      <c r="CP137" s="402"/>
      <c r="CQ137" s="402"/>
      <c r="CR137" s="402"/>
      <c r="CS137" s="402"/>
      <c r="CT137" s="402"/>
      <c r="CU137" s="402"/>
      <c r="CV137" s="402"/>
      <c r="CW137" s="402"/>
      <c r="CX137" s="402"/>
      <c r="CY137" s="402"/>
      <c r="CZ137" s="402"/>
      <c r="DA137" s="402"/>
      <c r="DB137" s="402"/>
      <c r="DC137" s="402"/>
      <c r="DD137" s="407"/>
      <c r="DE137" s="407"/>
      <c r="DF137" s="407"/>
    </row>
    <row r="138" spans="3:110" s="395" customFormat="1" ht="56.1" customHeight="1" x14ac:dyDescent="0.2">
      <c r="C138" s="420">
        <v>325</v>
      </c>
      <c r="D138" s="420" t="s">
        <v>2481</v>
      </c>
      <c r="E138" s="96" t="s">
        <v>53</v>
      </c>
      <c r="F138" s="96" t="s">
        <v>515</v>
      </c>
      <c r="G138" s="407" t="s">
        <v>523</v>
      </c>
      <c r="H138" s="407" t="s">
        <v>540</v>
      </c>
      <c r="I138" s="407" t="s">
        <v>540</v>
      </c>
      <c r="J138" s="407"/>
      <c r="K138" s="407" t="s">
        <v>90</v>
      </c>
      <c r="L138" s="407" t="s">
        <v>39</v>
      </c>
      <c r="M138" s="407" t="s">
        <v>388</v>
      </c>
      <c r="N138" s="407" t="s">
        <v>525</v>
      </c>
      <c r="O138" s="407" t="s">
        <v>342</v>
      </c>
      <c r="P138" s="407" t="s">
        <v>63</v>
      </c>
      <c r="Q138" s="407" t="s">
        <v>63</v>
      </c>
      <c r="R138" s="410">
        <v>43494</v>
      </c>
      <c r="S138" s="410">
        <v>43494</v>
      </c>
      <c r="T138" s="407" t="s">
        <v>64</v>
      </c>
      <c r="U138" s="407" t="s">
        <v>82</v>
      </c>
      <c r="V138" s="408"/>
      <c r="W138" s="408"/>
      <c r="X138" s="408"/>
      <c r="Y138" s="408"/>
      <c r="Z138" s="408"/>
      <c r="AA138" s="402"/>
      <c r="AB138" s="408"/>
      <c r="AC138" s="408"/>
      <c r="AD138" s="408"/>
      <c r="AE138" s="408"/>
      <c r="AF138" s="408"/>
      <c r="AG138" s="408"/>
      <c r="AH138" s="408"/>
      <c r="AI138" s="408"/>
      <c r="AJ138" s="408"/>
      <c r="AK138" s="408"/>
      <c r="AL138" s="408"/>
      <c r="AM138" s="408"/>
      <c r="AN138" s="408"/>
      <c r="AO138" s="408"/>
      <c r="AP138" s="408"/>
      <c r="AQ138" s="408"/>
      <c r="AR138" s="402" t="s">
        <v>66</v>
      </c>
      <c r="AS138" s="408"/>
      <c r="AT138" s="408"/>
      <c r="AU138" s="408"/>
      <c r="AV138" s="408"/>
      <c r="AW138" s="408"/>
      <c r="AX138" s="408"/>
      <c r="AY138" s="408"/>
      <c r="AZ138" s="408"/>
      <c r="BA138" s="308">
        <f t="shared" si="71"/>
        <v>400</v>
      </c>
      <c r="BB138" s="309">
        <f t="shared" si="70"/>
        <v>108.735</v>
      </c>
      <c r="BC138" s="402" t="str">
        <f t="shared" si="72"/>
        <v/>
      </c>
      <c r="BD138" s="402" t="str">
        <f t="shared" si="73"/>
        <v/>
      </c>
      <c r="BE138" s="402" t="str">
        <f t="shared" si="74"/>
        <v/>
      </c>
      <c r="BF138" s="402" t="str">
        <f t="shared" si="75"/>
        <v/>
      </c>
      <c r="BG138" s="402" t="str">
        <f t="shared" si="76"/>
        <v/>
      </c>
      <c r="BH138" s="402" t="str">
        <f t="shared" si="77"/>
        <v/>
      </c>
      <c r="BI138" s="402" t="str">
        <f t="shared" si="78"/>
        <v/>
      </c>
      <c r="BJ138" s="402" t="str">
        <f t="shared" si="79"/>
        <v/>
      </c>
      <c r="BK138" s="402" t="str">
        <f t="shared" si="80"/>
        <v/>
      </c>
      <c r="BL138" s="402" t="str">
        <f t="shared" si="81"/>
        <v/>
      </c>
      <c r="BM138" s="402" t="str">
        <f t="shared" si="82"/>
        <v/>
      </c>
      <c r="BN138" s="402" t="str">
        <f t="shared" si="83"/>
        <v/>
      </c>
      <c r="BO138" s="402" t="str">
        <f t="shared" si="84"/>
        <v/>
      </c>
      <c r="BP138" s="402" t="str">
        <f t="shared" si="85"/>
        <v/>
      </c>
      <c r="BQ138" s="402" t="str">
        <f t="shared" si="86"/>
        <v/>
      </c>
      <c r="BR138" s="402" t="str">
        <f t="shared" si="87"/>
        <v/>
      </c>
      <c r="BS138" s="402" t="str">
        <f t="shared" si="88"/>
        <v/>
      </c>
      <c r="BT138" s="402" t="str">
        <f t="shared" si="89"/>
        <v/>
      </c>
      <c r="BU138" s="402" t="str">
        <f t="shared" si="90"/>
        <v/>
      </c>
      <c r="BV138" s="402" t="str">
        <f t="shared" si="91"/>
        <v/>
      </c>
      <c r="BW138" s="402" t="str">
        <f t="shared" si="92"/>
        <v/>
      </c>
      <c r="BX138" s="402" t="str">
        <f t="shared" si="93"/>
        <v/>
      </c>
      <c r="BY138" s="402">
        <f t="shared" si="94"/>
        <v>43494</v>
      </c>
      <c r="BZ138" s="402" t="str">
        <f t="shared" si="95"/>
        <v/>
      </c>
      <c r="CA138" s="402" t="str">
        <f t="shared" si="96"/>
        <v/>
      </c>
      <c r="CB138" s="402" t="str">
        <f t="shared" si="97"/>
        <v/>
      </c>
      <c r="CC138" s="402" t="str">
        <f t="shared" si="98"/>
        <v/>
      </c>
      <c r="CD138" s="402" t="str">
        <f t="shared" si="99"/>
        <v/>
      </c>
      <c r="CE138" s="402" t="str">
        <f t="shared" si="100"/>
        <v/>
      </c>
      <c r="CF138" s="402" t="str">
        <f t="shared" si="101"/>
        <v/>
      </c>
      <c r="CG138" s="402" t="str">
        <f t="shared" si="102"/>
        <v/>
      </c>
      <c r="CH138" s="402"/>
      <c r="CI138" s="402"/>
      <c r="CJ138" s="402"/>
      <c r="CK138" s="402"/>
      <c r="CL138" s="402"/>
      <c r="CM138" s="402"/>
      <c r="CN138" s="402"/>
      <c r="CO138" s="402"/>
      <c r="CP138" s="402"/>
      <c r="CQ138" s="402"/>
      <c r="CR138" s="402"/>
      <c r="CS138" s="402"/>
      <c r="CT138" s="402"/>
      <c r="CU138" s="402"/>
      <c r="CV138" s="402"/>
      <c r="CW138" s="402"/>
      <c r="CX138" s="402"/>
      <c r="CY138" s="402"/>
      <c r="CZ138" s="402"/>
      <c r="DA138" s="402"/>
      <c r="DB138" s="402"/>
      <c r="DC138" s="402"/>
      <c r="DD138" s="407"/>
      <c r="DE138" s="407"/>
      <c r="DF138" s="407"/>
    </row>
    <row r="139" spans="3:110" s="395" customFormat="1" ht="56.1" customHeight="1" x14ac:dyDescent="0.2">
      <c r="C139" s="420">
        <v>326</v>
      </c>
      <c r="D139" s="420" t="s">
        <v>2481</v>
      </c>
      <c r="E139" s="96" t="s">
        <v>53</v>
      </c>
      <c r="F139" s="96" t="s">
        <v>515</v>
      </c>
      <c r="G139" s="407" t="s">
        <v>539</v>
      </c>
      <c r="H139" s="407" t="s">
        <v>541</v>
      </c>
      <c r="I139" s="407" t="s">
        <v>541</v>
      </c>
      <c r="J139" s="407"/>
      <c r="K139" s="407" t="s">
        <v>90</v>
      </c>
      <c r="L139" s="407" t="s">
        <v>39</v>
      </c>
      <c r="M139" s="407" t="s">
        <v>388</v>
      </c>
      <c r="N139" s="407" t="s">
        <v>525</v>
      </c>
      <c r="O139" s="407" t="s">
        <v>342</v>
      </c>
      <c r="P139" s="407" t="s">
        <v>63</v>
      </c>
      <c r="Q139" s="407" t="s">
        <v>63</v>
      </c>
      <c r="R139" s="410">
        <v>105440</v>
      </c>
      <c r="S139" s="410">
        <v>105440</v>
      </c>
      <c r="T139" s="407" t="s">
        <v>64</v>
      </c>
      <c r="U139" s="407" t="s">
        <v>82</v>
      </c>
      <c r="V139" s="408"/>
      <c r="W139" s="408"/>
      <c r="X139" s="408"/>
      <c r="Y139" s="408"/>
      <c r="Z139" s="408"/>
      <c r="AA139" s="402"/>
      <c r="AB139" s="408"/>
      <c r="AC139" s="408"/>
      <c r="AD139" s="408"/>
      <c r="AE139" s="408"/>
      <c r="AF139" s="408"/>
      <c r="AG139" s="408"/>
      <c r="AH139" s="408"/>
      <c r="AI139" s="408"/>
      <c r="AJ139" s="408"/>
      <c r="AK139" s="408"/>
      <c r="AL139" s="408"/>
      <c r="AM139" s="408"/>
      <c r="AN139" s="408"/>
      <c r="AO139" s="408"/>
      <c r="AP139" s="408"/>
      <c r="AQ139" s="408"/>
      <c r="AR139" s="402" t="s">
        <v>66</v>
      </c>
      <c r="AS139" s="408"/>
      <c r="AT139" s="408"/>
      <c r="AU139" s="408"/>
      <c r="AV139" s="408"/>
      <c r="AW139" s="408"/>
      <c r="AX139" s="408"/>
      <c r="AY139" s="408"/>
      <c r="AZ139" s="408"/>
      <c r="BA139" s="308">
        <f t="shared" si="71"/>
        <v>400</v>
      </c>
      <c r="BB139" s="309">
        <f t="shared" si="70"/>
        <v>263.60000000000002</v>
      </c>
      <c r="BC139" s="402" t="str">
        <f t="shared" si="72"/>
        <v/>
      </c>
      <c r="BD139" s="402" t="str">
        <f t="shared" si="73"/>
        <v/>
      </c>
      <c r="BE139" s="402" t="str">
        <f t="shared" si="74"/>
        <v/>
      </c>
      <c r="BF139" s="402" t="str">
        <f t="shared" si="75"/>
        <v/>
      </c>
      <c r="BG139" s="402" t="str">
        <f t="shared" si="76"/>
        <v/>
      </c>
      <c r="BH139" s="402" t="str">
        <f t="shared" si="77"/>
        <v/>
      </c>
      <c r="BI139" s="402" t="str">
        <f t="shared" si="78"/>
        <v/>
      </c>
      <c r="BJ139" s="402" t="str">
        <f t="shared" si="79"/>
        <v/>
      </c>
      <c r="BK139" s="402" t="str">
        <f t="shared" si="80"/>
        <v/>
      </c>
      <c r="BL139" s="402" t="str">
        <f t="shared" si="81"/>
        <v/>
      </c>
      <c r="BM139" s="402" t="str">
        <f t="shared" si="82"/>
        <v/>
      </c>
      <c r="BN139" s="402" t="str">
        <f t="shared" si="83"/>
        <v/>
      </c>
      <c r="BO139" s="402" t="str">
        <f t="shared" si="84"/>
        <v/>
      </c>
      <c r="BP139" s="402" t="str">
        <f t="shared" si="85"/>
        <v/>
      </c>
      <c r="BQ139" s="402" t="str">
        <f t="shared" si="86"/>
        <v/>
      </c>
      <c r="BR139" s="402" t="str">
        <f t="shared" si="87"/>
        <v/>
      </c>
      <c r="BS139" s="402" t="str">
        <f t="shared" si="88"/>
        <v/>
      </c>
      <c r="BT139" s="402" t="str">
        <f t="shared" si="89"/>
        <v/>
      </c>
      <c r="BU139" s="402" t="str">
        <f t="shared" si="90"/>
        <v/>
      </c>
      <c r="BV139" s="402" t="str">
        <f t="shared" si="91"/>
        <v/>
      </c>
      <c r="BW139" s="402" t="str">
        <f t="shared" si="92"/>
        <v/>
      </c>
      <c r="BX139" s="402" t="str">
        <f t="shared" si="93"/>
        <v/>
      </c>
      <c r="BY139" s="402">
        <f t="shared" si="94"/>
        <v>105440.00000000001</v>
      </c>
      <c r="BZ139" s="402" t="str">
        <f t="shared" si="95"/>
        <v/>
      </c>
      <c r="CA139" s="402" t="str">
        <f t="shared" si="96"/>
        <v/>
      </c>
      <c r="CB139" s="402" t="str">
        <f t="shared" si="97"/>
        <v/>
      </c>
      <c r="CC139" s="402" t="str">
        <f t="shared" si="98"/>
        <v/>
      </c>
      <c r="CD139" s="402" t="str">
        <f t="shared" si="99"/>
        <v/>
      </c>
      <c r="CE139" s="402" t="str">
        <f t="shared" si="100"/>
        <v/>
      </c>
      <c r="CF139" s="402" t="str">
        <f t="shared" si="101"/>
        <v/>
      </c>
      <c r="CG139" s="402" t="str">
        <f t="shared" si="102"/>
        <v/>
      </c>
      <c r="CH139" s="402"/>
      <c r="CI139" s="402"/>
      <c r="CJ139" s="402"/>
      <c r="CK139" s="402"/>
      <c r="CL139" s="402"/>
      <c r="CM139" s="402"/>
      <c r="CN139" s="402"/>
      <c r="CO139" s="402"/>
      <c r="CP139" s="402"/>
      <c r="CQ139" s="402"/>
      <c r="CR139" s="402"/>
      <c r="CS139" s="402"/>
      <c r="CT139" s="402"/>
      <c r="CU139" s="402"/>
      <c r="CV139" s="402"/>
      <c r="CW139" s="402"/>
      <c r="CX139" s="402"/>
      <c r="CY139" s="402"/>
      <c r="CZ139" s="402"/>
      <c r="DA139" s="402"/>
      <c r="DB139" s="402"/>
      <c r="DC139" s="402"/>
      <c r="DD139" s="407"/>
      <c r="DE139" s="407"/>
      <c r="DF139" s="407"/>
    </row>
    <row r="140" spans="3:110" s="395" customFormat="1" ht="56.1" customHeight="1" x14ac:dyDescent="0.2">
      <c r="C140" s="420">
        <v>327</v>
      </c>
      <c r="D140" s="420" t="s">
        <v>2481</v>
      </c>
      <c r="E140" s="96" t="s">
        <v>53</v>
      </c>
      <c r="F140" s="96" t="s">
        <v>515</v>
      </c>
      <c r="G140" s="407" t="s">
        <v>528</v>
      </c>
      <c r="H140" s="407" t="s">
        <v>542</v>
      </c>
      <c r="I140" s="407" t="s">
        <v>542</v>
      </c>
      <c r="J140" s="407"/>
      <c r="K140" s="407" t="s">
        <v>90</v>
      </c>
      <c r="L140" s="407" t="s">
        <v>39</v>
      </c>
      <c r="M140" s="407" t="s">
        <v>388</v>
      </c>
      <c r="N140" s="407" t="s">
        <v>525</v>
      </c>
      <c r="O140" s="407" t="s">
        <v>342</v>
      </c>
      <c r="P140" s="407" t="s">
        <v>63</v>
      </c>
      <c r="Q140" s="407" t="s">
        <v>63</v>
      </c>
      <c r="R140" s="410">
        <v>184520</v>
      </c>
      <c r="S140" s="410">
        <v>184520</v>
      </c>
      <c r="T140" s="407" t="s">
        <v>64</v>
      </c>
      <c r="U140" s="407" t="s">
        <v>82</v>
      </c>
      <c r="V140" s="408"/>
      <c r="W140" s="408"/>
      <c r="X140" s="408"/>
      <c r="Y140" s="408"/>
      <c r="Z140" s="408"/>
      <c r="AA140" s="402"/>
      <c r="AB140" s="408"/>
      <c r="AC140" s="408"/>
      <c r="AD140" s="408"/>
      <c r="AE140" s="408"/>
      <c r="AF140" s="408"/>
      <c r="AG140" s="408"/>
      <c r="AH140" s="408"/>
      <c r="AI140" s="408"/>
      <c r="AJ140" s="408"/>
      <c r="AK140" s="408"/>
      <c r="AL140" s="408"/>
      <c r="AM140" s="408"/>
      <c r="AN140" s="408"/>
      <c r="AO140" s="408"/>
      <c r="AP140" s="408"/>
      <c r="AQ140" s="408"/>
      <c r="AR140" s="402" t="s">
        <v>66</v>
      </c>
      <c r="AS140" s="408"/>
      <c r="AT140" s="408"/>
      <c r="AU140" s="408"/>
      <c r="AV140" s="408"/>
      <c r="AW140" s="408"/>
      <c r="AX140" s="408"/>
      <c r="AY140" s="408"/>
      <c r="AZ140" s="408"/>
      <c r="BA140" s="308">
        <f t="shared" si="71"/>
        <v>400</v>
      </c>
      <c r="BB140" s="309">
        <f t="shared" si="70"/>
        <v>461.3</v>
      </c>
      <c r="BC140" s="402" t="str">
        <f t="shared" si="72"/>
        <v/>
      </c>
      <c r="BD140" s="402" t="str">
        <f t="shared" si="73"/>
        <v/>
      </c>
      <c r="BE140" s="402" t="str">
        <f t="shared" si="74"/>
        <v/>
      </c>
      <c r="BF140" s="402" t="str">
        <f t="shared" si="75"/>
        <v/>
      </c>
      <c r="BG140" s="402" t="str">
        <f t="shared" si="76"/>
        <v/>
      </c>
      <c r="BH140" s="402" t="str">
        <f t="shared" si="77"/>
        <v/>
      </c>
      <c r="BI140" s="402" t="str">
        <f t="shared" si="78"/>
        <v/>
      </c>
      <c r="BJ140" s="402" t="str">
        <f t="shared" si="79"/>
        <v/>
      </c>
      <c r="BK140" s="402" t="str">
        <f t="shared" si="80"/>
        <v/>
      </c>
      <c r="BL140" s="402" t="str">
        <f t="shared" si="81"/>
        <v/>
      </c>
      <c r="BM140" s="402" t="str">
        <f t="shared" si="82"/>
        <v/>
      </c>
      <c r="BN140" s="402" t="str">
        <f t="shared" si="83"/>
        <v/>
      </c>
      <c r="BO140" s="402" t="str">
        <f t="shared" si="84"/>
        <v/>
      </c>
      <c r="BP140" s="402" t="str">
        <f t="shared" si="85"/>
        <v/>
      </c>
      <c r="BQ140" s="402" t="str">
        <f t="shared" si="86"/>
        <v/>
      </c>
      <c r="BR140" s="402" t="str">
        <f t="shared" si="87"/>
        <v/>
      </c>
      <c r="BS140" s="402" t="str">
        <f t="shared" si="88"/>
        <v/>
      </c>
      <c r="BT140" s="402" t="str">
        <f t="shared" si="89"/>
        <v/>
      </c>
      <c r="BU140" s="402" t="str">
        <f t="shared" si="90"/>
        <v/>
      </c>
      <c r="BV140" s="402" t="str">
        <f t="shared" si="91"/>
        <v/>
      </c>
      <c r="BW140" s="402" t="str">
        <f t="shared" si="92"/>
        <v/>
      </c>
      <c r="BX140" s="402" t="str">
        <f t="shared" si="93"/>
        <v/>
      </c>
      <c r="BY140" s="402">
        <f t="shared" si="94"/>
        <v>184520</v>
      </c>
      <c r="BZ140" s="402" t="str">
        <f t="shared" si="95"/>
        <v/>
      </c>
      <c r="CA140" s="402" t="str">
        <f t="shared" si="96"/>
        <v/>
      </c>
      <c r="CB140" s="402" t="str">
        <f t="shared" si="97"/>
        <v/>
      </c>
      <c r="CC140" s="402" t="str">
        <f t="shared" si="98"/>
        <v/>
      </c>
      <c r="CD140" s="402" t="str">
        <f t="shared" si="99"/>
        <v/>
      </c>
      <c r="CE140" s="402" t="str">
        <f t="shared" si="100"/>
        <v/>
      </c>
      <c r="CF140" s="402" t="str">
        <f t="shared" si="101"/>
        <v/>
      </c>
      <c r="CG140" s="402" t="str">
        <f t="shared" si="102"/>
        <v/>
      </c>
      <c r="CH140" s="402"/>
      <c r="CI140" s="402"/>
      <c r="CJ140" s="402"/>
      <c r="CK140" s="402"/>
      <c r="CL140" s="402"/>
      <c r="CM140" s="402"/>
      <c r="CN140" s="402"/>
      <c r="CO140" s="402"/>
      <c r="CP140" s="402"/>
      <c r="CQ140" s="402"/>
      <c r="CR140" s="402"/>
      <c r="CS140" s="402"/>
      <c r="CT140" s="402"/>
      <c r="CU140" s="402"/>
      <c r="CV140" s="402"/>
      <c r="CW140" s="402"/>
      <c r="CX140" s="402"/>
      <c r="CY140" s="402"/>
      <c r="CZ140" s="402"/>
      <c r="DA140" s="402"/>
      <c r="DB140" s="402"/>
      <c r="DC140" s="402"/>
      <c r="DD140" s="407"/>
      <c r="DE140" s="407"/>
      <c r="DF140" s="407"/>
    </row>
    <row r="141" spans="3:110" s="395" customFormat="1" ht="56.1" customHeight="1" x14ac:dyDescent="0.2">
      <c r="C141" s="420">
        <v>328</v>
      </c>
      <c r="D141" s="420" t="s">
        <v>2481</v>
      </c>
      <c r="E141" s="96" t="s">
        <v>53</v>
      </c>
      <c r="F141" s="96" t="s">
        <v>515</v>
      </c>
      <c r="G141" s="407" t="s">
        <v>530</v>
      </c>
      <c r="H141" s="407" t="s">
        <v>532</v>
      </c>
      <c r="I141" s="407" t="s">
        <v>532</v>
      </c>
      <c r="J141" s="407"/>
      <c r="K141" s="407" t="s">
        <v>90</v>
      </c>
      <c r="L141" s="407" t="s">
        <v>39</v>
      </c>
      <c r="M141" s="407" t="s">
        <v>8</v>
      </c>
      <c r="N141" s="407" t="s">
        <v>525</v>
      </c>
      <c r="O141" s="407" t="s">
        <v>342</v>
      </c>
      <c r="P141" s="407" t="s">
        <v>63</v>
      </c>
      <c r="Q141" s="407" t="s">
        <v>63</v>
      </c>
      <c r="R141" s="410">
        <v>0</v>
      </c>
      <c r="S141" s="410">
        <v>0</v>
      </c>
      <c r="T141" s="407" t="s">
        <v>64</v>
      </c>
      <c r="U141" s="407" t="s">
        <v>82</v>
      </c>
      <c r="V141" s="408"/>
      <c r="W141" s="408"/>
      <c r="X141" s="408"/>
      <c r="Y141" s="408"/>
      <c r="Z141" s="408"/>
      <c r="AA141" s="402"/>
      <c r="AB141" s="408"/>
      <c r="AC141" s="408"/>
      <c r="AD141" s="408"/>
      <c r="AE141" s="408"/>
      <c r="AF141" s="408"/>
      <c r="AG141" s="408"/>
      <c r="AH141" s="408"/>
      <c r="AI141" s="408"/>
      <c r="AJ141" s="408"/>
      <c r="AK141" s="408"/>
      <c r="AL141" s="408"/>
      <c r="AM141" s="408"/>
      <c r="AN141" s="408"/>
      <c r="AO141" s="408"/>
      <c r="AP141" s="408"/>
      <c r="AQ141" s="408"/>
      <c r="AR141" s="402" t="s">
        <v>66</v>
      </c>
      <c r="AS141" s="408"/>
      <c r="AT141" s="408"/>
      <c r="AU141" s="408"/>
      <c r="AV141" s="408"/>
      <c r="AW141" s="408"/>
      <c r="AX141" s="408"/>
      <c r="AY141" s="408"/>
      <c r="AZ141" s="408"/>
      <c r="BA141" s="308">
        <f t="shared" si="71"/>
        <v>400</v>
      </c>
      <c r="BB141" s="309">
        <f t="shared" si="70"/>
        <v>0</v>
      </c>
      <c r="BC141" s="402" t="str">
        <f t="shared" si="72"/>
        <v/>
      </c>
      <c r="BD141" s="402" t="str">
        <f t="shared" si="73"/>
        <v/>
      </c>
      <c r="BE141" s="402" t="str">
        <f t="shared" si="74"/>
        <v/>
      </c>
      <c r="BF141" s="402" t="str">
        <f t="shared" si="75"/>
        <v/>
      </c>
      <c r="BG141" s="402" t="str">
        <f t="shared" si="76"/>
        <v/>
      </c>
      <c r="BH141" s="402" t="str">
        <f t="shared" si="77"/>
        <v/>
      </c>
      <c r="BI141" s="402" t="str">
        <f t="shared" si="78"/>
        <v/>
      </c>
      <c r="BJ141" s="402" t="str">
        <f t="shared" si="79"/>
        <v/>
      </c>
      <c r="BK141" s="402" t="str">
        <f t="shared" si="80"/>
        <v/>
      </c>
      <c r="BL141" s="402" t="str">
        <f t="shared" si="81"/>
        <v/>
      </c>
      <c r="BM141" s="402" t="str">
        <f t="shared" si="82"/>
        <v/>
      </c>
      <c r="BN141" s="402" t="str">
        <f t="shared" si="83"/>
        <v/>
      </c>
      <c r="BO141" s="402" t="str">
        <f t="shared" si="84"/>
        <v/>
      </c>
      <c r="BP141" s="402" t="str">
        <f t="shared" si="85"/>
        <v/>
      </c>
      <c r="BQ141" s="402" t="str">
        <f t="shared" si="86"/>
        <v/>
      </c>
      <c r="BR141" s="402" t="str">
        <f t="shared" si="87"/>
        <v/>
      </c>
      <c r="BS141" s="402" t="str">
        <f t="shared" si="88"/>
        <v/>
      </c>
      <c r="BT141" s="402" t="str">
        <f t="shared" si="89"/>
        <v/>
      </c>
      <c r="BU141" s="402" t="str">
        <f t="shared" si="90"/>
        <v/>
      </c>
      <c r="BV141" s="402" t="str">
        <f t="shared" si="91"/>
        <v/>
      </c>
      <c r="BW141" s="402" t="str">
        <f t="shared" si="92"/>
        <v/>
      </c>
      <c r="BX141" s="402" t="str">
        <f t="shared" si="93"/>
        <v/>
      </c>
      <c r="BY141" s="402">
        <f t="shared" si="94"/>
        <v>0</v>
      </c>
      <c r="BZ141" s="402" t="str">
        <f t="shared" si="95"/>
        <v/>
      </c>
      <c r="CA141" s="402" t="str">
        <f t="shared" si="96"/>
        <v/>
      </c>
      <c r="CB141" s="402" t="str">
        <f t="shared" si="97"/>
        <v/>
      </c>
      <c r="CC141" s="402" t="str">
        <f t="shared" si="98"/>
        <v/>
      </c>
      <c r="CD141" s="402" t="str">
        <f t="shared" si="99"/>
        <v/>
      </c>
      <c r="CE141" s="402" t="str">
        <f t="shared" si="100"/>
        <v/>
      </c>
      <c r="CF141" s="402" t="str">
        <f t="shared" si="101"/>
        <v/>
      </c>
      <c r="CG141" s="402" t="str">
        <f t="shared" si="102"/>
        <v/>
      </c>
      <c r="CH141" s="402"/>
      <c r="CI141" s="402"/>
      <c r="CJ141" s="402"/>
      <c r="CK141" s="402"/>
      <c r="CL141" s="402"/>
      <c r="CM141" s="402"/>
      <c r="CN141" s="402"/>
      <c r="CO141" s="402"/>
      <c r="CP141" s="402"/>
      <c r="CQ141" s="402"/>
      <c r="CR141" s="402"/>
      <c r="CS141" s="402"/>
      <c r="CT141" s="402"/>
      <c r="CU141" s="402"/>
      <c r="CV141" s="402"/>
      <c r="CW141" s="402"/>
      <c r="CX141" s="402"/>
      <c r="CY141" s="402"/>
      <c r="CZ141" s="402"/>
      <c r="DA141" s="402"/>
      <c r="DB141" s="402"/>
      <c r="DC141" s="402"/>
      <c r="DD141" s="407"/>
      <c r="DE141" s="407"/>
      <c r="DF141" s="407"/>
    </row>
    <row r="142" spans="3:110" s="395" customFormat="1" ht="56.1" customHeight="1" x14ac:dyDescent="0.2">
      <c r="C142" s="420">
        <v>329</v>
      </c>
      <c r="D142" s="420" t="s">
        <v>2481</v>
      </c>
      <c r="E142" s="96" t="s">
        <v>53</v>
      </c>
      <c r="F142" s="96" t="s">
        <v>515</v>
      </c>
      <c r="G142" s="407" t="s">
        <v>533</v>
      </c>
      <c r="H142" s="407" t="s">
        <v>534</v>
      </c>
      <c r="I142" s="407" t="s">
        <v>534</v>
      </c>
      <c r="J142" s="407"/>
      <c r="K142" s="407" t="s">
        <v>90</v>
      </c>
      <c r="L142" s="407" t="s">
        <v>39</v>
      </c>
      <c r="M142" s="407" t="s">
        <v>81</v>
      </c>
      <c r="N142" s="407" t="s">
        <v>334</v>
      </c>
      <c r="O142" s="407" t="s">
        <v>342</v>
      </c>
      <c r="P142" s="407" t="s">
        <v>63</v>
      </c>
      <c r="Q142" s="407" t="s">
        <v>63</v>
      </c>
      <c r="R142" s="410">
        <v>71172</v>
      </c>
      <c r="S142" s="410">
        <v>71172</v>
      </c>
      <c r="T142" s="407" t="s">
        <v>64</v>
      </c>
      <c r="U142" s="407" t="s">
        <v>82</v>
      </c>
      <c r="V142" s="408"/>
      <c r="W142" s="408"/>
      <c r="X142" s="408"/>
      <c r="Y142" s="408"/>
      <c r="Z142" s="408"/>
      <c r="AA142" s="402"/>
      <c r="AB142" s="408"/>
      <c r="AC142" s="408"/>
      <c r="AD142" s="408"/>
      <c r="AE142" s="408"/>
      <c r="AF142" s="408"/>
      <c r="AG142" s="408"/>
      <c r="AH142" s="408"/>
      <c r="AI142" s="408"/>
      <c r="AJ142" s="408"/>
      <c r="AK142" s="408"/>
      <c r="AL142" s="408"/>
      <c r="AM142" s="408"/>
      <c r="AN142" s="408"/>
      <c r="AO142" s="408"/>
      <c r="AP142" s="408"/>
      <c r="AQ142" s="408"/>
      <c r="AR142" s="402" t="s">
        <v>66</v>
      </c>
      <c r="AS142" s="408"/>
      <c r="AT142" s="408"/>
      <c r="AU142" s="408"/>
      <c r="AV142" s="408"/>
      <c r="AW142" s="408"/>
      <c r="AX142" s="408"/>
      <c r="AY142" s="408"/>
      <c r="AZ142" s="408"/>
      <c r="BA142" s="308">
        <f t="shared" si="71"/>
        <v>400</v>
      </c>
      <c r="BB142" s="309">
        <f t="shared" si="70"/>
        <v>177.93</v>
      </c>
      <c r="BC142" s="402" t="str">
        <f t="shared" si="72"/>
        <v/>
      </c>
      <c r="BD142" s="402" t="str">
        <f t="shared" si="73"/>
        <v/>
      </c>
      <c r="BE142" s="402" t="str">
        <f t="shared" si="74"/>
        <v/>
      </c>
      <c r="BF142" s="402" t="str">
        <f t="shared" si="75"/>
        <v/>
      </c>
      <c r="BG142" s="402" t="str">
        <f t="shared" si="76"/>
        <v/>
      </c>
      <c r="BH142" s="402" t="str">
        <f t="shared" si="77"/>
        <v/>
      </c>
      <c r="BI142" s="402" t="str">
        <f t="shared" si="78"/>
        <v/>
      </c>
      <c r="BJ142" s="402" t="str">
        <f t="shared" si="79"/>
        <v/>
      </c>
      <c r="BK142" s="402" t="str">
        <f t="shared" si="80"/>
        <v/>
      </c>
      <c r="BL142" s="402" t="str">
        <f t="shared" si="81"/>
        <v/>
      </c>
      <c r="BM142" s="402" t="str">
        <f t="shared" si="82"/>
        <v/>
      </c>
      <c r="BN142" s="402" t="str">
        <f t="shared" si="83"/>
        <v/>
      </c>
      <c r="BO142" s="402" t="str">
        <f t="shared" si="84"/>
        <v/>
      </c>
      <c r="BP142" s="402" t="str">
        <f t="shared" si="85"/>
        <v/>
      </c>
      <c r="BQ142" s="402" t="str">
        <f t="shared" si="86"/>
        <v/>
      </c>
      <c r="BR142" s="402" t="str">
        <f t="shared" si="87"/>
        <v/>
      </c>
      <c r="BS142" s="402" t="str">
        <f t="shared" si="88"/>
        <v/>
      </c>
      <c r="BT142" s="402" t="str">
        <f t="shared" si="89"/>
        <v/>
      </c>
      <c r="BU142" s="402" t="str">
        <f t="shared" si="90"/>
        <v/>
      </c>
      <c r="BV142" s="402" t="str">
        <f t="shared" si="91"/>
        <v/>
      </c>
      <c r="BW142" s="402" t="str">
        <f t="shared" si="92"/>
        <v/>
      </c>
      <c r="BX142" s="402" t="str">
        <f t="shared" si="93"/>
        <v/>
      </c>
      <c r="BY142" s="402">
        <f t="shared" si="94"/>
        <v>71172</v>
      </c>
      <c r="BZ142" s="402" t="str">
        <f t="shared" si="95"/>
        <v/>
      </c>
      <c r="CA142" s="402" t="str">
        <f t="shared" si="96"/>
        <v/>
      </c>
      <c r="CB142" s="402" t="str">
        <f t="shared" si="97"/>
        <v/>
      </c>
      <c r="CC142" s="402" t="str">
        <f t="shared" si="98"/>
        <v/>
      </c>
      <c r="CD142" s="402" t="str">
        <f t="shared" si="99"/>
        <v/>
      </c>
      <c r="CE142" s="402" t="str">
        <f t="shared" si="100"/>
        <v/>
      </c>
      <c r="CF142" s="402" t="str">
        <f t="shared" si="101"/>
        <v/>
      </c>
      <c r="CG142" s="402" t="str">
        <f t="shared" si="102"/>
        <v/>
      </c>
      <c r="CH142" s="402"/>
      <c r="CI142" s="402"/>
      <c r="CJ142" s="402"/>
      <c r="CK142" s="402"/>
      <c r="CL142" s="402"/>
      <c r="CM142" s="402"/>
      <c r="CN142" s="402"/>
      <c r="CO142" s="402"/>
      <c r="CP142" s="402"/>
      <c r="CQ142" s="402"/>
      <c r="CR142" s="402"/>
      <c r="CS142" s="402"/>
      <c r="CT142" s="402"/>
      <c r="CU142" s="402"/>
      <c r="CV142" s="402"/>
      <c r="CW142" s="402"/>
      <c r="CX142" s="402"/>
      <c r="CY142" s="402"/>
      <c r="CZ142" s="402"/>
      <c r="DA142" s="402"/>
      <c r="DB142" s="402"/>
      <c r="DC142" s="402"/>
      <c r="DD142" s="407"/>
      <c r="DE142" s="407"/>
      <c r="DF142" s="407"/>
    </row>
    <row r="143" spans="3:110" s="395" customFormat="1" ht="56.1" customHeight="1" x14ac:dyDescent="0.2">
      <c r="C143" s="420">
        <v>330</v>
      </c>
      <c r="D143" s="420" t="s">
        <v>2481</v>
      </c>
      <c r="E143" s="96" t="s">
        <v>53</v>
      </c>
      <c r="F143" s="96" t="s">
        <v>515</v>
      </c>
      <c r="G143" s="407" t="s">
        <v>516</v>
      </c>
      <c r="H143" s="407" t="s">
        <v>535</v>
      </c>
      <c r="I143" s="407" t="s">
        <v>536</v>
      </c>
      <c r="J143" s="407"/>
      <c r="K143" s="407" t="s">
        <v>90</v>
      </c>
      <c r="L143" s="407" t="s">
        <v>40</v>
      </c>
      <c r="M143" s="407" t="s">
        <v>60</v>
      </c>
      <c r="N143" s="407" t="s">
        <v>334</v>
      </c>
      <c r="O143" s="407" t="s">
        <v>169</v>
      </c>
      <c r="P143" s="407" t="s">
        <v>63</v>
      </c>
      <c r="Q143" s="407" t="s">
        <v>63</v>
      </c>
      <c r="R143" s="410">
        <v>425134.08000000002</v>
      </c>
      <c r="S143" s="410">
        <v>425134.08000000002</v>
      </c>
      <c r="T143" s="407" t="s">
        <v>64</v>
      </c>
      <c r="U143" s="407" t="s">
        <v>82</v>
      </c>
      <c r="V143" s="408"/>
      <c r="W143" s="408"/>
      <c r="X143" s="408"/>
      <c r="Y143" s="408"/>
      <c r="Z143" s="408"/>
      <c r="AA143" s="402"/>
      <c r="AB143" s="408"/>
      <c r="AC143" s="408"/>
      <c r="AD143" s="408"/>
      <c r="AE143" s="408"/>
      <c r="AF143" s="408"/>
      <c r="AG143" s="408"/>
      <c r="AH143" s="408"/>
      <c r="AI143" s="408"/>
      <c r="AJ143" s="408"/>
      <c r="AK143" s="408"/>
      <c r="AL143" s="408"/>
      <c r="AM143" s="408"/>
      <c r="AN143" s="408"/>
      <c r="AO143" s="408"/>
      <c r="AP143" s="408"/>
      <c r="AQ143" s="408"/>
      <c r="AR143" s="408"/>
      <c r="AS143" s="402" t="s">
        <v>66</v>
      </c>
      <c r="AT143" s="408"/>
      <c r="AU143" s="408"/>
      <c r="AV143" s="408"/>
      <c r="AW143" s="408"/>
      <c r="AX143" s="408"/>
      <c r="AY143" s="408"/>
      <c r="AZ143" s="408"/>
      <c r="BA143" s="308">
        <f t="shared" si="71"/>
        <v>1400</v>
      </c>
      <c r="BB143" s="309">
        <f t="shared" si="70"/>
        <v>303.66720000000004</v>
      </c>
      <c r="BC143" s="402" t="str">
        <f t="shared" si="72"/>
        <v/>
      </c>
      <c r="BD143" s="402" t="str">
        <f t="shared" si="73"/>
        <v/>
      </c>
      <c r="BE143" s="402" t="str">
        <f t="shared" si="74"/>
        <v/>
      </c>
      <c r="BF143" s="402" t="str">
        <f t="shared" si="75"/>
        <v/>
      </c>
      <c r="BG143" s="402" t="str">
        <f t="shared" si="76"/>
        <v/>
      </c>
      <c r="BH143" s="402" t="str">
        <f t="shared" si="77"/>
        <v/>
      </c>
      <c r="BI143" s="402" t="str">
        <f t="shared" si="78"/>
        <v/>
      </c>
      <c r="BJ143" s="402" t="str">
        <f t="shared" si="79"/>
        <v/>
      </c>
      <c r="BK143" s="402" t="str">
        <f t="shared" si="80"/>
        <v/>
      </c>
      <c r="BL143" s="402" t="str">
        <f t="shared" si="81"/>
        <v/>
      </c>
      <c r="BM143" s="402" t="str">
        <f t="shared" si="82"/>
        <v/>
      </c>
      <c r="BN143" s="402" t="str">
        <f t="shared" si="83"/>
        <v/>
      </c>
      <c r="BO143" s="402" t="str">
        <f t="shared" si="84"/>
        <v/>
      </c>
      <c r="BP143" s="402" t="str">
        <f t="shared" si="85"/>
        <v/>
      </c>
      <c r="BQ143" s="402" t="str">
        <f t="shared" si="86"/>
        <v/>
      </c>
      <c r="BR143" s="402" t="str">
        <f t="shared" si="87"/>
        <v/>
      </c>
      <c r="BS143" s="402" t="str">
        <f t="shared" si="88"/>
        <v/>
      </c>
      <c r="BT143" s="402" t="str">
        <f t="shared" si="89"/>
        <v/>
      </c>
      <c r="BU143" s="402" t="str">
        <f t="shared" si="90"/>
        <v/>
      </c>
      <c r="BV143" s="402" t="str">
        <f t="shared" si="91"/>
        <v/>
      </c>
      <c r="BW143" s="402" t="str">
        <f t="shared" si="92"/>
        <v/>
      </c>
      <c r="BX143" s="402" t="str">
        <f t="shared" si="93"/>
        <v/>
      </c>
      <c r="BY143" s="402" t="str">
        <f t="shared" si="94"/>
        <v/>
      </c>
      <c r="BZ143" s="402">
        <f t="shared" si="95"/>
        <v>425134.08000000007</v>
      </c>
      <c r="CA143" s="402" t="str">
        <f t="shared" si="96"/>
        <v/>
      </c>
      <c r="CB143" s="402" t="str">
        <f t="shared" si="97"/>
        <v/>
      </c>
      <c r="CC143" s="402" t="str">
        <f t="shared" si="98"/>
        <v/>
      </c>
      <c r="CD143" s="402" t="str">
        <f t="shared" si="99"/>
        <v/>
      </c>
      <c r="CE143" s="402" t="str">
        <f t="shared" si="100"/>
        <v/>
      </c>
      <c r="CF143" s="402" t="str">
        <f t="shared" si="101"/>
        <v/>
      </c>
      <c r="CG143" s="402" t="str">
        <f t="shared" si="102"/>
        <v/>
      </c>
      <c r="CH143" s="402"/>
      <c r="CI143" s="402"/>
      <c r="CJ143" s="402"/>
      <c r="CK143" s="402"/>
      <c r="CL143" s="402"/>
      <c r="CM143" s="402"/>
      <c r="CN143" s="402"/>
      <c r="CO143" s="402"/>
      <c r="CP143" s="402"/>
      <c r="CQ143" s="402"/>
      <c r="CR143" s="402"/>
      <c r="CS143" s="402"/>
      <c r="CT143" s="402"/>
      <c r="CU143" s="402"/>
      <c r="CV143" s="402"/>
      <c r="CW143" s="402"/>
      <c r="CX143" s="402"/>
      <c r="CY143" s="402"/>
      <c r="CZ143" s="402"/>
      <c r="DA143" s="402"/>
      <c r="DB143" s="402"/>
      <c r="DC143" s="402"/>
      <c r="DD143" s="407"/>
      <c r="DE143" s="407"/>
      <c r="DF143" s="407"/>
    </row>
    <row r="144" spans="3:110" s="395" customFormat="1" ht="56.1" customHeight="1" x14ac:dyDescent="0.2">
      <c r="C144" s="420">
        <v>331</v>
      </c>
      <c r="D144" s="420" t="s">
        <v>2481</v>
      </c>
      <c r="E144" s="96" t="s">
        <v>53</v>
      </c>
      <c r="F144" s="96" t="s">
        <v>515</v>
      </c>
      <c r="G144" s="407" t="s">
        <v>518</v>
      </c>
      <c r="H144" s="407" t="s">
        <v>520</v>
      </c>
      <c r="I144" s="407" t="s">
        <v>520</v>
      </c>
      <c r="J144" s="407"/>
      <c r="K144" s="407" t="s">
        <v>90</v>
      </c>
      <c r="L144" s="407" t="s">
        <v>40</v>
      </c>
      <c r="M144" s="407" t="s">
        <v>544</v>
      </c>
      <c r="N144" s="407" t="s">
        <v>334</v>
      </c>
      <c r="O144" s="407" t="s">
        <v>169</v>
      </c>
      <c r="P144" s="407" t="s">
        <v>63</v>
      </c>
      <c r="Q144" s="407" t="s">
        <v>63</v>
      </c>
      <c r="R144" s="410">
        <v>1115976.96</v>
      </c>
      <c r="S144" s="410">
        <v>1115976.96</v>
      </c>
      <c r="T144" s="407" t="s">
        <v>64</v>
      </c>
      <c r="U144" s="407" t="s">
        <v>82</v>
      </c>
      <c r="V144" s="408"/>
      <c r="W144" s="408"/>
      <c r="X144" s="408"/>
      <c r="Y144" s="408"/>
      <c r="Z144" s="408"/>
      <c r="AA144" s="402"/>
      <c r="AB144" s="408"/>
      <c r="AC144" s="408"/>
      <c r="AD144" s="408"/>
      <c r="AE144" s="408"/>
      <c r="AF144" s="408"/>
      <c r="AG144" s="408"/>
      <c r="AH144" s="408"/>
      <c r="AI144" s="408"/>
      <c r="AJ144" s="408"/>
      <c r="AK144" s="408"/>
      <c r="AL144" s="408"/>
      <c r="AM144" s="408"/>
      <c r="AN144" s="408"/>
      <c r="AO144" s="408"/>
      <c r="AP144" s="408"/>
      <c r="AQ144" s="408"/>
      <c r="AR144" s="408"/>
      <c r="AS144" s="402" t="s">
        <v>66</v>
      </c>
      <c r="AT144" s="408"/>
      <c r="AU144" s="408"/>
      <c r="AV144" s="408"/>
      <c r="AW144" s="408"/>
      <c r="AX144" s="408"/>
      <c r="AY144" s="408"/>
      <c r="AZ144" s="408"/>
      <c r="BA144" s="308">
        <f t="shared" si="71"/>
        <v>1400</v>
      </c>
      <c r="BB144" s="309">
        <f t="shared" si="70"/>
        <v>797.12639999999999</v>
      </c>
      <c r="BC144" s="402" t="str">
        <f t="shared" si="72"/>
        <v/>
      </c>
      <c r="BD144" s="402" t="str">
        <f t="shared" si="73"/>
        <v/>
      </c>
      <c r="BE144" s="402" t="str">
        <f t="shared" si="74"/>
        <v/>
      </c>
      <c r="BF144" s="402" t="str">
        <f t="shared" si="75"/>
        <v/>
      </c>
      <c r="BG144" s="402" t="str">
        <f t="shared" si="76"/>
        <v/>
      </c>
      <c r="BH144" s="402" t="str">
        <f t="shared" si="77"/>
        <v/>
      </c>
      <c r="BI144" s="402" t="str">
        <f t="shared" si="78"/>
        <v/>
      </c>
      <c r="BJ144" s="402" t="str">
        <f t="shared" si="79"/>
        <v/>
      </c>
      <c r="BK144" s="402" t="str">
        <f t="shared" si="80"/>
        <v/>
      </c>
      <c r="BL144" s="402" t="str">
        <f t="shared" si="81"/>
        <v/>
      </c>
      <c r="BM144" s="402" t="str">
        <f t="shared" si="82"/>
        <v/>
      </c>
      <c r="BN144" s="402" t="str">
        <f t="shared" si="83"/>
        <v/>
      </c>
      <c r="BO144" s="402" t="str">
        <f t="shared" si="84"/>
        <v/>
      </c>
      <c r="BP144" s="402" t="str">
        <f t="shared" si="85"/>
        <v/>
      </c>
      <c r="BQ144" s="402" t="str">
        <f t="shared" si="86"/>
        <v/>
      </c>
      <c r="BR144" s="402" t="str">
        <f t="shared" si="87"/>
        <v/>
      </c>
      <c r="BS144" s="402" t="str">
        <f t="shared" si="88"/>
        <v/>
      </c>
      <c r="BT144" s="402" t="str">
        <f t="shared" si="89"/>
        <v/>
      </c>
      <c r="BU144" s="402" t="str">
        <f t="shared" si="90"/>
        <v/>
      </c>
      <c r="BV144" s="402" t="str">
        <f t="shared" si="91"/>
        <v/>
      </c>
      <c r="BW144" s="402" t="str">
        <f t="shared" si="92"/>
        <v/>
      </c>
      <c r="BX144" s="402" t="str">
        <f t="shared" si="93"/>
        <v/>
      </c>
      <c r="BY144" s="402" t="str">
        <f t="shared" si="94"/>
        <v/>
      </c>
      <c r="BZ144" s="402">
        <f t="shared" si="95"/>
        <v>1115976.96</v>
      </c>
      <c r="CA144" s="402" t="str">
        <f t="shared" si="96"/>
        <v/>
      </c>
      <c r="CB144" s="402" t="str">
        <f t="shared" si="97"/>
        <v/>
      </c>
      <c r="CC144" s="402" t="str">
        <f t="shared" si="98"/>
        <v/>
      </c>
      <c r="CD144" s="402" t="str">
        <f t="shared" si="99"/>
        <v/>
      </c>
      <c r="CE144" s="402" t="str">
        <f t="shared" si="100"/>
        <v/>
      </c>
      <c r="CF144" s="402" t="str">
        <f t="shared" si="101"/>
        <v/>
      </c>
      <c r="CG144" s="402" t="str">
        <f t="shared" si="102"/>
        <v/>
      </c>
      <c r="CH144" s="402"/>
      <c r="CI144" s="402"/>
      <c r="CJ144" s="402"/>
      <c r="CK144" s="402"/>
      <c r="CL144" s="402"/>
      <c r="CM144" s="402"/>
      <c r="CN144" s="402"/>
      <c r="CO144" s="402"/>
      <c r="CP144" s="402"/>
      <c r="CQ144" s="402"/>
      <c r="CR144" s="402"/>
      <c r="CS144" s="402"/>
      <c r="CT144" s="402"/>
      <c r="CU144" s="402"/>
      <c r="CV144" s="402"/>
      <c r="CW144" s="402"/>
      <c r="CX144" s="402"/>
      <c r="CY144" s="402"/>
      <c r="CZ144" s="402"/>
      <c r="DA144" s="402"/>
      <c r="DB144" s="402"/>
      <c r="DC144" s="402"/>
      <c r="DD144" s="407"/>
      <c r="DE144" s="407"/>
      <c r="DF144" s="407"/>
    </row>
    <row r="145" spans="3:110" s="395" customFormat="1" ht="56.1" customHeight="1" x14ac:dyDescent="0.2">
      <c r="C145" s="420">
        <v>332</v>
      </c>
      <c r="D145" s="420" t="s">
        <v>2481</v>
      </c>
      <c r="E145" s="96" t="s">
        <v>53</v>
      </c>
      <c r="F145" s="96" t="s">
        <v>515</v>
      </c>
      <c r="G145" s="407" t="s">
        <v>521</v>
      </c>
      <c r="H145" s="407" t="s">
        <v>522</v>
      </c>
      <c r="I145" s="407" t="s">
        <v>522</v>
      </c>
      <c r="J145" s="407"/>
      <c r="K145" s="407" t="s">
        <v>90</v>
      </c>
      <c r="L145" s="407" t="s">
        <v>40</v>
      </c>
      <c r="M145" s="407" t="s">
        <v>545</v>
      </c>
      <c r="N145" s="407" t="s">
        <v>334</v>
      </c>
      <c r="O145" s="407" t="s">
        <v>169</v>
      </c>
      <c r="P145" s="407" t="s">
        <v>63</v>
      </c>
      <c r="Q145" s="407" t="s">
        <v>63</v>
      </c>
      <c r="R145" s="410">
        <v>1558824.9600000002</v>
      </c>
      <c r="S145" s="410">
        <v>1558824.9600000002</v>
      </c>
      <c r="T145" s="407" t="s">
        <v>64</v>
      </c>
      <c r="U145" s="407" t="s">
        <v>82</v>
      </c>
      <c r="V145" s="408"/>
      <c r="W145" s="408"/>
      <c r="X145" s="408"/>
      <c r="Y145" s="408"/>
      <c r="Z145" s="408"/>
      <c r="AA145" s="402"/>
      <c r="AB145" s="408"/>
      <c r="AC145" s="408"/>
      <c r="AD145" s="408"/>
      <c r="AE145" s="408"/>
      <c r="AF145" s="408"/>
      <c r="AG145" s="408"/>
      <c r="AH145" s="408"/>
      <c r="AI145" s="408"/>
      <c r="AJ145" s="408"/>
      <c r="AK145" s="408"/>
      <c r="AL145" s="408"/>
      <c r="AM145" s="408"/>
      <c r="AN145" s="408"/>
      <c r="AO145" s="408"/>
      <c r="AP145" s="408"/>
      <c r="AQ145" s="408"/>
      <c r="AR145" s="408"/>
      <c r="AS145" s="402" t="s">
        <v>66</v>
      </c>
      <c r="AT145" s="408"/>
      <c r="AU145" s="408"/>
      <c r="AV145" s="408"/>
      <c r="AW145" s="408"/>
      <c r="AX145" s="408"/>
      <c r="AY145" s="408"/>
      <c r="AZ145" s="408"/>
      <c r="BA145" s="308">
        <f t="shared" si="71"/>
        <v>1400</v>
      </c>
      <c r="BB145" s="309">
        <f t="shared" si="70"/>
        <v>1113.4464</v>
      </c>
      <c r="BC145" s="402" t="str">
        <f t="shared" si="72"/>
        <v/>
      </c>
      <c r="BD145" s="402" t="str">
        <f t="shared" si="73"/>
        <v/>
      </c>
      <c r="BE145" s="402" t="str">
        <f t="shared" si="74"/>
        <v/>
      </c>
      <c r="BF145" s="402" t="str">
        <f t="shared" si="75"/>
        <v/>
      </c>
      <c r="BG145" s="402" t="str">
        <f t="shared" si="76"/>
        <v/>
      </c>
      <c r="BH145" s="402" t="str">
        <f t="shared" si="77"/>
        <v/>
      </c>
      <c r="BI145" s="402" t="str">
        <f t="shared" si="78"/>
        <v/>
      </c>
      <c r="BJ145" s="402" t="str">
        <f t="shared" si="79"/>
        <v/>
      </c>
      <c r="BK145" s="402" t="str">
        <f t="shared" si="80"/>
        <v/>
      </c>
      <c r="BL145" s="402" t="str">
        <f t="shared" si="81"/>
        <v/>
      </c>
      <c r="BM145" s="402" t="str">
        <f t="shared" si="82"/>
        <v/>
      </c>
      <c r="BN145" s="402" t="str">
        <f t="shared" si="83"/>
        <v/>
      </c>
      <c r="BO145" s="402" t="str">
        <f t="shared" si="84"/>
        <v/>
      </c>
      <c r="BP145" s="402" t="str">
        <f t="shared" si="85"/>
        <v/>
      </c>
      <c r="BQ145" s="402" t="str">
        <f t="shared" si="86"/>
        <v/>
      </c>
      <c r="BR145" s="402" t="str">
        <f t="shared" si="87"/>
        <v/>
      </c>
      <c r="BS145" s="402" t="str">
        <f t="shared" si="88"/>
        <v/>
      </c>
      <c r="BT145" s="402" t="str">
        <f t="shared" si="89"/>
        <v/>
      </c>
      <c r="BU145" s="402" t="str">
        <f t="shared" si="90"/>
        <v/>
      </c>
      <c r="BV145" s="402" t="str">
        <f t="shared" si="91"/>
        <v/>
      </c>
      <c r="BW145" s="402" t="str">
        <f t="shared" si="92"/>
        <v/>
      </c>
      <c r="BX145" s="402" t="str">
        <f t="shared" si="93"/>
        <v/>
      </c>
      <c r="BY145" s="402" t="str">
        <f t="shared" si="94"/>
        <v/>
      </c>
      <c r="BZ145" s="402">
        <f t="shared" si="95"/>
        <v>1558824.96</v>
      </c>
      <c r="CA145" s="402" t="str">
        <f t="shared" si="96"/>
        <v/>
      </c>
      <c r="CB145" s="402" t="str">
        <f t="shared" si="97"/>
        <v/>
      </c>
      <c r="CC145" s="402" t="str">
        <f t="shared" si="98"/>
        <v/>
      </c>
      <c r="CD145" s="402" t="str">
        <f t="shared" si="99"/>
        <v/>
      </c>
      <c r="CE145" s="402" t="str">
        <f t="shared" si="100"/>
        <v/>
      </c>
      <c r="CF145" s="402" t="str">
        <f t="shared" si="101"/>
        <v/>
      </c>
      <c r="CG145" s="402" t="str">
        <f t="shared" si="102"/>
        <v/>
      </c>
      <c r="CH145" s="402"/>
      <c r="CI145" s="402"/>
      <c r="CJ145" s="402"/>
      <c r="CK145" s="402"/>
      <c r="CL145" s="402"/>
      <c r="CM145" s="402"/>
      <c r="CN145" s="402"/>
      <c r="CO145" s="402"/>
      <c r="CP145" s="402"/>
      <c r="CQ145" s="402"/>
      <c r="CR145" s="402"/>
      <c r="CS145" s="402"/>
      <c r="CT145" s="402"/>
      <c r="CU145" s="402"/>
      <c r="CV145" s="402"/>
      <c r="CW145" s="402"/>
      <c r="CX145" s="402"/>
      <c r="CY145" s="402"/>
      <c r="CZ145" s="402"/>
      <c r="DA145" s="402"/>
      <c r="DB145" s="402"/>
      <c r="DC145" s="402"/>
      <c r="DD145" s="407"/>
      <c r="DE145" s="407"/>
      <c r="DF145" s="407"/>
    </row>
    <row r="146" spans="3:110" s="395" customFormat="1" ht="56.1" customHeight="1" x14ac:dyDescent="0.2">
      <c r="C146" s="420">
        <v>333</v>
      </c>
      <c r="D146" s="420" t="s">
        <v>2481</v>
      </c>
      <c r="E146" s="96" t="s">
        <v>53</v>
      </c>
      <c r="F146" s="96" t="s">
        <v>515</v>
      </c>
      <c r="G146" s="407" t="s">
        <v>523</v>
      </c>
      <c r="H146" s="407" t="s">
        <v>540</v>
      </c>
      <c r="I146" s="407" t="s">
        <v>540</v>
      </c>
      <c r="J146" s="407"/>
      <c r="K146" s="407" t="s">
        <v>90</v>
      </c>
      <c r="L146" s="407" t="s">
        <v>40</v>
      </c>
      <c r="M146" s="407" t="s">
        <v>388</v>
      </c>
      <c r="N146" s="407" t="s">
        <v>525</v>
      </c>
      <c r="O146" s="407" t="s">
        <v>169</v>
      </c>
      <c r="P146" s="407" t="s">
        <v>63</v>
      </c>
      <c r="Q146" s="407" t="s">
        <v>63</v>
      </c>
      <c r="R146" s="410">
        <v>43494</v>
      </c>
      <c r="S146" s="410">
        <v>43494</v>
      </c>
      <c r="T146" s="407" t="s">
        <v>64</v>
      </c>
      <c r="U146" s="407" t="s">
        <v>82</v>
      </c>
      <c r="V146" s="408"/>
      <c r="W146" s="408"/>
      <c r="X146" s="408"/>
      <c r="Y146" s="408"/>
      <c r="Z146" s="408"/>
      <c r="AA146" s="402"/>
      <c r="AB146" s="408"/>
      <c r="AC146" s="408"/>
      <c r="AD146" s="408"/>
      <c r="AE146" s="408"/>
      <c r="AF146" s="408"/>
      <c r="AG146" s="408"/>
      <c r="AH146" s="408"/>
      <c r="AI146" s="408"/>
      <c r="AJ146" s="408"/>
      <c r="AK146" s="408"/>
      <c r="AL146" s="408"/>
      <c r="AM146" s="408"/>
      <c r="AN146" s="408"/>
      <c r="AO146" s="408"/>
      <c r="AP146" s="408"/>
      <c r="AQ146" s="408"/>
      <c r="AR146" s="408"/>
      <c r="AS146" s="402" t="s">
        <v>66</v>
      </c>
      <c r="AT146" s="408"/>
      <c r="AU146" s="408"/>
      <c r="AV146" s="408"/>
      <c r="AW146" s="408"/>
      <c r="AX146" s="408"/>
      <c r="AY146" s="408"/>
      <c r="AZ146" s="408"/>
      <c r="BA146" s="308">
        <f t="shared" si="71"/>
        <v>1400</v>
      </c>
      <c r="BB146" s="309">
        <f t="shared" si="70"/>
        <v>31.067142857142859</v>
      </c>
      <c r="BC146" s="402" t="str">
        <f t="shared" si="72"/>
        <v/>
      </c>
      <c r="BD146" s="402" t="str">
        <f t="shared" si="73"/>
        <v/>
      </c>
      <c r="BE146" s="402" t="str">
        <f t="shared" si="74"/>
        <v/>
      </c>
      <c r="BF146" s="402" t="str">
        <f t="shared" si="75"/>
        <v/>
      </c>
      <c r="BG146" s="402" t="str">
        <f t="shared" si="76"/>
        <v/>
      </c>
      <c r="BH146" s="402" t="str">
        <f t="shared" si="77"/>
        <v/>
      </c>
      <c r="BI146" s="402" t="str">
        <f t="shared" si="78"/>
        <v/>
      </c>
      <c r="BJ146" s="402" t="str">
        <f t="shared" si="79"/>
        <v/>
      </c>
      <c r="BK146" s="402" t="str">
        <f t="shared" si="80"/>
        <v/>
      </c>
      <c r="BL146" s="402" t="str">
        <f t="shared" si="81"/>
        <v/>
      </c>
      <c r="BM146" s="402" t="str">
        <f t="shared" si="82"/>
        <v/>
      </c>
      <c r="BN146" s="402" t="str">
        <f t="shared" si="83"/>
        <v/>
      </c>
      <c r="BO146" s="402" t="str">
        <f t="shared" si="84"/>
        <v/>
      </c>
      <c r="BP146" s="402" t="str">
        <f t="shared" si="85"/>
        <v/>
      </c>
      <c r="BQ146" s="402" t="str">
        <f t="shared" si="86"/>
        <v/>
      </c>
      <c r="BR146" s="402" t="str">
        <f t="shared" si="87"/>
        <v/>
      </c>
      <c r="BS146" s="402" t="str">
        <f t="shared" si="88"/>
        <v/>
      </c>
      <c r="BT146" s="402" t="str">
        <f t="shared" si="89"/>
        <v/>
      </c>
      <c r="BU146" s="402" t="str">
        <f t="shared" si="90"/>
        <v/>
      </c>
      <c r="BV146" s="402" t="str">
        <f t="shared" si="91"/>
        <v/>
      </c>
      <c r="BW146" s="402" t="str">
        <f t="shared" si="92"/>
        <v/>
      </c>
      <c r="BX146" s="402" t="str">
        <f t="shared" si="93"/>
        <v/>
      </c>
      <c r="BY146" s="402" t="str">
        <f t="shared" si="94"/>
        <v/>
      </c>
      <c r="BZ146" s="402">
        <f t="shared" si="95"/>
        <v>43494</v>
      </c>
      <c r="CA146" s="402" t="str">
        <f t="shared" si="96"/>
        <v/>
      </c>
      <c r="CB146" s="402" t="str">
        <f t="shared" si="97"/>
        <v/>
      </c>
      <c r="CC146" s="402" t="str">
        <f t="shared" si="98"/>
        <v/>
      </c>
      <c r="CD146" s="402" t="str">
        <f t="shared" si="99"/>
        <v/>
      </c>
      <c r="CE146" s="402" t="str">
        <f t="shared" si="100"/>
        <v/>
      </c>
      <c r="CF146" s="402" t="str">
        <f t="shared" si="101"/>
        <v/>
      </c>
      <c r="CG146" s="402" t="str">
        <f t="shared" si="102"/>
        <v/>
      </c>
      <c r="CH146" s="402"/>
      <c r="CI146" s="402"/>
      <c r="CJ146" s="402"/>
      <c r="CK146" s="402"/>
      <c r="CL146" s="402"/>
      <c r="CM146" s="402"/>
      <c r="CN146" s="402"/>
      <c r="CO146" s="402"/>
      <c r="CP146" s="402"/>
      <c r="CQ146" s="402"/>
      <c r="CR146" s="402"/>
      <c r="CS146" s="402"/>
      <c r="CT146" s="402"/>
      <c r="CU146" s="402"/>
      <c r="CV146" s="402"/>
      <c r="CW146" s="402"/>
      <c r="CX146" s="402"/>
      <c r="CY146" s="402"/>
      <c r="CZ146" s="402"/>
      <c r="DA146" s="402"/>
      <c r="DB146" s="402"/>
      <c r="DC146" s="402"/>
      <c r="DD146" s="407"/>
      <c r="DE146" s="407"/>
      <c r="DF146" s="407"/>
    </row>
    <row r="147" spans="3:110" s="395" customFormat="1" ht="56.1" customHeight="1" x14ac:dyDescent="0.2">
      <c r="C147" s="420">
        <v>334</v>
      </c>
      <c r="D147" s="420" t="s">
        <v>2481</v>
      </c>
      <c r="E147" s="96" t="s">
        <v>53</v>
      </c>
      <c r="F147" s="96" t="s">
        <v>515</v>
      </c>
      <c r="G147" s="407" t="s">
        <v>539</v>
      </c>
      <c r="H147" s="407" t="s">
        <v>541</v>
      </c>
      <c r="I147" s="407" t="s">
        <v>541</v>
      </c>
      <c r="J147" s="407"/>
      <c r="K147" s="407" t="s">
        <v>90</v>
      </c>
      <c r="L147" s="407" t="s">
        <v>40</v>
      </c>
      <c r="M147" s="407" t="s">
        <v>388</v>
      </c>
      <c r="N147" s="407" t="s">
        <v>525</v>
      </c>
      <c r="O147" s="407" t="s">
        <v>169</v>
      </c>
      <c r="P147" s="407" t="s">
        <v>63</v>
      </c>
      <c r="Q147" s="407" t="s">
        <v>63</v>
      </c>
      <c r="R147" s="410">
        <v>105440</v>
      </c>
      <c r="S147" s="410">
        <v>105440</v>
      </c>
      <c r="T147" s="407" t="s">
        <v>64</v>
      </c>
      <c r="U147" s="407" t="s">
        <v>82</v>
      </c>
      <c r="V147" s="408"/>
      <c r="W147" s="408"/>
      <c r="X147" s="408"/>
      <c r="Y147" s="408"/>
      <c r="Z147" s="408"/>
      <c r="AA147" s="402"/>
      <c r="AB147" s="408"/>
      <c r="AC147" s="408"/>
      <c r="AD147" s="408"/>
      <c r="AE147" s="408"/>
      <c r="AF147" s="408"/>
      <c r="AG147" s="408"/>
      <c r="AH147" s="408"/>
      <c r="AI147" s="408"/>
      <c r="AJ147" s="408"/>
      <c r="AK147" s="408"/>
      <c r="AL147" s="408"/>
      <c r="AM147" s="408"/>
      <c r="AN147" s="408"/>
      <c r="AO147" s="408"/>
      <c r="AP147" s="408"/>
      <c r="AQ147" s="408"/>
      <c r="AR147" s="408"/>
      <c r="AS147" s="402" t="s">
        <v>66</v>
      </c>
      <c r="AT147" s="408"/>
      <c r="AU147" s="408"/>
      <c r="AV147" s="408"/>
      <c r="AW147" s="408"/>
      <c r="AX147" s="408"/>
      <c r="AY147" s="408"/>
      <c r="AZ147" s="408"/>
      <c r="BA147" s="308">
        <f t="shared" si="71"/>
        <v>1400</v>
      </c>
      <c r="BB147" s="309">
        <f t="shared" si="70"/>
        <v>75.314285714285717</v>
      </c>
      <c r="BC147" s="402" t="str">
        <f t="shared" si="72"/>
        <v/>
      </c>
      <c r="BD147" s="402" t="str">
        <f t="shared" si="73"/>
        <v/>
      </c>
      <c r="BE147" s="402" t="str">
        <f t="shared" si="74"/>
        <v/>
      </c>
      <c r="BF147" s="402" t="str">
        <f t="shared" si="75"/>
        <v/>
      </c>
      <c r="BG147" s="402" t="str">
        <f t="shared" si="76"/>
        <v/>
      </c>
      <c r="BH147" s="402" t="str">
        <f t="shared" si="77"/>
        <v/>
      </c>
      <c r="BI147" s="402" t="str">
        <f t="shared" si="78"/>
        <v/>
      </c>
      <c r="BJ147" s="402" t="str">
        <f t="shared" si="79"/>
        <v/>
      </c>
      <c r="BK147" s="402" t="str">
        <f t="shared" si="80"/>
        <v/>
      </c>
      <c r="BL147" s="402" t="str">
        <f t="shared" si="81"/>
        <v/>
      </c>
      <c r="BM147" s="402" t="str">
        <f t="shared" si="82"/>
        <v/>
      </c>
      <c r="BN147" s="402" t="str">
        <f t="shared" si="83"/>
        <v/>
      </c>
      <c r="BO147" s="402" t="str">
        <f t="shared" si="84"/>
        <v/>
      </c>
      <c r="BP147" s="402" t="str">
        <f t="shared" si="85"/>
        <v/>
      </c>
      <c r="BQ147" s="402" t="str">
        <f t="shared" si="86"/>
        <v/>
      </c>
      <c r="BR147" s="402" t="str">
        <f t="shared" si="87"/>
        <v/>
      </c>
      <c r="BS147" s="402" t="str">
        <f t="shared" si="88"/>
        <v/>
      </c>
      <c r="BT147" s="402" t="str">
        <f t="shared" si="89"/>
        <v/>
      </c>
      <c r="BU147" s="402" t="str">
        <f t="shared" si="90"/>
        <v/>
      </c>
      <c r="BV147" s="402" t="str">
        <f t="shared" si="91"/>
        <v/>
      </c>
      <c r="BW147" s="402" t="str">
        <f t="shared" si="92"/>
        <v/>
      </c>
      <c r="BX147" s="402" t="str">
        <f t="shared" si="93"/>
        <v/>
      </c>
      <c r="BY147" s="402" t="str">
        <f t="shared" si="94"/>
        <v/>
      </c>
      <c r="BZ147" s="402">
        <f t="shared" si="95"/>
        <v>105440</v>
      </c>
      <c r="CA147" s="402" t="str">
        <f t="shared" si="96"/>
        <v/>
      </c>
      <c r="CB147" s="402" t="str">
        <f t="shared" si="97"/>
        <v/>
      </c>
      <c r="CC147" s="402" t="str">
        <f t="shared" si="98"/>
        <v/>
      </c>
      <c r="CD147" s="402" t="str">
        <f t="shared" si="99"/>
        <v/>
      </c>
      <c r="CE147" s="402" t="str">
        <f t="shared" si="100"/>
        <v/>
      </c>
      <c r="CF147" s="402" t="str">
        <f t="shared" si="101"/>
        <v/>
      </c>
      <c r="CG147" s="402" t="str">
        <f t="shared" si="102"/>
        <v/>
      </c>
      <c r="CH147" s="402"/>
      <c r="CI147" s="402"/>
      <c r="CJ147" s="402"/>
      <c r="CK147" s="402"/>
      <c r="CL147" s="402"/>
      <c r="CM147" s="402"/>
      <c r="CN147" s="402"/>
      <c r="CO147" s="402"/>
      <c r="CP147" s="402"/>
      <c r="CQ147" s="402"/>
      <c r="CR147" s="402"/>
      <c r="CS147" s="402"/>
      <c r="CT147" s="402"/>
      <c r="CU147" s="402"/>
      <c r="CV147" s="402"/>
      <c r="CW147" s="402"/>
      <c r="CX147" s="402"/>
      <c r="CY147" s="402"/>
      <c r="CZ147" s="402"/>
      <c r="DA147" s="402"/>
      <c r="DB147" s="402"/>
      <c r="DC147" s="402"/>
      <c r="DD147" s="407"/>
      <c r="DE147" s="407"/>
      <c r="DF147" s="407"/>
    </row>
    <row r="148" spans="3:110" s="395" customFormat="1" ht="56.1" customHeight="1" x14ac:dyDescent="0.2">
      <c r="C148" s="420">
        <v>335</v>
      </c>
      <c r="D148" s="420" t="s">
        <v>2481</v>
      </c>
      <c r="E148" s="96" t="s">
        <v>53</v>
      </c>
      <c r="F148" s="96" t="s">
        <v>515</v>
      </c>
      <c r="G148" s="407" t="s">
        <v>528</v>
      </c>
      <c r="H148" s="407" t="s">
        <v>546</v>
      </c>
      <c r="I148" s="407" t="s">
        <v>546</v>
      </c>
      <c r="J148" s="407"/>
      <c r="K148" s="407" t="s">
        <v>90</v>
      </c>
      <c r="L148" s="407" t="s">
        <v>40</v>
      </c>
      <c r="M148" s="407" t="s">
        <v>388</v>
      </c>
      <c r="N148" s="407" t="s">
        <v>525</v>
      </c>
      <c r="O148" s="407" t="s">
        <v>169</v>
      </c>
      <c r="P148" s="407" t="s">
        <v>63</v>
      </c>
      <c r="Q148" s="407" t="s">
        <v>63</v>
      </c>
      <c r="R148" s="410">
        <v>369040</v>
      </c>
      <c r="S148" s="410">
        <v>369040</v>
      </c>
      <c r="T148" s="407" t="s">
        <v>64</v>
      </c>
      <c r="U148" s="407" t="s">
        <v>82</v>
      </c>
      <c r="V148" s="408"/>
      <c r="W148" s="408"/>
      <c r="X148" s="408"/>
      <c r="Y148" s="408"/>
      <c r="Z148" s="408"/>
      <c r="AA148" s="402"/>
      <c r="AB148" s="408"/>
      <c r="AC148" s="408"/>
      <c r="AD148" s="408"/>
      <c r="AE148" s="408"/>
      <c r="AF148" s="408"/>
      <c r="AG148" s="408"/>
      <c r="AH148" s="408"/>
      <c r="AI148" s="408"/>
      <c r="AJ148" s="408"/>
      <c r="AK148" s="408"/>
      <c r="AL148" s="408"/>
      <c r="AM148" s="408"/>
      <c r="AN148" s="408"/>
      <c r="AO148" s="408"/>
      <c r="AP148" s="408"/>
      <c r="AQ148" s="408"/>
      <c r="AR148" s="408"/>
      <c r="AS148" s="402" t="s">
        <v>66</v>
      </c>
      <c r="AT148" s="408"/>
      <c r="AU148" s="408"/>
      <c r="AV148" s="408"/>
      <c r="AW148" s="408"/>
      <c r="AX148" s="408"/>
      <c r="AY148" s="408"/>
      <c r="AZ148" s="408"/>
      <c r="BA148" s="308">
        <f t="shared" si="71"/>
        <v>1400</v>
      </c>
      <c r="BB148" s="309">
        <f t="shared" si="70"/>
        <v>263.60000000000002</v>
      </c>
      <c r="BC148" s="402" t="str">
        <f t="shared" si="72"/>
        <v/>
      </c>
      <c r="BD148" s="402" t="str">
        <f t="shared" si="73"/>
        <v/>
      </c>
      <c r="BE148" s="402" t="str">
        <f t="shared" si="74"/>
        <v/>
      </c>
      <c r="BF148" s="402" t="str">
        <f t="shared" si="75"/>
        <v/>
      </c>
      <c r="BG148" s="402" t="str">
        <f t="shared" si="76"/>
        <v/>
      </c>
      <c r="BH148" s="402" t="str">
        <f t="shared" si="77"/>
        <v/>
      </c>
      <c r="BI148" s="402" t="str">
        <f t="shared" si="78"/>
        <v/>
      </c>
      <c r="BJ148" s="402" t="str">
        <f t="shared" si="79"/>
        <v/>
      </c>
      <c r="BK148" s="402" t="str">
        <f t="shared" si="80"/>
        <v/>
      </c>
      <c r="BL148" s="402" t="str">
        <f t="shared" si="81"/>
        <v/>
      </c>
      <c r="BM148" s="402" t="str">
        <f t="shared" si="82"/>
        <v/>
      </c>
      <c r="BN148" s="402" t="str">
        <f t="shared" si="83"/>
        <v/>
      </c>
      <c r="BO148" s="402" t="str">
        <f t="shared" si="84"/>
        <v/>
      </c>
      <c r="BP148" s="402" t="str">
        <f t="shared" si="85"/>
        <v/>
      </c>
      <c r="BQ148" s="402" t="str">
        <f t="shared" si="86"/>
        <v/>
      </c>
      <c r="BR148" s="402" t="str">
        <f t="shared" si="87"/>
        <v/>
      </c>
      <c r="BS148" s="402" t="str">
        <f t="shared" si="88"/>
        <v/>
      </c>
      <c r="BT148" s="402" t="str">
        <f t="shared" si="89"/>
        <v/>
      </c>
      <c r="BU148" s="402" t="str">
        <f t="shared" si="90"/>
        <v/>
      </c>
      <c r="BV148" s="402" t="str">
        <f t="shared" si="91"/>
        <v/>
      </c>
      <c r="BW148" s="402" t="str">
        <f t="shared" si="92"/>
        <v/>
      </c>
      <c r="BX148" s="402" t="str">
        <f t="shared" si="93"/>
        <v/>
      </c>
      <c r="BY148" s="402" t="str">
        <f t="shared" si="94"/>
        <v/>
      </c>
      <c r="BZ148" s="402">
        <f t="shared" si="95"/>
        <v>369040.00000000006</v>
      </c>
      <c r="CA148" s="402" t="str">
        <f t="shared" si="96"/>
        <v/>
      </c>
      <c r="CB148" s="402" t="str">
        <f t="shared" si="97"/>
        <v/>
      </c>
      <c r="CC148" s="402" t="str">
        <f t="shared" si="98"/>
        <v/>
      </c>
      <c r="CD148" s="402" t="str">
        <f t="shared" si="99"/>
        <v/>
      </c>
      <c r="CE148" s="402" t="str">
        <f t="shared" si="100"/>
        <v/>
      </c>
      <c r="CF148" s="402" t="str">
        <f t="shared" si="101"/>
        <v/>
      </c>
      <c r="CG148" s="402" t="str">
        <f t="shared" si="102"/>
        <v/>
      </c>
      <c r="CH148" s="402"/>
      <c r="CI148" s="402"/>
      <c r="CJ148" s="402"/>
      <c r="CK148" s="402"/>
      <c r="CL148" s="402"/>
      <c r="CM148" s="402"/>
      <c r="CN148" s="402"/>
      <c r="CO148" s="402"/>
      <c r="CP148" s="402"/>
      <c r="CQ148" s="402"/>
      <c r="CR148" s="402"/>
      <c r="CS148" s="402"/>
      <c r="CT148" s="402"/>
      <c r="CU148" s="402"/>
      <c r="CV148" s="402"/>
      <c r="CW148" s="402"/>
      <c r="CX148" s="402"/>
      <c r="CY148" s="402"/>
      <c r="CZ148" s="402"/>
      <c r="DA148" s="402"/>
      <c r="DB148" s="402"/>
      <c r="DC148" s="402"/>
      <c r="DD148" s="407"/>
      <c r="DE148" s="407"/>
      <c r="DF148" s="407"/>
    </row>
    <row r="149" spans="3:110" s="395" customFormat="1" ht="56.1" customHeight="1" x14ac:dyDescent="0.2">
      <c r="C149" s="420">
        <v>336</v>
      </c>
      <c r="D149" s="420" t="s">
        <v>2481</v>
      </c>
      <c r="E149" s="96" t="s">
        <v>53</v>
      </c>
      <c r="F149" s="96" t="s">
        <v>515</v>
      </c>
      <c r="G149" s="407" t="s">
        <v>530</v>
      </c>
      <c r="H149" s="407" t="s">
        <v>547</v>
      </c>
      <c r="I149" s="407" t="s">
        <v>547</v>
      </c>
      <c r="J149" s="407"/>
      <c r="K149" s="407" t="s">
        <v>90</v>
      </c>
      <c r="L149" s="407" t="s">
        <v>40</v>
      </c>
      <c r="M149" s="407" t="s">
        <v>388</v>
      </c>
      <c r="N149" s="407" t="s">
        <v>525</v>
      </c>
      <c r="O149" s="407" t="s">
        <v>169</v>
      </c>
      <c r="P149" s="407" t="s">
        <v>63</v>
      </c>
      <c r="Q149" s="407" t="s">
        <v>63</v>
      </c>
      <c r="R149" s="410">
        <v>434940</v>
      </c>
      <c r="S149" s="410">
        <v>434940</v>
      </c>
      <c r="T149" s="407" t="s">
        <v>64</v>
      </c>
      <c r="U149" s="407" t="s">
        <v>82</v>
      </c>
      <c r="V149" s="408"/>
      <c r="W149" s="408"/>
      <c r="X149" s="408"/>
      <c r="Y149" s="408"/>
      <c r="Z149" s="408"/>
      <c r="AA149" s="402"/>
      <c r="AB149" s="408"/>
      <c r="AC149" s="408"/>
      <c r="AD149" s="408"/>
      <c r="AE149" s="408"/>
      <c r="AF149" s="408"/>
      <c r="AG149" s="408"/>
      <c r="AH149" s="408"/>
      <c r="AI149" s="408"/>
      <c r="AJ149" s="408"/>
      <c r="AK149" s="408"/>
      <c r="AL149" s="408"/>
      <c r="AM149" s="408"/>
      <c r="AN149" s="408"/>
      <c r="AO149" s="408"/>
      <c r="AP149" s="408"/>
      <c r="AQ149" s="408"/>
      <c r="AR149" s="408"/>
      <c r="AS149" s="402" t="s">
        <v>66</v>
      </c>
      <c r="AT149" s="408"/>
      <c r="AU149" s="408"/>
      <c r="AV149" s="408"/>
      <c r="AW149" s="408"/>
      <c r="AX149" s="408"/>
      <c r="AY149" s="408"/>
      <c r="AZ149" s="408"/>
      <c r="BA149" s="308">
        <f t="shared" si="71"/>
        <v>1400</v>
      </c>
      <c r="BB149" s="309">
        <f t="shared" si="70"/>
        <v>310.67142857142858</v>
      </c>
      <c r="BC149" s="402" t="str">
        <f t="shared" si="72"/>
        <v/>
      </c>
      <c r="BD149" s="402" t="str">
        <f t="shared" si="73"/>
        <v/>
      </c>
      <c r="BE149" s="402" t="str">
        <f t="shared" si="74"/>
        <v/>
      </c>
      <c r="BF149" s="402" t="str">
        <f t="shared" si="75"/>
        <v/>
      </c>
      <c r="BG149" s="402" t="str">
        <f t="shared" si="76"/>
        <v/>
      </c>
      <c r="BH149" s="402" t="str">
        <f t="shared" si="77"/>
        <v/>
      </c>
      <c r="BI149" s="402" t="str">
        <f t="shared" si="78"/>
        <v/>
      </c>
      <c r="BJ149" s="402" t="str">
        <f t="shared" si="79"/>
        <v/>
      </c>
      <c r="BK149" s="402" t="str">
        <f t="shared" si="80"/>
        <v/>
      </c>
      <c r="BL149" s="402" t="str">
        <f t="shared" si="81"/>
        <v/>
      </c>
      <c r="BM149" s="402" t="str">
        <f t="shared" si="82"/>
        <v/>
      </c>
      <c r="BN149" s="402" t="str">
        <f t="shared" si="83"/>
        <v/>
      </c>
      <c r="BO149" s="402" t="str">
        <f t="shared" si="84"/>
        <v/>
      </c>
      <c r="BP149" s="402" t="str">
        <f t="shared" si="85"/>
        <v/>
      </c>
      <c r="BQ149" s="402" t="str">
        <f t="shared" si="86"/>
        <v/>
      </c>
      <c r="BR149" s="402" t="str">
        <f t="shared" si="87"/>
        <v/>
      </c>
      <c r="BS149" s="402" t="str">
        <f t="shared" si="88"/>
        <v/>
      </c>
      <c r="BT149" s="402" t="str">
        <f t="shared" si="89"/>
        <v/>
      </c>
      <c r="BU149" s="402" t="str">
        <f t="shared" si="90"/>
        <v/>
      </c>
      <c r="BV149" s="402" t="str">
        <f t="shared" si="91"/>
        <v/>
      </c>
      <c r="BW149" s="402" t="str">
        <f t="shared" si="92"/>
        <v/>
      </c>
      <c r="BX149" s="402" t="str">
        <f t="shared" si="93"/>
        <v/>
      </c>
      <c r="BY149" s="402" t="str">
        <f t="shared" si="94"/>
        <v/>
      </c>
      <c r="BZ149" s="402">
        <f t="shared" si="95"/>
        <v>434940</v>
      </c>
      <c r="CA149" s="402" t="str">
        <f t="shared" si="96"/>
        <v/>
      </c>
      <c r="CB149" s="402" t="str">
        <f t="shared" si="97"/>
        <v/>
      </c>
      <c r="CC149" s="402" t="str">
        <f t="shared" si="98"/>
        <v/>
      </c>
      <c r="CD149" s="402" t="str">
        <f t="shared" si="99"/>
        <v/>
      </c>
      <c r="CE149" s="402" t="str">
        <f t="shared" si="100"/>
        <v/>
      </c>
      <c r="CF149" s="402" t="str">
        <f t="shared" si="101"/>
        <v/>
      </c>
      <c r="CG149" s="402" t="str">
        <f t="shared" si="102"/>
        <v/>
      </c>
      <c r="CH149" s="402"/>
      <c r="CI149" s="402"/>
      <c r="CJ149" s="402"/>
      <c r="CK149" s="402"/>
      <c r="CL149" s="402"/>
      <c r="CM149" s="402"/>
      <c r="CN149" s="402"/>
      <c r="CO149" s="402"/>
      <c r="CP149" s="402"/>
      <c r="CQ149" s="402"/>
      <c r="CR149" s="402"/>
      <c r="CS149" s="402"/>
      <c r="CT149" s="402"/>
      <c r="CU149" s="402"/>
      <c r="CV149" s="402"/>
      <c r="CW149" s="402"/>
      <c r="CX149" s="402"/>
      <c r="CY149" s="402"/>
      <c r="CZ149" s="402"/>
      <c r="DA149" s="402"/>
      <c r="DB149" s="402"/>
      <c r="DC149" s="402"/>
      <c r="DD149" s="407"/>
      <c r="DE149" s="407"/>
      <c r="DF149" s="407"/>
    </row>
    <row r="150" spans="3:110" s="395" customFormat="1" ht="56.1" customHeight="1" x14ac:dyDescent="0.2">
      <c r="C150" s="420">
        <v>337</v>
      </c>
      <c r="D150" s="420" t="s">
        <v>2481</v>
      </c>
      <c r="E150" s="96" t="s">
        <v>53</v>
      </c>
      <c r="F150" s="96" t="s">
        <v>515</v>
      </c>
      <c r="G150" s="407" t="s">
        <v>533</v>
      </c>
      <c r="H150" s="407" t="s">
        <v>534</v>
      </c>
      <c r="I150" s="407" t="s">
        <v>534</v>
      </c>
      <c r="J150" s="407"/>
      <c r="K150" s="407" t="s">
        <v>90</v>
      </c>
      <c r="L150" s="407" t="s">
        <v>40</v>
      </c>
      <c r="M150" s="407" t="s">
        <v>60</v>
      </c>
      <c r="N150" s="407" t="s">
        <v>334</v>
      </c>
      <c r="O150" s="407" t="s">
        <v>169</v>
      </c>
      <c r="P150" s="407" t="s">
        <v>63</v>
      </c>
      <c r="Q150" s="407" t="s">
        <v>63</v>
      </c>
      <c r="R150" s="410">
        <v>249102</v>
      </c>
      <c r="S150" s="410">
        <v>249102</v>
      </c>
      <c r="T150" s="407" t="s">
        <v>64</v>
      </c>
      <c r="U150" s="407" t="s">
        <v>82</v>
      </c>
      <c r="V150" s="408"/>
      <c r="W150" s="408"/>
      <c r="X150" s="408"/>
      <c r="Y150" s="408"/>
      <c r="Z150" s="408"/>
      <c r="AA150" s="402"/>
      <c r="AB150" s="408"/>
      <c r="AC150" s="408"/>
      <c r="AD150" s="408"/>
      <c r="AE150" s="408"/>
      <c r="AF150" s="408"/>
      <c r="AG150" s="408"/>
      <c r="AH150" s="408"/>
      <c r="AI150" s="408"/>
      <c r="AJ150" s="408"/>
      <c r="AK150" s="408"/>
      <c r="AL150" s="408"/>
      <c r="AM150" s="408"/>
      <c r="AN150" s="408"/>
      <c r="AO150" s="408"/>
      <c r="AP150" s="408"/>
      <c r="AQ150" s="408"/>
      <c r="AR150" s="408"/>
      <c r="AS150" s="402" t="s">
        <v>66</v>
      </c>
      <c r="AT150" s="408"/>
      <c r="AU150" s="408"/>
      <c r="AV150" s="408"/>
      <c r="AW150" s="408"/>
      <c r="AX150" s="408"/>
      <c r="AY150" s="408"/>
      <c r="AZ150" s="408"/>
      <c r="BA150" s="308">
        <f t="shared" si="71"/>
        <v>1400</v>
      </c>
      <c r="BB150" s="309">
        <f t="shared" si="70"/>
        <v>177.93</v>
      </c>
      <c r="BC150" s="402" t="str">
        <f t="shared" si="72"/>
        <v/>
      </c>
      <c r="BD150" s="402" t="str">
        <f t="shared" si="73"/>
        <v/>
      </c>
      <c r="BE150" s="402" t="str">
        <f t="shared" si="74"/>
        <v/>
      </c>
      <c r="BF150" s="402" t="str">
        <f t="shared" si="75"/>
        <v/>
      </c>
      <c r="BG150" s="402" t="str">
        <f t="shared" si="76"/>
        <v/>
      </c>
      <c r="BH150" s="402" t="str">
        <f t="shared" si="77"/>
        <v/>
      </c>
      <c r="BI150" s="402" t="str">
        <f t="shared" si="78"/>
        <v/>
      </c>
      <c r="BJ150" s="402" t="str">
        <f t="shared" si="79"/>
        <v/>
      </c>
      <c r="BK150" s="402" t="str">
        <f t="shared" si="80"/>
        <v/>
      </c>
      <c r="BL150" s="402" t="str">
        <f t="shared" si="81"/>
        <v/>
      </c>
      <c r="BM150" s="402" t="str">
        <f t="shared" si="82"/>
        <v/>
      </c>
      <c r="BN150" s="402" t="str">
        <f t="shared" si="83"/>
        <v/>
      </c>
      <c r="BO150" s="402" t="str">
        <f t="shared" si="84"/>
        <v/>
      </c>
      <c r="BP150" s="402" t="str">
        <f t="shared" si="85"/>
        <v/>
      </c>
      <c r="BQ150" s="402" t="str">
        <f t="shared" si="86"/>
        <v/>
      </c>
      <c r="BR150" s="402" t="str">
        <f t="shared" si="87"/>
        <v/>
      </c>
      <c r="BS150" s="402" t="str">
        <f t="shared" si="88"/>
        <v/>
      </c>
      <c r="BT150" s="402" t="str">
        <f t="shared" si="89"/>
        <v/>
      </c>
      <c r="BU150" s="402" t="str">
        <f t="shared" si="90"/>
        <v/>
      </c>
      <c r="BV150" s="402" t="str">
        <f t="shared" si="91"/>
        <v/>
      </c>
      <c r="BW150" s="402" t="str">
        <f t="shared" si="92"/>
        <v/>
      </c>
      <c r="BX150" s="402" t="str">
        <f t="shared" si="93"/>
        <v/>
      </c>
      <c r="BY150" s="402" t="str">
        <f t="shared" si="94"/>
        <v/>
      </c>
      <c r="BZ150" s="402">
        <f t="shared" si="95"/>
        <v>249102</v>
      </c>
      <c r="CA150" s="402" t="str">
        <f t="shared" si="96"/>
        <v/>
      </c>
      <c r="CB150" s="402" t="str">
        <f t="shared" si="97"/>
        <v/>
      </c>
      <c r="CC150" s="402" t="str">
        <f t="shared" si="98"/>
        <v/>
      </c>
      <c r="CD150" s="402" t="str">
        <f t="shared" si="99"/>
        <v/>
      </c>
      <c r="CE150" s="402" t="str">
        <f t="shared" si="100"/>
        <v/>
      </c>
      <c r="CF150" s="402" t="str">
        <f t="shared" si="101"/>
        <v/>
      </c>
      <c r="CG150" s="402" t="str">
        <f t="shared" si="102"/>
        <v/>
      </c>
      <c r="CH150" s="402"/>
      <c r="CI150" s="402"/>
      <c r="CJ150" s="402"/>
      <c r="CK150" s="402"/>
      <c r="CL150" s="402"/>
      <c r="CM150" s="402"/>
      <c r="CN150" s="402"/>
      <c r="CO150" s="402"/>
      <c r="CP150" s="402"/>
      <c r="CQ150" s="402"/>
      <c r="CR150" s="402"/>
      <c r="CS150" s="402"/>
      <c r="CT150" s="402"/>
      <c r="CU150" s="402"/>
      <c r="CV150" s="402"/>
      <c r="CW150" s="402"/>
      <c r="CX150" s="402"/>
      <c r="CY150" s="402"/>
      <c r="CZ150" s="402"/>
      <c r="DA150" s="402"/>
      <c r="DB150" s="402"/>
      <c r="DC150" s="402"/>
      <c r="DD150" s="407"/>
      <c r="DE150" s="407"/>
      <c r="DF150" s="407"/>
    </row>
    <row r="151" spans="3:110" s="395" customFormat="1" ht="56.1" customHeight="1" x14ac:dyDescent="0.2">
      <c r="C151" s="420">
        <v>338</v>
      </c>
      <c r="D151" s="420" t="s">
        <v>2481</v>
      </c>
      <c r="E151" s="96" t="s">
        <v>53</v>
      </c>
      <c r="F151" s="96" t="s">
        <v>515</v>
      </c>
      <c r="G151" s="407" t="s">
        <v>516</v>
      </c>
      <c r="H151" s="407" t="s">
        <v>535</v>
      </c>
      <c r="I151" s="407" t="s">
        <v>536</v>
      </c>
      <c r="J151" s="407"/>
      <c r="K151" s="407" t="s">
        <v>90</v>
      </c>
      <c r="L151" s="407" t="s">
        <v>310</v>
      </c>
      <c r="M151" s="407" t="s">
        <v>81</v>
      </c>
      <c r="N151" s="407" t="s">
        <v>334</v>
      </c>
      <c r="O151" s="407" t="s">
        <v>225</v>
      </c>
      <c r="P151" s="407" t="s">
        <v>63</v>
      </c>
      <c r="Q151" s="407" t="s">
        <v>63</v>
      </c>
      <c r="R151" s="410">
        <v>61340.774399999995</v>
      </c>
      <c r="S151" s="410">
        <v>61340.774399999995</v>
      </c>
      <c r="T151" s="407" t="s">
        <v>226</v>
      </c>
      <c r="U151" s="407" t="s">
        <v>82</v>
      </c>
      <c r="V151" s="408"/>
      <c r="W151" s="408"/>
      <c r="X151" s="408"/>
      <c r="Y151" s="408"/>
      <c r="Z151" s="408"/>
      <c r="AA151" s="402"/>
      <c r="AB151" s="408"/>
      <c r="AC151" s="408"/>
      <c r="AD151" s="408"/>
      <c r="AE151" s="408"/>
      <c r="AF151" s="408"/>
      <c r="AG151" s="408"/>
      <c r="AH151" s="408"/>
      <c r="AI151" s="408"/>
      <c r="AJ151" s="408"/>
      <c r="AK151" s="408"/>
      <c r="AL151" s="408"/>
      <c r="AM151" s="408"/>
      <c r="AN151" s="408"/>
      <c r="AO151" s="408"/>
      <c r="AP151" s="408"/>
      <c r="AQ151" s="408"/>
      <c r="AR151" s="408"/>
      <c r="AS151" s="408"/>
      <c r="AT151" s="402" t="s">
        <v>66</v>
      </c>
      <c r="AU151" s="408"/>
      <c r="AV151" s="408"/>
      <c r="AW151" s="408"/>
      <c r="AX151" s="408"/>
      <c r="AY151" s="408"/>
      <c r="AZ151" s="408"/>
      <c r="BA151" s="308">
        <f t="shared" si="71"/>
        <v>201</v>
      </c>
      <c r="BB151" s="309">
        <f t="shared" si="70"/>
        <v>305.17798208955219</v>
      </c>
      <c r="BC151" s="402" t="str">
        <f t="shared" si="72"/>
        <v/>
      </c>
      <c r="BD151" s="402" t="str">
        <f t="shared" si="73"/>
        <v/>
      </c>
      <c r="BE151" s="402" t="str">
        <f t="shared" si="74"/>
        <v/>
      </c>
      <c r="BF151" s="402" t="str">
        <f t="shared" si="75"/>
        <v/>
      </c>
      <c r="BG151" s="402" t="str">
        <f t="shared" si="76"/>
        <v/>
      </c>
      <c r="BH151" s="402" t="str">
        <f t="shared" si="77"/>
        <v/>
      </c>
      <c r="BI151" s="402" t="str">
        <f t="shared" si="78"/>
        <v/>
      </c>
      <c r="BJ151" s="402" t="str">
        <f t="shared" si="79"/>
        <v/>
      </c>
      <c r="BK151" s="402" t="str">
        <f t="shared" si="80"/>
        <v/>
      </c>
      <c r="BL151" s="402" t="str">
        <f t="shared" si="81"/>
        <v/>
      </c>
      <c r="BM151" s="402" t="str">
        <f t="shared" si="82"/>
        <v/>
      </c>
      <c r="BN151" s="402" t="str">
        <f t="shared" si="83"/>
        <v/>
      </c>
      <c r="BO151" s="402" t="str">
        <f t="shared" si="84"/>
        <v/>
      </c>
      <c r="BP151" s="402" t="str">
        <f t="shared" si="85"/>
        <v/>
      </c>
      <c r="BQ151" s="402" t="str">
        <f t="shared" si="86"/>
        <v/>
      </c>
      <c r="BR151" s="402" t="str">
        <f t="shared" si="87"/>
        <v/>
      </c>
      <c r="BS151" s="402" t="str">
        <f t="shared" si="88"/>
        <v/>
      </c>
      <c r="BT151" s="402" t="str">
        <f t="shared" si="89"/>
        <v/>
      </c>
      <c r="BU151" s="402" t="str">
        <f t="shared" si="90"/>
        <v/>
      </c>
      <c r="BV151" s="402" t="str">
        <f t="shared" si="91"/>
        <v/>
      </c>
      <c r="BW151" s="402" t="str">
        <f t="shared" si="92"/>
        <v/>
      </c>
      <c r="BX151" s="402" t="str">
        <f t="shared" si="93"/>
        <v/>
      </c>
      <c r="BY151" s="402" t="str">
        <f t="shared" si="94"/>
        <v/>
      </c>
      <c r="BZ151" s="402" t="str">
        <f t="shared" si="95"/>
        <v/>
      </c>
      <c r="CA151" s="402">
        <f t="shared" si="96"/>
        <v>61340.774399999988</v>
      </c>
      <c r="CB151" s="402" t="str">
        <f t="shared" si="97"/>
        <v/>
      </c>
      <c r="CC151" s="402" t="str">
        <f t="shared" si="98"/>
        <v/>
      </c>
      <c r="CD151" s="402" t="str">
        <f t="shared" si="99"/>
        <v/>
      </c>
      <c r="CE151" s="402" t="str">
        <f t="shared" si="100"/>
        <v/>
      </c>
      <c r="CF151" s="402" t="str">
        <f t="shared" si="101"/>
        <v/>
      </c>
      <c r="CG151" s="402" t="str">
        <f t="shared" si="102"/>
        <v/>
      </c>
      <c r="CH151" s="402"/>
      <c r="CI151" s="402"/>
      <c r="CJ151" s="402"/>
      <c r="CK151" s="402"/>
      <c r="CL151" s="402"/>
      <c r="CM151" s="402"/>
      <c r="CN151" s="402"/>
      <c r="CO151" s="402"/>
      <c r="CP151" s="402"/>
      <c r="CQ151" s="402"/>
      <c r="CR151" s="402"/>
      <c r="CS151" s="402"/>
      <c r="CT151" s="402"/>
      <c r="CU151" s="402"/>
      <c r="CV151" s="402"/>
      <c r="CW151" s="402"/>
      <c r="CX151" s="402"/>
      <c r="CY151" s="402"/>
      <c r="CZ151" s="402"/>
      <c r="DA151" s="402"/>
      <c r="DB151" s="402"/>
      <c r="DC151" s="402"/>
      <c r="DD151" s="407"/>
      <c r="DE151" s="407"/>
      <c r="DF151" s="407"/>
    </row>
    <row r="152" spans="3:110" s="395" customFormat="1" ht="56.1" customHeight="1" x14ac:dyDescent="0.2">
      <c r="C152" s="420">
        <v>339</v>
      </c>
      <c r="D152" s="420" t="s">
        <v>2481</v>
      </c>
      <c r="E152" s="96" t="s">
        <v>53</v>
      </c>
      <c r="F152" s="96" t="s">
        <v>515</v>
      </c>
      <c r="G152" s="407" t="s">
        <v>518</v>
      </c>
      <c r="H152" s="407" t="s">
        <v>520</v>
      </c>
      <c r="I152" s="407" t="s">
        <v>520</v>
      </c>
      <c r="J152" s="407"/>
      <c r="K152" s="407" t="s">
        <v>90</v>
      </c>
      <c r="L152" s="407" t="s">
        <v>310</v>
      </c>
      <c r="M152" s="407" t="s">
        <v>81</v>
      </c>
      <c r="N152" s="407" t="s">
        <v>334</v>
      </c>
      <c r="O152" s="407" t="s">
        <v>225</v>
      </c>
      <c r="P152" s="407" t="s">
        <v>63</v>
      </c>
      <c r="Q152" s="407" t="s">
        <v>63</v>
      </c>
      <c r="R152" s="410">
        <v>161019.53279999999</v>
      </c>
      <c r="S152" s="410">
        <v>161019.53279999999</v>
      </c>
      <c r="T152" s="407" t="s">
        <v>226</v>
      </c>
      <c r="U152" s="407" t="s">
        <v>82</v>
      </c>
      <c r="V152" s="408"/>
      <c r="W152" s="408"/>
      <c r="X152" s="408"/>
      <c r="Y152" s="408"/>
      <c r="Z152" s="408"/>
      <c r="AA152" s="402"/>
      <c r="AB152" s="408"/>
      <c r="AC152" s="408"/>
      <c r="AD152" s="408"/>
      <c r="AE152" s="408"/>
      <c r="AF152" s="408"/>
      <c r="AG152" s="408"/>
      <c r="AH152" s="408"/>
      <c r="AI152" s="408"/>
      <c r="AJ152" s="408"/>
      <c r="AK152" s="408"/>
      <c r="AL152" s="408"/>
      <c r="AM152" s="408"/>
      <c r="AN152" s="408"/>
      <c r="AO152" s="408"/>
      <c r="AP152" s="408"/>
      <c r="AQ152" s="408"/>
      <c r="AR152" s="408"/>
      <c r="AS152" s="408"/>
      <c r="AT152" s="402" t="s">
        <v>66</v>
      </c>
      <c r="AU152" s="408"/>
      <c r="AV152" s="408"/>
      <c r="AW152" s="408"/>
      <c r="AX152" s="408"/>
      <c r="AY152" s="408"/>
      <c r="AZ152" s="408"/>
      <c r="BA152" s="308">
        <f t="shared" si="71"/>
        <v>201</v>
      </c>
      <c r="BB152" s="309">
        <f t="shared" si="70"/>
        <v>801.09220298507455</v>
      </c>
      <c r="BC152" s="402" t="str">
        <f t="shared" si="72"/>
        <v/>
      </c>
      <c r="BD152" s="402" t="str">
        <f t="shared" si="73"/>
        <v/>
      </c>
      <c r="BE152" s="402" t="str">
        <f t="shared" si="74"/>
        <v/>
      </c>
      <c r="BF152" s="402" t="str">
        <f t="shared" si="75"/>
        <v/>
      </c>
      <c r="BG152" s="402" t="str">
        <f t="shared" si="76"/>
        <v/>
      </c>
      <c r="BH152" s="402" t="str">
        <f t="shared" si="77"/>
        <v/>
      </c>
      <c r="BI152" s="402" t="str">
        <f t="shared" si="78"/>
        <v/>
      </c>
      <c r="BJ152" s="402" t="str">
        <f t="shared" si="79"/>
        <v/>
      </c>
      <c r="BK152" s="402" t="str">
        <f t="shared" si="80"/>
        <v/>
      </c>
      <c r="BL152" s="402" t="str">
        <f t="shared" si="81"/>
        <v/>
      </c>
      <c r="BM152" s="402" t="str">
        <f t="shared" si="82"/>
        <v/>
      </c>
      <c r="BN152" s="402" t="str">
        <f t="shared" si="83"/>
        <v/>
      </c>
      <c r="BO152" s="402" t="str">
        <f t="shared" si="84"/>
        <v/>
      </c>
      <c r="BP152" s="402" t="str">
        <f t="shared" si="85"/>
        <v/>
      </c>
      <c r="BQ152" s="402" t="str">
        <f t="shared" si="86"/>
        <v/>
      </c>
      <c r="BR152" s="402" t="str">
        <f t="shared" si="87"/>
        <v/>
      </c>
      <c r="BS152" s="402" t="str">
        <f t="shared" si="88"/>
        <v/>
      </c>
      <c r="BT152" s="402" t="str">
        <f t="shared" si="89"/>
        <v/>
      </c>
      <c r="BU152" s="402" t="str">
        <f t="shared" si="90"/>
        <v/>
      </c>
      <c r="BV152" s="402" t="str">
        <f t="shared" si="91"/>
        <v/>
      </c>
      <c r="BW152" s="402" t="str">
        <f t="shared" si="92"/>
        <v/>
      </c>
      <c r="BX152" s="402" t="str">
        <f t="shared" si="93"/>
        <v/>
      </c>
      <c r="BY152" s="402" t="str">
        <f t="shared" si="94"/>
        <v/>
      </c>
      <c r="BZ152" s="402" t="str">
        <f t="shared" si="95"/>
        <v/>
      </c>
      <c r="CA152" s="402">
        <f t="shared" si="96"/>
        <v>161019.53279999999</v>
      </c>
      <c r="CB152" s="402" t="str">
        <f t="shared" si="97"/>
        <v/>
      </c>
      <c r="CC152" s="402" t="str">
        <f t="shared" si="98"/>
        <v/>
      </c>
      <c r="CD152" s="402" t="str">
        <f t="shared" si="99"/>
        <v/>
      </c>
      <c r="CE152" s="402" t="str">
        <f t="shared" si="100"/>
        <v/>
      </c>
      <c r="CF152" s="402" t="str">
        <f t="shared" si="101"/>
        <v/>
      </c>
      <c r="CG152" s="402" t="str">
        <f t="shared" si="102"/>
        <v/>
      </c>
      <c r="CH152" s="402"/>
      <c r="CI152" s="402"/>
      <c r="CJ152" s="402"/>
      <c r="CK152" s="402"/>
      <c r="CL152" s="402"/>
      <c r="CM152" s="402"/>
      <c r="CN152" s="402"/>
      <c r="CO152" s="402"/>
      <c r="CP152" s="402"/>
      <c r="CQ152" s="402"/>
      <c r="CR152" s="402"/>
      <c r="CS152" s="402"/>
      <c r="CT152" s="402"/>
      <c r="CU152" s="402"/>
      <c r="CV152" s="402"/>
      <c r="CW152" s="402"/>
      <c r="CX152" s="402"/>
      <c r="CY152" s="402"/>
      <c r="CZ152" s="402"/>
      <c r="DA152" s="402"/>
      <c r="DB152" s="402"/>
      <c r="DC152" s="402"/>
      <c r="DD152" s="407"/>
      <c r="DE152" s="407"/>
      <c r="DF152" s="407"/>
    </row>
    <row r="153" spans="3:110" s="395" customFormat="1" ht="56.1" customHeight="1" x14ac:dyDescent="0.2">
      <c r="C153" s="420">
        <v>340</v>
      </c>
      <c r="D153" s="420" t="s">
        <v>2481</v>
      </c>
      <c r="E153" s="96" t="s">
        <v>53</v>
      </c>
      <c r="F153" s="96" t="s">
        <v>515</v>
      </c>
      <c r="G153" s="407" t="s">
        <v>521</v>
      </c>
      <c r="H153" s="407" t="s">
        <v>522</v>
      </c>
      <c r="I153" s="407" t="s">
        <v>522</v>
      </c>
      <c r="J153" s="407"/>
      <c r="K153" s="407" t="s">
        <v>90</v>
      </c>
      <c r="L153" s="407" t="s">
        <v>310</v>
      </c>
      <c r="M153" s="407" t="s">
        <v>81</v>
      </c>
      <c r="N153" s="407" t="s">
        <v>334</v>
      </c>
      <c r="O153" s="407" t="s">
        <v>225</v>
      </c>
      <c r="P153" s="407" t="s">
        <v>63</v>
      </c>
      <c r="Q153" s="407" t="s">
        <v>63</v>
      </c>
      <c r="R153" s="410">
        <v>224916.17279999997</v>
      </c>
      <c r="S153" s="410">
        <v>224916.17279999997</v>
      </c>
      <c r="T153" s="407" t="s">
        <v>226</v>
      </c>
      <c r="U153" s="407" t="s">
        <v>82</v>
      </c>
      <c r="V153" s="408"/>
      <c r="W153" s="408"/>
      <c r="X153" s="408"/>
      <c r="Y153" s="408"/>
      <c r="Z153" s="408"/>
      <c r="AA153" s="402"/>
      <c r="AB153" s="408"/>
      <c r="AC153" s="408"/>
      <c r="AD153" s="408"/>
      <c r="AE153" s="408"/>
      <c r="AF153" s="408"/>
      <c r="AG153" s="408"/>
      <c r="AH153" s="408"/>
      <c r="AI153" s="408"/>
      <c r="AJ153" s="408"/>
      <c r="AK153" s="408"/>
      <c r="AL153" s="408"/>
      <c r="AM153" s="408"/>
      <c r="AN153" s="408"/>
      <c r="AO153" s="408"/>
      <c r="AP153" s="408"/>
      <c r="AQ153" s="408"/>
      <c r="AR153" s="408"/>
      <c r="AS153" s="408"/>
      <c r="AT153" s="402" t="s">
        <v>66</v>
      </c>
      <c r="AU153" s="408"/>
      <c r="AV153" s="408"/>
      <c r="AW153" s="408"/>
      <c r="AX153" s="408"/>
      <c r="AY153" s="408"/>
      <c r="AZ153" s="408"/>
      <c r="BA153" s="308">
        <f t="shared" si="71"/>
        <v>201</v>
      </c>
      <c r="BB153" s="309">
        <f t="shared" si="70"/>
        <v>1118.9859343283581</v>
      </c>
      <c r="BC153" s="402" t="str">
        <f t="shared" si="72"/>
        <v/>
      </c>
      <c r="BD153" s="402" t="str">
        <f t="shared" si="73"/>
        <v/>
      </c>
      <c r="BE153" s="402" t="str">
        <f t="shared" si="74"/>
        <v/>
      </c>
      <c r="BF153" s="402" t="str">
        <f t="shared" si="75"/>
        <v/>
      </c>
      <c r="BG153" s="402" t="str">
        <f t="shared" si="76"/>
        <v/>
      </c>
      <c r="BH153" s="402" t="str">
        <f t="shared" si="77"/>
        <v/>
      </c>
      <c r="BI153" s="402" t="str">
        <f t="shared" si="78"/>
        <v/>
      </c>
      <c r="BJ153" s="402" t="str">
        <f t="shared" si="79"/>
        <v/>
      </c>
      <c r="BK153" s="402" t="str">
        <f t="shared" si="80"/>
        <v/>
      </c>
      <c r="BL153" s="402" t="str">
        <f t="shared" si="81"/>
        <v/>
      </c>
      <c r="BM153" s="402" t="str">
        <f t="shared" si="82"/>
        <v/>
      </c>
      <c r="BN153" s="402" t="str">
        <f t="shared" si="83"/>
        <v/>
      </c>
      <c r="BO153" s="402" t="str">
        <f t="shared" si="84"/>
        <v/>
      </c>
      <c r="BP153" s="402" t="str">
        <f t="shared" si="85"/>
        <v/>
      </c>
      <c r="BQ153" s="402" t="str">
        <f t="shared" si="86"/>
        <v/>
      </c>
      <c r="BR153" s="402" t="str">
        <f t="shared" si="87"/>
        <v/>
      </c>
      <c r="BS153" s="402" t="str">
        <f t="shared" si="88"/>
        <v/>
      </c>
      <c r="BT153" s="402" t="str">
        <f t="shared" si="89"/>
        <v/>
      </c>
      <c r="BU153" s="402" t="str">
        <f t="shared" si="90"/>
        <v/>
      </c>
      <c r="BV153" s="402" t="str">
        <f t="shared" si="91"/>
        <v/>
      </c>
      <c r="BW153" s="402" t="str">
        <f t="shared" si="92"/>
        <v/>
      </c>
      <c r="BX153" s="402" t="str">
        <f t="shared" si="93"/>
        <v/>
      </c>
      <c r="BY153" s="402" t="str">
        <f t="shared" si="94"/>
        <v/>
      </c>
      <c r="BZ153" s="402" t="str">
        <f t="shared" si="95"/>
        <v/>
      </c>
      <c r="CA153" s="402">
        <f t="shared" si="96"/>
        <v>224916.17279999997</v>
      </c>
      <c r="CB153" s="402" t="str">
        <f t="shared" si="97"/>
        <v/>
      </c>
      <c r="CC153" s="402" t="str">
        <f t="shared" si="98"/>
        <v/>
      </c>
      <c r="CD153" s="402" t="str">
        <f t="shared" si="99"/>
        <v/>
      </c>
      <c r="CE153" s="402" t="str">
        <f t="shared" si="100"/>
        <v/>
      </c>
      <c r="CF153" s="402" t="str">
        <f t="shared" si="101"/>
        <v/>
      </c>
      <c r="CG153" s="402" t="str">
        <f t="shared" si="102"/>
        <v/>
      </c>
      <c r="CH153" s="402"/>
      <c r="CI153" s="402"/>
      <c r="CJ153" s="402"/>
      <c r="CK153" s="402"/>
      <c r="CL153" s="402"/>
      <c r="CM153" s="402"/>
      <c r="CN153" s="402"/>
      <c r="CO153" s="402"/>
      <c r="CP153" s="402"/>
      <c r="CQ153" s="402"/>
      <c r="CR153" s="402"/>
      <c r="CS153" s="402"/>
      <c r="CT153" s="402"/>
      <c r="CU153" s="402"/>
      <c r="CV153" s="402"/>
      <c r="CW153" s="402"/>
      <c r="CX153" s="402"/>
      <c r="CY153" s="402"/>
      <c r="CZ153" s="402"/>
      <c r="DA153" s="402"/>
      <c r="DB153" s="402"/>
      <c r="DC153" s="402"/>
      <c r="DD153" s="407"/>
      <c r="DE153" s="407"/>
      <c r="DF153" s="407"/>
    </row>
    <row r="154" spans="3:110" s="395" customFormat="1" ht="56.1" customHeight="1" x14ac:dyDescent="0.2">
      <c r="C154" s="420">
        <v>341</v>
      </c>
      <c r="D154" s="420" t="s">
        <v>2481</v>
      </c>
      <c r="E154" s="96" t="s">
        <v>53</v>
      </c>
      <c r="F154" s="96" t="s">
        <v>515</v>
      </c>
      <c r="G154" s="407" t="s">
        <v>523</v>
      </c>
      <c r="H154" s="407" t="s">
        <v>524</v>
      </c>
      <c r="I154" s="407" t="s">
        <v>524</v>
      </c>
      <c r="J154" s="407"/>
      <c r="K154" s="407" t="s">
        <v>90</v>
      </c>
      <c r="L154" s="407" t="s">
        <v>310</v>
      </c>
      <c r="M154" s="407" t="s">
        <v>81</v>
      </c>
      <c r="N154" s="407" t="s">
        <v>525</v>
      </c>
      <c r="O154" s="407" t="s">
        <v>225</v>
      </c>
      <c r="P154" s="407" t="s">
        <v>63</v>
      </c>
      <c r="Q154" s="407" t="s">
        <v>63</v>
      </c>
      <c r="R154" s="410">
        <v>0</v>
      </c>
      <c r="S154" s="410">
        <v>0</v>
      </c>
      <c r="T154" s="407" t="s">
        <v>226</v>
      </c>
      <c r="U154" s="407" t="s">
        <v>82</v>
      </c>
      <c r="V154" s="408"/>
      <c r="W154" s="408"/>
      <c r="X154" s="408"/>
      <c r="Y154" s="408"/>
      <c r="Z154" s="408"/>
      <c r="AA154" s="402"/>
      <c r="AB154" s="408"/>
      <c r="AC154" s="408"/>
      <c r="AD154" s="408"/>
      <c r="AE154" s="408"/>
      <c r="AF154" s="408"/>
      <c r="AG154" s="408"/>
      <c r="AH154" s="408"/>
      <c r="AI154" s="408"/>
      <c r="AJ154" s="408"/>
      <c r="AK154" s="408"/>
      <c r="AL154" s="408"/>
      <c r="AM154" s="408"/>
      <c r="AN154" s="408"/>
      <c r="AO154" s="408"/>
      <c r="AP154" s="408"/>
      <c r="AQ154" s="408"/>
      <c r="AR154" s="408"/>
      <c r="AS154" s="408"/>
      <c r="AT154" s="402" t="s">
        <v>66</v>
      </c>
      <c r="AU154" s="408"/>
      <c r="AV154" s="408"/>
      <c r="AW154" s="408"/>
      <c r="AX154" s="408"/>
      <c r="AY154" s="408"/>
      <c r="AZ154" s="408"/>
      <c r="BA154" s="308">
        <f t="shared" si="71"/>
        <v>201</v>
      </c>
      <c r="BB154" s="309">
        <f t="shared" si="70"/>
        <v>0</v>
      </c>
      <c r="BC154" s="402" t="str">
        <f t="shared" si="72"/>
        <v/>
      </c>
      <c r="BD154" s="402" t="str">
        <f t="shared" si="73"/>
        <v/>
      </c>
      <c r="BE154" s="402" t="str">
        <f t="shared" si="74"/>
        <v/>
      </c>
      <c r="BF154" s="402" t="str">
        <f t="shared" si="75"/>
        <v/>
      </c>
      <c r="BG154" s="402" t="str">
        <f t="shared" si="76"/>
        <v/>
      </c>
      <c r="BH154" s="402" t="str">
        <f t="shared" si="77"/>
        <v/>
      </c>
      <c r="BI154" s="402" t="str">
        <f t="shared" si="78"/>
        <v/>
      </c>
      <c r="BJ154" s="402" t="str">
        <f t="shared" si="79"/>
        <v/>
      </c>
      <c r="BK154" s="402" t="str">
        <f t="shared" si="80"/>
        <v/>
      </c>
      <c r="BL154" s="402" t="str">
        <f t="shared" si="81"/>
        <v/>
      </c>
      <c r="BM154" s="402" t="str">
        <f t="shared" si="82"/>
        <v/>
      </c>
      <c r="BN154" s="402" t="str">
        <f t="shared" si="83"/>
        <v/>
      </c>
      <c r="BO154" s="402" t="str">
        <f t="shared" si="84"/>
        <v/>
      </c>
      <c r="BP154" s="402" t="str">
        <f t="shared" si="85"/>
        <v/>
      </c>
      <c r="BQ154" s="402" t="str">
        <f t="shared" si="86"/>
        <v/>
      </c>
      <c r="BR154" s="402" t="str">
        <f t="shared" si="87"/>
        <v/>
      </c>
      <c r="BS154" s="402" t="str">
        <f t="shared" si="88"/>
        <v/>
      </c>
      <c r="BT154" s="402" t="str">
        <f t="shared" si="89"/>
        <v/>
      </c>
      <c r="BU154" s="402" t="str">
        <f t="shared" si="90"/>
        <v/>
      </c>
      <c r="BV154" s="402" t="str">
        <f t="shared" si="91"/>
        <v/>
      </c>
      <c r="BW154" s="402" t="str">
        <f t="shared" si="92"/>
        <v/>
      </c>
      <c r="BX154" s="402" t="str">
        <f t="shared" si="93"/>
        <v/>
      </c>
      <c r="BY154" s="402" t="str">
        <f t="shared" si="94"/>
        <v/>
      </c>
      <c r="BZ154" s="402" t="str">
        <f t="shared" si="95"/>
        <v/>
      </c>
      <c r="CA154" s="402">
        <f t="shared" si="96"/>
        <v>0</v>
      </c>
      <c r="CB154" s="402" t="str">
        <f t="shared" si="97"/>
        <v/>
      </c>
      <c r="CC154" s="402" t="str">
        <f t="shared" si="98"/>
        <v/>
      </c>
      <c r="CD154" s="402" t="str">
        <f t="shared" si="99"/>
        <v/>
      </c>
      <c r="CE154" s="402" t="str">
        <f t="shared" si="100"/>
        <v/>
      </c>
      <c r="CF154" s="402" t="str">
        <f t="shared" si="101"/>
        <v/>
      </c>
      <c r="CG154" s="402" t="str">
        <f t="shared" si="102"/>
        <v/>
      </c>
      <c r="CH154" s="402"/>
      <c r="CI154" s="402"/>
      <c r="CJ154" s="402"/>
      <c r="CK154" s="402"/>
      <c r="CL154" s="402"/>
      <c r="CM154" s="402"/>
      <c r="CN154" s="402"/>
      <c r="CO154" s="402"/>
      <c r="CP154" s="402"/>
      <c r="CQ154" s="402"/>
      <c r="CR154" s="402"/>
      <c r="CS154" s="402"/>
      <c r="CT154" s="402"/>
      <c r="CU154" s="402"/>
      <c r="CV154" s="402"/>
      <c r="CW154" s="402"/>
      <c r="CX154" s="402"/>
      <c r="CY154" s="402"/>
      <c r="CZ154" s="402"/>
      <c r="DA154" s="402"/>
      <c r="DB154" s="402"/>
      <c r="DC154" s="402"/>
      <c r="DD154" s="407"/>
      <c r="DE154" s="407"/>
      <c r="DF154" s="407"/>
    </row>
    <row r="155" spans="3:110" s="395" customFormat="1" ht="56.1" customHeight="1" x14ac:dyDescent="0.2">
      <c r="C155" s="420">
        <v>342</v>
      </c>
      <c r="D155" s="420" t="s">
        <v>2481</v>
      </c>
      <c r="E155" s="96" t="s">
        <v>53</v>
      </c>
      <c r="F155" s="96" t="s">
        <v>515</v>
      </c>
      <c r="G155" s="407" t="s">
        <v>539</v>
      </c>
      <c r="H155" s="407" t="s">
        <v>527</v>
      </c>
      <c r="I155" s="407" t="s">
        <v>527</v>
      </c>
      <c r="J155" s="407"/>
      <c r="K155" s="407" t="s">
        <v>90</v>
      </c>
      <c r="L155" s="407" t="s">
        <v>310</v>
      </c>
      <c r="M155" s="407" t="s">
        <v>81</v>
      </c>
      <c r="N155" s="407" t="s">
        <v>525</v>
      </c>
      <c r="O155" s="407" t="s">
        <v>225</v>
      </c>
      <c r="P155" s="407" t="s">
        <v>63</v>
      </c>
      <c r="Q155" s="407" t="s">
        <v>63</v>
      </c>
      <c r="R155" s="410">
        <v>0</v>
      </c>
      <c r="S155" s="410">
        <v>0</v>
      </c>
      <c r="T155" s="407" t="s">
        <v>226</v>
      </c>
      <c r="U155" s="407" t="s">
        <v>82</v>
      </c>
      <c r="V155" s="408"/>
      <c r="W155" s="408"/>
      <c r="X155" s="408"/>
      <c r="Y155" s="408"/>
      <c r="Z155" s="408"/>
      <c r="AA155" s="402"/>
      <c r="AB155" s="408"/>
      <c r="AC155" s="408"/>
      <c r="AD155" s="408"/>
      <c r="AE155" s="408"/>
      <c r="AF155" s="408"/>
      <c r="AG155" s="408"/>
      <c r="AH155" s="408"/>
      <c r="AI155" s="408"/>
      <c r="AJ155" s="408"/>
      <c r="AK155" s="408"/>
      <c r="AL155" s="408"/>
      <c r="AM155" s="408"/>
      <c r="AN155" s="408"/>
      <c r="AO155" s="408"/>
      <c r="AP155" s="408"/>
      <c r="AQ155" s="408"/>
      <c r="AR155" s="408"/>
      <c r="AS155" s="408"/>
      <c r="AT155" s="402" t="s">
        <v>66</v>
      </c>
      <c r="AU155" s="408"/>
      <c r="AV155" s="408"/>
      <c r="AW155" s="408"/>
      <c r="AX155" s="408"/>
      <c r="AY155" s="408"/>
      <c r="AZ155" s="408"/>
      <c r="BA155" s="308">
        <f t="shared" si="71"/>
        <v>201</v>
      </c>
      <c r="BB155" s="309"/>
      <c r="BC155" s="402" t="str">
        <f t="shared" si="72"/>
        <v/>
      </c>
      <c r="BD155" s="402" t="str">
        <f t="shared" si="73"/>
        <v/>
      </c>
      <c r="BE155" s="402" t="str">
        <f t="shared" si="74"/>
        <v/>
      </c>
      <c r="BF155" s="402" t="str">
        <f t="shared" si="75"/>
        <v/>
      </c>
      <c r="BG155" s="402" t="str">
        <f t="shared" si="76"/>
        <v/>
      </c>
      <c r="BH155" s="402" t="str">
        <f t="shared" si="77"/>
        <v/>
      </c>
      <c r="BI155" s="402" t="str">
        <f t="shared" si="78"/>
        <v/>
      </c>
      <c r="BJ155" s="402" t="str">
        <f t="shared" si="79"/>
        <v/>
      </c>
      <c r="BK155" s="402" t="str">
        <f t="shared" si="80"/>
        <v/>
      </c>
      <c r="BL155" s="402" t="str">
        <f t="shared" si="81"/>
        <v/>
      </c>
      <c r="BM155" s="402" t="str">
        <f t="shared" si="82"/>
        <v/>
      </c>
      <c r="BN155" s="402" t="str">
        <f t="shared" si="83"/>
        <v/>
      </c>
      <c r="BO155" s="402" t="str">
        <f t="shared" si="84"/>
        <v/>
      </c>
      <c r="BP155" s="402" t="str">
        <f t="shared" si="85"/>
        <v/>
      </c>
      <c r="BQ155" s="402" t="str">
        <f t="shared" si="86"/>
        <v/>
      </c>
      <c r="BR155" s="402" t="str">
        <f t="shared" si="87"/>
        <v/>
      </c>
      <c r="BS155" s="402" t="str">
        <f t="shared" si="88"/>
        <v/>
      </c>
      <c r="BT155" s="402" t="str">
        <f t="shared" si="89"/>
        <v/>
      </c>
      <c r="BU155" s="402" t="str">
        <f t="shared" si="90"/>
        <v/>
      </c>
      <c r="BV155" s="402" t="str">
        <f t="shared" si="91"/>
        <v/>
      </c>
      <c r="BW155" s="402" t="str">
        <f t="shared" si="92"/>
        <v/>
      </c>
      <c r="BX155" s="402" t="str">
        <f t="shared" si="93"/>
        <v/>
      </c>
      <c r="BY155" s="402" t="str">
        <f t="shared" si="94"/>
        <v/>
      </c>
      <c r="BZ155" s="402" t="str">
        <f t="shared" si="95"/>
        <v/>
      </c>
      <c r="CA155" s="402">
        <f t="shared" si="96"/>
        <v>0</v>
      </c>
      <c r="CB155" s="402" t="str">
        <f t="shared" si="97"/>
        <v/>
      </c>
      <c r="CC155" s="402" t="str">
        <f t="shared" si="98"/>
        <v/>
      </c>
      <c r="CD155" s="402" t="str">
        <f t="shared" si="99"/>
        <v/>
      </c>
      <c r="CE155" s="402" t="str">
        <f t="shared" si="100"/>
        <v/>
      </c>
      <c r="CF155" s="402" t="str">
        <f t="shared" si="101"/>
        <v/>
      </c>
      <c r="CG155" s="402" t="str">
        <f t="shared" si="102"/>
        <v/>
      </c>
      <c r="CH155" s="402"/>
      <c r="CI155" s="402"/>
      <c r="CJ155" s="402"/>
      <c r="CK155" s="402"/>
      <c r="CL155" s="402"/>
      <c r="CM155" s="402"/>
      <c r="CN155" s="402"/>
      <c r="CO155" s="402"/>
      <c r="CP155" s="402"/>
      <c r="CQ155" s="402"/>
      <c r="CR155" s="402"/>
      <c r="CS155" s="402"/>
      <c r="CT155" s="402"/>
      <c r="CU155" s="402"/>
      <c r="CV155" s="402"/>
      <c r="CW155" s="402"/>
      <c r="CX155" s="402"/>
      <c r="CY155" s="402"/>
      <c r="CZ155" s="402"/>
      <c r="DA155" s="402"/>
      <c r="DB155" s="402"/>
      <c r="DC155" s="402"/>
      <c r="DD155" s="407"/>
      <c r="DE155" s="407"/>
      <c r="DF155" s="407"/>
    </row>
    <row r="156" spans="3:110" s="395" customFormat="1" ht="56.1" customHeight="1" x14ac:dyDescent="0.2">
      <c r="C156" s="420">
        <v>343</v>
      </c>
      <c r="D156" s="420" t="s">
        <v>2481</v>
      </c>
      <c r="E156" s="96" t="s">
        <v>53</v>
      </c>
      <c r="F156" s="96" t="s">
        <v>515</v>
      </c>
      <c r="G156" s="407" t="s">
        <v>528</v>
      </c>
      <c r="H156" s="407" t="s">
        <v>529</v>
      </c>
      <c r="I156" s="407" t="s">
        <v>529</v>
      </c>
      <c r="J156" s="407"/>
      <c r="K156" s="407" t="s">
        <v>90</v>
      </c>
      <c r="L156" s="407" t="s">
        <v>310</v>
      </c>
      <c r="M156" s="407" t="s">
        <v>81</v>
      </c>
      <c r="N156" s="407" t="s">
        <v>525</v>
      </c>
      <c r="O156" s="407" t="s">
        <v>225</v>
      </c>
      <c r="P156" s="407" t="s">
        <v>63</v>
      </c>
      <c r="Q156" s="407" t="s">
        <v>63</v>
      </c>
      <c r="R156" s="410">
        <v>0</v>
      </c>
      <c r="S156" s="410">
        <v>0</v>
      </c>
      <c r="T156" s="407" t="s">
        <v>226</v>
      </c>
      <c r="U156" s="407" t="s">
        <v>82</v>
      </c>
      <c r="V156" s="408"/>
      <c r="W156" s="408"/>
      <c r="X156" s="408"/>
      <c r="Y156" s="408"/>
      <c r="Z156" s="408"/>
      <c r="AA156" s="402"/>
      <c r="AB156" s="408"/>
      <c r="AC156" s="408"/>
      <c r="AD156" s="408"/>
      <c r="AE156" s="408"/>
      <c r="AF156" s="408"/>
      <c r="AG156" s="408"/>
      <c r="AH156" s="408"/>
      <c r="AI156" s="408"/>
      <c r="AJ156" s="408"/>
      <c r="AK156" s="408"/>
      <c r="AL156" s="408"/>
      <c r="AM156" s="408"/>
      <c r="AN156" s="408"/>
      <c r="AO156" s="408"/>
      <c r="AP156" s="408"/>
      <c r="AQ156" s="408"/>
      <c r="AR156" s="408"/>
      <c r="AS156" s="408"/>
      <c r="AT156" s="402" t="s">
        <v>66</v>
      </c>
      <c r="AU156" s="408"/>
      <c r="AV156" s="408"/>
      <c r="AW156" s="408"/>
      <c r="AX156" s="408"/>
      <c r="AY156" s="408"/>
      <c r="AZ156" s="408"/>
      <c r="BA156" s="308">
        <f t="shared" si="71"/>
        <v>201</v>
      </c>
      <c r="BB156" s="309"/>
      <c r="BC156" s="402" t="str">
        <f t="shared" si="72"/>
        <v/>
      </c>
      <c r="BD156" s="402" t="str">
        <f t="shared" si="73"/>
        <v/>
      </c>
      <c r="BE156" s="402" t="str">
        <f t="shared" si="74"/>
        <v/>
      </c>
      <c r="BF156" s="402" t="str">
        <f t="shared" si="75"/>
        <v/>
      </c>
      <c r="BG156" s="402" t="str">
        <f t="shared" si="76"/>
        <v/>
      </c>
      <c r="BH156" s="402" t="str">
        <f t="shared" si="77"/>
        <v/>
      </c>
      <c r="BI156" s="402" t="str">
        <f t="shared" si="78"/>
        <v/>
      </c>
      <c r="BJ156" s="402" t="str">
        <f t="shared" si="79"/>
        <v/>
      </c>
      <c r="BK156" s="402" t="str">
        <f t="shared" si="80"/>
        <v/>
      </c>
      <c r="BL156" s="402" t="str">
        <f t="shared" si="81"/>
        <v/>
      </c>
      <c r="BM156" s="402" t="str">
        <f t="shared" si="82"/>
        <v/>
      </c>
      <c r="BN156" s="402" t="str">
        <f t="shared" si="83"/>
        <v/>
      </c>
      <c r="BO156" s="402" t="str">
        <f t="shared" si="84"/>
        <v/>
      </c>
      <c r="BP156" s="402" t="str">
        <f t="shared" si="85"/>
        <v/>
      </c>
      <c r="BQ156" s="402" t="str">
        <f t="shared" si="86"/>
        <v/>
      </c>
      <c r="BR156" s="402" t="str">
        <f t="shared" si="87"/>
        <v/>
      </c>
      <c r="BS156" s="402" t="str">
        <f t="shared" si="88"/>
        <v/>
      </c>
      <c r="BT156" s="402" t="str">
        <f t="shared" si="89"/>
        <v/>
      </c>
      <c r="BU156" s="402" t="str">
        <f t="shared" si="90"/>
        <v/>
      </c>
      <c r="BV156" s="402" t="str">
        <f t="shared" si="91"/>
        <v/>
      </c>
      <c r="BW156" s="402" t="str">
        <f t="shared" si="92"/>
        <v/>
      </c>
      <c r="BX156" s="402" t="str">
        <f t="shared" si="93"/>
        <v/>
      </c>
      <c r="BY156" s="402" t="str">
        <f t="shared" si="94"/>
        <v/>
      </c>
      <c r="BZ156" s="402" t="str">
        <f t="shared" si="95"/>
        <v/>
      </c>
      <c r="CA156" s="402">
        <f t="shared" si="96"/>
        <v>0</v>
      </c>
      <c r="CB156" s="402" t="str">
        <f t="shared" si="97"/>
        <v/>
      </c>
      <c r="CC156" s="402" t="str">
        <f t="shared" si="98"/>
        <v/>
      </c>
      <c r="CD156" s="402" t="str">
        <f t="shared" si="99"/>
        <v/>
      </c>
      <c r="CE156" s="402" t="str">
        <f t="shared" si="100"/>
        <v/>
      </c>
      <c r="CF156" s="402" t="str">
        <f t="shared" si="101"/>
        <v/>
      </c>
      <c r="CG156" s="402" t="str">
        <f t="shared" si="102"/>
        <v/>
      </c>
      <c r="CH156" s="402"/>
      <c r="CI156" s="402"/>
      <c r="CJ156" s="402"/>
      <c r="CK156" s="402"/>
      <c r="CL156" s="402"/>
      <c r="CM156" s="402"/>
      <c r="CN156" s="402"/>
      <c r="CO156" s="402"/>
      <c r="CP156" s="402"/>
      <c r="CQ156" s="402"/>
      <c r="CR156" s="402"/>
      <c r="CS156" s="402"/>
      <c r="CT156" s="402"/>
      <c r="CU156" s="402"/>
      <c r="CV156" s="402"/>
      <c r="CW156" s="402"/>
      <c r="CX156" s="402"/>
      <c r="CY156" s="402"/>
      <c r="CZ156" s="402"/>
      <c r="DA156" s="402"/>
      <c r="DB156" s="402"/>
      <c r="DC156" s="402"/>
      <c r="DD156" s="407"/>
      <c r="DE156" s="407"/>
      <c r="DF156" s="407"/>
    </row>
    <row r="157" spans="3:110" s="395" customFormat="1" ht="56.1" customHeight="1" x14ac:dyDescent="0.2">
      <c r="C157" s="420">
        <v>344</v>
      </c>
      <c r="D157" s="420" t="s">
        <v>2481</v>
      </c>
      <c r="E157" s="96" t="s">
        <v>53</v>
      </c>
      <c r="F157" s="96" t="s">
        <v>515</v>
      </c>
      <c r="G157" s="407" t="s">
        <v>530</v>
      </c>
      <c r="H157" s="407" t="s">
        <v>532</v>
      </c>
      <c r="I157" s="407" t="s">
        <v>532</v>
      </c>
      <c r="J157" s="407"/>
      <c r="K157" s="407" t="s">
        <v>90</v>
      </c>
      <c r="L157" s="407" t="s">
        <v>310</v>
      </c>
      <c r="M157" s="407" t="s">
        <v>81</v>
      </c>
      <c r="N157" s="407" t="s">
        <v>525</v>
      </c>
      <c r="O157" s="407" t="s">
        <v>225</v>
      </c>
      <c r="P157" s="407" t="s">
        <v>63</v>
      </c>
      <c r="Q157" s="407" t="s">
        <v>63</v>
      </c>
      <c r="R157" s="410">
        <v>0</v>
      </c>
      <c r="S157" s="410">
        <v>0</v>
      </c>
      <c r="T157" s="407" t="s">
        <v>226</v>
      </c>
      <c r="U157" s="407" t="s">
        <v>82</v>
      </c>
      <c r="V157" s="408"/>
      <c r="W157" s="408"/>
      <c r="X157" s="408"/>
      <c r="Y157" s="408"/>
      <c r="Z157" s="408"/>
      <c r="AA157" s="402"/>
      <c r="AB157" s="408"/>
      <c r="AC157" s="408"/>
      <c r="AD157" s="408"/>
      <c r="AE157" s="408"/>
      <c r="AF157" s="408"/>
      <c r="AG157" s="408"/>
      <c r="AH157" s="408"/>
      <c r="AI157" s="408"/>
      <c r="AJ157" s="408"/>
      <c r="AK157" s="408"/>
      <c r="AL157" s="408"/>
      <c r="AM157" s="408"/>
      <c r="AN157" s="408"/>
      <c r="AO157" s="408"/>
      <c r="AP157" s="408"/>
      <c r="AQ157" s="408"/>
      <c r="AR157" s="408"/>
      <c r="AS157" s="408"/>
      <c r="AT157" s="402" t="s">
        <v>66</v>
      </c>
      <c r="AU157" s="408"/>
      <c r="AV157" s="408"/>
      <c r="AW157" s="408"/>
      <c r="AX157" s="408"/>
      <c r="AY157" s="408"/>
      <c r="AZ157" s="408"/>
      <c r="BA157" s="308">
        <f t="shared" si="71"/>
        <v>201</v>
      </c>
      <c r="BB157" s="309"/>
      <c r="BC157" s="402" t="str">
        <f t="shared" si="72"/>
        <v/>
      </c>
      <c r="BD157" s="402" t="str">
        <f t="shared" si="73"/>
        <v/>
      </c>
      <c r="BE157" s="402" t="str">
        <f t="shared" si="74"/>
        <v/>
      </c>
      <c r="BF157" s="402" t="str">
        <f t="shared" si="75"/>
        <v/>
      </c>
      <c r="BG157" s="402" t="str">
        <f t="shared" si="76"/>
        <v/>
      </c>
      <c r="BH157" s="402" t="str">
        <f t="shared" si="77"/>
        <v/>
      </c>
      <c r="BI157" s="402" t="str">
        <f t="shared" si="78"/>
        <v/>
      </c>
      <c r="BJ157" s="402" t="str">
        <f t="shared" si="79"/>
        <v/>
      </c>
      <c r="BK157" s="402" t="str">
        <f t="shared" si="80"/>
        <v/>
      </c>
      <c r="BL157" s="402" t="str">
        <f t="shared" si="81"/>
        <v/>
      </c>
      <c r="BM157" s="402" t="str">
        <f t="shared" si="82"/>
        <v/>
      </c>
      <c r="BN157" s="402" t="str">
        <f t="shared" si="83"/>
        <v/>
      </c>
      <c r="BO157" s="402" t="str">
        <f t="shared" si="84"/>
        <v/>
      </c>
      <c r="BP157" s="402" t="str">
        <f t="shared" si="85"/>
        <v/>
      </c>
      <c r="BQ157" s="402" t="str">
        <f t="shared" si="86"/>
        <v/>
      </c>
      <c r="BR157" s="402" t="str">
        <f t="shared" si="87"/>
        <v/>
      </c>
      <c r="BS157" s="402" t="str">
        <f t="shared" si="88"/>
        <v/>
      </c>
      <c r="BT157" s="402" t="str">
        <f t="shared" si="89"/>
        <v/>
      </c>
      <c r="BU157" s="402" t="str">
        <f t="shared" si="90"/>
        <v/>
      </c>
      <c r="BV157" s="402" t="str">
        <f t="shared" si="91"/>
        <v/>
      </c>
      <c r="BW157" s="402" t="str">
        <f t="shared" si="92"/>
        <v/>
      </c>
      <c r="BX157" s="402" t="str">
        <f t="shared" si="93"/>
        <v/>
      </c>
      <c r="BY157" s="402" t="str">
        <f t="shared" si="94"/>
        <v/>
      </c>
      <c r="BZ157" s="402" t="str">
        <f t="shared" si="95"/>
        <v/>
      </c>
      <c r="CA157" s="402">
        <f t="shared" si="96"/>
        <v>0</v>
      </c>
      <c r="CB157" s="402" t="str">
        <f t="shared" si="97"/>
        <v/>
      </c>
      <c r="CC157" s="402" t="str">
        <f t="shared" si="98"/>
        <v/>
      </c>
      <c r="CD157" s="402" t="str">
        <f t="shared" si="99"/>
        <v/>
      </c>
      <c r="CE157" s="402" t="str">
        <f t="shared" si="100"/>
        <v/>
      </c>
      <c r="CF157" s="402" t="str">
        <f t="shared" si="101"/>
        <v/>
      </c>
      <c r="CG157" s="402" t="str">
        <f t="shared" si="102"/>
        <v/>
      </c>
      <c r="CH157" s="402"/>
      <c r="CI157" s="402"/>
      <c r="CJ157" s="402"/>
      <c r="CK157" s="402"/>
      <c r="CL157" s="402"/>
      <c r="CM157" s="402"/>
      <c r="CN157" s="402"/>
      <c r="CO157" s="402"/>
      <c r="CP157" s="402"/>
      <c r="CQ157" s="402"/>
      <c r="CR157" s="402"/>
      <c r="CS157" s="402"/>
      <c r="CT157" s="402"/>
      <c r="CU157" s="402"/>
      <c r="CV157" s="402"/>
      <c r="CW157" s="402"/>
      <c r="CX157" s="402"/>
      <c r="CY157" s="402"/>
      <c r="CZ157" s="402"/>
      <c r="DA157" s="402"/>
      <c r="DB157" s="402"/>
      <c r="DC157" s="402"/>
      <c r="DD157" s="407"/>
      <c r="DE157" s="407"/>
      <c r="DF157" s="407"/>
    </row>
    <row r="158" spans="3:110" s="395" customFormat="1" ht="56.1" customHeight="1" x14ac:dyDescent="0.2">
      <c r="C158" s="420">
        <v>345</v>
      </c>
      <c r="D158" s="420" t="s">
        <v>2481</v>
      </c>
      <c r="E158" s="96" t="s">
        <v>53</v>
      </c>
      <c r="F158" s="96" t="s">
        <v>515</v>
      </c>
      <c r="G158" s="407" t="s">
        <v>533</v>
      </c>
      <c r="H158" s="407" t="s">
        <v>534</v>
      </c>
      <c r="I158" s="407" t="s">
        <v>534</v>
      </c>
      <c r="J158" s="407"/>
      <c r="K158" s="407" t="s">
        <v>90</v>
      </c>
      <c r="L158" s="407" t="s">
        <v>310</v>
      </c>
      <c r="M158" s="407" t="s">
        <v>81</v>
      </c>
      <c r="N158" s="407" t="s">
        <v>334</v>
      </c>
      <c r="O158" s="407" t="s">
        <v>225</v>
      </c>
      <c r="P158" s="407" t="s">
        <v>63</v>
      </c>
      <c r="Q158" s="407" t="s">
        <v>63</v>
      </c>
      <c r="R158" s="410">
        <v>35941.859999999993</v>
      </c>
      <c r="S158" s="410">
        <v>35941.859999999993</v>
      </c>
      <c r="T158" s="407" t="s">
        <v>226</v>
      </c>
      <c r="U158" s="407" t="s">
        <v>82</v>
      </c>
      <c r="V158" s="408"/>
      <c r="W158" s="408"/>
      <c r="X158" s="408"/>
      <c r="Y158" s="408"/>
      <c r="Z158" s="408"/>
      <c r="AA158" s="402"/>
      <c r="AB158" s="408"/>
      <c r="AC158" s="408"/>
      <c r="AD158" s="408"/>
      <c r="AE158" s="408"/>
      <c r="AF158" s="408"/>
      <c r="AG158" s="408"/>
      <c r="AH158" s="408"/>
      <c r="AI158" s="408"/>
      <c r="AJ158" s="408"/>
      <c r="AK158" s="408"/>
      <c r="AL158" s="408"/>
      <c r="AM158" s="408"/>
      <c r="AN158" s="408"/>
      <c r="AO158" s="408"/>
      <c r="AP158" s="408"/>
      <c r="AQ158" s="408"/>
      <c r="AR158" s="408"/>
      <c r="AS158" s="408"/>
      <c r="AT158" s="402" t="s">
        <v>66</v>
      </c>
      <c r="AU158" s="408"/>
      <c r="AV158" s="408"/>
      <c r="AW158" s="408"/>
      <c r="AX158" s="408"/>
      <c r="AY158" s="408"/>
      <c r="AZ158" s="408"/>
      <c r="BA158" s="308">
        <f t="shared" si="71"/>
        <v>201</v>
      </c>
      <c r="BB158" s="309">
        <f t="shared" ref="BB158:BB172" si="103">S158/BA158</f>
        <v>178.81522388059699</v>
      </c>
      <c r="BC158" s="402" t="str">
        <f t="shared" si="72"/>
        <v/>
      </c>
      <c r="BD158" s="402" t="str">
        <f t="shared" si="73"/>
        <v/>
      </c>
      <c r="BE158" s="402" t="str">
        <f t="shared" si="74"/>
        <v/>
      </c>
      <c r="BF158" s="402" t="str">
        <f t="shared" si="75"/>
        <v/>
      </c>
      <c r="BG158" s="402" t="str">
        <f t="shared" si="76"/>
        <v/>
      </c>
      <c r="BH158" s="402" t="str">
        <f t="shared" si="77"/>
        <v/>
      </c>
      <c r="BI158" s="402" t="str">
        <f t="shared" si="78"/>
        <v/>
      </c>
      <c r="BJ158" s="402" t="str">
        <f t="shared" si="79"/>
        <v/>
      </c>
      <c r="BK158" s="402" t="str">
        <f t="shared" si="80"/>
        <v/>
      </c>
      <c r="BL158" s="402" t="str">
        <f t="shared" si="81"/>
        <v/>
      </c>
      <c r="BM158" s="402" t="str">
        <f t="shared" si="82"/>
        <v/>
      </c>
      <c r="BN158" s="402" t="str">
        <f t="shared" si="83"/>
        <v/>
      </c>
      <c r="BO158" s="402" t="str">
        <f t="shared" si="84"/>
        <v/>
      </c>
      <c r="BP158" s="402" t="str">
        <f t="shared" si="85"/>
        <v/>
      </c>
      <c r="BQ158" s="402" t="str">
        <f t="shared" si="86"/>
        <v/>
      </c>
      <c r="BR158" s="402" t="str">
        <f t="shared" si="87"/>
        <v/>
      </c>
      <c r="BS158" s="402" t="str">
        <f t="shared" si="88"/>
        <v/>
      </c>
      <c r="BT158" s="402" t="str">
        <f t="shared" si="89"/>
        <v/>
      </c>
      <c r="BU158" s="402" t="str">
        <f t="shared" si="90"/>
        <v/>
      </c>
      <c r="BV158" s="402" t="str">
        <f t="shared" si="91"/>
        <v/>
      </c>
      <c r="BW158" s="402" t="str">
        <f t="shared" si="92"/>
        <v/>
      </c>
      <c r="BX158" s="402" t="str">
        <f t="shared" si="93"/>
        <v/>
      </c>
      <c r="BY158" s="402" t="str">
        <f t="shared" si="94"/>
        <v/>
      </c>
      <c r="BZ158" s="402" t="str">
        <f t="shared" si="95"/>
        <v/>
      </c>
      <c r="CA158" s="402">
        <f t="shared" si="96"/>
        <v>35941.859999999993</v>
      </c>
      <c r="CB158" s="402" t="str">
        <f t="shared" si="97"/>
        <v/>
      </c>
      <c r="CC158" s="402" t="str">
        <f t="shared" si="98"/>
        <v/>
      </c>
      <c r="CD158" s="402" t="str">
        <f t="shared" si="99"/>
        <v/>
      </c>
      <c r="CE158" s="402" t="str">
        <f t="shared" si="100"/>
        <v/>
      </c>
      <c r="CF158" s="402" t="str">
        <f t="shared" si="101"/>
        <v/>
      </c>
      <c r="CG158" s="402" t="str">
        <f t="shared" si="102"/>
        <v/>
      </c>
      <c r="CH158" s="402"/>
      <c r="CI158" s="402"/>
      <c r="CJ158" s="402"/>
      <c r="CK158" s="402"/>
      <c r="CL158" s="402"/>
      <c r="CM158" s="402"/>
      <c r="CN158" s="402"/>
      <c r="CO158" s="402"/>
      <c r="CP158" s="402"/>
      <c r="CQ158" s="402"/>
      <c r="CR158" s="402"/>
      <c r="CS158" s="402"/>
      <c r="CT158" s="402"/>
      <c r="CU158" s="402"/>
      <c r="CV158" s="402"/>
      <c r="CW158" s="402"/>
      <c r="CX158" s="402"/>
      <c r="CY158" s="402"/>
      <c r="CZ158" s="402"/>
      <c r="DA158" s="402"/>
      <c r="DB158" s="402"/>
      <c r="DC158" s="402"/>
      <c r="DD158" s="407"/>
      <c r="DE158" s="407"/>
      <c r="DF158" s="407"/>
    </row>
    <row r="159" spans="3:110" s="395" customFormat="1" ht="56.1" customHeight="1" x14ac:dyDescent="0.2">
      <c r="C159" s="420">
        <v>346</v>
      </c>
      <c r="D159" s="420" t="s">
        <v>2481</v>
      </c>
      <c r="E159" s="96" t="s">
        <v>53</v>
      </c>
      <c r="F159" s="96" t="s">
        <v>515</v>
      </c>
      <c r="G159" s="407" t="s">
        <v>548</v>
      </c>
      <c r="H159" s="407" t="s">
        <v>536</v>
      </c>
      <c r="I159" s="407" t="s">
        <v>536</v>
      </c>
      <c r="J159" s="407"/>
      <c r="K159" s="407" t="s">
        <v>86</v>
      </c>
      <c r="L159" s="407" t="s">
        <v>549</v>
      </c>
      <c r="M159" s="407" t="s">
        <v>60</v>
      </c>
      <c r="N159" s="407" t="s">
        <v>334</v>
      </c>
      <c r="O159" s="407" t="s">
        <v>184</v>
      </c>
      <c r="P159" s="407" t="s">
        <v>63</v>
      </c>
      <c r="Q159" s="407" t="s">
        <v>63</v>
      </c>
      <c r="R159" s="410">
        <v>235342.08000000002</v>
      </c>
      <c r="S159" s="410">
        <v>235342.08000000002</v>
      </c>
      <c r="T159" s="407" t="s">
        <v>64</v>
      </c>
      <c r="U159" s="407" t="s">
        <v>82</v>
      </c>
      <c r="V159" s="408"/>
      <c r="W159" s="408"/>
      <c r="X159" s="408"/>
      <c r="Y159" s="408"/>
      <c r="Z159" s="408"/>
      <c r="AA159" s="402"/>
      <c r="AB159" s="408"/>
      <c r="AC159" s="408"/>
      <c r="AD159" s="408"/>
      <c r="AE159" s="408"/>
      <c r="AF159" s="408"/>
      <c r="AG159" s="408"/>
      <c r="AH159" s="408"/>
      <c r="AI159" s="408"/>
      <c r="AJ159" s="408"/>
      <c r="AK159" s="408"/>
      <c r="AL159" s="405"/>
      <c r="AM159" s="402" t="s">
        <v>66</v>
      </c>
      <c r="AN159" s="408"/>
      <c r="AO159" s="408"/>
      <c r="AP159" s="408"/>
      <c r="AQ159" s="408"/>
      <c r="AR159" s="408"/>
      <c r="AS159" s="408"/>
      <c r="AT159" s="408"/>
      <c r="AU159" s="408"/>
      <c r="AV159" s="408"/>
      <c r="AW159" s="408"/>
      <c r="AX159" s="408"/>
      <c r="AY159" s="408"/>
      <c r="AZ159" s="408"/>
      <c r="BA159" s="308">
        <f t="shared" si="71"/>
        <v>775</v>
      </c>
      <c r="BB159" s="309">
        <f t="shared" si="103"/>
        <v>303.66720000000004</v>
      </c>
      <c r="BC159" s="402" t="str">
        <f t="shared" si="72"/>
        <v/>
      </c>
      <c r="BD159" s="402" t="str">
        <f t="shared" si="73"/>
        <v/>
      </c>
      <c r="BE159" s="402" t="str">
        <f t="shared" si="74"/>
        <v/>
      </c>
      <c r="BF159" s="402" t="str">
        <f t="shared" si="75"/>
        <v/>
      </c>
      <c r="BG159" s="402" t="str">
        <f t="shared" si="76"/>
        <v/>
      </c>
      <c r="BH159" s="402" t="str">
        <f t="shared" si="77"/>
        <v/>
      </c>
      <c r="BI159" s="402" t="str">
        <f t="shared" si="78"/>
        <v/>
      </c>
      <c r="BJ159" s="402" t="str">
        <f t="shared" si="79"/>
        <v/>
      </c>
      <c r="BK159" s="402" t="str">
        <f t="shared" si="80"/>
        <v/>
      </c>
      <c r="BL159" s="402" t="str">
        <f t="shared" si="81"/>
        <v/>
      </c>
      <c r="BM159" s="402" t="str">
        <f t="shared" si="82"/>
        <v/>
      </c>
      <c r="BN159" s="402" t="str">
        <f t="shared" si="83"/>
        <v/>
      </c>
      <c r="BO159" s="402" t="str">
        <f t="shared" si="84"/>
        <v/>
      </c>
      <c r="BP159" s="402" t="str">
        <f t="shared" si="85"/>
        <v/>
      </c>
      <c r="BQ159" s="402" t="str">
        <f t="shared" si="86"/>
        <v/>
      </c>
      <c r="BR159" s="402" t="str">
        <f t="shared" si="87"/>
        <v/>
      </c>
      <c r="BS159" s="402" t="str">
        <f t="shared" si="88"/>
        <v/>
      </c>
      <c r="BT159" s="402">
        <f t="shared" si="89"/>
        <v>235342.08000000002</v>
      </c>
      <c r="BU159" s="402" t="str">
        <f t="shared" si="90"/>
        <v/>
      </c>
      <c r="BV159" s="402" t="str">
        <f t="shared" si="91"/>
        <v/>
      </c>
      <c r="BW159" s="402" t="str">
        <f t="shared" si="92"/>
        <v/>
      </c>
      <c r="BX159" s="402" t="str">
        <f t="shared" si="93"/>
        <v/>
      </c>
      <c r="BY159" s="402" t="str">
        <f t="shared" si="94"/>
        <v/>
      </c>
      <c r="BZ159" s="402" t="str">
        <f t="shared" si="95"/>
        <v/>
      </c>
      <c r="CA159" s="402" t="str">
        <f t="shared" si="96"/>
        <v/>
      </c>
      <c r="CB159" s="402" t="str">
        <f t="shared" si="97"/>
        <v/>
      </c>
      <c r="CC159" s="402" t="str">
        <f t="shared" si="98"/>
        <v/>
      </c>
      <c r="CD159" s="402" t="str">
        <f t="shared" si="99"/>
        <v/>
      </c>
      <c r="CE159" s="402" t="str">
        <f t="shared" si="100"/>
        <v/>
      </c>
      <c r="CF159" s="402" t="str">
        <f t="shared" si="101"/>
        <v/>
      </c>
      <c r="CG159" s="402" t="str">
        <f t="shared" si="102"/>
        <v/>
      </c>
      <c r="CH159" s="402"/>
      <c r="CI159" s="402"/>
      <c r="CJ159" s="402"/>
      <c r="CK159" s="402"/>
      <c r="CL159" s="402"/>
      <c r="CM159" s="402"/>
      <c r="CN159" s="402"/>
      <c r="CO159" s="402"/>
      <c r="CP159" s="402"/>
      <c r="CQ159" s="402"/>
      <c r="CR159" s="402"/>
      <c r="CS159" s="402"/>
      <c r="CT159" s="402"/>
      <c r="CU159" s="402"/>
      <c r="CV159" s="402"/>
      <c r="CW159" s="402"/>
      <c r="CX159" s="402"/>
      <c r="CY159" s="402"/>
      <c r="CZ159" s="402"/>
      <c r="DA159" s="402"/>
      <c r="DB159" s="402"/>
      <c r="DC159" s="402"/>
      <c r="DD159" s="407"/>
      <c r="DE159" s="407"/>
      <c r="DF159" s="407"/>
    </row>
    <row r="160" spans="3:110" s="395" customFormat="1" ht="56.1" customHeight="1" x14ac:dyDescent="0.2">
      <c r="C160" s="420">
        <v>347</v>
      </c>
      <c r="D160" s="420" t="s">
        <v>2481</v>
      </c>
      <c r="E160" s="96" t="s">
        <v>53</v>
      </c>
      <c r="F160" s="96" t="s">
        <v>515</v>
      </c>
      <c r="G160" s="407" t="s">
        <v>518</v>
      </c>
      <c r="H160" s="407" t="s">
        <v>520</v>
      </c>
      <c r="I160" s="407" t="s">
        <v>520</v>
      </c>
      <c r="J160" s="407"/>
      <c r="K160" s="407" t="s">
        <v>86</v>
      </c>
      <c r="L160" s="407" t="s">
        <v>549</v>
      </c>
      <c r="M160" s="407" t="s">
        <v>60</v>
      </c>
      <c r="N160" s="407" t="s">
        <v>334</v>
      </c>
      <c r="O160" s="407" t="s">
        <v>184</v>
      </c>
      <c r="P160" s="407" t="s">
        <v>63</v>
      </c>
      <c r="Q160" s="407" t="s">
        <v>63</v>
      </c>
      <c r="R160" s="410">
        <v>617772.96000000008</v>
      </c>
      <c r="S160" s="410">
        <v>617772.96000000008</v>
      </c>
      <c r="T160" s="407" t="s">
        <v>64</v>
      </c>
      <c r="U160" s="407" t="s">
        <v>82</v>
      </c>
      <c r="V160" s="408"/>
      <c r="W160" s="408"/>
      <c r="X160" s="408"/>
      <c r="Y160" s="408"/>
      <c r="Z160" s="408"/>
      <c r="AA160" s="402"/>
      <c r="AB160" s="408"/>
      <c r="AC160" s="408"/>
      <c r="AD160" s="408"/>
      <c r="AE160" s="408"/>
      <c r="AF160" s="408"/>
      <c r="AG160" s="408"/>
      <c r="AH160" s="408"/>
      <c r="AI160" s="408"/>
      <c r="AJ160" s="408"/>
      <c r="AK160" s="408"/>
      <c r="AL160" s="405"/>
      <c r="AM160" s="402" t="s">
        <v>66</v>
      </c>
      <c r="AN160" s="408"/>
      <c r="AO160" s="408"/>
      <c r="AP160" s="408"/>
      <c r="AQ160" s="408"/>
      <c r="AR160" s="408"/>
      <c r="AS160" s="408"/>
      <c r="AT160" s="408"/>
      <c r="AU160" s="408"/>
      <c r="AV160" s="408"/>
      <c r="AW160" s="408"/>
      <c r="AX160" s="408"/>
      <c r="AY160" s="408"/>
      <c r="AZ160" s="408"/>
      <c r="BA160" s="308">
        <f t="shared" si="71"/>
        <v>775</v>
      </c>
      <c r="BB160" s="309">
        <f t="shared" si="103"/>
        <v>797.1264000000001</v>
      </c>
      <c r="BC160" s="402" t="str">
        <f t="shared" si="72"/>
        <v/>
      </c>
      <c r="BD160" s="402" t="str">
        <f t="shared" si="73"/>
        <v/>
      </c>
      <c r="BE160" s="402" t="str">
        <f t="shared" si="74"/>
        <v/>
      </c>
      <c r="BF160" s="402" t="str">
        <f t="shared" si="75"/>
        <v/>
      </c>
      <c r="BG160" s="402" t="str">
        <f t="shared" si="76"/>
        <v/>
      </c>
      <c r="BH160" s="402" t="str">
        <f t="shared" si="77"/>
        <v/>
      </c>
      <c r="BI160" s="402" t="str">
        <f t="shared" si="78"/>
        <v/>
      </c>
      <c r="BJ160" s="402" t="str">
        <f t="shared" si="79"/>
        <v/>
      </c>
      <c r="BK160" s="402" t="str">
        <f t="shared" si="80"/>
        <v/>
      </c>
      <c r="BL160" s="402" t="str">
        <f t="shared" si="81"/>
        <v/>
      </c>
      <c r="BM160" s="402" t="str">
        <f t="shared" si="82"/>
        <v/>
      </c>
      <c r="BN160" s="402" t="str">
        <f t="shared" si="83"/>
        <v/>
      </c>
      <c r="BO160" s="402" t="str">
        <f t="shared" si="84"/>
        <v/>
      </c>
      <c r="BP160" s="402" t="str">
        <f t="shared" si="85"/>
        <v/>
      </c>
      <c r="BQ160" s="402" t="str">
        <f t="shared" si="86"/>
        <v/>
      </c>
      <c r="BR160" s="402" t="str">
        <f t="shared" si="87"/>
        <v/>
      </c>
      <c r="BS160" s="402" t="str">
        <f t="shared" si="88"/>
        <v/>
      </c>
      <c r="BT160" s="402">
        <f t="shared" si="89"/>
        <v>617772.96000000008</v>
      </c>
      <c r="BU160" s="402" t="str">
        <f t="shared" si="90"/>
        <v/>
      </c>
      <c r="BV160" s="402" t="str">
        <f t="shared" si="91"/>
        <v/>
      </c>
      <c r="BW160" s="402" t="str">
        <f t="shared" si="92"/>
        <v/>
      </c>
      <c r="BX160" s="402" t="str">
        <f t="shared" si="93"/>
        <v/>
      </c>
      <c r="BY160" s="402" t="str">
        <f t="shared" si="94"/>
        <v/>
      </c>
      <c r="BZ160" s="402" t="str">
        <f t="shared" si="95"/>
        <v/>
      </c>
      <c r="CA160" s="402" t="str">
        <f t="shared" si="96"/>
        <v/>
      </c>
      <c r="CB160" s="402" t="str">
        <f t="shared" si="97"/>
        <v/>
      </c>
      <c r="CC160" s="402" t="str">
        <f t="shared" si="98"/>
        <v/>
      </c>
      <c r="CD160" s="402" t="str">
        <f t="shared" si="99"/>
        <v/>
      </c>
      <c r="CE160" s="402" t="str">
        <f t="shared" si="100"/>
        <v/>
      </c>
      <c r="CF160" s="402" t="str">
        <f t="shared" si="101"/>
        <v/>
      </c>
      <c r="CG160" s="402" t="str">
        <f t="shared" si="102"/>
        <v/>
      </c>
      <c r="CH160" s="402"/>
      <c r="CI160" s="402"/>
      <c r="CJ160" s="402"/>
      <c r="CK160" s="402"/>
      <c r="CL160" s="402"/>
      <c r="CM160" s="402"/>
      <c r="CN160" s="402"/>
      <c r="CO160" s="402"/>
      <c r="CP160" s="402"/>
      <c r="CQ160" s="402"/>
      <c r="CR160" s="402"/>
      <c r="CS160" s="402"/>
      <c r="CT160" s="402"/>
      <c r="CU160" s="402"/>
      <c r="CV160" s="402"/>
      <c r="CW160" s="402"/>
      <c r="CX160" s="402"/>
      <c r="CY160" s="402"/>
      <c r="CZ160" s="402"/>
      <c r="DA160" s="402"/>
      <c r="DB160" s="402"/>
      <c r="DC160" s="402"/>
      <c r="DD160" s="407"/>
      <c r="DE160" s="407"/>
      <c r="DF160" s="407"/>
    </row>
    <row r="161" spans="3:110" s="395" customFormat="1" ht="56.1" customHeight="1" x14ac:dyDescent="0.2">
      <c r="C161" s="420">
        <v>348</v>
      </c>
      <c r="D161" s="420" t="s">
        <v>2481</v>
      </c>
      <c r="E161" s="96" t="s">
        <v>53</v>
      </c>
      <c r="F161" s="96" t="s">
        <v>515</v>
      </c>
      <c r="G161" s="407" t="s">
        <v>521</v>
      </c>
      <c r="H161" s="407" t="s">
        <v>522</v>
      </c>
      <c r="I161" s="407" t="s">
        <v>522</v>
      </c>
      <c r="J161" s="407"/>
      <c r="K161" s="407" t="s">
        <v>86</v>
      </c>
      <c r="L161" s="407" t="s">
        <v>549</v>
      </c>
      <c r="M161" s="407" t="s">
        <v>60</v>
      </c>
      <c r="N161" s="407" t="s">
        <v>334</v>
      </c>
      <c r="O161" s="407" t="s">
        <v>184</v>
      </c>
      <c r="P161" s="407" t="s">
        <v>63</v>
      </c>
      <c r="Q161" s="407" t="s">
        <v>63</v>
      </c>
      <c r="R161" s="410">
        <v>862920.96000000008</v>
      </c>
      <c r="S161" s="410">
        <v>862920.96000000008</v>
      </c>
      <c r="T161" s="407" t="s">
        <v>64</v>
      </c>
      <c r="U161" s="407" t="s">
        <v>82</v>
      </c>
      <c r="V161" s="408"/>
      <c r="W161" s="408"/>
      <c r="X161" s="408"/>
      <c r="Y161" s="408"/>
      <c r="Z161" s="408"/>
      <c r="AA161" s="402"/>
      <c r="AB161" s="408"/>
      <c r="AC161" s="408"/>
      <c r="AD161" s="408"/>
      <c r="AE161" s="408"/>
      <c r="AF161" s="408"/>
      <c r="AG161" s="408"/>
      <c r="AH161" s="408"/>
      <c r="AI161" s="408"/>
      <c r="AJ161" s="408"/>
      <c r="AK161" s="408"/>
      <c r="AL161" s="405"/>
      <c r="AM161" s="402" t="s">
        <v>66</v>
      </c>
      <c r="AN161" s="408"/>
      <c r="AO161" s="408"/>
      <c r="AP161" s="408"/>
      <c r="AQ161" s="408"/>
      <c r="AR161" s="408"/>
      <c r="AS161" s="408"/>
      <c r="AT161" s="408"/>
      <c r="AU161" s="408"/>
      <c r="AV161" s="408"/>
      <c r="AW161" s="408"/>
      <c r="AX161" s="408"/>
      <c r="AY161" s="408"/>
      <c r="AZ161" s="408"/>
      <c r="BA161" s="308">
        <f t="shared" si="71"/>
        <v>775</v>
      </c>
      <c r="BB161" s="309">
        <f t="shared" si="103"/>
        <v>1113.4464</v>
      </c>
      <c r="BC161" s="402" t="str">
        <f t="shared" si="72"/>
        <v/>
      </c>
      <c r="BD161" s="402" t="str">
        <f t="shared" si="73"/>
        <v/>
      </c>
      <c r="BE161" s="402" t="str">
        <f t="shared" si="74"/>
        <v/>
      </c>
      <c r="BF161" s="402" t="str">
        <f t="shared" si="75"/>
        <v/>
      </c>
      <c r="BG161" s="402" t="str">
        <f t="shared" si="76"/>
        <v/>
      </c>
      <c r="BH161" s="402" t="str">
        <f t="shared" si="77"/>
        <v/>
      </c>
      <c r="BI161" s="402" t="str">
        <f t="shared" si="78"/>
        <v/>
      </c>
      <c r="BJ161" s="402" t="str">
        <f t="shared" si="79"/>
        <v/>
      </c>
      <c r="BK161" s="402" t="str">
        <f t="shared" si="80"/>
        <v/>
      </c>
      <c r="BL161" s="402" t="str">
        <f t="shared" si="81"/>
        <v/>
      </c>
      <c r="BM161" s="402" t="str">
        <f t="shared" si="82"/>
        <v/>
      </c>
      <c r="BN161" s="402" t="str">
        <f t="shared" si="83"/>
        <v/>
      </c>
      <c r="BO161" s="402" t="str">
        <f t="shared" si="84"/>
        <v/>
      </c>
      <c r="BP161" s="402" t="str">
        <f t="shared" si="85"/>
        <v/>
      </c>
      <c r="BQ161" s="402" t="str">
        <f t="shared" si="86"/>
        <v/>
      </c>
      <c r="BR161" s="402" t="str">
        <f t="shared" si="87"/>
        <v/>
      </c>
      <c r="BS161" s="402" t="str">
        <f t="shared" si="88"/>
        <v/>
      </c>
      <c r="BT161" s="402">
        <f t="shared" si="89"/>
        <v>862920.96000000008</v>
      </c>
      <c r="BU161" s="402" t="str">
        <f t="shared" si="90"/>
        <v/>
      </c>
      <c r="BV161" s="402" t="str">
        <f t="shared" si="91"/>
        <v/>
      </c>
      <c r="BW161" s="402" t="str">
        <f t="shared" si="92"/>
        <v/>
      </c>
      <c r="BX161" s="402" t="str">
        <f t="shared" si="93"/>
        <v/>
      </c>
      <c r="BY161" s="402" t="str">
        <f t="shared" si="94"/>
        <v/>
      </c>
      <c r="BZ161" s="402" t="str">
        <f t="shared" si="95"/>
        <v/>
      </c>
      <c r="CA161" s="402" t="str">
        <f t="shared" si="96"/>
        <v/>
      </c>
      <c r="CB161" s="402" t="str">
        <f t="shared" si="97"/>
        <v/>
      </c>
      <c r="CC161" s="402" t="str">
        <f t="shared" si="98"/>
        <v/>
      </c>
      <c r="CD161" s="402" t="str">
        <f t="shared" si="99"/>
        <v/>
      </c>
      <c r="CE161" s="402" t="str">
        <f t="shared" si="100"/>
        <v/>
      </c>
      <c r="CF161" s="402" t="str">
        <f t="shared" si="101"/>
        <v/>
      </c>
      <c r="CG161" s="402" t="str">
        <f t="shared" si="102"/>
        <v/>
      </c>
      <c r="CH161" s="402"/>
      <c r="CI161" s="402"/>
      <c r="CJ161" s="402"/>
      <c r="CK161" s="402"/>
      <c r="CL161" s="402"/>
      <c r="CM161" s="402"/>
      <c r="CN161" s="402"/>
      <c r="CO161" s="402"/>
      <c r="CP161" s="402"/>
      <c r="CQ161" s="402"/>
      <c r="CR161" s="402"/>
      <c r="CS161" s="402"/>
      <c r="CT161" s="402"/>
      <c r="CU161" s="402"/>
      <c r="CV161" s="402"/>
      <c r="CW161" s="402"/>
      <c r="CX161" s="402"/>
      <c r="CY161" s="402"/>
      <c r="CZ161" s="402"/>
      <c r="DA161" s="402"/>
      <c r="DB161" s="402"/>
      <c r="DC161" s="402"/>
      <c r="DD161" s="407"/>
      <c r="DE161" s="407"/>
      <c r="DF161" s="407"/>
    </row>
    <row r="162" spans="3:110" s="395" customFormat="1" ht="56.1" customHeight="1" x14ac:dyDescent="0.2">
      <c r="C162" s="420">
        <v>349</v>
      </c>
      <c r="D162" s="420" t="s">
        <v>2481</v>
      </c>
      <c r="E162" s="96" t="s">
        <v>53</v>
      </c>
      <c r="F162" s="96" t="s">
        <v>515</v>
      </c>
      <c r="G162" s="407" t="s">
        <v>523</v>
      </c>
      <c r="H162" s="407" t="s">
        <v>540</v>
      </c>
      <c r="I162" s="407" t="s">
        <v>540</v>
      </c>
      <c r="J162" s="407"/>
      <c r="K162" s="407" t="s">
        <v>86</v>
      </c>
      <c r="L162" s="407" t="s">
        <v>549</v>
      </c>
      <c r="M162" s="407" t="s">
        <v>388</v>
      </c>
      <c r="N162" s="407" t="s">
        <v>525</v>
      </c>
      <c r="O162" s="407" t="s">
        <v>184</v>
      </c>
      <c r="P162" s="407" t="s">
        <v>63</v>
      </c>
      <c r="Q162" s="407" t="s">
        <v>63</v>
      </c>
      <c r="R162" s="410">
        <v>43494</v>
      </c>
      <c r="S162" s="410">
        <v>43494</v>
      </c>
      <c r="T162" s="407" t="s">
        <v>64</v>
      </c>
      <c r="U162" s="407" t="s">
        <v>82</v>
      </c>
      <c r="V162" s="408"/>
      <c r="W162" s="408"/>
      <c r="X162" s="408"/>
      <c r="Y162" s="408"/>
      <c r="Z162" s="408"/>
      <c r="AA162" s="402"/>
      <c r="AB162" s="408"/>
      <c r="AC162" s="408"/>
      <c r="AD162" s="408"/>
      <c r="AE162" s="408"/>
      <c r="AF162" s="408"/>
      <c r="AG162" s="408"/>
      <c r="AH162" s="408"/>
      <c r="AI162" s="408"/>
      <c r="AJ162" s="408"/>
      <c r="AK162" s="408"/>
      <c r="AL162" s="405"/>
      <c r="AM162" s="402" t="s">
        <v>66</v>
      </c>
      <c r="AN162" s="408"/>
      <c r="AO162" s="408"/>
      <c r="AP162" s="408"/>
      <c r="AQ162" s="408"/>
      <c r="AR162" s="408"/>
      <c r="AS162" s="408"/>
      <c r="AT162" s="408"/>
      <c r="AU162" s="408"/>
      <c r="AV162" s="408"/>
      <c r="AW162" s="408"/>
      <c r="AX162" s="408"/>
      <c r="AY162" s="408"/>
      <c r="AZ162" s="408"/>
      <c r="BA162" s="308">
        <f t="shared" si="71"/>
        <v>775</v>
      </c>
      <c r="BB162" s="309">
        <f t="shared" si="103"/>
        <v>56.121290322580649</v>
      </c>
      <c r="BC162" s="402" t="str">
        <f t="shared" si="72"/>
        <v/>
      </c>
      <c r="BD162" s="402" t="str">
        <f t="shared" si="73"/>
        <v/>
      </c>
      <c r="BE162" s="402" t="str">
        <f t="shared" si="74"/>
        <v/>
      </c>
      <c r="BF162" s="402" t="str">
        <f t="shared" si="75"/>
        <v/>
      </c>
      <c r="BG162" s="402" t="str">
        <f t="shared" si="76"/>
        <v/>
      </c>
      <c r="BH162" s="402" t="str">
        <f t="shared" si="77"/>
        <v/>
      </c>
      <c r="BI162" s="402" t="str">
        <f t="shared" si="78"/>
        <v/>
      </c>
      <c r="BJ162" s="402" t="str">
        <f t="shared" si="79"/>
        <v/>
      </c>
      <c r="BK162" s="402" t="str">
        <f t="shared" si="80"/>
        <v/>
      </c>
      <c r="BL162" s="402" t="str">
        <f t="shared" si="81"/>
        <v/>
      </c>
      <c r="BM162" s="402" t="str">
        <f t="shared" si="82"/>
        <v/>
      </c>
      <c r="BN162" s="402" t="str">
        <f t="shared" si="83"/>
        <v/>
      </c>
      <c r="BO162" s="402" t="str">
        <f t="shared" si="84"/>
        <v/>
      </c>
      <c r="BP162" s="402" t="str">
        <f t="shared" si="85"/>
        <v/>
      </c>
      <c r="BQ162" s="402" t="str">
        <f t="shared" si="86"/>
        <v/>
      </c>
      <c r="BR162" s="402" t="str">
        <f t="shared" si="87"/>
        <v/>
      </c>
      <c r="BS162" s="402" t="str">
        <f t="shared" si="88"/>
        <v/>
      </c>
      <c r="BT162" s="402">
        <f t="shared" si="89"/>
        <v>43494</v>
      </c>
      <c r="BU162" s="402" t="str">
        <f t="shared" si="90"/>
        <v/>
      </c>
      <c r="BV162" s="402" t="str">
        <f t="shared" si="91"/>
        <v/>
      </c>
      <c r="BW162" s="402" t="str">
        <f t="shared" si="92"/>
        <v/>
      </c>
      <c r="BX162" s="402" t="str">
        <f t="shared" si="93"/>
        <v/>
      </c>
      <c r="BY162" s="402" t="str">
        <f t="shared" si="94"/>
        <v/>
      </c>
      <c r="BZ162" s="402" t="str">
        <f t="shared" si="95"/>
        <v/>
      </c>
      <c r="CA162" s="402" t="str">
        <f t="shared" si="96"/>
        <v/>
      </c>
      <c r="CB162" s="402" t="str">
        <f t="shared" si="97"/>
        <v/>
      </c>
      <c r="CC162" s="402" t="str">
        <f t="shared" si="98"/>
        <v/>
      </c>
      <c r="CD162" s="402" t="str">
        <f t="shared" si="99"/>
        <v/>
      </c>
      <c r="CE162" s="402" t="str">
        <f t="shared" si="100"/>
        <v/>
      </c>
      <c r="CF162" s="402" t="str">
        <f t="shared" si="101"/>
        <v/>
      </c>
      <c r="CG162" s="402" t="str">
        <f t="shared" si="102"/>
        <v/>
      </c>
      <c r="CH162" s="402"/>
      <c r="CI162" s="402"/>
      <c r="CJ162" s="402"/>
      <c r="CK162" s="402"/>
      <c r="CL162" s="402"/>
      <c r="CM162" s="402"/>
      <c r="CN162" s="402"/>
      <c r="CO162" s="402"/>
      <c r="CP162" s="402"/>
      <c r="CQ162" s="402"/>
      <c r="CR162" s="402"/>
      <c r="CS162" s="402"/>
      <c r="CT162" s="402"/>
      <c r="CU162" s="402"/>
      <c r="CV162" s="402"/>
      <c r="CW162" s="402"/>
      <c r="CX162" s="402"/>
      <c r="CY162" s="402"/>
      <c r="CZ162" s="402"/>
      <c r="DA162" s="402"/>
      <c r="DB162" s="402"/>
      <c r="DC162" s="402"/>
      <c r="DD162" s="407"/>
      <c r="DE162" s="407"/>
      <c r="DF162" s="407"/>
    </row>
    <row r="163" spans="3:110" s="395" customFormat="1" ht="56.1" customHeight="1" x14ac:dyDescent="0.2">
      <c r="C163" s="420">
        <v>350</v>
      </c>
      <c r="D163" s="420" t="s">
        <v>2481</v>
      </c>
      <c r="E163" s="96" t="s">
        <v>53</v>
      </c>
      <c r="F163" s="96" t="s">
        <v>515</v>
      </c>
      <c r="G163" s="407" t="s">
        <v>539</v>
      </c>
      <c r="H163" s="407" t="s">
        <v>541</v>
      </c>
      <c r="I163" s="407" t="s">
        <v>541</v>
      </c>
      <c r="J163" s="407"/>
      <c r="K163" s="407" t="s">
        <v>86</v>
      </c>
      <c r="L163" s="407" t="s">
        <v>549</v>
      </c>
      <c r="M163" s="407" t="s">
        <v>388</v>
      </c>
      <c r="N163" s="407" t="s">
        <v>525</v>
      </c>
      <c r="O163" s="407" t="s">
        <v>184</v>
      </c>
      <c r="P163" s="407" t="s">
        <v>63</v>
      </c>
      <c r="Q163" s="407" t="s">
        <v>63</v>
      </c>
      <c r="R163" s="410">
        <v>105440</v>
      </c>
      <c r="S163" s="410">
        <v>105440</v>
      </c>
      <c r="T163" s="407" t="s">
        <v>64</v>
      </c>
      <c r="U163" s="407" t="s">
        <v>82</v>
      </c>
      <c r="V163" s="408"/>
      <c r="W163" s="408"/>
      <c r="X163" s="408"/>
      <c r="Y163" s="408"/>
      <c r="Z163" s="408"/>
      <c r="AA163" s="402"/>
      <c r="AB163" s="408"/>
      <c r="AC163" s="408"/>
      <c r="AD163" s="408"/>
      <c r="AE163" s="408"/>
      <c r="AF163" s="408"/>
      <c r="AG163" s="408"/>
      <c r="AH163" s="408"/>
      <c r="AI163" s="408"/>
      <c r="AJ163" s="408"/>
      <c r="AK163" s="408"/>
      <c r="AL163" s="405"/>
      <c r="AM163" s="402" t="s">
        <v>66</v>
      </c>
      <c r="AN163" s="408"/>
      <c r="AO163" s="408"/>
      <c r="AP163" s="408"/>
      <c r="AQ163" s="408"/>
      <c r="AR163" s="408"/>
      <c r="AS163" s="408"/>
      <c r="AT163" s="408"/>
      <c r="AU163" s="408"/>
      <c r="AV163" s="408"/>
      <c r="AW163" s="408"/>
      <c r="AX163" s="408"/>
      <c r="AY163" s="408"/>
      <c r="AZ163" s="408"/>
      <c r="BA163" s="308">
        <f t="shared" si="71"/>
        <v>775</v>
      </c>
      <c r="BB163" s="309">
        <f t="shared" si="103"/>
        <v>136.05161290322582</v>
      </c>
      <c r="BC163" s="402" t="str">
        <f t="shared" si="72"/>
        <v/>
      </c>
      <c r="BD163" s="402" t="str">
        <f t="shared" si="73"/>
        <v/>
      </c>
      <c r="BE163" s="402" t="str">
        <f t="shared" si="74"/>
        <v/>
      </c>
      <c r="BF163" s="402" t="str">
        <f t="shared" si="75"/>
        <v/>
      </c>
      <c r="BG163" s="402" t="str">
        <f t="shared" si="76"/>
        <v/>
      </c>
      <c r="BH163" s="402" t="str">
        <f t="shared" si="77"/>
        <v/>
      </c>
      <c r="BI163" s="402" t="str">
        <f t="shared" si="78"/>
        <v/>
      </c>
      <c r="BJ163" s="402" t="str">
        <f t="shared" si="79"/>
        <v/>
      </c>
      <c r="BK163" s="402" t="str">
        <f t="shared" si="80"/>
        <v/>
      </c>
      <c r="BL163" s="402" t="str">
        <f t="shared" si="81"/>
        <v/>
      </c>
      <c r="BM163" s="402" t="str">
        <f t="shared" si="82"/>
        <v/>
      </c>
      <c r="BN163" s="402" t="str">
        <f t="shared" si="83"/>
        <v/>
      </c>
      <c r="BO163" s="402" t="str">
        <f t="shared" si="84"/>
        <v/>
      </c>
      <c r="BP163" s="402" t="str">
        <f t="shared" si="85"/>
        <v/>
      </c>
      <c r="BQ163" s="402" t="str">
        <f t="shared" si="86"/>
        <v/>
      </c>
      <c r="BR163" s="402" t="str">
        <f t="shared" si="87"/>
        <v/>
      </c>
      <c r="BS163" s="402" t="str">
        <f t="shared" si="88"/>
        <v/>
      </c>
      <c r="BT163" s="402">
        <f t="shared" si="89"/>
        <v>105440.00000000001</v>
      </c>
      <c r="BU163" s="402" t="str">
        <f t="shared" si="90"/>
        <v/>
      </c>
      <c r="BV163" s="402" t="str">
        <f t="shared" si="91"/>
        <v/>
      </c>
      <c r="BW163" s="402" t="str">
        <f t="shared" si="92"/>
        <v/>
      </c>
      <c r="BX163" s="402" t="str">
        <f t="shared" si="93"/>
        <v/>
      </c>
      <c r="BY163" s="402" t="str">
        <f t="shared" si="94"/>
        <v/>
      </c>
      <c r="BZ163" s="402" t="str">
        <f t="shared" si="95"/>
        <v/>
      </c>
      <c r="CA163" s="402" t="str">
        <f t="shared" si="96"/>
        <v/>
      </c>
      <c r="CB163" s="402" t="str">
        <f t="shared" si="97"/>
        <v/>
      </c>
      <c r="CC163" s="402" t="str">
        <f t="shared" si="98"/>
        <v/>
      </c>
      <c r="CD163" s="402" t="str">
        <f t="shared" si="99"/>
        <v/>
      </c>
      <c r="CE163" s="402" t="str">
        <f t="shared" si="100"/>
        <v/>
      </c>
      <c r="CF163" s="402" t="str">
        <f t="shared" si="101"/>
        <v/>
      </c>
      <c r="CG163" s="402" t="str">
        <f t="shared" si="102"/>
        <v/>
      </c>
      <c r="CH163" s="402"/>
      <c r="CI163" s="402"/>
      <c r="CJ163" s="402"/>
      <c r="CK163" s="402"/>
      <c r="CL163" s="402"/>
      <c r="CM163" s="402"/>
      <c r="CN163" s="402"/>
      <c r="CO163" s="402"/>
      <c r="CP163" s="402"/>
      <c r="CQ163" s="402"/>
      <c r="CR163" s="402"/>
      <c r="CS163" s="402"/>
      <c r="CT163" s="402"/>
      <c r="CU163" s="402"/>
      <c r="CV163" s="402"/>
      <c r="CW163" s="402"/>
      <c r="CX163" s="402"/>
      <c r="CY163" s="402"/>
      <c r="CZ163" s="402"/>
      <c r="DA163" s="402"/>
      <c r="DB163" s="402"/>
      <c r="DC163" s="402"/>
      <c r="DD163" s="407"/>
      <c r="DE163" s="407"/>
      <c r="DF163" s="407"/>
    </row>
    <row r="164" spans="3:110" s="395" customFormat="1" ht="56.1" customHeight="1" x14ac:dyDescent="0.2">
      <c r="C164" s="420">
        <v>351</v>
      </c>
      <c r="D164" s="420" t="s">
        <v>2481</v>
      </c>
      <c r="E164" s="96" t="s">
        <v>53</v>
      </c>
      <c r="F164" s="96" t="s">
        <v>515</v>
      </c>
      <c r="G164" s="407" t="s">
        <v>528</v>
      </c>
      <c r="H164" s="407" t="s">
        <v>546</v>
      </c>
      <c r="I164" s="407" t="s">
        <v>546</v>
      </c>
      <c r="J164" s="407"/>
      <c r="K164" s="407" t="s">
        <v>86</v>
      </c>
      <c r="L164" s="407" t="s">
        <v>549</v>
      </c>
      <c r="M164" s="407" t="s">
        <v>388</v>
      </c>
      <c r="N164" s="407" t="s">
        <v>525</v>
      </c>
      <c r="O164" s="407" t="s">
        <v>184</v>
      </c>
      <c r="P164" s="407" t="s">
        <v>63</v>
      </c>
      <c r="Q164" s="407" t="s">
        <v>63</v>
      </c>
      <c r="R164" s="410">
        <v>369040</v>
      </c>
      <c r="S164" s="410">
        <v>369040</v>
      </c>
      <c r="T164" s="407" t="s">
        <v>64</v>
      </c>
      <c r="U164" s="407" t="s">
        <v>82</v>
      </c>
      <c r="V164" s="408"/>
      <c r="W164" s="408"/>
      <c r="X164" s="408"/>
      <c r="Y164" s="408"/>
      <c r="Z164" s="408"/>
      <c r="AA164" s="402"/>
      <c r="AB164" s="408"/>
      <c r="AC164" s="408"/>
      <c r="AD164" s="408"/>
      <c r="AE164" s="408"/>
      <c r="AF164" s="408"/>
      <c r="AG164" s="408"/>
      <c r="AH164" s="408"/>
      <c r="AI164" s="408"/>
      <c r="AJ164" s="408"/>
      <c r="AK164" s="408"/>
      <c r="AL164" s="405"/>
      <c r="AM164" s="402" t="s">
        <v>66</v>
      </c>
      <c r="AN164" s="408"/>
      <c r="AO164" s="408"/>
      <c r="AP164" s="408"/>
      <c r="AQ164" s="408"/>
      <c r="AR164" s="408"/>
      <c r="AS164" s="408"/>
      <c r="AT164" s="408"/>
      <c r="AU164" s="408"/>
      <c r="AV164" s="408"/>
      <c r="AW164" s="408"/>
      <c r="AX164" s="408"/>
      <c r="AY164" s="408"/>
      <c r="AZ164" s="408"/>
      <c r="BA164" s="308">
        <f t="shared" si="71"/>
        <v>775</v>
      </c>
      <c r="BB164" s="309">
        <f t="shared" si="103"/>
        <v>476.18064516129033</v>
      </c>
      <c r="BC164" s="402" t="str">
        <f t="shared" si="72"/>
        <v/>
      </c>
      <c r="BD164" s="402" t="str">
        <f t="shared" si="73"/>
        <v/>
      </c>
      <c r="BE164" s="402" t="str">
        <f t="shared" si="74"/>
        <v/>
      </c>
      <c r="BF164" s="402" t="str">
        <f t="shared" si="75"/>
        <v/>
      </c>
      <c r="BG164" s="402" t="str">
        <f t="shared" si="76"/>
        <v/>
      </c>
      <c r="BH164" s="402" t="str">
        <f t="shared" si="77"/>
        <v/>
      </c>
      <c r="BI164" s="402" t="str">
        <f t="shared" si="78"/>
        <v/>
      </c>
      <c r="BJ164" s="402" t="str">
        <f t="shared" si="79"/>
        <v/>
      </c>
      <c r="BK164" s="402" t="str">
        <f t="shared" si="80"/>
        <v/>
      </c>
      <c r="BL164" s="402" t="str">
        <f t="shared" si="81"/>
        <v/>
      </c>
      <c r="BM164" s="402" t="str">
        <f t="shared" si="82"/>
        <v/>
      </c>
      <c r="BN164" s="402" t="str">
        <f t="shared" si="83"/>
        <v/>
      </c>
      <c r="BO164" s="402" t="str">
        <f t="shared" si="84"/>
        <v/>
      </c>
      <c r="BP164" s="402" t="str">
        <f t="shared" si="85"/>
        <v/>
      </c>
      <c r="BQ164" s="402" t="str">
        <f t="shared" si="86"/>
        <v/>
      </c>
      <c r="BR164" s="402" t="str">
        <f t="shared" si="87"/>
        <v/>
      </c>
      <c r="BS164" s="402" t="str">
        <f t="shared" si="88"/>
        <v/>
      </c>
      <c r="BT164" s="402">
        <f t="shared" si="89"/>
        <v>369040</v>
      </c>
      <c r="BU164" s="402" t="str">
        <f t="shared" si="90"/>
        <v/>
      </c>
      <c r="BV164" s="402" t="str">
        <f t="shared" si="91"/>
        <v/>
      </c>
      <c r="BW164" s="402" t="str">
        <f t="shared" si="92"/>
        <v/>
      </c>
      <c r="BX164" s="402" t="str">
        <f t="shared" si="93"/>
        <v/>
      </c>
      <c r="BY164" s="402" t="str">
        <f t="shared" si="94"/>
        <v/>
      </c>
      <c r="BZ164" s="402" t="str">
        <f t="shared" si="95"/>
        <v/>
      </c>
      <c r="CA164" s="402" t="str">
        <f t="shared" si="96"/>
        <v/>
      </c>
      <c r="CB164" s="402" t="str">
        <f t="shared" si="97"/>
        <v/>
      </c>
      <c r="CC164" s="402" t="str">
        <f t="shared" si="98"/>
        <v/>
      </c>
      <c r="CD164" s="402" t="str">
        <f t="shared" si="99"/>
        <v/>
      </c>
      <c r="CE164" s="402" t="str">
        <f t="shared" si="100"/>
        <v/>
      </c>
      <c r="CF164" s="402" t="str">
        <f t="shared" si="101"/>
        <v/>
      </c>
      <c r="CG164" s="402" t="str">
        <f t="shared" si="102"/>
        <v/>
      </c>
      <c r="CH164" s="402"/>
      <c r="CI164" s="402"/>
      <c r="CJ164" s="402"/>
      <c r="CK164" s="402"/>
      <c r="CL164" s="402"/>
      <c r="CM164" s="402"/>
      <c r="CN164" s="402"/>
      <c r="CO164" s="402"/>
      <c r="CP164" s="402"/>
      <c r="CQ164" s="402"/>
      <c r="CR164" s="402"/>
      <c r="CS164" s="402"/>
      <c r="CT164" s="402"/>
      <c r="CU164" s="402"/>
      <c r="CV164" s="402"/>
      <c r="CW164" s="402"/>
      <c r="CX164" s="402"/>
      <c r="CY164" s="402"/>
      <c r="CZ164" s="402"/>
      <c r="DA164" s="402"/>
      <c r="DB164" s="402"/>
      <c r="DC164" s="402"/>
      <c r="DD164" s="407"/>
      <c r="DE164" s="407"/>
      <c r="DF164" s="407"/>
    </row>
    <row r="165" spans="3:110" s="395" customFormat="1" ht="56.1" customHeight="1" x14ac:dyDescent="0.2">
      <c r="C165" s="420">
        <v>352</v>
      </c>
      <c r="D165" s="420" t="s">
        <v>2481</v>
      </c>
      <c r="E165" s="96" t="s">
        <v>53</v>
      </c>
      <c r="F165" s="96" t="s">
        <v>515</v>
      </c>
      <c r="G165" s="407" t="s">
        <v>530</v>
      </c>
      <c r="H165" s="407" t="s">
        <v>550</v>
      </c>
      <c r="I165" s="407" t="s">
        <v>550</v>
      </c>
      <c r="J165" s="407"/>
      <c r="K165" s="407" t="s">
        <v>86</v>
      </c>
      <c r="L165" s="407" t="s">
        <v>549</v>
      </c>
      <c r="M165" s="407" t="s">
        <v>388</v>
      </c>
      <c r="N165" s="407" t="s">
        <v>525</v>
      </c>
      <c r="O165" s="407" t="s">
        <v>184</v>
      </c>
      <c r="P165" s="407" t="s">
        <v>63</v>
      </c>
      <c r="Q165" s="407" t="s">
        <v>63</v>
      </c>
      <c r="R165" s="410">
        <v>217470</v>
      </c>
      <c r="S165" s="410">
        <v>217470</v>
      </c>
      <c r="T165" s="407" t="s">
        <v>64</v>
      </c>
      <c r="U165" s="407" t="s">
        <v>82</v>
      </c>
      <c r="V165" s="408"/>
      <c r="W165" s="408"/>
      <c r="X165" s="408"/>
      <c r="Y165" s="408"/>
      <c r="Z165" s="408"/>
      <c r="AA165" s="402"/>
      <c r="AB165" s="408"/>
      <c r="AC165" s="408"/>
      <c r="AD165" s="408"/>
      <c r="AE165" s="408"/>
      <c r="AF165" s="408"/>
      <c r="AG165" s="408"/>
      <c r="AH165" s="408"/>
      <c r="AI165" s="408"/>
      <c r="AJ165" s="408"/>
      <c r="AK165" s="408"/>
      <c r="AL165" s="405"/>
      <c r="AM165" s="402" t="s">
        <v>66</v>
      </c>
      <c r="AN165" s="408"/>
      <c r="AO165" s="408"/>
      <c r="AP165" s="408"/>
      <c r="AQ165" s="408"/>
      <c r="AR165" s="408"/>
      <c r="AS165" s="408"/>
      <c r="AT165" s="408"/>
      <c r="AU165" s="408"/>
      <c r="AV165" s="408"/>
      <c r="AW165" s="408"/>
      <c r="AX165" s="408"/>
      <c r="AY165" s="408"/>
      <c r="AZ165" s="408"/>
      <c r="BA165" s="308">
        <f t="shared" si="71"/>
        <v>775</v>
      </c>
      <c r="BB165" s="309">
        <f t="shared" si="103"/>
        <v>280.60645161290324</v>
      </c>
      <c r="BC165" s="402" t="str">
        <f t="shared" si="72"/>
        <v/>
      </c>
      <c r="BD165" s="402" t="str">
        <f t="shared" si="73"/>
        <v/>
      </c>
      <c r="BE165" s="402" t="str">
        <f t="shared" si="74"/>
        <v/>
      </c>
      <c r="BF165" s="402" t="str">
        <f t="shared" si="75"/>
        <v/>
      </c>
      <c r="BG165" s="402" t="str">
        <f t="shared" si="76"/>
        <v/>
      </c>
      <c r="BH165" s="402" t="str">
        <f t="shared" si="77"/>
        <v/>
      </c>
      <c r="BI165" s="402" t="str">
        <f t="shared" si="78"/>
        <v/>
      </c>
      <c r="BJ165" s="402" t="str">
        <f t="shared" si="79"/>
        <v/>
      </c>
      <c r="BK165" s="402" t="str">
        <f t="shared" si="80"/>
        <v/>
      </c>
      <c r="BL165" s="402" t="str">
        <f t="shared" si="81"/>
        <v/>
      </c>
      <c r="BM165" s="402" t="str">
        <f t="shared" si="82"/>
        <v/>
      </c>
      <c r="BN165" s="402" t="str">
        <f t="shared" si="83"/>
        <v/>
      </c>
      <c r="BO165" s="402" t="str">
        <f t="shared" si="84"/>
        <v/>
      </c>
      <c r="BP165" s="402" t="str">
        <f t="shared" si="85"/>
        <v/>
      </c>
      <c r="BQ165" s="402" t="str">
        <f t="shared" si="86"/>
        <v/>
      </c>
      <c r="BR165" s="402" t="str">
        <f t="shared" si="87"/>
        <v/>
      </c>
      <c r="BS165" s="402" t="str">
        <f t="shared" si="88"/>
        <v/>
      </c>
      <c r="BT165" s="402">
        <f t="shared" si="89"/>
        <v>217470</v>
      </c>
      <c r="BU165" s="402" t="str">
        <f t="shared" si="90"/>
        <v/>
      </c>
      <c r="BV165" s="402" t="str">
        <f t="shared" si="91"/>
        <v/>
      </c>
      <c r="BW165" s="402" t="str">
        <f t="shared" si="92"/>
        <v/>
      </c>
      <c r="BX165" s="402" t="str">
        <f t="shared" si="93"/>
        <v/>
      </c>
      <c r="BY165" s="402" t="str">
        <f t="shared" si="94"/>
        <v/>
      </c>
      <c r="BZ165" s="402" t="str">
        <f t="shared" si="95"/>
        <v/>
      </c>
      <c r="CA165" s="402" t="str">
        <f t="shared" si="96"/>
        <v/>
      </c>
      <c r="CB165" s="402" t="str">
        <f t="shared" si="97"/>
        <v/>
      </c>
      <c r="CC165" s="402" t="str">
        <f t="shared" si="98"/>
        <v/>
      </c>
      <c r="CD165" s="402" t="str">
        <f t="shared" si="99"/>
        <v/>
      </c>
      <c r="CE165" s="402" t="str">
        <f t="shared" si="100"/>
        <v/>
      </c>
      <c r="CF165" s="402" t="str">
        <f t="shared" si="101"/>
        <v/>
      </c>
      <c r="CG165" s="402" t="str">
        <f t="shared" si="102"/>
        <v/>
      </c>
      <c r="CH165" s="402"/>
      <c r="CI165" s="402"/>
      <c r="CJ165" s="402"/>
      <c r="CK165" s="402"/>
      <c r="CL165" s="402"/>
      <c r="CM165" s="402"/>
      <c r="CN165" s="402"/>
      <c r="CO165" s="402"/>
      <c r="CP165" s="402"/>
      <c r="CQ165" s="402"/>
      <c r="CR165" s="402"/>
      <c r="CS165" s="402"/>
      <c r="CT165" s="402"/>
      <c r="CU165" s="402"/>
      <c r="CV165" s="402"/>
      <c r="CW165" s="402"/>
      <c r="CX165" s="402"/>
      <c r="CY165" s="402"/>
      <c r="CZ165" s="402"/>
      <c r="DA165" s="402"/>
      <c r="DB165" s="402"/>
      <c r="DC165" s="402"/>
      <c r="DD165" s="407"/>
      <c r="DE165" s="407"/>
      <c r="DF165" s="407"/>
    </row>
    <row r="166" spans="3:110" s="395" customFormat="1" ht="56.1" customHeight="1" x14ac:dyDescent="0.2">
      <c r="C166" s="420">
        <v>353</v>
      </c>
      <c r="D166" s="420" t="s">
        <v>2481</v>
      </c>
      <c r="E166" s="96" t="s">
        <v>53</v>
      </c>
      <c r="F166" s="96" t="s">
        <v>515</v>
      </c>
      <c r="G166" s="407" t="s">
        <v>533</v>
      </c>
      <c r="H166" s="407" t="s">
        <v>534</v>
      </c>
      <c r="I166" s="407" t="s">
        <v>534</v>
      </c>
      <c r="J166" s="407"/>
      <c r="K166" s="407" t="s">
        <v>86</v>
      </c>
      <c r="L166" s="407" t="s">
        <v>549</v>
      </c>
      <c r="M166" s="407" t="s">
        <v>60</v>
      </c>
      <c r="N166" s="407" t="s">
        <v>334</v>
      </c>
      <c r="O166" s="407" t="s">
        <v>184</v>
      </c>
      <c r="P166" s="407" t="s">
        <v>63</v>
      </c>
      <c r="Q166" s="407" t="s">
        <v>63</v>
      </c>
      <c r="R166" s="410">
        <v>137895.75</v>
      </c>
      <c r="S166" s="410">
        <v>137895.75</v>
      </c>
      <c r="T166" s="407" t="s">
        <v>64</v>
      </c>
      <c r="U166" s="407" t="s">
        <v>82</v>
      </c>
      <c r="V166" s="408"/>
      <c r="W166" s="408"/>
      <c r="X166" s="408"/>
      <c r="Y166" s="408"/>
      <c r="Z166" s="408"/>
      <c r="AA166" s="402"/>
      <c r="AB166" s="408"/>
      <c r="AC166" s="408"/>
      <c r="AD166" s="408"/>
      <c r="AE166" s="408"/>
      <c r="AF166" s="408"/>
      <c r="AG166" s="408"/>
      <c r="AH166" s="408"/>
      <c r="AI166" s="408"/>
      <c r="AJ166" s="408"/>
      <c r="AK166" s="408"/>
      <c r="AL166" s="405"/>
      <c r="AM166" s="402" t="s">
        <v>66</v>
      </c>
      <c r="AN166" s="408"/>
      <c r="AO166" s="408"/>
      <c r="AP166" s="408"/>
      <c r="AQ166" s="408"/>
      <c r="AR166" s="408"/>
      <c r="AS166" s="408"/>
      <c r="AT166" s="408"/>
      <c r="AU166" s="408"/>
      <c r="AV166" s="408"/>
      <c r="AW166" s="408"/>
      <c r="AX166" s="408"/>
      <c r="AY166" s="408"/>
      <c r="AZ166" s="408"/>
      <c r="BA166" s="308">
        <f t="shared" si="71"/>
        <v>775</v>
      </c>
      <c r="BB166" s="309">
        <f t="shared" si="103"/>
        <v>177.93</v>
      </c>
      <c r="BC166" s="402" t="str">
        <f t="shared" si="72"/>
        <v/>
      </c>
      <c r="BD166" s="402" t="str">
        <f t="shared" si="73"/>
        <v/>
      </c>
      <c r="BE166" s="402" t="str">
        <f t="shared" si="74"/>
        <v/>
      </c>
      <c r="BF166" s="402" t="str">
        <f t="shared" si="75"/>
        <v/>
      </c>
      <c r="BG166" s="402" t="str">
        <f t="shared" si="76"/>
        <v/>
      </c>
      <c r="BH166" s="402" t="str">
        <f t="shared" si="77"/>
        <v/>
      </c>
      <c r="BI166" s="402" t="str">
        <f t="shared" si="78"/>
        <v/>
      </c>
      <c r="BJ166" s="402" t="str">
        <f t="shared" si="79"/>
        <v/>
      </c>
      <c r="BK166" s="402" t="str">
        <f t="shared" si="80"/>
        <v/>
      </c>
      <c r="BL166" s="402" t="str">
        <f t="shared" si="81"/>
        <v/>
      </c>
      <c r="BM166" s="402" t="str">
        <f t="shared" si="82"/>
        <v/>
      </c>
      <c r="BN166" s="402" t="str">
        <f t="shared" si="83"/>
        <v/>
      </c>
      <c r="BO166" s="402" t="str">
        <f t="shared" si="84"/>
        <v/>
      </c>
      <c r="BP166" s="402" t="str">
        <f t="shared" si="85"/>
        <v/>
      </c>
      <c r="BQ166" s="402" t="str">
        <f t="shared" si="86"/>
        <v/>
      </c>
      <c r="BR166" s="402" t="str">
        <f t="shared" si="87"/>
        <v/>
      </c>
      <c r="BS166" s="402" t="str">
        <f t="shared" si="88"/>
        <v/>
      </c>
      <c r="BT166" s="402">
        <f t="shared" si="89"/>
        <v>137895.75</v>
      </c>
      <c r="BU166" s="402" t="str">
        <f t="shared" si="90"/>
        <v/>
      </c>
      <c r="BV166" s="402" t="str">
        <f t="shared" si="91"/>
        <v/>
      </c>
      <c r="BW166" s="402" t="str">
        <f t="shared" si="92"/>
        <v/>
      </c>
      <c r="BX166" s="402" t="str">
        <f t="shared" si="93"/>
        <v/>
      </c>
      <c r="BY166" s="402" t="str">
        <f t="shared" si="94"/>
        <v/>
      </c>
      <c r="BZ166" s="402" t="str">
        <f t="shared" si="95"/>
        <v/>
      </c>
      <c r="CA166" s="402" t="str">
        <f t="shared" si="96"/>
        <v/>
      </c>
      <c r="CB166" s="402" t="str">
        <f t="shared" si="97"/>
        <v/>
      </c>
      <c r="CC166" s="402" t="str">
        <f t="shared" si="98"/>
        <v/>
      </c>
      <c r="CD166" s="402" t="str">
        <f t="shared" si="99"/>
        <v/>
      </c>
      <c r="CE166" s="402" t="str">
        <f t="shared" si="100"/>
        <v/>
      </c>
      <c r="CF166" s="402" t="str">
        <f t="shared" si="101"/>
        <v/>
      </c>
      <c r="CG166" s="402" t="str">
        <f t="shared" si="102"/>
        <v/>
      </c>
      <c r="CH166" s="402"/>
      <c r="CI166" s="402"/>
      <c r="CJ166" s="402"/>
      <c r="CK166" s="402"/>
      <c r="CL166" s="402"/>
      <c r="CM166" s="402"/>
      <c r="CN166" s="402"/>
      <c r="CO166" s="402"/>
      <c r="CP166" s="402"/>
      <c r="CQ166" s="402"/>
      <c r="CR166" s="402"/>
      <c r="CS166" s="402"/>
      <c r="CT166" s="402"/>
      <c r="CU166" s="402"/>
      <c r="CV166" s="402"/>
      <c r="CW166" s="402"/>
      <c r="CX166" s="402"/>
      <c r="CY166" s="402"/>
      <c r="CZ166" s="402"/>
      <c r="DA166" s="402"/>
      <c r="DB166" s="402"/>
      <c r="DC166" s="402"/>
      <c r="DD166" s="407"/>
      <c r="DE166" s="407"/>
      <c r="DF166" s="407"/>
    </row>
    <row r="167" spans="3:110" s="395" customFormat="1" ht="56.1" customHeight="1" x14ac:dyDescent="0.2">
      <c r="C167" s="420">
        <v>354</v>
      </c>
      <c r="D167" s="420" t="s">
        <v>2481</v>
      </c>
      <c r="E167" s="96" t="s">
        <v>53</v>
      </c>
      <c r="F167" s="96" t="s">
        <v>515</v>
      </c>
      <c r="G167" s="407" t="s">
        <v>548</v>
      </c>
      <c r="H167" s="407" t="s">
        <v>536</v>
      </c>
      <c r="I167" s="407" t="s">
        <v>536</v>
      </c>
      <c r="J167" s="407"/>
      <c r="K167" s="407" t="s">
        <v>86</v>
      </c>
      <c r="L167" s="407" t="s">
        <v>36</v>
      </c>
      <c r="M167" s="407" t="s">
        <v>60</v>
      </c>
      <c r="N167" s="407" t="s">
        <v>334</v>
      </c>
      <c r="O167" s="407" t="s">
        <v>408</v>
      </c>
      <c r="P167" s="407" t="s">
        <v>63</v>
      </c>
      <c r="Q167" s="407" t="s">
        <v>63</v>
      </c>
      <c r="R167" s="410">
        <v>30366.719999999998</v>
      </c>
      <c r="S167" s="410">
        <v>30366.719999999998</v>
      </c>
      <c r="T167" s="407" t="s">
        <v>64</v>
      </c>
      <c r="U167" s="407" t="s">
        <v>82</v>
      </c>
      <c r="V167" s="408"/>
      <c r="W167" s="408"/>
      <c r="X167" s="408"/>
      <c r="Y167" s="408"/>
      <c r="Z167" s="408"/>
      <c r="AA167" s="402"/>
      <c r="AB167" s="408"/>
      <c r="AC167" s="408"/>
      <c r="AD167" s="408"/>
      <c r="AE167" s="408"/>
      <c r="AF167" s="408"/>
      <c r="AG167" s="408"/>
      <c r="AH167" s="408"/>
      <c r="AI167" s="408"/>
      <c r="AJ167" s="408"/>
      <c r="AK167" s="408"/>
      <c r="AL167" s="408"/>
      <c r="AM167" s="408"/>
      <c r="AN167" s="408"/>
      <c r="AO167" s="402" t="s">
        <v>66</v>
      </c>
      <c r="AP167" s="408"/>
      <c r="AQ167" s="408"/>
      <c r="AR167" s="408"/>
      <c r="AS167" s="408"/>
      <c r="AT167" s="408"/>
      <c r="AU167" s="408"/>
      <c r="AV167" s="408"/>
      <c r="AW167" s="408"/>
      <c r="AX167" s="408"/>
      <c r="AY167" s="408"/>
      <c r="AZ167" s="408"/>
      <c r="BA167" s="308">
        <f t="shared" si="71"/>
        <v>100</v>
      </c>
      <c r="BB167" s="309">
        <f t="shared" si="103"/>
        <v>303.66719999999998</v>
      </c>
      <c r="BC167" s="402" t="str">
        <f t="shared" si="72"/>
        <v/>
      </c>
      <c r="BD167" s="402" t="str">
        <f t="shared" si="73"/>
        <v/>
      </c>
      <c r="BE167" s="402" t="str">
        <f t="shared" si="74"/>
        <v/>
      </c>
      <c r="BF167" s="402" t="str">
        <f t="shared" si="75"/>
        <v/>
      </c>
      <c r="BG167" s="402" t="str">
        <f t="shared" si="76"/>
        <v/>
      </c>
      <c r="BH167" s="402" t="str">
        <f t="shared" si="77"/>
        <v/>
      </c>
      <c r="BI167" s="402" t="str">
        <f t="shared" si="78"/>
        <v/>
      </c>
      <c r="BJ167" s="402" t="str">
        <f t="shared" si="79"/>
        <v/>
      </c>
      <c r="BK167" s="402" t="str">
        <f t="shared" si="80"/>
        <v/>
      </c>
      <c r="BL167" s="402" t="str">
        <f t="shared" si="81"/>
        <v/>
      </c>
      <c r="BM167" s="402" t="str">
        <f t="shared" si="82"/>
        <v/>
      </c>
      <c r="BN167" s="402" t="str">
        <f t="shared" si="83"/>
        <v/>
      </c>
      <c r="BO167" s="402" t="str">
        <f t="shared" si="84"/>
        <v/>
      </c>
      <c r="BP167" s="402" t="str">
        <f t="shared" si="85"/>
        <v/>
      </c>
      <c r="BQ167" s="402" t="str">
        <f t="shared" si="86"/>
        <v/>
      </c>
      <c r="BR167" s="402" t="str">
        <f t="shared" si="87"/>
        <v/>
      </c>
      <c r="BS167" s="402" t="str">
        <f t="shared" si="88"/>
        <v/>
      </c>
      <c r="BT167" s="402" t="str">
        <f t="shared" si="89"/>
        <v/>
      </c>
      <c r="BU167" s="402" t="str">
        <f t="shared" si="90"/>
        <v/>
      </c>
      <c r="BV167" s="402">
        <f t="shared" si="91"/>
        <v>30366.719999999998</v>
      </c>
      <c r="BW167" s="402" t="str">
        <f t="shared" si="92"/>
        <v/>
      </c>
      <c r="BX167" s="402" t="str">
        <f t="shared" si="93"/>
        <v/>
      </c>
      <c r="BY167" s="402" t="str">
        <f t="shared" si="94"/>
        <v/>
      </c>
      <c r="BZ167" s="402" t="str">
        <f t="shared" si="95"/>
        <v/>
      </c>
      <c r="CA167" s="402" t="str">
        <f t="shared" si="96"/>
        <v/>
      </c>
      <c r="CB167" s="402" t="str">
        <f t="shared" si="97"/>
        <v/>
      </c>
      <c r="CC167" s="402" t="str">
        <f t="shared" si="98"/>
        <v/>
      </c>
      <c r="CD167" s="402" t="str">
        <f t="shared" si="99"/>
        <v/>
      </c>
      <c r="CE167" s="402" t="str">
        <f t="shared" si="100"/>
        <v/>
      </c>
      <c r="CF167" s="402" t="str">
        <f t="shared" si="101"/>
        <v/>
      </c>
      <c r="CG167" s="402" t="str">
        <f t="shared" si="102"/>
        <v/>
      </c>
      <c r="CH167" s="402"/>
      <c r="CI167" s="402"/>
      <c r="CJ167" s="402"/>
      <c r="CK167" s="402"/>
      <c r="CL167" s="402"/>
      <c r="CM167" s="402"/>
      <c r="CN167" s="402"/>
      <c r="CO167" s="402"/>
      <c r="CP167" s="402"/>
      <c r="CQ167" s="402"/>
      <c r="CR167" s="402"/>
      <c r="CS167" s="402"/>
      <c r="CT167" s="402"/>
      <c r="CU167" s="402"/>
      <c r="CV167" s="402"/>
      <c r="CW167" s="402"/>
      <c r="CX167" s="402"/>
      <c r="CY167" s="402"/>
      <c r="CZ167" s="402"/>
      <c r="DA167" s="402"/>
      <c r="DB167" s="402"/>
      <c r="DC167" s="402"/>
      <c r="DD167" s="407"/>
      <c r="DE167" s="407"/>
      <c r="DF167" s="407"/>
    </row>
    <row r="168" spans="3:110" s="395" customFormat="1" ht="56.1" customHeight="1" x14ac:dyDescent="0.2">
      <c r="C168" s="420">
        <v>355</v>
      </c>
      <c r="D168" s="420" t="s">
        <v>2481</v>
      </c>
      <c r="E168" s="96" t="s">
        <v>53</v>
      </c>
      <c r="F168" s="96" t="s">
        <v>515</v>
      </c>
      <c r="G168" s="407" t="s">
        <v>518</v>
      </c>
      <c r="H168" s="407" t="s">
        <v>520</v>
      </c>
      <c r="I168" s="407" t="s">
        <v>520</v>
      </c>
      <c r="J168" s="407"/>
      <c r="K168" s="407" t="s">
        <v>86</v>
      </c>
      <c r="L168" s="407" t="s">
        <v>36</v>
      </c>
      <c r="M168" s="407" t="s">
        <v>60</v>
      </c>
      <c r="N168" s="407" t="s">
        <v>334</v>
      </c>
      <c r="O168" s="407" t="s">
        <v>408</v>
      </c>
      <c r="P168" s="407" t="s">
        <v>63</v>
      </c>
      <c r="Q168" s="407" t="s">
        <v>63</v>
      </c>
      <c r="R168" s="410">
        <v>79712.639999999999</v>
      </c>
      <c r="S168" s="410">
        <v>79712.639999999999</v>
      </c>
      <c r="T168" s="407" t="s">
        <v>64</v>
      </c>
      <c r="U168" s="407" t="s">
        <v>82</v>
      </c>
      <c r="V168" s="408"/>
      <c r="W168" s="408"/>
      <c r="X168" s="408"/>
      <c r="Y168" s="408"/>
      <c r="Z168" s="408"/>
      <c r="AA168" s="402"/>
      <c r="AB168" s="408"/>
      <c r="AC168" s="408"/>
      <c r="AD168" s="408"/>
      <c r="AE168" s="408"/>
      <c r="AF168" s="408"/>
      <c r="AG168" s="408"/>
      <c r="AH168" s="408"/>
      <c r="AI168" s="408"/>
      <c r="AJ168" s="408"/>
      <c r="AK168" s="408"/>
      <c r="AL168" s="408"/>
      <c r="AM168" s="408"/>
      <c r="AN168" s="408"/>
      <c r="AO168" s="402" t="s">
        <v>66</v>
      </c>
      <c r="AP168" s="408"/>
      <c r="AQ168" s="408"/>
      <c r="AR168" s="408"/>
      <c r="AS168" s="408"/>
      <c r="AT168" s="408"/>
      <c r="AU168" s="408"/>
      <c r="AV168" s="408"/>
      <c r="AW168" s="408"/>
      <c r="AX168" s="408"/>
      <c r="AY168" s="408"/>
      <c r="AZ168" s="408"/>
      <c r="BA168" s="308">
        <f t="shared" si="71"/>
        <v>100</v>
      </c>
      <c r="BB168" s="309">
        <f t="shared" si="103"/>
        <v>797.12639999999999</v>
      </c>
      <c r="BC168" s="402" t="str">
        <f t="shared" si="72"/>
        <v/>
      </c>
      <c r="BD168" s="402" t="str">
        <f t="shared" si="73"/>
        <v/>
      </c>
      <c r="BE168" s="402" t="str">
        <f t="shared" si="74"/>
        <v/>
      </c>
      <c r="BF168" s="402" t="str">
        <f t="shared" si="75"/>
        <v/>
      </c>
      <c r="BG168" s="402" t="str">
        <f t="shared" si="76"/>
        <v/>
      </c>
      <c r="BH168" s="402" t="str">
        <f t="shared" si="77"/>
        <v/>
      </c>
      <c r="BI168" s="402" t="str">
        <f t="shared" si="78"/>
        <v/>
      </c>
      <c r="BJ168" s="402" t="str">
        <f t="shared" si="79"/>
        <v/>
      </c>
      <c r="BK168" s="402" t="str">
        <f t="shared" si="80"/>
        <v/>
      </c>
      <c r="BL168" s="402" t="str">
        <f t="shared" si="81"/>
        <v/>
      </c>
      <c r="BM168" s="402" t="str">
        <f t="shared" si="82"/>
        <v/>
      </c>
      <c r="BN168" s="402" t="str">
        <f t="shared" si="83"/>
        <v/>
      </c>
      <c r="BO168" s="402" t="str">
        <f t="shared" si="84"/>
        <v/>
      </c>
      <c r="BP168" s="402" t="str">
        <f t="shared" si="85"/>
        <v/>
      </c>
      <c r="BQ168" s="402" t="str">
        <f t="shared" si="86"/>
        <v/>
      </c>
      <c r="BR168" s="402" t="str">
        <f t="shared" si="87"/>
        <v/>
      </c>
      <c r="BS168" s="402" t="str">
        <f t="shared" si="88"/>
        <v/>
      </c>
      <c r="BT168" s="402" t="str">
        <f t="shared" si="89"/>
        <v/>
      </c>
      <c r="BU168" s="402" t="str">
        <f t="shared" si="90"/>
        <v/>
      </c>
      <c r="BV168" s="402">
        <f t="shared" si="91"/>
        <v>79712.639999999999</v>
      </c>
      <c r="BW168" s="402" t="str">
        <f t="shared" si="92"/>
        <v/>
      </c>
      <c r="BX168" s="402" t="str">
        <f t="shared" si="93"/>
        <v/>
      </c>
      <c r="BY168" s="402" t="str">
        <f t="shared" si="94"/>
        <v/>
      </c>
      <c r="BZ168" s="402" t="str">
        <f t="shared" si="95"/>
        <v/>
      </c>
      <c r="CA168" s="402" t="str">
        <f t="shared" si="96"/>
        <v/>
      </c>
      <c r="CB168" s="402" t="str">
        <f t="shared" si="97"/>
        <v/>
      </c>
      <c r="CC168" s="402" t="str">
        <f t="shared" si="98"/>
        <v/>
      </c>
      <c r="CD168" s="402" t="str">
        <f t="shared" si="99"/>
        <v/>
      </c>
      <c r="CE168" s="402" t="str">
        <f t="shared" si="100"/>
        <v/>
      </c>
      <c r="CF168" s="402" t="str">
        <f t="shared" si="101"/>
        <v/>
      </c>
      <c r="CG168" s="402" t="str">
        <f t="shared" si="102"/>
        <v/>
      </c>
      <c r="CH168" s="402"/>
      <c r="CI168" s="402"/>
      <c r="CJ168" s="402"/>
      <c r="CK168" s="402"/>
      <c r="CL168" s="402"/>
      <c r="CM168" s="402"/>
      <c r="CN168" s="402"/>
      <c r="CO168" s="402"/>
      <c r="CP168" s="402"/>
      <c r="CQ168" s="402"/>
      <c r="CR168" s="402"/>
      <c r="CS168" s="402"/>
      <c r="CT168" s="402"/>
      <c r="CU168" s="402"/>
      <c r="CV168" s="402"/>
      <c r="CW168" s="402"/>
      <c r="CX168" s="402"/>
      <c r="CY168" s="402"/>
      <c r="CZ168" s="402"/>
      <c r="DA168" s="402"/>
      <c r="DB168" s="402"/>
      <c r="DC168" s="402"/>
      <c r="DD168" s="407"/>
      <c r="DE168" s="407"/>
      <c r="DF168" s="407"/>
    </row>
    <row r="169" spans="3:110" s="395" customFormat="1" ht="56.1" customHeight="1" x14ac:dyDescent="0.2">
      <c r="C169" s="420">
        <v>356</v>
      </c>
      <c r="D169" s="420" t="s">
        <v>2481</v>
      </c>
      <c r="E169" s="96" t="s">
        <v>53</v>
      </c>
      <c r="F169" s="96" t="s">
        <v>515</v>
      </c>
      <c r="G169" s="407" t="s">
        <v>521</v>
      </c>
      <c r="H169" s="407" t="s">
        <v>522</v>
      </c>
      <c r="I169" s="407" t="s">
        <v>522</v>
      </c>
      <c r="J169" s="407"/>
      <c r="K169" s="407" t="s">
        <v>86</v>
      </c>
      <c r="L169" s="407" t="s">
        <v>36</v>
      </c>
      <c r="M169" s="407" t="s">
        <v>60</v>
      </c>
      <c r="N169" s="407" t="s">
        <v>334</v>
      </c>
      <c r="O169" s="407" t="s">
        <v>408</v>
      </c>
      <c r="P169" s="407" t="s">
        <v>63</v>
      </c>
      <c r="Q169" s="407" t="s">
        <v>63</v>
      </c>
      <c r="R169" s="410">
        <v>111344.64</v>
      </c>
      <c r="S169" s="410">
        <v>111344.64</v>
      </c>
      <c r="T169" s="407" t="s">
        <v>64</v>
      </c>
      <c r="U169" s="407" t="s">
        <v>82</v>
      </c>
      <c r="V169" s="408"/>
      <c r="W169" s="408"/>
      <c r="X169" s="408"/>
      <c r="Y169" s="408"/>
      <c r="Z169" s="408"/>
      <c r="AA169" s="402"/>
      <c r="AB169" s="408"/>
      <c r="AC169" s="408"/>
      <c r="AD169" s="408"/>
      <c r="AE169" s="408"/>
      <c r="AF169" s="408"/>
      <c r="AG169" s="408"/>
      <c r="AH169" s="408"/>
      <c r="AI169" s="408"/>
      <c r="AJ169" s="408"/>
      <c r="AK169" s="408"/>
      <c r="AL169" s="408"/>
      <c r="AM169" s="408"/>
      <c r="AN169" s="408"/>
      <c r="AO169" s="402" t="s">
        <v>66</v>
      </c>
      <c r="AP169" s="408"/>
      <c r="AQ169" s="408"/>
      <c r="AR169" s="408"/>
      <c r="AS169" s="408"/>
      <c r="AT169" s="408"/>
      <c r="AU169" s="408"/>
      <c r="AV169" s="408"/>
      <c r="AW169" s="408"/>
      <c r="AX169" s="408"/>
      <c r="AY169" s="408"/>
      <c r="AZ169" s="408"/>
      <c r="BA169" s="308">
        <f t="shared" si="71"/>
        <v>100</v>
      </c>
      <c r="BB169" s="309">
        <f t="shared" si="103"/>
        <v>1113.4464</v>
      </c>
      <c r="BC169" s="402" t="str">
        <f t="shared" si="72"/>
        <v/>
      </c>
      <c r="BD169" s="402" t="str">
        <f t="shared" si="73"/>
        <v/>
      </c>
      <c r="BE169" s="402" t="str">
        <f t="shared" si="74"/>
        <v/>
      </c>
      <c r="BF169" s="402" t="str">
        <f t="shared" si="75"/>
        <v/>
      </c>
      <c r="BG169" s="402" t="str">
        <f t="shared" si="76"/>
        <v/>
      </c>
      <c r="BH169" s="402" t="str">
        <f t="shared" si="77"/>
        <v/>
      </c>
      <c r="BI169" s="402" t="str">
        <f t="shared" si="78"/>
        <v/>
      </c>
      <c r="BJ169" s="402" t="str">
        <f t="shared" si="79"/>
        <v/>
      </c>
      <c r="BK169" s="402" t="str">
        <f t="shared" si="80"/>
        <v/>
      </c>
      <c r="BL169" s="402" t="str">
        <f t="shared" si="81"/>
        <v/>
      </c>
      <c r="BM169" s="402" t="str">
        <f t="shared" si="82"/>
        <v/>
      </c>
      <c r="BN169" s="402" t="str">
        <f t="shared" si="83"/>
        <v/>
      </c>
      <c r="BO169" s="402" t="str">
        <f t="shared" si="84"/>
        <v/>
      </c>
      <c r="BP169" s="402" t="str">
        <f t="shared" si="85"/>
        <v/>
      </c>
      <c r="BQ169" s="402" t="str">
        <f t="shared" si="86"/>
        <v/>
      </c>
      <c r="BR169" s="402" t="str">
        <f t="shared" si="87"/>
        <v/>
      </c>
      <c r="BS169" s="402" t="str">
        <f t="shared" si="88"/>
        <v/>
      </c>
      <c r="BT169" s="402" t="str">
        <f t="shared" si="89"/>
        <v/>
      </c>
      <c r="BU169" s="402" t="str">
        <f t="shared" si="90"/>
        <v/>
      </c>
      <c r="BV169" s="402">
        <f t="shared" si="91"/>
        <v>111344.64</v>
      </c>
      <c r="BW169" s="402" t="str">
        <f t="shared" si="92"/>
        <v/>
      </c>
      <c r="BX169" s="402" t="str">
        <f t="shared" si="93"/>
        <v/>
      </c>
      <c r="BY169" s="402" t="str">
        <f t="shared" si="94"/>
        <v/>
      </c>
      <c r="BZ169" s="402" t="str">
        <f t="shared" si="95"/>
        <v/>
      </c>
      <c r="CA169" s="402" t="str">
        <f t="shared" si="96"/>
        <v/>
      </c>
      <c r="CB169" s="402" t="str">
        <f t="shared" si="97"/>
        <v/>
      </c>
      <c r="CC169" s="402" t="str">
        <f t="shared" si="98"/>
        <v/>
      </c>
      <c r="CD169" s="402" t="str">
        <f t="shared" si="99"/>
        <v/>
      </c>
      <c r="CE169" s="402" t="str">
        <f t="shared" si="100"/>
        <v/>
      </c>
      <c r="CF169" s="402" t="str">
        <f t="shared" si="101"/>
        <v/>
      </c>
      <c r="CG169" s="402" t="str">
        <f t="shared" si="102"/>
        <v/>
      </c>
      <c r="CH169" s="402"/>
      <c r="CI169" s="402"/>
      <c r="CJ169" s="402"/>
      <c r="CK169" s="402"/>
      <c r="CL169" s="402"/>
      <c r="CM169" s="402"/>
      <c r="CN169" s="402"/>
      <c r="CO169" s="402"/>
      <c r="CP169" s="402"/>
      <c r="CQ169" s="402"/>
      <c r="CR169" s="402"/>
      <c r="CS169" s="402"/>
      <c r="CT169" s="402"/>
      <c r="CU169" s="402"/>
      <c r="CV169" s="402"/>
      <c r="CW169" s="402"/>
      <c r="CX169" s="402"/>
      <c r="CY169" s="402"/>
      <c r="CZ169" s="402"/>
      <c r="DA169" s="402"/>
      <c r="DB169" s="402"/>
      <c r="DC169" s="402"/>
      <c r="DD169" s="407"/>
      <c r="DE169" s="407"/>
      <c r="DF169" s="407"/>
    </row>
    <row r="170" spans="3:110" s="395" customFormat="1" ht="56.1" customHeight="1" x14ac:dyDescent="0.2">
      <c r="C170" s="420">
        <v>357</v>
      </c>
      <c r="D170" s="420" t="s">
        <v>2481</v>
      </c>
      <c r="E170" s="96" t="s">
        <v>53</v>
      </c>
      <c r="F170" s="96" t="s">
        <v>515</v>
      </c>
      <c r="G170" s="407" t="s">
        <v>523</v>
      </c>
      <c r="H170" s="407" t="s">
        <v>537</v>
      </c>
      <c r="I170" s="407" t="s">
        <v>537</v>
      </c>
      <c r="J170" s="407"/>
      <c r="K170" s="407" t="s">
        <v>86</v>
      </c>
      <c r="L170" s="407" t="s">
        <v>36</v>
      </c>
      <c r="M170" s="407" t="s">
        <v>388</v>
      </c>
      <c r="N170" s="407" t="s">
        <v>525</v>
      </c>
      <c r="O170" s="407" t="s">
        <v>408</v>
      </c>
      <c r="P170" s="407" t="s">
        <v>63</v>
      </c>
      <c r="Q170" s="407" t="s">
        <v>63</v>
      </c>
      <c r="R170" s="410">
        <v>43494</v>
      </c>
      <c r="S170" s="410">
        <v>43494</v>
      </c>
      <c r="T170" s="407" t="s">
        <v>64</v>
      </c>
      <c r="U170" s="407" t="s">
        <v>82</v>
      </c>
      <c r="V170" s="408"/>
      <c r="W170" s="408"/>
      <c r="X170" s="408"/>
      <c r="Y170" s="408"/>
      <c r="Z170" s="408"/>
      <c r="AA170" s="402"/>
      <c r="AB170" s="408"/>
      <c r="AC170" s="408"/>
      <c r="AD170" s="408"/>
      <c r="AE170" s="408"/>
      <c r="AF170" s="408"/>
      <c r="AG170" s="408"/>
      <c r="AH170" s="408"/>
      <c r="AI170" s="408"/>
      <c r="AJ170" s="408"/>
      <c r="AK170" s="408"/>
      <c r="AL170" s="408"/>
      <c r="AM170" s="408"/>
      <c r="AN170" s="408"/>
      <c r="AO170" s="402" t="s">
        <v>66</v>
      </c>
      <c r="AP170" s="408"/>
      <c r="AQ170" s="408"/>
      <c r="AR170" s="408"/>
      <c r="AS170" s="408"/>
      <c r="AT170" s="408"/>
      <c r="AU170" s="408"/>
      <c r="AV170" s="408"/>
      <c r="AW170" s="408"/>
      <c r="AX170" s="408"/>
      <c r="AY170" s="408"/>
      <c r="AZ170" s="408"/>
      <c r="BA170" s="308">
        <f t="shared" si="71"/>
        <v>100</v>
      </c>
      <c r="BB170" s="309">
        <f t="shared" si="103"/>
        <v>434.94</v>
      </c>
      <c r="BC170" s="402" t="str">
        <f t="shared" si="72"/>
        <v/>
      </c>
      <c r="BD170" s="402" t="str">
        <f t="shared" si="73"/>
        <v/>
      </c>
      <c r="BE170" s="402" t="str">
        <f t="shared" si="74"/>
        <v/>
      </c>
      <c r="BF170" s="402" t="str">
        <f t="shared" si="75"/>
        <v/>
      </c>
      <c r="BG170" s="402" t="str">
        <f t="shared" si="76"/>
        <v/>
      </c>
      <c r="BH170" s="402" t="str">
        <f t="shared" si="77"/>
        <v/>
      </c>
      <c r="BI170" s="402" t="str">
        <f t="shared" si="78"/>
        <v/>
      </c>
      <c r="BJ170" s="402" t="str">
        <f t="shared" si="79"/>
        <v/>
      </c>
      <c r="BK170" s="402" t="str">
        <f t="shared" si="80"/>
        <v/>
      </c>
      <c r="BL170" s="402" t="str">
        <f t="shared" si="81"/>
        <v/>
      </c>
      <c r="BM170" s="402" t="str">
        <f t="shared" si="82"/>
        <v/>
      </c>
      <c r="BN170" s="402" t="str">
        <f t="shared" si="83"/>
        <v/>
      </c>
      <c r="BO170" s="402" t="str">
        <f t="shared" si="84"/>
        <v/>
      </c>
      <c r="BP170" s="402" t="str">
        <f t="shared" si="85"/>
        <v/>
      </c>
      <c r="BQ170" s="402" t="str">
        <f t="shared" si="86"/>
        <v/>
      </c>
      <c r="BR170" s="402" t="str">
        <f t="shared" si="87"/>
        <v/>
      </c>
      <c r="BS170" s="402" t="str">
        <f t="shared" si="88"/>
        <v/>
      </c>
      <c r="BT170" s="402" t="str">
        <f t="shared" si="89"/>
        <v/>
      </c>
      <c r="BU170" s="402" t="str">
        <f t="shared" si="90"/>
        <v/>
      </c>
      <c r="BV170" s="402">
        <f t="shared" si="91"/>
        <v>43494</v>
      </c>
      <c r="BW170" s="402" t="str">
        <f t="shared" si="92"/>
        <v/>
      </c>
      <c r="BX170" s="402" t="str">
        <f t="shared" si="93"/>
        <v/>
      </c>
      <c r="BY170" s="402" t="str">
        <f t="shared" si="94"/>
        <v/>
      </c>
      <c r="BZ170" s="402" t="str">
        <f t="shared" si="95"/>
        <v/>
      </c>
      <c r="CA170" s="402" t="str">
        <f t="shared" si="96"/>
        <v/>
      </c>
      <c r="CB170" s="402" t="str">
        <f t="shared" si="97"/>
        <v/>
      </c>
      <c r="CC170" s="402" t="str">
        <f t="shared" si="98"/>
        <v/>
      </c>
      <c r="CD170" s="402" t="str">
        <f t="shared" si="99"/>
        <v/>
      </c>
      <c r="CE170" s="402" t="str">
        <f t="shared" si="100"/>
        <v/>
      </c>
      <c r="CF170" s="402" t="str">
        <f t="shared" si="101"/>
        <v/>
      </c>
      <c r="CG170" s="402" t="str">
        <f t="shared" si="102"/>
        <v/>
      </c>
      <c r="CH170" s="402"/>
      <c r="CI170" s="402"/>
      <c r="CJ170" s="402"/>
      <c r="CK170" s="402"/>
      <c r="CL170" s="402"/>
      <c r="CM170" s="402"/>
      <c r="CN170" s="402"/>
      <c r="CO170" s="402"/>
      <c r="CP170" s="402"/>
      <c r="CQ170" s="402"/>
      <c r="CR170" s="402"/>
      <c r="CS170" s="402"/>
      <c r="CT170" s="402"/>
      <c r="CU170" s="402"/>
      <c r="CV170" s="402"/>
      <c r="CW170" s="402"/>
      <c r="CX170" s="402"/>
      <c r="CY170" s="402"/>
      <c r="CZ170" s="402"/>
      <c r="DA170" s="402"/>
      <c r="DB170" s="402"/>
      <c r="DC170" s="402"/>
      <c r="DD170" s="407"/>
      <c r="DE170" s="407"/>
      <c r="DF170" s="407"/>
    </row>
    <row r="171" spans="3:110" s="395" customFormat="1" ht="56.1" customHeight="1" x14ac:dyDescent="0.2">
      <c r="C171" s="420">
        <v>358</v>
      </c>
      <c r="D171" s="420" t="s">
        <v>2481</v>
      </c>
      <c r="E171" s="96" t="s">
        <v>53</v>
      </c>
      <c r="F171" s="96" t="s">
        <v>515</v>
      </c>
      <c r="G171" s="407" t="s">
        <v>539</v>
      </c>
      <c r="H171" s="407" t="s">
        <v>538</v>
      </c>
      <c r="I171" s="407" t="s">
        <v>538</v>
      </c>
      <c r="J171" s="407"/>
      <c r="K171" s="407" t="s">
        <v>86</v>
      </c>
      <c r="L171" s="407" t="s">
        <v>36</v>
      </c>
      <c r="M171" s="407" t="s">
        <v>388</v>
      </c>
      <c r="N171" s="407" t="s">
        <v>525</v>
      </c>
      <c r="O171" s="407" t="s">
        <v>408</v>
      </c>
      <c r="P171" s="407" t="s">
        <v>63</v>
      </c>
      <c r="Q171" s="407" t="s">
        <v>63</v>
      </c>
      <c r="R171" s="410">
        <v>105440</v>
      </c>
      <c r="S171" s="410">
        <v>105440</v>
      </c>
      <c r="T171" s="407" t="s">
        <v>64</v>
      </c>
      <c r="U171" s="407" t="s">
        <v>82</v>
      </c>
      <c r="V171" s="408"/>
      <c r="W171" s="408"/>
      <c r="X171" s="408"/>
      <c r="Y171" s="408"/>
      <c r="Z171" s="408"/>
      <c r="AA171" s="402"/>
      <c r="AB171" s="408"/>
      <c r="AC171" s="408"/>
      <c r="AD171" s="408"/>
      <c r="AE171" s="408"/>
      <c r="AF171" s="408"/>
      <c r="AG171" s="408"/>
      <c r="AH171" s="408"/>
      <c r="AI171" s="408"/>
      <c r="AJ171" s="408"/>
      <c r="AK171" s="408"/>
      <c r="AL171" s="408"/>
      <c r="AM171" s="408"/>
      <c r="AN171" s="408"/>
      <c r="AO171" s="402" t="s">
        <v>66</v>
      </c>
      <c r="AP171" s="408"/>
      <c r="AQ171" s="408"/>
      <c r="AR171" s="408"/>
      <c r="AS171" s="408"/>
      <c r="AT171" s="408"/>
      <c r="AU171" s="408"/>
      <c r="AV171" s="408"/>
      <c r="AW171" s="408"/>
      <c r="AX171" s="408"/>
      <c r="AY171" s="408"/>
      <c r="AZ171" s="408"/>
      <c r="BA171" s="308">
        <f t="shared" si="71"/>
        <v>100</v>
      </c>
      <c r="BB171" s="309">
        <f t="shared" si="103"/>
        <v>1054.4000000000001</v>
      </c>
      <c r="BC171" s="402" t="str">
        <f t="shared" si="72"/>
        <v/>
      </c>
      <c r="BD171" s="402" t="str">
        <f t="shared" si="73"/>
        <v/>
      </c>
      <c r="BE171" s="402" t="str">
        <f t="shared" si="74"/>
        <v/>
      </c>
      <c r="BF171" s="402" t="str">
        <f t="shared" si="75"/>
        <v/>
      </c>
      <c r="BG171" s="402" t="str">
        <f t="shared" si="76"/>
        <v/>
      </c>
      <c r="BH171" s="402" t="str">
        <f t="shared" si="77"/>
        <v/>
      </c>
      <c r="BI171" s="402" t="str">
        <f t="shared" si="78"/>
        <v/>
      </c>
      <c r="BJ171" s="402" t="str">
        <f t="shared" si="79"/>
        <v/>
      </c>
      <c r="BK171" s="402" t="str">
        <f t="shared" si="80"/>
        <v/>
      </c>
      <c r="BL171" s="402" t="str">
        <f t="shared" si="81"/>
        <v/>
      </c>
      <c r="BM171" s="402" t="str">
        <f t="shared" si="82"/>
        <v/>
      </c>
      <c r="BN171" s="402" t="str">
        <f t="shared" si="83"/>
        <v/>
      </c>
      <c r="BO171" s="402" t="str">
        <f t="shared" si="84"/>
        <v/>
      </c>
      <c r="BP171" s="402" t="str">
        <f t="shared" si="85"/>
        <v/>
      </c>
      <c r="BQ171" s="402" t="str">
        <f t="shared" si="86"/>
        <v/>
      </c>
      <c r="BR171" s="402" t="str">
        <f t="shared" si="87"/>
        <v/>
      </c>
      <c r="BS171" s="402" t="str">
        <f t="shared" si="88"/>
        <v/>
      </c>
      <c r="BT171" s="402" t="str">
        <f t="shared" si="89"/>
        <v/>
      </c>
      <c r="BU171" s="402" t="str">
        <f t="shared" si="90"/>
        <v/>
      </c>
      <c r="BV171" s="402">
        <f t="shared" si="91"/>
        <v>105440.00000000001</v>
      </c>
      <c r="BW171" s="402" t="str">
        <f t="shared" si="92"/>
        <v/>
      </c>
      <c r="BX171" s="402" t="str">
        <f t="shared" si="93"/>
        <v/>
      </c>
      <c r="BY171" s="402" t="str">
        <f t="shared" si="94"/>
        <v/>
      </c>
      <c r="BZ171" s="402" t="str">
        <f t="shared" si="95"/>
        <v/>
      </c>
      <c r="CA171" s="402" t="str">
        <f t="shared" si="96"/>
        <v/>
      </c>
      <c r="CB171" s="402" t="str">
        <f t="shared" si="97"/>
        <v/>
      </c>
      <c r="CC171" s="402" t="str">
        <f t="shared" si="98"/>
        <v/>
      </c>
      <c r="CD171" s="402" t="str">
        <f t="shared" si="99"/>
        <v/>
      </c>
      <c r="CE171" s="402" t="str">
        <f t="shared" si="100"/>
        <v/>
      </c>
      <c r="CF171" s="402" t="str">
        <f t="shared" si="101"/>
        <v/>
      </c>
      <c r="CG171" s="402" t="str">
        <f t="shared" si="102"/>
        <v/>
      </c>
      <c r="CH171" s="402"/>
      <c r="CI171" s="402"/>
      <c r="CJ171" s="402"/>
      <c r="CK171" s="402"/>
      <c r="CL171" s="402"/>
      <c r="CM171" s="402"/>
      <c r="CN171" s="402"/>
      <c r="CO171" s="402"/>
      <c r="CP171" s="402"/>
      <c r="CQ171" s="402"/>
      <c r="CR171" s="402"/>
      <c r="CS171" s="402"/>
      <c r="CT171" s="402"/>
      <c r="CU171" s="402"/>
      <c r="CV171" s="402"/>
      <c r="CW171" s="402"/>
      <c r="CX171" s="402"/>
      <c r="CY171" s="402"/>
      <c r="CZ171" s="402"/>
      <c r="DA171" s="402"/>
      <c r="DB171" s="402"/>
      <c r="DC171" s="402"/>
      <c r="DD171" s="407"/>
      <c r="DE171" s="407"/>
      <c r="DF171" s="407"/>
    </row>
    <row r="172" spans="3:110" s="395" customFormat="1" ht="56.1" customHeight="1" x14ac:dyDescent="0.2">
      <c r="C172" s="420">
        <v>359</v>
      </c>
      <c r="D172" s="420" t="s">
        <v>2481</v>
      </c>
      <c r="E172" s="96" t="s">
        <v>53</v>
      </c>
      <c r="F172" s="96" t="s">
        <v>515</v>
      </c>
      <c r="G172" s="407" t="s">
        <v>528</v>
      </c>
      <c r="H172" s="407" t="s">
        <v>529</v>
      </c>
      <c r="I172" s="407" t="s">
        <v>529</v>
      </c>
      <c r="J172" s="407"/>
      <c r="K172" s="407" t="s">
        <v>86</v>
      </c>
      <c r="L172" s="407" t="s">
        <v>36</v>
      </c>
      <c r="M172" s="407" t="s">
        <v>8</v>
      </c>
      <c r="N172" s="407" t="s">
        <v>525</v>
      </c>
      <c r="O172" s="407" t="s">
        <v>408</v>
      </c>
      <c r="P172" s="407" t="s">
        <v>63</v>
      </c>
      <c r="Q172" s="407" t="s">
        <v>63</v>
      </c>
      <c r="R172" s="410">
        <v>0</v>
      </c>
      <c r="S172" s="410">
        <v>0</v>
      </c>
      <c r="T172" s="407" t="s">
        <v>64</v>
      </c>
      <c r="U172" s="407" t="s">
        <v>82</v>
      </c>
      <c r="V172" s="408"/>
      <c r="W172" s="408"/>
      <c r="X172" s="408"/>
      <c r="Y172" s="408"/>
      <c r="Z172" s="408"/>
      <c r="AA172" s="402"/>
      <c r="AB172" s="408"/>
      <c r="AC172" s="408"/>
      <c r="AD172" s="408"/>
      <c r="AE172" s="408"/>
      <c r="AF172" s="408"/>
      <c r="AG172" s="408"/>
      <c r="AH172" s="408"/>
      <c r="AI172" s="408"/>
      <c r="AJ172" s="408"/>
      <c r="AK172" s="408"/>
      <c r="AL172" s="408"/>
      <c r="AM172" s="408"/>
      <c r="AN172" s="408"/>
      <c r="AO172" s="402" t="s">
        <v>66</v>
      </c>
      <c r="AP172" s="408"/>
      <c r="AQ172" s="408"/>
      <c r="AR172" s="408"/>
      <c r="AS172" s="408"/>
      <c r="AT172" s="408"/>
      <c r="AU172" s="408"/>
      <c r="AV172" s="408"/>
      <c r="AW172" s="408"/>
      <c r="AX172" s="408"/>
      <c r="AY172" s="408"/>
      <c r="AZ172" s="408"/>
      <c r="BA172" s="308">
        <f t="shared" si="71"/>
        <v>100</v>
      </c>
      <c r="BB172" s="309">
        <f t="shared" si="103"/>
        <v>0</v>
      </c>
      <c r="BC172" s="402" t="str">
        <f t="shared" si="72"/>
        <v/>
      </c>
      <c r="BD172" s="402" t="str">
        <f t="shared" si="73"/>
        <v/>
      </c>
      <c r="BE172" s="402" t="str">
        <f t="shared" si="74"/>
        <v/>
      </c>
      <c r="BF172" s="402" t="str">
        <f t="shared" si="75"/>
        <v/>
      </c>
      <c r="BG172" s="402" t="str">
        <f t="shared" si="76"/>
        <v/>
      </c>
      <c r="BH172" s="402" t="str">
        <f t="shared" si="77"/>
        <v/>
      </c>
      <c r="BI172" s="402" t="str">
        <f t="shared" si="78"/>
        <v/>
      </c>
      <c r="BJ172" s="402" t="str">
        <f t="shared" si="79"/>
        <v/>
      </c>
      <c r="BK172" s="402" t="str">
        <f t="shared" si="80"/>
        <v/>
      </c>
      <c r="BL172" s="402" t="str">
        <f t="shared" si="81"/>
        <v/>
      </c>
      <c r="BM172" s="402" t="str">
        <f t="shared" si="82"/>
        <v/>
      </c>
      <c r="BN172" s="402" t="str">
        <f t="shared" si="83"/>
        <v/>
      </c>
      <c r="BO172" s="402" t="str">
        <f t="shared" si="84"/>
        <v/>
      </c>
      <c r="BP172" s="402" t="str">
        <f t="shared" si="85"/>
        <v/>
      </c>
      <c r="BQ172" s="402" t="str">
        <f t="shared" si="86"/>
        <v/>
      </c>
      <c r="BR172" s="402" t="str">
        <f t="shared" si="87"/>
        <v/>
      </c>
      <c r="BS172" s="402" t="str">
        <f t="shared" si="88"/>
        <v/>
      </c>
      <c r="BT172" s="402" t="str">
        <f t="shared" si="89"/>
        <v/>
      </c>
      <c r="BU172" s="402" t="str">
        <f t="shared" si="90"/>
        <v/>
      </c>
      <c r="BV172" s="402">
        <f t="shared" si="91"/>
        <v>0</v>
      </c>
      <c r="BW172" s="402" t="str">
        <f t="shared" si="92"/>
        <v/>
      </c>
      <c r="BX172" s="402" t="str">
        <f t="shared" si="93"/>
        <v/>
      </c>
      <c r="BY172" s="402" t="str">
        <f t="shared" si="94"/>
        <v/>
      </c>
      <c r="BZ172" s="402" t="str">
        <f t="shared" si="95"/>
        <v/>
      </c>
      <c r="CA172" s="402" t="str">
        <f t="shared" si="96"/>
        <v/>
      </c>
      <c r="CB172" s="402" t="str">
        <f t="shared" si="97"/>
        <v/>
      </c>
      <c r="CC172" s="402" t="str">
        <f t="shared" si="98"/>
        <v/>
      </c>
      <c r="CD172" s="402" t="str">
        <f t="shared" si="99"/>
        <v/>
      </c>
      <c r="CE172" s="402" t="str">
        <f t="shared" si="100"/>
        <v/>
      </c>
      <c r="CF172" s="402" t="str">
        <f t="shared" si="101"/>
        <v/>
      </c>
      <c r="CG172" s="402" t="str">
        <f t="shared" si="102"/>
        <v/>
      </c>
      <c r="CH172" s="402"/>
      <c r="CI172" s="402"/>
      <c r="CJ172" s="402"/>
      <c r="CK172" s="402"/>
      <c r="CL172" s="402"/>
      <c r="CM172" s="402"/>
      <c r="CN172" s="402"/>
      <c r="CO172" s="402"/>
      <c r="CP172" s="402"/>
      <c r="CQ172" s="402"/>
      <c r="CR172" s="402"/>
      <c r="CS172" s="402"/>
      <c r="CT172" s="402"/>
      <c r="CU172" s="402"/>
      <c r="CV172" s="402"/>
      <c r="CW172" s="402"/>
      <c r="CX172" s="402"/>
      <c r="CY172" s="402"/>
      <c r="CZ172" s="402"/>
      <c r="DA172" s="402"/>
      <c r="DB172" s="402"/>
      <c r="DC172" s="402"/>
      <c r="DD172" s="407"/>
      <c r="DE172" s="407"/>
      <c r="DF172" s="407"/>
    </row>
    <row r="173" spans="3:110" s="395" customFormat="1" ht="56.1" customHeight="1" x14ac:dyDescent="0.2">
      <c r="C173" s="420">
        <v>360</v>
      </c>
      <c r="D173" s="420" t="s">
        <v>2481</v>
      </c>
      <c r="E173" s="96" t="s">
        <v>53</v>
      </c>
      <c r="F173" s="96" t="s">
        <v>515</v>
      </c>
      <c r="G173" s="407" t="s">
        <v>530</v>
      </c>
      <c r="H173" s="407" t="s">
        <v>532</v>
      </c>
      <c r="I173" s="407" t="s">
        <v>532</v>
      </c>
      <c r="J173" s="407"/>
      <c r="K173" s="407" t="s">
        <v>86</v>
      </c>
      <c r="L173" s="407" t="s">
        <v>36</v>
      </c>
      <c r="M173" s="407" t="s">
        <v>8</v>
      </c>
      <c r="N173" s="407" t="s">
        <v>525</v>
      </c>
      <c r="O173" s="407" t="s">
        <v>408</v>
      </c>
      <c r="P173" s="407" t="s">
        <v>63</v>
      </c>
      <c r="Q173" s="407" t="s">
        <v>63</v>
      </c>
      <c r="R173" s="410">
        <v>0</v>
      </c>
      <c r="S173" s="410">
        <v>0</v>
      </c>
      <c r="T173" s="407" t="s">
        <v>64</v>
      </c>
      <c r="U173" s="407" t="s">
        <v>82</v>
      </c>
      <c r="V173" s="408"/>
      <c r="W173" s="408"/>
      <c r="X173" s="408"/>
      <c r="Y173" s="408"/>
      <c r="Z173" s="408"/>
      <c r="AA173" s="402"/>
      <c r="AB173" s="408"/>
      <c r="AC173" s="408"/>
      <c r="AD173" s="408"/>
      <c r="AE173" s="408"/>
      <c r="AF173" s="408"/>
      <c r="AG173" s="408"/>
      <c r="AH173" s="408"/>
      <c r="AI173" s="408"/>
      <c r="AJ173" s="408"/>
      <c r="AK173" s="408"/>
      <c r="AL173" s="408"/>
      <c r="AM173" s="408"/>
      <c r="AN173" s="408"/>
      <c r="AO173" s="402" t="s">
        <v>66</v>
      </c>
      <c r="AP173" s="408"/>
      <c r="AQ173" s="408"/>
      <c r="AR173" s="408"/>
      <c r="AS173" s="408"/>
      <c r="AT173" s="408"/>
      <c r="AU173" s="408"/>
      <c r="AV173" s="408"/>
      <c r="AW173" s="408"/>
      <c r="AX173" s="408"/>
      <c r="AY173" s="408"/>
      <c r="AZ173" s="408"/>
      <c r="BA173" s="308">
        <f t="shared" si="71"/>
        <v>100</v>
      </c>
      <c r="BB173" s="309"/>
      <c r="BC173" s="402" t="str">
        <f t="shared" si="72"/>
        <v/>
      </c>
      <c r="BD173" s="402" t="str">
        <f t="shared" si="73"/>
        <v/>
      </c>
      <c r="BE173" s="402" t="str">
        <f t="shared" si="74"/>
        <v/>
      </c>
      <c r="BF173" s="402" t="str">
        <f t="shared" si="75"/>
        <v/>
      </c>
      <c r="BG173" s="402" t="str">
        <f t="shared" si="76"/>
        <v/>
      </c>
      <c r="BH173" s="402" t="str">
        <f t="shared" si="77"/>
        <v/>
      </c>
      <c r="BI173" s="402" t="str">
        <f t="shared" si="78"/>
        <v/>
      </c>
      <c r="BJ173" s="402" t="str">
        <f t="shared" si="79"/>
        <v/>
      </c>
      <c r="BK173" s="402" t="str">
        <f t="shared" si="80"/>
        <v/>
      </c>
      <c r="BL173" s="402" t="str">
        <f t="shared" si="81"/>
        <v/>
      </c>
      <c r="BM173" s="402" t="str">
        <f t="shared" si="82"/>
        <v/>
      </c>
      <c r="BN173" s="402" t="str">
        <f t="shared" si="83"/>
        <v/>
      </c>
      <c r="BO173" s="402" t="str">
        <f t="shared" si="84"/>
        <v/>
      </c>
      <c r="BP173" s="402" t="str">
        <f t="shared" si="85"/>
        <v/>
      </c>
      <c r="BQ173" s="402" t="str">
        <f t="shared" si="86"/>
        <v/>
      </c>
      <c r="BR173" s="402" t="str">
        <f t="shared" si="87"/>
        <v/>
      </c>
      <c r="BS173" s="402" t="str">
        <f t="shared" si="88"/>
        <v/>
      </c>
      <c r="BT173" s="402" t="str">
        <f t="shared" si="89"/>
        <v/>
      </c>
      <c r="BU173" s="402" t="str">
        <f t="shared" si="90"/>
        <v/>
      </c>
      <c r="BV173" s="402">
        <f t="shared" si="91"/>
        <v>0</v>
      </c>
      <c r="BW173" s="402" t="str">
        <f t="shared" si="92"/>
        <v/>
      </c>
      <c r="BX173" s="402" t="str">
        <f t="shared" si="93"/>
        <v/>
      </c>
      <c r="BY173" s="402" t="str">
        <f t="shared" si="94"/>
        <v/>
      </c>
      <c r="BZ173" s="402" t="str">
        <f t="shared" si="95"/>
        <v/>
      </c>
      <c r="CA173" s="402" t="str">
        <f t="shared" si="96"/>
        <v/>
      </c>
      <c r="CB173" s="402" t="str">
        <f t="shared" si="97"/>
        <v/>
      </c>
      <c r="CC173" s="402" t="str">
        <f t="shared" si="98"/>
        <v/>
      </c>
      <c r="CD173" s="402" t="str">
        <f t="shared" si="99"/>
        <v/>
      </c>
      <c r="CE173" s="402" t="str">
        <f t="shared" si="100"/>
        <v/>
      </c>
      <c r="CF173" s="402" t="str">
        <f t="shared" si="101"/>
        <v/>
      </c>
      <c r="CG173" s="402" t="str">
        <f t="shared" si="102"/>
        <v/>
      </c>
      <c r="CH173" s="402"/>
      <c r="CI173" s="402"/>
      <c r="CJ173" s="402"/>
      <c r="CK173" s="402"/>
      <c r="CL173" s="402"/>
      <c r="CM173" s="402"/>
      <c r="CN173" s="402"/>
      <c r="CO173" s="402"/>
      <c r="CP173" s="402"/>
      <c r="CQ173" s="402"/>
      <c r="CR173" s="402"/>
      <c r="CS173" s="402"/>
      <c r="CT173" s="402"/>
      <c r="CU173" s="402"/>
      <c r="CV173" s="402"/>
      <c r="CW173" s="402"/>
      <c r="CX173" s="402"/>
      <c r="CY173" s="402"/>
      <c r="CZ173" s="402"/>
      <c r="DA173" s="402"/>
      <c r="DB173" s="402"/>
      <c r="DC173" s="402"/>
      <c r="DD173" s="407"/>
      <c r="DE173" s="407"/>
      <c r="DF173" s="407"/>
    </row>
    <row r="174" spans="3:110" s="395" customFormat="1" ht="56.1" customHeight="1" x14ac:dyDescent="0.2">
      <c r="C174" s="420">
        <v>361</v>
      </c>
      <c r="D174" s="420" t="s">
        <v>2481</v>
      </c>
      <c r="E174" s="96" t="s">
        <v>53</v>
      </c>
      <c r="F174" s="96" t="s">
        <v>515</v>
      </c>
      <c r="G174" s="407" t="s">
        <v>533</v>
      </c>
      <c r="H174" s="407" t="s">
        <v>534</v>
      </c>
      <c r="I174" s="407" t="s">
        <v>534</v>
      </c>
      <c r="J174" s="407"/>
      <c r="K174" s="407" t="s">
        <v>86</v>
      </c>
      <c r="L174" s="407" t="s">
        <v>36</v>
      </c>
      <c r="M174" s="407" t="s">
        <v>81</v>
      </c>
      <c r="N174" s="407" t="s">
        <v>334</v>
      </c>
      <c r="O174" s="407" t="s">
        <v>408</v>
      </c>
      <c r="P174" s="407" t="s">
        <v>63</v>
      </c>
      <c r="Q174" s="407" t="s">
        <v>63</v>
      </c>
      <c r="R174" s="410">
        <v>17793</v>
      </c>
      <c r="S174" s="410">
        <v>17793</v>
      </c>
      <c r="T174" s="407" t="s">
        <v>64</v>
      </c>
      <c r="U174" s="407" t="s">
        <v>82</v>
      </c>
      <c r="V174" s="408"/>
      <c r="W174" s="408"/>
      <c r="X174" s="408"/>
      <c r="Y174" s="408"/>
      <c r="Z174" s="408"/>
      <c r="AA174" s="402"/>
      <c r="AB174" s="408"/>
      <c r="AC174" s="408"/>
      <c r="AD174" s="408"/>
      <c r="AE174" s="408"/>
      <c r="AF174" s="408"/>
      <c r="AG174" s="408"/>
      <c r="AH174" s="408"/>
      <c r="AI174" s="408"/>
      <c r="AJ174" s="408"/>
      <c r="AK174" s="408"/>
      <c r="AL174" s="408"/>
      <c r="AM174" s="408"/>
      <c r="AN174" s="408"/>
      <c r="AO174" s="402" t="s">
        <v>66</v>
      </c>
      <c r="AP174" s="408"/>
      <c r="AQ174" s="408"/>
      <c r="AR174" s="408"/>
      <c r="AS174" s="408"/>
      <c r="AT174" s="408"/>
      <c r="AU174" s="408"/>
      <c r="AV174" s="408"/>
      <c r="AW174" s="408"/>
      <c r="AX174" s="408"/>
      <c r="AY174" s="408"/>
      <c r="AZ174" s="408"/>
      <c r="BA174" s="308">
        <f t="shared" si="71"/>
        <v>100</v>
      </c>
      <c r="BB174" s="309">
        <f t="shared" ref="BB174:BB180" si="104">S174/BA174</f>
        <v>177.93</v>
      </c>
      <c r="BC174" s="402" t="str">
        <f t="shared" si="72"/>
        <v/>
      </c>
      <c r="BD174" s="402" t="str">
        <f t="shared" si="73"/>
        <v/>
      </c>
      <c r="BE174" s="402" t="str">
        <f t="shared" si="74"/>
        <v/>
      </c>
      <c r="BF174" s="402" t="str">
        <f t="shared" si="75"/>
        <v/>
      </c>
      <c r="BG174" s="402" t="str">
        <f t="shared" si="76"/>
        <v/>
      </c>
      <c r="BH174" s="402" t="str">
        <f t="shared" si="77"/>
        <v/>
      </c>
      <c r="BI174" s="402" t="str">
        <f t="shared" si="78"/>
        <v/>
      </c>
      <c r="BJ174" s="402" t="str">
        <f t="shared" si="79"/>
        <v/>
      </c>
      <c r="BK174" s="402" t="str">
        <f t="shared" si="80"/>
        <v/>
      </c>
      <c r="BL174" s="402" t="str">
        <f t="shared" si="81"/>
        <v/>
      </c>
      <c r="BM174" s="402" t="str">
        <f t="shared" si="82"/>
        <v/>
      </c>
      <c r="BN174" s="402" t="str">
        <f t="shared" si="83"/>
        <v/>
      </c>
      <c r="BO174" s="402" t="str">
        <f t="shared" si="84"/>
        <v/>
      </c>
      <c r="BP174" s="402" t="str">
        <f t="shared" si="85"/>
        <v/>
      </c>
      <c r="BQ174" s="402" t="str">
        <f t="shared" si="86"/>
        <v/>
      </c>
      <c r="BR174" s="402" t="str">
        <f t="shared" si="87"/>
        <v/>
      </c>
      <c r="BS174" s="402" t="str">
        <f t="shared" si="88"/>
        <v/>
      </c>
      <c r="BT174" s="402" t="str">
        <f t="shared" si="89"/>
        <v/>
      </c>
      <c r="BU174" s="402" t="str">
        <f t="shared" si="90"/>
        <v/>
      </c>
      <c r="BV174" s="402">
        <f t="shared" si="91"/>
        <v>17793</v>
      </c>
      <c r="BW174" s="402" t="str">
        <f t="shared" si="92"/>
        <v/>
      </c>
      <c r="BX174" s="402" t="str">
        <f t="shared" si="93"/>
        <v/>
      </c>
      <c r="BY174" s="402" t="str">
        <f t="shared" si="94"/>
        <v/>
      </c>
      <c r="BZ174" s="402" t="str">
        <f t="shared" si="95"/>
        <v/>
      </c>
      <c r="CA174" s="402" t="str">
        <f t="shared" si="96"/>
        <v/>
      </c>
      <c r="CB174" s="402" t="str">
        <f t="shared" si="97"/>
        <v/>
      </c>
      <c r="CC174" s="402" t="str">
        <f t="shared" si="98"/>
        <v/>
      </c>
      <c r="CD174" s="402" t="str">
        <f t="shared" si="99"/>
        <v/>
      </c>
      <c r="CE174" s="402" t="str">
        <f t="shared" si="100"/>
        <v/>
      </c>
      <c r="CF174" s="402" t="str">
        <f t="shared" si="101"/>
        <v/>
      </c>
      <c r="CG174" s="402" t="str">
        <f t="shared" si="102"/>
        <v/>
      </c>
      <c r="CH174" s="402"/>
      <c r="CI174" s="402"/>
      <c r="CJ174" s="402"/>
      <c r="CK174" s="402"/>
      <c r="CL174" s="402"/>
      <c r="CM174" s="402"/>
      <c r="CN174" s="402"/>
      <c r="CO174" s="402"/>
      <c r="CP174" s="402"/>
      <c r="CQ174" s="402"/>
      <c r="CR174" s="402"/>
      <c r="CS174" s="402"/>
      <c r="CT174" s="402"/>
      <c r="CU174" s="402"/>
      <c r="CV174" s="402"/>
      <c r="CW174" s="402"/>
      <c r="CX174" s="402"/>
      <c r="CY174" s="402"/>
      <c r="CZ174" s="402"/>
      <c r="DA174" s="402"/>
      <c r="DB174" s="402"/>
      <c r="DC174" s="402"/>
      <c r="DD174" s="407"/>
      <c r="DE174" s="407"/>
      <c r="DF174" s="407"/>
    </row>
    <row r="175" spans="3:110" s="395" customFormat="1" ht="56.1" customHeight="1" x14ac:dyDescent="0.2">
      <c r="C175" s="420">
        <v>362</v>
      </c>
      <c r="D175" s="420" t="s">
        <v>2481</v>
      </c>
      <c r="E175" s="96" t="s">
        <v>53</v>
      </c>
      <c r="F175" s="96" t="s">
        <v>515</v>
      </c>
      <c r="G175" s="407" t="s">
        <v>548</v>
      </c>
      <c r="H175" s="407" t="s">
        <v>536</v>
      </c>
      <c r="I175" s="407" t="s">
        <v>536</v>
      </c>
      <c r="J175" s="407"/>
      <c r="K175" s="407" t="s">
        <v>86</v>
      </c>
      <c r="L175" s="407" t="s">
        <v>35</v>
      </c>
      <c r="M175" s="407" t="s">
        <v>81</v>
      </c>
      <c r="N175" s="407" t="s">
        <v>334</v>
      </c>
      <c r="O175" s="407" t="s">
        <v>357</v>
      </c>
      <c r="P175" s="407" t="s">
        <v>63</v>
      </c>
      <c r="Q175" s="407" t="s">
        <v>63</v>
      </c>
      <c r="R175" s="410">
        <v>30366.719999999998</v>
      </c>
      <c r="S175" s="410">
        <v>30366.719999999998</v>
      </c>
      <c r="T175" s="407" t="s">
        <v>64</v>
      </c>
      <c r="U175" s="407" t="s">
        <v>82</v>
      </c>
      <c r="V175" s="408"/>
      <c r="W175" s="408"/>
      <c r="X175" s="408"/>
      <c r="Y175" s="408"/>
      <c r="Z175" s="408"/>
      <c r="AA175" s="402"/>
      <c r="AB175" s="408"/>
      <c r="AC175" s="408"/>
      <c r="AD175" s="408"/>
      <c r="AE175" s="408"/>
      <c r="AF175" s="408"/>
      <c r="AG175" s="408"/>
      <c r="AH175" s="408"/>
      <c r="AI175" s="408"/>
      <c r="AJ175" s="408"/>
      <c r="AK175" s="408"/>
      <c r="AL175" s="408"/>
      <c r="AM175" s="408"/>
      <c r="AN175" s="402" t="s">
        <v>66</v>
      </c>
      <c r="AO175" s="408"/>
      <c r="AP175" s="408"/>
      <c r="AQ175" s="408"/>
      <c r="AR175" s="408"/>
      <c r="AS175" s="408"/>
      <c r="AT175" s="408"/>
      <c r="AU175" s="408"/>
      <c r="AV175" s="408"/>
      <c r="AW175" s="408"/>
      <c r="AX175" s="408"/>
      <c r="AY175" s="408"/>
      <c r="AZ175" s="408"/>
      <c r="BA175" s="308">
        <f t="shared" si="71"/>
        <v>100</v>
      </c>
      <c r="BB175" s="309">
        <f t="shared" si="104"/>
        <v>303.66719999999998</v>
      </c>
      <c r="BC175" s="402" t="str">
        <f t="shared" si="72"/>
        <v/>
      </c>
      <c r="BD175" s="402" t="str">
        <f t="shared" si="73"/>
        <v/>
      </c>
      <c r="BE175" s="402" t="str">
        <f t="shared" si="74"/>
        <v/>
      </c>
      <c r="BF175" s="402" t="str">
        <f t="shared" si="75"/>
        <v/>
      </c>
      <c r="BG175" s="402" t="str">
        <f t="shared" si="76"/>
        <v/>
      </c>
      <c r="BH175" s="402" t="str">
        <f t="shared" si="77"/>
        <v/>
      </c>
      <c r="BI175" s="402" t="str">
        <f t="shared" si="78"/>
        <v/>
      </c>
      <c r="BJ175" s="402" t="str">
        <f t="shared" si="79"/>
        <v/>
      </c>
      <c r="BK175" s="402" t="str">
        <f t="shared" si="80"/>
        <v/>
      </c>
      <c r="BL175" s="402" t="str">
        <f t="shared" si="81"/>
        <v/>
      </c>
      <c r="BM175" s="402" t="str">
        <f t="shared" si="82"/>
        <v/>
      </c>
      <c r="BN175" s="402" t="str">
        <f t="shared" si="83"/>
        <v/>
      </c>
      <c r="BO175" s="402" t="str">
        <f t="shared" si="84"/>
        <v/>
      </c>
      <c r="BP175" s="402" t="str">
        <f t="shared" si="85"/>
        <v/>
      </c>
      <c r="BQ175" s="402" t="str">
        <f t="shared" si="86"/>
        <v/>
      </c>
      <c r="BR175" s="402" t="str">
        <f t="shared" si="87"/>
        <v/>
      </c>
      <c r="BS175" s="402" t="str">
        <f t="shared" si="88"/>
        <v/>
      </c>
      <c r="BT175" s="402" t="str">
        <f t="shared" si="89"/>
        <v/>
      </c>
      <c r="BU175" s="402">
        <f t="shared" si="90"/>
        <v>30366.719999999998</v>
      </c>
      <c r="BV175" s="402" t="str">
        <f t="shared" si="91"/>
        <v/>
      </c>
      <c r="BW175" s="402" t="str">
        <f t="shared" si="92"/>
        <v/>
      </c>
      <c r="BX175" s="402" t="str">
        <f t="shared" si="93"/>
        <v/>
      </c>
      <c r="BY175" s="402" t="str">
        <f t="shared" si="94"/>
        <v/>
      </c>
      <c r="BZ175" s="402" t="str">
        <f t="shared" si="95"/>
        <v/>
      </c>
      <c r="CA175" s="402" t="str">
        <f t="shared" si="96"/>
        <v/>
      </c>
      <c r="CB175" s="402" t="str">
        <f t="shared" si="97"/>
        <v/>
      </c>
      <c r="CC175" s="402" t="str">
        <f t="shared" si="98"/>
        <v/>
      </c>
      <c r="CD175" s="402" t="str">
        <f t="shared" si="99"/>
        <v/>
      </c>
      <c r="CE175" s="402" t="str">
        <f t="shared" si="100"/>
        <v/>
      </c>
      <c r="CF175" s="402" t="str">
        <f t="shared" si="101"/>
        <v/>
      </c>
      <c r="CG175" s="402" t="str">
        <f t="shared" si="102"/>
        <v/>
      </c>
      <c r="CH175" s="402"/>
      <c r="CI175" s="402"/>
      <c r="CJ175" s="402"/>
      <c r="CK175" s="402"/>
      <c r="CL175" s="402"/>
      <c r="CM175" s="402"/>
      <c r="CN175" s="402"/>
      <c r="CO175" s="402"/>
      <c r="CP175" s="402"/>
      <c r="CQ175" s="402"/>
      <c r="CR175" s="402"/>
      <c r="CS175" s="402"/>
      <c r="CT175" s="402"/>
      <c r="CU175" s="402"/>
      <c r="CV175" s="402"/>
      <c r="CW175" s="402"/>
      <c r="CX175" s="402"/>
      <c r="CY175" s="402"/>
      <c r="CZ175" s="402"/>
      <c r="DA175" s="402"/>
      <c r="DB175" s="402"/>
      <c r="DC175" s="402"/>
      <c r="DD175" s="407"/>
      <c r="DE175" s="407"/>
      <c r="DF175" s="407"/>
    </row>
    <row r="176" spans="3:110" s="395" customFormat="1" ht="56.1" customHeight="1" x14ac:dyDescent="0.2">
      <c r="C176" s="420">
        <v>363</v>
      </c>
      <c r="D176" s="420" t="s">
        <v>2481</v>
      </c>
      <c r="E176" s="96" t="s">
        <v>53</v>
      </c>
      <c r="F176" s="96" t="s">
        <v>515</v>
      </c>
      <c r="G176" s="407" t="s">
        <v>518</v>
      </c>
      <c r="H176" s="407" t="s">
        <v>520</v>
      </c>
      <c r="I176" s="407" t="s">
        <v>520</v>
      </c>
      <c r="J176" s="407"/>
      <c r="K176" s="407" t="s">
        <v>86</v>
      </c>
      <c r="L176" s="407" t="s">
        <v>35</v>
      </c>
      <c r="M176" s="407" t="s">
        <v>81</v>
      </c>
      <c r="N176" s="407" t="s">
        <v>334</v>
      </c>
      <c r="O176" s="407" t="s">
        <v>357</v>
      </c>
      <c r="P176" s="407" t="s">
        <v>63</v>
      </c>
      <c r="Q176" s="407" t="s">
        <v>63</v>
      </c>
      <c r="R176" s="410">
        <v>79712.639999999999</v>
      </c>
      <c r="S176" s="410">
        <v>79712.639999999999</v>
      </c>
      <c r="T176" s="407" t="s">
        <v>64</v>
      </c>
      <c r="U176" s="407" t="s">
        <v>82</v>
      </c>
      <c r="V176" s="408"/>
      <c r="W176" s="408"/>
      <c r="X176" s="408"/>
      <c r="Y176" s="408"/>
      <c r="Z176" s="408"/>
      <c r="AA176" s="402"/>
      <c r="AB176" s="408"/>
      <c r="AC176" s="408"/>
      <c r="AD176" s="408"/>
      <c r="AE176" s="408"/>
      <c r="AF176" s="408"/>
      <c r="AG176" s="408"/>
      <c r="AH176" s="408"/>
      <c r="AI176" s="408"/>
      <c r="AJ176" s="408"/>
      <c r="AK176" s="408"/>
      <c r="AL176" s="408"/>
      <c r="AM176" s="408"/>
      <c r="AN176" s="402" t="s">
        <v>66</v>
      </c>
      <c r="AO176" s="408"/>
      <c r="AP176" s="408"/>
      <c r="AQ176" s="408"/>
      <c r="AR176" s="408"/>
      <c r="AS176" s="408"/>
      <c r="AT176" s="408"/>
      <c r="AU176" s="408"/>
      <c r="AV176" s="408"/>
      <c r="AW176" s="408"/>
      <c r="AX176" s="408"/>
      <c r="AY176" s="408"/>
      <c r="AZ176" s="408"/>
      <c r="BA176" s="308">
        <f t="shared" si="71"/>
        <v>100</v>
      </c>
      <c r="BB176" s="309">
        <f t="shared" si="104"/>
        <v>797.12639999999999</v>
      </c>
      <c r="BC176" s="402" t="str">
        <f t="shared" si="72"/>
        <v/>
      </c>
      <c r="BD176" s="402" t="str">
        <f t="shared" si="73"/>
        <v/>
      </c>
      <c r="BE176" s="402" t="str">
        <f t="shared" si="74"/>
        <v/>
      </c>
      <c r="BF176" s="402" t="str">
        <f t="shared" si="75"/>
        <v/>
      </c>
      <c r="BG176" s="402" t="str">
        <f t="shared" si="76"/>
        <v/>
      </c>
      <c r="BH176" s="402" t="str">
        <f t="shared" si="77"/>
        <v/>
      </c>
      <c r="BI176" s="402" t="str">
        <f t="shared" si="78"/>
        <v/>
      </c>
      <c r="BJ176" s="402" t="str">
        <f t="shared" si="79"/>
        <v/>
      </c>
      <c r="BK176" s="402" t="str">
        <f t="shared" si="80"/>
        <v/>
      </c>
      <c r="BL176" s="402" t="str">
        <f t="shared" si="81"/>
        <v/>
      </c>
      <c r="BM176" s="402" t="str">
        <f t="shared" si="82"/>
        <v/>
      </c>
      <c r="BN176" s="402" t="str">
        <f t="shared" si="83"/>
        <v/>
      </c>
      <c r="BO176" s="402" t="str">
        <f t="shared" si="84"/>
        <v/>
      </c>
      <c r="BP176" s="402" t="str">
        <f t="shared" si="85"/>
        <v/>
      </c>
      <c r="BQ176" s="402" t="str">
        <f t="shared" si="86"/>
        <v/>
      </c>
      <c r="BR176" s="402" t="str">
        <f t="shared" si="87"/>
        <v/>
      </c>
      <c r="BS176" s="402" t="str">
        <f t="shared" si="88"/>
        <v/>
      </c>
      <c r="BT176" s="402" t="str">
        <f t="shared" si="89"/>
        <v/>
      </c>
      <c r="BU176" s="402">
        <f t="shared" si="90"/>
        <v>79712.639999999999</v>
      </c>
      <c r="BV176" s="402" t="str">
        <f t="shared" si="91"/>
        <v/>
      </c>
      <c r="BW176" s="402" t="str">
        <f t="shared" si="92"/>
        <v/>
      </c>
      <c r="BX176" s="402" t="str">
        <f t="shared" si="93"/>
        <v/>
      </c>
      <c r="BY176" s="402" t="str">
        <f t="shared" si="94"/>
        <v/>
      </c>
      <c r="BZ176" s="402" t="str">
        <f t="shared" si="95"/>
        <v/>
      </c>
      <c r="CA176" s="402" t="str">
        <f t="shared" si="96"/>
        <v/>
      </c>
      <c r="CB176" s="402" t="str">
        <f t="shared" si="97"/>
        <v/>
      </c>
      <c r="CC176" s="402" t="str">
        <f t="shared" si="98"/>
        <v/>
      </c>
      <c r="CD176" s="402" t="str">
        <f t="shared" si="99"/>
        <v/>
      </c>
      <c r="CE176" s="402" t="str">
        <f t="shared" si="100"/>
        <v/>
      </c>
      <c r="CF176" s="402" t="str">
        <f t="shared" si="101"/>
        <v/>
      </c>
      <c r="CG176" s="402" t="str">
        <f t="shared" si="102"/>
        <v/>
      </c>
      <c r="CH176" s="402"/>
      <c r="CI176" s="402"/>
      <c r="CJ176" s="402"/>
      <c r="CK176" s="402"/>
      <c r="CL176" s="402"/>
      <c r="CM176" s="402"/>
      <c r="CN176" s="402"/>
      <c r="CO176" s="402"/>
      <c r="CP176" s="402"/>
      <c r="CQ176" s="402"/>
      <c r="CR176" s="402"/>
      <c r="CS176" s="402"/>
      <c r="CT176" s="402"/>
      <c r="CU176" s="402"/>
      <c r="CV176" s="402"/>
      <c r="CW176" s="402"/>
      <c r="CX176" s="402"/>
      <c r="CY176" s="402"/>
      <c r="CZ176" s="402"/>
      <c r="DA176" s="402"/>
      <c r="DB176" s="402"/>
      <c r="DC176" s="402"/>
      <c r="DD176" s="407"/>
      <c r="DE176" s="407"/>
      <c r="DF176" s="407"/>
    </row>
    <row r="177" spans="3:110" s="395" customFormat="1" ht="56.1" customHeight="1" x14ac:dyDescent="0.2">
      <c r="C177" s="420">
        <v>364</v>
      </c>
      <c r="D177" s="420" t="s">
        <v>2481</v>
      </c>
      <c r="E177" s="96" t="s">
        <v>53</v>
      </c>
      <c r="F177" s="96" t="s">
        <v>515</v>
      </c>
      <c r="G177" s="407" t="s">
        <v>521</v>
      </c>
      <c r="H177" s="407" t="s">
        <v>522</v>
      </c>
      <c r="I177" s="407" t="s">
        <v>522</v>
      </c>
      <c r="J177" s="407"/>
      <c r="K177" s="407" t="s">
        <v>86</v>
      </c>
      <c r="L177" s="407" t="s">
        <v>35</v>
      </c>
      <c r="M177" s="407" t="s">
        <v>81</v>
      </c>
      <c r="N177" s="407" t="s">
        <v>334</v>
      </c>
      <c r="O177" s="407" t="s">
        <v>357</v>
      </c>
      <c r="P177" s="407" t="s">
        <v>63</v>
      </c>
      <c r="Q177" s="407" t="s">
        <v>63</v>
      </c>
      <c r="R177" s="410">
        <v>111344.64</v>
      </c>
      <c r="S177" s="410">
        <v>111344.64</v>
      </c>
      <c r="T177" s="407" t="s">
        <v>64</v>
      </c>
      <c r="U177" s="407" t="s">
        <v>82</v>
      </c>
      <c r="V177" s="408"/>
      <c r="W177" s="408"/>
      <c r="X177" s="408"/>
      <c r="Y177" s="408"/>
      <c r="Z177" s="408"/>
      <c r="AA177" s="402"/>
      <c r="AB177" s="408"/>
      <c r="AC177" s="408"/>
      <c r="AD177" s="408"/>
      <c r="AE177" s="408"/>
      <c r="AF177" s="408"/>
      <c r="AG177" s="408"/>
      <c r="AH177" s="408"/>
      <c r="AI177" s="408"/>
      <c r="AJ177" s="408"/>
      <c r="AK177" s="408"/>
      <c r="AL177" s="408"/>
      <c r="AM177" s="408"/>
      <c r="AN177" s="402" t="s">
        <v>66</v>
      </c>
      <c r="AO177" s="408"/>
      <c r="AP177" s="408"/>
      <c r="AQ177" s="408"/>
      <c r="AR177" s="408"/>
      <c r="AS177" s="408"/>
      <c r="AT177" s="408"/>
      <c r="AU177" s="408"/>
      <c r="AV177" s="408"/>
      <c r="AW177" s="408"/>
      <c r="AX177" s="408"/>
      <c r="AY177" s="408"/>
      <c r="AZ177" s="408"/>
      <c r="BA177" s="308">
        <f t="shared" si="71"/>
        <v>100</v>
      </c>
      <c r="BB177" s="309">
        <f t="shared" si="104"/>
        <v>1113.4464</v>
      </c>
      <c r="BC177" s="402" t="str">
        <f t="shared" si="72"/>
        <v/>
      </c>
      <c r="BD177" s="402" t="str">
        <f t="shared" si="73"/>
        <v/>
      </c>
      <c r="BE177" s="402" t="str">
        <f t="shared" si="74"/>
        <v/>
      </c>
      <c r="BF177" s="402" t="str">
        <f t="shared" si="75"/>
        <v/>
      </c>
      <c r="BG177" s="402" t="str">
        <f t="shared" si="76"/>
        <v/>
      </c>
      <c r="BH177" s="402" t="str">
        <f t="shared" si="77"/>
        <v/>
      </c>
      <c r="BI177" s="402" t="str">
        <f t="shared" si="78"/>
        <v/>
      </c>
      <c r="BJ177" s="402" t="str">
        <f t="shared" si="79"/>
        <v/>
      </c>
      <c r="BK177" s="402" t="str">
        <f t="shared" si="80"/>
        <v/>
      </c>
      <c r="BL177" s="402" t="str">
        <f t="shared" si="81"/>
        <v/>
      </c>
      <c r="BM177" s="402" t="str">
        <f t="shared" si="82"/>
        <v/>
      </c>
      <c r="BN177" s="402" t="str">
        <f t="shared" si="83"/>
        <v/>
      </c>
      <c r="BO177" s="402" t="str">
        <f t="shared" si="84"/>
        <v/>
      </c>
      <c r="BP177" s="402" t="str">
        <f t="shared" si="85"/>
        <v/>
      </c>
      <c r="BQ177" s="402" t="str">
        <f t="shared" si="86"/>
        <v/>
      </c>
      <c r="BR177" s="402" t="str">
        <f t="shared" si="87"/>
        <v/>
      </c>
      <c r="BS177" s="402" t="str">
        <f t="shared" si="88"/>
        <v/>
      </c>
      <c r="BT177" s="402" t="str">
        <f t="shared" si="89"/>
        <v/>
      </c>
      <c r="BU177" s="402">
        <f t="shared" si="90"/>
        <v>111344.64</v>
      </c>
      <c r="BV177" s="402" t="str">
        <f t="shared" si="91"/>
        <v/>
      </c>
      <c r="BW177" s="402" t="str">
        <f t="shared" si="92"/>
        <v/>
      </c>
      <c r="BX177" s="402" t="str">
        <f t="shared" si="93"/>
        <v/>
      </c>
      <c r="BY177" s="402" t="str">
        <f t="shared" si="94"/>
        <v/>
      </c>
      <c r="BZ177" s="402" t="str">
        <f t="shared" si="95"/>
        <v/>
      </c>
      <c r="CA177" s="402" t="str">
        <f t="shared" si="96"/>
        <v/>
      </c>
      <c r="CB177" s="402" t="str">
        <f t="shared" si="97"/>
        <v/>
      </c>
      <c r="CC177" s="402" t="str">
        <f t="shared" si="98"/>
        <v/>
      </c>
      <c r="CD177" s="402" t="str">
        <f t="shared" si="99"/>
        <v/>
      </c>
      <c r="CE177" s="402" t="str">
        <f t="shared" si="100"/>
        <v/>
      </c>
      <c r="CF177" s="402" t="str">
        <f t="shared" si="101"/>
        <v/>
      </c>
      <c r="CG177" s="402" t="str">
        <f t="shared" si="102"/>
        <v/>
      </c>
      <c r="CH177" s="402"/>
      <c r="CI177" s="402"/>
      <c r="CJ177" s="402"/>
      <c r="CK177" s="402"/>
      <c r="CL177" s="402"/>
      <c r="CM177" s="402"/>
      <c r="CN177" s="402"/>
      <c r="CO177" s="402"/>
      <c r="CP177" s="402"/>
      <c r="CQ177" s="402"/>
      <c r="CR177" s="402"/>
      <c r="CS177" s="402"/>
      <c r="CT177" s="402"/>
      <c r="CU177" s="402"/>
      <c r="CV177" s="402"/>
      <c r="CW177" s="402"/>
      <c r="CX177" s="402"/>
      <c r="CY177" s="402"/>
      <c r="CZ177" s="402"/>
      <c r="DA177" s="402"/>
      <c r="DB177" s="402"/>
      <c r="DC177" s="402"/>
      <c r="DD177" s="407"/>
      <c r="DE177" s="407"/>
      <c r="DF177" s="407"/>
    </row>
    <row r="178" spans="3:110" s="395" customFormat="1" ht="56.1" customHeight="1" x14ac:dyDescent="0.2">
      <c r="C178" s="420">
        <v>365</v>
      </c>
      <c r="D178" s="420" t="s">
        <v>2481</v>
      </c>
      <c r="E178" s="96" t="s">
        <v>53</v>
      </c>
      <c r="F178" s="96" t="s">
        <v>515</v>
      </c>
      <c r="G178" s="407" t="s">
        <v>523</v>
      </c>
      <c r="H178" s="407" t="s">
        <v>537</v>
      </c>
      <c r="I178" s="407" t="s">
        <v>537</v>
      </c>
      <c r="J178" s="407"/>
      <c r="K178" s="407" t="s">
        <v>86</v>
      </c>
      <c r="L178" s="407" t="s">
        <v>35</v>
      </c>
      <c r="M178" s="407" t="s">
        <v>388</v>
      </c>
      <c r="N178" s="407" t="s">
        <v>525</v>
      </c>
      <c r="O178" s="407" t="s">
        <v>357</v>
      </c>
      <c r="P178" s="407" t="s">
        <v>63</v>
      </c>
      <c r="Q178" s="407" t="s">
        <v>63</v>
      </c>
      <c r="R178" s="410">
        <v>43494</v>
      </c>
      <c r="S178" s="410">
        <v>43494</v>
      </c>
      <c r="T178" s="407" t="s">
        <v>64</v>
      </c>
      <c r="U178" s="407" t="s">
        <v>82</v>
      </c>
      <c r="V178" s="408"/>
      <c r="W178" s="408"/>
      <c r="X178" s="408"/>
      <c r="Y178" s="408"/>
      <c r="Z178" s="408"/>
      <c r="AA178" s="402"/>
      <c r="AB178" s="408"/>
      <c r="AC178" s="408"/>
      <c r="AD178" s="408"/>
      <c r="AE178" s="408"/>
      <c r="AF178" s="408"/>
      <c r="AG178" s="408"/>
      <c r="AH178" s="408"/>
      <c r="AI178" s="408"/>
      <c r="AJ178" s="408"/>
      <c r="AK178" s="408"/>
      <c r="AL178" s="408"/>
      <c r="AM178" s="408"/>
      <c r="AN178" s="402" t="s">
        <v>66</v>
      </c>
      <c r="AO178" s="408"/>
      <c r="AP178" s="408"/>
      <c r="AQ178" s="408"/>
      <c r="AR178" s="408"/>
      <c r="AS178" s="408"/>
      <c r="AT178" s="408"/>
      <c r="AU178" s="408"/>
      <c r="AV178" s="408"/>
      <c r="AW178" s="408"/>
      <c r="AX178" s="408"/>
      <c r="AY178" s="408"/>
      <c r="AZ178" s="408"/>
      <c r="BA178" s="308">
        <f t="shared" si="71"/>
        <v>100</v>
      </c>
      <c r="BB178" s="309">
        <f t="shared" si="104"/>
        <v>434.94</v>
      </c>
      <c r="BC178" s="402" t="str">
        <f t="shared" si="72"/>
        <v/>
      </c>
      <c r="BD178" s="402" t="str">
        <f t="shared" si="73"/>
        <v/>
      </c>
      <c r="BE178" s="402" t="str">
        <f t="shared" si="74"/>
        <v/>
      </c>
      <c r="BF178" s="402" t="str">
        <f t="shared" si="75"/>
        <v/>
      </c>
      <c r="BG178" s="402" t="str">
        <f t="shared" si="76"/>
        <v/>
      </c>
      <c r="BH178" s="402" t="str">
        <f t="shared" si="77"/>
        <v/>
      </c>
      <c r="BI178" s="402" t="str">
        <f t="shared" si="78"/>
        <v/>
      </c>
      <c r="BJ178" s="402" t="str">
        <f t="shared" si="79"/>
        <v/>
      </c>
      <c r="BK178" s="402" t="str">
        <f t="shared" si="80"/>
        <v/>
      </c>
      <c r="BL178" s="402" t="str">
        <f t="shared" si="81"/>
        <v/>
      </c>
      <c r="BM178" s="402" t="str">
        <f t="shared" si="82"/>
        <v/>
      </c>
      <c r="BN178" s="402" t="str">
        <f t="shared" si="83"/>
        <v/>
      </c>
      <c r="BO178" s="402" t="str">
        <f t="shared" si="84"/>
        <v/>
      </c>
      <c r="BP178" s="402" t="str">
        <f t="shared" si="85"/>
        <v/>
      </c>
      <c r="BQ178" s="402" t="str">
        <f t="shared" si="86"/>
        <v/>
      </c>
      <c r="BR178" s="402" t="str">
        <f t="shared" si="87"/>
        <v/>
      </c>
      <c r="BS178" s="402" t="str">
        <f t="shared" si="88"/>
        <v/>
      </c>
      <c r="BT178" s="402" t="str">
        <f t="shared" si="89"/>
        <v/>
      </c>
      <c r="BU178" s="402">
        <f t="shared" si="90"/>
        <v>43494</v>
      </c>
      <c r="BV178" s="402" t="str">
        <f t="shared" si="91"/>
        <v/>
      </c>
      <c r="BW178" s="402" t="str">
        <f t="shared" si="92"/>
        <v/>
      </c>
      <c r="BX178" s="402" t="str">
        <f t="shared" si="93"/>
        <v/>
      </c>
      <c r="BY178" s="402" t="str">
        <f t="shared" si="94"/>
        <v/>
      </c>
      <c r="BZ178" s="402" t="str">
        <f t="shared" si="95"/>
        <v/>
      </c>
      <c r="CA178" s="402" t="str">
        <f t="shared" si="96"/>
        <v/>
      </c>
      <c r="CB178" s="402" t="str">
        <f t="shared" si="97"/>
        <v/>
      </c>
      <c r="CC178" s="402" t="str">
        <f t="shared" si="98"/>
        <v/>
      </c>
      <c r="CD178" s="402" t="str">
        <f t="shared" si="99"/>
        <v/>
      </c>
      <c r="CE178" s="402" t="str">
        <f t="shared" si="100"/>
        <v/>
      </c>
      <c r="CF178" s="402" t="str">
        <f t="shared" si="101"/>
        <v/>
      </c>
      <c r="CG178" s="402" t="str">
        <f t="shared" si="102"/>
        <v/>
      </c>
      <c r="CH178" s="402"/>
      <c r="CI178" s="402"/>
      <c r="CJ178" s="402"/>
      <c r="CK178" s="402"/>
      <c r="CL178" s="402"/>
      <c r="CM178" s="402"/>
      <c r="CN178" s="402"/>
      <c r="CO178" s="402"/>
      <c r="CP178" s="402"/>
      <c r="CQ178" s="402"/>
      <c r="CR178" s="402"/>
      <c r="CS178" s="402"/>
      <c r="CT178" s="402"/>
      <c r="CU178" s="402"/>
      <c r="CV178" s="402"/>
      <c r="CW178" s="402"/>
      <c r="CX178" s="402"/>
      <c r="CY178" s="402"/>
      <c r="CZ178" s="402"/>
      <c r="DA178" s="402"/>
      <c r="DB178" s="402"/>
      <c r="DC178" s="402"/>
      <c r="DD178" s="407"/>
      <c r="DE178" s="407"/>
      <c r="DF178" s="407"/>
    </row>
    <row r="179" spans="3:110" s="395" customFormat="1" ht="56.1" customHeight="1" x14ac:dyDescent="0.2">
      <c r="C179" s="420">
        <v>366</v>
      </c>
      <c r="D179" s="420" t="s">
        <v>2481</v>
      </c>
      <c r="E179" s="96" t="s">
        <v>53</v>
      </c>
      <c r="F179" s="96" t="s">
        <v>515</v>
      </c>
      <c r="G179" s="407" t="s">
        <v>539</v>
      </c>
      <c r="H179" s="407" t="s">
        <v>538</v>
      </c>
      <c r="I179" s="407" t="s">
        <v>538</v>
      </c>
      <c r="J179" s="407"/>
      <c r="K179" s="407" t="s">
        <v>86</v>
      </c>
      <c r="L179" s="407" t="s">
        <v>35</v>
      </c>
      <c r="M179" s="407" t="s">
        <v>388</v>
      </c>
      <c r="N179" s="407" t="s">
        <v>525</v>
      </c>
      <c r="O179" s="407" t="s">
        <v>357</v>
      </c>
      <c r="P179" s="407" t="s">
        <v>63</v>
      </c>
      <c r="Q179" s="407" t="s">
        <v>63</v>
      </c>
      <c r="R179" s="410">
        <v>105440</v>
      </c>
      <c r="S179" s="410">
        <v>105440</v>
      </c>
      <c r="T179" s="407" t="s">
        <v>64</v>
      </c>
      <c r="U179" s="407" t="s">
        <v>82</v>
      </c>
      <c r="V179" s="408"/>
      <c r="W179" s="408"/>
      <c r="X179" s="408"/>
      <c r="Y179" s="408"/>
      <c r="Z179" s="408"/>
      <c r="AA179" s="402"/>
      <c r="AB179" s="408"/>
      <c r="AC179" s="408"/>
      <c r="AD179" s="408"/>
      <c r="AE179" s="408"/>
      <c r="AF179" s="408"/>
      <c r="AG179" s="408"/>
      <c r="AH179" s="408"/>
      <c r="AI179" s="408"/>
      <c r="AJ179" s="408"/>
      <c r="AK179" s="408"/>
      <c r="AL179" s="408"/>
      <c r="AM179" s="408"/>
      <c r="AN179" s="402" t="s">
        <v>66</v>
      </c>
      <c r="AO179" s="408"/>
      <c r="AP179" s="408"/>
      <c r="AQ179" s="408"/>
      <c r="AR179" s="408"/>
      <c r="AS179" s="408"/>
      <c r="AT179" s="408"/>
      <c r="AU179" s="408"/>
      <c r="AV179" s="408"/>
      <c r="AW179" s="408"/>
      <c r="AX179" s="408"/>
      <c r="AY179" s="408"/>
      <c r="AZ179" s="408"/>
      <c r="BA179" s="308">
        <f t="shared" si="71"/>
        <v>100</v>
      </c>
      <c r="BB179" s="309">
        <f t="shared" si="104"/>
        <v>1054.4000000000001</v>
      </c>
      <c r="BC179" s="402" t="str">
        <f t="shared" si="72"/>
        <v/>
      </c>
      <c r="BD179" s="402" t="str">
        <f t="shared" si="73"/>
        <v/>
      </c>
      <c r="BE179" s="402" t="str">
        <f t="shared" si="74"/>
        <v/>
      </c>
      <c r="BF179" s="402" t="str">
        <f t="shared" si="75"/>
        <v/>
      </c>
      <c r="BG179" s="402" t="str">
        <f t="shared" si="76"/>
        <v/>
      </c>
      <c r="BH179" s="402" t="str">
        <f t="shared" si="77"/>
        <v/>
      </c>
      <c r="BI179" s="402" t="str">
        <f t="shared" si="78"/>
        <v/>
      </c>
      <c r="BJ179" s="402" t="str">
        <f t="shared" si="79"/>
        <v/>
      </c>
      <c r="BK179" s="402" t="str">
        <f t="shared" si="80"/>
        <v/>
      </c>
      <c r="BL179" s="402" t="str">
        <f t="shared" si="81"/>
        <v/>
      </c>
      <c r="BM179" s="402" t="str">
        <f t="shared" si="82"/>
        <v/>
      </c>
      <c r="BN179" s="402" t="str">
        <f t="shared" si="83"/>
        <v/>
      </c>
      <c r="BO179" s="402" t="str">
        <f t="shared" si="84"/>
        <v/>
      </c>
      <c r="BP179" s="402" t="str">
        <f t="shared" si="85"/>
        <v/>
      </c>
      <c r="BQ179" s="402" t="str">
        <f t="shared" si="86"/>
        <v/>
      </c>
      <c r="BR179" s="402" t="str">
        <f t="shared" si="87"/>
        <v/>
      </c>
      <c r="BS179" s="402" t="str">
        <f t="shared" si="88"/>
        <v/>
      </c>
      <c r="BT179" s="402" t="str">
        <f t="shared" si="89"/>
        <v/>
      </c>
      <c r="BU179" s="402">
        <f t="shared" si="90"/>
        <v>105440.00000000001</v>
      </c>
      <c r="BV179" s="402" t="str">
        <f t="shared" si="91"/>
        <v/>
      </c>
      <c r="BW179" s="402" t="str">
        <f t="shared" si="92"/>
        <v/>
      </c>
      <c r="BX179" s="402" t="str">
        <f t="shared" si="93"/>
        <v/>
      </c>
      <c r="BY179" s="402" t="str">
        <f t="shared" si="94"/>
        <v/>
      </c>
      <c r="BZ179" s="402" t="str">
        <f t="shared" si="95"/>
        <v/>
      </c>
      <c r="CA179" s="402" t="str">
        <f t="shared" si="96"/>
        <v/>
      </c>
      <c r="CB179" s="402" t="str">
        <f t="shared" si="97"/>
        <v/>
      </c>
      <c r="CC179" s="402" t="str">
        <f t="shared" si="98"/>
        <v/>
      </c>
      <c r="CD179" s="402" t="str">
        <f t="shared" si="99"/>
        <v/>
      </c>
      <c r="CE179" s="402" t="str">
        <f t="shared" si="100"/>
        <v/>
      </c>
      <c r="CF179" s="402" t="str">
        <f t="shared" si="101"/>
        <v/>
      </c>
      <c r="CG179" s="402" t="str">
        <f t="shared" si="102"/>
        <v/>
      </c>
      <c r="CH179" s="402"/>
      <c r="CI179" s="402"/>
      <c r="CJ179" s="402"/>
      <c r="CK179" s="402"/>
      <c r="CL179" s="402"/>
      <c r="CM179" s="402"/>
      <c r="CN179" s="402"/>
      <c r="CO179" s="402"/>
      <c r="CP179" s="402"/>
      <c r="CQ179" s="402"/>
      <c r="CR179" s="402"/>
      <c r="CS179" s="402"/>
      <c r="CT179" s="402"/>
      <c r="CU179" s="402"/>
      <c r="CV179" s="402"/>
      <c r="CW179" s="402"/>
      <c r="CX179" s="402"/>
      <c r="CY179" s="402"/>
      <c r="CZ179" s="402"/>
      <c r="DA179" s="402"/>
      <c r="DB179" s="402"/>
      <c r="DC179" s="402"/>
      <c r="DD179" s="407"/>
      <c r="DE179" s="407"/>
      <c r="DF179" s="407"/>
    </row>
    <row r="180" spans="3:110" s="395" customFormat="1" ht="56.1" customHeight="1" x14ac:dyDescent="0.2">
      <c r="C180" s="420">
        <v>367</v>
      </c>
      <c r="D180" s="420" t="s">
        <v>2481</v>
      </c>
      <c r="E180" s="96" t="s">
        <v>53</v>
      </c>
      <c r="F180" s="96" t="s">
        <v>515</v>
      </c>
      <c r="G180" s="407" t="s">
        <v>528</v>
      </c>
      <c r="H180" s="407" t="s">
        <v>529</v>
      </c>
      <c r="I180" s="407" t="s">
        <v>529</v>
      </c>
      <c r="J180" s="407"/>
      <c r="K180" s="407" t="s">
        <v>86</v>
      </c>
      <c r="L180" s="407" t="s">
        <v>35</v>
      </c>
      <c r="M180" s="407" t="s">
        <v>8</v>
      </c>
      <c r="N180" s="407" t="s">
        <v>525</v>
      </c>
      <c r="O180" s="407" t="s">
        <v>357</v>
      </c>
      <c r="P180" s="407" t="s">
        <v>63</v>
      </c>
      <c r="Q180" s="407" t="s">
        <v>63</v>
      </c>
      <c r="R180" s="410">
        <v>0</v>
      </c>
      <c r="S180" s="410">
        <v>0</v>
      </c>
      <c r="T180" s="407" t="s">
        <v>64</v>
      </c>
      <c r="U180" s="407" t="s">
        <v>82</v>
      </c>
      <c r="V180" s="408"/>
      <c r="W180" s="408"/>
      <c r="X180" s="408"/>
      <c r="Y180" s="408"/>
      <c r="Z180" s="408"/>
      <c r="AA180" s="402"/>
      <c r="AB180" s="408"/>
      <c r="AC180" s="408"/>
      <c r="AD180" s="408"/>
      <c r="AE180" s="408"/>
      <c r="AF180" s="408"/>
      <c r="AG180" s="408"/>
      <c r="AH180" s="408"/>
      <c r="AI180" s="408"/>
      <c r="AJ180" s="408"/>
      <c r="AK180" s="408"/>
      <c r="AL180" s="408"/>
      <c r="AM180" s="408"/>
      <c r="AN180" s="402" t="s">
        <v>66</v>
      </c>
      <c r="AO180" s="408"/>
      <c r="AP180" s="408"/>
      <c r="AQ180" s="408"/>
      <c r="AR180" s="408"/>
      <c r="AS180" s="408"/>
      <c r="AT180" s="408"/>
      <c r="AU180" s="408"/>
      <c r="AV180" s="408"/>
      <c r="AW180" s="408"/>
      <c r="AX180" s="408"/>
      <c r="AY180" s="408"/>
      <c r="AZ180" s="408"/>
      <c r="BA180" s="308">
        <f t="shared" si="71"/>
        <v>100</v>
      </c>
      <c r="BB180" s="309">
        <f t="shared" si="104"/>
        <v>0</v>
      </c>
      <c r="BC180" s="402" t="str">
        <f t="shared" si="72"/>
        <v/>
      </c>
      <c r="BD180" s="402" t="str">
        <f t="shared" si="73"/>
        <v/>
      </c>
      <c r="BE180" s="402" t="str">
        <f t="shared" si="74"/>
        <v/>
      </c>
      <c r="BF180" s="402" t="str">
        <f t="shared" si="75"/>
        <v/>
      </c>
      <c r="BG180" s="402" t="str">
        <f t="shared" si="76"/>
        <v/>
      </c>
      <c r="BH180" s="402" t="str">
        <f t="shared" si="77"/>
        <v/>
      </c>
      <c r="BI180" s="402" t="str">
        <f t="shared" si="78"/>
        <v/>
      </c>
      <c r="BJ180" s="402" t="str">
        <f t="shared" si="79"/>
        <v/>
      </c>
      <c r="BK180" s="402" t="str">
        <f t="shared" si="80"/>
        <v/>
      </c>
      <c r="BL180" s="402" t="str">
        <f t="shared" si="81"/>
        <v/>
      </c>
      <c r="BM180" s="402" t="str">
        <f t="shared" si="82"/>
        <v/>
      </c>
      <c r="BN180" s="402" t="str">
        <f t="shared" si="83"/>
        <v/>
      </c>
      <c r="BO180" s="402" t="str">
        <f t="shared" si="84"/>
        <v/>
      </c>
      <c r="BP180" s="402" t="str">
        <f t="shared" si="85"/>
        <v/>
      </c>
      <c r="BQ180" s="402" t="str">
        <f t="shared" si="86"/>
        <v/>
      </c>
      <c r="BR180" s="402" t="str">
        <f t="shared" si="87"/>
        <v/>
      </c>
      <c r="BS180" s="402" t="str">
        <f t="shared" si="88"/>
        <v/>
      </c>
      <c r="BT180" s="402" t="str">
        <f t="shared" si="89"/>
        <v/>
      </c>
      <c r="BU180" s="402">
        <f t="shared" si="90"/>
        <v>0</v>
      </c>
      <c r="BV180" s="402" t="str">
        <f t="shared" si="91"/>
        <v/>
      </c>
      <c r="BW180" s="402" t="str">
        <f t="shared" si="92"/>
        <v/>
      </c>
      <c r="BX180" s="402" t="str">
        <f t="shared" si="93"/>
        <v/>
      </c>
      <c r="BY180" s="402" t="str">
        <f t="shared" si="94"/>
        <v/>
      </c>
      <c r="BZ180" s="402" t="str">
        <f t="shared" si="95"/>
        <v/>
      </c>
      <c r="CA180" s="402" t="str">
        <f t="shared" si="96"/>
        <v/>
      </c>
      <c r="CB180" s="402" t="str">
        <f t="shared" si="97"/>
        <v/>
      </c>
      <c r="CC180" s="402" t="str">
        <f t="shared" si="98"/>
        <v/>
      </c>
      <c r="CD180" s="402" t="str">
        <f t="shared" si="99"/>
        <v/>
      </c>
      <c r="CE180" s="402" t="str">
        <f t="shared" si="100"/>
        <v/>
      </c>
      <c r="CF180" s="402" t="str">
        <f t="shared" si="101"/>
        <v/>
      </c>
      <c r="CG180" s="402" t="str">
        <f t="shared" si="102"/>
        <v/>
      </c>
      <c r="CH180" s="402"/>
      <c r="CI180" s="402"/>
      <c r="CJ180" s="402"/>
      <c r="CK180" s="402"/>
      <c r="CL180" s="402"/>
      <c r="CM180" s="402"/>
      <c r="CN180" s="402"/>
      <c r="CO180" s="402"/>
      <c r="CP180" s="402"/>
      <c r="CQ180" s="402"/>
      <c r="CR180" s="402"/>
      <c r="CS180" s="402"/>
      <c r="CT180" s="402"/>
      <c r="CU180" s="402"/>
      <c r="CV180" s="402"/>
      <c r="CW180" s="402"/>
      <c r="CX180" s="402"/>
      <c r="CY180" s="402"/>
      <c r="CZ180" s="402"/>
      <c r="DA180" s="402"/>
      <c r="DB180" s="402"/>
      <c r="DC180" s="402"/>
      <c r="DD180" s="407"/>
      <c r="DE180" s="407"/>
      <c r="DF180" s="407"/>
    </row>
    <row r="181" spans="3:110" s="395" customFormat="1" ht="56.1" customHeight="1" x14ac:dyDescent="0.2">
      <c r="C181" s="420">
        <v>368</v>
      </c>
      <c r="D181" s="420" t="s">
        <v>2481</v>
      </c>
      <c r="E181" s="96" t="s">
        <v>53</v>
      </c>
      <c r="F181" s="96" t="s">
        <v>515</v>
      </c>
      <c r="G181" s="407" t="s">
        <v>530</v>
      </c>
      <c r="H181" s="407" t="s">
        <v>532</v>
      </c>
      <c r="I181" s="407" t="s">
        <v>532</v>
      </c>
      <c r="J181" s="407"/>
      <c r="K181" s="407" t="s">
        <v>86</v>
      </c>
      <c r="L181" s="407" t="s">
        <v>35</v>
      </c>
      <c r="M181" s="407" t="s">
        <v>8</v>
      </c>
      <c r="N181" s="407" t="s">
        <v>525</v>
      </c>
      <c r="O181" s="407" t="s">
        <v>357</v>
      </c>
      <c r="P181" s="407" t="s">
        <v>63</v>
      </c>
      <c r="Q181" s="407" t="s">
        <v>63</v>
      </c>
      <c r="R181" s="410">
        <v>0</v>
      </c>
      <c r="S181" s="410">
        <v>0</v>
      </c>
      <c r="T181" s="407" t="s">
        <v>64</v>
      </c>
      <c r="U181" s="407" t="s">
        <v>82</v>
      </c>
      <c r="V181" s="408"/>
      <c r="W181" s="408"/>
      <c r="X181" s="408"/>
      <c r="Y181" s="408"/>
      <c r="Z181" s="408"/>
      <c r="AA181" s="402"/>
      <c r="AB181" s="408"/>
      <c r="AC181" s="408"/>
      <c r="AD181" s="408"/>
      <c r="AE181" s="408"/>
      <c r="AF181" s="408"/>
      <c r="AG181" s="408"/>
      <c r="AH181" s="408"/>
      <c r="AI181" s="408"/>
      <c r="AJ181" s="408"/>
      <c r="AK181" s="408"/>
      <c r="AL181" s="408"/>
      <c r="AM181" s="408"/>
      <c r="AN181" s="402" t="s">
        <v>66</v>
      </c>
      <c r="AO181" s="408"/>
      <c r="AP181" s="408"/>
      <c r="AQ181" s="408"/>
      <c r="AR181" s="408"/>
      <c r="AS181" s="408"/>
      <c r="AT181" s="408"/>
      <c r="AU181" s="408"/>
      <c r="AV181" s="408"/>
      <c r="AW181" s="408"/>
      <c r="AX181" s="408"/>
      <c r="AY181" s="408"/>
      <c r="AZ181" s="408"/>
      <c r="BA181" s="308">
        <f t="shared" si="71"/>
        <v>100</v>
      </c>
      <c r="BB181" s="309"/>
      <c r="BC181" s="402" t="str">
        <f t="shared" si="72"/>
        <v/>
      </c>
      <c r="BD181" s="402" t="str">
        <f t="shared" si="73"/>
        <v/>
      </c>
      <c r="BE181" s="402" t="str">
        <f t="shared" si="74"/>
        <v/>
      </c>
      <c r="BF181" s="402" t="str">
        <f t="shared" si="75"/>
        <v/>
      </c>
      <c r="BG181" s="402" t="str">
        <f t="shared" si="76"/>
        <v/>
      </c>
      <c r="BH181" s="402" t="str">
        <f t="shared" si="77"/>
        <v/>
      </c>
      <c r="BI181" s="402" t="str">
        <f t="shared" si="78"/>
        <v/>
      </c>
      <c r="BJ181" s="402" t="str">
        <f t="shared" si="79"/>
        <v/>
      </c>
      <c r="BK181" s="402" t="str">
        <f t="shared" si="80"/>
        <v/>
      </c>
      <c r="BL181" s="402" t="str">
        <f t="shared" si="81"/>
        <v/>
      </c>
      <c r="BM181" s="402" t="str">
        <f t="shared" si="82"/>
        <v/>
      </c>
      <c r="BN181" s="402" t="str">
        <f t="shared" si="83"/>
        <v/>
      </c>
      <c r="BO181" s="402" t="str">
        <f t="shared" si="84"/>
        <v/>
      </c>
      <c r="BP181" s="402" t="str">
        <f t="shared" si="85"/>
        <v/>
      </c>
      <c r="BQ181" s="402" t="str">
        <f t="shared" si="86"/>
        <v/>
      </c>
      <c r="BR181" s="402" t="str">
        <f t="shared" si="87"/>
        <v/>
      </c>
      <c r="BS181" s="402" t="str">
        <f t="shared" si="88"/>
        <v/>
      </c>
      <c r="BT181" s="402" t="str">
        <f t="shared" si="89"/>
        <v/>
      </c>
      <c r="BU181" s="402">
        <f t="shared" si="90"/>
        <v>0</v>
      </c>
      <c r="BV181" s="402" t="str">
        <f t="shared" si="91"/>
        <v/>
      </c>
      <c r="BW181" s="402" t="str">
        <f t="shared" si="92"/>
        <v/>
      </c>
      <c r="BX181" s="402" t="str">
        <f t="shared" si="93"/>
        <v/>
      </c>
      <c r="BY181" s="402" t="str">
        <f t="shared" si="94"/>
        <v/>
      </c>
      <c r="BZ181" s="402" t="str">
        <f t="shared" si="95"/>
        <v/>
      </c>
      <c r="CA181" s="402" t="str">
        <f t="shared" si="96"/>
        <v/>
      </c>
      <c r="CB181" s="402" t="str">
        <f t="shared" si="97"/>
        <v/>
      </c>
      <c r="CC181" s="402" t="str">
        <f t="shared" si="98"/>
        <v/>
      </c>
      <c r="CD181" s="402" t="str">
        <f t="shared" si="99"/>
        <v/>
      </c>
      <c r="CE181" s="402" t="str">
        <f t="shared" si="100"/>
        <v/>
      </c>
      <c r="CF181" s="402" t="str">
        <f t="shared" si="101"/>
        <v/>
      </c>
      <c r="CG181" s="402" t="str">
        <f t="shared" si="102"/>
        <v/>
      </c>
      <c r="CH181" s="402"/>
      <c r="CI181" s="402"/>
      <c r="CJ181" s="402"/>
      <c r="CK181" s="402"/>
      <c r="CL181" s="402"/>
      <c r="CM181" s="402"/>
      <c r="CN181" s="402"/>
      <c r="CO181" s="402"/>
      <c r="CP181" s="402"/>
      <c r="CQ181" s="402"/>
      <c r="CR181" s="402"/>
      <c r="CS181" s="402"/>
      <c r="CT181" s="402"/>
      <c r="CU181" s="402"/>
      <c r="CV181" s="402"/>
      <c r="CW181" s="402"/>
      <c r="CX181" s="402"/>
      <c r="CY181" s="402"/>
      <c r="CZ181" s="402"/>
      <c r="DA181" s="402"/>
      <c r="DB181" s="402"/>
      <c r="DC181" s="402"/>
      <c r="DD181" s="407"/>
      <c r="DE181" s="407"/>
      <c r="DF181" s="407"/>
    </row>
    <row r="182" spans="3:110" s="395" customFormat="1" ht="56.1" customHeight="1" x14ac:dyDescent="0.2">
      <c r="C182" s="420">
        <v>369</v>
      </c>
      <c r="D182" s="420" t="s">
        <v>2481</v>
      </c>
      <c r="E182" s="96" t="s">
        <v>53</v>
      </c>
      <c r="F182" s="96" t="s">
        <v>515</v>
      </c>
      <c r="G182" s="407" t="s">
        <v>533</v>
      </c>
      <c r="H182" s="407" t="s">
        <v>534</v>
      </c>
      <c r="I182" s="407" t="s">
        <v>534</v>
      </c>
      <c r="J182" s="407"/>
      <c r="K182" s="407" t="s">
        <v>86</v>
      </c>
      <c r="L182" s="407" t="s">
        <v>35</v>
      </c>
      <c r="M182" s="407" t="s">
        <v>60</v>
      </c>
      <c r="N182" s="407" t="s">
        <v>334</v>
      </c>
      <c r="O182" s="407" t="s">
        <v>357</v>
      </c>
      <c r="P182" s="407" t="s">
        <v>63</v>
      </c>
      <c r="Q182" s="407" t="s">
        <v>63</v>
      </c>
      <c r="R182" s="410">
        <v>17793</v>
      </c>
      <c r="S182" s="410">
        <v>17793</v>
      </c>
      <c r="T182" s="407" t="s">
        <v>64</v>
      </c>
      <c r="U182" s="407" t="s">
        <v>82</v>
      </c>
      <c r="V182" s="408"/>
      <c r="W182" s="408"/>
      <c r="X182" s="408"/>
      <c r="Y182" s="408"/>
      <c r="Z182" s="408"/>
      <c r="AA182" s="402"/>
      <c r="AB182" s="408"/>
      <c r="AC182" s="408"/>
      <c r="AD182" s="408"/>
      <c r="AE182" s="408"/>
      <c r="AF182" s="408"/>
      <c r="AG182" s="408"/>
      <c r="AH182" s="408"/>
      <c r="AI182" s="408"/>
      <c r="AJ182" s="408"/>
      <c r="AK182" s="408"/>
      <c r="AL182" s="408"/>
      <c r="AM182" s="408"/>
      <c r="AN182" s="402" t="s">
        <v>66</v>
      </c>
      <c r="AO182" s="408"/>
      <c r="AP182" s="408"/>
      <c r="AQ182" s="408"/>
      <c r="AR182" s="408"/>
      <c r="AS182" s="408"/>
      <c r="AT182" s="408"/>
      <c r="AU182" s="408"/>
      <c r="AV182" s="408"/>
      <c r="AW182" s="408"/>
      <c r="AX182" s="408"/>
      <c r="AY182" s="408"/>
      <c r="AZ182" s="408"/>
      <c r="BA182" s="308">
        <f t="shared" si="71"/>
        <v>100</v>
      </c>
      <c r="BB182" s="309">
        <f>S182/BA182</f>
        <v>177.93</v>
      </c>
      <c r="BC182" s="402" t="str">
        <f t="shared" si="72"/>
        <v/>
      </c>
      <c r="BD182" s="402" t="str">
        <f t="shared" si="73"/>
        <v/>
      </c>
      <c r="BE182" s="402" t="str">
        <f t="shared" si="74"/>
        <v/>
      </c>
      <c r="BF182" s="402" t="str">
        <f t="shared" si="75"/>
        <v/>
      </c>
      <c r="BG182" s="402" t="str">
        <f t="shared" si="76"/>
        <v/>
      </c>
      <c r="BH182" s="402" t="str">
        <f t="shared" si="77"/>
        <v/>
      </c>
      <c r="BI182" s="402" t="str">
        <f t="shared" si="78"/>
        <v/>
      </c>
      <c r="BJ182" s="402" t="str">
        <f t="shared" si="79"/>
        <v/>
      </c>
      <c r="BK182" s="402" t="str">
        <f t="shared" si="80"/>
        <v/>
      </c>
      <c r="BL182" s="402" t="str">
        <f t="shared" si="81"/>
        <v/>
      </c>
      <c r="BM182" s="402" t="str">
        <f t="shared" si="82"/>
        <v/>
      </c>
      <c r="BN182" s="402" t="str">
        <f t="shared" si="83"/>
        <v/>
      </c>
      <c r="BO182" s="402" t="str">
        <f t="shared" si="84"/>
        <v/>
      </c>
      <c r="BP182" s="402" t="str">
        <f t="shared" si="85"/>
        <v/>
      </c>
      <c r="BQ182" s="402" t="str">
        <f t="shared" si="86"/>
        <v/>
      </c>
      <c r="BR182" s="402" t="str">
        <f t="shared" si="87"/>
        <v/>
      </c>
      <c r="BS182" s="402" t="str">
        <f t="shared" si="88"/>
        <v/>
      </c>
      <c r="BT182" s="402" t="str">
        <f t="shared" si="89"/>
        <v/>
      </c>
      <c r="BU182" s="402">
        <f t="shared" si="90"/>
        <v>17793</v>
      </c>
      <c r="BV182" s="402" t="str">
        <f t="shared" si="91"/>
        <v/>
      </c>
      <c r="BW182" s="402" t="str">
        <f t="shared" si="92"/>
        <v/>
      </c>
      <c r="BX182" s="402" t="str">
        <f t="shared" si="93"/>
        <v/>
      </c>
      <c r="BY182" s="402" t="str">
        <f t="shared" si="94"/>
        <v/>
      </c>
      <c r="BZ182" s="402" t="str">
        <f t="shared" si="95"/>
        <v/>
      </c>
      <c r="CA182" s="402" t="str">
        <f t="shared" si="96"/>
        <v/>
      </c>
      <c r="CB182" s="402" t="str">
        <f t="shared" si="97"/>
        <v/>
      </c>
      <c r="CC182" s="402" t="str">
        <f t="shared" si="98"/>
        <v/>
      </c>
      <c r="CD182" s="402" t="str">
        <f t="shared" si="99"/>
        <v/>
      </c>
      <c r="CE182" s="402" t="str">
        <f t="shared" si="100"/>
        <v/>
      </c>
      <c r="CF182" s="402" t="str">
        <f t="shared" si="101"/>
        <v/>
      </c>
      <c r="CG182" s="402" t="str">
        <f t="shared" si="102"/>
        <v/>
      </c>
      <c r="CH182" s="402"/>
      <c r="CI182" s="402"/>
      <c r="CJ182" s="402"/>
      <c r="CK182" s="402"/>
      <c r="CL182" s="402"/>
      <c r="CM182" s="402"/>
      <c r="CN182" s="402"/>
      <c r="CO182" s="402"/>
      <c r="CP182" s="402"/>
      <c r="CQ182" s="402"/>
      <c r="CR182" s="402"/>
      <c r="CS182" s="402"/>
      <c r="CT182" s="402"/>
      <c r="CU182" s="402"/>
      <c r="CV182" s="402"/>
      <c r="CW182" s="402"/>
      <c r="CX182" s="402"/>
      <c r="CY182" s="402"/>
      <c r="CZ182" s="402"/>
      <c r="DA182" s="402"/>
      <c r="DB182" s="402"/>
      <c r="DC182" s="402"/>
      <c r="DD182" s="407"/>
      <c r="DE182" s="407"/>
      <c r="DF182" s="407"/>
    </row>
    <row r="183" spans="3:110" s="395" customFormat="1" ht="56.1" customHeight="1" x14ac:dyDescent="0.2">
      <c r="C183" s="420">
        <v>370</v>
      </c>
      <c r="D183" s="420" t="s">
        <v>2481</v>
      </c>
      <c r="E183" s="96" t="s">
        <v>53</v>
      </c>
      <c r="F183" s="96" t="s">
        <v>515</v>
      </c>
      <c r="G183" s="407" t="s">
        <v>548</v>
      </c>
      <c r="H183" s="407" t="s">
        <v>536</v>
      </c>
      <c r="I183" s="407" t="s">
        <v>536</v>
      </c>
      <c r="J183" s="407"/>
      <c r="K183" s="407" t="s">
        <v>86</v>
      </c>
      <c r="L183" s="407" t="s">
        <v>310</v>
      </c>
      <c r="M183" s="407" t="s">
        <v>551</v>
      </c>
      <c r="N183" s="407" t="s">
        <v>334</v>
      </c>
      <c r="O183" s="407" t="s">
        <v>225</v>
      </c>
      <c r="P183" s="407" t="s">
        <v>63</v>
      </c>
      <c r="Q183" s="407" t="s">
        <v>63</v>
      </c>
      <c r="R183" s="410">
        <v>91707.494399999996</v>
      </c>
      <c r="S183" s="410">
        <v>91707.494399999996</v>
      </c>
      <c r="T183" s="407" t="s">
        <v>226</v>
      </c>
      <c r="U183" s="407" t="s">
        <v>82</v>
      </c>
      <c r="V183" s="408"/>
      <c r="W183" s="408"/>
      <c r="X183" s="408"/>
      <c r="Y183" s="408"/>
      <c r="Z183" s="408"/>
      <c r="AA183" s="402"/>
      <c r="AB183" s="408"/>
      <c r="AC183" s="408"/>
      <c r="AD183" s="408"/>
      <c r="AE183" s="408"/>
      <c r="AF183" s="408"/>
      <c r="AG183" s="408"/>
      <c r="AH183" s="408"/>
      <c r="AI183" s="408"/>
      <c r="AJ183" s="408"/>
      <c r="AK183" s="408"/>
      <c r="AL183" s="408"/>
      <c r="AM183" s="408"/>
      <c r="AN183" s="408"/>
      <c r="AO183" s="408"/>
      <c r="AP183" s="402" t="s">
        <v>66</v>
      </c>
      <c r="AQ183" s="408"/>
      <c r="AR183" s="408"/>
      <c r="AS183" s="408"/>
      <c r="AT183" s="408"/>
      <c r="AU183" s="408"/>
      <c r="AV183" s="408"/>
      <c r="AW183" s="408"/>
      <c r="AX183" s="408"/>
      <c r="AY183" s="408"/>
      <c r="AZ183" s="408"/>
      <c r="BA183" s="308">
        <f t="shared" si="71"/>
        <v>302</v>
      </c>
      <c r="BB183" s="309">
        <f>S183/BA183</f>
        <v>303.66719999999998</v>
      </c>
      <c r="BC183" s="402" t="str">
        <f t="shared" si="72"/>
        <v/>
      </c>
      <c r="BD183" s="402" t="str">
        <f t="shared" si="73"/>
        <v/>
      </c>
      <c r="BE183" s="402" t="str">
        <f t="shared" si="74"/>
        <v/>
      </c>
      <c r="BF183" s="402" t="str">
        <f t="shared" si="75"/>
        <v/>
      </c>
      <c r="BG183" s="402" t="str">
        <f t="shared" si="76"/>
        <v/>
      </c>
      <c r="BH183" s="402" t="str">
        <f t="shared" si="77"/>
        <v/>
      </c>
      <c r="BI183" s="402" t="str">
        <f t="shared" si="78"/>
        <v/>
      </c>
      <c r="BJ183" s="402" t="str">
        <f t="shared" si="79"/>
        <v/>
      </c>
      <c r="BK183" s="402" t="str">
        <f t="shared" si="80"/>
        <v/>
      </c>
      <c r="BL183" s="402" t="str">
        <f t="shared" si="81"/>
        <v/>
      </c>
      <c r="BM183" s="402" t="str">
        <f t="shared" si="82"/>
        <v/>
      </c>
      <c r="BN183" s="402" t="str">
        <f t="shared" si="83"/>
        <v/>
      </c>
      <c r="BO183" s="402" t="str">
        <f t="shared" si="84"/>
        <v/>
      </c>
      <c r="BP183" s="402" t="str">
        <f t="shared" si="85"/>
        <v/>
      </c>
      <c r="BQ183" s="402" t="str">
        <f t="shared" si="86"/>
        <v/>
      </c>
      <c r="BR183" s="402" t="str">
        <f t="shared" si="87"/>
        <v/>
      </c>
      <c r="BS183" s="402" t="str">
        <f t="shared" si="88"/>
        <v/>
      </c>
      <c r="BT183" s="402" t="str">
        <f t="shared" si="89"/>
        <v/>
      </c>
      <c r="BU183" s="402" t="str">
        <f t="shared" si="90"/>
        <v/>
      </c>
      <c r="BV183" s="402" t="str">
        <f t="shared" si="91"/>
        <v/>
      </c>
      <c r="BW183" s="402">
        <f t="shared" si="92"/>
        <v>91707.494399999996</v>
      </c>
      <c r="BX183" s="402" t="str">
        <f t="shared" si="93"/>
        <v/>
      </c>
      <c r="BY183" s="402" t="str">
        <f t="shared" si="94"/>
        <v/>
      </c>
      <c r="BZ183" s="402" t="str">
        <f t="shared" si="95"/>
        <v/>
      </c>
      <c r="CA183" s="402" t="str">
        <f t="shared" si="96"/>
        <v/>
      </c>
      <c r="CB183" s="402" t="str">
        <f t="shared" si="97"/>
        <v/>
      </c>
      <c r="CC183" s="402" t="str">
        <f t="shared" si="98"/>
        <v/>
      </c>
      <c r="CD183" s="402" t="str">
        <f t="shared" si="99"/>
        <v/>
      </c>
      <c r="CE183" s="402" t="str">
        <f t="shared" si="100"/>
        <v/>
      </c>
      <c r="CF183" s="402" t="str">
        <f t="shared" si="101"/>
        <v/>
      </c>
      <c r="CG183" s="402" t="str">
        <f t="shared" si="102"/>
        <v/>
      </c>
      <c r="CH183" s="402"/>
      <c r="CI183" s="402"/>
      <c r="CJ183" s="402"/>
      <c r="CK183" s="402"/>
      <c r="CL183" s="402"/>
      <c r="CM183" s="402"/>
      <c r="CN183" s="402"/>
      <c r="CO183" s="402"/>
      <c r="CP183" s="402"/>
      <c r="CQ183" s="402"/>
      <c r="CR183" s="402"/>
      <c r="CS183" s="402"/>
      <c r="CT183" s="402"/>
      <c r="CU183" s="402"/>
      <c r="CV183" s="402"/>
      <c r="CW183" s="402"/>
      <c r="CX183" s="402"/>
      <c r="CY183" s="402"/>
      <c r="CZ183" s="402"/>
      <c r="DA183" s="402"/>
      <c r="DB183" s="402"/>
      <c r="DC183" s="402"/>
      <c r="DD183" s="407"/>
      <c r="DE183" s="407"/>
      <c r="DF183" s="407"/>
    </row>
    <row r="184" spans="3:110" s="395" customFormat="1" ht="56.1" customHeight="1" x14ac:dyDescent="0.2">
      <c r="C184" s="420">
        <v>371</v>
      </c>
      <c r="D184" s="420" t="s">
        <v>2481</v>
      </c>
      <c r="E184" s="96" t="s">
        <v>53</v>
      </c>
      <c r="F184" s="96" t="s">
        <v>515</v>
      </c>
      <c r="G184" s="407" t="s">
        <v>518</v>
      </c>
      <c r="H184" s="407" t="s">
        <v>520</v>
      </c>
      <c r="I184" s="407" t="s">
        <v>520</v>
      </c>
      <c r="J184" s="407"/>
      <c r="K184" s="407" t="s">
        <v>86</v>
      </c>
      <c r="L184" s="407" t="s">
        <v>310</v>
      </c>
      <c r="M184" s="407" t="s">
        <v>551</v>
      </c>
      <c r="N184" s="407" t="s">
        <v>334</v>
      </c>
      <c r="O184" s="407" t="s">
        <v>225</v>
      </c>
      <c r="P184" s="407" t="s">
        <v>63</v>
      </c>
      <c r="Q184" s="407" t="s">
        <v>63</v>
      </c>
      <c r="R184" s="410">
        <v>240732.1728</v>
      </c>
      <c r="S184" s="410">
        <v>240732.1728</v>
      </c>
      <c r="T184" s="407" t="s">
        <v>226</v>
      </c>
      <c r="U184" s="407" t="s">
        <v>82</v>
      </c>
      <c r="V184" s="408"/>
      <c r="W184" s="408"/>
      <c r="X184" s="408"/>
      <c r="Y184" s="408"/>
      <c r="Z184" s="408"/>
      <c r="AA184" s="402"/>
      <c r="AB184" s="408"/>
      <c r="AC184" s="408"/>
      <c r="AD184" s="408"/>
      <c r="AE184" s="408"/>
      <c r="AF184" s="408"/>
      <c r="AG184" s="408"/>
      <c r="AH184" s="408"/>
      <c r="AI184" s="408"/>
      <c r="AJ184" s="408"/>
      <c r="AK184" s="408"/>
      <c r="AL184" s="408"/>
      <c r="AM184" s="408"/>
      <c r="AN184" s="408"/>
      <c r="AO184" s="408"/>
      <c r="AP184" s="402" t="s">
        <v>66</v>
      </c>
      <c r="AQ184" s="408"/>
      <c r="AR184" s="408"/>
      <c r="AS184" s="408"/>
      <c r="AT184" s="408"/>
      <c r="AU184" s="408"/>
      <c r="AV184" s="408"/>
      <c r="AW184" s="408"/>
      <c r="AX184" s="408"/>
      <c r="AY184" s="408"/>
      <c r="AZ184" s="408"/>
      <c r="BA184" s="308">
        <f t="shared" si="71"/>
        <v>302</v>
      </c>
      <c r="BB184" s="309">
        <f>S184/BA184</f>
        <v>797.12639999999999</v>
      </c>
      <c r="BC184" s="402" t="str">
        <f t="shared" si="72"/>
        <v/>
      </c>
      <c r="BD184" s="402" t="str">
        <f t="shared" si="73"/>
        <v/>
      </c>
      <c r="BE184" s="402" t="str">
        <f t="shared" si="74"/>
        <v/>
      </c>
      <c r="BF184" s="402" t="str">
        <f t="shared" si="75"/>
        <v/>
      </c>
      <c r="BG184" s="402" t="str">
        <f t="shared" si="76"/>
        <v/>
      </c>
      <c r="BH184" s="402" t="str">
        <f t="shared" si="77"/>
        <v/>
      </c>
      <c r="BI184" s="402" t="str">
        <f t="shared" si="78"/>
        <v/>
      </c>
      <c r="BJ184" s="402" t="str">
        <f t="shared" si="79"/>
        <v/>
      </c>
      <c r="BK184" s="402" t="str">
        <f t="shared" si="80"/>
        <v/>
      </c>
      <c r="BL184" s="402" t="str">
        <f t="shared" si="81"/>
        <v/>
      </c>
      <c r="BM184" s="402" t="str">
        <f t="shared" si="82"/>
        <v/>
      </c>
      <c r="BN184" s="402" t="str">
        <f t="shared" si="83"/>
        <v/>
      </c>
      <c r="BO184" s="402" t="str">
        <f t="shared" si="84"/>
        <v/>
      </c>
      <c r="BP184" s="402" t="str">
        <f t="shared" si="85"/>
        <v/>
      </c>
      <c r="BQ184" s="402" t="str">
        <f t="shared" si="86"/>
        <v/>
      </c>
      <c r="BR184" s="402" t="str">
        <f t="shared" si="87"/>
        <v/>
      </c>
      <c r="BS184" s="402" t="str">
        <f t="shared" si="88"/>
        <v/>
      </c>
      <c r="BT184" s="402" t="str">
        <f t="shared" si="89"/>
        <v/>
      </c>
      <c r="BU184" s="402" t="str">
        <f t="shared" si="90"/>
        <v/>
      </c>
      <c r="BV184" s="402" t="str">
        <f t="shared" si="91"/>
        <v/>
      </c>
      <c r="BW184" s="402">
        <f t="shared" si="92"/>
        <v>240732.1728</v>
      </c>
      <c r="BX184" s="402" t="str">
        <f t="shared" si="93"/>
        <v/>
      </c>
      <c r="BY184" s="402" t="str">
        <f t="shared" si="94"/>
        <v/>
      </c>
      <c r="BZ184" s="402" t="str">
        <f t="shared" si="95"/>
        <v/>
      </c>
      <c r="CA184" s="402" t="str">
        <f t="shared" si="96"/>
        <v/>
      </c>
      <c r="CB184" s="402" t="str">
        <f t="shared" si="97"/>
        <v/>
      </c>
      <c r="CC184" s="402" t="str">
        <f t="shared" si="98"/>
        <v/>
      </c>
      <c r="CD184" s="402" t="str">
        <f t="shared" si="99"/>
        <v/>
      </c>
      <c r="CE184" s="402" t="str">
        <f t="shared" si="100"/>
        <v/>
      </c>
      <c r="CF184" s="402" t="str">
        <f t="shared" si="101"/>
        <v/>
      </c>
      <c r="CG184" s="402" t="str">
        <f t="shared" si="102"/>
        <v/>
      </c>
      <c r="CH184" s="402"/>
      <c r="CI184" s="402"/>
      <c r="CJ184" s="402"/>
      <c r="CK184" s="402"/>
      <c r="CL184" s="402"/>
      <c r="CM184" s="402"/>
      <c r="CN184" s="402"/>
      <c r="CO184" s="402"/>
      <c r="CP184" s="402"/>
      <c r="CQ184" s="402"/>
      <c r="CR184" s="402"/>
      <c r="CS184" s="402"/>
      <c r="CT184" s="402"/>
      <c r="CU184" s="402"/>
      <c r="CV184" s="402"/>
      <c r="CW184" s="402"/>
      <c r="CX184" s="402"/>
      <c r="CY184" s="402"/>
      <c r="CZ184" s="402"/>
      <c r="DA184" s="402"/>
      <c r="DB184" s="402"/>
      <c r="DC184" s="402"/>
      <c r="DD184" s="407"/>
      <c r="DE184" s="407"/>
      <c r="DF184" s="407"/>
    </row>
    <row r="185" spans="3:110" s="395" customFormat="1" ht="56.1" customHeight="1" x14ac:dyDescent="0.2">
      <c r="C185" s="420">
        <v>372</v>
      </c>
      <c r="D185" s="420" t="s">
        <v>2481</v>
      </c>
      <c r="E185" s="96" t="s">
        <v>53</v>
      </c>
      <c r="F185" s="96" t="s">
        <v>515</v>
      </c>
      <c r="G185" s="407" t="s">
        <v>521</v>
      </c>
      <c r="H185" s="407" t="s">
        <v>522</v>
      </c>
      <c r="I185" s="407" t="s">
        <v>522</v>
      </c>
      <c r="J185" s="407"/>
      <c r="K185" s="407" t="s">
        <v>86</v>
      </c>
      <c r="L185" s="407" t="s">
        <v>310</v>
      </c>
      <c r="M185" s="407" t="s">
        <v>551</v>
      </c>
      <c r="N185" s="407" t="s">
        <v>334</v>
      </c>
      <c r="O185" s="407" t="s">
        <v>225</v>
      </c>
      <c r="P185" s="407" t="s">
        <v>63</v>
      </c>
      <c r="Q185" s="407" t="s">
        <v>63</v>
      </c>
      <c r="R185" s="410">
        <v>336260.81280000001</v>
      </c>
      <c r="S185" s="410">
        <v>336260.81280000001</v>
      </c>
      <c r="T185" s="407" t="s">
        <v>226</v>
      </c>
      <c r="U185" s="407" t="s">
        <v>82</v>
      </c>
      <c r="V185" s="408"/>
      <c r="W185" s="408"/>
      <c r="X185" s="408"/>
      <c r="Y185" s="408"/>
      <c r="Z185" s="408"/>
      <c r="AA185" s="402"/>
      <c r="AB185" s="408"/>
      <c r="AC185" s="408"/>
      <c r="AD185" s="408"/>
      <c r="AE185" s="408"/>
      <c r="AF185" s="408"/>
      <c r="AG185" s="408"/>
      <c r="AH185" s="408"/>
      <c r="AI185" s="408"/>
      <c r="AJ185" s="408"/>
      <c r="AK185" s="408"/>
      <c r="AL185" s="408"/>
      <c r="AM185" s="408"/>
      <c r="AN185" s="408"/>
      <c r="AO185" s="408"/>
      <c r="AP185" s="402" t="s">
        <v>66</v>
      </c>
      <c r="AQ185" s="408"/>
      <c r="AR185" s="408"/>
      <c r="AS185" s="408"/>
      <c r="AT185" s="408"/>
      <c r="AU185" s="408"/>
      <c r="AV185" s="408"/>
      <c r="AW185" s="408"/>
      <c r="AX185" s="408"/>
      <c r="AY185" s="408"/>
      <c r="AZ185" s="408"/>
      <c r="BA185" s="308">
        <f t="shared" si="71"/>
        <v>302</v>
      </c>
      <c r="BB185" s="309">
        <f>S185/BA185</f>
        <v>1113.4464</v>
      </c>
      <c r="BC185" s="402" t="str">
        <f t="shared" si="72"/>
        <v/>
      </c>
      <c r="BD185" s="402" t="str">
        <f t="shared" si="73"/>
        <v/>
      </c>
      <c r="BE185" s="402" t="str">
        <f t="shared" si="74"/>
        <v/>
      </c>
      <c r="BF185" s="402" t="str">
        <f t="shared" si="75"/>
        <v/>
      </c>
      <c r="BG185" s="402" t="str">
        <f t="shared" si="76"/>
        <v/>
      </c>
      <c r="BH185" s="402" t="str">
        <f t="shared" si="77"/>
        <v/>
      </c>
      <c r="BI185" s="402" t="str">
        <f t="shared" si="78"/>
        <v/>
      </c>
      <c r="BJ185" s="402" t="str">
        <f t="shared" si="79"/>
        <v/>
      </c>
      <c r="BK185" s="402" t="str">
        <f t="shared" si="80"/>
        <v/>
      </c>
      <c r="BL185" s="402" t="str">
        <f t="shared" si="81"/>
        <v/>
      </c>
      <c r="BM185" s="402" t="str">
        <f t="shared" si="82"/>
        <v/>
      </c>
      <c r="BN185" s="402" t="str">
        <f t="shared" si="83"/>
        <v/>
      </c>
      <c r="BO185" s="402" t="str">
        <f t="shared" si="84"/>
        <v/>
      </c>
      <c r="BP185" s="402" t="str">
        <f t="shared" si="85"/>
        <v/>
      </c>
      <c r="BQ185" s="402" t="str">
        <f t="shared" si="86"/>
        <v/>
      </c>
      <c r="BR185" s="402" t="str">
        <f t="shared" si="87"/>
        <v/>
      </c>
      <c r="BS185" s="402" t="str">
        <f t="shared" si="88"/>
        <v/>
      </c>
      <c r="BT185" s="402" t="str">
        <f t="shared" si="89"/>
        <v/>
      </c>
      <c r="BU185" s="402" t="str">
        <f t="shared" si="90"/>
        <v/>
      </c>
      <c r="BV185" s="402" t="str">
        <f t="shared" si="91"/>
        <v/>
      </c>
      <c r="BW185" s="402">
        <f t="shared" si="92"/>
        <v>336260.81280000001</v>
      </c>
      <c r="BX185" s="402" t="str">
        <f t="shared" si="93"/>
        <v/>
      </c>
      <c r="BY185" s="402" t="str">
        <f t="shared" si="94"/>
        <v/>
      </c>
      <c r="BZ185" s="402" t="str">
        <f t="shared" si="95"/>
        <v/>
      </c>
      <c r="CA185" s="402" t="str">
        <f t="shared" si="96"/>
        <v/>
      </c>
      <c r="CB185" s="402" t="str">
        <f t="shared" si="97"/>
        <v/>
      </c>
      <c r="CC185" s="402" t="str">
        <f t="shared" si="98"/>
        <v/>
      </c>
      <c r="CD185" s="402" t="str">
        <f t="shared" si="99"/>
        <v/>
      </c>
      <c r="CE185" s="402" t="str">
        <f t="shared" si="100"/>
        <v/>
      </c>
      <c r="CF185" s="402" t="str">
        <f t="shared" si="101"/>
        <v/>
      </c>
      <c r="CG185" s="402" t="str">
        <f t="shared" si="102"/>
        <v/>
      </c>
      <c r="CH185" s="402"/>
      <c r="CI185" s="402"/>
      <c r="CJ185" s="402"/>
      <c r="CK185" s="402"/>
      <c r="CL185" s="402"/>
      <c r="CM185" s="402"/>
      <c r="CN185" s="402"/>
      <c r="CO185" s="402"/>
      <c r="CP185" s="402"/>
      <c r="CQ185" s="402"/>
      <c r="CR185" s="402"/>
      <c r="CS185" s="402"/>
      <c r="CT185" s="402"/>
      <c r="CU185" s="402"/>
      <c r="CV185" s="402"/>
      <c r="CW185" s="402"/>
      <c r="CX185" s="402"/>
      <c r="CY185" s="402"/>
      <c r="CZ185" s="402"/>
      <c r="DA185" s="402"/>
      <c r="DB185" s="402"/>
      <c r="DC185" s="402"/>
      <c r="DD185" s="407"/>
      <c r="DE185" s="407"/>
      <c r="DF185" s="407"/>
    </row>
    <row r="186" spans="3:110" s="395" customFormat="1" ht="56.1" customHeight="1" x14ac:dyDescent="0.2">
      <c r="C186" s="420">
        <v>373</v>
      </c>
      <c r="D186" s="420" t="s">
        <v>2481</v>
      </c>
      <c r="E186" s="96" t="s">
        <v>53</v>
      </c>
      <c r="F186" s="96" t="s">
        <v>515</v>
      </c>
      <c r="G186" s="407" t="s">
        <v>523</v>
      </c>
      <c r="H186" s="407" t="s">
        <v>524</v>
      </c>
      <c r="I186" s="407" t="s">
        <v>524</v>
      </c>
      <c r="J186" s="407"/>
      <c r="K186" s="407" t="s">
        <v>86</v>
      </c>
      <c r="L186" s="407" t="s">
        <v>310</v>
      </c>
      <c r="M186" s="407" t="s">
        <v>551</v>
      </c>
      <c r="N186" s="407" t="s">
        <v>525</v>
      </c>
      <c r="O186" s="407" t="s">
        <v>225</v>
      </c>
      <c r="P186" s="407" t="s">
        <v>63</v>
      </c>
      <c r="Q186" s="407" t="s">
        <v>63</v>
      </c>
      <c r="R186" s="410">
        <v>0</v>
      </c>
      <c r="S186" s="410">
        <v>0</v>
      </c>
      <c r="T186" s="407" t="s">
        <v>226</v>
      </c>
      <c r="U186" s="407" t="s">
        <v>82</v>
      </c>
      <c r="V186" s="408"/>
      <c r="W186" s="408"/>
      <c r="X186" s="408"/>
      <c r="Y186" s="408"/>
      <c r="Z186" s="408"/>
      <c r="AA186" s="402"/>
      <c r="AB186" s="408"/>
      <c r="AC186" s="408"/>
      <c r="AD186" s="408"/>
      <c r="AE186" s="408"/>
      <c r="AF186" s="408"/>
      <c r="AG186" s="408"/>
      <c r="AH186" s="408"/>
      <c r="AI186" s="408"/>
      <c r="AJ186" s="408"/>
      <c r="AK186" s="408"/>
      <c r="AL186" s="408"/>
      <c r="AM186" s="408"/>
      <c r="AN186" s="408"/>
      <c r="AO186" s="408"/>
      <c r="AP186" s="402" t="s">
        <v>66</v>
      </c>
      <c r="AQ186" s="408"/>
      <c r="AR186" s="408"/>
      <c r="AS186" s="408"/>
      <c r="AT186" s="408"/>
      <c r="AU186" s="408"/>
      <c r="AV186" s="408"/>
      <c r="AW186" s="408"/>
      <c r="AX186" s="408"/>
      <c r="AY186" s="408"/>
      <c r="AZ186" s="408"/>
      <c r="BA186" s="308">
        <f t="shared" si="71"/>
        <v>302</v>
      </c>
      <c r="BB186" s="309"/>
      <c r="BC186" s="402" t="str">
        <f t="shared" si="72"/>
        <v/>
      </c>
      <c r="BD186" s="402" t="str">
        <f t="shared" si="73"/>
        <v/>
      </c>
      <c r="BE186" s="402" t="str">
        <f t="shared" si="74"/>
        <v/>
      </c>
      <c r="BF186" s="402" t="str">
        <f t="shared" si="75"/>
        <v/>
      </c>
      <c r="BG186" s="402" t="str">
        <f t="shared" si="76"/>
        <v/>
      </c>
      <c r="BH186" s="402" t="str">
        <f t="shared" si="77"/>
        <v/>
      </c>
      <c r="BI186" s="402" t="str">
        <f t="shared" si="78"/>
        <v/>
      </c>
      <c r="BJ186" s="402" t="str">
        <f t="shared" si="79"/>
        <v/>
      </c>
      <c r="BK186" s="402" t="str">
        <f t="shared" si="80"/>
        <v/>
      </c>
      <c r="BL186" s="402" t="str">
        <f t="shared" si="81"/>
        <v/>
      </c>
      <c r="BM186" s="402" t="str">
        <f t="shared" si="82"/>
        <v/>
      </c>
      <c r="BN186" s="402" t="str">
        <f t="shared" si="83"/>
        <v/>
      </c>
      <c r="BO186" s="402" t="str">
        <f t="shared" si="84"/>
        <v/>
      </c>
      <c r="BP186" s="402" t="str">
        <f t="shared" si="85"/>
        <v/>
      </c>
      <c r="BQ186" s="402" t="str">
        <f t="shared" si="86"/>
        <v/>
      </c>
      <c r="BR186" s="402" t="str">
        <f t="shared" si="87"/>
        <v/>
      </c>
      <c r="BS186" s="402" t="str">
        <f t="shared" si="88"/>
        <v/>
      </c>
      <c r="BT186" s="402" t="str">
        <f t="shared" si="89"/>
        <v/>
      </c>
      <c r="BU186" s="402" t="str">
        <f t="shared" si="90"/>
        <v/>
      </c>
      <c r="BV186" s="402" t="str">
        <f t="shared" si="91"/>
        <v/>
      </c>
      <c r="BW186" s="402">
        <f t="shared" si="92"/>
        <v>0</v>
      </c>
      <c r="BX186" s="402" t="str">
        <f t="shared" si="93"/>
        <v/>
      </c>
      <c r="BY186" s="402" t="str">
        <f t="shared" si="94"/>
        <v/>
      </c>
      <c r="BZ186" s="402" t="str">
        <f t="shared" si="95"/>
        <v/>
      </c>
      <c r="CA186" s="402" t="str">
        <f t="shared" si="96"/>
        <v/>
      </c>
      <c r="CB186" s="402" t="str">
        <f t="shared" si="97"/>
        <v/>
      </c>
      <c r="CC186" s="402" t="str">
        <f t="shared" si="98"/>
        <v/>
      </c>
      <c r="CD186" s="402" t="str">
        <f t="shared" si="99"/>
        <v/>
      </c>
      <c r="CE186" s="402" t="str">
        <f t="shared" si="100"/>
        <v/>
      </c>
      <c r="CF186" s="402" t="str">
        <f t="shared" si="101"/>
        <v/>
      </c>
      <c r="CG186" s="402" t="str">
        <f t="shared" si="102"/>
        <v/>
      </c>
      <c r="CH186" s="402"/>
      <c r="CI186" s="402"/>
      <c r="CJ186" s="402"/>
      <c r="CK186" s="402"/>
      <c r="CL186" s="402"/>
      <c r="CM186" s="402"/>
      <c r="CN186" s="402"/>
      <c r="CO186" s="402"/>
      <c r="CP186" s="402"/>
      <c r="CQ186" s="402"/>
      <c r="CR186" s="402"/>
      <c r="CS186" s="402"/>
      <c r="CT186" s="402"/>
      <c r="CU186" s="402"/>
      <c r="CV186" s="402"/>
      <c r="CW186" s="402"/>
      <c r="CX186" s="402"/>
      <c r="CY186" s="402"/>
      <c r="CZ186" s="402"/>
      <c r="DA186" s="402"/>
      <c r="DB186" s="402"/>
      <c r="DC186" s="402"/>
      <c r="DD186" s="407"/>
      <c r="DE186" s="407"/>
      <c r="DF186" s="407"/>
    </row>
    <row r="187" spans="3:110" s="395" customFormat="1" ht="56.1" customHeight="1" x14ac:dyDescent="0.2">
      <c r="C187" s="420">
        <v>374</v>
      </c>
      <c r="D187" s="420" t="s">
        <v>2481</v>
      </c>
      <c r="E187" s="96" t="s">
        <v>53</v>
      </c>
      <c r="F187" s="96" t="s">
        <v>515</v>
      </c>
      <c r="G187" s="407" t="s">
        <v>539</v>
      </c>
      <c r="H187" s="407" t="s">
        <v>527</v>
      </c>
      <c r="I187" s="407" t="s">
        <v>527</v>
      </c>
      <c r="J187" s="407"/>
      <c r="K187" s="407" t="s">
        <v>86</v>
      </c>
      <c r="L187" s="407" t="s">
        <v>310</v>
      </c>
      <c r="M187" s="407" t="s">
        <v>551</v>
      </c>
      <c r="N187" s="407" t="s">
        <v>525</v>
      </c>
      <c r="O187" s="407" t="s">
        <v>225</v>
      </c>
      <c r="P187" s="407" t="s">
        <v>63</v>
      </c>
      <c r="Q187" s="407" t="s">
        <v>63</v>
      </c>
      <c r="R187" s="410">
        <v>0</v>
      </c>
      <c r="S187" s="410">
        <v>0</v>
      </c>
      <c r="T187" s="407" t="s">
        <v>226</v>
      </c>
      <c r="U187" s="407" t="s">
        <v>82</v>
      </c>
      <c r="V187" s="408"/>
      <c r="W187" s="408"/>
      <c r="X187" s="408"/>
      <c r="Y187" s="408"/>
      <c r="Z187" s="408"/>
      <c r="AA187" s="402"/>
      <c r="AB187" s="408"/>
      <c r="AC187" s="408"/>
      <c r="AD187" s="408"/>
      <c r="AE187" s="408"/>
      <c r="AF187" s="408"/>
      <c r="AG187" s="408"/>
      <c r="AH187" s="408"/>
      <c r="AI187" s="408"/>
      <c r="AJ187" s="408"/>
      <c r="AK187" s="408"/>
      <c r="AL187" s="408"/>
      <c r="AM187" s="408"/>
      <c r="AN187" s="408"/>
      <c r="AO187" s="408"/>
      <c r="AP187" s="402" t="s">
        <v>66</v>
      </c>
      <c r="AQ187" s="408"/>
      <c r="AR187" s="408"/>
      <c r="AS187" s="408"/>
      <c r="AT187" s="408"/>
      <c r="AU187" s="408"/>
      <c r="AV187" s="408"/>
      <c r="AW187" s="408"/>
      <c r="AX187" s="408"/>
      <c r="AY187" s="408"/>
      <c r="AZ187" s="408"/>
      <c r="BA187" s="308">
        <f t="shared" si="71"/>
        <v>302</v>
      </c>
      <c r="BB187" s="309"/>
      <c r="BC187" s="402" t="str">
        <f t="shared" si="72"/>
        <v/>
      </c>
      <c r="BD187" s="402" t="str">
        <f t="shared" si="73"/>
        <v/>
      </c>
      <c r="BE187" s="402" t="str">
        <f t="shared" si="74"/>
        <v/>
      </c>
      <c r="BF187" s="402" t="str">
        <f t="shared" si="75"/>
        <v/>
      </c>
      <c r="BG187" s="402" t="str">
        <f t="shared" si="76"/>
        <v/>
      </c>
      <c r="BH187" s="402" t="str">
        <f t="shared" si="77"/>
        <v/>
      </c>
      <c r="BI187" s="402" t="str">
        <f t="shared" si="78"/>
        <v/>
      </c>
      <c r="BJ187" s="402" t="str">
        <f t="shared" si="79"/>
        <v/>
      </c>
      <c r="BK187" s="402" t="str">
        <f t="shared" si="80"/>
        <v/>
      </c>
      <c r="BL187" s="402" t="str">
        <f t="shared" si="81"/>
        <v/>
      </c>
      <c r="BM187" s="402" t="str">
        <f t="shared" si="82"/>
        <v/>
      </c>
      <c r="BN187" s="402" t="str">
        <f t="shared" si="83"/>
        <v/>
      </c>
      <c r="BO187" s="402" t="str">
        <f t="shared" si="84"/>
        <v/>
      </c>
      <c r="BP187" s="402" t="str">
        <f t="shared" si="85"/>
        <v/>
      </c>
      <c r="BQ187" s="402" t="str">
        <f t="shared" si="86"/>
        <v/>
      </c>
      <c r="BR187" s="402" t="str">
        <f t="shared" si="87"/>
        <v/>
      </c>
      <c r="BS187" s="402" t="str">
        <f t="shared" si="88"/>
        <v/>
      </c>
      <c r="BT187" s="402" t="str">
        <f t="shared" si="89"/>
        <v/>
      </c>
      <c r="BU187" s="402" t="str">
        <f t="shared" si="90"/>
        <v/>
      </c>
      <c r="BV187" s="402" t="str">
        <f t="shared" si="91"/>
        <v/>
      </c>
      <c r="BW187" s="402">
        <f t="shared" si="92"/>
        <v>0</v>
      </c>
      <c r="BX187" s="402" t="str">
        <f t="shared" si="93"/>
        <v/>
      </c>
      <c r="BY187" s="402" t="str">
        <f t="shared" si="94"/>
        <v/>
      </c>
      <c r="BZ187" s="402" t="str">
        <f t="shared" si="95"/>
        <v/>
      </c>
      <c r="CA187" s="402" t="str">
        <f t="shared" si="96"/>
        <v/>
      </c>
      <c r="CB187" s="402" t="str">
        <f t="shared" si="97"/>
        <v/>
      </c>
      <c r="CC187" s="402" t="str">
        <f t="shared" si="98"/>
        <v/>
      </c>
      <c r="CD187" s="402" t="str">
        <f t="shared" si="99"/>
        <v/>
      </c>
      <c r="CE187" s="402" t="str">
        <f t="shared" si="100"/>
        <v/>
      </c>
      <c r="CF187" s="402" t="str">
        <f t="shared" si="101"/>
        <v/>
      </c>
      <c r="CG187" s="402" t="str">
        <f t="shared" si="102"/>
        <v/>
      </c>
      <c r="CH187" s="402"/>
      <c r="CI187" s="402"/>
      <c r="CJ187" s="402"/>
      <c r="CK187" s="402"/>
      <c r="CL187" s="402"/>
      <c r="CM187" s="402"/>
      <c r="CN187" s="402"/>
      <c r="CO187" s="402"/>
      <c r="CP187" s="402"/>
      <c r="CQ187" s="402"/>
      <c r="CR187" s="402"/>
      <c r="CS187" s="402"/>
      <c r="CT187" s="402"/>
      <c r="CU187" s="402"/>
      <c r="CV187" s="402"/>
      <c r="CW187" s="402"/>
      <c r="CX187" s="402"/>
      <c r="CY187" s="402"/>
      <c r="CZ187" s="402"/>
      <c r="DA187" s="402"/>
      <c r="DB187" s="402"/>
      <c r="DC187" s="402"/>
      <c r="DD187" s="407"/>
      <c r="DE187" s="407"/>
      <c r="DF187" s="407"/>
    </row>
    <row r="188" spans="3:110" s="395" customFormat="1" ht="56.1" customHeight="1" x14ac:dyDescent="0.2">
      <c r="C188" s="420">
        <v>375</v>
      </c>
      <c r="D188" s="420" t="s">
        <v>2481</v>
      </c>
      <c r="E188" s="96" t="s">
        <v>53</v>
      </c>
      <c r="F188" s="96" t="s">
        <v>515</v>
      </c>
      <c r="G188" s="407" t="s">
        <v>528</v>
      </c>
      <c r="H188" s="407" t="s">
        <v>529</v>
      </c>
      <c r="I188" s="407" t="s">
        <v>529</v>
      </c>
      <c r="J188" s="407"/>
      <c r="K188" s="407" t="s">
        <v>86</v>
      </c>
      <c r="L188" s="407" t="s">
        <v>310</v>
      </c>
      <c r="M188" s="407" t="s">
        <v>551</v>
      </c>
      <c r="N188" s="407" t="s">
        <v>525</v>
      </c>
      <c r="O188" s="407" t="s">
        <v>225</v>
      </c>
      <c r="P188" s="407" t="s">
        <v>63</v>
      </c>
      <c r="Q188" s="407" t="s">
        <v>63</v>
      </c>
      <c r="R188" s="410">
        <v>0</v>
      </c>
      <c r="S188" s="410">
        <v>0</v>
      </c>
      <c r="T188" s="407" t="s">
        <v>226</v>
      </c>
      <c r="U188" s="407" t="s">
        <v>82</v>
      </c>
      <c r="V188" s="408"/>
      <c r="W188" s="408"/>
      <c r="X188" s="408"/>
      <c r="Y188" s="408"/>
      <c r="Z188" s="408"/>
      <c r="AA188" s="402"/>
      <c r="AB188" s="408"/>
      <c r="AC188" s="408"/>
      <c r="AD188" s="408"/>
      <c r="AE188" s="408"/>
      <c r="AF188" s="408"/>
      <c r="AG188" s="408"/>
      <c r="AH188" s="408"/>
      <c r="AI188" s="408"/>
      <c r="AJ188" s="408"/>
      <c r="AK188" s="408"/>
      <c r="AL188" s="408"/>
      <c r="AM188" s="408"/>
      <c r="AN188" s="408"/>
      <c r="AO188" s="408"/>
      <c r="AP188" s="402" t="s">
        <v>66</v>
      </c>
      <c r="AQ188" s="408"/>
      <c r="AR188" s="408"/>
      <c r="AS188" s="408"/>
      <c r="AT188" s="408"/>
      <c r="AU188" s="408"/>
      <c r="AV188" s="408"/>
      <c r="AW188" s="408"/>
      <c r="AX188" s="408"/>
      <c r="AY188" s="408"/>
      <c r="AZ188" s="408"/>
      <c r="BA188" s="308">
        <f t="shared" si="71"/>
        <v>302</v>
      </c>
      <c r="BB188" s="309"/>
      <c r="BC188" s="402" t="str">
        <f t="shared" si="72"/>
        <v/>
      </c>
      <c r="BD188" s="402" t="str">
        <f t="shared" si="73"/>
        <v/>
      </c>
      <c r="BE188" s="402" t="str">
        <f t="shared" si="74"/>
        <v/>
      </c>
      <c r="BF188" s="402" t="str">
        <f t="shared" si="75"/>
        <v/>
      </c>
      <c r="BG188" s="402" t="str">
        <f t="shared" si="76"/>
        <v/>
      </c>
      <c r="BH188" s="402" t="str">
        <f t="shared" si="77"/>
        <v/>
      </c>
      <c r="BI188" s="402" t="str">
        <f t="shared" si="78"/>
        <v/>
      </c>
      <c r="BJ188" s="402" t="str">
        <f t="shared" si="79"/>
        <v/>
      </c>
      <c r="BK188" s="402" t="str">
        <f t="shared" si="80"/>
        <v/>
      </c>
      <c r="BL188" s="402" t="str">
        <f t="shared" si="81"/>
        <v/>
      </c>
      <c r="BM188" s="402" t="str">
        <f t="shared" si="82"/>
        <v/>
      </c>
      <c r="BN188" s="402" t="str">
        <f t="shared" si="83"/>
        <v/>
      </c>
      <c r="BO188" s="402" t="str">
        <f t="shared" si="84"/>
        <v/>
      </c>
      <c r="BP188" s="402" t="str">
        <f t="shared" si="85"/>
        <v/>
      </c>
      <c r="BQ188" s="402" t="str">
        <f t="shared" si="86"/>
        <v/>
      </c>
      <c r="BR188" s="402" t="str">
        <f t="shared" si="87"/>
        <v/>
      </c>
      <c r="BS188" s="402" t="str">
        <f t="shared" si="88"/>
        <v/>
      </c>
      <c r="BT188" s="402" t="str">
        <f t="shared" si="89"/>
        <v/>
      </c>
      <c r="BU188" s="402" t="str">
        <f t="shared" si="90"/>
        <v/>
      </c>
      <c r="BV188" s="402" t="str">
        <f t="shared" si="91"/>
        <v/>
      </c>
      <c r="BW188" s="402">
        <f t="shared" si="92"/>
        <v>0</v>
      </c>
      <c r="BX188" s="402" t="str">
        <f t="shared" si="93"/>
        <v/>
      </c>
      <c r="BY188" s="402" t="str">
        <f t="shared" si="94"/>
        <v/>
      </c>
      <c r="BZ188" s="402" t="str">
        <f t="shared" si="95"/>
        <v/>
      </c>
      <c r="CA188" s="402" t="str">
        <f t="shared" si="96"/>
        <v/>
      </c>
      <c r="CB188" s="402" t="str">
        <f t="shared" si="97"/>
        <v/>
      </c>
      <c r="CC188" s="402" t="str">
        <f t="shared" si="98"/>
        <v/>
      </c>
      <c r="CD188" s="402" t="str">
        <f t="shared" si="99"/>
        <v/>
      </c>
      <c r="CE188" s="402" t="str">
        <f t="shared" si="100"/>
        <v/>
      </c>
      <c r="CF188" s="402" t="str">
        <f t="shared" si="101"/>
        <v/>
      </c>
      <c r="CG188" s="402" t="str">
        <f t="shared" si="102"/>
        <v/>
      </c>
      <c r="CH188" s="402"/>
      <c r="CI188" s="402"/>
      <c r="CJ188" s="402"/>
      <c r="CK188" s="402"/>
      <c r="CL188" s="402"/>
      <c r="CM188" s="402"/>
      <c r="CN188" s="402"/>
      <c r="CO188" s="402"/>
      <c r="CP188" s="402"/>
      <c r="CQ188" s="402"/>
      <c r="CR188" s="402"/>
      <c r="CS188" s="402"/>
      <c r="CT188" s="402"/>
      <c r="CU188" s="402"/>
      <c r="CV188" s="402"/>
      <c r="CW188" s="402"/>
      <c r="CX188" s="402"/>
      <c r="CY188" s="402"/>
      <c r="CZ188" s="402"/>
      <c r="DA188" s="402"/>
      <c r="DB188" s="402"/>
      <c r="DC188" s="402"/>
      <c r="DD188" s="407"/>
      <c r="DE188" s="407"/>
      <c r="DF188" s="407"/>
    </row>
    <row r="189" spans="3:110" s="395" customFormat="1" ht="56.1" customHeight="1" x14ac:dyDescent="0.2">
      <c r="C189" s="420">
        <v>376</v>
      </c>
      <c r="D189" s="420" t="s">
        <v>2481</v>
      </c>
      <c r="E189" s="96" t="s">
        <v>53</v>
      </c>
      <c r="F189" s="96" t="s">
        <v>515</v>
      </c>
      <c r="G189" s="407" t="s">
        <v>530</v>
      </c>
      <c r="H189" s="407" t="s">
        <v>532</v>
      </c>
      <c r="I189" s="407" t="s">
        <v>532</v>
      </c>
      <c r="J189" s="407"/>
      <c r="K189" s="407" t="s">
        <v>86</v>
      </c>
      <c r="L189" s="407" t="s">
        <v>310</v>
      </c>
      <c r="M189" s="407" t="s">
        <v>551</v>
      </c>
      <c r="N189" s="407" t="s">
        <v>525</v>
      </c>
      <c r="O189" s="407" t="s">
        <v>225</v>
      </c>
      <c r="P189" s="407" t="s">
        <v>63</v>
      </c>
      <c r="Q189" s="407" t="s">
        <v>63</v>
      </c>
      <c r="R189" s="410">
        <v>0</v>
      </c>
      <c r="S189" s="410">
        <v>0</v>
      </c>
      <c r="T189" s="407" t="s">
        <v>226</v>
      </c>
      <c r="U189" s="407" t="s">
        <v>82</v>
      </c>
      <c r="V189" s="408"/>
      <c r="W189" s="408"/>
      <c r="X189" s="408"/>
      <c r="Y189" s="408"/>
      <c r="Z189" s="408"/>
      <c r="AA189" s="402"/>
      <c r="AB189" s="408"/>
      <c r="AC189" s="408"/>
      <c r="AD189" s="408"/>
      <c r="AE189" s="408"/>
      <c r="AF189" s="408"/>
      <c r="AG189" s="408"/>
      <c r="AH189" s="408"/>
      <c r="AI189" s="408"/>
      <c r="AJ189" s="408"/>
      <c r="AK189" s="408"/>
      <c r="AL189" s="408"/>
      <c r="AM189" s="408"/>
      <c r="AN189" s="408"/>
      <c r="AO189" s="408"/>
      <c r="AP189" s="402" t="s">
        <v>66</v>
      </c>
      <c r="AQ189" s="408"/>
      <c r="AR189" s="408"/>
      <c r="AS189" s="408"/>
      <c r="AT189" s="408"/>
      <c r="AU189" s="408"/>
      <c r="AV189" s="408"/>
      <c r="AW189" s="408"/>
      <c r="AX189" s="408"/>
      <c r="AY189" s="408"/>
      <c r="AZ189" s="408"/>
      <c r="BA189" s="308">
        <f t="shared" si="71"/>
        <v>302</v>
      </c>
      <c r="BB189" s="309"/>
      <c r="BC189" s="402" t="str">
        <f t="shared" si="72"/>
        <v/>
      </c>
      <c r="BD189" s="402" t="str">
        <f t="shared" si="73"/>
        <v/>
      </c>
      <c r="BE189" s="402" t="str">
        <f t="shared" si="74"/>
        <v/>
      </c>
      <c r="BF189" s="402" t="str">
        <f t="shared" si="75"/>
        <v/>
      </c>
      <c r="BG189" s="402" t="str">
        <f t="shared" si="76"/>
        <v/>
      </c>
      <c r="BH189" s="402" t="str">
        <f t="shared" si="77"/>
        <v/>
      </c>
      <c r="BI189" s="402" t="str">
        <f t="shared" si="78"/>
        <v/>
      </c>
      <c r="BJ189" s="402" t="str">
        <f t="shared" si="79"/>
        <v/>
      </c>
      <c r="BK189" s="402" t="str">
        <f t="shared" si="80"/>
        <v/>
      </c>
      <c r="BL189" s="402" t="str">
        <f t="shared" si="81"/>
        <v/>
      </c>
      <c r="BM189" s="402" t="str">
        <f t="shared" si="82"/>
        <v/>
      </c>
      <c r="BN189" s="402" t="str">
        <f t="shared" si="83"/>
        <v/>
      </c>
      <c r="BO189" s="402" t="str">
        <f t="shared" si="84"/>
        <v/>
      </c>
      <c r="BP189" s="402" t="str">
        <f t="shared" si="85"/>
        <v/>
      </c>
      <c r="BQ189" s="402" t="str">
        <f t="shared" si="86"/>
        <v/>
      </c>
      <c r="BR189" s="402" t="str">
        <f t="shared" si="87"/>
        <v/>
      </c>
      <c r="BS189" s="402" t="str">
        <f t="shared" si="88"/>
        <v/>
      </c>
      <c r="BT189" s="402" t="str">
        <f t="shared" si="89"/>
        <v/>
      </c>
      <c r="BU189" s="402" t="str">
        <f t="shared" si="90"/>
        <v/>
      </c>
      <c r="BV189" s="402" t="str">
        <f t="shared" si="91"/>
        <v/>
      </c>
      <c r="BW189" s="402">
        <f t="shared" si="92"/>
        <v>0</v>
      </c>
      <c r="BX189" s="402" t="str">
        <f t="shared" si="93"/>
        <v/>
      </c>
      <c r="BY189" s="402" t="str">
        <f t="shared" si="94"/>
        <v/>
      </c>
      <c r="BZ189" s="402" t="str">
        <f t="shared" si="95"/>
        <v/>
      </c>
      <c r="CA189" s="402" t="str">
        <f t="shared" si="96"/>
        <v/>
      </c>
      <c r="CB189" s="402" t="str">
        <f t="shared" si="97"/>
        <v/>
      </c>
      <c r="CC189" s="402" t="str">
        <f t="shared" si="98"/>
        <v/>
      </c>
      <c r="CD189" s="402" t="str">
        <f t="shared" si="99"/>
        <v/>
      </c>
      <c r="CE189" s="402" t="str">
        <f t="shared" si="100"/>
        <v/>
      </c>
      <c r="CF189" s="402" t="str">
        <f t="shared" si="101"/>
        <v/>
      </c>
      <c r="CG189" s="402" t="str">
        <f t="shared" si="102"/>
        <v/>
      </c>
      <c r="CH189" s="402"/>
      <c r="CI189" s="402"/>
      <c r="CJ189" s="402"/>
      <c r="CK189" s="402"/>
      <c r="CL189" s="402"/>
      <c r="CM189" s="402"/>
      <c r="CN189" s="402"/>
      <c r="CO189" s="402"/>
      <c r="CP189" s="402"/>
      <c r="CQ189" s="402"/>
      <c r="CR189" s="402"/>
      <c r="CS189" s="402"/>
      <c r="CT189" s="402"/>
      <c r="CU189" s="402"/>
      <c r="CV189" s="402"/>
      <c r="CW189" s="402"/>
      <c r="CX189" s="402"/>
      <c r="CY189" s="402"/>
      <c r="CZ189" s="402"/>
      <c r="DA189" s="402"/>
      <c r="DB189" s="402"/>
      <c r="DC189" s="402"/>
      <c r="DD189" s="407"/>
      <c r="DE189" s="407"/>
      <c r="DF189" s="407"/>
    </row>
    <row r="190" spans="3:110" s="395" customFormat="1" ht="56.1" customHeight="1" x14ac:dyDescent="0.2">
      <c r="C190" s="420">
        <v>377</v>
      </c>
      <c r="D190" s="420" t="s">
        <v>2481</v>
      </c>
      <c r="E190" s="96" t="s">
        <v>53</v>
      </c>
      <c r="F190" s="96" t="s">
        <v>515</v>
      </c>
      <c r="G190" s="407" t="s">
        <v>533</v>
      </c>
      <c r="H190" s="407" t="s">
        <v>534</v>
      </c>
      <c r="I190" s="407" t="s">
        <v>534</v>
      </c>
      <c r="J190" s="407"/>
      <c r="K190" s="407" t="s">
        <v>86</v>
      </c>
      <c r="L190" s="407" t="s">
        <v>310</v>
      </c>
      <c r="M190" s="407" t="s">
        <v>551</v>
      </c>
      <c r="N190" s="407" t="s">
        <v>334</v>
      </c>
      <c r="O190" s="407" t="s">
        <v>225</v>
      </c>
      <c r="P190" s="407" t="s">
        <v>63</v>
      </c>
      <c r="Q190" s="407" t="s">
        <v>63</v>
      </c>
      <c r="R190" s="410">
        <v>53734.86</v>
      </c>
      <c r="S190" s="410">
        <v>53734.86</v>
      </c>
      <c r="T190" s="407" t="s">
        <v>226</v>
      </c>
      <c r="U190" s="407" t="s">
        <v>82</v>
      </c>
      <c r="V190" s="408"/>
      <c r="W190" s="408"/>
      <c r="X190" s="408"/>
      <c r="Y190" s="408"/>
      <c r="Z190" s="408"/>
      <c r="AA190" s="402"/>
      <c r="AB190" s="408"/>
      <c r="AC190" s="408"/>
      <c r="AD190" s="408"/>
      <c r="AE190" s="408"/>
      <c r="AF190" s="408"/>
      <c r="AG190" s="408"/>
      <c r="AH190" s="408"/>
      <c r="AI190" s="408"/>
      <c r="AJ190" s="408"/>
      <c r="AK190" s="408"/>
      <c r="AL190" s="408"/>
      <c r="AM190" s="408"/>
      <c r="AN190" s="408"/>
      <c r="AO190" s="408"/>
      <c r="AP190" s="402" t="s">
        <v>66</v>
      </c>
      <c r="AQ190" s="408"/>
      <c r="AR190" s="408"/>
      <c r="AS190" s="408"/>
      <c r="AT190" s="408"/>
      <c r="AU190" s="408"/>
      <c r="AV190" s="408"/>
      <c r="AW190" s="408"/>
      <c r="AX190" s="408"/>
      <c r="AY190" s="408"/>
      <c r="AZ190" s="408"/>
      <c r="BA190" s="308">
        <f t="shared" si="71"/>
        <v>302</v>
      </c>
      <c r="BB190" s="309">
        <f t="shared" ref="BB190:BB195" si="105">S190/BA190</f>
        <v>177.93</v>
      </c>
      <c r="BC190" s="402" t="str">
        <f t="shared" si="72"/>
        <v/>
      </c>
      <c r="BD190" s="402" t="str">
        <f t="shared" si="73"/>
        <v/>
      </c>
      <c r="BE190" s="402" t="str">
        <f t="shared" si="74"/>
        <v/>
      </c>
      <c r="BF190" s="402" t="str">
        <f t="shared" si="75"/>
        <v/>
      </c>
      <c r="BG190" s="402" t="str">
        <f t="shared" si="76"/>
        <v/>
      </c>
      <c r="BH190" s="402" t="str">
        <f t="shared" si="77"/>
        <v/>
      </c>
      <c r="BI190" s="402" t="str">
        <f t="shared" si="78"/>
        <v/>
      </c>
      <c r="BJ190" s="402" t="str">
        <f t="shared" si="79"/>
        <v/>
      </c>
      <c r="BK190" s="402" t="str">
        <f t="shared" si="80"/>
        <v/>
      </c>
      <c r="BL190" s="402" t="str">
        <f t="shared" si="81"/>
        <v/>
      </c>
      <c r="BM190" s="402" t="str">
        <f t="shared" si="82"/>
        <v/>
      </c>
      <c r="BN190" s="402" t="str">
        <f t="shared" si="83"/>
        <v/>
      </c>
      <c r="BO190" s="402" t="str">
        <f t="shared" si="84"/>
        <v/>
      </c>
      <c r="BP190" s="402" t="str">
        <f t="shared" si="85"/>
        <v/>
      </c>
      <c r="BQ190" s="402" t="str">
        <f t="shared" si="86"/>
        <v/>
      </c>
      <c r="BR190" s="402" t="str">
        <f t="shared" si="87"/>
        <v/>
      </c>
      <c r="BS190" s="402" t="str">
        <f t="shared" si="88"/>
        <v/>
      </c>
      <c r="BT190" s="402" t="str">
        <f t="shared" si="89"/>
        <v/>
      </c>
      <c r="BU190" s="402" t="str">
        <f t="shared" si="90"/>
        <v/>
      </c>
      <c r="BV190" s="402" t="str">
        <f t="shared" si="91"/>
        <v/>
      </c>
      <c r="BW190" s="402">
        <f t="shared" si="92"/>
        <v>53734.86</v>
      </c>
      <c r="BX190" s="402" t="str">
        <f t="shared" si="93"/>
        <v/>
      </c>
      <c r="BY190" s="402" t="str">
        <f t="shared" si="94"/>
        <v/>
      </c>
      <c r="BZ190" s="402" t="str">
        <f t="shared" si="95"/>
        <v/>
      </c>
      <c r="CA190" s="402" t="str">
        <f t="shared" si="96"/>
        <v/>
      </c>
      <c r="CB190" s="402" t="str">
        <f t="shared" si="97"/>
        <v/>
      </c>
      <c r="CC190" s="402" t="str">
        <f t="shared" si="98"/>
        <v/>
      </c>
      <c r="CD190" s="402" t="str">
        <f t="shared" si="99"/>
        <v/>
      </c>
      <c r="CE190" s="402" t="str">
        <f t="shared" si="100"/>
        <v/>
      </c>
      <c r="CF190" s="402" t="str">
        <f t="shared" si="101"/>
        <v/>
      </c>
      <c r="CG190" s="402" t="str">
        <f t="shared" si="102"/>
        <v/>
      </c>
      <c r="CH190" s="402"/>
      <c r="CI190" s="402"/>
      <c r="CJ190" s="402"/>
      <c r="CK190" s="402"/>
      <c r="CL190" s="402"/>
      <c r="CM190" s="402"/>
      <c r="CN190" s="402"/>
      <c r="CO190" s="402"/>
      <c r="CP190" s="402"/>
      <c r="CQ190" s="402"/>
      <c r="CR190" s="402"/>
      <c r="CS190" s="402"/>
      <c r="CT190" s="402"/>
      <c r="CU190" s="402"/>
      <c r="CV190" s="402"/>
      <c r="CW190" s="402"/>
      <c r="CX190" s="402"/>
      <c r="CY190" s="402"/>
      <c r="CZ190" s="402"/>
      <c r="DA190" s="402"/>
      <c r="DB190" s="402"/>
      <c r="DC190" s="402"/>
      <c r="DD190" s="407"/>
      <c r="DE190" s="407"/>
      <c r="DF190" s="407"/>
    </row>
    <row r="191" spans="3:110" s="395" customFormat="1" ht="56.1" customHeight="1" x14ac:dyDescent="0.2">
      <c r="C191" s="420">
        <v>378</v>
      </c>
      <c r="D191" s="420" t="s">
        <v>2481</v>
      </c>
      <c r="E191" s="96" t="s">
        <v>53</v>
      </c>
      <c r="F191" s="96" t="s">
        <v>515</v>
      </c>
      <c r="G191" s="407" t="s">
        <v>548</v>
      </c>
      <c r="H191" s="407" t="s">
        <v>535</v>
      </c>
      <c r="I191" s="407" t="s">
        <v>536</v>
      </c>
      <c r="J191" s="407"/>
      <c r="K191" s="407" t="s">
        <v>93</v>
      </c>
      <c r="L191" s="407" t="s">
        <v>364</v>
      </c>
      <c r="M191" s="407" t="s">
        <v>60</v>
      </c>
      <c r="N191" s="407" t="s">
        <v>334</v>
      </c>
      <c r="O191" s="407" t="s">
        <v>71</v>
      </c>
      <c r="P191" s="407" t="s">
        <v>63</v>
      </c>
      <c r="Q191" s="407" t="s">
        <v>63</v>
      </c>
      <c r="R191" s="410">
        <v>65895.782399999982</v>
      </c>
      <c r="S191" s="410">
        <v>65895.782399999982</v>
      </c>
      <c r="T191" s="407" t="s">
        <v>64</v>
      </c>
      <c r="U191" s="407" t="s">
        <v>82</v>
      </c>
      <c r="V191" s="408"/>
      <c r="W191" s="408"/>
      <c r="X191" s="408"/>
      <c r="Y191" s="408"/>
      <c r="Z191" s="408"/>
      <c r="AA191" s="402"/>
      <c r="AB191" s="408"/>
      <c r="AC191" s="408"/>
      <c r="AD191" s="408"/>
      <c r="AE191" s="408"/>
      <c r="AF191" s="408"/>
      <c r="AG191" s="408"/>
      <c r="AH191" s="408"/>
      <c r="AI191" s="408"/>
      <c r="AJ191" s="408"/>
      <c r="AK191" s="408"/>
      <c r="AL191" s="408"/>
      <c r="AM191" s="408"/>
      <c r="AN191" s="408"/>
      <c r="AO191" s="408"/>
      <c r="AP191" s="408"/>
      <c r="AQ191" s="408"/>
      <c r="AR191" s="408"/>
      <c r="AS191" s="408"/>
      <c r="AT191" s="408"/>
      <c r="AU191" s="402" t="s">
        <v>66</v>
      </c>
      <c r="AV191" s="408"/>
      <c r="AW191" s="408"/>
      <c r="AX191" s="408"/>
      <c r="AY191" s="408"/>
      <c r="AZ191" s="408"/>
      <c r="BA191" s="308">
        <f t="shared" si="71"/>
        <v>217</v>
      </c>
      <c r="BB191" s="309">
        <f t="shared" si="105"/>
        <v>303.66719999999992</v>
      </c>
      <c r="BC191" s="402" t="str">
        <f t="shared" si="72"/>
        <v/>
      </c>
      <c r="BD191" s="402" t="str">
        <f t="shared" si="73"/>
        <v/>
      </c>
      <c r="BE191" s="402" t="str">
        <f t="shared" si="74"/>
        <v/>
      </c>
      <c r="BF191" s="402" t="str">
        <f t="shared" si="75"/>
        <v/>
      </c>
      <c r="BG191" s="402" t="str">
        <f t="shared" si="76"/>
        <v/>
      </c>
      <c r="BH191" s="402" t="str">
        <f t="shared" si="77"/>
        <v/>
      </c>
      <c r="BI191" s="402" t="str">
        <f t="shared" si="78"/>
        <v/>
      </c>
      <c r="BJ191" s="402" t="str">
        <f t="shared" si="79"/>
        <v/>
      </c>
      <c r="BK191" s="402" t="str">
        <f t="shared" si="80"/>
        <v/>
      </c>
      <c r="BL191" s="402" t="str">
        <f t="shared" si="81"/>
        <v/>
      </c>
      <c r="BM191" s="402" t="str">
        <f t="shared" si="82"/>
        <v/>
      </c>
      <c r="BN191" s="402" t="str">
        <f t="shared" si="83"/>
        <v/>
      </c>
      <c r="BO191" s="402" t="str">
        <f t="shared" si="84"/>
        <v/>
      </c>
      <c r="BP191" s="402" t="str">
        <f t="shared" si="85"/>
        <v/>
      </c>
      <c r="BQ191" s="402" t="str">
        <f t="shared" si="86"/>
        <v/>
      </c>
      <c r="BR191" s="402" t="str">
        <f t="shared" si="87"/>
        <v/>
      </c>
      <c r="BS191" s="402" t="str">
        <f t="shared" si="88"/>
        <v/>
      </c>
      <c r="BT191" s="402" t="str">
        <f t="shared" si="89"/>
        <v/>
      </c>
      <c r="BU191" s="402" t="str">
        <f t="shared" si="90"/>
        <v/>
      </c>
      <c r="BV191" s="402" t="str">
        <f t="shared" si="91"/>
        <v/>
      </c>
      <c r="BW191" s="402" t="str">
        <f t="shared" si="92"/>
        <v/>
      </c>
      <c r="BX191" s="402" t="str">
        <f t="shared" si="93"/>
        <v/>
      </c>
      <c r="BY191" s="402" t="str">
        <f t="shared" si="94"/>
        <v/>
      </c>
      <c r="BZ191" s="402" t="str">
        <f t="shared" si="95"/>
        <v/>
      </c>
      <c r="CA191" s="402" t="str">
        <f t="shared" si="96"/>
        <v/>
      </c>
      <c r="CB191" s="402">
        <f t="shared" si="97"/>
        <v>65895.782399999982</v>
      </c>
      <c r="CC191" s="402" t="str">
        <f t="shared" si="98"/>
        <v/>
      </c>
      <c r="CD191" s="402" t="str">
        <f t="shared" si="99"/>
        <v/>
      </c>
      <c r="CE191" s="402" t="str">
        <f t="shared" si="100"/>
        <v/>
      </c>
      <c r="CF191" s="402" t="str">
        <f t="shared" si="101"/>
        <v/>
      </c>
      <c r="CG191" s="402" t="str">
        <f t="shared" si="102"/>
        <v/>
      </c>
      <c r="CH191" s="402"/>
      <c r="CI191" s="402"/>
      <c r="CJ191" s="402"/>
      <c r="CK191" s="402"/>
      <c r="CL191" s="402"/>
      <c r="CM191" s="402"/>
      <c r="CN191" s="402"/>
      <c r="CO191" s="402"/>
      <c r="CP191" s="402"/>
      <c r="CQ191" s="402"/>
      <c r="CR191" s="402"/>
      <c r="CS191" s="402"/>
      <c r="CT191" s="402"/>
      <c r="CU191" s="402"/>
      <c r="CV191" s="402"/>
      <c r="CW191" s="402"/>
      <c r="CX191" s="402"/>
      <c r="CY191" s="402"/>
      <c r="CZ191" s="402"/>
      <c r="DA191" s="402"/>
      <c r="DB191" s="402"/>
      <c r="DC191" s="402"/>
      <c r="DD191" s="407"/>
      <c r="DE191" s="407"/>
      <c r="DF191" s="407"/>
    </row>
    <row r="192" spans="3:110" s="395" customFormat="1" ht="56.1" customHeight="1" x14ac:dyDescent="0.2">
      <c r="C192" s="420">
        <v>379</v>
      </c>
      <c r="D192" s="420" t="s">
        <v>2481</v>
      </c>
      <c r="E192" s="96" t="s">
        <v>53</v>
      </c>
      <c r="F192" s="96" t="s">
        <v>515</v>
      </c>
      <c r="G192" s="407" t="s">
        <v>518</v>
      </c>
      <c r="H192" s="407" t="s">
        <v>520</v>
      </c>
      <c r="I192" s="407" t="s">
        <v>520</v>
      </c>
      <c r="J192" s="407"/>
      <c r="K192" s="407" t="s">
        <v>93</v>
      </c>
      <c r="L192" s="407" t="s">
        <v>364</v>
      </c>
      <c r="M192" s="407" t="s">
        <v>60</v>
      </c>
      <c r="N192" s="407" t="s">
        <v>334</v>
      </c>
      <c r="O192" s="407" t="s">
        <v>71</v>
      </c>
      <c r="P192" s="407" t="s">
        <v>63</v>
      </c>
      <c r="Q192" s="407" t="s">
        <v>63</v>
      </c>
      <c r="R192" s="410">
        <v>172976.42879999999</v>
      </c>
      <c r="S192" s="410">
        <v>172976.42879999999</v>
      </c>
      <c r="T192" s="407" t="s">
        <v>64</v>
      </c>
      <c r="U192" s="407" t="s">
        <v>82</v>
      </c>
      <c r="V192" s="408"/>
      <c r="W192" s="408"/>
      <c r="X192" s="408"/>
      <c r="Y192" s="408"/>
      <c r="Z192" s="408"/>
      <c r="AA192" s="402"/>
      <c r="AB192" s="408"/>
      <c r="AC192" s="408"/>
      <c r="AD192" s="408"/>
      <c r="AE192" s="408"/>
      <c r="AF192" s="408"/>
      <c r="AG192" s="408"/>
      <c r="AH192" s="408"/>
      <c r="AI192" s="408"/>
      <c r="AJ192" s="408"/>
      <c r="AK192" s="408"/>
      <c r="AL192" s="408"/>
      <c r="AM192" s="408"/>
      <c r="AN192" s="408"/>
      <c r="AO192" s="408"/>
      <c r="AP192" s="408"/>
      <c r="AQ192" s="408"/>
      <c r="AR192" s="408"/>
      <c r="AS192" s="408"/>
      <c r="AT192" s="408"/>
      <c r="AU192" s="402" t="s">
        <v>66</v>
      </c>
      <c r="AV192" s="408"/>
      <c r="AW192" s="408"/>
      <c r="AX192" s="408"/>
      <c r="AY192" s="408"/>
      <c r="AZ192" s="408"/>
      <c r="BA192" s="308">
        <f t="shared" si="71"/>
        <v>217</v>
      </c>
      <c r="BB192" s="309">
        <f t="shared" si="105"/>
        <v>797.12639999999999</v>
      </c>
      <c r="BC192" s="402" t="str">
        <f t="shared" si="72"/>
        <v/>
      </c>
      <c r="BD192" s="402" t="str">
        <f t="shared" si="73"/>
        <v/>
      </c>
      <c r="BE192" s="402" t="str">
        <f t="shared" si="74"/>
        <v/>
      </c>
      <c r="BF192" s="402" t="str">
        <f t="shared" si="75"/>
        <v/>
      </c>
      <c r="BG192" s="402" t="str">
        <f t="shared" si="76"/>
        <v/>
      </c>
      <c r="BH192" s="402" t="str">
        <f t="shared" si="77"/>
        <v/>
      </c>
      <c r="BI192" s="402" t="str">
        <f t="shared" si="78"/>
        <v/>
      </c>
      <c r="BJ192" s="402" t="str">
        <f t="shared" si="79"/>
        <v/>
      </c>
      <c r="BK192" s="402" t="str">
        <f t="shared" si="80"/>
        <v/>
      </c>
      <c r="BL192" s="402" t="str">
        <f t="shared" si="81"/>
        <v/>
      </c>
      <c r="BM192" s="402" t="str">
        <f t="shared" si="82"/>
        <v/>
      </c>
      <c r="BN192" s="402" t="str">
        <f t="shared" si="83"/>
        <v/>
      </c>
      <c r="BO192" s="402" t="str">
        <f t="shared" si="84"/>
        <v/>
      </c>
      <c r="BP192" s="402" t="str">
        <f t="shared" si="85"/>
        <v/>
      </c>
      <c r="BQ192" s="402" t="str">
        <f t="shared" si="86"/>
        <v/>
      </c>
      <c r="BR192" s="402" t="str">
        <f t="shared" si="87"/>
        <v/>
      </c>
      <c r="BS192" s="402" t="str">
        <f t="shared" si="88"/>
        <v/>
      </c>
      <c r="BT192" s="402" t="str">
        <f t="shared" si="89"/>
        <v/>
      </c>
      <c r="BU192" s="402" t="str">
        <f t="shared" si="90"/>
        <v/>
      </c>
      <c r="BV192" s="402" t="str">
        <f t="shared" si="91"/>
        <v/>
      </c>
      <c r="BW192" s="402" t="str">
        <f t="shared" si="92"/>
        <v/>
      </c>
      <c r="BX192" s="402" t="str">
        <f t="shared" si="93"/>
        <v/>
      </c>
      <c r="BY192" s="402" t="str">
        <f t="shared" si="94"/>
        <v/>
      </c>
      <c r="BZ192" s="402" t="str">
        <f t="shared" si="95"/>
        <v/>
      </c>
      <c r="CA192" s="402" t="str">
        <f t="shared" si="96"/>
        <v/>
      </c>
      <c r="CB192" s="402">
        <f t="shared" si="97"/>
        <v>172976.42879999999</v>
      </c>
      <c r="CC192" s="402" t="str">
        <f t="shared" si="98"/>
        <v/>
      </c>
      <c r="CD192" s="402" t="str">
        <f t="shared" si="99"/>
        <v/>
      </c>
      <c r="CE192" s="402" t="str">
        <f t="shared" si="100"/>
        <v/>
      </c>
      <c r="CF192" s="402" t="str">
        <f t="shared" si="101"/>
        <v/>
      </c>
      <c r="CG192" s="402" t="str">
        <f t="shared" si="102"/>
        <v/>
      </c>
      <c r="CH192" s="402"/>
      <c r="CI192" s="402"/>
      <c r="CJ192" s="402"/>
      <c r="CK192" s="402"/>
      <c r="CL192" s="402"/>
      <c r="CM192" s="402"/>
      <c r="CN192" s="402"/>
      <c r="CO192" s="402"/>
      <c r="CP192" s="402"/>
      <c r="CQ192" s="402"/>
      <c r="CR192" s="402"/>
      <c r="CS192" s="402"/>
      <c r="CT192" s="402"/>
      <c r="CU192" s="402"/>
      <c r="CV192" s="402"/>
      <c r="CW192" s="402"/>
      <c r="CX192" s="402"/>
      <c r="CY192" s="402"/>
      <c r="CZ192" s="402"/>
      <c r="DA192" s="402"/>
      <c r="DB192" s="402"/>
      <c r="DC192" s="402"/>
      <c r="DD192" s="407"/>
      <c r="DE192" s="407"/>
      <c r="DF192" s="407"/>
    </row>
    <row r="193" spans="3:110" s="395" customFormat="1" ht="56.1" customHeight="1" x14ac:dyDescent="0.2">
      <c r="C193" s="420">
        <v>380</v>
      </c>
      <c r="D193" s="420" t="s">
        <v>2481</v>
      </c>
      <c r="E193" s="96" t="s">
        <v>53</v>
      </c>
      <c r="F193" s="96" t="s">
        <v>515</v>
      </c>
      <c r="G193" s="407" t="s">
        <v>521</v>
      </c>
      <c r="H193" s="407" t="s">
        <v>522</v>
      </c>
      <c r="I193" s="407" t="s">
        <v>522</v>
      </c>
      <c r="J193" s="407"/>
      <c r="K193" s="407" t="s">
        <v>93</v>
      </c>
      <c r="L193" s="407" t="s">
        <v>364</v>
      </c>
      <c r="M193" s="407" t="s">
        <v>60</v>
      </c>
      <c r="N193" s="407" t="s">
        <v>334</v>
      </c>
      <c r="O193" s="407" t="s">
        <v>71</v>
      </c>
      <c r="P193" s="407" t="s">
        <v>63</v>
      </c>
      <c r="Q193" s="407" t="s">
        <v>63</v>
      </c>
      <c r="R193" s="410">
        <v>241617.86879999997</v>
      </c>
      <c r="S193" s="410">
        <v>241617.86879999997</v>
      </c>
      <c r="T193" s="407" t="s">
        <v>64</v>
      </c>
      <c r="U193" s="407" t="s">
        <v>82</v>
      </c>
      <c r="V193" s="408"/>
      <c r="W193" s="408"/>
      <c r="X193" s="408"/>
      <c r="Y193" s="408"/>
      <c r="Z193" s="408"/>
      <c r="AA193" s="402"/>
      <c r="AB193" s="408"/>
      <c r="AC193" s="408"/>
      <c r="AD193" s="408"/>
      <c r="AE193" s="408"/>
      <c r="AF193" s="408"/>
      <c r="AG193" s="408"/>
      <c r="AH193" s="408"/>
      <c r="AI193" s="408"/>
      <c r="AJ193" s="408"/>
      <c r="AK193" s="408"/>
      <c r="AL193" s="408"/>
      <c r="AM193" s="408"/>
      <c r="AN193" s="408"/>
      <c r="AO193" s="408"/>
      <c r="AP193" s="408"/>
      <c r="AQ193" s="408"/>
      <c r="AR193" s="408"/>
      <c r="AS193" s="408"/>
      <c r="AT193" s="408"/>
      <c r="AU193" s="402" t="s">
        <v>66</v>
      </c>
      <c r="AV193" s="408"/>
      <c r="AW193" s="408"/>
      <c r="AX193" s="408"/>
      <c r="AY193" s="408"/>
      <c r="AZ193" s="408"/>
      <c r="BA193" s="308">
        <f t="shared" si="71"/>
        <v>217</v>
      </c>
      <c r="BB193" s="309">
        <f t="shared" si="105"/>
        <v>1113.4463999999998</v>
      </c>
      <c r="BC193" s="402" t="str">
        <f t="shared" si="72"/>
        <v/>
      </c>
      <c r="BD193" s="402" t="str">
        <f t="shared" si="73"/>
        <v/>
      </c>
      <c r="BE193" s="402" t="str">
        <f t="shared" si="74"/>
        <v/>
      </c>
      <c r="BF193" s="402" t="str">
        <f t="shared" si="75"/>
        <v/>
      </c>
      <c r="BG193" s="402" t="str">
        <f t="shared" si="76"/>
        <v/>
      </c>
      <c r="BH193" s="402" t="str">
        <f t="shared" si="77"/>
        <v/>
      </c>
      <c r="BI193" s="402" t="str">
        <f t="shared" si="78"/>
        <v/>
      </c>
      <c r="BJ193" s="402" t="str">
        <f t="shared" si="79"/>
        <v/>
      </c>
      <c r="BK193" s="402" t="str">
        <f t="shared" si="80"/>
        <v/>
      </c>
      <c r="BL193" s="402" t="str">
        <f t="shared" si="81"/>
        <v/>
      </c>
      <c r="BM193" s="402" t="str">
        <f t="shared" si="82"/>
        <v/>
      </c>
      <c r="BN193" s="402" t="str">
        <f t="shared" si="83"/>
        <v/>
      </c>
      <c r="BO193" s="402" t="str">
        <f t="shared" si="84"/>
        <v/>
      </c>
      <c r="BP193" s="402" t="str">
        <f t="shared" si="85"/>
        <v/>
      </c>
      <c r="BQ193" s="402" t="str">
        <f t="shared" si="86"/>
        <v/>
      </c>
      <c r="BR193" s="402" t="str">
        <f t="shared" si="87"/>
        <v/>
      </c>
      <c r="BS193" s="402" t="str">
        <f t="shared" si="88"/>
        <v/>
      </c>
      <c r="BT193" s="402" t="str">
        <f t="shared" si="89"/>
        <v/>
      </c>
      <c r="BU193" s="402" t="str">
        <f t="shared" si="90"/>
        <v/>
      </c>
      <c r="BV193" s="402" t="str">
        <f t="shared" si="91"/>
        <v/>
      </c>
      <c r="BW193" s="402" t="str">
        <f t="shared" si="92"/>
        <v/>
      </c>
      <c r="BX193" s="402" t="str">
        <f t="shared" si="93"/>
        <v/>
      </c>
      <c r="BY193" s="402" t="str">
        <f t="shared" si="94"/>
        <v/>
      </c>
      <c r="BZ193" s="402" t="str">
        <f t="shared" si="95"/>
        <v/>
      </c>
      <c r="CA193" s="402" t="str">
        <f t="shared" si="96"/>
        <v/>
      </c>
      <c r="CB193" s="402">
        <f t="shared" si="97"/>
        <v>241617.86879999997</v>
      </c>
      <c r="CC193" s="402" t="str">
        <f t="shared" si="98"/>
        <v/>
      </c>
      <c r="CD193" s="402" t="str">
        <f t="shared" si="99"/>
        <v/>
      </c>
      <c r="CE193" s="402" t="str">
        <f t="shared" si="100"/>
        <v/>
      </c>
      <c r="CF193" s="402" t="str">
        <f t="shared" si="101"/>
        <v/>
      </c>
      <c r="CG193" s="402" t="str">
        <f t="shared" si="102"/>
        <v/>
      </c>
      <c r="CH193" s="402"/>
      <c r="CI193" s="402"/>
      <c r="CJ193" s="402"/>
      <c r="CK193" s="402"/>
      <c r="CL193" s="402"/>
      <c r="CM193" s="402"/>
      <c r="CN193" s="402"/>
      <c r="CO193" s="402"/>
      <c r="CP193" s="402"/>
      <c r="CQ193" s="402"/>
      <c r="CR193" s="402"/>
      <c r="CS193" s="402"/>
      <c r="CT193" s="402"/>
      <c r="CU193" s="402"/>
      <c r="CV193" s="402"/>
      <c r="CW193" s="402"/>
      <c r="CX193" s="402"/>
      <c r="CY193" s="402"/>
      <c r="CZ193" s="402"/>
      <c r="DA193" s="402"/>
      <c r="DB193" s="402"/>
      <c r="DC193" s="402"/>
      <c r="DD193" s="407"/>
      <c r="DE193" s="407"/>
      <c r="DF193" s="407"/>
    </row>
    <row r="194" spans="3:110" s="395" customFormat="1" ht="56.1" customHeight="1" x14ac:dyDescent="0.2">
      <c r="C194" s="420">
        <v>381</v>
      </c>
      <c r="D194" s="420" t="s">
        <v>2481</v>
      </c>
      <c r="E194" s="96" t="s">
        <v>53</v>
      </c>
      <c r="F194" s="96" t="s">
        <v>515</v>
      </c>
      <c r="G194" s="407" t="s">
        <v>523</v>
      </c>
      <c r="H194" s="407" t="s">
        <v>552</v>
      </c>
      <c r="I194" s="407" t="s">
        <v>552</v>
      </c>
      <c r="J194" s="407"/>
      <c r="K194" s="407" t="s">
        <v>93</v>
      </c>
      <c r="L194" s="407" t="s">
        <v>364</v>
      </c>
      <c r="M194" s="407" t="s">
        <v>388</v>
      </c>
      <c r="N194" s="407" t="s">
        <v>525</v>
      </c>
      <c r="O194" s="407" t="s">
        <v>71</v>
      </c>
      <c r="P194" s="407" t="s">
        <v>63</v>
      </c>
      <c r="Q194" s="407" t="s">
        <v>63</v>
      </c>
      <c r="R194" s="410">
        <v>43494</v>
      </c>
      <c r="S194" s="410">
        <v>43494</v>
      </c>
      <c r="T194" s="407" t="s">
        <v>64</v>
      </c>
      <c r="U194" s="407" t="s">
        <v>82</v>
      </c>
      <c r="V194" s="408"/>
      <c r="W194" s="408"/>
      <c r="X194" s="408"/>
      <c r="Y194" s="408"/>
      <c r="Z194" s="408"/>
      <c r="AA194" s="402"/>
      <c r="AB194" s="408"/>
      <c r="AC194" s="408"/>
      <c r="AD194" s="408"/>
      <c r="AE194" s="408"/>
      <c r="AF194" s="408"/>
      <c r="AG194" s="408"/>
      <c r="AH194" s="408"/>
      <c r="AI194" s="408"/>
      <c r="AJ194" s="408"/>
      <c r="AK194" s="408"/>
      <c r="AL194" s="408"/>
      <c r="AM194" s="408"/>
      <c r="AN194" s="408"/>
      <c r="AO194" s="408"/>
      <c r="AP194" s="408"/>
      <c r="AQ194" s="408"/>
      <c r="AR194" s="408"/>
      <c r="AS194" s="408"/>
      <c r="AT194" s="408"/>
      <c r="AU194" s="402" t="s">
        <v>66</v>
      </c>
      <c r="AV194" s="408"/>
      <c r="AW194" s="408"/>
      <c r="AX194" s="408"/>
      <c r="AY194" s="408"/>
      <c r="AZ194" s="408"/>
      <c r="BA194" s="308">
        <f t="shared" si="71"/>
        <v>217</v>
      </c>
      <c r="BB194" s="309">
        <f t="shared" si="105"/>
        <v>200.43317972350229</v>
      </c>
      <c r="BC194" s="402" t="str">
        <f t="shared" si="72"/>
        <v/>
      </c>
      <c r="BD194" s="402" t="str">
        <f t="shared" si="73"/>
        <v/>
      </c>
      <c r="BE194" s="402" t="str">
        <f t="shared" si="74"/>
        <v/>
      </c>
      <c r="BF194" s="402" t="str">
        <f t="shared" si="75"/>
        <v/>
      </c>
      <c r="BG194" s="402" t="str">
        <f t="shared" si="76"/>
        <v/>
      </c>
      <c r="BH194" s="402" t="str">
        <f t="shared" si="77"/>
        <v/>
      </c>
      <c r="BI194" s="402" t="str">
        <f t="shared" si="78"/>
        <v/>
      </c>
      <c r="BJ194" s="402" t="str">
        <f t="shared" si="79"/>
        <v/>
      </c>
      <c r="BK194" s="402" t="str">
        <f t="shared" si="80"/>
        <v/>
      </c>
      <c r="BL194" s="402" t="str">
        <f t="shared" si="81"/>
        <v/>
      </c>
      <c r="BM194" s="402" t="str">
        <f t="shared" si="82"/>
        <v/>
      </c>
      <c r="BN194" s="402" t="str">
        <f t="shared" si="83"/>
        <v/>
      </c>
      <c r="BO194" s="402" t="str">
        <f t="shared" si="84"/>
        <v/>
      </c>
      <c r="BP194" s="402" t="str">
        <f t="shared" si="85"/>
        <v/>
      </c>
      <c r="BQ194" s="402" t="str">
        <f t="shared" si="86"/>
        <v/>
      </c>
      <c r="BR194" s="402" t="str">
        <f t="shared" si="87"/>
        <v/>
      </c>
      <c r="BS194" s="402" t="str">
        <f t="shared" si="88"/>
        <v/>
      </c>
      <c r="BT194" s="402" t="str">
        <f t="shared" si="89"/>
        <v/>
      </c>
      <c r="BU194" s="402" t="str">
        <f t="shared" si="90"/>
        <v/>
      </c>
      <c r="BV194" s="402" t="str">
        <f t="shared" si="91"/>
        <v/>
      </c>
      <c r="BW194" s="402" t="str">
        <f t="shared" si="92"/>
        <v/>
      </c>
      <c r="BX194" s="402" t="str">
        <f t="shared" si="93"/>
        <v/>
      </c>
      <c r="BY194" s="402" t="str">
        <f t="shared" si="94"/>
        <v/>
      </c>
      <c r="BZ194" s="402" t="str">
        <f t="shared" si="95"/>
        <v/>
      </c>
      <c r="CA194" s="402" t="str">
        <f t="shared" si="96"/>
        <v/>
      </c>
      <c r="CB194" s="402">
        <f t="shared" si="97"/>
        <v>43494</v>
      </c>
      <c r="CC194" s="402" t="str">
        <f t="shared" si="98"/>
        <v/>
      </c>
      <c r="CD194" s="402" t="str">
        <f t="shared" si="99"/>
        <v/>
      </c>
      <c r="CE194" s="402" t="str">
        <f t="shared" si="100"/>
        <v/>
      </c>
      <c r="CF194" s="402" t="str">
        <f t="shared" si="101"/>
        <v/>
      </c>
      <c r="CG194" s="402" t="str">
        <f t="shared" si="102"/>
        <v/>
      </c>
      <c r="CH194" s="402"/>
      <c r="CI194" s="402"/>
      <c r="CJ194" s="402"/>
      <c r="CK194" s="402"/>
      <c r="CL194" s="402"/>
      <c r="CM194" s="402"/>
      <c r="CN194" s="402"/>
      <c r="CO194" s="402"/>
      <c r="CP194" s="402"/>
      <c r="CQ194" s="402"/>
      <c r="CR194" s="402"/>
      <c r="CS194" s="402"/>
      <c r="CT194" s="402"/>
      <c r="CU194" s="402"/>
      <c r="CV194" s="402"/>
      <c r="CW194" s="402"/>
      <c r="CX194" s="402"/>
      <c r="CY194" s="402"/>
      <c r="CZ194" s="402"/>
      <c r="DA194" s="402"/>
      <c r="DB194" s="402"/>
      <c r="DC194" s="402"/>
      <c r="DD194" s="407"/>
      <c r="DE194" s="407"/>
      <c r="DF194" s="407"/>
    </row>
    <row r="195" spans="3:110" s="395" customFormat="1" ht="56.1" customHeight="1" x14ac:dyDescent="0.2">
      <c r="C195" s="420">
        <v>382</v>
      </c>
      <c r="D195" s="420" t="s">
        <v>2481</v>
      </c>
      <c r="E195" s="96" t="s">
        <v>53</v>
      </c>
      <c r="F195" s="96" t="s">
        <v>515</v>
      </c>
      <c r="G195" s="407" t="s">
        <v>539</v>
      </c>
      <c r="H195" s="407" t="s">
        <v>553</v>
      </c>
      <c r="I195" s="407" t="s">
        <v>553</v>
      </c>
      <c r="J195" s="407"/>
      <c r="K195" s="407" t="s">
        <v>93</v>
      </c>
      <c r="L195" s="407" t="s">
        <v>364</v>
      </c>
      <c r="M195" s="407" t="s">
        <v>388</v>
      </c>
      <c r="N195" s="407" t="s">
        <v>525</v>
      </c>
      <c r="O195" s="407" t="s">
        <v>71</v>
      </c>
      <c r="P195" s="407" t="s">
        <v>63</v>
      </c>
      <c r="Q195" s="407" t="s">
        <v>63</v>
      </c>
      <c r="R195" s="410">
        <v>105440</v>
      </c>
      <c r="S195" s="410">
        <v>105440</v>
      </c>
      <c r="T195" s="407" t="s">
        <v>64</v>
      </c>
      <c r="U195" s="407" t="s">
        <v>82</v>
      </c>
      <c r="V195" s="408"/>
      <c r="W195" s="408"/>
      <c r="X195" s="408"/>
      <c r="Y195" s="408"/>
      <c r="Z195" s="408"/>
      <c r="AA195" s="402"/>
      <c r="AB195" s="408"/>
      <c r="AC195" s="408"/>
      <c r="AD195" s="408"/>
      <c r="AE195" s="408"/>
      <c r="AF195" s="408"/>
      <c r="AG195" s="408"/>
      <c r="AH195" s="408"/>
      <c r="AI195" s="408"/>
      <c r="AJ195" s="408"/>
      <c r="AK195" s="408"/>
      <c r="AL195" s="408"/>
      <c r="AM195" s="408"/>
      <c r="AN195" s="408"/>
      <c r="AO195" s="408"/>
      <c r="AP195" s="408"/>
      <c r="AQ195" s="408"/>
      <c r="AR195" s="408"/>
      <c r="AS195" s="408"/>
      <c r="AT195" s="408"/>
      <c r="AU195" s="402" t="s">
        <v>66</v>
      </c>
      <c r="AV195" s="408"/>
      <c r="AW195" s="408"/>
      <c r="AX195" s="408"/>
      <c r="AY195" s="408"/>
      <c r="AZ195" s="408"/>
      <c r="BA195" s="308">
        <f t="shared" ref="BA195:BA253" si="106">SUMIF(V195:AZ195,"YES",$V$2:$AZ$2)</f>
        <v>217</v>
      </c>
      <c r="BB195" s="309">
        <f t="shared" si="105"/>
        <v>485.89861751152074</v>
      </c>
      <c r="BC195" s="402" t="str">
        <f t="shared" ref="BC195:BC253" si="107">IF(V195="yes",(V$2*$BB195),"")</f>
        <v/>
      </c>
      <c r="BD195" s="402" t="str">
        <f t="shared" ref="BD195:BD253" si="108">IF(W195="yes",(W$2*$BB195),"")</f>
        <v/>
      </c>
      <c r="BE195" s="402" t="str">
        <f t="shared" ref="BE195:BE253" si="109">IF(X195="yes",(X$2*$BB195),"")</f>
        <v/>
      </c>
      <c r="BF195" s="402" t="str">
        <f t="shared" ref="BF195:BF253" si="110">IF(Y195="yes",(Y$2*$BB195),"")</f>
        <v/>
      </c>
      <c r="BG195" s="402" t="str">
        <f t="shared" ref="BG195:BG253" si="111">IF(Z195="yes",(Z$2*$BB195),"")</f>
        <v/>
      </c>
      <c r="BH195" s="402" t="str">
        <f t="shared" ref="BH195:BH253" si="112">IF(AA195="yes",(AA$2*$BB195),"")</f>
        <v/>
      </c>
      <c r="BI195" s="402" t="str">
        <f t="shared" ref="BI195:BI253" si="113">IF(AB195="yes",(AB$2*$BB195),"")</f>
        <v/>
      </c>
      <c r="BJ195" s="402" t="str">
        <f t="shared" ref="BJ195:BJ253" si="114">IF(AC195="yes",(AC$2*$BB195),"")</f>
        <v/>
      </c>
      <c r="BK195" s="402" t="str">
        <f t="shared" ref="BK195:BK253" si="115">IF(AD195="yes",(AD$2*$BB195),"")</f>
        <v/>
      </c>
      <c r="BL195" s="402" t="str">
        <f t="shared" ref="BL195:BL253" si="116">IF(AE195="yes",(AE$2*$BB195),"")</f>
        <v/>
      </c>
      <c r="BM195" s="402" t="str">
        <f t="shared" ref="BM195:BM253" si="117">IF(AF195="yes",(AF$2*$BB195),"")</f>
        <v/>
      </c>
      <c r="BN195" s="402" t="str">
        <f t="shared" ref="BN195:BN253" si="118">IF(AG195="yes",(AG$2*$BB195),"")</f>
        <v/>
      </c>
      <c r="BO195" s="402" t="str">
        <f t="shared" ref="BO195:BO253" si="119">IF(AH195="yes",(AH$2*$BB195),"")</f>
        <v/>
      </c>
      <c r="BP195" s="402" t="str">
        <f t="shared" ref="BP195:BP253" si="120">IF(AI195="yes",(AI$2*$BB195),"")</f>
        <v/>
      </c>
      <c r="BQ195" s="402" t="str">
        <f t="shared" ref="BQ195:BQ253" si="121">IF(AJ195="yes",(AJ$2*$BB195),"")</f>
        <v/>
      </c>
      <c r="BR195" s="402" t="str">
        <f t="shared" ref="BR195:BR253" si="122">IF(AK195="yes",(AK$2*$BB195),"")</f>
        <v/>
      </c>
      <c r="BS195" s="402" t="str">
        <f t="shared" ref="BS195:BS253" si="123">IF(AL195="yes",(AL$2*$BB195),"")</f>
        <v/>
      </c>
      <c r="BT195" s="402" t="str">
        <f t="shared" ref="BT195:BT253" si="124">IF(AM195="yes",(AM$2*$BB195),"")</f>
        <v/>
      </c>
      <c r="BU195" s="402" t="str">
        <f t="shared" ref="BU195:BU253" si="125">IF(AN195="yes",(AN$2*$BB195),"")</f>
        <v/>
      </c>
      <c r="BV195" s="402" t="str">
        <f t="shared" ref="BV195:BV253" si="126">IF(AO195="yes",(AO$2*$BB195),"")</f>
        <v/>
      </c>
      <c r="BW195" s="402" t="str">
        <f t="shared" ref="BW195:BW253" si="127">IF(AP195="yes",(AP$2*$BB195),"")</f>
        <v/>
      </c>
      <c r="BX195" s="402" t="str">
        <f t="shared" ref="BX195:BX253" si="128">IF(AQ195="yes",(AQ$2*$BB195),"")</f>
        <v/>
      </c>
      <c r="BY195" s="402" t="str">
        <f t="shared" ref="BY195:BY253" si="129">IF(AR195="yes",(AR$2*$BB195),"")</f>
        <v/>
      </c>
      <c r="BZ195" s="402" t="str">
        <f t="shared" ref="BZ195:BZ253" si="130">IF(AS195="yes",(AS$2*$BB195),"")</f>
        <v/>
      </c>
      <c r="CA195" s="402" t="str">
        <f t="shared" ref="CA195:CA253" si="131">IF(AT195="yes",(AT$2*$BB195),"")</f>
        <v/>
      </c>
      <c r="CB195" s="402">
        <f t="shared" ref="CB195:CB253" si="132">IF(AU195="yes",(AU$2*$BB195),"")</f>
        <v>105440</v>
      </c>
      <c r="CC195" s="402" t="str">
        <f t="shared" ref="CC195:CC253" si="133">IF(AV195="yes",(AV$2*$BB195),"")</f>
        <v/>
      </c>
      <c r="CD195" s="402" t="str">
        <f t="shared" ref="CD195:CD253" si="134">IF(AW195="yes",(AW$2*$BB195),"")</f>
        <v/>
      </c>
      <c r="CE195" s="402" t="str">
        <f t="shared" ref="CE195:CE253" si="135">IF(AX195="yes",(AX$2*$BB195),"")</f>
        <v/>
      </c>
      <c r="CF195" s="402" t="str">
        <f t="shared" ref="CF195:CF253" si="136">IF(AY195="yes",(AY$2*$BB195),"")</f>
        <v/>
      </c>
      <c r="CG195" s="402" t="str">
        <f t="shared" ref="CG195:CG253" si="137">IF(AZ195="yes",(AZ$2*$BB195),"")</f>
        <v/>
      </c>
      <c r="CH195" s="402"/>
      <c r="CI195" s="402"/>
      <c r="CJ195" s="402"/>
      <c r="CK195" s="402"/>
      <c r="CL195" s="402"/>
      <c r="CM195" s="402"/>
      <c r="CN195" s="402"/>
      <c r="CO195" s="402"/>
      <c r="CP195" s="402"/>
      <c r="CQ195" s="402"/>
      <c r="CR195" s="402"/>
      <c r="CS195" s="402"/>
      <c r="CT195" s="402"/>
      <c r="CU195" s="402"/>
      <c r="CV195" s="402"/>
      <c r="CW195" s="402"/>
      <c r="CX195" s="402"/>
      <c r="CY195" s="402"/>
      <c r="CZ195" s="402"/>
      <c r="DA195" s="402"/>
      <c r="DB195" s="402"/>
      <c r="DC195" s="402"/>
      <c r="DD195" s="407"/>
      <c r="DE195" s="407"/>
      <c r="DF195" s="407"/>
    </row>
    <row r="196" spans="3:110" s="395" customFormat="1" ht="56.1" customHeight="1" x14ac:dyDescent="0.2">
      <c r="C196" s="420">
        <v>383</v>
      </c>
      <c r="D196" s="420" t="s">
        <v>2481</v>
      </c>
      <c r="E196" s="96" t="s">
        <v>53</v>
      </c>
      <c r="F196" s="96" t="s">
        <v>515</v>
      </c>
      <c r="G196" s="407" t="s">
        <v>528</v>
      </c>
      <c r="H196" s="407" t="s">
        <v>529</v>
      </c>
      <c r="I196" s="407" t="s">
        <v>529</v>
      </c>
      <c r="J196" s="407"/>
      <c r="K196" s="407" t="s">
        <v>93</v>
      </c>
      <c r="L196" s="407" t="s">
        <v>364</v>
      </c>
      <c r="M196" s="407" t="s">
        <v>8</v>
      </c>
      <c r="N196" s="407" t="s">
        <v>525</v>
      </c>
      <c r="O196" s="407" t="s">
        <v>71</v>
      </c>
      <c r="P196" s="407" t="s">
        <v>63</v>
      </c>
      <c r="Q196" s="407" t="s">
        <v>63</v>
      </c>
      <c r="R196" s="410">
        <v>0</v>
      </c>
      <c r="S196" s="410">
        <v>0</v>
      </c>
      <c r="T196" s="407" t="s">
        <v>64</v>
      </c>
      <c r="U196" s="407" t="s">
        <v>82</v>
      </c>
      <c r="V196" s="408"/>
      <c r="W196" s="408"/>
      <c r="X196" s="408"/>
      <c r="Y196" s="408"/>
      <c r="Z196" s="408"/>
      <c r="AA196" s="402"/>
      <c r="AB196" s="408"/>
      <c r="AC196" s="408"/>
      <c r="AD196" s="408"/>
      <c r="AE196" s="408"/>
      <c r="AF196" s="408"/>
      <c r="AG196" s="408"/>
      <c r="AH196" s="408"/>
      <c r="AI196" s="408"/>
      <c r="AJ196" s="408"/>
      <c r="AK196" s="408"/>
      <c r="AL196" s="408"/>
      <c r="AM196" s="408"/>
      <c r="AN196" s="408"/>
      <c r="AO196" s="408"/>
      <c r="AP196" s="408"/>
      <c r="AQ196" s="408"/>
      <c r="AR196" s="408"/>
      <c r="AS196" s="408"/>
      <c r="AT196" s="408"/>
      <c r="AU196" s="402" t="s">
        <v>66</v>
      </c>
      <c r="AV196" s="408"/>
      <c r="AW196" s="408"/>
      <c r="AX196" s="408"/>
      <c r="AY196" s="408"/>
      <c r="AZ196" s="408"/>
      <c r="BA196" s="308">
        <f t="shared" si="106"/>
        <v>217</v>
      </c>
      <c r="BB196" s="309"/>
      <c r="BC196" s="402" t="str">
        <f t="shared" si="107"/>
        <v/>
      </c>
      <c r="BD196" s="402" t="str">
        <f t="shared" si="108"/>
        <v/>
      </c>
      <c r="BE196" s="402" t="str">
        <f t="shared" si="109"/>
        <v/>
      </c>
      <c r="BF196" s="402" t="str">
        <f t="shared" si="110"/>
        <v/>
      </c>
      <c r="BG196" s="402" t="str">
        <f t="shared" si="111"/>
        <v/>
      </c>
      <c r="BH196" s="402" t="str">
        <f t="shared" si="112"/>
        <v/>
      </c>
      <c r="BI196" s="402" t="str">
        <f t="shared" si="113"/>
        <v/>
      </c>
      <c r="BJ196" s="402" t="str">
        <f t="shared" si="114"/>
        <v/>
      </c>
      <c r="BK196" s="402" t="str">
        <f t="shared" si="115"/>
        <v/>
      </c>
      <c r="BL196" s="402" t="str">
        <f t="shared" si="116"/>
        <v/>
      </c>
      <c r="BM196" s="402" t="str">
        <f t="shared" si="117"/>
        <v/>
      </c>
      <c r="BN196" s="402" t="str">
        <f t="shared" si="118"/>
        <v/>
      </c>
      <c r="BO196" s="402" t="str">
        <f t="shared" si="119"/>
        <v/>
      </c>
      <c r="BP196" s="402" t="str">
        <f t="shared" si="120"/>
        <v/>
      </c>
      <c r="BQ196" s="402" t="str">
        <f t="shared" si="121"/>
        <v/>
      </c>
      <c r="BR196" s="402" t="str">
        <f t="shared" si="122"/>
        <v/>
      </c>
      <c r="BS196" s="402" t="str">
        <f t="shared" si="123"/>
        <v/>
      </c>
      <c r="BT196" s="402" t="str">
        <f t="shared" si="124"/>
        <v/>
      </c>
      <c r="BU196" s="402" t="str">
        <f t="shared" si="125"/>
        <v/>
      </c>
      <c r="BV196" s="402" t="str">
        <f t="shared" si="126"/>
        <v/>
      </c>
      <c r="BW196" s="402" t="str">
        <f t="shared" si="127"/>
        <v/>
      </c>
      <c r="BX196" s="402" t="str">
        <f t="shared" si="128"/>
        <v/>
      </c>
      <c r="BY196" s="402" t="str">
        <f t="shared" si="129"/>
        <v/>
      </c>
      <c r="BZ196" s="402" t="str">
        <f t="shared" si="130"/>
        <v/>
      </c>
      <c r="CA196" s="402" t="str">
        <f t="shared" si="131"/>
        <v/>
      </c>
      <c r="CB196" s="402">
        <f t="shared" si="132"/>
        <v>0</v>
      </c>
      <c r="CC196" s="402" t="str">
        <f t="shared" si="133"/>
        <v/>
      </c>
      <c r="CD196" s="402" t="str">
        <f t="shared" si="134"/>
        <v/>
      </c>
      <c r="CE196" s="402" t="str">
        <f t="shared" si="135"/>
        <v/>
      </c>
      <c r="CF196" s="402" t="str">
        <f t="shared" si="136"/>
        <v/>
      </c>
      <c r="CG196" s="402" t="str">
        <f t="shared" si="137"/>
        <v/>
      </c>
      <c r="CH196" s="402"/>
      <c r="CI196" s="402"/>
      <c r="CJ196" s="402"/>
      <c r="CK196" s="402"/>
      <c r="CL196" s="402"/>
      <c r="CM196" s="402"/>
      <c r="CN196" s="402"/>
      <c r="CO196" s="402"/>
      <c r="CP196" s="402"/>
      <c r="CQ196" s="402"/>
      <c r="CR196" s="402"/>
      <c r="CS196" s="402"/>
      <c r="CT196" s="402"/>
      <c r="CU196" s="402"/>
      <c r="CV196" s="402"/>
      <c r="CW196" s="402"/>
      <c r="CX196" s="402"/>
      <c r="CY196" s="402"/>
      <c r="CZ196" s="402"/>
      <c r="DA196" s="402"/>
      <c r="DB196" s="402"/>
      <c r="DC196" s="402"/>
      <c r="DD196" s="407"/>
      <c r="DE196" s="407"/>
      <c r="DF196" s="407"/>
    </row>
    <row r="197" spans="3:110" s="395" customFormat="1" ht="56.1" customHeight="1" x14ac:dyDescent="0.2">
      <c r="C197" s="420">
        <v>384</v>
      </c>
      <c r="D197" s="420" t="s">
        <v>2481</v>
      </c>
      <c r="E197" s="96" t="s">
        <v>53</v>
      </c>
      <c r="F197" s="96" t="s">
        <v>515</v>
      </c>
      <c r="G197" s="407" t="s">
        <v>530</v>
      </c>
      <c r="H197" s="407" t="s">
        <v>532</v>
      </c>
      <c r="I197" s="407" t="s">
        <v>532</v>
      </c>
      <c r="J197" s="407"/>
      <c r="K197" s="407" t="s">
        <v>93</v>
      </c>
      <c r="L197" s="407" t="s">
        <v>364</v>
      </c>
      <c r="M197" s="407" t="s">
        <v>8</v>
      </c>
      <c r="N197" s="407" t="s">
        <v>525</v>
      </c>
      <c r="O197" s="407" t="s">
        <v>71</v>
      </c>
      <c r="P197" s="407" t="s">
        <v>63</v>
      </c>
      <c r="Q197" s="407" t="s">
        <v>63</v>
      </c>
      <c r="R197" s="410">
        <v>0</v>
      </c>
      <c r="S197" s="410">
        <v>0</v>
      </c>
      <c r="T197" s="407" t="s">
        <v>64</v>
      </c>
      <c r="U197" s="407" t="s">
        <v>82</v>
      </c>
      <c r="V197" s="408"/>
      <c r="W197" s="408"/>
      <c r="X197" s="408"/>
      <c r="Y197" s="408"/>
      <c r="Z197" s="408"/>
      <c r="AA197" s="402"/>
      <c r="AB197" s="408"/>
      <c r="AC197" s="408"/>
      <c r="AD197" s="408"/>
      <c r="AE197" s="408"/>
      <c r="AF197" s="408"/>
      <c r="AG197" s="408"/>
      <c r="AH197" s="408"/>
      <c r="AI197" s="408"/>
      <c r="AJ197" s="408"/>
      <c r="AK197" s="408"/>
      <c r="AL197" s="408"/>
      <c r="AM197" s="408"/>
      <c r="AN197" s="408"/>
      <c r="AO197" s="408"/>
      <c r="AP197" s="408"/>
      <c r="AQ197" s="408"/>
      <c r="AR197" s="408"/>
      <c r="AS197" s="408"/>
      <c r="AT197" s="408"/>
      <c r="AU197" s="402" t="s">
        <v>66</v>
      </c>
      <c r="AV197" s="408"/>
      <c r="AW197" s="408"/>
      <c r="AX197" s="408"/>
      <c r="AY197" s="408"/>
      <c r="AZ197" s="408"/>
      <c r="BA197" s="308">
        <f t="shared" si="106"/>
        <v>217</v>
      </c>
      <c r="BB197" s="309"/>
      <c r="BC197" s="402" t="str">
        <f t="shared" si="107"/>
        <v/>
      </c>
      <c r="BD197" s="402" t="str">
        <f t="shared" si="108"/>
        <v/>
      </c>
      <c r="BE197" s="402" t="str">
        <f t="shared" si="109"/>
        <v/>
      </c>
      <c r="BF197" s="402" t="str">
        <f t="shared" si="110"/>
        <v/>
      </c>
      <c r="BG197" s="402" t="str">
        <f t="shared" si="111"/>
        <v/>
      </c>
      <c r="BH197" s="402" t="str">
        <f t="shared" si="112"/>
        <v/>
      </c>
      <c r="BI197" s="402" t="str">
        <f t="shared" si="113"/>
        <v/>
      </c>
      <c r="BJ197" s="402" t="str">
        <f t="shared" si="114"/>
        <v/>
      </c>
      <c r="BK197" s="402" t="str">
        <f t="shared" si="115"/>
        <v/>
      </c>
      <c r="BL197" s="402" t="str">
        <f t="shared" si="116"/>
        <v/>
      </c>
      <c r="BM197" s="402" t="str">
        <f t="shared" si="117"/>
        <v/>
      </c>
      <c r="BN197" s="402" t="str">
        <f t="shared" si="118"/>
        <v/>
      </c>
      <c r="BO197" s="402" t="str">
        <f t="shared" si="119"/>
        <v/>
      </c>
      <c r="BP197" s="402" t="str">
        <f t="shared" si="120"/>
        <v/>
      </c>
      <c r="BQ197" s="402" t="str">
        <f t="shared" si="121"/>
        <v/>
      </c>
      <c r="BR197" s="402" t="str">
        <f t="shared" si="122"/>
        <v/>
      </c>
      <c r="BS197" s="402" t="str">
        <f t="shared" si="123"/>
        <v/>
      </c>
      <c r="BT197" s="402" t="str">
        <f t="shared" si="124"/>
        <v/>
      </c>
      <c r="BU197" s="402" t="str">
        <f t="shared" si="125"/>
        <v/>
      </c>
      <c r="BV197" s="402" t="str">
        <f t="shared" si="126"/>
        <v/>
      </c>
      <c r="BW197" s="402" t="str">
        <f t="shared" si="127"/>
        <v/>
      </c>
      <c r="BX197" s="402" t="str">
        <f t="shared" si="128"/>
        <v/>
      </c>
      <c r="BY197" s="402" t="str">
        <f t="shared" si="129"/>
        <v/>
      </c>
      <c r="BZ197" s="402" t="str">
        <f t="shared" si="130"/>
        <v/>
      </c>
      <c r="CA197" s="402" t="str">
        <f t="shared" si="131"/>
        <v/>
      </c>
      <c r="CB197" s="402">
        <f t="shared" si="132"/>
        <v>0</v>
      </c>
      <c r="CC197" s="402" t="str">
        <f t="shared" si="133"/>
        <v/>
      </c>
      <c r="CD197" s="402" t="str">
        <f t="shared" si="134"/>
        <v/>
      </c>
      <c r="CE197" s="402" t="str">
        <f t="shared" si="135"/>
        <v/>
      </c>
      <c r="CF197" s="402" t="str">
        <f t="shared" si="136"/>
        <v/>
      </c>
      <c r="CG197" s="402" t="str">
        <f t="shared" si="137"/>
        <v/>
      </c>
      <c r="CH197" s="402"/>
      <c r="CI197" s="402"/>
      <c r="CJ197" s="402"/>
      <c r="CK197" s="402"/>
      <c r="CL197" s="402"/>
      <c r="CM197" s="402"/>
      <c r="CN197" s="402"/>
      <c r="CO197" s="402"/>
      <c r="CP197" s="402"/>
      <c r="CQ197" s="402"/>
      <c r="CR197" s="402"/>
      <c r="CS197" s="402"/>
      <c r="CT197" s="402"/>
      <c r="CU197" s="402"/>
      <c r="CV197" s="402"/>
      <c r="CW197" s="402"/>
      <c r="CX197" s="402"/>
      <c r="CY197" s="402"/>
      <c r="CZ197" s="402"/>
      <c r="DA197" s="402"/>
      <c r="DB197" s="402"/>
      <c r="DC197" s="402"/>
      <c r="DD197" s="407"/>
      <c r="DE197" s="407"/>
      <c r="DF197" s="407"/>
    </row>
    <row r="198" spans="3:110" s="395" customFormat="1" ht="56.1" customHeight="1" x14ac:dyDescent="0.2">
      <c r="C198" s="420">
        <v>385</v>
      </c>
      <c r="D198" s="420" t="s">
        <v>2481</v>
      </c>
      <c r="E198" s="96" t="s">
        <v>53</v>
      </c>
      <c r="F198" s="96" t="s">
        <v>515</v>
      </c>
      <c r="G198" s="407" t="s">
        <v>533</v>
      </c>
      <c r="H198" s="407" t="s">
        <v>534</v>
      </c>
      <c r="I198" s="407" t="s">
        <v>534</v>
      </c>
      <c r="J198" s="407"/>
      <c r="K198" s="407" t="s">
        <v>93</v>
      </c>
      <c r="L198" s="407" t="s">
        <v>364</v>
      </c>
      <c r="M198" s="407" t="s">
        <v>81</v>
      </c>
      <c r="N198" s="407" t="s">
        <v>334</v>
      </c>
      <c r="O198" s="407" t="s">
        <v>71</v>
      </c>
      <c r="P198" s="407" t="s">
        <v>63</v>
      </c>
      <c r="Q198" s="407" t="s">
        <v>63</v>
      </c>
      <c r="R198" s="410">
        <v>38610.81</v>
      </c>
      <c r="S198" s="410">
        <v>38610.81</v>
      </c>
      <c r="T198" s="407" t="s">
        <v>64</v>
      </c>
      <c r="U198" s="407" t="s">
        <v>82</v>
      </c>
      <c r="V198" s="408"/>
      <c r="W198" s="408"/>
      <c r="X198" s="408"/>
      <c r="Y198" s="408"/>
      <c r="Z198" s="408"/>
      <c r="AA198" s="402"/>
      <c r="AB198" s="408"/>
      <c r="AC198" s="408"/>
      <c r="AD198" s="408"/>
      <c r="AE198" s="408"/>
      <c r="AF198" s="408"/>
      <c r="AG198" s="408"/>
      <c r="AH198" s="408"/>
      <c r="AI198" s="408"/>
      <c r="AJ198" s="408"/>
      <c r="AK198" s="408"/>
      <c r="AL198" s="408"/>
      <c r="AM198" s="408"/>
      <c r="AN198" s="408"/>
      <c r="AO198" s="408"/>
      <c r="AP198" s="408"/>
      <c r="AQ198" s="408"/>
      <c r="AR198" s="408"/>
      <c r="AS198" s="408"/>
      <c r="AT198" s="408"/>
      <c r="AU198" s="402" t="s">
        <v>66</v>
      </c>
      <c r="AV198" s="408"/>
      <c r="AW198" s="408"/>
      <c r="AX198" s="408"/>
      <c r="AY198" s="408"/>
      <c r="AZ198" s="408"/>
      <c r="BA198" s="308">
        <f t="shared" si="106"/>
        <v>217</v>
      </c>
      <c r="BB198" s="309">
        <f>S198/BA198</f>
        <v>177.92999999999998</v>
      </c>
      <c r="BC198" s="402" t="str">
        <f t="shared" si="107"/>
        <v/>
      </c>
      <c r="BD198" s="402" t="str">
        <f t="shared" si="108"/>
        <v/>
      </c>
      <c r="BE198" s="402" t="str">
        <f t="shared" si="109"/>
        <v/>
      </c>
      <c r="BF198" s="402" t="str">
        <f t="shared" si="110"/>
        <v/>
      </c>
      <c r="BG198" s="402" t="str">
        <f t="shared" si="111"/>
        <v/>
      </c>
      <c r="BH198" s="402" t="str">
        <f t="shared" si="112"/>
        <v/>
      </c>
      <c r="BI198" s="402" t="str">
        <f t="shared" si="113"/>
        <v/>
      </c>
      <c r="BJ198" s="402" t="str">
        <f t="shared" si="114"/>
        <v/>
      </c>
      <c r="BK198" s="402" t="str">
        <f t="shared" si="115"/>
        <v/>
      </c>
      <c r="BL198" s="402" t="str">
        <f t="shared" si="116"/>
        <v/>
      </c>
      <c r="BM198" s="402" t="str">
        <f t="shared" si="117"/>
        <v/>
      </c>
      <c r="BN198" s="402" t="str">
        <f t="shared" si="118"/>
        <v/>
      </c>
      <c r="BO198" s="402" t="str">
        <f t="shared" si="119"/>
        <v/>
      </c>
      <c r="BP198" s="402" t="str">
        <f t="shared" si="120"/>
        <v/>
      </c>
      <c r="BQ198" s="402" t="str">
        <f t="shared" si="121"/>
        <v/>
      </c>
      <c r="BR198" s="402" t="str">
        <f t="shared" si="122"/>
        <v/>
      </c>
      <c r="BS198" s="402" t="str">
        <f t="shared" si="123"/>
        <v/>
      </c>
      <c r="BT198" s="402" t="str">
        <f t="shared" si="124"/>
        <v/>
      </c>
      <c r="BU198" s="402" t="str">
        <f t="shared" si="125"/>
        <v/>
      </c>
      <c r="BV198" s="402" t="str">
        <f t="shared" si="126"/>
        <v/>
      </c>
      <c r="BW198" s="402" t="str">
        <f t="shared" si="127"/>
        <v/>
      </c>
      <c r="BX198" s="402" t="str">
        <f t="shared" si="128"/>
        <v/>
      </c>
      <c r="BY198" s="402" t="str">
        <f t="shared" si="129"/>
        <v/>
      </c>
      <c r="BZ198" s="402" t="str">
        <f t="shared" si="130"/>
        <v/>
      </c>
      <c r="CA198" s="402" t="str">
        <f t="shared" si="131"/>
        <v/>
      </c>
      <c r="CB198" s="402">
        <f t="shared" si="132"/>
        <v>38610.81</v>
      </c>
      <c r="CC198" s="402" t="str">
        <f t="shared" si="133"/>
        <v/>
      </c>
      <c r="CD198" s="402" t="str">
        <f t="shared" si="134"/>
        <v/>
      </c>
      <c r="CE198" s="402" t="str">
        <f t="shared" si="135"/>
        <v/>
      </c>
      <c r="CF198" s="402" t="str">
        <f t="shared" si="136"/>
        <v/>
      </c>
      <c r="CG198" s="402" t="str">
        <f t="shared" si="137"/>
        <v/>
      </c>
      <c r="CH198" s="402"/>
      <c r="CI198" s="402"/>
      <c r="CJ198" s="402"/>
      <c r="CK198" s="402"/>
      <c r="CL198" s="402"/>
      <c r="CM198" s="402"/>
      <c r="CN198" s="402"/>
      <c r="CO198" s="402"/>
      <c r="CP198" s="402"/>
      <c r="CQ198" s="402"/>
      <c r="CR198" s="402"/>
      <c r="CS198" s="402"/>
      <c r="CT198" s="402"/>
      <c r="CU198" s="402"/>
      <c r="CV198" s="402"/>
      <c r="CW198" s="402"/>
      <c r="CX198" s="402"/>
      <c r="CY198" s="402"/>
      <c r="CZ198" s="402"/>
      <c r="DA198" s="402"/>
      <c r="DB198" s="402"/>
      <c r="DC198" s="402"/>
      <c r="DD198" s="407"/>
      <c r="DE198" s="407"/>
      <c r="DF198" s="407"/>
    </row>
    <row r="199" spans="3:110" s="395" customFormat="1" ht="56.1" customHeight="1" x14ac:dyDescent="0.2">
      <c r="C199" s="420">
        <v>386</v>
      </c>
      <c r="D199" s="420" t="s">
        <v>2481</v>
      </c>
      <c r="E199" s="96" t="s">
        <v>53</v>
      </c>
      <c r="F199" s="96" t="s">
        <v>515</v>
      </c>
      <c r="G199" s="407" t="s">
        <v>548</v>
      </c>
      <c r="H199" s="407" t="s">
        <v>535</v>
      </c>
      <c r="I199" s="407" t="s">
        <v>536</v>
      </c>
      <c r="J199" s="407"/>
      <c r="K199" s="407" t="s">
        <v>93</v>
      </c>
      <c r="L199" s="407" t="s">
        <v>310</v>
      </c>
      <c r="M199" s="407" t="s">
        <v>551</v>
      </c>
      <c r="N199" s="407" t="s">
        <v>334</v>
      </c>
      <c r="O199" s="407" t="s">
        <v>225</v>
      </c>
      <c r="P199" s="407" t="s">
        <v>63</v>
      </c>
      <c r="Q199" s="407" t="s">
        <v>63</v>
      </c>
      <c r="R199" s="410">
        <v>9413.6831999999977</v>
      </c>
      <c r="S199" s="410">
        <v>9413.6831999999977</v>
      </c>
      <c r="T199" s="407" t="s">
        <v>226</v>
      </c>
      <c r="U199" s="407" t="s">
        <v>82</v>
      </c>
      <c r="V199" s="408"/>
      <c r="W199" s="408"/>
      <c r="X199" s="408"/>
      <c r="Y199" s="408"/>
      <c r="Z199" s="408"/>
      <c r="AA199" s="402"/>
      <c r="AB199" s="408"/>
      <c r="AC199" s="408"/>
      <c r="AD199" s="408"/>
      <c r="AE199" s="408"/>
      <c r="AF199" s="408"/>
      <c r="AG199" s="408"/>
      <c r="AH199" s="408"/>
      <c r="AI199" s="408"/>
      <c r="AJ199" s="408"/>
      <c r="AK199" s="408"/>
      <c r="AL199" s="408"/>
      <c r="AM199" s="408"/>
      <c r="AN199" s="408"/>
      <c r="AO199" s="408"/>
      <c r="AP199" s="408"/>
      <c r="AQ199" s="408"/>
      <c r="AR199" s="408"/>
      <c r="AS199" s="408"/>
      <c r="AT199" s="408"/>
      <c r="AU199" s="408"/>
      <c r="AV199" s="402" t="s">
        <v>66</v>
      </c>
      <c r="AW199" s="408"/>
      <c r="AX199" s="408"/>
      <c r="AY199" s="408"/>
      <c r="AZ199" s="408"/>
      <c r="BA199" s="308">
        <f t="shared" si="106"/>
        <v>31</v>
      </c>
      <c r="BB199" s="309">
        <f>S199/BA199</f>
        <v>303.66719999999992</v>
      </c>
      <c r="BC199" s="402" t="str">
        <f t="shared" si="107"/>
        <v/>
      </c>
      <c r="BD199" s="402" t="str">
        <f t="shared" si="108"/>
        <v/>
      </c>
      <c r="BE199" s="402" t="str">
        <f t="shared" si="109"/>
        <v/>
      </c>
      <c r="BF199" s="402" t="str">
        <f t="shared" si="110"/>
        <v/>
      </c>
      <c r="BG199" s="402" t="str">
        <f t="shared" si="111"/>
        <v/>
      </c>
      <c r="BH199" s="402" t="str">
        <f t="shared" si="112"/>
        <v/>
      </c>
      <c r="BI199" s="402" t="str">
        <f t="shared" si="113"/>
        <v/>
      </c>
      <c r="BJ199" s="402" t="str">
        <f t="shared" si="114"/>
        <v/>
      </c>
      <c r="BK199" s="402" t="str">
        <f t="shared" si="115"/>
        <v/>
      </c>
      <c r="BL199" s="402" t="str">
        <f t="shared" si="116"/>
        <v/>
      </c>
      <c r="BM199" s="402" t="str">
        <f t="shared" si="117"/>
        <v/>
      </c>
      <c r="BN199" s="402" t="str">
        <f t="shared" si="118"/>
        <v/>
      </c>
      <c r="BO199" s="402" t="str">
        <f t="shared" si="119"/>
        <v/>
      </c>
      <c r="BP199" s="402" t="str">
        <f t="shared" si="120"/>
        <v/>
      </c>
      <c r="BQ199" s="402" t="str">
        <f t="shared" si="121"/>
        <v/>
      </c>
      <c r="BR199" s="402" t="str">
        <f t="shared" si="122"/>
        <v/>
      </c>
      <c r="BS199" s="402" t="str">
        <f t="shared" si="123"/>
        <v/>
      </c>
      <c r="BT199" s="402" t="str">
        <f t="shared" si="124"/>
        <v/>
      </c>
      <c r="BU199" s="402" t="str">
        <f t="shared" si="125"/>
        <v/>
      </c>
      <c r="BV199" s="402" t="str">
        <f t="shared" si="126"/>
        <v/>
      </c>
      <c r="BW199" s="402" t="str">
        <f t="shared" si="127"/>
        <v/>
      </c>
      <c r="BX199" s="402" t="str">
        <f t="shared" si="128"/>
        <v/>
      </c>
      <c r="BY199" s="402" t="str">
        <f t="shared" si="129"/>
        <v/>
      </c>
      <c r="BZ199" s="402" t="str">
        <f t="shared" si="130"/>
        <v/>
      </c>
      <c r="CA199" s="402" t="str">
        <f t="shared" si="131"/>
        <v/>
      </c>
      <c r="CB199" s="402" t="str">
        <f t="shared" si="132"/>
        <v/>
      </c>
      <c r="CC199" s="402">
        <f t="shared" si="133"/>
        <v>9413.6831999999977</v>
      </c>
      <c r="CD199" s="402" t="str">
        <f t="shared" si="134"/>
        <v/>
      </c>
      <c r="CE199" s="402" t="str">
        <f t="shared" si="135"/>
        <v/>
      </c>
      <c r="CF199" s="402" t="str">
        <f t="shared" si="136"/>
        <v/>
      </c>
      <c r="CG199" s="402" t="str">
        <f t="shared" si="137"/>
        <v/>
      </c>
      <c r="CH199" s="402"/>
      <c r="CI199" s="402"/>
      <c r="CJ199" s="402"/>
      <c r="CK199" s="402"/>
      <c r="CL199" s="402"/>
      <c r="CM199" s="402"/>
      <c r="CN199" s="402"/>
      <c r="CO199" s="402"/>
      <c r="CP199" s="402"/>
      <c r="CQ199" s="402"/>
      <c r="CR199" s="402"/>
      <c r="CS199" s="402"/>
      <c r="CT199" s="402"/>
      <c r="CU199" s="402"/>
      <c r="CV199" s="402"/>
      <c r="CW199" s="402"/>
      <c r="CX199" s="402"/>
      <c r="CY199" s="402"/>
      <c r="CZ199" s="402"/>
      <c r="DA199" s="402"/>
      <c r="DB199" s="402"/>
      <c r="DC199" s="402"/>
      <c r="DD199" s="407"/>
      <c r="DE199" s="407"/>
      <c r="DF199" s="407"/>
    </row>
    <row r="200" spans="3:110" s="395" customFormat="1" ht="56.1" customHeight="1" x14ac:dyDescent="0.2">
      <c r="C200" s="420">
        <v>387</v>
      </c>
      <c r="D200" s="420" t="s">
        <v>2481</v>
      </c>
      <c r="E200" s="96" t="s">
        <v>53</v>
      </c>
      <c r="F200" s="96" t="s">
        <v>515</v>
      </c>
      <c r="G200" s="407" t="s">
        <v>518</v>
      </c>
      <c r="H200" s="407" t="s">
        <v>520</v>
      </c>
      <c r="I200" s="407" t="s">
        <v>520</v>
      </c>
      <c r="J200" s="407"/>
      <c r="K200" s="407" t="s">
        <v>93</v>
      </c>
      <c r="L200" s="407" t="s">
        <v>310</v>
      </c>
      <c r="M200" s="407" t="s">
        <v>551</v>
      </c>
      <c r="N200" s="407" t="s">
        <v>334</v>
      </c>
      <c r="O200" s="407" t="s">
        <v>225</v>
      </c>
      <c r="P200" s="407" t="s">
        <v>63</v>
      </c>
      <c r="Q200" s="407" t="s">
        <v>63</v>
      </c>
      <c r="R200" s="410">
        <v>24710.918399999999</v>
      </c>
      <c r="S200" s="410">
        <v>24710.918399999999</v>
      </c>
      <c r="T200" s="407" t="s">
        <v>226</v>
      </c>
      <c r="U200" s="407" t="s">
        <v>82</v>
      </c>
      <c r="V200" s="408"/>
      <c r="W200" s="408"/>
      <c r="X200" s="408"/>
      <c r="Y200" s="408"/>
      <c r="Z200" s="408"/>
      <c r="AA200" s="402"/>
      <c r="AB200" s="408"/>
      <c r="AC200" s="408"/>
      <c r="AD200" s="408"/>
      <c r="AE200" s="408"/>
      <c r="AF200" s="408"/>
      <c r="AG200" s="408"/>
      <c r="AH200" s="408"/>
      <c r="AI200" s="408"/>
      <c r="AJ200" s="408"/>
      <c r="AK200" s="408"/>
      <c r="AL200" s="408"/>
      <c r="AM200" s="408"/>
      <c r="AN200" s="408"/>
      <c r="AO200" s="408"/>
      <c r="AP200" s="408"/>
      <c r="AQ200" s="408"/>
      <c r="AR200" s="408"/>
      <c r="AS200" s="408"/>
      <c r="AT200" s="408"/>
      <c r="AU200" s="408"/>
      <c r="AV200" s="402" t="s">
        <v>66</v>
      </c>
      <c r="AW200" s="408"/>
      <c r="AX200" s="408"/>
      <c r="AY200" s="408"/>
      <c r="AZ200" s="408"/>
      <c r="BA200" s="308">
        <f t="shared" si="106"/>
        <v>31</v>
      </c>
      <c r="BB200" s="309">
        <f>S200/BA200</f>
        <v>797.12639999999999</v>
      </c>
      <c r="BC200" s="402" t="str">
        <f t="shared" si="107"/>
        <v/>
      </c>
      <c r="BD200" s="402" t="str">
        <f t="shared" si="108"/>
        <v/>
      </c>
      <c r="BE200" s="402" t="str">
        <f t="shared" si="109"/>
        <v/>
      </c>
      <c r="BF200" s="402" t="str">
        <f t="shared" si="110"/>
        <v/>
      </c>
      <c r="BG200" s="402" t="str">
        <f t="shared" si="111"/>
        <v/>
      </c>
      <c r="BH200" s="402" t="str">
        <f t="shared" si="112"/>
        <v/>
      </c>
      <c r="BI200" s="402" t="str">
        <f t="shared" si="113"/>
        <v/>
      </c>
      <c r="BJ200" s="402" t="str">
        <f t="shared" si="114"/>
        <v/>
      </c>
      <c r="BK200" s="402" t="str">
        <f t="shared" si="115"/>
        <v/>
      </c>
      <c r="BL200" s="402" t="str">
        <f t="shared" si="116"/>
        <v/>
      </c>
      <c r="BM200" s="402" t="str">
        <f t="shared" si="117"/>
        <v/>
      </c>
      <c r="BN200" s="402" t="str">
        <f t="shared" si="118"/>
        <v/>
      </c>
      <c r="BO200" s="402" t="str">
        <f t="shared" si="119"/>
        <v/>
      </c>
      <c r="BP200" s="402" t="str">
        <f t="shared" si="120"/>
        <v/>
      </c>
      <c r="BQ200" s="402" t="str">
        <f t="shared" si="121"/>
        <v/>
      </c>
      <c r="BR200" s="402" t="str">
        <f t="shared" si="122"/>
        <v/>
      </c>
      <c r="BS200" s="402" t="str">
        <f t="shared" si="123"/>
        <v/>
      </c>
      <c r="BT200" s="402" t="str">
        <f t="shared" si="124"/>
        <v/>
      </c>
      <c r="BU200" s="402" t="str">
        <f t="shared" si="125"/>
        <v/>
      </c>
      <c r="BV200" s="402" t="str">
        <f t="shared" si="126"/>
        <v/>
      </c>
      <c r="BW200" s="402" t="str">
        <f t="shared" si="127"/>
        <v/>
      </c>
      <c r="BX200" s="402" t="str">
        <f t="shared" si="128"/>
        <v/>
      </c>
      <c r="BY200" s="402" t="str">
        <f t="shared" si="129"/>
        <v/>
      </c>
      <c r="BZ200" s="402" t="str">
        <f t="shared" si="130"/>
        <v/>
      </c>
      <c r="CA200" s="402" t="str">
        <f t="shared" si="131"/>
        <v/>
      </c>
      <c r="CB200" s="402" t="str">
        <f t="shared" si="132"/>
        <v/>
      </c>
      <c r="CC200" s="402">
        <f t="shared" si="133"/>
        <v>24710.918399999999</v>
      </c>
      <c r="CD200" s="402" t="str">
        <f t="shared" si="134"/>
        <v/>
      </c>
      <c r="CE200" s="402" t="str">
        <f t="shared" si="135"/>
        <v/>
      </c>
      <c r="CF200" s="402" t="str">
        <f t="shared" si="136"/>
        <v/>
      </c>
      <c r="CG200" s="402" t="str">
        <f t="shared" si="137"/>
        <v/>
      </c>
      <c r="CH200" s="402"/>
      <c r="CI200" s="402"/>
      <c r="CJ200" s="402"/>
      <c r="CK200" s="402"/>
      <c r="CL200" s="402"/>
      <c r="CM200" s="402"/>
      <c r="CN200" s="402"/>
      <c r="CO200" s="402"/>
      <c r="CP200" s="402"/>
      <c r="CQ200" s="402"/>
      <c r="CR200" s="402"/>
      <c r="CS200" s="402"/>
      <c r="CT200" s="402"/>
      <c r="CU200" s="402"/>
      <c r="CV200" s="402"/>
      <c r="CW200" s="402"/>
      <c r="CX200" s="402"/>
      <c r="CY200" s="402"/>
      <c r="CZ200" s="402"/>
      <c r="DA200" s="402"/>
      <c r="DB200" s="402"/>
      <c r="DC200" s="402"/>
      <c r="DD200" s="407"/>
      <c r="DE200" s="407"/>
      <c r="DF200" s="407"/>
    </row>
    <row r="201" spans="3:110" s="395" customFormat="1" ht="56.1" customHeight="1" x14ac:dyDescent="0.2">
      <c r="C201" s="420">
        <v>388</v>
      </c>
      <c r="D201" s="420" t="s">
        <v>2481</v>
      </c>
      <c r="E201" s="96" t="s">
        <v>53</v>
      </c>
      <c r="F201" s="96" t="s">
        <v>515</v>
      </c>
      <c r="G201" s="407" t="s">
        <v>521</v>
      </c>
      <c r="H201" s="407" t="s">
        <v>522</v>
      </c>
      <c r="I201" s="407" t="s">
        <v>522</v>
      </c>
      <c r="J201" s="407"/>
      <c r="K201" s="407" t="s">
        <v>93</v>
      </c>
      <c r="L201" s="407" t="s">
        <v>310</v>
      </c>
      <c r="M201" s="407" t="s">
        <v>551</v>
      </c>
      <c r="N201" s="407" t="s">
        <v>334</v>
      </c>
      <c r="O201" s="407" t="s">
        <v>225</v>
      </c>
      <c r="P201" s="407" t="s">
        <v>63</v>
      </c>
      <c r="Q201" s="407" t="s">
        <v>63</v>
      </c>
      <c r="R201" s="410">
        <v>34516.838400000001</v>
      </c>
      <c r="S201" s="410">
        <v>34516.838400000001</v>
      </c>
      <c r="T201" s="407" t="s">
        <v>226</v>
      </c>
      <c r="U201" s="407" t="s">
        <v>82</v>
      </c>
      <c r="V201" s="408"/>
      <c r="W201" s="408"/>
      <c r="X201" s="408"/>
      <c r="Y201" s="408"/>
      <c r="Z201" s="408"/>
      <c r="AA201" s="402"/>
      <c r="AB201" s="408"/>
      <c r="AC201" s="408"/>
      <c r="AD201" s="408"/>
      <c r="AE201" s="408"/>
      <c r="AF201" s="408"/>
      <c r="AG201" s="408"/>
      <c r="AH201" s="408"/>
      <c r="AI201" s="408"/>
      <c r="AJ201" s="408"/>
      <c r="AK201" s="408"/>
      <c r="AL201" s="408"/>
      <c r="AM201" s="408"/>
      <c r="AN201" s="408"/>
      <c r="AO201" s="408"/>
      <c r="AP201" s="408"/>
      <c r="AQ201" s="408"/>
      <c r="AR201" s="408"/>
      <c r="AS201" s="408"/>
      <c r="AT201" s="408"/>
      <c r="AU201" s="408"/>
      <c r="AV201" s="402" t="s">
        <v>66</v>
      </c>
      <c r="AW201" s="408"/>
      <c r="AX201" s="408"/>
      <c r="AY201" s="408"/>
      <c r="AZ201" s="408"/>
      <c r="BA201" s="308">
        <f t="shared" si="106"/>
        <v>31</v>
      </c>
      <c r="BB201" s="309">
        <f>S201/BA201</f>
        <v>1113.4464</v>
      </c>
      <c r="BC201" s="402" t="str">
        <f t="shared" si="107"/>
        <v/>
      </c>
      <c r="BD201" s="402" t="str">
        <f t="shared" si="108"/>
        <v/>
      </c>
      <c r="BE201" s="402" t="str">
        <f t="shared" si="109"/>
        <v/>
      </c>
      <c r="BF201" s="402" t="str">
        <f t="shared" si="110"/>
        <v/>
      </c>
      <c r="BG201" s="402" t="str">
        <f t="shared" si="111"/>
        <v/>
      </c>
      <c r="BH201" s="402" t="str">
        <f t="shared" si="112"/>
        <v/>
      </c>
      <c r="BI201" s="402" t="str">
        <f t="shared" si="113"/>
        <v/>
      </c>
      <c r="BJ201" s="402" t="str">
        <f t="shared" si="114"/>
        <v/>
      </c>
      <c r="BK201" s="402" t="str">
        <f t="shared" si="115"/>
        <v/>
      </c>
      <c r="BL201" s="402" t="str">
        <f t="shared" si="116"/>
        <v/>
      </c>
      <c r="BM201" s="402" t="str">
        <f t="shared" si="117"/>
        <v/>
      </c>
      <c r="BN201" s="402" t="str">
        <f t="shared" si="118"/>
        <v/>
      </c>
      <c r="BO201" s="402" t="str">
        <f t="shared" si="119"/>
        <v/>
      </c>
      <c r="BP201" s="402" t="str">
        <f t="shared" si="120"/>
        <v/>
      </c>
      <c r="BQ201" s="402" t="str">
        <f t="shared" si="121"/>
        <v/>
      </c>
      <c r="BR201" s="402" t="str">
        <f t="shared" si="122"/>
        <v/>
      </c>
      <c r="BS201" s="402" t="str">
        <f t="shared" si="123"/>
        <v/>
      </c>
      <c r="BT201" s="402" t="str">
        <f t="shared" si="124"/>
        <v/>
      </c>
      <c r="BU201" s="402" t="str">
        <f t="shared" si="125"/>
        <v/>
      </c>
      <c r="BV201" s="402" t="str">
        <f t="shared" si="126"/>
        <v/>
      </c>
      <c r="BW201" s="402" t="str">
        <f t="shared" si="127"/>
        <v/>
      </c>
      <c r="BX201" s="402" t="str">
        <f t="shared" si="128"/>
        <v/>
      </c>
      <c r="BY201" s="402" t="str">
        <f t="shared" si="129"/>
        <v/>
      </c>
      <c r="BZ201" s="402" t="str">
        <f t="shared" si="130"/>
        <v/>
      </c>
      <c r="CA201" s="402" t="str">
        <f t="shared" si="131"/>
        <v/>
      </c>
      <c r="CB201" s="402" t="str">
        <f t="shared" si="132"/>
        <v/>
      </c>
      <c r="CC201" s="402">
        <f t="shared" si="133"/>
        <v>34516.838400000001</v>
      </c>
      <c r="CD201" s="402" t="str">
        <f t="shared" si="134"/>
        <v/>
      </c>
      <c r="CE201" s="402" t="str">
        <f t="shared" si="135"/>
        <v/>
      </c>
      <c r="CF201" s="402" t="str">
        <f t="shared" si="136"/>
        <v/>
      </c>
      <c r="CG201" s="402" t="str">
        <f t="shared" si="137"/>
        <v/>
      </c>
      <c r="CH201" s="402"/>
      <c r="CI201" s="402"/>
      <c r="CJ201" s="402"/>
      <c r="CK201" s="402"/>
      <c r="CL201" s="402"/>
      <c r="CM201" s="402"/>
      <c r="CN201" s="402"/>
      <c r="CO201" s="402"/>
      <c r="CP201" s="402"/>
      <c r="CQ201" s="402"/>
      <c r="CR201" s="402"/>
      <c r="CS201" s="402"/>
      <c r="CT201" s="402"/>
      <c r="CU201" s="402"/>
      <c r="CV201" s="402"/>
      <c r="CW201" s="402"/>
      <c r="CX201" s="402"/>
      <c r="CY201" s="402"/>
      <c r="CZ201" s="402"/>
      <c r="DA201" s="402"/>
      <c r="DB201" s="402"/>
      <c r="DC201" s="402"/>
      <c r="DD201" s="407"/>
      <c r="DE201" s="407"/>
      <c r="DF201" s="407"/>
    </row>
    <row r="202" spans="3:110" s="395" customFormat="1" ht="56.1" customHeight="1" x14ac:dyDescent="0.2">
      <c r="C202" s="420">
        <v>389</v>
      </c>
      <c r="D202" s="420" t="s">
        <v>2481</v>
      </c>
      <c r="E202" s="96" t="s">
        <v>53</v>
      </c>
      <c r="F202" s="96" t="s">
        <v>515</v>
      </c>
      <c r="G202" s="407" t="s">
        <v>523</v>
      </c>
      <c r="H202" s="407" t="s">
        <v>524</v>
      </c>
      <c r="I202" s="407" t="s">
        <v>524</v>
      </c>
      <c r="J202" s="407"/>
      <c r="K202" s="407" t="s">
        <v>93</v>
      </c>
      <c r="L202" s="407" t="s">
        <v>310</v>
      </c>
      <c r="M202" s="407" t="s">
        <v>551</v>
      </c>
      <c r="N202" s="407" t="s">
        <v>525</v>
      </c>
      <c r="O202" s="407" t="s">
        <v>225</v>
      </c>
      <c r="P202" s="407" t="s">
        <v>63</v>
      </c>
      <c r="Q202" s="407" t="s">
        <v>63</v>
      </c>
      <c r="R202" s="410">
        <v>0</v>
      </c>
      <c r="S202" s="410">
        <v>0</v>
      </c>
      <c r="T202" s="407" t="s">
        <v>226</v>
      </c>
      <c r="U202" s="407" t="s">
        <v>82</v>
      </c>
      <c r="V202" s="408"/>
      <c r="W202" s="408"/>
      <c r="X202" s="408"/>
      <c r="Y202" s="408"/>
      <c r="Z202" s="408"/>
      <c r="AA202" s="402"/>
      <c r="AB202" s="408"/>
      <c r="AC202" s="408"/>
      <c r="AD202" s="408"/>
      <c r="AE202" s="408"/>
      <c r="AF202" s="408"/>
      <c r="AG202" s="408"/>
      <c r="AH202" s="408"/>
      <c r="AI202" s="408"/>
      <c r="AJ202" s="408"/>
      <c r="AK202" s="408"/>
      <c r="AL202" s="408"/>
      <c r="AM202" s="408"/>
      <c r="AN202" s="408"/>
      <c r="AO202" s="408"/>
      <c r="AP202" s="408"/>
      <c r="AQ202" s="408"/>
      <c r="AR202" s="408"/>
      <c r="AS202" s="408"/>
      <c r="AT202" s="408"/>
      <c r="AU202" s="408"/>
      <c r="AV202" s="402" t="s">
        <v>66</v>
      </c>
      <c r="AW202" s="408"/>
      <c r="AX202" s="408"/>
      <c r="AY202" s="408"/>
      <c r="AZ202" s="408"/>
      <c r="BA202" s="308">
        <f t="shared" si="106"/>
        <v>31</v>
      </c>
      <c r="BB202" s="309"/>
      <c r="BC202" s="402" t="str">
        <f t="shared" si="107"/>
        <v/>
      </c>
      <c r="BD202" s="402" t="str">
        <f t="shared" si="108"/>
        <v/>
      </c>
      <c r="BE202" s="402" t="str">
        <f t="shared" si="109"/>
        <v/>
      </c>
      <c r="BF202" s="402" t="str">
        <f t="shared" si="110"/>
        <v/>
      </c>
      <c r="BG202" s="402" t="str">
        <f t="shared" si="111"/>
        <v/>
      </c>
      <c r="BH202" s="402" t="str">
        <f t="shared" si="112"/>
        <v/>
      </c>
      <c r="BI202" s="402" t="str">
        <f t="shared" si="113"/>
        <v/>
      </c>
      <c r="BJ202" s="402" t="str">
        <f t="shared" si="114"/>
        <v/>
      </c>
      <c r="BK202" s="402" t="str">
        <f t="shared" si="115"/>
        <v/>
      </c>
      <c r="BL202" s="402" t="str">
        <f t="shared" si="116"/>
        <v/>
      </c>
      <c r="BM202" s="402" t="str">
        <f t="shared" si="117"/>
        <v/>
      </c>
      <c r="BN202" s="402" t="str">
        <f t="shared" si="118"/>
        <v/>
      </c>
      <c r="BO202" s="402" t="str">
        <f t="shared" si="119"/>
        <v/>
      </c>
      <c r="BP202" s="402" t="str">
        <f t="shared" si="120"/>
        <v/>
      </c>
      <c r="BQ202" s="402" t="str">
        <f t="shared" si="121"/>
        <v/>
      </c>
      <c r="BR202" s="402" t="str">
        <f t="shared" si="122"/>
        <v/>
      </c>
      <c r="BS202" s="402" t="str">
        <f t="shared" si="123"/>
        <v/>
      </c>
      <c r="BT202" s="402" t="str">
        <f t="shared" si="124"/>
        <v/>
      </c>
      <c r="BU202" s="402" t="str">
        <f t="shared" si="125"/>
        <v/>
      </c>
      <c r="BV202" s="402" t="str">
        <f t="shared" si="126"/>
        <v/>
      </c>
      <c r="BW202" s="402" t="str">
        <f t="shared" si="127"/>
        <v/>
      </c>
      <c r="BX202" s="402" t="str">
        <f t="shared" si="128"/>
        <v/>
      </c>
      <c r="BY202" s="402" t="str">
        <f t="shared" si="129"/>
        <v/>
      </c>
      <c r="BZ202" s="402" t="str">
        <f t="shared" si="130"/>
        <v/>
      </c>
      <c r="CA202" s="402" t="str">
        <f t="shared" si="131"/>
        <v/>
      </c>
      <c r="CB202" s="402" t="str">
        <f t="shared" si="132"/>
        <v/>
      </c>
      <c r="CC202" s="402">
        <f t="shared" si="133"/>
        <v>0</v>
      </c>
      <c r="CD202" s="402" t="str">
        <f t="shared" si="134"/>
        <v/>
      </c>
      <c r="CE202" s="402" t="str">
        <f t="shared" si="135"/>
        <v/>
      </c>
      <c r="CF202" s="402" t="str">
        <f t="shared" si="136"/>
        <v/>
      </c>
      <c r="CG202" s="402" t="str">
        <f t="shared" si="137"/>
        <v/>
      </c>
      <c r="CH202" s="402"/>
      <c r="CI202" s="402"/>
      <c r="CJ202" s="402"/>
      <c r="CK202" s="402"/>
      <c r="CL202" s="402"/>
      <c r="CM202" s="402"/>
      <c r="CN202" s="402"/>
      <c r="CO202" s="402"/>
      <c r="CP202" s="402"/>
      <c r="CQ202" s="402"/>
      <c r="CR202" s="402"/>
      <c r="CS202" s="402"/>
      <c r="CT202" s="402"/>
      <c r="CU202" s="402"/>
      <c r="CV202" s="402"/>
      <c r="CW202" s="402"/>
      <c r="CX202" s="402"/>
      <c r="CY202" s="402"/>
      <c r="CZ202" s="402"/>
      <c r="DA202" s="402"/>
      <c r="DB202" s="402"/>
      <c r="DC202" s="402"/>
      <c r="DD202" s="407"/>
      <c r="DE202" s="407"/>
      <c r="DF202" s="407"/>
    </row>
    <row r="203" spans="3:110" s="395" customFormat="1" ht="56.1" customHeight="1" x14ac:dyDescent="0.2">
      <c r="C203" s="420">
        <v>390</v>
      </c>
      <c r="D203" s="420" t="s">
        <v>2481</v>
      </c>
      <c r="E203" s="96" t="s">
        <v>53</v>
      </c>
      <c r="F203" s="96" t="s">
        <v>515</v>
      </c>
      <c r="G203" s="407" t="s">
        <v>539</v>
      </c>
      <c r="H203" s="407" t="s">
        <v>527</v>
      </c>
      <c r="I203" s="407" t="s">
        <v>527</v>
      </c>
      <c r="J203" s="407"/>
      <c r="K203" s="407" t="s">
        <v>93</v>
      </c>
      <c r="L203" s="407" t="s">
        <v>310</v>
      </c>
      <c r="M203" s="407" t="s">
        <v>551</v>
      </c>
      <c r="N203" s="407" t="s">
        <v>525</v>
      </c>
      <c r="O203" s="407" t="s">
        <v>225</v>
      </c>
      <c r="P203" s="407" t="s">
        <v>63</v>
      </c>
      <c r="Q203" s="407" t="s">
        <v>63</v>
      </c>
      <c r="R203" s="410">
        <v>0</v>
      </c>
      <c r="S203" s="410">
        <v>0</v>
      </c>
      <c r="T203" s="407" t="s">
        <v>226</v>
      </c>
      <c r="U203" s="407" t="s">
        <v>82</v>
      </c>
      <c r="V203" s="408"/>
      <c r="W203" s="408"/>
      <c r="X203" s="408"/>
      <c r="Y203" s="408"/>
      <c r="Z203" s="408"/>
      <c r="AA203" s="402"/>
      <c r="AB203" s="408"/>
      <c r="AC203" s="408"/>
      <c r="AD203" s="408"/>
      <c r="AE203" s="408"/>
      <c r="AF203" s="408"/>
      <c r="AG203" s="408"/>
      <c r="AH203" s="408"/>
      <c r="AI203" s="408"/>
      <c r="AJ203" s="408"/>
      <c r="AK203" s="408"/>
      <c r="AL203" s="408"/>
      <c r="AM203" s="408"/>
      <c r="AN203" s="408"/>
      <c r="AO203" s="408"/>
      <c r="AP203" s="408"/>
      <c r="AQ203" s="408"/>
      <c r="AR203" s="408"/>
      <c r="AS203" s="408"/>
      <c r="AT203" s="408"/>
      <c r="AU203" s="408"/>
      <c r="AV203" s="402" t="s">
        <v>66</v>
      </c>
      <c r="AW203" s="408"/>
      <c r="AX203" s="408"/>
      <c r="AY203" s="408"/>
      <c r="AZ203" s="408"/>
      <c r="BA203" s="308">
        <f t="shared" si="106"/>
        <v>31</v>
      </c>
      <c r="BB203" s="309"/>
      <c r="BC203" s="402" t="str">
        <f t="shared" si="107"/>
        <v/>
      </c>
      <c r="BD203" s="402" t="str">
        <f t="shared" si="108"/>
        <v/>
      </c>
      <c r="BE203" s="402" t="str">
        <f t="shared" si="109"/>
        <v/>
      </c>
      <c r="BF203" s="402" t="str">
        <f t="shared" si="110"/>
        <v/>
      </c>
      <c r="BG203" s="402" t="str">
        <f t="shared" si="111"/>
        <v/>
      </c>
      <c r="BH203" s="402" t="str">
        <f t="shared" si="112"/>
        <v/>
      </c>
      <c r="BI203" s="402" t="str">
        <f t="shared" si="113"/>
        <v/>
      </c>
      <c r="BJ203" s="402" t="str">
        <f t="shared" si="114"/>
        <v/>
      </c>
      <c r="BK203" s="402" t="str">
        <f t="shared" si="115"/>
        <v/>
      </c>
      <c r="BL203" s="402" t="str">
        <f t="shared" si="116"/>
        <v/>
      </c>
      <c r="BM203" s="402" t="str">
        <f t="shared" si="117"/>
        <v/>
      </c>
      <c r="BN203" s="402" t="str">
        <f t="shared" si="118"/>
        <v/>
      </c>
      <c r="BO203" s="402" t="str">
        <f t="shared" si="119"/>
        <v/>
      </c>
      <c r="BP203" s="402" t="str">
        <f t="shared" si="120"/>
        <v/>
      </c>
      <c r="BQ203" s="402" t="str">
        <f t="shared" si="121"/>
        <v/>
      </c>
      <c r="BR203" s="402" t="str">
        <f t="shared" si="122"/>
        <v/>
      </c>
      <c r="BS203" s="402" t="str">
        <f t="shared" si="123"/>
        <v/>
      </c>
      <c r="BT203" s="402" t="str">
        <f t="shared" si="124"/>
        <v/>
      </c>
      <c r="BU203" s="402" t="str">
        <f t="shared" si="125"/>
        <v/>
      </c>
      <c r="BV203" s="402" t="str">
        <f t="shared" si="126"/>
        <v/>
      </c>
      <c r="BW203" s="402" t="str">
        <f t="shared" si="127"/>
        <v/>
      </c>
      <c r="BX203" s="402" t="str">
        <f t="shared" si="128"/>
        <v/>
      </c>
      <c r="BY203" s="402" t="str">
        <f t="shared" si="129"/>
        <v/>
      </c>
      <c r="BZ203" s="402" t="str">
        <f t="shared" si="130"/>
        <v/>
      </c>
      <c r="CA203" s="402" t="str">
        <f t="shared" si="131"/>
        <v/>
      </c>
      <c r="CB203" s="402" t="str">
        <f t="shared" si="132"/>
        <v/>
      </c>
      <c r="CC203" s="402">
        <f t="shared" si="133"/>
        <v>0</v>
      </c>
      <c r="CD203" s="402" t="str">
        <f t="shared" si="134"/>
        <v/>
      </c>
      <c r="CE203" s="402" t="str">
        <f t="shared" si="135"/>
        <v/>
      </c>
      <c r="CF203" s="402" t="str">
        <f t="shared" si="136"/>
        <v/>
      </c>
      <c r="CG203" s="402" t="str">
        <f t="shared" si="137"/>
        <v/>
      </c>
      <c r="CH203" s="402"/>
      <c r="CI203" s="402"/>
      <c r="CJ203" s="402"/>
      <c r="CK203" s="402"/>
      <c r="CL203" s="402"/>
      <c r="CM203" s="402"/>
      <c r="CN203" s="402"/>
      <c r="CO203" s="402"/>
      <c r="CP203" s="402"/>
      <c r="CQ203" s="402"/>
      <c r="CR203" s="402"/>
      <c r="CS203" s="402"/>
      <c r="CT203" s="402"/>
      <c r="CU203" s="402"/>
      <c r="CV203" s="402"/>
      <c r="CW203" s="402"/>
      <c r="CX203" s="402"/>
      <c r="CY203" s="402"/>
      <c r="CZ203" s="402"/>
      <c r="DA203" s="402"/>
      <c r="DB203" s="402"/>
      <c r="DC203" s="402"/>
      <c r="DD203" s="407"/>
      <c r="DE203" s="407"/>
      <c r="DF203" s="407"/>
    </row>
    <row r="204" spans="3:110" s="395" customFormat="1" ht="56.1" customHeight="1" x14ac:dyDescent="0.2">
      <c r="C204" s="420">
        <v>391</v>
      </c>
      <c r="D204" s="420" t="s">
        <v>2481</v>
      </c>
      <c r="E204" s="96" t="s">
        <v>53</v>
      </c>
      <c r="F204" s="96" t="s">
        <v>515</v>
      </c>
      <c r="G204" s="407" t="s">
        <v>528</v>
      </c>
      <c r="H204" s="407" t="s">
        <v>529</v>
      </c>
      <c r="I204" s="407" t="s">
        <v>529</v>
      </c>
      <c r="J204" s="407"/>
      <c r="K204" s="407" t="s">
        <v>93</v>
      </c>
      <c r="L204" s="407" t="s">
        <v>310</v>
      </c>
      <c r="M204" s="407" t="s">
        <v>551</v>
      </c>
      <c r="N204" s="407" t="s">
        <v>525</v>
      </c>
      <c r="O204" s="407" t="s">
        <v>225</v>
      </c>
      <c r="P204" s="407" t="s">
        <v>63</v>
      </c>
      <c r="Q204" s="407" t="s">
        <v>63</v>
      </c>
      <c r="R204" s="410">
        <v>0</v>
      </c>
      <c r="S204" s="410">
        <v>0</v>
      </c>
      <c r="T204" s="407" t="s">
        <v>226</v>
      </c>
      <c r="U204" s="407" t="s">
        <v>82</v>
      </c>
      <c r="V204" s="408"/>
      <c r="W204" s="408"/>
      <c r="X204" s="408"/>
      <c r="Y204" s="408"/>
      <c r="Z204" s="408"/>
      <c r="AA204" s="402"/>
      <c r="AB204" s="408"/>
      <c r="AC204" s="408"/>
      <c r="AD204" s="408"/>
      <c r="AE204" s="408"/>
      <c r="AF204" s="408"/>
      <c r="AG204" s="408"/>
      <c r="AH204" s="408"/>
      <c r="AI204" s="408"/>
      <c r="AJ204" s="408"/>
      <c r="AK204" s="408"/>
      <c r="AL204" s="408"/>
      <c r="AM204" s="408"/>
      <c r="AN204" s="408"/>
      <c r="AO204" s="408"/>
      <c r="AP204" s="408"/>
      <c r="AQ204" s="408"/>
      <c r="AR204" s="408"/>
      <c r="AS204" s="408"/>
      <c r="AT204" s="408"/>
      <c r="AU204" s="408"/>
      <c r="AV204" s="402" t="s">
        <v>66</v>
      </c>
      <c r="AW204" s="408"/>
      <c r="AX204" s="408"/>
      <c r="AY204" s="408"/>
      <c r="AZ204" s="408"/>
      <c r="BA204" s="308">
        <f t="shared" si="106"/>
        <v>31</v>
      </c>
      <c r="BB204" s="309"/>
      <c r="BC204" s="402" t="str">
        <f t="shared" si="107"/>
        <v/>
      </c>
      <c r="BD204" s="402" t="str">
        <f t="shared" si="108"/>
        <v/>
      </c>
      <c r="BE204" s="402" t="str">
        <f t="shared" si="109"/>
        <v/>
      </c>
      <c r="BF204" s="402" t="str">
        <f t="shared" si="110"/>
        <v/>
      </c>
      <c r="BG204" s="402" t="str">
        <f t="shared" si="111"/>
        <v/>
      </c>
      <c r="BH204" s="402" t="str">
        <f t="shared" si="112"/>
        <v/>
      </c>
      <c r="BI204" s="402" t="str">
        <f t="shared" si="113"/>
        <v/>
      </c>
      <c r="BJ204" s="402" t="str">
        <f t="shared" si="114"/>
        <v/>
      </c>
      <c r="BK204" s="402" t="str">
        <f t="shared" si="115"/>
        <v/>
      </c>
      <c r="BL204" s="402" t="str">
        <f t="shared" si="116"/>
        <v/>
      </c>
      <c r="BM204" s="402" t="str">
        <f t="shared" si="117"/>
        <v/>
      </c>
      <c r="BN204" s="402" t="str">
        <f t="shared" si="118"/>
        <v/>
      </c>
      <c r="BO204" s="402" t="str">
        <f t="shared" si="119"/>
        <v/>
      </c>
      <c r="BP204" s="402" t="str">
        <f t="shared" si="120"/>
        <v/>
      </c>
      <c r="BQ204" s="402" t="str">
        <f t="shared" si="121"/>
        <v/>
      </c>
      <c r="BR204" s="402" t="str">
        <f t="shared" si="122"/>
        <v/>
      </c>
      <c r="BS204" s="402" t="str">
        <f t="shared" si="123"/>
        <v/>
      </c>
      <c r="BT204" s="402" t="str">
        <f t="shared" si="124"/>
        <v/>
      </c>
      <c r="BU204" s="402" t="str">
        <f t="shared" si="125"/>
        <v/>
      </c>
      <c r="BV204" s="402" t="str">
        <f t="shared" si="126"/>
        <v/>
      </c>
      <c r="BW204" s="402" t="str">
        <f t="shared" si="127"/>
        <v/>
      </c>
      <c r="BX204" s="402" t="str">
        <f t="shared" si="128"/>
        <v/>
      </c>
      <c r="BY204" s="402" t="str">
        <f t="shared" si="129"/>
        <v/>
      </c>
      <c r="BZ204" s="402" t="str">
        <f t="shared" si="130"/>
        <v/>
      </c>
      <c r="CA204" s="402" t="str">
        <f t="shared" si="131"/>
        <v/>
      </c>
      <c r="CB204" s="402" t="str">
        <f t="shared" si="132"/>
        <v/>
      </c>
      <c r="CC204" s="402">
        <f t="shared" si="133"/>
        <v>0</v>
      </c>
      <c r="CD204" s="402" t="str">
        <f t="shared" si="134"/>
        <v/>
      </c>
      <c r="CE204" s="402" t="str">
        <f t="shared" si="135"/>
        <v/>
      </c>
      <c r="CF204" s="402" t="str">
        <f t="shared" si="136"/>
        <v/>
      </c>
      <c r="CG204" s="402" t="str">
        <f t="shared" si="137"/>
        <v/>
      </c>
      <c r="CH204" s="402"/>
      <c r="CI204" s="402"/>
      <c r="CJ204" s="402"/>
      <c r="CK204" s="402"/>
      <c r="CL204" s="402"/>
      <c r="CM204" s="402"/>
      <c r="CN204" s="402"/>
      <c r="CO204" s="402"/>
      <c r="CP204" s="402"/>
      <c r="CQ204" s="402"/>
      <c r="CR204" s="402"/>
      <c r="CS204" s="402"/>
      <c r="CT204" s="402"/>
      <c r="CU204" s="402"/>
      <c r="CV204" s="402"/>
      <c r="CW204" s="402"/>
      <c r="CX204" s="402"/>
      <c r="CY204" s="402"/>
      <c r="CZ204" s="402"/>
      <c r="DA204" s="402"/>
      <c r="DB204" s="402"/>
      <c r="DC204" s="402"/>
      <c r="DD204" s="407"/>
      <c r="DE204" s="407"/>
      <c r="DF204" s="407"/>
    </row>
    <row r="205" spans="3:110" s="395" customFormat="1" ht="56.1" customHeight="1" x14ac:dyDescent="0.2">
      <c r="C205" s="420">
        <v>392</v>
      </c>
      <c r="D205" s="420" t="s">
        <v>2481</v>
      </c>
      <c r="E205" s="96" t="s">
        <v>53</v>
      </c>
      <c r="F205" s="96" t="s">
        <v>515</v>
      </c>
      <c r="G205" s="407" t="s">
        <v>530</v>
      </c>
      <c r="H205" s="407" t="s">
        <v>532</v>
      </c>
      <c r="I205" s="407" t="s">
        <v>532</v>
      </c>
      <c r="J205" s="407"/>
      <c r="K205" s="407" t="s">
        <v>93</v>
      </c>
      <c r="L205" s="407" t="s">
        <v>310</v>
      </c>
      <c r="M205" s="407" t="s">
        <v>551</v>
      </c>
      <c r="N205" s="407" t="s">
        <v>525</v>
      </c>
      <c r="O205" s="407" t="s">
        <v>225</v>
      </c>
      <c r="P205" s="407" t="s">
        <v>63</v>
      </c>
      <c r="Q205" s="407" t="s">
        <v>63</v>
      </c>
      <c r="R205" s="410">
        <v>0</v>
      </c>
      <c r="S205" s="410">
        <v>0</v>
      </c>
      <c r="T205" s="407" t="s">
        <v>226</v>
      </c>
      <c r="U205" s="407" t="s">
        <v>82</v>
      </c>
      <c r="V205" s="408"/>
      <c r="W205" s="408"/>
      <c r="X205" s="408"/>
      <c r="Y205" s="408"/>
      <c r="Z205" s="408"/>
      <c r="AA205" s="402"/>
      <c r="AB205" s="408"/>
      <c r="AC205" s="408"/>
      <c r="AD205" s="408"/>
      <c r="AE205" s="408"/>
      <c r="AF205" s="408"/>
      <c r="AG205" s="408"/>
      <c r="AH205" s="408"/>
      <c r="AI205" s="408"/>
      <c r="AJ205" s="408"/>
      <c r="AK205" s="408"/>
      <c r="AL205" s="408"/>
      <c r="AM205" s="408"/>
      <c r="AN205" s="408"/>
      <c r="AO205" s="408"/>
      <c r="AP205" s="408"/>
      <c r="AQ205" s="408"/>
      <c r="AR205" s="408"/>
      <c r="AS205" s="408"/>
      <c r="AT205" s="408"/>
      <c r="AU205" s="408"/>
      <c r="AV205" s="402" t="s">
        <v>66</v>
      </c>
      <c r="AW205" s="408"/>
      <c r="AX205" s="408"/>
      <c r="AY205" s="408"/>
      <c r="AZ205" s="408"/>
      <c r="BA205" s="308">
        <f t="shared" si="106"/>
        <v>31</v>
      </c>
      <c r="BB205" s="309"/>
      <c r="BC205" s="402" t="str">
        <f t="shared" si="107"/>
        <v/>
      </c>
      <c r="BD205" s="402" t="str">
        <f t="shared" si="108"/>
        <v/>
      </c>
      <c r="BE205" s="402" t="str">
        <f t="shared" si="109"/>
        <v/>
      </c>
      <c r="BF205" s="402" t="str">
        <f t="shared" si="110"/>
        <v/>
      </c>
      <c r="BG205" s="402" t="str">
        <f t="shared" si="111"/>
        <v/>
      </c>
      <c r="BH205" s="402" t="str">
        <f t="shared" si="112"/>
        <v/>
      </c>
      <c r="BI205" s="402" t="str">
        <f t="shared" si="113"/>
        <v/>
      </c>
      <c r="BJ205" s="402" t="str">
        <f t="shared" si="114"/>
        <v/>
      </c>
      <c r="BK205" s="402" t="str">
        <f t="shared" si="115"/>
        <v/>
      </c>
      <c r="BL205" s="402" t="str">
        <f t="shared" si="116"/>
        <v/>
      </c>
      <c r="BM205" s="402" t="str">
        <f t="shared" si="117"/>
        <v/>
      </c>
      <c r="BN205" s="402" t="str">
        <f t="shared" si="118"/>
        <v/>
      </c>
      <c r="BO205" s="402" t="str">
        <f t="shared" si="119"/>
        <v/>
      </c>
      <c r="BP205" s="402" t="str">
        <f t="shared" si="120"/>
        <v/>
      </c>
      <c r="BQ205" s="402" t="str">
        <f t="shared" si="121"/>
        <v/>
      </c>
      <c r="BR205" s="402" t="str">
        <f t="shared" si="122"/>
        <v/>
      </c>
      <c r="BS205" s="402" t="str">
        <f t="shared" si="123"/>
        <v/>
      </c>
      <c r="BT205" s="402" t="str">
        <f t="shared" si="124"/>
        <v/>
      </c>
      <c r="BU205" s="402" t="str">
        <f t="shared" si="125"/>
        <v/>
      </c>
      <c r="BV205" s="402" t="str">
        <f t="shared" si="126"/>
        <v/>
      </c>
      <c r="BW205" s="402" t="str">
        <f t="shared" si="127"/>
        <v/>
      </c>
      <c r="BX205" s="402" t="str">
        <f t="shared" si="128"/>
        <v/>
      </c>
      <c r="BY205" s="402" t="str">
        <f t="shared" si="129"/>
        <v/>
      </c>
      <c r="BZ205" s="402" t="str">
        <f t="shared" si="130"/>
        <v/>
      </c>
      <c r="CA205" s="402" t="str">
        <f t="shared" si="131"/>
        <v/>
      </c>
      <c r="CB205" s="402" t="str">
        <f t="shared" si="132"/>
        <v/>
      </c>
      <c r="CC205" s="402">
        <f t="shared" si="133"/>
        <v>0</v>
      </c>
      <c r="CD205" s="402" t="str">
        <f t="shared" si="134"/>
        <v/>
      </c>
      <c r="CE205" s="402" t="str">
        <f t="shared" si="135"/>
        <v/>
      </c>
      <c r="CF205" s="402" t="str">
        <f t="shared" si="136"/>
        <v/>
      </c>
      <c r="CG205" s="402" t="str">
        <f t="shared" si="137"/>
        <v/>
      </c>
      <c r="CH205" s="402"/>
      <c r="CI205" s="402"/>
      <c r="CJ205" s="402"/>
      <c r="CK205" s="402"/>
      <c r="CL205" s="402"/>
      <c r="CM205" s="402"/>
      <c r="CN205" s="402"/>
      <c r="CO205" s="402"/>
      <c r="CP205" s="402"/>
      <c r="CQ205" s="402"/>
      <c r="CR205" s="402"/>
      <c r="CS205" s="402"/>
      <c r="CT205" s="402"/>
      <c r="CU205" s="402"/>
      <c r="CV205" s="402"/>
      <c r="CW205" s="402"/>
      <c r="CX205" s="402"/>
      <c r="CY205" s="402"/>
      <c r="CZ205" s="402"/>
      <c r="DA205" s="402"/>
      <c r="DB205" s="402"/>
      <c r="DC205" s="402"/>
      <c r="DD205" s="407"/>
      <c r="DE205" s="407"/>
      <c r="DF205" s="407"/>
    </row>
    <row r="206" spans="3:110" s="395" customFormat="1" ht="56.1" customHeight="1" x14ac:dyDescent="0.2">
      <c r="C206" s="420">
        <v>393</v>
      </c>
      <c r="D206" s="420" t="s">
        <v>2481</v>
      </c>
      <c r="E206" s="96" t="s">
        <v>53</v>
      </c>
      <c r="F206" s="96" t="s">
        <v>515</v>
      </c>
      <c r="G206" s="407" t="s">
        <v>533</v>
      </c>
      <c r="H206" s="407" t="s">
        <v>534</v>
      </c>
      <c r="I206" s="407" t="s">
        <v>534</v>
      </c>
      <c r="J206" s="407"/>
      <c r="K206" s="407" t="s">
        <v>93</v>
      </c>
      <c r="L206" s="407" t="s">
        <v>310</v>
      </c>
      <c r="M206" s="407" t="s">
        <v>551</v>
      </c>
      <c r="N206" s="407" t="s">
        <v>334</v>
      </c>
      <c r="O206" s="407" t="s">
        <v>225</v>
      </c>
      <c r="P206" s="407" t="s">
        <v>63</v>
      </c>
      <c r="Q206" s="407" t="s">
        <v>63</v>
      </c>
      <c r="R206" s="410">
        <v>5515.83</v>
      </c>
      <c r="S206" s="410">
        <v>5515.83</v>
      </c>
      <c r="T206" s="407" t="s">
        <v>226</v>
      </c>
      <c r="U206" s="407" t="s">
        <v>82</v>
      </c>
      <c r="V206" s="408"/>
      <c r="W206" s="408"/>
      <c r="X206" s="408"/>
      <c r="Y206" s="408"/>
      <c r="Z206" s="408"/>
      <c r="AA206" s="402"/>
      <c r="AB206" s="408"/>
      <c r="AC206" s="408"/>
      <c r="AD206" s="408"/>
      <c r="AE206" s="408"/>
      <c r="AF206" s="408"/>
      <c r="AG206" s="408"/>
      <c r="AH206" s="408"/>
      <c r="AI206" s="408"/>
      <c r="AJ206" s="408"/>
      <c r="AK206" s="408"/>
      <c r="AL206" s="408"/>
      <c r="AM206" s="408"/>
      <c r="AN206" s="408"/>
      <c r="AO206" s="408"/>
      <c r="AP206" s="408"/>
      <c r="AQ206" s="408"/>
      <c r="AR206" s="408"/>
      <c r="AS206" s="408"/>
      <c r="AT206" s="408"/>
      <c r="AU206" s="408"/>
      <c r="AV206" s="402" t="s">
        <v>66</v>
      </c>
      <c r="AW206" s="408"/>
      <c r="AX206" s="408"/>
      <c r="AY206" s="408"/>
      <c r="AZ206" s="408"/>
      <c r="BA206" s="308">
        <f t="shared" si="106"/>
        <v>31</v>
      </c>
      <c r="BB206" s="309">
        <f>S206/BA206</f>
        <v>177.93</v>
      </c>
      <c r="BC206" s="402" t="str">
        <f t="shared" si="107"/>
        <v/>
      </c>
      <c r="BD206" s="402" t="str">
        <f t="shared" si="108"/>
        <v/>
      </c>
      <c r="BE206" s="402" t="str">
        <f t="shared" si="109"/>
        <v/>
      </c>
      <c r="BF206" s="402" t="str">
        <f t="shared" si="110"/>
        <v/>
      </c>
      <c r="BG206" s="402" t="str">
        <f t="shared" si="111"/>
        <v/>
      </c>
      <c r="BH206" s="402" t="str">
        <f t="shared" si="112"/>
        <v/>
      </c>
      <c r="BI206" s="402" t="str">
        <f t="shared" si="113"/>
        <v/>
      </c>
      <c r="BJ206" s="402" t="str">
        <f t="shared" si="114"/>
        <v/>
      </c>
      <c r="BK206" s="402" t="str">
        <f t="shared" si="115"/>
        <v/>
      </c>
      <c r="BL206" s="402" t="str">
        <f t="shared" si="116"/>
        <v/>
      </c>
      <c r="BM206" s="402" t="str">
        <f t="shared" si="117"/>
        <v/>
      </c>
      <c r="BN206" s="402" t="str">
        <f t="shared" si="118"/>
        <v/>
      </c>
      <c r="BO206" s="402" t="str">
        <f t="shared" si="119"/>
        <v/>
      </c>
      <c r="BP206" s="402" t="str">
        <f t="shared" si="120"/>
        <v/>
      </c>
      <c r="BQ206" s="402" t="str">
        <f t="shared" si="121"/>
        <v/>
      </c>
      <c r="BR206" s="402" t="str">
        <f t="shared" si="122"/>
        <v/>
      </c>
      <c r="BS206" s="402" t="str">
        <f t="shared" si="123"/>
        <v/>
      </c>
      <c r="BT206" s="402" t="str">
        <f t="shared" si="124"/>
        <v/>
      </c>
      <c r="BU206" s="402" t="str">
        <f t="shared" si="125"/>
        <v/>
      </c>
      <c r="BV206" s="402" t="str">
        <f t="shared" si="126"/>
        <v/>
      </c>
      <c r="BW206" s="402" t="str">
        <f t="shared" si="127"/>
        <v/>
      </c>
      <c r="BX206" s="402" t="str">
        <f t="shared" si="128"/>
        <v/>
      </c>
      <c r="BY206" s="402" t="str">
        <f t="shared" si="129"/>
        <v/>
      </c>
      <c r="BZ206" s="402" t="str">
        <f t="shared" si="130"/>
        <v/>
      </c>
      <c r="CA206" s="402" t="str">
        <f t="shared" si="131"/>
        <v/>
      </c>
      <c r="CB206" s="402" t="str">
        <f t="shared" si="132"/>
        <v/>
      </c>
      <c r="CC206" s="402">
        <f t="shared" si="133"/>
        <v>5515.83</v>
      </c>
      <c r="CD206" s="402" t="str">
        <f t="shared" si="134"/>
        <v/>
      </c>
      <c r="CE206" s="402" t="str">
        <f t="shared" si="135"/>
        <v/>
      </c>
      <c r="CF206" s="402" t="str">
        <f t="shared" si="136"/>
        <v/>
      </c>
      <c r="CG206" s="402" t="str">
        <f t="shared" si="137"/>
        <v/>
      </c>
      <c r="CH206" s="402"/>
      <c r="CI206" s="402"/>
      <c r="CJ206" s="402"/>
      <c r="CK206" s="402"/>
      <c r="CL206" s="402"/>
      <c r="CM206" s="402"/>
      <c r="CN206" s="402"/>
      <c r="CO206" s="402"/>
      <c r="CP206" s="402"/>
      <c r="CQ206" s="402"/>
      <c r="CR206" s="402"/>
      <c r="CS206" s="402"/>
      <c r="CT206" s="402"/>
      <c r="CU206" s="402"/>
      <c r="CV206" s="402"/>
      <c r="CW206" s="402"/>
      <c r="CX206" s="402"/>
      <c r="CY206" s="402"/>
      <c r="CZ206" s="402"/>
      <c r="DA206" s="402"/>
      <c r="DB206" s="402"/>
      <c r="DC206" s="402"/>
      <c r="DD206" s="407"/>
      <c r="DE206" s="407"/>
      <c r="DF206" s="407"/>
    </row>
    <row r="207" spans="3:110" s="395" customFormat="1" ht="56.1" customHeight="1" x14ac:dyDescent="0.2">
      <c r="C207" s="420">
        <v>394</v>
      </c>
      <c r="D207" s="420" t="s">
        <v>2481</v>
      </c>
      <c r="E207" s="96" t="s">
        <v>53</v>
      </c>
      <c r="F207" s="96" t="s">
        <v>515</v>
      </c>
      <c r="G207" s="407" t="s">
        <v>548</v>
      </c>
      <c r="H207" s="407" t="s">
        <v>535</v>
      </c>
      <c r="I207" s="407" t="s">
        <v>536</v>
      </c>
      <c r="J207" s="407"/>
      <c r="K207" s="407" t="s">
        <v>413</v>
      </c>
      <c r="L207" s="407" t="s">
        <v>310</v>
      </c>
      <c r="M207" s="407" t="s">
        <v>551</v>
      </c>
      <c r="N207" s="407" t="s">
        <v>334</v>
      </c>
      <c r="O207" s="407" t="s">
        <v>225</v>
      </c>
      <c r="P207" s="407" t="s">
        <v>63</v>
      </c>
      <c r="Q207" s="407" t="s">
        <v>63</v>
      </c>
      <c r="R207" s="410">
        <v>20345.702399999995</v>
      </c>
      <c r="S207" s="410">
        <v>20345.702399999995</v>
      </c>
      <c r="T207" s="407" t="s">
        <v>226</v>
      </c>
      <c r="U207" s="407" t="s">
        <v>82</v>
      </c>
      <c r="V207" s="408"/>
      <c r="W207" s="408"/>
      <c r="X207" s="408"/>
      <c r="Y207" s="408"/>
      <c r="Z207" s="408"/>
      <c r="AA207" s="402"/>
      <c r="AB207" s="408"/>
      <c r="AC207" s="408"/>
      <c r="AD207" s="408"/>
      <c r="AE207" s="408"/>
      <c r="AF207" s="408"/>
      <c r="AG207" s="408"/>
      <c r="AH207" s="408"/>
      <c r="AI207" s="408"/>
      <c r="AJ207" s="408"/>
      <c r="AK207" s="408"/>
      <c r="AL207" s="408"/>
      <c r="AM207" s="408"/>
      <c r="AN207" s="408"/>
      <c r="AO207" s="408"/>
      <c r="AP207" s="408"/>
      <c r="AQ207" s="408"/>
      <c r="AR207" s="408"/>
      <c r="AS207" s="408"/>
      <c r="AT207" s="408"/>
      <c r="AU207" s="408"/>
      <c r="AV207" s="402"/>
      <c r="AW207" s="402" t="s">
        <v>66</v>
      </c>
      <c r="AX207" s="408"/>
      <c r="AY207" s="408"/>
      <c r="AZ207" s="408"/>
      <c r="BA207" s="308">
        <f t="shared" si="106"/>
        <v>67</v>
      </c>
      <c r="BB207" s="309">
        <f>S207/BA207</f>
        <v>303.66719999999992</v>
      </c>
      <c r="BC207" s="402" t="str">
        <f t="shared" si="107"/>
        <v/>
      </c>
      <c r="BD207" s="402" t="str">
        <f t="shared" si="108"/>
        <v/>
      </c>
      <c r="BE207" s="402" t="str">
        <f t="shared" si="109"/>
        <v/>
      </c>
      <c r="BF207" s="402" t="str">
        <f t="shared" si="110"/>
        <v/>
      </c>
      <c r="BG207" s="402" t="str">
        <f t="shared" si="111"/>
        <v/>
      </c>
      <c r="BH207" s="402" t="str">
        <f t="shared" si="112"/>
        <v/>
      </c>
      <c r="BI207" s="402" t="str">
        <f t="shared" si="113"/>
        <v/>
      </c>
      <c r="BJ207" s="402" t="str">
        <f t="shared" si="114"/>
        <v/>
      </c>
      <c r="BK207" s="402" t="str">
        <f t="shared" si="115"/>
        <v/>
      </c>
      <c r="BL207" s="402" t="str">
        <f t="shared" si="116"/>
        <v/>
      </c>
      <c r="BM207" s="402" t="str">
        <f t="shared" si="117"/>
        <v/>
      </c>
      <c r="BN207" s="402" t="str">
        <f t="shared" si="118"/>
        <v/>
      </c>
      <c r="BO207" s="402" t="str">
        <f t="shared" si="119"/>
        <v/>
      </c>
      <c r="BP207" s="402" t="str">
        <f t="shared" si="120"/>
        <v/>
      </c>
      <c r="BQ207" s="402" t="str">
        <f t="shared" si="121"/>
        <v/>
      </c>
      <c r="BR207" s="402" t="str">
        <f t="shared" si="122"/>
        <v/>
      </c>
      <c r="BS207" s="402" t="str">
        <f t="shared" si="123"/>
        <v/>
      </c>
      <c r="BT207" s="402" t="str">
        <f t="shared" si="124"/>
        <v/>
      </c>
      <c r="BU207" s="402" t="str">
        <f t="shared" si="125"/>
        <v/>
      </c>
      <c r="BV207" s="402" t="str">
        <f t="shared" si="126"/>
        <v/>
      </c>
      <c r="BW207" s="402" t="str">
        <f t="shared" si="127"/>
        <v/>
      </c>
      <c r="BX207" s="402" t="str">
        <f t="shared" si="128"/>
        <v/>
      </c>
      <c r="BY207" s="402" t="str">
        <f t="shared" si="129"/>
        <v/>
      </c>
      <c r="BZ207" s="402" t="str">
        <f t="shared" si="130"/>
        <v/>
      </c>
      <c r="CA207" s="402" t="str">
        <f t="shared" si="131"/>
        <v/>
      </c>
      <c r="CB207" s="402" t="str">
        <f t="shared" si="132"/>
        <v/>
      </c>
      <c r="CC207" s="402" t="str">
        <f t="shared" si="133"/>
        <v/>
      </c>
      <c r="CD207" s="402">
        <f t="shared" si="134"/>
        <v>20345.702399999995</v>
      </c>
      <c r="CE207" s="402" t="str">
        <f t="shared" si="135"/>
        <v/>
      </c>
      <c r="CF207" s="402" t="str">
        <f t="shared" si="136"/>
        <v/>
      </c>
      <c r="CG207" s="402" t="str">
        <f t="shared" si="137"/>
        <v/>
      </c>
      <c r="CH207" s="402"/>
      <c r="CI207" s="402"/>
      <c r="CJ207" s="402"/>
      <c r="CK207" s="402"/>
      <c r="CL207" s="402"/>
      <c r="CM207" s="402"/>
      <c r="CN207" s="402"/>
      <c r="CO207" s="402"/>
      <c r="CP207" s="402"/>
      <c r="CQ207" s="402"/>
      <c r="CR207" s="402"/>
      <c r="CS207" s="402"/>
      <c r="CT207" s="402"/>
      <c r="CU207" s="402"/>
      <c r="CV207" s="402"/>
      <c r="CW207" s="402"/>
      <c r="CX207" s="402"/>
      <c r="CY207" s="402"/>
      <c r="CZ207" s="402"/>
      <c r="DA207" s="402"/>
      <c r="DB207" s="402"/>
      <c r="DC207" s="402"/>
      <c r="DD207" s="407"/>
      <c r="DE207" s="407"/>
      <c r="DF207" s="407"/>
    </row>
    <row r="208" spans="3:110" s="395" customFormat="1" ht="56.1" customHeight="1" x14ac:dyDescent="0.2">
      <c r="C208" s="420">
        <v>395</v>
      </c>
      <c r="D208" s="420" t="s">
        <v>2481</v>
      </c>
      <c r="E208" s="96" t="s">
        <v>53</v>
      </c>
      <c r="F208" s="96" t="s">
        <v>515</v>
      </c>
      <c r="G208" s="407" t="s">
        <v>518</v>
      </c>
      <c r="H208" s="407" t="s">
        <v>520</v>
      </c>
      <c r="I208" s="407" t="s">
        <v>520</v>
      </c>
      <c r="J208" s="407"/>
      <c r="K208" s="407" t="s">
        <v>413</v>
      </c>
      <c r="L208" s="407" t="s">
        <v>310</v>
      </c>
      <c r="M208" s="407" t="s">
        <v>551</v>
      </c>
      <c r="N208" s="407" t="s">
        <v>334</v>
      </c>
      <c r="O208" s="407" t="s">
        <v>225</v>
      </c>
      <c r="P208" s="407" t="s">
        <v>63</v>
      </c>
      <c r="Q208" s="407" t="s">
        <v>63</v>
      </c>
      <c r="R208" s="410">
        <v>53407.468799999995</v>
      </c>
      <c r="S208" s="410">
        <v>53407.468799999995</v>
      </c>
      <c r="T208" s="407" t="s">
        <v>226</v>
      </c>
      <c r="U208" s="407" t="s">
        <v>82</v>
      </c>
      <c r="V208" s="408"/>
      <c r="W208" s="408"/>
      <c r="X208" s="408"/>
      <c r="Y208" s="408"/>
      <c r="Z208" s="408"/>
      <c r="AA208" s="402"/>
      <c r="AB208" s="408"/>
      <c r="AC208" s="408"/>
      <c r="AD208" s="408"/>
      <c r="AE208" s="408"/>
      <c r="AF208" s="408"/>
      <c r="AG208" s="408"/>
      <c r="AH208" s="408"/>
      <c r="AI208" s="408"/>
      <c r="AJ208" s="408"/>
      <c r="AK208" s="408"/>
      <c r="AL208" s="408"/>
      <c r="AM208" s="408"/>
      <c r="AN208" s="408"/>
      <c r="AO208" s="408"/>
      <c r="AP208" s="408"/>
      <c r="AQ208" s="408"/>
      <c r="AR208" s="408"/>
      <c r="AS208" s="408"/>
      <c r="AT208" s="408"/>
      <c r="AU208" s="408"/>
      <c r="AV208" s="408"/>
      <c r="AW208" s="402" t="s">
        <v>66</v>
      </c>
      <c r="AX208" s="408"/>
      <c r="AY208" s="408"/>
      <c r="AZ208" s="408"/>
      <c r="BA208" s="308">
        <f t="shared" si="106"/>
        <v>67</v>
      </c>
      <c r="BB208" s="309">
        <f>S208/BA208</f>
        <v>797.12639999999988</v>
      </c>
      <c r="BC208" s="402" t="str">
        <f t="shared" si="107"/>
        <v/>
      </c>
      <c r="BD208" s="402" t="str">
        <f t="shared" si="108"/>
        <v/>
      </c>
      <c r="BE208" s="402" t="str">
        <f t="shared" si="109"/>
        <v/>
      </c>
      <c r="BF208" s="402" t="str">
        <f t="shared" si="110"/>
        <v/>
      </c>
      <c r="BG208" s="402" t="str">
        <f t="shared" si="111"/>
        <v/>
      </c>
      <c r="BH208" s="402" t="str">
        <f t="shared" si="112"/>
        <v/>
      </c>
      <c r="BI208" s="402" t="str">
        <f t="shared" si="113"/>
        <v/>
      </c>
      <c r="BJ208" s="402" t="str">
        <f t="shared" si="114"/>
        <v/>
      </c>
      <c r="BK208" s="402" t="str">
        <f t="shared" si="115"/>
        <v/>
      </c>
      <c r="BL208" s="402" t="str">
        <f t="shared" si="116"/>
        <v/>
      </c>
      <c r="BM208" s="402" t="str">
        <f t="shared" si="117"/>
        <v/>
      </c>
      <c r="BN208" s="402" t="str">
        <f t="shared" si="118"/>
        <v/>
      </c>
      <c r="BO208" s="402" t="str">
        <f t="shared" si="119"/>
        <v/>
      </c>
      <c r="BP208" s="402" t="str">
        <f t="shared" si="120"/>
        <v/>
      </c>
      <c r="BQ208" s="402" t="str">
        <f t="shared" si="121"/>
        <v/>
      </c>
      <c r="BR208" s="402" t="str">
        <f t="shared" si="122"/>
        <v/>
      </c>
      <c r="BS208" s="402" t="str">
        <f t="shared" si="123"/>
        <v/>
      </c>
      <c r="BT208" s="402" t="str">
        <f t="shared" si="124"/>
        <v/>
      </c>
      <c r="BU208" s="402" t="str">
        <f t="shared" si="125"/>
        <v/>
      </c>
      <c r="BV208" s="402" t="str">
        <f t="shared" si="126"/>
        <v/>
      </c>
      <c r="BW208" s="402" t="str">
        <f t="shared" si="127"/>
        <v/>
      </c>
      <c r="BX208" s="402" t="str">
        <f t="shared" si="128"/>
        <v/>
      </c>
      <c r="BY208" s="402" t="str">
        <f t="shared" si="129"/>
        <v/>
      </c>
      <c r="BZ208" s="402" t="str">
        <f t="shared" si="130"/>
        <v/>
      </c>
      <c r="CA208" s="402" t="str">
        <f t="shared" si="131"/>
        <v/>
      </c>
      <c r="CB208" s="402" t="str">
        <f t="shared" si="132"/>
        <v/>
      </c>
      <c r="CC208" s="402" t="str">
        <f t="shared" si="133"/>
        <v/>
      </c>
      <c r="CD208" s="402">
        <f t="shared" si="134"/>
        <v>53407.468799999995</v>
      </c>
      <c r="CE208" s="402" t="str">
        <f t="shared" si="135"/>
        <v/>
      </c>
      <c r="CF208" s="402" t="str">
        <f t="shared" si="136"/>
        <v/>
      </c>
      <c r="CG208" s="402" t="str">
        <f t="shared" si="137"/>
        <v/>
      </c>
      <c r="CH208" s="402"/>
      <c r="CI208" s="402"/>
      <c r="CJ208" s="402"/>
      <c r="CK208" s="402"/>
      <c r="CL208" s="402"/>
      <c r="CM208" s="402"/>
      <c r="CN208" s="402"/>
      <c r="CO208" s="402"/>
      <c r="CP208" s="402"/>
      <c r="CQ208" s="402"/>
      <c r="CR208" s="402"/>
      <c r="CS208" s="402"/>
      <c r="CT208" s="402"/>
      <c r="CU208" s="402"/>
      <c r="CV208" s="402"/>
      <c r="CW208" s="402"/>
      <c r="CX208" s="402"/>
      <c r="CY208" s="402"/>
      <c r="CZ208" s="402"/>
      <c r="DA208" s="402"/>
      <c r="DB208" s="402"/>
      <c r="DC208" s="402"/>
      <c r="DD208" s="407"/>
      <c r="DE208" s="407"/>
      <c r="DF208" s="407"/>
    </row>
    <row r="209" spans="3:110" s="395" customFormat="1" ht="56.1" customHeight="1" x14ac:dyDescent="0.2">
      <c r="C209" s="420">
        <v>396</v>
      </c>
      <c r="D209" s="420" t="s">
        <v>2481</v>
      </c>
      <c r="E209" s="96" t="s">
        <v>53</v>
      </c>
      <c r="F209" s="96" t="s">
        <v>515</v>
      </c>
      <c r="G209" s="407" t="s">
        <v>521</v>
      </c>
      <c r="H209" s="407" t="s">
        <v>522</v>
      </c>
      <c r="I209" s="407" t="s">
        <v>522</v>
      </c>
      <c r="J209" s="407"/>
      <c r="K209" s="407" t="s">
        <v>413</v>
      </c>
      <c r="L209" s="407" t="s">
        <v>310</v>
      </c>
      <c r="M209" s="407" t="s">
        <v>551</v>
      </c>
      <c r="N209" s="407" t="s">
        <v>334</v>
      </c>
      <c r="O209" s="407" t="s">
        <v>225</v>
      </c>
      <c r="P209" s="407" t="s">
        <v>63</v>
      </c>
      <c r="Q209" s="407" t="s">
        <v>63</v>
      </c>
      <c r="R209" s="410">
        <v>74600.90879999999</v>
      </c>
      <c r="S209" s="410">
        <v>74600.90879999999</v>
      </c>
      <c r="T209" s="407" t="s">
        <v>226</v>
      </c>
      <c r="U209" s="407" t="s">
        <v>82</v>
      </c>
      <c r="V209" s="408"/>
      <c r="W209" s="408"/>
      <c r="X209" s="408"/>
      <c r="Y209" s="408"/>
      <c r="Z209" s="408"/>
      <c r="AA209" s="402"/>
      <c r="AB209" s="408"/>
      <c r="AC209" s="408"/>
      <c r="AD209" s="408"/>
      <c r="AE209" s="408"/>
      <c r="AF209" s="408"/>
      <c r="AG209" s="408"/>
      <c r="AH209" s="408"/>
      <c r="AI209" s="408"/>
      <c r="AJ209" s="408"/>
      <c r="AK209" s="408"/>
      <c r="AL209" s="408"/>
      <c r="AM209" s="408"/>
      <c r="AN209" s="408"/>
      <c r="AO209" s="408"/>
      <c r="AP209" s="408"/>
      <c r="AQ209" s="408"/>
      <c r="AR209" s="408"/>
      <c r="AS209" s="408"/>
      <c r="AT209" s="408"/>
      <c r="AU209" s="408"/>
      <c r="AV209" s="408"/>
      <c r="AW209" s="402" t="s">
        <v>66</v>
      </c>
      <c r="AX209" s="408"/>
      <c r="AY209" s="408"/>
      <c r="AZ209" s="408"/>
      <c r="BA209" s="308">
        <f t="shared" si="106"/>
        <v>67</v>
      </c>
      <c r="BB209" s="309">
        <f>S209/BA209</f>
        <v>1113.4463999999998</v>
      </c>
      <c r="BC209" s="402" t="str">
        <f t="shared" si="107"/>
        <v/>
      </c>
      <c r="BD209" s="402" t="str">
        <f t="shared" si="108"/>
        <v/>
      </c>
      <c r="BE209" s="402" t="str">
        <f t="shared" si="109"/>
        <v/>
      </c>
      <c r="BF209" s="402" t="str">
        <f t="shared" si="110"/>
        <v/>
      </c>
      <c r="BG209" s="402" t="str">
        <f t="shared" si="111"/>
        <v/>
      </c>
      <c r="BH209" s="402" t="str">
        <f t="shared" si="112"/>
        <v/>
      </c>
      <c r="BI209" s="402" t="str">
        <f t="shared" si="113"/>
        <v/>
      </c>
      <c r="BJ209" s="402" t="str">
        <f t="shared" si="114"/>
        <v/>
      </c>
      <c r="BK209" s="402" t="str">
        <f t="shared" si="115"/>
        <v/>
      </c>
      <c r="BL209" s="402" t="str">
        <f t="shared" si="116"/>
        <v/>
      </c>
      <c r="BM209" s="402" t="str">
        <f t="shared" si="117"/>
        <v/>
      </c>
      <c r="BN209" s="402" t="str">
        <f t="shared" si="118"/>
        <v/>
      </c>
      <c r="BO209" s="402" t="str">
        <f t="shared" si="119"/>
        <v/>
      </c>
      <c r="BP209" s="402" t="str">
        <f t="shared" si="120"/>
        <v/>
      </c>
      <c r="BQ209" s="402" t="str">
        <f t="shared" si="121"/>
        <v/>
      </c>
      <c r="BR209" s="402" t="str">
        <f t="shared" si="122"/>
        <v/>
      </c>
      <c r="BS209" s="402" t="str">
        <f t="shared" si="123"/>
        <v/>
      </c>
      <c r="BT209" s="402" t="str">
        <f t="shared" si="124"/>
        <v/>
      </c>
      <c r="BU209" s="402" t="str">
        <f t="shared" si="125"/>
        <v/>
      </c>
      <c r="BV209" s="402" t="str">
        <f t="shared" si="126"/>
        <v/>
      </c>
      <c r="BW209" s="402" t="str">
        <f t="shared" si="127"/>
        <v/>
      </c>
      <c r="BX209" s="402" t="str">
        <f t="shared" si="128"/>
        <v/>
      </c>
      <c r="BY209" s="402" t="str">
        <f t="shared" si="129"/>
        <v/>
      </c>
      <c r="BZ209" s="402" t="str">
        <f t="shared" si="130"/>
        <v/>
      </c>
      <c r="CA209" s="402" t="str">
        <f t="shared" si="131"/>
        <v/>
      </c>
      <c r="CB209" s="402" t="str">
        <f t="shared" si="132"/>
        <v/>
      </c>
      <c r="CC209" s="402" t="str">
        <f t="shared" si="133"/>
        <v/>
      </c>
      <c r="CD209" s="402">
        <f t="shared" si="134"/>
        <v>74600.90879999999</v>
      </c>
      <c r="CE209" s="402" t="str">
        <f t="shared" si="135"/>
        <v/>
      </c>
      <c r="CF209" s="402" t="str">
        <f t="shared" si="136"/>
        <v/>
      </c>
      <c r="CG209" s="402" t="str">
        <f t="shared" si="137"/>
        <v/>
      </c>
      <c r="CH209" s="402"/>
      <c r="CI209" s="402"/>
      <c r="CJ209" s="402"/>
      <c r="CK209" s="402"/>
      <c r="CL209" s="402"/>
      <c r="CM209" s="402"/>
      <c r="CN209" s="402"/>
      <c r="CO209" s="402"/>
      <c r="CP209" s="402"/>
      <c r="CQ209" s="402"/>
      <c r="CR209" s="402"/>
      <c r="CS209" s="402"/>
      <c r="CT209" s="402"/>
      <c r="CU209" s="402"/>
      <c r="CV209" s="402"/>
      <c r="CW209" s="402"/>
      <c r="CX209" s="402"/>
      <c r="CY209" s="402"/>
      <c r="CZ209" s="402"/>
      <c r="DA209" s="402"/>
      <c r="DB209" s="402"/>
      <c r="DC209" s="402"/>
      <c r="DD209" s="407"/>
      <c r="DE209" s="407"/>
      <c r="DF209" s="407"/>
    </row>
    <row r="210" spans="3:110" s="395" customFormat="1" ht="56.1" customHeight="1" x14ac:dyDescent="0.2">
      <c r="C210" s="420">
        <v>397</v>
      </c>
      <c r="D210" s="420" t="s">
        <v>2481</v>
      </c>
      <c r="E210" s="96" t="s">
        <v>53</v>
      </c>
      <c r="F210" s="96" t="s">
        <v>515</v>
      </c>
      <c r="G210" s="407" t="s">
        <v>523</v>
      </c>
      <c r="H210" s="407" t="s">
        <v>524</v>
      </c>
      <c r="I210" s="407" t="s">
        <v>524</v>
      </c>
      <c r="J210" s="407"/>
      <c r="K210" s="407" t="s">
        <v>413</v>
      </c>
      <c r="L210" s="407" t="s">
        <v>310</v>
      </c>
      <c r="M210" s="407" t="s">
        <v>551</v>
      </c>
      <c r="N210" s="407" t="s">
        <v>525</v>
      </c>
      <c r="O210" s="407" t="s">
        <v>225</v>
      </c>
      <c r="P210" s="407" t="s">
        <v>63</v>
      </c>
      <c r="Q210" s="407" t="s">
        <v>63</v>
      </c>
      <c r="R210" s="410">
        <v>0</v>
      </c>
      <c r="S210" s="410">
        <v>0</v>
      </c>
      <c r="T210" s="407" t="s">
        <v>226</v>
      </c>
      <c r="U210" s="407" t="s">
        <v>82</v>
      </c>
      <c r="V210" s="408"/>
      <c r="W210" s="408"/>
      <c r="X210" s="408"/>
      <c r="Y210" s="408"/>
      <c r="Z210" s="408"/>
      <c r="AA210" s="402"/>
      <c r="AB210" s="408"/>
      <c r="AC210" s="408"/>
      <c r="AD210" s="408"/>
      <c r="AE210" s="408"/>
      <c r="AF210" s="408"/>
      <c r="AG210" s="408"/>
      <c r="AH210" s="408"/>
      <c r="AI210" s="408"/>
      <c r="AJ210" s="408"/>
      <c r="AK210" s="408"/>
      <c r="AL210" s="408"/>
      <c r="AM210" s="408"/>
      <c r="AN210" s="408"/>
      <c r="AO210" s="408"/>
      <c r="AP210" s="408"/>
      <c r="AQ210" s="408"/>
      <c r="AR210" s="408"/>
      <c r="AS210" s="408"/>
      <c r="AT210" s="408"/>
      <c r="AU210" s="408"/>
      <c r="AV210" s="408"/>
      <c r="AW210" s="402" t="s">
        <v>66</v>
      </c>
      <c r="AX210" s="408"/>
      <c r="AY210" s="408"/>
      <c r="AZ210" s="408"/>
      <c r="BA210" s="308">
        <f t="shared" si="106"/>
        <v>67</v>
      </c>
      <c r="BB210" s="309"/>
      <c r="BC210" s="402" t="str">
        <f t="shared" si="107"/>
        <v/>
      </c>
      <c r="BD210" s="402" t="str">
        <f t="shared" si="108"/>
        <v/>
      </c>
      <c r="BE210" s="402" t="str">
        <f t="shared" si="109"/>
        <v/>
      </c>
      <c r="BF210" s="402" t="str">
        <f t="shared" si="110"/>
        <v/>
      </c>
      <c r="BG210" s="402" t="str">
        <f t="shared" si="111"/>
        <v/>
      </c>
      <c r="BH210" s="402" t="str">
        <f t="shared" si="112"/>
        <v/>
      </c>
      <c r="BI210" s="402" t="str">
        <f t="shared" si="113"/>
        <v/>
      </c>
      <c r="BJ210" s="402" t="str">
        <f t="shared" si="114"/>
        <v/>
      </c>
      <c r="BK210" s="402" t="str">
        <f t="shared" si="115"/>
        <v/>
      </c>
      <c r="BL210" s="402" t="str">
        <f t="shared" si="116"/>
        <v/>
      </c>
      <c r="BM210" s="402" t="str">
        <f t="shared" si="117"/>
        <v/>
      </c>
      <c r="BN210" s="402" t="str">
        <f t="shared" si="118"/>
        <v/>
      </c>
      <c r="BO210" s="402" t="str">
        <f t="shared" si="119"/>
        <v/>
      </c>
      <c r="BP210" s="402" t="str">
        <f t="shared" si="120"/>
        <v/>
      </c>
      <c r="BQ210" s="402" t="str">
        <f t="shared" si="121"/>
        <v/>
      </c>
      <c r="BR210" s="402" t="str">
        <f t="shared" si="122"/>
        <v/>
      </c>
      <c r="BS210" s="402" t="str">
        <f t="shared" si="123"/>
        <v/>
      </c>
      <c r="BT210" s="402" t="str">
        <f t="shared" si="124"/>
        <v/>
      </c>
      <c r="BU210" s="402" t="str">
        <f t="shared" si="125"/>
        <v/>
      </c>
      <c r="BV210" s="402" t="str">
        <f t="shared" si="126"/>
        <v/>
      </c>
      <c r="BW210" s="402" t="str">
        <f t="shared" si="127"/>
        <v/>
      </c>
      <c r="BX210" s="402" t="str">
        <f t="shared" si="128"/>
        <v/>
      </c>
      <c r="BY210" s="402" t="str">
        <f t="shared" si="129"/>
        <v/>
      </c>
      <c r="BZ210" s="402" t="str">
        <f t="shared" si="130"/>
        <v/>
      </c>
      <c r="CA210" s="402" t="str">
        <f t="shared" si="131"/>
        <v/>
      </c>
      <c r="CB210" s="402" t="str">
        <f t="shared" si="132"/>
        <v/>
      </c>
      <c r="CC210" s="402" t="str">
        <f t="shared" si="133"/>
        <v/>
      </c>
      <c r="CD210" s="402">
        <f t="shared" si="134"/>
        <v>0</v>
      </c>
      <c r="CE210" s="402" t="str">
        <f t="shared" si="135"/>
        <v/>
      </c>
      <c r="CF210" s="402" t="str">
        <f t="shared" si="136"/>
        <v/>
      </c>
      <c r="CG210" s="402" t="str">
        <f t="shared" si="137"/>
        <v/>
      </c>
      <c r="CH210" s="402"/>
      <c r="CI210" s="402"/>
      <c r="CJ210" s="402"/>
      <c r="CK210" s="402"/>
      <c r="CL210" s="402"/>
      <c r="CM210" s="402"/>
      <c r="CN210" s="402"/>
      <c r="CO210" s="402"/>
      <c r="CP210" s="402"/>
      <c r="CQ210" s="402"/>
      <c r="CR210" s="402"/>
      <c r="CS210" s="402"/>
      <c r="CT210" s="402"/>
      <c r="CU210" s="402"/>
      <c r="CV210" s="402"/>
      <c r="CW210" s="402"/>
      <c r="CX210" s="402"/>
      <c r="CY210" s="402"/>
      <c r="CZ210" s="402"/>
      <c r="DA210" s="402"/>
      <c r="DB210" s="402"/>
      <c r="DC210" s="402"/>
      <c r="DD210" s="407"/>
      <c r="DE210" s="407"/>
      <c r="DF210" s="407"/>
    </row>
    <row r="211" spans="3:110" s="395" customFormat="1" ht="56.1" customHeight="1" x14ac:dyDescent="0.2">
      <c r="C211" s="420">
        <v>398</v>
      </c>
      <c r="D211" s="420" t="s">
        <v>2481</v>
      </c>
      <c r="E211" s="96" t="s">
        <v>53</v>
      </c>
      <c r="F211" s="96" t="s">
        <v>515</v>
      </c>
      <c r="G211" s="407" t="s">
        <v>539</v>
      </c>
      <c r="H211" s="407" t="s">
        <v>527</v>
      </c>
      <c r="I211" s="407" t="s">
        <v>527</v>
      </c>
      <c r="J211" s="407"/>
      <c r="K211" s="407" t="s">
        <v>413</v>
      </c>
      <c r="L211" s="407" t="s">
        <v>310</v>
      </c>
      <c r="M211" s="407" t="s">
        <v>551</v>
      </c>
      <c r="N211" s="407" t="s">
        <v>525</v>
      </c>
      <c r="O211" s="407" t="s">
        <v>225</v>
      </c>
      <c r="P211" s="407" t="s">
        <v>63</v>
      </c>
      <c r="Q211" s="407" t="s">
        <v>63</v>
      </c>
      <c r="R211" s="410">
        <v>0</v>
      </c>
      <c r="S211" s="410">
        <v>0</v>
      </c>
      <c r="T211" s="407" t="s">
        <v>226</v>
      </c>
      <c r="U211" s="407" t="s">
        <v>82</v>
      </c>
      <c r="V211" s="408"/>
      <c r="W211" s="408"/>
      <c r="X211" s="408"/>
      <c r="Y211" s="408"/>
      <c r="Z211" s="408"/>
      <c r="AA211" s="402"/>
      <c r="AB211" s="408"/>
      <c r="AC211" s="408"/>
      <c r="AD211" s="408"/>
      <c r="AE211" s="408"/>
      <c r="AF211" s="408"/>
      <c r="AG211" s="408"/>
      <c r="AH211" s="408"/>
      <c r="AI211" s="408"/>
      <c r="AJ211" s="408"/>
      <c r="AK211" s="408"/>
      <c r="AL211" s="408"/>
      <c r="AM211" s="408"/>
      <c r="AN211" s="408"/>
      <c r="AO211" s="408"/>
      <c r="AP211" s="408"/>
      <c r="AQ211" s="408"/>
      <c r="AR211" s="408"/>
      <c r="AS211" s="408"/>
      <c r="AT211" s="408"/>
      <c r="AU211" s="408"/>
      <c r="AV211" s="408"/>
      <c r="AW211" s="402" t="s">
        <v>66</v>
      </c>
      <c r="AX211" s="408"/>
      <c r="AY211" s="408"/>
      <c r="AZ211" s="408"/>
      <c r="BA211" s="308">
        <f t="shared" si="106"/>
        <v>67</v>
      </c>
      <c r="BB211" s="309"/>
      <c r="BC211" s="402" t="str">
        <f t="shared" si="107"/>
        <v/>
      </c>
      <c r="BD211" s="402" t="str">
        <f t="shared" si="108"/>
        <v/>
      </c>
      <c r="BE211" s="402" t="str">
        <f t="shared" si="109"/>
        <v/>
      </c>
      <c r="BF211" s="402" t="str">
        <f t="shared" si="110"/>
        <v/>
      </c>
      <c r="BG211" s="402" t="str">
        <f t="shared" si="111"/>
        <v/>
      </c>
      <c r="BH211" s="402" t="str">
        <f t="shared" si="112"/>
        <v/>
      </c>
      <c r="BI211" s="402" t="str">
        <f t="shared" si="113"/>
        <v/>
      </c>
      <c r="BJ211" s="402" t="str">
        <f t="shared" si="114"/>
        <v/>
      </c>
      <c r="BK211" s="402" t="str">
        <f t="shared" si="115"/>
        <v/>
      </c>
      <c r="BL211" s="402" t="str">
        <f t="shared" si="116"/>
        <v/>
      </c>
      <c r="BM211" s="402" t="str">
        <f t="shared" si="117"/>
        <v/>
      </c>
      <c r="BN211" s="402" t="str">
        <f t="shared" si="118"/>
        <v/>
      </c>
      <c r="BO211" s="402" t="str">
        <f t="shared" si="119"/>
        <v/>
      </c>
      <c r="BP211" s="402" t="str">
        <f t="shared" si="120"/>
        <v/>
      </c>
      <c r="BQ211" s="402" t="str">
        <f t="shared" si="121"/>
        <v/>
      </c>
      <c r="BR211" s="402" t="str">
        <f t="shared" si="122"/>
        <v/>
      </c>
      <c r="BS211" s="402" t="str">
        <f t="shared" si="123"/>
        <v/>
      </c>
      <c r="BT211" s="402" t="str">
        <f t="shared" si="124"/>
        <v/>
      </c>
      <c r="BU211" s="402" t="str">
        <f t="shared" si="125"/>
        <v/>
      </c>
      <c r="BV211" s="402" t="str">
        <f t="shared" si="126"/>
        <v/>
      </c>
      <c r="BW211" s="402" t="str">
        <f t="shared" si="127"/>
        <v/>
      </c>
      <c r="BX211" s="402" t="str">
        <f t="shared" si="128"/>
        <v/>
      </c>
      <c r="BY211" s="402" t="str">
        <f t="shared" si="129"/>
        <v/>
      </c>
      <c r="BZ211" s="402" t="str">
        <f t="shared" si="130"/>
        <v/>
      </c>
      <c r="CA211" s="402" t="str">
        <f t="shared" si="131"/>
        <v/>
      </c>
      <c r="CB211" s="402" t="str">
        <f t="shared" si="132"/>
        <v/>
      </c>
      <c r="CC211" s="402" t="str">
        <f t="shared" si="133"/>
        <v/>
      </c>
      <c r="CD211" s="402">
        <f t="shared" si="134"/>
        <v>0</v>
      </c>
      <c r="CE211" s="402" t="str">
        <f t="shared" si="135"/>
        <v/>
      </c>
      <c r="CF211" s="402" t="str">
        <f t="shared" si="136"/>
        <v/>
      </c>
      <c r="CG211" s="402" t="str">
        <f t="shared" si="137"/>
        <v/>
      </c>
      <c r="CH211" s="402"/>
      <c r="CI211" s="402"/>
      <c r="CJ211" s="402"/>
      <c r="CK211" s="402"/>
      <c r="CL211" s="402"/>
      <c r="CM211" s="402"/>
      <c r="CN211" s="402"/>
      <c r="CO211" s="402"/>
      <c r="CP211" s="402"/>
      <c r="CQ211" s="402"/>
      <c r="CR211" s="402"/>
      <c r="CS211" s="402"/>
      <c r="CT211" s="402"/>
      <c r="CU211" s="402"/>
      <c r="CV211" s="402"/>
      <c r="CW211" s="402"/>
      <c r="CX211" s="402"/>
      <c r="CY211" s="402"/>
      <c r="CZ211" s="402"/>
      <c r="DA211" s="402"/>
      <c r="DB211" s="402"/>
      <c r="DC211" s="402"/>
      <c r="DD211" s="407"/>
      <c r="DE211" s="407"/>
      <c r="DF211" s="407"/>
    </row>
    <row r="212" spans="3:110" s="395" customFormat="1" ht="56.1" customHeight="1" x14ac:dyDescent="0.2">
      <c r="C212" s="420">
        <v>399</v>
      </c>
      <c r="D212" s="420" t="s">
        <v>2481</v>
      </c>
      <c r="E212" s="96" t="s">
        <v>53</v>
      </c>
      <c r="F212" s="96" t="s">
        <v>515</v>
      </c>
      <c r="G212" s="407" t="s">
        <v>528</v>
      </c>
      <c r="H212" s="407" t="s">
        <v>529</v>
      </c>
      <c r="I212" s="407" t="s">
        <v>529</v>
      </c>
      <c r="J212" s="407"/>
      <c r="K212" s="407" t="s">
        <v>413</v>
      </c>
      <c r="L212" s="407" t="s">
        <v>310</v>
      </c>
      <c r="M212" s="407" t="s">
        <v>551</v>
      </c>
      <c r="N212" s="407" t="s">
        <v>525</v>
      </c>
      <c r="O212" s="407" t="s">
        <v>225</v>
      </c>
      <c r="P212" s="407" t="s">
        <v>63</v>
      </c>
      <c r="Q212" s="407" t="s">
        <v>63</v>
      </c>
      <c r="R212" s="410">
        <v>0</v>
      </c>
      <c r="S212" s="410">
        <v>0</v>
      </c>
      <c r="T212" s="407" t="s">
        <v>226</v>
      </c>
      <c r="U212" s="407" t="s">
        <v>82</v>
      </c>
      <c r="V212" s="408"/>
      <c r="W212" s="408"/>
      <c r="X212" s="408"/>
      <c r="Y212" s="408"/>
      <c r="Z212" s="408"/>
      <c r="AA212" s="402"/>
      <c r="AB212" s="408"/>
      <c r="AC212" s="408"/>
      <c r="AD212" s="408"/>
      <c r="AE212" s="408"/>
      <c r="AF212" s="408"/>
      <c r="AG212" s="408"/>
      <c r="AH212" s="408"/>
      <c r="AI212" s="408"/>
      <c r="AJ212" s="408"/>
      <c r="AK212" s="408"/>
      <c r="AL212" s="408"/>
      <c r="AM212" s="408"/>
      <c r="AN212" s="408"/>
      <c r="AO212" s="408"/>
      <c r="AP212" s="408"/>
      <c r="AQ212" s="408"/>
      <c r="AR212" s="408"/>
      <c r="AS212" s="408"/>
      <c r="AT212" s="408"/>
      <c r="AU212" s="408"/>
      <c r="AV212" s="408"/>
      <c r="AW212" s="402" t="s">
        <v>66</v>
      </c>
      <c r="AX212" s="408"/>
      <c r="AY212" s="408"/>
      <c r="AZ212" s="408"/>
      <c r="BA212" s="308">
        <f t="shared" si="106"/>
        <v>67</v>
      </c>
      <c r="BB212" s="309"/>
      <c r="BC212" s="402" t="str">
        <f t="shared" si="107"/>
        <v/>
      </c>
      <c r="BD212" s="402" t="str">
        <f t="shared" si="108"/>
        <v/>
      </c>
      <c r="BE212" s="402" t="str">
        <f t="shared" si="109"/>
        <v/>
      </c>
      <c r="BF212" s="402" t="str">
        <f t="shared" si="110"/>
        <v/>
      </c>
      <c r="BG212" s="402" t="str">
        <f t="shared" si="111"/>
        <v/>
      </c>
      <c r="BH212" s="402" t="str">
        <f t="shared" si="112"/>
        <v/>
      </c>
      <c r="BI212" s="402" t="str">
        <f t="shared" si="113"/>
        <v/>
      </c>
      <c r="BJ212" s="402" t="str">
        <f t="shared" si="114"/>
        <v/>
      </c>
      <c r="BK212" s="402" t="str">
        <f t="shared" si="115"/>
        <v/>
      </c>
      <c r="BL212" s="402" t="str">
        <f t="shared" si="116"/>
        <v/>
      </c>
      <c r="BM212" s="402" t="str">
        <f t="shared" si="117"/>
        <v/>
      </c>
      <c r="BN212" s="402" t="str">
        <f t="shared" si="118"/>
        <v/>
      </c>
      <c r="BO212" s="402" t="str">
        <f t="shared" si="119"/>
        <v/>
      </c>
      <c r="BP212" s="402" t="str">
        <f t="shared" si="120"/>
        <v/>
      </c>
      <c r="BQ212" s="402" t="str">
        <f t="shared" si="121"/>
        <v/>
      </c>
      <c r="BR212" s="402" t="str">
        <f t="shared" si="122"/>
        <v/>
      </c>
      <c r="BS212" s="402" t="str">
        <f t="shared" si="123"/>
        <v/>
      </c>
      <c r="BT212" s="402" t="str">
        <f t="shared" si="124"/>
        <v/>
      </c>
      <c r="BU212" s="402" t="str">
        <f t="shared" si="125"/>
        <v/>
      </c>
      <c r="BV212" s="402" t="str">
        <f t="shared" si="126"/>
        <v/>
      </c>
      <c r="BW212" s="402" t="str">
        <f t="shared" si="127"/>
        <v/>
      </c>
      <c r="BX212" s="402" t="str">
        <f t="shared" si="128"/>
        <v/>
      </c>
      <c r="BY212" s="402" t="str">
        <f t="shared" si="129"/>
        <v/>
      </c>
      <c r="BZ212" s="402" t="str">
        <f t="shared" si="130"/>
        <v/>
      </c>
      <c r="CA212" s="402" t="str">
        <f t="shared" si="131"/>
        <v/>
      </c>
      <c r="CB212" s="402" t="str">
        <f t="shared" si="132"/>
        <v/>
      </c>
      <c r="CC212" s="402" t="str">
        <f t="shared" si="133"/>
        <v/>
      </c>
      <c r="CD212" s="402">
        <f t="shared" si="134"/>
        <v>0</v>
      </c>
      <c r="CE212" s="402" t="str">
        <f t="shared" si="135"/>
        <v/>
      </c>
      <c r="CF212" s="402" t="str">
        <f t="shared" si="136"/>
        <v/>
      </c>
      <c r="CG212" s="402" t="str">
        <f t="shared" si="137"/>
        <v/>
      </c>
      <c r="CH212" s="402"/>
      <c r="CI212" s="402"/>
      <c r="CJ212" s="402"/>
      <c r="CK212" s="402"/>
      <c r="CL212" s="402"/>
      <c r="CM212" s="402"/>
      <c r="CN212" s="402"/>
      <c r="CO212" s="402"/>
      <c r="CP212" s="402"/>
      <c r="CQ212" s="402"/>
      <c r="CR212" s="402"/>
      <c r="CS212" s="402"/>
      <c r="CT212" s="402"/>
      <c r="CU212" s="402"/>
      <c r="CV212" s="402"/>
      <c r="CW212" s="402"/>
      <c r="CX212" s="402"/>
      <c r="CY212" s="402"/>
      <c r="CZ212" s="402"/>
      <c r="DA212" s="402"/>
      <c r="DB212" s="402"/>
      <c r="DC212" s="402"/>
      <c r="DD212" s="407"/>
      <c r="DE212" s="407"/>
      <c r="DF212" s="407"/>
    </row>
    <row r="213" spans="3:110" s="395" customFormat="1" ht="56.1" customHeight="1" x14ac:dyDescent="0.2">
      <c r="C213" s="420">
        <v>400</v>
      </c>
      <c r="D213" s="420" t="s">
        <v>2481</v>
      </c>
      <c r="E213" s="96" t="s">
        <v>53</v>
      </c>
      <c r="F213" s="96" t="s">
        <v>515</v>
      </c>
      <c r="G213" s="407" t="s">
        <v>530</v>
      </c>
      <c r="H213" s="407" t="s">
        <v>532</v>
      </c>
      <c r="I213" s="407" t="s">
        <v>532</v>
      </c>
      <c r="J213" s="407"/>
      <c r="K213" s="407" t="s">
        <v>413</v>
      </c>
      <c r="L213" s="407" t="s">
        <v>310</v>
      </c>
      <c r="M213" s="407" t="s">
        <v>551</v>
      </c>
      <c r="N213" s="407" t="s">
        <v>525</v>
      </c>
      <c r="O213" s="407" t="s">
        <v>225</v>
      </c>
      <c r="P213" s="407" t="s">
        <v>63</v>
      </c>
      <c r="Q213" s="407" t="s">
        <v>63</v>
      </c>
      <c r="R213" s="410">
        <v>0</v>
      </c>
      <c r="S213" s="410">
        <v>0</v>
      </c>
      <c r="T213" s="407" t="s">
        <v>226</v>
      </c>
      <c r="U213" s="407" t="s">
        <v>82</v>
      </c>
      <c r="V213" s="408"/>
      <c r="W213" s="408"/>
      <c r="X213" s="408"/>
      <c r="Y213" s="408"/>
      <c r="Z213" s="408"/>
      <c r="AA213" s="402"/>
      <c r="AB213" s="408"/>
      <c r="AC213" s="408"/>
      <c r="AD213" s="408"/>
      <c r="AE213" s="408"/>
      <c r="AF213" s="408"/>
      <c r="AG213" s="408"/>
      <c r="AH213" s="408"/>
      <c r="AI213" s="408"/>
      <c r="AJ213" s="408"/>
      <c r="AK213" s="408"/>
      <c r="AL213" s="408"/>
      <c r="AM213" s="408"/>
      <c r="AN213" s="408"/>
      <c r="AO213" s="408"/>
      <c r="AP213" s="408"/>
      <c r="AQ213" s="408"/>
      <c r="AR213" s="408"/>
      <c r="AS213" s="408"/>
      <c r="AT213" s="408"/>
      <c r="AU213" s="408"/>
      <c r="AV213" s="408"/>
      <c r="AW213" s="402" t="s">
        <v>66</v>
      </c>
      <c r="AX213" s="408"/>
      <c r="AY213" s="408"/>
      <c r="AZ213" s="408"/>
      <c r="BA213" s="308">
        <f t="shared" si="106"/>
        <v>67</v>
      </c>
      <c r="BB213" s="309"/>
      <c r="BC213" s="402" t="str">
        <f t="shared" si="107"/>
        <v/>
      </c>
      <c r="BD213" s="402" t="str">
        <f t="shared" si="108"/>
        <v/>
      </c>
      <c r="BE213" s="402" t="str">
        <f t="shared" si="109"/>
        <v/>
      </c>
      <c r="BF213" s="402" t="str">
        <f t="shared" si="110"/>
        <v/>
      </c>
      <c r="BG213" s="402" t="str">
        <f t="shared" si="111"/>
        <v/>
      </c>
      <c r="BH213" s="402" t="str">
        <f t="shared" si="112"/>
        <v/>
      </c>
      <c r="BI213" s="402" t="str">
        <f t="shared" si="113"/>
        <v/>
      </c>
      <c r="BJ213" s="402" t="str">
        <f t="shared" si="114"/>
        <v/>
      </c>
      <c r="BK213" s="402" t="str">
        <f t="shared" si="115"/>
        <v/>
      </c>
      <c r="BL213" s="402" t="str">
        <f t="shared" si="116"/>
        <v/>
      </c>
      <c r="BM213" s="402" t="str">
        <f t="shared" si="117"/>
        <v/>
      </c>
      <c r="BN213" s="402" t="str">
        <f t="shared" si="118"/>
        <v/>
      </c>
      <c r="BO213" s="402" t="str">
        <f t="shared" si="119"/>
        <v/>
      </c>
      <c r="BP213" s="402" t="str">
        <f t="shared" si="120"/>
        <v/>
      </c>
      <c r="BQ213" s="402" t="str">
        <f t="shared" si="121"/>
        <v/>
      </c>
      <c r="BR213" s="402" t="str">
        <f t="shared" si="122"/>
        <v/>
      </c>
      <c r="BS213" s="402" t="str">
        <f t="shared" si="123"/>
        <v/>
      </c>
      <c r="BT213" s="402" t="str">
        <f t="shared" si="124"/>
        <v/>
      </c>
      <c r="BU213" s="402" t="str">
        <f t="shared" si="125"/>
        <v/>
      </c>
      <c r="BV213" s="402" t="str">
        <f t="shared" si="126"/>
        <v/>
      </c>
      <c r="BW213" s="402" t="str">
        <f t="shared" si="127"/>
        <v/>
      </c>
      <c r="BX213" s="402" t="str">
        <f t="shared" si="128"/>
        <v/>
      </c>
      <c r="BY213" s="402" t="str">
        <f t="shared" si="129"/>
        <v/>
      </c>
      <c r="BZ213" s="402" t="str">
        <f t="shared" si="130"/>
        <v/>
      </c>
      <c r="CA213" s="402" t="str">
        <f t="shared" si="131"/>
        <v/>
      </c>
      <c r="CB213" s="402" t="str">
        <f t="shared" si="132"/>
        <v/>
      </c>
      <c r="CC213" s="402" t="str">
        <f t="shared" si="133"/>
        <v/>
      </c>
      <c r="CD213" s="402">
        <f t="shared" si="134"/>
        <v>0</v>
      </c>
      <c r="CE213" s="402" t="str">
        <f t="shared" si="135"/>
        <v/>
      </c>
      <c r="CF213" s="402" t="str">
        <f t="shared" si="136"/>
        <v/>
      </c>
      <c r="CG213" s="402" t="str">
        <f t="shared" si="137"/>
        <v/>
      </c>
      <c r="CH213" s="402"/>
      <c r="CI213" s="402"/>
      <c r="CJ213" s="402"/>
      <c r="CK213" s="402"/>
      <c r="CL213" s="402"/>
      <c r="CM213" s="402"/>
      <c r="CN213" s="402"/>
      <c r="CO213" s="402"/>
      <c r="CP213" s="402"/>
      <c r="CQ213" s="402"/>
      <c r="CR213" s="402"/>
      <c r="CS213" s="402"/>
      <c r="CT213" s="402"/>
      <c r="CU213" s="402"/>
      <c r="CV213" s="402"/>
      <c r="CW213" s="402"/>
      <c r="CX213" s="402"/>
      <c r="CY213" s="402"/>
      <c r="CZ213" s="402"/>
      <c r="DA213" s="402"/>
      <c r="DB213" s="402"/>
      <c r="DC213" s="402"/>
      <c r="DD213" s="407"/>
      <c r="DE213" s="407"/>
      <c r="DF213" s="407"/>
    </row>
    <row r="214" spans="3:110" s="395" customFormat="1" ht="56.1" customHeight="1" x14ac:dyDescent="0.2">
      <c r="C214" s="420">
        <v>401</v>
      </c>
      <c r="D214" s="420" t="s">
        <v>2481</v>
      </c>
      <c r="E214" s="96" t="s">
        <v>53</v>
      </c>
      <c r="F214" s="96" t="s">
        <v>515</v>
      </c>
      <c r="G214" s="407" t="s">
        <v>533</v>
      </c>
      <c r="H214" s="407" t="s">
        <v>534</v>
      </c>
      <c r="I214" s="407" t="s">
        <v>534</v>
      </c>
      <c r="J214" s="407"/>
      <c r="K214" s="407" t="s">
        <v>413</v>
      </c>
      <c r="L214" s="407" t="s">
        <v>310</v>
      </c>
      <c r="M214" s="407" t="s">
        <v>551</v>
      </c>
      <c r="N214" s="407" t="s">
        <v>334</v>
      </c>
      <c r="O214" s="407" t="s">
        <v>225</v>
      </c>
      <c r="P214" s="407" t="s">
        <v>63</v>
      </c>
      <c r="Q214" s="407" t="s">
        <v>63</v>
      </c>
      <c r="R214" s="410">
        <v>11921.309999999998</v>
      </c>
      <c r="S214" s="410">
        <v>11921.309999999998</v>
      </c>
      <c r="T214" s="407" t="s">
        <v>226</v>
      </c>
      <c r="U214" s="407" t="s">
        <v>82</v>
      </c>
      <c r="V214" s="408"/>
      <c r="W214" s="408"/>
      <c r="X214" s="408"/>
      <c r="Y214" s="408"/>
      <c r="Z214" s="408"/>
      <c r="AA214" s="402"/>
      <c r="AB214" s="408"/>
      <c r="AC214" s="408"/>
      <c r="AD214" s="408"/>
      <c r="AE214" s="408"/>
      <c r="AF214" s="408"/>
      <c r="AG214" s="408"/>
      <c r="AH214" s="408"/>
      <c r="AI214" s="408"/>
      <c r="AJ214" s="408"/>
      <c r="AK214" s="408"/>
      <c r="AL214" s="408"/>
      <c r="AM214" s="408"/>
      <c r="AN214" s="408"/>
      <c r="AO214" s="408"/>
      <c r="AP214" s="408"/>
      <c r="AQ214" s="408"/>
      <c r="AR214" s="408"/>
      <c r="AS214" s="408"/>
      <c r="AT214" s="408"/>
      <c r="AU214" s="408"/>
      <c r="AV214" s="408"/>
      <c r="AW214" s="402" t="s">
        <v>66</v>
      </c>
      <c r="AX214" s="408"/>
      <c r="AY214" s="408"/>
      <c r="AZ214" s="408"/>
      <c r="BA214" s="308">
        <f t="shared" si="106"/>
        <v>67</v>
      </c>
      <c r="BB214" s="309">
        <f>S214/BA214</f>
        <v>177.92999999999998</v>
      </c>
      <c r="BC214" s="402" t="str">
        <f t="shared" si="107"/>
        <v/>
      </c>
      <c r="BD214" s="402" t="str">
        <f t="shared" si="108"/>
        <v/>
      </c>
      <c r="BE214" s="402" t="str">
        <f t="shared" si="109"/>
        <v/>
      </c>
      <c r="BF214" s="402" t="str">
        <f t="shared" si="110"/>
        <v/>
      </c>
      <c r="BG214" s="402" t="str">
        <f t="shared" si="111"/>
        <v/>
      </c>
      <c r="BH214" s="402" t="str">
        <f t="shared" si="112"/>
        <v/>
      </c>
      <c r="BI214" s="402" t="str">
        <f t="shared" si="113"/>
        <v/>
      </c>
      <c r="BJ214" s="402" t="str">
        <f t="shared" si="114"/>
        <v/>
      </c>
      <c r="BK214" s="402" t="str">
        <f t="shared" si="115"/>
        <v/>
      </c>
      <c r="BL214" s="402" t="str">
        <f t="shared" si="116"/>
        <v/>
      </c>
      <c r="BM214" s="402" t="str">
        <f t="shared" si="117"/>
        <v/>
      </c>
      <c r="BN214" s="402" t="str">
        <f t="shared" si="118"/>
        <v/>
      </c>
      <c r="BO214" s="402" t="str">
        <f t="shared" si="119"/>
        <v/>
      </c>
      <c r="BP214" s="402" t="str">
        <f t="shared" si="120"/>
        <v/>
      </c>
      <c r="BQ214" s="402" t="str">
        <f t="shared" si="121"/>
        <v/>
      </c>
      <c r="BR214" s="402" t="str">
        <f t="shared" si="122"/>
        <v/>
      </c>
      <c r="BS214" s="402" t="str">
        <f t="shared" si="123"/>
        <v/>
      </c>
      <c r="BT214" s="402" t="str">
        <f t="shared" si="124"/>
        <v/>
      </c>
      <c r="BU214" s="402" t="str">
        <f t="shared" si="125"/>
        <v/>
      </c>
      <c r="BV214" s="402" t="str">
        <f t="shared" si="126"/>
        <v/>
      </c>
      <c r="BW214" s="402" t="str">
        <f t="shared" si="127"/>
        <v/>
      </c>
      <c r="BX214" s="402" t="str">
        <f t="shared" si="128"/>
        <v/>
      </c>
      <c r="BY214" s="402" t="str">
        <f t="shared" si="129"/>
        <v/>
      </c>
      <c r="BZ214" s="402" t="str">
        <f t="shared" si="130"/>
        <v/>
      </c>
      <c r="CA214" s="402" t="str">
        <f t="shared" si="131"/>
        <v/>
      </c>
      <c r="CB214" s="402" t="str">
        <f t="shared" si="132"/>
        <v/>
      </c>
      <c r="CC214" s="402" t="str">
        <f t="shared" si="133"/>
        <v/>
      </c>
      <c r="CD214" s="402">
        <f t="shared" si="134"/>
        <v>11921.309999999998</v>
      </c>
      <c r="CE214" s="402" t="str">
        <f t="shared" si="135"/>
        <v/>
      </c>
      <c r="CF214" s="402" t="str">
        <f t="shared" si="136"/>
        <v/>
      </c>
      <c r="CG214" s="402" t="str">
        <f t="shared" si="137"/>
        <v/>
      </c>
      <c r="CH214" s="402"/>
      <c r="CI214" s="402"/>
      <c r="CJ214" s="402"/>
      <c r="CK214" s="402"/>
      <c r="CL214" s="402"/>
      <c r="CM214" s="402"/>
      <c r="CN214" s="402"/>
      <c r="CO214" s="402"/>
      <c r="CP214" s="402"/>
      <c r="CQ214" s="402"/>
      <c r="CR214" s="402"/>
      <c r="CS214" s="402"/>
      <c r="CT214" s="402"/>
      <c r="CU214" s="402"/>
      <c r="CV214" s="402"/>
      <c r="CW214" s="402"/>
      <c r="CX214" s="402"/>
      <c r="CY214" s="402"/>
      <c r="CZ214" s="402"/>
      <c r="DA214" s="402"/>
      <c r="DB214" s="402"/>
      <c r="DC214" s="402"/>
      <c r="DD214" s="407"/>
      <c r="DE214" s="407"/>
      <c r="DF214" s="407"/>
    </row>
    <row r="215" spans="3:110" s="337" customFormat="1" ht="56.1" customHeight="1" x14ac:dyDescent="0.2">
      <c r="C215" s="368">
        <v>538</v>
      </c>
      <c r="D215" s="420" t="s">
        <v>2481</v>
      </c>
      <c r="E215" s="369" t="s">
        <v>53</v>
      </c>
      <c r="F215" s="369" t="s">
        <v>515</v>
      </c>
      <c r="G215" s="334" t="s">
        <v>580</v>
      </c>
      <c r="H215" s="334" t="s">
        <v>581</v>
      </c>
      <c r="I215" s="259" t="s">
        <v>582</v>
      </c>
      <c r="J215" s="259"/>
      <c r="K215" s="334" t="s">
        <v>333</v>
      </c>
      <c r="L215" s="334" t="s">
        <v>63</v>
      </c>
      <c r="M215" s="334" t="s">
        <v>81</v>
      </c>
      <c r="N215" s="334" t="s">
        <v>583</v>
      </c>
      <c r="O215" s="334" t="s">
        <v>584</v>
      </c>
      <c r="P215" s="334" t="s">
        <v>63</v>
      </c>
      <c r="Q215" s="334" t="s">
        <v>63</v>
      </c>
      <c r="R215" s="335"/>
      <c r="S215" s="335"/>
      <c r="T215" s="334" t="s">
        <v>585</v>
      </c>
      <c r="U215" s="334" t="s">
        <v>65</v>
      </c>
      <c r="V215" s="336" t="s">
        <v>66</v>
      </c>
      <c r="W215" s="336" t="s">
        <v>66</v>
      </c>
      <c r="X215" s="336" t="s">
        <v>66</v>
      </c>
      <c r="Y215" s="336" t="s">
        <v>66</v>
      </c>
      <c r="Z215" s="336" t="s">
        <v>66</v>
      </c>
      <c r="AA215" s="336" t="s">
        <v>66</v>
      </c>
      <c r="AB215" s="336" t="s">
        <v>66</v>
      </c>
      <c r="AC215" s="336" t="s">
        <v>66</v>
      </c>
      <c r="AD215" s="336" t="s">
        <v>66</v>
      </c>
      <c r="AE215" s="336" t="s">
        <v>66</v>
      </c>
      <c r="AF215" s="336" t="s">
        <v>66</v>
      </c>
      <c r="AG215" s="336" t="s">
        <v>66</v>
      </c>
      <c r="AH215" s="336" t="s">
        <v>66</v>
      </c>
      <c r="AI215" s="336" t="s">
        <v>66</v>
      </c>
      <c r="AJ215" s="336" t="s">
        <v>66</v>
      </c>
      <c r="AK215" s="336" t="s">
        <v>66</v>
      </c>
      <c r="AL215" s="336" t="s">
        <v>66</v>
      </c>
      <c r="AM215" s="336" t="s">
        <v>66</v>
      </c>
      <c r="AN215" s="336" t="s">
        <v>66</v>
      </c>
      <c r="AO215" s="336" t="s">
        <v>66</v>
      </c>
      <c r="AP215" s="336" t="s">
        <v>66</v>
      </c>
      <c r="AQ215" s="336" t="s">
        <v>66</v>
      </c>
      <c r="AR215" s="336" t="s">
        <v>66</v>
      </c>
      <c r="AS215" s="336" t="s">
        <v>66</v>
      </c>
      <c r="AT215" s="336" t="s">
        <v>66</v>
      </c>
      <c r="AU215" s="336" t="s">
        <v>66</v>
      </c>
      <c r="AV215" s="336" t="s">
        <v>66</v>
      </c>
      <c r="AW215" s="336" t="s">
        <v>66</v>
      </c>
      <c r="AX215" s="336" t="s">
        <v>66</v>
      </c>
      <c r="AY215" s="336" t="s">
        <v>66</v>
      </c>
      <c r="AZ215" s="336" t="s">
        <v>66</v>
      </c>
      <c r="BA215" s="238">
        <f t="shared" si="106"/>
        <v>13219</v>
      </c>
      <c r="BB215" s="84"/>
      <c r="BC215" s="336">
        <f t="shared" si="107"/>
        <v>0</v>
      </c>
      <c r="BD215" s="336">
        <f t="shared" si="108"/>
        <v>0</v>
      </c>
      <c r="BE215" s="336">
        <f t="shared" si="109"/>
        <v>0</v>
      </c>
      <c r="BF215" s="336">
        <f t="shared" si="110"/>
        <v>0</v>
      </c>
      <c r="BG215" s="336">
        <f t="shared" si="111"/>
        <v>0</v>
      </c>
      <c r="BH215" s="336">
        <f t="shared" si="112"/>
        <v>0</v>
      </c>
      <c r="BI215" s="336">
        <f t="shared" si="113"/>
        <v>0</v>
      </c>
      <c r="BJ215" s="336">
        <f t="shared" si="114"/>
        <v>0</v>
      </c>
      <c r="BK215" s="336">
        <f t="shared" si="115"/>
        <v>0</v>
      </c>
      <c r="BL215" s="336">
        <f t="shared" si="116"/>
        <v>0</v>
      </c>
      <c r="BM215" s="336">
        <f t="shared" si="117"/>
        <v>0</v>
      </c>
      <c r="BN215" s="336">
        <f t="shared" si="118"/>
        <v>0</v>
      </c>
      <c r="BO215" s="336">
        <f t="shared" si="119"/>
        <v>0</v>
      </c>
      <c r="BP215" s="336">
        <f t="shared" si="120"/>
        <v>0</v>
      </c>
      <c r="BQ215" s="336">
        <f t="shared" si="121"/>
        <v>0</v>
      </c>
      <c r="BR215" s="336">
        <f t="shared" si="122"/>
        <v>0</v>
      </c>
      <c r="BS215" s="336">
        <f t="shared" si="123"/>
        <v>0</v>
      </c>
      <c r="BT215" s="336">
        <f t="shared" si="124"/>
        <v>0</v>
      </c>
      <c r="BU215" s="336">
        <f t="shared" si="125"/>
        <v>0</v>
      </c>
      <c r="BV215" s="336">
        <f t="shared" si="126"/>
        <v>0</v>
      </c>
      <c r="BW215" s="336">
        <f t="shared" si="127"/>
        <v>0</v>
      </c>
      <c r="BX215" s="336">
        <f t="shared" si="128"/>
        <v>0</v>
      </c>
      <c r="BY215" s="336">
        <f t="shared" si="129"/>
        <v>0</v>
      </c>
      <c r="BZ215" s="336">
        <f t="shared" si="130"/>
        <v>0</v>
      </c>
      <c r="CA215" s="336">
        <f t="shared" si="131"/>
        <v>0</v>
      </c>
      <c r="CB215" s="336">
        <f t="shared" si="132"/>
        <v>0</v>
      </c>
      <c r="CC215" s="336">
        <f t="shared" si="133"/>
        <v>0</v>
      </c>
      <c r="CD215" s="336">
        <f t="shared" si="134"/>
        <v>0</v>
      </c>
      <c r="CE215" s="336">
        <f t="shared" si="135"/>
        <v>0</v>
      </c>
      <c r="CF215" s="336">
        <f t="shared" si="136"/>
        <v>0</v>
      </c>
      <c r="CG215" s="336">
        <f t="shared" si="137"/>
        <v>0</v>
      </c>
      <c r="CH215" s="336"/>
      <c r="CI215" s="336"/>
      <c r="CJ215" s="336"/>
      <c r="CK215" s="336"/>
      <c r="CL215" s="336"/>
      <c r="CM215" s="336"/>
      <c r="CN215" s="336"/>
      <c r="CO215" s="336"/>
      <c r="CP215" s="336"/>
      <c r="CQ215" s="336"/>
      <c r="CR215" s="336"/>
      <c r="CS215" s="336"/>
      <c r="CT215" s="336"/>
      <c r="CU215" s="336"/>
      <c r="CV215" s="336"/>
      <c r="CW215" s="336"/>
      <c r="CX215" s="336"/>
      <c r="CY215" s="336"/>
      <c r="CZ215" s="336"/>
      <c r="DA215" s="336"/>
      <c r="DB215" s="336"/>
      <c r="DC215" s="336"/>
      <c r="DD215" s="334"/>
      <c r="DE215" s="334" t="s">
        <v>586</v>
      </c>
      <c r="DF215" s="334"/>
    </row>
    <row r="216" spans="3:110" s="395" customFormat="1" ht="56.1" customHeight="1" x14ac:dyDescent="0.2">
      <c r="C216" s="420">
        <v>539</v>
      </c>
      <c r="D216" s="420" t="s">
        <v>2481</v>
      </c>
      <c r="E216" s="96" t="s">
        <v>53</v>
      </c>
      <c r="F216" s="96" t="s">
        <v>515</v>
      </c>
      <c r="G216" s="407" t="s">
        <v>580</v>
      </c>
      <c r="H216" s="407" t="s">
        <v>587</v>
      </c>
      <c r="I216" s="407" t="s">
        <v>588</v>
      </c>
      <c r="J216" s="407"/>
      <c r="K216" s="407" t="s">
        <v>90</v>
      </c>
      <c r="L216" s="407" t="s">
        <v>38</v>
      </c>
      <c r="M216" s="407" t="s">
        <v>81</v>
      </c>
      <c r="N216" s="407" t="s">
        <v>525</v>
      </c>
      <c r="O216" s="407" t="s">
        <v>584</v>
      </c>
      <c r="P216" s="407" t="s">
        <v>63</v>
      </c>
      <c r="Q216" s="407" t="s">
        <v>63</v>
      </c>
      <c r="R216" s="410"/>
      <c r="S216" s="410"/>
      <c r="T216" s="407" t="s">
        <v>585</v>
      </c>
      <c r="U216" s="407" t="s">
        <v>65</v>
      </c>
      <c r="V216" s="408"/>
      <c r="W216" s="408"/>
      <c r="X216" s="408"/>
      <c r="Y216" s="408"/>
      <c r="Z216" s="408"/>
      <c r="AA216" s="408"/>
      <c r="AB216" s="408"/>
      <c r="AC216" s="408"/>
      <c r="AD216" s="408"/>
      <c r="AE216" s="408"/>
      <c r="AF216" s="408"/>
      <c r="AG216" s="408"/>
      <c r="AH216" s="408"/>
      <c r="AI216" s="408"/>
      <c r="AJ216" s="408"/>
      <c r="AK216" s="408"/>
      <c r="AL216" s="408"/>
      <c r="AM216" s="408"/>
      <c r="AN216" s="408"/>
      <c r="AO216" s="408"/>
      <c r="AP216" s="408"/>
      <c r="AQ216" s="402" t="s">
        <v>66</v>
      </c>
      <c r="AR216" s="408"/>
      <c r="AS216" s="408"/>
      <c r="AT216" s="408"/>
      <c r="AU216" s="408"/>
      <c r="AV216" s="408"/>
      <c r="AW216" s="408"/>
      <c r="AX216" s="408"/>
      <c r="AY216" s="408"/>
      <c r="AZ216" s="408"/>
      <c r="BA216" s="308">
        <f t="shared" si="106"/>
        <v>250</v>
      </c>
      <c r="BB216" s="309"/>
      <c r="BC216" s="402" t="str">
        <f t="shared" si="107"/>
        <v/>
      </c>
      <c r="BD216" s="402" t="str">
        <f t="shared" si="108"/>
        <v/>
      </c>
      <c r="BE216" s="402" t="str">
        <f t="shared" si="109"/>
        <v/>
      </c>
      <c r="BF216" s="402" t="str">
        <f t="shared" si="110"/>
        <v/>
      </c>
      <c r="BG216" s="402" t="str">
        <f t="shared" si="111"/>
        <v/>
      </c>
      <c r="BH216" s="402" t="str">
        <f t="shared" si="112"/>
        <v/>
      </c>
      <c r="BI216" s="402" t="str">
        <f t="shared" si="113"/>
        <v/>
      </c>
      <c r="BJ216" s="402" t="str">
        <f t="shared" si="114"/>
        <v/>
      </c>
      <c r="BK216" s="402" t="str">
        <f t="shared" si="115"/>
        <v/>
      </c>
      <c r="BL216" s="402" t="str">
        <f t="shared" si="116"/>
        <v/>
      </c>
      <c r="BM216" s="402" t="str">
        <f t="shared" si="117"/>
        <v/>
      </c>
      <c r="BN216" s="402" t="str">
        <f t="shared" si="118"/>
        <v/>
      </c>
      <c r="BO216" s="402" t="str">
        <f t="shared" si="119"/>
        <v/>
      </c>
      <c r="BP216" s="402" t="str">
        <f t="shared" si="120"/>
        <v/>
      </c>
      <c r="BQ216" s="402" t="str">
        <f t="shared" si="121"/>
        <v/>
      </c>
      <c r="BR216" s="402" t="str">
        <f t="shared" si="122"/>
        <v/>
      </c>
      <c r="BS216" s="402" t="str">
        <f t="shared" si="123"/>
        <v/>
      </c>
      <c r="BT216" s="402" t="str">
        <f t="shared" si="124"/>
        <v/>
      </c>
      <c r="BU216" s="402" t="str">
        <f t="shared" si="125"/>
        <v/>
      </c>
      <c r="BV216" s="402" t="str">
        <f t="shared" si="126"/>
        <v/>
      </c>
      <c r="BW216" s="402" t="str">
        <f t="shared" si="127"/>
        <v/>
      </c>
      <c r="BX216" s="402">
        <f t="shared" si="128"/>
        <v>0</v>
      </c>
      <c r="BY216" s="402" t="str">
        <f t="shared" si="129"/>
        <v/>
      </c>
      <c r="BZ216" s="402" t="str">
        <f t="shared" si="130"/>
        <v/>
      </c>
      <c r="CA216" s="402" t="str">
        <f t="shared" si="131"/>
        <v/>
      </c>
      <c r="CB216" s="402" t="str">
        <f t="shared" si="132"/>
        <v/>
      </c>
      <c r="CC216" s="402" t="str">
        <f t="shared" si="133"/>
        <v/>
      </c>
      <c r="CD216" s="402" t="str">
        <f t="shared" si="134"/>
        <v/>
      </c>
      <c r="CE216" s="402" t="str">
        <f t="shared" si="135"/>
        <v/>
      </c>
      <c r="CF216" s="402" t="str">
        <f t="shared" si="136"/>
        <v/>
      </c>
      <c r="CG216" s="402" t="str">
        <f t="shared" si="137"/>
        <v/>
      </c>
      <c r="CH216" s="402"/>
      <c r="CI216" s="402"/>
      <c r="CJ216" s="402"/>
      <c r="CK216" s="402"/>
      <c r="CL216" s="402"/>
      <c r="CM216" s="402"/>
      <c r="CN216" s="402"/>
      <c r="CO216" s="402"/>
      <c r="CP216" s="402"/>
      <c r="CQ216" s="402"/>
      <c r="CR216" s="402"/>
      <c r="CS216" s="402"/>
      <c r="CT216" s="402"/>
      <c r="CU216" s="402"/>
      <c r="CV216" s="402"/>
      <c r="CW216" s="402"/>
      <c r="CX216" s="402"/>
      <c r="CY216" s="402"/>
      <c r="CZ216" s="402"/>
      <c r="DA216" s="402"/>
      <c r="DB216" s="402"/>
      <c r="DC216" s="402"/>
      <c r="DD216" s="407"/>
      <c r="DE216" s="407" t="s">
        <v>586</v>
      </c>
      <c r="DF216" s="407"/>
    </row>
    <row r="217" spans="3:110" s="395" customFormat="1" ht="56.1" customHeight="1" x14ac:dyDescent="0.2">
      <c r="C217" s="420">
        <v>540</v>
      </c>
      <c r="D217" s="420" t="s">
        <v>2481</v>
      </c>
      <c r="E217" s="96" t="s">
        <v>53</v>
      </c>
      <c r="F217" s="96" t="s">
        <v>515</v>
      </c>
      <c r="G217" s="407" t="s">
        <v>580</v>
      </c>
      <c r="H217" s="407" t="s">
        <v>587</v>
      </c>
      <c r="I217" s="407" t="s">
        <v>589</v>
      </c>
      <c r="J217" s="407"/>
      <c r="K217" s="407" t="s">
        <v>90</v>
      </c>
      <c r="L217" s="407" t="s">
        <v>39</v>
      </c>
      <c r="M217" s="407" t="s">
        <v>81</v>
      </c>
      <c r="N217" s="407" t="s">
        <v>525</v>
      </c>
      <c r="O217" s="407" t="s">
        <v>584</v>
      </c>
      <c r="P217" s="407" t="s">
        <v>63</v>
      </c>
      <c r="Q217" s="407" t="s">
        <v>63</v>
      </c>
      <c r="R217" s="410"/>
      <c r="S217" s="410"/>
      <c r="T217" s="407" t="s">
        <v>585</v>
      </c>
      <c r="U217" s="407" t="s">
        <v>65</v>
      </c>
      <c r="V217" s="408"/>
      <c r="W217" s="408"/>
      <c r="X217" s="408"/>
      <c r="Y217" s="408"/>
      <c r="Z217" s="408"/>
      <c r="AA217" s="408"/>
      <c r="AB217" s="408"/>
      <c r="AC217" s="408"/>
      <c r="AD217" s="408"/>
      <c r="AE217" s="408"/>
      <c r="AF217" s="408"/>
      <c r="AG217" s="408"/>
      <c r="AH217" s="408"/>
      <c r="AI217" s="408"/>
      <c r="AJ217" s="408"/>
      <c r="AK217" s="408"/>
      <c r="AL217" s="408"/>
      <c r="AM217" s="408"/>
      <c r="AN217" s="408"/>
      <c r="AO217" s="408"/>
      <c r="AP217" s="408"/>
      <c r="AQ217" s="408"/>
      <c r="AR217" s="402" t="s">
        <v>66</v>
      </c>
      <c r="AS217" s="408"/>
      <c r="AT217" s="408"/>
      <c r="AU217" s="408"/>
      <c r="AV217" s="408"/>
      <c r="AW217" s="408"/>
      <c r="AX217" s="408"/>
      <c r="AY217" s="408"/>
      <c r="AZ217" s="408"/>
      <c r="BA217" s="308">
        <f t="shared" si="106"/>
        <v>400</v>
      </c>
      <c r="BB217" s="309"/>
      <c r="BC217" s="402" t="str">
        <f t="shared" si="107"/>
        <v/>
      </c>
      <c r="BD217" s="402" t="str">
        <f t="shared" si="108"/>
        <v/>
      </c>
      <c r="BE217" s="402" t="str">
        <f t="shared" si="109"/>
        <v/>
      </c>
      <c r="BF217" s="402" t="str">
        <f t="shared" si="110"/>
        <v/>
      </c>
      <c r="BG217" s="402" t="str">
        <f t="shared" si="111"/>
        <v/>
      </c>
      <c r="BH217" s="402" t="str">
        <f t="shared" si="112"/>
        <v/>
      </c>
      <c r="BI217" s="402" t="str">
        <f t="shared" si="113"/>
        <v/>
      </c>
      <c r="BJ217" s="402" t="str">
        <f t="shared" si="114"/>
        <v/>
      </c>
      <c r="BK217" s="402" t="str">
        <f t="shared" si="115"/>
        <v/>
      </c>
      <c r="BL217" s="402" t="str">
        <f t="shared" si="116"/>
        <v/>
      </c>
      <c r="BM217" s="402" t="str">
        <f t="shared" si="117"/>
        <v/>
      </c>
      <c r="BN217" s="402" t="str">
        <f t="shared" si="118"/>
        <v/>
      </c>
      <c r="BO217" s="402" t="str">
        <f t="shared" si="119"/>
        <v/>
      </c>
      <c r="BP217" s="402" t="str">
        <f t="shared" si="120"/>
        <v/>
      </c>
      <c r="BQ217" s="402" t="str">
        <f t="shared" si="121"/>
        <v/>
      </c>
      <c r="BR217" s="402" t="str">
        <f t="shared" si="122"/>
        <v/>
      </c>
      <c r="BS217" s="402" t="str">
        <f t="shared" si="123"/>
        <v/>
      </c>
      <c r="BT217" s="402" t="str">
        <f t="shared" si="124"/>
        <v/>
      </c>
      <c r="BU217" s="402" t="str">
        <f t="shared" si="125"/>
        <v/>
      </c>
      <c r="BV217" s="402" t="str">
        <f t="shared" si="126"/>
        <v/>
      </c>
      <c r="BW217" s="402" t="str">
        <f t="shared" si="127"/>
        <v/>
      </c>
      <c r="BX217" s="402" t="str">
        <f t="shared" si="128"/>
        <v/>
      </c>
      <c r="BY217" s="402">
        <f t="shared" si="129"/>
        <v>0</v>
      </c>
      <c r="BZ217" s="402" t="str">
        <f t="shared" si="130"/>
        <v/>
      </c>
      <c r="CA217" s="402" t="str">
        <f t="shared" si="131"/>
        <v/>
      </c>
      <c r="CB217" s="402" t="str">
        <f t="shared" si="132"/>
        <v/>
      </c>
      <c r="CC217" s="402" t="str">
        <f t="shared" si="133"/>
        <v/>
      </c>
      <c r="CD217" s="402" t="str">
        <f t="shared" si="134"/>
        <v/>
      </c>
      <c r="CE217" s="402" t="str">
        <f t="shared" si="135"/>
        <v/>
      </c>
      <c r="CF217" s="402" t="str">
        <f t="shared" si="136"/>
        <v/>
      </c>
      <c r="CG217" s="402" t="str">
        <f t="shared" si="137"/>
        <v/>
      </c>
      <c r="CH217" s="402"/>
      <c r="CI217" s="402"/>
      <c r="CJ217" s="402"/>
      <c r="CK217" s="402"/>
      <c r="CL217" s="402"/>
      <c r="CM217" s="402"/>
      <c r="CN217" s="402"/>
      <c r="CO217" s="402"/>
      <c r="CP217" s="402"/>
      <c r="CQ217" s="402"/>
      <c r="CR217" s="402"/>
      <c r="CS217" s="402"/>
      <c r="CT217" s="402"/>
      <c r="CU217" s="402"/>
      <c r="CV217" s="402"/>
      <c r="CW217" s="402"/>
      <c r="CX217" s="402"/>
      <c r="CY217" s="402"/>
      <c r="CZ217" s="402"/>
      <c r="DA217" s="402"/>
      <c r="DB217" s="402"/>
      <c r="DC217" s="402"/>
      <c r="DD217" s="407"/>
      <c r="DE217" s="407" t="s">
        <v>586</v>
      </c>
      <c r="DF217" s="407"/>
    </row>
    <row r="218" spans="3:110" s="395" customFormat="1" ht="56.1" customHeight="1" x14ac:dyDescent="0.2">
      <c r="C218" s="420">
        <v>541</v>
      </c>
      <c r="D218" s="420" t="s">
        <v>2481</v>
      </c>
      <c r="E218" s="96" t="s">
        <v>53</v>
      </c>
      <c r="F218" s="96" t="s">
        <v>515</v>
      </c>
      <c r="G218" s="407" t="s">
        <v>580</v>
      </c>
      <c r="H218" s="407" t="s">
        <v>590</v>
      </c>
      <c r="I218" s="407" t="s">
        <v>591</v>
      </c>
      <c r="J218" s="407"/>
      <c r="K218" s="407" t="s">
        <v>90</v>
      </c>
      <c r="L218" s="407" t="s">
        <v>40</v>
      </c>
      <c r="M218" s="407" t="s">
        <v>60</v>
      </c>
      <c r="N218" s="407" t="s">
        <v>525</v>
      </c>
      <c r="O218" s="407" t="s">
        <v>584</v>
      </c>
      <c r="P218" s="407" t="s">
        <v>63</v>
      </c>
      <c r="Q218" s="407" t="s">
        <v>63</v>
      </c>
      <c r="R218" s="410"/>
      <c r="S218" s="410"/>
      <c r="T218" s="407" t="s">
        <v>585</v>
      </c>
      <c r="U218" s="407" t="s">
        <v>65</v>
      </c>
      <c r="V218" s="408"/>
      <c r="W218" s="408"/>
      <c r="X218" s="408"/>
      <c r="Y218" s="408"/>
      <c r="Z218" s="408"/>
      <c r="AA218" s="408"/>
      <c r="AB218" s="408"/>
      <c r="AC218" s="408"/>
      <c r="AD218" s="408"/>
      <c r="AE218" s="408"/>
      <c r="AF218" s="408"/>
      <c r="AG218" s="408"/>
      <c r="AH218" s="408"/>
      <c r="AI218" s="408"/>
      <c r="AJ218" s="408"/>
      <c r="AK218" s="408"/>
      <c r="AL218" s="408"/>
      <c r="AM218" s="408"/>
      <c r="AN218" s="408"/>
      <c r="AO218" s="408"/>
      <c r="AP218" s="408"/>
      <c r="AQ218" s="408"/>
      <c r="AR218" s="408"/>
      <c r="AS218" s="402" t="s">
        <v>66</v>
      </c>
      <c r="AT218" s="408"/>
      <c r="AU218" s="408"/>
      <c r="AV218" s="408"/>
      <c r="AW218" s="408"/>
      <c r="AX218" s="408"/>
      <c r="AY218" s="408"/>
      <c r="AZ218" s="408"/>
      <c r="BA218" s="308">
        <f t="shared" si="106"/>
        <v>1400</v>
      </c>
      <c r="BB218" s="309"/>
      <c r="BC218" s="402" t="str">
        <f t="shared" si="107"/>
        <v/>
      </c>
      <c r="BD218" s="402" t="str">
        <f t="shared" si="108"/>
        <v/>
      </c>
      <c r="BE218" s="402" t="str">
        <f t="shared" si="109"/>
        <v/>
      </c>
      <c r="BF218" s="402" t="str">
        <f t="shared" si="110"/>
        <v/>
      </c>
      <c r="BG218" s="402" t="str">
        <f t="shared" si="111"/>
        <v/>
      </c>
      <c r="BH218" s="402" t="str">
        <f t="shared" si="112"/>
        <v/>
      </c>
      <c r="BI218" s="402" t="str">
        <f t="shared" si="113"/>
        <v/>
      </c>
      <c r="BJ218" s="402" t="str">
        <f t="shared" si="114"/>
        <v/>
      </c>
      <c r="BK218" s="402" t="str">
        <f t="shared" si="115"/>
        <v/>
      </c>
      <c r="BL218" s="402" t="str">
        <f t="shared" si="116"/>
        <v/>
      </c>
      <c r="BM218" s="402" t="str">
        <f t="shared" si="117"/>
        <v/>
      </c>
      <c r="BN218" s="402" t="str">
        <f t="shared" si="118"/>
        <v/>
      </c>
      <c r="BO218" s="402" t="str">
        <f t="shared" si="119"/>
        <v/>
      </c>
      <c r="BP218" s="402" t="str">
        <f t="shared" si="120"/>
        <v/>
      </c>
      <c r="BQ218" s="402" t="str">
        <f t="shared" si="121"/>
        <v/>
      </c>
      <c r="BR218" s="402" t="str">
        <f t="shared" si="122"/>
        <v/>
      </c>
      <c r="BS218" s="402" t="str">
        <f t="shared" si="123"/>
        <v/>
      </c>
      <c r="BT218" s="402" t="str">
        <f t="shared" si="124"/>
        <v/>
      </c>
      <c r="BU218" s="402" t="str">
        <f t="shared" si="125"/>
        <v/>
      </c>
      <c r="BV218" s="402" t="str">
        <f t="shared" si="126"/>
        <v/>
      </c>
      <c r="BW218" s="402" t="str">
        <f t="shared" si="127"/>
        <v/>
      </c>
      <c r="BX218" s="402" t="str">
        <f t="shared" si="128"/>
        <v/>
      </c>
      <c r="BY218" s="402" t="str">
        <f t="shared" si="129"/>
        <v/>
      </c>
      <c r="BZ218" s="402">
        <f t="shared" si="130"/>
        <v>0</v>
      </c>
      <c r="CA218" s="402" t="str">
        <f t="shared" si="131"/>
        <v/>
      </c>
      <c r="CB218" s="402" t="str">
        <f t="shared" si="132"/>
        <v/>
      </c>
      <c r="CC218" s="402" t="str">
        <f t="shared" si="133"/>
        <v/>
      </c>
      <c r="CD218" s="402" t="str">
        <f t="shared" si="134"/>
        <v/>
      </c>
      <c r="CE218" s="402" t="str">
        <f t="shared" si="135"/>
        <v/>
      </c>
      <c r="CF218" s="402" t="str">
        <f t="shared" si="136"/>
        <v/>
      </c>
      <c r="CG218" s="402" t="str">
        <f t="shared" si="137"/>
        <v/>
      </c>
      <c r="CH218" s="402"/>
      <c r="CI218" s="402"/>
      <c r="CJ218" s="402"/>
      <c r="CK218" s="402"/>
      <c r="CL218" s="402"/>
      <c r="CM218" s="402"/>
      <c r="CN218" s="402"/>
      <c r="CO218" s="402"/>
      <c r="CP218" s="402"/>
      <c r="CQ218" s="402"/>
      <c r="CR218" s="402"/>
      <c r="CS218" s="402"/>
      <c r="CT218" s="402"/>
      <c r="CU218" s="402"/>
      <c r="CV218" s="402"/>
      <c r="CW218" s="402"/>
      <c r="CX218" s="402"/>
      <c r="CY218" s="402"/>
      <c r="CZ218" s="402"/>
      <c r="DA218" s="402"/>
      <c r="DB218" s="402"/>
      <c r="DC218" s="402"/>
      <c r="DD218" s="407"/>
      <c r="DE218" s="407" t="s">
        <v>586</v>
      </c>
      <c r="DF218" s="407"/>
    </row>
    <row r="219" spans="3:110" s="395" customFormat="1" ht="56.1" customHeight="1" x14ac:dyDescent="0.2">
      <c r="C219" s="420">
        <v>542</v>
      </c>
      <c r="D219" s="420" t="s">
        <v>2481</v>
      </c>
      <c r="E219" s="96" t="s">
        <v>53</v>
      </c>
      <c r="F219" s="96" t="s">
        <v>515</v>
      </c>
      <c r="G219" s="407" t="s">
        <v>580</v>
      </c>
      <c r="H219" s="407" t="s">
        <v>592</v>
      </c>
      <c r="I219" s="407" t="s">
        <v>593</v>
      </c>
      <c r="J219" s="407"/>
      <c r="K219" s="407" t="s">
        <v>90</v>
      </c>
      <c r="L219" s="407" t="s">
        <v>310</v>
      </c>
      <c r="M219" s="407" t="s">
        <v>81</v>
      </c>
      <c r="N219" s="407" t="s">
        <v>525</v>
      </c>
      <c r="O219" s="407" t="s">
        <v>584</v>
      </c>
      <c r="P219" s="407" t="s">
        <v>63</v>
      </c>
      <c r="Q219" s="407" t="s">
        <v>63</v>
      </c>
      <c r="R219" s="410"/>
      <c r="S219" s="410"/>
      <c r="T219" s="407" t="s">
        <v>585</v>
      </c>
      <c r="U219" s="407" t="s">
        <v>65</v>
      </c>
      <c r="V219" s="408"/>
      <c r="W219" s="408"/>
      <c r="X219" s="408"/>
      <c r="Y219" s="408"/>
      <c r="Z219" s="408"/>
      <c r="AA219" s="408"/>
      <c r="AB219" s="408"/>
      <c r="AC219" s="408"/>
      <c r="AD219" s="408"/>
      <c r="AE219" s="408"/>
      <c r="AF219" s="408"/>
      <c r="AG219" s="408"/>
      <c r="AH219" s="408"/>
      <c r="AI219" s="408"/>
      <c r="AJ219" s="408"/>
      <c r="AK219" s="408"/>
      <c r="AL219" s="408"/>
      <c r="AM219" s="408"/>
      <c r="AN219" s="408"/>
      <c r="AO219" s="408"/>
      <c r="AP219" s="408"/>
      <c r="AQ219" s="408"/>
      <c r="AR219" s="408"/>
      <c r="AS219" s="408"/>
      <c r="AT219" s="402" t="s">
        <v>66</v>
      </c>
      <c r="AU219" s="408"/>
      <c r="AV219" s="408"/>
      <c r="AW219" s="408"/>
      <c r="AX219" s="408"/>
      <c r="AY219" s="408"/>
      <c r="AZ219" s="408"/>
      <c r="BA219" s="308">
        <f t="shared" si="106"/>
        <v>201</v>
      </c>
      <c r="BB219" s="309"/>
      <c r="BC219" s="402" t="str">
        <f t="shared" si="107"/>
        <v/>
      </c>
      <c r="BD219" s="402" t="str">
        <f t="shared" si="108"/>
        <v/>
      </c>
      <c r="BE219" s="402" t="str">
        <f t="shared" si="109"/>
        <v/>
      </c>
      <c r="BF219" s="402" t="str">
        <f t="shared" si="110"/>
        <v/>
      </c>
      <c r="BG219" s="402" t="str">
        <f t="shared" si="111"/>
        <v/>
      </c>
      <c r="BH219" s="402" t="str">
        <f t="shared" si="112"/>
        <v/>
      </c>
      <c r="BI219" s="402" t="str">
        <f t="shared" si="113"/>
        <v/>
      </c>
      <c r="BJ219" s="402" t="str">
        <f t="shared" si="114"/>
        <v/>
      </c>
      <c r="BK219" s="402" t="str">
        <f t="shared" si="115"/>
        <v/>
      </c>
      <c r="BL219" s="402" t="str">
        <f t="shared" si="116"/>
        <v/>
      </c>
      <c r="BM219" s="402" t="str">
        <f t="shared" si="117"/>
        <v/>
      </c>
      <c r="BN219" s="402" t="str">
        <f t="shared" si="118"/>
        <v/>
      </c>
      <c r="BO219" s="402" t="str">
        <f t="shared" si="119"/>
        <v/>
      </c>
      <c r="BP219" s="402" t="str">
        <f t="shared" si="120"/>
        <v/>
      </c>
      <c r="BQ219" s="402" t="str">
        <f t="shared" si="121"/>
        <v/>
      </c>
      <c r="BR219" s="402" t="str">
        <f t="shared" si="122"/>
        <v/>
      </c>
      <c r="BS219" s="402" t="str">
        <f t="shared" si="123"/>
        <v/>
      </c>
      <c r="BT219" s="402" t="str">
        <f t="shared" si="124"/>
        <v/>
      </c>
      <c r="BU219" s="402" t="str">
        <f t="shared" si="125"/>
        <v/>
      </c>
      <c r="BV219" s="402" t="str">
        <f t="shared" si="126"/>
        <v/>
      </c>
      <c r="BW219" s="402" t="str">
        <f t="shared" si="127"/>
        <v/>
      </c>
      <c r="BX219" s="402" t="str">
        <f t="shared" si="128"/>
        <v/>
      </c>
      <c r="BY219" s="402" t="str">
        <f t="shared" si="129"/>
        <v/>
      </c>
      <c r="BZ219" s="402" t="str">
        <f t="shared" si="130"/>
        <v/>
      </c>
      <c r="CA219" s="402">
        <f t="shared" si="131"/>
        <v>0</v>
      </c>
      <c r="CB219" s="402" t="str">
        <f t="shared" si="132"/>
        <v/>
      </c>
      <c r="CC219" s="402" t="str">
        <f t="shared" si="133"/>
        <v/>
      </c>
      <c r="CD219" s="402" t="str">
        <f t="shared" si="134"/>
        <v/>
      </c>
      <c r="CE219" s="402" t="str">
        <f t="shared" si="135"/>
        <v/>
      </c>
      <c r="CF219" s="402" t="str">
        <f t="shared" si="136"/>
        <v/>
      </c>
      <c r="CG219" s="402" t="str">
        <f t="shared" si="137"/>
        <v/>
      </c>
      <c r="CH219" s="402"/>
      <c r="CI219" s="402"/>
      <c r="CJ219" s="402"/>
      <c r="CK219" s="402"/>
      <c r="CL219" s="402"/>
      <c r="CM219" s="402"/>
      <c r="CN219" s="402"/>
      <c r="CO219" s="402"/>
      <c r="CP219" s="402"/>
      <c r="CQ219" s="402"/>
      <c r="CR219" s="402"/>
      <c r="CS219" s="402"/>
      <c r="CT219" s="402"/>
      <c r="CU219" s="402"/>
      <c r="CV219" s="402"/>
      <c r="CW219" s="402"/>
      <c r="CX219" s="402"/>
      <c r="CY219" s="402"/>
      <c r="CZ219" s="402"/>
      <c r="DA219" s="402"/>
      <c r="DB219" s="402"/>
      <c r="DC219" s="402"/>
      <c r="DD219" s="407"/>
      <c r="DE219" s="407" t="s">
        <v>586</v>
      </c>
      <c r="DF219" s="407"/>
    </row>
    <row r="220" spans="3:110" s="395" customFormat="1" ht="56.1" customHeight="1" x14ac:dyDescent="0.2">
      <c r="C220" s="420">
        <v>543</v>
      </c>
      <c r="D220" s="420" t="s">
        <v>2481</v>
      </c>
      <c r="E220" s="96" t="s">
        <v>53</v>
      </c>
      <c r="F220" s="96" t="s">
        <v>515</v>
      </c>
      <c r="G220" s="407" t="s">
        <v>580</v>
      </c>
      <c r="H220" s="407" t="s">
        <v>594</v>
      </c>
      <c r="I220" s="407" t="s">
        <v>595</v>
      </c>
      <c r="J220" s="407"/>
      <c r="K220" s="407" t="s">
        <v>86</v>
      </c>
      <c r="L220" s="407" t="s">
        <v>87</v>
      </c>
      <c r="M220" s="407" t="s">
        <v>60</v>
      </c>
      <c r="N220" s="407" t="s">
        <v>525</v>
      </c>
      <c r="O220" s="407" t="s">
        <v>584</v>
      </c>
      <c r="P220" s="407" t="s">
        <v>63</v>
      </c>
      <c r="Q220" s="407" t="s">
        <v>63</v>
      </c>
      <c r="R220" s="410"/>
      <c r="S220" s="410"/>
      <c r="T220" s="407" t="s">
        <v>585</v>
      </c>
      <c r="U220" s="407" t="s">
        <v>65</v>
      </c>
      <c r="V220" s="408"/>
      <c r="W220" s="408"/>
      <c r="X220" s="408"/>
      <c r="Y220" s="408"/>
      <c r="Z220" s="408"/>
      <c r="AA220" s="408"/>
      <c r="AB220" s="408"/>
      <c r="AC220" s="408"/>
      <c r="AD220" s="408"/>
      <c r="AE220" s="408"/>
      <c r="AF220" s="408"/>
      <c r="AG220" s="408"/>
      <c r="AH220" s="408"/>
      <c r="AI220" s="408"/>
      <c r="AJ220" s="408"/>
      <c r="AK220" s="408"/>
      <c r="AL220" s="408"/>
      <c r="AM220" s="402" t="s">
        <v>66</v>
      </c>
      <c r="AN220" s="408"/>
      <c r="AO220" s="408"/>
      <c r="AP220" s="408"/>
      <c r="AQ220" s="408"/>
      <c r="AR220" s="408"/>
      <c r="AS220" s="408"/>
      <c r="AT220" s="408"/>
      <c r="AU220" s="408"/>
      <c r="AV220" s="408"/>
      <c r="AW220" s="408"/>
      <c r="AX220" s="408"/>
      <c r="AY220" s="408"/>
      <c r="AZ220" s="408"/>
      <c r="BA220" s="308">
        <f t="shared" si="106"/>
        <v>775</v>
      </c>
      <c r="BB220" s="309"/>
      <c r="BC220" s="402" t="str">
        <f t="shared" si="107"/>
        <v/>
      </c>
      <c r="BD220" s="402" t="str">
        <f t="shared" si="108"/>
        <v/>
      </c>
      <c r="BE220" s="402" t="str">
        <f t="shared" si="109"/>
        <v/>
      </c>
      <c r="BF220" s="402" t="str">
        <f t="shared" si="110"/>
        <v/>
      </c>
      <c r="BG220" s="402" t="str">
        <f t="shared" si="111"/>
        <v/>
      </c>
      <c r="BH220" s="402" t="str">
        <f t="shared" si="112"/>
        <v/>
      </c>
      <c r="BI220" s="402" t="str">
        <f t="shared" si="113"/>
        <v/>
      </c>
      <c r="BJ220" s="402" t="str">
        <f t="shared" si="114"/>
        <v/>
      </c>
      <c r="BK220" s="402" t="str">
        <f t="shared" si="115"/>
        <v/>
      </c>
      <c r="BL220" s="402" t="str">
        <f t="shared" si="116"/>
        <v/>
      </c>
      <c r="BM220" s="402" t="str">
        <f t="shared" si="117"/>
        <v/>
      </c>
      <c r="BN220" s="402" t="str">
        <f t="shared" si="118"/>
        <v/>
      </c>
      <c r="BO220" s="402" t="str">
        <f t="shared" si="119"/>
        <v/>
      </c>
      <c r="BP220" s="402" t="str">
        <f t="shared" si="120"/>
        <v/>
      </c>
      <c r="BQ220" s="402" t="str">
        <f t="shared" si="121"/>
        <v/>
      </c>
      <c r="BR220" s="402" t="str">
        <f t="shared" si="122"/>
        <v/>
      </c>
      <c r="BS220" s="402" t="str">
        <f t="shared" si="123"/>
        <v/>
      </c>
      <c r="BT220" s="402">
        <f t="shared" si="124"/>
        <v>0</v>
      </c>
      <c r="BU220" s="402" t="str">
        <f t="shared" si="125"/>
        <v/>
      </c>
      <c r="BV220" s="402" t="str">
        <f t="shared" si="126"/>
        <v/>
      </c>
      <c r="BW220" s="402" t="str">
        <f t="shared" si="127"/>
        <v/>
      </c>
      <c r="BX220" s="402" t="str">
        <f t="shared" si="128"/>
        <v/>
      </c>
      <c r="BY220" s="402" t="str">
        <f t="shared" si="129"/>
        <v/>
      </c>
      <c r="BZ220" s="402" t="str">
        <f t="shared" si="130"/>
        <v/>
      </c>
      <c r="CA220" s="402" t="str">
        <f t="shared" si="131"/>
        <v/>
      </c>
      <c r="CB220" s="402" t="str">
        <f t="shared" si="132"/>
        <v/>
      </c>
      <c r="CC220" s="402" t="str">
        <f t="shared" si="133"/>
        <v/>
      </c>
      <c r="CD220" s="402" t="str">
        <f t="shared" si="134"/>
        <v/>
      </c>
      <c r="CE220" s="402" t="str">
        <f t="shared" si="135"/>
        <v/>
      </c>
      <c r="CF220" s="402" t="str">
        <f t="shared" si="136"/>
        <v/>
      </c>
      <c r="CG220" s="402" t="str">
        <f t="shared" si="137"/>
        <v/>
      </c>
      <c r="CH220" s="402"/>
      <c r="CI220" s="402"/>
      <c r="CJ220" s="402"/>
      <c r="CK220" s="402"/>
      <c r="CL220" s="402"/>
      <c r="CM220" s="402"/>
      <c r="CN220" s="402"/>
      <c r="CO220" s="402"/>
      <c r="CP220" s="402"/>
      <c r="CQ220" s="402"/>
      <c r="CR220" s="402"/>
      <c r="CS220" s="402"/>
      <c r="CT220" s="402"/>
      <c r="CU220" s="402"/>
      <c r="CV220" s="402"/>
      <c r="CW220" s="402"/>
      <c r="CX220" s="402"/>
      <c r="CY220" s="402"/>
      <c r="CZ220" s="402"/>
      <c r="DA220" s="402"/>
      <c r="DB220" s="402"/>
      <c r="DC220" s="402"/>
      <c r="DD220" s="407"/>
      <c r="DE220" s="407" t="s">
        <v>586</v>
      </c>
      <c r="DF220" s="407"/>
    </row>
    <row r="221" spans="3:110" s="395" customFormat="1" ht="56.1" customHeight="1" x14ac:dyDescent="0.2">
      <c r="C221" s="420">
        <v>544</v>
      </c>
      <c r="D221" s="420" t="s">
        <v>2481</v>
      </c>
      <c r="E221" s="96" t="s">
        <v>53</v>
      </c>
      <c r="F221" s="96" t="s">
        <v>515</v>
      </c>
      <c r="G221" s="407" t="s">
        <v>580</v>
      </c>
      <c r="H221" s="407" t="s">
        <v>596</v>
      </c>
      <c r="I221" s="407" t="s">
        <v>597</v>
      </c>
      <c r="J221" s="407"/>
      <c r="K221" s="407" t="s">
        <v>86</v>
      </c>
      <c r="L221" s="407" t="s">
        <v>36</v>
      </c>
      <c r="M221" s="407" t="s">
        <v>81</v>
      </c>
      <c r="N221" s="407" t="s">
        <v>525</v>
      </c>
      <c r="O221" s="407" t="s">
        <v>584</v>
      </c>
      <c r="P221" s="407" t="s">
        <v>63</v>
      </c>
      <c r="Q221" s="407" t="s">
        <v>63</v>
      </c>
      <c r="R221" s="410"/>
      <c r="S221" s="410"/>
      <c r="T221" s="407" t="s">
        <v>585</v>
      </c>
      <c r="U221" s="407" t="s">
        <v>65</v>
      </c>
      <c r="V221" s="408"/>
      <c r="W221" s="408"/>
      <c r="X221" s="408"/>
      <c r="Y221" s="408"/>
      <c r="Z221" s="408"/>
      <c r="AA221" s="408"/>
      <c r="AB221" s="408"/>
      <c r="AC221" s="408"/>
      <c r="AD221" s="408"/>
      <c r="AE221" s="408"/>
      <c r="AF221" s="408"/>
      <c r="AG221" s="408"/>
      <c r="AH221" s="408"/>
      <c r="AI221" s="408"/>
      <c r="AJ221" s="408"/>
      <c r="AK221" s="408"/>
      <c r="AL221" s="408"/>
      <c r="AM221" s="408"/>
      <c r="AN221" s="408"/>
      <c r="AO221" s="402" t="s">
        <v>66</v>
      </c>
      <c r="AP221" s="408"/>
      <c r="AQ221" s="408"/>
      <c r="AR221" s="408"/>
      <c r="AS221" s="408"/>
      <c r="AT221" s="408"/>
      <c r="AU221" s="408"/>
      <c r="AV221" s="408"/>
      <c r="AW221" s="408"/>
      <c r="AX221" s="408"/>
      <c r="AY221" s="408"/>
      <c r="AZ221" s="408"/>
      <c r="BA221" s="308">
        <f t="shared" si="106"/>
        <v>100</v>
      </c>
      <c r="BB221" s="309"/>
      <c r="BC221" s="402" t="str">
        <f t="shared" si="107"/>
        <v/>
      </c>
      <c r="BD221" s="402" t="str">
        <f t="shared" si="108"/>
        <v/>
      </c>
      <c r="BE221" s="402" t="str">
        <f t="shared" si="109"/>
        <v/>
      </c>
      <c r="BF221" s="402" t="str">
        <f t="shared" si="110"/>
        <v/>
      </c>
      <c r="BG221" s="402" t="str">
        <f t="shared" si="111"/>
        <v/>
      </c>
      <c r="BH221" s="402" t="str">
        <f t="shared" si="112"/>
        <v/>
      </c>
      <c r="BI221" s="402" t="str">
        <f t="shared" si="113"/>
        <v/>
      </c>
      <c r="BJ221" s="402" t="str">
        <f t="shared" si="114"/>
        <v/>
      </c>
      <c r="BK221" s="402" t="str">
        <f t="shared" si="115"/>
        <v/>
      </c>
      <c r="BL221" s="402" t="str">
        <f t="shared" si="116"/>
        <v/>
      </c>
      <c r="BM221" s="402" t="str">
        <f t="shared" si="117"/>
        <v/>
      </c>
      <c r="BN221" s="402" t="str">
        <f t="shared" si="118"/>
        <v/>
      </c>
      <c r="BO221" s="402" t="str">
        <f t="shared" si="119"/>
        <v/>
      </c>
      <c r="BP221" s="402" t="str">
        <f t="shared" si="120"/>
        <v/>
      </c>
      <c r="BQ221" s="402" t="str">
        <f t="shared" si="121"/>
        <v/>
      </c>
      <c r="BR221" s="402" t="str">
        <f t="shared" si="122"/>
        <v/>
      </c>
      <c r="BS221" s="402" t="str">
        <f t="shared" si="123"/>
        <v/>
      </c>
      <c r="BT221" s="402" t="str">
        <f t="shared" si="124"/>
        <v/>
      </c>
      <c r="BU221" s="402" t="str">
        <f t="shared" si="125"/>
        <v/>
      </c>
      <c r="BV221" s="402">
        <f t="shared" si="126"/>
        <v>0</v>
      </c>
      <c r="BW221" s="402" t="str">
        <f t="shared" si="127"/>
        <v/>
      </c>
      <c r="BX221" s="402" t="str">
        <f t="shared" si="128"/>
        <v/>
      </c>
      <c r="BY221" s="402" t="str">
        <f t="shared" si="129"/>
        <v/>
      </c>
      <c r="BZ221" s="402" t="str">
        <f t="shared" si="130"/>
        <v/>
      </c>
      <c r="CA221" s="402" t="str">
        <f t="shared" si="131"/>
        <v/>
      </c>
      <c r="CB221" s="402" t="str">
        <f t="shared" si="132"/>
        <v/>
      </c>
      <c r="CC221" s="402" t="str">
        <f t="shared" si="133"/>
        <v/>
      </c>
      <c r="CD221" s="402" t="str">
        <f t="shared" si="134"/>
        <v/>
      </c>
      <c r="CE221" s="402" t="str">
        <f t="shared" si="135"/>
        <v/>
      </c>
      <c r="CF221" s="402" t="str">
        <f t="shared" si="136"/>
        <v/>
      </c>
      <c r="CG221" s="402" t="str">
        <f t="shared" si="137"/>
        <v/>
      </c>
      <c r="CH221" s="402"/>
      <c r="CI221" s="402"/>
      <c r="CJ221" s="402"/>
      <c r="CK221" s="402"/>
      <c r="CL221" s="402"/>
      <c r="CM221" s="402"/>
      <c r="CN221" s="402"/>
      <c r="CO221" s="402"/>
      <c r="CP221" s="402"/>
      <c r="CQ221" s="402"/>
      <c r="CR221" s="402"/>
      <c r="CS221" s="402"/>
      <c r="CT221" s="402"/>
      <c r="CU221" s="402"/>
      <c r="CV221" s="402"/>
      <c r="CW221" s="402"/>
      <c r="CX221" s="402"/>
      <c r="CY221" s="402"/>
      <c r="CZ221" s="402"/>
      <c r="DA221" s="402"/>
      <c r="DB221" s="402"/>
      <c r="DC221" s="402"/>
      <c r="DD221" s="407"/>
      <c r="DE221" s="407" t="s">
        <v>586</v>
      </c>
      <c r="DF221" s="407"/>
    </row>
    <row r="222" spans="3:110" s="395" customFormat="1" ht="56.1" customHeight="1" x14ac:dyDescent="0.2">
      <c r="C222" s="420">
        <v>545</v>
      </c>
      <c r="D222" s="420" t="s">
        <v>2481</v>
      </c>
      <c r="E222" s="96" t="s">
        <v>53</v>
      </c>
      <c r="F222" s="96" t="s">
        <v>515</v>
      </c>
      <c r="G222" s="407" t="s">
        <v>580</v>
      </c>
      <c r="H222" s="407" t="s">
        <v>596</v>
      </c>
      <c r="I222" s="407" t="s">
        <v>597</v>
      </c>
      <c r="J222" s="407"/>
      <c r="K222" s="407" t="s">
        <v>86</v>
      </c>
      <c r="L222" s="407" t="s">
        <v>35</v>
      </c>
      <c r="M222" s="407" t="s">
        <v>81</v>
      </c>
      <c r="N222" s="407" t="s">
        <v>525</v>
      </c>
      <c r="O222" s="407" t="s">
        <v>584</v>
      </c>
      <c r="P222" s="407" t="s">
        <v>63</v>
      </c>
      <c r="Q222" s="407" t="s">
        <v>63</v>
      </c>
      <c r="R222" s="410"/>
      <c r="S222" s="410"/>
      <c r="T222" s="407" t="s">
        <v>585</v>
      </c>
      <c r="U222" s="407" t="s">
        <v>65</v>
      </c>
      <c r="V222" s="408"/>
      <c r="W222" s="408"/>
      <c r="X222" s="408"/>
      <c r="Y222" s="408"/>
      <c r="Z222" s="408"/>
      <c r="AA222" s="408"/>
      <c r="AB222" s="408"/>
      <c r="AC222" s="408"/>
      <c r="AD222" s="408"/>
      <c r="AE222" s="408"/>
      <c r="AF222" s="408"/>
      <c r="AG222" s="408"/>
      <c r="AH222" s="408"/>
      <c r="AI222" s="408"/>
      <c r="AJ222" s="408"/>
      <c r="AK222" s="408"/>
      <c r="AL222" s="408"/>
      <c r="AM222" s="408"/>
      <c r="AN222" s="402" t="s">
        <v>66</v>
      </c>
      <c r="AO222" s="408"/>
      <c r="AP222" s="408"/>
      <c r="AQ222" s="408"/>
      <c r="AR222" s="408"/>
      <c r="AS222" s="408"/>
      <c r="AT222" s="408"/>
      <c r="AU222" s="408"/>
      <c r="AV222" s="408"/>
      <c r="AW222" s="408"/>
      <c r="AX222" s="408"/>
      <c r="AY222" s="408"/>
      <c r="AZ222" s="408"/>
      <c r="BA222" s="308">
        <f t="shared" si="106"/>
        <v>100</v>
      </c>
      <c r="BB222" s="309"/>
      <c r="BC222" s="402" t="str">
        <f t="shared" si="107"/>
        <v/>
      </c>
      <c r="BD222" s="402" t="str">
        <f t="shared" si="108"/>
        <v/>
      </c>
      <c r="BE222" s="402" t="str">
        <f t="shared" si="109"/>
        <v/>
      </c>
      <c r="BF222" s="402" t="str">
        <f t="shared" si="110"/>
        <v/>
      </c>
      <c r="BG222" s="402" t="str">
        <f t="shared" si="111"/>
        <v/>
      </c>
      <c r="BH222" s="402" t="str">
        <f t="shared" si="112"/>
        <v/>
      </c>
      <c r="BI222" s="402" t="str">
        <f t="shared" si="113"/>
        <v/>
      </c>
      <c r="BJ222" s="402" t="str">
        <f t="shared" si="114"/>
        <v/>
      </c>
      <c r="BK222" s="402" t="str">
        <f t="shared" si="115"/>
        <v/>
      </c>
      <c r="BL222" s="402" t="str">
        <f t="shared" si="116"/>
        <v/>
      </c>
      <c r="BM222" s="402" t="str">
        <f t="shared" si="117"/>
        <v/>
      </c>
      <c r="BN222" s="402" t="str">
        <f t="shared" si="118"/>
        <v/>
      </c>
      <c r="BO222" s="402" t="str">
        <f t="shared" si="119"/>
        <v/>
      </c>
      <c r="BP222" s="402" t="str">
        <f t="shared" si="120"/>
        <v/>
      </c>
      <c r="BQ222" s="402" t="str">
        <f t="shared" si="121"/>
        <v/>
      </c>
      <c r="BR222" s="402" t="str">
        <f t="shared" si="122"/>
        <v/>
      </c>
      <c r="BS222" s="402" t="str">
        <f t="shared" si="123"/>
        <v/>
      </c>
      <c r="BT222" s="402" t="str">
        <f t="shared" si="124"/>
        <v/>
      </c>
      <c r="BU222" s="402">
        <f t="shared" si="125"/>
        <v>0</v>
      </c>
      <c r="BV222" s="402" t="str">
        <f t="shared" si="126"/>
        <v/>
      </c>
      <c r="BW222" s="402" t="str">
        <f t="shared" si="127"/>
        <v/>
      </c>
      <c r="BX222" s="402" t="str">
        <f t="shared" si="128"/>
        <v/>
      </c>
      <c r="BY222" s="402" t="str">
        <f t="shared" si="129"/>
        <v/>
      </c>
      <c r="BZ222" s="402" t="str">
        <f t="shared" si="130"/>
        <v/>
      </c>
      <c r="CA222" s="402" t="str">
        <f t="shared" si="131"/>
        <v/>
      </c>
      <c r="CB222" s="402" t="str">
        <f t="shared" si="132"/>
        <v/>
      </c>
      <c r="CC222" s="402" t="str">
        <f t="shared" si="133"/>
        <v/>
      </c>
      <c r="CD222" s="402" t="str">
        <f t="shared" si="134"/>
        <v/>
      </c>
      <c r="CE222" s="402" t="str">
        <f t="shared" si="135"/>
        <v/>
      </c>
      <c r="CF222" s="402" t="str">
        <f t="shared" si="136"/>
        <v/>
      </c>
      <c r="CG222" s="402" t="str">
        <f t="shared" si="137"/>
        <v/>
      </c>
      <c r="CH222" s="402"/>
      <c r="CI222" s="402"/>
      <c r="CJ222" s="402"/>
      <c r="CK222" s="402"/>
      <c r="CL222" s="402"/>
      <c r="CM222" s="402"/>
      <c r="CN222" s="402"/>
      <c r="CO222" s="402"/>
      <c r="CP222" s="402"/>
      <c r="CQ222" s="402"/>
      <c r="CR222" s="402"/>
      <c r="CS222" s="402"/>
      <c r="CT222" s="402"/>
      <c r="CU222" s="402"/>
      <c r="CV222" s="402"/>
      <c r="CW222" s="402"/>
      <c r="CX222" s="402"/>
      <c r="CY222" s="402"/>
      <c r="CZ222" s="402"/>
      <c r="DA222" s="402"/>
      <c r="DB222" s="402"/>
      <c r="DC222" s="402"/>
      <c r="DD222" s="407"/>
      <c r="DE222" s="407" t="s">
        <v>586</v>
      </c>
      <c r="DF222" s="407"/>
    </row>
    <row r="223" spans="3:110" s="395" customFormat="1" ht="56.1" customHeight="1" x14ac:dyDescent="0.2">
      <c r="C223" s="420">
        <v>546</v>
      </c>
      <c r="D223" s="420" t="s">
        <v>2481</v>
      </c>
      <c r="E223" s="96" t="s">
        <v>53</v>
      </c>
      <c r="F223" s="96" t="s">
        <v>515</v>
      </c>
      <c r="G223" s="407" t="s">
        <v>580</v>
      </c>
      <c r="H223" s="407" t="s">
        <v>592</v>
      </c>
      <c r="I223" s="407" t="s">
        <v>598</v>
      </c>
      <c r="J223" s="407"/>
      <c r="K223" s="407" t="s">
        <v>86</v>
      </c>
      <c r="L223" s="407" t="s">
        <v>310</v>
      </c>
      <c r="M223" s="407" t="s">
        <v>81</v>
      </c>
      <c r="N223" s="407" t="s">
        <v>525</v>
      </c>
      <c r="O223" s="407" t="s">
        <v>584</v>
      </c>
      <c r="P223" s="407" t="s">
        <v>63</v>
      </c>
      <c r="Q223" s="407" t="s">
        <v>63</v>
      </c>
      <c r="R223" s="410"/>
      <c r="S223" s="410"/>
      <c r="T223" s="407" t="s">
        <v>585</v>
      </c>
      <c r="U223" s="407" t="s">
        <v>65</v>
      </c>
      <c r="V223" s="408"/>
      <c r="W223" s="408"/>
      <c r="X223" s="408"/>
      <c r="Y223" s="408"/>
      <c r="Z223" s="408"/>
      <c r="AA223" s="408"/>
      <c r="AB223" s="408"/>
      <c r="AC223" s="408"/>
      <c r="AD223" s="408"/>
      <c r="AE223" s="408"/>
      <c r="AF223" s="408"/>
      <c r="AG223" s="408"/>
      <c r="AH223" s="408"/>
      <c r="AI223" s="408"/>
      <c r="AJ223" s="408"/>
      <c r="AK223" s="408"/>
      <c r="AL223" s="408"/>
      <c r="AM223" s="408"/>
      <c r="AN223" s="408"/>
      <c r="AO223" s="408"/>
      <c r="AP223" s="402" t="s">
        <v>66</v>
      </c>
      <c r="AQ223" s="408"/>
      <c r="AR223" s="408"/>
      <c r="AS223" s="408"/>
      <c r="AT223" s="408"/>
      <c r="AU223" s="408"/>
      <c r="AV223" s="408"/>
      <c r="AW223" s="408"/>
      <c r="AX223" s="408"/>
      <c r="AY223" s="408"/>
      <c r="AZ223" s="408"/>
      <c r="BA223" s="308">
        <f t="shared" si="106"/>
        <v>302</v>
      </c>
      <c r="BB223" s="309"/>
      <c r="BC223" s="402" t="str">
        <f t="shared" si="107"/>
        <v/>
      </c>
      <c r="BD223" s="402" t="str">
        <f t="shared" si="108"/>
        <v/>
      </c>
      <c r="BE223" s="402" t="str">
        <f t="shared" si="109"/>
        <v/>
      </c>
      <c r="BF223" s="402" t="str">
        <f t="shared" si="110"/>
        <v/>
      </c>
      <c r="BG223" s="402" t="str">
        <f t="shared" si="111"/>
        <v/>
      </c>
      <c r="BH223" s="402" t="str">
        <f t="shared" si="112"/>
        <v/>
      </c>
      <c r="BI223" s="402" t="str">
        <f t="shared" si="113"/>
        <v/>
      </c>
      <c r="BJ223" s="402" t="str">
        <f t="shared" si="114"/>
        <v/>
      </c>
      <c r="BK223" s="402" t="str">
        <f t="shared" si="115"/>
        <v/>
      </c>
      <c r="BL223" s="402" t="str">
        <f t="shared" si="116"/>
        <v/>
      </c>
      <c r="BM223" s="402" t="str">
        <f t="shared" si="117"/>
        <v/>
      </c>
      <c r="BN223" s="402" t="str">
        <f t="shared" si="118"/>
        <v/>
      </c>
      <c r="BO223" s="402" t="str">
        <f t="shared" si="119"/>
        <v/>
      </c>
      <c r="BP223" s="402" t="str">
        <f t="shared" si="120"/>
        <v/>
      </c>
      <c r="BQ223" s="402" t="str">
        <f t="shared" si="121"/>
        <v/>
      </c>
      <c r="BR223" s="402" t="str">
        <f t="shared" si="122"/>
        <v/>
      </c>
      <c r="BS223" s="402" t="str">
        <f t="shared" si="123"/>
        <v/>
      </c>
      <c r="BT223" s="402" t="str">
        <f t="shared" si="124"/>
        <v/>
      </c>
      <c r="BU223" s="402" t="str">
        <f t="shared" si="125"/>
        <v/>
      </c>
      <c r="BV223" s="402" t="str">
        <f t="shared" si="126"/>
        <v/>
      </c>
      <c r="BW223" s="402">
        <f t="shared" si="127"/>
        <v>0</v>
      </c>
      <c r="BX223" s="402" t="str">
        <f t="shared" si="128"/>
        <v/>
      </c>
      <c r="BY223" s="402" t="str">
        <f t="shared" si="129"/>
        <v/>
      </c>
      <c r="BZ223" s="402" t="str">
        <f t="shared" si="130"/>
        <v/>
      </c>
      <c r="CA223" s="402" t="str">
        <f t="shared" si="131"/>
        <v/>
      </c>
      <c r="CB223" s="402" t="str">
        <f t="shared" si="132"/>
        <v/>
      </c>
      <c r="CC223" s="402" t="str">
        <f t="shared" si="133"/>
        <v/>
      </c>
      <c r="CD223" s="402" t="str">
        <f t="shared" si="134"/>
        <v/>
      </c>
      <c r="CE223" s="402" t="str">
        <f t="shared" si="135"/>
        <v/>
      </c>
      <c r="CF223" s="402" t="str">
        <f t="shared" si="136"/>
        <v/>
      </c>
      <c r="CG223" s="402" t="str">
        <f t="shared" si="137"/>
        <v/>
      </c>
      <c r="CH223" s="402"/>
      <c r="CI223" s="402"/>
      <c r="CJ223" s="402"/>
      <c r="CK223" s="402"/>
      <c r="CL223" s="402"/>
      <c r="CM223" s="402"/>
      <c r="CN223" s="402"/>
      <c r="CO223" s="402"/>
      <c r="CP223" s="402"/>
      <c r="CQ223" s="402"/>
      <c r="CR223" s="402"/>
      <c r="CS223" s="402"/>
      <c r="CT223" s="402"/>
      <c r="CU223" s="402"/>
      <c r="CV223" s="402"/>
      <c r="CW223" s="402"/>
      <c r="CX223" s="402"/>
      <c r="CY223" s="402"/>
      <c r="CZ223" s="402"/>
      <c r="DA223" s="402"/>
      <c r="DB223" s="402"/>
      <c r="DC223" s="402"/>
      <c r="DD223" s="407"/>
      <c r="DE223" s="407" t="s">
        <v>586</v>
      </c>
      <c r="DF223" s="407"/>
    </row>
    <row r="224" spans="3:110" s="395" customFormat="1" ht="56.1" customHeight="1" x14ac:dyDescent="0.2">
      <c r="C224" s="420">
        <v>547</v>
      </c>
      <c r="D224" s="420" t="s">
        <v>2481</v>
      </c>
      <c r="E224" s="96" t="s">
        <v>53</v>
      </c>
      <c r="F224" s="96" t="s">
        <v>515</v>
      </c>
      <c r="G224" s="407" t="s">
        <v>580</v>
      </c>
      <c r="H224" s="407" t="s">
        <v>592</v>
      </c>
      <c r="I224" s="407" t="s">
        <v>599</v>
      </c>
      <c r="J224" s="407"/>
      <c r="K224" s="407" t="s">
        <v>93</v>
      </c>
      <c r="L224" s="407" t="s">
        <v>310</v>
      </c>
      <c r="M224" s="407" t="s">
        <v>81</v>
      </c>
      <c r="N224" s="407" t="s">
        <v>525</v>
      </c>
      <c r="O224" s="407" t="s">
        <v>584</v>
      </c>
      <c r="P224" s="407" t="s">
        <v>63</v>
      </c>
      <c r="Q224" s="407" t="s">
        <v>63</v>
      </c>
      <c r="R224" s="410"/>
      <c r="S224" s="410"/>
      <c r="T224" s="407" t="s">
        <v>585</v>
      </c>
      <c r="U224" s="407" t="s">
        <v>65</v>
      </c>
      <c r="V224" s="408"/>
      <c r="W224" s="408"/>
      <c r="X224" s="408"/>
      <c r="Y224" s="408"/>
      <c r="Z224" s="408"/>
      <c r="AA224" s="408"/>
      <c r="AB224" s="408"/>
      <c r="AC224" s="408"/>
      <c r="AD224" s="408"/>
      <c r="AE224" s="408"/>
      <c r="AF224" s="408"/>
      <c r="AG224" s="408"/>
      <c r="AH224" s="408"/>
      <c r="AI224" s="408"/>
      <c r="AJ224" s="408"/>
      <c r="AK224" s="408"/>
      <c r="AL224" s="408"/>
      <c r="AM224" s="408"/>
      <c r="AN224" s="408"/>
      <c r="AO224" s="408"/>
      <c r="AP224" s="408"/>
      <c r="AQ224" s="408"/>
      <c r="AR224" s="408"/>
      <c r="AS224" s="408"/>
      <c r="AT224" s="408"/>
      <c r="AU224" s="408"/>
      <c r="AV224" s="402" t="s">
        <v>66</v>
      </c>
      <c r="AW224" s="408"/>
      <c r="AX224" s="408"/>
      <c r="AY224" s="408"/>
      <c r="AZ224" s="408"/>
      <c r="BA224" s="308">
        <f t="shared" si="106"/>
        <v>31</v>
      </c>
      <c r="BB224" s="309"/>
      <c r="BC224" s="402" t="str">
        <f t="shared" si="107"/>
        <v/>
      </c>
      <c r="BD224" s="402" t="str">
        <f t="shared" si="108"/>
        <v/>
      </c>
      <c r="BE224" s="402" t="str">
        <f t="shared" si="109"/>
        <v/>
      </c>
      <c r="BF224" s="402" t="str">
        <f t="shared" si="110"/>
        <v/>
      </c>
      <c r="BG224" s="402" t="str">
        <f t="shared" si="111"/>
        <v/>
      </c>
      <c r="BH224" s="402" t="str">
        <f t="shared" si="112"/>
        <v/>
      </c>
      <c r="BI224" s="402" t="str">
        <f t="shared" si="113"/>
        <v/>
      </c>
      <c r="BJ224" s="402" t="str">
        <f t="shared" si="114"/>
        <v/>
      </c>
      <c r="BK224" s="402" t="str">
        <f t="shared" si="115"/>
        <v/>
      </c>
      <c r="BL224" s="402" t="str">
        <f t="shared" si="116"/>
        <v/>
      </c>
      <c r="BM224" s="402" t="str">
        <f t="shared" si="117"/>
        <v/>
      </c>
      <c r="BN224" s="402" t="str">
        <f t="shared" si="118"/>
        <v/>
      </c>
      <c r="BO224" s="402" t="str">
        <f t="shared" si="119"/>
        <v/>
      </c>
      <c r="BP224" s="402" t="str">
        <f t="shared" si="120"/>
        <v/>
      </c>
      <c r="BQ224" s="402" t="str">
        <f t="shared" si="121"/>
        <v/>
      </c>
      <c r="BR224" s="402" t="str">
        <f t="shared" si="122"/>
        <v/>
      </c>
      <c r="BS224" s="402" t="str">
        <f t="shared" si="123"/>
        <v/>
      </c>
      <c r="BT224" s="402" t="str">
        <f t="shared" si="124"/>
        <v/>
      </c>
      <c r="BU224" s="402" t="str">
        <f t="shared" si="125"/>
        <v/>
      </c>
      <c r="BV224" s="402" t="str">
        <f t="shared" si="126"/>
        <v/>
      </c>
      <c r="BW224" s="402" t="str">
        <f t="shared" si="127"/>
        <v/>
      </c>
      <c r="BX224" s="402" t="str">
        <f t="shared" si="128"/>
        <v/>
      </c>
      <c r="BY224" s="402" t="str">
        <f t="shared" si="129"/>
        <v/>
      </c>
      <c r="BZ224" s="402" t="str">
        <f t="shared" si="130"/>
        <v/>
      </c>
      <c r="CA224" s="402" t="str">
        <f t="shared" si="131"/>
        <v/>
      </c>
      <c r="CB224" s="402" t="str">
        <f t="shared" si="132"/>
        <v/>
      </c>
      <c r="CC224" s="402">
        <f t="shared" si="133"/>
        <v>0</v>
      </c>
      <c r="CD224" s="402" t="str">
        <f t="shared" si="134"/>
        <v/>
      </c>
      <c r="CE224" s="402" t="str">
        <f t="shared" si="135"/>
        <v/>
      </c>
      <c r="CF224" s="402" t="str">
        <f t="shared" si="136"/>
        <v/>
      </c>
      <c r="CG224" s="402" t="str">
        <f t="shared" si="137"/>
        <v/>
      </c>
      <c r="CH224" s="402"/>
      <c r="CI224" s="402"/>
      <c r="CJ224" s="402"/>
      <c r="CK224" s="402"/>
      <c r="CL224" s="402"/>
      <c r="CM224" s="402"/>
      <c r="CN224" s="402"/>
      <c r="CO224" s="402"/>
      <c r="CP224" s="402"/>
      <c r="CQ224" s="402"/>
      <c r="CR224" s="402"/>
      <c r="CS224" s="402"/>
      <c r="CT224" s="402"/>
      <c r="CU224" s="402"/>
      <c r="CV224" s="402"/>
      <c r="CW224" s="402"/>
      <c r="CX224" s="402"/>
      <c r="CY224" s="402"/>
      <c r="CZ224" s="402"/>
      <c r="DA224" s="402"/>
      <c r="DB224" s="402"/>
      <c r="DC224" s="402"/>
      <c r="DD224" s="407"/>
      <c r="DE224" s="407" t="s">
        <v>586</v>
      </c>
      <c r="DF224" s="407"/>
    </row>
    <row r="225" spans="3:110" s="395" customFormat="1" ht="56.1" customHeight="1" x14ac:dyDescent="0.2">
      <c r="C225" s="420">
        <v>548</v>
      </c>
      <c r="D225" s="420" t="s">
        <v>2481</v>
      </c>
      <c r="E225" s="96" t="s">
        <v>53</v>
      </c>
      <c r="F225" s="96" t="s">
        <v>515</v>
      </c>
      <c r="G225" s="407" t="s">
        <v>580</v>
      </c>
      <c r="H225" s="407" t="s">
        <v>592</v>
      </c>
      <c r="I225" s="407" t="s">
        <v>600</v>
      </c>
      <c r="J225" s="407"/>
      <c r="K225" s="407" t="s">
        <v>93</v>
      </c>
      <c r="L225" s="407" t="s">
        <v>364</v>
      </c>
      <c r="M225" s="407" t="s">
        <v>81</v>
      </c>
      <c r="N225" s="407" t="s">
        <v>525</v>
      </c>
      <c r="O225" s="407" t="s">
        <v>584</v>
      </c>
      <c r="P225" s="407" t="s">
        <v>63</v>
      </c>
      <c r="Q225" s="407" t="s">
        <v>63</v>
      </c>
      <c r="R225" s="410"/>
      <c r="S225" s="410"/>
      <c r="T225" s="407" t="s">
        <v>585</v>
      </c>
      <c r="U225" s="407" t="s">
        <v>65</v>
      </c>
      <c r="V225" s="408"/>
      <c r="W225" s="408"/>
      <c r="X225" s="408"/>
      <c r="Y225" s="408"/>
      <c r="Z225" s="408"/>
      <c r="AA225" s="408"/>
      <c r="AB225" s="408"/>
      <c r="AC225" s="408"/>
      <c r="AD225" s="408"/>
      <c r="AE225" s="408"/>
      <c r="AF225" s="408"/>
      <c r="AG225" s="408"/>
      <c r="AH225" s="408"/>
      <c r="AI225" s="408"/>
      <c r="AJ225" s="408"/>
      <c r="AK225" s="408"/>
      <c r="AL225" s="408"/>
      <c r="AM225" s="408"/>
      <c r="AN225" s="408"/>
      <c r="AO225" s="408"/>
      <c r="AP225" s="408"/>
      <c r="AQ225" s="408"/>
      <c r="AR225" s="408"/>
      <c r="AS225" s="408"/>
      <c r="AT225" s="408"/>
      <c r="AU225" s="402" t="s">
        <v>66</v>
      </c>
      <c r="AV225" s="408"/>
      <c r="AW225" s="408"/>
      <c r="AX225" s="408"/>
      <c r="AY225" s="408"/>
      <c r="AZ225" s="408"/>
      <c r="BA225" s="308">
        <f t="shared" si="106"/>
        <v>217</v>
      </c>
      <c r="BB225" s="309"/>
      <c r="BC225" s="402" t="str">
        <f t="shared" si="107"/>
        <v/>
      </c>
      <c r="BD225" s="402" t="str">
        <f t="shared" si="108"/>
        <v/>
      </c>
      <c r="BE225" s="402" t="str">
        <f t="shared" si="109"/>
        <v/>
      </c>
      <c r="BF225" s="402" t="str">
        <f t="shared" si="110"/>
        <v/>
      </c>
      <c r="BG225" s="402" t="str">
        <f t="shared" si="111"/>
        <v/>
      </c>
      <c r="BH225" s="402" t="str">
        <f t="shared" si="112"/>
        <v/>
      </c>
      <c r="BI225" s="402" t="str">
        <f t="shared" si="113"/>
        <v/>
      </c>
      <c r="BJ225" s="402" t="str">
        <f t="shared" si="114"/>
        <v/>
      </c>
      <c r="BK225" s="402" t="str">
        <f t="shared" si="115"/>
        <v/>
      </c>
      <c r="BL225" s="402" t="str">
        <f t="shared" si="116"/>
        <v/>
      </c>
      <c r="BM225" s="402" t="str">
        <f t="shared" si="117"/>
        <v/>
      </c>
      <c r="BN225" s="402" t="str">
        <f t="shared" si="118"/>
        <v/>
      </c>
      <c r="BO225" s="402" t="str">
        <f t="shared" si="119"/>
        <v/>
      </c>
      <c r="BP225" s="402" t="str">
        <f t="shared" si="120"/>
        <v/>
      </c>
      <c r="BQ225" s="402" t="str">
        <f t="shared" si="121"/>
        <v/>
      </c>
      <c r="BR225" s="402" t="str">
        <f t="shared" si="122"/>
        <v/>
      </c>
      <c r="BS225" s="402" t="str">
        <f t="shared" si="123"/>
        <v/>
      </c>
      <c r="BT225" s="402" t="str">
        <f t="shared" si="124"/>
        <v/>
      </c>
      <c r="BU225" s="402" t="str">
        <f t="shared" si="125"/>
        <v/>
      </c>
      <c r="BV225" s="402" t="str">
        <f t="shared" si="126"/>
        <v/>
      </c>
      <c r="BW225" s="402" t="str">
        <f t="shared" si="127"/>
        <v/>
      </c>
      <c r="BX225" s="402" t="str">
        <f t="shared" si="128"/>
        <v/>
      </c>
      <c r="BY225" s="402" t="str">
        <f t="shared" si="129"/>
        <v/>
      </c>
      <c r="BZ225" s="402" t="str">
        <f t="shared" si="130"/>
        <v/>
      </c>
      <c r="CA225" s="402" t="str">
        <f t="shared" si="131"/>
        <v/>
      </c>
      <c r="CB225" s="402">
        <f t="shared" si="132"/>
        <v>0</v>
      </c>
      <c r="CC225" s="402" t="str">
        <f t="shared" si="133"/>
        <v/>
      </c>
      <c r="CD225" s="402" t="str">
        <f t="shared" si="134"/>
        <v/>
      </c>
      <c r="CE225" s="402" t="str">
        <f t="shared" si="135"/>
        <v/>
      </c>
      <c r="CF225" s="402" t="str">
        <f t="shared" si="136"/>
        <v/>
      </c>
      <c r="CG225" s="402" t="str">
        <f t="shared" si="137"/>
        <v/>
      </c>
      <c r="CH225" s="402"/>
      <c r="CI225" s="402"/>
      <c r="CJ225" s="402"/>
      <c r="CK225" s="402"/>
      <c r="CL225" s="402"/>
      <c r="CM225" s="402"/>
      <c r="CN225" s="402"/>
      <c r="CO225" s="402"/>
      <c r="CP225" s="402"/>
      <c r="CQ225" s="402"/>
      <c r="CR225" s="402"/>
      <c r="CS225" s="402"/>
      <c r="CT225" s="402"/>
      <c r="CU225" s="402"/>
      <c r="CV225" s="402"/>
      <c r="CW225" s="402"/>
      <c r="CX225" s="402"/>
      <c r="CY225" s="402"/>
      <c r="CZ225" s="402"/>
      <c r="DA225" s="402"/>
      <c r="DB225" s="402"/>
      <c r="DC225" s="402"/>
      <c r="DD225" s="407"/>
      <c r="DE225" s="407" t="s">
        <v>586</v>
      </c>
      <c r="DF225" s="407"/>
    </row>
    <row r="226" spans="3:110" s="395" customFormat="1" ht="56.1" customHeight="1" x14ac:dyDescent="0.2">
      <c r="C226" s="420">
        <v>549</v>
      </c>
      <c r="D226" s="420" t="s">
        <v>2481</v>
      </c>
      <c r="E226" s="96" t="s">
        <v>53</v>
      </c>
      <c r="F226" s="96" t="s">
        <v>515</v>
      </c>
      <c r="G226" s="407" t="s">
        <v>580</v>
      </c>
      <c r="H226" s="407" t="s">
        <v>592</v>
      </c>
      <c r="I226" s="407" t="s">
        <v>599</v>
      </c>
      <c r="J226" s="407"/>
      <c r="K226" s="407" t="s">
        <v>157</v>
      </c>
      <c r="L226" s="407" t="s">
        <v>310</v>
      </c>
      <c r="M226" s="407" t="s">
        <v>81</v>
      </c>
      <c r="N226" s="407" t="s">
        <v>525</v>
      </c>
      <c r="O226" s="407" t="s">
        <v>584</v>
      </c>
      <c r="P226" s="407" t="s">
        <v>63</v>
      </c>
      <c r="Q226" s="407" t="s">
        <v>63</v>
      </c>
      <c r="R226" s="410"/>
      <c r="S226" s="410"/>
      <c r="T226" s="407" t="s">
        <v>585</v>
      </c>
      <c r="U226" s="407" t="s">
        <v>65</v>
      </c>
      <c r="V226" s="408"/>
      <c r="W226" s="408"/>
      <c r="X226" s="408"/>
      <c r="Y226" s="408"/>
      <c r="Z226" s="408"/>
      <c r="AA226" s="408"/>
      <c r="AB226" s="408"/>
      <c r="AC226" s="408"/>
      <c r="AD226" s="408"/>
      <c r="AE226" s="408"/>
      <c r="AF226" s="408"/>
      <c r="AG226" s="408"/>
      <c r="AH226" s="408"/>
      <c r="AI226" s="408"/>
      <c r="AJ226" s="408"/>
      <c r="AK226" s="408"/>
      <c r="AL226" s="408"/>
      <c r="AM226" s="408"/>
      <c r="AN226" s="408"/>
      <c r="AO226" s="408"/>
      <c r="AP226" s="408"/>
      <c r="AQ226" s="408"/>
      <c r="AR226" s="408"/>
      <c r="AS226" s="408"/>
      <c r="AT226" s="408"/>
      <c r="AU226" s="408"/>
      <c r="AV226" s="408"/>
      <c r="AW226" s="402" t="s">
        <v>66</v>
      </c>
      <c r="AX226" s="408"/>
      <c r="AY226" s="408"/>
      <c r="AZ226" s="408"/>
      <c r="BA226" s="308">
        <f t="shared" si="106"/>
        <v>67</v>
      </c>
      <c r="BB226" s="309"/>
      <c r="BC226" s="402" t="str">
        <f t="shared" si="107"/>
        <v/>
      </c>
      <c r="BD226" s="402" t="str">
        <f t="shared" si="108"/>
        <v/>
      </c>
      <c r="BE226" s="402" t="str">
        <f t="shared" si="109"/>
        <v/>
      </c>
      <c r="BF226" s="402" t="str">
        <f t="shared" si="110"/>
        <v/>
      </c>
      <c r="BG226" s="402" t="str">
        <f t="shared" si="111"/>
        <v/>
      </c>
      <c r="BH226" s="402" t="str">
        <f t="shared" si="112"/>
        <v/>
      </c>
      <c r="BI226" s="402" t="str">
        <f t="shared" si="113"/>
        <v/>
      </c>
      <c r="BJ226" s="402" t="str">
        <f t="shared" si="114"/>
        <v/>
      </c>
      <c r="BK226" s="402" t="str">
        <f t="shared" si="115"/>
        <v/>
      </c>
      <c r="BL226" s="402" t="str">
        <f t="shared" si="116"/>
        <v/>
      </c>
      <c r="BM226" s="402" t="str">
        <f t="shared" si="117"/>
        <v/>
      </c>
      <c r="BN226" s="402" t="str">
        <f t="shared" si="118"/>
        <v/>
      </c>
      <c r="BO226" s="402" t="str">
        <f t="shared" si="119"/>
        <v/>
      </c>
      <c r="BP226" s="402" t="str">
        <f t="shared" si="120"/>
        <v/>
      </c>
      <c r="BQ226" s="402" t="str">
        <f t="shared" si="121"/>
        <v/>
      </c>
      <c r="BR226" s="402" t="str">
        <f t="shared" si="122"/>
        <v/>
      </c>
      <c r="BS226" s="402" t="str">
        <f t="shared" si="123"/>
        <v/>
      </c>
      <c r="BT226" s="402" t="str">
        <f t="shared" si="124"/>
        <v/>
      </c>
      <c r="BU226" s="402" t="str">
        <f t="shared" si="125"/>
        <v/>
      </c>
      <c r="BV226" s="402" t="str">
        <f t="shared" si="126"/>
        <v/>
      </c>
      <c r="BW226" s="402" t="str">
        <f t="shared" si="127"/>
        <v/>
      </c>
      <c r="BX226" s="402" t="str">
        <f t="shared" si="128"/>
        <v/>
      </c>
      <c r="BY226" s="402" t="str">
        <f t="shared" si="129"/>
        <v/>
      </c>
      <c r="BZ226" s="402" t="str">
        <f t="shared" si="130"/>
        <v/>
      </c>
      <c r="CA226" s="402" t="str">
        <f t="shared" si="131"/>
        <v/>
      </c>
      <c r="CB226" s="402" t="str">
        <f t="shared" si="132"/>
        <v/>
      </c>
      <c r="CC226" s="402" t="str">
        <f t="shared" si="133"/>
        <v/>
      </c>
      <c r="CD226" s="402">
        <f t="shared" si="134"/>
        <v>0</v>
      </c>
      <c r="CE226" s="402" t="str">
        <f t="shared" si="135"/>
        <v/>
      </c>
      <c r="CF226" s="402" t="str">
        <f t="shared" si="136"/>
        <v/>
      </c>
      <c r="CG226" s="402" t="str">
        <f t="shared" si="137"/>
        <v/>
      </c>
      <c r="CH226" s="402"/>
      <c r="CI226" s="402"/>
      <c r="CJ226" s="402"/>
      <c r="CK226" s="402"/>
      <c r="CL226" s="402"/>
      <c r="CM226" s="402"/>
      <c r="CN226" s="402"/>
      <c r="CO226" s="402"/>
      <c r="CP226" s="402"/>
      <c r="CQ226" s="402"/>
      <c r="CR226" s="402"/>
      <c r="CS226" s="402"/>
      <c r="CT226" s="402"/>
      <c r="CU226" s="402"/>
      <c r="CV226" s="402"/>
      <c r="CW226" s="402"/>
      <c r="CX226" s="402"/>
      <c r="CY226" s="402"/>
      <c r="CZ226" s="402"/>
      <c r="DA226" s="402"/>
      <c r="DB226" s="402"/>
      <c r="DC226" s="402"/>
      <c r="DD226" s="407"/>
      <c r="DE226" s="407" t="s">
        <v>586</v>
      </c>
      <c r="DF226" s="407"/>
    </row>
    <row r="227" spans="3:110" s="395" customFormat="1" ht="56.1" customHeight="1" x14ac:dyDescent="0.2">
      <c r="C227" s="420">
        <v>550</v>
      </c>
      <c r="D227" s="420" t="s">
        <v>2481</v>
      </c>
      <c r="E227" s="96" t="s">
        <v>53</v>
      </c>
      <c r="F227" s="96" t="s">
        <v>515</v>
      </c>
      <c r="G227" s="407" t="s">
        <v>580</v>
      </c>
      <c r="H227" s="407" t="s">
        <v>592</v>
      </c>
      <c r="I227" s="407" t="s">
        <v>601</v>
      </c>
      <c r="J227" s="407"/>
      <c r="K227" s="407" t="s">
        <v>95</v>
      </c>
      <c r="L227" s="407" t="s">
        <v>347</v>
      </c>
      <c r="M227" s="407" t="s">
        <v>81</v>
      </c>
      <c r="N227" s="407" t="s">
        <v>525</v>
      </c>
      <c r="O227" s="407" t="s">
        <v>584</v>
      </c>
      <c r="P227" s="407" t="s">
        <v>63</v>
      </c>
      <c r="Q227" s="407" t="s">
        <v>63</v>
      </c>
      <c r="R227" s="410"/>
      <c r="S227" s="410"/>
      <c r="T227" s="407" t="s">
        <v>585</v>
      </c>
      <c r="U227" s="407" t="s">
        <v>65</v>
      </c>
      <c r="V227" s="408"/>
      <c r="W227" s="408"/>
      <c r="X227" s="408"/>
      <c r="Y227" s="408"/>
      <c r="Z227" s="408"/>
      <c r="AA227" s="408"/>
      <c r="AB227" s="408"/>
      <c r="AC227" s="408"/>
      <c r="AD227" s="408"/>
      <c r="AE227" s="408"/>
      <c r="AF227" s="408"/>
      <c r="AG227" s="408"/>
      <c r="AH227" s="408"/>
      <c r="AI227" s="408"/>
      <c r="AJ227" s="408"/>
      <c r="AK227" s="408"/>
      <c r="AL227" s="408"/>
      <c r="AM227" s="408"/>
      <c r="AN227" s="408"/>
      <c r="AO227" s="408"/>
      <c r="AP227" s="408"/>
      <c r="AQ227" s="408"/>
      <c r="AR227" s="408"/>
      <c r="AS227" s="408"/>
      <c r="AT227" s="408"/>
      <c r="AU227" s="408"/>
      <c r="AV227" s="408"/>
      <c r="AW227" s="408"/>
      <c r="AX227" s="408"/>
      <c r="AY227" s="402" t="s">
        <v>66</v>
      </c>
      <c r="AZ227" s="408"/>
      <c r="BA227" s="308">
        <f t="shared" si="106"/>
        <v>31</v>
      </c>
      <c r="BB227" s="309"/>
      <c r="BC227" s="402" t="str">
        <f t="shared" si="107"/>
        <v/>
      </c>
      <c r="BD227" s="402" t="str">
        <f t="shared" si="108"/>
        <v/>
      </c>
      <c r="BE227" s="402" t="str">
        <f t="shared" si="109"/>
        <v/>
      </c>
      <c r="BF227" s="402" t="str">
        <f t="shared" si="110"/>
        <v/>
      </c>
      <c r="BG227" s="402" t="str">
        <f t="shared" si="111"/>
        <v/>
      </c>
      <c r="BH227" s="402" t="str">
        <f t="shared" si="112"/>
        <v/>
      </c>
      <c r="BI227" s="402" t="str">
        <f t="shared" si="113"/>
        <v/>
      </c>
      <c r="BJ227" s="402" t="str">
        <f t="shared" si="114"/>
        <v/>
      </c>
      <c r="BK227" s="402" t="str">
        <f t="shared" si="115"/>
        <v/>
      </c>
      <c r="BL227" s="402" t="str">
        <f t="shared" si="116"/>
        <v/>
      </c>
      <c r="BM227" s="402" t="str">
        <f t="shared" si="117"/>
        <v/>
      </c>
      <c r="BN227" s="402" t="str">
        <f t="shared" si="118"/>
        <v/>
      </c>
      <c r="BO227" s="402" t="str">
        <f t="shared" si="119"/>
        <v/>
      </c>
      <c r="BP227" s="402" t="str">
        <f t="shared" si="120"/>
        <v/>
      </c>
      <c r="BQ227" s="402" t="str">
        <f t="shared" si="121"/>
        <v/>
      </c>
      <c r="BR227" s="402" t="str">
        <f t="shared" si="122"/>
        <v/>
      </c>
      <c r="BS227" s="402" t="str">
        <f t="shared" si="123"/>
        <v/>
      </c>
      <c r="BT227" s="402" t="str">
        <f t="shared" si="124"/>
        <v/>
      </c>
      <c r="BU227" s="402" t="str">
        <f t="shared" si="125"/>
        <v/>
      </c>
      <c r="BV227" s="402" t="str">
        <f t="shared" si="126"/>
        <v/>
      </c>
      <c r="BW227" s="402" t="str">
        <f t="shared" si="127"/>
        <v/>
      </c>
      <c r="BX227" s="402" t="str">
        <f t="shared" si="128"/>
        <v/>
      </c>
      <c r="BY227" s="402" t="str">
        <f t="shared" si="129"/>
        <v/>
      </c>
      <c r="BZ227" s="402" t="str">
        <f t="shared" si="130"/>
        <v/>
      </c>
      <c r="CA227" s="402" t="str">
        <f t="shared" si="131"/>
        <v/>
      </c>
      <c r="CB227" s="402" t="str">
        <f t="shared" si="132"/>
        <v/>
      </c>
      <c r="CC227" s="402" t="str">
        <f t="shared" si="133"/>
        <v/>
      </c>
      <c r="CD227" s="402" t="str">
        <f t="shared" si="134"/>
        <v/>
      </c>
      <c r="CE227" s="402" t="str">
        <f t="shared" si="135"/>
        <v/>
      </c>
      <c r="CF227" s="402">
        <f t="shared" si="136"/>
        <v>0</v>
      </c>
      <c r="CG227" s="402" t="str">
        <f t="shared" si="137"/>
        <v/>
      </c>
      <c r="CH227" s="402"/>
      <c r="CI227" s="402"/>
      <c r="CJ227" s="402"/>
      <c r="CK227" s="402"/>
      <c r="CL227" s="402"/>
      <c r="CM227" s="402"/>
      <c r="CN227" s="402"/>
      <c r="CO227" s="402"/>
      <c r="CP227" s="402"/>
      <c r="CQ227" s="402"/>
      <c r="CR227" s="402"/>
      <c r="CS227" s="402"/>
      <c r="CT227" s="402"/>
      <c r="CU227" s="402"/>
      <c r="CV227" s="402"/>
      <c r="CW227" s="402"/>
      <c r="CX227" s="402"/>
      <c r="CY227" s="402"/>
      <c r="CZ227" s="402"/>
      <c r="DA227" s="402"/>
      <c r="DB227" s="402"/>
      <c r="DC227" s="402"/>
      <c r="DD227" s="407"/>
      <c r="DE227" s="407" t="s">
        <v>586</v>
      </c>
      <c r="DF227" s="407"/>
    </row>
    <row r="228" spans="3:110" s="337" customFormat="1" ht="56.1" customHeight="1" x14ac:dyDescent="0.2">
      <c r="C228" s="368">
        <v>569</v>
      </c>
      <c r="D228" s="420" t="s">
        <v>2481</v>
      </c>
      <c r="E228" s="369" t="s">
        <v>53</v>
      </c>
      <c r="F228" s="369" t="s">
        <v>515</v>
      </c>
      <c r="G228" s="334" t="s">
        <v>623</v>
      </c>
      <c r="H228" s="334" t="s">
        <v>624</v>
      </c>
      <c r="I228" s="334" t="s">
        <v>625</v>
      </c>
      <c r="J228" s="334"/>
      <c r="K228" s="334" t="s">
        <v>333</v>
      </c>
      <c r="L228" s="334" t="s">
        <v>63</v>
      </c>
      <c r="M228" s="334" t="s">
        <v>81</v>
      </c>
      <c r="N228" s="334" t="s">
        <v>626</v>
      </c>
      <c r="O228" s="334" t="s">
        <v>225</v>
      </c>
      <c r="P228" s="334" t="s">
        <v>63</v>
      </c>
      <c r="Q228" s="334" t="s">
        <v>63</v>
      </c>
      <c r="R228" s="335">
        <v>307063.67999999999</v>
      </c>
      <c r="S228" s="335">
        <f t="shared" ref="S228:S251" si="138">R228</f>
        <v>307063.67999999999</v>
      </c>
      <c r="T228" s="334" t="s">
        <v>585</v>
      </c>
      <c r="U228" s="334" t="s">
        <v>65</v>
      </c>
      <c r="V228" s="336" t="s">
        <v>66</v>
      </c>
      <c r="W228" s="338"/>
      <c r="X228" s="338"/>
      <c r="Y228" s="338"/>
      <c r="Z228" s="338"/>
      <c r="AA228" s="338"/>
      <c r="AB228" s="338"/>
      <c r="AC228" s="338"/>
      <c r="AD228" s="338"/>
      <c r="AE228" s="338"/>
      <c r="AF228" s="338"/>
      <c r="AG228" s="338"/>
      <c r="AH228" s="338"/>
      <c r="AI228" s="338"/>
      <c r="AJ228" s="338"/>
      <c r="AK228" s="338"/>
      <c r="AL228" s="338"/>
      <c r="AM228" s="338"/>
      <c r="AN228" s="338"/>
      <c r="AO228" s="338"/>
      <c r="AP228" s="338"/>
      <c r="AQ228" s="338"/>
      <c r="AR228" s="338"/>
      <c r="AS228" s="338"/>
      <c r="AT228" s="338"/>
      <c r="AU228" s="338"/>
      <c r="AV228" s="338"/>
      <c r="AW228" s="338"/>
      <c r="AX228" s="338"/>
      <c r="AY228" s="338"/>
      <c r="AZ228" s="338"/>
      <c r="BA228" s="238">
        <f t="shared" si="106"/>
        <v>1500</v>
      </c>
      <c r="BB228" s="84">
        <f t="shared" ref="BB228:BB251" si="139">S228/BA228</f>
        <v>204.70911999999998</v>
      </c>
      <c r="BC228" s="336">
        <f t="shared" si="107"/>
        <v>307063.67999999999</v>
      </c>
      <c r="BD228" s="336" t="str">
        <f t="shared" si="108"/>
        <v/>
      </c>
      <c r="BE228" s="336" t="str">
        <f t="shared" si="109"/>
        <v/>
      </c>
      <c r="BF228" s="336" t="str">
        <f t="shared" si="110"/>
        <v/>
      </c>
      <c r="BG228" s="336" t="str">
        <f t="shared" si="111"/>
        <v/>
      </c>
      <c r="BH228" s="336" t="str">
        <f t="shared" si="112"/>
        <v/>
      </c>
      <c r="BI228" s="336" t="str">
        <f t="shared" si="113"/>
        <v/>
      </c>
      <c r="BJ228" s="336" t="str">
        <f t="shared" si="114"/>
        <v/>
      </c>
      <c r="BK228" s="336" t="str">
        <f t="shared" si="115"/>
        <v/>
      </c>
      <c r="BL228" s="336" t="str">
        <f t="shared" si="116"/>
        <v/>
      </c>
      <c r="BM228" s="336" t="str">
        <f t="shared" si="117"/>
        <v/>
      </c>
      <c r="BN228" s="336" t="str">
        <f t="shared" si="118"/>
        <v/>
      </c>
      <c r="BO228" s="336" t="str">
        <f t="shared" si="119"/>
        <v/>
      </c>
      <c r="BP228" s="336" t="str">
        <f t="shared" si="120"/>
        <v/>
      </c>
      <c r="BQ228" s="336" t="str">
        <f t="shared" si="121"/>
        <v/>
      </c>
      <c r="BR228" s="336" t="str">
        <f t="shared" si="122"/>
        <v/>
      </c>
      <c r="BS228" s="336" t="str">
        <f t="shared" si="123"/>
        <v/>
      </c>
      <c r="BT228" s="336" t="str">
        <f t="shared" si="124"/>
        <v/>
      </c>
      <c r="BU228" s="336" t="str">
        <f t="shared" si="125"/>
        <v/>
      </c>
      <c r="BV228" s="336" t="str">
        <f t="shared" si="126"/>
        <v/>
      </c>
      <c r="BW228" s="336" t="str">
        <f t="shared" si="127"/>
        <v/>
      </c>
      <c r="BX228" s="336" t="str">
        <f t="shared" si="128"/>
        <v/>
      </c>
      <c r="BY228" s="336" t="str">
        <f t="shared" si="129"/>
        <v/>
      </c>
      <c r="BZ228" s="336" t="str">
        <f t="shared" si="130"/>
        <v/>
      </c>
      <c r="CA228" s="336" t="str">
        <f t="shared" si="131"/>
        <v/>
      </c>
      <c r="CB228" s="336" t="str">
        <f t="shared" si="132"/>
        <v/>
      </c>
      <c r="CC228" s="336" t="str">
        <f t="shared" si="133"/>
        <v/>
      </c>
      <c r="CD228" s="336" t="str">
        <f t="shared" si="134"/>
        <v/>
      </c>
      <c r="CE228" s="336" t="str">
        <f t="shared" si="135"/>
        <v/>
      </c>
      <c r="CF228" s="336" t="str">
        <f t="shared" si="136"/>
        <v/>
      </c>
      <c r="CG228" s="336" t="str">
        <f t="shared" si="137"/>
        <v/>
      </c>
      <c r="CH228" s="336"/>
      <c r="CI228" s="336"/>
      <c r="CJ228" s="336"/>
      <c r="CK228" s="336"/>
      <c r="CL228" s="336"/>
      <c r="CM228" s="336"/>
      <c r="CN228" s="336"/>
      <c r="CO228" s="336"/>
      <c r="CP228" s="336"/>
      <c r="CQ228" s="336"/>
      <c r="CR228" s="336"/>
      <c r="CS228" s="336"/>
      <c r="CT228" s="336"/>
      <c r="CU228" s="336"/>
      <c r="CV228" s="336"/>
      <c r="CW228" s="336"/>
      <c r="CX228" s="336"/>
      <c r="CY228" s="336"/>
      <c r="CZ228" s="336"/>
      <c r="DA228" s="336"/>
      <c r="DB228" s="336"/>
      <c r="DC228" s="336"/>
      <c r="DD228" s="334"/>
      <c r="DE228" s="334" t="s">
        <v>627</v>
      </c>
      <c r="DF228" s="334"/>
    </row>
    <row r="229" spans="3:110" s="395" customFormat="1" ht="56.1" customHeight="1" x14ac:dyDescent="0.2">
      <c r="C229" s="420">
        <v>570</v>
      </c>
      <c r="D229" s="420" t="s">
        <v>2481</v>
      </c>
      <c r="E229" s="96" t="s">
        <v>53</v>
      </c>
      <c r="F229" s="96" t="s">
        <v>515</v>
      </c>
      <c r="G229" s="407" t="s">
        <v>623</v>
      </c>
      <c r="H229" s="407" t="s">
        <v>624</v>
      </c>
      <c r="I229" s="407" t="s">
        <v>628</v>
      </c>
      <c r="J229" s="407"/>
      <c r="K229" s="407" t="s">
        <v>629</v>
      </c>
      <c r="L229" s="407" t="s">
        <v>38</v>
      </c>
      <c r="M229" s="407" t="s">
        <v>81</v>
      </c>
      <c r="N229" s="407" t="s">
        <v>626</v>
      </c>
      <c r="O229" s="407" t="s">
        <v>339</v>
      </c>
      <c r="P229" s="407" t="s">
        <v>63</v>
      </c>
      <c r="Q229" s="407" t="s">
        <v>63</v>
      </c>
      <c r="R229" s="410">
        <v>228470</v>
      </c>
      <c r="S229" s="410">
        <f t="shared" si="138"/>
        <v>228470</v>
      </c>
      <c r="T229" s="407" t="s">
        <v>585</v>
      </c>
      <c r="U229" s="407" t="s">
        <v>65</v>
      </c>
      <c r="V229" s="408"/>
      <c r="W229" s="408"/>
      <c r="X229" s="408"/>
      <c r="Y229" s="408"/>
      <c r="Z229" s="408"/>
      <c r="AA229" s="408"/>
      <c r="AB229" s="408"/>
      <c r="AC229" s="408"/>
      <c r="AD229" s="408"/>
      <c r="AE229" s="408"/>
      <c r="AF229" s="408"/>
      <c r="AG229" s="408"/>
      <c r="AH229" s="408"/>
      <c r="AI229" s="408"/>
      <c r="AJ229" s="408"/>
      <c r="AK229" s="408"/>
      <c r="AL229" s="408"/>
      <c r="AM229" s="408"/>
      <c r="AN229" s="408"/>
      <c r="AO229" s="408"/>
      <c r="AP229" s="408"/>
      <c r="AQ229" s="402" t="s">
        <v>66</v>
      </c>
      <c r="AR229" s="408"/>
      <c r="AS229" s="408"/>
      <c r="AT229" s="408"/>
      <c r="AU229" s="408"/>
      <c r="AV229" s="408"/>
      <c r="AW229" s="408"/>
      <c r="AX229" s="408"/>
      <c r="AY229" s="408"/>
      <c r="AZ229" s="408"/>
      <c r="BA229" s="308">
        <f t="shared" si="106"/>
        <v>250</v>
      </c>
      <c r="BB229" s="309">
        <f t="shared" si="139"/>
        <v>913.88</v>
      </c>
      <c r="BC229" s="402" t="str">
        <f t="shared" si="107"/>
        <v/>
      </c>
      <c r="BD229" s="402" t="str">
        <f t="shared" si="108"/>
        <v/>
      </c>
      <c r="BE229" s="402" t="str">
        <f t="shared" si="109"/>
        <v/>
      </c>
      <c r="BF229" s="402" t="str">
        <f t="shared" si="110"/>
        <v/>
      </c>
      <c r="BG229" s="402" t="str">
        <f t="shared" si="111"/>
        <v/>
      </c>
      <c r="BH229" s="402" t="str">
        <f t="shared" si="112"/>
        <v/>
      </c>
      <c r="BI229" s="402" t="str">
        <f t="shared" si="113"/>
        <v/>
      </c>
      <c r="BJ229" s="402" t="str">
        <f t="shared" si="114"/>
        <v/>
      </c>
      <c r="BK229" s="402" t="str">
        <f t="shared" si="115"/>
        <v/>
      </c>
      <c r="BL229" s="402" t="str">
        <f t="shared" si="116"/>
        <v/>
      </c>
      <c r="BM229" s="402" t="str">
        <f t="shared" si="117"/>
        <v/>
      </c>
      <c r="BN229" s="402" t="str">
        <f t="shared" si="118"/>
        <v/>
      </c>
      <c r="BO229" s="402" t="str">
        <f t="shared" si="119"/>
        <v/>
      </c>
      <c r="BP229" s="402" t="str">
        <f t="shared" si="120"/>
        <v/>
      </c>
      <c r="BQ229" s="402" t="str">
        <f t="shared" si="121"/>
        <v/>
      </c>
      <c r="BR229" s="402" t="str">
        <f t="shared" si="122"/>
        <v/>
      </c>
      <c r="BS229" s="402" t="str">
        <f t="shared" si="123"/>
        <v/>
      </c>
      <c r="BT229" s="402" t="str">
        <f t="shared" si="124"/>
        <v/>
      </c>
      <c r="BU229" s="402" t="str">
        <f t="shared" si="125"/>
        <v/>
      </c>
      <c r="BV229" s="402" t="str">
        <f t="shared" si="126"/>
        <v/>
      </c>
      <c r="BW229" s="402" t="str">
        <f t="shared" si="127"/>
        <v/>
      </c>
      <c r="BX229" s="402">
        <f t="shared" si="128"/>
        <v>228470</v>
      </c>
      <c r="BY229" s="402" t="str">
        <f t="shared" si="129"/>
        <v/>
      </c>
      <c r="BZ229" s="402" t="str">
        <f t="shared" si="130"/>
        <v/>
      </c>
      <c r="CA229" s="402" t="str">
        <f t="shared" si="131"/>
        <v/>
      </c>
      <c r="CB229" s="402" t="str">
        <f t="shared" si="132"/>
        <v/>
      </c>
      <c r="CC229" s="402" t="str">
        <f t="shared" si="133"/>
        <v/>
      </c>
      <c r="CD229" s="402" t="str">
        <f t="shared" si="134"/>
        <v/>
      </c>
      <c r="CE229" s="402" t="str">
        <f t="shared" si="135"/>
        <v/>
      </c>
      <c r="CF229" s="402" t="str">
        <f t="shared" si="136"/>
        <v/>
      </c>
      <c r="CG229" s="402" t="str">
        <f t="shared" si="137"/>
        <v/>
      </c>
      <c r="CH229" s="402"/>
      <c r="CI229" s="402"/>
      <c r="CJ229" s="402"/>
      <c r="CK229" s="402"/>
      <c r="CL229" s="402"/>
      <c r="CM229" s="402"/>
      <c r="CN229" s="402"/>
      <c r="CO229" s="402"/>
      <c r="CP229" s="402"/>
      <c r="CQ229" s="402"/>
      <c r="CR229" s="402"/>
      <c r="CS229" s="402"/>
      <c r="CT229" s="402"/>
      <c r="CU229" s="402"/>
      <c r="CV229" s="402"/>
      <c r="CW229" s="402"/>
      <c r="CX229" s="402"/>
      <c r="CY229" s="402"/>
      <c r="CZ229" s="402"/>
      <c r="DA229" s="402"/>
      <c r="DB229" s="402"/>
      <c r="DC229" s="402"/>
      <c r="DD229" s="407"/>
      <c r="DE229" s="407"/>
      <c r="DF229" s="407"/>
    </row>
    <row r="230" spans="3:110" s="395" customFormat="1" ht="56.1" customHeight="1" x14ac:dyDescent="0.2">
      <c r="C230" s="420">
        <v>571</v>
      </c>
      <c r="D230" s="420" t="s">
        <v>2481</v>
      </c>
      <c r="E230" s="96" t="s">
        <v>53</v>
      </c>
      <c r="F230" s="96" t="s">
        <v>515</v>
      </c>
      <c r="G230" s="407" t="s">
        <v>623</v>
      </c>
      <c r="H230" s="407" t="s">
        <v>624</v>
      </c>
      <c r="I230" s="407" t="s">
        <v>630</v>
      </c>
      <c r="J230" s="407"/>
      <c r="K230" s="407" t="s">
        <v>629</v>
      </c>
      <c r="L230" s="407" t="s">
        <v>39</v>
      </c>
      <c r="M230" s="407" t="s">
        <v>81</v>
      </c>
      <c r="N230" s="407" t="s">
        <v>626</v>
      </c>
      <c r="O230" s="407" t="s">
        <v>342</v>
      </c>
      <c r="P230" s="407" t="s">
        <v>63</v>
      </c>
      <c r="Q230" s="407" t="s">
        <v>63</v>
      </c>
      <c r="R230" s="410">
        <v>365552</v>
      </c>
      <c r="S230" s="410">
        <f t="shared" si="138"/>
        <v>365552</v>
      </c>
      <c r="T230" s="407" t="s">
        <v>585</v>
      </c>
      <c r="U230" s="407" t="s">
        <v>65</v>
      </c>
      <c r="V230" s="408"/>
      <c r="W230" s="408"/>
      <c r="X230" s="408"/>
      <c r="Y230" s="408"/>
      <c r="Z230" s="408"/>
      <c r="AA230" s="408"/>
      <c r="AB230" s="408"/>
      <c r="AC230" s="408"/>
      <c r="AD230" s="408"/>
      <c r="AE230" s="408"/>
      <c r="AF230" s="408"/>
      <c r="AG230" s="408"/>
      <c r="AH230" s="408"/>
      <c r="AI230" s="408"/>
      <c r="AJ230" s="408"/>
      <c r="AK230" s="408"/>
      <c r="AL230" s="408"/>
      <c r="AM230" s="408"/>
      <c r="AN230" s="408"/>
      <c r="AO230" s="408"/>
      <c r="AP230" s="408"/>
      <c r="AQ230" s="408"/>
      <c r="AR230" s="402" t="s">
        <v>66</v>
      </c>
      <c r="AS230" s="408"/>
      <c r="AT230" s="408"/>
      <c r="AU230" s="408"/>
      <c r="AV230" s="408"/>
      <c r="AW230" s="408"/>
      <c r="AX230" s="408"/>
      <c r="AY230" s="408"/>
      <c r="AZ230" s="408"/>
      <c r="BA230" s="308">
        <f t="shared" si="106"/>
        <v>400</v>
      </c>
      <c r="BB230" s="309">
        <f t="shared" si="139"/>
        <v>913.88</v>
      </c>
      <c r="BC230" s="402" t="str">
        <f t="shared" si="107"/>
        <v/>
      </c>
      <c r="BD230" s="402" t="str">
        <f t="shared" si="108"/>
        <v/>
      </c>
      <c r="BE230" s="402" t="str">
        <f t="shared" si="109"/>
        <v/>
      </c>
      <c r="BF230" s="402" t="str">
        <f t="shared" si="110"/>
        <v/>
      </c>
      <c r="BG230" s="402" t="str">
        <f t="shared" si="111"/>
        <v/>
      </c>
      <c r="BH230" s="402" t="str">
        <f t="shared" si="112"/>
        <v/>
      </c>
      <c r="BI230" s="402" t="str">
        <f t="shared" si="113"/>
        <v/>
      </c>
      <c r="BJ230" s="402" t="str">
        <f t="shared" si="114"/>
        <v/>
      </c>
      <c r="BK230" s="402" t="str">
        <f t="shared" si="115"/>
        <v/>
      </c>
      <c r="BL230" s="402" t="str">
        <f t="shared" si="116"/>
        <v/>
      </c>
      <c r="BM230" s="402" t="str">
        <f t="shared" si="117"/>
        <v/>
      </c>
      <c r="BN230" s="402" t="str">
        <f t="shared" si="118"/>
        <v/>
      </c>
      <c r="BO230" s="402" t="str">
        <f t="shared" si="119"/>
        <v/>
      </c>
      <c r="BP230" s="402" t="str">
        <f t="shared" si="120"/>
        <v/>
      </c>
      <c r="BQ230" s="402" t="str">
        <f t="shared" si="121"/>
        <v/>
      </c>
      <c r="BR230" s="402" t="str">
        <f t="shared" si="122"/>
        <v/>
      </c>
      <c r="BS230" s="402" t="str">
        <f t="shared" si="123"/>
        <v/>
      </c>
      <c r="BT230" s="402" t="str">
        <f t="shared" si="124"/>
        <v/>
      </c>
      <c r="BU230" s="402" t="str">
        <f t="shared" si="125"/>
        <v/>
      </c>
      <c r="BV230" s="402" t="str">
        <f t="shared" si="126"/>
        <v/>
      </c>
      <c r="BW230" s="402" t="str">
        <f t="shared" si="127"/>
        <v/>
      </c>
      <c r="BX230" s="402" t="str">
        <f t="shared" si="128"/>
        <v/>
      </c>
      <c r="BY230" s="402">
        <f t="shared" si="129"/>
        <v>365552</v>
      </c>
      <c r="BZ230" s="402" t="str">
        <f t="shared" si="130"/>
        <v/>
      </c>
      <c r="CA230" s="402" t="str">
        <f t="shared" si="131"/>
        <v/>
      </c>
      <c r="CB230" s="402" t="str">
        <f t="shared" si="132"/>
        <v/>
      </c>
      <c r="CC230" s="402" t="str">
        <f t="shared" si="133"/>
        <v/>
      </c>
      <c r="CD230" s="402" t="str">
        <f t="shared" si="134"/>
        <v/>
      </c>
      <c r="CE230" s="402" t="str">
        <f t="shared" si="135"/>
        <v/>
      </c>
      <c r="CF230" s="402" t="str">
        <f t="shared" si="136"/>
        <v/>
      </c>
      <c r="CG230" s="402" t="str">
        <f t="shared" si="137"/>
        <v/>
      </c>
      <c r="CH230" s="402"/>
      <c r="CI230" s="402"/>
      <c r="CJ230" s="402"/>
      <c r="CK230" s="402"/>
      <c r="CL230" s="402"/>
      <c r="CM230" s="402"/>
      <c r="CN230" s="402"/>
      <c r="CO230" s="402"/>
      <c r="CP230" s="402"/>
      <c r="CQ230" s="402"/>
      <c r="CR230" s="402"/>
      <c r="CS230" s="402"/>
      <c r="CT230" s="402"/>
      <c r="CU230" s="402"/>
      <c r="CV230" s="402"/>
      <c r="CW230" s="402"/>
      <c r="CX230" s="402"/>
      <c r="CY230" s="402"/>
      <c r="CZ230" s="402"/>
      <c r="DA230" s="402"/>
      <c r="DB230" s="402"/>
      <c r="DC230" s="402"/>
      <c r="DD230" s="407"/>
      <c r="DE230" s="407"/>
      <c r="DF230" s="407"/>
    </row>
    <row r="231" spans="3:110" s="395" customFormat="1" ht="56.1" customHeight="1" x14ac:dyDescent="0.2">
      <c r="C231" s="420">
        <v>572</v>
      </c>
      <c r="D231" s="420" t="s">
        <v>2481</v>
      </c>
      <c r="E231" s="96" t="s">
        <v>53</v>
      </c>
      <c r="F231" s="96" t="s">
        <v>515</v>
      </c>
      <c r="G231" s="407" t="s">
        <v>623</v>
      </c>
      <c r="H231" s="407" t="s">
        <v>624</v>
      </c>
      <c r="I231" s="407" t="s">
        <v>628</v>
      </c>
      <c r="J231" s="407"/>
      <c r="K231" s="407" t="s">
        <v>629</v>
      </c>
      <c r="L231" s="407" t="s">
        <v>260</v>
      </c>
      <c r="M231" s="407" t="s">
        <v>81</v>
      </c>
      <c r="N231" s="407" t="s">
        <v>626</v>
      </c>
      <c r="O231" s="407" t="s">
        <v>169</v>
      </c>
      <c r="P231" s="407" t="s">
        <v>63</v>
      </c>
      <c r="Q231" s="407" t="s">
        <v>63</v>
      </c>
      <c r="R231" s="410">
        <v>1279432</v>
      </c>
      <c r="S231" s="410">
        <f t="shared" si="138"/>
        <v>1279432</v>
      </c>
      <c r="T231" s="407" t="s">
        <v>585</v>
      </c>
      <c r="U231" s="407" t="s">
        <v>65</v>
      </c>
      <c r="V231" s="408"/>
      <c r="W231" s="408"/>
      <c r="X231" s="408"/>
      <c r="Y231" s="408"/>
      <c r="Z231" s="408"/>
      <c r="AA231" s="408"/>
      <c r="AB231" s="408"/>
      <c r="AC231" s="408"/>
      <c r="AD231" s="408"/>
      <c r="AE231" s="408"/>
      <c r="AF231" s="408"/>
      <c r="AG231" s="408"/>
      <c r="AH231" s="408"/>
      <c r="AI231" s="408"/>
      <c r="AJ231" s="408"/>
      <c r="AK231" s="408"/>
      <c r="AL231" s="408"/>
      <c r="AM231" s="408"/>
      <c r="AN231" s="408"/>
      <c r="AO231" s="408"/>
      <c r="AP231" s="408"/>
      <c r="AQ231" s="408"/>
      <c r="AR231" s="408"/>
      <c r="AS231" s="402" t="s">
        <v>66</v>
      </c>
      <c r="AT231" s="408"/>
      <c r="AU231" s="408"/>
      <c r="AV231" s="408"/>
      <c r="AW231" s="408"/>
      <c r="AX231" s="408"/>
      <c r="AY231" s="408"/>
      <c r="AZ231" s="408"/>
      <c r="BA231" s="308">
        <f t="shared" si="106"/>
        <v>1400</v>
      </c>
      <c r="BB231" s="309">
        <f t="shared" si="139"/>
        <v>913.88</v>
      </c>
      <c r="BC231" s="402" t="str">
        <f t="shared" si="107"/>
        <v/>
      </c>
      <c r="BD231" s="402" t="str">
        <f t="shared" si="108"/>
        <v/>
      </c>
      <c r="BE231" s="402" t="str">
        <f t="shared" si="109"/>
        <v/>
      </c>
      <c r="BF231" s="402" t="str">
        <f t="shared" si="110"/>
        <v/>
      </c>
      <c r="BG231" s="402" t="str">
        <f t="shared" si="111"/>
        <v/>
      </c>
      <c r="BH231" s="402" t="str">
        <f t="shared" si="112"/>
        <v/>
      </c>
      <c r="BI231" s="402" t="str">
        <f t="shared" si="113"/>
        <v/>
      </c>
      <c r="BJ231" s="402" t="str">
        <f t="shared" si="114"/>
        <v/>
      </c>
      <c r="BK231" s="402" t="str">
        <f t="shared" si="115"/>
        <v/>
      </c>
      <c r="BL231" s="402" t="str">
        <f t="shared" si="116"/>
        <v/>
      </c>
      <c r="BM231" s="402" t="str">
        <f t="shared" si="117"/>
        <v/>
      </c>
      <c r="BN231" s="402" t="str">
        <f t="shared" si="118"/>
        <v/>
      </c>
      <c r="BO231" s="402" t="str">
        <f t="shared" si="119"/>
        <v/>
      </c>
      <c r="BP231" s="402" t="str">
        <f t="shared" si="120"/>
        <v/>
      </c>
      <c r="BQ231" s="402" t="str">
        <f t="shared" si="121"/>
        <v/>
      </c>
      <c r="BR231" s="402" t="str">
        <f t="shared" si="122"/>
        <v/>
      </c>
      <c r="BS231" s="402" t="str">
        <f t="shared" si="123"/>
        <v/>
      </c>
      <c r="BT231" s="402" t="str">
        <f t="shared" si="124"/>
        <v/>
      </c>
      <c r="BU231" s="402" t="str">
        <f t="shared" si="125"/>
        <v/>
      </c>
      <c r="BV231" s="402" t="str">
        <f t="shared" si="126"/>
        <v/>
      </c>
      <c r="BW231" s="402" t="str">
        <f t="shared" si="127"/>
        <v/>
      </c>
      <c r="BX231" s="402" t="str">
        <f t="shared" si="128"/>
        <v/>
      </c>
      <c r="BY231" s="402" t="str">
        <f t="shared" si="129"/>
        <v/>
      </c>
      <c r="BZ231" s="402">
        <f t="shared" si="130"/>
        <v>1279432</v>
      </c>
      <c r="CA231" s="402" t="str">
        <f t="shared" si="131"/>
        <v/>
      </c>
      <c r="CB231" s="402" t="str">
        <f t="shared" si="132"/>
        <v/>
      </c>
      <c r="CC231" s="402" t="str">
        <f t="shared" si="133"/>
        <v/>
      </c>
      <c r="CD231" s="402" t="str">
        <f t="shared" si="134"/>
        <v/>
      </c>
      <c r="CE231" s="402" t="str">
        <f t="shared" si="135"/>
        <v/>
      </c>
      <c r="CF231" s="402" t="str">
        <f t="shared" si="136"/>
        <v/>
      </c>
      <c r="CG231" s="402" t="str">
        <f t="shared" si="137"/>
        <v/>
      </c>
      <c r="CH231" s="402"/>
      <c r="CI231" s="402"/>
      <c r="CJ231" s="402"/>
      <c r="CK231" s="402"/>
      <c r="CL231" s="402"/>
      <c r="CM231" s="402"/>
      <c r="CN231" s="402"/>
      <c r="CO231" s="402"/>
      <c r="CP231" s="402"/>
      <c r="CQ231" s="402"/>
      <c r="CR231" s="402"/>
      <c r="CS231" s="402"/>
      <c r="CT231" s="402"/>
      <c r="CU231" s="402"/>
      <c r="CV231" s="402"/>
      <c r="CW231" s="402"/>
      <c r="CX231" s="402"/>
      <c r="CY231" s="402"/>
      <c r="CZ231" s="402"/>
      <c r="DA231" s="402"/>
      <c r="DB231" s="402"/>
      <c r="DC231" s="402"/>
      <c r="DD231" s="407"/>
      <c r="DE231" s="407"/>
      <c r="DF231" s="407"/>
    </row>
    <row r="232" spans="3:110" s="395" customFormat="1" ht="56.1" customHeight="1" x14ac:dyDescent="0.2">
      <c r="C232" s="420">
        <v>573</v>
      </c>
      <c r="D232" s="420" t="s">
        <v>2481</v>
      </c>
      <c r="E232" s="96" t="s">
        <v>53</v>
      </c>
      <c r="F232" s="96" t="s">
        <v>515</v>
      </c>
      <c r="G232" s="407" t="s">
        <v>623</v>
      </c>
      <c r="H232" s="407" t="s">
        <v>624</v>
      </c>
      <c r="I232" s="407" t="s">
        <v>631</v>
      </c>
      <c r="J232" s="407"/>
      <c r="K232" s="407" t="s">
        <v>629</v>
      </c>
      <c r="L232" s="407" t="s">
        <v>310</v>
      </c>
      <c r="M232" s="407" t="s">
        <v>81</v>
      </c>
      <c r="N232" s="407" t="s">
        <v>626</v>
      </c>
      <c r="O232" s="407" t="s">
        <v>225</v>
      </c>
      <c r="P232" s="407" t="s">
        <v>63</v>
      </c>
      <c r="Q232" s="407" t="s">
        <v>63</v>
      </c>
      <c r="R232" s="410">
        <v>183690</v>
      </c>
      <c r="S232" s="410">
        <f t="shared" si="138"/>
        <v>183690</v>
      </c>
      <c r="T232" s="407" t="s">
        <v>585</v>
      </c>
      <c r="U232" s="407" t="s">
        <v>65</v>
      </c>
      <c r="V232" s="408"/>
      <c r="W232" s="408"/>
      <c r="X232" s="408"/>
      <c r="Y232" s="408"/>
      <c r="Z232" s="408"/>
      <c r="AA232" s="408"/>
      <c r="AB232" s="408"/>
      <c r="AC232" s="408"/>
      <c r="AD232" s="408"/>
      <c r="AE232" s="408"/>
      <c r="AF232" s="408"/>
      <c r="AG232" s="408"/>
      <c r="AH232" s="408"/>
      <c r="AI232" s="408"/>
      <c r="AJ232" s="408"/>
      <c r="AK232" s="408"/>
      <c r="AL232" s="408"/>
      <c r="AM232" s="408"/>
      <c r="AN232" s="408"/>
      <c r="AO232" s="408"/>
      <c r="AP232" s="408"/>
      <c r="AQ232" s="408"/>
      <c r="AR232" s="408"/>
      <c r="AS232" s="408"/>
      <c r="AT232" s="402" t="s">
        <v>66</v>
      </c>
      <c r="AU232" s="408"/>
      <c r="AV232" s="408"/>
      <c r="AW232" s="408"/>
      <c r="AX232" s="408"/>
      <c r="AY232" s="408"/>
      <c r="AZ232" s="408"/>
      <c r="BA232" s="308">
        <f t="shared" si="106"/>
        <v>201</v>
      </c>
      <c r="BB232" s="309">
        <f t="shared" si="139"/>
        <v>913.88059701492534</v>
      </c>
      <c r="BC232" s="402" t="str">
        <f t="shared" si="107"/>
        <v/>
      </c>
      <c r="BD232" s="402" t="str">
        <f t="shared" si="108"/>
        <v/>
      </c>
      <c r="BE232" s="402" t="str">
        <f t="shared" si="109"/>
        <v/>
      </c>
      <c r="BF232" s="402" t="str">
        <f t="shared" si="110"/>
        <v/>
      </c>
      <c r="BG232" s="402" t="str">
        <f t="shared" si="111"/>
        <v/>
      </c>
      <c r="BH232" s="402" t="str">
        <f t="shared" si="112"/>
        <v/>
      </c>
      <c r="BI232" s="402" t="str">
        <f t="shared" si="113"/>
        <v/>
      </c>
      <c r="BJ232" s="402" t="str">
        <f t="shared" si="114"/>
        <v/>
      </c>
      <c r="BK232" s="402" t="str">
        <f t="shared" si="115"/>
        <v/>
      </c>
      <c r="BL232" s="402" t="str">
        <f t="shared" si="116"/>
        <v/>
      </c>
      <c r="BM232" s="402" t="str">
        <f t="shared" si="117"/>
        <v/>
      </c>
      <c r="BN232" s="402" t="str">
        <f t="shared" si="118"/>
        <v/>
      </c>
      <c r="BO232" s="402" t="str">
        <f t="shared" si="119"/>
        <v/>
      </c>
      <c r="BP232" s="402" t="str">
        <f t="shared" si="120"/>
        <v/>
      </c>
      <c r="BQ232" s="402" t="str">
        <f t="shared" si="121"/>
        <v/>
      </c>
      <c r="BR232" s="402" t="str">
        <f t="shared" si="122"/>
        <v/>
      </c>
      <c r="BS232" s="402" t="str">
        <f t="shared" si="123"/>
        <v/>
      </c>
      <c r="BT232" s="402" t="str">
        <f t="shared" si="124"/>
        <v/>
      </c>
      <c r="BU232" s="402" t="str">
        <f t="shared" si="125"/>
        <v/>
      </c>
      <c r="BV232" s="402" t="str">
        <f t="shared" si="126"/>
        <v/>
      </c>
      <c r="BW232" s="402" t="str">
        <f t="shared" si="127"/>
        <v/>
      </c>
      <c r="BX232" s="402" t="str">
        <f t="shared" si="128"/>
        <v/>
      </c>
      <c r="BY232" s="402" t="str">
        <f t="shared" si="129"/>
        <v/>
      </c>
      <c r="BZ232" s="402" t="str">
        <f t="shared" si="130"/>
        <v/>
      </c>
      <c r="CA232" s="402">
        <f t="shared" si="131"/>
        <v>183690</v>
      </c>
      <c r="CB232" s="402" t="str">
        <f t="shared" si="132"/>
        <v/>
      </c>
      <c r="CC232" s="402" t="str">
        <f t="shared" si="133"/>
        <v/>
      </c>
      <c r="CD232" s="402" t="str">
        <f t="shared" si="134"/>
        <v/>
      </c>
      <c r="CE232" s="402" t="str">
        <f t="shared" si="135"/>
        <v/>
      </c>
      <c r="CF232" s="402" t="str">
        <f t="shared" si="136"/>
        <v/>
      </c>
      <c r="CG232" s="402" t="str">
        <f t="shared" si="137"/>
        <v/>
      </c>
      <c r="CH232" s="402"/>
      <c r="CI232" s="402"/>
      <c r="CJ232" s="402"/>
      <c r="CK232" s="402"/>
      <c r="CL232" s="402"/>
      <c r="CM232" s="402"/>
      <c r="CN232" s="402"/>
      <c r="CO232" s="402"/>
      <c r="CP232" s="402"/>
      <c r="CQ232" s="402"/>
      <c r="CR232" s="402"/>
      <c r="CS232" s="402"/>
      <c r="CT232" s="402"/>
      <c r="CU232" s="402"/>
      <c r="CV232" s="402"/>
      <c r="CW232" s="402"/>
      <c r="CX232" s="402"/>
      <c r="CY232" s="402"/>
      <c r="CZ232" s="402"/>
      <c r="DA232" s="402"/>
      <c r="DB232" s="402"/>
      <c r="DC232" s="402"/>
      <c r="DD232" s="407"/>
      <c r="DE232" s="407"/>
      <c r="DF232" s="407"/>
    </row>
    <row r="233" spans="3:110" s="395" customFormat="1" ht="56.1" customHeight="1" x14ac:dyDescent="0.2">
      <c r="C233" s="420">
        <v>574</v>
      </c>
      <c r="D233" s="420" t="s">
        <v>2481</v>
      </c>
      <c r="E233" s="96" t="s">
        <v>53</v>
      </c>
      <c r="F233" s="96" t="s">
        <v>515</v>
      </c>
      <c r="G233" s="407" t="s">
        <v>623</v>
      </c>
      <c r="H233" s="407" t="s">
        <v>624</v>
      </c>
      <c r="I233" s="407" t="s">
        <v>632</v>
      </c>
      <c r="J233" s="407"/>
      <c r="K233" s="407" t="s">
        <v>86</v>
      </c>
      <c r="L233" s="407" t="s">
        <v>87</v>
      </c>
      <c r="M233" s="407" t="s">
        <v>81</v>
      </c>
      <c r="N233" s="407" t="s">
        <v>626</v>
      </c>
      <c r="O233" s="407" t="s">
        <v>184</v>
      </c>
      <c r="P233" s="407" t="s">
        <v>63</v>
      </c>
      <c r="Q233" s="407" t="s">
        <v>63</v>
      </c>
      <c r="R233" s="410">
        <v>707831</v>
      </c>
      <c r="S233" s="410">
        <f t="shared" si="138"/>
        <v>707831</v>
      </c>
      <c r="T233" s="407" t="s">
        <v>585</v>
      </c>
      <c r="U233" s="407" t="s">
        <v>65</v>
      </c>
      <c r="V233" s="408"/>
      <c r="W233" s="408"/>
      <c r="X233" s="408"/>
      <c r="Y233" s="408"/>
      <c r="Z233" s="408"/>
      <c r="AA233" s="408"/>
      <c r="AB233" s="408"/>
      <c r="AC233" s="408"/>
      <c r="AD233" s="408"/>
      <c r="AE233" s="408"/>
      <c r="AF233" s="408"/>
      <c r="AG233" s="408"/>
      <c r="AH233" s="408"/>
      <c r="AI233" s="408"/>
      <c r="AJ233" s="408"/>
      <c r="AK233" s="408"/>
      <c r="AL233" s="408"/>
      <c r="AM233" s="402" t="s">
        <v>66</v>
      </c>
      <c r="AN233" s="408"/>
      <c r="AO233" s="408"/>
      <c r="AP233" s="408"/>
      <c r="AQ233" s="408"/>
      <c r="AR233" s="408"/>
      <c r="AS233" s="408"/>
      <c r="AT233" s="408"/>
      <c r="AU233" s="408"/>
      <c r="AV233" s="408"/>
      <c r="AW233" s="408"/>
      <c r="AX233" s="408"/>
      <c r="AY233" s="408"/>
      <c r="AZ233" s="408"/>
      <c r="BA233" s="308">
        <f t="shared" si="106"/>
        <v>775</v>
      </c>
      <c r="BB233" s="309">
        <f t="shared" si="139"/>
        <v>913.3303225806452</v>
      </c>
      <c r="BC233" s="402" t="str">
        <f t="shared" si="107"/>
        <v/>
      </c>
      <c r="BD233" s="402" t="str">
        <f t="shared" si="108"/>
        <v/>
      </c>
      <c r="BE233" s="402" t="str">
        <f t="shared" si="109"/>
        <v/>
      </c>
      <c r="BF233" s="402" t="str">
        <f t="shared" si="110"/>
        <v/>
      </c>
      <c r="BG233" s="402" t="str">
        <f t="shared" si="111"/>
        <v/>
      </c>
      <c r="BH233" s="402" t="str">
        <f t="shared" si="112"/>
        <v/>
      </c>
      <c r="BI233" s="402" t="str">
        <f t="shared" si="113"/>
        <v/>
      </c>
      <c r="BJ233" s="402" t="str">
        <f t="shared" si="114"/>
        <v/>
      </c>
      <c r="BK233" s="402" t="str">
        <f t="shared" si="115"/>
        <v/>
      </c>
      <c r="BL233" s="402" t="str">
        <f t="shared" si="116"/>
        <v/>
      </c>
      <c r="BM233" s="402" t="str">
        <f t="shared" si="117"/>
        <v/>
      </c>
      <c r="BN233" s="402" t="str">
        <f t="shared" si="118"/>
        <v/>
      </c>
      <c r="BO233" s="402" t="str">
        <f t="shared" si="119"/>
        <v/>
      </c>
      <c r="BP233" s="402" t="str">
        <f t="shared" si="120"/>
        <v/>
      </c>
      <c r="BQ233" s="402" t="str">
        <f t="shared" si="121"/>
        <v/>
      </c>
      <c r="BR233" s="402" t="str">
        <f t="shared" si="122"/>
        <v/>
      </c>
      <c r="BS233" s="402" t="str">
        <f t="shared" si="123"/>
        <v/>
      </c>
      <c r="BT233" s="402">
        <f t="shared" si="124"/>
        <v>707831</v>
      </c>
      <c r="BU233" s="402" t="str">
        <f t="shared" si="125"/>
        <v/>
      </c>
      <c r="BV233" s="402" t="str">
        <f t="shared" si="126"/>
        <v/>
      </c>
      <c r="BW233" s="402" t="str">
        <f t="shared" si="127"/>
        <v/>
      </c>
      <c r="BX233" s="402" t="str">
        <f t="shared" si="128"/>
        <v/>
      </c>
      <c r="BY233" s="402" t="str">
        <f t="shared" si="129"/>
        <v/>
      </c>
      <c r="BZ233" s="402" t="str">
        <f t="shared" si="130"/>
        <v/>
      </c>
      <c r="CA233" s="402" t="str">
        <f t="shared" si="131"/>
        <v/>
      </c>
      <c r="CB233" s="402" t="str">
        <f t="shared" si="132"/>
        <v/>
      </c>
      <c r="CC233" s="402" t="str">
        <f t="shared" si="133"/>
        <v/>
      </c>
      <c r="CD233" s="402" t="str">
        <f t="shared" si="134"/>
        <v/>
      </c>
      <c r="CE233" s="402" t="str">
        <f t="shared" si="135"/>
        <v/>
      </c>
      <c r="CF233" s="402" t="str">
        <f t="shared" si="136"/>
        <v/>
      </c>
      <c r="CG233" s="402" t="str">
        <f t="shared" si="137"/>
        <v/>
      </c>
      <c r="CH233" s="402"/>
      <c r="CI233" s="402"/>
      <c r="CJ233" s="402"/>
      <c r="CK233" s="402"/>
      <c r="CL233" s="402"/>
      <c r="CM233" s="402"/>
      <c r="CN233" s="402"/>
      <c r="CO233" s="402"/>
      <c r="CP233" s="402"/>
      <c r="CQ233" s="402"/>
      <c r="CR233" s="402"/>
      <c r="CS233" s="402"/>
      <c r="CT233" s="402"/>
      <c r="CU233" s="402"/>
      <c r="CV233" s="402"/>
      <c r="CW233" s="402"/>
      <c r="CX233" s="402"/>
      <c r="CY233" s="402"/>
      <c r="CZ233" s="402"/>
      <c r="DA233" s="402"/>
      <c r="DB233" s="402"/>
      <c r="DC233" s="402"/>
      <c r="DD233" s="407"/>
      <c r="DE233" s="407"/>
      <c r="DF233" s="407"/>
    </row>
    <row r="234" spans="3:110" s="395" customFormat="1" ht="56.1" customHeight="1" x14ac:dyDescent="0.2">
      <c r="C234" s="420">
        <v>575</v>
      </c>
      <c r="D234" s="420" t="s">
        <v>2481</v>
      </c>
      <c r="E234" s="96" t="s">
        <v>53</v>
      </c>
      <c r="F234" s="96" t="s">
        <v>515</v>
      </c>
      <c r="G234" s="407" t="s">
        <v>623</v>
      </c>
      <c r="H234" s="407" t="s">
        <v>624</v>
      </c>
      <c r="I234" s="407" t="s">
        <v>633</v>
      </c>
      <c r="J234" s="407"/>
      <c r="K234" s="407" t="s">
        <v>86</v>
      </c>
      <c r="L234" s="407" t="s">
        <v>36</v>
      </c>
      <c r="M234" s="407" t="s">
        <v>81</v>
      </c>
      <c r="N234" s="407" t="s">
        <v>626</v>
      </c>
      <c r="O234" s="407" t="s">
        <v>408</v>
      </c>
      <c r="P234" s="407" t="s">
        <v>63</v>
      </c>
      <c r="Q234" s="407" t="s">
        <v>63</v>
      </c>
      <c r="R234" s="410">
        <v>91333</v>
      </c>
      <c r="S234" s="410">
        <f t="shared" si="138"/>
        <v>91333</v>
      </c>
      <c r="T234" s="407" t="s">
        <v>585</v>
      </c>
      <c r="U234" s="407" t="s">
        <v>65</v>
      </c>
      <c r="V234" s="408"/>
      <c r="W234" s="408"/>
      <c r="X234" s="408"/>
      <c r="Y234" s="408"/>
      <c r="Z234" s="408"/>
      <c r="AA234" s="408"/>
      <c r="AB234" s="408"/>
      <c r="AC234" s="408"/>
      <c r="AD234" s="408"/>
      <c r="AE234" s="408"/>
      <c r="AF234" s="408"/>
      <c r="AG234" s="408"/>
      <c r="AH234" s="408"/>
      <c r="AI234" s="408"/>
      <c r="AJ234" s="408"/>
      <c r="AK234" s="408"/>
      <c r="AL234" s="408"/>
      <c r="AM234" s="408"/>
      <c r="AN234" s="408"/>
      <c r="AO234" s="402" t="s">
        <v>66</v>
      </c>
      <c r="AP234" s="408"/>
      <c r="AQ234" s="408"/>
      <c r="AR234" s="408"/>
      <c r="AS234" s="408"/>
      <c r="AT234" s="408"/>
      <c r="AU234" s="408"/>
      <c r="AV234" s="408"/>
      <c r="AW234" s="408"/>
      <c r="AX234" s="408"/>
      <c r="AY234" s="408"/>
      <c r="AZ234" s="408"/>
      <c r="BA234" s="308">
        <f t="shared" si="106"/>
        <v>100</v>
      </c>
      <c r="BB234" s="309">
        <f t="shared" si="139"/>
        <v>913.33</v>
      </c>
      <c r="BC234" s="402" t="str">
        <f t="shared" si="107"/>
        <v/>
      </c>
      <c r="BD234" s="402" t="str">
        <f t="shared" si="108"/>
        <v/>
      </c>
      <c r="BE234" s="402" t="str">
        <f t="shared" si="109"/>
        <v/>
      </c>
      <c r="BF234" s="402" t="str">
        <f t="shared" si="110"/>
        <v/>
      </c>
      <c r="BG234" s="402" t="str">
        <f t="shared" si="111"/>
        <v/>
      </c>
      <c r="BH234" s="402" t="str">
        <f t="shared" si="112"/>
        <v/>
      </c>
      <c r="BI234" s="402" t="str">
        <f t="shared" si="113"/>
        <v/>
      </c>
      <c r="BJ234" s="402" t="str">
        <f t="shared" si="114"/>
        <v/>
      </c>
      <c r="BK234" s="402" t="str">
        <f t="shared" si="115"/>
        <v/>
      </c>
      <c r="BL234" s="402" t="str">
        <f t="shared" si="116"/>
        <v/>
      </c>
      <c r="BM234" s="402" t="str">
        <f t="shared" si="117"/>
        <v/>
      </c>
      <c r="BN234" s="402" t="str">
        <f t="shared" si="118"/>
        <v/>
      </c>
      <c r="BO234" s="402" t="str">
        <f t="shared" si="119"/>
        <v/>
      </c>
      <c r="BP234" s="402" t="str">
        <f t="shared" si="120"/>
        <v/>
      </c>
      <c r="BQ234" s="402" t="str">
        <f t="shared" si="121"/>
        <v/>
      </c>
      <c r="BR234" s="402" t="str">
        <f t="shared" si="122"/>
        <v/>
      </c>
      <c r="BS234" s="402" t="str">
        <f t="shared" si="123"/>
        <v/>
      </c>
      <c r="BT234" s="402" t="str">
        <f t="shared" si="124"/>
        <v/>
      </c>
      <c r="BU234" s="402" t="str">
        <f t="shared" si="125"/>
        <v/>
      </c>
      <c r="BV234" s="402">
        <f t="shared" si="126"/>
        <v>91333</v>
      </c>
      <c r="BW234" s="402" t="str">
        <f t="shared" si="127"/>
        <v/>
      </c>
      <c r="BX234" s="402" t="str">
        <f t="shared" si="128"/>
        <v/>
      </c>
      <c r="BY234" s="402" t="str">
        <f t="shared" si="129"/>
        <v/>
      </c>
      <c r="BZ234" s="402" t="str">
        <f t="shared" si="130"/>
        <v/>
      </c>
      <c r="CA234" s="402" t="str">
        <f t="shared" si="131"/>
        <v/>
      </c>
      <c r="CB234" s="402" t="str">
        <f t="shared" si="132"/>
        <v/>
      </c>
      <c r="CC234" s="402" t="str">
        <f t="shared" si="133"/>
        <v/>
      </c>
      <c r="CD234" s="402" t="str">
        <f t="shared" si="134"/>
        <v/>
      </c>
      <c r="CE234" s="402" t="str">
        <f t="shared" si="135"/>
        <v/>
      </c>
      <c r="CF234" s="402" t="str">
        <f t="shared" si="136"/>
        <v/>
      </c>
      <c r="CG234" s="402" t="str">
        <f t="shared" si="137"/>
        <v/>
      </c>
      <c r="CH234" s="402"/>
      <c r="CI234" s="402"/>
      <c r="CJ234" s="402"/>
      <c r="CK234" s="402"/>
      <c r="CL234" s="402"/>
      <c r="CM234" s="402"/>
      <c r="CN234" s="402"/>
      <c r="CO234" s="402"/>
      <c r="CP234" s="402"/>
      <c r="CQ234" s="402"/>
      <c r="CR234" s="402"/>
      <c r="CS234" s="402"/>
      <c r="CT234" s="402"/>
      <c r="CU234" s="402"/>
      <c r="CV234" s="402"/>
      <c r="CW234" s="402"/>
      <c r="CX234" s="402"/>
      <c r="CY234" s="402"/>
      <c r="CZ234" s="402"/>
      <c r="DA234" s="402"/>
      <c r="DB234" s="402"/>
      <c r="DC234" s="402"/>
      <c r="DD234" s="407"/>
      <c r="DE234" s="407"/>
      <c r="DF234" s="407"/>
    </row>
    <row r="235" spans="3:110" s="395" customFormat="1" ht="56.1" customHeight="1" x14ac:dyDescent="0.2">
      <c r="C235" s="420">
        <v>576</v>
      </c>
      <c r="D235" s="420" t="s">
        <v>2481</v>
      </c>
      <c r="E235" s="96" t="s">
        <v>53</v>
      </c>
      <c r="F235" s="96" t="s">
        <v>515</v>
      </c>
      <c r="G235" s="407" t="s">
        <v>623</v>
      </c>
      <c r="H235" s="407" t="s">
        <v>624</v>
      </c>
      <c r="I235" s="407" t="s">
        <v>634</v>
      </c>
      <c r="J235" s="407"/>
      <c r="K235" s="407" t="s">
        <v>86</v>
      </c>
      <c r="L235" s="407" t="s">
        <v>35</v>
      </c>
      <c r="M235" s="407" t="s">
        <v>81</v>
      </c>
      <c r="N235" s="407" t="s">
        <v>626</v>
      </c>
      <c r="O235" s="407" t="s">
        <v>357</v>
      </c>
      <c r="P235" s="407" t="s">
        <v>63</v>
      </c>
      <c r="Q235" s="407" t="s">
        <v>63</v>
      </c>
      <c r="R235" s="410">
        <v>91333</v>
      </c>
      <c r="S235" s="410">
        <f t="shared" si="138"/>
        <v>91333</v>
      </c>
      <c r="T235" s="407" t="s">
        <v>585</v>
      </c>
      <c r="U235" s="407" t="s">
        <v>65</v>
      </c>
      <c r="V235" s="408"/>
      <c r="W235" s="408"/>
      <c r="X235" s="408"/>
      <c r="Y235" s="408"/>
      <c r="Z235" s="408"/>
      <c r="AA235" s="408"/>
      <c r="AB235" s="408"/>
      <c r="AC235" s="408"/>
      <c r="AD235" s="408"/>
      <c r="AE235" s="408"/>
      <c r="AF235" s="408"/>
      <c r="AG235" s="408"/>
      <c r="AH235" s="408"/>
      <c r="AI235" s="408"/>
      <c r="AJ235" s="408"/>
      <c r="AK235" s="408"/>
      <c r="AL235" s="408"/>
      <c r="AM235" s="408"/>
      <c r="AN235" s="402" t="s">
        <v>66</v>
      </c>
      <c r="AO235" s="408"/>
      <c r="AP235" s="408"/>
      <c r="AQ235" s="408"/>
      <c r="AR235" s="408"/>
      <c r="AS235" s="408"/>
      <c r="AT235" s="408"/>
      <c r="AU235" s="408"/>
      <c r="AV235" s="408"/>
      <c r="AW235" s="408"/>
      <c r="AX235" s="408"/>
      <c r="AY235" s="408"/>
      <c r="AZ235" s="408"/>
      <c r="BA235" s="308">
        <f t="shared" si="106"/>
        <v>100</v>
      </c>
      <c r="BB235" s="309">
        <f t="shared" si="139"/>
        <v>913.33</v>
      </c>
      <c r="BC235" s="402" t="str">
        <f t="shared" si="107"/>
        <v/>
      </c>
      <c r="BD235" s="402" t="str">
        <f t="shared" si="108"/>
        <v/>
      </c>
      <c r="BE235" s="402" t="str">
        <f t="shared" si="109"/>
        <v/>
      </c>
      <c r="BF235" s="402" t="str">
        <f t="shared" si="110"/>
        <v/>
      </c>
      <c r="BG235" s="402" t="str">
        <f t="shared" si="111"/>
        <v/>
      </c>
      <c r="BH235" s="402" t="str">
        <f t="shared" si="112"/>
        <v/>
      </c>
      <c r="BI235" s="402" t="str">
        <f t="shared" si="113"/>
        <v/>
      </c>
      <c r="BJ235" s="402" t="str">
        <f t="shared" si="114"/>
        <v/>
      </c>
      <c r="BK235" s="402" t="str">
        <f t="shared" si="115"/>
        <v/>
      </c>
      <c r="BL235" s="402" t="str">
        <f t="shared" si="116"/>
        <v/>
      </c>
      <c r="BM235" s="402" t="str">
        <f t="shared" si="117"/>
        <v/>
      </c>
      <c r="BN235" s="402" t="str">
        <f t="shared" si="118"/>
        <v/>
      </c>
      <c r="BO235" s="402" t="str">
        <f t="shared" si="119"/>
        <v/>
      </c>
      <c r="BP235" s="402" t="str">
        <f t="shared" si="120"/>
        <v/>
      </c>
      <c r="BQ235" s="402" t="str">
        <f t="shared" si="121"/>
        <v/>
      </c>
      <c r="BR235" s="402" t="str">
        <f t="shared" si="122"/>
        <v/>
      </c>
      <c r="BS235" s="402" t="str">
        <f t="shared" si="123"/>
        <v/>
      </c>
      <c r="BT235" s="402" t="str">
        <f t="shared" si="124"/>
        <v/>
      </c>
      <c r="BU235" s="402">
        <f t="shared" si="125"/>
        <v>91333</v>
      </c>
      <c r="BV235" s="402" t="str">
        <f t="shared" si="126"/>
        <v/>
      </c>
      <c r="BW235" s="402" t="str">
        <f t="shared" si="127"/>
        <v/>
      </c>
      <c r="BX235" s="402" t="str">
        <f t="shared" si="128"/>
        <v/>
      </c>
      <c r="BY235" s="402" t="str">
        <f t="shared" si="129"/>
        <v/>
      </c>
      <c r="BZ235" s="402" t="str">
        <f t="shared" si="130"/>
        <v/>
      </c>
      <c r="CA235" s="402" t="str">
        <f t="shared" si="131"/>
        <v/>
      </c>
      <c r="CB235" s="402" t="str">
        <f t="shared" si="132"/>
        <v/>
      </c>
      <c r="CC235" s="402" t="str">
        <f t="shared" si="133"/>
        <v/>
      </c>
      <c r="CD235" s="402" t="str">
        <f t="shared" si="134"/>
        <v/>
      </c>
      <c r="CE235" s="402" t="str">
        <f t="shared" si="135"/>
        <v/>
      </c>
      <c r="CF235" s="402" t="str">
        <f t="shared" si="136"/>
        <v/>
      </c>
      <c r="CG235" s="402" t="str">
        <f t="shared" si="137"/>
        <v/>
      </c>
      <c r="CH235" s="402"/>
      <c r="CI235" s="402"/>
      <c r="CJ235" s="402"/>
      <c r="CK235" s="402"/>
      <c r="CL235" s="402"/>
      <c r="CM235" s="402"/>
      <c r="CN235" s="402"/>
      <c r="CO235" s="402"/>
      <c r="CP235" s="402"/>
      <c r="CQ235" s="402"/>
      <c r="CR235" s="402"/>
      <c r="CS235" s="402"/>
      <c r="CT235" s="402"/>
      <c r="CU235" s="402"/>
      <c r="CV235" s="402"/>
      <c r="CW235" s="402"/>
      <c r="CX235" s="402"/>
      <c r="CY235" s="402"/>
      <c r="CZ235" s="402"/>
      <c r="DA235" s="402"/>
      <c r="DB235" s="402"/>
      <c r="DC235" s="402"/>
      <c r="DD235" s="407"/>
      <c r="DE235" s="407"/>
      <c r="DF235" s="407"/>
    </row>
    <row r="236" spans="3:110" s="395" customFormat="1" ht="56.1" customHeight="1" x14ac:dyDescent="0.2">
      <c r="C236" s="420">
        <v>577</v>
      </c>
      <c r="D236" s="420" t="s">
        <v>2481</v>
      </c>
      <c r="E236" s="96" t="s">
        <v>53</v>
      </c>
      <c r="F236" s="96" t="s">
        <v>515</v>
      </c>
      <c r="G236" s="407" t="s">
        <v>623</v>
      </c>
      <c r="H236" s="407" t="s">
        <v>624</v>
      </c>
      <c r="I236" s="407" t="s">
        <v>635</v>
      </c>
      <c r="J236" s="407"/>
      <c r="K236" s="407" t="s">
        <v>86</v>
      </c>
      <c r="L236" s="407" t="s">
        <v>310</v>
      </c>
      <c r="M236" s="407" t="s">
        <v>81</v>
      </c>
      <c r="N236" s="407" t="s">
        <v>626</v>
      </c>
      <c r="O236" s="407" t="s">
        <v>225</v>
      </c>
      <c r="P236" s="407" t="s">
        <v>63</v>
      </c>
      <c r="Q236" s="407" t="s">
        <v>63</v>
      </c>
      <c r="R236" s="410">
        <v>275825.65999999997</v>
      </c>
      <c r="S236" s="410">
        <f t="shared" si="138"/>
        <v>275825.65999999997</v>
      </c>
      <c r="T236" s="407" t="s">
        <v>585</v>
      </c>
      <c r="U236" s="407" t="s">
        <v>65</v>
      </c>
      <c r="V236" s="408"/>
      <c r="W236" s="408"/>
      <c r="X236" s="408"/>
      <c r="Y236" s="408"/>
      <c r="Z236" s="408"/>
      <c r="AA236" s="408"/>
      <c r="AB236" s="408"/>
      <c r="AC236" s="408"/>
      <c r="AD236" s="408"/>
      <c r="AE236" s="408"/>
      <c r="AF236" s="408"/>
      <c r="AG236" s="408"/>
      <c r="AH236" s="408"/>
      <c r="AI236" s="408"/>
      <c r="AJ236" s="408"/>
      <c r="AK236" s="408"/>
      <c r="AL236" s="408"/>
      <c r="AM236" s="408"/>
      <c r="AN236" s="408"/>
      <c r="AO236" s="408"/>
      <c r="AP236" s="402" t="s">
        <v>66</v>
      </c>
      <c r="AQ236" s="408"/>
      <c r="AR236" s="408"/>
      <c r="AS236" s="408"/>
      <c r="AT236" s="408"/>
      <c r="AU236" s="408"/>
      <c r="AV236" s="408"/>
      <c r="AW236" s="408"/>
      <c r="AX236" s="408"/>
      <c r="AY236" s="408"/>
      <c r="AZ236" s="408"/>
      <c r="BA236" s="308">
        <f t="shared" si="106"/>
        <v>302</v>
      </c>
      <c r="BB236" s="309">
        <f t="shared" si="139"/>
        <v>913.32999999999993</v>
      </c>
      <c r="BC236" s="402" t="str">
        <f t="shared" si="107"/>
        <v/>
      </c>
      <c r="BD236" s="402" t="str">
        <f t="shared" si="108"/>
        <v/>
      </c>
      <c r="BE236" s="402" t="str">
        <f t="shared" si="109"/>
        <v/>
      </c>
      <c r="BF236" s="402" t="str">
        <f t="shared" si="110"/>
        <v/>
      </c>
      <c r="BG236" s="402" t="str">
        <f t="shared" si="111"/>
        <v/>
      </c>
      <c r="BH236" s="402" t="str">
        <f t="shared" si="112"/>
        <v/>
      </c>
      <c r="BI236" s="402" t="str">
        <f t="shared" si="113"/>
        <v/>
      </c>
      <c r="BJ236" s="402" t="str">
        <f t="shared" si="114"/>
        <v/>
      </c>
      <c r="BK236" s="402" t="str">
        <f t="shared" si="115"/>
        <v/>
      </c>
      <c r="BL236" s="402" t="str">
        <f t="shared" si="116"/>
        <v/>
      </c>
      <c r="BM236" s="402" t="str">
        <f t="shared" si="117"/>
        <v/>
      </c>
      <c r="BN236" s="402" t="str">
        <f t="shared" si="118"/>
        <v/>
      </c>
      <c r="BO236" s="402" t="str">
        <f t="shared" si="119"/>
        <v/>
      </c>
      <c r="BP236" s="402" t="str">
        <f t="shared" si="120"/>
        <v/>
      </c>
      <c r="BQ236" s="402" t="str">
        <f t="shared" si="121"/>
        <v/>
      </c>
      <c r="BR236" s="402" t="str">
        <f t="shared" si="122"/>
        <v/>
      </c>
      <c r="BS236" s="402" t="str">
        <f t="shared" si="123"/>
        <v/>
      </c>
      <c r="BT236" s="402" t="str">
        <f t="shared" si="124"/>
        <v/>
      </c>
      <c r="BU236" s="402" t="str">
        <f t="shared" si="125"/>
        <v/>
      </c>
      <c r="BV236" s="402" t="str">
        <f t="shared" si="126"/>
        <v/>
      </c>
      <c r="BW236" s="402">
        <f t="shared" si="127"/>
        <v>275825.65999999997</v>
      </c>
      <c r="BX236" s="402" t="str">
        <f t="shared" si="128"/>
        <v/>
      </c>
      <c r="BY236" s="402" t="str">
        <f t="shared" si="129"/>
        <v/>
      </c>
      <c r="BZ236" s="402" t="str">
        <f t="shared" si="130"/>
        <v/>
      </c>
      <c r="CA236" s="402" t="str">
        <f t="shared" si="131"/>
        <v/>
      </c>
      <c r="CB236" s="402" t="str">
        <f t="shared" si="132"/>
        <v/>
      </c>
      <c r="CC236" s="402" t="str">
        <f t="shared" si="133"/>
        <v/>
      </c>
      <c r="CD236" s="402" t="str">
        <f t="shared" si="134"/>
        <v/>
      </c>
      <c r="CE236" s="402" t="str">
        <f t="shared" si="135"/>
        <v/>
      </c>
      <c r="CF236" s="402" t="str">
        <f t="shared" si="136"/>
        <v/>
      </c>
      <c r="CG236" s="402" t="str">
        <f t="shared" si="137"/>
        <v/>
      </c>
      <c r="CH236" s="402"/>
      <c r="CI236" s="402"/>
      <c r="CJ236" s="402"/>
      <c r="CK236" s="402"/>
      <c r="CL236" s="402"/>
      <c r="CM236" s="402"/>
      <c r="CN236" s="402"/>
      <c r="CO236" s="402"/>
      <c r="CP236" s="402"/>
      <c r="CQ236" s="402"/>
      <c r="CR236" s="402"/>
      <c r="CS236" s="402"/>
      <c r="CT236" s="402"/>
      <c r="CU236" s="402"/>
      <c r="CV236" s="402"/>
      <c r="CW236" s="402"/>
      <c r="CX236" s="402"/>
      <c r="CY236" s="402"/>
      <c r="CZ236" s="402"/>
      <c r="DA236" s="402"/>
      <c r="DB236" s="402"/>
      <c r="DC236" s="402"/>
      <c r="DD236" s="407"/>
      <c r="DE236" s="407"/>
      <c r="DF236" s="407"/>
    </row>
    <row r="237" spans="3:110" s="395" customFormat="1" ht="56.1" customHeight="1" x14ac:dyDescent="0.2">
      <c r="C237" s="420">
        <v>578</v>
      </c>
      <c r="D237" s="420" t="s">
        <v>2481</v>
      </c>
      <c r="E237" s="96" t="s">
        <v>53</v>
      </c>
      <c r="F237" s="96" t="s">
        <v>515</v>
      </c>
      <c r="G237" s="407" t="s">
        <v>623</v>
      </c>
      <c r="H237" s="407" t="s">
        <v>624</v>
      </c>
      <c r="I237" s="407" t="s">
        <v>636</v>
      </c>
      <c r="J237" s="407"/>
      <c r="K237" s="407" t="s">
        <v>93</v>
      </c>
      <c r="L237" s="407" t="s">
        <v>310</v>
      </c>
      <c r="M237" s="407" t="s">
        <v>81</v>
      </c>
      <c r="N237" s="407" t="s">
        <v>626</v>
      </c>
      <c r="O237" s="407" t="s">
        <v>225</v>
      </c>
      <c r="P237" s="407" t="s">
        <v>63</v>
      </c>
      <c r="Q237" s="407" t="s">
        <v>63</v>
      </c>
      <c r="R237" s="410">
        <v>28330</v>
      </c>
      <c r="S237" s="410">
        <f t="shared" si="138"/>
        <v>28330</v>
      </c>
      <c r="T237" s="407" t="s">
        <v>585</v>
      </c>
      <c r="U237" s="407" t="s">
        <v>65</v>
      </c>
      <c r="V237" s="408"/>
      <c r="W237" s="408"/>
      <c r="X237" s="408"/>
      <c r="Y237" s="408"/>
      <c r="Z237" s="408"/>
      <c r="AA237" s="408"/>
      <c r="AB237" s="408"/>
      <c r="AC237" s="408"/>
      <c r="AD237" s="408"/>
      <c r="AE237" s="408"/>
      <c r="AF237" s="408"/>
      <c r="AG237" s="408"/>
      <c r="AH237" s="408"/>
      <c r="AI237" s="408"/>
      <c r="AJ237" s="408"/>
      <c r="AK237" s="408"/>
      <c r="AL237" s="408"/>
      <c r="AM237" s="408"/>
      <c r="AN237" s="408"/>
      <c r="AO237" s="408"/>
      <c r="AP237" s="408"/>
      <c r="AQ237" s="408"/>
      <c r="AR237" s="408"/>
      <c r="AS237" s="408"/>
      <c r="AT237" s="408"/>
      <c r="AU237" s="408"/>
      <c r="AV237" s="402" t="s">
        <v>66</v>
      </c>
      <c r="AW237" s="408"/>
      <c r="AX237" s="408"/>
      <c r="AY237" s="408"/>
      <c r="AZ237" s="408"/>
      <c r="BA237" s="308">
        <f t="shared" si="106"/>
        <v>31</v>
      </c>
      <c r="BB237" s="309">
        <f t="shared" si="139"/>
        <v>913.87096774193549</v>
      </c>
      <c r="BC237" s="402" t="str">
        <f t="shared" si="107"/>
        <v/>
      </c>
      <c r="BD237" s="402" t="str">
        <f t="shared" si="108"/>
        <v/>
      </c>
      <c r="BE237" s="402" t="str">
        <f t="shared" si="109"/>
        <v/>
      </c>
      <c r="BF237" s="402" t="str">
        <f t="shared" si="110"/>
        <v/>
      </c>
      <c r="BG237" s="402" t="str">
        <f t="shared" si="111"/>
        <v/>
      </c>
      <c r="BH237" s="402" t="str">
        <f t="shared" si="112"/>
        <v/>
      </c>
      <c r="BI237" s="402" t="str">
        <f t="shared" si="113"/>
        <v/>
      </c>
      <c r="BJ237" s="402" t="str">
        <f t="shared" si="114"/>
        <v/>
      </c>
      <c r="BK237" s="402" t="str">
        <f t="shared" si="115"/>
        <v/>
      </c>
      <c r="BL237" s="402" t="str">
        <f t="shared" si="116"/>
        <v/>
      </c>
      <c r="BM237" s="402" t="str">
        <f t="shared" si="117"/>
        <v/>
      </c>
      <c r="BN237" s="402" t="str">
        <f t="shared" si="118"/>
        <v/>
      </c>
      <c r="BO237" s="402" t="str">
        <f t="shared" si="119"/>
        <v/>
      </c>
      <c r="BP237" s="402" t="str">
        <f t="shared" si="120"/>
        <v/>
      </c>
      <c r="BQ237" s="402" t="str">
        <f t="shared" si="121"/>
        <v/>
      </c>
      <c r="BR237" s="402" t="str">
        <f t="shared" si="122"/>
        <v/>
      </c>
      <c r="BS237" s="402" t="str">
        <f t="shared" si="123"/>
        <v/>
      </c>
      <c r="BT237" s="402" t="str">
        <f t="shared" si="124"/>
        <v/>
      </c>
      <c r="BU237" s="402" t="str">
        <f t="shared" si="125"/>
        <v/>
      </c>
      <c r="BV237" s="402" t="str">
        <f t="shared" si="126"/>
        <v/>
      </c>
      <c r="BW237" s="402" t="str">
        <f t="shared" si="127"/>
        <v/>
      </c>
      <c r="BX237" s="402" t="str">
        <f t="shared" si="128"/>
        <v/>
      </c>
      <c r="BY237" s="402" t="str">
        <f t="shared" si="129"/>
        <v/>
      </c>
      <c r="BZ237" s="402" t="str">
        <f t="shared" si="130"/>
        <v/>
      </c>
      <c r="CA237" s="402" t="str">
        <f t="shared" si="131"/>
        <v/>
      </c>
      <c r="CB237" s="402" t="str">
        <f t="shared" si="132"/>
        <v/>
      </c>
      <c r="CC237" s="402">
        <f t="shared" si="133"/>
        <v>28330</v>
      </c>
      <c r="CD237" s="402" t="str">
        <f t="shared" si="134"/>
        <v/>
      </c>
      <c r="CE237" s="402" t="str">
        <f t="shared" si="135"/>
        <v/>
      </c>
      <c r="CF237" s="402" t="str">
        <f t="shared" si="136"/>
        <v/>
      </c>
      <c r="CG237" s="402" t="str">
        <f t="shared" si="137"/>
        <v/>
      </c>
      <c r="CH237" s="402"/>
      <c r="CI237" s="402"/>
      <c r="CJ237" s="402"/>
      <c r="CK237" s="402"/>
      <c r="CL237" s="402"/>
      <c r="CM237" s="402"/>
      <c r="CN237" s="402"/>
      <c r="CO237" s="402"/>
      <c r="CP237" s="402"/>
      <c r="CQ237" s="402"/>
      <c r="CR237" s="402"/>
      <c r="CS237" s="402"/>
      <c r="CT237" s="402"/>
      <c r="CU237" s="402"/>
      <c r="CV237" s="402"/>
      <c r="CW237" s="402"/>
      <c r="CX237" s="402"/>
      <c r="CY237" s="402"/>
      <c r="CZ237" s="402"/>
      <c r="DA237" s="402"/>
      <c r="DB237" s="402"/>
      <c r="DC237" s="402"/>
      <c r="DD237" s="407"/>
      <c r="DE237" s="407"/>
      <c r="DF237" s="407"/>
    </row>
    <row r="238" spans="3:110" s="395" customFormat="1" ht="56.1" customHeight="1" x14ac:dyDescent="0.2">
      <c r="C238" s="420">
        <v>579</v>
      </c>
      <c r="D238" s="420" t="s">
        <v>2481</v>
      </c>
      <c r="E238" s="96" t="s">
        <v>53</v>
      </c>
      <c r="F238" s="96" t="s">
        <v>515</v>
      </c>
      <c r="G238" s="407" t="s">
        <v>623</v>
      </c>
      <c r="H238" s="407" t="s">
        <v>624</v>
      </c>
      <c r="I238" s="407" t="s">
        <v>637</v>
      </c>
      <c r="J238" s="407"/>
      <c r="K238" s="407" t="s">
        <v>93</v>
      </c>
      <c r="L238" s="407" t="s">
        <v>364</v>
      </c>
      <c r="M238" s="407" t="s">
        <v>81</v>
      </c>
      <c r="N238" s="407" t="s">
        <v>626</v>
      </c>
      <c r="O238" s="407" t="s">
        <v>71</v>
      </c>
      <c r="P238" s="407" t="s">
        <v>63</v>
      </c>
      <c r="Q238" s="407" t="s">
        <v>63</v>
      </c>
      <c r="R238" s="410">
        <v>198312</v>
      </c>
      <c r="S238" s="410">
        <f t="shared" si="138"/>
        <v>198312</v>
      </c>
      <c r="T238" s="407" t="s">
        <v>585</v>
      </c>
      <c r="U238" s="407" t="s">
        <v>65</v>
      </c>
      <c r="V238" s="408"/>
      <c r="W238" s="408"/>
      <c r="X238" s="408"/>
      <c r="Y238" s="408"/>
      <c r="Z238" s="408"/>
      <c r="AA238" s="408"/>
      <c r="AB238" s="408"/>
      <c r="AC238" s="408"/>
      <c r="AD238" s="408"/>
      <c r="AE238" s="408"/>
      <c r="AF238" s="408"/>
      <c r="AG238" s="408"/>
      <c r="AH238" s="408"/>
      <c r="AI238" s="408"/>
      <c r="AJ238" s="408"/>
      <c r="AK238" s="408"/>
      <c r="AL238" s="408"/>
      <c r="AM238" s="408"/>
      <c r="AN238" s="408"/>
      <c r="AO238" s="408"/>
      <c r="AP238" s="408"/>
      <c r="AQ238" s="408"/>
      <c r="AR238" s="408"/>
      <c r="AS238" s="408"/>
      <c r="AT238" s="408"/>
      <c r="AU238" s="402" t="s">
        <v>66</v>
      </c>
      <c r="AV238" s="408"/>
      <c r="AW238" s="408"/>
      <c r="AX238" s="408"/>
      <c r="AY238" s="408"/>
      <c r="AZ238" s="408"/>
      <c r="BA238" s="308">
        <f t="shared" si="106"/>
        <v>217</v>
      </c>
      <c r="BB238" s="309">
        <f t="shared" si="139"/>
        <v>913.88018433179718</v>
      </c>
      <c r="BC238" s="402" t="str">
        <f t="shared" si="107"/>
        <v/>
      </c>
      <c r="BD238" s="402" t="str">
        <f t="shared" si="108"/>
        <v/>
      </c>
      <c r="BE238" s="402" t="str">
        <f t="shared" si="109"/>
        <v/>
      </c>
      <c r="BF238" s="402" t="str">
        <f t="shared" si="110"/>
        <v/>
      </c>
      <c r="BG238" s="402" t="str">
        <f t="shared" si="111"/>
        <v/>
      </c>
      <c r="BH238" s="402" t="str">
        <f t="shared" si="112"/>
        <v/>
      </c>
      <c r="BI238" s="402" t="str">
        <f t="shared" si="113"/>
        <v/>
      </c>
      <c r="BJ238" s="402" t="str">
        <f t="shared" si="114"/>
        <v/>
      </c>
      <c r="BK238" s="402" t="str">
        <f t="shared" si="115"/>
        <v/>
      </c>
      <c r="BL238" s="402" t="str">
        <f t="shared" si="116"/>
        <v/>
      </c>
      <c r="BM238" s="402" t="str">
        <f t="shared" si="117"/>
        <v/>
      </c>
      <c r="BN238" s="402" t="str">
        <f t="shared" si="118"/>
        <v/>
      </c>
      <c r="BO238" s="402" t="str">
        <f t="shared" si="119"/>
        <v/>
      </c>
      <c r="BP238" s="402" t="str">
        <f t="shared" si="120"/>
        <v/>
      </c>
      <c r="BQ238" s="402" t="str">
        <f t="shared" si="121"/>
        <v/>
      </c>
      <c r="BR238" s="402" t="str">
        <f t="shared" si="122"/>
        <v/>
      </c>
      <c r="BS238" s="402" t="str">
        <f t="shared" si="123"/>
        <v/>
      </c>
      <c r="BT238" s="402" t="str">
        <f t="shared" si="124"/>
        <v/>
      </c>
      <c r="BU238" s="402" t="str">
        <f t="shared" si="125"/>
        <v/>
      </c>
      <c r="BV238" s="402" t="str">
        <f t="shared" si="126"/>
        <v/>
      </c>
      <c r="BW238" s="402" t="str">
        <f t="shared" si="127"/>
        <v/>
      </c>
      <c r="BX238" s="402" t="str">
        <f t="shared" si="128"/>
        <v/>
      </c>
      <c r="BY238" s="402" t="str">
        <f t="shared" si="129"/>
        <v/>
      </c>
      <c r="BZ238" s="402" t="str">
        <f t="shared" si="130"/>
        <v/>
      </c>
      <c r="CA238" s="402" t="str">
        <f t="shared" si="131"/>
        <v/>
      </c>
      <c r="CB238" s="402">
        <f t="shared" si="132"/>
        <v>198312</v>
      </c>
      <c r="CC238" s="402" t="str">
        <f t="shared" si="133"/>
        <v/>
      </c>
      <c r="CD238" s="402" t="str">
        <f t="shared" si="134"/>
        <v/>
      </c>
      <c r="CE238" s="402" t="str">
        <f t="shared" si="135"/>
        <v/>
      </c>
      <c r="CF238" s="402" t="str">
        <f t="shared" si="136"/>
        <v/>
      </c>
      <c r="CG238" s="402" t="str">
        <f t="shared" si="137"/>
        <v/>
      </c>
      <c r="CH238" s="402"/>
      <c r="CI238" s="402"/>
      <c r="CJ238" s="402"/>
      <c r="CK238" s="402"/>
      <c r="CL238" s="402"/>
      <c r="CM238" s="402"/>
      <c r="CN238" s="402"/>
      <c r="CO238" s="402"/>
      <c r="CP238" s="402"/>
      <c r="CQ238" s="402"/>
      <c r="CR238" s="402"/>
      <c r="CS238" s="402"/>
      <c r="CT238" s="402"/>
      <c r="CU238" s="402"/>
      <c r="CV238" s="402"/>
      <c r="CW238" s="402"/>
      <c r="CX238" s="402"/>
      <c r="CY238" s="402"/>
      <c r="CZ238" s="402"/>
      <c r="DA238" s="402"/>
      <c r="DB238" s="402"/>
      <c r="DC238" s="402"/>
      <c r="DD238" s="407"/>
      <c r="DE238" s="407"/>
      <c r="DF238" s="407"/>
    </row>
    <row r="239" spans="3:110" s="395" customFormat="1" ht="56.1" customHeight="1" x14ac:dyDescent="0.2">
      <c r="C239" s="420">
        <v>580</v>
      </c>
      <c r="D239" s="420" t="s">
        <v>2481</v>
      </c>
      <c r="E239" s="96" t="s">
        <v>53</v>
      </c>
      <c r="F239" s="96" t="s">
        <v>515</v>
      </c>
      <c r="G239" s="407" t="s">
        <v>623</v>
      </c>
      <c r="H239" s="407" t="s">
        <v>624</v>
      </c>
      <c r="I239" s="407" t="s">
        <v>638</v>
      </c>
      <c r="J239" s="407"/>
      <c r="K239" s="407" t="s">
        <v>157</v>
      </c>
      <c r="L239" s="407" t="s">
        <v>310</v>
      </c>
      <c r="M239" s="407" t="s">
        <v>81</v>
      </c>
      <c r="N239" s="407" t="s">
        <v>626</v>
      </c>
      <c r="O239" s="407" t="s">
        <v>225</v>
      </c>
      <c r="P239" s="407" t="s">
        <v>63</v>
      </c>
      <c r="Q239" s="407" t="s">
        <v>63</v>
      </c>
      <c r="R239" s="410">
        <v>61230</v>
      </c>
      <c r="S239" s="410">
        <f t="shared" si="138"/>
        <v>61230</v>
      </c>
      <c r="T239" s="407" t="s">
        <v>585</v>
      </c>
      <c r="U239" s="407" t="s">
        <v>65</v>
      </c>
      <c r="V239" s="408"/>
      <c r="W239" s="408"/>
      <c r="X239" s="408"/>
      <c r="Y239" s="408"/>
      <c r="Z239" s="408"/>
      <c r="AA239" s="408"/>
      <c r="AB239" s="408"/>
      <c r="AC239" s="408"/>
      <c r="AD239" s="408"/>
      <c r="AE239" s="408"/>
      <c r="AF239" s="408"/>
      <c r="AG239" s="408"/>
      <c r="AH239" s="408"/>
      <c r="AI239" s="408"/>
      <c r="AJ239" s="408"/>
      <c r="AK239" s="408"/>
      <c r="AL239" s="408"/>
      <c r="AM239" s="408"/>
      <c r="AN239" s="408"/>
      <c r="AO239" s="408"/>
      <c r="AP239" s="408"/>
      <c r="AQ239" s="408"/>
      <c r="AR239" s="408"/>
      <c r="AS239" s="408"/>
      <c r="AT239" s="408"/>
      <c r="AU239" s="408"/>
      <c r="AV239" s="408"/>
      <c r="AW239" s="408" t="s">
        <v>66</v>
      </c>
      <c r="AX239" s="408"/>
      <c r="AY239" s="408"/>
      <c r="AZ239" s="408"/>
      <c r="BA239" s="308">
        <f t="shared" si="106"/>
        <v>67</v>
      </c>
      <c r="BB239" s="309">
        <f t="shared" si="139"/>
        <v>913.88059701492534</v>
      </c>
      <c r="BC239" s="402" t="str">
        <f t="shared" si="107"/>
        <v/>
      </c>
      <c r="BD239" s="402" t="str">
        <f t="shared" si="108"/>
        <v/>
      </c>
      <c r="BE239" s="402" t="str">
        <f t="shared" si="109"/>
        <v/>
      </c>
      <c r="BF239" s="402" t="str">
        <f t="shared" si="110"/>
        <v/>
      </c>
      <c r="BG239" s="402" t="str">
        <f t="shared" si="111"/>
        <v/>
      </c>
      <c r="BH239" s="402" t="str">
        <f t="shared" si="112"/>
        <v/>
      </c>
      <c r="BI239" s="402" t="str">
        <f t="shared" si="113"/>
        <v/>
      </c>
      <c r="BJ239" s="402" t="str">
        <f t="shared" si="114"/>
        <v/>
      </c>
      <c r="BK239" s="402" t="str">
        <f t="shared" si="115"/>
        <v/>
      </c>
      <c r="BL239" s="402" t="str">
        <f t="shared" si="116"/>
        <v/>
      </c>
      <c r="BM239" s="402" t="str">
        <f t="shared" si="117"/>
        <v/>
      </c>
      <c r="BN239" s="402" t="str">
        <f t="shared" si="118"/>
        <v/>
      </c>
      <c r="BO239" s="402" t="str">
        <f t="shared" si="119"/>
        <v/>
      </c>
      <c r="BP239" s="402" t="str">
        <f t="shared" si="120"/>
        <v/>
      </c>
      <c r="BQ239" s="402" t="str">
        <f t="shared" si="121"/>
        <v/>
      </c>
      <c r="BR239" s="402" t="str">
        <f t="shared" si="122"/>
        <v/>
      </c>
      <c r="BS239" s="402" t="str">
        <f t="shared" si="123"/>
        <v/>
      </c>
      <c r="BT239" s="402" t="str">
        <f t="shared" si="124"/>
        <v/>
      </c>
      <c r="BU239" s="402" t="str">
        <f t="shared" si="125"/>
        <v/>
      </c>
      <c r="BV239" s="402" t="str">
        <f t="shared" si="126"/>
        <v/>
      </c>
      <c r="BW239" s="402" t="str">
        <f t="shared" si="127"/>
        <v/>
      </c>
      <c r="BX239" s="402" t="str">
        <f t="shared" si="128"/>
        <v/>
      </c>
      <c r="BY239" s="402" t="str">
        <f t="shared" si="129"/>
        <v/>
      </c>
      <c r="BZ239" s="402" t="str">
        <f t="shared" si="130"/>
        <v/>
      </c>
      <c r="CA239" s="402" t="str">
        <f t="shared" si="131"/>
        <v/>
      </c>
      <c r="CB239" s="402" t="str">
        <f t="shared" si="132"/>
        <v/>
      </c>
      <c r="CC239" s="402" t="str">
        <f t="shared" si="133"/>
        <v/>
      </c>
      <c r="CD239" s="402">
        <f t="shared" si="134"/>
        <v>61230</v>
      </c>
      <c r="CE239" s="402" t="str">
        <f t="shared" si="135"/>
        <v/>
      </c>
      <c r="CF239" s="402" t="str">
        <f t="shared" si="136"/>
        <v/>
      </c>
      <c r="CG239" s="402" t="str">
        <f t="shared" si="137"/>
        <v/>
      </c>
      <c r="CH239" s="402"/>
      <c r="CI239" s="402"/>
      <c r="CJ239" s="402"/>
      <c r="CK239" s="402"/>
      <c r="CL239" s="402"/>
      <c r="CM239" s="402"/>
      <c r="CN239" s="402"/>
      <c r="CO239" s="402"/>
      <c r="CP239" s="402"/>
      <c r="CQ239" s="402"/>
      <c r="CR239" s="402"/>
      <c r="CS239" s="402"/>
      <c r="CT239" s="402"/>
      <c r="CU239" s="402"/>
      <c r="CV239" s="402"/>
      <c r="CW239" s="402"/>
      <c r="CX239" s="402"/>
      <c r="CY239" s="402"/>
      <c r="CZ239" s="402"/>
      <c r="DA239" s="402"/>
      <c r="DB239" s="402"/>
      <c r="DC239" s="402"/>
      <c r="DD239" s="407"/>
      <c r="DE239" s="407"/>
      <c r="DF239" s="407"/>
    </row>
    <row r="240" spans="3:110" s="395" customFormat="1" ht="56.1" customHeight="1" x14ac:dyDescent="0.2">
      <c r="C240" s="420">
        <v>581</v>
      </c>
      <c r="D240" s="420" t="s">
        <v>2481</v>
      </c>
      <c r="E240" s="96" t="s">
        <v>53</v>
      </c>
      <c r="F240" s="96" t="s">
        <v>515</v>
      </c>
      <c r="G240" s="407" t="s">
        <v>623</v>
      </c>
      <c r="H240" s="407" t="s">
        <v>624</v>
      </c>
      <c r="I240" s="407" t="s">
        <v>636</v>
      </c>
      <c r="J240" s="407"/>
      <c r="K240" s="407" t="s">
        <v>95</v>
      </c>
      <c r="L240" s="407" t="s">
        <v>347</v>
      </c>
      <c r="M240" s="407" t="s">
        <v>81</v>
      </c>
      <c r="N240" s="407" t="s">
        <v>626</v>
      </c>
      <c r="O240" s="407" t="s">
        <v>225</v>
      </c>
      <c r="P240" s="407" t="s">
        <v>63</v>
      </c>
      <c r="Q240" s="407" t="s">
        <v>63</v>
      </c>
      <c r="R240" s="410">
        <v>28330</v>
      </c>
      <c r="S240" s="410">
        <f t="shared" si="138"/>
        <v>28330</v>
      </c>
      <c r="T240" s="407" t="s">
        <v>585</v>
      </c>
      <c r="U240" s="407" t="s">
        <v>65</v>
      </c>
      <c r="V240" s="408"/>
      <c r="W240" s="408"/>
      <c r="X240" s="408"/>
      <c r="Y240" s="408"/>
      <c r="Z240" s="408"/>
      <c r="AA240" s="408"/>
      <c r="AB240" s="408"/>
      <c r="AC240" s="408"/>
      <c r="AD240" s="408"/>
      <c r="AE240" s="408"/>
      <c r="AF240" s="408"/>
      <c r="AG240" s="408"/>
      <c r="AH240" s="408"/>
      <c r="AI240" s="408"/>
      <c r="AJ240" s="408"/>
      <c r="AK240" s="408"/>
      <c r="AL240" s="408"/>
      <c r="AM240" s="408"/>
      <c r="AN240" s="408"/>
      <c r="AO240" s="408"/>
      <c r="AP240" s="408"/>
      <c r="AQ240" s="408"/>
      <c r="AR240" s="408"/>
      <c r="AS240" s="408"/>
      <c r="AT240" s="408"/>
      <c r="AU240" s="408"/>
      <c r="AV240" s="408"/>
      <c r="AW240" s="408"/>
      <c r="AX240" s="408"/>
      <c r="AY240" s="306" t="s">
        <v>66</v>
      </c>
      <c r="AZ240" s="408"/>
      <c r="BA240" s="308">
        <f t="shared" si="106"/>
        <v>31</v>
      </c>
      <c r="BB240" s="309">
        <f t="shared" si="139"/>
        <v>913.87096774193549</v>
      </c>
      <c r="BC240" s="402" t="str">
        <f t="shared" si="107"/>
        <v/>
      </c>
      <c r="BD240" s="402" t="str">
        <f t="shared" si="108"/>
        <v/>
      </c>
      <c r="BE240" s="402" t="str">
        <f t="shared" si="109"/>
        <v/>
      </c>
      <c r="BF240" s="402" t="str">
        <f t="shared" si="110"/>
        <v/>
      </c>
      <c r="BG240" s="402" t="str">
        <f t="shared" si="111"/>
        <v/>
      </c>
      <c r="BH240" s="402" t="str">
        <f t="shared" si="112"/>
        <v/>
      </c>
      <c r="BI240" s="402" t="str">
        <f t="shared" si="113"/>
        <v/>
      </c>
      <c r="BJ240" s="402" t="str">
        <f t="shared" si="114"/>
        <v/>
      </c>
      <c r="BK240" s="402" t="str">
        <f t="shared" si="115"/>
        <v/>
      </c>
      <c r="BL240" s="402" t="str">
        <f t="shared" si="116"/>
        <v/>
      </c>
      <c r="BM240" s="402" t="str">
        <f t="shared" si="117"/>
        <v/>
      </c>
      <c r="BN240" s="402" t="str">
        <f t="shared" si="118"/>
        <v/>
      </c>
      <c r="BO240" s="402" t="str">
        <f t="shared" si="119"/>
        <v/>
      </c>
      <c r="BP240" s="402" t="str">
        <f t="shared" si="120"/>
        <v/>
      </c>
      <c r="BQ240" s="402" t="str">
        <f t="shared" si="121"/>
        <v/>
      </c>
      <c r="BR240" s="402" t="str">
        <f t="shared" si="122"/>
        <v/>
      </c>
      <c r="BS240" s="402" t="str">
        <f t="shared" si="123"/>
        <v/>
      </c>
      <c r="BT240" s="402" t="str">
        <f t="shared" si="124"/>
        <v/>
      </c>
      <c r="BU240" s="402" t="str">
        <f t="shared" si="125"/>
        <v/>
      </c>
      <c r="BV240" s="402" t="str">
        <f t="shared" si="126"/>
        <v/>
      </c>
      <c r="BW240" s="402" t="str">
        <f t="shared" si="127"/>
        <v/>
      </c>
      <c r="BX240" s="402" t="str">
        <f t="shared" si="128"/>
        <v/>
      </c>
      <c r="BY240" s="402" t="str">
        <f t="shared" si="129"/>
        <v/>
      </c>
      <c r="BZ240" s="402" t="str">
        <f t="shared" si="130"/>
        <v/>
      </c>
      <c r="CA240" s="402" t="str">
        <f t="shared" si="131"/>
        <v/>
      </c>
      <c r="CB240" s="402" t="str">
        <f t="shared" si="132"/>
        <v/>
      </c>
      <c r="CC240" s="402" t="str">
        <f t="shared" si="133"/>
        <v/>
      </c>
      <c r="CD240" s="402" t="str">
        <f t="shared" si="134"/>
        <v/>
      </c>
      <c r="CE240" s="402" t="str">
        <f t="shared" si="135"/>
        <v/>
      </c>
      <c r="CF240" s="402">
        <f t="shared" si="136"/>
        <v>28330</v>
      </c>
      <c r="CG240" s="402" t="str">
        <f t="shared" si="137"/>
        <v/>
      </c>
      <c r="CH240" s="402"/>
      <c r="CI240" s="402"/>
      <c r="CJ240" s="402"/>
      <c r="CK240" s="402"/>
      <c r="CL240" s="402"/>
      <c r="CM240" s="402"/>
      <c r="CN240" s="402"/>
      <c r="CO240" s="402"/>
      <c r="CP240" s="402"/>
      <c r="CQ240" s="402"/>
      <c r="CR240" s="402"/>
      <c r="CS240" s="402"/>
      <c r="CT240" s="402"/>
      <c r="CU240" s="402"/>
      <c r="CV240" s="402"/>
      <c r="CW240" s="402"/>
      <c r="CX240" s="402"/>
      <c r="CY240" s="402"/>
      <c r="CZ240" s="402"/>
      <c r="DA240" s="402"/>
      <c r="DB240" s="402"/>
      <c r="DC240" s="402"/>
      <c r="DD240" s="407"/>
      <c r="DE240" s="407"/>
      <c r="DF240" s="407"/>
    </row>
    <row r="241" spans="3:110" s="401" customFormat="1" ht="114" x14ac:dyDescent="0.2">
      <c r="C241" s="420">
        <v>600</v>
      </c>
      <c r="D241" s="420" t="s">
        <v>2481</v>
      </c>
      <c r="E241" s="96" t="s">
        <v>53</v>
      </c>
      <c r="F241" s="96" t="s">
        <v>655</v>
      </c>
      <c r="G241" s="310" t="s">
        <v>656</v>
      </c>
      <c r="H241" s="310" t="s">
        <v>657</v>
      </c>
      <c r="I241" s="310" t="s">
        <v>658</v>
      </c>
      <c r="J241" s="310"/>
      <c r="K241" s="310" t="s">
        <v>86</v>
      </c>
      <c r="L241" s="310" t="s">
        <v>63</v>
      </c>
      <c r="M241" s="407" t="s">
        <v>81</v>
      </c>
      <c r="N241" s="310" t="s">
        <v>77</v>
      </c>
      <c r="O241" s="407" t="s">
        <v>225</v>
      </c>
      <c r="P241" s="309" t="s">
        <v>63</v>
      </c>
      <c r="Q241" s="309" t="s">
        <v>63</v>
      </c>
      <c r="R241" s="413">
        <v>92540</v>
      </c>
      <c r="S241" s="309">
        <f t="shared" si="138"/>
        <v>92540</v>
      </c>
      <c r="T241" s="309" t="s">
        <v>659</v>
      </c>
      <c r="U241" s="309" t="s">
        <v>65</v>
      </c>
      <c r="V241" s="309"/>
      <c r="W241" s="309"/>
      <c r="X241" s="309"/>
      <c r="Y241" s="309"/>
      <c r="Z241" s="309"/>
      <c r="AA241" s="309"/>
      <c r="AB241" s="309"/>
      <c r="AC241" s="309"/>
      <c r="AD241" s="309"/>
      <c r="AE241" s="309"/>
      <c r="AF241" s="309"/>
      <c r="AG241" s="309"/>
      <c r="AH241" s="309"/>
      <c r="AI241" s="309"/>
      <c r="AJ241" s="309"/>
      <c r="AK241" s="309"/>
      <c r="AL241" s="309"/>
      <c r="AM241" s="402" t="s">
        <v>66</v>
      </c>
      <c r="AN241" s="402" t="s">
        <v>66</v>
      </c>
      <c r="AO241" s="402" t="s">
        <v>66</v>
      </c>
      <c r="AP241" s="402" t="s">
        <v>66</v>
      </c>
      <c r="AQ241" s="309"/>
      <c r="AR241" s="309"/>
      <c r="AS241" s="309"/>
      <c r="AT241" s="309"/>
      <c r="AU241" s="309"/>
      <c r="AV241" s="309"/>
      <c r="AW241" s="309"/>
      <c r="AX241" s="309"/>
      <c r="AY241" s="309"/>
      <c r="AZ241" s="309"/>
      <c r="BA241" s="308">
        <f t="shared" si="106"/>
        <v>1277</v>
      </c>
      <c r="BB241" s="309">
        <f t="shared" si="139"/>
        <v>72.466718872357092</v>
      </c>
      <c r="BC241" s="402" t="str">
        <f t="shared" si="107"/>
        <v/>
      </c>
      <c r="BD241" s="402" t="str">
        <f t="shared" si="108"/>
        <v/>
      </c>
      <c r="BE241" s="402" t="str">
        <f t="shared" si="109"/>
        <v/>
      </c>
      <c r="BF241" s="402" t="str">
        <f t="shared" si="110"/>
        <v/>
      </c>
      <c r="BG241" s="402" t="str">
        <f t="shared" si="111"/>
        <v/>
      </c>
      <c r="BH241" s="402" t="str">
        <f t="shared" si="112"/>
        <v/>
      </c>
      <c r="BI241" s="402" t="str">
        <f t="shared" si="113"/>
        <v/>
      </c>
      <c r="BJ241" s="402" t="str">
        <f t="shared" si="114"/>
        <v/>
      </c>
      <c r="BK241" s="402" t="str">
        <f t="shared" si="115"/>
        <v/>
      </c>
      <c r="BL241" s="402" t="str">
        <f t="shared" si="116"/>
        <v/>
      </c>
      <c r="BM241" s="402" t="str">
        <f t="shared" si="117"/>
        <v/>
      </c>
      <c r="BN241" s="402" t="str">
        <f t="shared" si="118"/>
        <v/>
      </c>
      <c r="BO241" s="402" t="str">
        <f t="shared" si="119"/>
        <v/>
      </c>
      <c r="BP241" s="402" t="str">
        <f t="shared" si="120"/>
        <v/>
      </c>
      <c r="BQ241" s="402" t="str">
        <f t="shared" si="121"/>
        <v/>
      </c>
      <c r="BR241" s="402" t="str">
        <f t="shared" si="122"/>
        <v/>
      </c>
      <c r="BS241" s="402" t="str">
        <f t="shared" si="123"/>
        <v/>
      </c>
      <c r="BT241" s="402">
        <f t="shared" si="124"/>
        <v>56161.707126076748</v>
      </c>
      <c r="BU241" s="402">
        <f t="shared" si="125"/>
        <v>7246.6718872357087</v>
      </c>
      <c r="BV241" s="402">
        <f t="shared" si="126"/>
        <v>7246.6718872357087</v>
      </c>
      <c r="BW241" s="402">
        <f t="shared" si="127"/>
        <v>21884.949099451842</v>
      </c>
      <c r="BX241" s="402" t="str">
        <f t="shared" si="128"/>
        <v/>
      </c>
      <c r="BY241" s="402" t="str">
        <f t="shared" si="129"/>
        <v/>
      </c>
      <c r="BZ241" s="402" t="str">
        <f t="shared" si="130"/>
        <v/>
      </c>
      <c r="CA241" s="402" t="str">
        <f t="shared" si="131"/>
        <v/>
      </c>
      <c r="CB241" s="402" t="str">
        <f t="shared" si="132"/>
        <v/>
      </c>
      <c r="CC241" s="402" t="str">
        <f t="shared" si="133"/>
        <v/>
      </c>
      <c r="CD241" s="402" t="str">
        <f t="shared" si="134"/>
        <v/>
      </c>
      <c r="CE241" s="402" t="str">
        <f t="shared" si="135"/>
        <v/>
      </c>
      <c r="CF241" s="402" t="str">
        <f t="shared" si="136"/>
        <v/>
      </c>
      <c r="CG241" s="402" t="str">
        <f t="shared" si="137"/>
        <v/>
      </c>
      <c r="CH241" s="402"/>
      <c r="CI241" s="402"/>
      <c r="CJ241" s="402"/>
      <c r="CK241" s="402"/>
      <c r="CL241" s="402"/>
      <c r="CM241" s="402"/>
      <c r="CN241" s="402"/>
      <c r="CO241" s="402"/>
      <c r="CP241" s="402"/>
      <c r="CQ241" s="402"/>
      <c r="CR241" s="402"/>
      <c r="CS241" s="402"/>
      <c r="CT241" s="402"/>
      <c r="CU241" s="402"/>
      <c r="CV241" s="402"/>
      <c r="CW241" s="402"/>
      <c r="CX241" s="402"/>
      <c r="CY241" s="402"/>
      <c r="CZ241" s="402"/>
      <c r="DA241" s="402"/>
      <c r="DB241" s="402"/>
      <c r="DC241" s="402"/>
      <c r="DD241" s="309" t="s">
        <v>660</v>
      </c>
      <c r="DE241" s="309"/>
      <c r="DF241" s="404" t="s">
        <v>661</v>
      </c>
    </row>
    <row r="242" spans="3:110" s="401" customFormat="1" ht="171" x14ac:dyDescent="0.2">
      <c r="C242" s="420">
        <v>601</v>
      </c>
      <c r="D242" s="420" t="s">
        <v>2481</v>
      </c>
      <c r="E242" s="96" t="s">
        <v>53</v>
      </c>
      <c r="F242" s="96" t="s">
        <v>655</v>
      </c>
      <c r="G242" s="310" t="s">
        <v>656</v>
      </c>
      <c r="H242" s="310" t="s">
        <v>662</v>
      </c>
      <c r="I242" s="310" t="s">
        <v>663</v>
      </c>
      <c r="J242" s="310"/>
      <c r="K242" s="310" t="s">
        <v>86</v>
      </c>
      <c r="L242" s="310" t="s">
        <v>63</v>
      </c>
      <c r="M242" s="407" t="s">
        <v>81</v>
      </c>
      <c r="N242" s="310" t="s">
        <v>77</v>
      </c>
      <c r="O242" s="407" t="s">
        <v>225</v>
      </c>
      <c r="P242" s="309" t="s">
        <v>63</v>
      </c>
      <c r="Q242" s="309" t="s">
        <v>63</v>
      </c>
      <c r="R242" s="413">
        <v>157995</v>
      </c>
      <c r="S242" s="309">
        <f t="shared" si="138"/>
        <v>157995</v>
      </c>
      <c r="T242" s="309" t="s">
        <v>659</v>
      </c>
      <c r="U242" s="309" t="s">
        <v>65</v>
      </c>
      <c r="V242" s="309"/>
      <c r="W242" s="309"/>
      <c r="X242" s="309"/>
      <c r="Y242" s="309"/>
      <c r="Z242" s="309"/>
      <c r="AA242" s="309"/>
      <c r="AB242" s="309"/>
      <c r="AC242" s="309"/>
      <c r="AD242" s="309"/>
      <c r="AE242" s="309"/>
      <c r="AF242" s="309"/>
      <c r="AG242" s="309"/>
      <c r="AH242" s="309"/>
      <c r="AI242" s="309"/>
      <c r="AJ242" s="309"/>
      <c r="AK242" s="309"/>
      <c r="AL242" s="309"/>
      <c r="AM242" s="402" t="s">
        <v>66</v>
      </c>
      <c r="AN242" s="402" t="s">
        <v>66</v>
      </c>
      <c r="AO242" s="402" t="s">
        <v>66</v>
      </c>
      <c r="AP242" s="402" t="s">
        <v>66</v>
      </c>
      <c r="AQ242" s="309"/>
      <c r="AR242" s="309"/>
      <c r="AS242" s="309"/>
      <c r="AT242" s="309"/>
      <c r="AU242" s="309"/>
      <c r="AV242" s="309"/>
      <c r="AW242" s="309"/>
      <c r="AX242" s="309"/>
      <c r="AY242" s="309"/>
      <c r="AZ242" s="309"/>
      <c r="BA242" s="308">
        <f t="shared" si="106"/>
        <v>1277</v>
      </c>
      <c r="BB242" s="309">
        <f t="shared" si="139"/>
        <v>123.72357086922474</v>
      </c>
      <c r="BC242" s="402" t="str">
        <f t="shared" si="107"/>
        <v/>
      </c>
      <c r="BD242" s="402" t="str">
        <f t="shared" si="108"/>
        <v/>
      </c>
      <c r="BE242" s="402" t="str">
        <f t="shared" si="109"/>
        <v/>
      </c>
      <c r="BF242" s="402" t="str">
        <f t="shared" si="110"/>
        <v/>
      </c>
      <c r="BG242" s="402" t="str">
        <f t="shared" si="111"/>
        <v/>
      </c>
      <c r="BH242" s="402" t="str">
        <f t="shared" si="112"/>
        <v/>
      </c>
      <c r="BI242" s="402" t="str">
        <f t="shared" si="113"/>
        <v/>
      </c>
      <c r="BJ242" s="402" t="str">
        <f t="shared" si="114"/>
        <v/>
      </c>
      <c r="BK242" s="402" t="str">
        <f t="shared" si="115"/>
        <v/>
      </c>
      <c r="BL242" s="402" t="str">
        <f t="shared" si="116"/>
        <v/>
      </c>
      <c r="BM242" s="402" t="str">
        <f t="shared" si="117"/>
        <v/>
      </c>
      <c r="BN242" s="402" t="str">
        <f t="shared" si="118"/>
        <v/>
      </c>
      <c r="BO242" s="402" t="str">
        <f t="shared" si="119"/>
        <v/>
      </c>
      <c r="BP242" s="402" t="str">
        <f t="shared" si="120"/>
        <v/>
      </c>
      <c r="BQ242" s="402" t="str">
        <f t="shared" si="121"/>
        <v/>
      </c>
      <c r="BR242" s="402" t="str">
        <f t="shared" si="122"/>
        <v/>
      </c>
      <c r="BS242" s="402" t="str">
        <f t="shared" si="123"/>
        <v/>
      </c>
      <c r="BT242" s="402">
        <f t="shared" si="124"/>
        <v>95885.767423649173</v>
      </c>
      <c r="BU242" s="402">
        <f t="shared" si="125"/>
        <v>12372.357086922475</v>
      </c>
      <c r="BV242" s="402">
        <f t="shared" si="126"/>
        <v>12372.357086922475</v>
      </c>
      <c r="BW242" s="402">
        <f t="shared" si="127"/>
        <v>37364.51840250587</v>
      </c>
      <c r="BX242" s="402" t="str">
        <f t="shared" si="128"/>
        <v/>
      </c>
      <c r="BY242" s="402" t="str">
        <f t="shared" si="129"/>
        <v/>
      </c>
      <c r="BZ242" s="402" t="str">
        <f t="shared" si="130"/>
        <v/>
      </c>
      <c r="CA242" s="402" t="str">
        <f t="shared" si="131"/>
        <v/>
      </c>
      <c r="CB242" s="402" t="str">
        <f t="shared" si="132"/>
        <v/>
      </c>
      <c r="CC242" s="402" t="str">
        <f t="shared" si="133"/>
        <v/>
      </c>
      <c r="CD242" s="402" t="str">
        <f t="shared" si="134"/>
        <v/>
      </c>
      <c r="CE242" s="402" t="str">
        <f t="shared" si="135"/>
        <v/>
      </c>
      <c r="CF242" s="402" t="str">
        <f t="shared" si="136"/>
        <v/>
      </c>
      <c r="CG242" s="402" t="str">
        <f t="shared" si="137"/>
        <v/>
      </c>
      <c r="CH242" s="402"/>
      <c r="CI242" s="402"/>
      <c r="CJ242" s="402"/>
      <c r="CK242" s="402"/>
      <c r="CL242" s="402"/>
      <c r="CM242" s="402"/>
      <c r="CN242" s="402"/>
      <c r="CO242" s="402"/>
      <c r="CP242" s="402"/>
      <c r="CQ242" s="402"/>
      <c r="CR242" s="402"/>
      <c r="CS242" s="402"/>
      <c r="CT242" s="402"/>
      <c r="CU242" s="402"/>
      <c r="CV242" s="402"/>
      <c r="CW242" s="402"/>
      <c r="CX242" s="402"/>
      <c r="CY242" s="402"/>
      <c r="CZ242" s="402"/>
      <c r="DA242" s="402"/>
      <c r="DB242" s="402"/>
      <c r="DC242" s="402"/>
      <c r="DD242" s="309" t="s">
        <v>660</v>
      </c>
      <c r="DE242" s="309"/>
      <c r="DF242" s="404" t="s">
        <v>661</v>
      </c>
    </row>
    <row r="243" spans="3:110" s="401" customFormat="1" ht="71.25" x14ac:dyDescent="0.2">
      <c r="C243" s="420">
        <v>602</v>
      </c>
      <c r="D243" s="420" t="s">
        <v>2481</v>
      </c>
      <c r="E243" s="96" t="s">
        <v>53</v>
      </c>
      <c r="F243" s="96" t="s">
        <v>655</v>
      </c>
      <c r="G243" s="310" t="s">
        <v>656</v>
      </c>
      <c r="H243" s="310" t="s">
        <v>664</v>
      </c>
      <c r="I243" s="310" t="s">
        <v>665</v>
      </c>
      <c r="J243" s="310"/>
      <c r="K243" s="310" t="s">
        <v>86</v>
      </c>
      <c r="L243" s="310" t="s">
        <v>63</v>
      </c>
      <c r="M243" s="407" t="s">
        <v>81</v>
      </c>
      <c r="N243" s="310" t="s">
        <v>77</v>
      </c>
      <c r="O243" s="407" t="s">
        <v>225</v>
      </c>
      <c r="P243" s="309" t="s">
        <v>63</v>
      </c>
      <c r="Q243" s="309" t="s">
        <v>63</v>
      </c>
      <c r="R243" s="413">
        <v>100315</v>
      </c>
      <c r="S243" s="309">
        <f t="shared" si="138"/>
        <v>100315</v>
      </c>
      <c r="T243" s="309" t="s">
        <v>659</v>
      </c>
      <c r="U243" s="309" t="s">
        <v>65</v>
      </c>
      <c r="V243" s="309"/>
      <c r="W243" s="309"/>
      <c r="X243" s="309"/>
      <c r="Y243" s="309"/>
      <c r="Z243" s="309"/>
      <c r="AA243" s="309"/>
      <c r="AB243" s="309"/>
      <c r="AC243" s="309"/>
      <c r="AD243" s="309"/>
      <c r="AE243" s="309"/>
      <c r="AF243" s="309"/>
      <c r="AG243" s="309"/>
      <c r="AH243" s="309"/>
      <c r="AI243" s="309"/>
      <c r="AJ243" s="309"/>
      <c r="AK243" s="309"/>
      <c r="AL243" s="309"/>
      <c r="AM243" s="402" t="s">
        <v>66</v>
      </c>
      <c r="AN243" s="402" t="s">
        <v>66</v>
      </c>
      <c r="AO243" s="402" t="s">
        <v>66</v>
      </c>
      <c r="AP243" s="402" t="s">
        <v>66</v>
      </c>
      <c r="AQ243" s="309"/>
      <c r="AR243" s="309"/>
      <c r="AS243" s="309"/>
      <c r="AT243" s="309"/>
      <c r="AU243" s="309"/>
      <c r="AV243" s="309"/>
      <c r="AW243" s="309"/>
      <c r="AX243" s="309"/>
      <c r="AY243" s="309"/>
      <c r="AZ243" s="309"/>
      <c r="BA243" s="308">
        <f t="shared" si="106"/>
        <v>1277</v>
      </c>
      <c r="BB243" s="309">
        <f t="shared" si="139"/>
        <v>78.555207517619422</v>
      </c>
      <c r="BC243" s="402" t="str">
        <f t="shared" si="107"/>
        <v/>
      </c>
      <c r="BD243" s="402" t="str">
        <f t="shared" si="108"/>
        <v/>
      </c>
      <c r="BE243" s="402" t="str">
        <f t="shared" si="109"/>
        <v/>
      </c>
      <c r="BF243" s="402" t="str">
        <f t="shared" si="110"/>
        <v/>
      </c>
      <c r="BG243" s="402" t="str">
        <f t="shared" si="111"/>
        <v/>
      </c>
      <c r="BH243" s="402" t="str">
        <f t="shared" si="112"/>
        <v/>
      </c>
      <c r="BI243" s="402" t="str">
        <f t="shared" si="113"/>
        <v/>
      </c>
      <c r="BJ243" s="402" t="str">
        <f t="shared" si="114"/>
        <v/>
      </c>
      <c r="BK243" s="402" t="str">
        <f t="shared" si="115"/>
        <v/>
      </c>
      <c r="BL243" s="402" t="str">
        <f t="shared" si="116"/>
        <v/>
      </c>
      <c r="BM243" s="402" t="str">
        <f t="shared" si="117"/>
        <v/>
      </c>
      <c r="BN243" s="402" t="str">
        <f t="shared" si="118"/>
        <v/>
      </c>
      <c r="BO243" s="402" t="str">
        <f t="shared" si="119"/>
        <v/>
      </c>
      <c r="BP243" s="402" t="str">
        <f t="shared" si="120"/>
        <v/>
      </c>
      <c r="BQ243" s="402" t="str">
        <f t="shared" si="121"/>
        <v/>
      </c>
      <c r="BR243" s="402" t="str">
        <f t="shared" si="122"/>
        <v/>
      </c>
      <c r="BS243" s="402" t="str">
        <f t="shared" si="123"/>
        <v/>
      </c>
      <c r="BT243" s="402">
        <f t="shared" si="124"/>
        <v>60880.28582615505</v>
      </c>
      <c r="BU243" s="402">
        <f t="shared" si="125"/>
        <v>7855.5207517619419</v>
      </c>
      <c r="BV243" s="402">
        <f t="shared" si="126"/>
        <v>7855.5207517619419</v>
      </c>
      <c r="BW243" s="402">
        <f t="shared" si="127"/>
        <v>23723.672670321066</v>
      </c>
      <c r="BX243" s="402" t="str">
        <f t="shared" si="128"/>
        <v/>
      </c>
      <c r="BY243" s="402" t="str">
        <f t="shared" si="129"/>
        <v/>
      </c>
      <c r="BZ243" s="402" t="str">
        <f t="shared" si="130"/>
        <v/>
      </c>
      <c r="CA243" s="402" t="str">
        <f t="shared" si="131"/>
        <v/>
      </c>
      <c r="CB243" s="402" t="str">
        <f t="shared" si="132"/>
        <v/>
      </c>
      <c r="CC243" s="402" t="str">
        <f t="shared" si="133"/>
        <v/>
      </c>
      <c r="CD243" s="402" t="str">
        <f t="shared" si="134"/>
        <v/>
      </c>
      <c r="CE243" s="402" t="str">
        <f t="shared" si="135"/>
        <v/>
      </c>
      <c r="CF243" s="402" t="str">
        <f t="shared" si="136"/>
        <v/>
      </c>
      <c r="CG243" s="402" t="str">
        <f t="shared" si="137"/>
        <v/>
      </c>
      <c r="CH243" s="402"/>
      <c r="CI243" s="402"/>
      <c r="CJ243" s="402"/>
      <c r="CK243" s="402"/>
      <c r="CL243" s="402"/>
      <c r="CM243" s="402"/>
      <c r="CN243" s="402"/>
      <c r="CO243" s="402"/>
      <c r="CP243" s="402"/>
      <c r="CQ243" s="402"/>
      <c r="CR243" s="402"/>
      <c r="CS243" s="402"/>
      <c r="CT243" s="402"/>
      <c r="CU243" s="402"/>
      <c r="CV243" s="402"/>
      <c r="CW243" s="402"/>
      <c r="CX243" s="402"/>
      <c r="CY243" s="402"/>
      <c r="CZ243" s="402"/>
      <c r="DA243" s="402"/>
      <c r="DB243" s="402"/>
      <c r="DC243" s="402"/>
      <c r="DD243" s="309" t="s">
        <v>660</v>
      </c>
      <c r="DE243" s="309"/>
      <c r="DF243" s="404" t="s">
        <v>661</v>
      </c>
    </row>
    <row r="244" spans="3:110" s="401" customFormat="1" ht="56.1" customHeight="1" x14ac:dyDescent="0.2">
      <c r="C244" s="420">
        <v>603</v>
      </c>
      <c r="D244" s="420" t="s">
        <v>2481</v>
      </c>
      <c r="E244" s="96" t="s">
        <v>53</v>
      </c>
      <c r="F244" s="96" t="s">
        <v>655</v>
      </c>
      <c r="G244" s="310" t="s">
        <v>656</v>
      </c>
      <c r="H244" s="310" t="s">
        <v>666</v>
      </c>
      <c r="I244" s="310" t="s">
        <v>667</v>
      </c>
      <c r="J244" s="310"/>
      <c r="K244" s="310" t="s">
        <v>86</v>
      </c>
      <c r="L244" s="310" t="s">
        <v>63</v>
      </c>
      <c r="M244" s="407" t="s">
        <v>81</v>
      </c>
      <c r="N244" s="310" t="s">
        <v>77</v>
      </c>
      <c r="O244" s="407" t="s">
        <v>225</v>
      </c>
      <c r="P244" s="309" t="s">
        <v>63</v>
      </c>
      <c r="Q244" s="309" t="s">
        <v>63</v>
      </c>
      <c r="R244" s="309">
        <v>1416942</v>
      </c>
      <c r="S244" s="309">
        <f t="shared" si="138"/>
        <v>1416942</v>
      </c>
      <c r="T244" s="309" t="s">
        <v>659</v>
      </c>
      <c r="U244" s="309" t="s">
        <v>65</v>
      </c>
      <c r="V244" s="309"/>
      <c r="W244" s="309"/>
      <c r="X244" s="309"/>
      <c r="Y244" s="309"/>
      <c r="Z244" s="309"/>
      <c r="AA244" s="309"/>
      <c r="AB244" s="309"/>
      <c r="AC244" s="309"/>
      <c r="AD244" s="309"/>
      <c r="AE244" s="309"/>
      <c r="AF244" s="309"/>
      <c r="AG244" s="309"/>
      <c r="AH244" s="309"/>
      <c r="AI244" s="309"/>
      <c r="AJ244" s="309"/>
      <c r="AK244" s="309"/>
      <c r="AL244" s="309"/>
      <c r="AM244" s="402" t="s">
        <v>66</v>
      </c>
      <c r="AN244" s="402" t="s">
        <v>66</v>
      </c>
      <c r="AO244" s="402" t="s">
        <v>66</v>
      </c>
      <c r="AP244" s="402" t="s">
        <v>66</v>
      </c>
      <c r="AQ244" s="309"/>
      <c r="AR244" s="309"/>
      <c r="AS244" s="309"/>
      <c r="AT244" s="309"/>
      <c r="AU244" s="309"/>
      <c r="AV244" s="309"/>
      <c r="AW244" s="309"/>
      <c r="AX244" s="309"/>
      <c r="AY244" s="309"/>
      <c r="AZ244" s="309"/>
      <c r="BA244" s="308">
        <f t="shared" si="106"/>
        <v>1277</v>
      </c>
      <c r="BB244" s="309">
        <f t="shared" si="139"/>
        <v>1109.5865309318715</v>
      </c>
      <c r="BC244" s="402" t="str">
        <f t="shared" si="107"/>
        <v/>
      </c>
      <c r="BD244" s="402" t="str">
        <f t="shared" si="108"/>
        <v/>
      </c>
      <c r="BE244" s="402" t="str">
        <f t="shared" si="109"/>
        <v/>
      </c>
      <c r="BF244" s="402" t="str">
        <f t="shared" si="110"/>
        <v/>
      </c>
      <c r="BG244" s="402" t="str">
        <f t="shared" si="111"/>
        <v/>
      </c>
      <c r="BH244" s="402" t="str">
        <f t="shared" si="112"/>
        <v/>
      </c>
      <c r="BI244" s="402" t="str">
        <f t="shared" si="113"/>
        <v/>
      </c>
      <c r="BJ244" s="402" t="str">
        <f t="shared" si="114"/>
        <v/>
      </c>
      <c r="BK244" s="402" t="str">
        <f t="shared" si="115"/>
        <v/>
      </c>
      <c r="BL244" s="402" t="str">
        <f t="shared" si="116"/>
        <v/>
      </c>
      <c r="BM244" s="402" t="str">
        <f t="shared" si="117"/>
        <v/>
      </c>
      <c r="BN244" s="402" t="str">
        <f t="shared" si="118"/>
        <v/>
      </c>
      <c r="BO244" s="402" t="str">
        <f t="shared" si="119"/>
        <v/>
      </c>
      <c r="BP244" s="402" t="str">
        <f t="shared" si="120"/>
        <v/>
      </c>
      <c r="BQ244" s="402" t="str">
        <f t="shared" si="121"/>
        <v/>
      </c>
      <c r="BR244" s="402" t="str">
        <f t="shared" si="122"/>
        <v/>
      </c>
      <c r="BS244" s="402" t="str">
        <f t="shared" si="123"/>
        <v/>
      </c>
      <c r="BT244" s="402">
        <f t="shared" si="124"/>
        <v>859929.56147220044</v>
      </c>
      <c r="BU244" s="402">
        <f t="shared" si="125"/>
        <v>110958.65309318715</v>
      </c>
      <c r="BV244" s="402">
        <f t="shared" si="126"/>
        <v>110958.65309318715</v>
      </c>
      <c r="BW244" s="402">
        <f t="shared" si="127"/>
        <v>335095.13234142517</v>
      </c>
      <c r="BX244" s="402" t="str">
        <f t="shared" si="128"/>
        <v/>
      </c>
      <c r="BY244" s="402" t="str">
        <f t="shared" si="129"/>
        <v/>
      </c>
      <c r="BZ244" s="402" t="str">
        <f t="shared" si="130"/>
        <v/>
      </c>
      <c r="CA244" s="402" t="str">
        <f t="shared" si="131"/>
        <v/>
      </c>
      <c r="CB244" s="402" t="str">
        <f t="shared" si="132"/>
        <v/>
      </c>
      <c r="CC244" s="402" t="str">
        <f t="shared" si="133"/>
        <v/>
      </c>
      <c r="CD244" s="402" t="str">
        <f t="shared" si="134"/>
        <v/>
      </c>
      <c r="CE244" s="402" t="str">
        <f t="shared" si="135"/>
        <v/>
      </c>
      <c r="CF244" s="402" t="str">
        <f t="shared" si="136"/>
        <v/>
      </c>
      <c r="CG244" s="402" t="str">
        <f t="shared" si="137"/>
        <v/>
      </c>
      <c r="CH244" s="402"/>
      <c r="CI244" s="402"/>
      <c r="CJ244" s="402"/>
      <c r="CK244" s="402"/>
      <c r="CL244" s="402"/>
      <c r="CM244" s="402"/>
      <c r="CN244" s="402"/>
      <c r="CO244" s="402"/>
      <c r="CP244" s="402"/>
      <c r="CQ244" s="402"/>
      <c r="CR244" s="402"/>
      <c r="CS244" s="402"/>
      <c r="CT244" s="402"/>
      <c r="CU244" s="402"/>
      <c r="CV244" s="402"/>
      <c r="CW244" s="402"/>
      <c r="CX244" s="402"/>
      <c r="CY244" s="402"/>
      <c r="CZ244" s="402"/>
      <c r="DA244" s="402"/>
      <c r="DB244" s="402"/>
      <c r="DC244" s="402"/>
      <c r="DD244" s="309" t="s">
        <v>660</v>
      </c>
      <c r="DE244" s="309"/>
      <c r="DF244" s="404" t="s">
        <v>661</v>
      </c>
    </row>
    <row r="245" spans="3:110" s="401" customFormat="1" ht="114" x14ac:dyDescent="0.2">
      <c r="C245" s="420">
        <v>604</v>
      </c>
      <c r="D245" s="420" t="s">
        <v>2481</v>
      </c>
      <c r="E245" s="96" t="s">
        <v>53</v>
      </c>
      <c r="F245" s="96" t="s">
        <v>655</v>
      </c>
      <c r="G245" s="310" t="s">
        <v>656</v>
      </c>
      <c r="H245" s="310" t="s">
        <v>668</v>
      </c>
      <c r="I245" s="310" t="s">
        <v>669</v>
      </c>
      <c r="J245" s="310"/>
      <c r="K245" s="310" t="s">
        <v>86</v>
      </c>
      <c r="L245" s="310" t="s">
        <v>63</v>
      </c>
      <c r="M245" s="407" t="s">
        <v>81</v>
      </c>
      <c r="N245" s="310" t="s">
        <v>77</v>
      </c>
      <c r="O245" s="407" t="s">
        <v>225</v>
      </c>
      <c r="P245" s="309" t="s">
        <v>63</v>
      </c>
      <c r="Q245" s="309" t="s">
        <v>63</v>
      </c>
      <c r="R245" s="309">
        <v>290661</v>
      </c>
      <c r="S245" s="309">
        <f t="shared" si="138"/>
        <v>290661</v>
      </c>
      <c r="T245" s="309" t="s">
        <v>659</v>
      </c>
      <c r="U245" s="309" t="s">
        <v>65</v>
      </c>
      <c r="V245" s="309"/>
      <c r="W245" s="309"/>
      <c r="X245" s="309"/>
      <c r="Y245" s="309"/>
      <c r="Z245" s="309"/>
      <c r="AA245" s="309"/>
      <c r="AB245" s="309"/>
      <c r="AC245" s="309"/>
      <c r="AD245" s="309"/>
      <c r="AE245" s="309"/>
      <c r="AF245" s="309"/>
      <c r="AG245" s="309"/>
      <c r="AH245" s="309"/>
      <c r="AI245" s="309"/>
      <c r="AJ245" s="309"/>
      <c r="AK245" s="309"/>
      <c r="AL245" s="309"/>
      <c r="AM245" s="402" t="s">
        <v>66</v>
      </c>
      <c r="AN245" s="402" t="s">
        <v>66</v>
      </c>
      <c r="AO245" s="402" t="s">
        <v>66</v>
      </c>
      <c r="AP245" s="402" t="s">
        <v>66</v>
      </c>
      <c r="AQ245" s="309"/>
      <c r="AR245" s="309"/>
      <c r="AS245" s="309"/>
      <c r="AT245" s="309"/>
      <c r="AU245" s="309"/>
      <c r="AV245" s="309"/>
      <c r="AW245" s="309"/>
      <c r="AX245" s="309"/>
      <c r="AY245" s="309"/>
      <c r="AZ245" s="309"/>
      <c r="BA245" s="308">
        <f t="shared" si="106"/>
        <v>1277</v>
      </c>
      <c r="BB245" s="309">
        <f t="shared" si="139"/>
        <v>227.61237274862961</v>
      </c>
      <c r="BC245" s="402" t="str">
        <f t="shared" si="107"/>
        <v/>
      </c>
      <c r="BD245" s="402" t="str">
        <f t="shared" si="108"/>
        <v/>
      </c>
      <c r="BE245" s="402" t="str">
        <f t="shared" si="109"/>
        <v/>
      </c>
      <c r="BF245" s="402" t="str">
        <f t="shared" si="110"/>
        <v/>
      </c>
      <c r="BG245" s="402" t="str">
        <f t="shared" si="111"/>
        <v/>
      </c>
      <c r="BH245" s="402" t="str">
        <f t="shared" si="112"/>
        <v/>
      </c>
      <c r="BI245" s="402" t="str">
        <f t="shared" si="113"/>
        <v/>
      </c>
      <c r="BJ245" s="402" t="str">
        <f t="shared" si="114"/>
        <v/>
      </c>
      <c r="BK245" s="402" t="str">
        <f t="shared" si="115"/>
        <v/>
      </c>
      <c r="BL245" s="402" t="str">
        <f t="shared" si="116"/>
        <v/>
      </c>
      <c r="BM245" s="402" t="str">
        <f t="shared" si="117"/>
        <v/>
      </c>
      <c r="BN245" s="402" t="str">
        <f t="shared" si="118"/>
        <v/>
      </c>
      <c r="BO245" s="402" t="str">
        <f t="shared" si="119"/>
        <v/>
      </c>
      <c r="BP245" s="402" t="str">
        <f t="shared" si="120"/>
        <v/>
      </c>
      <c r="BQ245" s="402" t="str">
        <f t="shared" si="121"/>
        <v/>
      </c>
      <c r="BR245" s="402" t="str">
        <f t="shared" si="122"/>
        <v/>
      </c>
      <c r="BS245" s="402" t="str">
        <f t="shared" si="123"/>
        <v/>
      </c>
      <c r="BT245" s="402">
        <f t="shared" si="124"/>
        <v>176399.58888018795</v>
      </c>
      <c r="BU245" s="402">
        <f t="shared" si="125"/>
        <v>22761.23727486296</v>
      </c>
      <c r="BV245" s="402">
        <f t="shared" si="126"/>
        <v>22761.23727486296</v>
      </c>
      <c r="BW245" s="402">
        <f t="shared" si="127"/>
        <v>68738.936570086138</v>
      </c>
      <c r="BX245" s="402" t="str">
        <f t="shared" si="128"/>
        <v/>
      </c>
      <c r="BY245" s="402" t="str">
        <f t="shared" si="129"/>
        <v/>
      </c>
      <c r="BZ245" s="402" t="str">
        <f t="shared" si="130"/>
        <v/>
      </c>
      <c r="CA245" s="402" t="str">
        <f t="shared" si="131"/>
        <v/>
      </c>
      <c r="CB245" s="402" t="str">
        <f t="shared" si="132"/>
        <v/>
      </c>
      <c r="CC245" s="402" t="str">
        <f t="shared" si="133"/>
        <v/>
      </c>
      <c r="CD245" s="402" t="str">
        <f t="shared" si="134"/>
        <v/>
      </c>
      <c r="CE245" s="402" t="str">
        <f t="shared" si="135"/>
        <v/>
      </c>
      <c r="CF245" s="402" t="str">
        <f t="shared" si="136"/>
        <v/>
      </c>
      <c r="CG245" s="402" t="str">
        <f t="shared" si="137"/>
        <v/>
      </c>
      <c r="CH245" s="402"/>
      <c r="CI245" s="402"/>
      <c r="CJ245" s="402"/>
      <c r="CK245" s="402"/>
      <c r="CL245" s="402"/>
      <c r="CM245" s="402"/>
      <c r="CN245" s="402"/>
      <c r="CO245" s="402"/>
      <c r="CP245" s="402"/>
      <c r="CQ245" s="402"/>
      <c r="CR245" s="402"/>
      <c r="CS245" s="402"/>
      <c r="CT245" s="402"/>
      <c r="CU245" s="402"/>
      <c r="CV245" s="402"/>
      <c r="CW245" s="402"/>
      <c r="CX245" s="402"/>
      <c r="CY245" s="402"/>
      <c r="CZ245" s="402"/>
      <c r="DA245" s="402"/>
      <c r="DB245" s="402"/>
      <c r="DC245" s="402"/>
      <c r="DD245" s="309" t="s">
        <v>660</v>
      </c>
      <c r="DE245" s="309"/>
      <c r="DF245" s="404" t="s">
        <v>661</v>
      </c>
    </row>
    <row r="246" spans="3:110" s="401" customFormat="1" ht="56.1" customHeight="1" x14ac:dyDescent="0.2">
      <c r="C246" s="420">
        <v>605</v>
      </c>
      <c r="D246" s="420" t="s">
        <v>2481</v>
      </c>
      <c r="E246" s="96" t="s">
        <v>53</v>
      </c>
      <c r="F246" s="96" t="s">
        <v>655</v>
      </c>
      <c r="G246" s="310" t="s">
        <v>656</v>
      </c>
      <c r="H246" s="310" t="s">
        <v>670</v>
      </c>
      <c r="I246" s="310" t="s">
        <v>671</v>
      </c>
      <c r="J246" s="310"/>
      <c r="K246" s="310" t="s">
        <v>86</v>
      </c>
      <c r="L246" s="310" t="s">
        <v>63</v>
      </c>
      <c r="M246" s="407" t="s">
        <v>81</v>
      </c>
      <c r="N246" s="310" t="s">
        <v>77</v>
      </c>
      <c r="O246" s="407" t="s">
        <v>225</v>
      </c>
      <c r="P246" s="309" t="s">
        <v>63</v>
      </c>
      <c r="Q246" s="309" t="s">
        <v>63</v>
      </c>
      <c r="R246" s="309">
        <v>163011</v>
      </c>
      <c r="S246" s="309">
        <f t="shared" si="138"/>
        <v>163011</v>
      </c>
      <c r="T246" s="309" t="s">
        <v>659</v>
      </c>
      <c r="U246" s="309" t="s">
        <v>65</v>
      </c>
      <c r="V246" s="309"/>
      <c r="W246" s="309"/>
      <c r="X246" s="309"/>
      <c r="Y246" s="309"/>
      <c r="Z246" s="309"/>
      <c r="AA246" s="309"/>
      <c r="AB246" s="309"/>
      <c r="AC246" s="309"/>
      <c r="AD246" s="309"/>
      <c r="AE246" s="309"/>
      <c r="AF246" s="309"/>
      <c r="AG246" s="309"/>
      <c r="AH246" s="309"/>
      <c r="AI246" s="309"/>
      <c r="AJ246" s="309"/>
      <c r="AK246" s="309"/>
      <c r="AL246" s="309"/>
      <c r="AM246" s="402" t="s">
        <v>66</v>
      </c>
      <c r="AN246" s="402" t="s">
        <v>66</v>
      </c>
      <c r="AO246" s="402" t="s">
        <v>66</v>
      </c>
      <c r="AP246" s="402" t="s">
        <v>66</v>
      </c>
      <c r="AQ246" s="309"/>
      <c r="AR246" s="309"/>
      <c r="AS246" s="309"/>
      <c r="AT246" s="309"/>
      <c r="AU246" s="309"/>
      <c r="AV246" s="309"/>
      <c r="AW246" s="309"/>
      <c r="AX246" s="309"/>
      <c r="AY246" s="309"/>
      <c r="AZ246" s="309"/>
      <c r="BA246" s="308">
        <f t="shared" si="106"/>
        <v>1277</v>
      </c>
      <c r="BB246" s="309">
        <f t="shared" si="139"/>
        <v>127.65152701644479</v>
      </c>
      <c r="BC246" s="402" t="str">
        <f t="shared" si="107"/>
        <v/>
      </c>
      <c r="BD246" s="402" t="str">
        <f t="shared" si="108"/>
        <v/>
      </c>
      <c r="BE246" s="402" t="str">
        <f t="shared" si="109"/>
        <v/>
      </c>
      <c r="BF246" s="402" t="str">
        <f t="shared" si="110"/>
        <v/>
      </c>
      <c r="BG246" s="402" t="str">
        <f t="shared" si="111"/>
        <v/>
      </c>
      <c r="BH246" s="402" t="str">
        <f t="shared" si="112"/>
        <v/>
      </c>
      <c r="BI246" s="402" t="str">
        <f t="shared" si="113"/>
        <v/>
      </c>
      <c r="BJ246" s="402" t="str">
        <f t="shared" si="114"/>
        <v/>
      </c>
      <c r="BK246" s="402" t="str">
        <f t="shared" si="115"/>
        <v/>
      </c>
      <c r="BL246" s="402" t="str">
        <f t="shared" si="116"/>
        <v/>
      </c>
      <c r="BM246" s="402" t="str">
        <f t="shared" si="117"/>
        <v/>
      </c>
      <c r="BN246" s="402" t="str">
        <f t="shared" si="118"/>
        <v/>
      </c>
      <c r="BO246" s="402" t="str">
        <f t="shared" si="119"/>
        <v/>
      </c>
      <c r="BP246" s="402" t="str">
        <f t="shared" si="120"/>
        <v/>
      </c>
      <c r="BQ246" s="402" t="str">
        <f t="shared" si="121"/>
        <v/>
      </c>
      <c r="BR246" s="402" t="str">
        <f t="shared" si="122"/>
        <v/>
      </c>
      <c r="BS246" s="402" t="str">
        <f t="shared" si="123"/>
        <v/>
      </c>
      <c r="BT246" s="402">
        <f t="shared" si="124"/>
        <v>98929.933437744708</v>
      </c>
      <c r="BU246" s="402">
        <f t="shared" si="125"/>
        <v>12765.152701644478</v>
      </c>
      <c r="BV246" s="402">
        <f t="shared" si="126"/>
        <v>12765.152701644478</v>
      </c>
      <c r="BW246" s="402">
        <f t="shared" si="127"/>
        <v>38550.761158966328</v>
      </c>
      <c r="BX246" s="402" t="str">
        <f t="shared" si="128"/>
        <v/>
      </c>
      <c r="BY246" s="402" t="str">
        <f t="shared" si="129"/>
        <v/>
      </c>
      <c r="BZ246" s="402" t="str">
        <f t="shared" si="130"/>
        <v/>
      </c>
      <c r="CA246" s="402" t="str">
        <f t="shared" si="131"/>
        <v/>
      </c>
      <c r="CB246" s="402" t="str">
        <f t="shared" si="132"/>
        <v/>
      </c>
      <c r="CC246" s="402" t="str">
        <f t="shared" si="133"/>
        <v/>
      </c>
      <c r="CD246" s="402" t="str">
        <f t="shared" si="134"/>
        <v/>
      </c>
      <c r="CE246" s="402" t="str">
        <f t="shared" si="135"/>
        <v/>
      </c>
      <c r="CF246" s="402" t="str">
        <f t="shared" si="136"/>
        <v/>
      </c>
      <c r="CG246" s="402" t="str">
        <f t="shared" si="137"/>
        <v/>
      </c>
      <c r="CH246" s="402"/>
      <c r="CI246" s="402"/>
      <c r="CJ246" s="402"/>
      <c r="CK246" s="402"/>
      <c r="CL246" s="402"/>
      <c r="CM246" s="402"/>
      <c r="CN246" s="402"/>
      <c r="CO246" s="402"/>
      <c r="CP246" s="402"/>
      <c r="CQ246" s="402"/>
      <c r="CR246" s="402"/>
      <c r="CS246" s="402"/>
      <c r="CT246" s="402"/>
      <c r="CU246" s="402"/>
      <c r="CV246" s="402"/>
      <c r="CW246" s="402"/>
      <c r="CX246" s="402"/>
      <c r="CY246" s="402"/>
      <c r="CZ246" s="402"/>
      <c r="DA246" s="402"/>
      <c r="DB246" s="402"/>
      <c r="DC246" s="402"/>
      <c r="DD246" s="309" t="s">
        <v>660</v>
      </c>
      <c r="DE246" s="309"/>
      <c r="DF246" s="404" t="s">
        <v>661</v>
      </c>
    </row>
    <row r="247" spans="3:110" s="401" customFormat="1" ht="56.1" customHeight="1" x14ac:dyDescent="0.2">
      <c r="C247" s="420">
        <v>606</v>
      </c>
      <c r="D247" s="420" t="s">
        <v>2481</v>
      </c>
      <c r="E247" s="96" t="s">
        <v>53</v>
      </c>
      <c r="F247" s="96" t="s">
        <v>655</v>
      </c>
      <c r="G247" s="310" t="s">
        <v>656</v>
      </c>
      <c r="H247" s="310" t="s">
        <v>672</v>
      </c>
      <c r="I247" s="310" t="s">
        <v>673</v>
      </c>
      <c r="J247" s="310"/>
      <c r="K247" s="310" t="s">
        <v>86</v>
      </c>
      <c r="L247" s="310" t="s">
        <v>63</v>
      </c>
      <c r="M247" s="407" t="s">
        <v>81</v>
      </c>
      <c r="N247" s="310" t="s">
        <v>77</v>
      </c>
      <c r="O247" s="407" t="s">
        <v>225</v>
      </c>
      <c r="P247" s="309" t="s">
        <v>63</v>
      </c>
      <c r="Q247" s="309" t="s">
        <v>63</v>
      </c>
      <c r="R247" s="309">
        <v>112854</v>
      </c>
      <c r="S247" s="309">
        <f t="shared" si="138"/>
        <v>112854</v>
      </c>
      <c r="T247" s="309" t="s">
        <v>659</v>
      </c>
      <c r="U247" s="309" t="s">
        <v>65</v>
      </c>
      <c r="V247" s="309"/>
      <c r="W247" s="309"/>
      <c r="X247" s="309"/>
      <c r="Y247" s="309"/>
      <c r="Z247" s="309"/>
      <c r="AA247" s="309"/>
      <c r="AB247" s="309"/>
      <c r="AC247" s="309"/>
      <c r="AD247" s="309"/>
      <c r="AE247" s="309"/>
      <c r="AF247" s="309"/>
      <c r="AG247" s="309"/>
      <c r="AH247" s="309"/>
      <c r="AI247" s="309"/>
      <c r="AJ247" s="309"/>
      <c r="AK247" s="309"/>
      <c r="AL247" s="309"/>
      <c r="AM247" s="402" t="s">
        <v>66</v>
      </c>
      <c r="AN247" s="402" t="s">
        <v>66</v>
      </c>
      <c r="AO247" s="402" t="s">
        <v>66</v>
      </c>
      <c r="AP247" s="402" t="s">
        <v>66</v>
      </c>
      <c r="AQ247" s="309"/>
      <c r="AR247" s="309"/>
      <c r="AS247" s="309"/>
      <c r="AT247" s="309"/>
      <c r="AU247" s="309"/>
      <c r="AV247" s="309"/>
      <c r="AW247" s="309"/>
      <c r="AX247" s="309"/>
      <c r="AY247" s="309"/>
      <c r="AZ247" s="309"/>
      <c r="BA247" s="308">
        <f t="shared" si="106"/>
        <v>1277</v>
      </c>
      <c r="BB247" s="309">
        <f t="shared" si="139"/>
        <v>88.374314800313229</v>
      </c>
      <c r="BC247" s="402" t="str">
        <f t="shared" si="107"/>
        <v/>
      </c>
      <c r="BD247" s="402" t="str">
        <f t="shared" si="108"/>
        <v/>
      </c>
      <c r="BE247" s="402" t="str">
        <f t="shared" si="109"/>
        <v/>
      </c>
      <c r="BF247" s="402" t="str">
        <f t="shared" si="110"/>
        <v/>
      </c>
      <c r="BG247" s="402" t="str">
        <f t="shared" si="111"/>
        <v/>
      </c>
      <c r="BH247" s="402" t="str">
        <f t="shared" si="112"/>
        <v/>
      </c>
      <c r="BI247" s="402" t="str">
        <f t="shared" si="113"/>
        <v/>
      </c>
      <c r="BJ247" s="402" t="str">
        <f t="shared" si="114"/>
        <v/>
      </c>
      <c r="BK247" s="402" t="str">
        <f t="shared" si="115"/>
        <v/>
      </c>
      <c r="BL247" s="402" t="str">
        <f t="shared" si="116"/>
        <v/>
      </c>
      <c r="BM247" s="402" t="str">
        <f t="shared" si="117"/>
        <v/>
      </c>
      <c r="BN247" s="402" t="str">
        <f t="shared" si="118"/>
        <v/>
      </c>
      <c r="BO247" s="402" t="str">
        <f t="shared" si="119"/>
        <v/>
      </c>
      <c r="BP247" s="402" t="str">
        <f t="shared" si="120"/>
        <v/>
      </c>
      <c r="BQ247" s="402" t="str">
        <f t="shared" si="121"/>
        <v/>
      </c>
      <c r="BR247" s="402" t="str">
        <f t="shared" si="122"/>
        <v/>
      </c>
      <c r="BS247" s="402" t="str">
        <f t="shared" si="123"/>
        <v/>
      </c>
      <c r="BT247" s="402">
        <f t="shared" si="124"/>
        <v>68490.093970242757</v>
      </c>
      <c r="BU247" s="402">
        <f t="shared" si="125"/>
        <v>8837.4314800313223</v>
      </c>
      <c r="BV247" s="402">
        <f t="shared" si="126"/>
        <v>8837.4314800313223</v>
      </c>
      <c r="BW247" s="402">
        <f t="shared" si="127"/>
        <v>26689.043069694595</v>
      </c>
      <c r="BX247" s="402" t="str">
        <f t="shared" si="128"/>
        <v/>
      </c>
      <c r="BY247" s="402" t="str">
        <f t="shared" si="129"/>
        <v/>
      </c>
      <c r="BZ247" s="402" t="str">
        <f t="shared" si="130"/>
        <v/>
      </c>
      <c r="CA247" s="402" t="str">
        <f t="shared" si="131"/>
        <v/>
      </c>
      <c r="CB247" s="402" t="str">
        <f t="shared" si="132"/>
        <v/>
      </c>
      <c r="CC247" s="402" t="str">
        <f t="shared" si="133"/>
        <v/>
      </c>
      <c r="CD247" s="402" t="str">
        <f t="shared" si="134"/>
        <v/>
      </c>
      <c r="CE247" s="402" t="str">
        <f t="shared" si="135"/>
        <v/>
      </c>
      <c r="CF247" s="402" t="str">
        <f t="shared" si="136"/>
        <v/>
      </c>
      <c r="CG247" s="402" t="str">
        <f t="shared" si="137"/>
        <v/>
      </c>
      <c r="CH247" s="402"/>
      <c r="CI247" s="402"/>
      <c r="CJ247" s="402"/>
      <c r="CK247" s="402"/>
      <c r="CL247" s="402"/>
      <c r="CM247" s="402"/>
      <c r="CN247" s="402"/>
      <c r="CO247" s="402"/>
      <c r="CP247" s="402"/>
      <c r="CQ247" s="402"/>
      <c r="CR247" s="402"/>
      <c r="CS247" s="402"/>
      <c r="CT247" s="402"/>
      <c r="CU247" s="402"/>
      <c r="CV247" s="402"/>
      <c r="CW247" s="402"/>
      <c r="CX247" s="402"/>
      <c r="CY247" s="402"/>
      <c r="CZ247" s="402"/>
      <c r="DA247" s="402"/>
      <c r="DB247" s="402"/>
      <c r="DC247" s="402"/>
      <c r="DD247" s="309" t="s">
        <v>660</v>
      </c>
      <c r="DE247" s="309"/>
      <c r="DF247" s="404" t="s">
        <v>661</v>
      </c>
    </row>
    <row r="248" spans="3:110" s="401" customFormat="1" ht="56.1" customHeight="1" x14ac:dyDescent="0.2">
      <c r="C248" s="420">
        <v>607</v>
      </c>
      <c r="D248" s="420" t="s">
        <v>2481</v>
      </c>
      <c r="E248" s="96" t="s">
        <v>53</v>
      </c>
      <c r="F248" s="96" t="s">
        <v>655</v>
      </c>
      <c r="G248" s="310" t="s">
        <v>656</v>
      </c>
      <c r="H248" s="310" t="s">
        <v>674</v>
      </c>
      <c r="I248" s="310" t="s">
        <v>675</v>
      </c>
      <c r="J248" s="310"/>
      <c r="K248" s="310" t="s">
        <v>86</v>
      </c>
      <c r="L248" s="310" t="s">
        <v>63</v>
      </c>
      <c r="M248" s="407" t="s">
        <v>81</v>
      </c>
      <c r="N248" s="310" t="s">
        <v>77</v>
      </c>
      <c r="O248" s="407" t="s">
        <v>225</v>
      </c>
      <c r="P248" s="309" t="s">
        <v>63</v>
      </c>
      <c r="Q248" s="309" t="s">
        <v>63</v>
      </c>
      <c r="R248" s="309">
        <v>56427</v>
      </c>
      <c r="S248" s="309">
        <f t="shared" si="138"/>
        <v>56427</v>
      </c>
      <c r="T248" s="309" t="s">
        <v>659</v>
      </c>
      <c r="U248" s="309" t="s">
        <v>65</v>
      </c>
      <c r="V248" s="309"/>
      <c r="W248" s="309"/>
      <c r="X248" s="309"/>
      <c r="Y248" s="309"/>
      <c r="Z248" s="309"/>
      <c r="AA248" s="309"/>
      <c r="AB248" s="309"/>
      <c r="AC248" s="309"/>
      <c r="AD248" s="309"/>
      <c r="AE248" s="309"/>
      <c r="AF248" s="309"/>
      <c r="AG248" s="309"/>
      <c r="AH248" s="309"/>
      <c r="AI248" s="309"/>
      <c r="AJ248" s="309"/>
      <c r="AK248" s="309"/>
      <c r="AL248" s="309"/>
      <c r="AM248" s="402" t="s">
        <v>66</v>
      </c>
      <c r="AN248" s="402" t="s">
        <v>66</v>
      </c>
      <c r="AO248" s="402" t="s">
        <v>66</v>
      </c>
      <c r="AP248" s="402" t="s">
        <v>66</v>
      </c>
      <c r="AQ248" s="309"/>
      <c r="AR248" s="309"/>
      <c r="AS248" s="309"/>
      <c r="AT248" s="309"/>
      <c r="AU248" s="309"/>
      <c r="AV248" s="309"/>
      <c r="AW248" s="309"/>
      <c r="AX248" s="309"/>
      <c r="AY248" s="309"/>
      <c r="AZ248" s="309"/>
      <c r="BA248" s="308">
        <f t="shared" si="106"/>
        <v>1277</v>
      </c>
      <c r="BB248" s="309">
        <f t="shared" si="139"/>
        <v>44.187157400156615</v>
      </c>
      <c r="BC248" s="402" t="str">
        <f t="shared" si="107"/>
        <v/>
      </c>
      <c r="BD248" s="402" t="str">
        <f t="shared" si="108"/>
        <v/>
      </c>
      <c r="BE248" s="402" t="str">
        <f t="shared" si="109"/>
        <v/>
      </c>
      <c r="BF248" s="402" t="str">
        <f t="shared" si="110"/>
        <v/>
      </c>
      <c r="BG248" s="402" t="str">
        <f t="shared" si="111"/>
        <v/>
      </c>
      <c r="BH248" s="402" t="str">
        <f t="shared" si="112"/>
        <v/>
      </c>
      <c r="BI248" s="402" t="str">
        <f t="shared" si="113"/>
        <v/>
      </c>
      <c r="BJ248" s="402" t="str">
        <f t="shared" si="114"/>
        <v/>
      </c>
      <c r="BK248" s="402" t="str">
        <f t="shared" si="115"/>
        <v/>
      </c>
      <c r="BL248" s="402" t="str">
        <f t="shared" si="116"/>
        <v/>
      </c>
      <c r="BM248" s="402" t="str">
        <f t="shared" si="117"/>
        <v/>
      </c>
      <c r="BN248" s="402" t="str">
        <f t="shared" si="118"/>
        <v/>
      </c>
      <c r="BO248" s="402" t="str">
        <f t="shared" si="119"/>
        <v/>
      </c>
      <c r="BP248" s="402" t="str">
        <f t="shared" si="120"/>
        <v/>
      </c>
      <c r="BQ248" s="402" t="str">
        <f t="shared" si="121"/>
        <v/>
      </c>
      <c r="BR248" s="402" t="str">
        <f t="shared" si="122"/>
        <v/>
      </c>
      <c r="BS248" s="402" t="str">
        <f t="shared" si="123"/>
        <v/>
      </c>
      <c r="BT248" s="402">
        <f t="shared" si="124"/>
        <v>34245.046985121378</v>
      </c>
      <c r="BU248" s="402">
        <f t="shared" si="125"/>
        <v>4418.7157400156611</v>
      </c>
      <c r="BV248" s="402">
        <f t="shared" si="126"/>
        <v>4418.7157400156611</v>
      </c>
      <c r="BW248" s="402">
        <f t="shared" si="127"/>
        <v>13344.521534847298</v>
      </c>
      <c r="BX248" s="402" t="str">
        <f t="shared" si="128"/>
        <v/>
      </c>
      <c r="BY248" s="402" t="str">
        <f t="shared" si="129"/>
        <v/>
      </c>
      <c r="BZ248" s="402" t="str">
        <f t="shared" si="130"/>
        <v/>
      </c>
      <c r="CA248" s="402" t="str">
        <f t="shared" si="131"/>
        <v/>
      </c>
      <c r="CB248" s="402" t="str">
        <f t="shared" si="132"/>
        <v/>
      </c>
      <c r="CC248" s="402" t="str">
        <f t="shared" si="133"/>
        <v/>
      </c>
      <c r="CD248" s="402" t="str">
        <f t="shared" si="134"/>
        <v/>
      </c>
      <c r="CE248" s="402" t="str">
        <f t="shared" si="135"/>
        <v/>
      </c>
      <c r="CF248" s="402" t="str">
        <f t="shared" si="136"/>
        <v/>
      </c>
      <c r="CG248" s="402" t="str">
        <f t="shared" si="137"/>
        <v/>
      </c>
      <c r="CH248" s="402"/>
      <c r="CI248" s="402"/>
      <c r="CJ248" s="402"/>
      <c r="CK248" s="402"/>
      <c r="CL248" s="402"/>
      <c r="CM248" s="402"/>
      <c r="CN248" s="402"/>
      <c r="CO248" s="402"/>
      <c r="CP248" s="402"/>
      <c r="CQ248" s="402"/>
      <c r="CR248" s="402"/>
      <c r="CS248" s="402"/>
      <c r="CT248" s="402"/>
      <c r="CU248" s="402"/>
      <c r="CV248" s="402"/>
      <c r="CW248" s="402"/>
      <c r="CX248" s="402"/>
      <c r="CY248" s="402"/>
      <c r="CZ248" s="402"/>
      <c r="DA248" s="402"/>
      <c r="DB248" s="402"/>
      <c r="DC248" s="402"/>
      <c r="DD248" s="309" t="s">
        <v>660</v>
      </c>
      <c r="DE248" s="309"/>
      <c r="DF248" s="404" t="s">
        <v>661</v>
      </c>
    </row>
    <row r="249" spans="3:110" s="401" customFormat="1" ht="56.1" customHeight="1" x14ac:dyDescent="0.2">
      <c r="C249" s="420">
        <v>608</v>
      </c>
      <c r="D249" s="420" t="s">
        <v>2481</v>
      </c>
      <c r="E249" s="96" t="s">
        <v>53</v>
      </c>
      <c r="F249" s="96" t="s">
        <v>655</v>
      </c>
      <c r="G249" s="310" t="s">
        <v>656</v>
      </c>
      <c r="H249" s="310" t="s">
        <v>676</v>
      </c>
      <c r="I249" s="310" t="s">
        <v>677</v>
      </c>
      <c r="J249" s="310"/>
      <c r="K249" s="310" t="s">
        <v>86</v>
      </c>
      <c r="L249" s="310" t="s">
        <v>63</v>
      </c>
      <c r="M249" s="407" t="s">
        <v>81</v>
      </c>
      <c r="N249" s="310" t="s">
        <v>77</v>
      </c>
      <c r="O249" s="407" t="s">
        <v>225</v>
      </c>
      <c r="P249" s="309" t="s">
        <v>63</v>
      </c>
      <c r="Q249" s="309" t="s">
        <v>63</v>
      </c>
      <c r="R249" s="309">
        <v>75236</v>
      </c>
      <c r="S249" s="309">
        <f t="shared" si="138"/>
        <v>75236</v>
      </c>
      <c r="T249" s="309" t="s">
        <v>659</v>
      </c>
      <c r="U249" s="309" t="s">
        <v>65</v>
      </c>
      <c r="V249" s="309"/>
      <c r="W249" s="309"/>
      <c r="X249" s="309"/>
      <c r="Y249" s="309"/>
      <c r="Z249" s="309"/>
      <c r="AA249" s="309"/>
      <c r="AB249" s="309"/>
      <c r="AC249" s="309"/>
      <c r="AD249" s="309"/>
      <c r="AE249" s="309"/>
      <c r="AF249" s="309"/>
      <c r="AG249" s="309"/>
      <c r="AH249" s="309"/>
      <c r="AI249" s="309"/>
      <c r="AJ249" s="309"/>
      <c r="AK249" s="309"/>
      <c r="AL249" s="309"/>
      <c r="AM249" s="402" t="s">
        <v>66</v>
      </c>
      <c r="AN249" s="402" t="s">
        <v>66</v>
      </c>
      <c r="AO249" s="402" t="s">
        <v>66</v>
      </c>
      <c r="AP249" s="402" t="s">
        <v>66</v>
      </c>
      <c r="AQ249" s="309"/>
      <c r="AR249" s="309"/>
      <c r="AS249" s="309"/>
      <c r="AT249" s="309"/>
      <c r="AU249" s="309"/>
      <c r="AV249" s="309"/>
      <c r="AW249" s="309"/>
      <c r="AX249" s="309"/>
      <c r="AY249" s="309"/>
      <c r="AZ249" s="309"/>
      <c r="BA249" s="308">
        <f t="shared" si="106"/>
        <v>1277</v>
      </c>
      <c r="BB249" s="309">
        <f t="shared" si="139"/>
        <v>58.916209866875491</v>
      </c>
      <c r="BC249" s="402" t="str">
        <f t="shared" si="107"/>
        <v/>
      </c>
      <c r="BD249" s="402" t="str">
        <f t="shared" si="108"/>
        <v/>
      </c>
      <c r="BE249" s="402" t="str">
        <f t="shared" si="109"/>
        <v/>
      </c>
      <c r="BF249" s="402" t="str">
        <f t="shared" si="110"/>
        <v/>
      </c>
      <c r="BG249" s="402" t="str">
        <f t="shared" si="111"/>
        <v/>
      </c>
      <c r="BH249" s="402" t="str">
        <f t="shared" si="112"/>
        <v/>
      </c>
      <c r="BI249" s="402" t="str">
        <f t="shared" si="113"/>
        <v/>
      </c>
      <c r="BJ249" s="402" t="str">
        <f t="shared" si="114"/>
        <v/>
      </c>
      <c r="BK249" s="402" t="str">
        <f t="shared" si="115"/>
        <v/>
      </c>
      <c r="BL249" s="402" t="str">
        <f t="shared" si="116"/>
        <v/>
      </c>
      <c r="BM249" s="402" t="str">
        <f t="shared" si="117"/>
        <v/>
      </c>
      <c r="BN249" s="402" t="str">
        <f t="shared" si="118"/>
        <v/>
      </c>
      <c r="BO249" s="402" t="str">
        <f t="shared" si="119"/>
        <v/>
      </c>
      <c r="BP249" s="402" t="str">
        <f t="shared" si="120"/>
        <v/>
      </c>
      <c r="BQ249" s="402" t="str">
        <f t="shared" si="121"/>
        <v/>
      </c>
      <c r="BR249" s="402" t="str">
        <f t="shared" si="122"/>
        <v/>
      </c>
      <c r="BS249" s="402" t="str">
        <f t="shared" si="123"/>
        <v/>
      </c>
      <c r="BT249" s="402">
        <f t="shared" si="124"/>
        <v>45660.062646828505</v>
      </c>
      <c r="BU249" s="402">
        <f t="shared" si="125"/>
        <v>5891.6209866875488</v>
      </c>
      <c r="BV249" s="402">
        <f t="shared" si="126"/>
        <v>5891.6209866875488</v>
      </c>
      <c r="BW249" s="402">
        <f t="shared" si="127"/>
        <v>17792.695379796398</v>
      </c>
      <c r="BX249" s="402" t="str">
        <f t="shared" si="128"/>
        <v/>
      </c>
      <c r="BY249" s="402" t="str">
        <f t="shared" si="129"/>
        <v/>
      </c>
      <c r="BZ249" s="402" t="str">
        <f t="shared" si="130"/>
        <v/>
      </c>
      <c r="CA249" s="402" t="str">
        <f t="shared" si="131"/>
        <v/>
      </c>
      <c r="CB249" s="402" t="str">
        <f t="shared" si="132"/>
        <v/>
      </c>
      <c r="CC249" s="402" t="str">
        <f t="shared" si="133"/>
        <v/>
      </c>
      <c r="CD249" s="402" t="str">
        <f t="shared" si="134"/>
        <v/>
      </c>
      <c r="CE249" s="402" t="str">
        <f t="shared" si="135"/>
        <v/>
      </c>
      <c r="CF249" s="402" t="str">
        <f t="shared" si="136"/>
        <v/>
      </c>
      <c r="CG249" s="402" t="str">
        <f t="shared" si="137"/>
        <v/>
      </c>
      <c r="CH249" s="402"/>
      <c r="CI249" s="402"/>
      <c r="CJ249" s="402"/>
      <c r="CK249" s="402"/>
      <c r="CL249" s="402"/>
      <c r="CM249" s="402"/>
      <c r="CN249" s="402"/>
      <c r="CO249" s="402"/>
      <c r="CP249" s="402"/>
      <c r="CQ249" s="402"/>
      <c r="CR249" s="402"/>
      <c r="CS249" s="402"/>
      <c r="CT249" s="402"/>
      <c r="CU249" s="402"/>
      <c r="CV249" s="402"/>
      <c r="CW249" s="402"/>
      <c r="CX249" s="402"/>
      <c r="CY249" s="402"/>
      <c r="CZ249" s="402"/>
      <c r="DA249" s="402"/>
      <c r="DB249" s="402"/>
      <c r="DC249" s="402"/>
      <c r="DD249" s="309" t="s">
        <v>660</v>
      </c>
      <c r="DE249" s="309"/>
      <c r="DF249" s="404" t="s">
        <v>661</v>
      </c>
    </row>
    <row r="250" spans="3:110" s="401" customFormat="1" ht="56.1" customHeight="1" x14ac:dyDescent="0.2">
      <c r="C250" s="420">
        <v>609</v>
      </c>
      <c r="D250" s="420" t="s">
        <v>2481</v>
      </c>
      <c r="E250" s="96" t="s">
        <v>53</v>
      </c>
      <c r="F250" s="96" t="s">
        <v>655</v>
      </c>
      <c r="G250" s="310" t="s">
        <v>656</v>
      </c>
      <c r="H250" s="310" t="s">
        <v>678</v>
      </c>
      <c r="I250" s="310" t="s">
        <v>679</v>
      </c>
      <c r="J250" s="310"/>
      <c r="K250" s="310" t="s">
        <v>86</v>
      </c>
      <c r="L250" s="310" t="s">
        <v>63</v>
      </c>
      <c r="M250" s="407" t="s">
        <v>81</v>
      </c>
      <c r="N250" s="310" t="s">
        <v>77</v>
      </c>
      <c r="O250" s="407" t="s">
        <v>225</v>
      </c>
      <c r="P250" s="309" t="s">
        <v>63</v>
      </c>
      <c r="Q250" s="309" t="s">
        <v>63</v>
      </c>
      <c r="R250" s="309">
        <v>43888</v>
      </c>
      <c r="S250" s="309">
        <f t="shared" si="138"/>
        <v>43888</v>
      </c>
      <c r="T250" s="309" t="s">
        <v>659</v>
      </c>
      <c r="U250" s="309" t="s">
        <v>65</v>
      </c>
      <c r="V250" s="309"/>
      <c r="W250" s="309"/>
      <c r="X250" s="309"/>
      <c r="Y250" s="309"/>
      <c r="Z250" s="309"/>
      <c r="AA250" s="309"/>
      <c r="AB250" s="309"/>
      <c r="AC250" s="309"/>
      <c r="AD250" s="309"/>
      <c r="AE250" s="309"/>
      <c r="AF250" s="309"/>
      <c r="AG250" s="309"/>
      <c r="AH250" s="309"/>
      <c r="AI250" s="309"/>
      <c r="AJ250" s="309"/>
      <c r="AK250" s="309"/>
      <c r="AL250" s="309"/>
      <c r="AM250" s="402" t="s">
        <v>66</v>
      </c>
      <c r="AN250" s="402" t="s">
        <v>66</v>
      </c>
      <c r="AO250" s="402" t="s">
        <v>66</v>
      </c>
      <c r="AP250" s="402" t="s">
        <v>66</v>
      </c>
      <c r="AQ250" s="309"/>
      <c r="AR250" s="309"/>
      <c r="AS250" s="309"/>
      <c r="AT250" s="309"/>
      <c r="AU250" s="309"/>
      <c r="AV250" s="309"/>
      <c r="AW250" s="309"/>
      <c r="AX250" s="309"/>
      <c r="AY250" s="309"/>
      <c r="AZ250" s="309"/>
      <c r="BA250" s="308">
        <f t="shared" si="106"/>
        <v>1277</v>
      </c>
      <c r="BB250" s="309">
        <f t="shared" si="139"/>
        <v>34.368050117462801</v>
      </c>
      <c r="BC250" s="402" t="str">
        <f t="shared" si="107"/>
        <v/>
      </c>
      <c r="BD250" s="402" t="str">
        <f t="shared" si="108"/>
        <v/>
      </c>
      <c r="BE250" s="402" t="str">
        <f t="shared" si="109"/>
        <v/>
      </c>
      <c r="BF250" s="402" t="str">
        <f t="shared" si="110"/>
        <v/>
      </c>
      <c r="BG250" s="402" t="str">
        <f t="shared" si="111"/>
        <v/>
      </c>
      <c r="BH250" s="402" t="str">
        <f t="shared" si="112"/>
        <v/>
      </c>
      <c r="BI250" s="402" t="str">
        <f t="shared" si="113"/>
        <v/>
      </c>
      <c r="BJ250" s="402" t="str">
        <f t="shared" si="114"/>
        <v/>
      </c>
      <c r="BK250" s="402" t="str">
        <f t="shared" si="115"/>
        <v/>
      </c>
      <c r="BL250" s="402" t="str">
        <f t="shared" si="116"/>
        <v/>
      </c>
      <c r="BM250" s="402" t="str">
        <f t="shared" si="117"/>
        <v/>
      </c>
      <c r="BN250" s="402" t="str">
        <f t="shared" si="118"/>
        <v/>
      </c>
      <c r="BO250" s="402" t="str">
        <f t="shared" si="119"/>
        <v/>
      </c>
      <c r="BP250" s="402" t="str">
        <f t="shared" si="120"/>
        <v/>
      </c>
      <c r="BQ250" s="402" t="str">
        <f t="shared" si="121"/>
        <v/>
      </c>
      <c r="BR250" s="402" t="str">
        <f t="shared" si="122"/>
        <v/>
      </c>
      <c r="BS250" s="402" t="str">
        <f t="shared" si="123"/>
        <v/>
      </c>
      <c r="BT250" s="402">
        <f t="shared" si="124"/>
        <v>26635.238841033672</v>
      </c>
      <c r="BU250" s="402">
        <f t="shared" si="125"/>
        <v>3436.8050117462799</v>
      </c>
      <c r="BV250" s="402">
        <f t="shared" si="126"/>
        <v>3436.8050117462799</v>
      </c>
      <c r="BW250" s="402">
        <f t="shared" si="127"/>
        <v>10379.151135473765</v>
      </c>
      <c r="BX250" s="402" t="str">
        <f t="shared" si="128"/>
        <v/>
      </c>
      <c r="BY250" s="402" t="str">
        <f t="shared" si="129"/>
        <v/>
      </c>
      <c r="BZ250" s="402" t="str">
        <f t="shared" si="130"/>
        <v/>
      </c>
      <c r="CA250" s="402" t="str">
        <f t="shared" si="131"/>
        <v/>
      </c>
      <c r="CB250" s="402" t="str">
        <f t="shared" si="132"/>
        <v/>
      </c>
      <c r="CC250" s="402" t="str">
        <f t="shared" si="133"/>
        <v/>
      </c>
      <c r="CD250" s="402" t="str">
        <f t="shared" si="134"/>
        <v/>
      </c>
      <c r="CE250" s="402" t="str">
        <f t="shared" si="135"/>
        <v/>
      </c>
      <c r="CF250" s="402" t="str">
        <f t="shared" si="136"/>
        <v/>
      </c>
      <c r="CG250" s="402" t="str">
        <f t="shared" si="137"/>
        <v/>
      </c>
      <c r="CH250" s="402"/>
      <c r="CI250" s="402"/>
      <c r="CJ250" s="402"/>
      <c r="CK250" s="402"/>
      <c r="CL250" s="402"/>
      <c r="CM250" s="402"/>
      <c r="CN250" s="402"/>
      <c r="CO250" s="402"/>
      <c r="CP250" s="402"/>
      <c r="CQ250" s="402"/>
      <c r="CR250" s="402"/>
      <c r="CS250" s="402"/>
      <c r="CT250" s="402"/>
      <c r="CU250" s="402"/>
      <c r="CV250" s="402"/>
      <c r="CW250" s="402"/>
      <c r="CX250" s="402"/>
      <c r="CY250" s="402"/>
      <c r="CZ250" s="402"/>
      <c r="DA250" s="402"/>
      <c r="DB250" s="402"/>
      <c r="DC250" s="402"/>
      <c r="DD250" s="309" t="s">
        <v>660</v>
      </c>
      <c r="DE250" s="309"/>
      <c r="DF250" s="404" t="s">
        <v>661</v>
      </c>
    </row>
    <row r="251" spans="3:110" s="401" customFormat="1" ht="56.1" customHeight="1" x14ac:dyDescent="0.2">
      <c r="C251" s="420">
        <v>610</v>
      </c>
      <c r="D251" s="420" t="s">
        <v>2481</v>
      </c>
      <c r="E251" s="96" t="s">
        <v>53</v>
      </c>
      <c r="F251" s="96" t="s">
        <v>655</v>
      </c>
      <c r="G251" s="310" t="s">
        <v>656</v>
      </c>
      <c r="H251" s="310" t="s">
        <v>680</v>
      </c>
      <c r="I251" s="310" t="s">
        <v>681</v>
      </c>
      <c r="J251" s="310"/>
      <c r="K251" s="310" t="s">
        <v>86</v>
      </c>
      <c r="L251" s="310" t="s">
        <v>63</v>
      </c>
      <c r="M251" s="407" t="s">
        <v>81</v>
      </c>
      <c r="N251" s="310" t="s">
        <v>77</v>
      </c>
      <c r="O251" s="407" t="s">
        <v>225</v>
      </c>
      <c r="P251" s="309" t="s">
        <v>63</v>
      </c>
      <c r="Q251" s="309" t="s">
        <v>63</v>
      </c>
      <c r="R251" s="309">
        <v>131663</v>
      </c>
      <c r="S251" s="309">
        <f t="shared" si="138"/>
        <v>131663</v>
      </c>
      <c r="T251" s="309" t="s">
        <v>659</v>
      </c>
      <c r="U251" s="309" t="s">
        <v>65</v>
      </c>
      <c r="V251" s="309"/>
      <c r="W251" s="309"/>
      <c r="X251" s="309"/>
      <c r="Y251" s="309"/>
      <c r="Z251" s="309"/>
      <c r="AA251" s="309"/>
      <c r="AB251" s="309"/>
      <c r="AC251" s="309"/>
      <c r="AD251" s="309"/>
      <c r="AE251" s="309"/>
      <c r="AF251" s="309"/>
      <c r="AG251" s="309"/>
      <c r="AH251" s="309"/>
      <c r="AI251" s="309"/>
      <c r="AJ251" s="309"/>
      <c r="AK251" s="309"/>
      <c r="AL251" s="309"/>
      <c r="AM251" s="402" t="s">
        <v>66</v>
      </c>
      <c r="AN251" s="402" t="s">
        <v>66</v>
      </c>
      <c r="AO251" s="402" t="s">
        <v>66</v>
      </c>
      <c r="AP251" s="402" t="s">
        <v>66</v>
      </c>
      <c r="AQ251" s="309"/>
      <c r="AR251" s="309"/>
      <c r="AS251" s="309"/>
      <c r="AT251" s="309"/>
      <c r="AU251" s="309"/>
      <c r="AV251" s="309"/>
      <c r="AW251" s="309"/>
      <c r="AX251" s="309"/>
      <c r="AY251" s="309"/>
      <c r="AZ251" s="309"/>
      <c r="BA251" s="308">
        <f t="shared" si="106"/>
        <v>1277</v>
      </c>
      <c r="BB251" s="309">
        <f t="shared" si="139"/>
        <v>103.10336726703211</v>
      </c>
      <c r="BC251" s="402" t="str">
        <f t="shared" si="107"/>
        <v/>
      </c>
      <c r="BD251" s="402" t="str">
        <f t="shared" si="108"/>
        <v/>
      </c>
      <c r="BE251" s="402" t="str">
        <f t="shared" si="109"/>
        <v/>
      </c>
      <c r="BF251" s="402" t="str">
        <f t="shared" si="110"/>
        <v/>
      </c>
      <c r="BG251" s="402" t="str">
        <f t="shared" si="111"/>
        <v/>
      </c>
      <c r="BH251" s="402" t="str">
        <f t="shared" si="112"/>
        <v/>
      </c>
      <c r="BI251" s="402" t="str">
        <f t="shared" si="113"/>
        <v/>
      </c>
      <c r="BJ251" s="402" t="str">
        <f t="shared" si="114"/>
        <v/>
      </c>
      <c r="BK251" s="402" t="str">
        <f t="shared" si="115"/>
        <v/>
      </c>
      <c r="BL251" s="402" t="str">
        <f t="shared" si="116"/>
        <v/>
      </c>
      <c r="BM251" s="402" t="str">
        <f t="shared" si="117"/>
        <v/>
      </c>
      <c r="BN251" s="402" t="str">
        <f t="shared" si="118"/>
        <v/>
      </c>
      <c r="BO251" s="402" t="str">
        <f t="shared" si="119"/>
        <v/>
      </c>
      <c r="BP251" s="402" t="str">
        <f t="shared" si="120"/>
        <v/>
      </c>
      <c r="BQ251" s="402" t="str">
        <f t="shared" si="121"/>
        <v/>
      </c>
      <c r="BR251" s="402" t="str">
        <f t="shared" si="122"/>
        <v/>
      </c>
      <c r="BS251" s="402" t="str">
        <f t="shared" si="123"/>
        <v/>
      </c>
      <c r="BT251" s="402">
        <f t="shared" si="124"/>
        <v>79905.10963194989</v>
      </c>
      <c r="BU251" s="402">
        <f t="shared" si="125"/>
        <v>10310.336726703212</v>
      </c>
      <c r="BV251" s="402">
        <f t="shared" si="126"/>
        <v>10310.336726703212</v>
      </c>
      <c r="BW251" s="402">
        <f t="shared" si="127"/>
        <v>31137.216914643697</v>
      </c>
      <c r="BX251" s="402" t="str">
        <f t="shared" si="128"/>
        <v/>
      </c>
      <c r="BY251" s="402" t="str">
        <f t="shared" si="129"/>
        <v/>
      </c>
      <c r="BZ251" s="402" t="str">
        <f t="shared" si="130"/>
        <v/>
      </c>
      <c r="CA251" s="402" t="str">
        <f t="shared" si="131"/>
        <v/>
      </c>
      <c r="CB251" s="402" t="str">
        <f t="shared" si="132"/>
        <v/>
      </c>
      <c r="CC251" s="402" t="str">
        <f t="shared" si="133"/>
        <v/>
      </c>
      <c r="CD251" s="402" t="str">
        <f t="shared" si="134"/>
        <v/>
      </c>
      <c r="CE251" s="402" t="str">
        <f t="shared" si="135"/>
        <v/>
      </c>
      <c r="CF251" s="402" t="str">
        <f t="shared" si="136"/>
        <v/>
      </c>
      <c r="CG251" s="402" t="str">
        <f t="shared" si="137"/>
        <v/>
      </c>
      <c r="CH251" s="402"/>
      <c r="CI251" s="402"/>
      <c r="CJ251" s="402"/>
      <c r="CK251" s="402"/>
      <c r="CL251" s="402"/>
      <c r="CM251" s="402"/>
      <c r="CN251" s="402"/>
      <c r="CO251" s="402"/>
      <c r="CP251" s="402"/>
      <c r="CQ251" s="402"/>
      <c r="CR251" s="402"/>
      <c r="CS251" s="402"/>
      <c r="CT251" s="402"/>
      <c r="CU251" s="402"/>
      <c r="CV251" s="402"/>
      <c r="CW251" s="402"/>
      <c r="CX251" s="402"/>
      <c r="CY251" s="402"/>
      <c r="CZ251" s="402"/>
      <c r="DA251" s="402"/>
      <c r="DB251" s="402"/>
      <c r="DC251" s="402"/>
      <c r="DD251" s="309" t="s">
        <v>660</v>
      </c>
      <c r="DE251" s="309"/>
      <c r="DF251" s="404" t="s">
        <v>661</v>
      </c>
    </row>
    <row r="252" spans="3:110" s="401" customFormat="1" ht="56.1" customHeight="1" x14ac:dyDescent="0.2">
      <c r="C252" s="420">
        <v>611</v>
      </c>
      <c r="D252" s="420" t="s">
        <v>2481</v>
      </c>
      <c r="E252" s="96" t="s">
        <v>53</v>
      </c>
      <c r="F252" s="96" t="s">
        <v>655</v>
      </c>
      <c r="G252" s="310" t="s">
        <v>656</v>
      </c>
      <c r="H252" s="310" t="s">
        <v>682</v>
      </c>
      <c r="I252" s="310" t="s">
        <v>683</v>
      </c>
      <c r="J252" s="310"/>
      <c r="K252" s="310" t="s">
        <v>86</v>
      </c>
      <c r="L252" s="310" t="s">
        <v>63</v>
      </c>
      <c r="M252" s="407" t="s">
        <v>81</v>
      </c>
      <c r="N252" s="310" t="s">
        <v>77</v>
      </c>
      <c r="O252" s="407" t="s">
        <v>225</v>
      </c>
      <c r="P252" s="309" t="s">
        <v>63</v>
      </c>
      <c r="Q252" s="309" t="s">
        <v>63</v>
      </c>
      <c r="R252" s="410"/>
      <c r="S252" s="410"/>
      <c r="T252" s="309" t="s">
        <v>659</v>
      </c>
      <c r="U252" s="309" t="s">
        <v>65</v>
      </c>
      <c r="V252" s="309"/>
      <c r="W252" s="309"/>
      <c r="X252" s="309"/>
      <c r="Y252" s="309"/>
      <c r="Z252" s="309"/>
      <c r="AA252" s="309"/>
      <c r="AB252" s="309"/>
      <c r="AC252" s="309"/>
      <c r="AD252" s="309"/>
      <c r="AE252" s="309"/>
      <c r="AF252" s="309"/>
      <c r="AG252" s="309"/>
      <c r="AH252" s="309"/>
      <c r="AI252" s="309"/>
      <c r="AJ252" s="309"/>
      <c r="AK252" s="309"/>
      <c r="AL252" s="309"/>
      <c r="AM252" s="402" t="s">
        <v>66</v>
      </c>
      <c r="AN252" s="402" t="s">
        <v>66</v>
      </c>
      <c r="AO252" s="402" t="s">
        <v>66</v>
      </c>
      <c r="AP252" s="402" t="s">
        <v>66</v>
      </c>
      <c r="AQ252" s="309"/>
      <c r="AR252" s="309"/>
      <c r="AS252" s="309"/>
      <c r="AT252" s="309"/>
      <c r="AU252" s="309"/>
      <c r="AV252" s="309"/>
      <c r="AW252" s="309"/>
      <c r="AX252" s="309"/>
      <c r="AY252" s="309"/>
      <c r="AZ252" s="309"/>
      <c r="BA252" s="308">
        <f t="shared" si="106"/>
        <v>1277</v>
      </c>
      <c r="BB252" s="309"/>
      <c r="BC252" s="402" t="str">
        <f t="shared" si="107"/>
        <v/>
      </c>
      <c r="BD252" s="402" t="str">
        <f t="shared" si="108"/>
        <v/>
      </c>
      <c r="BE252" s="402" t="str">
        <f t="shared" si="109"/>
        <v/>
      </c>
      <c r="BF252" s="402" t="str">
        <f t="shared" si="110"/>
        <v/>
      </c>
      <c r="BG252" s="402" t="str">
        <f t="shared" si="111"/>
        <v/>
      </c>
      <c r="BH252" s="402" t="str">
        <f t="shared" si="112"/>
        <v/>
      </c>
      <c r="BI252" s="402" t="str">
        <f t="shared" si="113"/>
        <v/>
      </c>
      <c r="BJ252" s="402" t="str">
        <f t="shared" si="114"/>
        <v/>
      </c>
      <c r="BK252" s="402" t="str">
        <f t="shared" si="115"/>
        <v/>
      </c>
      <c r="BL252" s="402" t="str">
        <f t="shared" si="116"/>
        <v/>
      </c>
      <c r="BM252" s="402" t="str">
        <f t="shared" si="117"/>
        <v/>
      </c>
      <c r="BN252" s="402" t="str">
        <f t="shared" si="118"/>
        <v/>
      </c>
      <c r="BO252" s="402" t="str">
        <f t="shared" si="119"/>
        <v/>
      </c>
      <c r="BP252" s="402" t="str">
        <f t="shared" si="120"/>
        <v/>
      </c>
      <c r="BQ252" s="402" t="str">
        <f t="shared" si="121"/>
        <v/>
      </c>
      <c r="BR252" s="402" t="str">
        <f t="shared" si="122"/>
        <v/>
      </c>
      <c r="BS252" s="402" t="str">
        <f t="shared" si="123"/>
        <v/>
      </c>
      <c r="BT252" s="402">
        <f t="shared" si="124"/>
        <v>0</v>
      </c>
      <c r="BU252" s="402">
        <f t="shared" si="125"/>
        <v>0</v>
      </c>
      <c r="BV252" s="402">
        <f t="shared" si="126"/>
        <v>0</v>
      </c>
      <c r="BW252" s="402">
        <f t="shared" si="127"/>
        <v>0</v>
      </c>
      <c r="BX252" s="402" t="str">
        <f t="shared" si="128"/>
        <v/>
      </c>
      <c r="BY252" s="402" t="str">
        <f t="shared" si="129"/>
        <v/>
      </c>
      <c r="BZ252" s="402" t="str">
        <f t="shared" si="130"/>
        <v/>
      </c>
      <c r="CA252" s="402" t="str">
        <f t="shared" si="131"/>
        <v/>
      </c>
      <c r="CB252" s="402" t="str">
        <f t="shared" si="132"/>
        <v/>
      </c>
      <c r="CC252" s="402" t="str">
        <f t="shared" si="133"/>
        <v/>
      </c>
      <c r="CD252" s="402" t="str">
        <f t="shared" si="134"/>
        <v/>
      </c>
      <c r="CE252" s="402" t="str">
        <f t="shared" si="135"/>
        <v/>
      </c>
      <c r="CF252" s="402" t="str">
        <f t="shared" si="136"/>
        <v/>
      </c>
      <c r="CG252" s="402" t="str">
        <f t="shared" si="137"/>
        <v/>
      </c>
      <c r="CH252" s="402"/>
      <c r="CI252" s="402"/>
      <c r="CJ252" s="402"/>
      <c r="CK252" s="402"/>
      <c r="CL252" s="402"/>
      <c r="CM252" s="402"/>
      <c r="CN252" s="402"/>
      <c r="CO252" s="402"/>
      <c r="CP252" s="402"/>
      <c r="CQ252" s="402"/>
      <c r="CR252" s="402"/>
      <c r="CS252" s="402"/>
      <c r="CT252" s="402"/>
      <c r="CU252" s="402"/>
      <c r="CV252" s="402"/>
      <c r="CW252" s="402"/>
      <c r="CX252" s="402"/>
      <c r="CY252" s="402"/>
      <c r="CZ252" s="402"/>
      <c r="DA252" s="402"/>
      <c r="DB252" s="402"/>
      <c r="DC252" s="402"/>
      <c r="DD252" s="309" t="s">
        <v>660</v>
      </c>
      <c r="DE252" s="309"/>
      <c r="DF252" s="404" t="s">
        <v>661</v>
      </c>
    </row>
    <row r="253" spans="3:110" s="401" customFormat="1" ht="56.1" customHeight="1" x14ac:dyDescent="0.2">
      <c r="C253" s="420">
        <v>612</v>
      </c>
      <c r="D253" s="420" t="s">
        <v>2481</v>
      </c>
      <c r="E253" s="96" t="s">
        <v>53</v>
      </c>
      <c r="F253" s="96" t="s">
        <v>655</v>
      </c>
      <c r="G253" s="310" t="s">
        <v>656</v>
      </c>
      <c r="H253" s="310" t="s">
        <v>684</v>
      </c>
      <c r="I253" s="310" t="s">
        <v>685</v>
      </c>
      <c r="J253" s="310"/>
      <c r="K253" s="310" t="s">
        <v>86</v>
      </c>
      <c r="L253" s="310" t="s">
        <v>63</v>
      </c>
      <c r="M253" s="407" t="s">
        <v>81</v>
      </c>
      <c r="N253" s="310" t="s">
        <v>77</v>
      </c>
      <c r="O253" s="407" t="s">
        <v>225</v>
      </c>
      <c r="P253" s="309" t="s">
        <v>63</v>
      </c>
      <c r="Q253" s="309" t="s">
        <v>63</v>
      </c>
      <c r="R253" s="309">
        <v>401258</v>
      </c>
      <c r="S253" s="309">
        <f t="shared" ref="S253" si="140">R253</f>
        <v>401258</v>
      </c>
      <c r="T253" s="309" t="s">
        <v>659</v>
      </c>
      <c r="U253" s="309" t="s">
        <v>65</v>
      </c>
      <c r="V253" s="309"/>
      <c r="W253" s="309"/>
      <c r="X253" s="309"/>
      <c r="Y253" s="309"/>
      <c r="Z253" s="309"/>
      <c r="AA253" s="309"/>
      <c r="AB253" s="309"/>
      <c r="AC253" s="309"/>
      <c r="AD253" s="309"/>
      <c r="AE253" s="309"/>
      <c r="AF253" s="309"/>
      <c r="AG253" s="309"/>
      <c r="AH253" s="309"/>
      <c r="AI253" s="309"/>
      <c r="AJ253" s="309"/>
      <c r="AK253" s="309"/>
      <c r="AL253" s="309"/>
      <c r="AM253" s="402" t="s">
        <v>66</v>
      </c>
      <c r="AN253" s="402" t="s">
        <v>66</v>
      </c>
      <c r="AO253" s="402" t="s">
        <v>66</v>
      </c>
      <c r="AP253" s="402" t="s">
        <v>66</v>
      </c>
      <c r="AQ253" s="309"/>
      <c r="AR253" s="309"/>
      <c r="AS253" s="309"/>
      <c r="AT253" s="309"/>
      <c r="AU253" s="309"/>
      <c r="AV253" s="309"/>
      <c r="AW253" s="309"/>
      <c r="AX253" s="309"/>
      <c r="AY253" s="309"/>
      <c r="AZ253" s="309"/>
      <c r="BA253" s="308">
        <f t="shared" si="106"/>
        <v>1277</v>
      </c>
      <c r="BB253" s="309">
        <f t="shared" ref="BB253" si="141">S253/BA253</f>
        <v>314.21926389976505</v>
      </c>
      <c r="BC253" s="402" t="str">
        <f t="shared" si="107"/>
        <v/>
      </c>
      <c r="BD253" s="402" t="str">
        <f t="shared" si="108"/>
        <v/>
      </c>
      <c r="BE253" s="402" t="str">
        <f t="shared" si="109"/>
        <v/>
      </c>
      <c r="BF253" s="402" t="str">
        <f t="shared" si="110"/>
        <v/>
      </c>
      <c r="BG253" s="402" t="str">
        <f t="shared" si="111"/>
        <v/>
      </c>
      <c r="BH253" s="402" t="str">
        <f t="shared" si="112"/>
        <v/>
      </c>
      <c r="BI253" s="402" t="str">
        <f t="shared" si="113"/>
        <v/>
      </c>
      <c r="BJ253" s="402" t="str">
        <f t="shared" si="114"/>
        <v/>
      </c>
      <c r="BK253" s="402" t="str">
        <f t="shared" si="115"/>
        <v/>
      </c>
      <c r="BL253" s="402" t="str">
        <f t="shared" si="116"/>
        <v/>
      </c>
      <c r="BM253" s="402" t="str">
        <f t="shared" si="117"/>
        <v/>
      </c>
      <c r="BN253" s="402" t="str">
        <f t="shared" si="118"/>
        <v/>
      </c>
      <c r="BO253" s="402" t="str">
        <f t="shared" si="119"/>
        <v/>
      </c>
      <c r="BP253" s="402" t="str">
        <f t="shared" si="120"/>
        <v/>
      </c>
      <c r="BQ253" s="402" t="str">
        <f t="shared" si="121"/>
        <v/>
      </c>
      <c r="BR253" s="402" t="str">
        <f t="shared" si="122"/>
        <v/>
      </c>
      <c r="BS253" s="402" t="str">
        <f t="shared" si="123"/>
        <v/>
      </c>
      <c r="BT253" s="402">
        <f t="shared" si="124"/>
        <v>243519.92952231792</v>
      </c>
      <c r="BU253" s="402">
        <f t="shared" si="125"/>
        <v>31421.926389976506</v>
      </c>
      <c r="BV253" s="402">
        <f t="shared" si="126"/>
        <v>31421.926389976506</v>
      </c>
      <c r="BW253" s="402">
        <f t="shared" si="127"/>
        <v>94894.217697729051</v>
      </c>
      <c r="BX253" s="402" t="str">
        <f t="shared" si="128"/>
        <v/>
      </c>
      <c r="BY253" s="402" t="str">
        <f t="shared" si="129"/>
        <v/>
      </c>
      <c r="BZ253" s="402" t="str">
        <f t="shared" si="130"/>
        <v/>
      </c>
      <c r="CA253" s="402" t="str">
        <f t="shared" si="131"/>
        <v/>
      </c>
      <c r="CB253" s="402" t="str">
        <f t="shared" si="132"/>
        <v/>
      </c>
      <c r="CC253" s="402" t="str">
        <f t="shared" si="133"/>
        <v/>
      </c>
      <c r="CD253" s="402" t="str">
        <f t="shared" si="134"/>
        <v/>
      </c>
      <c r="CE253" s="402" t="str">
        <f t="shared" si="135"/>
        <v/>
      </c>
      <c r="CF253" s="402" t="str">
        <f t="shared" si="136"/>
        <v/>
      </c>
      <c r="CG253" s="402" t="str">
        <f t="shared" si="137"/>
        <v/>
      </c>
      <c r="CH253" s="402"/>
      <c r="CI253" s="402"/>
      <c r="CJ253" s="402"/>
      <c r="CK253" s="402"/>
      <c r="CL253" s="402"/>
      <c r="CM253" s="402"/>
      <c r="CN253" s="402"/>
      <c r="CO253" s="402"/>
      <c r="CP253" s="402"/>
      <c r="CQ253" s="402"/>
      <c r="CR253" s="402"/>
      <c r="CS253" s="402"/>
      <c r="CT253" s="402"/>
      <c r="CU253" s="402"/>
      <c r="CV253" s="402"/>
      <c r="CW253" s="402"/>
      <c r="CX253" s="402"/>
      <c r="CY253" s="402"/>
      <c r="CZ253" s="402"/>
      <c r="DA253" s="402"/>
      <c r="DB253" s="402"/>
      <c r="DC253" s="402"/>
      <c r="DD253" s="309" t="s">
        <v>660</v>
      </c>
      <c r="DE253" s="309"/>
      <c r="DF253" s="404" t="s">
        <v>661</v>
      </c>
    </row>
    <row r="254" spans="3:110" s="401" customFormat="1" ht="56.1" customHeight="1" x14ac:dyDescent="0.2">
      <c r="C254" s="420">
        <v>613</v>
      </c>
      <c r="D254" s="420" t="s">
        <v>2481</v>
      </c>
      <c r="E254" s="96" t="s">
        <v>53</v>
      </c>
      <c r="F254" s="96" t="s">
        <v>655</v>
      </c>
      <c r="G254" s="310" t="s">
        <v>656</v>
      </c>
      <c r="H254" s="310" t="s">
        <v>686</v>
      </c>
      <c r="I254" s="310" t="s">
        <v>687</v>
      </c>
      <c r="J254" s="310"/>
      <c r="K254" s="310" t="s">
        <v>86</v>
      </c>
      <c r="L254" s="310" t="s">
        <v>63</v>
      </c>
      <c r="M254" s="407" t="s">
        <v>81</v>
      </c>
      <c r="N254" s="310" t="s">
        <v>77</v>
      </c>
      <c r="O254" s="407" t="s">
        <v>225</v>
      </c>
      <c r="P254" s="309" t="s">
        <v>63</v>
      </c>
      <c r="Q254" s="309" t="s">
        <v>63</v>
      </c>
      <c r="R254" s="309">
        <v>75236</v>
      </c>
      <c r="S254" s="309">
        <f t="shared" ref="S254:S267" si="142">R254</f>
        <v>75236</v>
      </c>
      <c r="T254" s="309" t="s">
        <v>659</v>
      </c>
      <c r="U254" s="309" t="s">
        <v>65</v>
      </c>
      <c r="V254" s="309"/>
      <c r="W254" s="309"/>
      <c r="X254" s="309"/>
      <c r="Y254" s="309"/>
      <c r="Z254" s="309"/>
      <c r="AA254" s="309"/>
      <c r="AB254" s="309"/>
      <c r="AC254" s="309"/>
      <c r="AD254" s="309"/>
      <c r="AE254" s="309"/>
      <c r="AF254" s="309"/>
      <c r="AG254" s="309"/>
      <c r="AH254" s="309"/>
      <c r="AI254" s="309"/>
      <c r="AJ254" s="309"/>
      <c r="AK254" s="309"/>
      <c r="AL254" s="309"/>
      <c r="AM254" s="402" t="s">
        <v>66</v>
      </c>
      <c r="AN254" s="402" t="s">
        <v>66</v>
      </c>
      <c r="AO254" s="402" t="s">
        <v>66</v>
      </c>
      <c r="AP254" s="402" t="s">
        <v>66</v>
      </c>
      <c r="AQ254" s="309"/>
      <c r="AR254" s="309"/>
      <c r="AS254" s="309"/>
      <c r="AT254" s="309"/>
      <c r="AU254" s="309"/>
      <c r="AV254" s="309"/>
      <c r="AW254" s="309"/>
      <c r="AX254" s="309"/>
      <c r="AY254" s="309"/>
      <c r="AZ254" s="309"/>
      <c r="BA254" s="308">
        <f t="shared" ref="BA254:BA299" si="143">SUMIF(V254:AZ254,"YES",$V$2:$AZ$2)</f>
        <v>1277</v>
      </c>
      <c r="BB254" s="309">
        <f t="shared" ref="BB254:BB267" si="144">S254/BA254</f>
        <v>58.916209866875491</v>
      </c>
      <c r="BC254" s="402" t="str">
        <f t="shared" ref="BC254:BC299" si="145">IF(V254="yes",(V$2*$BB254),"")</f>
        <v/>
      </c>
      <c r="BD254" s="402" t="str">
        <f t="shared" ref="BD254:BD299" si="146">IF(W254="yes",(W$2*$BB254),"")</f>
        <v/>
      </c>
      <c r="BE254" s="402" t="str">
        <f t="shared" ref="BE254:BE299" si="147">IF(X254="yes",(X$2*$BB254),"")</f>
        <v/>
      </c>
      <c r="BF254" s="402" t="str">
        <f t="shared" ref="BF254:BF299" si="148">IF(Y254="yes",(Y$2*$BB254),"")</f>
        <v/>
      </c>
      <c r="BG254" s="402" t="str">
        <f t="shared" ref="BG254:BG299" si="149">IF(Z254="yes",(Z$2*$BB254),"")</f>
        <v/>
      </c>
      <c r="BH254" s="402" t="str">
        <f t="shared" ref="BH254:BH299" si="150">IF(AA254="yes",(AA$2*$BB254),"")</f>
        <v/>
      </c>
      <c r="BI254" s="402" t="str">
        <f t="shared" ref="BI254:BI299" si="151">IF(AB254="yes",(AB$2*$BB254),"")</f>
        <v/>
      </c>
      <c r="BJ254" s="402" t="str">
        <f t="shared" ref="BJ254:BJ299" si="152">IF(AC254="yes",(AC$2*$BB254),"")</f>
        <v/>
      </c>
      <c r="BK254" s="402" t="str">
        <f t="shared" ref="BK254:BK299" si="153">IF(AD254="yes",(AD$2*$BB254),"")</f>
        <v/>
      </c>
      <c r="BL254" s="402" t="str">
        <f t="shared" ref="BL254:BL299" si="154">IF(AE254="yes",(AE$2*$BB254),"")</f>
        <v/>
      </c>
      <c r="BM254" s="402" t="str">
        <f t="shared" ref="BM254:BM299" si="155">IF(AF254="yes",(AF$2*$BB254),"")</f>
        <v/>
      </c>
      <c r="BN254" s="402" t="str">
        <f t="shared" ref="BN254:BN299" si="156">IF(AG254="yes",(AG$2*$BB254),"")</f>
        <v/>
      </c>
      <c r="BO254" s="402" t="str">
        <f t="shared" ref="BO254:BO299" si="157">IF(AH254="yes",(AH$2*$BB254),"")</f>
        <v/>
      </c>
      <c r="BP254" s="402" t="str">
        <f t="shared" ref="BP254:BP299" si="158">IF(AI254="yes",(AI$2*$BB254),"")</f>
        <v/>
      </c>
      <c r="BQ254" s="402" t="str">
        <f t="shared" ref="BQ254:BQ299" si="159">IF(AJ254="yes",(AJ$2*$BB254),"")</f>
        <v/>
      </c>
      <c r="BR254" s="402" t="str">
        <f t="shared" ref="BR254:BR299" si="160">IF(AK254="yes",(AK$2*$BB254),"")</f>
        <v/>
      </c>
      <c r="BS254" s="402" t="str">
        <f t="shared" ref="BS254:BS299" si="161">IF(AL254="yes",(AL$2*$BB254),"")</f>
        <v/>
      </c>
      <c r="BT254" s="402">
        <f t="shared" ref="BT254:BT299" si="162">IF(AM254="yes",(AM$2*$BB254),"")</f>
        <v>45660.062646828505</v>
      </c>
      <c r="BU254" s="402">
        <f t="shared" ref="BU254:BU299" si="163">IF(AN254="yes",(AN$2*$BB254),"")</f>
        <v>5891.6209866875488</v>
      </c>
      <c r="BV254" s="402">
        <f t="shared" ref="BV254:BV299" si="164">IF(AO254="yes",(AO$2*$BB254),"")</f>
        <v>5891.6209866875488</v>
      </c>
      <c r="BW254" s="402">
        <f t="shared" ref="BW254:BW299" si="165">IF(AP254="yes",(AP$2*$BB254),"")</f>
        <v>17792.695379796398</v>
      </c>
      <c r="BX254" s="402" t="str">
        <f t="shared" ref="BX254:BX299" si="166">IF(AQ254="yes",(AQ$2*$BB254),"")</f>
        <v/>
      </c>
      <c r="BY254" s="402" t="str">
        <f t="shared" ref="BY254:BY299" si="167">IF(AR254="yes",(AR$2*$BB254),"")</f>
        <v/>
      </c>
      <c r="BZ254" s="402" t="str">
        <f t="shared" ref="BZ254:BZ299" si="168">IF(AS254="yes",(AS$2*$BB254),"")</f>
        <v/>
      </c>
      <c r="CA254" s="402" t="str">
        <f t="shared" ref="CA254:CA299" si="169">IF(AT254="yes",(AT$2*$BB254),"")</f>
        <v/>
      </c>
      <c r="CB254" s="402" t="str">
        <f t="shared" ref="CB254:CB299" si="170">IF(AU254="yes",(AU$2*$BB254),"")</f>
        <v/>
      </c>
      <c r="CC254" s="402" t="str">
        <f t="shared" ref="CC254:CC299" si="171">IF(AV254="yes",(AV$2*$BB254),"")</f>
        <v/>
      </c>
      <c r="CD254" s="402" t="str">
        <f t="shared" ref="CD254:CD299" si="172">IF(AW254="yes",(AW$2*$BB254),"")</f>
        <v/>
      </c>
      <c r="CE254" s="402" t="str">
        <f t="shared" ref="CE254:CE299" si="173">IF(AX254="yes",(AX$2*$BB254),"")</f>
        <v/>
      </c>
      <c r="CF254" s="402" t="str">
        <f t="shared" ref="CF254:CF299" si="174">IF(AY254="yes",(AY$2*$BB254),"")</f>
        <v/>
      </c>
      <c r="CG254" s="402" t="str">
        <f t="shared" ref="CG254:CG299" si="175">IF(AZ254="yes",(AZ$2*$BB254),"")</f>
        <v/>
      </c>
      <c r="CH254" s="402"/>
      <c r="CI254" s="402"/>
      <c r="CJ254" s="402"/>
      <c r="CK254" s="402"/>
      <c r="CL254" s="402"/>
      <c r="CM254" s="402"/>
      <c r="CN254" s="402"/>
      <c r="CO254" s="402"/>
      <c r="CP254" s="402"/>
      <c r="CQ254" s="402"/>
      <c r="CR254" s="402"/>
      <c r="CS254" s="402"/>
      <c r="CT254" s="402"/>
      <c r="CU254" s="402"/>
      <c r="CV254" s="402"/>
      <c r="CW254" s="402"/>
      <c r="CX254" s="402"/>
      <c r="CY254" s="402"/>
      <c r="CZ254" s="402"/>
      <c r="DA254" s="402"/>
      <c r="DB254" s="402"/>
      <c r="DC254" s="402"/>
      <c r="DD254" s="309" t="s">
        <v>660</v>
      </c>
      <c r="DE254" s="309"/>
      <c r="DF254" s="404" t="s">
        <v>661</v>
      </c>
    </row>
    <row r="255" spans="3:110" s="401" customFormat="1" ht="56.1" customHeight="1" x14ac:dyDescent="0.2">
      <c r="C255" s="420">
        <v>614</v>
      </c>
      <c r="D255" s="420" t="s">
        <v>2481</v>
      </c>
      <c r="E255" s="96" t="s">
        <v>53</v>
      </c>
      <c r="F255" s="96" t="s">
        <v>655</v>
      </c>
      <c r="G255" s="310" t="s">
        <v>656</v>
      </c>
      <c r="H255" s="310" t="s">
        <v>688</v>
      </c>
      <c r="I255" s="323" t="s">
        <v>689</v>
      </c>
      <c r="J255" s="323"/>
      <c r="K255" s="310" t="s">
        <v>86</v>
      </c>
      <c r="L255" s="310" t="s">
        <v>63</v>
      </c>
      <c r="M255" s="407" t="s">
        <v>81</v>
      </c>
      <c r="N255" s="310" t="s">
        <v>77</v>
      </c>
      <c r="O255" s="407" t="s">
        <v>225</v>
      </c>
      <c r="P255" s="309" t="s">
        <v>63</v>
      </c>
      <c r="Q255" s="309" t="s">
        <v>63</v>
      </c>
      <c r="R255" s="309">
        <v>25079</v>
      </c>
      <c r="S255" s="309">
        <f t="shared" si="142"/>
        <v>25079</v>
      </c>
      <c r="T255" s="309" t="s">
        <v>659</v>
      </c>
      <c r="U255" s="309" t="s">
        <v>65</v>
      </c>
      <c r="V255" s="309"/>
      <c r="W255" s="309"/>
      <c r="X255" s="309"/>
      <c r="Y255" s="309"/>
      <c r="Z255" s="309"/>
      <c r="AA255" s="309"/>
      <c r="AB255" s="309"/>
      <c r="AC255" s="309"/>
      <c r="AD255" s="309"/>
      <c r="AE255" s="309"/>
      <c r="AF255" s="309"/>
      <c r="AG255" s="309"/>
      <c r="AH255" s="309"/>
      <c r="AI255" s="309"/>
      <c r="AJ255" s="309"/>
      <c r="AK255" s="309"/>
      <c r="AL255" s="309"/>
      <c r="AM255" s="402" t="s">
        <v>66</v>
      </c>
      <c r="AN255" s="402" t="s">
        <v>66</v>
      </c>
      <c r="AO255" s="402" t="s">
        <v>66</v>
      </c>
      <c r="AP255" s="402" t="s">
        <v>66</v>
      </c>
      <c r="AQ255" s="309"/>
      <c r="AR255" s="309"/>
      <c r="AS255" s="309"/>
      <c r="AT255" s="309"/>
      <c r="AU255" s="309"/>
      <c r="AV255" s="309"/>
      <c r="AW255" s="309"/>
      <c r="AX255" s="309"/>
      <c r="AY255" s="309"/>
      <c r="AZ255" s="309"/>
      <c r="BA255" s="308">
        <f t="shared" si="143"/>
        <v>1277</v>
      </c>
      <c r="BB255" s="309">
        <f t="shared" si="144"/>
        <v>19.638997650743931</v>
      </c>
      <c r="BC255" s="402" t="str">
        <f t="shared" si="145"/>
        <v/>
      </c>
      <c r="BD255" s="402" t="str">
        <f t="shared" si="146"/>
        <v/>
      </c>
      <c r="BE255" s="402" t="str">
        <f t="shared" si="147"/>
        <v/>
      </c>
      <c r="BF255" s="402" t="str">
        <f t="shared" si="148"/>
        <v/>
      </c>
      <c r="BG255" s="402" t="str">
        <f t="shared" si="149"/>
        <v/>
      </c>
      <c r="BH255" s="402" t="str">
        <f t="shared" si="150"/>
        <v/>
      </c>
      <c r="BI255" s="402" t="str">
        <f t="shared" si="151"/>
        <v/>
      </c>
      <c r="BJ255" s="402" t="str">
        <f t="shared" si="152"/>
        <v/>
      </c>
      <c r="BK255" s="402" t="str">
        <f t="shared" si="153"/>
        <v/>
      </c>
      <c r="BL255" s="402" t="str">
        <f t="shared" si="154"/>
        <v/>
      </c>
      <c r="BM255" s="402" t="str">
        <f t="shared" si="155"/>
        <v/>
      </c>
      <c r="BN255" s="402" t="str">
        <f t="shared" si="156"/>
        <v/>
      </c>
      <c r="BO255" s="402" t="str">
        <f t="shared" si="157"/>
        <v/>
      </c>
      <c r="BP255" s="402" t="str">
        <f t="shared" si="158"/>
        <v/>
      </c>
      <c r="BQ255" s="402" t="str">
        <f t="shared" si="159"/>
        <v/>
      </c>
      <c r="BR255" s="402" t="str">
        <f t="shared" si="160"/>
        <v/>
      </c>
      <c r="BS255" s="402" t="str">
        <f t="shared" si="161"/>
        <v/>
      </c>
      <c r="BT255" s="402">
        <f t="shared" si="162"/>
        <v>15220.223179326547</v>
      </c>
      <c r="BU255" s="402">
        <f t="shared" si="163"/>
        <v>1963.8997650743931</v>
      </c>
      <c r="BV255" s="402">
        <f t="shared" si="164"/>
        <v>1963.8997650743931</v>
      </c>
      <c r="BW255" s="402">
        <f t="shared" si="165"/>
        <v>5930.9772905246673</v>
      </c>
      <c r="BX255" s="402" t="str">
        <f t="shared" si="166"/>
        <v/>
      </c>
      <c r="BY255" s="402" t="str">
        <f t="shared" si="167"/>
        <v/>
      </c>
      <c r="BZ255" s="402" t="str">
        <f t="shared" si="168"/>
        <v/>
      </c>
      <c r="CA255" s="402" t="str">
        <f t="shared" si="169"/>
        <v/>
      </c>
      <c r="CB255" s="402" t="str">
        <f t="shared" si="170"/>
        <v/>
      </c>
      <c r="CC255" s="402" t="str">
        <f t="shared" si="171"/>
        <v/>
      </c>
      <c r="CD255" s="402" t="str">
        <f t="shared" si="172"/>
        <v/>
      </c>
      <c r="CE255" s="402" t="str">
        <f t="shared" si="173"/>
        <v/>
      </c>
      <c r="CF255" s="402" t="str">
        <f t="shared" si="174"/>
        <v/>
      </c>
      <c r="CG255" s="402" t="str">
        <f t="shared" si="175"/>
        <v/>
      </c>
      <c r="CH255" s="402"/>
      <c r="CI255" s="402"/>
      <c r="CJ255" s="402"/>
      <c r="CK255" s="402"/>
      <c r="CL255" s="402"/>
      <c r="CM255" s="402"/>
      <c r="CN255" s="402"/>
      <c r="CO255" s="402"/>
      <c r="CP255" s="402"/>
      <c r="CQ255" s="402"/>
      <c r="CR255" s="402"/>
      <c r="CS255" s="402"/>
      <c r="CT255" s="402"/>
      <c r="CU255" s="402"/>
      <c r="CV255" s="402"/>
      <c r="CW255" s="402"/>
      <c r="CX255" s="402"/>
      <c r="CY255" s="402"/>
      <c r="CZ255" s="402"/>
      <c r="DA255" s="402"/>
      <c r="DB255" s="402"/>
      <c r="DC255" s="402"/>
      <c r="DD255" s="309" t="s">
        <v>660</v>
      </c>
      <c r="DE255" s="309"/>
      <c r="DF255" s="404" t="s">
        <v>661</v>
      </c>
    </row>
    <row r="256" spans="3:110" s="401" customFormat="1" ht="56.1" customHeight="1" x14ac:dyDescent="0.2">
      <c r="C256" s="420">
        <v>615</v>
      </c>
      <c r="D256" s="420" t="s">
        <v>2481</v>
      </c>
      <c r="E256" s="96" t="s">
        <v>53</v>
      </c>
      <c r="F256" s="96" t="s">
        <v>655</v>
      </c>
      <c r="G256" s="310" t="s">
        <v>656</v>
      </c>
      <c r="H256" s="310" t="s">
        <v>690</v>
      </c>
      <c r="I256" s="310" t="s">
        <v>691</v>
      </c>
      <c r="J256" s="310"/>
      <c r="K256" s="310" t="s">
        <v>86</v>
      </c>
      <c r="L256" s="310" t="s">
        <v>63</v>
      </c>
      <c r="M256" s="407" t="s">
        <v>81</v>
      </c>
      <c r="N256" s="310" t="s">
        <v>77</v>
      </c>
      <c r="O256" s="407" t="s">
        <v>225</v>
      </c>
      <c r="P256" s="309" t="s">
        <v>63</v>
      </c>
      <c r="Q256" s="309" t="s">
        <v>63</v>
      </c>
      <c r="R256" s="309">
        <v>125393</v>
      </c>
      <c r="S256" s="309">
        <f t="shared" si="142"/>
        <v>125393</v>
      </c>
      <c r="T256" s="309" t="s">
        <v>659</v>
      </c>
      <c r="U256" s="309" t="s">
        <v>65</v>
      </c>
      <c r="V256" s="309"/>
      <c r="W256" s="309"/>
      <c r="X256" s="309"/>
      <c r="Y256" s="309"/>
      <c r="Z256" s="309"/>
      <c r="AA256" s="309"/>
      <c r="AB256" s="309"/>
      <c r="AC256" s="309"/>
      <c r="AD256" s="309"/>
      <c r="AE256" s="309"/>
      <c r="AF256" s="309"/>
      <c r="AG256" s="309"/>
      <c r="AH256" s="309"/>
      <c r="AI256" s="309"/>
      <c r="AJ256" s="309"/>
      <c r="AK256" s="309"/>
      <c r="AL256" s="309"/>
      <c r="AM256" s="402" t="s">
        <v>66</v>
      </c>
      <c r="AN256" s="402" t="s">
        <v>66</v>
      </c>
      <c r="AO256" s="402" t="s">
        <v>66</v>
      </c>
      <c r="AP256" s="402" t="s">
        <v>66</v>
      </c>
      <c r="AQ256" s="309"/>
      <c r="AR256" s="309"/>
      <c r="AS256" s="309"/>
      <c r="AT256" s="309"/>
      <c r="AU256" s="309"/>
      <c r="AV256" s="309"/>
      <c r="AW256" s="309"/>
      <c r="AX256" s="309"/>
      <c r="AY256" s="309"/>
      <c r="AZ256" s="309"/>
      <c r="BA256" s="308">
        <f t="shared" si="143"/>
        <v>1277</v>
      </c>
      <c r="BB256" s="309">
        <f t="shared" si="144"/>
        <v>98.19342208300705</v>
      </c>
      <c r="BC256" s="402" t="str">
        <f t="shared" si="145"/>
        <v/>
      </c>
      <c r="BD256" s="402" t="str">
        <f t="shared" si="146"/>
        <v/>
      </c>
      <c r="BE256" s="402" t="str">
        <f t="shared" si="147"/>
        <v/>
      </c>
      <c r="BF256" s="402" t="str">
        <f t="shared" si="148"/>
        <v/>
      </c>
      <c r="BG256" s="402" t="str">
        <f t="shared" si="149"/>
        <v/>
      </c>
      <c r="BH256" s="402" t="str">
        <f t="shared" si="150"/>
        <v/>
      </c>
      <c r="BI256" s="402" t="str">
        <f t="shared" si="151"/>
        <v/>
      </c>
      <c r="BJ256" s="402" t="str">
        <f t="shared" si="152"/>
        <v/>
      </c>
      <c r="BK256" s="402" t="str">
        <f t="shared" si="153"/>
        <v/>
      </c>
      <c r="BL256" s="402" t="str">
        <f t="shared" si="154"/>
        <v/>
      </c>
      <c r="BM256" s="402" t="str">
        <f t="shared" si="155"/>
        <v/>
      </c>
      <c r="BN256" s="402" t="str">
        <f t="shared" si="156"/>
        <v/>
      </c>
      <c r="BO256" s="402" t="str">
        <f t="shared" si="157"/>
        <v/>
      </c>
      <c r="BP256" s="402" t="str">
        <f t="shared" si="158"/>
        <v/>
      </c>
      <c r="BQ256" s="402" t="str">
        <f t="shared" si="159"/>
        <v/>
      </c>
      <c r="BR256" s="402" t="str">
        <f t="shared" si="160"/>
        <v/>
      </c>
      <c r="BS256" s="402" t="str">
        <f t="shared" si="161"/>
        <v/>
      </c>
      <c r="BT256" s="402">
        <f t="shared" si="162"/>
        <v>76099.902114330471</v>
      </c>
      <c r="BU256" s="402">
        <f t="shared" si="163"/>
        <v>9819.3422083007044</v>
      </c>
      <c r="BV256" s="402">
        <f t="shared" si="164"/>
        <v>9819.3422083007044</v>
      </c>
      <c r="BW256" s="402">
        <f t="shared" si="165"/>
        <v>29654.413469068128</v>
      </c>
      <c r="BX256" s="402" t="str">
        <f t="shared" si="166"/>
        <v/>
      </c>
      <c r="BY256" s="402" t="str">
        <f t="shared" si="167"/>
        <v/>
      </c>
      <c r="BZ256" s="402" t="str">
        <f t="shared" si="168"/>
        <v/>
      </c>
      <c r="CA256" s="402" t="str">
        <f t="shared" si="169"/>
        <v/>
      </c>
      <c r="CB256" s="402" t="str">
        <f t="shared" si="170"/>
        <v/>
      </c>
      <c r="CC256" s="402" t="str">
        <f t="shared" si="171"/>
        <v/>
      </c>
      <c r="CD256" s="402" t="str">
        <f t="shared" si="172"/>
        <v/>
      </c>
      <c r="CE256" s="402" t="str">
        <f t="shared" si="173"/>
        <v/>
      </c>
      <c r="CF256" s="402" t="str">
        <f t="shared" si="174"/>
        <v/>
      </c>
      <c r="CG256" s="402" t="str">
        <f t="shared" si="175"/>
        <v/>
      </c>
      <c r="CH256" s="402"/>
      <c r="CI256" s="402"/>
      <c r="CJ256" s="402"/>
      <c r="CK256" s="402"/>
      <c r="CL256" s="402"/>
      <c r="CM256" s="402"/>
      <c r="CN256" s="402"/>
      <c r="CO256" s="402"/>
      <c r="CP256" s="402"/>
      <c r="CQ256" s="402"/>
      <c r="CR256" s="402"/>
      <c r="CS256" s="402"/>
      <c r="CT256" s="402"/>
      <c r="CU256" s="402"/>
      <c r="CV256" s="402"/>
      <c r="CW256" s="402"/>
      <c r="CX256" s="402"/>
      <c r="CY256" s="402"/>
      <c r="CZ256" s="402"/>
      <c r="DA256" s="402"/>
      <c r="DB256" s="402"/>
      <c r="DC256" s="402"/>
      <c r="DD256" s="309" t="s">
        <v>660</v>
      </c>
      <c r="DE256" s="309"/>
      <c r="DF256" s="404" t="s">
        <v>661</v>
      </c>
    </row>
    <row r="257" spans="3:110" s="401" customFormat="1" ht="56.1" customHeight="1" x14ac:dyDescent="0.2">
      <c r="C257" s="420">
        <v>616</v>
      </c>
      <c r="D257" s="420" t="s">
        <v>2481</v>
      </c>
      <c r="E257" s="96" t="s">
        <v>53</v>
      </c>
      <c r="F257" s="96" t="s">
        <v>655</v>
      </c>
      <c r="G257" s="310" t="s">
        <v>656</v>
      </c>
      <c r="H257" s="310" t="s">
        <v>692</v>
      </c>
      <c r="I257" s="310" t="s">
        <v>693</v>
      </c>
      <c r="J257" s="310"/>
      <c r="K257" s="310" t="s">
        <v>86</v>
      </c>
      <c r="L257" s="310" t="s">
        <v>63</v>
      </c>
      <c r="M257" s="407" t="s">
        <v>81</v>
      </c>
      <c r="N257" s="310" t="s">
        <v>77</v>
      </c>
      <c r="O257" s="407" t="s">
        <v>225</v>
      </c>
      <c r="P257" s="309" t="s">
        <v>63</v>
      </c>
      <c r="Q257" s="309" t="s">
        <v>63</v>
      </c>
      <c r="R257" s="309">
        <v>31348</v>
      </c>
      <c r="S257" s="309">
        <f t="shared" si="142"/>
        <v>31348</v>
      </c>
      <c r="T257" s="309" t="s">
        <v>659</v>
      </c>
      <c r="U257" s="309" t="s">
        <v>65</v>
      </c>
      <c r="V257" s="309"/>
      <c r="W257" s="309"/>
      <c r="X257" s="309"/>
      <c r="Y257" s="309"/>
      <c r="Z257" s="309"/>
      <c r="AA257" s="309"/>
      <c r="AB257" s="309"/>
      <c r="AC257" s="309"/>
      <c r="AD257" s="309"/>
      <c r="AE257" s="309"/>
      <c r="AF257" s="309"/>
      <c r="AG257" s="309"/>
      <c r="AH257" s="309"/>
      <c r="AI257" s="309"/>
      <c r="AJ257" s="309"/>
      <c r="AK257" s="309"/>
      <c r="AL257" s="309"/>
      <c r="AM257" s="402" t="s">
        <v>66</v>
      </c>
      <c r="AN257" s="402" t="s">
        <v>66</v>
      </c>
      <c r="AO257" s="402" t="s">
        <v>66</v>
      </c>
      <c r="AP257" s="402" t="s">
        <v>66</v>
      </c>
      <c r="AQ257" s="309"/>
      <c r="AR257" s="309"/>
      <c r="AS257" s="309"/>
      <c r="AT257" s="309"/>
      <c r="AU257" s="309"/>
      <c r="AV257" s="309"/>
      <c r="AW257" s="309"/>
      <c r="AX257" s="309"/>
      <c r="AY257" s="309"/>
      <c r="AZ257" s="309"/>
      <c r="BA257" s="308">
        <f t="shared" si="143"/>
        <v>1277</v>
      </c>
      <c r="BB257" s="309">
        <f t="shared" si="144"/>
        <v>24.548159749412687</v>
      </c>
      <c r="BC257" s="402" t="str">
        <f t="shared" si="145"/>
        <v/>
      </c>
      <c r="BD257" s="402" t="str">
        <f t="shared" si="146"/>
        <v/>
      </c>
      <c r="BE257" s="402" t="str">
        <f t="shared" si="147"/>
        <v/>
      </c>
      <c r="BF257" s="402" t="str">
        <f t="shared" si="148"/>
        <v/>
      </c>
      <c r="BG257" s="402" t="str">
        <f t="shared" si="149"/>
        <v/>
      </c>
      <c r="BH257" s="402" t="str">
        <f t="shared" si="150"/>
        <v/>
      </c>
      <c r="BI257" s="402" t="str">
        <f t="shared" si="151"/>
        <v/>
      </c>
      <c r="BJ257" s="402" t="str">
        <f t="shared" si="152"/>
        <v/>
      </c>
      <c r="BK257" s="402" t="str">
        <f t="shared" si="153"/>
        <v/>
      </c>
      <c r="BL257" s="402" t="str">
        <f t="shared" si="154"/>
        <v/>
      </c>
      <c r="BM257" s="402" t="str">
        <f t="shared" si="155"/>
        <v/>
      </c>
      <c r="BN257" s="402" t="str">
        <f t="shared" si="156"/>
        <v/>
      </c>
      <c r="BO257" s="402" t="str">
        <f t="shared" si="157"/>
        <v/>
      </c>
      <c r="BP257" s="402" t="str">
        <f t="shared" si="158"/>
        <v/>
      </c>
      <c r="BQ257" s="402" t="str">
        <f t="shared" si="159"/>
        <v/>
      </c>
      <c r="BR257" s="402" t="str">
        <f t="shared" si="160"/>
        <v/>
      </c>
      <c r="BS257" s="402" t="str">
        <f t="shared" si="161"/>
        <v/>
      </c>
      <c r="BT257" s="402">
        <f t="shared" si="162"/>
        <v>19024.823805794833</v>
      </c>
      <c r="BU257" s="402">
        <f t="shared" si="163"/>
        <v>2454.8159749412685</v>
      </c>
      <c r="BV257" s="402">
        <f t="shared" si="164"/>
        <v>2454.8159749412685</v>
      </c>
      <c r="BW257" s="402">
        <f t="shared" si="165"/>
        <v>7413.5442443226311</v>
      </c>
      <c r="BX257" s="402" t="str">
        <f t="shared" si="166"/>
        <v/>
      </c>
      <c r="BY257" s="402" t="str">
        <f t="shared" si="167"/>
        <v/>
      </c>
      <c r="BZ257" s="402" t="str">
        <f t="shared" si="168"/>
        <v/>
      </c>
      <c r="CA257" s="402" t="str">
        <f t="shared" si="169"/>
        <v/>
      </c>
      <c r="CB257" s="402" t="str">
        <f t="shared" si="170"/>
        <v/>
      </c>
      <c r="CC257" s="402" t="str">
        <f t="shared" si="171"/>
        <v/>
      </c>
      <c r="CD257" s="402" t="str">
        <f t="shared" si="172"/>
        <v/>
      </c>
      <c r="CE257" s="402" t="str">
        <f t="shared" si="173"/>
        <v/>
      </c>
      <c r="CF257" s="402" t="str">
        <f t="shared" si="174"/>
        <v/>
      </c>
      <c r="CG257" s="402" t="str">
        <f t="shared" si="175"/>
        <v/>
      </c>
      <c r="CH257" s="402"/>
      <c r="CI257" s="402"/>
      <c r="CJ257" s="402"/>
      <c r="CK257" s="402"/>
      <c r="CL257" s="402"/>
      <c r="CM257" s="402"/>
      <c r="CN257" s="402"/>
      <c r="CO257" s="402"/>
      <c r="CP257" s="402"/>
      <c r="CQ257" s="402"/>
      <c r="CR257" s="402"/>
      <c r="CS257" s="402"/>
      <c r="CT257" s="402"/>
      <c r="CU257" s="402"/>
      <c r="CV257" s="402"/>
      <c r="CW257" s="402"/>
      <c r="CX257" s="402"/>
      <c r="CY257" s="402"/>
      <c r="CZ257" s="402"/>
      <c r="DA257" s="402"/>
      <c r="DB257" s="402"/>
      <c r="DC257" s="402"/>
      <c r="DD257" s="309" t="s">
        <v>660</v>
      </c>
      <c r="DE257" s="309"/>
      <c r="DF257" s="404" t="s">
        <v>661</v>
      </c>
    </row>
    <row r="258" spans="3:110" s="401" customFormat="1" ht="56.1" customHeight="1" x14ac:dyDescent="0.2">
      <c r="C258" s="420">
        <v>617</v>
      </c>
      <c r="D258" s="420" t="s">
        <v>2481</v>
      </c>
      <c r="E258" s="96" t="s">
        <v>53</v>
      </c>
      <c r="F258" s="96" t="s">
        <v>655</v>
      </c>
      <c r="G258" s="310" t="s">
        <v>656</v>
      </c>
      <c r="H258" s="310" t="s">
        <v>694</v>
      </c>
      <c r="I258" s="310" t="s">
        <v>695</v>
      </c>
      <c r="J258" s="310"/>
      <c r="K258" s="310" t="s">
        <v>86</v>
      </c>
      <c r="L258" s="310" t="s">
        <v>63</v>
      </c>
      <c r="M258" s="407" t="s">
        <v>81</v>
      </c>
      <c r="N258" s="310" t="s">
        <v>77</v>
      </c>
      <c r="O258" s="407" t="s">
        <v>225</v>
      </c>
      <c r="P258" s="309" t="s">
        <v>63</v>
      </c>
      <c r="Q258" s="309" t="s">
        <v>63</v>
      </c>
      <c r="R258" s="309">
        <v>31348</v>
      </c>
      <c r="S258" s="309">
        <f t="shared" si="142"/>
        <v>31348</v>
      </c>
      <c r="T258" s="309" t="s">
        <v>659</v>
      </c>
      <c r="U258" s="309" t="s">
        <v>65</v>
      </c>
      <c r="V258" s="309"/>
      <c r="W258" s="309"/>
      <c r="X258" s="309"/>
      <c r="Y258" s="309"/>
      <c r="Z258" s="309"/>
      <c r="AA258" s="309"/>
      <c r="AB258" s="309"/>
      <c r="AC258" s="309"/>
      <c r="AD258" s="309"/>
      <c r="AE258" s="309"/>
      <c r="AF258" s="309"/>
      <c r="AG258" s="309"/>
      <c r="AH258" s="309"/>
      <c r="AI258" s="309"/>
      <c r="AJ258" s="309"/>
      <c r="AK258" s="309"/>
      <c r="AL258" s="309"/>
      <c r="AM258" s="402" t="s">
        <v>66</v>
      </c>
      <c r="AN258" s="402" t="s">
        <v>66</v>
      </c>
      <c r="AO258" s="402" t="s">
        <v>66</v>
      </c>
      <c r="AP258" s="402" t="s">
        <v>66</v>
      </c>
      <c r="AQ258" s="309"/>
      <c r="AR258" s="309"/>
      <c r="AS258" s="309"/>
      <c r="AT258" s="309"/>
      <c r="AU258" s="309"/>
      <c r="AV258" s="309"/>
      <c r="AW258" s="309"/>
      <c r="AX258" s="309"/>
      <c r="AY258" s="309"/>
      <c r="AZ258" s="309"/>
      <c r="BA258" s="308">
        <f t="shared" si="143"/>
        <v>1277</v>
      </c>
      <c r="BB258" s="309">
        <f t="shared" si="144"/>
        <v>24.548159749412687</v>
      </c>
      <c r="BC258" s="402" t="str">
        <f t="shared" si="145"/>
        <v/>
      </c>
      <c r="BD258" s="402" t="str">
        <f t="shared" si="146"/>
        <v/>
      </c>
      <c r="BE258" s="402" t="str">
        <f t="shared" si="147"/>
        <v/>
      </c>
      <c r="BF258" s="402" t="str">
        <f t="shared" si="148"/>
        <v/>
      </c>
      <c r="BG258" s="402" t="str">
        <f t="shared" si="149"/>
        <v/>
      </c>
      <c r="BH258" s="402" t="str">
        <f t="shared" si="150"/>
        <v/>
      </c>
      <c r="BI258" s="402" t="str">
        <f t="shared" si="151"/>
        <v/>
      </c>
      <c r="BJ258" s="402" t="str">
        <f t="shared" si="152"/>
        <v/>
      </c>
      <c r="BK258" s="402" t="str">
        <f t="shared" si="153"/>
        <v/>
      </c>
      <c r="BL258" s="402" t="str">
        <f t="shared" si="154"/>
        <v/>
      </c>
      <c r="BM258" s="402" t="str">
        <f t="shared" si="155"/>
        <v/>
      </c>
      <c r="BN258" s="402" t="str">
        <f t="shared" si="156"/>
        <v/>
      </c>
      <c r="BO258" s="402" t="str">
        <f t="shared" si="157"/>
        <v/>
      </c>
      <c r="BP258" s="402" t="str">
        <f t="shared" si="158"/>
        <v/>
      </c>
      <c r="BQ258" s="402" t="str">
        <f t="shared" si="159"/>
        <v/>
      </c>
      <c r="BR258" s="402" t="str">
        <f t="shared" si="160"/>
        <v/>
      </c>
      <c r="BS258" s="402" t="str">
        <f t="shared" si="161"/>
        <v/>
      </c>
      <c r="BT258" s="402">
        <f t="shared" si="162"/>
        <v>19024.823805794833</v>
      </c>
      <c r="BU258" s="402">
        <f t="shared" si="163"/>
        <v>2454.8159749412685</v>
      </c>
      <c r="BV258" s="402">
        <f t="shared" si="164"/>
        <v>2454.8159749412685</v>
      </c>
      <c r="BW258" s="402">
        <f t="shared" si="165"/>
        <v>7413.5442443226311</v>
      </c>
      <c r="BX258" s="402" t="str">
        <f t="shared" si="166"/>
        <v/>
      </c>
      <c r="BY258" s="402" t="str">
        <f t="shared" si="167"/>
        <v/>
      </c>
      <c r="BZ258" s="402" t="str">
        <f t="shared" si="168"/>
        <v/>
      </c>
      <c r="CA258" s="402" t="str">
        <f t="shared" si="169"/>
        <v/>
      </c>
      <c r="CB258" s="402" t="str">
        <f t="shared" si="170"/>
        <v/>
      </c>
      <c r="CC258" s="402" t="str">
        <f t="shared" si="171"/>
        <v/>
      </c>
      <c r="CD258" s="402" t="str">
        <f t="shared" si="172"/>
        <v/>
      </c>
      <c r="CE258" s="402" t="str">
        <f t="shared" si="173"/>
        <v/>
      </c>
      <c r="CF258" s="402" t="str">
        <f t="shared" si="174"/>
        <v/>
      </c>
      <c r="CG258" s="402" t="str">
        <f t="shared" si="175"/>
        <v/>
      </c>
      <c r="CH258" s="402"/>
      <c r="CI258" s="402"/>
      <c r="CJ258" s="402"/>
      <c r="CK258" s="402"/>
      <c r="CL258" s="402"/>
      <c r="CM258" s="402"/>
      <c r="CN258" s="402"/>
      <c r="CO258" s="402"/>
      <c r="CP258" s="402"/>
      <c r="CQ258" s="402"/>
      <c r="CR258" s="402"/>
      <c r="CS258" s="402"/>
      <c r="CT258" s="402"/>
      <c r="CU258" s="402"/>
      <c r="CV258" s="402"/>
      <c r="CW258" s="402"/>
      <c r="CX258" s="402"/>
      <c r="CY258" s="402"/>
      <c r="CZ258" s="402"/>
      <c r="DA258" s="402"/>
      <c r="DB258" s="402"/>
      <c r="DC258" s="402"/>
      <c r="DD258" s="309" t="s">
        <v>660</v>
      </c>
      <c r="DE258" s="309"/>
      <c r="DF258" s="404" t="s">
        <v>661</v>
      </c>
    </row>
    <row r="259" spans="3:110" s="401" customFormat="1" ht="56.1" customHeight="1" x14ac:dyDescent="0.2">
      <c r="C259" s="420">
        <v>618</v>
      </c>
      <c r="D259" s="420" t="s">
        <v>2481</v>
      </c>
      <c r="E259" s="96" t="s">
        <v>53</v>
      </c>
      <c r="F259" s="96" t="s">
        <v>655</v>
      </c>
      <c r="G259" s="310" t="s">
        <v>656</v>
      </c>
      <c r="H259" s="310" t="s">
        <v>696</v>
      </c>
      <c r="I259" s="323" t="s">
        <v>697</v>
      </c>
      <c r="J259" s="323"/>
      <c r="K259" s="310" t="s">
        <v>86</v>
      </c>
      <c r="L259" s="310" t="s">
        <v>63</v>
      </c>
      <c r="M259" s="407" t="s">
        <v>81</v>
      </c>
      <c r="N259" s="310" t="s">
        <v>77</v>
      </c>
      <c r="O259" s="407" t="s">
        <v>225</v>
      </c>
      <c r="P259" s="309" t="s">
        <v>63</v>
      </c>
      <c r="Q259" s="309" t="s">
        <v>63</v>
      </c>
      <c r="R259" s="309">
        <v>25079</v>
      </c>
      <c r="S259" s="309">
        <f t="shared" si="142"/>
        <v>25079</v>
      </c>
      <c r="T259" s="309" t="s">
        <v>659</v>
      </c>
      <c r="U259" s="309" t="s">
        <v>65</v>
      </c>
      <c r="V259" s="309"/>
      <c r="W259" s="309"/>
      <c r="X259" s="309"/>
      <c r="Y259" s="309"/>
      <c r="Z259" s="309"/>
      <c r="AA259" s="309"/>
      <c r="AB259" s="309"/>
      <c r="AC259" s="309"/>
      <c r="AD259" s="309"/>
      <c r="AE259" s="309"/>
      <c r="AF259" s="309"/>
      <c r="AG259" s="309"/>
      <c r="AH259" s="309"/>
      <c r="AI259" s="309"/>
      <c r="AJ259" s="309"/>
      <c r="AK259" s="309"/>
      <c r="AL259" s="309"/>
      <c r="AM259" s="402" t="s">
        <v>66</v>
      </c>
      <c r="AN259" s="402" t="s">
        <v>66</v>
      </c>
      <c r="AO259" s="402" t="s">
        <v>66</v>
      </c>
      <c r="AP259" s="402" t="s">
        <v>66</v>
      </c>
      <c r="AQ259" s="309"/>
      <c r="AR259" s="309"/>
      <c r="AS259" s="309"/>
      <c r="AT259" s="309"/>
      <c r="AU259" s="309"/>
      <c r="AV259" s="309"/>
      <c r="AW259" s="309"/>
      <c r="AX259" s="309"/>
      <c r="AY259" s="309"/>
      <c r="AZ259" s="309"/>
      <c r="BA259" s="308">
        <f t="shared" si="143"/>
        <v>1277</v>
      </c>
      <c r="BB259" s="309">
        <f t="shared" si="144"/>
        <v>19.638997650743931</v>
      </c>
      <c r="BC259" s="402" t="str">
        <f t="shared" si="145"/>
        <v/>
      </c>
      <c r="BD259" s="402" t="str">
        <f t="shared" si="146"/>
        <v/>
      </c>
      <c r="BE259" s="402" t="str">
        <f t="shared" si="147"/>
        <v/>
      </c>
      <c r="BF259" s="402" t="str">
        <f t="shared" si="148"/>
        <v/>
      </c>
      <c r="BG259" s="402" t="str">
        <f t="shared" si="149"/>
        <v/>
      </c>
      <c r="BH259" s="402" t="str">
        <f t="shared" si="150"/>
        <v/>
      </c>
      <c r="BI259" s="402" t="str">
        <f t="shared" si="151"/>
        <v/>
      </c>
      <c r="BJ259" s="402" t="str">
        <f t="shared" si="152"/>
        <v/>
      </c>
      <c r="BK259" s="402" t="str">
        <f t="shared" si="153"/>
        <v/>
      </c>
      <c r="BL259" s="402" t="str">
        <f t="shared" si="154"/>
        <v/>
      </c>
      <c r="BM259" s="402" t="str">
        <f t="shared" si="155"/>
        <v/>
      </c>
      <c r="BN259" s="402" t="str">
        <f t="shared" si="156"/>
        <v/>
      </c>
      <c r="BO259" s="402" t="str">
        <f t="shared" si="157"/>
        <v/>
      </c>
      <c r="BP259" s="402" t="str">
        <f t="shared" si="158"/>
        <v/>
      </c>
      <c r="BQ259" s="402" t="str">
        <f t="shared" si="159"/>
        <v/>
      </c>
      <c r="BR259" s="402" t="str">
        <f t="shared" si="160"/>
        <v/>
      </c>
      <c r="BS259" s="402" t="str">
        <f t="shared" si="161"/>
        <v/>
      </c>
      <c r="BT259" s="402">
        <f t="shared" si="162"/>
        <v>15220.223179326547</v>
      </c>
      <c r="BU259" s="402">
        <f t="shared" si="163"/>
        <v>1963.8997650743931</v>
      </c>
      <c r="BV259" s="402">
        <f t="shared" si="164"/>
        <v>1963.8997650743931</v>
      </c>
      <c r="BW259" s="402">
        <f t="shared" si="165"/>
        <v>5930.9772905246673</v>
      </c>
      <c r="BX259" s="402" t="str">
        <f t="shared" si="166"/>
        <v/>
      </c>
      <c r="BY259" s="402" t="str">
        <f t="shared" si="167"/>
        <v/>
      </c>
      <c r="BZ259" s="402" t="str">
        <f t="shared" si="168"/>
        <v/>
      </c>
      <c r="CA259" s="402" t="str">
        <f t="shared" si="169"/>
        <v/>
      </c>
      <c r="CB259" s="402" t="str">
        <f t="shared" si="170"/>
        <v/>
      </c>
      <c r="CC259" s="402" t="str">
        <f t="shared" si="171"/>
        <v/>
      </c>
      <c r="CD259" s="402" t="str">
        <f t="shared" si="172"/>
        <v/>
      </c>
      <c r="CE259" s="402" t="str">
        <f t="shared" si="173"/>
        <v/>
      </c>
      <c r="CF259" s="402" t="str">
        <f t="shared" si="174"/>
        <v/>
      </c>
      <c r="CG259" s="402" t="str">
        <f t="shared" si="175"/>
        <v/>
      </c>
      <c r="CH259" s="402"/>
      <c r="CI259" s="402"/>
      <c r="CJ259" s="402"/>
      <c r="CK259" s="402"/>
      <c r="CL259" s="402"/>
      <c r="CM259" s="402"/>
      <c r="CN259" s="402"/>
      <c r="CO259" s="402"/>
      <c r="CP259" s="402"/>
      <c r="CQ259" s="402"/>
      <c r="CR259" s="402"/>
      <c r="CS259" s="402"/>
      <c r="CT259" s="402"/>
      <c r="CU259" s="402"/>
      <c r="CV259" s="402"/>
      <c r="CW259" s="402"/>
      <c r="CX259" s="402"/>
      <c r="CY259" s="402"/>
      <c r="CZ259" s="402"/>
      <c r="DA259" s="402"/>
      <c r="DB259" s="402"/>
      <c r="DC259" s="402"/>
      <c r="DD259" s="309" t="s">
        <v>660</v>
      </c>
      <c r="DE259" s="309"/>
      <c r="DF259" s="404" t="s">
        <v>661</v>
      </c>
    </row>
    <row r="260" spans="3:110" s="401" customFormat="1" ht="56.1" customHeight="1" x14ac:dyDescent="0.2">
      <c r="C260" s="420">
        <v>619</v>
      </c>
      <c r="D260" s="420" t="s">
        <v>2481</v>
      </c>
      <c r="E260" s="96" t="s">
        <v>53</v>
      </c>
      <c r="F260" s="96" t="s">
        <v>655</v>
      </c>
      <c r="G260" s="310" t="s">
        <v>656</v>
      </c>
      <c r="H260" s="310" t="s">
        <v>698</v>
      </c>
      <c r="I260" s="323" t="s">
        <v>699</v>
      </c>
      <c r="J260" s="323"/>
      <c r="K260" s="310" t="s">
        <v>86</v>
      </c>
      <c r="L260" s="310" t="s">
        <v>63</v>
      </c>
      <c r="M260" s="407" t="s">
        <v>81</v>
      </c>
      <c r="N260" s="310" t="s">
        <v>77</v>
      </c>
      <c r="O260" s="407" t="s">
        <v>225</v>
      </c>
      <c r="P260" s="309" t="s">
        <v>63</v>
      </c>
      <c r="Q260" s="309" t="s">
        <v>63</v>
      </c>
      <c r="R260" s="309">
        <v>25079</v>
      </c>
      <c r="S260" s="309">
        <f t="shared" si="142"/>
        <v>25079</v>
      </c>
      <c r="T260" s="309" t="s">
        <v>659</v>
      </c>
      <c r="U260" s="309" t="s">
        <v>65</v>
      </c>
      <c r="V260" s="309"/>
      <c r="W260" s="309"/>
      <c r="X260" s="309"/>
      <c r="Y260" s="309"/>
      <c r="Z260" s="309"/>
      <c r="AA260" s="309"/>
      <c r="AB260" s="309"/>
      <c r="AC260" s="309"/>
      <c r="AD260" s="309"/>
      <c r="AE260" s="309"/>
      <c r="AF260" s="309"/>
      <c r="AG260" s="309"/>
      <c r="AH260" s="309"/>
      <c r="AI260" s="309"/>
      <c r="AJ260" s="309"/>
      <c r="AK260" s="309"/>
      <c r="AL260" s="309"/>
      <c r="AM260" s="402" t="s">
        <v>66</v>
      </c>
      <c r="AN260" s="402" t="s">
        <v>66</v>
      </c>
      <c r="AO260" s="402" t="s">
        <v>66</v>
      </c>
      <c r="AP260" s="402" t="s">
        <v>66</v>
      </c>
      <c r="AQ260" s="309"/>
      <c r="AR260" s="309"/>
      <c r="AS260" s="309"/>
      <c r="AT260" s="309"/>
      <c r="AU260" s="309"/>
      <c r="AV260" s="309"/>
      <c r="AW260" s="309"/>
      <c r="AX260" s="309"/>
      <c r="AY260" s="309"/>
      <c r="AZ260" s="309"/>
      <c r="BA260" s="308">
        <f t="shared" si="143"/>
        <v>1277</v>
      </c>
      <c r="BB260" s="309">
        <f t="shared" si="144"/>
        <v>19.638997650743931</v>
      </c>
      <c r="BC260" s="402" t="str">
        <f t="shared" si="145"/>
        <v/>
      </c>
      <c r="BD260" s="402" t="str">
        <f t="shared" si="146"/>
        <v/>
      </c>
      <c r="BE260" s="402" t="str">
        <f t="shared" si="147"/>
        <v/>
      </c>
      <c r="BF260" s="402" t="str">
        <f t="shared" si="148"/>
        <v/>
      </c>
      <c r="BG260" s="402" t="str">
        <f t="shared" si="149"/>
        <v/>
      </c>
      <c r="BH260" s="402" t="str">
        <f t="shared" si="150"/>
        <v/>
      </c>
      <c r="BI260" s="402" t="str">
        <f t="shared" si="151"/>
        <v/>
      </c>
      <c r="BJ260" s="402" t="str">
        <f t="shared" si="152"/>
        <v/>
      </c>
      <c r="BK260" s="402" t="str">
        <f t="shared" si="153"/>
        <v/>
      </c>
      <c r="BL260" s="402" t="str">
        <f t="shared" si="154"/>
        <v/>
      </c>
      <c r="BM260" s="402" t="str">
        <f t="shared" si="155"/>
        <v/>
      </c>
      <c r="BN260" s="402" t="str">
        <f t="shared" si="156"/>
        <v/>
      </c>
      <c r="BO260" s="402" t="str">
        <f t="shared" si="157"/>
        <v/>
      </c>
      <c r="BP260" s="402" t="str">
        <f t="shared" si="158"/>
        <v/>
      </c>
      <c r="BQ260" s="402" t="str">
        <f t="shared" si="159"/>
        <v/>
      </c>
      <c r="BR260" s="402" t="str">
        <f t="shared" si="160"/>
        <v/>
      </c>
      <c r="BS260" s="402" t="str">
        <f t="shared" si="161"/>
        <v/>
      </c>
      <c r="BT260" s="402">
        <f t="shared" si="162"/>
        <v>15220.223179326547</v>
      </c>
      <c r="BU260" s="402">
        <f t="shared" si="163"/>
        <v>1963.8997650743931</v>
      </c>
      <c r="BV260" s="402">
        <f t="shared" si="164"/>
        <v>1963.8997650743931</v>
      </c>
      <c r="BW260" s="402">
        <f t="shared" si="165"/>
        <v>5930.9772905246673</v>
      </c>
      <c r="BX260" s="402" t="str">
        <f t="shared" si="166"/>
        <v/>
      </c>
      <c r="BY260" s="402" t="str">
        <f t="shared" si="167"/>
        <v/>
      </c>
      <c r="BZ260" s="402" t="str">
        <f t="shared" si="168"/>
        <v/>
      </c>
      <c r="CA260" s="402" t="str">
        <f t="shared" si="169"/>
        <v/>
      </c>
      <c r="CB260" s="402" t="str">
        <f t="shared" si="170"/>
        <v/>
      </c>
      <c r="CC260" s="402" t="str">
        <f t="shared" si="171"/>
        <v/>
      </c>
      <c r="CD260" s="402" t="str">
        <f t="shared" si="172"/>
        <v/>
      </c>
      <c r="CE260" s="402" t="str">
        <f t="shared" si="173"/>
        <v/>
      </c>
      <c r="CF260" s="402" t="str">
        <f t="shared" si="174"/>
        <v/>
      </c>
      <c r="CG260" s="402" t="str">
        <f t="shared" si="175"/>
        <v/>
      </c>
      <c r="CH260" s="402"/>
      <c r="CI260" s="402"/>
      <c r="CJ260" s="402"/>
      <c r="CK260" s="402"/>
      <c r="CL260" s="402"/>
      <c r="CM260" s="402"/>
      <c r="CN260" s="402"/>
      <c r="CO260" s="402"/>
      <c r="CP260" s="402"/>
      <c r="CQ260" s="402"/>
      <c r="CR260" s="402"/>
      <c r="CS260" s="402"/>
      <c r="CT260" s="402"/>
      <c r="CU260" s="402"/>
      <c r="CV260" s="402"/>
      <c r="CW260" s="402"/>
      <c r="CX260" s="402"/>
      <c r="CY260" s="402"/>
      <c r="CZ260" s="402"/>
      <c r="DA260" s="402"/>
      <c r="DB260" s="402"/>
      <c r="DC260" s="402"/>
      <c r="DD260" s="309" t="s">
        <v>660</v>
      </c>
      <c r="DE260" s="309"/>
      <c r="DF260" s="404" t="s">
        <v>661</v>
      </c>
    </row>
    <row r="261" spans="3:110" s="401" customFormat="1" ht="56.1" customHeight="1" x14ac:dyDescent="0.2">
      <c r="C261" s="420">
        <v>620</v>
      </c>
      <c r="D261" s="420" t="s">
        <v>2481</v>
      </c>
      <c r="E261" s="96" t="s">
        <v>53</v>
      </c>
      <c r="F261" s="96" t="s">
        <v>655</v>
      </c>
      <c r="G261" s="310" t="s">
        <v>656</v>
      </c>
      <c r="H261" s="310" t="s">
        <v>700</v>
      </c>
      <c r="I261" s="310" t="s">
        <v>701</v>
      </c>
      <c r="J261" s="310"/>
      <c r="K261" s="310" t="s">
        <v>86</v>
      </c>
      <c r="L261" s="310" t="s">
        <v>63</v>
      </c>
      <c r="M261" s="407" t="s">
        <v>81</v>
      </c>
      <c r="N261" s="310" t="s">
        <v>77</v>
      </c>
      <c r="O261" s="407" t="s">
        <v>225</v>
      </c>
      <c r="P261" s="309" t="s">
        <v>63</v>
      </c>
      <c r="Q261" s="309" t="s">
        <v>63</v>
      </c>
      <c r="R261" s="309">
        <v>238247</v>
      </c>
      <c r="S261" s="309">
        <f t="shared" si="142"/>
        <v>238247</v>
      </c>
      <c r="T261" s="309" t="s">
        <v>659</v>
      </c>
      <c r="U261" s="309" t="s">
        <v>65</v>
      </c>
      <c r="V261" s="309"/>
      <c r="W261" s="309"/>
      <c r="X261" s="309"/>
      <c r="Y261" s="309"/>
      <c r="Z261" s="309"/>
      <c r="AA261" s="309"/>
      <c r="AB261" s="309"/>
      <c r="AC261" s="309"/>
      <c r="AD261" s="309"/>
      <c r="AE261" s="309"/>
      <c r="AF261" s="309"/>
      <c r="AG261" s="309"/>
      <c r="AH261" s="309"/>
      <c r="AI261" s="309"/>
      <c r="AJ261" s="309"/>
      <c r="AK261" s="309"/>
      <c r="AL261" s="309"/>
      <c r="AM261" s="402" t="s">
        <v>66</v>
      </c>
      <c r="AN261" s="402" t="s">
        <v>66</v>
      </c>
      <c r="AO261" s="402" t="s">
        <v>66</v>
      </c>
      <c r="AP261" s="402" t="s">
        <v>66</v>
      </c>
      <c r="AQ261" s="309"/>
      <c r="AR261" s="309"/>
      <c r="AS261" s="309"/>
      <c r="AT261" s="309"/>
      <c r="AU261" s="309"/>
      <c r="AV261" s="309"/>
      <c r="AW261" s="309"/>
      <c r="AX261" s="309"/>
      <c r="AY261" s="309"/>
      <c r="AZ261" s="309"/>
      <c r="BA261" s="308">
        <f t="shared" si="143"/>
        <v>1277</v>
      </c>
      <c r="BB261" s="309">
        <f t="shared" si="144"/>
        <v>186.56773688332029</v>
      </c>
      <c r="BC261" s="402" t="str">
        <f t="shared" si="145"/>
        <v/>
      </c>
      <c r="BD261" s="402" t="str">
        <f t="shared" si="146"/>
        <v/>
      </c>
      <c r="BE261" s="402" t="str">
        <f t="shared" si="147"/>
        <v/>
      </c>
      <c r="BF261" s="402" t="str">
        <f t="shared" si="148"/>
        <v/>
      </c>
      <c r="BG261" s="402" t="str">
        <f t="shared" si="149"/>
        <v/>
      </c>
      <c r="BH261" s="402" t="str">
        <f t="shared" si="150"/>
        <v/>
      </c>
      <c r="BI261" s="402" t="str">
        <f t="shared" si="151"/>
        <v/>
      </c>
      <c r="BJ261" s="402" t="str">
        <f t="shared" si="152"/>
        <v/>
      </c>
      <c r="BK261" s="402" t="str">
        <f t="shared" si="153"/>
        <v/>
      </c>
      <c r="BL261" s="402" t="str">
        <f t="shared" si="154"/>
        <v/>
      </c>
      <c r="BM261" s="402" t="str">
        <f t="shared" si="155"/>
        <v/>
      </c>
      <c r="BN261" s="402" t="str">
        <f t="shared" si="156"/>
        <v/>
      </c>
      <c r="BO261" s="402" t="str">
        <f t="shared" si="157"/>
        <v/>
      </c>
      <c r="BP261" s="402" t="str">
        <f t="shared" si="158"/>
        <v/>
      </c>
      <c r="BQ261" s="402" t="str">
        <f t="shared" si="159"/>
        <v/>
      </c>
      <c r="BR261" s="402" t="str">
        <f t="shared" si="160"/>
        <v/>
      </c>
      <c r="BS261" s="402" t="str">
        <f t="shared" si="161"/>
        <v/>
      </c>
      <c r="BT261" s="402">
        <f t="shared" si="162"/>
        <v>144589.99608457321</v>
      </c>
      <c r="BU261" s="402">
        <f t="shared" si="163"/>
        <v>18656.773688332029</v>
      </c>
      <c r="BV261" s="402">
        <f t="shared" si="164"/>
        <v>18656.773688332029</v>
      </c>
      <c r="BW261" s="402">
        <f t="shared" si="165"/>
        <v>56343.45653876273</v>
      </c>
      <c r="BX261" s="402" t="str">
        <f t="shared" si="166"/>
        <v/>
      </c>
      <c r="BY261" s="402" t="str">
        <f t="shared" si="167"/>
        <v/>
      </c>
      <c r="BZ261" s="402" t="str">
        <f t="shared" si="168"/>
        <v/>
      </c>
      <c r="CA261" s="402" t="str">
        <f t="shared" si="169"/>
        <v/>
      </c>
      <c r="CB261" s="402" t="str">
        <f t="shared" si="170"/>
        <v/>
      </c>
      <c r="CC261" s="402" t="str">
        <f t="shared" si="171"/>
        <v/>
      </c>
      <c r="CD261" s="402" t="str">
        <f t="shared" si="172"/>
        <v/>
      </c>
      <c r="CE261" s="402" t="str">
        <f t="shared" si="173"/>
        <v/>
      </c>
      <c r="CF261" s="402" t="str">
        <f t="shared" si="174"/>
        <v/>
      </c>
      <c r="CG261" s="402" t="str">
        <f t="shared" si="175"/>
        <v/>
      </c>
      <c r="CH261" s="402"/>
      <c r="CI261" s="402"/>
      <c r="CJ261" s="402"/>
      <c r="CK261" s="402"/>
      <c r="CL261" s="402"/>
      <c r="CM261" s="402"/>
      <c r="CN261" s="402"/>
      <c r="CO261" s="402"/>
      <c r="CP261" s="402"/>
      <c r="CQ261" s="402"/>
      <c r="CR261" s="402"/>
      <c r="CS261" s="402"/>
      <c r="CT261" s="402"/>
      <c r="CU261" s="402"/>
      <c r="CV261" s="402"/>
      <c r="CW261" s="402"/>
      <c r="CX261" s="402"/>
      <c r="CY261" s="402"/>
      <c r="CZ261" s="402"/>
      <c r="DA261" s="402"/>
      <c r="DB261" s="402"/>
      <c r="DC261" s="402"/>
      <c r="DD261" s="309" t="s">
        <v>660</v>
      </c>
      <c r="DE261" s="309"/>
      <c r="DF261" s="404" t="s">
        <v>661</v>
      </c>
    </row>
    <row r="262" spans="3:110" s="401" customFormat="1" ht="56.1" customHeight="1" x14ac:dyDescent="0.2">
      <c r="C262" s="420">
        <v>621</v>
      </c>
      <c r="D262" s="420" t="s">
        <v>2481</v>
      </c>
      <c r="E262" s="96" t="s">
        <v>53</v>
      </c>
      <c r="F262" s="96" t="s">
        <v>655</v>
      </c>
      <c r="G262" s="310" t="s">
        <v>656</v>
      </c>
      <c r="H262" s="310" t="s">
        <v>702</v>
      </c>
      <c r="I262" s="310" t="s">
        <v>703</v>
      </c>
      <c r="J262" s="310"/>
      <c r="K262" s="310" t="s">
        <v>86</v>
      </c>
      <c r="L262" s="310" t="s">
        <v>63</v>
      </c>
      <c r="M262" s="407" t="s">
        <v>81</v>
      </c>
      <c r="N262" s="310" t="s">
        <v>77</v>
      </c>
      <c r="O262" s="407" t="s">
        <v>225</v>
      </c>
      <c r="P262" s="309" t="s">
        <v>63</v>
      </c>
      <c r="Q262" s="309" t="s">
        <v>63</v>
      </c>
      <c r="R262" s="309">
        <v>238247</v>
      </c>
      <c r="S262" s="309">
        <f t="shared" si="142"/>
        <v>238247</v>
      </c>
      <c r="T262" s="309" t="s">
        <v>659</v>
      </c>
      <c r="U262" s="309" t="s">
        <v>65</v>
      </c>
      <c r="V262" s="309"/>
      <c r="W262" s="309"/>
      <c r="X262" s="309"/>
      <c r="Y262" s="309"/>
      <c r="Z262" s="309"/>
      <c r="AA262" s="309"/>
      <c r="AB262" s="309"/>
      <c r="AC262" s="309"/>
      <c r="AD262" s="309"/>
      <c r="AE262" s="309"/>
      <c r="AF262" s="309"/>
      <c r="AG262" s="309"/>
      <c r="AH262" s="309"/>
      <c r="AI262" s="309"/>
      <c r="AJ262" s="309"/>
      <c r="AK262" s="309"/>
      <c r="AL262" s="309"/>
      <c r="AM262" s="402" t="s">
        <v>66</v>
      </c>
      <c r="AN262" s="402" t="s">
        <v>66</v>
      </c>
      <c r="AO262" s="402" t="s">
        <v>66</v>
      </c>
      <c r="AP262" s="402" t="s">
        <v>66</v>
      </c>
      <c r="AQ262" s="309"/>
      <c r="AR262" s="309"/>
      <c r="AS262" s="309"/>
      <c r="AT262" s="309"/>
      <c r="AU262" s="309"/>
      <c r="AV262" s="309"/>
      <c r="AW262" s="309"/>
      <c r="AX262" s="309"/>
      <c r="AY262" s="309"/>
      <c r="AZ262" s="309"/>
      <c r="BA262" s="308">
        <f t="shared" si="143"/>
        <v>1277</v>
      </c>
      <c r="BB262" s="309">
        <f t="shared" si="144"/>
        <v>186.56773688332029</v>
      </c>
      <c r="BC262" s="402" t="str">
        <f t="shared" si="145"/>
        <v/>
      </c>
      <c r="BD262" s="402" t="str">
        <f t="shared" si="146"/>
        <v/>
      </c>
      <c r="BE262" s="402" t="str">
        <f t="shared" si="147"/>
        <v/>
      </c>
      <c r="BF262" s="402" t="str">
        <f t="shared" si="148"/>
        <v/>
      </c>
      <c r="BG262" s="402" t="str">
        <f t="shared" si="149"/>
        <v/>
      </c>
      <c r="BH262" s="402" t="str">
        <f t="shared" si="150"/>
        <v/>
      </c>
      <c r="BI262" s="402" t="str">
        <f t="shared" si="151"/>
        <v/>
      </c>
      <c r="BJ262" s="402" t="str">
        <f t="shared" si="152"/>
        <v/>
      </c>
      <c r="BK262" s="402" t="str">
        <f t="shared" si="153"/>
        <v/>
      </c>
      <c r="BL262" s="402" t="str">
        <f t="shared" si="154"/>
        <v/>
      </c>
      <c r="BM262" s="402" t="str">
        <f t="shared" si="155"/>
        <v/>
      </c>
      <c r="BN262" s="402" t="str">
        <f t="shared" si="156"/>
        <v/>
      </c>
      <c r="BO262" s="402" t="str">
        <f t="shared" si="157"/>
        <v/>
      </c>
      <c r="BP262" s="402" t="str">
        <f t="shared" si="158"/>
        <v/>
      </c>
      <c r="BQ262" s="402" t="str">
        <f t="shared" si="159"/>
        <v/>
      </c>
      <c r="BR262" s="402" t="str">
        <f t="shared" si="160"/>
        <v/>
      </c>
      <c r="BS262" s="402" t="str">
        <f t="shared" si="161"/>
        <v/>
      </c>
      <c r="BT262" s="402">
        <f t="shared" si="162"/>
        <v>144589.99608457321</v>
      </c>
      <c r="BU262" s="402">
        <f t="shared" si="163"/>
        <v>18656.773688332029</v>
      </c>
      <c r="BV262" s="402">
        <f t="shared" si="164"/>
        <v>18656.773688332029</v>
      </c>
      <c r="BW262" s="402">
        <f t="shared" si="165"/>
        <v>56343.45653876273</v>
      </c>
      <c r="BX262" s="402" t="str">
        <f t="shared" si="166"/>
        <v/>
      </c>
      <c r="BY262" s="402" t="str">
        <f t="shared" si="167"/>
        <v/>
      </c>
      <c r="BZ262" s="402" t="str">
        <f t="shared" si="168"/>
        <v/>
      </c>
      <c r="CA262" s="402" t="str">
        <f t="shared" si="169"/>
        <v/>
      </c>
      <c r="CB262" s="402" t="str">
        <f t="shared" si="170"/>
        <v/>
      </c>
      <c r="CC262" s="402" t="str">
        <f t="shared" si="171"/>
        <v/>
      </c>
      <c r="CD262" s="402" t="str">
        <f t="shared" si="172"/>
        <v/>
      </c>
      <c r="CE262" s="402" t="str">
        <f t="shared" si="173"/>
        <v/>
      </c>
      <c r="CF262" s="402" t="str">
        <f t="shared" si="174"/>
        <v/>
      </c>
      <c r="CG262" s="402" t="str">
        <f t="shared" si="175"/>
        <v/>
      </c>
      <c r="CH262" s="402"/>
      <c r="CI262" s="402"/>
      <c r="CJ262" s="402"/>
      <c r="CK262" s="402"/>
      <c r="CL262" s="402"/>
      <c r="CM262" s="402"/>
      <c r="CN262" s="402"/>
      <c r="CO262" s="402"/>
      <c r="CP262" s="402"/>
      <c r="CQ262" s="402"/>
      <c r="CR262" s="402"/>
      <c r="CS262" s="402"/>
      <c r="CT262" s="402"/>
      <c r="CU262" s="402"/>
      <c r="CV262" s="402"/>
      <c r="CW262" s="402"/>
      <c r="CX262" s="402"/>
      <c r="CY262" s="402"/>
      <c r="CZ262" s="402"/>
      <c r="DA262" s="402"/>
      <c r="DB262" s="402"/>
      <c r="DC262" s="402"/>
      <c r="DD262" s="309" t="s">
        <v>660</v>
      </c>
      <c r="DE262" s="309"/>
      <c r="DF262" s="404" t="s">
        <v>661</v>
      </c>
    </row>
    <row r="263" spans="3:110" s="401" customFormat="1" ht="56.1" customHeight="1" x14ac:dyDescent="0.2">
      <c r="C263" s="420">
        <v>622</v>
      </c>
      <c r="D263" s="420" t="s">
        <v>2481</v>
      </c>
      <c r="E263" s="96" t="s">
        <v>53</v>
      </c>
      <c r="F263" s="96" t="s">
        <v>655</v>
      </c>
      <c r="G263" s="310" t="s">
        <v>656</v>
      </c>
      <c r="H263" s="310" t="s">
        <v>704</v>
      </c>
      <c r="I263" s="310" t="s">
        <v>705</v>
      </c>
      <c r="J263" s="310"/>
      <c r="K263" s="310" t="s">
        <v>86</v>
      </c>
      <c r="L263" s="310" t="s">
        <v>63</v>
      </c>
      <c r="M263" s="407" t="s">
        <v>81</v>
      </c>
      <c r="N263" s="310" t="s">
        <v>77</v>
      </c>
      <c r="O263" s="407" t="s">
        <v>225</v>
      </c>
      <c r="P263" s="309" t="s">
        <v>63</v>
      </c>
      <c r="Q263" s="309" t="s">
        <v>63</v>
      </c>
      <c r="R263" s="309">
        <v>125393</v>
      </c>
      <c r="S263" s="309">
        <f t="shared" si="142"/>
        <v>125393</v>
      </c>
      <c r="T263" s="309" t="s">
        <v>659</v>
      </c>
      <c r="U263" s="309" t="s">
        <v>65</v>
      </c>
      <c r="V263" s="309"/>
      <c r="W263" s="309"/>
      <c r="X263" s="309"/>
      <c r="Y263" s="309"/>
      <c r="Z263" s="309"/>
      <c r="AA263" s="309"/>
      <c r="AB263" s="309"/>
      <c r="AC263" s="309"/>
      <c r="AD263" s="309"/>
      <c r="AE263" s="309"/>
      <c r="AF263" s="309"/>
      <c r="AG263" s="309"/>
      <c r="AH263" s="309"/>
      <c r="AI263" s="309"/>
      <c r="AJ263" s="309"/>
      <c r="AK263" s="309"/>
      <c r="AL263" s="309"/>
      <c r="AM263" s="402" t="s">
        <v>66</v>
      </c>
      <c r="AN263" s="402" t="s">
        <v>66</v>
      </c>
      <c r="AO263" s="402" t="s">
        <v>66</v>
      </c>
      <c r="AP263" s="402" t="s">
        <v>66</v>
      </c>
      <c r="AQ263" s="309"/>
      <c r="AR263" s="309"/>
      <c r="AS263" s="309"/>
      <c r="AT263" s="309"/>
      <c r="AU263" s="309"/>
      <c r="AV263" s="309"/>
      <c r="AW263" s="309"/>
      <c r="AX263" s="309"/>
      <c r="AY263" s="309"/>
      <c r="AZ263" s="309"/>
      <c r="BA263" s="308">
        <f t="shared" si="143"/>
        <v>1277</v>
      </c>
      <c r="BB263" s="309">
        <f t="shared" si="144"/>
        <v>98.19342208300705</v>
      </c>
      <c r="BC263" s="402" t="str">
        <f t="shared" si="145"/>
        <v/>
      </c>
      <c r="BD263" s="402" t="str">
        <f t="shared" si="146"/>
        <v/>
      </c>
      <c r="BE263" s="402" t="str">
        <f t="shared" si="147"/>
        <v/>
      </c>
      <c r="BF263" s="402" t="str">
        <f t="shared" si="148"/>
        <v/>
      </c>
      <c r="BG263" s="402" t="str">
        <f t="shared" si="149"/>
        <v/>
      </c>
      <c r="BH263" s="402" t="str">
        <f t="shared" si="150"/>
        <v/>
      </c>
      <c r="BI263" s="402" t="str">
        <f t="shared" si="151"/>
        <v/>
      </c>
      <c r="BJ263" s="402" t="str">
        <f t="shared" si="152"/>
        <v/>
      </c>
      <c r="BK263" s="402" t="str">
        <f t="shared" si="153"/>
        <v/>
      </c>
      <c r="BL263" s="402" t="str">
        <f t="shared" si="154"/>
        <v/>
      </c>
      <c r="BM263" s="402" t="str">
        <f t="shared" si="155"/>
        <v/>
      </c>
      <c r="BN263" s="402" t="str">
        <f t="shared" si="156"/>
        <v/>
      </c>
      <c r="BO263" s="402" t="str">
        <f t="shared" si="157"/>
        <v/>
      </c>
      <c r="BP263" s="402" t="str">
        <f t="shared" si="158"/>
        <v/>
      </c>
      <c r="BQ263" s="402" t="str">
        <f t="shared" si="159"/>
        <v/>
      </c>
      <c r="BR263" s="402" t="str">
        <f t="shared" si="160"/>
        <v/>
      </c>
      <c r="BS263" s="402" t="str">
        <f t="shared" si="161"/>
        <v/>
      </c>
      <c r="BT263" s="402">
        <f t="shared" si="162"/>
        <v>76099.902114330471</v>
      </c>
      <c r="BU263" s="402">
        <f t="shared" si="163"/>
        <v>9819.3422083007044</v>
      </c>
      <c r="BV263" s="402">
        <f t="shared" si="164"/>
        <v>9819.3422083007044</v>
      </c>
      <c r="BW263" s="402">
        <f t="shared" si="165"/>
        <v>29654.413469068128</v>
      </c>
      <c r="BX263" s="402" t="str">
        <f t="shared" si="166"/>
        <v/>
      </c>
      <c r="BY263" s="402" t="str">
        <f t="shared" si="167"/>
        <v/>
      </c>
      <c r="BZ263" s="402" t="str">
        <f t="shared" si="168"/>
        <v/>
      </c>
      <c r="CA263" s="402" t="str">
        <f t="shared" si="169"/>
        <v/>
      </c>
      <c r="CB263" s="402" t="str">
        <f t="shared" si="170"/>
        <v/>
      </c>
      <c r="CC263" s="402" t="str">
        <f t="shared" si="171"/>
        <v/>
      </c>
      <c r="CD263" s="402" t="str">
        <f t="shared" si="172"/>
        <v/>
      </c>
      <c r="CE263" s="402" t="str">
        <f t="shared" si="173"/>
        <v/>
      </c>
      <c r="CF263" s="402" t="str">
        <f t="shared" si="174"/>
        <v/>
      </c>
      <c r="CG263" s="402" t="str">
        <f t="shared" si="175"/>
        <v/>
      </c>
      <c r="CH263" s="402"/>
      <c r="CI263" s="402"/>
      <c r="CJ263" s="402"/>
      <c r="CK263" s="402"/>
      <c r="CL263" s="402"/>
      <c r="CM263" s="402"/>
      <c r="CN263" s="402"/>
      <c r="CO263" s="402"/>
      <c r="CP263" s="402"/>
      <c r="CQ263" s="402"/>
      <c r="CR263" s="402"/>
      <c r="CS263" s="402"/>
      <c r="CT263" s="402"/>
      <c r="CU263" s="402"/>
      <c r="CV263" s="402"/>
      <c r="CW263" s="402"/>
      <c r="CX263" s="402"/>
      <c r="CY263" s="402"/>
      <c r="CZ263" s="402"/>
      <c r="DA263" s="402"/>
      <c r="DB263" s="402"/>
      <c r="DC263" s="402"/>
      <c r="DD263" s="309" t="s">
        <v>660</v>
      </c>
      <c r="DE263" s="309"/>
      <c r="DF263" s="404" t="s">
        <v>661</v>
      </c>
    </row>
    <row r="264" spans="3:110" s="401" customFormat="1" ht="56.1" customHeight="1" x14ac:dyDescent="0.2">
      <c r="C264" s="420">
        <v>623</v>
      </c>
      <c r="D264" s="420" t="s">
        <v>2481</v>
      </c>
      <c r="E264" s="96" t="s">
        <v>53</v>
      </c>
      <c r="F264" s="96" t="s">
        <v>655</v>
      </c>
      <c r="G264" s="310" t="s">
        <v>656</v>
      </c>
      <c r="H264" s="310" t="s">
        <v>706</v>
      </c>
      <c r="I264" s="310" t="s">
        <v>707</v>
      </c>
      <c r="J264" s="310"/>
      <c r="K264" s="310" t="s">
        <v>86</v>
      </c>
      <c r="L264" s="310" t="s">
        <v>63</v>
      </c>
      <c r="M264" s="407" t="s">
        <v>81</v>
      </c>
      <c r="N264" s="310" t="s">
        <v>77</v>
      </c>
      <c r="O264" s="407" t="s">
        <v>225</v>
      </c>
      <c r="P264" s="309" t="s">
        <v>63</v>
      </c>
      <c r="Q264" s="309" t="s">
        <v>63</v>
      </c>
      <c r="R264" s="309">
        <v>75236</v>
      </c>
      <c r="S264" s="309">
        <f t="shared" si="142"/>
        <v>75236</v>
      </c>
      <c r="T264" s="309" t="s">
        <v>659</v>
      </c>
      <c r="U264" s="309" t="s">
        <v>65</v>
      </c>
      <c r="V264" s="309"/>
      <c r="W264" s="309"/>
      <c r="X264" s="309"/>
      <c r="Y264" s="309"/>
      <c r="Z264" s="309"/>
      <c r="AA264" s="309"/>
      <c r="AB264" s="309"/>
      <c r="AC264" s="309"/>
      <c r="AD264" s="309"/>
      <c r="AE264" s="309"/>
      <c r="AF264" s="309"/>
      <c r="AG264" s="309"/>
      <c r="AH264" s="309"/>
      <c r="AI264" s="309"/>
      <c r="AJ264" s="309"/>
      <c r="AK264" s="309"/>
      <c r="AL264" s="309"/>
      <c r="AM264" s="402" t="s">
        <v>66</v>
      </c>
      <c r="AN264" s="402" t="s">
        <v>66</v>
      </c>
      <c r="AO264" s="402" t="s">
        <v>66</v>
      </c>
      <c r="AP264" s="402" t="s">
        <v>66</v>
      </c>
      <c r="AQ264" s="309"/>
      <c r="AR264" s="309"/>
      <c r="AS264" s="309"/>
      <c r="AT264" s="309"/>
      <c r="AU264" s="309"/>
      <c r="AV264" s="309"/>
      <c r="AW264" s="309"/>
      <c r="AX264" s="309"/>
      <c r="AY264" s="309"/>
      <c r="AZ264" s="309"/>
      <c r="BA264" s="308">
        <f t="shared" si="143"/>
        <v>1277</v>
      </c>
      <c r="BB264" s="309">
        <f t="shared" si="144"/>
        <v>58.916209866875491</v>
      </c>
      <c r="BC264" s="402" t="str">
        <f t="shared" si="145"/>
        <v/>
      </c>
      <c r="BD264" s="402" t="str">
        <f t="shared" si="146"/>
        <v/>
      </c>
      <c r="BE264" s="402" t="str">
        <f t="shared" si="147"/>
        <v/>
      </c>
      <c r="BF264" s="402" t="str">
        <f t="shared" si="148"/>
        <v/>
      </c>
      <c r="BG264" s="402" t="str">
        <f t="shared" si="149"/>
        <v/>
      </c>
      <c r="BH264" s="402" t="str">
        <f t="shared" si="150"/>
        <v/>
      </c>
      <c r="BI264" s="402" t="str">
        <f t="shared" si="151"/>
        <v/>
      </c>
      <c r="BJ264" s="402" t="str">
        <f t="shared" si="152"/>
        <v/>
      </c>
      <c r="BK264" s="402" t="str">
        <f t="shared" si="153"/>
        <v/>
      </c>
      <c r="BL264" s="402" t="str">
        <f t="shared" si="154"/>
        <v/>
      </c>
      <c r="BM264" s="402" t="str">
        <f t="shared" si="155"/>
        <v/>
      </c>
      <c r="BN264" s="402" t="str">
        <f t="shared" si="156"/>
        <v/>
      </c>
      <c r="BO264" s="402" t="str">
        <f t="shared" si="157"/>
        <v/>
      </c>
      <c r="BP264" s="402" t="str">
        <f t="shared" si="158"/>
        <v/>
      </c>
      <c r="BQ264" s="402" t="str">
        <f t="shared" si="159"/>
        <v/>
      </c>
      <c r="BR264" s="402" t="str">
        <f t="shared" si="160"/>
        <v/>
      </c>
      <c r="BS264" s="402" t="str">
        <f t="shared" si="161"/>
        <v/>
      </c>
      <c r="BT264" s="402">
        <f t="shared" si="162"/>
        <v>45660.062646828505</v>
      </c>
      <c r="BU264" s="402">
        <f t="shared" si="163"/>
        <v>5891.6209866875488</v>
      </c>
      <c r="BV264" s="402">
        <f t="shared" si="164"/>
        <v>5891.6209866875488</v>
      </c>
      <c r="BW264" s="402">
        <f t="shared" si="165"/>
        <v>17792.695379796398</v>
      </c>
      <c r="BX264" s="402" t="str">
        <f t="shared" si="166"/>
        <v/>
      </c>
      <c r="BY264" s="402" t="str">
        <f t="shared" si="167"/>
        <v/>
      </c>
      <c r="BZ264" s="402" t="str">
        <f t="shared" si="168"/>
        <v/>
      </c>
      <c r="CA264" s="402" t="str">
        <f t="shared" si="169"/>
        <v/>
      </c>
      <c r="CB264" s="402" t="str">
        <f t="shared" si="170"/>
        <v/>
      </c>
      <c r="CC264" s="402" t="str">
        <f t="shared" si="171"/>
        <v/>
      </c>
      <c r="CD264" s="402" t="str">
        <f t="shared" si="172"/>
        <v/>
      </c>
      <c r="CE264" s="402" t="str">
        <f t="shared" si="173"/>
        <v/>
      </c>
      <c r="CF264" s="402" t="str">
        <f t="shared" si="174"/>
        <v/>
      </c>
      <c r="CG264" s="402" t="str">
        <f t="shared" si="175"/>
        <v/>
      </c>
      <c r="CH264" s="402"/>
      <c r="CI264" s="402"/>
      <c r="CJ264" s="402"/>
      <c r="CK264" s="402"/>
      <c r="CL264" s="402"/>
      <c r="CM264" s="402"/>
      <c r="CN264" s="402"/>
      <c r="CO264" s="402"/>
      <c r="CP264" s="402"/>
      <c r="CQ264" s="402"/>
      <c r="CR264" s="402"/>
      <c r="CS264" s="402"/>
      <c r="CT264" s="402"/>
      <c r="CU264" s="402"/>
      <c r="CV264" s="402"/>
      <c r="CW264" s="402"/>
      <c r="CX264" s="402"/>
      <c r="CY264" s="402"/>
      <c r="CZ264" s="402"/>
      <c r="DA264" s="402"/>
      <c r="DB264" s="402"/>
      <c r="DC264" s="402"/>
      <c r="DD264" s="309" t="s">
        <v>660</v>
      </c>
      <c r="DE264" s="309"/>
      <c r="DF264" s="404" t="s">
        <v>661</v>
      </c>
    </row>
    <row r="265" spans="3:110" s="401" customFormat="1" ht="56.1" customHeight="1" x14ac:dyDescent="0.2">
      <c r="C265" s="420">
        <v>624</v>
      </c>
      <c r="D265" s="420" t="s">
        <v>2481</v>
      </c>
      <c r="E265" s="96" t="s">
        <v>53</v>
      </c>
      <c r="F265" s="96" t="s">
        <v>655</v>
      </c>
      <c r="G265" s="310" t="s">
        <v>656</v>
      </c>
      <c r="H265" s="310" t="s">
        <v>708</v>
      </c>
      <c r="I265" s="310" t="s">
        <v>709</v>
      </c>
      <c r="J265" s="310"/>
      <c r="K265" s="310" t="s">
        <v>86</v>
      </c>
      <c r="L265" s="310" t="s">
        <v>63</v>
      </c>
      <c r="M265" s="407" t="s">
        <v>81</v>
      </c>
      <c r="N265" s="310" t="s">
        <v>77</v>
      </c>
      <c r="O265" s="407" t="s">
        <v>225</v>
      </c>
      <c r="P265" s="309" t="s">
        <v>63</v>
      </c>
      <c r="Q265" s="309" t="s">
        <v>63</v>
      </c>
      <c r="R265" s="309">
        <v>224454</v>
      </c>
      <c r="S265" s="309">
        <f t="shared" si="142"/>
        <v>224454</v>
      </c>
      <c r="T265" s="309" t="s">
        <v>659</v>
      </c>
      <c r="U265" s="309" t="s">
        <v>65</v>
      </c>
      <c r="V265" s="309"/>
      <c r="W265" s="309"/>
      <c r="X265" s="309"/>
      <c r="Y265" s="309"/>
      <c r="Z265" s="309"/>
      <c r="AA265" s="309"/>
      <c r="AB265" s="309"/>
      <c r="AC265" s="309"/>
      <c r="AD265" s="309"/>
      <c r="AE265" s="309"/>
      <c r="AF265" s="309"/>
      <c r="AG265" s="309"/>
      <c r="AH265" s="309"/>
      <c r="AI265" s="309"/>
      <c r="AJ265" s="309"/>
      <c r="AK265" s="309"/>
      <c r="AL265" s="309"/>
      <c r="AM265" s="402" t="s">
        <v>66</v>
      </c>
      <c r="AN265" s="402" t="s">
        <v>66</v>
      </c>
      <c r="AO265" s="402" t="s">
        <v>66</v>
      </c>
      <c r="AP265" s="402" t="s">
        <v>66</v>
      </c>
      <c r="AQ265" s="309"/>
      <c r="AR265" s="309"/>
      <c r="AS265" s="309"/>
      <c r="AT265" s="309"/>
      <c r="AU265" s="309"/>
      <c r="AV265" s="309"/>
      <c r="AW265" s="309"/>
      <c r="AX265" s="309"/>
      <c r="AY265" s="309"/>
      <c r="AZ265" s="309"/>
      <c r="BA265" s="308">
        <f t="shared" si="143"/>
        <v>1277</v>
      </c>
      <c r="BB265" s="309">
        <f t="shared" si="144"/>
        <v>175.76664056382145</v>
      </c>
      <c r="BC265" s="402" t="str">
        <f t="shared" si="145"/>
        <v/>
      </c>
      <c r="BD265" s="402" t="str">
        <f t="shared" si="146"/>
        <v/>
      </c>
      <c r="BE265" s="402" t="str">
        <f t="shared" si="147"/>
        <v/>
      </c>
      <c r="BF265" s="402" t="str">
        <f t="shared" si="148"/>
        <v/>
      </c>
      <c r="BG265" s="402" t="str">
        <f t="shared" si="149"/>
        <v/>
      </c>
      <c r="BH265" s="402" t="str">
        <f t="shared" si="150"/>
        <v/>
      </c>
      <c r="BI265" s="402" t="str">
        <f t="shared" si="151"/>
        <v/>
      </c>
      <c r="BJ265" s="402" t="str">
        <f t="shared" si="152"/>
        <v/>
      </c>
      <c r="BK265" s="402" t="str">
        <f t="shared" si="153"/>
        <v/>
      </c>
      <c r="BL265" s="402" t="str">
        <f t="shared" si="154"/>
        <v/>
      </c>
      <c r="BM265" s="402" t="str">
        <f t="shared" si="155"/>
        <v/>
      </c>
      <c r="BN265" s="402" t="str">
        <f t="shared" si="156"/>
        <v/>
      </c>
      <c r="BO265" s="402" t="str">
        <f t="shared" si="157"/>
        <v/>
      </c>
      <c r="BP265" s="402" t="str">
        <f t="shared" si="158"/>
        <v/>
      </c>
      <c r="BQ265" s="402" t="str">
        <f t="shared" si="159"/>
        <v/>
      </c>
      <c r="BR265" s="402" t="str">
        <f t="shared" si="160"/>
        <v/>
      </c>
      <c r="BS265" s="402" t="str">
        <f t="shared" si="161"/>
        <v/>
      </c>
      <c r="BT265" s="402">
        <f t="shared" si="162"/>
        <v>136219.14643696163</v>
      </c>
      <c r="BU265" s="402">
        <f t="shared" si="163"/>
        <v>17576.664056382146</v>
      </c>
      <c r="BV265" s="402">
        <f t="shared" si="164"/>
        <v>17576.664056382146</v>
      </c>
      <c r="BW265" s="402">
        <f t="shared" si="165"/>
        <v>53081.525450274079</v>
      </c>
      <c r="BX265" s="402" t="str">
        <f t="shared" si="166"/>
        <v/>
      </c>
      <c r="BY265" s="402" t="str">
        <f t="shared" si="167"/>
        <v/>
      </c>
      <c r="BZ265" s="402" t="str">
        <f t="shared" si="168"/>
        <v/>
      </c>
      <c r="CA265" s="402" t="str">
        <f t="shared" si="169"/>
        <v/>
      </c>
      <c r="CB265" s="402" t="str">
        <f t="shared" si="170"/>
        <v/>
      </c>
      <c r="CC265" s="402" t="str">
        <f t="shared" si="171"/>
        <v/>
      </c>
      <c r="CD265" s="402" t="str">
        <f t="shared" si="172"/>
        <v/>
      </c>
      <c r="CE265" s="402" t="str">
        <f t="shared" si="173"/>
        <v/>
      </c>
      <c r="CF265" s="402" t="str">
        <f t="shared" si="174"/>
        <v/>
      </c>
      <c r="CG265" s="402" t="str">
        <f t="shared" si="175"/>
        <v/>
      </c>
      <c r="CH265" s="402"/>
      <c r="CI265" s="402"/>
      <c r="CJ265" s="402"/>
      <c r="CK265" s="402"/>
      <c r="CL265" s="402"/>
      <c r="CM265" s="402"/>
      <c r="CN265" s="402"/>
      <c r="CO265" s="402"/>
      <c r="CP265" s="402"/>
      <c r="CQ265" s="402"/>
      <c r="CR265" s="402"/>
      <c r="CS265" s="402"/>
      <c r="CT265" s="402"/>
      <c r="CU265" s="402"/>
      <c r="CV265" s="402"/>
      <c r="CW265" s="402"/>
      <c r="CX265" s="402"/>
      <c r="CY265" s="402"/>
      <c r="CZ265" s="402"/>
      <c r="DA265" s="402"/>
      <c r="DB265" s="402"/>
      <c r="DC265" s="402"/>
      <c r="DD265" s="309" t="s">
        <v>660</v>
      </c>
      <c r="DE265" s="309"/>
      <c r="DF265" s="404" t="s">
        <v>661</v>
      </c>
    </row>
    <row r="266" spans="3:110" s="401" customFormat="1" ht="56.1" customHeight="1" x14ac:dyDescent="0.2">
      <c r="C266" s="420">
        <v>625</v>
      </c>
      <c r="D266" s="420" t="s">
        <v>2481</v>
      </c>
      <c r="E266" s="96" t="s">
        <v>53</v>
      </c>
      <c r="F266" s="96" t="s">
        <v>655</v>
      </c>
      <c r="G266" s="310" t="s">
        <v>656</v>
      </c>
      <c r="H266" s="310" t="s">
        <v>710</v>
      </c>
      <c r="I266" s="310" t="s">
        <v>711</v>
      </c>
      <c r="J266" s="310"/>
      <c r="K266" s="310" t="s">
        <v>86</v>
      </c>
      <c r="L266" s="310" t="s">
        <v>63</v>
      </c>
      <c r="M266" s="407" t="s">
        <v>81</v>
      </c>
      <c r="N266" s="310" t="s">
        <v>77</v>
      </c>
      <c r="O266" s="407" t="s">
        <v>225</v>
      </c>
      <c r="P266" s="309" t="s">
        <v>63</v>
      </c>
      <c r="Q266" s="309" t="s">
        <v>63</v>
      </c>
      <c r="R266" s="309">
        <v>175550</v>
      </c>
      <c r="S266" s="309">
        <f t="shared" si="142"/>
        <v>175550</v>
      </c>
      <c r="T266" s="309" t="s">
        <v>659</v>
      </c>
      <c r="U266" s="309" t="s">
        <v>65</v>
      </c>
      <c r="V266" s="309"/>
      <c r="W266" s="309"/>
      <c r="X266" s="309"/>
      <c r="Y266" s="309"/>
      <c r="Z266" s="309"/>
      <c r="AA266" s="309"/>
      <c r="AB266" s="309"/>
      <c r="AC266" s="309"/>
      <c r="AD266" s="309"/>
      <c r="AE266" s="309"/>
      <c r="AF266" s="309"/>
      <c r="AG266" s="309"/>
      <c r="AH266" s="309"/>
      <c r="AI266" s="309"/>
      <c r="AJ266" s="309"/>
      <c r="AK266" s="309"/>
      <c r="AL266" s="309"/>
      <c r="AM266" s="402" t="s">
        <v>66</v>
      </c>
      <c r="AN266" s="402" t="s">
        <v>66</v>
      </c>
      <c r="AO266" s="402" t="s">
        <v>66</v>
      </c>
      <c r="AP266" s="402" t="s">
        <v>66</v>
      </c>
      <c r="AQ266" s="309"/>
      <c r="AR266" s="309"/>
      <c r="AS266" s="309"/>
      <c r="AT266" s="309"/>
      <c r="AU266" s="309"/>
      <c r="AV266" s="309"/>
      <c r="AW266" s="309"/>
      <c r="AX266" s="309"/>
      <c r="AY266" s="309"/>
      <c r="AZ266" s="309"/>
      <c r="BA266" s="308">
        <f t="shared" si="143"/>
        <v>1277</v>
      </c>
      <c r="BB266" s="309">
        <f t="shared" si="144"/>
        <v>137.4706342991386</v>
      </c>
      <c r="BC266" s="402" t="str">
        <f t="shared" si="145"/>
        <v/>
      </c>
      <c r="BD266" s="402" t="str">
        <f t="shared" si="146"/>
        <v/>
      </c>
      <c r="BE266" s="402" t="str">
        <f t="shared" si="147"/>
        <v/>
      </c>
      <c r="BF266" s="402" t="str">
        <f t="shared" si="148"/>
        <v/>
      </c>
      <c r="BG266" s="402" t="str">
        <f t="shared" si="149"/>
        <v/>
      </c>
      <c r="BH266" s="402" t="str">
        <f t="shared" si="150"/>
        <v/>
      </c>
      <c r="BI266" s="402" t="str">
        <f t="shared" si="151"/>
        <v/>
      </c>
      <c r="BJ266" s="402" t="str">
        <f t="shared" si="152"/>
        <v/>
      </c>
      <c r="BK266" s="402" t="str">
        <f t="shared" si="153"/>
        <v/>
      </c>
      <c r="BL266" s="402" t="str">
        <f t="shared" si="154"/>
        <v/>
      </c>
      <c r="BM266" s="402" t="str">
        <f t="shared" si="155"/>
        <v/>
      </c>
      <c r="BN266" s="402" t="str">
        <f t="shared" si="156"/>
        <v/>
      </c>
      <c r="BO266" s="402" t="str">
        <f t="shared" si="157"/>
        <v/>
      </c>
      <c r="BP266" s="402" t="str">
        <f t="shared" si="158"/>
        <v/>
      </c>
      <c r="BQ266" s="402" t="str">
        <f t="shared" si="159"/>
        <v/>
      </c>
      <c r="BR266" s="402" t="str">
        <f t="shared" si="160"/>
        <v/>
      </c>
      <c r="BS266" s="402" t="str">
        <f t="shared" si="161"/>
        <v/>
      </c>
      <c r="BT266" s="402">
        <f t="shared" si="162"/>
        <v>106539.74158183241</v>
      </c>
      <c r="BU266" s="402">
        <f t="shared" si="163"/>
        <v>13747.06342991386</v>
      </c>
      <c r="BV266" s="402">
        <f t="shared" si="164"/>
        <v>13747.06342991386</v>
      </c>
      <c r="BW266" s="402">
        <f t="shared" si="165"/>
        <v>41516.131558339854</v>
      </c>
      <c r="BX266" s="402" t="str">
        <f t="shared" si="166"/>
        <v/>
      </c>
      <c r="BY266" s="402" t="str">
        <f t="shared" si="167"/>
        <v/>
      </c>
      <c r="BZ266" s="402" t="str">
        <f t="shared" si="168"/>
        <v/>
      </c>
      <c r="CA266" s="402" t="str">
        <f t="shared" si="169"/>
        <v/>
      </c>
      <c r="CB266" s="402" t="str">
        <f t="shared" si="170"/>
        <v/>
      </c>
      <c r="CC266" s="402" t="str">
        <f t="shared" si="171"/>
        <v/>
      </c>
      <c r="CD266" s="402" t="str">
        <f t="shared" si="172"/>
        <v/>
      </c>
      <c r="CE266" s="402" t="str">
        <f t="shared" si="173"/>
        <v/>
      </c>
      <c r="CF266" s="402" t="str">
        <f t="shared" si="174"/>
        <v/>
      </c>
      <c r="CG266" s="402" t="str">
        <f t="shared" si="175"/>
        <v/>
      </c>
      <c r="CH266" s="402"/>
      <c r="CI266" s="402"/>
      <c r="CJ266" s="402"/>
      <c r="CK266" s="402"/>
      <c r="CL266" s="402"/>
      <c r="CM266" s="402"/>
      <c r="CN266" s="402"/>
      <c r="CO266" s="402"/>
      <c r="CP266" s="402"/>
      <c r="CQ266" s="402"/>
      <c r="CR266" s="402"/>
      <c r="CS266" s="402"/>
      <c r="CT266" s="402"/>
      <c r="CU266" s="402"/>
      <c r="CV266" s="402"/>
      <c r="CW266" s="402"/>
      <c r="CX266" s="402"/>
      <c r="CY266" s="402"/>
      <c r="CZ266" s="402"/>
      <c r="DA266" s="402"/>
      <c r="DB266" s="402"/>
      <c r="DC266" s="402"/>
      <c r="DD266" s="309" t="s">
        <v>660</v>
      </c>
      <c r="DE266" s="309"/>
      <c r="DF266" s="404" t="s">
        <v>661</v>
      </c>
    </row>
    <row r="267" spans="3:110" s="401" customFormat="1" ht="56.1" customHeight="1" x14ac:dyDescent="0.2">
      <c r="C267" s="420">
        <v>626</v>
      </c>
      <c r="D267" s="420" t="s">
        <v>2481</v>
      </c>
      <c r="E267" s="96" t="s">
        <v>53</v>
      </c>
      <c r="F267" s="96" t="s">
        <v>655</v>
      </c>
      <c r="G267" s="310" t="s">
        <v>656</v>
      </c>
      <c r="H267" s="310" t="s">
        <v>712</v>
      </c>
      <c r="I267" s="310" t="s">
        <v>713</v>
      </c>
      <c r="J267" s="310"/>
      <c r="K267" s="310" t="s">
        <v>86</v>
      </c>
      <c r="L267" s="310" t="s">
        <v>63</v>
      </c>
      <c r="M267" s="407" t="s">
        <v>81</v>
      </c>
      <c r="N267" s="310" t="s">
        <v>77</v>
      </c>
      <c r="O267" s="407" t="s">
        <v>225</v>
      </c>
      <c r="P267" s="309" t="s">
        <v>63</v>
      </c>
      <c r="Q267" s="309" t="s">
        <v>63</v>
      </c>
      <c r="R267" s="309">
        <v>75236</v>
      </c>
      <c r="S267" s="309">
        <f t="shared" si="142"/>
        <v>75236</v>
      </c>
      <c r="T267" s="309" t="s">
        <v>659</v>
      </c>
      <c r="U267" s="309" t="s">
        <v>65</v>
      </c>
      <c r="V267" s="309"/>
      <c r="W267" s="309"/>
      <c r="X267" s="309"/>
      <c r="Y267" s="309"/>
      <c r="Z267" s="309"/>
      <c r="AA267" s="309"/>
      <c r="AB267" s="309"/>
      <c r="AC267" s="309"/>
      <c r="AD267" s="309"/>
      <c r="AE267" s="309"/>
      <c r="AF267" s="309"/>
      <c r="AG267" s="309"/>
      <c r="AH267" s="309"/>
      <c r="AI267" s="309"/>
      <c r="AJ267" s="309"/>
      <c r="AK267" s="309"/>
      <c r="AL267" s="309"/>
      <c r="AM267" s="402" t="s">
        <v>66</v>
      </c>
      <c r="AN267" s="402" t="s">
        <v>66</v>
      </c>
      <c r="AO267" s="402" t="s">
        <v>66</v>
      </c>
      <c r="AP267" s="402" t="s">
        <v>66</v>
      </c>
      <c r="AQ267" s="309"/>
      <c r="AR267" s="309"/>
      <c r="AS267" s="309"/>
      <c r="AT267" s="309"/>
      <c r="AU267" s="309"/>
      <c r="AV267" s="309"/>
      <c r="AW267" s="309"/>
      <c r="AX267" s="309"/>
      <c r="AY267" s="309"/>
      <c r="AZ267" s="309"/>
      <c r="BA267" s="308">
        <f t="shared" si="143"/>
        <v>1277</v>
      </c>
      <c r="BB267" s="309">
        <f t="shared" si="144"/>
        <v>58.916209866875491</v>
      </c>
      <c r="BC267" s="402" t="str">
        <f t="shared" si="145"/>
        <v/>
      </c>
      <c r="BD267" s="402" t="str">
        <f t="shared" si="146"/>
        <v/>
      </c>
      <c r="BE267" s="402" t="str">
        <f t="shared" si="147"/>
        <v/>
      </c>
      <c r="BF267" s="402" t="str">
        <f t="shared" si="148"/>
        <v/>
      </c>
      <c r="BG267" s="402" t="str">
        <f t="shared" si="149"/>
        <v/>
      </c>
      <c r="BH267" s="402" t="str">
        <f t="shared" si="150"/>
        <v/>
      </c>
      <c r="BI267" s="402" t="str">
        <f t="shared" si="151"/>
        <v/>
      </c>
      <c r="BJ267" s="402" t="str">
        <f t="shared" si="152"/>
        <v/>
      </c>
      <c r="BK267" s="402" t="str">
        <f t="shared" si="153"/>
        <v/>
      </c>
      <c r="BL267" s="402" t="str">
        <f t="shared" si="154"/>
        <v/>
      </c>
      <c r="BM267" s="402" t="str">
        <f t="shared" si="155"/>
        <v/>
      </c>
      <c r="BN267" s="402" t="str">
        <f t="shared" si="156"/>
        <v/>
      </c>
      <c r="BO267" s="402" t="str">
        <f t="shared" si="157"/>
        <v/>
      </c>
      <c r="BP267" s="402" t="str">
        <f t="shared" si="158"/>
        <v/>
      </c>
      <c r="BQ267" s="402" t="str">
        <f t="shared" si="159"/>
        <v/>
      </c>
      <c r="BR267" s="402" t="str">
        <f t="shared" si="160"/>
        <v/>
      </c>
      <c r="BS267" s="402" t="str">
        <f t="shared" si="161"/>
        <v/>
      </c>
      <c r="BT267" s="402">
        <f t="shared" si="162"/>
        <v>45660.062646828505</v>
      </c>
      <c r="BU267" s="402">
        <f t="shared" si="163"/>
        <v>5891.6209866875488</v>
      </c>
      <c r="BV267" s="402">
        <f t="shared" si="164"/>
        <v>5891.6209866875488</v>
      </c>
      <c r="BW267" s="402">
        <f t="shared" si="165"/>
        <v>17792.695379796398</v>
      </c>
      <c r="BX267" s="402" t="str">
        <f t="shared" si="166"/>
        <v/>
      </c>
      <c r="BY267" s="402" t="str">
        <f t="shared" si="167"/>
        <v/>
      </c>
      <c r="BZ267" s="402" t="str">
        <f t="shared" si="168"/>
        <v/>
      </c>
      <c r="CA267" s="402" t="str">
        <f t="shared" si="169"/>
        <v/>
      </c>
      <c r="CB267" s="402" t="str">
        <f t="shared" si="170"/>
        <v/>
      </c>
      <c r="CC267" s="402" t="str">
        <f t="shared" si="171"/>
        <v/>
      </c>
      <c r="CD267" s="402" t="str">
        <f t="shared" si="172"/>
        <v/>
      </c>
      <c r="CE267" s="402" t="str">
        <f t="shared" si="173"/>
        <v/>
      </c>
      <c r="CF267" s="402" t="str">
        <f t="shared" si="174"/>
        <v/>
      </c>
      <c r="CG267" s="402" t="str">
        <f t="shared" si="175"/>
        <v/>
      </c>
      <c r="CH267" s="402"/>
      <c r="CI267" s="402"/>
      <c r="CJ267" s="402"/>
      <c r="CK267" s="402"/>
      <c r="CL267" s="402"/>
      <c r="CM267" s="402"/>
      <c r="CN267" s="402"/>
      <c r="CO267" s="402"/>
      <c r="CP267" s="402"/>
      <c r="CQ267" s="402"/>
      <c r="CR267" s="402"/>
      <c r="CS267" s="402"/>
      <c r="CT267" s="402"/>
      <c r="CU267" s="402"/>
      <c r="CV267" s="402"/>
      <c r="CW267" s="402"/>
      <c r="CX267" s="402"/>
      <c r="CY267" s="402"/>
      <c r="CZ267" s="402"/>
      <c r="DA267" s="402"/>
      <c r="DB267" s="402"/>
      <c r="DC267" s="402"/>
      <c r="DD267" s="309" t="s">
        <v>660</v>
      </c>
      <c r="DE267" s="309"/>
      <c r="DF267" s="404" t="s">
        <v>661</v>
      </c>
    </row>
    <row r="268" spans="3:110" s="401" customFormat="1" ht="56.1" customHeight="1" x14ac:dyDescent="0.2">
      <c r="C268" s="420">
        <v>627</v>
      </c>
      <c r="D268" s="420" t="s">
        <v>2481</v>
      </c>
      <c r="E268" s="96" t="s">
        <v>53</v>
      </c>
      <c r="F268" s="96" t="s">
        <v>655</v>
      </c>
      <c r="G268" s="310" t="s">
        <v>656</v>
      </c>
      <c r="H268" s="310" t="s">
        <v>714</v>
      </c>
      <c r="I268" s="310" t="s">
        <v>715</v>
      </c>
      <c r="J268" s="310"/>
      <c r="K268" s="310" t="s">
        <v>86</v>
      </c>
      <c r="L268" s="310" t="s">
        <v>63</v>
      </c>
      <c r="M268" s="310" t="s">
        <v>81</v>
      </c>
      <c r="N268" s="310" t="s">
        <v>77</v>
      </c>
      <c r="O268" s="310" t="s">
        <v>225</v>
      </c>
      <c r="P268" s="309" t="s">
        <v>63</v>
      </c>
      <c r="Q268" s="309" t="s">
        <v>63</v>
      </c>
      <c r="R268" s="410"/>
      <c r="S268" s="410"/>
      <c r="T268" s="309" t="s">
        <v>63</v>
      </c>
      <c r="U268" s="309" t="s">
        <v>65</v>
      </c>
      <c r="V268" s="309"/>
      <c r="W268" s="309"/>
      <c r="X268" s="309"/>
      <c r="Y268" s="309"/>
      <c r="Z268" s="309"/>
      <c r="AA268" s="309"/>
      <c r="AB268" s="309"/>
      <c r="AC268" s="309"/>
      <c r="AD268" s="309"/>
      <c r="AE268" s="309"/>
      <c r="AF268" s="309"/>
      <c r="AG268" s="309"/>
      <c r="AH268" s="309"/>
      <c r="AI268" s="309"/>
      <c r="AJ268" s="309"/>
      <c r="AK268" s="309"/>
      <c r="AL268" s="309"/>
      <c r="AM268" s="309"/>
      <c r="AN268" s="309"/>
      <c r="AO268" s="309"/>
      <c r="AP268" s="309"/>
      <c r="AQ268" s="309"/>
      <c r="AR268" s="309"/>
      <c r="AS268" s="309"/>
      <c r="AT268" s="309"/>
      <c r="AU268" s="309"/>
      <c r="AV268" s="309"/>
      <c r="AW268" s="309"/>
      <c r="AX268" s="309"/>
      <c r="AY268" s="309"/>
      <c r="AZ268" s="309"/>
      <c r="BA268" s="308">
        <f t="shared" si="143"/>
        <v>0</v>
      </c>
      <c r="BB268" s="309"/>
      <c r="BC268" s="402" t="str">
        <f t="shared" si="145"/>
        <v/>
      </c>
      <c r="BD268" s="402" t="str">
        <f t="shared" si="146"/>
        <v/>
      </c>
      <c r="BE268" s="402" t="str">
        <f t="shared" si="147"/>
        <v/>
      </c>
      <c r="BF268" s="402" t="str">
        <f t="shared" si="148"/>
        <v/>
      </c>
      <c r="BG268" s="402" t="str">
        <f t="shared" si="149"/>
        <v/>
      </c>
      <c r="BH268" s="402" t="str">
        <f t="shared" si="150"/>
        <v/>
      </c>
      <c r="BI268" s="402" t="str">
        <f t="shared" si="151"/>
        <v/>
      </c>
      <c r="BJ268" s="402" t="str">
        <f t="shared" si="152"/>
        <v/>
      </c>
      <c r="BK268" s="402" t="str">
        <f t="shared" si="153"/>
        <v/>
      </c>
      <c r="BL268" s="402" t="str">
        <f t="shared" si="154"/>
        <v/>
      </c>
      <c r="BM268" s="402" t="str">
        <f t="shared" si="155"/>
        <v/>
      </c>
      <c r="BN268" s="402" t="str">
        <f t="shared" si="156"/>
        <v/>
      </c>
      <c r="BO268" s="402" t="str">
        <f t="shared" si="157"/>
        <v/>
      </c>
      <c r="BP268" s="402" t="str">
        <f t="shared" si="158"/>
        <v/>
      </c>
      <c r="BQ268" s="402" t="str">
        <f t="shared" si="159"/>
        <v/>
      </c>
      <c r="BR268" s="402" t="str">
        <f t="shared" si="160"/>
        <v/>
      </c>
      <c r="BS268" s="402" t="str">
        <f t="shared" si="161"/>
        <v/>
      </c>
      <c r="BT268" s="402" t="str">
        <f t="shared" si="162"/>
        <v/>
      </c>
      <c r="BU268" s="402" t="str">
        <f t="shared" si="163"/>
        <v/>
      </c>
      <c r="BV268" s="402" t="str">
        <f t="shared" si="164"/>
        <v/>
      </c>
      <c r="BW268" s="402" t="str">
        <f t="shared" si="165"/>
        <v/>
      </c>
      <c r="BX268" s="402" t="str">
        <f t="shared" si="166"/>
        <v/>
      </c>
      <c r="BY268" s="402" t="str">
        <f t="shared" si="167"/>
        <v/>
      </c>
      <c r="BZ268" s="402" t="str">
        <f t="shared" si="168"/>
        <v/>
      </c>
      <c r="CA268" s="402" t="str">
        <f t="shared" si="169"/>
        <v/>
      </c>
      <c r="CB268" s="402" t="str">
        <f t="shared" si="170"/>
        <v/>
      </c>
      <c r="CC268" s="402" t="str">
        <f t="shared" si="171"/>
        <v/>
      </c>
      <c r="CD268" s="402" t="str">
        <f t="shared" si="172"/>
        <v/>
      </c>
      <c r="CE268" s="402" t="str">
        <f t="shared" si="173"/>
        <v/>
      </c>
      <c r="CF268" s="402" t="str">
        <f t="shared" si="174"/>
        <v/>
      </c>
      <c r="CG268" s="402" t="str">
        <f t="shared" si="175"/>
        <v/>
      </c>
      <c r="CH268" s="402"/>
      <c r="CI268" s="402"/>
      <c r="CJ268" s="402"/>
      <c r="CK268" s="402"/>
      <c r="CL268" s="402"/>
      <c r="CM268" s="402"/>
      <c r="CN268" s="402"/>
      <c r="CO268" s="402"/>
      <c r="CP268" s="402"/>
      <c r="CQ268" s="402"/>
      <c r="CR268" s="402"/>
      <c r="CS268" s="402"/>
      <c r="CT268" s="402"/>
      <c r="CU268" s="402"/>
      <c r="CV268" s="402"/>
      <c r="CW268" s="402"/>
      <c r="CX268" s="402"/>
      <c r="CY268" s="402"/>
      <c r="CZ268" s="402"/>
      <c r="DA268" s="402"/>
      <c r="DB268" s="402"/>
      <c r="DC268" s="402"/>
      <c r="DD268" s="309" t="s">
        <v>660</v>
      </c>
      <c r="DE268" s="309"/>
      <c r="DF268" s="404" t="s">
        <v>661</v>
      </c>
    </row>
    <row r="269" spans="3:110" s="401" customFormat="1" ht="56.1" customHeight="1" x14ac:dyDescent="0.2">
      <c r="C269" s="420">
        <v>628</v>
      </c>
      <c r="D269" s="420" t="s">
        <v>2481</v>
      </c>
      <c r="E269" s="96" t="s">
        <v>53</v>
      </c>
      <c r="F269" s="96" t="s">
        <v>655</v>
      </c>
      <c r="G269" s="310" t="s">
        <v>656</v>
      </c>
      <c r="H269" s="310" t="s">
        <v>716</v>
      </c>
      <c r="I269" s="310" t="s">
        <v>717</v>
      </c>
      <c r="J269" s="310"/>
      <c r="K269" s="310" t="s">
        <v>86</v>
      </c>
      <c r="L269" s="310" t="s">
        <v>63</v>
      </c>
      <c r="M269" s="310" t="s">
        <v>81</v>
      </c>
      <c r="N269" s="310" t="s">
        <v>77</v>
      </c>
      <c r="O269" s="310" t="s">
        <v>225</v>
      </c>
      <c r="P269" s="309" t="s">
        <v>63</v>
      </c>
      <c r="Q269" s="309" t="s">
        <v>63</v>
      </c>
      <c r="R269" s="309">
        <v>175550</v>
      </c>
      <c r="S269" s="309">
        <f t="shared" ref="S269:S280" si="176">R269</f>
        <v>175550</v>
      </c>
      <c r="T269" s="309" t="s">
        <v>718</v>
      </c>
      <c r="U269" s="309" t="s">
        <v>65</v>
      </c>
      <c r="V269" s="309"/>
      <c r="W269" s="309"/>
      <c r="X269" s="309"/>
      <c r="Y269" s="309"/>
      <c r="Z269" s="309"/>
      <c r="AA269" s="309"/>
      <c r="AB269" s="309"/>
      <c r="AC269" s="309"/>
      <c r="AD269" s="309"/>
      <c r="AE269" s="309"/>
      <c r="AF269" s="309"/>
      <c r="AG269" s="309"/>
      <c r="AH269" s="309"/>
      <c r="AI269" s="309"/>
      <c r="AJ269" s="309"/>
      <c r="AK269" s="309"/>
      <c r="AL269" s="309"/>
      <c r="AM269" s="309"/>
      <c r="AN269" s="309"/>
      <c r="AO269" s="309"/>
      <c r="AP269" s="309"/>
      <c r="AQ269" s="309"/>
      <c r="AR269" s="309"/>
      <c r="AS269" s="309"/>
      <c r="AT269" s="309"/>
      <c r="AU269" s="309"/>
      <c r="AV269" s="309"/>
      <c r="AW269" s="309"/>
      <c r="AX269" s="309"/>
      <c r="AY269" s="309"/>
      <c r="AZ269" s="309"/>
      <c r="BA269" s="308">
        <f t="shared" si="143"/>
        <v>0</v>
      </c>
      <c r="BB269" s="309"/>
      <c r="BC269" s="402" t="str">
        <f t="shared" si="145"/>
        <v/>
      </c>
      <c r="BD269" s="402" t="str">
        <f t="shared" si="146"/>
        <v/>
      </c>
      <c r="BE269" s="402" t="str">
        <f t="shared" si="147"/>
        <v/>
      </c>
      <c r="BF269" s="402" t="str">
        <f t="shared" si="148"/>
        <v/>
      </c>
      <c r="BG269" s="402" t="str">
        <f t="shared" si="149"/>
        <v/>
      </c>
      <c r="BH269" s="402" t="str">
        <f t="shared" si="150"/>
        <v/>
      </c>
      <c r="BI269" s="402" t="str">
        <f t="shared" si="151"/>
        <v/>
      </c>
      <c r="BJ269" s="402" t="str">
        <f t="shared" si="152"/>
        <v/>
      </c>
      <c r="BK269" s="402" t="str">
        <f t="shared" si="153"/>
        <v/>
      </c>
      <c r="BL269" s="402" t="str">
        <f t="shared" si="154"/>
        <v/>
      </c>
      <c r="BM269" s="402" t="str">
        <f t="shared" si="155"/>
        <v/>
      </c>
      <c r="BN269" s="402" t="str">
        <f t="shared" si="156"/>
        <v/>
      </c>
      <c r="BO269" s="402" t="str">
        <f t="shared" si="157"/>
        <v/>
      </c>
      <c r="BP269" s="402" t="str">
        <f t="shared" si="158"/>
        <v/>
      </c>
      <c r="BQ269" s="402" t="str">
        <f t="shared" si="159"/>
        <v/>
      </c>
      <c r="BR269" s="402" t="str">
        <f t="shared" si="160"/>
        <v/>
      </c>
      <c r="BS269" s="402" t="str">
        <f t="shared" si="161"/>
        <v/>
      </c>
      <c r="BT269" s="402" t="str">
        <f t="shared" si="162"/>
        <v/>
      </c>
      <c r="BU269" s="402" t="str">
        <f t="shared" si="163"/>
        <v/>
      </c>
      <c r="BV269" s="402" t="str">
        <f t="shared" si="164"/>
        <v/>
      </c>
      <c r="BW269" s="402" t="str">
        <f t="shared" si="165"/>
        <v/>
      </c>
      <c r="BX269" s="402" t="str">
        <f t="shared" si="166"/>
        <v/>
      </c>
      <c r="BY269" s="402" t="str">
        <f t="shared" si="167"/>
        <v/>
      </c>
      <c r="BZ269" s="402" t="str">
        <f t="shared" si="168"/>
        <v/>
      </c>
      <c r="CA269" s="402" t="str">
        <f t="shared" si="169"/>
        <v/>
      </c>
      <c r="CB269" s="402" t="str">
        <f t="shared" si="170"/>
        <v/>
      </c>
      <c r="CC269" s="402" t="str">
        <f t="shared" si="171"/>
        <v/>
      </c>
      <c r="CD269" s="402" t="str">
        <f t="shared" si="172"/>
        <v/>
      </c>
      <c r="CE269" s="402" t="str">
        <f t="shared" si="173"/>
        <v/>
      </c>
      <c r="CF269" s="402" t="str">
        <f t="shared" si="174"/>
        <v/>
      </c>
      <c r="CG269" s="402" t="str">
        <f t="shared" si="175"/>
        <v/>
      </c>
      <c r="CH269" s="402"/>
      <c r="CI269" s="402"/>
      <c r="CJ269" s="402"/>
      <c r="CK269" s="402"/>
      <c r="CL269" s="402"/>
      <c r="CM269" s="402"/>
      <c r="CN269" s="402"/>
      <c r="CO269" s="402"/>
      <c r="CP269" s="402"/>
      <c r="CQ269" s="402"/>
      <c r="CR269" s="402"/>
      <c r="CS269" s="402"/>
      <c r="CT269" s="402"/>
      <c r="CU269" s="402"/>
      <c r="CV269" s="402"/>
      <c r="CW269" s="402"/>
      <c r="CX269" s="402"/>
      <c r="CY269" s="402"/>
      <c r="CZ269" s="402"/>
      <c r="DA269" s="402"/>
      <c r="DB269" s="402"/>
      <c r="DC269" s="402"/>
      <c r="DD269" s="309" t="s">
        <v>660</v>
      </c>
      <c r="DE269" s="309"/>
      <c r="DF269" s="404" t="s">
        <v>661</v>
      </c>
    </row>
    <row r="270" spans="3:110" s="401" customFormat="1" ht="56.1" customHeight="1" x14ac:dyDescent="0.2">
      <c r="C270" s="420">
        <v>629</v>
      </c>
      <c r="D270" s="420" t="s">
        <v>2481</v>
      </c>
      <c r="E270" s="96" t="s">
        <v>53</v>
      </c>
      <c r="F270" s="96" t="s">
        <v>655</v>
      </c>
      <c r="G270" s="310" t="s">
        <v>656</v>
      </c>
      <c r="H270" s="310" t="s">
        <v>719</v>
      </c>
      <c r="I270" s="310" t="s">
        <v>720</v>
      </c>
      <c r="J270" s="310"/>
      <c r="K270" s="310" t="s">
        <v>86</v>
      </c>
      <c r="L270" s="310" t="s">
        <v>721</v>
      </c>
      <c r="M270" s="310" t="s">
        <v>60</v>
      </c>
      <c r="N270" s="310" t="s">
        <v>77</v>
      </c>
      <c r="O270" s="310" t="s">
        <v>722</v>
      </c>
      <c r="P270" s="309" t="s">
        <v>63</v>
      </c>
      <c r="Q270" s="309" t="s">
        <v>63</v>
      </c>
      <c r="R270" s="309">
        <v>37618</v>
      </c>
      <c r="S270" s="309">
        <f t="shared" si="176"/>
        <v>37618</v>
      </c>
      <c r="T270" s="309" t="s">
        <v>723</v>
      </c>
      <c r="U270" s="309" t="s">
        <v>65</v>
      </c>
      <c r="V270" s="309"/>
      <c r="W270" s="309"/>
      <c r="X270" s="309"/>
      <c r="Y270" s="309"/>
      <c r="Z270" s="309"/>
      <c r="AA270" s="309"/>
      <c r="AB270" s="309"/>
      <c r="AC270" s="309"/>
      <c r="AD270" s="309"/>
      <c r="AE270" s="309"/>
      <c r="AF270" s="309"/>
      <c r="AG270" s="309"/>
      <c r="AH270" s="309"/>
      <c r="AI270" s="309"/>
      <c r="AJ270" s="309"/>
      <c r="AK270" s="309"/>
      <c r="AL270" s="309"/>
      <c r="AM270" s="402" t="s">
        <v>66</v>
      </c>
      <c r="AN270" s="402" t="s">
        <v>66</v>
      </c>
      <c r="AO270" s="402" t="s">
        <v>66</v>
      </c>
      <c r="AP270" s="309"/>
      <c r="AQ270" s="309"/>
      <c r="AR270" s="309"/>
      <c r="AS270" s="309"/>
      <c r="AT270" s="309"/>
      <c r="AU270" s="309"/>
      <c r="AV270" s="309"/>
      <c r="AW270" s="309"/>
      <c r="AX270" s="309"/>
      <c r="AY270" s="309"/>
      <c r="AZ270" s="309"/>
      <c r="BA270" s="308">
        <f t="shared" si="143"/>
        <v>975</v>
      </c>
      <c r="BB270" s="309">
        <f t="shared" ref="BB270:BB280" si="177">S270/BA270</f>
        <v>38.582564102564099</v>
      </c>
      <c r="BC270" s="402" t="str">
        <f t="shared" si="145"/>
        <v/>
      </c>
      <c r="BD270" s="402" t="str">
        <f t="shared" si="146"/>
        <v/>
      </c>
      <c r="BE270" s="402" t="str">
        <f t="shared" si="147"/>
        <v/>
      </c>
      <c r="BF270" s="402" t="str">
        <f t="shared" si="148"/>
        <v/>
      </c>
      <c r="BG270" s="402" t="str">
        <f t="shared" si="149"/>
        <v/>
      </c>
      <c r="BH270" s="402" t="str">
        <f t="shared" si="150"/>
        <v/>
      </c>
      <c r="BI270" s="402" t="str">
        <f t="shared" si="151"/>
        <v/>
      </c>
      <c r="BJ270" s="402" t="str">
        <f t="shared" si="152"/>
        <v/>
      </c>
      <c r="BK270" s="402" t="str">
        <f t="shared" si="153"/>
        <v/>
      </c>
      <c r="BL270" s="402" t="str">
        <f t="shared" si="154"/>
        <v/>
      </c>
      <c r="BM270" s="402" t="str">
        <f t="shared" si="155"/>
        <v/>
      </c>
      <c r="BN270" s="402" t="str">
        <f t="shared" si="156"/>
        <v/>
      </c>
      <c r="BO270" s="402" t="str">
        <f t="shared" si="157"/>
        <v/>
      </c>
      <c r="BP270" s="402" t="str">
        <f t="shared" si="158"/>
        <v/>
      </c>
      <c r="BQ270" s="402" t="str">
        <f t="shared" si="159"/>
        <v/>
      </c>
      <c r="BR270" s="402" t="str">
        <f t="shared" si="160"/>
        <v/>
      </c>
      <c r="BS270" s="402" t="str">
        <f t="shared" si="161"/>
        <v/>
      </c>
      <c r="BT270" s="402">
        <f t="shared" si="162"/>
        <v>29901.487179487176</v>
      </c>
      <c r="BU270" s="402">
        <f t="shared" si="163"/>
        <v>3858.2564102564097</v>
      </c>
      <c r="BV270" s="402">
        <f t="shared" si="164"/>
        <v>3858.2564102564097</v>
      </c>
      <c r="BW270" s="402" t="str">
        <f t="shared" si="165"/>
        <v/>
      </c>
      <c r="BX270" s="402" t="str">
        <f t="shared" si="166"/>
        <v/>
      </c>
      <c r="BY270" s="402" t="str">
        <f t="shared" si="167"/>
        <v/>
      </c>
      <c r="BZ270" s="402" t="str">
        <f t="shared" si="168"/>
        <v/>
      </c>
      <c r="CA270" s="402" t="str">
        <f t="shared" si="169"/>
        <v/>
      </c>
      <c r="CB270" s="402" t="str">
        <f t="shared" si="170"/>
        <v/>
      </c>
      <c r="CC270" s="402" t="str">
        <f t="shared" si="171"/>
        <v/>
      </c>
      <c r="CD270" s="402" t="str">
        <f t="shared" si="172"/>
        <v/>
      </c>
      <c r="CE270" s="402" t="str">
        <f t="shared" si="173"/>
        <v/>
      </c>
      <c r="CF270" s="402" t="str">
        <f t="shared" si="174"/>
        <v/>
      </c>
      <c r="CG270" s="402" t="str">
        <f t="shared" si="175"/>
        <v/>
      </c>
      <c r="CH270" s="402"/>
      <c r="CI270" s="402"/>
      <c r="CJ270" s="402"/>
      <c r="CK270" s="402"/>
      <c r="CL270" s="402"/>
      <c r="CM270" s="402"/>
      <c r="CN270" s="402"/>
      <c r="CO270" s="402"/>
      <c r="CP270" s="402"/>
      <c r="CQ270" s="402"/>
      <c r="CR270" s="402"/>
      <c r="CS270" s="402"/>
      <c r="CT270" s="402"/>
      <c r="CU270" s="402"/>
      <c r="CV270" s="402"/>
      <c r="CW270" s="402"/>
      <c r="CX270" s="402"/>
      <c r="CY270" s="402"/>
      <c r="CZ270" s="402"/>
      <c r="DA270" s="402"/>
      <c r="DB270" s="402"/>
      <c r="DC270" s="402"/>
      <c r="DD270" s="309" t="s">
        <v>660</v>
      </c>
      <c r="DE270" s="309"/>
      <c r="DF270" s="404" t="s">
        <v>661</v>
      </c>
    </row>
    <row r="271" spans="3:110" s="401" customFormat="1" ht="56.1" customHeight="1" x14ac:dyDescent="0.2">
      <c r="C271" s="420">
        <v>630</v>
      </c>
      <c r="D271" s="420" t="s">
        <v>2481</v>
      </c>
      <c r="E271" s="96" t="s">
        <v>53</v>
      </c>
      <c r="F271" s="96" t="s">
        <v>655</v>
      </c>
      <c r="G271" s="310" t="s">
        <v>656</v>
      </c>
      <c r="H271" s="310" t="s">
        <v>724</v>
      </c>
      <c r="I271" s="310" t="s">
        <v>725</v>
      </c>
      <c r="J271" s="310"/>
      <c r="K271" s="310" t="s">
        <v>86</v>
      </c>
      <c r="L271" s="310" t="s">
        <v>721</v>
      </c>
      <c r="M271" s="310" t="s">
        <v>60</v>
      </c>
      <c r="N271" s="310" t="s">
        <v>77</v>
      </c>
      <c r="O271" s="310" t="s">
        <v>722</v>
      </c>
      <c r="P271" s="309" t="s">
        <v>63</v>
      </c>
      <c r="Q271" s="309" t="s">
        <v>63</v>
      </c>
      <c r="R271" s="309">
        <v>56427</v>
      </c>
      <c r="S271" s="309">
        <f t="shared" si="176"/>
        <v>56427</v>
      </c>
      <c r="T271" s="309" t="s">
        <v>723</v>
      </c>
      <c r="U271" s="309" t="s">
        <v>65</v>
      </c>
      <c r="V271" s="309"/>
      <c r="W271" s="309"/>
      <c r="X271" s="309"/>
      <c r="Y271" s="309"/>
      <c r="Z271" s="309"/>
      <c r="AA271" s="309"/>
      <c r="AB271" s="309"/>
      <c r="AC271" s="309"/>
      <c r="AD271" s="309"/>
      <c r="AE271" s="309"/>
      <c r="AF271" s="309"/>
      <c r="AG271" s="309"/>
      <c r="AH271" s="309"/>
      <c r="AI271" s="309"/>
      <c r="AJ271" s="309"/>
      <c r="AK271" s="309"/>
      <c r="AL271" s="309"/>
      <c r="AM271" s="402" t="s">
        <v>66</v>
      </c>
      <c r="AN271" s="402" t="s">
        <v>66</v>
      </c>
      <c r="AO271" s="402" t="s">
        <v>66</v>
      </c>
      <c r="AP271" s="309"/>
      <c r="AQ271" s="309"/>
      <c r="AR271" s="309"/>
      <c r="AS271" s="309"/>
      <c r="AT271" s="309"/>
      <c r="AU271" s="309"/>
      <c r="AV271" s="309"/>
      <c r="AW271" s="309"/>
      <c r="AX271" s="309"/>
      <c r="AY271" s="309"/>
      <c r="AZ271" s="309"/>
      <c r="BA271" s="308">
        <f t="shared" si="143"/>
        <v>975</v>
      </c>
      <c r="BB271" s="309">
        <f t="shared" si="177"/>
        <v>57.873846153846152</v>
      </c>
      <c r="BC271" s="402" t="str">
        <f t="shared" si="145"/>
        <v/>
      </c>
      <c r="BD271" s="402" t="str">
        <f t="shared" si="146"/>
        <v/>
      </c>
      <c r="BE271" s="402" t="str">
        <f t="shared" si="147"/>
        <v/>
      </c>
      <c r="BF271" s="402" t="str">
        <f t="shared" si="148"/>
        <v/>
      </c>
      <c r="BG271" s="402" t="str">
        <f t="shared" si="149"/>
        <v/>
      </c>
      <c r="BH271" s="402" t="str">
        <f t="shared" si="150"/>
        <v/>
      </c>
      <c r="BI271" s="402" t="str">
        <f t="shared" si="151"/>
        <v/>
      </c>
      <c r="BJ271" s="402" t="str">
        <f t="shared" si="152"/>
        <v/>
      </c>
      <c r="BK271" s="402" t="str">
        <f t="shared" si="153"/>
        <v/>
      </c>
      <c r="BL271" s="402" t="str">
        <f t="shared" si="154"/>
        <v/>
      </c>
      <c r="BM271" s="402" t="str">
        <f t="shared" si="155"/>
        <v/>
      </c>
      <c r="BN271" s="402" t="str">
        <f t="shared" si="156"/>
        <v/>
      </c>
      <c r="BO271" s="402" t="str">
        <f t="shared" si="157"/>
        <v/>
      </c>
      <c r="BP271" s="402" t="str">
        <f t="shared" si="158"/>
        <v/>
      </c>
      <c r="BQ271" s="402" t="str">
        <f t="shared" si="159"/>
        <v/>
      </c>
      <c r="BR271" s="402" t="str">
        <f t="shared" si="160"/>
        <v/>
      </c>
      <c r="BS271" s="402" t="str">
        <f t="shared" si="161"/>
        <v/>
      </c>
      <c r="BT271" s="402">
        <f t="shared" si="162"/>
        <v>44852.230769230766</v>
      </c>
      <c r="BU271" s="402">
        <f t="shared" si="163"/>
        <v>5787.3846153846152</v>
      </c>
      <c r="BV271" s="402">
        <f t="shared" si="164"/>
        <v>5787.3846153846152</v>
      </c>
      <c r="BW271" s="402" t="str">
        <f t="shared" si="165"/>
        <v/>
      </c>
      <c r="BX271" s="402" t="str">
        <f t="shared" si="166"/>
        <v/>
      </c>
      <c r="BY271" s="402" t="str">
        <f t="shared" si="167"/>
        <v/>
      </c>
      <c r="BZ271" s="402" t="str">
        <f t="shared" si="168"/>
        <v/>
      </c>
      <c r="CA271" s="402" t="str">
        <f t="shared" si="169"/>
        <v/>
      </c>
      <c r="CB271" s="402" t="str">
        <f t="shared" si="170"/>
        <v/>
      </c>
      <c r="CC271" s="402" t="str">
        <f t="shared" si="171"/>
        <v/>
      </c>
      <c r="CD271" s="402" t="str">
        <f t="shared" si="172"/>
        <v/>
      </c>
      <c r="CE271" s="402" t="str">
        <f t="shared" si="173"/>
        <v/>
      </c>
      <c r="CF271" s="402" t="str">
        <f t="shared" si="174"/>
        <v/>
      </c>
      <c r="CG271" s="402" t="str">
        <f t="shared" si="175"/>
        <v/>
      </c>
      <c r="CH271" s="402"/>
      <c r="CI271" s="402"/>
      <c r="CJ271" s="402"/>
      <c r="CK271" s="402"/>
      <c r="CL271" s="402"/>
      <c r="CM271" s="402"/>
      <c r="CN271" s="402"/>
      <c r="CO271" s="402"/>
      <c r="CP271" s="402"/>
      <c r="CQ271" s="402"/>
      <c r="CR271" s="402"/>
      <c r="CS271" s="402"/>
      <c r="CT271" s="402"/>
      <c r="CU271" s="402"/>
      <c r="CV271" s="402"/>
      <c r="CW271" s="402"/>
      <c r="CX271" s="402"/>
      <c r="CY271" s="402"/>
      <c r="CZ271" s="402"/>
      <c r="DA271" s="402"/>
      <c r="DB271" s="402"/>
      <c r="DC271" s="402"/>
      <c r="DD271" s="309" t="s">
        <v>660</v>
      </c>
      <c r="DE271" s="309"/>
      <c r="DF271" s="404" t="s">
        <v>661</v>
      </c>
    </row>
    <row r="272" spans="3:110" s="401" customFormat="1" ht="128.25" x14ac:dyDescent="0.2">
      <c r="C272" s="420">
        <v>631</v>
      </c>
      <c r="D272" s="420" t="s">
        <v>2481</v>
      </c>
      <c r="E272" s="96" t="s">
        <v>53</v>
      </c>
      <c r="F272" s="96" t="s">
        <v>655</v>
      </c>
      <c r="G272" s="310" t="s">
        <v>656</v>
      </c>
      <c r="H272" s="310" t="s">
        <v>726</v>
      </c>
      <c r="I272" s="310" t="s">
        <v>727</v>
      </c>
      <c r="J272" s="310"/>
      <c r="K272" s="310" t="s">
        <v>86</v>
      </c>
      <c r="L272" s="310" t="s">
        <v>721</v>
      </c>
      <c r="M272" s="310" t="s">
        <v>60</v>
      </c>
      <c r="N272" s="310" t="s">
        <v>77</v>
      </c>
      <c r="O272" s="310" t="s">
        <v>722</v>
      </c>
      <c r="P272" s="309" t="s">
        <v>63</v>
      </c>
      <c r="Q272" s="309" t="s">
        <v>63</v>
      </c>
      <c r="R272" s="309">
        <v>639505</v>
      </c>
      <c r="S272" s="309">
        <f t="shared" si="176"/>
        <v>639505</v>
      </c>
      <c r="T272" s="309" t="s">
        <v>723</v>
      </c>
      <c r="U272" s="309" t="s">
        <v>65</v>
      </c>
      <c r="V272" s="309"/>
      <c r="W272" s="309"/>
      <c r="X272" s="309"/>
      <c r="Y272" s="309"/>
      <c r="Z272" s="309"/>
      <c r="AA272" s="309"/>
      <c r="AB272" s="309"/>
      <c r="AC272" s="309"/>
      <c r="AD272" s="309"/>
      <c r="AE272" s="309"/>
      <c r="AF272" s="309"/>
      <c r="AG272" s="309"/>
      <c r="AH272" s="309"/>
      <c r="AI272" s="309"/>
      <c r="AJ272" s="309"/>
      <c r="AK272" s="309"/>
      <c r="AL272" s="309"/>
      <c r="AM272" s="402" t="s">
        <v>66</v>
      </c>
      <c r="AN272" s="402" t="s">
        <v>66</v>
      </c>
      <c r="AO272" s="402" t="s">
        <v>66</v>
      </c>
      <c r="AP272" s="309"/>
      <c r="AQ272" s="309"/>
      <c r="AR272" s="309"/>
      <c r="AS272" s="309"/>
      <c r="AT272" s="309"/>
      <c r="AU272" s="309"/>
      <c r="AV272" s="309"/>
      <c r="AW272" s="309"/>
      <c r="AX272" s="309"/>
      <c r="AY272" s="309"/>
      <c r="AZ272" s="309"/>
      <c r="BA272" s="308">
        <f t="shared" si="143"/>
        <v>975</v>
      </c>
      <c r="BB272" s="309">
        <f t="shared" si="177"/>
        <v>655.90256410256416</v>
      </c>
      <c r="BC272" s="402" t="str">
        <f t="shared" si="145"/>
        <v/>
      </c>
      <c r="BD272" s="402" t="str">
        <f t="shared" si="146"/>
        <v/>
      </c>
      <c r="BE272" s="402" t="str">
        <f t="shared" si="147"/>
        <v/>
      </c>
      <c r="BF272" s="402" t="str">
        <f t="shared" si="148"/>
        <v/>
      </c>
      <c r="BG272" s="402" t="str">
        <f t="shared" si="149"/>
        <v/>
      </c>
      <c r="BH272" s="402" t="str">
        <f t="shared" si="150"/>
        <v/>
      </c>
      <c r="BI272" s="402" t="str">
        <f t="shared" si="151"/>
        <v/>
      </c>
      <c r="BJ272" s="402" t="str">
        <f t="shared" si="152"/>
        <v/>
      </c>
      <c r="BK272" s="402" t="str">
        <f t="shared" si="153"/>
        <v/>
      </c>
      <c r="BL272" s="402" t="str">
        <f t="shared" si="154"/>
        <v/>
      </c>
      <c r="BM272" s="402" t="str">
        <f t="shared" si="155"/>
        <v/>
      </c>
      <c r="BN272" s="402" t="str">
        <f t="shared" si="156"/>
        <v/>
      </c>
      <c r="BO272" s="402" t="str">
        <f t="shared" si="157"/>
        <v/>
      </c>
      <c r="BP272" s="402" t="str">
        <f t="shared" si="158"/>
        <v/>
      </c>
      <c r="BQ272" s="402" t="str">
        <f t="shared" si="159"/>
        <v/>
      </c>
      <c r="BR272" s="402" t="str">
        <f t="shared" si="160"/>
        <v/>
      </c>
      <c r="BS272" s="402" t="str">
        <f t="shared" si="161"/>
        <v/>
      </c>
      <c r="BT272" s="402">
        <f t="shared" si="162"/>
        <v>508324.48717948725</v>
      </c>
      <c r="BU272" s="402">
        <f t="shared" si="163"/>
        <v>65590.256410256421</v>
      </c>
      <c r="BV272" s="402">
        <f t="shared" si="164"/>
        <v>65590.256410256421</v>
      </c>
      <c r="BW272" s="402" t="str">
        <f t="shared" si="165"/>
        <v/>
      </c>
      <c r="BX272" s="402" t="str">
        <f t="shared" si="166"/>
        <v/>
      </c>
      <c r="BY272" s="402" t="str">
        <f t="shared" si="167"/>
        <v/>
      </c>
      <c r="BZ272" s="402" t="str">
        <f t="shared" si="168"/>
        <v/>
      </c>
      <c r="CA272" s="402" t="str">
        <f t="shared" si="169"/>
        <v/>
      </c>
      <c r="CB272" s="402" t="str">
        <f t="shared" si="170"/>
        <v/>
      </c>
      <c r="CC272" s="402" t="str">
        <f t="shared" si="171"/>
        <v/>
      </c>
      <c r="CD272" s="402" t="str">
        <f t="shared" si="172"/>
        <v/>
      </c>
      <c r="CE272" s="402" t="str">
        <f t="shared" si="173"/>
        <v/>
      </c>
      <c r="CF272" s="402" t="str">
        <f t="shared" si="174"/>
        <v/>
      </c>
      <c r="CG272" s="402" t="str">
        <f t="shared" si="175"/>
        <v/>
      </c>
      <c r="CH272" s="402"/>
      <c r="CI272" s="402"/>
      <c r="CJ272" s="402"/>
      <c r="CK272" s="402"/>
      <c r="CL272" s="402"/>
      <c r="CM272" s="402"/>
      <c r="CN272" s="402"/>
      <c r="CO272" s="402"/>
      <c r="CP272" s="402"/>
      <c r="CQ272" s="402"/>
      <c r="CR272" s="402"/>
      <c r="CS272" s="402"/>
      <c r="CT272" s="402"/>
      <c r="CU272" s="402"/>
      <c r="CV272" s="402"/>
      <c r="CW272" s="402"/>
      <c r="CX272" s="402"/>
      <c r="CY272" s="402"/>
      <c r="CZ272" s="402"/>
      <c r="DA272" s="402"/>
      <c r="DB272" s="402"/>
      <c r="DC272" s="402"/>
      <c r="DD272" s="309" t="s">
        <v>660</v>
      </c>
      <c r="DE272" s="309"/>
      <c r="DF272" s="404" t="s">
        <v>661</v>
      </c>
    </row>
    <row r="273" spans="3:110" s="401" customFormat="1" ht="56.1" customHeight="1" x14ac:dyDescent="0.2">
      <c r="C273" s="420">
        <v>632</v>
      </c>
      <c r="D273" s="420" t="s">
        <v>2481</v>
      </c>
      <c r="E273" s="96" t="s">
        <v>53</v>
      </c>
      <c r="F273" s="96" t="s">
        <v>655</v>
      </c>
      <c r="G273" s="310" t="s">
        <v>656</v>
      </c>
      <c r="H273" s="310" t="s">
        <v>728</v>
      </c>
      <c r="I273" s="310" t="s">
        <v>729</v>
      </c>
      <c r="J273" s="310"/>
      <c r="K273" s="310" t="s">
        <v>86</v>
      </c>
      <c r="L273" s="310" t="s">
        <v>721</v>
      </c>
      <c r="M273" s="310" t="s">
        <v>60</v>
      </c>
      <c r="N273" s="310" t="s">
        <v>77</v>
      </c>
      <c r="O273" s="310" t="s">
        <v>722</v>
      </c>
      <c r="P273" s="309" t="s">
        <v>63</v>
      </c>
      <c r="Q273" s="309" t="s">
        <v>63</v>
      </c>
      <c r="R273" s="309">
        <v>150472</v>
      </c>
      <c r="S273" s="309">
        <f t="shared" si="176"/>
        <v>150472</v>
      </c>
      <c r="T273" s="309" t="s">
        <v>723</v>
      </c>
      <c r="U273" s="309" t="s">
        <v>65</v>
      </c>
      <c r="V273" s="309"/>
      <c r="W273" s="309"/>
      <c r="X273" s="309"/>
      <c r="Y273" s="309"/>
      <c r="Z273" s="309"/>
      <c r="AA273" s="309"/>
      <c r="AB273" s="309"/>
      <c r="AC273" s="309"/>
      <c r="AD273" s="309"/>
      <c r="AE273" s="309"/>
      <c r="AF273" s="309"/>
      <c r="AG273" s="309"/>
      <c r="AH273" s="309"/>
      <c r="AI273" s="309"/>
      <c r="AJ273" s="309"/>
      <c r="AK273" s="309"/>
      <c r="AL273" s="309"/>
      <c r="AM273" s="402" t="s">
        <v>66</v>
      </c>
      <c r="AN273" s="402" t="s">
        <v>66</v>
      </c>
      <c r="AO273" s="402" t="s">
        <v>66</v>
      </c>
      <c r="AP273" s="309"/>
      <c r="AQ273" s="309"/>
      <c r="AR273" s="309"/>
      <c r="AS273" s="309"/>
      <c r="AT273" s="309"/>
      <c r="AU273" s="309"/>
      <c r="AV273" s="309"/>
      <c r="AW273" s="309"/>
      <c r="AX273" s="309"/>
      <c r="AY273" s="309"/>
      <c r="AZ273" s="309"/>
      <c r="BA273" s="308">
        <f t="shared" si="143"/>
        <v>975</v>
      </c>
      <c r="BB273" s="309">
        <f t="shared" si="177"/>
        <v>154.3302564102564</v>
      </c>
      <c r="BC273" s="402" t="str">
        <f t="shared" si="145"/>
        <v/>
      </c>
      <c r="BD273" s="402" t="str">
        <f t="shared" si="146"/>
        <v/>
      </c>
      <c r="BE273" s="402" t="str">
        <f t="shared" si="147"/>
        <v/>
      </c>
      <c r="BF273" s="402" t="str">
        <f t="shared" si="148"/>
        <v/>
      </c>
      <c r="BG273" s="402" t="str">
        <f t="shared" si="149"/>
        <v/>
      </c>
      <c r="BH273" s="402" t="str">
        <f t="shared" si="150"/>
        <v/>
      </c>
      <c r="BI273" s="402" t="str">
        <f t="shared" si="151"/>
        <v/>
      </c>
      <c r="BJ273" s="402" t="str">
        <f t="shared" si="152"/>
        <v/>
      </c>
      <c r="BK273" s="402" t="str">
        <f t="shared" si="153"/>
        <v/>
      </c>
      <c r="BL273" s="402" t="str">
        <f t="shared" si="154"/>
        <v/>
      </c>
      <c r="BM273" s="402" t="str">
        <f t="shared" si="155"/>
        <v/>
      </c>
      <c r="BN273" s="402" t="str">
        <f t="shared" si="156"/>
        <v/>
      </c>
      <c r="BO273" s="402" t="str">
        <f t="shared" si="157"/>
        <v/>
      </c>
      <c r="BP273" s="402" t="str">
        <f t="shared" si="158"/>
        <v/>
      </c>
      <c r="BQ273" s="402" t="str">
        <f t="shared" si="159"/>
        <v/>
      </c>
      <c r="BR273" s="402" t="str">
        <f t="shared" si="160"/>
        <v/>
      </c>
      <c r="BS273" s="402" t="str">
        <f t="shared" si="161"/>
        <v/>
      </c>
      <c r="BT273" s="402">
        <f t="shared" si="162"/>
        <v>119605.9487179487</v>
      </c>
      <c r="BU273" s="402">
        <f t="shared" si="163"/>
        <v>15433.025641025639</v>
      </c>
      <c r="BV273" s="402">
        <f t="shared" si="164"/>
        <v>15433.025641025639</v>
      </c>
      <c r="BW273" s="402" t="str">
        <f t="shared" si="165"/>
        <v/>
      </c>
      <c r="BX273" s="402" t="str">
        <f t="shared" si="166"/>
        <v/>
      </c>
      <c r="BY273" s="402" t="str">
        <f t="shared" si="167"/>
        <v/>
      </c>
      <c r="BZ273" s="402" t="str">
        <f t="shared" si="168"/>
        <v/>
      </c>
      <c r="CA273" s="402" t="str">
        <f t="shared" si="169"/>
        <v/>
      </c>
      <c r="CB273" s="402" t="str">
        <f t="shared" si="170"/>
        <v/>
      </c>
      <c r="CC273" s="402" t="str">
        <f t="shared" si="171"/>
        <v/>
      </c>
      <c r="CD273" s="402" t="str">
        <f t="shared" si="172"/>
        <v/>
      </c>
      <c r="CE273" s="402" t="str">
        <f t="shared" si="173"/>
        <v/>
      </c>
      <c r="CF273" s="402" t="str">
        <f t="shared" si="174"/>
        <v/>
      </c>
      <c r="CG273" s="402" t="str">
        <f t="shared" si="175"/>
        <v/>
      </c>
      <c r="CH273" s="402"/>
      <c r="CI273" s="402"/>
      <c r="CJ273" s="402"/>
      <c r="CK273" s="402"/>
      <c r="CL273" s="402"/>
      <c r="CM273" s="402"/>
      <c r="CN273" s="402"/>
      <c r="CO273" s="402"/>
      <c r="CP273" s="402"/>
      <c r="CQ273" s="402"/>
      <c r="CR273" s="402"/>
      <c r="CS273" s="402"/>
      <c r="CT273" s="402"/>
      <c r="CU273" s="402"/>
      <c r="CV273" s="402"/>
      <c r="CW273" s="402"/>
      <c r="CX273" s="402"/>
      <c r="CY273" s="402"/>
      <c r="CZ273" s="402"/>
      <c r="DA273" s="402"/>
      <c r="DB273" s="402"/>
      <c r="DC273" s="402"/>
      <c r="DD273" s="309" t="s">
        <v>660</v>
      </c>
      <c r="DE273" s="309"/>
      <c r="DF273" s="404" t="s">
        <v>661</v>
      </c>
    </row>
    <row r="274" spans="3:110" s="401" customFormat="1" ht="56.1" customHeight="1" x14ac:dyDescent="0.2">
      <c r="C274" s="420">
        <v>633</v>
      </c>
      <c r="D274" s="420" t="s">
        <v>2481</v>
      </c>
      <c r="E274" s="96" t="s">
        <v>53</v>
      </c>
      <c r="F274" s="96" t="s">
        <v>655</v>
      </c>
      <c r="G274" s="310" t="s">
        <v>656</v>
      </c>
      <c r="H274" s="310" t="s">
        <v>730</v>
      </c>
      <c r="I274" s="310" t="s">
        <v>731</v>
      </c>
      <c r="J274" s="310"/>
      <c r="K274" s="310" t="s">
        <v>86</v>
      </c>
      <c r="L274" s="310" t="s">
        <v>732</v>
      </c>
      <c r="M274" s="310" t="s">
        <v>60</v>
      </c>
      <c r="N274" s="310" t="s">
        <v>77</v>
      </c>
      <c r="O274" s="310" t="s">
        <v>722</v>
      </c>
      <c r="P274" s="309" t="s">
        <v>63</v>
      </c>
      <c r="Q274" s="309" t="s">
        <v>63</v>
      </c>
      <c r="R274" s="309">
        <v>31348</v>
      </c>
      <c r="S274" s="309">
        <f t="shared" si="176"/>
        <v>31348</v>
      </c>
      <c r="T274" s="309" t="s">
        <v>723</v>
      </c>
      <c r="U274" s="309" t="s">
        <v>65</v>
      </c>
      <c r="V274" s="309"/>
      <c r="W274" s="309"/>
      <c r="X274" s="309"/>
      <c r="Y274" s="309"/>
      <c r="Z274" s="309"/>
      <c r="AA274" s="309"/>
      <c r="AB274" s="309"/>
      <c r="AC274" s="309"/>
      <c r="AD274" s="309"/>
      <c r="AE274" s="309"/>
      <c r="AF274" s="309"/>
      <c r="AG274" s="309"/>
      <c r="AH274" s="309"/>
      <c r="AI274" s="309"/>
      <c r="AJ274" s="309"/>
      <c r="AK274" s="309"/>
      <c r="AL274" s="309"/>
      <c r="AM274" s="402" t="s">
        <v>66</v>
      </c>
      <c r="AN274" s="309"/>
      <c r="AO274" s="309"/>
      <c r="AP274" s="309"/>
      <c r="AQ274" s="309"/>
      <c r="AR274" s="309"/>
      <c r="AS274" s="309"/>
      <c r="AT274" s="309"/>
      <c r="AU274" s="309"/>
      <c r="AV274" s="309"/>
      <c r="AW274" s="309"/>
      <c r="AX274" s="309"/>
      <c r="AY274" s="309"/>
      <c r="AZ274" s="309"/>
      <c r="BA274" s="308">
        <f t="shared" si="143"/>
        <v>775</v>
      </c>
      <c r="BB274" s="309">
        <f t="shared" si="177"/>
        <v>40.449032258064513</v>
      </c>
      <c r="BC274" s="402" t="str">
        <f t="shared" si="145"/>
        <v/>
      </c>
      <c r="BD274" s="402" t="str">
        <f t="shared" si="146"/>
        <v/>
      </c>
      <c r="BE274" s="402" t="str">
        <f t="shared" si="147"/>
        <v/>
      </c>
      <c r="BF274" s="402" t="str">
        <f t="shared" si="148"/>
        <v/>
      </c>
      <c r="BG274" s="402" t="str">
        <f t="shared" si="149"/>
        <v/>
      </c>
      <c r="BH274" s="402" t="str">
        <f t="shared" si="150"/>
        <v/>
      </c>
      <c r="BI274" s="402" t="str">
        <f t="shared" si="151"/>
        <v/>
      </c>
      <c r="BJ274" s="402" t="str">
        <f t="shared" si="152"/>
        <v/>
      </c>
      <c r="BK274" s="402" t="str">
        <f t="shared" si="153"/>
        <v/>
      </c>
      <c r="BL274" s="402" t="str">
        <f t="shared" si="154"/>
        <v/>
      </c>
      <c r="BM274" s="402" t="str">
        <f t="shared" si="155"/>
        <v/>
      </c>
      <c r="BN274" s="402" t="str">
        <f t="shared" si="156"/>
        <v/>
      </c>
      <c r="BO274" s="402" t="str">
        <f t="shared" si="157"/>
        <v/>
      </c>
      <c r="BP274" s="402" t="str">
        <f t="shared" si="158"/>
        <v/>
      </c>
      <c r="BQ274" s="402" t="str">
        <f t="shared" si="159"/>
        <v/>
      </c>
      <c r="BR274" s="402" t="str">
        <f t="shared" si="160"/>
        <v/>
      </c>
      <c r="BS274" s="402" t="str">
        <f t="shared" si="161"/>
        <v/>
      </c>
      <c r="BT274" s="402">
        <f t="shared" si="162"/>
        <v>31347.999999999996</v>
      </c>
      <c r="BU274" s="402" t="str">
        <f t="shared" si="163"/>
        <v/>
      </c>
      <c r="BV274" s="402" t="str">
        <f t="shared" si="164"/>
        <v/>
      </c>
      <c r="BW274" s="402" t="str">
        <f t="shared" si="165"/>
        <v/>
      </c>
      <c r="BX274" s="402" t="str">
        <f t="shared" si="166"/>
        <v/>
      </c>
      <c r="BY274" s="402" t="str">
        <f t="shared" si="167"/>
        <v/>
      </c>
      <c r="BZ274" s="402" t="str">
        <f t="shared" si="168"/>
        <v/>
      </c>
      <c r="CA274" s="402" t="str">
        <f t="shared" si="169"/>
        <v/>
      </c>
      <c r="CB274" s="402" t="str">
        <f t="shared" si="170"/>
        <v/>
      </c>
      <c r="CC274" s="402" t="str">
        <f t="shared" si="171"/>
        <v/>
      </c>
      <c r="CD274" s="402" t="str">
        <f t="shared" si="172"/>
        <v/>
      </c>
      <c r="CE274" s="402" t="str">
        <f t="shared" si="173"/>
        <v/>
      </c>
      <c r="CF274" s="402" t="str">
        <f t="shared" si="174"/>
        <v/>
      </c>
      <c r="CG274" s="402" t="str">
        <f t="shared" si="175"/>
        <v/>
      </c>
      <c r="CH274" s="402"/>
      <c r="CI274" s="402"/>
      <c r="CJ274" s="402"/>
      <c r="CK274" s="402"/>
      <c r="CL274" s="402"/>
      <c r="CM274" s="402"/>
      <c r="CN274" s="402"/>
      <c r="CO274" s="402"/>
      <c r="CP274" s="402"/>
      <c r="CQ274" s="402"/>
      <c r="CR274" s="402"/>
      <c r="CS274" s="402"/>
      <c r="CT274" s="402"/>
      <c r="CU274" s="402"/>
      <c r="CV274" s="402"/>
      <c r="CW274" s="402"/>
      <c r="CX274" s="402"/>
      <c r="CY274" s="402"/>
      <c r="CZ274" s="402"/>
      <c r="DA274" s="402"/>
      <c r="DB274" s="402"/>
      <c r="DC274" s="402"/>
      <c r="DD274" s="309" t="s">
        <v>660</v>
      </c>
      <c r="DE274" s="309"/>
      <c r="DF274" s="404" t="s">
        <v>661</v>
      </c>
    </row>
    <row r="275" spans="3:110" s="401" customFormat="1" ht="56.1" customHeight="1" x14ac:dyDescent="0.2">
      <c r="C275" s="420">
        <v>634</v>
      </c>
      <c r="D275" s="420" t="s">
        <v>2481</v>
      </c>
      <c r="E275" s="96" t="s">
        <v>53</v>
      </c>
      <c r="F275" s="96" t="s">
        <v>655</v>
      </c>
      <c r="G275" s="310" t="s">
        <v>656</v>
      </c>
      <c r="H275" s="310" t="s">
        <v>733</v>
      </c>
      <c r="I275" s="310" t="s">
        <v>734</v>
      </c>
      <c r="J275" s="310"/>
      <c r="K275" s="310" t="s">
        <v>86</v>
      </c>
      <c r="L275" s="310" t="s">
        <v>732</v>
      </c>
      <c r="M275" s="310" t="s">
        <v>60</v>
      </c>
      <c r="N275" s="310" t="s">
        <v>77</v>
      </c>
      <c r="O275" s="310" t="s">
        <v>722</v>
      </c>
      <c r="P275" s="309" t="s">
        <v>63</v>
      </c>
      <c r="Q275" s="309" t="s">
        <v>63</v>
      </c>
      <c r="R275" s="309">
        <v>238247</v>
      </c>
      <c r="S275" s="309">
        <f t="shared" si="176"/>
        <v>238247</v>
      </c>
      <c r="T275" s="309" t="s">
        <v>723</v>
      </c>
      <c r="U275" s="309" t="s">
        <v>65</v>
      </c>
      <c r="V275" s="309"/>
      <c r="W275" s="309"/>
      <c r="X275" s="309"/>
      <c r="Y275" s="309"/>
      <c r="Z275" s="309"/>
      <c r="AA275" s="309"/>
      <c r="AB275" s="309"/>
      <c r="AC275" s="309"/>
      <c r="AD275" s="309"/>
      <c r="AE275" s="309"/>
      <c r="AF275" s="309"/>
      <c r="AG275" s="309"/>
      <c r="AH275" s="309"/>
      <c r="AI275" s="309"/>
      <c r="AJ275" s="309"/>
      <c r="AK275" s="309"/>
      <c r="AL275" s="309"/>
      <c r="AM275" s="402" t="s">
        <v>66</v>
      </c>
      <c r="AN275" s="309"/>
      <c r="AO275" s="309"/>
      <c r="AP275" s="309"/>
      <c r="AQ275" s="309"/>
      <c r="AR275" s="309"/>
      <c r="AS275" s="309"/>
      <c r="AT275" s="309"/>
      <c r="AU275" s="309"/>
      <c r="AV275" s="309"/>
      <c r="AW275" s="309"/>
      <c r="AX275" s="309"/>
      <c r="AY275" s="309"/>
      <c r="AZ275" s="309"/>
      <c r="BA275" s="308">
        <f t="shared" si="143"/>
        <v>775</v>
      </c>
      <c r="BB275" s="309">
        <f t="shared" si="177"/>
        <v>307.41548387096776</v>
      </c>
      <c r="BC275" s="402" t="str">
        <f t="shared" si="145"/>
        <v/>
      </c>
      <c r="BD275" s="402" t="str">
        <f t="shared" si="146"/>
        <v/>
      </c>
      <c r="BE275" s="402" t="str">
        <f t="shared" si="147"/>
        <v/>
      </c>
      <c r="BF275" s="402" t="str">
        <f t="shared" si="148"/>
        <v/>
      </c>
      <c r="BG275" s="402" t="str">
        <f t="shared" si="149"/>
        <v/>
      </c>
      <c r="BH275" s="402" t="str">
        <f t="shared" si="150"/>
        <v/>
      </c>
      <c r="BI275" s="402" t="str">
        <f t="shared" si="151"/>
        <v/>
      </c>
      <c r="BJ275" s="402" t="str">
        <f t="shared" si="152"/>
        <v/>
      </c>
      <c r="BK275" s="402" t="str">
        <f t="shared" si="153"/>
        <v/>
      </c>
      <c r="BL275" s="402" t="str">
        <f t="shared" si="154"/>
        <v/>
      </c>
      <c r="BM275" s="402" t="str">
        <f t="shared" si="155"/>
        <v/>
      </c>
      <c r="BN275" s="402" t="str">
        <f t="shared" si="156"/>
        <v/>
      </c>
      <c r="BO275" s="402" t="str">
        <f t="shared" si="157"/>
        <v/>
      </c>
      <c r="BP275" s="402" t="str">
        <f t="shared" si="158"/>
        <v/>
      </c>
      <c r="BQ275" s="402" t="str">
        <f t="shared" si="159"/>
        <v/>
      </c>
      <c r="BR275" s="402" t="str">
        <f t="shared" si="160"/>
        <v/>
      </c>
      <c r="BS275" s="402" t="str">
        <f t="shared" si="161"/>
        <v/>
      </c>
      <c r="BT275" s="402">
        <f t="shared" si="162"/>
        <v>238247.00000000003</v>
      </c>
      <c r="BU275" s="402" t="str">
        <f t="shared" si="163"/>
        <v/>
      </c>
      <c r="BV275" s="402" t="str">
        <f t="shared" si="164"/>
        <v/>
      </c>
      <c r="BW275" s="402" t="str">
        <f t="shared" si="165"/>
        <v/>
      </c>
      <c r="BX275" s="402" t="str">
        <f t="shared" si="166"/>
        <v/>
      </c>
      <c r="BY275" s="402" t="str">
        <f t="shared" si="167"/>
        <v/>
      </c>
      <c r="BZ275" s="402" t="str">
        <f t="shared" si="168"/>
        <v/>
      </c>
      <c r="CA275" s="402" t="str">
        <f t="shared" si="169"/>
        <v/>
      </c>
      <c r="CB275" s="402" t="str">
        <f t="shared" si="170"/>
        <v/>
      </c>
      <c r="CC275" s="402" t="str">
        <f t="shared" si="171"/>
        <v/>
      </c>
      <c r="CD275" s="402" t="str">
        <f t="shared" si="172"/>
        <v/>
      </c>
      <c r="CE275" s="402" t="str">
        <f t="shared" si="173"/>
        <v/>
      </c>
      <c r="CF275" s="402" t="str">
        <f t="shared" si="174"/>
        <v/>
      </c>
      <c r="CG275" s="402" t="str">
        <f t="shared" si="175"/>
        <v/>
      </c>
      <c r="CH275" s="402"/>
      <c r="CI275" s="402"/>
      <c r="CJ275" s="402"/>
      <c r="CK275" s="402"/>
      <c r="CL275" s="402"/>
      <c r="CM275" s="402"/>
      <c r="CN275" s="402"/>
      <c r="CO275" s="402"/>
      <c r="CP275" s="402"/>
      <c r="CQ275" s="402"/>
      <c r="CR275" s="402"/>
      <c r="CS275" s="402"/>
      <c r="CT275" s="402"/>
      <c r="CU275" s="402"/>
      <c r="CV275" s="402"/>
      <c r="CW275" s="402"/>
      <c r="CX275" s="402"/>
      <c r="CY275" s="402"/>
      <c r="CZ275" s="402"/>
      <c r="DA275" s="402"/>
      <c r="DB275" s="402"/>
      <c r="DC275" s="402"/>
      <c r="DD275" s="309" t="s">
        <v>660</v>
      </c>
      <c r="DE275" s="309"/>
      <c r="DF275" s="404" t="s">
        <v>661</v>
      </c>
    </row>
    <row r="276" spans="3:110" s="401" customFormat="1" ht="56.1" customHeight="1" x14ac:dyDescent="0.2">
      <c r="C276" s="420">
        <v>635</v>
      </c>
      <c r="D276" s="420" t="s">
        <v>2481</v>
      </c>
      <c r="E276" s="96" t="s">
        <v>53</v>
      </c>
      <c r="F276" s="96" t="s">
        <v>655</v>
      </c>
      <c r="G276" s="310" t="s">
        <v>656</v>
      </c>
      <c r="H276" s="310" t="s">
        <v>735</v>
      </c>
      <c r="I276" s="310" t="s">
        <v>736</v>
      </c>
      <c r="J276" s="310"/>
      <c r="K276" s="310" t="s">
        <v>86</v>
      </c>
      <c r="L276" s="310" t="s">
        <v>732</v>
      </c>
      <c r="M276" s="310" t="s">
        <v>60</v>
      </c>
      <c r="N276" s="310" t="s">
        <v>77</v>
      </c>
      <c r="O276" s="310" t="s">
        <v>722</v>
      </c>
      <c r="P276" s="309" t="s">
        <v>63</v>
      </c>
      <c r="Q276" s="309" t="s">
        <v>63</v>
      </c>
      <c r="R276" s="309">
        <v>222573</v>
      </c>
      <c r="S276" s="309">
        <f t="shared" si="176"/>
        <v>222573</v>
      </c>
      <c r="T276" s="309" t="s">
        <v>723</v>
      </c>
      <c r="U276" s="309" t="s">
        <v>65</v>
      </c>
      <c r="V276" s="309"/>
      <c r="W276" s="309"/>
      <c r="X276" s="309"/>
      <c r="Y276" s="309"/>
      <c r="Z276" s="309"/>
      <c r="AA276" s="309"/>
      <c r="AB276" s="309"/>
      <c r="AC276" s="309"/>
      <c r="AD276" s="309"/>
      <c r="AE276" s="309"/>
      <c r="AF276" s="309"/>
      <c r="AG276" s="309"/>
      <c r="AH276" s="309"/>
      <c r="AI276" s="309"/>
      <c r="AJ276" s="309"/>
      <c r="AK276" s="309"/>
      <c r="AL276" s="309"/>
      <c r="AM276" s="402" t="s">
        <v>66</v>
      </c>
      <c r="AN276" s="309"/>
      <c r="AO276" s="309"/>
      <c r="AP276" s="309"/>
      <c r="AQ276" s="309"/>
      <c r="AR276" s="309"/>
      <c r="AS276" s="309"/>
      <c r="AT276" s="309"/>
      <c r="AU276" s="309"/>
      <c r="AV276" s="309"/>
      <c r="AW276" s="309"/>
      <c r="AX276" s="309"/>
      <c r="AY276" s="309"/>
      <c r="AZ276" s="309"/>
      <c r="BA276" s="308">
        <f t="shared" si="143"/>
        <v>775</v>
      </c>
      <c r="BB276" s="309">
        <f t="shared" si="177"/>
        <v>287.19096774193548</v>
      </c>
      <c r="BC276" s="402" t="str">
        <f t="shared" si="145"/>
        <v/>
      </c>
      <c r="BD276" s="402" t="str">
        <f t="shared" si="146"/>
        <v/>
      </c>
      <c r="BE276" s="402" t="str">
        <f t="shared" si="147"/>
        <v/>
      </c>
      <c r="BF276" s="402" t="str">
        <f t="shared" si="148"/>
        <v/>
      </c>
      <c r="BG276" s="402" t="str">
        <f t="shared" si="149"/>
        <v/>
      </c>
      <c r="BH276" s="402" t="str">
        <f t="shared" si="150"/>
        <v/>
      </c>
      <c r="BI276" s="402" t="str">
        <f t="shared" si="151"/>
        <v/>
      </c>
      <c r="BJ276" s="402" t="str">
        <f t="shared" si="152"/>
        <v/>
      </c>
      <c r="BK276" s="402" t="str">
        <f t="shared" si="153"/>
        <v/>
      </c>
      <c r="BL276" s="402" t="str">
        <f t="shared" si="154"/>
        <v/>
      </c>
      <c r="BM276" s="402" t="str">
        <f t="shared" si="155"/>
        <v/>
      </c>
      <c r="BN276" s="402" t="str">
        <f t="shared" si="156"/>
        <v/>
      </c>
      <c r="BO276" s="402" t="str">
        <f t="shared" si="157"/>
        <v/>
      </c>
      <c r="BP276" s="402" t="str">
        <f t="shared" si="158"/>
        <v/>
      </c>
      <c r="BQ276" s="402" t="str">
        <f t="shared" si="159"/>
        <v/>
      </c>
      <c r="BR276" s="402" t="str">
        <f t="shared" si="160"/>
        <v/>
      </c>
      <c r="BS276" s="402" t="str">
        <f t="shared" si="161"/>
        <v/>
      </c>
      <c r="BT276" s="402">
        <f t="shared" si="162"/>
        <v>222573</v>
      </c>
      <c r="BU276" s="402" t="str">
        <f t="shared" si="163"/>
        <v/>
      </c>
      <c r="BV276" s="402" t="str">
        <f t="shared" si="164"/>
        <v/>
      </c>
      <c r="BW276" s="402" t="str">
        <f t="shared" si="165"/>
        <v/>
      </c>
      <c r="BX276" s="402" t="str">
        <f t="shared" si="166"/>
        <v/>
      </c>
      <c r="BY276" s="402" t="str">
        <f t="shared" si="167"/>
        <v/>
      </c>
      <c r="BZ276" s="402" t="str">
        <f t="shared" si="168"/>
        <v/>
      </c>
      <c r="CA276" s="402" t="str">
        <f t="shared" si="169"/>
        <v/>
      </c>
      <c r="CB276" s="402" t="str">
        <f t="shared" si="170"/>
        <v/>
      </c>
      <c r="CC276" s="402" t="str">
        <f t="shared" si="171"/>
        <v/>
      </c>
      <c r="CD276" s="402" t="str">
        <f t="shared" si="172"/>
        <v/>
      </c>
      <c r="CE276" s="402" t="str">
        <f t="shared" si="173"/>
        <v/>
      </c>
      <c r="CF276" s="402" t="str">
        <f t="shared" si="174"/>
        <v/>
      </c>
      <c r="CG276" s="402" t="str">
        <f t="shared" si="175"/>
        <v/>
      </c>
      <c r="CH276" s="402"/>
      <c r="CI276" s="402"/>
      <c r="CJ276" s="402"/>
      <c r="CK276" s="402"/>
      <c r="CL276" s="402"/>
      <c r="CM276" s="402"/>
      <c r="CN276" s="402"/>
      <c r="CO276" s="402"/>
      <c r="CP276" s="402"/>
      <c r="CQ276" s="402"/>
      <c r="CR276" s="402"/>
      <c r="CS276" s="402"/>
      <c r="CT276" s="402"/>
      <c r="CU276" s="402"/>
      <c r="CV276" s="402"/>
      <c r="CW276" s="402"/>
      <c r="CX276" s="402"/>
      <c r="CY276" s="402"/>
      <c r="CZ276" s="402"/>
      <c r="DA276" s="402"/>
      <c r="DB276" s="402"/>
      <c r="DC276" s="402"/>
      <c r="DD276" s="309" t="s">
        <v>660</v>
      </c>
      <c r="DE276" s="309"/>
      <c r="DF276" s="404" t="s">
        <v>661</v>
      </c>
    </row>
    <row r="277" spans="3:110" s="401" customFormat="1" ht="56.1" customHeight="1" x14ac:dyDescent="0.2">
      <c r="C277" s="420">
        <v>658</v>
      </c>
      <c r="D277" s="420" t="s">
        <v>2481</v>
      </c>
      <c r="E277" s="96" t="s">
        <v>53</v>
      </c>
      <c r="F277" s="96" t="s">
        <v>655</v>
      </c>
      <c r="G277" s="310" t="s">
        <v>656</v>
      </c>
      <c r="H277" s="310" t="s">
        <v>784</v>
      </c>
      <c r="I277" s="310" t="s">
        <v>785</v>
      </c>
      <c r="J277" s="310"/>
      <c r="K277" s="310" t="s">
        <v>90</v>
      </c>
      <c r="L277" s="310" t="s">
        <v>63</v>
      </c>
      <c r="M277" s="310" t="s">
        <v>81</v>
      </c>
      <c r="N277" s="310" t="s">
        <v>77</v>
      </c>
      <c r="O277" s="407" t="s">
        <v>225</v>
      </c>
      <c r="P277" s="309" t="s">
        <v>63</v>
      </c>
      <c r="Q277" s="309" t="s">
        <v>63</v>
      </c>
      <c r="R277" s="309">
        <v>952988</v>
      </c>
      <c r="S277" s="309">
        <f t="shared" si="176"/>
        <v>952988</v>
      </c>
      <c r="T277" s="309" t="s">
        <v>659</v>
      </c>
      <c r="U277" s="309" t="s">
        <v>65</v>
      </c>
      <c r="V277" s="309"/>
      <c r="W277" s="309"/>
      <c r="X277" s="309"/>
      <c r="Y277" s="309"/>
      <c r="Z277" s="309"/>
      <c r="AA277" s="309"/>
      <c r="AB277" s="309"/>
      <c r="AC277" s="309"/>
      <c r="AD277" s="309"/>
      <c r="AE277" s="309"/>
      <c r="AF277" s="309"/>
      <c r="AG277" s="309"/>
      <c r="AH277" s="309"/>
      <c r="AI277" s="309"/>
      <c r="AJ277" s="309"/>
      <c r="AK277" s="309"/>
      <c r="AL277" s="309"/>
      <c r="AM277" s="309"/>
      <c r="AN277" s="309"/>
      <c r="AO277" s="309"/>
      <c r="AP277" s="309"/>
      <c r="AQ277" s="402" t="s">
        <v>66</v>
      </c>
      <c r="AR277" s="402" t="s">
        <v>66</v>
      </c>
      <c r="AS277" s="402" t="s">
        <v>66</v>
      </c>
      <c r="AT277" s="402" t="s">
        <v>66</v>
      </c>
      <c r="AU277" s="309"/>
      <c r="AV277" s="309"/>
      <c r="AW277" s="309"/>
      <c r="AX277" s="309"/>
      <c r="AY277" s="309"/>
      <c r="AZ277" s="309"/>
      <c r="BA277" s="308">
        <f t="shared" si="143"/>
        <v>2251</v>
      </c>
      <c r="BB277" s="309">
        <f t="shared" si="177"/>
        <v>423.36206130608616</v>
      </c>
      <c r="BC277" s="402" t="str">
        <f t="shared" si="145"/>
        <v/>
      </c>
      <c r="BD277" s="402" t="str">
        <f t="shared" si="146"/>
        <v/>
      </c>
      <c r="BE277" s="402" t="str">
        <f t="shared" si="147"/>
        <v/>
      </c>
      <c r="BF277" s="402" t="str">
        <f t="shared" si="148"/>
        <v/>
      </c>
      <c r="BG277" s="402" t="str">
        <f t="shared" si="149"/>
        <v/>
      </c>
      <c r="BH277" s="402" t="str">
        <f t="shared" si="150"/>
        <v/>
      </c>
      <c r="BI277" s="402" t="str">
        <f t="shared" si="151"/>
        <v/>
      </c>
      <c r="BJ277" s="402" t="str">
        <f t="shared" si="152"/>
        <v/>
      </c>
      <c r="BK277" s="402" t="str">
        <f t="shared" si="153"/>
        <v/>
      </c>
      <c r="BL277" s="402" t="str">
        <f t="shared" si="154"/>
        <v/>
      </c>
      <c r="BM277" s="402" t="str">
        <f t="shared" si="155"/>
        <v/>
      </c>
      <c r="BN277" s="402" t="str">
        <f t="shared" si="156"/>
        <v/>
      </c>
      <c r="BO277" s="402" t="str">
        <f t="shared" si="157"/>
        <v/>
      </c>
      <c r="BP277" s="402" t="str">
        <f t="shared" si="158"/>
        <v/>
      </c>
      <c r="BQ277" s="402" t="str">
        <f t="shared" si="159"/>
        <v/>
      </c>
      <c r="BR277" s="402" t="str">
        <f t="shared" si="160"/>
        <v/>
      </c>
      <c r="BS277" s="402" t="str">
        <f t="shared" si="161"/>
        <v/>
      </c>
      <c r="BT277" s="402" t="str">
        <f t="shared" si="162"/>
        <v/>
      </c>
      <c r="BU277" s="402" t="str">
        <f t="shared" si="163"/>
        <v/>
      </c>
      <c r="BV277" s="402" t="str">
        <f t="shared" si="164"/>
        <v/>
      </c>
      <c r="BW277" s="402" t="str">
        <f t="shared" si="165"/>
        <v/>
      </c>
      <c r="BX277" s="402">
        <f t="shared" si="166"/>
        <v>105840.51532652153</v>
      </c>
      <c r="BY277" s="402">
        <f t="shared" si="167"/>
        <v>169344.82452243447</v>
      </c>
      <c r="BZ277" s="402">
        <f t="shared" si="168"/>
        <v>592706.88582852064</v>
      </c>
      <c r="CA277" s="402">
        <f t="shared" si="169"/>
        <v>85095.774322523313</v>
      </c>
      <c r="CB277" s="402" t="str">
        <f t="shared" si="170"/>
        <v/>
      </c>
      <c r="CC277" s="402" t="str">
        <f t="shared" si="171"/>
        <v/>
      </c>
      <c r="CD277" s="402" t="str">
        <f t="shared" si="172"/>
        <v/>
      </c>
      <c r="CE277" s="402" t="str">
        <f t="shared" si="173"/>
        <v/>
      </c>
      <c r="CF277" s="402" t="str">
        <f t="shared" si="174"/>
        <v/>
      </c>
      <c r="CG277" s="402" t="str">
        <f t="shared" si="175"/>
        <v/>
      </c>
      <c r="CH277" s="402"/>
      <c r="CI277" s="402"/>
      <c r="CJ277" s="402"/>
      <c r="CK277" s="402"/>
      <c r="CL277" s="402"/>
      <c r="CM277" s="402"/>
      <c r="CN277" s="402"/>
      <c r="CO277" s="402"/>
      <c r="CP277" s="402"/>
      <c r="CQ277" s="402"/>
      <c r="CR277" s="402"/>
      <c r="CS277" s="402"/>
      <c r="CT277" s="402"/>
      <c r="CU277" s="402"/>
      <c r="CV277" s="402"/>
      <c r="CW277" s="402"/>
      <c r="CX277" s="402"/>
      <c r="CY277" s="402"/>
      <c r="CZ277" s="402"/>
      <c r="DA277" s="402"/>
      <c r="DB277" s="402"/>
      <c r="DC277" s="402"/>
      <c r="DD277" s="309" t="s">
        <v>660</v>
      </c>
      <c r="DE277" s="309"/>
      <c r="DF277" s="404" t="s">
        <v>661</v>
      </c>
    </row>
    <row r="278" spans="3:110" s="401" customFormat="1" ht="85.35" customHeight="1" x14ac:dyDescent="0.2">
      <c r="C278" s="420">
        <v>637</v>
      </c>
      <c r="D278" s="420" t="s">
        <v>2481</v>
      </c>
      <c r="E278" s="96" t="s">
        <v>53</v>
      </c>
      <c r="F278" s="96" t="s">
        <v>655</v>
      </c>
      <c r="G278" s="310" t="s">
        <v>656</v>
      </c>
      <c r="H278" s="310" t="s">
        <v>739</v>
      </c>
      <c r="I278" s="310" t="s">
        <v>740</v>
      </c>
      <c r="J278" s="310"/>
      <c r="K278" s="310" t="s">
        <v>86</v>
      </c>
      <c r="L278" s="310" t="s">
        <v>63</v>
      </c>
      <c r="M278" s="310" t="s">
        <v>81</v>
      </c>
      <c r="N278" s="310" t="s">
        <v>77</v>
      </c>
      <c r="O278" s="407" t="s">
        <v>225</v>
      </c>
      <c r="P278" s="309" t="s">
        <v>63</v>
      </c>
      <c r="Q278" s="309" t="s">
        <v>63</v>
      </c>
      <c r="R278" s="309">
        <v>62697</v>
      </c>
      <c r="S278" s="309">
        <f t="shared" si="176"/>
        <v>62697</v>
      </c>
      <c r="T278" s="309" t="s">
        <v>659</v>
      </c>
      <c r="U278" s="309" t="s">
        <v>65</v>
      </c>
      <c r="V278" s="309"/>
      <c r="W278" s="309"/>
      <c r="X278" s="309"/>
      <c r="Y278" s="309"/>
      <c r="Z278" s="309"/>
      <c r="AA278" s="309"/>
      <c r="AB278" s="309"/>
      <c r="AC278" s="309"/>
      <c r="AD278" s="309"/>
      <c r="AE278" s="309"/>
      <c r="AF278" s="309"/>
      <c r="AG278" s="309"/>
      <c r="AH278" s="309"/>
      <c r="AI278" s="309"/>
      <c r="AJ278" s="309"/>
      <c r="AK278" s="309"/>
      <c r="AL278" s="309"/>
      <c r="AM278" s="402" t="s">
        <v>66</v>
      </c>
      <c r="AN278" s="402" t="s">
        <v>66</v>
      </c>
      <c r="AO278" s="402" t="s">
        <v>66</v>
      </c>
      <c r="AP278" s="402" t="s">
        <v>66</v>
      </c>
      <c r="AQ278" s="309"/>
      <c r="AR278" s="309"/>
      <c r="AS278" s="309"/>
      <c r="AT278" s="309"/>
      <c r="AU278" s="309"/>
      <c r="AV278" s="309"/>
      <c r="AW278" s="309"/>
      <c r="AX278" s="309"/>
      <c r="AY278" s="309"/>
      <c r="AZ278" s="309"/>
      <c r="BA278" s="308">
        <f t="shared" si="143"/>
        <v>1277</v>
      </c>
      <c r="BB278" s="309">
        <f t="shared" si="177"/>
        <v>49.097102584181677</v>
      </c>
      <c r="BC278" s="402" t="str">
        <f t="shared" si="145"/>
        <v/>
      </c>
      <c r="BD278" s="402" t="str">
        <f t="shared" si="146"/>
        <v/>
      </c>
      <c r="BE278" s="402" t="str">
        <f t="shared" si="147"/>
        <v/>
      </c>
      <c r="BF278" s="402" t="str">
        <f t="shared" si="148"/>
        <v/>
      </c>
      <c r="BG278" s="402" t="str">
        <f t="shared" si="149"/>
        <v/>
      </c>
      <c r="BH278" s="402" t="str">
        <f t="shared" si="150"/>
        <v/>
      </c>
      <c r="BI278" s="402" t="str">
        <f t="shared" si="151"/>
        <v/>
      </c>
      <c r="BJ278" s="402" t="str">
        <f t="shared" si="152"/>
        <v/>
      </c>
      <c r="BK278" s="402" t="str">
        <f t="shared" si="153"/>
        <v/>
      </c>
      <c r="BL278" s="402" t="str">
        <f t="shared" si="154"/>
        <v/>
      </c>
      <c r="BM278" s="402" t="str">
        <f t="shared" si="155"/>
        <v/>
      </c>
      <c r="BN278" s="402" t="str">
        <f t="shared" si="156"/>
        <v/>
      </c>
      <c r="BO278" s="402" t="str">
        <f t="shared" si="157"/>
        <v/>
      </c>
      <c r="BP278" s="402" t="str">
        <f t="shared" si="158"/>
        <v/>
      </c>
      <c r="BQ278" s="402" t="str">
        <f t="shared" si="159"/>
        <v/>
      </c>
      <c r="BR278" s="402" t="str">
        <f t="shared" si="160"/>
        <v/>
      </c>
      <c r="BS278" s="402" t="str">
        <f t="shared" si="161"/>
        <v/>
      </c>
      <c r="BT278" s="402">
        <f t="shared" si="162"/>
        <v>38050.254502740798</v>
      </c>
      <c r="BU278" s="402">
        <f t="shared" si="163"/>
        <v>4909.7102584181675</v>
      </c>
      <c r="BV278" s="402">
        <f t="shared" si="164"/>
        <v>4909.7102584181675</v>
      </c>
      <c r="BW278" s="402">
        <f t="shared" si="165"/>
        <v>14827.324980422867</v>
      </c>
      <c r="BX278" s="402" t="str">
        <f t="shared" si="166"/>
        <v/>
      </c>
      <c r="BY278" s="402" t="str">
        <f t="shared" si="167"/>
        <v/>
      </c>
      <c r="BZ278" s="402" t="str">
        <f t="shared" si="168"/>
        <v/>
      </c>
      <c r="CA278" s="402" t="str">
        <f t="shared" si="169"/>
        <v/>
      </c>
      <c r="CB278" s="402" t="str">
        <f t="shared" si="170"/>
        <v/>
      </c>
      <c r="CC278" s="402" t="str">
        <f t="shared" si="171"/>
        <v/>
      </c>
      <c r="CD278" s="402" t="str">
        <f t="shared" si="172"/>
        <v/>
      </c>
      <c r="CE278" s="402" t="str">
        <f t="shared" si="173"/>
        <v/>
      </c>
      <c r="CF278" s="402" t="str">
        <f t="shared" si="174"/>
        <v/>
      </c>
      <c r="CG278" s="402" t="str">
        <f t="shared" si="175"/>
        <v/>
      </c>
      <c r="CH278" s="402"/>
      <c r="CI278" s="402"/>
      <c r="CJ278" s="402"/>
      <c r="CK278" s="402"/>
      <c r="CL278" s="402"/>
      <c r="CM278" s="402"/>
      <c r="CN278" s="402"/>
      <c r="CO278" s="402"/>
      <c r="CP278" s="402"/>
      <c r="CQ278" s="402"/>
      <c r="CR278" s="402"/>
      <c r="CS278" s="402"/>
      <c r="CT278" s="402"/>
      <c r="CU278" s="402"/>
      <c r="CV278" s="402"/>
      <c r="CW278" s="402"/>
      <c r="CX278" s="402"/>
      <c r="CY278" s="402"/>
      <c r="CZ278" s="402"/>
      <c r="DA278" s="402"/>
      <c r="DB278" s="402"/>
      <c r="DC278" s="402"/>
      <c r="DD278" s="309" t="s">
        <v>660</v>
      </c>
      <c r="DE278" s="309"/>
      <c r="DF278" s="404" t="s">
        <v>661</v>
      </c>
    </row>
    <row r="279" spans="3:110" s="401" customFormat="1" ht="56.1" customHeight="1" x14ac:dyDescent="0.2">
      <c r="C279" s="420">
        <v>638</v>
      </c>
      <c r="D279" s="420" t="s">
        <v>2481</v>
      </c>
      <c r="E279" s="96" t="s">
        <v>53</v>
      </c>
      <c r="F279" s="96" t="s">
        <v>655</v>
      </c>
      <c r="G279" s="310" t="s">
        <v>656</v>
      </c>
      <c r="H279" s="310" t="s">
        <v>741</v>
      </c>
      <c r="I279" s="310" t="s">
        <v>742</v>
      </c>
      <c r="J279" s="310"/>
      <c r="K279" s="310" t="s">
        <v>86</v>
      </c>
      <c r="L279" s="310" t="s">
        <v>732</v>
      </c>
      <c r="M279" s="310" t="s">
        <v>60</v>
      </c>
      <c r="N279" s="310" t="s">
        <v>77</v>
      </c>
      <c r="O279" s="310" t="s">
        <v>722</v>
      </c>
      <c r="P279" s="309" t="s">
        <v>63</v>
      </c>
      <c r="Q279" s="309" t="s">
        <v>63</v>
      </c>
      <c r="R279" s="309">
        <v>966240</v>
      </c>
      <c r="S279" s="309">
        <f t="shared" si="176"/>
        <v>966240</v>
      </c>
      <c r="T279" s="309" t="s">
        <v>723</v>
      </c>
      <c r="U279" s="309" t="s">
        <v>65</v>
      </c>
      <c r="V279" s="309"/>
      <c r="W279" s="309"/>
      <c r="X279" s="309"/>
      <c r="Y279" s="309"/>
      <c r="Z279" s="309"/>
      <c r="AA279" s="309"/>
      <c r="AB279" s="309"/>
      <c r="AC279" s="309"/>
      <c r="AD279" s="309"/>
      <c r="AE279" s="309"/>
      <c r="AF279" s="309"/>
      <c r="AG279" s="309"/>
      <c r="AH279" s="309"/>
      <c r="AI279" s="309"/>
      <c r="AJ279" s="309"/>
      <c r="AK279" s="309"/>
      <c r="AL279" s="309"/>
      <c r="AM279" s="402" t="s">
        <v>66</v>
      </c>
      <c r="AN279" s="309"/>
      <c r="AO279" s="309"/>
      <c r="AP279" s="309"/>
      <c r="AQ279" s="309"/>
      <c r="AR279" s="309"/>
      <c r="AS279" s="309"/>
      <c r="AT279" s="309"/>
      <c r="AU279" s="309"/>
      <c r="AV279" s="309"/>
      <c r="AW279" s="309"/>
      <c r="AX279" s="309"/>
      <c r="AY279" s="309"/>
      <c r="AZ279" s="309"/>
      <c r="BA279" s="308">
        <f t="shared" si="143"/>
        <v>775</v>
      </c>
      <c r="BB279" s="309">
        <f t="shared" si="177"/>
        <v>1246.7612903225806</v>
      </c>
      <c r="BC279" s="402" t="str">
        <f t="shared" si="145"/>
        <v/>
      </c>
      <c r="BD279" s="402" t="str">
        <f t="shared" si="146"/>
        <v/>
      </c>
      <c r="BE279" s="402" t="str">
        <f t="shared" si="147"/>
        <v/>
      </c>
      <c r="BF279" s="402" t="str">
        <f t="shared" si="148"/>
        <v/>
      </c>
      <c r="BG279" s="402" t="str">
        <f t="shared" si="149"/>
        <v/>
      </c>
      <c r="BH279" s="402" t="str">
        <f t="shared" si="150"/>
        <v/>
      </c>
      <c r="BI279" s="402" t="str">
        <f t="shared" si="151"/>
        <v/>
      </c>
      <c r="BJ279" s="402" t="str">
        <f t="shared" si="152"/>
        <v/>
      </c>
      <c r="BK279" s="402" t="str">
        <f t="shared" si="153"/>
        <v/>
      </c>
      <c r="BL279" s="402" t="str">
        <f t="shared" si="154"/>
        <v/>
      </c>
      <c r="BM279" s="402" t="str">
        <f t="shared" si="155"/>
        <v/>
      </c>
      <c r="BN279" s="402" t="str">
        <f t="shared" si="156"/>
        <v/>
      </c>
      <c r="BO279" s="402" t="str">
        <f t="shared" si="157"/>
        <v/>
      </c>
      <c r="BP279" s="402" t="str">
        <f t="shared" si="158"/>
        <v/>
      </c>
      <c r="BQ279" s="402" t="str">
        <f t="shared" si="159"/>
        <v/>
      </c>
      <c r="BR279" s="402" t="str">
        <f t="shared" si="160"/>
        <v/>
      </c>
      <c r="BS279" s="402" t="str">
        <f t="shared" si="161"/>
        <v/>
      </c>
      <c r="BT279" s="402">
        <f t="shared" si="162"/>
        <v>966240</v>
      </c>
      <c r="BU279" s="402" t="str">
        <f t="shared" si="163"/>
        <v/>
      </c>
      <c r="BV279" s="402" t="str">
        <f t="shared" si="164"/>
        <v/>
      </c>
      <c r="BW279" s="402" t="str">
        <f t="shared" si="165"/>
        <v/>
      </c>
      <c r="BX279" s="402" t="str">
        <f t="shared" si="166"/>
        <v/>
      </c>
      <c r="BY279" s="402" t="str">
        <f t="shared" si="167"/>
        <v/>
      </c>
      <c r="BZ279" s="402" t="str">
        <f t="shared" si="168"/>
        <v/>
      </c>
      <c r="CA279" s="402" t="str">
        <f t="shared" si="169"/>
        <v/>
      </c>
      <c r="CB279" s="402" t="str">
        <f t="shared" si="170"/>
        <v/>
      </c>
      <c r="CC279" s="402" t="str">
        <f t="shared" si="171"/>
        <v/>
      </c>
      <c r="CD279" s="402" t="str">
        <f t="shared" si="172"/>
        <v/>
      </c>
      <c r="CE279" s="402" t="str">
        <f t="shared" si="173"/>
        <v/>
      </c>
      <c r="CF279" s="402" t="str">
        <f t="shared" si="174"/>
        <v/>
      </c>
      <c r="CG279" s="402" t="str">
        <f t="shared" si="175"/>
        <v/>
      </c>
      <c r="CH279" s="402"/>
      <c r="CI279" s="402"/>
      <c r="CJ279" s="402"/>
      <c r="CK279" s="402"/>
      <c r="CL279" s="402"/>
      <c r="CM279" s="402"/>
      <c r="CN279" s="402"/>
      <c r="CO279" s="402"/>
      <c r="CP279" s="402"/>
      <c r="CQ279" s="402"/>
      <c r="CR279" s="402"/>
      <c r="CS279" s="402"/>
      <c r="CT279" s="402"/>
      <c r="CU279" s="402"/>
      <c r="CV279" s="402"/>
      <c r="CW279" s="402"/>
      <c r="CX279" s="402"/>
      <c r="CY279" s="402"/>
      <c r="CZ279" s="402"/>
      <c r="DA279" s="402"/>
      <c r="DB279" s="402"/>
      <c r="DC279" s="402"/>
      <c r="DD279" s="309" t="s">
        <v>660</v>
      </c>
      <c r="DE279" s="309"/>
      <c r="DF279" s="404" t="s">
        <v>661</v>
      </c>
    </row>
    <row r="280" spans="3:110" s="401" customFormat="1" ht="56.1" customHeight="1" x14ac:dyDescent="0.2">
      <c r="C280" s="420">
        <v>639</v>
      </c>
      <c r="D280" s="420" t="s">
        <v>2481</v>
      </c>
      <c r="E280" s="96" t="s">
        <v>53</v>
      </c>
      <c r="F280" s="96" t="s">
        <v>655</v>
      </c>
      <c r="G280" s="310" t="s">
        <v>656</v>
      </c>
      <c r="H280" s="310" t="s">
        <v>743</v>
      </c>
      <c r="I280" s="310" t="s">
        <v>744</v>
      </c>
      <c r="J280" s="310"/>
      <c r="K280" s="310" t="s">
        <v>86</v>
      </c>
      <c r="L280" s="310" t="s">
        <v>63</v>
      </c>
      <c r="M280" s="310" t="s">
        <v>81</v>
      </c>
      <c r="N280" s="310" t="s">
        <v>77</v>
      </c>
      <c r="O280" s="407" t="s">
        <v>225</v>
      </c>
      <c r="P280" s="309" t="s">
        <v>63</v>
      </c>
      <c r="Q280" s="309" t="s">
        <v>63</v>
      </c>
      <c r="R280" s="309">
        <v>51160</v>
      </c>
      <c r="S280" s="309">
        <f t="shared" si="176"/>
        <v>51160</v>
      </c>
      <c r="T280" s="309" t="s">
        <v>659</v>
      </c>
      <c r="U280" s="309" t="s">
        <v>65</v>
      </c>
      <c r="V280" s="309"/>
      <c r="W280" s="309"/>
      <c r="X280" s="309"/>
      <c r="Y280" s="309"/>
      <c r="Z280" s="309"/>
      <c r="AA280" s="309"/>
      <c r="AB280" s="309"/>
      <c r="AC280" s="309"/>
      <c r="AD280" s="309"/>
      <c r="AE280" s="309"/>
      <c r="AF280" s="309"/>
      <c r="AG280" s="309"/>
      <c r="AH280" s="309"/>
      <c r="AI280" s="309"/>
      <c r="AJ280" s="309"/>
      <c r="AK280" s="309"/>
      <c r="AL280" s="309"/>
      <c r="AM280" s="402" t="s">
        <v>66</v>
      </c>
      <c r="AN280" s="402" t="s">
        <v>66</v>
      </c>
      <c r="AO280" s="402" t="s">
        <v>66</v>
      </c>
      <c r="AP280" s="402" t="s">
        <v>66</v>
      </c>
      <c r="AQ280" s="309"/>
      <c r="AR280" s="309"/>
      <c r="AS280" s="309"/>
      <c r="AT280" s="309"/>
      <c r="AU280" s="309"/>
      <c r="AV280" s="309"/>
      <c r="AW280" s="309"/>
      <c r="AX280" s="309"/>
      <c r="AY280" s="309"/>
      <c r="AZ280" s="309"/>
      <c r="BA280" s="308">
        <f t="shared" si="143"/>
        <v>1277</v>
      </c>
      <c r="BB280" s="309">
        <f t="shared" si="177"/>
        <v>40.062646828504306</v>
      </c>
      <c r="BC280" s="402" t="str">
        <f t="shared" si="145"/>
        <v/>
      </c>
      <c r="BD280" s="402" t="str">
        <f t="shared" si="146"/>
        <v/>
      </c>
      <c r="BE280" s="402" t="str">
        <f t="shared" si="147"/>
        <v/>
      </c>
      <c r="BF280" s="402" t="str">
        <f t="shared" si="148"/>
        <v/>
      </c>
      <c r="BG280" s="402" t="str">
        <f t="shared" si="149"/>
        <v/>
      </c>
      <c r="BH280" s="402" t="str">
        <f t="shared" si="150"/>
        <v/>
      </c>
      <c r="BI280" s="402" t="str">
        <f t="shared" si="151"/>
        <v/>
      </c>
      <c r="BJ280" s="402" t="str">
        <f t="shared" si="152"/>
        <v/>
      </c>
      <c r="BK280" s="402" t="str">
        <f t="shared" si="153"/>
        <v/>
      </c>
      <c r="BL280" s="402" t="str">
        <f t="shared" si="154"/>
        <v/>
      </c>
      <c r="BM280" s="402" t="str">
        <f t="shared" si="155"/>
        <v/>
      </c>
      <c r="BN280" s="402" t="str">
        <f t="shared" si="156"/>
        <v/>
      </c>
      <c r="BO280" s="402" t="str">
        <f t="shared" si="157"/>
        <v/>
      </c>
      <c r="BP280" s="402" t="str">
        <f t="shared" si="158"/>
        <v/>
      </c>
      <c r="BQ280" s="402" t="str">
        <f t="shared" si="159"/>
        <v/>
      </c>
      <c r="BR280" s="402" t="str">
        <f t="shared" si="160"/>
        <v/>
      </c>
      <c r="BS280" s="402" t="str">
        <f t="shared" si="161"/>
        <v/>
      </c>
      <c r="BT280" s="402">
        <f t="shared" si="162"/>
        <v>31048.551292090837</v>
      </c>
      <c r="BU280" s="402">
        <f t="shared" si="163"/>
        <v>4006.2646828504307</v>
      </c>
      <c r="BV280" s="402">
        <f t="shared" si="164"/>
        <v>4006.2646828504307</v>
      </c>
      <c r="BW280" s="402">
        <f t="shared" si="165"/>
        <v>12098.919342208301</v>
      </c>
      <c r="BX280" s="402" t="str">
        <f t="shared" si="166"/>
        <v/>
      </c>
      <c r="BY280" s="402" t="str">
        <f t="shared" si="167"/>
        <v/>
      </c>
      <c r="BZ280" s="402" t="str">
        <f t="shared" si="168"/>
        <v/>
      </c>
      <c r="CA280" s="402" t="str">
        <f t="shared" si="169"/>
        <v/>
      </c>
      <c r="CB280" s="402" t="str">
        <f t="shared" si="170"/>
        <v/>
      </c>
      <c r="CC280" s="402" t="str">
        <f t="shared" si="171"/>
        <v/>
      </c>
      <c r="CD280" s="402" t="str">
        <f t="shared" si="172"/>
        <v/>
      </c>
      <c r="CE280" s="402" t="str">
        <f t="shared" si="173"/>
        <v/>
      </c>
      <c r="CF280" s="402" t="str">
        <f t="shared" si="174"/>
        <v/>
      </c>
      <c r="CG280" s="402" t="str">
        <f t="shared" si="175"/>
        <v/>
      </c>
      <c r="CH280" s="402"/>
      <c r="CI280" s="402"/>
      <c r="CJ280" s="402"/>
      <c r="CK280" s="402"/>
      <c r="CL280" s="402"/>
      <c r="CM280" s="402"/>
      <c r="CN280" s="402"/>
      <c r="CO280" s="402"/>
      <c r="CP280" s="402"/>
      <c r="CQ280" s="402"/>
      <c r="CR280" s="402"/>
      <c r="CS280" s="402"/>
      <c r="CT280" s="402"/>
      <c r="CU280" s="402"/>
      <c r="CV280" s="402"/>
      <c r="CW280" s="402"/>
      <c r="CX280" s="402"/>
      <c r="CY280" s="402"/>
      <c r="CZ280" s="402"/>
      <c r="DA280" s="402"/>
      <c r="DB280" s="402"/>
      <c r="DC280" s="402"/>
      <c r="DD280" s="309" t="s">
        <v>660</v>
      </c>
      <c r="DE280" s="309"/>
      <c r="DF280" s="404" t="s">
        <v>661</v>
      </c>
    </row>
    <row r="281" spans="3:110" s="401" customFormat="1" ht="56.1" customHeight="1" x14ac:dyDescent="0.2">
      <c r="C281" s="420">
        <v>640</v>
      </c>
      <c r="D281" s="420" t="s">
        <v>2481</v>
      </c>
      <c r="E281" s="96" t="s">
        <v>53</v>
      </c>
      <c r="F281" s="96" t="s">
        <v>655</v>
      </c>
      <c r="G281" s="310" t="s">
        <v>656</v>
      </c>
      <c r="H281" s="310" t="s">
        <v>745</v>
      </c>
      <c r="I281" s="310" t="s">
        <v>746</v>
      </c>
      <c r="J281" s="310"/>
      <c r="K281" s="310" t="s">
        <v>86</v>
      </c>
      <c r="L281" s="310" t="s">
        <v>63</v>
      </c>
      <c r="M281" s="310" t="s">
        <v>81</v>
      </c>
      <c r="N281" s="310" t="s">
        <v>77</v>
      </c>
      <c r="O281" s="407" t="s">
        <v>225</v>
      </c>
      <c r="P281" s="309" t="s">
        <v>63</v>
      </c>
      <c r="Q281" s="309" t="s">
        <v>63</v>
      </c>
      <c r="R281" s="410"/>
      <c r="S281" s="410"/>
      <c r="T281" s="309" t="s">
        <v>659</v>
      </c>
      <c r="U281" s="309" t="s">
        <v>65</v>
      </c>
      <c r="V281" s="309"/>
      <c r="W281" s="309"/>
      <c r="X281" s="309"/>
      <c r="Y281" s="309"/>
      <c r="Z281" s="309"/>
      <c r="AA281" s="309"/>
      <c r="AB281" s="309"/>
      <c r="AC281" s="309"/>
      <c r="AD281" s="309"/>
      <c r="AE281" s="309"/>
      <c r="AF281" s="309"/>
      <c r="AG281" s="309"/>
      <c r="AH281" s="309"/>
      <c r="AI281" s="309"/>
      <c r="AJ281" s="309"/>
      <c r="AK281" s="309"/>
      <c r="AL281" s="309"/>
      <c r="AM281" s="402" t="s">
        <v>66</v>
      </c>
      <c r="AN281" s="402" t="s">
        <v>66</v>
      </c>
      <c r="AO281" s="402" t="s">
        <v>66</v>
      </c>
      <c r="AP281" s="402" t="s">
        <v>66</v>
      </c>
      <c r="AQ281" s="309"/>
      <c r="AR281" s="309"/>
      <c r="AS281" s="309"/>
      <c r="AT281" s="309"/>
      <c r="AU281" s="309"/>
      <c r="AV281" s="309"/>
      <c r="AW281" s="309"/>
      <c r="AX281" s="309"/>
      <c r="AY281" s="309"/>
      <c r="AZ281" s="309"/>
      <c r="BA281" s="308">
        <f t="shared" si="143"/>
        <v>1277</v>
      </c>
      <c r="BB281" s="309"/>
      <c r="BC281" s="402" t="str">
        <f t="shared" si="145"/>
        <v/>
      </c>
      <c r="BD281" s="402" t="str">
        <f t="shared" si="146"/>
        <v/>
      </c>
      <c r="BE281" s="402" t="str">
        <f t="shared" si="147"/>
        <v/>
      </c>
      <c r="BF281" s="402" t="str">
        <f t="shared" si="148"/>
        <v/>
      </c>
      <c r="BG281" s="402" t="str">
        <f t="shared" si="149"/>
        <v/>
      </c>
      <c r="BH281" s="402" t="str">
        <f t="shared" si="150"/>
        <v/>
      </c>
      <c r="BI281" s="402" t="str">
        <f t="shared" si="151"/>
        <v/>
      </c>
      <c r="BJ281" s="402" t="str">
        <f t="shared" si="152"/>
        <v/>
      </c>
      <c r="BK281" s="402" t="str">
        <f t="shared" si="153"/>
        <v/>
      </c>
      <c r="BL281" s="402" t="str">
        <f t="shared" si="154"/>
        <v/>
      </c>
      <c r="BM281" s="402" t="str">
        <f t="shared" si="155"/>
        <v/>
      </c>
      <c r="BN281" s="402" t="str">
        <f t="shared" si="156"/>
        <v/>
      </c>
      <c r="BO281" s="402" t="str">
        <f t="shared" si="157"/>
        <v/>
      </c>
      <c r="BP281" s="402" t="str">
        <f t="shared" si="158"/>
        <v/>
      </c>
      <c r="BQ281" s="402" t="str">
        <f t="shared" si="159"/>
        <v/>
      </c>
      <c r="BR281" s="402" t="str">
        <f t="shared" si="160"/>
        <v/>
      </c>
      <c r="BS281" s="402" t="str">
        <f t="shared" si="161"/>
        <v/>
      </c>
      <c r="BT281" s="402">
        <f t="shared" si="162"/>
        <v>0</v>
      </c>
      <c r="BU281" s="402">
        <f t="shared" si="163"/>
        <v>0</v>
      </c>
      <c r="BV281" s="402">
        <f t="shared" si="164"/>
        <v>0</v>
      </c>
      <c r="BW281" s="402">
        <f t="shared" si="165"/>
        <v>0</v>
      </c>
      <c r="BX281" s="402" t="str">
        <f t="shared" si="166"/>
        <v/>
      </c>
      <c r="BY281" s="402" t="str">
        <f t="shared" si="167"/>
        <v/>
      </c>
      <c r="BZ281" s="402" t="str">
        <f t="shared" si="168"/>
        <v/>
      </c>
      <c r="CA281" s="402" t="str">
        <f t="shared" si="169"/>
        <v/>
      </c>
      <c r="CB281" s="402" t="str">
        <f t="shared" si="170"/>
        <v/>
      </c>
      <c r="CC281" s="402" t="str">
        <f t="shared" si="171"/>
        <v/>
      </c>
      <c r="CD281" s="402" t="str">
        <f t="shared" si="172"/>
        <v/>
      </c>
      <c r="CE281" s="402" t="str">
        <f t="shared" si="173"/>
        <v/>
      </c>
      <c r="CF281" s="402" t="str">
        <f t="shared" si="174"/>
        <v/>
      </c>
      <c r="CG281" s="402" t="str">
        <f t="shared" si="175"/>
        <v/>
      </c>
      <c r="CH281" s="402"/>
      <c r="CI281" s="402"/>
      <c r="CJ281" s="402"/>
      <c r="CK281" s="402"/>
      <c r="CL281" s="402"/>
      <c r="CM281" s="402"/>
      <c r="CN281" s="402"/>
      <c r="CO281" s="402"/>
      <c r="CP281" s="402"/>
      <c r="CQ281" s="402"/>
      <c r="CR281" s="402"/>
      <c r="CS281" s="402"/>
      <c r="CT281" s="402"/>
      <c r="CU281" s="402"/>
      <c r="CV281" s="402"/>
      <c r="CW281" s="402"/>
      <c r="CX281" s="402"/>
      <c r="CY281" s="402"/>
      <c r="CZ281" s="402"/>
      <c r="DA281" s="402"/>
      <c r="DB281" s="402"/>
      <c r="DC281" s="402"/>
      <c r="DD281" s="309" t="s">
        <v>660</v>
      </c>
      <c r="DE281" s="309"/>
      <c r="DF281" s="404" t="s">
        <v>661</v>
      </c>
    </row>
    <row r="282" spans="3:110" s="401" customFormat="1" ht="228" x14ac:dyDescent="0.2">
      <c r="C282" s="420">
        <v>641</v>
      </c>
      <c r="D282" s="420" t="s">
        <v>2481</v>
      </c>
      <c r="E282" s="96" t="s">
        <v>53</v>
      </c>
      <c r="F282" s="96" t="s">
        <v>655</v>
      </c>
      <c r="G282" s="310" t="s">
        <v>656</v>
      </c>
      <c r="H282" s="310" t="s">
        <v>747</v>
      </c>
      <c r="I282" s="310" t="s">
        <v>748</v>
      </c>
      <c r="J282" s="310"/>
      <c r="K282" s="310" t="s">
        <v>86</v>
      </c>
      <c r="L282" s="310" t="s">
        <v>63</v>
      </c>
      <c r="M282" s="310" t="s">
        <v>81</v>
      </c>
      <c r="N282" s="310" t="s">
        <v>77</v>
      </c>
      <c r="O282" s="407" t="s">
        <v>225</v>
      </c>
      <c r="P282" s="309" t="s">
        <v>63</v>
      </c>
      <c r="Q282" s="309" t="s">
        <v>63</v>
      </c>
      <c r="R282" s="309">
        <v>130113</v>
      </c>
      <c r="S282" s="309">
        <f t="shared" ref="S282:S294" si="178">R282</f>
        <v>130113</v>
      </c>
      <c r="T282" s="309" t="s">
        <v>659</v>
      </c>
      <c r="U282" s="309" t="s">
        <v>65</v>
      </c>
      <c r="V282" s="309"/>
      <c r="W282" s="309"/>
      <c r="X282" s="309"/>
      <c r="Y282" s="309"/>
      <c r="Z282" s="309"/>
      <c r="AA282" s="309"/>
      <c r="AB282" s="309"/>
      <c r="AC282" s="309"/>
      <c r="AD282" s="309"/>
      <c r="AE282" s="309"/>
      <c r="AF282" s="309"/>
      <c r="AG282" s="309"/>
      <c r="AH282" s="309"/>
      <c r="AI282" s="309"/>
      <c r="AJ282" s="309"/>
      <c r="AK282" s="309"/>
      <c r="AL282" s="309"/>
      <c r="AM282" s="402" t="s">
        <v>66</v>
      </c>
      <c r="AN282" s="402" t="s">
        <v>66</v>
      </c>
      <c r="AO282" s="402" t="s">
        <v>66</v>
      </c>
      <c r="AP282" s="402" t="s">
        <v>66</v>
      </c>
      <c r="AQ282" s="309"/>
      <c r="AR282" s="309"/>
      <c r="AS282" s="309"/>
      <c r="AT282" s="309"/>
      <c r="AU282" s="309"/>
      <c r="AV282" s="309"/>
      <c r="AW282" s="309"/>
      <c r="AX282" s="309"/>
      <c r="AY282" s="309"/>
      <c r="AZ282" s="309"/>
      <c r="BA282" s="308">
        <f t="shared" si="143"/>
        <v>1277</v>
      </c>
      <c r="BB282" s="309">
        <f>S282/BA282</f>
        <v>101.88958496476116</v>
      </c>
      <c r="BC282" s="402" t="str">
        <f t="shared" si="145"/>
        <v/>
      </c>
      <c r="BD282" s="402" t="str">
        <f t="shared" si="146"/>
        <v/>
      </c>
      <c r="BE282" s="402" t="str">
        <f t="shared" si="147"/>
        <v/>
      </c>
      <c r="BF282" s="402" t="str">
        <f t="shared" si="148"/>
        <v/>
      </c>
      <c r="BG282" s="402" t="str">
        <f t="shared" si="149"/>
        <v/>
      </c>
      <c r="BH282" s="402" t="str">
        <f t="shared" si="150"/>
        <v/>
      </c>
      <c r="BI282" s="402" t="str">
        <f t="shared" si="151"/>
        <v/>
      </c>
      <c r="BJ282" s="402" t="str">
        <f t="shared" si="152"/>
        <v/>
      </c>
      <c r="BK282" s="402" t="str">
        <f t="shared" si="153"/>
        <v/>
      </c>
      <c r="BL282" s="402" t="str">
        <f t="shared" si="154"/>
        <v/>
      </c>
      <c r="BM282" s="402" t="str">
        <f t="shared" si="155"/>
        <v/>
      </c>
      <c r="BN282" s="402" t="str">
        <f t="shared" si="156"/>
        <v/>
      </c>
      <c r="BO282" s="402" t="str">
        <f t="shared" si="157"/>
        <v/>
      </c>
      <c r="BP282" s="402" t="str">
        <f t="shared" si="158"/>
        <v/>
      </c>
      <c r="BQ282" s="402" t="str">
        <f t="shared" si="159"/>
        <v/>
      </c>
      <c r="BR282" s="402" t="str">
        <f t="shared" si="160"/>
        <v/>
      </c>
      <c r="BS282" s="402" t="str">
        <f t="shared" si="161"/>
        <v/>
      </c>
      <c r="BT282" s="402">
        <f t="shared" si="162"/>
        <v>78964.4283476899</v>
      </c>
      <c r="BU282" s="402">
        <f t="shared" si="163"/>
        <v>10188.958496476116</v>
      </c>
      <c r="BV282" s="402">
        <f t="shared" si="164"/>
        <v>10188.958496476116</v>
      </c>
      <c r="BW282" s="402">
        <f t="shared" si="165"/>
        <v>30770.654659357868</v>
      </c>
      <c r="BX282" s="402" t="str">
        <f t="shared" si="166"/>
        <v/>
      </c>
      <c r="BY282" s="402" t="str">
        <f t="shared" si="167"/>
        <v/>
      </c>
      <c r="BZ282" s="402" t="str">
        <f t="shared" si="168"/>
        <v/>
      </c>
      <c r="CA282" s="402" t="str">
        <f t="shared" si="169"/>
        <v/>
      </c>
      <c r="CB282" s="402" t="str">
        <f t="shared" si="170"/>
        <v/>
      </c>
      <c r="CC282" s="402" t="str">
        <f t="shared" si="171"/>
        <v/>
      </c>
      <c r="CD282" s="402" t="str">
        <f t="shared" si="172"/>
        <v/>
      </c>
      <c r="CE282" s="402" t="str">
        <f t="shared" si="173"/>
        <v/>
      </c>
      <c r="CF282" s="402" t="str">
        <f t="shared" si="174"/>
        <v/>
      </c>
      <c r="CG282" s="402" t="str">
        <f t="shared" si="175"/>
        <v/>
      </c>
      <c r="CH282" s="402"/>
      <c r="CI282" s="402"/>
      <c r="CJ282" s="402"/>
      <c r="CK282" s="402"/>
      <c r="CL282" s="402"/>
      <c r="CM282" s="402"/>
      <c r="CN282" s="402"/>
      <c r="CO282" s="402"/>
      <c r="CP282" s="402"/>
      <c r="CQ282" s="402"/>
      <c r="CR282" s="402"/>
      <c r="CS282" s="402"/>
      <c r="CT282" s="402"/>
      <c r="CU282" s="402"/>
      <c r="CV282" s="402"/>
      <c r="CW282" s="402"/>
      <c r="CX282" s="402"/>
      <c r="CY282" s="402"/>
      <c r="CZ282" s="402"/>
      <c r="DA282" s="402"/>
      <c r="DB282" s="402"/>
      <c r="DC282" s="402"/>
      <c r="DD282" s="309" t="s">
        <v>660</v>
      </c>
      <c r="DE282" s="309"/>
      <c r="DF282" s="404" t="s">
        <v>661</v>
      </c>
    </row>
    <row r="283" spans="3:110" s="401" customFormat="1" ht="171" x14ac:dyDescent="0.2">
      <c r="C283" s="420">
        <v>642</v>
      </c>
      <c r="D283" s="420" t="s">
        <v>2481</v>
      </c>
      <c r="E283" s="96" t="s">
        <v>53</v>
      </c>
      <c r="F283" s="96" t="s">
        <v>655</v>
      </c>
      <c r="G283" s="310" t="s">
        <v>656</v>
      </c>
      <c r="H283" s="310" t="s">
        <v>749</v>
      </c>
      <c r="I283" s="310" t="s">
        <v>750</v>
      </c>
      <c r="J283" s="310"/>
      <c r="K283" s="310" t="s">
        <v>90</v>
      </c>
      <c r="L283" s="310" t="s">
        <v>63</v>
      </c>
      <c r="M283" s="310" t="s">
        <v>81</v>
      </c>
      <c r="N283" s="310" t="s">
        <v>77</v>
      </c>
      <c r="O283" s="407" t="s">
        <v>225</v>
      </c>
      <c r="P283" s="309" t="s">
        <v>63</v>
      </c>
      <c r="Q283" s="309" t="s">
        <v>63</v>
      </c>
      <c r="R283" s="309">
        <v>412543</v>
      </c>
      <c r="S283" s="309">
        <f t="shared" si="178"/>
        <v>412543</v>
      </c>
      <c r="T283" s="309" t="s">
        <v>659</v>
      </c>
      <c r="U283" s="309" t="s">
        <v>65</v>
      </c>
      <c r="V283" s="309"/>
      <c r="W283" s="309"/>
      <c r="X283" s="309"/>
      <c r="Y283" s="309"/>
      <c r="Z283" s="309"/>
      <c r="AA283" s="309"/>
      <c r="AB283" s="309"/>
      <c r="AC283" s="309"/>
      <c r="AD283" s="309"/>
      <c r="AE283" s="309"/>
      <c r="AF283" s="309"/>
      <c r="AG283" s="309"/>
      <c r="AH283" s="309"/>
      <c r="AI283" s="309"/>
      <c r="AJ283" s="309"/>
      <c r="AK283" s="309"/>
      <c r="AL283" s="309"/>
      <c r="AM283" s="402"/>
      <c r="AN283" s="402"/>
      <c r="AO283" s="402"/>
      <c r="AP283" s="402"/>
      <c r="AQ283" s="402" t="s">
        <v>66</v>
      </c>
      <c r="AR283" s="402" t="s">
        <v>66</v>
      </c>
      <c r="AS283" s="402" t="s">
        <v>66</v>
      </c>
      <c r="AT283" s="402" t="s">
        <v>66</v>
      </c>
      <c r="AU283" s="309"/>
      <c r="AV283" s="309"/>
      <c r="AW283" s="309"/>
      <c r="AX283" s="309"/>
      <c r="AY283" s="309"/>
      <c r="AZ283" s="309"/>
      <c r="BA283" s="308">
        <f t="shared" si="143"/>
        <v>2251</v>
      </c>
      <c r="BB283" s="309">
        <f>S283/BA283</f>
        <v>183.27099067081298</v>
      </c>
      <c r="BC283" s="402" t="str">
        <f t="shared" si="145"/>
        <v/>
      </c>
      <c r="BD283" s="402" t="str">
        <f t="shared" si="146"/>
        <v/>
      </c>
      <c r="BE283" s="402" t="str">
        <f t="shared" si="147"/>
        <v/>
      </c>
      <c r="BF283" s="402" t="str">
        <f t="shared" si="148"/>
        <v/>
      </c>
      <c r="BG283" s="402" t="str">
        <f t="shared" si="149"/>
        <v/>
      </c>
      <c r="BH283" s="402" t="str">
        <f t="shared" si="150"/>
        <v/>
      </c>
      <c r="BI283" s="402" t="str">
        <f t="shared" si="151"/>
        <v/>
      </c>
      <c r="BJ283" s="402" t="str">
        <f t="shared" si="152"/>
        <v/>
      </c>
      <c r="BK283" s="402" t="str">
        <f t="shared" si="153"/>
        <v/>
      </c>
      <c r="BL283" s="402" t="str">
        <f t="shared" si="154"/>
        <v/>
      </c>
      <c r="BM283" s="402" t="str">
        <f t="shared" si="155"/>
        <v/>
      </c>
      <c r="BN283" s="402" t="str">
        <f t="shared" si="156"/>
        <v/>
      </c>
      <c r="BO283" s="402" t="str">
        <f t="shared" si="157"/>
        <v/>
      </c>
      <c r="BP283" s="402" t="str">
        <f t="shared" si="158"/>
        <v/>
      </c>
      <c r="BQ283" s="402" t="str">
        <f t="shared" si="159"/>
        <v/>
      </c>
      <c r="BR283" s="402" t="str">
        <f t="shared" si="160"/>
        <v/>
      </c>
      <c r="BS283" s="402" t="str">
        <f t="shared" si="161"/>
        <v/>
      </c>
      <c r="BT283" s="402" t="str">
        <f t="shared" si="162"/>
        <v/>
      </c>
      <c r="BU283" s="402" t="str">
        <f t="shared" si="163"/>
        <v/>
      </c>
      <c r="BV283" s="402" t="str">
        <f t="shared" si="164"/>
        <v/>
      </c>
      <c r="BW283" s="402" t="str">
        <f t="shared" si="165"/>
        <v/>
      </c>
      <c r="BX283" s="402">
        <f t="shared" si="166"/>
        <v>45817.747667703246</v>
      </c>
      <c r="BY283" s="402">
        <f t="shared" si="167"/>
        <v>73308.396268325188</v>
      </c>
      <c r="BZ283" s="402">
        <f t="shared" si="168"/>
        <v>256579.38693913817</v>
      </c>
      <c r="CA283" s="402">
        <f t="shared" si="169"/>
        <v>36837.469124833406</v>
      </c>
      <c r="CB283" s="402" t="str">
        <f t="shared" si="170"/>
        <v/>
      </c>
      <c r="CC283" s="402" t="str">
        <f t="shared" si="171"/>
        <v/>
      </c>
      <c r="CD283" s="402" t="str">
        <f t="shared" si="172"/>
        <v/>
      </c>
      <c r="CE283" s="402" t="str">
        <f t="shared" si="173"/>
        <v/>
      </c>
      <c r="CF283" s="402" t="str">
        <f t="shared" si="174"/>
        <v/>
      </c>
      <c r="CG283" s="402" t="str">
        <f t="shared" si="175"/>
        <v/>
      </c>
      <c r="CH283" s="402"/>
      <c r="CI283" s="402"/>
      <c r="CJ283" s="402"/>
      <c r="CK283" s="402"/>
      <c r="CL283" s="402"/>
      <c r="CM283" s="402"/>
      <c r="CN283" s="402"/>
      <c r="CO283" s="402"/>
      <c r="CP283" s="402"/>
      <c r="CQ283" s="402"/>
      <c r="CR283" s="402"/>
      <c r="CS283" s="402"/>
      <c r="CT283" s="402"/>
      <c r="CU283" s="402"/>
      <c r="CV283" s="402"/>
      <c r="CW283" s="402"/>
      <c r="CX283" s="402"/>
      <c r="CY283" s="402"/>
      <c r="CZ283" s="402"/>
      <c r="DA283" s="402"/>
      <c r="DB283" s="402"/>
      <c r="DC283" s="402"/>
      <c r="DD283" s="309" t="s">
        <v>660</v>
      </c>
      <c r="DE283" s="309"/>
      <c r="DF283" s="404" t="s">
        <v>661</v>
      </c>
    </row>
    <row r="284" spans="3:110" s="401" customFormat="1" ht="56.1" customHeight="1" x14ac:dyDescent="0.2">
      <c r="C284" s="420">
        <v>643</v>
      </c>
      <c r="D284" s="420" t="s">
        <v>2481</v>
      </c>
      <c r="E284" s="96" t="s">
        <v>53</v>
      </c>
      <c r="F284" s="96" t="s">
        <v>655</v>
      </c>
      <c r="G284" s="310" t="s">
        <v>656</v>
      </c>
      <c r="H284" s="310" t="s">
        <v>751</v>
      </c>
      <c r="I284" s="310" t="s">
        <v>752</v>
      </c>
      <c r="J284" s="310"/>
      <c r="K284" s="310" t="s">
        <v>90</v>
      </c>
      <c r="L284" s="310" t="s">
        <v>63</v>
      </c>
      <c r="M284" s="310" t="s">
        <v>81</v>
      </c>
      <c r="N284" s="310" t="s">
        <v>77</v>
      </c>
      <c r="O284" s="407" t="s">
        <v>225</v>
      </c>
      <c r="P284" s="309" t="s">
        <v>63</v>
      </c>
      <c r="Q284" s="309" t="s">
        <v>63</v>
      </c>
      <c r="R284" s="309">
        <v>435114</v>
      </c>
      <c r="S284" s="309">
        <f t="shared" si="178"/>
        <v>435114</v>
      </c>
      <c r="T284" s="309" t="s">
        <v>659</v>
      </c>
      <c r="U284" s="309" t="s">
        <v>65</v>
      </c>
      <c r="V284" s="309"/>
      <c r="W284" s="309"/>
      <c r="X284" s="309"/>
      <c r="Y284" s="309"/>
      <c r="Z284" s="309"/>
      <c r="AA284" s="309"/>
      <c r="AB284" s="309"/>
      <c r="AC284" s="309"/>
      <c r="AD284" s="309"/>
      <c r="AE284" s="309"/>
      <c r="AF284" s="309"/>
      <c r="AG284" s="309"/>
      <c r="AH284" s="309"/>
      <c r="AI284" s="309"/>
      <c r="AJ284" s="309"/>
      <c r="AK284" s="309"/>
      <c r="AL284" s="309"/>
      <c r="AM284" s="402"/>
      <c r="AN284" s="402"/>
      <c r="AO284" s="402"/>
      <c r="AP284" s="309"/>
      <c r="AQ284" s="402" t="s">
        <v>66</v>
      </c>
      <c r="AR284" s="402" t="s">
        <v>66</v>
      </c>
      <c r="AS284" s="402" t="s">
        <v>66</v>
      </c>
      <c r="AT284" s="402" t="s">
        <v>66</v>
      </c>
      <c r="AU284" s="309"/>
      <c r="AV284" s="309"/>
      <c r="AW284" s="309"/>
      <c r="AX284" s="309"/>
      <c r="AY284" s="309"/>
      <c r="AZ284" s="309"/>
      <c r="BA284" s="308">
        <f t="shared" si="143"/>
        <v>2251</v>
      </c>
      <c r="BB284" s="309">
        <f>S284/BA284</f>
        <v>193.29808973789426</v>
      </c>
      <c r="BC284" s="402" t="str">
        <f t="shared" si="145"/>
        <v/>
      </c>
      <c r="BD284" s="402" t="str">
        <f t="shared" si="146"/>
        <v/>
      </c>
      <c r="BE284" s="402" t="str">
        <f t="shared" si="147"/>
        <v/>
      </c>
      <c r="BF284" s="402" t="str">
        <f t="shared" si="148"/>
        <v/>
      </c>
      <c r="BG284" s="402" t="str">
        <f t="shared" si="149"/>
        <v/>
      </c>
      <c r="BH284" s="402" t="str">
        <f t="shared" si="150"/>
        <v/>
      </c>
      <c r="BI284" s="402" t="str">
        <f t="shared" si="151"/>
        <v/>
      </c>
      <c r="BJ284" s="402" t="str">
        <f t="shared" si="152"/>
        <v/>
      </c>
      <c r="BK284" s="402" t="str">
        <f t="shared" si="153"/>
        <v/>
      </c>
      <c r="BL284" s="402" t="str">
        <f t="shared" si="154"/>
        <v/>
      </c>
      <c r="BM284" s="402" t="str">
        <f t="shared" si="155"/>
        <v/>
      </c>
      <c r="BN284" s="402" t="str">
        <f t="shared" si="156"/>
        <v/>
      </c>
      <c r="BO284" s="402" t="str">
        <f t="shared" si="157"/>
        <v/>
      </c>
      <c r="BP284" s="402" t="str">
        <f t="shared" si="158"/>
        <v/>
      </c>
      <c r="BQ284" s="402" t="str">
        <f t="shared" si="159"/>
        <v/>
      </c>
      <c r="BR284" s="402" t="str">
        <f t="shared" si="160"/>
        <v/>
      </c>
      <c r="BS284" s="402" t="str">
        <f t="shared" si="161"/>
        <v/>
      </c>
      <c r="BT284" s="402" t="str">
        <f t="shared" si="162"/>
        <v/>
      </c>
      <c r="BU284" s="402" t="str">
        <f t="shared" si="163"/>
        <v/>
      </c>
      <c r="BV284" s="402" t="str">
        <f t="shared" si="164"/>
        <v/>
      </c>
      <c r="BW284" s="402" t="str">
        <f t="shared" si="165"/>
        <v/>
      </c>
      <c r="BX284" s="402">
        <f t="shared" si="166"/>
        <v>48324.522434473562</v>
      </c>
      <c r="BY284" s="402">
        <f t="shared" si="167"/>
        <v>77319.235895157704</v>
      </c>
      <c r="BZ284" s="402">
        <f t="shared" si="168"/>
        <v>270617.32563305198</v>
      </c>
      <c r="CA284" s="402">
        <f t="shared" si="169"/>
        <v>38852.916037316747</v>
      </c>
      <c r="CB284" s="402" t="str">
        <f t="shared" si="170"/>
        <v/>
      </c>
      <c r="CC284" s="402" t="str">
        <f t="shared" si="171"/>
        <v/>
      </c>
      <c r="CD284" s="402" t="str">
        <f t="shared" si="172"/>
        <v/>
      </c>
      <c r="CE284" s="402" t="str">
        <f t="shared" si="173"/>
        <v/>
      </c>
      <c r="CF284" s="402" t="str">
        <f t="shared" si="174"/>
        <v/>
      </c>
      <c r="CG284" s="402" t="str">
        <f t="shared" si="175"/>
        <v/>
      </c>
      <c r="CH284" s="402"/>
      <c r="CI284" s="402"/>
      <c r="CJ284" s="402"/>
      <c r="CK284" s="402"/>
      <c r="CL284" s="402"/>
      <c r="CM284" s="402"/>
      <c r="CN284" s="402"/>
      <c r="CO284" s="402"/>
      <c r="CP284" s="402"/>
      <c r="CQ284" s="402"/>
      <c r="CR284" s="402"/>
      <c r="CS284" s="402"/>
      <c r="CT284" s="402"/>
      <c r="CU284" s="402"/>
      <c r="CV284" s="402"/>
      <c r="CW284" s="402"/>
      <c r="CX284" s="402"/>
      <c r="CY284" s="402"/>
      <c r="CZ284" s="402"/>
      <c r="DA284" s="402"/>
      <c r="DB284" s="402"/>
      <c r="DC284" s="402"/>
      <c r="DD284" s="309" t="s">
        <v>660</v>
      </c>
      <c r="DE284" s="309"/>
      <c r="DF284" s="404" t="s">
        <v>661</v>
      </c>
    </row>
    <row r="285" spans="3:110" s="401" customFormat="1" ht="56.1" customHeight="1" x14ac:dyDescent="0.2">
      <c r="C285" s="420">
        <v>644</v>
      </c>
      <c r="D285" s="420" t="s">
        <v>2481</v>
      </c>
      <c r="E285" s="96" t="s">
        <v>53</v>
      </c>
      <c r="F285" s="96" t="s">
        <v>655</v>
      </c>
      <c r="G285" s="310" t="s">
        <v>656</v>
      </c>
      <c r="H285" s="310" t="s">
        <v>753</v>
      </c>
      <c r="I285" s="310" t="s">
        <v>754</v>
      </c>
      <c r="J285" s="310"/>
      <c r="K285" s="310" t="s">
        <v>90</v>
      </c>
      <c r="L285" s="310" t="s">
        <v>755</v>
      </c>
      <c r="M285" s="310" t="s">
        <v>60</v>
      </c>
      <c r="N285" s="310" t="s">
        <v>77</v>
      </c>
      <c r="O285" s="310" t="s">
        <v>756</v>
      </c>
      <c r="P285" s="309" t="s">
        <v>63</v>
      </c>
      <c r="Q285" s="309" t="s">
        <v>63</v>
      </c>
      <c r="R285" s="309">
        <v>198924</v>
      </c>
      <c r="S285" s="309">
        <f t="shared" si="178"/>
        <v>198924</v>
      </c>
      <c r="T285" s="309" t="s">
        <v>723</v>
      </c>
      <c r="U285" s="309" t="s">
        <v>65</v>
      </c>
      <c r="V285" s="309"/>
      <c r="W285" s="309"/>
      <c r="X285" s="309"/>
      <c r="Y285" s="309"/>
      <c r="Z285" s="309"/>
      <c r="AA285" s="309"/>
      <c r="AB285" s="309"/>
      <c r="AC285" s="309"/>
      <c r="AD285" s="309"/>
      <c r="AE285" s="309"/>
      <c r="AF285" s="309"/>
      <c r="AG285" s="309"/>
      <c r="AH285" s="309"/>
      <c r="AI285" s="309"/>
      <c r="AJ285" s="309"/>
      <c r="AK285" s="309"/>
      <c r="AL285" s="309"/>
      <c r="AM285" s="309"/>
      <c r="AN285" s="309"/>
      <c r="AO285" s="309"/>
      <c r="AP285" s="309"/>
      <c r="AQ285" s="309"/>
      <c r="AR285" s="309"/>
      <c r="AS285" s="309"/>
      <c r="AT285" s="309"/>
      <c r="AU285" s="309"/>
      <c r="AV285" s="309"/>
      <c r="AW285" s="309"/>
      <c r="AX285" s="309"/>
      <c r="AY285" s="309"/>
      <c r="AZ285" s="309"/>
      <c r="BA285" s="308">
        <f t="shared" si="143"/>
        <v>0</v>
      </c>
      <c r="BB285" s="309"/>
      <c r="BC285" s="402" t="str">
        <f t="shared" si="145"/>
        <v/>
      </c>
      <c r="BD285" s="402" t="str">
        <f t="shared" si="146"/>
        <v/>
      </c>
      <c r="BE285" s="402" t="str">
        <f t="shared" si="147"/>
        <v/>
      </c>
      <c r="BF285" s="402" t="str">
        <f t="shared" si="148"/>
        <v/>
      </c>
      <c r="BG285" s="402" t="str">
        <f t="shared" si="149"/>
        <v/>
      </c>
      <c r="BH285" s="402" t="str">
        <f t="shared" si="150"/>
        <v/>
      </c>
      <c r="BI285" s="402" t="str">
        <f t="shared" si="151"/>
        <v/>
      </c>
      <c r="BJ285" s="402" t="str">
        <f t="shared" si="152"/>
        <v/>
      </c>
      <c r="BK285" s="402" t="str">
        <f t="shared" si="153"/>
        <v/>
      </c>
      <c r="BL285" s="402" t="str">
        <f t="shared" si="154"/>
        <v/>
      </c>
      <c r="BM285" s="402" t="str">
        <f t="shared" si="155"/>
        <v/>
      </c>
      <c r="BN285" s="402" t="str">
        <f t="shared" si="156"/>
        <v/>
      </c>
      <c r="BO285" s="402" t="str">
        <f t="shared" si="157"/>
        <v/>
      </c>
      <c r="BP285" s="402" t="str">
        <f t="shared" si="158"/>
        <v/>
      </c>
      <c r="BQ285" s="402" t="str">
        <f t="shared" si="159"/>
        <v/>
      </c>
      <c r="BR285" s="402" t="str">
        <f t="shared" si="160"/>
        <v/>
      </c>
      <c r="BS285" s="402" t="str">
        <f t="shared" si="161"/>
        <v/>
      </c>
      <c r="BT285" s="402" t="str">
        <f t="shared" si="162"/>
        <v/>
      </c>
      <c r="BU285" s="402" t="str">
        <f t="shared" si="163"/>
        <v/>
      </c>
      <c r="BV285" s="402" t="str">
        <f t="shared" si="164"/>
        <v/>
      </c>
      <c r="BW285" s="402" t="str">
        <f t="shared" si="165"/>
        <v/>
      </c>
      <c r="BX285" s="402" t="str">
        <f t="shared" si="166"/>
        <v/>
      </c>
      <c r="BY285" s="402" t="str">
        <f t="shared" si="167"/>
        <v/>
      </c>
      <c r="BZ285" s="402" t="str">
        <f t="shared" si="168"/>
        <v/>
      </c>
      <c r="CA285" s="402" t="str">
        <f t="shared" si="169"/>
        <v/>
      </c>
      <c r="CB285" s="402" t="str">
        <f t="shared" si="170"/>
        <v/>
      </c>
      <c r="CC285" s="402" t="str">
        <f t="shared" si="171"/>
        <v/>
      </c>
      <c r="CD285" s="402" t="str">
        <f t="shared" si="172"/>
        <v/>
      </c>
      <c r="CE285" s="402" t="str">
        <f t="shared" si="173"/>
        <v/>
      </c>
      <c r="CF285" s="402" t="str">
        <f t="shared" si="174"/>
        <v/>
      </c>
      <c r="CG285" s="402" t="str">
        <f t="shared" si="175"/>
        <v/>
      </c>
      <c r="CH285" s="402"/>
      <c r="CI285" s="402"/>
      <c r="CJ285" s="402"/>
      <c r="CK285" s="402"/>
      <c r="CL285" s="402"/>
      <c r="CM285" s="402"/>
      <c r="CN285" s="402"/>
      <c r="CO285" s="402"/>
      <c r="CP285" s="402"/>
      <c r="CQ285" s="402"/>
      <c r="CR285" s="402"/>
      <c r="CS285" s="402"/>
      <c r="CT285" s="402"/>
      <c r="CU285" s="402"/>
      <c r="CV285" s="402"/>
      <c r="CW285" s="402"/>
      <c r="CX285" s="402"/>
      <c r="CY285" s="402"/>
      <c r="CZ285" s="402"/>
      <c r="DA285" s="402"/>
      <c r="DB285" s="402"/>
      <c r="DC285" s="402"/>
      <c r="DD285" s="309" t="s">
        <v>660</v>
      </c>
      <c r="DE285" s="309"/>
      <c r="DF285" s="404" t="s">
        <v>661</v>
      </c>
    </row>
    <row r="286" spans="3:110" s="401" customFormat="1" ht="56.1" customHeight="1" x14ac:dyDescent="0.2">
      <c r="C286" s="420">
        <v>645</v>
      </c>
      <c r="D286" s="420" t="s">
        <v>2481</v>
      </c>
      <c r="E286" s="96" t="s">
        <v>53</v>
      </c>
      <c r="F286" s="96" t="s">
        <v>655</v>
      </c>
      <c r="G286" s="310" t="s">
        <v>656</v>
      </c>
      <c r="H286" s="310" t="s">
        <v>757</v>
      </c>
      <c r="I286" s="310" t="s">
        <v>758</v>
      </c>
      <c r="J286" s="310"/>
      <c r="K286" s="310" t="s">
        <v>90</v>
      </c>
      <c r="L286" s="310" t="s">
        <v>63</v>
      </c>
      <c r="M286" s="310" t="s">
        <v>81</v>
      </c>
      <c r="N286" s="310" t="s">
        <v>77</v>
      </c>
      <c r="O286" s="407" t="s">
        <v>225</v>
      </c>
      <c r="P286" s="309" t="s">
        <v>63</v>
      </c>
      <c r="Q286" s="309" t="s">
        <v>63</v>
      </c>
      <c r="R286" s="309">
        <v>248278</v>
      </c>
      <c r="S286" s="309">
        <f t="shared" si="178"/>
        <v>248278</v>
      </c>
      <c r="T286" s="309" t="s">
        <v>659</v>
      </c>
      <c r="U286" s="309" t="s">
        <v>65</v>
      </c>
      <c r="V286" s="309"/>
      <c r="W286" s="309"/>
      <c r="X286" s="309"/>
      <c r="Y286" s="309"/>
      <c r="Z286" s="309"/>
      <c r="AA286" s="309"/>
      <c r="AB286" s="309"/>
      <c r="AC286" s="309"/>
      <c r="AD286" s="309"/>
      <c r="AE286" s="309"/>
      <c r="AF286" s="309"/>
      <c r="AG286" s="309"/>
      <c r="AH286" s="309"/>
      <c r="AI286" s="309"/>
      <c r="AJ286" s="309"/>
      <c r="AK286" s="309"/>
      <c r="AL286" s="309"/>
      <c r="AM286" s="309"/>
      <c r="AN286" s="309"/>
      <c r="AO286" s="309"/>
      <c r="AP286" s="309"/>
      <c r="AQ286" s="402" t="s">
        <v>66</v>
      </c>
      <c r="AR286" s="402" t="s">
        <v>66</v>
      </c>
      <c r="AS286" s="402" t="s">
        <v>66</v>
      </c>
      <c r="AT286" s="402" t="s">
        <v>66</v>
      </c>
      <c r="AU286" s="309"/>
      <c r="AV286" s="309"/>
      <c r="AW286" s="309"/>
      <c r="AX286" s="309"/>
      <c r="AY286" s="309"/>
      <c r="AZ286" s="309"/>
      <c r="BA286" s="308">
        <f t="shared" si="143"/>
        <v>2251</v>
      </c>
      <c r="BB286" s="309">
        <f t="shared" ref="BB286:BB294" si="179">S286/BA286</f>
        <v>110.29675699689027</v>
      </c>
      <c r="BC286" s="402" t="str">
        <f t="shared" si="145"/>
        <v/>
      </c>
      <c r="BD286" s="402" t="str">
        <f t="shared" si="146"/>
        <v/>
      </c>
      <c r="BE286" s="402" t="str">
        <f t="shared" si="147"/>
        <v/>
      </c>
      <c r="BF286" s="402" t="str">
        <f t="shared" si="148"/>
        <v/>
      </c>
      <c r="BG286" s="402" t="str">
        <f t="shared" si="149"/>
        <v/>
      </c>
      <c r="BH286" s="402" t="str">
        <f t="shared" si="150"/>
        <v/>
      </c>
      <c r="BI286" s="402" t="str">
        <f t="shared" si="151"/>
        <v/>
      </c>
      <c r="BJ286" s="402" t="str">
        <f t="shared" si="152"/>
        <v/>
      </c>
      <c r="BK286" s="402" t="str">
        <f t="shared" si="153"/>
        <v/>
      </c>
      <c r="BL286" s="402" t="str">
        <f t="shared" si="154"/>
        <v/>
      </c>
      <c r="BM286" s="402" t="str">
        <f t="shared" si="155"/>
        <v/>
      </c>
      <c r="BN286" s="402" t="str">
        <f t="shared" si="156"/>
        <v/>
      </c>
      <c r="BO286" s="402" t="str">
        <f t="shared" si="157"/>
        <v/>
      </c>
      <c r="BP286" s="402" t="str">
        <f t="shared" si="158"/>
        <v/>
      </c>
      <c r="BQ286" s="402" t="str">
        <f t="shared" si="159"/>
        <v/>
      </c>
      <c r="BR286" s="402" t="str">
        <f t="shared" si="160"/>
        <v/>
      </c>
      <c r="BS286" s="402" t="str">
        <f t="shared" si="161"/>
        <v/>
      </c>
      <c r="BT286" s="402" t="str">
        <f t="shared" si="162"/>
        <v/>
      </c>
      <c r="BU286" s="402" t="str">
        <f t="shared" si="163"/>
        <v/>
      </c>
      <c r="BV286" s="402" t="str">
        <f t="shared" si="164"/>
        <v/>
      </c>
      <c r="BW286" s="402" t="str">
        <f t="shared" si="165"/>
        <v/>
      </c>
      <c r="BX286" s="402">
        <f t="shared" si="166"/>
        <v>27574.189249222567</v>
      </c>
      <c r="BY286" s="402">
        <f t="shared" si="167"/>
        <v>44118.702798756109</v>
      </c>
      <c r="BZ286" s="402">
        <f t="shared" si="168"/>
        <v>154415.45979564637</v>
      </c>
      <c r="CA286" s="402">
        <f t="shared" si="169"/>
        <v>22169.648156374944</v>
      </c>
      <c r="CB286" s="402" t="str">
        <f t="shared" si="170"/>
        <v/>
      </c>
      <c r="CC286" s="402" t="str">
        <f t="shared" si="171"/>
        <v/>
      </c>
      <c r="CD286" s="402" t="str">
        <f t="shared" si="172"/>
        <v/>
      </c>
      <c r="CE286" s="402" t="str">
        <f t="shared" si="173"/>
        <v/>
      </c>
      <c r="CF286" s="402" t="str">
        <f t="shared" si="174"/>
        <v/>
      </c>
      <c r="CG286" s="402" t="str">
        <f t="shared" si="175"/>
        <v/>
      </c>
      <c r="CH286" s="402"/>
      <c r="CI286" s="402"/>
      <c r="CJ286" s="402"/>
      <c r="CK286" s="402"/>
      <c r="CL286" s="402"/>
      <c r="CM286" s="402"/>
      <c r="CN286" s="402"/>
      <c r="CO286" s="402"/>
      <c r="CP286" s="402"/>
      <c r="CQ286" s="402"/>
      <c r="CR286" s="402"/>
      <c r="CS286" s="402"/>
      <c r="CT286" s="402"/>
      <c r="CU286" s="402"/>
      <c r="CV286" s="402"/>
      <c r="CW286" s="402"/>
      <c r="CX286" s="402"/>
      <c r="CY286" s="402"/>
      <c r="CZ286" s="402"/>
      <c r="DA286" s="402"/>
      <c r="DB286" s="402"/>
      <c r="DC286" s="402"/>
      <c r="DD286" s="309" t="s">
        <v>660</v>
      </c>
      <c r="DE286" s="309"/>
      <c r="DF286" s="404" t="s">
        <v>661</v>
      </c>
    </row>
    <row r="287" spans="3:110" s="401" customFormat="1" ht="56.1" customHeight="1" x14ac:dyDescent="0.2">
      <c r="C287" s="420">
        <v>646</v>
      </c>
      <c r="D287" s="420" t="s">
        <v>2481</v>
      </c>
      <c r="E287" s="96" t="s">
        <v>53</v>
      </c>
      <c r="F287" s="96" t="s">
        <v>655</v>
      </c>
      <c r="G287" s="310" t="s">
        <v>656</v>
      </c>
      <c r="H287" s="310" t="s">
        <v>759</v>
      </c>
      <c r="I287" s="310" t="s">
        <v>760</v>
      </c>
      <c r="J287" s="310"/>
      <c r="K287" s="310" t="s">
        <v>90</v>
      </c>
      <c r="L287" s="310" t="s">
        <v>63</v>
      </c>
      <c r="M287" s="310" t="s">
        <v>81</v>
      </c>
      <c r="N287" s="310" t="s">
        <v>77</v>
      </c>
      <c r="O287" s="407" t="s">
        <v>225</v>
      </c>
      <c r="P287" s="309" t="s">
        <v>63</v>
      </c>
      <c r="Q287" s="309" t="s">
        <v>63</v>
      </c>
      <c r="R287" s="309">
        <v>37618</v>
      </c>
      <c r="S287" s="309">
        <f t="shared" si="178"/>
        <v>37618</v>
      </c>
      <c r="T287" s="309" t="s">
        <v>659</v>
      </c>
      <c r="U287" s="309" t="s">
        <v>65</v>
      </c>
      <c r="V287" s="309"/>
      <c r="W287" s="309"/>
      <c r="X287" s="309"/>
      <c r="Y287" s="309"/>
      <c r="Z287" s="309"/>
      <c r="AA287" s="309"/>
      <c r="AB287" s="309"/>
      <c r="AC287" s="309"/>
      <c r="AD287" s="309"/>
      <c r="AE287" s="309"/>
      <c r="AF287" s="309"/>
      <c r="AG287" s="309"/>
      <c r="AH287" s="309"/>
      <c r="AI287" s="309"/>
      <c r="AJ287" s="309"/>
      <c r="AK287" s="309"/>
      <c r="AL287" s="309"/>
      <c r="AM287" s="309"/>
      <c r="AN287" s="309"/>
      <c r="AO287" s="309"/>
      <c r="AP287" s="309"/>
      <c r="AQ287" s="402" t="s">
        <v>66</v>
      </c>
      <c r="AR287" s="402" t="s">
        <v>66</v>
      </c>
      <c r="AS287" s="402" t="s">
        <v>66</v>
      </c>
      <c r="AT287" s="402" t="s">
        <v>66</v>
      </c>
      <c r="AU287" s="309"/>
      <c r="AV287" s="309"/>
      <c r="AW287" s="309"/>
      <c r="AX287" s="309"/>
      <c r="AY287" s="309"/>
      <c r="AZ287" s="309"/>
      <c r="BA287" s="308">
        <f t="shared" si="143"/>
        <v>2251</v>
      </c>
      <c r="BB287" s="309">
        <f t="shared" si="179"/>
        <v>16.711683696135051</v>
      </c>
      <c r="BC287" s="402" t="str">
        <f t="shared" si="145"/>
        <v/>
      </c>
      <c r="BD287" s="402" t="str">
        <f t="shared" si="146"/>
        <v/>
      </c>
      <c r="BE287" s="402" t="str">
        <f t="shared" si="147"/>
        <v/>
      </c>
      <c r="BF287" s="402" t="str">
        <f t="shared" si="148"/>
        <v/>
      </c>
      <c r="BG287" s="402" t="str">
        <f t="shared" si="149"/>
        <v/>
      </c>
      <c r="BH287" s="402" t="str">
        <f t="shared" si="150"/>
        <v/>
      </c>
      <c r="BI287" s="402" t="str">
        <f t="shared" si="151"/>
        <v/>
      </c>
      <c r="BJ287" s="402" t="str">
        <f t="shared" si="152"/>
        <v/>
      </c>
      <c r="BK287" s="402" t="str">
        <f t="shared" si="153"/>
        <v/>
      </c>
      <c r="BL287" s="402" t="str">
        <f t="shared" si="154"/>
        <v/>
      </c>
      <c r="BM287" s="402" t="str">
        <f t="shared" si="155"/>
        <v/>
      </c>
      <c r="BN287" s="402" t="str">
        <f t="shared" si="156"/>
        <v/>
      </c>
      <c r="BO287" s="402" t="str">
        <f t="shared" si="157"/>
        <v/>
      </c>
      <c r="BP287" s="402" t="str">
        <f t="shared" si="158"/>
        <v/>
      </c>
      <c r="BQ287" s="402" t="str">
        <f t="shared" si="159"/>
        <v/>
      </c>
      <c r="BR287" s="402" t="str">
        <f t="shared" si="160"/>
        <v/>
      </c>
      <c r="BS287" s="402" t="str">
        <f t="shared" si="161"/>
        <v/>
      </c>
      <c r="BT287" s="402" t="str">
        <f t="shared" si="162"/>
        <v/>
      </c>
      <c r="BU287" s="402" t="str">
        <f t="shared" si="163"/>
        <v/>
      </c>
      <c r="BV287" s="402" t="str">
        <f t="shared" si="164"/>
        <v/>
      </c>
      <c r="BW287" s="402" t="str">
        <f t="shared" si="165"/>
        <v/>
      </c>
      <c r="BX287" s="402">
        <f t="shared" si="166"/>
        <v>4177.9209240337623</v>
      </c>
      <c r="BY287" s="402">
        <f t="shared" si="167"/>
        <v>6684.6734784540204</v>
      </c>
      <c r="BZ287" s="402">
        <f t="shared" si="168"/>
        <v>23396.357174589069</v>
      </c>
      <c r="CA287" s="402">
        <f t="shared" si="169"/>
        <v>3359.0484229231452</v>
      </c>
      <c r="CB287" s="402" t="str">
        <f t="shared" si="170"/>
        <v/>
      </c>
      <c r="CC287" s="402" t="str">
        <f t="shared" si="171"/>
        <v/>
      </c>
      <c r="CD287" s="402" t="str">
        <f t="shared" si="172"/>
        <v/>
      </c>
      <c r="CE287" s="402" t="str">
        <f t="shared" si="173"/>
        <v/>
      </c>
      <c r="CF287" s="402" t="str">
        <f t="shared" si="174"/>
        <v/>
      </c>
      <c r="CG287" s="402" t="str">
        <f t="shared" si="175"/>
        <v/>
      </c>
      <c r="CH287" s="402"/>
      <c r="CI287" s="402"/>
      <c r="CJ287" s="402"/>
      <c r="CK287" s="402"/>
      <c r="CL287" s="402"/>
      <c r="CM287" s="402"/>
      <c r="CN287" s="402"/>
      <c r="CO287" s="402"/>
      <c r="CP287" s="402"/>
      <c r="CQ287" s="402"/>
      <c r="CR287" s="402"/>
      <c r="CS287" s="402"/>
      <c r="CT287" s="402"/>
      <c r="CU287" s="402"/>
      <c r="CV287" s="402"/>
      <c r="CW287" s="402"/>
      <c r="CX287" s="402"/>
      <c r="CY287" s="402"/>
      <c r="CZ287" s="402"/>
      <c r="DA287" s="402"/>
      <c r="DB287" s="402"/>
      <c r="DC287" s="402"/>
      <c r="DD287" s="309" t="s">
        <v>660</v>
      </c>
      <c r="DE287" s="309"/>
      <c r="DF287" s="404" t="s">
        <v>661</v>
      </c>
    </row>
    <row r="288" spans="3:110" s="401" customFormat="1" ht="56.1" customHeight="1" x14ac:dyDescent="0.2">
      <c r="C288" s="420">
        <v>647</v>
      </c>
      <c r="D288" s="420" t="s">
        <v>2481</v>
      </c>
      <c r="E288" s="96" t="s">
        <v>53</v>
      </c>
      <c r="F288" s="96" t="s">
        <v>655</v>
      </c>
      <c r="G288" s="310" t="s">
        <v>656</v>
      </c>
      <c r="H288" s="310" t="s">
        <v>761</v>
      </c>
      <c r="I288" s="310" t="s">
        <v>762</v>
      </c>
      <c r="J288" s="310"/>
      <c r="K288" s="310" t="s">
        <v>90</v>
      </c>
      <c r="L288" s="310" t="s">
        <v>63</v>
      </c>
      <c r="M288" s="310" t="s">
        <v>81</v>
      </c>
      <c r="N288" s="310" t="s">
        <v>77</v>
      </c>
      <c r="O288" s="407" t="s">
        <v>225</v>
      </c>
      <c r="P288" s="309" t="s">
        <v>63</v>
      </c>
      <c r="Q288" s="309" t="s">
        <v>63</v>
      </c>
      <c r="R288" s="309">
        <v>37618</v>
      </c>
      <c r="S288" s="309">
        <f t="shared" si="178"/>
        <v>37618</v>
      </c>
      <c r="T288" s="309" t="s">
        <v>659</v>
      </c>
      <c r="U288" s="309" t="s">
        <v>65</v>
      </c>
      <c r="V288" s="309"/>
      <c r="W288" s="309"/>
      <c r="X288" s="309"/>
      <c r="Y288" s="309"/>
      <c r="Z288" s="309"/>
      <c r="AA288" s="309"/>
      <c r="AB288" s="309"/>
      <c r="AC288" s="309"/>
      <c r="AD288" s="309"/>
      <c r="AE288" s="309"/>
      <c r="AF288" s="309"/>
      <c r="AG288" s="309"/>
      <c r="AH288" s="309"/>
      <c r="AI288" s="309"/>
      <c r="AJ288" s="309"/>
      <c r="AK288" s="309"/>
      <c r="AL288" s="309"/>
      <c r="AM288" s="309"/>
      <c r="AN288" s="309"/>
      <c r="AO288" s="309"/>
      <c r="AP288" s="309"/>
      <c r="AQ288" s="402" t="s">
        <v>66</v>
      </c>
      <c r="AR288" s="402" t="s">
        <v>66</v>
      </c>
      <c r="AS288" s="402" t="s">
        <v>66</v>
      </c>
      <c r="AT288" s="402" t="s">
        <v>66</v>
      </c>
      <c r="AU288" s="309"/>
      <c r="AV288" s="309"/>
      <c r="AW288" s="309"/>
      <c r="AX288" s="309"/>
      <c r="AY288" s="309"/>
      <c r="AZ288" s="309"/>
      <c r="BA288" s="308">
        <f t="shared" si="143"/>
        <v>2251</v>
      </c>
      <c r="BB288" s="309">
        <f t="shared" si="179"/>
        <v>16.711683696135051</v>
      </c>
      <c r="BC288" s="402" t="str">
        <f t="shared" si="145"/>
        <v/>
      </c>
      <c r="BD288" s="402" t="str">
        <f t="shared" si="146"/>
        <v/>
      </c>
      <c r="BE288" s="402" t="str">
        <f t="shared" si="147"/>
        <v/>
      </c>
      <c r="BF288" s="402" t="str">
        <f t="shared" si="148"/>
        <v/>
      </c>
      <c r="BG288" s="402" t="str">
        <f t="shared" si="149"/>
        <v/>
      </c>
      <c r="BH288" s="402" t="str">
        <f t="shared" si="150"/>
        <v/>
      </c>
      <c r="BI288" s="402" t="str">
        <f t="shared" si="151"/>
        <v/>
      </c>
      <c r="BJ288" s="402" t="str">
        <f t="shared" si="152"/>
        <v/>
      </c>
      <c r="BK288" s="402" t="str">
        <f t="shared" si="153"/>
        <v/>
      </c>
      <c r="BL288" s="402" t="str">
        <f t="shared" si="154"/>
        <v/>
      </c>
      <c r="BM288" s="402" t="str">
        <f t="shared" si="155"/>
        <v/>
      </c>
      <c r="BN288" s="402" t="str">
        <f t="shared" si="156"/>
        <v/>
      </c>
      <c r="BO288" s="402" t="str">
        <f t="shared" si="157"/>
        <v/>
      </c>
      <c r="BP288" s="402" t="str">
        <f t="shared" si="158"/>
        <v/>
      </c>
      <c r="BQ288" s="402" t="str">
        <f t="shared" si="159"/>
        <v/>
      </c>
      <c r="BR288" s="402" t="str">
        <f t="shared" si="160"/>
        <v/>
      </c>
      <c r="BS288" s="402" t="str">
        <f t="shared" si="161"/>
        <v/>
      </c>
      <c r="BT288" s="402" t="str">
        <f t="shared" si="162"/>
        <v/>
      </c>
      <c r="BU288" s="402" t="str">
        <f t="shared" si="163"/>
        <v/>
      </c>
      <c r="BV288" s="402" t="str">
        <f t="shared" si="164"/>
        <v/>
      </c>
      <c r="BW288" s="402" t="str">
        <f t="shared" si="165"/>
        <v/>
      </c>
      <c r="BX288" s="402">
        <f t="shared" si="166"/>
        <v>4177.9209240337623</v>
      </c>
      <c r="BY288" s="402">
        <f t="shared" si="167"/>
        <v>6684.6734784540204</v>
      </c>
      <c r="BZ288" s="402">
        <f t="shared" si="168"/>
        <v>23396.357174589069</v>
      </c>
      <c r="CA288" s="402">
        <f t="shared" si="169"/>
        <v>3359.0484229231452</v>
      </c>
      <c r="CB288" s="402" t="str">
        <f t="shared" si="170"/>
        <v/>
      </c>
      <c r="CC288" s="402" t="str">
        <f t="shared" si="171"/>
        <v/>
      </c>
      <c r="CD288" s="402" t="str">
        <f t="shared" si="172"/>
        <v/>
      </c>
      <c r="CE288" s="402" t="str">
        <f t="shared" si="173"/>
        <v/>
      </c>
      <c r="CF288" s="402" t="str">
        <f t="shared" si="174"/>
        <v/>
      </c>
      <c r="CG288" s="402" t="str">
        <f t="shared" si="175"/>
        <v/>
      </c>
      <c r="CH288" s="402"/>
      <c r="CI288" s="402"/>
      <c r="CJ288" s="402"/>
      <c r="CK288" s="402"/>
      <c r="CL288" s="402"/>
      <c r="CM288" s="402"/>
      <c r="CN288" s="402"/>
      <c r="CO288" s="402"/>
      <c r="CP288" s="402"/>
      <c r="CQ288" s="402"/>
      <c r="CR288" s="402"/>
      <c r="CS288" s="402"/>
      <c r="CT288" s="402"/>
      <c r="CU288" s="402"/>
      <c r="CV288" s="402"/>
      <c r="CW288" s="402"/>
      <c r="CX288" s="402"/>
      <c r="CY288" s="402"/>
      <c r="CZ288" s="402"/>
      <c r="DA288" s="402"/>
      <c r="DB288" s="402"/>
      <c r="DC288" s="402"/>
      <c r="DD288" s="309" t="s">
        <v>660</v>
      </c>
      <c r="DE288" s="309"/>
      <c r="DF288" s="404" t="s">
        <v>661</v>
      </c>
    </row>
    <row r="289" spans="3:110" s="401" customFormat="1" ht="56.1" customHeight="1" x14ac:dyDescent="0.2">
      <c r="C289" s="420">
        <v>648</v>
      </c>
      <c r="D289" s="420" t="s">
        <v>2481</v>
      </c>
      <c r="E289" s="96" t="s">
        <v>53</v>
      </c>
      <c r="F289" s="96" t="s">
        <v>655</v>
      </c>
      <c r="G289" s="310" t="s">
        <v>656</v>
      </c>
      <c r="H289" s="310" t="s">
        <v>763</v>
      </c>
      <c r="I289" s="310" t="s">
        <v>764</v>
      </c>
      <c r="J289" s="310"/>
      <c r="K289" s="310" t="s">
        <v>90</v>
      </c>
      <c r="L289" s="310" t="s">
        <v>63</v>
      </c>
      <c r="M289" s="310" t="s">
        <v>81</v>
      </c>
      <c r="N289" s="310" t="s">
        <v>77</v>
      </c>
      <c r="O289" s="407" t="s">
        <v>225</v>
      </c>
      <c r="P289" s="309" t="s">
        <v>63</v>
      </c>
      <c r="Q289" s="309" t="s">
        <v>63</v>
      </c>
      <c r="R289" s="309">
        <v>62697</v>
      </c>
      <c r="S289" s="309">
        <f t="shared" si="178"/>
        <v>62697</v>
      </c>
      <c r="T289" s="309" t="s">
        <v>659</v>
      </c>
      <c r="U289" s="309" t="s">
        <v>65</v>
      </c>
      <c r="V289" s="309"/>
      <c r="W289" s="309"/>
      <c r="X289" s="309"/>
      <c r="Y289" s="309"/>
      <c r="Z289" s="309"/>
      <c r="AA289" s="309"/>
      <c r="AB289" s="309"/>
      <c r="AC289" s="309"/>
      <c r="AD289" s="309"/>
      <c r="AE289" s="309"/>
      <c r="AF289" s="309"/>
      <c r="AG289" s="309"/>
      <c r="AH289" s="309"/>
      <c r="AI289" s="309"/>
      <c r="AJ289" s="309"/>
      <c r="AK289" s="309"/>
      <c r="AL289" s="309"/>
      <c r="AM289" s="309"/>
      <c r="AN289" s="309"/>
      <c r="AO289" s="309"/>
      <c r="AP289" s="309"/>
      <c r="AQ289" s="402" t="s">
        <v>66</v>
      </c>
      <c r="AR289" s="402" t="s">
        <v>66</v>
      </c>
      <c r="AS289" s="402" t="s">
        <v>66</v>
      </c>
      <c r="AT289" s="402" t="s">
        <v>66</v>
      </c>
      <c r="AU289" s="309"/>
      <c r="AV289" s="309"/>
      <c r="AW289" s="309"/>
      <c r="AX289" s="309"/>
      <c r="AY289" s="309"/>
      <c r="AZ289" s="309"/>
      <c r="BA289" s="308">
        <f t="shared" si="143"/>
        <v>2251</v>
      </c>
      <c r="BB289" s="309">
        <f t="shared" si="179"/>
        <v>27.852954242558862</v>
      </c>
      <c r="BC289" s="402" t="str">
        <f t="shared" si="145"/>
        <v/>
      </c>
      <c r="BD289" s="402" t="str">
        <f t="shared" si="146"/>
        <v/>
      </c>
      <c r="BE289" s="402" t="str">
        <f t="shared" si="147"/>
        <v/>
      </c>
      <c r="BF289" s="402" t="str">
        <f t="shared" si="148"/>
        <v/>
      </c>
      <c r="BG289" s="402" t="str">
        <f t="shared" si="149"/>
        <v/>
      </c>
      <c r="BH289" s="402" t="str">
        <f t="shared" si="150"/>
        <v/>
      </c>
      <c r="BI289" s="402" t="str">
        <f t="shared" si="151"/>
        <v/>
      </c>
      <c r="BJ289" s="402" t="str">
        <f t="shared" si="152"/>
        <v/>
      </c>
      <c r="BK289" s="402" t="str">
        <f t="shared" si="153"/>
        <v/>
      </c>
      <c r="BL289" s="402" t="str">
        <f t="shared" si="154"/>
        <v/>
      </c>
      <c r="BM289" s="402" t="str">
        <f t="shared" si="155"/>
        <v/>
      </c>
      <c r="BN289" s="402" t="str">
        <f t="shared" si="156"/>
        <v/>
      </c>
      <c r="BO289" s="402" t="str">
        <f t="shared" si="157"/>
        <v/>
      </c>
      <c r="BP289" s="402" t="str">
        <f t="shared" si="158"/>
        <v/>
      </c>
      <c r="BQ289" s="402" t="str">
        <f t="shared" si="159"/>
        <v/>
      </c>
      <c r="BR289" s="402" t="str">
        <f t="shared" si="160"/>
        <v/>
      </c>
      <c r="BS289" s="402" t="str">
        <f t="shared" si="161"/>
        <v/>
      </c>
      <c r="BT289" s="402" t="str">
        <f t="shared" si="162"/>
        <v/>
      </c>
      <c r="BU289" s="402" t="str">
        <f t="shared" si="163"/>
        <v/>
      </c>
      <c r="BV289" s="402" t="str">
        <f t="shared" si="164"/>
        <v/>
      </c>
      <c r="BW289" s="402" t="str">
        <f t="shared" si="165"/>
        <v/>
      </c>
      <c r="BX289" s="402">
        <f t="shared" si="166"/>
        <v>6963.2385606397156</v>
      </c>
      <c r="BY289" s="402">
        <f t="shared" si="167"/>
        <v>11141.181697023545</v>
      </c>
      <c r="BZ289" s="402">
        <f t="shared" si="168"/>
        <v>38994.135939582404</v>
      </c>
      <c r="CA289" s="402">
        <f t="shared" si="169"/>
        <v>5598.443802754331</v>
      </c>
      <c r="CB289" s="402" t="str">
        <f t="shared" si="170"/>
        <v/>
      </c>
      <c r="CC289" s="402" t="str">
        <f t="shared" si="171"/>
        <v/>
      </c>
      <c r="CD289" s="402" t="str">
        <f t="shared" si="172"/>
        <v/>
      </c>
      <c r="CE289" s="402" t="str">
        <f t="shared" si="173"/>
        <v/>
      </c>
      <c r="CF289" s="402" t="str">
        <f t="shared" si="174"/>
        <v/>
      </c>
      <c r="CG289" s="402" t="str">
        <f t="shared" si="175"/>
        <v/>
      </c>
      <c r="CH289" s="402"/>
      <c r="CI289" s="402"/>
      <c r="CJ289" s="402"/>
      <c r="CK289" s="402"/>
      <c r="CL289" s="402"/>
      <c r="CM289" s="402"/>
      <c r="CN289" s="402"/>
      <c r="CO289" s="402"/>
      <c r="CP289" s="402"/>
      <c r="CQ289" s="402"/>
      <c r="CR289" s="402"/>
      <c r="CS289" s="402"/>
      <c r="CT289" s="402"/>
      <c r="CU289" s="402"/>
      <c r="CV289" s="402"/>
      <c r="CW289" s="402"/>
      <c r="CX289" s="402"/>
      <c r="CY289" s="402"/>
      <c r="CZ289" s="402"/>
      <c r="DA289" s="402"/>
      <c r="DB289" s="402"/>
      <c r="DC289" s="402"/>
      <c r="DD289" s="309" t="s">
        <v>660</v>
      </c>
      <c r="DE289" s="309"/>
      <c r="DF289" s="404" t="s">
        <v>661</v>
      </c>
    </row>
    <row r="290" spans="3:110" s="401" customFormat="1" ht="56.1" customHeight="1" x14ac:dyDescent="0.2">
      <c r="C290" s="420">
        <v>649</v>
      </c>
      <c r="D290" s="420" t="s">
        <v>2481</v>
      </c>
      <c r="E290" s="96" t="s">
        <v>53</v>
      </c>
      <c r="F290" s="96" t="s">
        <v>655</v>
      </c>
      <c r="G290" s="310" t="s">
        <v>656</v>
      </c>
      <c r="H290" s="310" t="s">
        <v>765</v>
      </c>
      <c r="I290" s="310" t="s">
        <v>766</v>
      </c>
      <c r="J290" s="310"/>
      <c r="K290" s="310" t="s">
        <v>90</v>
      </c>
      <c r="L290" s="310" t="s">
        <v>63</v>
      </c>
      <c r="M290" s="310" t="s">
        <v>81</v>
      </c>
      <c r="N290" s="310" t="s">
        <v>77</v>
      </c>
      <c r="O290" s="407" t="s">
        <v>225</v>
      </c>
      <c r="P290" s="309" t="s">
        <v>63</v>
      </c>
      <c r="Q290" s="309" t="s">
        <v>63</v>
      </c>
      <c r="R290" s="309">
        <v>75236</v>
      </c>
      <c r="S290" s="309">
        <f t="shared" si="178"/>
        <v>75236</v>
      </c>
      <c r="T290" s="309" t="s">
        <v>659</v>
      </c>
      <c r="U290" s="309" t="s">
        <v>65</v>
      </c>
      <c r="V290" s="309"/>
      <c r="W290" s="309"/>
      <c r="X290" s="309"/>
      <c r="Y290" s="309"/>
      <c r="Z290" s="309"/>
      <c r="AA290" s="309"/>
      <c r="AB290" s="309"/>
      <c r="AC290" s="309"/>
      <c r="AD290" s="309"/>
      <c r="AE290" s="309"/>
      <c r="AF290" s="309"/>
      <c r="AG290" s="309"/>
      <c r="AH290" s="309"/>
      <c r="AI290" s="309"/>
      <c r="AJ290" s="309"/>
      <c r="AK290" s="309"/>
      <c r="AL290" s="309"/>
      <c r="AM290" s="309"/>
      <c r="AN290" s="309"/>
      <c r="AO290" s="309"/>
      <c r="AP290" s="309"/>
      <c r="AQ290" s="402" t="s">
        <v>66</v>
      </c>
      <c r="AR290" s="402" t="s">
        <v>66</v>
      </c>
      <c r="AS290" s="402" t="s">
        <v>66</v>
      </c>
      <c r="AT290" s="402" t="s">
        <v>66</v>
      </c>
      <c r="AU290" s="309"/>
      <c r="AV290" s="309"/>
      <c r="AW290" s="309"/>
      <c r="AX290" s="309"/>
      <c r="AY290" s="309"/>
      <c r="AZ290" s="309"/>
      <c r="BA290" s="308">
        <f t="shared" si="143"/>
        <v>2251</v>
      </c>
      <c r="BB290" s="309">
        <f t="shared" si="179"/>
        <v>33.423367392270102</v>
      </c>
      <c r="BC290" s="402" t="str">
        <f t="shared" si="145"/>
        <v/>
      </c>
      <c r="BD290" s="402" t="str">
        <f t="shared" si="146"/>
        <v/>
      </c>
      <c r="BE290" s="402" t="str">
        <f t="shared" si="147"/>
        <v/>
      </c>
      <c r="BF290" s="402" t="str">
        <f t="shared" si="148"/>
        <v/>
      </c>
      <c r="BG290" s="402" t="str">
        <f t="shared" si="149"/>
        <v/>
      </c>
      <c r="BH290" s="402" t="str">
        <f t="shared" si="150"/>
        <v/>
      </c>
      <c r="BI290" s="402" t="str">
        <f t="shared" si="151"/>
        <v/>
      </c>
      <c r="BJ290" s="402" t="str">
        <f t="shared" si="152"/>
        <v/>
      </c>
      <c r="BK290" s="402" t="str">
        <f t="shared" si="153"/>
        <v/>
      </c>
      <c r="BL290" s="402" t="str">
        <f t="shared" si="154"/>
        <v/>
      </c>
      <c r="BM290" s="402" t="str">
        <f t="shared" si="155"/>
        <v/>
      </c>
      <c r="BN290" s="402" t="str">
        <f t="shared" si="156"/>
        <v/>
      </c>
      <c r="BO290" s="402" t="str">
        <f t="shared" si="157"/>
        <v/>
      </c>
      <c r="BP290" s="402" t="str">
        <f t="shared" si="158"/>
        <v/>
      </c>
      <c r="BQ290" s="402" t="str">
        <f t="shared" si="159"/>
        <v/>
      </c>
      <c r="BR290" s="402" t="str">
        <f t="shared" si="160"/>
        <v/>
      </c>
      <c r="BS290" s="402" t="str">
        <f t="shared" si="161"/>
        <v/>
      </c>
      <c r="BT290" s="402" t="str">
        <f t="shared" si="162"/>
        <v/>
      </c>
      <c r="BU290" s="402" t="str">
        <f t="shared" si="163"/>
        <v/>
      </c>
      <c r="BV290" s="402" t="str">
        <f t="shared" si="164"/>
        <v/>
      </c>
      <c r="BW290" s="402" t="str">
        <f t="shared" si="165"/>
        <v/>
      </c>
      <c r="BX290" s="402">
        <f t="shared" si="166"/>
        <v>8355.8418480675246</v>
      </c>
      <c r="BY290" s="402">
        <f t="shared" si="167"/>
        <v>13369.346956908041</v>
      </c>
      <c r="BZ290" s="402">
        <f t="shared" si="168"/>
        <v>46792.714349178139</v>
      </c>
      <c r="CA290" s="402">
        <f t="shared" si="169"/>
        <v>6718.0968458462903</v>
      </c>
      <c r="CB290" s="402" t="str">
        <f t="shared" si="170"/>
        <v/>
      </c>
      <c r="CC290" s="402" t="str">
        <f t="shared" si="171"/>
        <v/>
      </c>
      <c r="CD290" s="402" t="str">
        <f t="shared" si="172"/>
        <v/>
      </c>
      <c r="CE290" s="402" t="str">
        <f t="shared" si="173"/>
        <v/>
      </c>
      <c r="CF290" s="402" t="str">
        <f t="shared" si="174"/>
        <v/>
      </c>
      <c r="CG290" s="402" t="str">
        <f t="shared" si="175"/>
        <v/>
      </c>
      <c r="CH290" s="402"/>
      <c r="CI290" s="402"/>
      <c r="CJ290" s="402"/>
      <c r="CK290" s="402"/>
      <c r="CL290" s="402"/>
      <c r="CM290" s="402"/>
      <c r="CN290" s="402"/>
      <c r="CO290" s="402"/>
      <c r="CP290" s="402"/>
      <c r="CQ290" s="402"/>
      <c r="CR290" s="402"/>
      <c r="CS290" s="402"/>
      <c r="CT290" s="402"/>
      <c r="CU290" s="402"/>
      <c r="CV290" s="402"/>
      <c r="CW290" s="402"/>
      <c r="CX290" s="402"/>
      <c r="CY290" s="402"/>
      <c r="CZ290" s="402"/>
      <c r="DA290" s="402"/>
      <c r="DB290" s="402"/>
      <c r="DC290" s="402"/>
      <c r="DD290" s="309" t="s">
        <v>660</v>
      </c>
      <c r="DE290" s="309"/>
      <c r="DF290" s="404" t="s">
        <v>661</v>
      </c>
    </row>
    <row r="291" spans="3:110" s="401" customFormat="1" ht="56.1" customHeight="1" x14ac:dyDescent="0.2">
      <c r="C291" s="420">
        <v>650</v>
      </c>
      <c r="D291" s="420" t="s">
        <v>2481</v>
      </c>
      <c r="E291" s="96" t="s">
        <v>53</v>
      </c>
      <c r="F291" s="96" t="s">
        <v>655</v>
      </c>
      <c r="G291" s="310" t="s">
        <v>656</v>
      </c>
      <c r="H291" s="310" t="s">
        <v>767</v>
      </c>
      <c r="I291" s="310" t="s">
        <v>768</v>
      </c>
      <c r="J291" s="310"/>
      <c r="K291" s="310" t="s">
        <v>90</v>
      </c>
      <c r="L291" s="310" t="s">
        <v>769</v>
      </c>
      <c r="M291" s="310" t="s">
        <v>60</v>
      </c>
      <c r="N291" s="310" t="s">
        <v>77</v>
      </c>
      <c r="O291" s="310" t="s">
        <v>722</v>
      </c>
      <c r="P291" s="309" t="s">
        <v>63</v>
      </c>
      <c r="Q291" s="309" t="s">
        <v>63</v>
      </c>
      <c r="R291" s="309">
        <v>150472</v>
      </c>
      <c r="S291" s="309">
        <f t="shared" si="178"/>
        <v>150472</v>
      </c>
      <c r="T291" s="309" t="s">
        <v>723</v>
      </c>
      <c r="U291" s="309" t="s">
        <v>65</v>
      </c>
      <c r="V291" s="309"/>
      <c r="W291" s="309"/>
      <c r="X291" s="309"/>
      <c r="Y291" s="309"/>
      <c r="Z291" s="309"/>
      <c r="AA291" s="309"/>
      <c r="AB291" s="309"/>
      <c r="AC291" s="309"/>
      <c r="AD291" s="309"/>
      <c r="AE291" s="309"/>
      <c r="AF291" s="309"/>
      <c r="AG291" s="309"/>
      <c r="AH291" s="309"/>
      <c r="AI291" s="309"/>
      <c r="AJ291" s="309"/>
      <c r="AK291" s="309"/>
      <c r="AL291" s="309"/>
      <c r="AM291" s="309"/>
      <c r="AN291" s="309"/>
      <c r="AO291" s="309"/>
      <c r="AP291" s="309"/>
      <c r="AQ291" s="402" t="s">
        <v>66</v>
      </c>
      <c r="AR291" s="309"/>
      <c r="AS291" s="402" t="s">
        <v>66</v>
      </c>
      <c r="AT291" s="309"/>
      <c r="AU291" s="309"/>
      <c r="AV291" s="309"/>
      <c r="AW291" s="309"/>
      <c r="AX291" s="309"/>
      <c r="AY291" s="309"/>
      <c r="AZ291" s="309"/>
      <c r="BA291" s="308">
        <f t="shared" si="143"/>
        <v>1650</v>
      </c>
      <c r="BB291" s="309">
        <f t="shared" si="179"/>
        <v>91.195151515151508</v>
      </c>
      <c r="BC291" s="402" t="str">
        <f t="shared" si="145"/>
        <v/>
      </c>
      <c r="BD291" s="402" t="str">
        <f t="shared" si="146"/>
        <v/>
      </c>
      <c r="BE291" s="402" t="str">
        <f t="shared" si="147"/>
        <v/>
      </c>
      <c r="BF291" s="402" t="str">
        <f t="shared" si="148"/>
        <v/>
      </c>
      <c r="BG291" s="402" t="str">
        <f t="shared" si="149"/>
        <v/>
      </c>
      <c r="BH291" s="402" t="str">
        <f t="shared" si="150"/>
        <v/>
      </c>
      <c r="BI291" s="402" t="str">
        <f t="shared" si="151"/>
        <v/>
      </c>
      <c r="BJ291" s="402" t="str">
        <f t="shared" si="152"/>
        <v/>
      </c>
      <c r="BK291" s="402" t="str">
        <f t="shared" si="153"/>
        <v/>
      </c>
      <c r="BL291" s="402" t="str">
        <f t="shared" si="154"/>
        <v/>
      </c>
      <c r="BM291" s="402" t="str">
        <f t="shared" si="155"/>
        <v/>
      </c>
      <c r="BN291" s="402" t="str">
        <f t="shared" si="156"/>
        <v/>
      </c>
      <c r="BO291" s="402" t="str">
        <f t="shared" si="157"/>
        <v/>
      </c>
      <c r="BP291" s="402" t="str">
        <f t="shared" si="158"/>
        <v/>
      </c>
      <c r="BQ291" s="402" t="str">
        <f t="shared" si="159"/>
        <v/>
      </c>
      <c r="BR291" s="402" t="str">
        <f t="shared" si="160"/>
        <v/>
      </c>
      <c r="BS291" s="402" t="str">
        <f t="shared" si="161"/>
        <v/>
      </c>
      <c r="BT291" s="402" t="str">
        <f t="shared" si="162"/>
        <v/>
      </c>
      <c r="BU291" s="402" t="str">
        <f t="shared" si="163"/>
        <v/>
      </c>
      <c r="BV291" s="402" t="str">
        <f t="shared" si="164"/>
        <v/>
      </c>
      <c r="BW291" s="402" t="str">
        <f t="shared" si="165"/>
        <v/>
      </c>
      <c r="BX291" s="402">
        <f t="shared" si="166"/>
        <v>22798.787878787876</v>
      </c>
      <c r="BY291" s="402" t="str">
        <f t="shared" si="167"/>
        <v/>
      </c>
      <c r="BZ291" s="402">
        <f t="shared" si="168"/>
        <v>127673.21212121211</v>
      </c>
      <c r="CA291" s="402" t="str">
        <f t="shared" si="169"/>
        <v/>
      </c>
      <c r="CB291" s="402" t="str">
        <f t="shared" si="170"/>
        <v/>
      </c>
      <c r="CC291" s="402" t="str">
        <f t="shared" si="171"/>
        <v/>
      </c>
      <c r="CD291" s="402" t="str">
        <f t="shared" si="172"/>
        <v/>
      </c>
      <c r="CE291" s="402" t="str">
        <f t="shared" si="173"/>
        <v/>
      </c>
      <c r="CF291" s="402" t="str">
        <f t="shared" si="174"/>
        <v/>
      </c>
      <c r="CG291" s="402" t="str">
        <f t="shared" si="175"/>
        <v/>
      </c>
      <c r="CH291" s="402"/>
      <c r="CI291" s="402"/>
      <c r="CJ291" s="402"/>
      <c r="CK291" s="402"/>
      <c r="CL291" s="402"/>
      <c r="CM291" s="402"/>
      <c r="CN291" s="402"/>
      <c r="CO291" s="402"/>
      <c r="CP291" s="402"/>
      <c r="CQ291" s="402"/>
      <c r="CR291" s="402"/>
      <c r="CS291" s="402"/>
      <c r="CT291" s="402"/>
      <c r="CU291" s="402"/>
      <c r="CV291" s="402"/>
      <c r="CW291" s="402"/>
      <c r="CX291" s="402"/>
      <c r="CY291" s="402"/>
      <c r="CZ291" s="402"/>
      <c r="DA291" s="402"/>
      <c r="DB291" s="402"/>
      <c r="DC291" s="402"/>
      <c r="DD291" s="309" t="s">
        <v>660</v>
      </c>
      <c r="DE291" s="309"/>
      <c r="DF291" s="404" t="s">
        <v>661</v>
      </c>
    </row>
    <row r="292" spans="3:110" s="401" customFormat="1" ht="56.1" customHeight="1" x14ac:dyDescent="0.2">
      <c r="C292" s="420">
        <v>651</v>
      </c>
      <c r="D292" s="420" t="s">
        <v>2481</v>
      </c>
      <c r="E292" s="96" t="s">
        <v>53</v>
      </c>
      <c r="F292" s="96" t="s">
        <v>655</v>
      </c>
      <c r="G292" s="310" t="s">
        <v>656</v>
      </c>
      <c r="H292" s="310" t="s">
        <v>770</v>
      </c>
      <c r="I292" s="310" t="s">
        <v>771</v>
      </c>
      <c r="J292" s="310"/>
      <c r="K292" s="310" t="s">
        <v>90</v>
      </c>
      <c r="L292" s="310" t="s">
        <v>63</v>
      </c>
      <c r="M292" s="310" t="s">
        <v>81</v>
      </c>
      <c r="N292" s="310" t="s">
        <v>77</v>
      </c>
      <c r="O292" s="407" t="s">
        <v>225</v>
      </c>
      <c r="P292" s="309" t="s">
        <v>63</v>
      </c>
      <c r="Q292" s="309" t="s">
        <v>63</v>
      </c>
      <c r="R292" s="309">
        <v>25079</v>
      </c>
      <c r="S292" s="309">
        <f t="shared" si="178"/>
        <v>25079</v>
      </c>
      <c r="T292" s="309" t="s">
        <v>659</v>
      </c>
      <c r="U292" s="309" t="s">
        <v>65</v>
      </c>
      <c r="V292" s="309"/>
      <c r="W292" s="309"/>
      <c r="X292" s="309"/>
      <c r="Y292" s="309"/>
      <c r="Z292" s="309"/>
      <c r="AA292" s="309"/>
      <c r="AB292" s="309"/>
      <c r="AC292" s="309"/>
      <c r="AD292" s="309"/>
      <c r="AE292" s="309"/>
      <c r="AF292" s="309"/>
      <c r="AG292" s="309"/>
      <c r="AH292" s="309"/>
      <c r="AI292" s="309"/>
      <c r="AJ292" s="309"/>
      <c r="AK292" s="309"/>
      <c r="AL292" s="309"/>
      <c r="AM292" s="309"/>
      <c r="AN292" s="309"/>
      <c r="AO292" s="309"/>
      <c r="AP292" s="309"/>
      <c r="AQ292" s="402" t="s">
        <v>66</v>
      </c>
      <c r="AR292" s="402" t="s">
        <v>66</v>
      </c>
      <c r="AS292" s="402" t="s">
        <v>66</v>
      </c>
      <c r="AT292" s="402" t="s">
        <v>66</v>
      </c>
      <c r="AU292" s="309"/>
      <c r="AV292" s="309"/>
      <c r="AW292" s="309"/>
      <c r="AX292" s="309"/>
      <c r="AY292" s="309"/>
      <c r="AZ292" s="309"/>
      <c r="BA292" s="308">
        <f t="shared" si="143"/>
        <v>2251</v>
      </c>
      <c r="BB292" s="309">
        <f t="shared" si="179"/>
        <v>11.141270546423812</v>
      </c>
      <c r="BC292" s="402" t="str">
        <f t="shared" si="145"/>
        <v/>
      </c>
      <c r="BD292" s="402" t="str">
        <f t="shared" si="146"/>
        <v/>
      </c>
      <c r="BE292" s="402" t="str">
        <f t="shared" si="147"/>
        <v/>
      </c>
      <c r="BF292" s="402" t="str">
        <f t="shared" si="148"/>
        <v/>
      </c>
      <c r="BG292" s="402" t="str">
        <f t="shared" si="149"/>
        <v/>
      </c>
      <c r="BH292" s="402" t="str">
        <f t="shared" si="150"/>
        <v/>
      </c>
      <c r="BI292" s="402" t="str">
        <f t="shared" si="151"/>
        <v/>
      </c>
      <c r="BJ292" s="402" t="str">
        <f t="shared" si="152"/>
        <v/>
      </c>
      <c r="BK292" s="402" t="str">
        <f t="shared" si="153"/>
        <v/>
      </c>
      <c r="BL292" s="402" t="str">
        <f t="shared" si="154"/>
        <v/>
      </c>
      <c r="BM292" s="402" t="str">
        <f t="shared" si="155"/>
        <v/>
      </c>
      <c r="BN292" s="402" t="str">
        <f t="shared" si="156"/>
        <v/>
      </c>
      <c r="BO292" s="402" t="str">
        <f t="shared" si="157"/>
        <v/>
      </c>
      <c r="BP292" s="402" t="str">
        <f t="shared" si="158"/>
        <v/>
      </c>
      <c r="BQ292" s="402" t="str">
        <f t="shared" si="159"/>
        <v/>
      </c>
      <c r="BR292" s="402" t="str">
        <f t="shared" si="160"/>
        <v/>
      </c>
      <c r="BS292" s="402" t="str">
        <f t="shared" si="161"/>
        <v/>
      </c>
      <c r="BT292" s="402" t="str">
        <f t="shared" si="162"/>
        <v/>
      </c>
      <c r="BU292" s="402" t="str">
        <f t="shared" si="163"/>
        <v/>
      </c>
      <c r="BV292" s="402" t="str">
        <f t="shared" si="164"/>
        <v/>
      </c>
      <c r="BW292" s="402" t="str">
        <f t="shared" si="165"/>
        <v/>
      </c>
      <c r="BX292" s="402">
        <f t="shared" si="166"/>
        <v>2785.3176366059529</v>
      </c>
      <c r="BY292" s="402">
        <f t="shared" si="167"/>
        <v>4456.5082185695246</v>
      </c>
      <c r="BZ292" s="402">
        <f t="shared" si="168"/>
        <v>15597.778764993336</v>
      </c>
      <c r="CA292" s="402">
        <f t="shared" si="169"/>
        <v>2239.3953798311859</v>
      </c>
      <c r="CB292" s="402" t="str">
        <f t="shared" si="170"/>
        <v/>
      </c>
      <c r="CC292" s="402" t="str">
        <f t="shared" si="171"/>
        <v/>
      </c>
      <c r="CD292" s="402" t="str">
        <f t="shared" si="172"/>
        <v/>
      </c>
      <c r="CE292" s="402" t="str">
        <f t="shared" si="173"/>
        <v/>
      </c>
      <c r="CF292" s="402" t="str">
        <f t="shared" si="174"/>
        <v/>
      </c>
      <c r="CG292" s="402" t="str">
        <f t="shared" si="175"/>
        <v/>
      </c>
      <c r="CH292" s="402"/>
      <c r="CI292" s="402"/>
      <c r="CJ292" s="402"/>
      <c r="CK292" s="402"/>
      <c r="CL292" s="402"/>
      <c r="CM292" s="402"/>
      <c r="CN292" s="402"/>
      <c r="CO292" s="402"/>
      <c r="CP292" s="402"/>
      <c r="CQ292" s="402"/>
      <c r="CR292" s="402"/>
      <c r="CS292" s="402"/>
      <c r="CT292" s="402"/>
      <c r="CU292" s="402"/>
      <c r="CV292" s="402"/>
      <c r="CW292" s="402"/>
      <c r="CX292" s="402"/>
      <c r="CY292" s="402"/>
      <c r="CZ292" s="402"/>
      <c r="DA292" s="402"/>
      <c r="DB292" s="402"/>
      <c r="DC292" s="402"/>
      <c r="DD292" s="309" t="s">
        <v>660</v>
      </c>
      <c r="DE292" s="309"/>
      <c r="DF292" s="404" t="s">
        <v>661</v>
      </c>
    </row>
    <row r="293" spans="3:110" s="401" customFormat="1" ht="56.1" customHeight="1" x14ac:dyDescent="0.2">
      <c r="C293" s="420">
        <v>652</v>
      </c>
      <c r="D293" s="420" t="s">
        <v>2481</v>
      </c>
      <c r="E293" s="96" t="s">
        <v>53</v>
      </c>
      <c r="F293" s="96" t="s">
        <v>655</v>
      </c>
      <c r="G293" s="310" t="s">
        <v>656</v>
      </c>
      <c r="H293" s="310" t="s">
        <v>772</v>
      </c>
      <c r="I293" s="310" t="s">
        <v>773</v>
      </c>
      <c r="J293" s="310"/>
      <c r="K293" s="310" t="s">
        <v>90</v>
      </c>
      <c r="L293" s="310" t="s">
        <v>63</v>
      </c>
      <c r="M293" s="310" t="s">
        <v>81</v>
      </c>
      <c r="N293" s="310" t="s">
        <v>77</v>
      </c>
      <c r="O293" s="407" t="s">
        <v>225</v>
      </c>
      <c r="P293" s="309" t="s">
        <v>63</v>
      </c>
      <c r="Q293" s="309" t="s">
        <v>63</v>
      </c>
      <c r="R293" s="309">
        <v>56427</v>
      </c>
      <c r="S293" s="309">
        <f t="shared" si="178"/>
        <v>56427</v>
      </c>
      <c r="T293" s="309" t="s">
        <v>659</v>
      </c>
      <c r="U293" s="309" t="s">
        <v>65</v>
      </c>
      <c r="V293" s="309"/>
      <c r="W293" s="309"/>
      <c r="X293" s="309"/>
      <c r="Y293" s="309"/>
      <c r="Z293" s="309"/>
      <c r="AA293" s="309"/>
      <c r="AB293" s="309"/>
      <c r="AC293" s="309"/>
      <c r="AD293" s="309"/>
      <c r="AE293" s="309"/>
      <c r="AF293" s="309"/>
      <c r="AG293" s="309"/>
      <c r="AH293" s="309"/>
      <c r="AI293" s="309"/>
      <c r="AJ293" s="309"/>
      <c r="AK293" s="309"/>
      <c r="AL293" s="309"/>
      <c r="AM293" s="309"/>
      <c r="AN293" s="309"/>
      <c r="AO293" s="309"/>
      <c r="AP293" s="309"/>
      <c r="AQ293" s="402" t="s">
        <v>66</v>
      </c>
      <c r="AR293" s="402" t="s">
        <v>66</v>
      </c>
      <c r="AS293" s="402" t="s">
        <v>66</v>
      </c>
      <c r="AT293" s="402" t="s">
        <v>66</v>
      </c>
      <c r="AU293" s="309"/>
      <c r="AV293" s="309"/>
      <c r="AW293" s="309"/>
      <c r="AX293" s="309"/>
      <c r="AY293" s="309"/>
      <c r="AZ293" s="309"/>
      <c r="BA293" s="308">
        <f t="shared" si="143"/>
        <v>2251</v>
      </c>
      <c r="BB293" s="309">
        <f t="shared" si="179"/>
        <v>25.067525544202578</v>
      </c>
      <c r="BC293" s="402" t="str">
        <f t="shared" si="145"/>
        <v/>
      </c>
      <c r="BD293" s="402" t="str">
        <f t="shared" si="146"/>
        <v/>
      </c>
      <c r="BE293" s="402" t="str">
        <f t="shared" si="147"/>
        <v/>
      </c>
      <c r="BF293" s="402" t="str">
        <f t="shared" si="148"/>
        <v/>
      </c>
      <c r="BG293" s="402" t="str">
        <f t="shared" si="149"/>
        <v/>
      </c>
      <c r="BH293" s="402" t="str">
        <f t="shared" si="150"/>
        <v/>
      </c>
      <c r="BI293" s="402" t="str">
        <f t="shared" si="151"/>
        <v/>
      </c>
      <c r="BJ293" s="402" t="str">
        <f t="shared" si="152"/>
        <v/>
      </c>
      <c r="BK293" s="402" t="str">
        <f t="shared" si="153"/>
        <v/>
      </c>
      <c r="BL293" s="402" t="str">
        <f t="shared" si="154"/>
        <v/>
      </c>
      <c r="BM293" s="402" t="str">
        <f t="shared" si="155"/>
        <v/>
      </c>
      <c r="BN293" s="402" t="str">
        <f t="shared" si="156"/>
        <v/>
      </c>
      <c r="BO293" s="402" t="str">
        <f t="shared" si="157"/>
        <v/>
      </c>
      <c r="BP293" s="402" t="str">
        <f t="shared" si="158"/>
        <v/>
      </c>
      <c r="BQ293" s="402" t="str">
        <f t="shared" si="159"/>
        <v/>
      </c>
      <c r="BR293" s="402" t="str">
        <f t="shared" si="160"/>
        <v/>
      </c>
      <c r="BS293" s="402" t="str">
        <f t="shared" si="161"/>
        <v/>
      </c>
      <c r="BT293" s="402" t="str">
        <f t="shared" si="162"/>
        <v/>
      </c>
      <c r="BU293" s="402" t="str">
        <f t="shared" si="163"/>
        <v/>
      </c>
      <c r="BV293" s="402" t="str">
        <f t="shared" si="164"/>
        <v/>
      </c>
      <c r="BW293" s="402" t="str">
        <f t="shared" si="165"/>
        <v/>
      </c>
      <c r="BX293" s="402">
        <f t="shared" si="166"/>
        <v>6266.8813860506443</v>
      </c>
      <c r="BY293" s="402">
        <f t="shared" si="167"/>
        <v>10027.010217681031</v>
      </c>
      <c r="BZ293" s="402">
        <f t="shared" si="168"/>
        <v>35094.535761883606</v>
      </c>
      <c r="CA293" s="402">
        <f t="shared" si="169"/>
        <v>5038.5726343847182</v>
      </c>
      <c r="CB293" s="402" t="str">
        <f t="shared" si="170"/>
        <v/>
      </c>
      <c r="CC293" s="402" t="str">
        <f t="shared" si="171"/>
        <v/>
      </c>
      <c r="CD293" s="402" t="str">
        <f t="shared" si="172"/>
        <v/>
      </c>
      <c r="CE293" s="402" t="str">
        <f t="shared" si="173"/>
        <v/>
      </c>
      <c r="CF293" s="402" t="str">
        <f t="shared" si="174"/>
        <v/>
      </c>
      <c r="CG293" s="402" t="str">
        <f t="shared" si="175"/>
        <v/>
      </c>
      <c r="CH293" s="402"/>
      <c r="CI293" s="402"/>
      <c r="CJ293" s="402"/>
      <c r="CK293" s="402"/>
      <c r="CL293" s="402"/>
      <c r="CM293" s="402"/>
      <c r="CN293" s="402"/>
      <c r="CO293" s="402"/>
      <c r="CP293" s="402"/>
      <c r="CQ293" s="402"/>
      <c r="CR293" s="402"/>
      <c r="CS293" s="402"/>
      <c r="CT293" s="402"/>
      <c r="CU293" s="402"/>
      <c r="CV293" s="402"/>
      <c r="CW293" s="402"/>
      <c r="CX293" s="402"/>
      <c r="CY293" s="402"/>
      <c r="CZ293" s="402"/>
      <c r="DA293" s="402"/>
      <c r="DB293" s="402"/>
      <c r="DC293" s="402"/>
      <c r="DD293" s="309" t="s">
        <v>660</v>
      </c>
      <c r="DE293" s="309"/>
      <c r="DF293" s="404" t="s">
        <v>661</v>
      </c>
    </row>
    <row r="294" spans="3:110" s="401" customFormat="1" ht="56.1" customHeight="1" x14ac:dyDescent="0.2">
      <c r="C294" s="420">
        <v>653</v>
      </c>
      <c r="D294" s="420" t="s">
        <v>2481</v>
      </c>
      <c r="E294" s="96" t="s">
        <v>53</v>
      </c>
      <c r="F294" s="96" t="s">
        <v>655</v>
      </c>
      <c r="G294" s="310" t="s">
        <v>656</v>
      </c>
      <c r="H294" s="310" t="s">
        <v>774</v>
      </c>
      <c r="I294" s="310" t="s">
        <v>775</v>
      </c>
      <c r="J294" s="310"/>
      <c r="K294" s="310" t="s">
        <v>90</v>
      </c>
      <c r="L294" s="310" t="s">
        <v>63</v>
      </c>
      <c r="M294" s="310" t="s">
        <v>81</v>
      </c>
      <c r="N294" s="310" t="s">
        <v>77</v>
      </c>
      <c r="O294" s="407" t="s">
        <v>225</v>
      </c>
      <c r="P294" s="309" t="s">
        <v>63</v>
      </c>
      <c r="Q294" s="309" t="s">
        <v>63</v>
      </c>
      <c r="R294" s="309">
        <v>106584</v>
      </c>
      <c r="S294" s="309">
        <f t="shared" si="178"/>
        <v>106584</v>
      </c>
      <c r="T294" s="309" t="s">
        <v>659</v>
      </c>
      <c r="U294" s="309" t="s">
        <v>65</v>
      </c>
      <c r="V294" s="309"/>
      <c r="W294" s="309"/>
      <c r="X294" s="309"/>
      <c r="Y294" s="309"/>
      <c r="Z294" s="309"/>
      <c r="AA294" s="309"/>
      <c r="AB294" s="309"/>
      <c r="AC294" s="309"/>
      <c r="AD294" s="309"/>
      <c r="AE294" s="309"/>
      <c r="AF294" s="309"/>
      <c r="AG294" s="309"/>
      <c r="AH294" s="309"/>
      <c r="AI294" s="309"/>
      <c r="AJ294" s="309"/>
      <c r="AK294" s="309"/>
      <c r="AL294" s="309"/>
      <c r="AM294" s="309"/>
      <c r="AN294" s="309"/>
      <c r="AO294" s="309"/>
      <c r="AP294" s="309"/>
      <c r="AQ294" s="402" t="s">
        <v>66</v>
      </c>
      <c r="AR294" s="402" t="s">
        <v>66</v>
      </c>
      <c r="AS294" s="402" t="s">
        <v>66</v>
      </c>
      <c r="AT294" s="402" t="s">
        <v>66</v>
      </c>
      <c r="AU294" s="309"/>
      <c r="AV294" s="309"/>
      <c r="AW294" s="309"/>
      <c r="AX294" s="309"/>
      <c r="AY294" s="309"/>
      <c r="AZ294" s="309"/>
      <c r="BA294" s="308">
        <f t="shared" si="143"/>
        <v>2251</v>
      </c>
      <c r="BB294" s="309">
        <f t="shared" si="179"/>
        <v>47.349622390048864</v>
      </c>
      <c r="BC294" s="402" t="str">
        <f t="shared" si="145"/>
        <v/>
      </c>
      <c r="BD294" s="402" t="str">
        <f t="shared" si="146"/>
        <v/>
      </c>
      <c r="BE294" s="402" t="str">
        <f t="shared" si="147"/>
        <v/>
      </c>
      <c r="BF294" s="402" t="str">
        <f t="shared" si="148"/>
        <v/>
      </c>
      <c r="BG294" s="402" t="str">
        <f t="shared" si="149"/>
        <v/>
      </c>
      <c r="BH294" s="402" t="str">
        <f t="shared" si="150"/>
        <v/>
      </c>
      <c r="BI294" s="402" t="str">
        <f t="shared" si="151"/>
        <v/>
      </c>
      <c r="BJ294" s="402" t="str">
        <f t="shared" si="152"/>
        <v/>
      </c>
      <c r="BK294" s="402" t="str">
        <f t="shared" si="153"/>
        <v/>
      </c>
      <c r="BL294" s="402" t="str">
        <f t="shared" si="154"/>
        <v/>
      </c>
      <c r="BM294" s="402" t="str">
        <f t="shared" si="155"/>
        <v/>
      </c>
      <c r="BN294" s="402" t="str">
        <f t="shared" si="156"/>
        <v/>
      </c>
      <c r="BO294" s="402" t="str">
        <f t="shared" si="157"/>
        <v/>
      </c>
      <c r="BP294" s="402" t="str">
        <f t="shared" si="158"/>
        <v/>
      </c>
      <c r="BQ294" s="402" t="str">
        <f t="shared" si="159"/>
        <v/>
      </c>
      <c r="BR294" s="402" t="str">
        <f t="shared" si="160"/>
        <v/>
      </c>
      <c r="BS294" s="402" t="str">
        <f t="shared" si="161"/>
        <v/>
      </c>
      <c r="BT294" s="402" t="str">
        <f t="shared" si="162"/>
        <v/>
      </c>
      <c r="BU294" s="402" t="str">
        <f t="shared" si="163"/>
        <v/>
      </c>
      <c r="BV294" s="402" t="str">
        <f t="shared" si="164"/>
        <v/>
      </c>
      <c r="BW294" s="402" t="str">
        <f t="shared" si="165"/>
        <v/>
      </c>
      <c r="BX294" s="402">
        <f t="shared" si="166"/>
        <v>11837.405597512216</v>
      </c>
      <c r="BY294" s="402">
        <f t="shared" si="167"/>
        <v>18939.848956019545</v>
      </c>
      <c r="BZ294" s="402">
        <f t="shared" si="168"/>
        <v>66289.471346068414</v>
      </c>
      <c r="CA294" s="402">
        <f t="shared" si="169"/>
        <v>9517.2741003998217</v>
      </c>
      <c r="CB294" s="402" t="str">
        <f t="shared" si="170"/>
        <v/>
      </c>
      <c r="CC294" s="402" t="str">
        <f t="shared" si="171"/>
        <v/>
      </c>
      <c r="CD294" s="402" t="str">
        <f t="shared" si="172"/>
        <v/>
      </c>
      <c r="CE294" s="402" t="str">
        <f t="shared" si="173"/>
        <v/>
      </c>
      <c r="CF294" s="402" t="str">
        <f t="shared" si="174"/>
        <v/>
      </c>
      <c r="CG294" s="402" t="str">
        <f t="shared" si="175"/>
        <v/>
      </c>
      <c r="CH294" s="402"/>
      <c r="CI294" s="402"/>
      <c r="CJ294" s="402"/>
      <c r="CK294" s="402"/>
      <c r="CL294" s="402"/>
      <c r="CM294" s="402"/>
      <c r="CN294" s="402"/>
      <c r="CO294" s="402"/>
      <c r="CP294" s="402"/>
      <c r="CQ294" s="402"/>
      <c r="CR294" s="402"/>
      <c r="CS294" s="402"/>
      <c r="CT294" s="402"/>
      <c r="CU294" s="402"/>
      <c r="CV294" s="402"/>
      <c r="CW294" s="402"/>
      <c r="CX294" s="402"/>
      <c r="CY294" s="402"/>
      <c r="CZ294" s="402"/>
      <c r="DA294" s="402"/>
      <c r="DB294" s="402"/>
      <c r="DC294" s="402"/>
      <c r="DD294" s="309" t="s">
        <v>660</v>
      </c>
      <c r="DE294" s="309"/>
      <c r="DF294" s="404" t="s">
        <v>661</v>
      </c>
    </row>
    <row r="295" spans="3:110" s="401" customFormat="1" ht="56.1" customHeight="1" x14ac:dyDescent="0.2">
      <c r="C295" s="420">
        <v>654</v>
      </c>
      <c r="D295" s="420" t="s">
        <v>2481</v>
      </c>
      <c r="E295" s="96" t="s">
        <v>53</v>
      </c>
      <c r="F295" s="96" t="s">
        <v>655</v>
      </c>
      <c r="G295" s="310" t="s">
        <v>656</v>
      </c>
      <c r="H295" s="310" t="s">
        <v>776</v>
      </c>
      <c r="I295" s="310" t="s">
        <v>777</v>
      </c>
      <c r="J295" s="310"/>
      <c r="K295" s="310" t="s">
        <v>90</v>
      </c>
      <c r="L295" s="310" t="s">
        <v>63</v>
      </c>
      <c r="M295" s="310" t="s">
        <v>81</v>
      </c>
      <c r="N295" s="310" t="s">
        <v>77</v>
      </c>
      <c r="O295" s="407" t="s">
        <v>225</v>
      </c>
      <c r="P295" s="309" t="s">
        <v>63</v>
      </c>
      <c r="Q295" s="309" t="s">
        <v>63</v>
      </c>
      <c r="R295" s="410"/>
      <c r="S295" s="410"/>
      <c r="T295" s="309" t="s">
        <v>659</v>
      </c>
      <c r="U295" s="309" t="s">
        <v>65</v>
      </c>
      <c r="V295" s="309"/>
      <c r="W295" s="309"/>
      <c r="X295" s="309"/>
      <c r="Y295" s="309"/>
      <c r="Z295" s="309"/>
      <c r="AA295" s="309"/>
      <c r="AB295" s="309"/>
      <c r="AC295" s="309"/>
      <c r="AD295" s="309"/>
      <c r="AE295" s="309"/>
      <c r="AF295" s="309"/>
      <c r="AG295" s="309"/>
      <c r="AH295" s="309"/>
      <c r="AI295" s="309"/>
      <c r="AJ295" s="309"/>
      <c r="AK295" s="309"/>
      <c r="AL295" s="309"/>
      <c r="AM295" s="309"/>
      <c r="AN295" s="309"/>
      <c r="AO295" s="309"/>
      <c r="AP295" s="309"/>
      <c r="AQ295" s="402" t="s">
        <v>66</v>
      </c>
      <c r="AR295" s="402" t="s">
        <v>66</v>
      </c>
      <c r="AS295" s="402" t="s">
        <v>66</v>
      </c>
      <c r="AT295" s="402" t="s">
        <v>66</v>
      </c>
      <c r="AU295" s="309"/>
      <c r="AV295" s="309"/>
      <c r="AW295" s="309"/>
      <c r="AX295" s="309"/>
      <c r="AY295" s="309"/>
      <c r="AZ295" s="309"/>
      <c r="BA295" s="308">
        <f t="shared" si="143"/>
        <v>2251</v>
      </c>
      <c r="BB295" s="309"/>
      <c r="BC295" s="402" t="str">
        <f t="shared" si="145"/>
        <v/>
      </c>
      <c r="BD295" s="402" t="str">
        <f t="shared" si="146"/>
        <v/>
      </c>
      <c r="BE295" s="402" t="str">
        <f t="shared" si="147"/>
        <v/>
      </c>
      <c r="BF295" s="402" t="str">
        <f t="shared" si="148"/>
        <v/>
      </c>
      <c r="BG295" s="402" t="str">
        <f t="shared" si="149"/>
        <v/>
      </c>
      <c r="BH295" s="402" t="str">
        <f t="shared" si="150"/>
        <v/>
      </c>
      <c r="BI295" s="402" t="str">
        <f t="shared" si="151"/>
        <v/>
      </c>
      <c r="BJ295" s="402" t="str">
        <f t="shared" si="152"/>
        <v/>
      </c>
      <c r="BK295" s="402" t="str">
        <f t="shared" si="153"/>
        <v/>
      </c>
      <c r="BL295" s="402" t="str">
        <f t="shared" si="154"/>
        <v/>
      </c>
      <c r="BM295" s="402" t="str">
        <f t="shared" si="155"/>
        <v/>
      </c>
      <c r="BN295" s="402" t="str">
        <f t="shared" si="156"/>
        <v/>
      </c>
      <c r="BO295" s="402" t="str">
        <f t="shared" si="157"/>
        <v/>
      </c>
      <c r="BP295" s="402" t="str">
        <f t="shared" si="158"/>
        <v/>
      </c>
      <c r="BQ295" s="402" t="str">
        <f t="shared" si="159"/>
        <v/>
      </c>
      <c r="BR295" s="402" t="str">
        <f t="shared" si="160"/>
        <v/>
      </c>
      <c r="BS295" s="402" t="str">
        <f t="shared" si="161"/>
        <v/>
      </c>
      <c r="BT295" s="402" t="str">
        <f t="shared" si="162"/>
        <v/>
      </c>
      <c r="BU295" s="402" t="str">
        <f t="shared" si="163"/>
        <v/>
      </c>
      <c r="BV295" s="402" t="str">
        <f t="shared" si="164"/>
        <v/>
      </c>
      <c r="BW295" s="402" t="str">
        <f t="shared" si="165"/>
        <v/>
      </c>
      <c r="BX295" s="402">
        <f t="shared" si="166"/>
        <v>0</v>
      </c>
      <c r="BY295" s="402">
        <f t="shared" si="167"/>
        <v>0</v>
      </c>
      <c r="BZ295" s="402">
        <f t="shared" si="168"/>
        <v>0</v>
      </c>
      <c r="CA295" s="402">
        <f t="shared" si="169"/>
        <v>0</v>
      </c>
      <c r="CB295" s="402" t="str">
        <f t="shared" si="170"/>
        <v/>
      </c>
      <c r="CC295" s="402" t="str">
        <f t="shared" si="171"/>
        <v/>
      </c>
      <c r="CD295" s="402" t="str">
        <f t="shared" si="172"/>
        <v/>
      </c>
      <c r="CE295" s="402" t="str">
        <f t="shared" si="173"/>
        <v/>
      </c>
      <c r="CF295" s="402" t="str">
        <f t="shared" si="174"/>
        <v/>
      </c>
      <c r="CG295" s="402" t="str">
        <f t="shared" si="175"/>
        <v/>
      </c>
      <c r="CH295" s="402"/>
      <c r="CI295" s="402"/>
      <c r="CJ295" s="402"/>
      <c r="CK295" s="402"/>
      <c r="CL295" s="402"/>
      <c r="CM295" s="402"/>
      <c r="CN295" s="402"/>
      <c r="CO295" s="402"/>
      <c r="CP295" s="402"/>
      <c r="CQ295" s="402"/>
      <c r="CR295" s="402"/>
      <c r="CS295" s="402"/>
      <c r="CT295" s="402"/>
      <c r="CU295" s="402"/>
      <c r="CV295" s="402"/>
      <c r="CW295" s="402"/>
      <c r="CX295" s="402"/>
      <c r="CY295" s="402"/>
      <c r="CZ295" s="402"/>
      <c r="DA295" s="402"/>
      <c r="DB295" s="402"/>
      <c r="DC295" s="402"/>
      <c r="DD295" s="309" t="s">
        <v>660</v>
      </c>
      <c r="DE295" s="309"/>
      <c r="DF295" s="404" t="s">
        <v>661</v>
      </c>
    </row>
    <row r="296" spans="3:110" s="401" customFormat="1" ht="56.1" customHeight="1" x14ac:dyDescent="0.2">
      <c r="C296" s="420">
        <v>655</v>
      </c>
      <c r="D296" s="420" t="s">
        <v>2481</v>
      </c>
      <c r="E296" s="96" t="s">
        <v>53</v>
      </c>
      <c r="F296" s="96" t="s">
        <v>655</v>
      </c>
      <c r="G296" s="310" t="s">
        <v>656</v>
      </c>
      <c r="H296" s="310" t="s">
        <v>778</v>
      </c>
      <c r="I296" s="310" t="s">
        <v>779</v>
      </c>
      <c r="J296" s="310"/>
      <c r="K296" s="310" t="s">
        <v>90</v>
      </c>
      <c r="L296" s="310" t="s">
        <v>63</v>
      </c>
      <c r="M296" s="310" t="s">
        <v>81</v>
      </c>
      <c r="N296" s="310" t="s">
        <v>77</v>
      </c>
      <c r="O296" s="407" t="s">
        <v>225</v>
      </c>
      <c r="P296" s="309" t="s">
        <v>63</v>
      </c>
      <c r="Q296" s="309" t="s">
        <v>63</v>
      </c>
      <c r="R296" s="309">
        <v>99688</v>
      </c>
      <c r="S296" s="309">
        <f t="shared" ref="S296:S305" si="180">R296</f>
        <v>99688</v>
      </c>
      <c r="T296" s="309" t="s">
        <v>659</v>
      </c>
      <c r="U296" s="309" t="s">
        <v>65</v>
      </c>
      <c r="V296" s="309"/>
      <c r="W296" s="309"/>
      <c r="X296" s="309"/>
      <c r="Y296" s="309"/>
      <c r="Z296" s="309"/>
      <c r="AA296" s="309"/>
      <c r="AB296" s="309"/>
      <c r="AC296" s="309"/>
      <c r="AD296" s="309"/>
      <c r="AE296" s="309"/>
      <c r="AF296" s="309"/>
      <c r="AG296" s="309"/>
      <c r="AH296" s="309"/>
      <c r="AI296" s="309"/>
      <c r="AJ296" s="309"/>
      <c r="AK296" s="309"/>
      <c r="AL296" s="309"/>
      <c r="AM296" s="309"/>
      <c r="AN296" s="309"/>
      <c r="AO296" s="309"/>
      <c r="AP296" s="309"/>
      <c r="AQ296" s="402" t="s">
        <v>66</v>
      </c>
      <c r="AR296" s="402" t="s">
        <v>66</v>
      </c>
      <c r="AS296" s="402" t="s">
        <v>66</v>
      </c>
      <c r="AT296" s="402" t="s">
        <v>66</v>
      </c>
      <c r="AU296" s="309"/>
      <c r="AV296" s="309"/>
      <c r="AW296" s="309"/>
      <c r="AX296" s="309"/>
      <c r="AY296" s="309"/>
      <c r="AZ296" s="309"/>
      <c r="BA296" s="308">
        <f t="shared" si="143"/>
        <v>2251</v>
      </c>
      <c r="BB296" s="309">
        <f t="shared" ref="BB296:BB305" si="181">S296/BA296</f>
        <v>44.286095068858288</v>
      </c>
      <c r="BC296" s="402" t="str">
        <f t="shared" si="145"/>
        <v/>
      </c>
      <c r="BD296" s="402" t="str">
        <f t="shared" si="146"/>
        <v/>
      </c>
      <c r="BE296" s="402" t="str">
        <f t="shared" si="147"/>
        <v/>
      </c>
      <c r="BF296" s="402" t="str">
        <f t="shared" si="148"/>
        <v/>
      </c>
      <c r="BG296" s="402" t="str">
        <f t="shared" si="149"/>
        <v/>
      </c>
      <c r="BH296" s="402" t="str">
        <f t="shared" si="150"/>
        <v/>
      </c>
      <c r="BI296" s="402" t="str">
        <f t="shared" si="151"/>
        <v/>
      </c>
      <c r="BJ296" s="402" t="str">
        <f t="shared" si="152"/>
        <v/>
      </c>
      <c r="BK296" s="402" t="str">
        <f t="shared" si="153"/>
        <v/>
      </c>
      <c r="BL296" s="402" t="str">
        <f t="shared" si="154"/>
        <v/>
      </c>
      <c r="BM296" s="402" t="str">
        <f t="shared" si="155"/>
        <v/>
      </c>
      <c r="BN296" s="402" t="str">
        <f t="shared" si="156"/>
        <v/>
      </c>
      <c r="BO296" s="402" t="str">
        <f t="shared" si="157"/>
        <v/>
      </c>
      <c r="BP296" s="402" t="str">
        <f t="shared" si="158"/>
        <v/>
      </c>
      <c r="BQ296" s="402" t="str">
        <f t="shared" si="159"/>
        <v/>
      </c>
      <c r="BR296" s="402" t="str">
        <f t="shared" si="160"/>
        <v/>
      </c>
      <c r="BS296" s="402" t="str">
        <f t="shared" si="161"/>
        <v/>
      </c>
      <c r="BT296" s="402" t="str">
        <f t="shared" si="162"/>
        <v/>
      </c>
      <c r="BU296" s="402" t="str">
        <f t="shared" si="163"/>
        <v/>
      </c>
      <c r="BV296" s="402" t="str">
        <f t="shared" si="164"/>
        <v/>
      </c>
      <c r="BW296" s="402" t="str">
        <f t="shared" si="165"/>
        <v/>
      </c>
      <c r="BX296" s="402">
        <f t="shared" si="166"/>
        <v>11071.523767214572</v>
      </c>
      <c r="BY296" s="402">
        <f t="shared" si="167"/>
        <v>17714.438027543314</v>
      </c>
      <c r="BZ296" s="402">
        <f t="shared" si="168"/>
        <v>62000.533096401603</v>
      </c>
      <c r="CA296" s="402">
        <f t="shared" si="169"/>
        <v>8901.5051088405162</v>
      </c>
      <c r="CB296" s="402" t="str">
        <f t="shared" si="170"/>
        <v/>
      </c>
      <c r="CC296" s="402" t="str">
        <f t="shared" si="171"/>
        <v/>
      </c>
      <c r="CD296" s="402" t="str">
        <f t="shared" si="172"/>
        <v/>
      </c>
      <c r="CE296" s="402" t="str">
        <f t="shared" si="173"/>
        <v/>
      </c>
      <c r="CF296" s="402" t="str">
        <f t="shared" si="174"/>
        <v/>
      </c>
      <c r="CG296" s="402" t="str">
        <f t="shared" si="175"/>
        <v/>
      </c>
      <c r="CH296" s="402"/>
      <c r="CI296" s="402"/>
      <c r="CJ296" s="402"/>
      <c r="CK296" s="402"/>
      <c r="CL296" s="402"/>
      <c r="CM296" s="402"/>
      <c r="CN296" s="402"/>
      <c r="CO296" s="402"/>
      <c r="CP296" s="402"/>
      <c r="CQ296" s="402"/>
      <c r="CR296" s="402"/>
      <c r="CS296" s="402"/>
      <c r="CT296" s="402"/>
      <c r="CU296" s="402"/>
      <c r="CV296" s="402"/>
      <c r="CW296" s="402"/>
      <c r="CX296" s="402"/>
      <c r="CY296" s="402"/>
      <c r="CZ296" s="402"/>
      <c r="DA296" s="402"/>
      <c r="DB296" s="402"/>
      <c r="DC296" s="402"/>
      <c r="DD296" s="309" t="s">
        <v>660</v>
      </c>
      <c r="DE296" s="309"/>
      <c r="DF296" s="404" t="s">
        <v>661</v>
      </c>
    </row>
    <row r="297" spans="3:110" s="401" customFormat="1" ht="56.1" customHeight="1" x14ac:dyDescent="0.2">
      <c r="C297" s="420">
        <v>656</v>
      </c>
      <c r="D297" s="420" t="s">
        <v>2481</v>
      </c>
      <c r="E297" s="96" t="s">
        <v>53</v>
      </c>
      <c r="F297" s="96" t="s">
        <v>655</v>
      </c>
      <c r="G297" s="310" t="s">
        <v>656</v>
      </c>
      <c r="H297" s="310" t="s">
        <v>780</v>
      </c>
      <c r="I297" s="310" t="s">
        <v>781</v>
      </c>
      <c r="J297" s="310"/>
      <c r="K297" s="310" t="s">
        <v>90</v>
      </c>
      <c r="L297" s="310" t="s">
        <v>63</v>
      </c>
      <c r="M297" s="310" t="s">
        <v>81</v>
      </c>
      <c r="N297" s="310" t="s">
        <v>77</v>
      </c>
      <c r="O297" s="407" t="s">
        <v>225</v>
      </c>
      <c r="P297" s="309" t="s">
        <v>63</v>
      </c>
      <c r="Q297" s="309" t="s">
        <v>63</v>
      </c>
      <c r="R297" s="309">
        <v>25079</v>
      </c>
      <c r="S297" s="309">
        <f t="shared" si="180"/>
        <v>25079</v>
      </c>
      <c r="T297" s="309" t="s">
        <v>659</v>
      </c>
      <c r="U297" s="309" t="s">
        <v>65</v>
      </c>
      <c r="V297" s="309"/>
      <c r="W297" s="309"/>
      <c r="X297" s="309"/>
      <c r="Y297" s="309"/>
      <c r="Z297" s="309"/>
      <c r="AA297" s="309"/>
      <c r="AB297" s="309"/>
      <c r="AC297" s="309"/>
      <c r="AD297" s="309"/>
      <c r="AE297" s="309"/>
      <c r="AF297" s="309"/>
      <c r="AG297" s="309"/>
      <c r="AH297" s="309"/>
      <c r="AI297" s="309"/>
      <c r="AJ297" s="309"/>
      <c r="AK297" s="309"/>
      <c r="AL297" s="309"/>
      <c r="AM297" s="309"/>
      <c r="AN297" s="309"/>
      <c r="AO297" s="309"/>
      <c r="AP297" s="309"/>
      <c r="AQ297" s="402" t="s">
        <v>66</v>
      </c>
      <c r="AR297" s="402" t="s">
        <v>66</v>
      </c>
      <c r="AS297" s="402" t="s">
        <v>66</v>
      </c>
      <c r="AT297" s="402" t="s">
        <v>66</v>
      </c>
      <c r="AU297" s="309"/>
      <c r="AV297" s="309"/>
      <c r="AW297" s="309"/>
      <c r="AX297" s="309"/>
      <c r="AY297" s="309"/>
      <c r="AZ297" s="309"/>
      <c r="BA297" s="308">
        <f t="shared" si="143"/>
        <v>2251</v>
      </c>
      <c r="BB297" s="309">
        <f t="shared" si="181"/>
        <v>11.141270546423812</v>
      </c>
      <c r="BC297" s="402" t="str">
        <f t="shared" si="145"/>
        <v/>
      </c>
      <c r="BD297" s="402" t="str">
        <f t="shared" si="146"/>
        <v/>
      </c>
      <c r="BE297" s="402" t="str">
        <f t="shared" si="147"/>
        <v/>
      </c>
      <c r="BF297" s="402" t="str">
        <f t="shared" si="148"/>
        <v/>
      </c>
      <c r="BG297" s="402" t="str">
        <f t="shared" si="149"/>
        <v/>
      </c>
      <c r="BH297" s="402" t="str">
        <f t="shared" si="150"/>
        <v/>
      </c>
      <c r="BI297" s="402" t="str">
        <f t="shared" si="151"/>
        <v/>
      </c>
      <c r="BJ297" s="402" t="str">
        <f t="shared" si="152"/>
        <v/>
      </c>
      <c r="BK297" s="402" t="str">
        <f t="shared" si="153"/>
        <v/>
      </c>
      <c r="BL297" s="402" t="str">
        <f t="shared" si="154"/>
        <v/>
      </c>
      <c r="BM297" s="402" t="str">
        <f t="shared" si="155"/>
        <v/>
      </c>
      <c r="BN297" s="402" t="str">
        <f t="shared" si="156"/>
        <v/>
      </c>
      <c r="BO297" s="402" t="str">
        <f t="shared" si="157"/>
        <v/>
      </c>
      <c r="BP297" s="402" t="str">
        <f t="shared" si="158"/>
        <v/>
      </c>
      <c r="BQ297" s="402" t="str">
        <f t="shared" si="159"/>
        <v/>
      </c>
      <c r="BR297" s="402" t="str">
        <f t="shared" si="160"/>
        <v/>
      </c>
      <c r="BS297" s="402" t="str">
        <f t="shared" si="161"/>
        <v/>
      </c>
      <c r="BT297" s="402" t="str">
        <f t="shared" si="162"/>
        <v/>
      </c>
      <c r="BU297" s="402" t="str">
        <f t="shared" si="163"/>
        <v/>
      </c>
      <c r="BV297" s="402" t="str">
        <f t="shared" si="164"/>
        <v/>
      </c>
      <c r="BW297" s="402" t="str">
        <f t="shared" si="165"/>
        <v/>
      </c>
      <c r="BX297" s="402">
        <f t="shared" si="166"/>
        <v>2785.3176366059529</v>
      </c>
      <c r="BY297" s="402">
        <f t="shared" si="167"/>
        <v>4456.5082185695246</v>
      </c>
      <c r="BZ297" s="402">
        <f t="shared" si="168"/>
        <v>15597.778764993336</v>
      </c>
      <c r="CA297" s="402">
        <f t="shared" si="169"/>
        <v>2239.3953798311859</v>
      </c>
      <c r="CB297" s="402" t="str">
        <f t="shared" si="170"/>
        <v/>
      </c>
      <c r="CC297" s="402" t="str">
        <f t="shared" si="171"/>
        <v/>
      </c>
      <c r="CD297" s="402" t="str">
        <f t="shared" si="172"/>
        <v/>
      </c>
      <c r="CE297" s="402" t="str">
        <f t="shared" si="173"/>
        <v/>
      </c>
      <c r="CF297" s="402" t="str">
        <f t="shared" si="174"/>
        <v/>
      </c>
      <c r="CG297" s="402" t="str">
        <f t="shared" si="175"/>
        <v/>
      </c>
      <c r="CH297" s="402"/>
      <c r="CI297" s="402"/>
      <c r="CJ297" s="402"/>
      <c r="CK297" s="402"/>
      <c r="CL297" s="402"/>
      <c r="CM297" s="402"/>
      <c r="CN297" s="402"/>
      <c r="CO297" s="402"/>
      <c r="CP297" s="402"/>
      <c r="CQ297" s="402"/>
      <c r="CR297" s="402"/>
      <c r="CS297" s="402"/>
      <c r="CT297" s="402"/>
      <c r="CU297" s="402"/>
      <c r="CV297" s="402"/>
      <c r="CW297" s="402"/>
      <c r="CX297" s="402"/>
      <c r="CY297" s="402"/>
      <c r="CZ297" s="402"/>
      <c r="DA297" s="402"/>
      <c r="DB297" s="402"/>
      <c r="DC297" s="402"/>
      <c r="DD297" s="309" t="s">
        <v>660</v>
      </c>
      <c r="DE297" s="309"/>
      <c r="DF297" s="404" t="s">
        <v>661</v>
      </c>
    </row>
    <row r="298" spans="3:110" s="401" customFormat="1" ht="56.1" customHeight="1" x14ac:dyDescent="0.2">
      <c r="C298" s="420">
        <v>657</v>
      </c>
      <c r="D298" s="420" t="s">
        <v>2481</v>
      </c>
      <c r="E298" s="96" t="s">
        <v>53</v>
      </c>
      <c r="F298" s="96" t="s">
        <v>655</v>
      </c>
      <c r="G298" s="310" t="s">
        <v>656</v>
      </c>
      <c r="H298" s="310" t="s">
        <v>782</v>
      </c>
      <c r="I298" s="310" t="s">
        <v>783</v>
      </c>
      <c r="J298" s="310"/>
      <c r="K298" s="310" t="s">
        <v>90</v>
      </c>
      <c r="L298" s="310" t="s">
        <v>769</v>
      </c>
      <c r="M298" s="310" t="s">
        <v>60</v>
      </c>
      <c r="N298" s="310" t="s">
        <v>77</v>
      </c>
      <c r="O298" s="310" t="s">
        <v>722</v>
      </c>
      <c r="P298" s="309" t="s">
        <v>63</v>
      </c>
      <c r="Q298" s="309" t="s">
        <v>63</v>
      </c>
      <c r="R298" s="309">
        <v>75236</v>
      </c>
      <c r="S298" s="309">
        <f t="shared" si="180"/>
        <v>75236</v>
      </c>
      <c r="T298" s="309" t="s">
        <v>723</v>
      </c>
      <c r="U298" s="309" t="s">
        <v>65</v>
      </c>
      <c r="V298" s="309"/>
      <c r="W298" s="309"/>
      <c r="X298" s="309"/>
      <c r="Y298" s="309"/>
      <c r="Z298" s="309"/>
      <c r="AA298" s="309"/>
      <c r="AB298" s="309"/>
      <c r="AC298" s="309"/>
      <c r="AD298" s="309"/>
      <c r="AE298" s="309"/>
      <c r="AF298" s="309"/>
      <c r="AG298" s="309"/>
      <c r="AH298" s="309"/>
      <c r="AI298" s="309"/>
      <c r="AJ298" s="309"/>
      <c r="AK298" s="309"/>
      <c r="AL298" s="309"/>
      <c r="AM298" s="309"/>
      <c r="AN298" s="309"/>
      <c r="AO298" s="309"/>
      <c r="AP298" s="309"/>
      <c r="AQ298" s="402" t="s">
        <v>66</v>
      </c>
      <c r="AR298" s="309"/>
      <c r="AS298" s="402" t="s">
        <v>66</v>
      </c>
      <c r="AT298" s="309"/>
      <c r="AU298" s="309"/>
      <c r="AV298" s="309"/>
      <c r="AW298" s="309"/>
      <c r="AX298" s="309"/>
      <c r="AY298" s="309"/>
      <c r="AZ298" s="309"/>
      <c r="BA298" s="308">
        <f t="shared" si="143"/>
        <v>1650</v>
      </c>
      <c r="BB298" s="309">
        <f t="shared" si="181"/>
        <v>45.597575757575754</v>
      </c>
      <c r="BC298" s="402" t="str">
        <f t="shared" si="145"/>
        <v/>
      </c>
      <c r="BD298" s="402" t="str">
        <f t="shared" si="146"/>
        <v/>
      </c>
      <c r="BE298" s="402" t="str">
        <f t="shared" si="147"/>
        <v/>
      </c>
      <c r="BF298" s="402" t="str">
        <f t="shared" si="148"/>
        <v/>
      </c>
      <c r="BG298" s="402" t="str">
        <f t="shared" si="149"/>
        <v/>
      </c>
      <c r="BH298" s="402" t="str">
        <f t="shared" si="150"/>
        <v/>
      </c>
      <c r="BI298" s="402" t="str">
        <f t="shared" si="151"/>
        <v/>
      </c>
      <c r="BJ298" s="402" t="str">
        <f t="shared" si="152"/>
        <v/>
      </c>
      <c r="BK298" s="402" t="str">
        <f t="shared" si="153"/>
        <v/>
      </c>
      <c r="BL298" s="402" t="str">
        <f t="shared" si="154"/>
        <v/>
      </c>
      <c r="BM298" s="402" t="str">
        <f t="shared" si="155"/>
        <v/>
      </c>
      <c r="BN298" s="402" t="str">
        <f t="shared" si="156"/>
        <v/>
      </c>
      <c r="BO298" s="402" t="str">
        <f t="shared" si="157"/>
        <v/>
      </c>
      <c r="BP298" s="402" t="str">
        <f t="shared" si="158"/>
        <v/>
      </c>
      <c r="BQ298" s="402" t="str">
        <f t="shared" si="159"/>
        <v/>
      </c>
      <c r="BR298" s="402" t="str">
        <f t="shared" si="160"/>
        <v/>
      </c>
      <c r="BS298" s="402" t="str">
        <f t="shared" si="161"/>
        <v/>
      </c>
      <c r="BT298" s="402" t="str">
        <f t="shared" si="162"/>
        <v/>
      </c>
      <c r="BU298" s="402" t="str">
        <f t="shared" si="163"/>
        <v/>
      </c>
      <c r="BV298" s="402" t="str">
        <f t="shared" si="164"/>
        <v/>
      </c>
      <c r="BW298" s="402" t="str">
        <f t="shared" si="165"/>
        <v/>
      </c>
      <c r="BX298" s="402">
        <f t="shared" si="166"/>
        <v>11399.393939393938</v>
      </c>
      <c r="BY298" s="402" t="str">
        <f t="shared" si="167"/>
        <v/>
      </c>
      <c r="BZ298" s="402">
        <f t="shared" si="168"/>
        <v>63836.606060606056</v>
      </c>
      <c r="CA298" s="402" t="str">
        <f t="shared" si="169"/>
        <v/>
      </c>
      <c r="CB298" s="402" t="str">
        <f t="shared" si="170"/>
        <v/>
      </c>
      <c r="CC298" s="402" t="str">
        <f t="shared" si="171"/>
        <v/>
      </c>
      <c r="CD298" s="402" t="str">
        <f t="shared" si="172"/>
        <v/>
      </c>
      <c r="CE298" s="402" t="str">
        <f t="shared" si="173"/>
        <v/>
      </c>
      <c r="CF298" s="402" t="str">
        <f t="shared" si="174"/>
        <v/>
      </c>
      <c r="CG298" s="402" t="str">
        <f t="shared" si="175"/>
        <v/>
      </c>
      <c r="CH298" s="402"/>
      <c r="CI298" s="402"/>
      <c r="CJ298" s="402"/>
      <c r="CK298" s="402"/>
      <c r="CL298" s="402"/>
      <c r="CM298" s="402"/>
      <c r="CN298" s="402"/>
      <c r="CO298" s="402"/>
      <c r="CP298" s="402"/>
      <c r="CQ298" s="402"/>
      <c r="CR298" s="402"/>
      <c r="CS298" s="402"/>
      <c r="CT298" s="402"/>
      <c r="CU298" s="402"/>
      <c r="CV298" s="402"/>
      <c r="CW298" s="402"/>
      <c r="CX298" s="402"/>
      <c r="CY298" s="402"/>
      <c r="CZ298" s="402"/>
      <c r="DA298" s="402"/>
      <c r="DB298" s="402"/>
      <c r="DC298" s="402"/>
      <c r="DD298" s="309" t="s">
        <v>660</v>
      </c>
      <c r="DE298" s="309"/>
      <c r="DF298" s="404" t="s">
        <v>661</v>
      </c>
    </row>
    <row r="299" spans="3:110" s="401" customFormat="1" ht="56.1" customHeight="1" x14ac:dyDescent="0.2">
      <c r="C299" s="420">
        <v>659</v>
      </c>
      <c r="D299" s="420" t="s">
        <v>2481</v>
      </c>
      <c r="E299" s="96" t="s">
        <v>53</v>
      </c>
      <c r="F299" s="96" t="s">
        <v>655</v>
      </c>
      <c r="G299" s="310" t="s">
        <v>656</v>
      </c>
      <c r="H299" s="310" t="s">
        <v>786</v>
      </c>
      <c r="I299" s="310" t="s">
        <v>787</v>
      </c>
      <c r="J299" s="310"/>
      <c r="K299" s="310" t="s">
        <v>90</v>
      </c>
      <c r="L299" s="310" t="s">
        <v>63</v>
      </c>
      <c r="M299" s="310" t="s">
        <v>81</v>
      </c>
      <c r="N299" s="310" t="s">
        <v>77</v>
      </c>
      <c r="O299" s="407" t="s">
        <v>225</v>
      </c>
      <c r="P299" s="309" t="s">
        <v>63</v>
      </c>
      <c r="Q299" s="309" t="s">
        <v>63</v>
      </c>
      <c r="R299" s="309">
        <v>50157</v>
      </c>
      <c r="S299" s="309">
        <f t="shared" si="180"/>
        <v>50157</v>
      </c>
      <c r="T299" s="309" t="s">
        <v>659</v>
      </c>
      <c r="U299" s="309" t="s">
        <v>65</v>
      </c>
      <c r="V299" s="309"/>
      <c r="W299" s="309"/>
      <c r="X299" s="309"/>
      <c r="Y299" s="309"/>
      <c r="Z299" s="309"/>
      <c r="AA299" s="309"/>
      <c r="AB299" s="309"/>
      <c r="AC299" s="309"/>
      <c r="AD299" s="309"/>
      <c r="AE299" s="309"/>
      <c r="AF299" s="309"/>
      <c r="AG299" s="309"/>
      <c r="AH299" s="309"/>
      <c r="AI299" s="309"/>
      <c r="AJ299" s="309"/>
      <c r="AK299" s="309"/>
      <c r="AL299" s="309"/>
      <c r="AM299" s="309"/>
      <c r="AN299" s="309"/>
      <c r="AO299" s="309"/>
      <c r="AP299" s="309"/>
      <c r="AQ299" s="402" t="s">
        <v>66</v>
      </c>
      <c r="AR299" s="402" t="s">
        <v>66</v>
      </c>
      <c r="AS299" s="402" t="s">
        <v>66</v>
      </c>
      <c r="AT299" s="402" t="s">
        <v>66</v>
      </c>
      <c r="AU299" s="309"/>
      <c r="AV299" s="309"/>
      <c r="AW299" s="309"/>
      <c r="AX299" s="309"/>
      <c r="AY299" s="309"/>
      <c r="AZ299" s="309"/>
      <c r="BA299" s="308">
        <f t="shared" si="143"/>
        <v>2251</v>
      </c>
      <c r="BB299" s="309">
        <f t="shared" si="181"/>
        <v>22.28209684584629</v>
      </c>
      <c r="BC299" s="402" t="str">
        <f t="shared" si="145"/>
        <v/>
      </c>
      <c r="BD299" s="402" t="str">
        <f t="shared" si="146"/>
        <v/>
      </c>
      <c r="BE299" s="402" t="str">
        <f t="shared" si="147"/>
        <v/>
      </c>
      <c r="BF299" s="402" t="str">
        <f t="shared" si="148"/>
        <v/>
      </c>
      <c r="BG299" s="402" t="str">
        <f t="shared" si="149"/>
        <v/>
      </c>
      <c r="BH299" s="402" t="str">
        <f t="shared" si="150"/>
        <v/>
      </c>
      <c r="BI299" s="402" t="str">
        <f t="shared" si="151"/>
        <v/>
      </c>
      <c r="BJ299" s="402" t="str">
        <f t="shared" si="152"/>
        <v/>
      </c>
      <c r="BK299" s="402" t="str">
        <f t="shared" si="153"/>
        <v/>
      </c>
      <c r="BL299" s="402" t="str">
        <f t="shared" si="154"/>
        <v/>
      </c>
      <c r="BM299" s="402" t="str">
        <f t="shared" si="155"/>
        <v/>
      </c>
      <c r="BN299" s="402" t="str">
        <f t="shared" si="156"/>
        <v/>
      </c>
      <c r="BO299" s="402" t="str">
        <f t="shared" si="157"/>
        <v/>
      </c>
      <c r="BP299" s="402" t="str">
        <f t="shared" si="158"/>
        <v/>
      </c>
      <c r="BQ299" s="402" t="str">
        <f t="shared" si="159"/>
        <v/>
      </c>
      <c r="BR299" s="402" t="str">
        <f t="shared" si="160"/>
        <v/>
      </c>
      <c r="BS299" s="402" t="str">
        <f t="shared" si="161"/>
        <v/>
      </c>
      <c r="BT299" s="402" t="str">
        <f t="shared" si="162"/>
        <v/>
      </c>
      <c r="BU299" s="402" t="str">
        <f t="shared" si="163"/>
        <v/>
      </c>
      <c r="BV299" s="402" t="str">
        <f t="shared" si="164"/>
        <v/>
      </c>
      <c r="BW299" s="402" t="str">
        <f t="shared" si="165"/>
        <v/>
      </c>
      <c r="BX299" s="402">
        <f t="shared" si="166"/>
        <v>5570.5242114615721</v>
      </c>
      <c r="BY299" s="402">
        <f t="shared" si="167"/>
        <v>8912.8387383385161</v>
      </c>
      <c r="BZ299" s="402">
        <f t="shared" si="168"/>
        <v>31194.935584184805</v>
      </c>
      <c r="CA299" s="402">
        <f t="shared" si="169"/>
        <v>4478.7014660151044</v>
      </c>
      <c r="CB299" s="402" t="str">
        <f t="shared" si="170"/>
        <v/>
      </c>
      <c r="CC299" s="402" t="str">
        <f t="shared" si="171"/>
        <v/>
      </c>
      <c r="CD299" s="402" t="str">
        <f t="shared" si="172"/>
        <v/>
      </c>
      <c r="CE299" s="402" t="str">
        <f t="shared" si="173"/>
        <v/>
      </c>
      <c r="CF299" s="402" t="str">
        <f t="shared" si="174"/>
        <v/>
      </c>
      <c r="CG299" s="402" t="str">
        <f t="shared" si="175"/>
        <v/>
      </c>
      <c r="CH299" s="402"/>
      <c r="CI299" s="402"/>
      <c r="CJ299" s="402"/>
      <c r="CK299" s="402"/>
      <c r="CL299" s="402"/>
      <c r="CM299" s="402"/>
      <c r="CN299" s="402"/>
      <c r="CO299" s="402"/>
      <c r="CP299" s="402"/>
      <c r="CQ299" s="402"/>
      <c r="CR299" s="402"/>
      <c r="CS299" s="402"/>
      <c r="CT299" s="402"/>
      <c r="CU299" s="402"/>
      <c r="CV299" s="402"/>
      <c r="CW299" s="402"/>
      <c r="CX299" s="402"/>
      <c r="CY299" s="402"/>
      <c r="CZ299" s="402"/>
      <c r="DA299" s="402"/>
      <c r="DB299" s="402"/>
      <c r="DC299" s="402"/>
      <c r="DD299" s="309" t="s">
        <v>660</v>
      </c>
      <c r="DE299" s="309"/>
      <c r="DF299" s="404" t="s">
        <v>661</v>
      </c>
    </row>
    <row r="300" spans="3:110" s="401" customFormat="1" ht="56.1" customHeight="1" x14ac:dyDescent="0.2">
      <c r="C300" s="368">
        <v>613</v>
      </c>
      <c r="D300" s="368" t="s">
        <v>2481</v>
      </c>
      <c r="E300" s="369" t="s">
        <v>53</v>
      </c>
      <c r="F300" s="369" t="s">
        <v>655</v>
      </c>
      <c r="G300" s="232" t="s">
        <v>656</v>
      </c>
      <c r="H300" s="232" t="s">
        <v>686</v>
      </c>
      <c r="I300" s="232" t="s">
        <v>687</v>
      </c>
      <c r="J300" s="232"/>
      <c r="K300" s="232" t="s">
        <v>86</v>
      </c>
      <c r="L300" s="232" t="s">
        <v>63</v>
      </c>
      <c r="M300" s="334" t="s">
        <v>81</v>
      </c>
      <c r="N300" s="232" t="s">
        <v>77</v>
      </c>
      <c r="O300" s="334" t="s">
        <v>225</v>
      </c>
      <c r="P300" s="84" t="s">
        <v>63</v>
      </c>
      <c r="Q300" s="84" t="s">
        <v>63</v>
      </c>
      <c r="R300" s="84">
        <v>75236</v>
      </c>
      <c r="S300" s="84">
        <f t="shared" si="180"/>
        <v>75236</v>
      </c>
      <c r="T300" s="84" t="s">
        <v>659</v>
      </c>
      <c r="U300" s="84" t="s">
        <v>65</v>
      </c>
      <c r="V300" s="84"/>
      <c r="W300" s="84"/>
      <c r="X300" s="84"/>
      <c r="Y300" s="84"/>
      <c r="Z300" s="84"/>
      <c r="AA300" s="84"/>
      <c r="AB300" s="84"/>
      <c r="AC300" s="84"/>
      <c r="AD300" s="84"/>
      <c r="AE300" s="84"/>
      <c r="AF300" s="84"/>
      <c r="AG300" s="84"/>
      <c r="AH300" s="84"/>
      <c r="AI300" s="84"/>
      <c r="AJ300" s="84"/>
      <c r="AK300" s="84"/>
      <c r="AL300" s="84"/>
      <c r="AM300" s="336" t="s">
        <v>66</v>
      </c>
      <c r="AN300" s="336" t="s">
        <v>66</v>
      </c>
      <c r="AO300" s="336" t="s">
        <v>66</v>
      </c>
      <c r="AP300" s="336" t="s">
        <v>66</v>
      </c>
      <c r="AQ300" s="84"/>
      <c r="AR300" s="84"/>
      <c r="AS300" s="84"/>
      <c r="AT300" s="84"/>
      <c r="AU300" s="84"/>
      <c r="AV300" s="84"/>
      <c r="AW300" s="84"/>
      <c r="AX300" s="84"/>
      <c r="AY300" s="84"/>
      <c r="AZ300" s="84"/>
      <c r="BA300" s="238">
        <f>SUMIF(V300:AZ300,"YES",'DRAFT - HGC Schemes'!$AB$5:$BF$5)</f>
        <v>0</v>
      </c>
      <c r="BB300" s="84" t="e">
        <f t="shared" si="181"/>
        <v>#DIV/0!</v>
      </c>
      <c r="BC300" s="336" t="str">
        <f>IF(V300="yes",('DRAFT - HGC Schemes'!AB$5*$BB300),"")</f>
        <v/>
      </c>
      <c r="BD300" s="336" t="str">
        <f>IF(W300="yes",('DRAFT - HGC Schemes'!AC$5*$BB300),"")</f>
        <v/>
      </c>
      <c r="BE300" s="336" t="str">
        <f>IF(X300="yes",('DRAFT - HGC Schemes'!AD$5*$BB300),"")</f>
        <v/>
      </c>
      <c r="BF300" s="336" t="str">
        <f>IF(Y300="yes",('DRAFT - HGC Schemes'!AE$5*$BB300),"")</f>
        <v/>
      </c>
      <c r="BG300" s="336" t="str">
        <f>IF(Z300="yes",('DRAFT - HGC Schemes'!AF$5*$BB300),"")</f>
        <v/>
      </c>
      <c r="BH300" s="336" t="str">
        <f>IF(AA300="yes",('DRAFT - HGC Schemes'!AG$5*$BB300),"")</f>
        <v/>
      </c>
      <c r="BI300" s="336" t="str">
        <f>IF(AB300="yes",('DRAFT - HGC Schemes'!AH$5*$BB300),"")</f>
        <v/>
      </c>
      <c r="BJ300" s="336" t="str">
        <f>IF(AC300="yes",('DRAFT - HGC Schemes'!AI$5*$BB300),"")</f>
        <v/>
      </c>
      <c r="BK300" s="336" t="str">
        <f>IF(AD300="yes",('DRAFT - HGC Schemes'!AJ$5*$BB300),"")</f>
        <v/>
      </c>
      <c r="BL300" s="336" t="str">
        <f>IF(AE300="yes",('DRAFT - HGC Schemes'!AK$5*$BB300),"")</f>
        <v/>
      </c>
      <c r="BM300" s="336" t="str">
        <f>IF(AF300="yes",('DRAFT - HGC Schemes'!AL$5*$BB300),"")</f>
        <v/>
      </c>
      <c r="BN300" s="336" t="str">
        <f>IF(AG300="yes",('DRAFT - HGC Schemes'!AM$5*$BB300),"")</f>
        <v/>
      </c>
      <c r="BO300" s="336" t="str">
        <f>IF(AH300="yes",('DRAFT - HGC Schemes'!AN$5*$BB300),"")</f>
        <v/>
      </c>
      <c r="BP300" s="336" t="str">
        <f>IF(AI300="yes",('DRAFT - HGC Schemes'!AO$5*$BB300),"")</f>
        <v/>
      </c>
      <c r="BQ300" s="336" t="str">
        <f>IF(AJ300="yes",('DRAFT - HGC Schemes'!AP$5*$BB300),"")</f>
        <v/>
      </c>
      <c r="BR300" s="336" t="str">
        <f>IF(AK300="yes",('DRAFT - HGC Schemes'!AQ$5*$BB300),"")</f>
        <v/>
      </c>
      <c r="BS300" s="336" t="str">
        <f>IF(AL300="yes",('DRAFT - HGC Schemes'!AR$5*$BB300),"")</f>
        <v/>
      </c>
      <c r="BT300" s="336" t="e">
        <f>IF(AM300="yes",('DRAFT - HGC Schemes'!AS$5*$BB300),"")</f>
        <v>#DIV/0!</v>
      </c>
      <c r="BU300" s="336" t="e">
        <f>IF(AN300="yes",('DRAFT - HGC Schemes'!AT$5*$BB300),"")</f>
        <v>#DIV/0!</v>
      </c>
      <c r="BV300" s="336" t="e">
        <f>IF(AO300="yes",('DRAFT - HGC Schemes'!AU$5*$BB300),"")</f>
        <v>#DIV/0!</v>
      </c>
      <c r="BW300" s="336" t="e">
        <f>IF(AP300="yes",('DRAFT - HGC Schemes'!AV$5*$BB300),"")</f>
        <v>#DIV/0!</v>
      </c>
      <c r="BX300" s="336" t="str">
        <f>IF(AQ300="yes",('DRAFT - HGC Schemes'!AW$5*$BB300),"")</f>
        <v/>
      </c>
      <c r="BY300" s="336" t="str">
        <f>IF(AR300="yes",('DRAFT - HGC Schemes'!AX$5*$BB300),"")</f>
        <v/>
      </c>
      <c r="BZ300" s="336" t="str">
        <f>IF(AS300="yes",('DRAFT - HGC Schemes'!AY$5*$BB300),"")</f>
        <v/>
      </c>
      <c r="CA300" s="336" t="str">
        <f>IF(AT300="yes",('DRAFT - HGC Schemes'!AZ$5*$BB300),"")</f>
        <v/>
      </c>
      <c r="CB300" s="336" t="str">
        <f>IF(AU300="yes",('DRAFT - HGC Schemes'!BA$5*$BB300),"")</f>
        <v/>
      </c>
      <c r="CC300" s="336" t="str">
        <f>IF(AV300="yes",('DRAFT - HGC Schemes'!BB$5*$BB300),"")</f>
        <v/>
      </c>
      <c r="CD300" s="336" t="str">
        <f>IF(AW300="yes",('DRAFT - HGC Schemes'!BC$5*$BB300),"")</f>
        <v/>
      </c>
      <c r="CE300" s="336" t="str">
        <f>IF(AX300="yes",('DRAFT - HGC Schemes'!BD$5*$BB300),"")</f>
        <v/>
      </c>
      <c r="CF300" s="336" t="str">
        <f>IF(AY300="yes",('DRAFT - HGC Schemes'!BE$5*$BB300),"")</f>
        <v/>
      </c>
      <c r="CG300" s="336" t="str">
        <f>IF(AZ300="yes",('DRAFT - HGC Schemes'!BF$5*$BB300),"")</f>
        <v/>
      </c>
      <c r="CH300" s="336"/>
      <c r="CI300" s="336"/>
      <c r="CJ300" s="336"/>
      <c r="CK300" s="336"/>
      <c r="CL300" s="336"/>
      <c r="CM300" s="336"/>
      <c r="CN300" s="336"/>
      <c r="CO300" s="336"/>
      <c r="CP300" s="336"/>
      <c r="CQ300" s="336"/>
      <c r="CR300" s="336"/>
      <c r="CS300" s="336"/>
      <c r="CT300" s="336"/>
      <c r="CU300" s="336"/>
      <c r="CV300" s="336"/>
      <c r="CW300" s="336"/>
      <c r="CX300" s="336"/>
      <c r="CY300" s="336"/>
      <c r="CZ300" s="336"/>
      <c r="DA300" s="336"/>
      <c r="DB300" s="336"/>
      <c r="DC300" s="336"/>
      <c r="DD300" s="84" t="s">
        <v>660</v>
      </c>
      <c r="DE300" s="84"/>
      <c r="DF300" s="399" t="s">
        <v>661</v>
      </c>
    </row>
    <row r="301" spans="3:110" s="401" customFormat="1" ht="56.1" customHeight="1" x14ac:dyDescent="0.2">
      <c r="C301" s="420">
        <v>660</v>
      </c>
      <c r="D301" s="420" t="s">
        <v>2481</v>
      </c>
      <c r="E301" s="96" t="s">
        <v>53</v>
      </c>
      <c r="F301" s="96" t="s">
        <v>655</v>
      </c>
      <c r="G301" s="310" t="s">
        <v>656</v>
      </c>
      <c r="H301" s="310" t="s">
        <v>788</v>
      </c>
      <c r="I301" s="310" t="s">
        <v>789</v>
      </c>
      <c r="J301" s="310"/>
      <c r="K301" s="310" t="s">
        <v>90</v>
      </c>
      <c r="L301" s="310" t="s">
        <v>38</v>
      </c>
      <c r="M301" s="310" t="s">
        <v>60</v>
      </c>
      <c r="N301" s="310" t="s">
        <v>77</v>
      </c>
      <c r="O301" s="324" t="s">
        <v>722</v>
      </c>
      <c r="P301" s="309" t="s">
        <v>63</v>
      </c>
      <c r="Q301" s="309" t="s">
        <v>63</v>
      </c>
      <c r="R301" s="309">
        <v>25079</v>
      </c>
      <c r="S301" s="309">
        <f t="shared" si="180"/>
        <v>25079</v>
      </c>
      <c r="T301" s="309" t="s">
        <v>723</v>
      </c>
      <c r="U301" s="309" t="s">
        <v>65</v>
      </c>
      <c r="V301" s="309"/>
      <c r="W301" s="309"/>
      <c r="X301" s="309"/>
      <c r="Y301" s="309"/>
      <c r="Z301" s="309"/>
      <c r="AA301" s="309"/>
      <c r="AB301" s="309"/>
      <c r="AC301" s="309"/>
      <c r="AD301" s="309"/>
      <c r="AE301" s="309"/>
      <c r="AF301" s="309"/>
      <c r="AG301" s="309"/>
      <c r="AH301" s="309"/>
      <c r="AI301" s="309"/>
      <c r="AJ301" s="309"/>
      <c r="AK301" s="309"/>
      <c r="AL301" s="309"/>
      <c r="AM301" s="309"/>
      <c r="AN301" s="309"/>
      <c r="AO301" s="309"/>
      <c r="AP301" s="309"/>
      <c r="AQ301" s="402" t="s">
        <v>66</v>
      </c>
      <c r="AR301" s="402"/>
      <c r="AS301" s="402"/>
      <c r="AT301" s="402"/>
      <c r="AU301" s="309"/>
      <c r="AV301" s="309"/>
      <c r="AW301" s="309"/>
      <c r="AX301" s="309"/>
      <c r="AY301" s="309"/>
      <c r="AZ301" s="309"/>
      <c r="BA301" s="308">
        <f t="shared" ref="BA301:BA317" si="182">SUMIF(V301:AZ301,"YES",$V$2:$AZ$2)</f>
        <v>250</v>
      </c>
      <c r="BB301" s="309">
        <f t="shared" si="181"/>
        <v>100.316</v>
      </c>
      <c r="BC301" s="402" t="str">
        <f t="shared" ref="BC301:BC317" si="183">IF(V301="yes",(V$2*$BB301),"")</f>
        <v/>
      </c>
      <c r="BD301" s="402" t="str">
        <f t="shared" ref="BD301:BD317" si="184">IF(W301="yes",(W$2*$BB301),"")</f>
        <v/>
      </c>
      <c r="BE301" s="402" t="str">
        <f t="shared" ref="BE301:BE317" si="185">IF(X301="yes",(X$2*$BB301),"")</f>
        <v/>
      </c>
      <c r="BF301" s="402" t="str">
        <f t="shared" ref="BF301:BF317" si="186">IF(Y301="yes",(Y$2*$BB301),"")</f>
        <v/>
      </c>
      <c r="BG301" s="402" t="str">
        <f t="shared" ref="BG301:BG317" si="187">IF(Z301="yes",(Z$2*$BB301),"")</f>
        <v/>
      </c>
      <c r="BH301" s="402" t="str">
        <f t="shared" ref="BH301:BH317" si="188">IF(AA301="yes",(AA$2*$BB301),"")</f>
        <v/>
      </c>
      <c r="BI301" s="402" t="str">
        <f t="shared" ref="BI301:BI317" si="189">IF(AB301="yes",(AB$2*$BB301),"")</f>
        <v/>
      </c>
      <c r="BJ301" s="402" t="str">
        <f t="shared" ref="BJ301:BJ317" si="190">IF(AC301="yes",(AC$2*$BB301),"")</f>
        <v/>
      </c>
      <c r="BK301" s="402" t="str">
        <f t="shared" ref="BK301:BK317" si="191">IF(AD301="yes",(AD$2*$BB301),"")</f>
        <v/>
      </c>
      <c r="BL301" s="402" t="str">
        <f t="shared" ref="BL301:BL317" si="192">IF(AE301="yes",(AE$2*$BB301),"")</f>
        <v/>
      </c>
      <c r="BM301" s="402" t="str">
        <f t="shared" ref="BM301:BM317" si="193">IF(AF301="yes",(AF$2*$BB301),"")</f>
        <v/>
      </c>
      <c r="BN301" s="402" t="str">
        <f t="shared" ref="BN301:BN317" si="194">IF(AG301="yes",(AG$2*$BB301),"")</f>
        <v/>
      </c>
      <c r="BO301" s="402" t="str">
        <f t="shared" ref="BO301:BO317" si="195">IF(AH301="yes",(AH$2*$BB301),"")</f>
        <v/>
      </c>
      <c r="BP301" s="402" t="str">
        <f t="shared" ref="BP301:BP317" si="196">IF(AI301="yes",(AI$2*$BB301),"")</f>
        <v/>
      </c>
      <c r="BQ301" s="402" t="str">
        <f t="shared" ref="BQ301:BQ317" si="197">IF(AJ301="yes",(AJ$2*$BB301),"")</f>
        <v/>
      </c>
      <c r="BR301" s="402" t="str">
        <f t="shared" ref="BR301:BR317" si="198">IF(AK301="yes",(AK$2*$BB301),"")</f>
        <v/>
      </c>
      <c r="BS301" s="402" t="str">
        <f t="shared" ref="BS301:BS317" si="199">IF(AL301="yes",(AL$2*$BB301),"")</f>
        <v/>
      </c>
      <c r="BT301" s="402" t="str">
        <f t="shared" ref="BT301:BT317" si="200">IF(AM301="yes",(AM$2*$BB301),"")</f>
        <v/>
      </c>
      <c r="BU301" s="402" t="str">
        <f t="shared" ref="BU301:BU317" si="201">IF(AN301="yes",(AN$2*$BB301),"")</f>
        <v/>
      </c>
      <c r="BV301" s="402" t="str">
        <f t="shared" ref="BV301:BV317" si="202">IF(AO301="yes",(AO$2*$BB301),"")</f>
        <v/>
      </c>
      <c r="BW301" s="402" t="str">
        <f t="shared" ref="BW301:BW317" si="203">IF(AP301="yes",(AP$2*$BB301),"")</f>
        <v/>
      </c>
      <c r="BX301" s="402">
        <f t="shared" ref="BX301:BX317" si="204">IF(AQ301="yes",(AQ$2*$BB301),"")</f>
        <v>25079</v>
      </c>
      <c r="BY301" s="402" t="str">
        <f t="shared" ref="BY301:BY317" si="205">IF(AR301="yes",(AR$2*$BB301),"")</f>
        <v/>
      </c>
      <c r="BZ301" s="402" t="str">
        <f t="shared" ref="BZ301:BZ317" si="206">IF(AS301="yes",(AS$2*$BB301),"")</f>
        <v/>
      </c>
      <c r="CA301" s="402" t="str">
        <f t="shared" ref="CA301:CA317" si="207">IF(AT301="yes",(AT$2*$BB301),"")</f>
        <v/>
      </c>
      <c r="CB301" s="402" t="str">
        <f t="shared" ref="CB301:CB317" si="208">IF(AU301="yes",(AU$2*$BB301),"")</f>
        <v/>
      </c>
      <c r="CC301" s="402" t="str">
        <f t="shared" ref="CC301:CC317" si="209">IF(AV301="yes",(AV$2*$BB301),"")</f>
        <v/>
      </c>
      <c r="CD301" s="402" t="str">
        <f t="shared" ref="CD301:CD317" si="210">IF(AW301="yes",(AW$2*$BB301),"")</f>
        <v/>
      </c>
      <c r="CE301" s="402" t="str">
        <f t="shared" ref="CE301:CE317" si="211">IF(AX301="yes",(AX$2*$BB301),"")</f>
        <v/>
      </c>
      <c r="CF301" s="402" t="str">
        <f t="shared" ref="CF301:CF317" si="212">IF(AY301="yes",(AY$2*$BB301),"")</f>
        <v/>
      </c>
      <c r="CG301" s="402" t="str">
        <f t="shared" ref="CG301:CG317" si="213">IF(AZ301="yes",(AZ$2*$BB301),"")</f>
        <v/>
      </c>
      <c r="CH301" s="402"/>
      <c r="CI301" s="402"/>
      <c r="CJ301" s="402"/>
      <c r="CK301" s="402"/>
      <c r="CL301" s="402"/>
      <c r="CM301" s="402"/>
      <c r="CN301" s="402"/>
      <c r="CO301" s="402"/>
      <c r="CP301" s="402"/>
      <c r="CQ301" s="402"/>
      <c r="CR301" s="402"/>
      <c r="CS301" s="402"/>
      <c r="CT301" s="402"/>
      <c r="CU301" s="402"/>
      <c r="CV301" s="402"/>
      <c r="CW301" s="402"/>
      <c r="CX301" s="402"/>
      <c r="CY301" s="402"/>
      <c r="CZ301" s="402"/>
      <c r="DA301" s="402"/>
      <c r="DB301" s="402"/>
      <c r="DC301" s="402"/>
      <c r="DD301" s="309" t="s">
        <v>660</v>
      </c>
      <c r="DE301" s="309"/>
      <c r="DF301" s="404" t="s">
        <v>661</v>
      </c>
    </row>
    <row r="302" spans="3:110" s="401" customFormat="1" ht="56.1" customHeight="1" x14ac:dyDescent="0.2">
      <c r="C302" s="420">
        <v>661</v>
      </c>
      <c r="D302" s="420" t="s">
        <v>2481</v>
      </c>
      <c r="E302" s="96" t="s">
        <v>53</v>
      </c>
      <c r="F302" s="96" t="s">
        <v>655</v>
      </c>
      <c r="G302" s="310" t="s">
        <v>656</v>
      </c>
      <c r="H302" s="310" t="s">
        <v>790</v>
      </c>
      <c r="I302" s="310" t="s">
        <v>791</v>
      </c>
      <c r="J302" s="310"/>
      <c r="K302" s="310" t="s">
        <v>90</v>
      </c>
      <c r="L302" s="310" t="s">
        <v>769</v>
      </c>
      <c r="M302" s="310" t="s">
        <v>60</v>
      </c>
      <c r="N302" s="310" t="s">
        <v>77</v>
      </c>
      <c r="O302" s="324" t="s">
        <v>722</v>
      </c>
      <c r="P302" s="309" t="s">
        <v>63</v>
      </c>
      <c r="Q302" s="309" t="s">
        <v>63</v>
      </c>
      <c r="R302" s="309">
        <v>144453</v>
      </c>
      <c r="S302" s="309">
        <f t="shared" si="180"/>
        <v>144453</v>
      </c>
      <c r="T302" s="309" t="s">
        <v>723</v>
      </c>
      <c r="U302" s="309" t="s">
        <v>65</v>
      </c>
      <c r="V302" s="309"/>
      <c r="W302" s="309"/>
      <c r="X302" s="309"/>
      <c r="Y302" s="309"/>
      <c r="Z302" s="309"/>
      <c r="AA302" s="309"/>
      <c r="AB302" s="309"/>
      <c r="AC302" s="309"/>
      <c r="AD302" s="309"/>
      <c r="AE302" s="309"/>
      <c r="AF302" s="309"/>
      <c r="AG302" s="309"/>
      <c r="AH302" s="309"/>
      <c r="AI302" s="309"/>
      <c r="AJ302" s="309"/>
      <c r="AK302" s="309"/>
      <c r="AL302" s="309"/>
      <c r="AM302" s="309"/>
      <c r="AN302" s="309"/>
      <c r="AO302" s="309"/>
      <c r="AP302" s="309"/>
      <c r="AQ302" s="402" t="s">
        <v>66</v>
      </c>
      <c r="AR302" s="309"/>
      <c r="AS302" s="402" t="s">
        <v>66</v>
      </c>
      <c r="AT302" s="309"/>
      <c r="AU302" s="309"/>
      <c r="AV302" s="309"/>
      <c r="AW302" s="309"/>
      <c r="AX302" s="309"/>
      <c r="AY302" s="309"/>
      <c r="AZ302" s="309"/>
      <c r="BA302" s="308">
        <f t="shared" si="182"/>
        <v>1650</v>
      </c>
      <c r="BB302" s="309">
        <f t="shared" si="181"/>
        <v>87.547272727272727</v>
      </c>
      <c r="BC302" s="402" t="str">
        <f t="shared" si="183"/>
        <v/>
      </c>
      <c r="BD302" s="402" t="str">
        <f t="shared" si="184"/>
        <v/>
      </c>
      <c r="BE302" s="402" t="str">
        <f t="shared" si="185"/>
        <v/>
      </c>
      <c r="BF302" s="402" t="str">
        <f t="shared" si="186"/>
        <v/>
      </c>
      <c r="BG302" s="402" t="str">
        <f t="shared" si="187"/>
        <v/>
      </c>
      <c r="BH302" s="402" t="str">
        <f t="shared" si="188"/>
        <v/>
      </c>
      <c r="BI302" s="402" t="str">
        <f t="shared" si="189"/>
        <v/>
      </c>
      <c r="BJ302" s="402" t="str">
        <f t="shared" si="190"/>
        <v/>
      </c>
      <c r="BK302" s="402" t="str">
        <f t="shared" si="191"/>
        <v/>
      </c>
      <c r="BL302" s="402" t="str">
        <f t="shared" si="192"/>
        <v/>
      </c>
      <c r="BM302" s="402" t="str">
        <f t="shared" si="193"/>
        <v/>
      </c>
      <c r="BN302" s="402" t="str">
        <f t="shared" si="194"/>
        <v/>
      </c>
      <c r="BO302" s="402" t="str">
        <f t="shared" si="195"/>
        <v/>
      </c>
      <c r="BP302" s="402" t="str">
        <f t="shared" si="196"/>
        <v/>
      </c>
      <c r="BQ302" s="402" t="str">
        <f t="shared" si="197"/>
        <v/>
      </c>
      <c r="BR302" s="402" t="str">
        <f t="shared" si="198"/>
        <v/>
      </c>
      <c r="BS302" s="402" t="str">
        <f t="shared" si="199"/>
        <v/>
      </c>
      <c r="BT302" s="402" t="str">
        <f t="shared" si="200"/>
        <v/>
      </c>
      <c r="BU302" s="402" t="str">
        <f t="shared" si="201"/>
        <v/>
      </c>
      <c r="BV302" s="402" t="str">
        <f t="shared" si="202"/>
        <v/>
      </c>
      <c r="BW302" s="402" t="str">
        <f t="shared" si="203"/>
        <v/>
      </c>
      <c r="BX302" s="402">
        <f t="shared" si="204"/>
        <v>21886.81818181818</v>
      </c>
      <c r="BY302" s="402" t="str">
        <f t="shared" si="205"/>
        <v/>
      </c>
      <c r="BZ302" s="402">
        <f t="shared" si="206"/>
        <v>122566.18181818182</v>
      </c>
      <c r="CA302" s="402" t="str">
        <f t="shared" si="207"/>
        <v/>
      </c>
      <c r="CB302" s="402" t="str">
        <f t="shared" si="208"/>
        <v/>
      </c>
      <c r="CC302" s="402" t="str">
        <f t="shared" si="209"/>
        <v/>
      </c>
      <c r="CD302" s="402" t="str">
        <f t="shared" si="210"/>
        <v/>
      </c>
      <c r="CE302" s="402" t="str">
        <f t="shared" si="211"/>
        <v/>
      </c>
      <c r="CF302" s="402" t="str">
        <f t="shared" si="212"/>
        <v/>
      </c>
      <c r="CG302" s="402" t="str">
        <f t="shared" si="213"/>
        <v/>
      </c>
      <c r="CH302" s="402"/>
      <c r="CI302" s="402"/>
      <c r="CJ302" s="402"/>
      <c r="CK302" s="402"/>
      <c r="CL302" s="402"/>
      <c r="CM302" s="402"/>
      <c r="CN302" s="402"/>
      <c r="CO302" s="402"/>
      <c r="CP302" s="402"/>
      <c r="CQ302" s="402"/>
      <c r="CR302" s="402"/>
      <c r="CS302" s="402"/>
      <c r="CT302" s="402"/>
      <c r="CU302" s="402"/>
      <c r="CV302" s="402"/>
      <c r="CW302" s="402"/>
      <c r="CX302" s="402"/>
      <c r="CY302" s="402"/>
      <c r="CZ302" s="402"/>
      <c r="DA302" s="402"/>
      <c r="DB302" s="402"/>
      <c r="DC302" s="402"/>
      <c r="DD302" s="309" t="s">
        <v>660</v>
      </c>
      <c r="DE302" s="309"/>
      <c r="DF302" s="404" t="s">
        <v>661</v>
      </c>
    </row>
    <row r="303" spans="3:110" s="401" customFormat="1" ht="56.1" customHeight="1" x14ac:dyDescent="0.2">
      <c r="C303" s="420">
        <v>662</v>
      </c>
      <c r="D303" s="420" t="s">
        <v>2481</v>
      </c>
      <c r="E303" s="96" t="s">
        <v>53</v>
      </c>
      <c r="F303" s="96" t="s">
        <v>655</v>
      </c>
      <c r="G303" s="310" t="s">
        <v>656</v>
      </c>
      <c r="H303" s="310" t="s">
        <v>792</v>
      </c>
      <c r="I303" s="310" t="s">
        <v>793</v>
      </c>
      <c r="J303" s="310"/>
      <c r="K303" s="310" t="s">
        <v>90</v>
      </c>
      <c r="L303" s="310" t="s">
        <v>794</v>
      </c>
      <c r="M303" s="310" t="s">
        <v>60</v>
      </c>
      <c r="N303" s="310" t="s">
        <v>77</v>
      </c>
      <c r="O303" s="324" t="s">
        <v>722</v>
      </c>
      <c r="P303" s="309" t="s">
        <v>63</v>
      </c>
      <c r="Q303" s="309" t="s">
        <v>63</v>
      </c>
      <c r="R303" s="309">
        <v>50157</v>
      </c>
      <c r="S303" s="309">
        <f t="shared" si="180"/>
        <v>50157</v>
      </c>
      <c r="T303" s="309" t="s">
        <v>723</v>
      </c>
      <c r="U303" s="309" t="s">
        <v>65</v>
      </c>
      <c r="V303" s="309"/>
      <c r="W303" s="309"/>
      <c r="X303" s="309"/>
      <c r="Y303" s="309"/>
      <c r="Z303" s="309"/>
      <c r="AA303" s="309"/>
      <c r="AB303" s="309"/>
      <c r="AC303" s="309"/>
      <c r="AD303" s="309"/>
      <c r="AE303" s="309"/>
      <c r="AF303" s="309"/>
      <c r="AG303" s="309"/>
      <c r="AH303" s="309"/>
      <c r="AI303" s="309"/>
      <c r="AJ303" s="309"/>
      <c r="AK303" s="309"/>
      <c r="AL303" s="309"/>
      <c r="AM303" s="309"/>
      <c r="AN303" s="309"/>
      <c r="AO303" s="309"/>
      <c r="AP303" s="309"/>
      <c r="AQ303" s="402" t="s">
        <v>66</v>
      </c>
      <c r="AR303" s="402" t="s">
        <v>66</v>
      </c>
      <c r="AS303" s="402" t="s">
        <v>66</v>
      </c>
      <c r="AT303" s="309"/>
      <c r="AU303" s="309"/>
      <c r="AV303" s="309"/>
      <c r="AW303" s="309"/>
      <c r="AX303" s="309"/>
      <c r="AY303" s="309"/>
      <c r="AZ303" s="309"/>
      <c r="BA303" s="308">
        <f t="shared" si="182"/>
        <v>2050</v>
      </c>
      <c r="BB303" s="309">
        <f t="shared" si="181"/>
        <v>24.466829268292685</v>
      </c>
      <c r="BC303" s="402" t="str">
        <f t="shared" si="183"/>
        <v/>
      </c>
      <c r="BD303" s="402" t="str">
        <f t="shared" si="184"/>
        <v/>
      </c>
      <c r="BE303" s="402" t="str">
        <f t="shared" si="185"/>
        <v/>
      </c>
      <c r="BF303" s="402" t="str">
        <f t="shared" si="186"/>
        <v/>
      </c>
      <c r="BG303" s="402" t="str">
        <f t="shared" si="187"/>
        <v/>
      </c>
      <c r="BH303" s="402" t="str">
        <f t="shared" si="188"/>
        <v/>
      </c>
      <c r="BI303" s="402" t="str">
        <f t="shared" si="189"/>
        <v/>
      </c>
      <c r="BJ303" s="402" t="str">
        <f t="shared" si="190"/>
        <v/>
      </c>
      <c r="BK303" s="402" t="str">
        <f t="shared" si="191"/>
        <v/>
      </c>
      <c r="BL303" s="402" t="str">
        <f t="shared" si="192"/>
        <v/>
      </c>
      <c r="BM303" s="402" t="str">
        <f t="shared" si="193"/>
        <v/>
      </c>
      <c r="BN303" s="402" t="str">
        <f t="shared" si="194"/>
        <v/>
      </c>
      <c r="BO303" s="402" t="str">
        <f t="shared" si="195"/>
        <v/>
      </c>
      <c r="BP303" s="402" t="str">
        <f t="shared" si="196"/>
        <v/>
      </c>
      <c r="BQ303" s="402" t="str">
        <f t="shared" si="197"/>
        <v/>
      </c>
      <c r="BR303" s="402" t="str">
        <f t="shared" si="198"/>
        <v/>
      </c>
      <c r="BS303" s="402" t="str">
        <f t="shared" si="199"/>
        <v/>
      </c>
      <c r="BT303" s="402" t="str">
        <f t="shared" si="200"/>
        <v/>
      </c>
      <c r="BU303" s="402" t="str">
        <f t="shared" si="201"/>
        <v/>
      </c>
      <c r="BV303" s="402" t="str">
        <f t="shared" si="202"/>
        <v/>
      </c>
      <c r="BW303" s="402" t="str">
        <f t="shared" si="203"/>
        <v/>
      </c>
      <c r="BX303" s="402">
        <f t="shared" si="204"/>
        <v>6116.707317073171</v>
      </c>
      <c r="BY303" s="402">
        <f t="shared" si="205"/>
        <v>9786.7317073170743</v>
      </c>
      <c r="BZ303" s="402">
        <f t="shared" si="206"/>
        <v>34253.560975609762</v>
      </c>
      <c r="CA303" s="402" t="str">
        <f t="shared" si="207"/>
        <v/>
      </c>
      <c r="CB303" s="402" t="str">
        <f t="shared" si="208"/>
        <v/>
      </c>
      <c r="CC303" s="402" t="str">
        <f t="shared" si="209"/>
        <v/>
      </c>
      <c r="CD303" s="402" t="str">
        <f t="shared" si="210"/>
        <v/>
      </c>
      <c r="CE303" s="402" t="str">
        <f t="shared" si="211"/>
        <v/>
      </c>
      <c r="CF303" s="402" t="str">
        <f t="shared" si="212"/>
        <v/>
      </c>
      <c r="CG303" s="402" t="str">
        <f t="shared" si="213"/>
        <v/>
      </c>
      <c r="CH303" s="402"/>
      <c r="CI303" s="402"/>
      <c r="CJ303" s="402"/>
      <c r="CK303" s="402"/>
      <c r="CL303" s="402"/>
      <c r="CM303" s="402"/>
      <c r="CN303" s="402"/>
      <c r="CO303" s="402"/>
      <c r="CP303" s="402"/>
      <c r="CQ303" s="402"/>
      <c r="CR303" s="402"/>
      <c r="CS303" s="402"/>
      <c r="CT303" s="402"/>
      <c r="CU303" s="402"/>
      <c r="CV303" s="402"/>
      <c r="CW303" s="402"/>
      <c r="CX303" s="402"/>
      <c r="CY303" s="402"/>
      <c r="CZ303" s="402"/>
      <c r="DA303" s="402"/>
      <c r="DB303" s="402"/>
      <c r="DC303" s="402"/>
      <c r="DD303" s="309" t="s">
        <v>660</v>
      </c>
      <c r="DE303" s="309"/>
      <c r="DF303" s="404" t="s">
        <v>661</v>
      </c>
    </row>
    <row r="304" spans="3:110" s="401" customFormat="1" ht="56.1" customHeight="1" x14ac:dyDescent="0.2">
      <c r="C304" s="420">
        <v>663</v>
      </c>
      <c r="D304" s="420" t="s">
        <v>2481</v>
      </c>
      <c r="E304" s="96" t="s">
        <v>53</v>
      </c>
      <c r="F304" s="96" t="s">
        <v>655</v>
      </c>
      <c r="G304" s="310" t="s">
        <v>656</v>
      </c>
      <c r="H304" s="310" t="s">
        <v>795</v>
      </c>
      <c r="I304" s="323" t="s">
        <v>796</v>
      </c>
      <c r="J304" s="323"/>
      <c r="K304" s="310" t="s">
        <v>90</v>
      </c>
      <c r="L304" s="310" t="s">
        <v>797</v>
      </c>
      <c r="M304" s="310" t="s">
        <v>60</v>
      </c>
      <c r="N304" s="310" t="s">
        <v>77</v>
      </c>
      <c r="O304" s="324" t="s">
        <v>722</v>
      </c>
      <c r="P304" s="309" t="s">
        <v>63</v>
      </c>
      <c r="Q304" s="309" t="s">
        <v>63</v>
      </c>
      <c r="R304" s="309">
        <v>12539</v>
      </c>
      <c r="S304" s="309">
        <f t="shared" si="180"/>
        <v>12539</v>
      </c>
      <c r="T304" s="309" t="s">
        <v>723</v>
      </c>
      <c r="U304" s="309" t="s">
        <v>65</v>
      </c>
      <c r="V304" s="309"/>
      <c r="W304" s="309"/>
      <c r="X304" s="309"/>
      <c r="Y304" s="309"/>
      <c r="Z304" s="309"/>
      <c r="AA304" s="309"/>
      <c r="AB304" s="309"/>
      <c r="AC304" s="309"/>
      <c r="AD304" s="309"/>
      <c r="AE304" s="309"/>
      <c r="AF304" s="309"/>
      <c r="AG304" s="309"/>
      <c r="AH304" s="309"/>
      <c r="AI304" s="309"/>
      <c r="AJ304" s="309"/>
      <c r="AK304" s="309"/>
      <c r="AL304" s="309"/>
      <c r="AM304" s="309"/>
      <c r="AN304" s="309"/>
      <c r="AO304" s="309"/>
      <c r="AP304" s="309"/>
      <c r="AQ304" s="402" t="s">
        <v>66</v>
      </c>
      <c r="AR304" s="402" t="s">
        <v>66</v>
      </c>
      <c r="AS304" s="402" t="s">
        <v>66</v>
      </c>
      <c r="AT304" s="309"/>
      <c r="AU304" s="309"/>
      <c r="AV304" s="309"/>
      <c r="AW304" s="309"/>
      <c r="AX304" s="309"/>
      <c r="AY304" s="309"/>
      <c r="AZ304" s="309"/>
      <c r="BA304" s="308">
        <f t="shared" si="182"/>
        <v>2050</v>
      </c>
      <c r="BB304" s="309">
        <f t="shared" si="181"/>
        <v>6.1165853658536582</v>
      </c>
      <c r="BC304" s="402" t="str">
        <f t="shared" si="183"/>
        <v/>
      </c>
      <c r="BD304" s="402" t="str">
        <f t="shared" si="184"/>
        <v/>
      </c>
      <c r="BE304" s="402" t="str">
        <f t="shared" si="185"/>
        <v/>
      </c>
      <c r="BF304" s="402" t="str">
        <f t="shared" si="186"/>
        <v/>
      </c>
      <c r="BG304" s="402" t="str">
        <f t="shared" si="187"/>
        <v/>
      </c>
      <c r="BH304" s="402" t="str">
        <f t="shared" si="188"/>
        <v/>
      </c>
      <c r="BI304" s="402" t="str">
        <f t="shared" si="189"/>
        <v/>
      </c>
      <c r="BJ304" s="402" t="str">
        <f t="shared" si="190"/>
        <v/>
      </c>
      <c r="BK304" s="402" t="str">
        <f t="shared" si="191"/>
        <v/>
      </c>
      <c r="BL304" s="402" t="str">
        <f t="shared" si="192"/>
        <v/>
      </c>
      <c r="BM304" s="402" t="str">
        <f t="shared" si="193"/>
        <v/>
      </c>
      <c r="BN304" s="402" t="str">
        <f t="shared" si="194"/>
        <v/>
      </c>
      <c r="BO304" s="402" t="str">
        <f t="shared" si="195"/>
        <v/>
      </c>
      <c r="BP304" s="402" t="str">
        <f t="shared" si="196"/>
        <v/>
      </c>
      <c r="BQ304" s="402" t="str">
        <f t="shared" si="197"/>
        <v/>
      </c>
      <c r="BR304" s="402" t="str">
        <f t="shared" si="198"/>
        <v/>
      </c>
      <c r="BS304" s="402" t="str">
        <f t="shared" si="199"/>
        <v/>
      </c>
      <c r="BT304" s="402" t="str">
        <f t="shared" si="200"/>
        <v/>
      </c>
      <c r="BU304" s="402" t="str">
        <f t="shared" si="201"/>
        <v/>
      </c>
      <c r="BV304" s="402" t="str">
        <f t="shared" si="202"/>
        <v/>
      </c>
      <c r="BW304" s="402" t="str">
        <f t="shared" si="203"/>
        <v/>
      </c>
      <c r="BX304" s="402">
        <f t="shared" si="204"/>
        <v>1529.1463414634145</v>
      </c>
      <c r="BY304" s="402">
        <f t="shared" si="205"/>
        <v>2446.6341463414633</v>
      </c>
      <c r="BZ304" s="402">
        <f t="shared" si="206"/>
        <v>8563.2195121951208</v>
      </c>
      <c r="CA304" s="402" t="str">
        <f t="shared" si="207"/>
        <v/>
      </c>
      <c r="CB304" s="402" t="str">
        <f t="shared" si="208"/>
        <v/>
      </c>
      <c r="CC304" s="402" t="str">
        <f t="shared" si="209"/>
        <v/>
      </c>
      <c r="CD304" s="402" t="str">
        <f t="shared" si="210"/>
        <v/>
      </c>
      <c r="CE304" s="402" t="str">
        <f t="shared" si="211"/>
        <v/>
      </c>
      <c r="CF304" s="402" t="str">
        <f t="shared" si="212"/>
        <v/>
      </c>
      <c r="CG304" s="402" t="str">
        <f t="shared" si="213"/>
        <v/>
      </c>
      <c r="CH304" s="402"/>
      <c r="CI304" s="402"/>
      <c r="CJ304" s="402"/>
      <c r="CK304" s="402"/>
      <c r="CL304" s="402"/>
      <c r="CM304" s="402"/>
      <c r="CN304" s="402"/>
      <c r="CO304" s="402"/>
      <c r="CP304" s="402"/>
      <c r="CQ304" s="402"/>
      <c r="CR304" s="402"/>
      <c r="CS304" s="402"/>
      <c r="CT304" s="402"/>
      <c r="CU304" s="402"/>
      <c r="CV304" s="402"/>
      <c r="CW304" s="402"/>
      <c r="CX304" s="402"/>
      <c r="CY304" s="402"/>
      <c r="CZ304" s="402"/>
      <c r="DA304" s="402"/>
      <c r="DB304" s="402"/>
      <c r="DC304" s="402"/>
      <c r="DD304" s="309" t="s">
        <v>660</v>
      </c>
      <c r="DE304" s="309"/>
      <c r="DF304" s="404" t="s">
        <v>661</v>
      </c>
    </row>
    <row r="305" spans="3:110" s="401" customFormat="1" ht="56.1" customHeight="1" x14ac:dyDescent="0.2">
      <c r="C305" s="420">
        <v>664</v>
      </c>
      <c r="D305" s="420" t="s">
        <v>2481</v>
      </c>
      <c r="E305" s="96" t="s">
        <v>53</v>
      </c>
      <c r="F305" s="96" t="s">
        <v>655</v>
      </c>
      <c r="G305" s="310" t="s">
        <v>656</v>
      </c>
      <c r="H305" s="310" t="s">
        <v>798</v>
      </c>
      <c r="I305" s="310" t="s">
        <v>799</v>
      </c>
      <c r="J305" s="310"/>
      <c r="K305" s="310" t="s">
        <v>90</v>
      </c>
      <c r="L305" s="310" t="s">
        <v>794</v>
      </c>
      <c r="M305" s="310" t="s">
        <v>60</v>
      </c>
      <c r="N305" s="310" t="s">
        <v>77</v>
      </c>
      <c r="O305" s="324" t="s">
        <v>722</v>
      </c>
      <c r="P305" s="309" t="s">
        <v>63</v>
      </c>
      <c r="Q305" s="309" t="s">
        <v>63</v>
      </c>
      <c r="R305" s="309">
        <v>75236</v>
      </c>
      <c r="S305" s="309">
        <f t="shared" si="180"/>
        <v>75236</v>
      </c>
      <c r="T305" s="309" t="s">
        <v>723</v>
      </c>
      <c r="U305" s="309" t="s">
        <v>65</v>
      </c>
      <c r="V305" s="309"/>
      <c r="W305" s="309"/>
      <c r="X305" s="309"/>
      <c r="Y305" s="309"/>
      <c r="Z305" s="309"/>
      <c r="AA305" s="309"/>
      <c r="AB305" s="309"/>
      <c r="AC305" s="309"/>
      <c r="AD305" s="309"/>
      <c r="AE305" s="309"/>
      <c r="AF305" s="309"/>
      <c r="AG305" s="309"/>
      <c r="AH305" s="309"/>
      <c r="AI305" s="309"/>
      <c r="AJ305" s="309"/>
      <c r="AK305" s="309"/>
      <c r="AL305" s="309"/>
      <c r="AM305" s="309"/>
      <c r="AN305" s="309"/>
      <c r="AO305" s="309"/>
      <c r="AP305" s="309"/>
      <c r="AQ305" s="402" t="s">
        <v>66</v>
      </c>
      <c r="AR305" s="402" t="s">
        <v>66</v>
      </c>
      <c r="AS305" s="402" t="s">
        <v>66</v>
      </c>
      <c r="AT305" s="309"/>
      <c r="AU305" s="309"/>
      <c r="AV305" s="309"/>
      <c r="AW305" s="309"/>
      <c r="AX305" s="309"/>
      <c r="AY305" s="309"/>
      <c r="AZ305" s="309"/>
      <c r="BA305" s="308">
        <f t="shared" si="182"/>
        <v>2050</v>
      </c>
      <c r="BB305" s="309">
        <f t="shared" si="181"/>
        <v>36.700487804878051</v>
      </c>
      <c r="BC305" s="402" t="str">
        <f t="shared" si="183"/>
        <v/>
      </c>
      <c r="BD305" s="402" t="str">
        <f t="shared" si="184"/>
        <v/>
      </c>
      <c r="BE305" s="402" t="str">
        <f t="shared" si="185"/>
        <v/>
      </c>
      <c r="BF305" s="402" t="str">
        <f t="shared" si="186"/>
        <v/>
      </c>
      <c r="BG305" s="402" t="str">
        <f t="shared" si="187"/>
        <v/>
      </c>
      <c r="BH305" s="402" t="str">
        <f t="shared" si="188"/>
        <v/>
      </c>
      <c r="BI305" s="402" t="str">
        <f t="shared" si="189"/>
        <v/>
      </c>
      <c r="BJ305" s="402" t="str">
        <f t="shared" si="190"/>
        <v/>
      </c>
      <c r="BK305" s="402" t="str">
        <f t="shared" si="191"/>
        <v/>
      </c>
      <c r="BL305" s="402" t="str">
        <f t="shared" si="192"/>
        <v/>
      </c>
      <c r="BM305" s="402" t="str">
        <f t="shared" si="193"/>
        <v/>
      </c>
      <c r="BN305" s="402" t="str">
        <f t="shared" si="194"/>
        <v/>
      </c>
      <c r="BO305" s="402" t="str">
        <f t="shared" si="195"/>
        <v/>
      </c>
      <c r="BP305" s="402" t="str">
        <f t="shared" si="196"/>
        <v/>
      </c>
      <c r="BQ305" s="402" t="str">
        <f t="shared" si="197"/>
        <v/>
      </c>
      <c r="BR305" s="402" t="str">
        <f t="shared" si="198"/>
        <v/>
      </c>
      <c r="BS305" s="402" t="str">
        <f t="shared" si="199"/>
        <v/>
      </c>
      <c r="BT305" s="402" t="str">
        <f t="shared" si="200"/>
        <v/>
      </c>
      <c r="BU305" s="402" t="str">
        <f t="shared" si="201"/>
        <v/>
      </c>
      <c r="BV305" s="402" t="str">
        <f t="shared" si="202"/>
        <v/>
      </c>
      <c r="BW305" s="402" t="str">
        <f t="shared" si="203"/>
        <v/>
      </c>
      <c r="BX305" s="402">
        <f t="shared" si="204"/>
        <v>9175.121951219513</v>
      </c>
      <c r="BY305" s="402">
        <f t="shared" si="205"/>
        <v>14680.195121951221</v>
      </c>
      <c r="BZ305" s="402">
        <f t="shared" si="206"/>
        <v>51380.682926829271</v>
      </c>
      <c r="CA305" s="402" t="str">
        <f t="shared" si="207"/>
        <v/>
      </c>
      <c r="CB305" s="402" t="str">
        <f t="shared" si="208"/>
        <v/>
      </c>
      <c r="CC305" s="402" t="str">
        <f t="shared" si="209"/>
        <v/>
      </c>
      <c r="CD305" s="402" t="str">
        <f t="shared" si="210"/>
        <v/>
      </c>
      <c r="CE305" s="402" t="str">
        <f t="shared" si="211"/>
        <v/>
      </c>
      <c r="CF305" s="402" t="str">
        <f t="shared" si="212"/>
        <v/>
      </c>
      <c r="CG305" s="402" t="str">
        <f t="shared" si="213"/>
        <v/>
      </c>
      <c r="CH305" s="402"/>
      <c r="CI305" s="402"/>
      <c r="CJ305" s="402"/>
      <c r="CK305" s="402"/>
      <c r="CL305" s="402"/>
      <c r="CM305" s="402"/>
      <c r="CN305" s="402"/>
      <c r="CO305" s="402"/>
      <c r="CP305" s="402"/>
      <c r="CQ305" s="402"/>
      <c r="CR305" s="402"/>
      <c r="CS305" s="402"/>
      <c r="CT305" s="402"/>
      <c r="CU305" s="402"/>
      <c r="CV305" s="402"/>
      <c r="CW305" s="402"/>
      <c r="CX305" s="402"/>
      <c r="CY305" s="402"/>
      <c r="CZ305" s="402"/>
      <c r="DA305" s="402"/>
      <c r="DB305" s="402"/>
      <c r="DC305" s="402"/>
      <c r="DD305" s="309" t="s">
        <v>660</v>
      </c>
      <c r="DE305" s="309"/>
      <c r="DF305" s="404" t="s">
        <v>661</v>
      </c>
    </row>
    <row r="306" spans="3:110" s="401" customFormat="1" ht="56.1" customHeight="1" x14ac:dyDescent="0.2">
      <c r="C306" s="420">
        <v>665</v>
      </c>
      <c r="D306" s="420" t="s">
        <v>2481</v>
      </c>
      <c r="E306" s="96" t="s">
        <v>53</v>
      </c>
      <c r="F306" s="96" t="s">
        <v>655</v>
      </c>
      <c r="G306" s="310" t="s">
        <v>656</v>
      </c>
      <c r="H306" s="310" t="s">
        <v>800</v>
      </c>
      <c r="I306" s="400" t="s">
        <v>801</v>
      </c>
      <c r="J306" s="400"/>
      <c r="K306" s="310" t="s">
        <v>90</v>
      </c>
      <c r="L306" s="310" t="s">
        <v>63</v>
      </c>
      <c r="M306" s="310" t="s">
        <v>81</v>
      </c>
      <c r="N306" s="310" t="s">
        <v>77</v>
      </c>
      <c r="O306" s="407" t="s">
        <v>225</v>
      </c>
      <c r="P306" s="309" t="s">
        <v>63</v>
      </c>
      <c r="Q306" s="309" t="s">
        <v>63</v>
      </c>
      <c r="R306" s="410"/>
      <c r="S306" s="410"/>
      <c r="T306" s="309" t="s">
        <v>659</v>
      </c>
      <c r="U306" s="309" t="s">
        <v>65</v>
      </c>
      <c r="V306" s="309"/>
      <c r="W306" s="309"/>
      <c r="X306" s="309"/>
      <c r="Y306" s="309"/>
      <c r="Z306" s="309"/>
      <c r="AA306" s="309"/>
      <c r="AB306" s="309"/>
      <c r="AC306" s="309"/>
      <c r="AD306" s="309"/>
      <c r="AE306" s="309"/>
      <c r="AF306" s="309"/>
      <c r="AG306" s="309"/>
      <c r="AH306" s="309"/>
      <c r="AI306" s="309"/>
      <c r="AJ306" s="309"/>
      <c r="AK306" s="309"/>
      <c r="AL306" s="309"/>
      <c r="AM306" s="309"/>
      <c r="AN306" s="309"/>
      <c r="AO306" s="309"/>
      <c r="AP306" s="309"/>
      <c r="AQ306" s="402" t="s">
        <v>66</v>
      </c>
      <c r="AR306" s="402" t="s">
        <v>66</v>
      </c>
      <c r="AS306" s="402" t="s">
        <v>66</v>
      </c>
      <c r="AT306" s="402" t="s">
        <v>66</v>
      </c>
      <c r="AU306" s="309"/>
      <c r="AV306" s="309"/>
      <c r="AW306" s="309"/>
      <c r="AX306" s="309"/>
      <c r="AY306" s="309"/>
      <c r="AZ306" s="309"/>
      <c r="BA306" s="308">
        <f t="shared" si="182"/>
        <v>2251</v>
      </c>
      <c r="BB306" s="309"/>
      <c r="BC306" s="402" t="str">
        <f t="shared" si="183"/>
        <v/>
      </c>
      <c r="BD306" s="402" t="str">
        <f t="shared" si="184"/>
        <v/>
      </c>
      <c r="BE306" s="402" t="str">
        <f t="shared" si="185"/>
        <v/>
      </c>
      <c r="BF306" s="402" t="str">
        <f t="shared" si="186"/>
        <v/>
      </c>
      <c r="BG306" s="402" t="str">
        <f t="shared" si="187"/>
        <v/>
      </c>
      <c r="BH306" s="402" t="str">
        <f t="shared" si="188"/>
        <v/>
      </c>
      <c r="BI306" s="402" t="str">
        <f t="shared" si="189"/>
        <v/>
      </c>
      <c r="BJ306" s="402" t="str">
        <f t="shared" si="190"/>
        <v/>
      </c>
      <c r="BK306" s="402" t="str">
        <f t="shared" si="191"/>
        <v/>
      </c>
      <c r="BL306" s="402" t="str">
        <f t="shared" si="192"/>
        <v/>
      </c>
      <c r="BM306" s="402" t="str">
        <f t="shared" si="193"/>
        <v/>
      </c>
      <c r="BN306" s="402" t="str">
        <f t="shared" si="194"/>
        <v/>
      </c>
      <c r="BO306" s="402" t="str">
        <f t="shared" si="195"/>
        <v/>
      </c>
      <c r="BP306" s="402" t="str">
        <f t="shared" si="196"/>
        <v/>
      </c>
      <c r="BQ306" s="402" t="str">
        <f t="shared" si="197"/>
        <v/>
      </c>
      <c r="BR306" s="402" t="str">
        <f t="shared" si="198"/>
        <v/>
      </c>
      <c r="BS306" s="402" t="str">
        <f t="shared" si="199"/>
        <v/>
      </c>
      <c r="BT306" s="402" t="str">
        <f t="shared" si="200"/>
        <v/>
      </c>
      <c r="BU306" s="402" t="str">
        <f t="shared" si="201"/>
        <v/>
      </c>
      <c r="BV306" s="402" t="str">
        <f t="shared" si="202"/>
        <v/>
      </c>
      <c r="BW306" s="402" t="str">
        <f t="shared" si="203"/>
        <v/>
      </c>
      <c r="BX306" s="402">
        <f t="shared" si="204"/>
        <v>0</v>
      </c>
      <c r="BY306" s="402">
        <f t="shared" si="205"/>
        <v>0</v>
      </c>
      <c r="BZ306" s="402">
        <f t="shared" si="206"/>
        <v>0</v>
      </c>
      <c r="CA306" s="402">
        <f t="shared" si="207"/>
        <v>0</v>
      </c>
      <c r="CB306" s="402" t="str">
        <f t="shared" si="208"/>
        <v/>
      </c>
      <c r="CC306" s="402" t="str">
        <f t="shared" si="209"/>
        <v/>
      </c>
      <c r="CD306" s="402" t="str">
        <f t="shared" si="210"/>
        <v/>
      </c>
      <c r="CE306" s="402" t="str">
        <f t="shared" si="211"/>
        <v/>
      </c>
      <c r="CF306" s="402" t="str">
        <f t="shared" si="212"/>
        <v/>
      </c>
      <c r="CG306" s="402" t="str">
        <f t="shared" si="213"/>
        <v/>
      </c>
      <c r="CH306" s="402"/>
      <c r="CI306" s="402"/>
      <c r="CJ306" s="402"/>
      <c r="CK306" s="402"/>
      <c r="CL306" s="402"/>
      <c r="CM306" s="402"/>
      <c r="CN306" s="402"/>
      <c r="CO306" s="402"/>
      <c r="CP306" s="402"/>
      <c r="CQ306" s="402"/>
      <c r="CR306" s="402"/>
      <c r="CS306" s="402"/>
      <c r="CT306" s="402"/>
      <c r="CU306" s="402"/>
      <c r="CV306" s="402"/>
      <c r="CW306" s="402"/>
      <c r="CX306" s="402"/>
      <c r="CY306" s="402"/>
      <c r="CZ306" s="402"/>
      <c r="DA306" s="402"/>
      <c r="DB306" s="402"/>
      <c r="DC306" s="402"/>
      <c r="DD306" s="309" t="s">
        <v>660</v>
      </c>
      <c r="DE306" s="309" t="s">
        <v>802</v>
      </c>
      <c r="DF306" s="404" t="s">
        <v>661</v>
      </c>
    </row>
    <row r="307" spans="3:110" s="401" customFormat="1" ht="56.1" customHeight="1" x14ac:dyDescent="0.2">
      <c r="C307" s="420">
        <v>666</v>
      </c>
      <c r="D307" s="420" t="s">
        <v>2481</v>
      </c>
      <c r="E307" s="96" t="s">
        <v>53</v>
      </c>
      <c r="F307" s="96" t="s">
        <v>655</v>
      </c>
      <c r="G307" s="310" t="s">
        <v>656</v>
      </c>
      <c r="H307" s="310" t="s">
        <v>803</v>
      </c>
      <c r="I307" s="323" t="s">
        <v>804</v>
      </c>
      <c r="J307" s="323"/>
      <c r="K307" s="310" t="s">
        <v>90</v>
      </c>
      <c r="L307" s="324" t="s">
        <v>755</v>
      </c>
      <c r="M307" s="310" t="s">
        <v>60</v>
      </c>
      <c r="N307" s="310" t="s">
        <v>77</v>
      </c>
      <c r="O307" s="324" t="s">
        <v>805</v>
      </c>
      <c r="P307" s="309" t="s">
        <v>63</v>
      </c>
      <c r="Q307" s="309" t="s">
        <v>63</v>
      </c>
      <c r="R307" s="309">
        <v>25079</v>
      </c>
      <c r="S307" s="309">
        <f t="shared" ref="S307:S314" si="214">R307</f>
        <v>25079</v>
      </c>
      <c r="T307" s="309" t="s">
        <v>723</v>
      </c>
      <c r="U307" s="309" t="s">
        <v>65</v>
      </c>
      <c r="V307" s="309"/>
      <c r="W307" s="309"/>
      <c r="X307" s="309"/>
      <c r="Y307" s="309"/>
      <c r="Z307" s="309"/>
      <c r="AA307" s="309"/>
      <c r="AB307" s="309"/>
      <c r="AC307" s="309"/>
      <c r="AD307" s="309"/>
      <c r="AE307" s="309"/>
      <c r="AF307" s="309"/>
      <c r="AG307" s="309"/>
      <c r="AH307" s="309"/>
      <c r="AI307" s="309"/>
      <c r="AJ307" s="309"/>
      <c r="AK307" s="309"/>
      <c r="AL307" s="309"/>
      <c r="AM307" s="309"/>
      <c r="AN307" s="309"/>
      <c r="AO307" s="309"/>
      <c r="AP307" s="309"/>
      <c r="AQ307" s="309"/>
      <c r="AR307" s="309"/>
      <c r="AS307" s="309"/>
      <c r="AT307" s="309"/>
      <c r="AU307" s="309"/>
      <c r="AV307" s="309"/>
      <c r="AW307" s="309"/>
      <c r="AX307" s="309"/>
      <c r="AY307" s="309"/>
      <c r="AZ307" s="309"/>
      <c r="BA307" s="308">
        <f t="shared" si="182"/>
        <v>0</v>
      </c>
      <c r="BB307" s="309"/>
      <c r="BC307" s="402" t="str">
        <f t="shared" si="183"/>
        <v/>
      </c>
      <c r="BD307" s="402" t="str">
        <f t="shared" si="184"/>
        <v/>
      </c>
      <c r="BE307" s="402" t="str">
        <f t="shared" si="185"/>
        <v/>
      </c>
      <c r="BF307" s="402" t="str">
        <f t="shared" si="186"/>
        <v/>
      </c>
      <c r="BG307" s="402" t="str">
        <f t="shared" si="187"/>
        <v/>
      </c>
      <c r="BH307" s="402" t="str">
        <f t="shared" si="188"/>
        <v/>
      </c>
      <c r="BI307" s="402" t="str">
        <f t="shared" si="189"/>
        <v/>
      </c>
      <c r="BJ307" s="402" t="str">
        <f t="shared" si="190"/>
        <v/>
      </c>
      <c r="BK307" s="402" t="str">
        <f t="shared" si="191"/>
        <v/>
      </c>
      <c r="BL307" s="402" t="str">
        <f t="shared" si="192"/>
        <v/>
      </c>
      <c r="BM307" s="402" t="str">
        <f t="shared" si="193"/>
        <v/>
      </c>
      <c r="BN307" s="402" t="str">
        <f t="shared" si="194"/>
        <v/>
      </c>
      <c r="BO307" s="402" t="str">
        <f t="shared" si="195"/>
        <v/>
      </c>
      <c r="BP307" s="402" t="str">
        <f t="shared" si="196"/>
        <v/>
      </c>
      <c r="BQ307" s="402" t="str">
        <f t="shared" si="197"/>
        <v/>
      </c>
      <c r="BR307" s="402" t="str">
        <f t="shared" si="198"/>
        <v/>
      </c>
      <c r="BS307" s="402" t="str">
        <f t="shared" si="199"/>
        <v/>
      </c>
      <c r="BT307" s="402" t="str">
        <f t="shared" si="200"/>
        <v/>
      </c>
      <c r="BU307" s="402" t="str">
        <f t="shared" si="201"/>
        <v/>
      </c>
      <c r="BV307" s="402" t="str">
        <f t="shared" si="202"/>
        <v/>
      </c>
      <c r="BW307" s="402" t="str">
        <f t="shared" si="203"/>
        <v/>
      </c>
      <c r="BX307" s="402" t="str">
        <f t="shared" si="204"/>
        <v/>
      </c>
      <c r="BY307" s="402" t="str">
        <f t="shared" si="205"/>
        <v/>
      </c>
      <c r="BZ307" s="402" t="str">
        <f t="shared" si="206"/>
        <v/>
      </c>
      <c r="CA307" s="402" t="str">
        <f t="shared" si="207"/>
        <v/>
      </c>
      <c r="CB307" s="402" t="str">
        <f t="shared" si="208"/>
        <v/>
      </c>
      <c r="CC307" s="402" t="str">
        <f t="shared" si="209"/>
        <v/>
      </c>
      <c r="CD307" s="402" t="str">
        <f t="shared" si="210"/>
        <v/>
      </c>
      <c r="CE307" s="402" t="str">
        <f t="shared" si="211"/>
        <v/>
      </c>
      <c r="CF307" s="402" t="str">
        <f t="shared" si="212"/>
        <v/>
      </c>
      <c r="CG307" s="402" t="str">
        <f t="shared" si="213"/>
        <v/>
      </c>
      <c r="CH307" s="402"/>
      <c r="CI307" s="402"/>
      <c r="CJ307" s="402"/>
      <c r="CK307" s="402"/>
      <c r="CL307" s="402"/>
      <c r="CM307" s="402"/>
      <c r="CN307" s="402"/>
      <c r="CO307" s="402"/>
      <c r="CP307" s="402"/>
      <c r="CQ307" s="402"/>
      <c r="CR307" s="402"/>
      <c r="CS307" s="402"/>
      <c r="CT307" s="402"/>
      <c r="CU307" s="402"/>
      <c r="CV307" s="402"/>
      <c r="CW307" s="402"/>
      <c r="CX307" s="402"/>
      <c r="CY307" s="402"/>
      <c r="CZ307" s="402"/>
      <c r="DA307" s="402"/>
      <c r="DB307" s="402"/>
      <c r="DC307" s="402"/>
      <c r="DD307" s="309" t="s">
        <v>660</v>
      </c>
      <c r="DE307" s="309"/>
      <c r="DF307" s="404" t="s">
        <v>661</v>
      </c>
    </row>
    <row r="308" spans="3:110" s="401" customFormat="1" ht="56.1" customHeight="1" x14ac:dyDescent="0.2">
      <c r="C308" s="420">
        <v>667</v>
      </c>
      <c r="D308" s="420" t="s">
        <v>2481</v>
      </c>
      <c r="E308" s="96" t="s">
        <v>53</v>
      </c>
      <c r="F308" s="96" t="s">
        <v>655</v>
      </c>
      <c r="G308" s="310" t="s">
        <v>656</v>
      </c>
      <c r="H308" s="310" t="s">
        <v>806</v>
      </c>
      <c r="I308" s="323" t="s">
        <v>807</v>
      </c>
      <c r="J308" s="323"/>
      <c r="K308" s="310" t="s">
        <v>90</v>
      </c>
      <c r="L308" s="324" t="s">
        <v>755</v>
      </c>
      <c r="M308" s="310" t="s">
        <v>60</v>
      </c>
      <c r="N308" s="310" t="s">
        <v>77</v>
      </c>
      <c r="O308" s="324" t="s">
        <v>808</v>
      </c>
      <c r="P308" s="309" t="s">
        <v>63</v>
      </c>
      <c r="Q308" s="309" t="s">
        <v>63</v>
      </c>
      <c r="R308" s="309">
        <v>25079</v>
      </c>
      <c r="S308" s="309">
        <f t="shared" si="214"/>
        <v>25079</v>
      </c>
      <c r="T308" s="309" t="s">
        <v>723</v>
      </c>
      <c r="U308" s="309" t="s">
        <v>65</v>
      </c>
      <c r="V308" s="309"/>
      <c r="W308" s="309"/>
      <c r="X308" s="309"/>
      <c r="Y308" s="309"/>
      <c r="Z308" s="309"/>
      <c r="AA308" s="309"/>
      <c r="AB308" s="309"/>
      <c r="AC308" s="309"/>
      <c r="AD308" s="309"/>
      <c r="AE308" s="309"/>
      <c r="AF308" s="309"/>
      <c r="AG308" s="309"/>
      <c r="AH308" s="309"/>
      <c r="AI308" s="309"/>
      <c r="AJ308" s="309"/>
      <c r="AK308" s="309"/>
      <c r="AL308" s="309"/>
      <c r="AM308" s="309"/>
      <c r="AN308" s="309"/>
      <c r="AO308" s="309"/>
      <c r="AP308" s="309"/>
      <c r="AQ308" s="309"/>
      <c r="AR308" s="309"/>
      <c r="AS308" s="309"/>
      <c r="AT308" s="309"/>
      <c r="AU308" s="309"/>
      <c r="AV308" s="309"/>
      <c r="AW308" s="309"/>
      <c r="AX308" s="309"/>
      <c r="AY308" s="309"/>
      <c r="AZ308" s="309"/>
      <c r="BA308" s="308">
        <f t="shared" si="182"/>
        <v>0</v>
      </c>
      <c r="BB308" s="309"/>
      <c r="BC308" s="402" t="str">
        <f t="shared" si="183"/>
        <v/>
      </c>
      <c r="BD308" s="402" t="str">
        <f t="shared" si="184"/>
        <v/>
      </c>
      <c r="BE308" s="402" t="str">
        <f t="shared" si="185"/>
        <v/>
      </c>
      <c r="BF308" s="402" t="str">
        <f t="shared" si="186"/>
        <v/>
      </c>
      <c r="BG308" s="402" t="str">
        <f t="shared" si="187"/>
        <v/>
      </c>
      <c r="BH308" s="402" t="str">
        <f t="shared" si="188"/>
        <v/>
      </c>
      <c r="BI308" s="402" t="str">
        <f t="shared" si="189"/>
        <v/>
      </c>
      <c r="BJ308" s="402" t="str">
        <f t="shared" si="190"/>
        <v/>
      </c>
      <c r="BK308" s="402" t="str">
        <f t="shared" si="191"/>
        <v/>
      </c>
      <c r="BL308" s="402" t="str">
        <f t="shared" si="192"/>
        <v/>
      </c>
      <c r="BM308" s="402" t="str">
        <f t="shared" si="193"/>
        <v/>
      </c>
      <c r="BN308" s="402" t="str">
        <f t="shared" si="194"/>
        <v/>
      </c>
      <c r="BO308" s="402" t="str">
        <f t="shared" si="195"/>
        <v/>
      </c>
      <c r="BP308" s="402" t="str">
        <f t="shared" si="196"/>
        <v/>
      </c>
      <c r="BQ308" s="402" t="str">
        <f t="shared" si="197"/>
        <v/>
      </c>
      <c r="BR308" s="402" t="str">
        <f t="shared" si="198"/>
        <v/>
      </c>
      <c r="BS308" s="402" t="str">
        <f t="shared" si="199"/>
        <v/>
      </c>
      <c r="BT308" s="402" t="str">
        <f t="shared" si="200"/>
        <v/>
      </c>
      <c r="BU308" s="402" t="str">
        <f t="shared" si="201"/>
        <v/>
      </c>
      <c r="BV308" s="402" t="str">
        <f t="shared" si="202"/>
        <v/>
      </c>
      <c r="BW308" s="402" t="str">
        <f t="shared" si="203"/>
        <v/>
      </c>
      <c r="BX308" s="402" t="str">
        <f t="shared" si="204"/>
        <v/>
      </c>
      <c r="BY308" s="402" t="str">
        <f t="shared" si="205"/>
        <v/>
      </c>
      <c r="BZ308" s="402" t="str">
        <f t="shared" si="206"/>
        <v/>
      </c>
      <c r="CA308" s="402" t="str">
        <f t="shared" si="207"/>
        <v/>
      </c>
      <c r="CB308" s="402" t="str">
        <f t="shared" si="208"/>
        <v/>
      </c>
      <c r="CC308" s="402" t="str">
        <f t="shared" si="209"/>
        <v/>
      </c>
      <c r="CD308" s="402" t="str">
        <f t="shared" si="210"/>
        <v/>
      </c>
      <c r="CE308" s="402" t="str">
        <f t="shared" si="211"/>
        <v/>
      </c>
      <c r="CF308" s="402" t="str">
        <f t="shared" si="212"/>
        <v/>
      </c>
      <c r="CG308" s="402" t="str">
        <f t="shared" si="213"/>
        <v/>
      </c>
      <c r="CH308" s="402"/>
      <c r="CI308" s="402"/>
      <c r="CJ308" s="402"/>
      <c r="CK308" s="402"/>
      <c r="CL308" s="402"/>
      <c r="CM308" s="402"/>
      <c r="CN308" s="402"/>
      <c r="CO308" s="402"/>
      <c r="CP308" s="402"/>
      <c r="CQ308" s="402"/>
      <c r="CR308" s="402"/>
      <c r="CS308" s="402"/>
      <c r="CT308" s="402"/>
      <c r="CU308" s="402"/>
      <c r="CV308" s="402"/>
      <c r="CW308" s="402"/>
      <c r="CX308" s="402"/>
      <c r="CY308" s="402"/>
      <c r="CZ308" s="402"/>
      <c r="DA308" s="402"/>
      <c r="DB308" s="402"/>
      <c r="DC308" s="402"/>
      <c r="DD308" s="309" t="s">
        <v>660</v>
      </c>
      <c r="DE308" s="309"/>
      <c r="DF308" s="404" t="s">
        <v>661</v>
      </c>
    </row>
    <row r="309" spans="3:110" s="401" customFormat="1" ht="56.1" customHeight="1" x14ac:dyDescent="0.2">
      <c r="C309" s="420">
        <v>668</v>
      </c>
      <c r="D309" s="420" t="s">
        <v>2481</v>
      </c>
      <c r="E309" s="96" t="s">
        <v>53</v>
      </c>
      <c r="F309" s="96" t="s">
        <v>655</v>
      </c>
      <c r="G309" s="310" t="s">
        <v>656</v>
      </c>
      <c r="H309" s="310" t="s">
        <v>809</v>
      </c>
      <c r="I309" s="323" t="s">
        <v>810</v>
      </c>
      <c r="J309" s="323"/>
      <c r="K309" s="310" t="s">
        <v>90</v>
      </c>
      <c r="L309" s="324" t="s">
        <v>755</v>
      </c>
      <c r="M309" s="310" t="s">
        <v>60</v>
      </c>
      <c r="N309" s="310" t="s">
        <v>77</v>
      </c>
      <c r="O309" s="324" t="s">
        <v>808</v>
      </c>
      <c r="P309" s="309" t="s">
        <v>63</v>
      </c>
      <c r="Q309" s="309" t="s">
        <v>63</v>
      </c>
      <c r="R309" s="309">
        <v>25079</v>
      </c>
      <c r="S309" s="309">
        <f t="shared" si="214"/>
        <v>25079</v>
      </c>
      <c r="T309" s="309" t="s">
        <v>723</v>
      </c>
      <c r="U309" s="309" t="s">
        <v>65</v>
      </c>
      <c r="V309" s="309"/>
      <c r="W309" s="309"/>
      <c r="X309" s="309"/>
      <c r="Y309" s="309"/>
      <c r="Z309" s="309"/>
      <c r="AA309" s="309"/>
      <c r="AB309" s="309"/>
      <c r="AC309" s="309"/>
      <c r="AD309" s="309"/>
      <c r="AE309" s="309"/>
      <c r="AF309" s="309"/>
      <c r="AG309" s="309"/>
      <c r="AH309" s="309"/>
      <c r="AI309" s="309"/>
      <c r="AJ309" s="309"/>
      <c r="AK309" s="309"/>
      <c r="AL309" s="309"/>
      <c r="AM309" s="309"/>
      <c r="AN309" s="309"/>
      <c r="AO309" s="309"/>
      <c r="AP309" s="309"/>
      <c r="AQ309" s="309"/>
      <c r="AR309" s="309"/>
      <c r="AS309" s="309"/>
      <c r="AT309" s="309"/>
      <c r="AU309" s="309"/>
      <c r="AV309" s="309"/>
      <c r="AW309" s="309"/>
      <c r="AX309" s="309"/>
      <c r="AY309" s="309"/>
      <c r="AZ309" s="309"/>
      <c r="BA309" s="308">
        <f t="shared" si="182"/>
        <v>0</v>
      </c>
      <c r="BB309" s="309"/>
      <c r="BC309" s="402" t="str">
        <f t="shared" si="183"/>
        <v/>
      </c>
      <c r="BD309" s="402" t="str">
        <f t="shared" si="184"/>
        <v/>
      </c>
      <c r="BE309" s="402" t="str">
        <f t="shared" si="185"/>
        <v/>
      </c>
      <c r="BF309" s="402" t="str">
        <f t="shared" si="186"/>
        <v/>
      </c>
      <c r="BG309" s="402" t="str">
        <f t="shared" si="187"/>
        <v/>
      </c>
      <c r="BH309" s="402" t="str">
        <f t="shared" si="188"/>
        <v/>
      </c>
      <c r="BI309" s="402" t="str">
        <f t="shared" si="189"/>
        <v/>
      </c>
      <c r="BJ309" s="402" t="str">
        <f t="shared" si="190"/>
        <v/>
      </c>
      <c r="BK309" s="402" t="str">
        <f t="shared" si="191"/>
        <v/>
      </c>
      <c r="BL309" s="402" t="str">
        <f t="shared" si="192"/>
        <v/>
      </c>
      <c r="BM309" s="402" t="str">
        <f t="shared" si="193"/>
        <v/>
      </c>
      <c r="BN309" s="402" t="str">
        <f t="shared" si="194"/>
        <v/>
      </c>
      <c r="BO309" s="402" t="str">
        <f t="shared" si="195"/>
        <v/>
      </c>
      <c r="BP309" s="402" t="str">
        <f t="shared" si="196"/>
        <v/>
      </c>
      <c r="BQ309" s="402" t="str">
        <f t="shared" si="197"/>
        <v/>
      </c>
      <c r="BR309" s="402" t="str">
        <f t="shared" si="198"/>
        <v/>
      </c>
      <c r="BS309" s="402" t="str">
        <f t="shared" si="199"/>
        <v/>
      </c>
      <c r="BT309" s="402" t="str">
        <f t="shared" si="200"/>
        <v/>
      </c>
      <c r="BU309" s="402" t="str">
        <f t="shared" si="201"/>
        <v/>
      </c>
      <c r="BV309" s="402" t="str">
        <f t="shared" si="202"/>
        <v/>
      </c>
      <c r="BW309" s="402" t="str">
        <f t="shared" si="203"/>
        <v/>
      </c>
      <c r="BX309" s="402" t="str">
        <f t="shared" si="204"/>
        <v/>
      </c>
      <c r="BY309" s="402" t="str">
        <f t="shared" si="205"/>
        <v/>
      </c>
      <c r="BZ309" s="402" t="str">
        <f t="shared" si="206"/>
        <v/>
      </c>
      <c r="CA309" s="402" t="str">
        <f t="shared" si="207"/>
        <v/>
      </c>
      <c r="CB309" s="402" t="str">
        <f t="shared" si="208"/>
        <v/>
      </c>
      <c r="CC309" s="402" t="str">
        <f t="shared" si="209"/>
        <v/>
      </c>
      <c r="CD309" s="402" t="str">
        <f t="shared" si="210"/>
        <v/>
      </c>
      <c r="CE309" s="402" t="str">
        <f t="shared" si="211"/>
        <v/>
      </c>
      <c r="CF309" s="402" t="str">
        <f t="shared" si="212"/>
        <v/>
      </c>
      <c r="CG309" s="402" t="str">
        <f t="shared" si="213"/>
        <v/>
      </c>
      <c r="CH309" s="402"/>
      <c r="CI309" s="402"/>
      <c r="CJ309" s="402"/>
      <c r="CK309" s="402"/>
      <c r="CL309" s="402"/>
      <c r="CM309" s="402"/>
      <c r="CN309" s="402"/>
      <c r="CO309" s="402"/>
      <c r="CP309" s="402"/>
      <c r="CQ309" s="402"/>
      <c r="CR309" s="402"/>
      <c r="CS309" s="402"/>
      <c r="CT309" s="402"/>
      <c r="CU309" s="402"/>
      <c r="CV309" s="402"/>
      <c r="CW309" s="402"/>
      <c r="CX309" s="402"/>
      <c r="CY309" s="402"/>
      <c r="CZ309" s="402"/>
      <c r="DA309" s="402"/>
      <c r="DB309" s="402"/>
      <c r="DC309" s="402"/>
      <c r="DD309" s="309" t="s">
        <v>660</v>
      </c>
      <c r="DE309" s="309"/>
      <c r="DF309" s="404" t="s">
        <v>661</v>
      </c>
    </row>
    <row r="310" spans="3:110" s="401" customFormat="1" ht="56.1" customHeight="1" x14ac:dyDescent="0.2">
      <c r="C310" s="420">
        <v>669</v>
      </c>
      <c r="D310" s="420" t="s">
        <v>2481</v>
      </c>
      <c r="E310" s="96" t="s">
        <v>53</v>
      </c>
      <c r="F310" s="96" t="s">
        <v>655</v>
      </c>
      <c r="G310" s="310" t="s">
        <v>656</v>
      </c>
      <c r="H310" s="310" t="s">
        <v>811</v>
      </c>
      <c r="I310" s="310" t="s">
        <v>812</v>
      </c>
      <c r="J310" s="310"/>
      <c r="K310" s="310" t="s">
        <v>90</v>
      </c>
      <c r="L310" s="310" t="s">
        <v>813</v>
      </c>
      <c r="M310" s="310" t="s">
        <v>60</v>
      </c>
      <c r="N310" s="310" t="s">
        <v>77</v>
      </c>
      <c r="O310" s="407" t="s">
        <v>225</v>
      </c>
      <c r="P310" s="309" t="s">
        <v>63</v>
      </c>
      <c r="Q310" s="309" t="s">
        <v>63</v>
      </c>
      <c r="R310" s="309">
        <v>31348</v>
      </c>
      <c r="S310" s="309">
        <f t="shared" si="214"/>
        <v>31348</v>
      </c>
      <c r="T310" s="309" t="s">
        <v>723</v>
      </c>
      <c r="U310" s="309" t="s">
        <v>65</v>
      </c>
      <c r="V310" s="309"/>
      <c r="W310" s="309"/>
      <c r="X310" s="309"/>
      <c r="Y310" s="309"/>
      <c r="Z310" s="309"/>
      <c r="AA310" s="309"/>
      <c r="AB310" s="309"/>
      <c r="AC310" s="309"/>
      <c r="AD310" s="309"/>
      <c r="AE310" s="309"/>
      <c r="AF310" s="309"/>
      <c r="AG310" s="309"/>
      <c r="AH310" s="309"/>
      <c r="AI310" s="309"/>
      <c r="AJ310" s="309"/>
      <c r="AK310" s="309"/>
      <c r="AL310" s="309"/>
      <c r="AM310" s="309"/>
      <c r="AN310" s="309"/>
      <c r="AO310" s="309"/>
      <c r="AP310" s="309"/>
      <c r="AQ310" s="402" t="s">
        <v>66</v>
      </c>
      <c r="AR310" s="402" t="s">
        <v>66</v>
      </c>
      <c r="AS310" s="402" t="s">
        <v>66</v>
      </c>
      <c r="AT310" s="309"/>
      <c r="AU310" s="309"/>
      <c r="AV310" s="309"/>
      <c r="AW310" s="309"/>
      <c r="AX310" s="309"/>
      <c r="AY310" s="309"/>
      <c r="AZ310" s="309"/>
      <c r="BA310" s="308">
        <f t="shared" si="182"/>
        <v>2050</v>
      </c>
      <c r="BB310" s="309">
        <f>S310/BA310</f>
        <v>15.29170731707317</v>
      </c>
      <c r="BC310" s="402" t="str">
        <f t="shared" si="183"/>
        <v/>
      </c>
      <c r="BD310" s="402" t="str">
        <f t="shared" si="184"/>
        <v/>
      </c>
      <c r="BE310" s="402" t="str">
        <f t="shared" si="185"/>
        <v/>
      </c>
      <c r="BF310" s="402" t="str">
        <f t="shared" si="186"/>
        <v/>
      </c>
      <c r="BG310" s="402" t="str">
        <f t="shared" si="187"/>
        <v/>
      </c>
      <c r="BH310" s="402" t="str">
        <f t="shared" si="188"/>
        <v/>
      </c>
      <c r="BI310" s="402" t="str">
        <f t="shared" si="189"/>
        <v/>
      </c>
      <c r="BJ310" s="402" t="str">
        <f t="shared" si="190"/>
        <v/>
      </c>
      <c r="BK310" s="402" t="str">
        <f t="shared" si="191"/>
        <v/>
      </c>
      <c r="BL310" s="402" t="str">
        <f t="shared" si="192"/>
        <v/>
      </c>
      <c r="BM310" s="402" t="str">
        <f t="shared" si="193"/>
        <v/>
      </c>
      <c r="BN310" s="402" t="str">
        <f t="shared" si="194"/>
        <v/>
      </c>
      <c r="BO310" s="402" t="str">
        <f t="shared" si="195"/>
        <v/>
      </c>
      <c r="BP310" s="402" t="str">
        <f t="shared" si="196"/>
        <v/>
      </c>
      <c r="BQ310" s="402" t="str">
        <f t="shared" si="197"/>
        <v/>
      </c>
      <c r="BR310" s="402" t="str">
        <f t="shared" si="198"/>
        <v/>
      </c>
      <c r="BS310" s="402" t="str">
        <f t="shared" si="199"/>
        <v/>
      </c>
      <c r="BT310" s="402" t="str">
        <f t="shared" si="200"/>
        <v/>
      </c>
      <c r="BU310" s="402" t="str">
        <f t="shared" si="201"/>
        <v/>
      </c>
      <c r="BV310" s="402" t="str">
        <f t="shared" si="202"/>
        <v/>
      </c>
      <c r="BW310" s="402" t="str">
        <f t="shared" si="203"/>
        <v/>
      </c>
      <c r="BX310" s="402">
        <f t="shared" si="204"/>
        <v>3822.9268292682927</v>
      </c>
      <c r="BY310" s="402">
        <f t="shared" si="205"/>
        <v>6116.6829268292677</v>
      </c>
      <c r="BZ310" s="402">
        <f t="shared" si="206"/>
        <v>21408.390243902439</v>
      </c>
      <c r="CA310" s="402" t="str">
        <f t="shared" si="207"/>
        <v/>
      </c>
      <c r="CB310" s="402" t="str">
        <f t="shared" si="208"/>
        <v/>
      </c>
      <c r="CC310" s="402" t="str">
        <f t="shared" si="209"/>
        <v/>
      </c>
      <c r="CD310" s="402" t="str">
        <f t="shared" si="210"/>
        <v/>
      </c>
      <c r="CE310" s="402" t="str">
        <f t="shared" si="211"/>
        <v/>
      </c>
      <c r="CF310" s="402" t="str">
        <f t="shared" si="212"/>
        <v/>
      </c>
      <c r="CG310" s="402" t="str">
        <f t="shared" si="213"/>
        <v/>
      </c>
      <c r="CH310" s="402"/>
      <c r="CI310" s="402"/>
      <c r="CJ310" s="402"/>
      <c r="CK310" s="402"/>
      <c r="CL310" s="402"/>
      <c r="CM310" s="402"/>
      <c r="CN310" s="402"/>
      <c r="CO310" s="402"/>
      <c r="CP310" s="402"/>
      <c r="CQ310" s="402"/>
      <c r="CR310" s="402"/>
      <c r="CS310" s="402"/>
      <c r="CT310" s="402"/>
      <c r="CU310" s="402"/>
      <c r="CV310" s="402"/>
      <c r="CW310" s="402"/>
      <c r="CX310" s="402"/>
      <c r="CY310" s="402"/>
      <c r="CZ310" s="402"/>
      <c r="DA310" s="402"/>
      <c r="DB310" s="402"/>
      <c r="DC310" s="402"/>
      <c r="DD310" s="309" t="s">
        <v>660</v>
      </c>
      <c r="DE310" s="309"/>
      <c r="DF310" s="404" t="s">
        <v>661</v>
      </c>
    </row>
    <row r="311" spans="3:110" s="401" customFormat="1" ht="56.1" customHeight="1" x14ac:dyDescent="0.2">
      <c r="C311" s="420">
        <v>670</v>
      </c>
      <c r="D311" s="420" t="s">
        <v>2481</v>
      </c>
      <c r="E311" s="96" t="s">
        <v>53</v>
      </c>
      <c r="F311" s="96" t="s">
        <v>655</v>
      </c>
      <c r="G311" s="310" t="s">
        <v>656</v>
      </c>
      <c r="H311" s="310" t="s">
        <v>814</v>
      </c>
      <c r="I311" s="310" t="s">
        <v>815</v>
      </c>
      <c r="J311" s="310"/>
      <c r="K311" s="310" t="s">
        <v>90</v>
      </c>
      <c r="L311" s="310" t="s">
        <v>794</v>
      </c>
      <c r="M311" s="310" t="s">
        <v>60</v>
      </c>
      <c r="N311" s="310" t="s">
        <v>77</v>
      </c>
      <c r="O311" s="310" t="s">
        <v>225</v>
      </c>
      <c r="P311" s="309" t="s">
        <v>63</v>
      </c>
      <c r="Q311" s="309" t="s">
        <v>63</v>
      </c>
      <c r="R311" s="309">
        <v>75236</v>
      </c>
      <c r="S311" s="309">
        <f t="shared" si="214"/>
        <v>75236</v>
      </c>
      <c r="T311" s="309" t="s">
        <v>723</v>
      </c>
      <c r="U311" s="309" t="s">
        <v>65</v>
      </c>
      <c r="V311" s="309"/>
      <c r="W311" s="309"/>
      <c r="X311" s="309"/>
      <c r="Y311" s="309"/>
      <c r="Z311" s="309"/>
      <c r="AA311" s="309"/>
      <c r="AB311" s="309"/>
      <c r="AC311" s="309"/>
      <c r="AD311" s="309"/>
      <c r="AE311" s="309"/>
      <c r="AF311" s="309"/>
      <c r="AG311" s="309"/>
      <c r="AH311" s="309"/>
      <c r="AI311" s="309"/>
      <c r="AJ311" s="309"/>
      <c r="AK311" s="309"/>
      <c r="AL311" s="309"/>
      <c r="AM311" s="309"/>
      <c r="AN311" s="309"/>
      <c r="AO311" s="309"/>
      <c r="AP311" s="309"/>
      <c r="AQ311" s="402" t="s">
        <v>66</v>
      </c>
      <c r="AR311" s="402" t="s">
        <v>66</v>
      </c>
      <c r="AS311" s="402" t="s">
        <v>66</v>
      </c>
      <c r="AT311" s="309"/>
      <c r="AU311" s="309"/>
      <c r="AV311" s="309"/>
      <c r="AW311" s="309"/>
      <c r="AX311" s="309"/>
      <c r="AY311" s="309"/>
      <c r="AZ311" s="309"/>
      <c r="BA311" s="308">
        <f t="shared" si="182"/>
        <v>2050</v>
      </c>
      <c r="BB311" s="309">
        <f>S311/BA311</f>
        <v>36.700487804878051</v>
      </c>
      <c r="BC311" s="402" t="str">
        <f t="shared" si="183"/>
        <v/>
      </c>
      <c r="BD311" s="402" t="str">
        <f t="shared" si="184"/>
        <v/>
      </c>
      <c r="BE311" s="402" t="str">
        <f t="shared" si="185"/>
        <v/>
      </c>
      <c r="BF311" s="402" t="str">
        <f t="shared" si="186"/>
        <v/>
      </c>
      <c r="BG311" s="402" t="str">
        <f t="shared" si="187"/>
        <v/>
      </c>
      <c r="BH311" s="402" t="str">
        <f t="shared" si="188"/>
        <v/>
      </c>
      <c r="BI311" s="402" t="str">
        <f t="shared" si="189"/>
        <v/>
      </c>
      <c r="BJ311" s="402" t="str">
        <f t="shared" si="190"/>
        <v/>
      </c>
      <c r="BK311" s="402" t="str">
        <f t="shared" si="191"/>
        <v/>
      </c>
      <c r="BL311" s="402" t="str">
        <f t="shared" si="192"/>
        <v/>
      </c>
      <c r="BM311" s="402" t="str">
        <f t="shared" si="193"/>
        <v/>
      </c>
      <c r="BN311" s="402" t="str">
        <f t="shared" si="194"/>
        <v/>
      </c>
      <c r="BO311" s="402" t="str">
        <f t="shared" si="195"/>
        <v/>
      </c>
      <c r="BP311" s="402" t="str">
        <f t="shared" si="196"/>
        <v/>
      </c>
      <c r="BQ311" s="402" t="str">
        <f t="shared" si="197"/>
        <v/>
      </c>
      <c r="BR311" s="402" t="str">
        <f t="shared" si="198"/>
        <v/>
      </c>
      <c r="BS311" s="402" t="str">
        <f t="shared" si="199"/>
        <v/>
      </c>
      <c r="BT311" s="402" t="str">
        <f t="shared" si="200"/>
        <v/>
      </c>
      <c r="BU311" s="402" t="str">
        <f t="shared" si="201"/>
        <v/>
      </c>
      <c r="BV311" s="402" t="str">
        <f t="shared" si="202"/>
        <v/>
      </c>
      <c r="BW311" s="402" t="str">
        <f t="shared" si="203"/>
        <v/>
      </c>
      <c r="BX311" s="402">
        <f t="shared" si="204"/>
        <v>9175.121951219513</v>
      </c>
      <c r="BY311" s="402">
        <f t="shared" si="205"/>
        <v>14680.195121951221</v>
      </c>
      <c r="BZ311" s="402">
        <f t="shared" si="206"/>
        <v>51380.682926829271</v>
      </c>
      <c r="CA311" s="402" t="str">
        <f t="shared" si="207"/>
        <v/>
      </c>
      <c r="CB311" s="402" t="str">
        <f t="shared" si="208"/>
        <v/>
      </c>
      <c r="CC311" s="402" t="str">
        <f t="shared" si="209"/>
        <v/>
      </c>
      <c r="CD311" s="402" t="str">
        <f t="shared" si="210"/>
        <v/>
      </c>
      <c r="CE311" s="402" t="str">
        <f t="shared" si="211"/>
        <v/>
      </c>
      <c r="CF311" s="402" t="str">
        <f t="shared" si="212"/>
        <v/>
      </c>
      <c r="CG311" s="402" t="str">
        <f t="shared" si="213"/>
        <v/>
      </c>
      <c r="CH311" s="402"/>
      <c r="CI311" s="402"/>
      <c r="CJ311" s="402"/>
      <c r="CK311" s="402"/>
      <c r="CL311" s="402"/>
      <c r="CM311" s="402"/>
      <c r="CN311" s="402"/>
      <c r="CO311" s="402"/>
      <c r="CP311" s="402"/>
      <c r="CQ311" s="402"/>
      <c r="CR311" s="402"/>
      <c r="CS311" s="402"/>
      <c r="CT311" s="402"/>
      <c r="CU311" s="402"/>
      <c r="CV311" s="402"/>
      <c r="CW311" s="402"/>
      <c r="CX311" s="402"/>
      <c r="CY311" s="402"/>
      <c r="CZ311" s="402"/>
      <c r="DA311" s="402"/>
      <c r="DB311" s="402"/>
      <c r="DC311" s="402"/>
      <c r="DD311" s="309" t="s">
        <v>660</v>
      </c>
      <c r="DE311" s="309"/>
      <c r="DF311" s="404" t="s">
        <v>661</v>
      </c>
    </row>
    <row r="312" spans="3:110" s="401" customFormat="1" ht="56.1" customHeight="1" x14ac:dyDescent="0.2">
      <c r="C312" s="420">
        <v>671</v>
      </c>
      <c r="D312" s="420" t="s">
        <v>2481</v>
      </c>
      <c r="E312" s="96" t="s">
        <v>53</v>
      </c>
      <c r="F312" s="96" t="s">
        <v>655</v>
      </c>
      <c r="G312" s="310" t="s">
        <v>656</v>
      </c>
      <c r="H312" s="310" t="s">
        <v>816</v>
      </c>
      <c r="I312" s="310" t="s">
        <v>817</v>
      </c>
      <c r="J312" s="310"/>
      <c r="K312" s="310" t="s">
        <v>90</v>
      </c>
      <c r="L312" s="310" t="s">
        <v>39</v>
      </c>
      <c r="M312" s="310" t="s">
        <v>60</v>
      </c>
      <c r="N312" s="310" t="s">
        <v>77</v>
      </c>
      <c r="O312" s="407" t="s">
        <v>818</v>
      </c>
      <c r="P312" s="309" t="s">
        <v>63</v>
      </c>
      <c r="Q312" s="309" t="s">
        <v>63</v>
      </c>
      <c r="R312" s="309">
        <v>108841</v>
      </c>
      <c r="S312" s="309">
        <f t="shared" si="214"/>
        <v>108841</v>
      </c>
      <c r="T312" s="309" t="s">
        <v>723</v>
      </c>
      <c r="U312" s="309" t="s">
        <v>65</v>
      </c>
      <c r="V312" s="309"/>
      <c r="W312" s="309"/>
      <c r="X312" s="309"/>
      <c r="Y312" s="309"/>
      <c r="Z312" s="309"/>
      <c r="AA312" s="309"/>
      <c r="AB312" s="309"/>
      <c r="AC312" s="309"/>
      <c r="AD312" s="309"/>
      <c r="AE312" s="309"/>
      <c r="AF312" s="309"/>
      <c r="AG312" s="309"/>
      <c r="AH312" s="309"/>
      <c r="AI312" s="309"/>
      <c r="AJ312" s="309"/>
      <c r="AK312" s="309"/>
      <c r="AL312" s="309"/>
      <c r="AM312" s="309"/>
      <c r="AN312" s="309"/>
      <c r="AO312" s="309"/>
      <c r="AP312" s="309"/>
      <c r="AQ312" s="402"/>
      <c r="AR312" s="402" t="s">
        <v>66</v>
      </c>
      <c r="AS312" s="402"/>
      <c r="AT312" s="309"/>
      <c r="AU312" s="309"/>
      <c r="AV312" s="309"/>
      <c r="AW312" s="309"/>
      <c r="AX312" s="309"/>
      <c r="AY312" s="309"/>
      <c r="AZ312" s="309"/>
      <c r="BA312" s="308">
        <f t="shared" si="182"/>
        <v>400</v>
      </c>
      <c r="BB312" s="309">
        <f>S312/BA312</f>
        <v>272.10250000000002</v>
      </c>
      <c r="BC312" s="402" t="str">
        <f t="shared" si="183"/>
        <v/>
      </c>
      <c r="BD312" s="402" t="str">
        <f t="shared" si="184"/>
        <v/>
      </c>
      <c r="BE312" s="402" t="str">
        <f t="shared" si="185"/>
        <v/>
      </c>
      <c r="BF312" s="402" t="str">
        <f t="shared" si="186"/>
        <v/>
      </c>
      <c r="BG312" s="402" t="str">
        <f t="shared" si="187"/>
        <v/>
      </c>
      <c r="BH312" s="402" t="str">
        <f t="shared" si="188"/>
        <v/>
      </c>
      <c r="BI312" s="402" t="str">
        <f t="shared" si="189"/>
        <v/>
      </c>
      <c r="BJ312" s="402" t="str">
        <f t="shared" si="190"/>
        <v/>
      </c>
      <c r="BK312" s="402" t="str">
        <f t="shared" si="191"/>
        <v/>
      </c>
      <c r="BL312" s="402" t="str">
        <f t="shared" si="192"/>
        <v/>
      </c>
      <c r="BM312" s="402" t="str">
        <f t="shared" si="193"/>
        <v/>
      </c>
      <c r="BN312" s="402" t="str">
        <f t="shared" si="194"/>
        <v/>
      </c>
      <c r="BO312" s="402" t="str">
        <f t="shared" si="195"/>
        <v/>
      </c>
      <c r="BP312" s="402" t="str">
        <f t="shared" si="196"/>
        <v/>
      </c>
      <c r="BQ312" s="402" t="str">
        <f t="shared" si="197"/>
        <v/>
      </c>
      <c r="BR312" s="402" t="str">
        <f t="shared" si="198"/>
        <v/>
      </c>
      <c r="BS312" s="402" t="str">
        <f t="shared" si="199"/>
        <v/>
      </c>
      <c r="BT312" s="402" t="str">
        <f t="shared" si="200"/>
        <v/>
      </c>
      <c r="BU312" s="402" t="str">
        <f t="shared" si="201"/>
        <v/>
      </c>
      <c r="BV312" s="402" t="str">
        <f t="shared" si="202"/>
        <v/>
      </c>
      <c r="BW312" s="402" t="str">
        <f t="shared" si="203"/>
        <v/>
      </c>
      <c r="BX312" s="402" t="str">
        <f t="shared" si="204"/>
        <v/>
      </c>
      <c r="BY312" s="402">
        <f t="shared" si="205"/>
        <v>108841.00000000001</v>
      </c>
      <c r="BZ312" s="402" t="str">
        <f t="shared" si="206"/>
        <v/>
      </c>
      <c r="CA312" s="402" t="str">
        <f t="shared" si="207"/>
        <v/>
      </c>
      <c r="CB312" s="402" t="str">
        <f t="shared" si="208"/>
        <v/>
      </c>
      <c r="CC312" s="402" t="str">
        <f t="shared" si="209"/>
        <v/>
      </c>
      <c r="CD312" s="402" t="str">
        <f t="shared" si="210"/>
        <v/>
      </c>
      <c r="CE312" s="402" t="str">
        <f t="shared" si="211"/>
        <v/>
      </c>
      <c r="CF312" s="402" t="str">
        <f t="shared" si="212"/>
        <v/>
      </c>
      <c r="CG312" s="402" t="str">
        <f t="shared" si="213"/>
        <v/>
      </c>
      <c r="CH312" s="402"/>
      <c r="CI312" s="402"/>
      <c r="CJ312" s="402"/>
      <c r="CK312" s="402"/>
      <c r="CL312" s="402"/>
      <c r="CM312" s="402"/>
      <c r="CN312" s="402"/>
      <c r="CO312" s="402"/>
      <c r="CP312" s="402"/>
      <c r="CQ312" s="402"/>
      <c r="CR312" s="402"/>
      <c r="CS312" s="402"/>
      <c r="CT312" s="402"/>
      <c r="CU312" s="402"/>
      <c r="CV312" s="402"/>
      <c r="CW312" s="402"/>
      <c r="CX312" s="402"/>
      <c r="CY312" s="402"/>
      <c r="CZ312" s="402"/>
      <c r="DA312" s="402"/>
      <c r="DB312" s="402"/>
      <c r="DC312" s="402"/>
      <c r="DD312" s="309" t="s">
        <v>660</v>
      </c>
      <c r="DE312" s="309"/>
      <c r="DF312" s="404" t="s">
        <v>661</v>
      </c>
    </row>
    <row r="313" spans="3:110" s="401" customFormat="1" ht="56.1" customHeight="1" x14ac:dyDescent="0.2">
      <c r="C313" s="420">
        <v>672</v>
      </c>
      <c r="D313" s="420" t="s">
        <v>2481</v>
      </c>
      <c r="E313" s="96" t="s">
        <v>53</v>
      </c>
      <c r="F313" s="96" t="s">
        <v>655</v>
      </c>
      <c r="G313" s="310" t="s">
        <v>656</v>
      </c>
      <c r="H313" s="310" t="s">
        <v>819</v>
      </c>
      <c r="I313" s="310" t="s">
        <v>820</v>
      </c>
      <c r="J313" s="310"/>
      <c r="K313" s="310" t="s">
        <v>90</v>
      </c>
      <c r="L313" s="310" t="s">
        <v>39</v>
      </c>
      <c r="M313" s="310" t="s">
        <v>60</v>
      </c>
      <c r="N313" s="310" t="s">
        <v>77</v>
      </c>
      <c r="O313" s="407" t="s">
        <v>818</v>
      </c>
      <c r="P313" s="309" t="s">
        <v>63</v>
      </c>
      <c r="Q313" s="309" t="s">
        <v>63</v>
      </c>
      <c r="R313" s="309">
        <v>37618</v>
      </c>
      <c r="S313" s="309">
        <f t="shared" si="214"/>
        <v>37618</v>
      </c>
      <c r="T313" s="309" t="s">
        <v>723</v>
      </c>
      <c r="U313" s="309" t="s">
        <v>65</v>
      </c>
      <c r="V313" s="309"/>
      <c r="W313" s="309"/>
      <c r="X313" s="309"/>
      <c r="Y313" s="309"/>
      <c r="Z313" s="309"/>
      <c r="AA313" s="309"/>
      <c r="AB313" s="309"/>
      <c r="AC313" s="309"/>
      <c r="AD313" s="309"/>
      <c r="AE313" s="309"/>
      <c r="AF313" s="309"/>
      <c r="AG313" s="309"/>
      <c r="AH313" s="309"/>
      <c r="AI313" s="309"/>
      <c r="AJ313" s="309"/>
      <c r="AK313" s="309"/>
      <c r="AL313" s="309"/>
      <c r="AM313" s="309"/>
      <c r="AN313" s="309"/>
      <c r="AO313" s="309"/>
      <c r="AP313" s="309"/>
      <c r="AQ313" s="309"/>
      <c r="AR313" s="402" t="s">
        <v>66</v>
      </c>
      <c r="AS313" s="309"/>
      <c r="AT313" s="309"/>
      <c r="AU313" s="309"/>
      <c r="AV313" s="309"/>
      <c r="AW313" s="309"/>
      <c r="AX313" s="309"/>
      <c r="AY313" s="309"/>
      <c r="AZ313" s="309"/>
      <c r="BA313" s="308">
        <f t="shared" si="182"/>
        <v>400</v>
      </c>
      <c r="BB313" s="309">
        <f>S313/BA313</f>
        <v>94.045000000000002</v>
      </c>
      <c r="BC313" s="402" t="str">
        <f t="shared" si="183"/>
        <v/>
      </c>
      <c r="BD313" s="402" t="str">
        <f t="shared" si="184"/>
        <v/>
      </c>
      <c r="BE313" s="402" t="str">
        <f t="shared" si="185"/>
        <v/>
      </c>
      <c r="BF313" s="402" t="str">
        <f t="shared" si="186"/>
        <v/>
      </c>
      <c r="BG313" s="402" t="str">
        <f t="shared" si="187"/>
        <v/>
      </c>
      <c r="BH313" s="402" t="str">
        <f t="shared" si="188"/>
        <v/>
      </c>
      <c r="BI313" s="402" t="str">
        <f t="shared" si="189"/>
        <v/>
      </c>
      <c r="BJ313" s="402" t="str">
        <f t="shared" si="190"/>
        <v/>
      </c>
      <c r="BK313" s="402" t="str">
        <f t="shared" si="191"/>
        <v/>
      </c>
      <c r="BL313" s="402" t="str">
        <f t="shared" si="192"/>
        <v/>
      </c>
      <c r="BM313" s="402" t="str">
        <f t="shared" si="193"/>
        <v/>
      </c>
      <c r="BN313" s="402" t="str">
        <f t="shared" si="194"/>
        <v/>
      </c>
      <c r="BO313" s="402" t="str">
        <f t="shared" si="195"/>
        <v/>
      </c>
      <c r="BP313" s="402" t="str">
        <f t="shared" si="196"/>
        <v/>
      </c>
      <c r="BQ313" s="402" t="str">
        <f t="shared" si="197"/>
        <v/>
      </c>
      <c r="BR313" s="402" t="str">
        <f t="shared" si="198"/>
        <v/>
      </c>
      <c r="BS313" s="402" t="str">
        <f t="shared" si="199"/>
        <v/>
      </c>
      <c r="BT313" s="402" t="str">
        <f t="shared" si="200"/>
        <v/>
      </c>
      <c r="BU313" s="402" t="str">
        <f t="shared" si="201"/>
        <v/>
      </c>
      <c r="BV313" s="402" t="str">
        <f t="shared" si="202"/>
        <v/>
      </c>
      <c r="BW313" s="402" t="str">
        <f t="shared" si="203"/>
        <v/>
      </c>
      <c r="BX313" s="402" t="str">
        <f t="shared" si="204"/>
        <v/>
      </c>
      <c r="BY313" s="402">
        <f t="shared" si="205"/>
        <v>37618</v>
      </c>
      <c r="BZ313" s="402" t="str">
        <f t="shared" si="206"/>
        <v/>
      </c>
      <c r="CA313" s="402" t="str">
        <f t="shared" si="207"/>
        <v/>
      </c>
      <c r="CB313" s="402" t="str">
        <f t="shared" si="208"/>
        <v/>
      </c>
      <c r="CC313" s="402" t="str">
        <f t="shared" si="209"/>
        <v/>
      </c>
      <c r="CD313" s="402" t="str">
        <f t="shared" si="210"/>
        <v/>
      </c>
      <c r="CE313" s="402" t="str">
        <f t="shared" si="211"/>
        <v/>
      </c>
      <c r="CF313" s="402" t="str">
        <f t="shared" si="212"/>
        <v/>
      </c>
      <c r="CG313" s="402" t="str">
        <f t="shared" si="213"/>
        <v/>
      </c>
      <c r="CH313" s="402"/>
      <c r="CI313" s="402"/>
      <c r="CJ313" s="402"/>
      <c r="CK313" s="402"/>
      <c r="CL313" s="402"/>
      <c r="CM313" s="402"/>
      <c r="CN313" s="402"/>
      <c r="CO313" s="402"/>
      <c r="CP313" s="402"/>
      <c r="CQ313" s="402"/>
      <c r="CR313" s="402"/>
      <c r="CS313" s="402"/>
      <c r="CT313" s="402"/>
      <c r="CU313" s="402"/>
      <c r="CV313" s="402"/>
      <c r="CW313" s="402"/>
      <c r="CX313" s="402"/>
      <c r="CY313" s="402"/>
      <c r="CZ313" s="402"/>
      <c r="DA313" s="402"/>
      <c r="DB313" s="402"/>
      <c r="DC313" s="402"/>
      <c r="DD313" s="309" t="s">
        <v>660</v>
      </c>
      <c r="DE313" s="309"/>
      <c r="DF313" s="404" t="s">
        <v>661</v>
      </c>
    </row>
    <row r="314" spans="3:110" s="401" customFormat="1" ht="56.1" customHeight="1" x14ac:dyDescent="0.2">
      <c r="C314" s="420">
        <v>673</v>
      </c>
      <c r="D314" s="420" t="s">
        <v>2481</v>
      </c>
      <c r="E314" s="96" t="s">
        <v>53</v>
      </c>
      <c r="F314" s="96" t="s">
        <v>655</v>
      </c>
      <c r="G314" s="310" t="s">
        <v>656</v>
      </c>
      <c r="H314" s="310" t="s">
        <v>821</v>
      </c>
      <c r="I314" s="310" t="s">
        <v>717</v>
      </c>
      <c r="J314" s="310"/>
      <c r="K314" s="310" t="s">
        <v>90</v>
      </c>
      <c r="L314" s="310" t="s">
        <v>63</v>
      </c>
      <c r="M314" s="325" t="s">
        <v>81</v>
      </c>
      <c r="N314" s="310" t="s">
        <v>77</v>
      </c>
      <c r="O314" s="325" t="s">
        <v>225</v>
      </c>
      <c r="P314" s="309" t="s">
        <v>63</v>
      </c>
      <c r="Q314" s="309" t="s">
        <v>63</v>
      </c>
      <c r="R314" s="309">
        <v>125393</v>
      </c>
      <c r="S314" s="309">
        <f t="shared" si="214"/>
        <v>125393</v>
      </c>
      <c r="T314" s="309" t="s">
        <v>718</v>
      </c>
      <c r="U314" s="309" t="s">
        <v>65</v>
      </c>
      <c r="V314" s="309"/>
      <c r="W314" s="309"/>
      <c r="X314" s="309"/>
      <c r="Y314" s="309"/>
      <c r="Z314" s="309"/>
      <c r="AA314" s="309"/>
      <c r="AB314" s="309"/>
      <c r="AC314" s="309"/>
      <c r="AD314" s="309"/>
      <c r="AE314" s="309"/>
      <c r="AF314" s="309"/>
      <c r="AG314" s="309"/>
      <c r="AH314" s="309"/>
      <c r="AI314" s="309"/>
      <c r="AJ314" s="309"/>
      <c r="AK314" s="309"/>
      <c r="AL314" s="309"/>
      <c r="AM314" s="309"/>
      <c r="AN314" s="309"/>
      <c r="AO314" s="309"/>
      <c r="AP314" s="309"/>
      <c r="AQ314" s="309"/>
      <c r="AR314" s="309"/>
      <c r="AS314" s="309"/>
      <c r="AT314" s="309"/>
      <c r="AU314" s="309"/>
      <c r="AV314" s="309"/>
      <c r="AW314" s="309"/>
      <c r="AX314" s="309"/>
      <c r="AY314" s="309"/>
      <c r="AZ314" s="309"/>
      <c r="BA314" s="308">
        <f t="shared" si="182"/>
        <v>0</v>
      </c>
      <c r="BB314" s="309"/>
      <c r="BC314" s="402" t="str">
        <f t="shared" si="183"/>
        <v/>
      </c>
      <c r="BD314" s="402" t="str">
        <f t="shared" si="184"/>
        <v/>
      </c>
      <c r="BE314" s="402" t="str">
        <f t="shared" si="185"/>
        <v/>
      </c>
      <c r="BF314" s="402" t="str">
        <f t="shared" si="186"/>
        <v/>
      </c>
      <c r="BG314" s="402" t="str">
        <f t="shared" si="187"/>
        <v/>
      </c>
      <c r="BH314" s="402" t="str">
        <f t="shared" si="188"/>
        <v/>
      </c>
      <c r="BI314" s="402" t="str">
        <f t="shared" si="189"/>
        <v/>
      </c>
      <c r="BJ314" s="402" t="str">
        <f t="shared" si="190"/>
        <v/>
      </c>
      <c r="BK314" s="402" t="str">
        <f t="shared" si="191"/>
        <v/>
      </c>
      <c r="BL314" s="402" t="str">
        <f t="shared" si="192"/>
        <v/>
      </c>
      <c r="BM314" s="402" t="str">
        <f t="shared" si="193"/>
        <v/>
      </c>
      <c r="BN314" s="402" t="str">
        <f t="shared" si="194"/>
        <v/>
      </c>
      <c r="BO314" s="402" t="str">
        <f t="shared" si="195"/>
        <v/>
      </c>
      <c r="BP314" s="402" t="str">
        <f t="shared" si="196"/>
        <v/>
      </c>
      <c r="BQ314" s="402" t="str">
        <f t="shared" si="197"/>
        <v/>
      </c>
      <c r="BR314" s="402" t="str">
        <f t="shared" si="198"/>
        <v/>
      </c>
      <c r="BS314" s="402" t="str">
        <f t="shared" si="199"/>
        <v/>
      </c>
      <c r="BT314" s="402" t="str">
        <f t="shared" si="200"/>
        <v/>
      </c>
      <c r="BU314" s="402" t="str">
        <f t="shared" si="201"/>
        <v/>
      </c>
      <c r="BV314" s="402" t="str">
        <f t="shared" si="202"/>
        <v/>
      </c>
      <c r="BW314" s="402" t="str">
        <f t="shared" si="203"/>
        <v/>
      </c>
      <c r="BX314" s="402" t="str">
        <f t="shared" si="204"/>
        <v/>
      </c>
      <c r="BY314" s="402" t="str">
        <f t="shared" si="205"/>
        <v/>
      </c>
      <c r="BZ314" s="402" t="str">
        <f t="shared" si="206"/>
        <v/>
      </c>
      <c r="CA314" s="402" t="str">
        <f t="shared" si="207"/>
        <v/>
      </c>
      <c r="CB314" s="402" t="str">
        <f t="shared" si="208"/>
        <v/>
      </c>
      <c r="CC314" s="402" t="str">
        <f t="shared" si="209"/>
        <v/>
      </c>
      <c r="CD314" s="402" t="str">
        <f t="shared" si="210"/>
        <v/>
      </c>
      <c r="CE314" s="402" t="str">
        <f t="shared" si="211"/>
        <v/>
      </c>
      <c r="CF314" s="402" t="str">
        <f t="shared" si="212"/>
        <v/>
      </c>
      <c r="CG314" s="402" t="str">
        <f t="shared" si="213"/>
        <v/>
      </c>
      <c r="CH314" s="402"/>
      <c r="CI314" s="402"/>
      <c r="CJ314" s="402"/>
      <c r="CK314" s="402"/>
      <c r="CL314" s="402"/>
      <c r="CM314" s="402"/>
      <c r="CN314" s="402"/>
      <c r="CO314" s="402"/>
      <c r="CP314" s="402"/>
      <c r="CQ314" s="402"/>
      <c r="CR314" s="402"/>
      <c r="CS314" s="402"/>
      <c r="CT314" s="402"/>
      <c r="CU314" s="402"/>
      <c r="CV314" s="402"/>
      <c r="CW314" s="402"/>
      <c r="CX314" s="402"/>
      <c r="CY314" s="402"/>
      <c r="CZ314" s="402"/>
      <c r="DA314" s="402"/>
      <c r="DB314" s="402"/>
      <c r="DC314" s="402"/>
      <c r="DD314" s="309" t="s">
        <v>660</v>
      </c>
      <c r="DE314" s="309"/>
      <c r="DF314" s="404" t="s">
        <v>661</v>
      </c>
    </row>
    <row r="315" spans="3:110" s="401" customFormat="1" ht="56.1" customHeight="1" x14ac:dyDescent="0.2">
      <c r="C315" s="420">
        <v>674</v>
      </c>
      <c r="D315" s="420" t="s">
        <v>2481</v>
      </c>
      <c r="E315" s="96" t="s">
        <v>53</v>
      </c>
      <c r="F315" s="96" t="s">
        <v>655</v>
      </c>
      <c r="G315" s="310" t="s">
        <v>656</v>
      </c>
      <c r="H315" s="310" t="s">
        <v>822</v>
      </c>
      <c r="I315" s="310" t="s">
        <v>715</v>
      </c>
      <c r="J315" s="310"/>
      <c r="K315" s="310" t="s">
        <v>90</v>
      </c>
      <c r="L315" s="310" t="s">
        <v>63</v>
      </c>
      <c r="M315" s="325" t="s">
        <v>81</v>
      </c>
      <c r="N315" s="310" t="s">
        <v>77</v>
      </c>
      <c r="O315" s="325" t="s">
        <v>225</v>
      </c>
      <c r="P315" s="309" t="s">
        <v>63</v>
      </c>
      <c r="Q315" s="309" t="s">
        <v>63</v>
      </c>
      <c r="R315" s="410"/>
      <c r="S315" s="410"/>
      <c r="T315" s="309" t="s">
        <v>718</v>
      </c>
      <c r="U315" s="309" t="s">
        <v>65</v>
      </c>
      <c r="V315" s="309"/>
      <c r="W315" s="309"/>
      <c r="X315" s="309"/>
      <c r="Y315" s="309"/>
      <c r="Z315" s="309"/>
      <c r="AA315" s="309"/>
      <c r="AB315" s="309"/>
      <c r="AC315" s="309"/>
      <c r="AD315" s="309"/>
      <c r="AE315" s="309"/>
      <c r="AF315" s="309"/>
      <c r="AG315" s="309"/>
      <c r="AH315" s="309"/>
      <c r="AI315" s="309"/>
      <c r="AJ315" s="309"/>
      <c r="AK315" s="309"/>
      <c r="AL315" s="309"/>
      <c r="AM315" s="309"/>
      <c r="AN315" s="309"/>
      <c r="AO315" s="309"/>
      <c r="AP315" s="309"/>
      <c r="AQ315" s="309"/>
      <c r="AR315" s="309"/>
      <c r="AS315" s="309"/>
      <c r="AT315" s="309"/>
      <c r="AU315" s="309"/>
      <c r="AV315" s="309"/>
      <c r="AW315" s="309"/>
      <c r="AX315" s="309"/>
      <c r="AY315" s="309"/>
      <c r="AZ315" s="309"/>
      <c r="BA315" s="308">
        <f t="shared" si="182"/>
        <v>0</v>
      </c>
      <c r="BB315" s="309"/>
      <c r="BC315" s="402" t="str">
        <f t="shared" si="183"/>
        <v/>
      </c>
      <c r="BD315" s="402" t="str">
        <f t="shared" si="184"/>
        <v/>
      </c>
      <c r="BE315" s="402" t="str">
        <f t="shared" si="185"/>
        <v/>
      </c>
      <c r="BF315" s="402" t="str">
        <f t="shared" si="186"/>
        <v/>
      </c>
      <c r="BG315" s="402" t="str">
        <f t="shared" si="187"/>
        <v/>
      </c>
      <c r="BH315" s="402" t="str">
        <f t="shared" si="188"/>
        <v/>
      </c>
      <c r="BI315" s="402" t="str">
        <f t="shared" si="189"/>
        <v/>
      </c>
      <c r="BJ315" s="402" t="str">
        <f t="shared" si="190"/>
        <v/>
      </c>
      <c r="BK315" s="402" t="str">
        <f t="shared" si="191"/>
        <v/>
      </c>
      <c r="BL315" s="402" t="str">
        <f t="shared" si="192"/>
        <v/>
      </c>
      <c r="BM315" s="402" t="str">
        <f t="shared" si="193"/>
        <v/>
      </c>
      <c r="BN315" s="402" t="str">
        <f t="shared" si="194"/>
        <v/>
      </c>
      <c r="BO315" s="402" t="str">
        <f t="shared" si="195"/>
        <v/>
      </c>
      <c r="BP315" s="402" t="str">
        <f t="shared" si="196"/>
        <v/>
      </c>
      <c r="BQ315" s="402" t="str">
        <f t="shared" si="197"/>
        <v/>
      </c>
      <c r="BR315" s="402" t="str">
        <f t="shared" si="198"/>
        <v/>
      </c>
      <c r="BS315" s="402" t="str">
        <f t="shared" si="199"/>
        <v/>
      </c>
      <c r="BT315" s="402" t="str">
        <f t="shared" si="200"/>
        <v/>
      </c>
      <c r="BU315" s="402" t="str">
        <f t="shared" si="201"/>
        <v/>
      </c>
      <c r="BV315" s="402" t="str">
        <f t="shared" si="202"/>
        <v/>
      </c>
      <c r="BW315" s="402" t="str">
        <f t="shared" si="203"/>
        <v/>
      </c>
      <c r="BX315" s="402" t="str">
        <f t="shared" si="204"/>
        <v/>
      </c>
      <c r="BY315" s="402" t="str">
        <f t="shared" si="205"/>
        <v/>
      </c>
      <c r="BZ315" s="402" t="str">
        <f t="shared" si="206"/>
        <v/>
      </c>
      <c r="CA315" s="402" t="str">
        <f t="shared" si="207"/>
        <v/>
      </c>
      <c r="CB315" s="402" t="str">
        <f t="shared" si="208"/>
        <v/>
      </c>
      <c r="CC315" s="402" t="str">
        <f t="shared" si="209"/>
        <v/>
      </c>
      <c r="CD315" s="402" t="str">
        <f t="shared" si="210"/>
        <v/>
      </c>
      <c r="CE315" s="402" t="str">
        <f t="shared" si="211"/>
        <v/>
      </c>
      <c r="CF315" s="402" t="str">
        <f t="shared" si="212"/>
        <v/>
      </c>
      <c r="CG315" s="402" t="str">
        <f t="shared" si="213"/>
        <v/>
      </c>
      <c r="CH315" s="402"/>
      <c r="CI315" s="402"/>
      <c r="CJ315" s="402"/>
      <c r="CK315" s="402"/>
      <c r="CL315" s="402"/>
      <c r="CM315" s="402"/>
      <c r="CN315" s="402"/>
      <c r="CO315" s="402"/>
      <c r="CP315" s="402"/>
      <c r="CQ315" s="402"/>
      <c r="CR315" s="402"/>
      <c r="CS315" s="402"/>
      <c r="CT315" s="402"/>
      <c r="CU315" s="402"/>
      <c r="CV315" s="402"/>
      <c r="CW315" s="402"/>
      <c r="CX315" s="402"/>
      <c r="CY315" s="402"/>
      <c r="CZ315" s="402"/>
      <c r="DA315" s="402"/>
      <c r="DB315" s="402"/>
      <c r="DC315" s="402"/>
      <c r="DD315" s="309" t="s">
        <v>660</v>
      </c>
      <c r="DE315" s="309"/>
      <c r="DF315" s="404" t="s">
        <v>661</v>
      </c>
    </row>
    <row r="316" spans="3:110" s="401" customFormat="1" ht="56.1" customHeight="1" x14ac:dyDescent="0.2">
      <c r="C316" s="420">
        <v>675</v>
      </c>
      <c r="D316" s="420" t="s">
        <v>2481</v>
      </c>
      <c r="E316" s="96" t="s">
        <v>53</v>
      </c>
      <c r="F316" s="96" t="s">
        <v>655</v>
      </c>
      <c r="G316" s="310" t="s">
        <v>656</v>
      </c>
      <c r="H316" s="310" t="s">
        <v>823</v>
      </c>
      <c r="I316" s="310" t="s">
        <v>717</v>
      </c>
      <c r="J316" s="310"/>
      <c r="K316" s="310" t="s">
        <v>90</v>
      </c>
      <c r="L316" s="310" t="s">
        <v>63</v>
      </c>
      <c r="M316" s="325" t="s">
        <v>81</v>
      </c>
      <c r="N316" s="310" t="s">
        <v>77</v>
      </c>
      <c r="O316" s="325" t="s">
        <v>225</v>
      </c>
      <c r="P316" s="309" t="s">
        <v>63</v>
      </c>
      <c r="Q316" s="309" t="s">
        <v>63</v>
      </c>
      <c r="R316" s="309">
        <v>18809</v>
      </c>
      <c r="S316" s="309">
        <f>R316</f>
        <v>18809</v>
      </c>
      <c r="T316" s="309" t="s">
        <v>718</v>
      </c>
      <c r="U316" s="309" t="s">
        <v>65</v>
      </c>
      <c r="V316" s="309"/>
      <c r="W316" s="309"/>
      <c r="X316" s="309"/>
      <c r="Y316" s="309"/>
      <c r="Z316" s="309"/>
      <c r="AA316" s="309"/>
      <c r="AB316" s="309"/>
      <c r="AC316" s="309"/>
      <c r="AD316" s="309"/>
      <c r="AE316" s="309"/>
      <c r="AF316" s="309"/>
      <c r="AG316" s="309"/>
      <c r="AH316" s="309"/>
      <c r="AI316" s="309"/>
      <c r="AJ316" s="309"/>
      <c r="AK316" s="309"/>
      <c r="AL316" s="309"/>
      <c r="AM316" s="309"/>
      <c r="AN316" s="309"/>
      <c r="AO316" s="309"/>
      <c r="AP316" s="309"/>
      <c r="AQ316" s="309"/>
      <c r="AR316" s="309"/>
      <c r="AS316" s="309"/>
      <c r="AT316" s="309"/>
      <c r="AU316" s="309"/>
      <c r="AV316" s="309"/>
      <c r="AW316" s="309"/>
      <c r="AX316" s="309"/>
      <c r="AY316" s="309"/>
      <c r="AZ316" s="309"/>
      <c r="BA316" s="308">
        <f t="shared" si="182"/>
        <v>0</v>
      </c>
      <c r="BB316" s="309"/>
      <c r="BC316" s="402" t="str">
        <f t="shared" si="183"/>
        <v/>
      </c>
      <c r="BD316" s="402" t="str">
        <f t="shared" si="184"/>
        <v/>
      </c>
      <c r="BE316" s="402" t="str">
        <f t="shared" si="185"/>
        <v/>
      </c>
      <c r="BF316" s="402" t="str">
        <f t="shared" si="186"/>
        <v/>
      </c>
      <c r="BG316" s="402" t="str">
        <f t="shared" si="187"/>
        <v/>
      </c>
      <c r="BH316" s="402" t="str">
        <f t="shared" si="188"/>
        <v/>
      </c>
      <c r="BI316" s="402" t="str">
        <f t="shared" si="189"/>
        <v/>
      </c>
      <c r="BJ316" s="402" t="str">
        <f t="shared" si="190"/>
        <v/>
      </c>
      <c r="BK316" s="402" t="str">
        <f t="shared" si="191"/>
        <v/>
      </c>
      <c r="BL316" s="402" t="str">
        <f t="shared" si="192"/>
        <v/>
      </c>
      <c r="BM316" s="402" t="str">
        <f t="shared" si="193"/>
        <v/>
      </c>
      <c r="BN316" s="402" t="str">
        <f t="shared" si="194"/>
        <v/>
      </c>
      <c r="BO316" s="402" t="str">
        <f t="shared" si="195"/>
        <v/>
      </c>
      <c r="BP316" s="402" t="str">
        <f t="shared" si="196"/>
        <v/>
      </c>
      <c r="BQ316" s="402" t="str">
        <f t="shared" si="197"/>
        <v/>
      </c>
      <c r="BR316" s="402" t="str">
        <f t="shared" si="198"/>
        <v/>
      </c>
      <c r="BS316" s="402" t="str">
        <f t="shared" si="199"/>
        <v/>
      </c>
      <c r="BT316" s="402" t="str">
        <f t="shared" si="200"/>
        <v/>
      </c>
      <c r="BU316" s="402" t="str">
        <f t="shared" si="201"/>
        <v/>
      </c>
      <c r="BV316" s="402" t="str">
        <f t="shared" si="202"/>
        <v/>
      </c>
      <c r="BW316" s="402" t="str">
        <f t="shared" si="203"/>
        <v/>
      </c>
      <c r="BX316" s="402" t="str">
        <f t="shared" si="204"/>
        <v/>
      </c>
      <c r="BY316" s="402" t="str">
        <f t="shared" si="205"/>
        <v/>
      </c>
      <c r="BZ316" s="402" t="str">
        <f t="shared" si="206"/>
        <v/>
      </c>
      <c r="CA316" s="402" t="str">
        <f t="shared" si="207"/>
        <v/>
      </c>
      <c r="CB316" s="402" t="str">
        <f t="shared" si="208"/>
        <v/>
      </c>
      <c r="CC316" s="402" t="str">
        <f t="shared" si="209"/>
        <v/>
      </c>
      <c r="CD316" s="402" t="str">
        <f t="shared" si="210"/>
        <v/>
      </c>
      <c r="CE316" s="402" t="str">
        <f t="shared" si="211"/>
        <v/>
      </c>
      <c r="CF316" s="402" t="str">
        <f t="shared" si="212"/>
        <v/>
      </c>
      <c r="CG316" s="402" t="str">
        <f t="shared" si="213"/>
        <v/>
      </c>
      <c r="CH316" s="402"/>
      <c r="CI316" s="402"/>
      <c r="CJ316" s="402"/>
      <c r="CK316" s="402"/>
      <c r="CL316" s="402"/>
      <c r="CM316" s="402"/>
      <c r="CN316" s="402"/>
      <c r="CO316" s="402"/>
      <c r="CP316" s="402"/>
      <c r="CQ316" s="402"/>
      <c r="CR316" s="402"/>
      <c r="CS316" s="402"/>
      <c r="CT316" s="402"/>
      <c r="CU316" s="402"/>
      <c r="CV316" s="402"/>
      <c r="CW316" s="402"/>
      <c r="CX316" s="402"/>
      <c r="CY316" s="402"/>
      <c r="CZ316" s="402"/>
      <c r="DA316" s="402"/>
      <c r="DB316" s="402"/>
      <c r="DC316" s="402"/>
      <c r="DD316" s="309" t="s">
        <v>660</v>
      </c>
      <c r="DE316" s="309"/>
      <c r="DF316" s="404" t="s">
        <v>661</v>
      </c>
    </row>
    <row r="317" spans="3:110" s="120" customFormat="1" ht="90" customHeight="1" x14ac:dyDescent="0.2">
      <c r="C317" s="368">
        <v>894</v>
      </c>
      <c r="D317" s="420" t="s">
        <v>2481</v>
      </c>
      <c r="E317" s="369" t="s">
        <v>53</v>
      </c>
      <c r="F317" s="369" t="s">
        <v>655</v>
      </c>
      <c r="G317" s="231" t="s">
        <v>1292</v>
      </c>
      <c r="H317" s="231" t="s">
        <v>1293</v>
      </c>
      <c r="I317" s="231" t="s">
        <v>1294</v>
      </c>
      <c r="J317" s="231"/>
      <c r="K317" s="232" t="s">
        <v>58</v>
      </c>
      <c r="L317" s="231" t="s">
        <v>1295</v>
      </c>
      <c r="M317" s="231" t="s">
        <v>81</v>
      </c>
      <c r="N317" s="232" t="s">
        <v>1296</v>
      </c>
      <c r="O317" s="233" t="s">
        <v>225</v>
      </c>
      <c r="P317" s="84" t="s">
        <v>63</v>
      </c>
      <c r="Q317" s="84" t="s">
        <v>63</v>
      </c>
      <c r="R317" s="342">
        <v>3685000</v>
      </c>
      <c r="S317" s="342">
        <v>3685000</v>
      </c>
      <c r="T317" s="343" t="s">
        <v>1297</v>
      </c>
      <c r="U317" s="344" t="s">
        <v>65</v>
      </c>
      <c r="V317" s="345"/>
      <c r="W317" s="345"/>
      <c r="X317" s="345"/>
      <c r="Y317" s="345"/>
      <c r="Z317" s="345"/>
      <c r="AA317" s="345"/>
      <c r="AB317" s="345"/>
      <c r="AC317" s="345"/>
      <c r="AD317" s="345"/>
      <c r="AE317" s="345"/>
      <c r="AF317" s="345"/>
      <c r="AG317" s="345"/>
      <c r="AH317" s="345"/>
      <c r="AI317" s="345"/>
      <c r="AJ317" s="345"/>
      <c r="AK317" s="345"/>
      <c r="AL317" s="345"/>
      <c r="AM317" s="345"/>
      <c r="AN317" s="345"/>
      <c r="AO317" s="345"/>
      <c r="AP317" s="345"/>
      <c r="AQ317" s="345"/>
      <c r="AR317" s="345"/>
      <c r="AS317" s="345"/>
      <c r="AT317" s="345"/>
      <c r="AU317" s="345"/>
      <c r="AV317" s="345"/>
      <c r="AW317" s="345"/>
      <c r="AX317" s="345"/>
      <c r="AY317" s="345"/>
      <c r="AZ317" s="345"/>
      <c r="BA317" s="238">
        <f t="shared" si="182"/>
        <v>0</v>
      </c>
      <c r="BB317" s="84"/>
      <c r="BC317" s="336" t="str">
        <f t="shared" si="183"/>
        <v/>
      </c>
      <c r="BD317" s="336" t="str">
        <f t="shared" si="184"/>
        <v/>
      </c>
      <c r="BE317" s="336" t="str">
        <f t="shared" si="185"/>
        <v/>
      </c>
      <c r="BF317" s="336" t="str">
        <f t="shared" si="186"/>
        <v/>
      </c>
      <c r="BG317" s="336" t="str">
        <f t="shared" si="187"/>
        <v/>
      </c>
      <c r="BH317" s="336" t="str">
        <f t="shared" si="188"/>
        <v/>
      </c>
      <c r="BI317" s="336" t="str">
        <f t="shared" si="189"/>
        <v/>
      </c>
      <c r="BJ317" s="336" t="str">
        <f t="shared" si="190"/>
        <v/>
      </c>
      <c r="BK317" s="336" t="str">
        <f t="shared" si="191"/>
        <v/>
      </c>
      <c r="BL317" s="336" t="str">
        <f t="shared" si="192"/>
        <v/>
      </c>
      <c r="BM317" s="336" t="str">
        <f t="shared" si="193"/>
        <v/>
      </c>
      <c r="BN317" s="336" t="str">
        <f t="shared" si="194"/>
        <v/>
      </c>
      <c r="BO317" s="336" t="str">
        <f t="shared" si="195"/>
        <v/>
      </c>
      <c r="BP317" s="336" t="str">
        <f t="shared" si="196"/>
        <v/>
      </c>
      <c r="BQ317" s="336" t="str">
        <f t="shared" si="197"/>
        <v/>
      </c>
      <c r="BR317" s="336" t="str">
        <f t="shared" si="198"/>
        <v/>
      </c>
      <c r="BS317" s="336" t="str">
        <f t="shared" si="199"/>
        <v/>
      </c>
      <c r="BT317" s="336" t="str">
        <f t="shared" si="200"/>
        <v/>
      </c>
      <c r="BU317" s="336" t="str">
        <f t="shared" si="201"/>
        <v/>
      </c>
      <c r="BV317" s="336" t="str">
        <f t="shared" si="202"/>
        <v/>
      </c>
      <c r="BW317" s="336" t="str">
        <f t="shared" si="203"/>
        <v/>
      </c>
      <c r="BX317" s="336" t="str">
        <f t="shared" si="204"/>
        <v/>
      </c>
      <c r="BY317" s="336" t="str">
        <f t="shared" si="205"/>
        <v/>
      </c>
      <c r="BZ317" s="336" t="str">
        <f t="shared" si="206"/>
        <v/>
      </c>
      <c r="CA317" s="336" t="str">
        <f t="shared" si="207"/>
        <v/>
      </c>
      <c r="CB317" s="336" t="str">
        <f t="shared" si="208"/>
        <v/>
      </c>
      <c r="CC317" s="336" t="str">
        <f t="shared" si="209"/>
        <v/>
      </c>
      <c r="CD317" s="336" t="str">
        <f t="shared" si="210"/>
        <v/>
      </c>
      <c r="CE317" s="336" t="str">
        <f t="shared" si="211"/>
        <v/>
      </c>
      <c r="CF317" s="336" t="str">
        <f t="shared" si="212"/>
        <v/>
      </c>
      <c r="CG317" s="336" t="str">
        <f t="shared" si="213"/>
        <v/>
      </c>
      <c r="CH317" s="336"/>
      <c r="CI317" s="336"/>
      <c r="CJ317" s="336"/>
      <c r="CK317" s="336"/>
      <c r="CL317" s="336"/>
      <c r="CM317" s="336"/>
      <c r="CN317" s="336"/>
      <c r="CO317" s="336"/>
      <c r="CP317" s="336"/>
      <c r="CQ317" s="336"/>
      <c r="CR317" s="336"/>
      <c r="CS317" s="336"/>
      <c r="CT317" s="336"/>
      <c r="CU317" s="336"/>
      <c r="CV317" s="336"/>
      <c r="CW317" s="336"/>
      <c r="CX317" s="336"/>
      <c r="CY317" s="336"/>
      <c r="CZ317" s="336"/>
      <c r="DA317" s="336"/>
      <c r="DB317" s="336"/>
      <c r="DC317" s="336"/>
      <c r="DD317" s="345"/>
      <c r="DE317" s="345"/>
      <c r="DF317" s="345"/>
    </row>
    <row r="318" spans="3:110" s="120" customFormat="1" ht="171" x14ac:dyDescent="0.2">
      <c r="C318" s="368">
        <v>601</v>
      </c>
      <c r="D318" s="368" t="s">
        <v>2481</v>
      </c>
      <c r="E318" s="369" t="s">
        <v>53</v>
      </c>
      <c r="F318" s="369" t="s">
        <v>655</v>
      </c>
      <c r="G318" s="232" t="s">
        <v>656</v>
      </c>
      <c r="H318" s="232" t="s">
        <v>662</v>
      </c>
      <c r="I318" s="232" t="s">
        <v>663</v>
      </c>
      <c r="J318" s="232"/>
      <c r="K318" s="232" t="s">
        <v>86</v>
      </c>
      <c r="L318" s="232" t="s">
        <v>63</v>
      </c>
      <c r="M318" s="334" t="s">
        <v>81</v>
      </c>
      <c r="N318" s="232" t="s">
        <v>77</v>
      </c>
      <c r="O318" s="334" t="s">
        <v>225</v>
      </c>
      <c r="P318" s="84" t="s">
        <v>63</v>
      </c>
      <c r="Q318" s="84" t="s">
        <v>63</v>
      </c>
      <c r="R318" s="411">
        <v>157995</v>
      </c>
      <c r="S318" s="84">
        <f t="shared" ref="S318:S327" si="215">R318</f>
        <v>157995</v>
      </c>
      <c r="T318" s="84" t="s">
        <v>659</v>
      </c>
      <c r="U318" s="84" t="s">
        <v>65</v>
      </c>
      <c r="V318" s="84"/>
      <c r="W318" s="84"/>
      <c r="X318" s="84"/>
      <c r="Y318" s="84"/>
      <c r="Z318" s="84"/>
      <c r="AA318" s="84"/>
      <c r="AB318" s="84"/>
      <c r="AC318" s="84"/>
      <c r="AD318" s="84"/>
      <c r="AE318" s="84"/>
      <c r="AF318" s="84"/>
      <c r="AG318" s="84"/>
      <c r="AH318" s="84"/>
      <c r="AI318" s="84"/>
      <c r="AJ318" s="84"/>
      <c r="AK318" s="84"/>
      <c r="AL318" s="84"/>
      <c r="AM318" s="336" t="s">
        <v>66</v>
      </c>
      <c r="AN318" s="336" t="s">
        <v>66</v>
      </c>
      <c r="AO318" s="336" t="s">
        <v>66</v>
      </c>
      <c r="AP318" s="336" t="s">
        <v>66</v>
      </c>
      <c r="AQ318" s="84"/>
      <c r="AR318" s="84"/>
      <c r="AS318" s="84"/>
      <c r="AT318" s="84"/>
      <c r="AU318" s="84"/>
      <c r="AV318" s="84"/>
      <c r="AW318" s="84"/>
      <c r="AX318" s="84"/>
      <c r="AY318" s="84"/>
      <c r="AZ318" s="84"/>
      <c r="BA318" s="238">
        <f>SUMIF(V318:AZ318,"YES",'DRAFT - HGC Schemes'!$AB$5:$BF$5)</f>
        <v>0</v>
      </c>
      <c r="BB318" s="84" t="e">
        <f t="shared" ref="BB318:BB327" si="216">S318/BA318</f>
        <v>#DIV/0!</v>
      </c>
      <c r="BC318" s="336" t="str">
        <f>IF(V318="yes",('DRAFT - HGC Schemes'!AB$5*$BB318),"")</f>
        <v/>
      </c>
      <c r="BD318" s="336" t="str">
        <f>IF(W318="yes",('DRAFT - HGC Schemes'!AC$5*$BB318),"")</f>
        <v/>
      </c>
      <c r="BE318" s="336" t="str">
        <f>IF(X318="yes",('DRAFT - HGC Schemes'!AD$5*$BB318),"")</f>
        <v/>
      </c>
      <c r="BF318" s="336" t="str">
        <f>IF(Y318="yes",('DRAFT - HGC Schemes'!AE$5*$BB318),"")</f>
        <v/>
      </c>
      <c r="BG318" s="336" t="str">
        <f>IF(Z318="yes",('DRAFT - HGC Schemes'!AF$5*$BB318),"")</f>
        <v/>
      </c>
      <c r="BH318" s="336" t="str">
        <f>IF(AA318="yes",('DRAFT - HGC Schemes'!AG$5*$BB318),"")</f>
        <v/>
      </c>
      <c r="BI318" s="336" t="str">
        <f>IF(AB318="yes",('DRAFT - HGC Schemes'!AH$5*$BB318),"")</f>
        <v/>
      </c>
      <c r="BJ318" s="336" t="str">
        <f>IF(AC318="yes",('DRAFT - HGC Schemes'!AI$5*$BB318),"")</f>
        <v/>
      </c>
      <c r="BK318" s="336" t="str">
        <f>IF(AD318="yes",('DRAFT - HGC Schemes'!AJ$5*$BB318),"")</f>
        <v/>
      </c>
      <c r="BL318" s="336" t="str">
        <f>IF(AE318="yes",('DRAFT - HGC Schemes'!AK$5*$BB318),"")</f>
        <v/>
      </c>
      <c r="BM318" s="336" t="str">
        <f>IF(AF318="yes",('DRAFT - HGC Schemes'!AL$5*$BB318),"")</f>
        <v/>
      </c>
      <c r="BN318" s="336" t="str">
        <f>IF(AG318="yes",('DRAFT - HGC Schemes'!AM$5*$BB318),"")</f>
        <v/>
      </c>
      <c r="BO318" s="336" t="str">
        <f>IF(AH318="yes",('DRAFT - HGC Schemes'!AN$5*$BB318),"")</f>
        <v/>
      </c>
      <c r="BP318" s="336" t="str">
        <f>IF(AI318="yes",('DRAFT - HGC Schemes'!AO$5*$BB318),"")</f>
        <v/>
      </c>
      <c r="BQ318" s="336" t="str">
        <f>IF(AJ318="yes",('DRAFT - HGC Schemes'!AP$5*$BB318),"")</f>
        <v/>
      </c>
      <c r="BR318" s="336" t="str">
        <f>IF(AK318="yes",('DRAFT - HGC Schemes'!AQ$5*$BB318),"")</f>
        <v/>
      </c>
      <c r="BS318" s="336" t="str">
        <f>IF(AL318="yes",('DRAFT - HGC Schemes'!AR$5*$BB318),"")</f>
        <v/>
      </c>
      <c r="BT318" s="336" t="e">
        <f>IF(AM318="yes",('DRAFT - HGC Schemes'!AS$5*$BB318),"")</f>
        <v>#DIV/0!</v>
      </c>
      <c r="BU318" s="336" t="e">
        <f>IF(AN318="yes",('DRAFT - HGC Schemes'!AT$5*$BB318),"")</f>
        <v>#DIV/0!</v>
      </c>
      <c r="BV318" s="336" t="e">
        <f>IF(AO318="yes",('DRAFT - HGC Schemes'!AU$5*$BB318),"")</f>
        <v>#DIV/0!</v>
      </c>
      <c r="BW318" s="336" t="e">
        <f>IF(AP318="yes",('DRAFT - HGC Schemes'!AV$5*$BB318),"")</f>
        <v>#DIV/0!</v>
      </c>
      <c r="BX318" s="336" t="str">
        <f>IF(AQ318="yes",('DRAFT - HGC Schemes'!AW$5*$BB318),"")</f>
        <v/>
      </c>
      <c r="BY318" s="336" t="str">
        <f>IF(AR318="yes",('DRAFT - HGC Schemes'!AX$5*$BB318),"")</f>
        <v/>
      </c>
      <c r="BZ318" s="336" t="str">
        <f>IF(AS318="yes",('DRAFT - HGC Schemes'!AY$5*$BB318),"")</f>
        <v/>
      </c>
      <c r="CA318" s="336" t="str">
        <f>IF(AT318="yes",('DRAFT - HGC Schemes'!AZ$5*$BB318),"")</f>
        <v/>
      </c>
      <c r="CB318" s="336" t="str">
        <f>IF(AU318="yes",('DRAFT - HGC Schemes'!BA$5*$BB318),"")</f>
        <v/>
      </c>
      <c r="CC318" s="336" t="str">
        <f>IF(AV318="yes",('DRAFT - HGC Schemes'!BB$5*$BB318),"")</f>
        <v/>
      </c>
      <c r="CD318" s="336" t="str">
        <f>IF(AW318="yes",('DRAFT - HGC Schemes'!BC$5*$BB318),"")</f>
        <v/>
      </c>
      <c r="CE318" s="336" t="str">
        <f>IF(AX318="yes",('DRAFT - HGC Schemes'!BD$5*$BB318),"")</f>
        <v/>
      </c>
      <c r="CF318" s="336" t="str">
        <f>IF(AY318="yes",('DRAFT - HGC Schemes'!BE$5*$BB318),"")</f>
        <v/>
      </c>
      <c r="CG318" s="336" t="str">
        <f>IF(AZ318="yes",('DRAFT - HGC Schemes'!BF$5*$BB318),"")</f>
        <v/>
      </c>
      <c r="CH318" s="336"/>
      <c r="CI318" s="336"/>
      <c r="CJ318" s="336"/>
      <c r="CK318" s="336"/>
      <c r="CL318" s="336"/>
      <c r="CM318" s="336"/>
      <c r="CN318" s="336"/>
      <c r="CO318" s="336"/>
      <c r="CP318" s="336"/>
      <c r="CQ318" s="336"/>
      <c r="CR318" s="336"/>
      <c r="CS318" s="336"/>
      <c r="CT318" s="336"/>
      <c r="CU318" s="336"/>
      <c r="CV318" s="336"/>
      <c r="CW318" s="336"/>
      <c r="CX318" s="336"/>
      <c r="CY318" s="336"/>
      <c r="CZ318" s="336"/>
      <c r="DA318" s="336"/>
      <c r="DB318" s="336"/>
      <c r="DC318" s="336"/>
      <c r="DD318" s="84" t="s">
        <v>660</v>
      </c>
      <c r="DE318" s="84"/>
      <c r="DF318" s="399" t="s">
        <v>661</v>
      </c>
    </row>
    <row r="319" spans="3:110" s="120" customFormat="1" ht="71.25" x14ac:dyDescent="0.2">
      <c r="C319" s="368">
        <v>602</v>
      </c>
      <c r="D319" s="368" t="s">
        <v>2481</v>
      </c>
      <c r="E319" s="369" t="s">
        <v>53</v>
      </c>
      <c r="F319" s="369" t="s">
        <v>655</v>
      </c>
      <c r="G319" s="232" t="s">
        <v>656</v>
      </c>
      <c r="H319" s="232" t="s">
        <v>664</v>
      </c>
      <c r="I319" s="232" t="s">
        <v>665</v>
      </c>
      <c r="J319" s="232"/>
      <c r="K319" s="232" t="s">
        <v>86</v>
      </c>
      <c r="L319" s="232" t="s">
        <v>63</v>
      </c>
      <c r="M319" s="334" t="s">
        <v>81</v>
      </c>
      <c r="N319" s="232" t="s">
        <v>77</v>
      </c>
      <c r="O319" s="334" t="s">
        <v>225</v>
      </c>
      <c r="P319" s="84" t="s">
        <v>63</v>
      </c>
      <c r="Q319" s="84" t="s">
        <v>63</v>
      </c>
      <c r="R319" s="411">
        <v>100315</v>
      </c>
      <c r="S319" s="84">
        <f t="shared" si="215"/>
        <v>100315</v>
      </c>
      <c r="T319" s="84" t="s">
        <v>659</v>
      </c>
      <c r="U319" s="84" t="s">
        <v>65</v>
      </c>
      <c r="V319" s="84"/>
      <c r="W319" s="84"/>
      <c r="X319" s="84"/>
      <c r="Y319" s="84"/>
      <c r="Z319" s="84"/>
      <c r="AA319" s="84"/>
      <c r="AB319" s="84"/>
      <c r="AC319" s="84"/>
      <c r="AD319" s="84"/>
      <c r="AE319" s="84"/>
      <c r="AF319" s="84"/>
      <c r="AG319" s="84"/>
      <c r="AH319" s="84"/>
      <c r="AI319" s="84"/>
      <c r="AJ319" s="84"/>
      <c r="AK319" s="84"/>
      <c r="AL319" s="84"/>
      <c r="AM319" s="336" t="s">
        <v>66</v>
      </c>
      <c r="AN319" s="336" t="s">
        <v>66</v>
      </c>
      <c r="AO319" s="336" t="s">
        <v>66</v>
      </c>
      <c r="AP319" s="336" t="s">
        <v>66</v>
      </c>
      <c r="AQ319" s="84"/>
      <c r="AR319" s="84"/>
      <c r="AS319" s="84"/>
      <c r="AT319" s="84"/>
      <c r="AU319" s="84"/>
      <c r="AV319" s="84"/>
      <c r="AW319" s="84"/>
      <c r="AX319" s="84"/>
      <c r="AY319" s="84"/>
      <c r="AZ319" s="84"/>
      <c r="BA319" s="238">
        <f>SUMIF(V319:AZ319,"YES",'DRAFT - HGC Schemes'!$AB$5:$BF$5)</f>
        <v>0</v>
      </c>
      <c r="BB319" s="84" t="e">
        <f t="shared" si="216"/>
        <v>#DIV/0!</v>
      </c>
      <c r="BC319" s="336" t="str">
        <f>IF(V319="yes",('DRAFT - HGC Schemes'!AB$5*$BB319),"")</f>
        <v/>
      </c>
      <c r="BD319" s="336" t="str">
        <f>IF(W319="yes",('DRAFT - HGC Schemes'!AC$5*$BB319),"")</f>
        <v/>
      </c>
      <c r="BE319" s="336" t="str">
        <f>IF(X319="yes",('DRAFT - HGC Schemes'!AD$5*$BB319),"")</f>
        <v/>
      </c>
      <c r="BF319" s="336" t="str">
        <f>IF(Y319="yes",('DRAFT - HGC Schemes'!AE$5*$BB319),"")</f>
        <v/>
      </c>
      <c r="BG319" s="336" t="str">
        <f>IF(Z319="yes",('DRAFT - HGC Schemes'!AF$5*$BB319),"")</f>
        <v/>
      </c>
      <c r="BH319" s="336" t="str">
        <f>IF(AA319="yes",('DRAFT - HGC Schemes'!AG$5*$BB319),"")</f>
        <v/>
      </c>
      <c r="BI319" s="336" t="str">
        <f>IF(AB319="yes",('DRAFT - HGC Schemes'!AH$5*$BB319),"")</f>
        <v/>
      </c>
      <c r="BJ319" s="336" t="str">
        <f>IF(AC319="yes",('DRAFT - HGC Schemes'!AI$5*$BB319),"")</f>
        <v/>
      </c>
      <c r="BK319" s="336" t="str">
        <f>IF(AD319="yes",('DRAFT - HGC Schemes'!AJ$5*$BB319),"")</f>
        <v/>
      </c>
      <c r="BL319" s="336" t="str">
        <f>IF(AE319="yes",('DRAFT - HGC Schemes'!AK$5*$BB319),"")</f>
        <v/>
      </c>
      <c r="BM319" s="336" t="str">
        <f>IF(AF319="yes",('DRAFT - HGC Schemes'!AL$5*$BB319),"")</f>
        <v/>
      </c>
      <c r="BN319" s="336" t="str">
        <f>IF(AG319="yes",('DRAFT - HGC Schemes'!AM$5*$BB319),"")</f>
        <v/>
      </c>
      <c r="BO319" s="336" t="str">
        <f>IF(AH319="yes",('DRAFT - HGC Schemes'!AN$5*$BB319),"")</f>
        <v/>
      </c>
      <c r="BP319" s="336" t="str">
        <f>IF(AI319="yes",('DRAFT - HGC Schemes'!AO$5*$BB319),"")</f>
        <v/>
      </c>
      <c r="BQ319" s="336" t="str">
        <f>IF(AJ319="yes",('DRAFT - HGC Schemes'!AP$5*$BB319),"")</f>
        <v/>
      </c>
      <c r="BR319" s="336" t="str">
        <f>IF(AK319="yes",('DRAFT - HGC Schemes'!AQ$5*$BB319),"")</f>
        <v/>
      </c>
      <c r="BS319" s="336" t="str">
        <f>IF(AL319="yes",('DRAFT - HGC Schemes'!AR$5*$BB319),"")</f>
        <v/>
      </c>
      <c r="BT319" s="336" t="e">
        <f>IF(AM319="yes",('DRAFT - HGC Schemes'!AS$5*$BB319),"")</f>
        <v>#DIV/0!</v>
      </c>
      <c r="BU319" s="336" t="e">
        <f>IF(AN319="yes",('DRAFT - HGC Schemes'!AT$5*$BB319),"")</f>
        <v>#DIV/0!</v>
      </c>
      <c r="BV319" s="336" t="e">
        <f>IF(AO319="yes",('DRAFT - HGC Schemes'!AU$5*$BB319),"")</f>
        <v>#DIV/0!</v>
      </c>
      <c r="BW319" s="336" t="e">
        <f>IF(AP319="yes",('DRAFT - HGC Schemes'!AV$5*$BB319),"")</f>
        <v>#DIV/0!</v>
      </c>
      <c r="BX319" s="336" t="str">
        <f>IF(AQ319="yes",('DRAFT - HGC Schemes'!AW$5*$BB319),"")</f>
        <v/>
      </c>
      <c r="BY319" s="336" t="str">
        <f>IF(AR319="yes",('DRAFT - HGC Schemes'!AX$5*$BB319),"")</f>
        <v/>
      </c>
      <c r="BZ319" s="336" t="str">
        <f>IF(AS319="yes",('DRAFT - HGC Schemes'!AY$5*$BB319),"")</f>
        <v/>
      </c>
      <c r="CA319" s="336" t="str">
        <f>IF(AT319="yes",('DRAFT - HGC Schemes'!AZ$5*$BB319),"")</f>
        <v/>
      </c>
      <c r="CB319" s="336" t="str">
        <f>IF(AU319="yes",('DRAFT - HGC Schemes'!BA$5*$BB319),"")</f>
        <v/>
      </c>
      <c r="CC319" s="336" t="str">
        <f>IF(AV319="yes",('DRAFT - HGC Schemes'!BB$5*$BB319),"")</f>
        <v/>
      </c>
      <c r="CD319" s="336" t="str">
        <f>IF(AW319="yes",('DRAFT - HGC Schemes'!BC$5*$BB319),"")</f>
        <v/>
      </c>
      <c r="CE319" s="336" t="str">
        <f>IF(AX319="yes",('DRAFT - HGC Schemes'!BD$5*$BB319),"")</f>
        <v/>
      </c>
      <c r="CF319" s="336" t="str">
        <f>IF(AY319="yes",('DRAFT - HGC Schemes'!BE$5*$BB319),"")</f>
        <v/>
      </c>
      <c r="CG319" s="336" t="str">
        <f>IF(AZ319="yes",('DRAFT - HGC Schemes'!BF$5*$BB319),"")</f>
        <v/>
      </c>
      <c r="CH319" s="336"/>
      <c r="CI319" s="336"/>
      <c r="CJ319" s="336"/>
      <c r="CK319" s="336"/>
      <c r="CL319" s="336"/>
      <c r="CM319" s="336"/>
      <c r="CN319" s="336"/>
      <c r="CO319" s="336"/>
      <c r="CP319" s="336"/>
      <c r="CQ319" s="336"/>
      <c r="CR319" s="336"/>
      <c r="CS319" s="336"/>
      <c r="CT319" s="336"/>
      <c r="CU319" s="336"/>
      <c r="CV319" s="336"/>
      <c r="CW319" s="336"/>
      <c r="CX319" s="336"/>
      <c r="CY319" s="336"/>
      <c r="CZ319" s="336"/>
      <c r="DA319" s="336"/>
      <c r="DB319" s="336"/>
      <c r="DC319" s="336"/>
      <c r="DD319" s="84" t="s">
        <v>660</v>
      </c>
      <c r="DE319" s="84"/>
      <c r="DF319" s="399" t="s">
        <v>661</v>
      </c>
    </row>
    <row r="320" spans="3:110" s="120" customFormat="1" ht="56.1" customHeight="1" x14ac:dyDescent="0.2">
      <c r="C320" s="368">
        <v>603</v>
      </c>
      <c r="D320" s="368" t="s">
        <v>2481</v>
      </c>
      <c r="E320" s="369" t="s">
        <v>53</v>
      </c>
      <c r="F320" s="369" t="s">
        <v>655</v>
      </c>
      <c r="G320" s="232" t="s">
        <v>656</v>
      </c>
      <c r="H320" s="232" t="s">
        <v>666</v>
      </c>
      <c r="I320" s="232" t="s">
        <v>667</v>
      </c>
      <c r="J320" s="232"/>
      <c r="K320" s="232" t="s">
        <v>86</v>
      </c>
      <c r="L320" s="232" t="s">
        <v>63</v>
      </c>
      <c r="M320" s="334" t="s">
        <v>81</v>
      </c>
      <c r="N320" s="232" t="s">
        <v>77</v>
      </c>
      <c r="O320" s="334" t="s">
        <v>225</v>
      </c>
      <c r="P320" s="84" t="s">
        <v>63</v>
      </c>
      <c r="Q320" s="84" t="s">
        <v>63</v>
      </c>
      <c r="R320" s="84">
        <v>1416942</v>
      </c>
      <c r="S320" s="84">
        <f t="shared" si="215"/>
        <v>1416942</v>
      </c>
      <c r="T320" s="84" t="s">
        <v>659</v>
      </c>
      <c r="U320" s="84" t="s">
        <v>65</v>
      </c>
      <c r="V320" s="84"/>
      <c r="W320" s="84"/>
      <c r="X320" s="84"/>
      <c r="Y320" s="84"/>
      <c r="Z320" s="84"/>
      <c r="AA320" s="84"/>
      <c r="AB320" s="84"/>
      <c r="AC320" s="84"/>
      <c r="AD320" s="84"/>
      <c r="AE320" s="84"/>
      <c r="AF320" s="84"/>
      <c r="AG320" s="84"/>
      <c r="AH320" s="84"/>
      <c r="AI320" s="84"/>
      <c r="AJ320" s="84"/>
      <c r="AK320" s="84"/>
      <c r="AL320" s="84"/>
      <c r="AM320" s="336" t="s">
        <v>66</v>
      </c>
      <c r="AN320" s="336" t="s">
        <v>66</v>
      </c>
      <c r="AO320" s="336" t="s">
        <v>66</v>
      </c>
      <c r="AP320" s="336" t="s">
        <v>66</v>
      </c>
      <c r="AQ320" s="84"/>
      <c r="AR320" s="84"/>
      <c r="AS320" s="84"/>
      <c r="AT320" s="84"/>
      <c r="AU320" s="84"/>
      <c r="AV320" s="84"/>
      <c r="AW320" s="84"/>
      <c r="AX320" s="84"/>
      <c r="AY320" s="84"/>
      <c r="AZ320" s="84"/>
      <c r="BA320" s="238">
        <f>SUMIF(V320:AZ320,"YES",'DRAFT - HGC Schemes'!$AB$5:$BF$5)</f>
        <v>0</v>
      </c>
      <c r="BB320" s="84" t="e">
        <f t="shared" si="216"/>
        <v>#DIV/0!</v>
      </c>
      <c r="BC320" s="336" t="str">
        <f>IF(V320="yes",('DRAFT - HGC Schemes'!AB$5*$BB320),"")</f>
        <v/>
      </c>
      <c r="BD320" s="336" t="str">
        <f>IF(W320="yes",('DRAFT - HGC Schemes'!AC$5*$BB320),"")</f>
        <v/>
      </c>
      <c r="BE320" s="336" t="str">
        <f>IF(X320="yes",('DRAFT - HGC Schemes'!AD$5*$BB320),"")</f>
        <v/>
      </c>
      <c r="BF320" s="336" t="str">
        <f>IF(Y320="yes",('DRAFT - HGC Schemes'!AE$5*$BB320),"")</f>
        <v/>
      </c>
      <c r="BG320" s="336" t="str">
        <f>IF(Z320="yes",('DRAFT - HGC Schemes'!AF$5*$BB320),"")</f>
        <v/>
      </c>
      <c r="BH320" s="336" t="str">
        <f>IF(AA320="yes",('DRAFT - HGC Schemes'!AG$5*$BB320),"")</f>
        <v/>
      </c>
      <c r="BI320" s="336" t="str">
        <f>IF(AB320="yes",('DRAFT - HGC Schemes'!AH$5*$BB320),"")</f>
        <v/>
      </c>
      <c r="BJ320" s="336" t="str">
        <f>IF(AC320="yes",('DRAFT - HGC Schemes'!AI$5*$BB320),"")</f>
        <v/>
      </c>
      <c r="BK320" s="336" t="str">
        <f>IF(AD320="yes",('DRAFT - HGC Schemes'!AJ$5*$BB320),"")</f>
        <v/>
      </c>
      <c r="BL320" s="336" t="str">
        <f>IF(AE320="yes",('DRAFT - HGC Schemes'!AK$5*$BB320),"")</f>
        <v/>
      </c>
      <c r="BM320" s="336" t="str">
        <f>IF(AF320="yes",('DRAFT - HGC Schemes'!AL$5*$BB320),"")</f>
        <v/>
      </c>
      <c r="BN320" s="336" t="str">
        <f>IF(AG320="yes",('DRAFT - HGC Schemes'!AM$5*$BB320),"")</f>
        <v/>
      </c>
      <c r="BO320" s="336" t="str">
        <f>IF(AH320="yes",('DRAFT - HGC Schemes'!AN$5*$BB320),"")</f>
        <v/>
      </c>
      <c r="BP320" s="336" t="str">
        <f>IF(AI320="yes",('DRAFT - HGC Schemes'!AO$5*$BB320),"")</f>
        <v/>
      </c>
      <c r="BQ320" s="336" t="str">
        <f>IF(AJ320="yes",('DRAFT - HGC Schemes'!AP$5*$BB320),"")</f>
        <v/>
      </c>
      <c r="BR320" s="336" t="str">
        <f>IF(AK320="yes",('DRAFT - HGC Schemes'!AQ$5*$BB320),"")</f>
        <v/>
      </c>
      <c r="BS320" s="336" t="str">
        <f>IF(AL320="yes",('DRAFT - HGC Schemes'!AR$5*$BB320),"")</f>
        <v/>
      </c>
      <c r="BT320" s="336" t="e">
        <f>IF(AM320="yes",('DRAFT - HGC Schemes'!AS$5*$BB320),"")</f>
        <v>#DIV/0!</v>
      </c>
      <c r="BU320" s="336" t="e">
        <f>IF(AN320="yes",('DRAFT - HGC Schemes'!AT$5*$BB320),"")</f>
        <v>#DIV/0!</v>
      </c>
      <c r="BV320" s="336" t="e">
        <f>IF(AO320="yes",('DRAFT - HGC Schemes'!AU$5*$BB320),"")</f>
        <v>#DIV/0!</v>
      </c>
      <c r="BW320" s="336" t="e">
        <f>IF(AP320="yes",('DRAFT - HGC Schemes'!AV$5*$BB320),"")</f>
        <v>#DIV/0!</v>
      </c>
      <c r="BX320" s="336" t="str">
        <f>IF(AQ320="yes",('DRAFT - HGC Schemes'!AW$5*$BB320),"")</f>
        <v/>
      </c>
      <c r="BY320" s="336" t="str">
        <f>IF(AR320="yes",('DRAFT - HGC Schemes'!AX$5*$BB320),"")</f>
        <v/>
      </c>
      <c r="BZ320" s="336" t="str">
        <f>IF(AS320="yes",('DRAFT - HGC Schemes'!AY$5*$BB320),"")</f>
        <v/>
      </c>
      <c r="CA320" s="336" t="str">
        <f>IF(AT320="yes",('DRAFT - HGC Schemes'!AZ$5*$BB320),"")</f>
        <v/>
      </c>
      <c r="CB320" s="336" t="str">
        <f>IF(AU320="yes",('DRAFT - HGC Schemes'!BA$5*$BB320),"")</f>
        <v/>
      </c>
      <c r="CC320" s="336" t="str">
        <f>IF(AV320="yes",('DRAFT - HGC Schemes'!BB$5*$BB320),"")</f>
        <v/>
      </c>
      <c r="CD320" s="336" t="str">
        <f>IF(AW320="yes",('DRAFT - HGC Schemes'!BC$5*$BB320),"")</f>
        <v/>
      </c>
      <c r="CE320" s="336" t="str">
        <f>IF(AX320="yes",('DRAFT - HGC Schemes'!BD$5*$BB320),"")</f>
        <v/>
      </c>
      <c r="CF320" s="336" t="str">
        <f>IF(AY320="yes",('DRAFT - HGC Schemes'!BE$5*$BB320),"")</f>
        <v/>
      </c>
      <c r="CG320" s="336" t="str">
        <f>IF(AZ320="yes",('DRAFT - HGC Schemes'!BF$5*$BB320),"")</f>
        <v/>
      </c>
      <c r="CH320" s="336"/>
      <c r="CI320" s="336"/>
      <c r="CJ320" s="336"/>
      <c r="CK320" s="336"/>
      <c r="CL320" s="336"/>
      <c r="CM320" s="336"/>
      <c r="CN320" s="336"/>
      <c r="CO320" s="336"/>
      <c r="CP320" s="336"/>
      <c r="CQ320" s="336"/>
      <c r="CR320" s="336"/>
      <c r="CS320" s="336"/>
      <c r="CT320" s="336"/>
      <c r="CU320" s="336"/>
      <c r="CV320" s="336"/>
      <c r="CW320" s="336"/>
      <c r="CX320" s="336"/>
      <c r="CY320" s="336"/>
      <c r="CZ320" s="336"/>
      <c r="DA320" s="336"/>
      <c r="DB320" s="336"/>
      <c r="DC320" s="336"/>
      <c r="DD320" s="84" t="s">
        <v>660</v>
      </c>
      <c r="DE320" s="84"/>
      <c r="DF320" s="399" t="s">
        <v>661</v>
      </c>
    </row>
    <row r="321" spans="3:110" s="120" customFormat="1" ht="114" x14ac:dyDescent="0.2">
      <c r="C321" s="368">
        <v>604</v>
      </c>
      <c r="D321" s="368" t="s">
        <v>2481</v>
      </c>
      <c r="E321" s="369" t="s">
        <v>53</v>
      </c>
      <c r="F321" s="369" t="s">
        <v>655</v>
      </c>
      <c r="G321" s="232" t="s">
        <v>656</v>
      </c>
      <c r="H321" s="232" t="s">
        <v>668</v>
      </c>
      <c r="I321" s="232" t="s">
        <v>669</v>
      </c>
      <c r="J321" s="232"/>
      <c r="K321" s="232" t="s">
        <v>86</v>
      </c>
      <c r="L321" s="232" t="s">
        <v>63</v>
      </c>
      <c r="M321" s="334" t="s">
        <v>81</v>
      </c>
      <c r="N321" s="232" t="s">
        <v>77</v>
      </c>
      <c r="O321" s="334" t="s">
        <v>225</v>
      </c>
      <c r="P321" s="84" t="s">
        <v>63</v>
      </c>
      <c r="Q321" s="84" t="s">
        <v>63</v>
      </c>
      <c r="R321" s="84">
        <v>290661</v>
      </c>
      <c r="S321" s="84">
        <f t="shared" si="215"/>
        <v>290661</v>
      </c>
      <c r="T321" s="84" t="s">
        <v>659</v>
      </c>
      <c r="U321" s="84" t="s">
        <v>65</v>
      </c>
      <c r="V321" s="84"/>
      <c r="W321" s="84"/>
      <c r="X321" s="84"/>
      <c r="Y321" s="84"/>
      <c r="Z321" s="84"/>
      <c r="AA321" s="84"/>
      <c r="AB321" s="84"/>
      <c r="AC321" s="84"/>
      <c r="AD321" s="84"/>
      <c r="AE321" s="84"/>
      <c r="AF321" s="84"/>
      <c r="AG321" s="84"/>
      <c r="AH321" s="84"/>
      <c r="AI321" s="84"/>
      <c r="AJ321" s="84"/>
      <c r="AK321" s="84"/>
      <c r="AL321" s="84"/>
      <c r="AM321" s="336" t="s">
        <v>66</v>
      </c>
      <c r="AN321" s="336" t="s">
        <v>66</v>
      </c>
      <c r="AO321" s="336" t="s">
        <v>66</v>
      </c>
      <c r="AP321" s="336" t="s">
        <v>66</v>
      </c>
      <c r="AQ321" s="84"/>
      <c r="AR321" s="84"/>
      <c r="AS321" s="84"/>
      <c r="AT321" s="84"/>
      <c r="AU321" s="84"/>
      <c r="AV321" s="84"/>
      <c r="AW321" s="84"/>
      <c r="AX321" s="84"/>
      <c r="AY321" s="84"/>
      <c r="AZ321" s="84"/>
      <c r="BA321" s="238">
        <f>SUMIF(V321:AZ321,"YES",'DRAFT - HGC Schemes'!$AB$5:$BF$5)</f>
        <v>0</v>
      </c>
      <c r="BB321" s="84" t="e">
        <f t="shared" si="216"/>
        <v>#DIV/0!</v>
      </c>
      <c r="BC321" s="336" t="str">
        <f>IF(V321="yes",('DRAFT - HGC Schemes'!AB$5*$BB321),"")</f>
        <v/>
      </c>
      <c r="BD321" s="336" t="str">
        <f>IF(W321="yes",('DRAFT - HGC Schemes'!AC$5*$BB321),"")</f>
        <v/>
      </c>
      <c r="BE321" s="336" t="str">
        <f>IF(X321="yes",('DRAFT - HGC Schemes'!AD$5*$BB321),"")</f>
        <v/>
      </c>
      <c r="BF321" s="336" t="str">
        <f>IF(Y321="yes",('DRAFT - HGC Schemes'!AE$5*$BB321),"")</f>
        <v/>
      </c>
      <c r="BG321" s="336" t="str">
        <f>IF(Z321="yes",('DRAFT - HGC Schemes'!AF$5*$BB321),"")</f>
        <v/>
      </c>
      <c r="BH321" s="336" t="str">
        <f>IF(AA321="yes",('DRAFT - HGC Schemes'!AG$5*$BB321),"")</f>
        <v/>
      </c>
      <c r="BI321" s="336" t="str">
        <f>IF(AB321="yes",('DRAFT - HGC Schemes'!AH$5*$BB321),"")</f>
        <v/>
      </c>
      <c r="BJ321" s="336" t="str">
        <f>IF(AC321="yes",('DRAFT - HGC Schemes'!AI$5*$BB321),"")</f>
        <v/>
      </c>
      <c r="BK321" s="336" t="str">
        <f>IF(AD321="yes",('DRAFT - HGC Schemes'!AJ$5*$BB321),"")</f>
        <v/>
      </c>
      <c r="BL321" s="336" t="str">
        <f>IF(AE321="yes",('DRAFT - HGC Schemes'!AK$5*$BB321),"")</f>
        <v/>
      </c>
      <c r="BM321" s="336" t="str">
        <f>IF(AF321="yes",('DRAFT - HGC Schemes'!AL$5*$BB321),"")</f>
        <v/>
      </c>
      <c r="BN321" s="336" t="str">
        <f>IF(AG321="yes",('DRAFT - HGC Schemes'!AM$5*$BB321),"")</f>
        <v/>
      </c>
      <c r="BO321" s="336" t="str">
        <f>IF(AH321="yes",('DRAFT - HGC Schemes'!AN$5*$BB321),"")</f>
        <v/>
      </c>
      <c r="BP321" s="336" t="str">
        <f>IF(AI321="yes",('DRAFT - HGC Schemes'!AO$5*$BB321),"")</f>
        <v/>
      </c>
      <c r="BQ321" s="336" t="str">
        <f>IF(AJ321="yes",('DRAFT - HGC Schemes'!AP$5*$BB321),"")</f>
        <v/>
      </c>
      <c r="BR321" s="336" t="str">
        <f>IF(AK321="yes",('DRAFT - HGC Schemes'!AQ$5*$BB321),"")</f>
        <v/>
      </c>
      <c r="BS321" s="336" t="str">
        <f>IF(AL321="yes",('DRAFT - HGC Schemes'!AR$5*$BB321),"")</f>
        <v/>
      </c>
      <c r="BT321" s="336" t="e">
        <f>IF(AM321="yes",('DRAFT - HGC Schemes'!AS$5*$BB321),"")</f>
        <v>#DIV/0!</v>
      </c>
      <c r="BU321" s="336" t="e">
        <f>IF(AN321="yes",('DRAFT - HGC Schemes'!AT$5*$BB321),"")</f>
        <v>#DIV/0!</v>
      </c>
      <c r="BV321" s="336" t="e">
        <f>IF(AO321="yes",('DRAFT - HGC Schemes'!AU$5*$BB321),"")</f>
        <v>#DIV/0!</v>
      </c>
      <c r="BW321" s="336" t="e">
        <f>IF(AP321="yes",('DRAFT - HGC Schemes'!AV$5*$BB321),"")</f>
        <v>#DIV/0!</v>
      </c>
      <c r="BX321" s="336" t="str">
        <f>IF(AQ321="yes",('DRAFT - HGC Schemes'!AW$5*$BB321),"")</f>
        <v/>
      </c>
      <c r="BY321" s="336" t="str">
        <f>IF(AR321="yes",('DRAFT - HGC Schemes'!AX$5*$BB321),"")</f>
        <v/>
      </c>
      <c r="BZ321" s="336" t="str">
        <f>IF(AS321="yes",('DRAFT - HGC Schemes'!AY$5*$BB321),"")</f>
        <v/>
      </c>
      <c r="CA321" s="336" t="str">
        <f>IF(AT321="yes",('DRAFT - HGC Schemes'!AZ$5*$BB321),"")</f>
        <v/>
      </c>
      <c r="CB321" s="336" t="str">
        <f>IF(AU321="yes",('DRAFT - HGC Schemes'!BA$5*$BB321),"")</f>
        <v/>
      </c>
      <c r="CC321" s="336" t="str">
        <f>IF(AV321="yes",('DRAFT - HGC Schemes'!BB$5*$BB321),"")</f>
        <v/>
      </c>
      <c r="CD321" s="336" t="str">
        <f>IF(AW321="yes",('DRAFT - HGC Schemes'!BC$5*$BB321),"")</f>
        <v/>
      </c>
      <c r="CE321" s="336" t="str">
        <f>IF(AX321="yes",('DRAFT - HGC Schemes'!BD$5*$BB321),"")</f>
        <v/>
      </c>
      <c r="CF321" s="336" t="str">
        <f>IF(AY321="yes",('DRAFT - HGC Schemes'!BE$5*$BB321),"")</f>
        <v/>
      </c>
      <c r="CG321" s="336" t="str">
        <f>IF(AZ321="yes",('DRAFT - HGC Schemes'!BF$5*$BB321),"")</f>
        <v/>
      </c>
      <c r="CH321" s="336"/>
      <c r="CI321" s="336"/>
      <c r="CJ321" s="336"/>
      <c r="CK321" s="336"/>
      <c r="CL321" s="336"/>
      <c r="CM321" s="336"/>
      <c r="CN321" s="336"/>
      <c r="CO321" s="336"/>
      <c r="CP321" s="336"/>
      <c r="CQ321" s="336"/>
      <c r="CR321" s="336"/>
      <c r="CS321" s="336"/>
      <c r="CT321" s="336"/>
      <c r="CU321" s="336"/>
      <c r="CV321" s="336"/>
      <c r="CW321" s="336"/>
      <c r="CX321" s="336"/>
      <c r="CY321" s="336"/>
      <c r="CZ321" s="336"/>
      <c r="DA321" s="336"/>
      <c r="DB321" s="336"/>
      <c r="DC321" s="336"/>
      <c r="DD321" s="84" t="s">
        <v>660</v>
      </c>
      <c r="DE321" s="84"/>
      <c r="DF321" s="399" t="s">
        <v>661</v>
      </c>
    </row>
    <row r="322" spans="3:110" s="120" customFormat="1" ht="56.1" customHeight="1" x14ac:dyDescent="0.2">
      <c r="C322" s="368">
        <v>605</v>
      </c>
      <c r="D322" s="368" t="s">
        <v>2481</v>
      </c>
      <c r="E322" s="369" t="s">
        <v>53</v>
      </c>
      <c r="F322" s="369" t="s">
        <v>655</v>
      </c>
      <c r="G322" s="232" t="s">
        <v>656</v>
      </c>
      <c r="H322" s="232" t="s">
        <v>670</v>
      </c>
      <c r="I322" s="232" t="s">
        <v>671</v>
      </c>
      <c r="J322" s="232"/>
      <c r="K322" s="232" t="s">
        <v>86</v>
      </c>
      <c r="L322" s="232" t="s">
        <v>63</v>
      </c>
      <c r="M322" s="334" t="s">
        <v>81</v>
      </c>
      <c r="N322" s="232" t="s">
        <v>77</v>
      </c>
      <c r="O322" s="334" t="s">
        <v>225</v>
      </c>
      <c r="P322" s="84" t="s">
        <v>63</v>
      </c>
      <c r="Q322" s="84" t="s">
        <v>63</v>
      </c>
      <c r="R322" s="84">
        <v>163011</v>
      </c>
      <c r="S322" s="84">
        <f t="shared" si="215"/>
        <v>163011</v>
      </c>
      <c r="T322" s="84" t="s">
        <v>659</v>
      </c>
      <c r="U322" s="84" t="s">
        <v>65</v>
      </c>
      <c r="V322" s="84"/>
      <c r="W322" s="84"/>
      <c r="X322" s="84"/>
      <c r="Y322" s="84"/>
      <c r="Z322" s="84"/>
      <c r="AA322" s="84"/>
      <c r="AB322" s="84"/>
      <c r="AC322" s="84"/>
      <c r="AD322" s="84"/>
      <c r="AE322" s="84"/>
      <c r="AF322" s="84"/>
      <c r="AG322" s="84"/>
      <c r="AH322" s="84"/>
      <c r="AI322" s="84"/>
      <c r="AJ322" s="84"/>
      <c r="AK322" s="84"/>
      <c r="AL322" s="84"/>
      <c r="AM322" s="336" t="s">
        <v>66</v>
      </c>
      <c r="AN322" s="336" t="s">
        <v>66</v>
      </c>
      <c r="AO322" s="336" t="s">
        <v>66</v>
      </c>
      <c r="AP322" s="336" t="s">
        <v>66</v>
      </c>
      <c r="AQ322" s="84"/>
      <c r="AR322" s="84"/>
      <c r="AS322" s="84"/>
      <c r="AT322" s="84"/>
      <c r="AU322" s="84"/>
      <c r="AV322" s="84"/>
      <c r="AW322" s="84"/>
      <c r="AX322" s="84"/>
      <c r="AY322" s="84"/>
      <c r="AZ322" s="84"/>
      <c r="BA322" s="238">
        <f>SUMIF(V322:AZ322,"YES",'DRAFT - HGC Schemes'!$AB$5:$BF$5)</f>
        <v>0</v>
      </c>
      <c r="BB322" s="84" t="e">
        <f t="shared" si="216"/>
        <v>#DIV/0!</v>
      </c>
      <c r="BC322" s="336" t="str">
        <f>IF(V322="yes",('DRAFT - HGC Schemes'!AB$5*$BB322),"")</f>
        <v/>
      </c>
      <c r="BD322" s="336" t="str">
        <f>IF(W322="yes",('DRAFT - HGC Schemes'!AC$5*$BB322),"")</f>
        <v/>
      </c>
      <c r="BE322" s="336" t="str">
        <f>IF(X322="yes",('DRAFT - HGC Schemes'!AD$5*$BB322),"")</f>
        <v/>
      </c>
      <c r="BF322" s="336" t="str">
        <f>IF(Y322="yes",('DRAFT - HGC Schemes'!AE$5*$BB322),"")</f>
        <v/>
      </c>
      <c r="BG322" s="336" t="str">
        <f>IF(Z322="yes",('DRAFT - HGC Schemes'!AF$5*$BB322),"")</f>
        <v/>
      </c>
      <c r="BH322" s="336" t="str">
        <f>IF(AA322="yes",('DRAFT - HGC Schemes'!AG$5*$BB322),"")</f>
        <v/>
      </c>
      <c r="BI322" s="336" t="str">
        <f>IF(AB322="yes",('DRAFT - HGC Schemes'!AH$5*$BB322),"")</f>
        <v/>
      </c>
      <c r="BJ322" s="336" t="str">
        <f>IF(AC322="yes",('DRAFT - HGC Schemes'!AI$5*$BB322),"")</f>
        <v/>
      </c>
      <c r="BK322" s="336" t="str">
        <f>IF(AD322="yes",('DRAFT - HGC Schemes'!AJ$5*$BB322),"")</f>
        <v/>
      </c>
      <c r="BL322" s="336" t="str">
        <f>IF(AE322="yes",('DRAFT - HGC Schemes'!AK$5*$BB322),"")</f>
        <v/>
      </c>
      <c r="BM322" s="336" t="str">
        <f>IF(AF322="yes",('DRAFT - HGC Schemes'!AL$5*$BB322),"")</f>
        <v/>
      </c>
      <c r="BN322" s="336" t="str">
        <f>IF(AG322="yes",('DRAFT - HGC Schemes'!AM$5*$BB322),"")</f>
        <v/>
      </c>
      <c r="BO322" s="336" t="str">
        <f>IF(AH322="yes",('DRAFT - HGC Schemes'!AN$5*$BB322),"")</f>
        <v/>
      </c>
      <c r="BP322" s="336" t="str">
        <f>IF(AI322="yes",('DRAFT - HGC Schemes'!AO$5*$BB322),"")</f>
        <v/>
      </c>
      <c r="BQ322" s="336" t="str">
        <f>IF(AJ322="yes",('DRAFT - HGC Schemes'!AP$5*$BB322),"")</f>
        <v/>
      </c>
      <c r="BR322" s="336" t="str">
        <f>IF(AK322="yes",('DRAFT - HGC Schemes'!AQ$5*$BB322),"")</f>
        <v/>
      </c>
      <c r="BS322" s="336" t="str">
        <f>IF(AL322="yes",('DRAFT - HGC Schemes'!AR$5*$BB322),"")</f>
        <v/>
      </c>
      <c r="BT322" s="336" t="e">
        <f>IF(AM322="yes",('DRAFT - HGC Schemes'!AS$5*$BB322),"")</f>
        <v>#DIV/0!</v>
      </c>
      <c r="BU322" s="336" t="e">
        <f>IF(AN322="yes",('DRAFT - HGC Schemes'!AT$5*$BB322),"")</f>
        <v>#DIV/0!</v>
      </c>
      <c r="BV322" s="336" t="e">
        <f>IF(AO322="yes",('DRAFT - HGC Schemes'!AU$5*$BB322),"")</f>
        <v>#DIV/0!</v>
      </c>
      <c r="BW322" s="336" t="e">
        <f>IF(AP322="yes",('DRAFT - HGC Schemes'!AV$5*$BB322),"")</f>
        <v>#DIV/0!</v>
      </c>
      <c r="BX322" s="336" t="str">
        <f>IF(AQ322="yes",('DRAFT - HGC Schemes'!AW$5*$BB322),"")</f>
        <v/>
      </c>
      <c r="BY322" s="336" t="str">
        <f>IF(AR322="yes",('DRAFT - HGC Schemes'!AX$5*$BB322),"")</f>
        <v/>
      </c>
      <c r="BZ322" s="336" t="str">
        <f>IF(AS322="yes",('DRAFT - HGC Schemes'!AY$5*$BB322),"")</f>
        <v/>
      </c>
      <c r="CA322" s="336" t="str">
        <f>IF(AT322="yes",('DRAFT - HGC Schemes'!AZ$5*$BB322),"")</f>
        <v/>
      </c>
      <c r="CB322" s="336" t="str">
        <f>IF(AU322="yes",('DRAFT - HGC Schemes'!BA$5*$BB322),"")</f>
        <v/>
      </c>
      <c r="CC322" s="336" t="str">
        <f>IF(AV322="yes",('DRAFT - HGC Schemes'!BB$5*$BB322),"")</f>
        <v/>
      </c>
      <c r="CD322" s="336" t="str">
        <f>IF(AW322="yes",('DRAFT - HGC Schemes'!BC$5*$BB322),"")</f>
        <v/>
      </c>
      <c r="CE322" s="336" t="str">
        <f>IF(AX322="yes",('DRAFT - HGC Schemes'!BD$5*$BB322),"")</f>
        <v/>
      </c>
      <c r="CF322" s="336" t="str">
        <f>IF(AY322="yes",('DRAFT - HGC Schemes'!BE$5*$BB322),"")</f>
        <v/>
      </c>
      <c r="CG322" s="336" t="str">
        <f>IF(AZ322="yes",('DRAFT - HGC Schemes'!BF$5*$BB322),"")</f>
        <v/>
      </c>
      <c r="CH322" s="336"/>
      <c r="CI322" s="336"/>
      <c r="CJ322" s="336"/>
      <c r="CK322" s="336"/>
      <c r="CL322" s="336"/>
      <c r="CM322" s="336"/>
      <c r="CN322" s="336"/>
      <c r="CO322" s="336"/>
      <c r="CP322" s="336"/>
      <c r="CQ322" s="336"/>
      <c r="CR322" s="336"/>
      <c r="CS322" s="336"/>
      <c r="CT322" s="336"/>
      <c r="CU322" s="336"/>
      <c r="CV322" s="336"/>
      <c r="CW322" s="336"/>
      <c r="CX322" s="336"/>
      <c r="CY322" s="336"/>
      <c r="CZ322" s="336"/>
      <c r="DA322" s="336"/>
      <c r="DB322" s="336"/>
      <c r="DC322" s="336"/>
      <c r="DD322" s="84" t="s">
        <v>660</v>
      </c>
      <c r="DE322" s="84"/>
      <c r="DF322" s="399" t="s">
        <v>661</v>
      </c>
    </row>
    <row r="323" spans="3:110" s="120" customFormat="1" ht="56.1" customHeight="1" x14ac:dyDescent="0.2">
      <c r="C323" s="368">
        <v>606</v>
      </c>
      <c r="D323" s="368" t="s">
        <v>2481</v>
      </c>
      <c r="E323" s="369" t="s">
        <v>53</v>
      </c>
      <c r="F323" s="369" t="s">
        <v>655</v>
      </c>
      <c r="G323" s="232" t="s">
        <v>656</v>
      </c>
      <c r="H323" s="232" t="s">
        <v>672</v>
      </c>
      <c r="I323" s="232" t="s">
        <v>673</v>
      </c>
      <c r="J323" s="232"/>
      <c r="K323" s="232" t="s">
        <v>86</v>
      </c>
      <c r="L323" s="232" t="s">
        <v>63</v>
      </c>
      <c r="M323" s="334" t="s">
        <v>81</v>
      </c>
      <c r="N323" s="232" t="s">
        <v>77</v>
      </c>
      <c r="O323" s="334" t="s">
        <v>225</v>
      </c>
      <c r="P323" s="84" t="s">
        <v>63</v>
      </c>
      <c r="Q323" s="84" t="s">
        <v>63</v>
      </c>
      <c r="R323" s="84">
        <v>112854</v>
      </c>
      <c r="S323" s="84">
        <f t="shared" si="215"/>
        <v>112854</v>
      </c>
      <c r="T323" s="84" t="s">
        <v>659</v>
      </c>
      <c r="U323" s="84" t="s">
        <v>65</v>
      </c>
      <c r="V323" s="84"/>
      <c r="W323" s="84"/>
      <c r="X323" s="84"/>
      <c r="Y323" s="84"/>
      <c r="Z323" s="84"/>
      <c r="AA323" s="84"/>
      <c r="AB323" s="84"/>
      <c r="AC323" s="84"/>
      <c r="AD323" s="84"/>
      <c r="AE323" s="84"/>
      <c r="AF323" s="84"/>
      <c r="AG323" s="84"/>
      <c r="AH323" s="84"/>
      <c r="AI323" s="84"/>
      <c r="AJ323" s="84"/>
      <c r="AK323" s="84"/>
      <c r="AL323" s="84"/>
      <c r="AM323" s="336" t="s">
        <v>66</v>
      </c>
      <c r="AN323" s="336" t="s">
        <v>66</v>
      </c>
      <c r="AO323" s="336" t="s">
        <v>66</v>
      </c>
      <c r="AP323" s="336" t="s">
        <v>66</v>
      </c>
      <c r="AQ323" s="84"/>
      <c r="AR323" s="84"/>
      <c r="AS323" s="84"/>
      <c r="AT323" s="84"/>
      <c r="AU323" s="84"/>
      <c r="AV323" s="84"/>
      <c r="AW323" s="84"/>
      <c r="AX323" s="84"/>
      <c r="AY323" s="84"/>
      <c r="AZ323" s="84"/>
      <c r="BA323" s="238">
        <f>SUMIF(V323:AZ323,"YES",'DRAFT - HGC Schemes'!$AB$5:$BF$5)</f>
        <v>0</v>
      </c>
      <c r="BB323" s="84" t="e">
        <f t="shared" si="216"/>
        <v>#DIV/0!</v>
      </c>
      <c r="BC323" s="336" t="str">
        <f>IF(V323="yes",('DRAFT - HGC Schemes'!AB$5*$BB323),"")</f>
        <v/>
      </c>
      <c r="BD323" s="336" t="str">
        <f>IF(W323="yes",('DRAFT - HGC Schemes'!AC$5*$BB323),"")</f>
        <v/>
      </c>
      <c r="BE323" s="336" t="str">
        <f>IF(X323="yes",('DRAFT - HGC Schemes'!AD$5*$BB323),"")</f>
        <v/>
      </c>
      <c r="BF323" s="336" t="str">
        <f>IF(Y323="yes",('DRAFT - HGC Schemes'!AE$5*$BB323),"")</f>
        <v/>
      </c>
      <c r="BG323" s="336" t="str">
        <f>IF(Z323="yes",('DRAFT - HGC Schemes'!AF$5*$BB323),"")</f>
        <v/>
      </c>
      <c r="BH323" s="336" t="str">
        <f>IF(AA323="yes",('DRAFT - HGC Schemes'!AG$5*$BB323),"")</f>
        <v/>
      </c>
      <c r="BI323" s="336" t="str">
        <f>IF(AB323="yes",('DRAFT - HGC Schemes'!AH$5*$BB323),"")</f>
        <v/>
      </c>
      <c r="BJ323" s="336" t="str">
        <f>IF(AC323="yes",('DRAFT - HGC Schemes'!AI$5*$BB323),"")</f>
        <v/>
      </c>
      <c r="BK323" s="336" t="str">
        <f>IF(AD323="yes",('DRAFT - HGC Schemes'!AJ$5*$BB323),"")</f>
        <v/>
      </c>
      <c r="BL323" s="336" t="str">
        <f>IF(AE323="yes",('DRAFT - HGC Schemes'!AK$5*$BB323),"")</f>
        <v/>
      </c>
      <c r="BM323" s="336" t="str">
        <f>IF(AF323="yes",('DRAFT - HGC Schemes'!AL$5*$BB323),"")</f>
        <v/>
      </c>
      <c r="BN323" s="336" t="str">
        <f>IF(AG323="yes",('DRAFT - HGC Schemes'!AM$5*$BB323),"")</f>
        <v/>
      </c>
      <c r="BO323" s="336" t="str">
        <f>IF(AH323="yes",('DRAFT - HGC Schemes'!AN$5*$BB323),"")</f>
        <v/>
      </c>
      <c r="BP323" s="336" t="str">
        <f>IF(AI323="yes",('DRAFT - HGC Schemes'!AO$5*$BB323),"")</f>
        <v/>
      </c>
      <c r="BQ323" s="336" t="str">
        <f>IF(AJ323="yes",('DRAFT - HGC Schemes'!AP$5*$BB323),"")</f>
        <v/>
      </c>
      <c r="BR323" s="336" t="str">
        <f>IF(AK323="yes",('DRAFT - HGC Schemes'!AQ$5*$BB323),"")</f>
        <v/>
      </c>
      <c r="BS323" s="336" t="str">
        <f>IF(AL323="yes",('DRAFT - HGC Schemes'!AR$5*$BB323),"")</f>
        <v/>
      </c>
      <c r="BT323" s="336" t="e">
        <f>IF(AM323="yes",('DRAFT - HGC Schemes'!AS$5*$BB323),"")</f>
        <v>#DIV/0!</v>
      </c>
      <c r="BU323" s="336" t="e">
        <f>IF(AN323="yes",('DRAFT - HGC Schemes'!AT$5*$BB323),"")</f>
        <v>#DIV/0!</v>
      </c>
      <c r="BV323" s="336" t="e">
        <f>IF(AO323="yes",('DRAFT - HGC Schemes'!AU$5*$BB323),"")</f>
        <v>#DIV/0!</v>
      </c>
      <c r="BW323" s="336" t="e">
        <f>IF(AP323="yes",('DRAFT - HGC Schemes'!AV$5*$BB323),"")</f>
        <v>#DIV/0!</v>
      </c>
      <c r="BX323" s="336" t="str">
        <f>IF(AQ323="yes",('DRAFT - HGC Schemes'!AW$5*$BB323),"")</f>
        <v/>
      </c>
      <c r="BY323" s="336" t="str">
        <f>IF(AR323="yes",('DRAFT - HGC Schemes'!AX$5*$BB323),"")</f>
        <v/>
      </c>
      <c r="BZ323" s="336" t="str">
        <f>IF(AS323="yes",('DRAFT - HGC Schemes'!AY$5*$BB323),"")</f>
        <v/>
      </c>
      <c r="CA323" s="336" t="str">
        <f>IF(AT323="yes",('DRAFT - HGC Schemes'!AZ$5*$BB323),"")</f>
        <v/>
      </c>
      <c r="CB323" s="336" t="str">
        <f>IF(AU323="yes",('DRAFT - HGC Schemes'!BA$5*$BB323),"")</f>
        <v/>
      </c>
      <c r="CC323" s="336" t="str">
        <f>IF(AV323="yes",('DRAFT - HGC Schemes'!BB$5*$BB323),"")</f>
        <v/>
      </c>
      <c r="CD323" s="336" t="str">
        <f>IF(AW323="yes",('DRAFT - HGC Schemes'!BC$5*$BB323),"")</f>
        <v/>
      </c>
      <c r="CE323" s="336" t="str">
        <f>IF(AX323="yes",('DRAFT - HGC Schemes'!BD$5*$BB323),"")</f>
        <v/>
      </c>
      <c r="CF323" s="336" t="str">
        <f>IF(AY323="yes",('DRAFT - HGC Schemes'!BE$5*$BB323),"")</f>
        <v/>
      </c>
      <c r="CG323" s="336" t="str">
        <f>IF(AZ323="yes",('DRAFT - HGC Schemes'!BF$5*$BB323),"")</f>
        <v/>
      </c>
      <c r="CH323" s="336"/>
      <c r="CI323" s="336"/>
      <c r="CJ323" s="336"/>
      <c r="CK323" s="336"/>
      <c r="CL323" s="336"/>
      <c r="CM323" s="336"/>
      <c r="CN323" s="336"/>
      <c r="CO323" s="336"/>
      <c r="CP323" s="336"/>
      <c r="CQ323" s="336"/>
      <c r="CR323" s="336"/>
      <c r="CS323" s="336"/>
      <c r="CT323" s="336"/>
      <c r="CU323" s="336"/>
      <c r="CV323" s="336"/>
      <c r="CW323" s="336"/>
      <c r="CX323" s="336"/>
      <c r="CY323" s="336"/>
      <c r="CZ323" s="336"/>
      <c r="DA323" s="336"/>
      <c r="DB323" s="336"/>
      <c r="DC323" s="336"/>
      <c r="DD323" s="84" t="s">
        <v>660</v>
      </c>
      <c r="DE323" s="84"/>
      <c r="DF323" s="399" t="s">
        <v>661</v>
      </c>
    </row>
    <row r="324" spans="3:110" s="120" customFormat="1" ht="56.1" customHeight="1" x14ac:dyDescent="0.2">
      <c r="C324" s="368">
        <v>607</v>
      </c>
      <c r="D324" s="368" t="s">
        <v>2481</v>
      </c>
      <c r="E324" s="369" t="s">
        <v>53</v>
      </c>
      <c r="F324" s="369" t="s">
        <v>655</v>
      </c>
      <c r="G324" s="232" t="s">
        <v>656</v>
      </c>
      <c r="H324" s="232" t="s">
        <v>674</v>
      </c>
      <c r="I324" s="232" t="s">
        <v>675</v>
      </c>
      <c r="J324" s="232"/>
      <c r="K324" s="232" t="s">
        <v>86</v>
      </c>
      <c r="L324" s="232" t="s">
        <v>63</v>
      </c>
      <c r="M324" s="334" t="s">
        <v>81</v>
      </c>
      <c r="N324" s="232" t="s">
        <v>77</v>
      </c>
      <c r="O324" s="334" t="s">
        <v>225</v>
      </c>
      <c r="P324" s="84" t="s">
        <v>63</v>
      </c>
      <c r="Q324" s="84" t="s">
        <v>63</v>
      </c>
      <c r="R324" s="84">
        <v>56427</v>
      </c>
      <c r="S324" s="84">
        <f t="shared" si="215"/>
        <v>56427</v>
      </c>
      <c r="T324" s="84" t="s">
        <v>659</v>
      </c>
      <c r="U324" s="84" t="s">
        <v>65</v>
      </c>
      <c r="V324" s="84"/>
      <c r="W324" s="84"/>
      <c r="X324" s="84"/>
      <c r="Y324" s="84"/>
      <c r="Z324" s="84"/>
      <c r="AA324" s="84"/>
      <c r="AB324" s="84"/>
      <c r="AC324" s="84"/>
      <c r="AD324" s="84"/>
      <c r="AE324" s="84"/>
      <c r="AF324" s="84"/>
      <c r="AG324" s="84"/>
      <c r="AH324" s="84"/>
      <c r="AI324" s="84"/>
      <c r="AJ324" s="84"/>
      <c r="AK324" s="84"/>
      <c r="AL324" s="84"/>
      <c r="AM324" s="336" t="s">
        <v>66</v>
      </c>
      <c r="AN324" s="336" t="s">
        <v>66</v>
      </c>
      <c r="AO324" s="336" t="s">
        <v>66</v>
      </c>
      <c r="AP324" s="336" t="s">
        <v>66</v>
      </c>
      <c r="AQ324" s="84"/>
      <c r="AR324" s="84"/>
      <c r="AS324" s="84"/>
      <c r="AT324" s="84"/>
      <c r="AU324" s="84"/>
      <c r="AV324" s="84"/>
      <c r="AW324" s="84"/>
      <c r="AX324" s="84"/>
      <c r="AY324" s="84"/>
      <c r="AZ324" s="84"/>
      <c r="BA324" s="238">
        <f>SUMIF(V324:AZ324,"YES",'DRAFT - HGC Schemes'!$AB$5:$BF$5)</f>
        <v>0</v>
      </c>
      <c r="BB324" s="84" t="e">
        <f t="shared" si="216"/>
        <v>#DIV/0!</v>
      </c>
      <c r="BC324" s="336" t="str">
        <f>IF(V324="yes",('DRAFT - HGC Schemes'!AB$5*$BB324),"")</f>
        <v/>
      </c>
      <c r="BD324" s="336" t="str">
        <f>IF(W324="yes",('DRAFT - HGC Schemes'!AC$5*$BB324),"")</f>
        <v/>
      </c>
      <c r="BE324" s="336" t="str">
        <f>IF(X324="yes",('DRAFT - HGC Schemes'!AD$5*$BB324),"")</f>
        <v/>
      </c>
      <c r="BF324" s="336" t="str">
        <f>IF(Y324="yes",('DRAFT - HGC Schemes'!AE$5*$BB324),"")</f>
        <v/>
      </c>
      <c r="BG324" s="336" t="str">
        <f>IF(Z324="yes",('DRAFT - HGC Schemes'!AF$5*$BB324),"")</f>
        <v/>
      </c>
      <c r="BH324" s="336" t="str">
        <f>IF(AA324="yes",('DRAFT - HGC Schemes'!AG$5*$BB324),"")</f>
        <v/>
      </c>
      <c r="BI324" s="336" t="str">
        <f>IF(AB324="yes",('DRAFT - HGC Schemes'!AH$5*$BB324),"")</f>
        <v/>
      </c>
      <c r="BJ324" s="336" t="str">
        <f>IF(AC324="yes",('DRAFT - HGC Schemes'!AI$5*$BB324),"")</f>
        <v/>
      </c>
      <c r="BK324" s="336" t="str">
        <f>IF(AD324="yes",('DRAFT - HGC Schemes'!AJ$5*$BB324),"")</f>
        <v/>
      </c>
      <c r="BL324" s="336" t="str">
        <f>IF(AE324="yes",('DRAFT - HGC Schemes'!AK$5*$BB324),"")</f>
        <v/>
      </c>
      <c r="BM324" s="336" t="str">
        <f>IF(AF324="yes",('DRAFT - HGC Schemes'!AL$5*$BB324),"")</f>
        <v/>
      </c>
      <c r="BN324" s="336" t="str">
        <f>IF(AG324="yes",('DRAFT - HGC Schemes'!AM$5*$BB324),"")</f>
        <v/>
      </c>
      <c r="BO324" s="336" t="str">
        <f>IF(AH324="yes",('DRAFT - HGC Schemes'!AN$5*$BB324),"")</f>
        <v/>
      </c>
      <c r="BP324" s="336" t="str">
        <f>IF(AI324="yes",('DRAFT - HGC Schemes'!AO$5*$BB324),"")</f>
        <v/>
      </c>
      <c r="BQ324" s="336" t="str">
        <f>IF(AJ324="yes",('DRAFT - HGC Schemes'!AP$5*$BB324),"")</f>
        <v/>
      </c>
      <c r="BR324" s="336" t="str">
        <f>IF(AK324="yes",('DRAFT - HGC Schemes'!AQ$5*$BB324),"")</f>
        <v/>
      </c>
      <c r="BS324" s="336" t="str">
        <f>IF(AL324="yes",('DRAFT - HGC Schemes'!AR$5*$BB324),"")</f>
        <v/>
      </c>
      <c r="BT324" s="336" t="e">
        <f>IF(AM324="yes",('DRAFT - HGC Schemes'!AS$5*$BB324),"")</f>
        <v>#DIV/0!</v>
      </c>
      <c r="BU324" s="336" t="e">
        <f>IF(AN324="yes",('DRAFT - HGC Schemes'!AT$5*$BB324),"")</f>
        <v>#DIV/0!</v>
      </c>
      <c r="BV324" s="336" t="e">
        <f>IF(AO324="yes",('DRAFT - HGC Schemes'!AU$5*$BB324),"")</f>
        <v>#DIV/0!</v>
      </c>
      <c r="BW324" s="336" t="e">
        <f>IF(AP324="yes",('DRAFT - HGC Schemes'!AV$5*$BB324),"")</f>
        <v>#DIV/0!</v>
      </c>
      <c r="BX324" s="336" t="str">
        <f>IF(AQ324="yes",('DRAFT - HGC Schemes'!AW$5*$BB324),"")</f>
        <v/>
      </c>
      <c r="BY324" s="336" t="str">
        <f>IF(AR324="yes",('DRAFT - HGC Schemes'!AX$5*$BB324),"")</f>
        <v/>
      </c>
      <c r="BZ324" s="336" t="str">
        <f>IF(AS324="yes",('DRAFT - HGC Schemes'!AY$5*$BB324),"")</f>
        <v/>
      </c>
      <c r="CA324" s="336" t="str">
        <f>IF(AT324="yes",('DRAFT - HGC Schemes'!AZ$5*$BB324),"")</f>
        <v/>
      </c>
      <c r="CB324" s="336" t="str">
        <f>IF(AU324="yes",('DRAFT - HGC Schemes'!BA$5*$BB324),"")</f>
        <v/>
      </c>
      <c r="CC324" s="336" t="str">
        <f>IF(AV324="yes",('DRAFT - HGC Schemes'!BB$5*$BB324),"")</f>
        <v/>
      </c>
      <c r="CD324" s="336" t="str">
        <f>IF(AW324="yes",('DRAFT - HGC Schemes'!BC$5*$BB324),"")</f>
        <v/>
      </c>
      <c r="CE324" s="336" t="str">
        <f>IF(AX324="yes",('DRAFT - HGC Schemes'!BD$5*$BB324),"")</f>
        <v/>
      </c>
      <c r="CF324" s="336" t="str">
        <f>IF(AY324="yes",('DRAFT - HGC Schemes'!BE$5*$BB324),"")</f>
        <v/>
      </c>
      <c r="CG324" s="336" t="str">
        <f>IF(AZ324="yes",('DRAFT - HGC Schemes'!BF$5*$BB324),"")</f>
        <v/>
      </c>
      <c r="CH324" s="336"/>
      <c r="CI324" s="336"/>
      <c r="CJ324" s="336"/>
      <c r="CK324" s="336"/>
      <c r="CL324" s="336"/>
      <c r="CM324" s="336"/>
      <c r="CN324" s="336"/>
      <c r="CO324" s="336"/>
      <c r="CP324" s="336"/>
      <c r="CQ324" s="336"/>
      <c r="CR324" s="336"/>
      <c r="CS324" s="336"/>
      <c r="CT324" s="336"/>
      <c r="CU324" s="336"/>
      <c r="CV324" s="336"/>
      <c r="CW324" s="336"/>
      <c r="CX324" s="336"/>
      <c r="CY324" s="336"/>
      <c r="CZ324" s="336"/>
      <c r="DA324" s="336"/>
      <c r="DB324" s="336"/>
      <c r="DC324" s="336"/>
      <c r="DD324" s="84" t="s">
        <v>660</v>
      </c>
      <c r="DE324" s="84"/>
      <c r="DF324" s="399" t="s">
        <v>661</v>
      </c>
    </row>
    <row r="325" spans="3:110" s="120" customFormat="1" ht="56.1" customHeight="1" x14ac:dyDescent="0.2">
      <c r="C325" s="368">
        <v>608</v>
      </c>
      <c r="D325" s="368" t="s">
        <v>2481</v>
      </c>
      <c r="E325" s="369" t="s">
        <v>53</v>
      </c>
      <c r="F325" s="369" t="s">
        <v>655</v>
      </c>
      <c r="G325" s="232" t="s">
        <v>656</v>
      </c>
      <c r="H325" s="232" t="s">
        <v>676</v>
      </c>
      <c r="I325" s="232" t="s">
        <v>677</v>
      </c>
      <c r="J325" s="232"/>
      <c r="K325" s="232" t="s">
        <v>86</v>
      </c>
      <c r="L325" s="232" t="s">
        <v>63</v>
      </c>
      <c r="M325" s="334" t="s">
        <v>81</v>
      </c>
      <c r="N325" s="232" t="s">
        <v>77</v>
      </c>
      <c r="O325" s="334" t="s">
        <v>225</v>
      </c>
      <c r="P325" s="84" t="s">
        <v>63</v>
      </c>
      <c r="Q325" s="84" t="s">
        <v>63</v>
      </c>
      <c r="R325" s="84">
        <v>75236</v>
      </c>
      <c r="S325" s="84">
        <f t="shared" si="215"/>
        <v>75236</v>
      </c>
      <c r="T325" s="84" t="s">
        <v>659</v>
      </c>
      <c r="U325" s="84" t="s">
        <v>65</v>
      </c>
      <c r="V325" s="84"/>
      <c r="W325" s="84"/>
      <c r="X325" s="84"/>
      <c r="Y325" s="84"/>
      <c r="Z325" s="84"/>
      <c r="AA325" s="84"/>
      <c r="AB325" s="84"/>
      <c r="AC325" s="84"/>
      <c r="AD325" s="84"/>
      <c r="AE325" s="84"/>
      <c r="AF325" s="84"/>
      <c r="AG325" s="84"/>
      <c r="AH325" s="84"/>
      <c r="AI325" s="84"/>
      <c r="AJ325" s="84"/>
      <c r="AK325" s="84"/>
      <c r="AL325" s="84"/>
      <c r="AM325" s="336" t="s">
        <v>66</v>
      </c>
      <c r="AN325" s="336" t="s">
        <v>66</v>
      </c>
      <c r="AO325" s="336" t="s">
        <v>66</v>
      </c>
      <c r="AP325" s="336" t="s">
        <v>66</v>
      </c>
      <c r="AQ325" s="84"/>
      <c r="AR325" s="84"/>
      <c r="AS325" s="84"/>
      <c r="AT325" s="84"/>
      <c r="AU325" s="84"/>
      <c r="AV325" s="84"/>
      <c r="AW325" s="84"/>
      <c r="AX325" s="84"/>
      <c r="AY325" s="84"/>
      <c r="AZ325" s="84"/>
      <c r="BA325" s="238">
        <f>SUMIF(V325:AZ325,"YES",'DRAFT - HGC Schemes'!$AB$5:$BF$5)</f>
        <v>0</v>
      </c>
      <c r="BB325" s="84" t="e">
        <f t="shared" si="216"/>
        <v>#DIV/0!</v>
      </c>
      <c r="BC325" s="336" t="str">
        <f>IF(V325="yes",('DRAFT - HGC Schemes'!AB$5*$BB325),"")</f>
        <v/>
      </c>
      <c r="BD325" s="336" t="str">
        <f>IF(W325="yes",('DRAFT - HGC Schemes'!AC$5*$BB325),"")</f>
        <v/>
      </c>
      <c r="BE325" s="336" t="str">
        <f>IF(X325="yes",('DRAFT - HGC Schemes'!AD$5*$BB325),"")</f>
        <v/>
      </c>
      <c r="BF325" s="336" t="str">
        <f>IF(Y325="yes",('DRAFT - HGC Schemes'!AE$5*$BB325),"")</f>
        <v/>
      </c>
      <c r="BG325" s="336" t="str">
        <f>IF(Z325="yes",('DRAFT - HGC Schemes'!AF$5*$BB325),"")</f>
        <v/>
      </c>
      <c r="BH325" s="336" t="str">
        <f>IF(AA325="yes",('DRAFT - HGC Schemes'!AG$5*$BB325),"")</f>
        <v/>
      </c>
      <c r="BI325" s="336" t="str">
        <f>IF(AB325="yes",('DRAFT - HGC Schemes'!AH$5*$BB325),"")</f>
        <v/>
      </c>
      <c r="BJ325" s="336" t="str">
        <f>IF(AC325="yes",('DRAFT - HGC Schemes'!AI$5*$BB325),"")</f>
        <v/>
      </c>
      <c r="BK325" s="336" t="str">
        <f>IF(AD325="yes",('DRAFT - HGC Schemes'!AJ$5*$BB325),"")</f>
        <v/>
      </c>
      <c r="BL325" s="336" t="str">
        <f>IF(AE325="yes",('DRAFT - HGC Schemes'!AK$5*$BB325),"")</f>
        <v/>
      </c>
      <c r="BM325" s="336" t="str">
        <f>IF(AF325="yes",('DRAFT - HGC Schemes'!AL$5*$BB325),"")</f>
        <v/>
      </c>
      <c r="BN325" s="336" t="str">
        <f>IF(AG325="yes",('DRAFT - HGC Schemes'!AM$5*$BB325),"")</f>
        <v/>
      </c>
      <c r="BO325" s="336" t="str">
        <f>IF(AH325="yes",('DRAFT - HGC Schemes'!AN$5*$BB325),"")</f>
        <v/>
      </c>
      <c r="BP325" s="336" t="str">
        <f>IF(AI325="yes",('DRAFT - HGC Schemes'!AO$5*$BB325),"")</f>
        <v/>
      </c>
      <c r="BQ325" s="336" t="str">
        <f>IF(AJ325="yes",('DRAFT - HGC Schemes'!AP$5*$BB325),"")</f>
        <v/>
      </c>
      <c r="BR325" s="336" t="str">
        <f>IF(AK325="yes",('DRAFT - HGC Schemes'!AQ$5*$BB325),"")</f>
        <v/>
      </c>
      <c r="BS325" s="336" t="str">
        <f>IF(AL325="yes",('DRAFT - HGC Schemes'!AR$5*$BB325),"")</f>
        <v/>
      </c>
      <c r="BT325" s="336" t="e">
        <f>IF(AM325="yes",('DRAFT - HGC Schemes'!AS$5*$BB325),"")</f>
        <v>#DIV/0!</v>
      </c>
      <c r="BU325" s="336" t="e">
        <f>IF(AN325="yes",('DRAFT - HGC Schemes'!AT$5*$BB325),"")</f>
        <v>#DIV/0!</v>
      </c>
      <c r="BV325" s="336" t="e">
        <f>IF(AO325="yes",('DRAFT - HGC Schemes'!AU$5*$BB325),"")</f>
        <v>#DIV/0!</v>
      </c>
      <c r="BW325" s="336" t="e">
        <f>IF(AP325="yes",('DRAFT - HGC Schemes'!AV$5*$BB325),"")</f>
        <v>#DIV/0!</v>
      </c>
      <c r="BX325" s="336" t="str">
        <f>IF(AQ325="yes",('DRAFT - HGC Schemes'!AW$5*$BB325),"")</f>
        <v/>
      </c>
      <c r="BY325" s="336" t="str">
        <f>IF(AR325="yes",('DRAFT - HGC Schemes'!AX$5*$BB325),"")</f>
        <v/>
      </c>
      <c r="BZ325" s="336" t="str">
        <f>IF(AS325="yes",('DRAFT - HGC Schemes'!AY$5*$BB325),"")</f>
        <v/>
      </c>
      <c r="CA325" s="336" t="str">
        <f>IF(AT325="yes",('DRAFT - HGC Schemes'!AZ$5*$BB325),"")</f>
        <v/>
      </c>
      <c r="CB325" s="336" t="str">
        <f>IF(AU325="yes",('DRAFT - HGC Schemes'!BA$5*$BB325),"")</f>
        <v/>
      </c>
      <c r="CC325" s="336" t="str">
        <f>IF(AV325="yes",('DRAFT - HGC Schemes'!BB$5*$BB325),"")</f>
        <v/>
      </c>
      <c r="CD325" s="336" t="str">
        <f>IF(AW325="yes",('DRAFT - HGC Schemes'!BC$5*$BB325),"")</f>
        <v/>
      </c>
      <c r="CE325" s="336" t="str">
        <f>IF(AX325="yes",('DRAFT - HGC Schemes'!BD$5*$BB325),"")</f>
        <v/>
      </c>
      <c r="CF325" s="336" t="str">
        <f>IF(AY325="yes",('DRAFT - HGC Schemes'!BE$5*$BB325),"")</f>
        <v/>
      </c>
      <c r="CG325" s="336" t="str">
        <f>IF(AZ325="yes",('DRAFT - HGC Schemes'!BF$5*$BB325),"")</f>
        <v/>
      </c>
      <c r="CH325" s="336"/>
      <c r="CI325" s="336"/>
      <c r="CJ325" s="336"/>
      <c r="CK325" s="336"/>
      <c r="CL325" s="336"/>
      <c r="CM325" s="336"/>
      <c r="CN325" s="336"/>
      <c r="CO325" s="336"/>
      <c r="CP325" s="336"/>
      <c r="CQ325" s="336"/>
      <c r="CR325" s="336"/>
      <c r="CS325" s="336"/>
      <c r="CT325" s="336"/>
      <c r="CU325" s="336"/>
      <c r="CV325" s="336"/>
      <c r="CW325" s="336"/>
      <c r="CX325" s="336"/>
      <c r="CY325" s="336"/>
      <c r="CZ325" s="336"/>
      <c r="DA325" s="336"/>
      <c r="DB325" s="336"/>
      <c r="DC325" s="336"/>
      <c r="DD325" s="84" t="s">
        <v>660</v>
      </c>
      <c r="DE325" s="84"/>
      <c r="DF325" s="399" t="s">
        <v>661</v>
      </c>
    </row>
    <row r="326" spans="3:110" s="120" customFormat="1" ht="56.1" customHeight="1" x14ac:dyDescent="0.2">
      <c r="C326" s="368">
        <v>609</v>
      </c>
      <c r="D326" s="368" t="s">
        <v>2481</v>
      </c>
      <c r="E326" s="369" t="s">
        <v>53</v>
      </c>
      <c r="F326" s="369" t="s">
        <v>655</v>
      </c>
      <c r="G326" s="232" t="s">
        <v>656</v>
      </c>
      <c r="H326" s="232" t="s">
        <v>678</v>
      </c>
      <c r="I326" s="232" t="s">
        <v>679</v>
      </c>
      <c r="J326" s="232"/>
      <c r="K326" s="232" t="s">
        <v>86</v>
      </c>
      <c r="L326" s="232" t="s">
        <v>63</v>
      </c>
      <c r="M326" s="334" t="s">
        <v>81</v>
      </c>
      <c r="N326" s="232" t="s">
        <v>77</v>
      </c>
      <c r="O326" s="334" t="s">
        <v>225</v>
      </c>
      <c r="P326" s="84" t="s">
        <v>63</v>
      </c>
      <c r="Q326" s="84" t="s">
        <v>63</v>
      </c>
      <c r="R326" s="84">
        <v>43888</v>
      </c>
      <c r="S326" s="84">
        <f t="shared" si="215"/>
        <v>43888</v>
      </c>
      <c r="T326" s="84" t="s">
        <v>659</v>
      </c>
      <c r="U326" s="84" t="s">
        <v>65</v>
      </c>
      <c r="V326" s="84"/>
      <c r="W326" s="84"/>
      <c r="X326" s="84"/>
      <c r="Y326" s="84"/>
      <c r="Z326" s="84"/>
      <c r="AA326" s="84"/>
      <c r="AB326" s="84"/>
      <c r="AC326" s="84"/>
      <c r="AD326" s="84"/>
      <c r="AE326" s="84"/>
      <c r="AF326" s="84"/>
      <c r="AG326" s="84"/>
      <c r="AH326" s="84"/>
      <c r="AI326" s="84"/>
      <c r="AJ326" s="84"/>
      <c r="AK326" s="84"/>
      <c r="AL326" s="84"/>
      <c r="AM326" s="336" t="s">
        <v>66</v>
      </c>
      <c r="AN326" s="336" t="s">
        <v>66</v>
      </c>
      <c r="AO326" s="336" t="s">
        <v>66</v>
      </c>
      <c r="AP326" s="336" t="s">
        <v>66</v>
      </c>
      <c r="AQ326" s="84"/>
      <c r="AR326" s="84"/>
      <c r="AS326" s="84"/>
      <c r="AT326" s="84"/>
      <c r="AU326" s="84"/>
      <c r="AV326" s="84"/>
      <c r="AW326" s="84"/>
      <c r="AX326" s="84"/>
      <c r="AY326" s="84"/>
      <c r="AZ326" s="84"/>
      <c r="BA326" s="238">
        <f>SUMIF(V326:AZ326,"YES",'DRAFT - HGC Schemes'!$AB$5:$BF$5)</f>
        <v>0</v>
      </c>
      <c r="BB326" s="84" t="e">
        <f t="shared" si="216"/>
        <v>#DIV/0!</v>
      </c>
      <c r="BC326" s="336" t="str">
        <f>IF(V326="yes",('DRAFT - HGC Schemes'!AB$5*$BB326),"")</f>
        <v/>
      </c>
      <c r="BD326" s="336" t="str">
        <f>IF(W326="yes",('DRAFT - HGC Schemes'!AC$5*$BB326),"")</f>
        <v/>
      </c>
      <c r="BE326" s="336" t="str">
        <f>IF(X326="yes",('DRAFT - HGC Schemes'!AD$5*$BB326),"")</f>
        <v/>
      </c>
      <c r="BF326" s="336" t="str">
        <f>IF(Y326="yes",('DRAFT - HGC Schemes'!AE$5*$BB326),"")</f>
        <v/>
      </c>
      <c r="BG326" s="336" t="str">
        <f>IF(Z326="yes",('DRAFT - HGC Schemes'!AF$5*$BB326),"")</f>
        <v/>
      </c>
      <c r="BH326" s="336" t="str">
        <f>IF(AA326="yes",('DRAFT - HGC Schemes'!AG$5*$BB326),"")</f>
        <v/>
      </c>
      <c r="BI326" s="336" t="str">
        <f>IF(AB326="yes",('DRAFT - HGC Schemes'!AH$5*$BB326),"")</f>
        <v/>
      </c>
      <c r="BJ326" s="336" t="str">
        <f>IF(AC326="yes",('DRAFT - HGC Schemes'!AI$5*$BB326),"")</f>
        <v/>
      </c>
      <c r="BK326" s="336" t="str">
        <f>IF(AD326="yes",('DRAFT - HGC Schemes'!AJ$5*$BB326),"")</f>
        <v/>
      </c>
      <c r="BL326" s="336" t="str">
        <f>IF(AE326="yes",('DRAFT - HGC Schemes'!AK$5*$BB326),"")</f>
        <v/>
      </c>
      <c r="BM326" s="336" t="str">
        <f>IF(AF326="yes",('DRAFT - HGC Schemes'!AL$5*$BB326),"")</f>
        <v/>
      </c>
      <c r="BN326" s="336" t="str">
        <f>IF(AG326="yes",('DRAFT - HGC Schemes'!AM$5*$BB326),"")</f>
        <v/>
      </c>
      <c r="BO326" s="336" t="str">
        <f>IF(AH326="yes",('DRAFT - HGC Schemes'!AN$5*$BB326),"")</f>
        <v/>
      </c>
      <c r="BP326" s="336" t="str">
        <f>IF(AI326="yes",('DRAFT - HGC Schemes'!AO$5*$BB326),"")</f>
        <v/>
      </c>
      <c r="BQ326" s="336" t="str">
        <f>IF(AJ326="yes",('DRAFT - HGC Schemes'!AP$5*$BB326),"")</f>
        <v/>
      </c>
      <c r="BR326" s="336" t="str">
        <f>IF(AK326="yes",('DRAFT - HGC Schemes'!AQ$5*$BB326),"")</f>
        <v/>
      </c>
      <c r="BS326" s="336" t="str">
        <f>IF(AL326="yes",('DRAFT - HGC Schemes'!AR$5*$BB326),"")</f>
        <v/>
      </c>
      <c r="BT326" s="336" t="e">
        <f>IF(AM326="yes",('DRAFT - HGC Schemes'!AS$5*$BB326),"")</f>
        <v>#DIV/0!</v>
      </c>
      <c r="BU326" s="336" t="e">
        <f>IF(AN326="yes",('DRAFT - HGC Schemes'!AT$5*$BB326),"")</f>
        <v>#DIV/0!</v>
      </c>
      <c r="BV326" s="336" t="e">
        <f>IF(AO326="yes",('DRAFT - HGC Schemes'!AU$5*$BB326),"")</f>
        <v>#DIV/0!</v>
      </c>
      <c r="BW326" s="336" t="e">
        <f>IF(AP326="yes",('DRAFT - HGC Schemes'!AV$5*$BB326),"")</f>
        <v>#DIV/0!</v>
      </c>
      <c r="BX326" s="336" t="str">
        <f>IF(AQ326="yes",('DRAFT - HGC Schemes'!AW$5*$BB326),"")</f>
        <v/>
      </c>
      <c r="BY326" s="336" t="str">
        <f>IF(AR326="yes",('DRAFT - HGC Schemes'!AX$5*$BB326),"")</f>
        <v/>
      </c>
      <c r="BZ326" s="336" t="str">
        <f>IF(AS326="yes",('DRAFT - HGC Schemes'!AY$5*$BB326),"")</f>
        <v/>
      </c>
      <c r="CA326" s="336" t="str">
        <f>IF(AT326="yes",('DRAFT - HGC Schemes'!AZ$5*$BB326),"")</f>
        <v/>
      </c>
      <c r="CB326" s="336" t="str">
        <f>IF(AU326="yes",('DRAFT - HGC Schemes'!BA$5*$BB326),"")</f>
        <v/>
      </c>
      <c r="CC326" s="336" t="str">
        <f>IF(AV326="yes",('DRAFT - HGC Schemes'!BB$5*$BB326),"")</f>
        <v/>
      </c>
      <c r="CD326" s="336" t="str">
        <f>IF(AW326="yes",('DRAFT - HGC Schemes'!BC$5*$BB326),"")</f>
        <v/>
      </c>
      <c r="CE326" s="336" t="str">
        <f>IF(AX326="yes",('DRAFT - HGC Schemes'!BD$5*$BB326),"")</f>
        <v/>
      </c>
      <c r="CF326" s="336" t="str">
        <f>IF(AY326="yes",('DRAFT - HGC Schemes'!BE$5*$BB326),"")</f>
        <v/>
      </c>
      <c r="CG326" s="336" t="str">
        <f>IF(AZ326="yes",('DRAFT - HGC Schemes'!BF$5*$BB326),"")</f>
        <v/>
      </c>
      <c r="CH326" s="336"/>
      <c r="CI326" s="336"/>
      <c r="CJ326" s="336"/>
      <c r="CK326" s="336"/>
      <c r="CL326" s="336"/>
      <c r="CM326" s="336"/>
      <c r="CN326" s="336"/>
      <c r="CO326" s="336"/>
      <c r="CP326" s="336"/>
      <c r="CQ326" s="336"/>
      <c r="CR326" s="336"/>
      <c r="CS326" s="336"/>
      <c r="CT326" s="336"/>
      <c r="CU326" s="336"/>
      <c r="CV326" s="336"/>
      <c r="CW326" s="336"/>
      <c r="CX326" s="336"/>
      <c r="CY326" s="336"/>
      <c r="CZ326" s="336"/>
      <c r="DA326" s="336"/>
      <c r="DB326" s="336"/>
      <c r="DC326" s="336"/>
      <c r="DD326" s="84" t="s">
        <v>660</v>
      </c>
      <c r="DE326" s="84"/>
      <c r="DF326" s="399" t="s">
        <v>661</v>
      </c>
    </row>
    <row r="327" spans="3:110" s="120" customFormat="1" ht="56.1" customHeight="1" x14ac:dyDescent="0.2">
      <c r="C327" s="368">
        <v>610</v>
      </c>
      <c r="D327" s="368" t="s">
        <v>2481</v>
      </c>
      <c r="E327" s="369" t="s">
        <v>53</v>
      </c>
      <c r="F327" s="369" t="s">
        <v>655</v>
      </c>
      <c r="G327" s="232" t="s">
        <v>656</v>
      </c>
      <c r="H327" s="232" t="s">
        <v>680</v>
      </c>
      <c r="I327" s="232" t="s">
        <v>681</v>
      </c>
      <c r="J327" s="232"/>
      <c r="K327" s="232" t="s">
        <v>86</v>
      </c>
      <c r="L327" s="232" t="s">
        <v>63</v>
      </c>
      <c r="M327" s="334" t="s">
        <v>81</v>
      </c>
      <c r="N327" s="232" t="s">
        <v>77</v>
      </c>
      <c r="O327" s="334" t="s">
        <v>225</v>
      </c>
      <c r="P327" s="84" t="s">
        <v>63</v>
      </c>
      <c r="Q327" s="84" t="s">
        <v>63</v>
      </c>
      <c r="R327" s="84">
        <v>131663</v>
      </c>
      <c r="S327" s="84">
        <f t="shared" si="215"/>
        <v>131663</v>
      </c>
      <c r="T327" s="84" t="s">
        <v>659</v>
      </c>
      <c r="U327" s="84" t="s">
        <v>65</v>
      </c>
      <c r="V327" s="84"/>
      <c r="W327" s="84"/>
      <c r="X327" s="84"/>
      <c r="Y327" s="84"/>
      <c r="Z327" s="84"/>
      <c r="AA327" s="84"/>
      <c r="AB327" s="84"/>
      <c r="AC327" s="84"/>
      <c r="AD327" s="84"/>
      <c r="AE327" s="84"/>
      <c r="AF327" s="84"/>
      <c r="AG327" s="84"/>
      <c r="AH327" s="84"/>
      <c r="AI327" s="84"/>
      <c r="AJ327" s="84"/>
      <c r="AK327" s="84"/>
      <c r="AL327" s="84"/>
      <c r="AM327" s="336" t="s">
        <v>66</v>
      </c>
      <c r="AN327" s="336" t="s">
        <v>66</v>
      </c>
      <c r="AO327" s="336" t="s">
        <v>66</v>
      </c>
      <c r="AP327" s="336" t="s">
        <v>66</v>
      </c>
      <c r="AQ327" s="84"/>
      <c r="AR327" s="84"/>
      <c r="AS327" s="84"/>
      <c r="AT327" s="84"/>
      <c r="AU327" s="84"/>
      <c r="AV327" s="84"/>
      <c r="AW327" s="84"/>
      <c r="AX327" s="84"/>
      <c r="AY327" s="84"/>
      <c r="AZ327" s="84"/>
      <c r="BA327" s="238">
        <f>SUMIF(V327:AZ327,"YES",'DRAFT - HGC Schemes'!$AB$5:$BF$5)</f>
        <v>0</v>
      </c>
      <c r="BB327" s="84" t="e">
        <f t="shared" si="216"/>
        <v>#DIV/0!</v>
      </c>
      <c r="BC327" s="336" t="str">
        <f>IF(V327="yes",('DRAFT - HGC Schemes'!AB$5*$BB327),"")</f>
        <v/>
      </c>
      <c r="BD327" s="336" t="str">
        <f>IF(W327="yes",('DRAFT - HGC Schemes'!AC$5*$BB327),"")</f>
        <v/>
      </c>
      <c r="BE327" s="336" t="str">
        <f>IF(X327="yes",('DRAFT - HGC Schemes'!AD$5*$BB327),"")</f>
        <v/>
      </c>
      <c r="BF327" s="336" t="str">
        <f>IF(Y327="yes",('DRAFT - HGC Schemes'!AE$5*$BB327),"")</f>
        <v/>
      </c>
      <c r="BG327" s="336" t="str">
        <f>IF(Z327="yes",('DRAFT - HGC Schemes'!AF$5*$BB327),"")</f>
        <v/>
      </c>
      <c r="BH327" s="336" t="str">
        <f>IF(AA327="yes",('DRAFT - HGC Schemes'!AG$5*$BB327),"")</f>
        <v/>
      </c>
      <c r="BI327" s="336" t="str">
        <f>IF(AB327="yes",('DRAFT - HGC Schemes'!AH$5*$BB327),"")</f>
        <v/>
      </c>
      <c r="BJ327" s="336" t="str">
        <f>IF(AC327="yes",('DRAFT - HGC Schemes'!AI$5*$BB327),"")</f>
        <v/>
      </c>
      <c r="BK327" s="336" t="str">
        <f>IF(AD327="yes",('DRAFT - HGC Schemes'!AJ$5*$BB327),"")</f>
        <v/>
      </c>
      <c r="BL327" s="336" t="str">
        <f>IF(AE327="yes",('DRAFT - HGC Schemes'!AK$5*$BB327),"")</f>
        <v/>
      </c>
      <c r="BM327" s="336" t="str">
        <f>IF(AF327="yes",('DRAFT - HGC Schemes'!AL$5*$BB327),"")</f>
        <v/>
      </c>
      <c r="BN327" s="336" t="str">
        <f>IF(AG327="yes",('DRAFT - HGC Schemes'!AM$5*$BB327),"")</f>
        <v/>
      </c>
      <c r="BO327" s="336" t="str">
        <f>IF(AH327="yes",('DRAFT - HGC Schemes'!AN$5*$BB327),"")</f>
        <v/>
      </c>
      <c r="BP327" s="336" t="str">
        <f>IF(AI327="yes",('DRAFT - HGC Schemes'!AO$5*$BB327),"")</f>
        <v/>
      </c>
      <c r="BQ327" s="336" t="str">
        <f>IF(AJ327="yes",('DRAFT - HGC Schemes'!AP$5*$BB327),"")</f>
        <v/>
      </c>
      <c r="BR327" s="336" t="str">
        <f>IF(AK327="yes",('DRAFT - HGC Schemes'!AQ$5*$BB327),"")</f>
        <v/>
      </c>
      <c r="BS327" s="336" t="str">
        <f>IF(AL327="yes",('DRAFT - HGC Schemes'!AR$5*$BB327),"")</f>
        <v/>
      </c>
      <c r="BT327" s="336" t="e">
        <f>IF(AM327="yes",('DRAFT - HGC Schemes'!AS$5*$BB327),"")</f>
        <v>#DIV/0!</v>
      </c>
      <c r="BU327" s="336" t="e">
        <f>IF(AN327="yes",('DRAFT - HGC Schemes'!AT$5*$BB327),"")</f>
        <v>#DIV/0!</v>
      </c>
      <c r="BV327" s="336" t="e">
        <f>IF(AO327="yes",('DRAFT - HGC Schemes'!AU$5*$BB327),"")</f>
        <v>#DIV/0!</v>
      </c>
      <c r="BW327" s="336" t="e">
        <f>IF(AP327="yes",('DRAFT - HGC Schemes'!AV$5*$BB327),"")</f>
        <v>#DIV/0!</v>
      </c>
      <c r="BX327" s="336" t="str">
        <f>IF(AQ327="yes",('DRAFT - HGC Schemes'!AW$5*$BB327),"")</f>
        <v/>
      </c>
      <c r="BY327" s="336" t="str">
        <f>IF(AR327="yes",('DRAFT - HGC Schemes'!AX$5*$BB327),"")</f>
        <v/>
      </c>
      <c r="BZ327" s="336" t="str">
        <f>IF(AS327="yes",('DRAFT - HGC Schemes'!AY$5*$BB327),"")</f>
        <v/>
      </c>
      <c r="CA327" s="336" t="str">
        <f>IF(AT327="yes",('DRAFT - HGC Schemes'!AZ$5*$BB327),"")</f>
        <v/>
      </c>
      <c r="CB327" s="336" t="str">
        <f>IF(AU327="yes",('DRAFT - HGC Schemes'!BA$5*$BB327),"")</f>
        <v/>
      </c>
      <c r="CC327" s="336" t="str">
        <f>IF(AV327="yes",('DRAFT - HGC Schemes'!BB$5*$BB327),"")</f>
        <v/>
      </c>
      <c r="CD327" s="336" t="str">
        <f>IF(AW327="yes",('DRAFT - HGC Schemes'!BC$5*$BB327),"")</f>
        <v/>
      </c>
      <c r="CE327" s="336" t="str">
        <f>IF(AX327="yes",('DRAFT - HGC Schemes'!BD$5*$BB327),"")</f>
        <v/>
      </c>
      <c r="CF327" s="336" t="str">
        <f>IF(AY327="yes",('DRAFT - HGC Schemes'!BE$5*$BB327),"")</f>
        <v/>
      </c>
      <c r="CG327" s="336" t="str">
        <f>IF(AZ327="yes",('DRAFT - HGC Schemes'!BF$5*$BB327),"")</f>
        <v/>
      </c>
      <c r="CH327" s="336"/>
      <c r="CI327" s="336"/>
      <c r="CJ327" s="336"/>
      <c r="CK327" s="336"/>
      <c r="CL327" s="336"/>
      <c r="CM327" s="336"/>
      <c r="CN327" s="336"/>
      <c r="CO327" s="336"/>
      <c r="CP327" s="336"/>
      <c r="CQ327" s="336"/>
      <c r="CR327" s="336"/>
      <c r="CS327" s="336"/>
      <c r="CT327" s="336"/>
      <c r="CU327" s="336"/>
      <c r="CV327" s="336"/>
      <c r="CW327" s="336"/>
      <c r="CX327" s="336"/>
      <c r="CY327" s="336"/>
      <c r="CZ327" s="336"/>
      <c r="DA327" s="336"/>
      <c r="DB327" s="336"/>
      <c r="DC327" s="336"/>
      <c r="DD327" s="84" t="s">
        <v>660</v>
      </c>
      <c r="DE327" s="84"/>
      <c r="DF327" s="399" t="s">
        <v>661</v>
      </c>
    </row>
    <row r="328" spans="3:110" s="120" customFormat="1" ht="56.1" customHeight="1" x14ac:dyDescent="0.2">
      <c r="C328" s="368">
        <v>611</v>
      </c>
      <c r="D328" s="368" t="s">
        <v>2481</v>
      </c>
      <c r="E328" s="369" t="s">
        <v>53</v>
      </c>
      <c r="F328" s="369" t="s">
        <v>655</v>
      </c>
      <c r="G328" s="232" t="s">
        <v>656</v>
      </c>
      <c r="H328" s="232" t="s">
        <v>682</v>
      </c>
      <c r="I328" s="232" t="s">
        <v>683</v>
      </c>
      <c r="J328" s="232"/>
      <c r="K328" s="232" t="s">
        <v>86</v>
      </c>
      <c r="L328" s="232" t="s">
        <v>63</v>
      </c>
      <c r="M328" s="334" t="s">
        <v>81</v>
      </c>
      <c r="N328" s="232" t="s">
        <v>77</v>
      </c>
      <c r="O328" s="334" t="s">
        <v>225</v>
      </c>
      <c r="P328" s="84" t="s">
        <v>63</v>
      </c>
      <c r="Q328" s="84" t="s">
        <v>63</v>
      </c>
      <c r="R328" s="335"/>
      <c r="S328" s="335"/>
      <c r="T328" s="84" t="s">
        <v>659</v>
      </c>
      <c r="U328" s="84" t="s">
        <v>65</v>
      </c>
      <c r="V328" s="84"/>
      <c r="W328" s="84"/>
      <c r="X328" s="84"/>
      <c r="Y328" s="84"/>
      <c r="Z328" s="84"/>
      <c r="AA328" s="84"/>
      <c r="AB328" s="84"/>
      <c r="AC328" s="84"/>
      <c r="AD328" s="84"/>
      <c r="AE328" s="84"/>
      <c r="AF328" s="84"/>
      <c r="AG328" s="84"/>
      <c r="AH328" s="84"/>
      <c r="AI328" s="84"/>
      <c r="AJ328" s="84"/>
      <c r="AK328" s="84"/>
      <c r="AL328" s="84"/>
      <c r="AM328" s="336" t="s">
        <v>66</v>
      </c>
      <c r="AN328" s="336" t="s">
        <v>66</v>
      </c>
      <c r="AO328" s="336" t="s">
        <v>66</v>
      </c>
      <c r="AP328" s="336" t="s">
        <v>66</v>
      </c>
      <c r="AQ328" s="84"/>
      <c r="AR328" s="84"/>
      <c r="AS328" s="84"/>
      <c r="AT328" s="84"/>
      <c r="AU328" s="84"/>
      <c r="AV328" s="84"/>
      <c r="AW328" s="84"/>
      <c r="AX328" s="84"/>
      <c r="AY328" s="84"/>
      <c r="AZ328" s="84"/>
      <c r="BA328" s="238">
        <f>SUMIF(V328:AZ328,"YES",'DRAFT - HGC Schemes'!$AB$5:$BF$5)</f>
        <v>0</v>
      </c>
      <c r="BB328" s="84"/>
      <c r="BC328" s="336" t="str">
        <f>IF(V328="yes",('DRAFT - HGC Schemes'!AB$5*$BB328),"")</f>
        <v/>
      </c>
      <c r="BD328" s="336" t="str">
        <f>IF(W328="yes",('DRAFT - HGC Schemes'!AC$5*$BB328),"")</f>
        <v/>
      </c>
      <c r="BE328" s="336" t="str">
        <f>IF(X328="yes",('DRAFT - HGC Schemes'!AD$5*$BB328),"")</f>
        <v/>
      </c>
      <c r="BF328" s="336" t="str">
        <f>IF(Y328="yes",('DRAFT - HGC Schemes'!AE$5*$BB328),"")</f>
        <v/>
      </c>
      <c r="BG328" s="336" t="str">
        <f>IF(Z328="yes",('DRAFT - HGC Schemes'!AF$5*$BB328),"")</f>
        <v/>
      </c>
      <c r="BH328" s="336" t="str">
        <f>IF(AA328="yes",('DRAFT - HGC Schemes'!AG$5*$BB328),"")</f>
        <v/>
      </c>
      <c r="BI328" s="336" t="str">
        <f>IF(AB328="yes",('DRAFT - HGC Schemes'!AH$5*$BB328),"")</f>
        <v/>
      </c>
      <c r="BJ328" s="336" t="str">
        <f>IF(AC328="yes",('DRAFT - HGC Schemes'!AI$5*$BB328),"")</f>
        <v/>
      </c>
      <c r="BK328" s="336" t="str">
        <f>IF(AD328="yes",('DRAFT - HGC Schemes'!AJ$5*$BB328),"")</f>
        <v/>
      </c>
      <c r="BL328" s="336" t="str">
        <f>IF(AE328="yes",('DRAFT - HGC Schemes'!AK$5*$BB328),"")</f>
        <v/>
      </c>
      <c r="BM328" s="336" t="str">
        <f>IF(AF328="yes",('DRAFT - HGC Schemes'!AL$5*$BB328),"")</f>
        <v/>
      </c>
      <c r="BN328" s="336" t="str">
        <f>IF(AG328="yes",('DRAFT - HGC Schemes'!AM$5*$BB328),"")</f>
        <v/>
      </c>
      <c r="BO328" s="336" t="str">
        <f>IF(AH328="yes",('DRAFT - HGC Schemes'!AN$5*$BB328),"")</f>
        <v/>
      </c>
      <c r="BP328" s="336" t="str">
        <f>IF(AI328="yes",('DRAFT - HGC Schemes'!AO$5*$BB328),"")</f>
        <v/>
      </c>
      <c r="BQ328" s="336" t="str">
        <f>IF(AJ328="yes",('DRAFT - HGC Schemes'!AP$5*$BB328),"")</f>
        <v/>
      </c>
      <c r="BR328" s="336" t="str">
        <f>IF(AK328="yes",('DRAFT - HGC Schemes'!AQ$5*$BB328),"")</f>
        <v/>
      </c>
      <c r="BS328" s="336" t="str">
        <f>IF(AL328="yes",('DRAFT - HGC Schemes'!AR$5*$BB328),"")</f>
        <v/>
      </c>
      <c r="BT328" s="336">
        <f>IF(AM328="yes",('DRAFT - HGC Schemes'!AS$5*$BB328),"")</f>
        <v>0</v>
      </c>
      <c r="BU328" s="336">
        <f>IF(AN328="yes",('DRAFT - HGC Schemes'!AT$5*$BB328),"")</f>
        <v>0</v>
      </c>
      <c r="BV328" s="336">
        <f>IF(AO328="yes",('DRAFT - HGC Schemes'!AU$5*$BB328),"")</f>
        <v>0</v>
      </c>
      <c r="BW328" s="336">
        <f>IF(AP328="yes",('DRAFT - HGC Schemes'!AV$5*$BB328),"")</f>
        <v>0</v>
      </c>
      <c r="BX328" s="336" t="str">
        <f>IF(AQ328="yes",('DRAFT - HGC Schemes'!AW$5*$BB328),"")</f>
        <v/>
      </c>
      <c r="BY328" s="336" t="str">
        <f>IF(AR328="yes",('DRAFT - HGC Schemes'!AX$5*$BB328),"")</f>
        <v/>
      </c>
      <c r="BZ328" s="336" t="str">
        <f>IF(AS328="yes",('DRAFT - HGC Schemes'!AY$5*$BB328),"")</f>
        <v/>
      </c>
      <c r="CA328" s="336" t="str">
        <f>IF(AT328="yes",('DRAFT - HGC Schemes'!AZ$5*$BB328),"")</f>
        <v/>
      </c>
      <c r="CB328" s="336" t="str">
        <f>IF(AU328="yes",('DRAFT - HGC Schemes'!BA$5*$BB328),"")</f>
        <v/>
      </c>
      <c r="CC328" s="336" t="str">
        <f>IF(AV328="yes",('DRAFT - HGC Schemes'!BB$5*$BB328),"")</f>
        <v/>
      </c>
      <c r="CD328" s="336" t="str">
        <f>IF(AW328="yes",('DRAFT - HGC Schemes'!BC$5*$BB328),"")</f>
        <v/>
      </c>
      <c r="CE328" s="336" t="str">
        <f>IF(AX328="yes",('DRAFT - HGC Schemes'!BD$5*$BB328),"")</f>
        <v/>
      </c>
      <c r="CF328" s="336" t="str">
        <f>IF(AY328="yes",('DRAFT - HGC Schemes'!BE$5*$BB328),"")</f>
        <v/>
      </c>
      <c r="CG328" s="336" t="str">
        <f>IF(AZ328="yes",('DRAFT - HGC Schemes'!BF$5*$BB328),"")</f>
        <v/>
      </c>
      <c r="CH328" s="336"/>
      <c r="CI328" s="336"/>
      <c r="CJ328" s="336"/>
      <c r="CK328" s="336"/>
      <c r="CL328" s="336"/>
      <c r="CM328" s="336"/>
      <c r="CN328" s="336"/>
      <c r="CO328" s="336"/>
      <c r="CP328" s="336"/>
      <c r="CQ328" s="336"/>
      <c r="CR328" s="336"/>
      <c r="CS328" s="336"/>
      <c r="CT328" s="336"/>
      <c r="CU328" s="336"/>
      <c r="CV328" s="336"/>
      <c r="CW328" s="336"/>
      <c r="CX328" s="336"/>
      <c r="CY328" s="336"/>
      <c r="CZ328" s="336"/>
      <c r="DA328" s="336"/>
      <c r="DB328" s="336"/>
      <c r="DC328" s="336"/>
      <c r="DD328" s="84" t="s">
        <v>660</v>
      </c>
      <c r="DE328" s="84"/>
      <c r="DF328" s="399" t="s">
        <v>661</v>
      </c>
    </row>
    <row r="329" spans="3:110" s="120" customFormat="1" ht="56.1" customHeight="1" x14ac:dyDescent="0.2">
      <c r="C329" s="368">
        <v>612</v>
      </c>
      <c r="D329" s="368" t="s">
        <v>2481</v>
      </c>
      <c r="E329" s="369" t="s">
        <v>53</v>
      </c>
      <c r="F329" s="369" t="s">
        <v>655</v>
      </c>
      <c r="G329" s="232" t="s">
        <v>656</v>
      </c>
      <c r="H329" s="232" t="s">
        <v>684</v>
      </c>
      <c r="I329" s="232" t="s">
        <v>685</v>
      </c>
      <c r="J329" s="232"/>
      <c r="K329" s="232" t="s">
        <v>86</v>
      </c>
      <c r="L329" s="232" t="s">
        <v>63</v>
      </c>
      <c r="M329" s="334" t="s">
        <v>81</v>
      </c>
      <c r="N329" s="232" t="s">
        <v>77</v>
      </c>
      <c r="O329" s="334" t="s">
        <v>225</v>
      </c>
      <c r="P329" s="84" t="s">
        <v>63</v>
      </c>
      <c r="Q329" s="84" t="s">
        <v>63</v>
      </c>
      <c r="R329" s="84">
        <v>401258</v>
      </c>
      <c r="S329" s="84">
        <f t="shared" ref="S329:S354" si="217">R329</f>
        <v>401258</v>
      </c>
      <c r="T329" s="84" t="s">
        <v>659</v>
      </c>
      <c r="U329" s="84" t="s">
        <v>65</v>
      </c>
      <c r="V329" s="84"/>
      <c r="W329" s="84"/>
      <c r="X329" s="84"/>
      <c r="Y329" s="84"/>
      <c r="Z329" s="84"/>
      <c r="AA329" s="84"/>
      <c r="AB329" s="84"/>
      <c r="AC329" s="84"/>
      <c r="AD329" s="84"/>
      <c r="AE329" s="84"/>
      <c r="AF329" s="84"/>
      <c r="AG329" s="84"/>
      <c r="AH329" s="84"/>
      <c r="AI329" s="84"/>
      <c r="AJ329" s="84"/>
      <c r="AK329" s="84"/>
      <c r="AL329" s="84"/>
      <c r="AM329" s="336" t="s">
        <v>66</v>
      </c>
      <c r="AN329" s="336" t="s">
        <v>66</v>
      </c>
      <c r="AO329" s="336" t="s">
        <v>66</v>
      </c>
      <c r="AP329" s="336" t="s">
        <v>66</v>
      </c>
      <c r="AQ329" s="84"/>
      <c r="AR329" s="84"/>
      <c r="AS329" s="84"/>
      <c r="AT329" s="84"/>
      <c r="AU329" s="84"/>
      <c r="AV329" s="84"/>
      <c r="AW329" s="84"/>
      <c r="AX329" s="84"/>
      <c r="AY329" s="84"/>
      <c r="AZ329" s="84"/>
      <c r="BA329" s="238">
        <f>SUMIF(V329:AZ329,"YES",'DRAFT - HGC Schemes'!$AB$5:$BF$5)</f>
        <v>0</v>
      </c>
      <c r="BB329" s="84" t="e">
        <f t="shared" ref="BB329:BB354" si="218">S329/BA329</f>
        <v>#DIV/0!</v>
      </c>
      <c r="BC329" s="336" t="str">
        <f>IF(V329="yes",('DRAFT - HGC Schemes'!AB$5*$BB329),"")</f>
        <v/>
      </c>
      <c r="BD329" s="336" t="str">
        <f>IF(W329="yes",('DRAFT - HGC Schemes'!AC$5*$BB329),"")</f>
        <v/>
      </c>
      <c r="BE329" s="336" t="str">
        <f>IF(X329="yes",('DRAFT - HGC Schemes'!AD$5*$BB329),"")</f>
        <v/>
      </c>
      <c r="BF329" s="336" t="str">
        <f>IF(Y329="yes",('DRAFT - HGC Schemes'!AE$5*$BB329),"")</f>
        <v/>
      </c>
      <c r="BG329" s="336" t="str">
        <f>IF(Z329="yes",('DRAFT - HGC Schemes'!AF$5*$BB329),"")</f>
        <v/>
      </c>
      <c r="BH329" s="336" t="str">
        <f>IF(AA329="yes",('DRAFT - HGC Schemes'!AG$5*$BB329),"")</f>
        <v/>
      </c>
      <c r="BI329" s="336" t="str">
        <f>IF(AB329="yes",('DRAFT - HGC Schemes'!AH$5*$BB329),"")</f>
        <v/>
      </c>
      <c r="BJ329" s="336" t="str">
        <f>IF(AC329="yes",('DRAFT - HGC Schemes'!AI$5*$BB329),"")</f>
        <v/>
      </c>
      <c r="BK329" s="336" t="str">
        <f>IF(AD329="yes",('DRAFT - HGC Schemes'!AJ$5*$BB329),"")</f>
        <v/>
      </c>
      <c r="BL329" s="336" t="str">
        <f>IF(AE329="yes",('DRAFT - HGC Schemes'!AK$5*$BB329),"")</f>
        <v/>
      </c>
      <c r="BM329" s="336" t="str">
        <f>IF(AF329="yes",('DRAFT - HGC Schemes'!AL$5*$BB329),"")</f>
        <v/>
      </c>
      <c r="BN329" s="336" t="str">
        <f>IF(AG329="yes",('DRAFT - HGC Schemes'!AM$5*$BB329),"")</f>
        <v/>
      </c>
      <c r="BO329" s="336" t="str">
        <f>IF(AH329="yes",('DRAFT - HGC Schemes'!AN$5*$BB329),"")</f>
        <v/>
      </c>
      <c r="BP329" s="336" t="str">
        <f>IF(AI329="yes",('DRAFT - HGC Schemes'!AO$5*$BB329),"")</f>
        <v/>
      </c>
      <c r="BQ329" s="336" t="str">
        <f>IF(AJ329="yes",('DRAFT - HGC Schemes'!AP$5*$BB329),"")</f>
        <v/>
      </c>
      <c r="BR329" s="336" t="str">
        <f>IF(AK329="yes",('DRAFT - HGC Schemes'!AQ$5*$BB329),"")</f>
        <v/>
      </c>
      <c r="BS329" s="336" t="str">
        <f>IF(AL329="yes",('DRAFT - HGC Schemes'!AR$5*$BB329),"")</f>
        <v/>
      </c>
      <c r="BT329" s="336" t="e">
        <f>IF(AM329="yes",('DRAFT - HGC Schemes'!AS$5*$BB329),"")</f>
        <v>#DIV/0!</v>
      </c>
      <c r="BU329" s="336" t="e">
        <f>IF(AN329="yes",('DRAFT - HGC Schemes'!AT$5*$BB329),"")</f>
        <v>#DIV/0!</v>
      </c>
      <c r="BV329" s="336" t="e">
        <f>IF(AO329="yes",('DRAFT - HGC Schemes'!AU$5*$BB329),"")</f>
        <v>#DIV/0!</v>
      </c>
      <c r="BW329" s="336" t="e">
        <f>IF(AP329="yes",('DRAFT - HGC Schemes'!AV$5*$BB329),"")</f>
        <v>#DIV/0!</v>
      </c>
      <c r="BX329" s="336" t="str">
        <f>IF(AQ329="yes",('DRAFT - HGC Schemes'!AW$5*$BB329),"")</f>
        <v/>
      </c>
      <c r="BY329" s="336" t="str">
        <f>IF(AR329="yes",('DRAFT - HGC Schemes'!AX$5*$BB329),"")</f>
        <v/>
      </c>
      <c r="BZ329" s="336" t="str">
        <f>IF(AS329="yes",('DRAFT - HGC Schemes'!AY$5*$BB329),"")</f>
        <v/>
      </c>
      <c r="CA329" s="336" t="str">
        <f>IF(AT329="yes",('DRAFT - HGC Schemes'!AZ$5*$BB329),"")</f>
        <v/>
      </c>
      <c r="CB329" s="336" t="str">
        <f>IF(AU329="yes",('DRAFT - HGC Schemes'!BA$5*$BB329),"")</f>
        <v/>
      </c>
      <c r="CC329" s="336" t="str">
        <f>IF(AV329="yes",('DRAFT - HGC Schemes'!BB$5*$BB329),"")</f>
        <v/>
      </c>
      <c r="CD329" s="336" t="str">
        <f>IF(AW329="yes",('DRAFT - HGC Schemes'!BC$5*$BB329),"")</f>
        <v/>
      </c>
      <c r="CE329" s="336" t="str">
        <f>IF(AX329="yes",('DRAFT - HGC Schemes'!BD$5*$BB329),"")</f>
        <v/>
      </c>
      <c r="CF329" s="336" t="str">
        <f>IF(AY329="yes",('DRAFT - HGC Schemes'!BE$5*$BB329),"")</f>
        <v/>
      </c>
      <c r="CG329" s="336" t="str">
        <f>IF(AZ329="yes",('DRAFT - HGC Schemes'!BF$5*$BB329),"")</f>
        <v/>
      </c>
      <c r="CH329" s="336"/>
      <c r="CI329" s="336"/>
      <c r="CJ329" s="336"/>
      <c r="CK329" s="336"/>
      <c r="CL329" s="336"/>
      <c r="CM329" s="336"/>
      <c r="CN329" s="336"/>
      <c r="CO329" s="336"/>
      <c r="CP329" s="336"/>
      <c r="CQ329" s="336"/>
      <c r="CR329" s="336"/>
      <c r="CS329" s="336"/>
      <c r="CT329" s="336"/>
      <c r="CU329" s="336"/>
      <c r="CV329" s="336"/>
      <c r="CW329" s="336"/>
      <c r="CX329" s="336"/>
      <c r="CY329" s="336"/>
      <c r="CZ329" s="336"/>
      <c r="DA329" s="336"/>
      <c r="DB329" s="336"/>
      <c r="DC329" s="336"/>
      <c r="DD329" s="84" t="s">
        <v>660</v>
      </c>
      <c r="DE329" s="84"/>
      <c r="DF329" s="399" t="s">
        <v>661</v>
      </c>
    </row>
    <row r="330" spans="3:110" s="120" customFormat="1" ht="56.1" customHeight="1" x14ac:dyDescent="0.2">
      <c r="C330" s="420">
        <v>614</v>
      </c>
      <c r="D330" s="420" t="s">
        <v>2481</v>
      </c>
      <c r="E330" s="96" t="s">
        <v>53</v>
      </c>
      <c r="F330" s="96" t="s">
        <v>655</v>
      </c>
      <c r="G330" s="310" t="s">
        <v>656</v>
      </c>
      <c r="H330" s="310" t="s">
        <v>688</v>
      </c>
      <c r="I330" s="324" t="s">
        <v>689</v>
      </c>
      <c r="J330" s="324"/>
      <c r="K330" s="310" t="s">
        <v>86</v>
      </c>
      <c r="L330" s="310" t="s">
        <v>63</v>
      </c>
      <c r="M330" s="407" t="s">
        <v>81</v>
      </c>
      <c r="N330" s="310" t="s">
        <v>77</v>
      </c>
      <c r="O330" s="407" t="s">
        <v>225</v>
      </c>
      <c r="P330" s="309" t="s">
        <v>63</v>
      </c>
      <c r="Q330" s="309" t="s">
        <v>63</v>
      </c>
      <c r="R330" s="309">
        <v>25079</v>
      </c>
      <c r="S330" s="309">
        <f t="shared" si="217"/>
        <v>25079</v>
      </c>
      <c r="T330" s="309" t="s">
        <v>659</v>
      </c>
      <c r="U330" s="309" t="s">
        <v>65</v>
      </c>
      <c r="V330" s="309"/>
      <c r="W330" s="309"/>
      <c r="X330" s="309"/>
      <c r="Y330" s="309"/>
      <c r="Z330" s="309"/>
      <c r="AA330" s="309"/>
      <c r="AB330" s="309"/>
      <c r="AC330" s="309"/>
      <c r="AD330" s="309"/>
      <c r="AE330" s="309"/>
      <c r="AF330" s="309"/>
      <c r="AG330" s="309"/>
      <c r="AH330" s="309"/>
      <c r="AI330" s="309"/>
      <c r="AJ330" s="309"/>
      <c r="AK330" s="309"/>
      <c r="AL330" s="309"/>
      <c r="AM330" s="402" t="s">
        <v>66</v>
      </c>
      <c r="AN330" s="402" t="s">
        <v>66</v>
      </c>
      <c r="AO330" s="402" t="s">
        <v>66</v>
      </c>
      <c r="AP330" s="402" t="s">
        <v>66</v>
      </c>
      <c r="AQ330" s="309"/>
      <c r="AR330" s="309"/>
      <c r="AS330" s="309"/>
      <c r="AT330" s="309"/>
      <c r="AU330" s="309"/>
      <c r="AV330" s="309"/>
      <c r="AW330" s="309"/>
      <c r="AX330" s="309"/>
      <c r="AY330" s="309"/>
      <c r="AZ330" s="309"/>
      <c r="BA330" s="308">
        <f>SUMIF(V330:AZ330,"YES",'DRAFT - HGC Schemes'!$AB$5:$BF$5)</f>
        <v>0</v>
      </c>
      <c r="BB330" s="309" t="e">
        <f t="shared" si="218"/>
        <v>#DIV/0!</v>
      </c>
      <c r="BC330" s="402" t="str">
        <f>IF(V330="yes",('DRAFT - HGC Schemes'!AB$5*$BB330),"")</f>
        <v/>
      </c>
      <c r="BD330" s="402" t="str">
        <f>IF(W330="yes",('DRAFT - HGC Schemes'!AC$5*$BB330),"")</f>
        <v/>
      </c>
      <c r="BE330" s="402" t="str">
        <f>IF(X330="yes",('DRAFT - HGC Schemes'!AD$5*$BB330),"")</f>
        <v/>
      </c>
      <c r="BF330" s="402" t="str">
        <f>IF(Y330="yes",('DRAFT - HGC Schemes'!AE$5*$BB330),"")</f>
        <v/>
      </c>
      <c r="BG330" s="402" t="str">
        <f>IF(Z330="yes",('DRAFT - HGC Schemes'!AF$5*$BB330),"")</f>
        <v/>
      </c>
      <c r="BH330" s="402" t="str">
        <f>IF(AA330="yes",('DRAFT - HGC Schemes'!AG$5*$BB330),"")</f>
        <v/>
      </c>
      <c r="BI330" s="402" t="str">
        <f>IF(AB330="yes",('DRAFT - HGC Schemes'!AH$5*$BB330),"")</f>
        <v/>
      </c>
      <c r="BJ330" s="402" t="str">
        <f>IF(AC330="yes",('DRAFT - HGC Schemes'!AI$5*$BB330),"")</f>
        <v/>
      </c>
      <c r="BK330" s="402" t="str">
        <f>IF(AD330="yes",('DRAFT - HGC Schemes'!AJ$5*$BB330),"")</f>
        <v/>
      </c>
      <c r="BL330" s="402" t="str">
        <f>IF(AE330="yes",('DRAFT - HGC Schemes'!AK$5*$BB330),"")</f>
        <v/>
      </c>
      <c r="BM330" s="402" t="str">
        <f>IF(AF330="yes",('DRAFT - HGC Schemes'!AL$5*$BB330),"")</f>
        <v/>
      </c>
      <c r="BN330" s="402" t="str">
        <f>IF(AG330="yes",('DRAFT - HGC Schemes'!AM$5*$BB330),"")</f>
        <v/>
      </c>
      <c r="BO330" s="402" t="str">
        <f>IF(AH330="yes",('DRAFT - HGC Schemes'!AN$5*$BB330),"")</f>
        <v/>
      </c>
      <c r="BP330" s="402" t="str">
        <f>IF(AI330="yes",('DRAFT - HGC Schemes'!AO$5*$BB330),"")</f>
        <v/>
      </c>
      <c r="BQ330" s="402" t="str">
        <f>IF(AJ330="yes",('DRAFT - HGC Schemes'!AP$5*$BB330),"")</f>
        <v/>
      </c>
      <c r="BR330" s="402" t="str">
        <f>IF(AK330="yes",('DRAFT - HGC Schemes'!AQ$5*$BB330),"")</f>
        <v/>
      </c>
      <c r="BS330" s="402" t="str">
        <f>IF(AL330="yes",('DRAFT - HGC Schemes'!AR$5*$BB330),"")</f>
        <v/>
      </c>
      <c r="BT330" s="402" t="e">
        <f>IF(AM330="yes",('DRAFT - HGC Schemes'!AS$5*$BB330),"")</f>
        <v>#DIV/0!</v>
      </c>
      <c r="BU330" s="402" t="e">
        <f>IF(AN330="yes",('DRAFT - HGC Schemes'!AT$5*$BB330),"")</f>
        <v>#DIV/0!</v>
      </c>
      <c r="BV330" s="402" t="e">
        <f>IF(AO330="yes",('DRAFT - HGC Schemes'!AU$5*$BB330),"")</f>
        <v>#DIV/0!</v>
      </c>
      <c r="BW330" s="402" t="e">
        <f>IF(AP330="yes",('DRAFT - HGC Schemes'!AV$5*$BB330),"")</f>
        <v>#DIV/0!</v>
      </c>
      <c r="BX330" s="402" t="str">
        <f>IF(AQ330="yes",('DRAFT - HGC Schemes'!AW$5*$BB330),"")</f>
        <v/>
      </c>
      <c r="BY330" s="402" t="str">
        <f>IF(AR330="yes",('DRAFT - HGC Schemes'!AX$5*$BB330),"")</f>
        <v/>
      </c>
      <c r="BZ330" s="402" t="str">
        <f>IF(AS330="yes",('DRAFT - HGC Schemes'!AY$5*$BB330),"")</f>
        <v/>
      </c>
      <c r="CA330" s="402" t="str">
        <f>IF(AT330="yes",('DRAFT - HGC Schemes'!AZ$5*$BB330),"")</f>
        <v/>
      </c>
      <c r="CB330" s="402" t="str">
        <f>IF(AU330="yes",('DRAFT - HGC Schemes'!BA$5*$BB330),"")</f>
        <v/>
      </c>
      <c r="CC330" s="402" t="str">
        <f>IF(AV330="yes",('DRAFT - HGC Schemes'!BB$5*$BB330),"")</f>
        <v/>
      </c>
      <c r="CD330" s="402" t="str">
        <f>IF(AW330="yes",('DRAFT - HGC Schemes'!BC$5*$BB330),"")</f>
        <v/>
      </c>
      <c r="CE330" s="402" t="str">
        <f>IF(AX330="yes",('DRAFT - HGC Schemes'!BD$5*$BB330),"")</f>
        <v/>
      </c>
      <c r="CF330" s="402" t="str">
        <f>IF(AY330="yes",('DRAFT - HGC Schemes'!BE$5*$BB330),"")</f>
        <v/>
      </c>
      <c r="CG330" s="402" t="str">
        <f>IF(AZ330="yes",('DRAFT - HGC Schemes'!BF$5*$BB330),"")</f>
        <v/>
      </c>
      <c r="CH330" s="402"/>
      <c r="CI330" s="402"/>
      <c r="CJ330" s="402"/>
      <c r="CK330" s="402"/>
      <c r="CL330" s="402"/>
      <c r="CM330" s="402"/>
      <c r="CN330" s="402"/>
      <c r="CO330" s="402"/>
      <c r="CP330" s="402"/>
      <c r="CQ330" s="402"/>
      <c r="CR330" s="402"/>
      <c r="CS330" s="402"/>
      <c r="CT330" s="402"/>
      <c r="CU330" s="402"/>
      <c r="CV330" s="402"/>
      <c r="CW330" s="402"/>
      <c r="CX330" s="402"/>
      <c r="CY330" s="402"/>
      <c r="CZ330" s="402"/>
      <c r="DA330" s="402"/>
      <c r="DB330" s="402"/>
      <c r="DC330" s="402"/>
      <c r="DD330" s="309" t="s">
        <v>660</v>
      </c>
      <c r="DE330" s="309"/>
      <c r="DF330" s="404" t="s">
        <v>661</v>
      </c>
    </row>
    <row r="331" spans="3:110" s="401" customFormat="1" ht="56.1" customHeight="1" x14ac:dyDescent="0.2">
      <c r="C331" s="368">
        <v>615</v>
      </c>
      <c r="D331" s="368" t="s">
        <v>2481</v>
      </c>
      <c r="E331" s="369" t="s">
        <v>53</v>
      </c>
      <c r="F331" s="369" t="s">
        <v>655</v>
      </c>
      <c r="G331" s="232" t="s">
        <v>656</v>
      </c>
      <c r="H331" s="232" t="s">
        <v>690</v>
      </c>
      <c r="I331" s="849" t="s">
        <v>691</v>
      </c>
      <c r="J331" s="849"/>
      <c r="K331" s="232" t="s">
        <v>86</v>
      </c>
      <c r="L331" s="232" t="s">
        <v>63</v>
      </c>
      <c r="M331" s="334" t="s">
        <v>81</v>
      </c>
      <c r="N331" s="232" t="s">
        <v>77</v>
      </c>
      <c r="O331" s="334" t="s">
        <v>225</v>
      </c>
      <c r="P331" s="84" t="s">
        <v>63</v>
      </c>
      <c r="Q331" s="84" t="s">
        <v>63</v>
      </c>
      <c r="R331" s="84">
        <v>125393</v>
      </c>
      <c r="S331" s="84">
        <f t="shared" si="217"/>
        <v>125393</v>
      </c>
      <c r="T331" s="84" t="s">
        <v>659</v>
      </c>
      <c r="U331" s="84" t="s">
        <v>65</v>
      </c>
      <c r="V331" s="84"/>
      <c r="W331" s="84"/>
      <c r="X331" s="84"/>
      <c r="Y331" s="84"/>
      <c r="Z331" s="84"/>
      <c r="AA331" s="84"/>
      <c r="AB331" s="84"/>
      <c r="AC331" s="84"/>
      <c r="AD331" s="84"/>
      <c r="AE331" s="84"/>
      <c r="AF331" s="84"/>
      <c r="AG331" s="84"/>
      <c r="AH331" s="84"/>
      <c r="AI331" s="84"/>
      <c r="AJ331" s="84"/>
      <c r="AK331" s="84"/>
      <c r="AL331" s="84"/>
      <c r="AM331" s="336" t="s">
        <v>66</v>
      </c>
      <c r="AN331" s="336" t="s">
        <v>66</v>
      </c>
      <c r="AO331" s="336" t="s">
        <v>66</v>
      </c>
      <c r="AP331" s="336" t="s">
        <v>66</v>
      </c>
      <c r="AQ331" s="84"/>
      <c r="AR331" s="84"/>
      <c r="AS331" s="84"/>
      <c r="AT331" s="84"/>
      <c r="AU331" s="84"/>
      <c r="AV331" s="84"/>
      <c r="AW331" s="84"/>
      <c r="AX331" s="84"/>
      <c r="AY331" s="84"/>
      <c r="AZ331" s="84"/>
      <c r="BA331" s="238">
        <f>SUMIF(V331:AZ331,"YES",'DRAFT - HGC Schemes'!$AB$5:$BF$5)</f>
        <v>0</v>
      </c>
      <c r="BB331" s="84" t="e">
        <f t="shared" si="218"/>
        <v>#DIV/0!</v>
      </c>
      <c r="BC331" s="336" t="str">
        <f>IF(V331="yes",('DRAFT - HGC Schemes'!AB$5*$BB331),"")</f>
        <v/>
      </c>
      <c r="BD331" s="336" t="str">
        <f>IF(W331="yes",('DRAFT - HGC Schemes'!AC$5*$BB331),"")</f>
        <v/>
      </c>
      <c r="BE331" s="336" t="str">
        <f>IF(X331="yes",('DRAFT - HGC Schemes'!AD$5*$BB331),"")</f>
        <v/>
      </c>
      <c r="BF331" s="336" t="str">
        <f>IF(Y331="yes",('DRAFT - HGC Schemes'!AE$5*$BB331),"")</f>
        <v/>
      </c>
      <c r="BG331" s="336" t="str">
        <f>IF(Z331="yes",('DRAFT - HGC Schemes'!AF$5*$BB331),"")</f>
        <v/>
      </c>
      <c r="BH331" s="336" t="str">
        <f>IF(AA331="yes",('DRAFT - HGC Schemes'!AG$5*$BB331),"")</f>
        <v/>
      </c>
      <c r="BI331" s="336" t="str">
        <f>IF(AB331="yes",('DRAFT - HGC Schemes'!AH$5*$BB331),"")</f>
        <v/>
      </c>
      <c r="BJ331" s="336" t="str">
        <f>IF(AC331="yes",('DRAFT - HGC Schemes'!AI$5*$BB331),"")</f>
        <v/>
      </c>
      <c r="BK331" s="336" t="str">
        <f>IF(AD331="yes",('DRAFT - HGC Schemes'!AJ$5*$BB331),"")</f>
        <v/>
      </c>
      <c r="BL331" s="336" t="str">
        <f>IF(AE331="yes",('DRAFT - HGC Schemes'!AK$5*$BB331),"")</f>
        <v/>
      </c>
      <c r="BM331" s="336" t="str">
        <f>IF(AF331="yes",('DRAFT - HGC Schemes'!AL$5*$BB331),"")</f>
        <v/>
      </c>
      <c r="BN331" s="336" t="str">
        <f>IF(AG331="yes",('DRAFT - HGC Schemes'!AM$5*$BB331),"")</f>
        <v/>
      </c>
      <c r="BO331" s="336" t="str">
        <f>IF(AH331="yes",('DRAFT - HGC Schemes'!AN$5*$BB331),"")</f>
        <v/>
      </c>
      <c r="BP331" s="336" t="str">
        <f>IF(AI331="yes",('DRAFT - HGC Schemes'!AO$5*$BB331),"")</f>
        <v/>
      </c>
      <c r="BQ331" s="336" t="str">
        <f>IF(AJ331="yes",('DRAFT - HGC Schemes'!AP$5*$BB331),"")</f>
        <v/>
      </c>
      <c r="BR331" s="336" t="str">
        <f>IF(AK331="yes",('DRAFT - HGC Schemes'!AQ$5*$BB331),"")</f>
        <v/>
      </c>
      <c r="BS331" s="336" t="str">
        <f>IF(AL331="yes",('DRAFT - HGC Schemes'!AR$5*$BB331),"")</f>
        <v/>
      </c>
      <c r="BT331" s="336" t="e">
        <f>IF(AM331="yes",('DRAFT - HGC Schemes'!AS$5*$BB331),"")</f>
        <v>#DIV/0!</v>
      </c>
      <c r="BU331" s="336" t="e">
        <f>IF(AN331="yes",('DRAFT - HGC Schemes'!AT$5*$BB331),"")</f>
        <v>#DIV/0!</v>
      </c>
      <c r="BV331" s="336" t="e">
        <f>IF(AO331="yes",('DRAFT - HGC Schemes'!AU$5*$BB331),"")</f>
        <v>#DIV/0!</v>
      </c>
      <c r="BW331" s="336" t="e">
        <f>IF(AP331="yes",('DRAFT - HGC Schemes'!AV$5*$BB331),"")</f>
        <v>#DIV/0!</v>
      </c>
      <c r="BX331" s="336" t="str">
        <f>IF(AQ331="yes",('DRAFT - HGC Schemes'!AW$5*$BB331),"")</f>
        <v/>
      </c>
      <c r="BY331" s="336" t="str">
        <f>IF(AR331="yes",('DRAFT - HGC Schemes'!AX$5*$BB331),"")</f>
        <v/>
      </c>
      <c r="BZ331" s="336" t="str">
        <f>IF(AS331="yes",('DRAFT - HGC Schemes'!AY$5*$BB331),"")</f>
        <v/>
      </c>
      <c r="CA331" s="336" t="str">
        <f>IF(AT331="yes",('DRAFT - HGC Schemes'!AZ$5*$BB331),"")</f>
        <v/>
      </c>
      <c r="CB331" s="336" t="str">
        <f>IF(AU331="yes",('DRAFT - HGC Schemes'!BA$5*$BB331),"")</f>
        <v/>
      </c>
      <c r="CC331" s="336" t="str">
        <f>IF(AV331="yes",('DRAFT - HGC Schemes'!BB$5*$BB331),"")</f>
        <v/>
      </c>
      <c r="CD331" s="336" t="str">
        <f>IF(AW331="yes",('DRAFT - HGC Schemes'!BC$5*$BB331),"")</f>
        <v/>
      </c>
      <c r="CE331" s="336" t="str">
        <f>IF(AX331="yes",('DRAFT - HGC Schemes'!BD$5*$BB331),"")</f>
        <v/>
      </c>
      <c r="CF331" s="336" t="str">
        <f>IF(AY331="yes",('DRAFT - HGC Schemes'!BE$5*$BB331),"")</f>
        <v/>
      </c>
      <c r="CG331" s="336" t="str">
        <f>IF(AZ331="yes",('DRAFT - HGC Schemes'!BF$5*$BB331),"")</f>
        <v/>
      </c>
      <c r="CH331" s="336"/>
      <c r="CI331" s="336"/>
      <c r="CJ331" s="336"/>
      <c r="CK331" s="336"/>
      <c r="CL331" s="336"/>
      <c r="CM331" s="336"/>
      <c r="CN331" s="336"/>
      <c r="CO331" s="336"/>
      <c r="CP331" s="336"/>
      <c r="CQ331" s="336"/>
      <c r="CR331" s="336"/>
      <c r="CS331" s="336"/>
      <c r="CT331" s="336"/>
      <c r="CU331" s="336"/>
      <c r="CV331" s="336"/>
      <c r="CW331" s="336"/>
      <c r="CX331" s="336"/>
      <c r="CY331" s="336"/>
      <c r="CZ331" s="336"/>
      <c r="DA331" s="336"/>
      <c r="DB331" s="336"/>
      <c r="DC331" s="336"/>
      <c r="DD331" s="84" t="s">
        <v>660</v>
      </c>
      <c r="DE331" s="84"/>
      <c r="DF331" s="399" t="s">
        <v>661</v>
      </c>
    </row>
    <row r="332" spans="3:110" s="120" customFormat="1" ht="56.1" customHeight="1" x14ac:dyDescent="0.2">
      <c r="C332" s="368">
        <v>616</v>
      </c>
      <c r="D332" s="368" t="s">
        <v>2481</v>
      </c>
      <c r="E332" s="369" t="s">
        <v>53</v>
      </c>
      <c r="F332" s="369" t="s">
        <v>655</v>
      </c>
      <c r="G332" s="232" t="s">
        <v>656</v>
      </c>
      <c r="H332" s="232" t="s">
        <v>692</v>
      </c>
      <c r="I332" s="232" t="s">
        <v>693</v>
      </c>
      <c r="J332" s="232"/>
      <c r="K332" s="232" t="s">
        <v>86</v>
      </c>
      <c r="L332" s="232" t="s">
        <v>63</v>
      </c>
      <c r="M332" s="334" t="s">
        <v>81</v>
      </c>
      <c r="N332" s="232" t="s">
        <v>77</v>
      </c>
      <c r="O332" s="334" t="s">
        <v>225</v>
      </c>
      <c r="P332" s="84" t="s">
        <v>63</v>
      </c>
      <c r="Q332" s="84" t="s">
        <v>63</v>
      </c>
      <c r="R332" s="84">
        <v>31348</v>
      </c>
      <c r="S332" s="84">
        <f t="shared" si="217"/>
        <v>31348</v>
      </c>
      <c r="T332" s="84" t="s">
        <v>659</v>
      </c>
      <c r="U332" s="84" t="s">
        <v>65</v>
      </c>
      <c r="V332" s="84"/>
      <c r="W332" s="84"/>
      <c r="X332" s="84"/>
      <c r="Y332" s="84"/>
      <c r="Z332" s="84"/>
      <c r="AA332" s="84"/>
      <c r="AB332" s="84"/>
      <c r="AC332" s="84"/>
      <c r="AD332" s="84"/>
      <c r="AE332" s="84"/>
      <c r="AF332" s="84"/>
      <c r="AG332" s="84"/>
      <c r="AH332" s="84"/>
      <c r="AI332" s="84"/>
      <c r="AJ332" s="84"/>
      <c r="AK332" s="84"/>
      <c r="AL332" s="84"/>
      <c r="AM332" s="336" t="s">
        <v>66</v>
      </c>
      <c r="AN332" s="336" t="s">
        <v>66</v>
      </c>
      <c r="AO332" s="336" t="s">
        <v>66</v>
      </c>
      <c r="AP332" s="336" t="s">
        <v>66</v>
      </c>
      <c r="AQ332" s="84"/>
      <c r="AR332" s="84"/>
      <c r="AS332" s="84"/>
      <c r="AT332" s="84"/>
      <c r="AU332" s="84"/>
      <c r="AV332" s="84"/>
      <c r="AW332" s="84"/>
      <c r="AX332" s="84"/>
      <c r="AY332" s="84"/>
      <c r="AZ332" s="84"/>
      <c r="BA332" s="238">
        <f>SUMIF(V332:AZ332,"YES",'DRAFT - HGC Schemes'!$AB$5:$BF$5)</f>
        <v>0</v>
      </c>
      <c r="BB332" s="84" t="e">
        <f t="shared" si="218"/>
        <v>#DIV/0!</v>
      </c>
      <c r="BC332" s="336" t="str">
        <f>IF(V332="yes",('DRAFT - HGC Schemes'!AB$5*$BB332),"")</f>
        <v/>
      </c>
      <c r="BD332" s="336" t="str">
        <f>IF(W332="yes",('DRAFT - HGC Schemes'!AC$5*$BB332),"")</f>
        <v/>
      </c>
      <c r="BE332" s="336" t="str">
        <f>IF(X332="yes",('DRAFT - HGC Schemes'!AD$5*$BB332),"")</f>
        <v/>
      </c>
      <c r="BF332" s="336" t="str">
        <f>IF(Y332="yes",('DRAFT - HGC Schemes'!AE$5*$BB332),"")</f>
        <v/>
      </c>
      <c r="BG332" s="336" t="str">
        <f>IF(Z332="yes",('DRAFT - HGC Schemes'!AF$5*$BB332),"")</f>
        <v/>
      </c>
      <c r="BH332" s="336" t="str">
        <f>IF(AA332="yes",('DRAFT - HGC Schemes'!AG$5*$BB332),"")</f>
        <v/>
      </c>
      <c r="BI332" s="336" t="str">
        <f>IF(AB332="yes",('DRAFT - HGC Schemes'!AH$5*$BB332),"")</f>
        <v/>
      </c>
      <c r="BJ332" s="336" t="str">
        <f>IF(AC332="yes",('DRAFT - HGC Schemes'!AI$5*$BB332),"")</f>
        <v/>
      </c>
      <c r="BK332" s="336" t="str">
        <f>IF(AD332="yes",('DRAFT - HGC Schemes'!AJ$5*$BB332),"")</f>
        <v/>
      </c>
      <c r="BL332" s="336" t="str">
        <f>IF(AE332="yes",('DRAFT - HGC Schemes'!AK$5*$BB332),"")</f>
        <v/>
      </c>
      <c r="BM332" s="336" t="str">
        <f>IF(AF332="yes",('DRAFT - HGC Schemes'!AL$5*$BB332),"")</f>
        <v/>
      </c>
      <c r="BN332" s="336" t="str">
        <f>IF(AG332="yes",('DRAFT - HGC Schemes'!AM$5*$BB332),"")</f>
        <v/>
      </c>
      <c r="BO332" s="336" t="str">
        <f>IF(AH332="yes",('DRAFT - HGC Schemes'!AN$5*$BB332),"")</f>
        <v/>
      </c>
      <c r="BP332" s="336" t="str">
        <f>IF(AI332="yes",('DRAFT - HGC Schemes'!AO$5*$BB332),"")</f>
        <v/>
      </c>
      <c r="BQ332" s="336" t="str">
        <f>IF(AJ332="yes",('DRAFT - HGC Schemes'!AP$5*$BB332),"")</f>
        <v/>
      </c>
      <c r="BR332" s="336" t="str">
        <f>IF(AK332="yes",('DRAFT - HGC Schemes'!AQ$5*$BB332),"")</f>
        <v/>
      </c>
      <c r="BS332" s="336" t="str">
        <f>IF(AL332="yes",('DRAFT - HGC Schemes'!AR$5*$BB332),"")</f>
        <v/>
      </c>
      <c r="BT332" s="336" t="e">
        <f>IF(AM332="yes",('DRAFT - HGC Schemes'!AS$5*$BB332),"")</f>
        <v>#DIV/0!</v>
      </c>
      <c r="BU332" s="336" t="e">
        <f>IF(AN332="yes",('DRAFT - HGC Schemes'!AT$5*$BB332),"")</f>
        <v>#DIV/0!</v>
      </c>
      <c r="BV332" s="336" t="e">
        <f>IF(AO332="yes",('DRAFT - HGC Schemes'!AU$5*$BB332),"")</f>
        <v>#DIV/0!</v>
      </c>
      <c r="BW332" s="336" t="e">
        <f>IF(AP332="yes",('DRAFT - HGC Schemes'!AV$5*$BB332),"")</f>
        <v>#DIV/0!</v>
      </c>
      <c r="BX332" s="336" t="str">
        <f>IF(AQ332="yes",('DRAFT - HGC Schemes'!AW$5*$BB332),"")</f>
        <v/>
      </c>
      <c r="BY332" s="336" t="str">
        <f>IF(AR332="yes",('DRAFT - HGC Schemes'!AX$5*$BB332),"")</f>
        <v/>
      </c>
      <c r="BZ332" s="336" t="str">
        <f>IF(AS332="yes",('DRAFT - HGC Schemes'!AY$5*$BB332),"")</f>
        <v/>
      </c>
      <c r="CA332" s="336" t="str">
        <f>IF(AT332="yes",('DRAFT - HGC Schemes'!AZ$5*$BB332),"")</f>
        <v/>
      </c>
      <c r="CB332" s="336" t="str">
        <f>IF(AU332="yes",('DRAFT - HGC Schemes'!BA$5*$BB332),"")</f>
        <v/>
      </c>
      <c r="CC332" s="336" t="str">
        <f>IF(AV332="yes",('DRAFT - HGC Schemes'!BB$5*$BB332),"")</f>
        <v/>
      </c>
      <c r="CD332" s="336" t="str">
        <f>IF(AW332="yes",('DRAFT - HGC Schemes'!BC$5*$BB332),"")</f>
        <v/>
      </c>
      <c r="CE332" s="336" t="str">
        <f>IF(AX332="yes",('DRAFT - HGC Schemes'!BD$5*$BB332),"")</f>
        <v/>
      </c>
      <c r="CF332" s="336" t="str">
        <f>IF(AY332="yes",('DRAFT - HGC Schemes'!BE$5*$BB332),"")</f>
        <v/>
      </c>
      <c r="CG332" s="336" t="str">
        <f>IF(AZ332="yes",('DRAFT - HGC Schemes'!BF$5*$BB332),"")</f>
        <v/>
      </c>
      <c r="CH332" s="336"/>
      <c r="CI332" s="336"/>
      <c r="CJ332" s="336"/>
      <c r="CK332" s="336"/>
      <c r="CL332" s="336"/>
      <c r="CM332" s="336"/>
      <c r="CN332" s="336"/>
      <c r="CO332" s="336"/>
      <c r="CP332" s="336"/>
      <c r="CQ332" s="336"/>
      <c r="CR332" s="336"/>
      <c r="CS332" s="336"/>
      <c r="CT332" s="336"/>
      <c r="CU332" s="336"/>
      <c r="CV332" s="336"/>
      <c r="CW332" s="336"/>
      <c r="CX332" s="336"/>
      <c r="CY332" s="336"/>
      <c r="CZ332" s="336"/>
      <c r="DA332" s="336"/>
      <c r="DB332" s="336"/>
      <c r="DC332" s="336"/>
      <c r="DD332" s="84" t="s">
        <v>660</v>
      </c>
      <c r="DE332" s="84"/>
      <c r="DF332" s="399" t="s">
        <v>661</v>
      </c>
    </row>
    <row r="333" spans="3:110" s="120" customFormat="1" ht="56.1" customHeight="1" x14ac:dyDescent="0.2">
      <c r="C333" s="368">
        <v>617</v>
      </c>
      <c r="D333" s="368" t="s">
        <v>2481</v>
      </c>
      <c r="E333" s="369" t="s">
        <v>53</v>
      </c>
      <c r="F333" s="369" t="s">
        <v>655</v>
      </c>
      <c r="G333" s="232" t="s">
        <v>656</v>
      </c>
      <c r="H333" s="232" t="s">
        <v>694</v>
      </c>
      <c r="I333" s="232" t="s">
        <v>695</v>
      </c>
      <c r="J333" s="232"/>
      <c r="K333" s="232" t="s">
        <v>86</v>
      </c>
      <c r="L333" s="232" t="s">
        <v>63</v>
      </c>
      <c r="M333" s="334" t="s">
        <v>81</v>
      </c>
      <c r="N333" s="232" t="s">
        <v>77</v>
      </c>
      <c r="O333" s="334" t="s">
        <v>225</v>
      </c>
      <c r="P333" s="84" t="s">
        <v>63</v>
      </c>
      <c r="Q333" s="84" t="s">
        <v>63</v>
      </c>
      <c r="R333" s="84">
        <v>31348</v>
      </c>
      <c r="S333" s="84">
        <f t="shared" si="217"/>
        <v>31348</v>
      </c>
      <c r="T333" s="84" t="s">
        <v>659</v>
      </c>
      <c r="U333" s="84" t="s">
        <v>65</v>
      </c>
      <c r="V333" s="84"/>
      <c r="W333" s="84"/>
      <c r="X333" s="84"/>
      <c r="Y333" s="84"/>
      <c r="Z333" s="84"/>
      <c r="AA333" s="84"/>
      <c r="AB333" s="84"/>
      <c r="AC333" s="84"/>
      <c r="AD333" s="84"/>
      <c r="AE333" s="84"/>
      <c r="AF333" s="84"/>
      <c r="AG333" s="84"/>
      <c r="AH333" s="84"/>
      <c r="AI333" s="84"/>
      <c r="AJ333" s="84"/>
      <c r="AK333" s="84"/>
      <c r="AL333" s="84"/>
      <c r="AM333" s="336" t="s">
        <v>66</v>
      </c>
      <c r="AN333" s="336" t="s">
        <v>66</v>
      </c>
      <c r="AO333" s="336" t="s">
        <v>66</v>
      </c>
      <c r="AP333" s="336" t="s">
        <v>66</v>
      </c>
      <c r="AQ333" s="84"/>
      <c r="AR333" s="84"/>
      <c r="AS333" s="84"/>
      <c r="AT333" s="84"/>
      <c r="AU333" s="84"/>
      <c r="AV333" s="84"/>
      <c r="AW333" s="84"/>
      <c r="AX333" s="84"/>
      <c r="AY333" s="84"/>
      <c r="AZ333" s="84"/>
      <c r="BA333" s="238">
        <f>SUMIF(V333:AZ333,"YES",'DRAFT - HGC Schemes'!$AB$5:$BF$5)</f>
        <v>0</v>
      </c>
      <c r="BB333" s="84" t="e">
        <f t="shared" si="218"/>
        <v>#DIV/0!</v>
      </c>
      <c r="BC333" s="336" t="str">
        <f>IF(V333="yes",('DRAFT - HGC Schemes'!AB$5*$BB333),"")</f>
        <v/>
      </c>
      <c r="BD333" s="336" t="str">
        <f>IF(W333="yes",('DRAFT - HGC Schemes'!AC$5*$BB333),"")</f>
        <v/>
      </c>
      <c r="BE333" s="336" t="str">
        <f>IF(X333="yes",('DRAFT - HGC Schemes'!AD$5*$BB333),"")</f>
        <v/>
      </c>
      <c r="BF333" s="336" t="str">
        <f>IF(Y333="yes",('DRAFT - HGC Schemes'!AE$5*$BB333),"")</f>
        <v/>
      </c>
      <c r="BG333" s="336" t="str">
        <f>IF(Z333="yes",('DRAFT - HGC Schemes'!AF$5*$BB333),"")</f>
        <v/>
      </c>
      <c r="BH333" s="336" t="str">
        <f>IF(AA333="yes",('DRAFT - HGC Schemes'!AG$5*$BB333),"")</f>
        <v/>
      </c>
      <c r="BI333" s="336" t="str">
        <f>IF(AB333="yes",('DRAFT - HGC Schemes'!AH$5*$BB333),"")</f>
        <v/>
      </c>
      <c r="BJ333" s="336" t="str">
        <f>IF(AC333="yes",('DRAFT - HGC Schemes'!AI$5*$BB333),"")</f>
        <v/>
      </c>
      <c r="BK333" s="336" t="str">
        <f>IF(AD333="yes",('DRAFT - HGC Schemes'!AJ$5*$BB333),"")</f>
        <v/>
      </c>
      <c r="BL333" s="336" t="str">
        <f>IF(AE333="yes",('DRAFT - HGC Schemes'!AK$5*$BB333),"")</f>
        <v/>
      </c>
      <c r="BM333" s="336" t="str">
        <f>IF(AF333="yes",('DRAFT - HGC Schemes'!AL$5*$BB333),"")</f>
        <v/>
      </c>
      <c r="BN333" s="336" t="str">
        <f>IF(AG333="yes",('DRAFT - HGC Schemes'!AM$5*$BB333),"")</f>
        <v/>
      </c>
      <c r="BO333" s="336" t="str">
        <f>IF(AH333="yes",('DRAFT - HGC Schemes'!AN$5*$BB333),"")</f>
        <v/>
      </c>
      <c r="BP333" s="336" t="str">
        <f>IF(AI333="yes",('DRAFT - HGC Schemes'!AO$5*$BB333),"")</f>
        <v/>
      </c>
      <c r="BQ333" s="336" t="str">
        <f>IF(AJ333="yes",('DRAFT - HGC Schemes'!AP$5*$BB333),"")</f>
        <v/>
      </c>
      <c r="BR333" s="336" t="str">
        <f>IF(AK333="yes",('DRAFT - HGC Schemes'!AQ$5*$BB333),"")</f>
        <v/>
      </c>
      <c r="BS333" s="336" t="str">
        <f>IF(AL333="yes",('DRAFT - HGC Schemes'!AR$5*$BB333),"")</f>
        <v/>
      </c>
      <c r="BT333" s="336" t="e">
        <f>IF(AM333="yes",('DRAFT - HGC Schemes'!AS$5*$BB333),"")</f>
        <v>#DIV/0!</v>
      </c>
      <c r="BU333" s="336" t="e">
        <f>IF(AN333="yes",('DRAFT - HGC Schemes'!AT$5*$BB333),"")</f>
        <v>#DIV/0!</v>
      </c>
      <c r="BV333" s="336" t="e">
        <f>IF(AO333="yes",('DRAFT - HGC Schemes'!AU$5*$BB333),"")</f>
        <v>#DIV/0!</v>
      </c>
      <c r="BW333" s="336" t="e">
        <f>IF(AP333="yes",('DRAFT - HGC Schemes'!AV$5*$BB333),"")</f>
        <v>#DIV/0!</v>
      </c>
      <c r="BX333" s="336" t="str">
        <f>IF(AQ333="yes",('DRAFT - HGC Schemes'!AW$5*$BB333),"")</f>
        <v/>
      </c>
      <c r="BY333" s="336" t="str">
        <f>IF(AR333="yes",('DRAFT - HGC Schemes'!AX$5*$BB333),"")</f>
        <v/>
      </c>
      <c r="BZ333" s="336" t="str">
        <f>IF(AS333="yes",('DRAFT - HGC Schemes'!AY$5*$BB333),"")</f>
        <v/>
      </c>
      <c r="CA333" s="336" t="str">
        <f>IF(AT333="yes",('DRAFT - HGC Schemes'!AZ$5*$BB333),"")</f>
        <v/>
      </c>
      <c r="CB333" s="336" t="str">
        <f>IF(AU333="yes",('DRAFT - HGC Schemes'!BA$5*$BB333),"")</f>
        <v/>
      </c>
      <c r="CC333" s="336" t="str">
        <f>IF(AV333="yes",('DRAFT - HGC Schemes'!BB$5*$BB333),"")</f>
        <v/>
      </c>
      <c r="CD333" s="336" t="str">
        <f>IF(AW333="yes",('DRAFT - HGC Schemes'!BC$5*$BB333),"")</f>
        <v/>
      </c>
      <c r="CE333" s="336" t="str">
        <f>IF(AX333="yes",('DRAFT - HGC Schemes'!BD$5*$BB333),"")</f>
        <v/>
      </c>
      <c r="CF333" s="336" t="str">
        <f>IF(AY333="yes",('DRAFT - HGC Schemes'!BE$5*$BB333),"")</f>
        <v/>
      </c>
      <c r="CG333" s="336" t="str">
        <f>IF(AZ333="yes",('DRAFT - HGC Schemes'!BF$5*$BB333),"")</f>
        <v/>
      </c>
      <c r="CH333" s="336"/>
      <c r="CI333" s="336"/>
      <c r="CJ333" s="336"/>
      <c r="CK333" s="336"/>
      <c r="CL333" s="336"/>
      <c r="CM333" s="336"/>
      <c r="CN333" s="336"/>
      <c r="CO333" s="336"/>
      <c r="CP333" s="336"/>
      <c r="CQ333" s="336"/>
      <c r="CR333" s="336"/>
      <c r="CS333" s="336"/>
      <c r="CT333" s="336"/>
      <c r="CU333" s="336"/>
      <c r="CV333" s="336"/>
      <c r="CW333" s="336"/>
      <c r="CX333" s="336"/>
      <c r="CY333" s="336"/>
      <c r="CZ333" s="336"/>
      <c r="DA333" s="336"/>
      <c r="DB333" s="336"/>
      <c r="DC333" s="336"/>
      <c r="DD333" s="84" t="s">
        <v>660</v>
      </c>
      <c r="DE333" s="84"/>
      <c r="DF333" s="399" t="s">
        <v>661</v>
      </c>
    </row>
    <row r="334" spans="3:110" s="120" customFormat="1" ht="56.1" customHeight="1" x14ac:dyDescent="0.2">
      <c r="C334" s="420">
        <v>618</v>
      </c>
      <c r="D334" s="420" t="s">
        <v>2481</v>
      </c>
      <c r="E334" s="96" t="s">
        <v>53</v>
      </c>
      <c r="F334" s="96" t="s">
        <v>655</v>
      </c>
      <c r="G334" s="310" t="s">
        <v>656</v>
      </c>
      <c r="H334" s="310" t="s">
        <v>696</v>
      </c>
      <c r="I334" s="324" t="s">
        <v>697</v>
      </c>
      <c r="J334" s="324"/>
      <c r="K334" s="310" t="s">
        <v>86</v>
      </c>
      <c r="L334" s="310" t="s">
        <v>63</v>
      </c>
      <c r="M334" s="407" t="s">
        <v>81</v>
      </c>
      <c r="N334" s="310" t="s">
        <v>77</v>
      </c>
      <c r="O334" s="407" t="s">
        <v>225</v>
      </c>
      <c r="P334" s="309" t="s">
        <v>63</v>
      </c>
      <c r="Q334" s="309" t="s">
        <v>63</v>
      </c>
      <c r="R334" s="309">
        <v>25079</v>
      </c>
      <c r="S334" s="309">
        <f t="shared" si="217"/>
        <v>25079</v>
      </c>
      <c r="T334" s="309" t="s">
        <v>659</v>
      </c>
      <c r="U334" s="309" t="s">
        <v>65</v>
      </c>
      <c r="V334" s="309"/>
      <c r="W334" s="309"/>
      <c r="X334" s="309"/>
      <c r="Y334" s="309"/>
      <c r="Z334" s="309"/>
      <c r="AA334" s="309"/>
      <c r="AB334" s="309"/>
      <c r="AC334" s="309"/>
      <c r="AD334" s="309"/>
      <c r="AE334" s="309"/>
      <c r="AF334" s="309"/>
      <c r="AG334" s="309"/>
      <c r="AH334" s="309"/>
      <c r="AI334" s="309"/>
      <c r="AJ334" s="309"/>
      <c r="AK334" s="309"/>
      <c r="AL334" s="309"/>
      <c r="AM334" s="402" t="s">
        <v>66</v>
      </c>
      <c r="AN334" s="402" t="s">
        <v>66</v>
      </c>
      <c r="AO334" s="402" t="s">
        <v>66</v>
      </c>
      <c r="AP334" s="402" t="s">
        <v>66</v>
      </c>
      <c r="AQ334" s="309"/>
      <c r="AR334" s="309"/>
      <c r="AS334" s="309"/>
      <c r="AT334" s="309"/>
      <c r="AU334" s="309"/>
      <c r="AV334" s="309"/>
      <c r="AW334" s="309"/>
      <c r="AX334" s="309"/>
      <c r="AY334" s="309"/>
      <c r="AZ334" s="309"/>
      <c r="BA334" s="308">
        <f>SUMIF(V334:AZ334,"YES",'DRAFT - HGC Schemes'!$AB$5:$BF$5)</f>
        <v>0</v>
      </c>
      <c r="BB334" s="309" t="e">
        <f t="shared" si="218"/>
        <v>#DIV/0!</v>
      </c>
      <c r="BC334" s="402" t="str">
        <f>IF(V334="yes",('DRAFT - HGC Schemes'!AB$5*$BB334),"")</f>
        <v/>
      </c>
      <c r="BD334" s="402" t="str">
        <f>IF(W334="yes",('DRAFT - HGC Schemes'!AC$5*$BB334),"")</f>
        <v/>
      </c>
      <c r="BE334" s="402" t="str">
        <f>IF(X334="yes",('DRAFT - HGC Schemes'!AD$5*$BB334),"")</f>
        <v/>
      </c>
      <c r="BF334" s="402" t="str">
        <f>IF(Y334="yes",('DRAFT - HGC Schemes'!AE$5*$BB334),"")</f>
        <v/>
      </c>
      <c r="BG334" s="402" t="str">
        <f>IF(Z334="yes",('DRAFT - HGC Schemes'!AF$5*$BB334),"")</f>
        <v/>
      </c>
      <c r="BH334" s="402" t="str">
        <f>IF(AA334="yes",('DRAFT - HGC Schemes'!AG$5*$BB334),"")</f>
        <v/>
      </c>
      <c r="BI334" s="402" t="str">
        <f>IF(AB334="yes",('DRAFT - HGC Schemes'!AH$5*$BB334),"")</f>
        <v/>
      </c>
      <c r="BJ334" s="402" t="str">
        <f>IF(AC334="yes",('DRAFT - HGC Schemes'!AI$5*$BB334),"")</f>
        <v/>
      </c>
      <c r="BK334" s="402" t="str">
        <f>IF(AD334="yes",('DRAFT - HGC Schemes'!AJ$5*$BB334),"")</f>
        <v/>
      </c>
      <c r="BL334" s="402" t="str">
        <f>IF(AE334="yes",('DRAFT - HGC Schemes'!AK$5*$BB334),"")</f>
        <v/>
      </c>
      <c r="BM334" s="402" t="str">
        <f>IF(AF334="yes",('DRAFT - HGC Schemes'!AL$5*$BB334),"")</f>
        <v/>
      </c>
      <c r="BN334" s="402" t="str">
        <f>IF(AG334="yes",('DRAFT - HGC Schemes'!AM$5*$BB334),"")</f>
        <v/>
      </c>
      <c r="BO334" s="402" t="str">
        <f>IF(AH334="yes",('DRAFT - HGC Schemes'!AN$5*$BB334),"")</f>
        <v/>
      </c>
      <c r="BP334" s="402" t="str">
        <f>IF(AI334="yes",('DRAFT - HGC Schemes'!AO$5*$BB334),"")</f>
        <v/>
      </c>
      <c r="BQ334" s="402" t="str">
        <f>IF(AJ334="yes",('DRAFT - HGC Schemes'!AP$5*$BB334),"")</f>
        <v/>
      </c>
      <c r="BR334" s="402" t="str">
        <f>IF(AK334="yes",('DRAFT - HGC Schemes'!AQ$5*$BB334),"")</f>
        <v/>
      </c>
      <c r="BS334" s="402" t="str">
        <f>IF(AL334="yes",('DRAFT - HGC Schemes'!AR$5*$BB334),"")</f>
        <v/>
      </c>
      <c r="BT334" s="402" t="e">
        <f>IF(AM334="yes",('DRAFT - HGC Schemes'!AS$5*$BB334),"")</f>
        <v>#DIV/0!</v>
      </c>
      <c r="BU334" s="402" t="e">
        <f>IF(AN334="yes",('DRAFT - HGC Schemes'!AT$5*$BB334),"")</f>
        <v>#DIV/0!</v>
      </c>
      <c r="BV334" s="402" t="e">
        <f>IF(AO334="yes",('DRAFT - HGC Schemes'!AU$5*$BB334),"")</f>
        <v>#DIV/0!</v>
      </c>
      <c r="BW334" s="402" t="e">
        <f>IF(AP334="yes",('DRAFT - HGC Schemes'!AV$5*$BB334),"")</f>
        <v>#DIV/0!</v>
      </c>
      <c r="BX334" s="402" t="str">
        <f>IF(AQ334="yes",('DRAFT - HGC Schemes'!AW$5*$BB334),"")</f>
        <v/>
      </c>
      <c r="BY334" s="402" t="str">
        <f>IF(AR334="yes",('DRAFT - HGC Schemes'!AX$5*$BB334),"")</f>
        <v/>
      </c>
      <c r="BZ334" s="402" t="str">
        <f>IF(AS334="yes",('DRAFT - HGC Schemes'!AY$5*$BB334),"")</f>
        <v/>
      </c>
      <c r="CA334" s="402" t="str">
        <f>IF(AT334="yes",('DRAFT - HGC Schemes'!AZ$5*$BB334),"")</f>
        <v/>
      </c>
      <c r="CB334" s="402" t="str">
        <f>IF(AU334="yes",('DRAFT - HGC Schemes'!BA$5*$BB334),"")</f>
        <v/>
      </c>
      <c r="CC334" s="402" t="str">
        <f>IF(AV334="yes",('DRAFT - HGC Schemes'!BB$5*$BB334),"")</f>
        <v/>
      </c>
      <c r="CD334" s="402" t="str">
        <f>IF(AW334="yes",('DRAFT - HGC Schemes'!BC$5*$BB334),"")</f>
        <v/>
      </c>
      <c r="CE334" s="402" t="str">
        <f>IF(AX334="yes",('DRAFT - HGC Schemes'!BD$5*$BB334),"")</f>
        <v/>
      </c>
      <c r="CF334" s="402" t="str">
        <f>IF(AY334="yes",('DRAFT - HGC Schemes'!BE$5*$BB334),"")</f>
        <v/>
      </c>
      <c r="CG334" s="402" t="str">
        <f>IF(AZ334="yes",('DRAFT - HGC Schemes'!BF$5*$BB334),"")</f>
        <v/>
      </c>
      <c r="CH334" s="402"/>
      <c r="CI334" s="402"/>
      <c r="CJ334" s="402"/>
      <c r="CK334" s="402"/>
      <c r="CL334" s="402"/>
      <c r="CM334" s="402"/>
      <c r="CN334" s="402"/>
      <c r="CO334" s="402"/>
      <c r="CP334" s="402"/>
      <c r="CQ334" s="402"/>
      <c r="CR334" s="402"/>
      <c r="CS334" s="402"/>
      <c r="CT334" s="402"/>
      <c r="CU334" s="402"/>
      <c r="CV334" s="402"/>
      <c r="CW334" s="402"/>
      <c r="CX334" s="402"/>
      <c r="CY334" s="402"/>
      <c r="CZ334" s="402"/>
      <c r="DA334" s="402"/>
      <c r="DB334" s="402"/>
      <c r="DC334" s="402"/>
      <c r="DD334" s="309" t="s">
        <v>660</v>
      </c>
      <c r="DE334" s="309"/>
      <c r="DF334" s="404" t="s">
        <v>661</v>
      </c>
    </row>
    <row r="335" spans="3:110" s="401" customFormat="1" ht="56.1" customHeight="1" x14ac:dyDescent="0.2">
      <c r="C335" s="420">
        <v>619</v>
      </c>
      <c r="D335" s="420" t="s">
        <v>2481</v>
      </c>
      <c r="E335" s="96" t="s">
        <v>53</v>
      </c>
      <c r="F335" s="96" t="s">
        <v>655</v>
      </c>
      <c r="G335" s="310" t="s">
        <v>656</v>
      </c>
      <c r="H335" s="310" t="s">
        <v>698</v>
      </c>
      <c r="I335" s="323" t="s">
        <v>699</v>
      </c>
      <c r="J335" s="323"/>
      <c r="K335" s="310" t="s">
        <v>86</v>
      </c>
      <c r="L335" s="310" t="s">
        <v>63</v>
      </c>
      <c r="M335" s="407" t="s">
        <v>81</v>
      </c>
      <c r="N335" s="310" t="s">
        <v>77</v>
      </c>
      <c r="O335" s="407" t="s">
        <v>225</v>
      </c>
      <c r="P335" s="309" t="s">
        <v>63</v>
      </c>
      <c r="Q335" s="309" t="s">
        <v>63</v>
      </c>
      <c r="R335" s="309">
        <v>25079</v>
      </c>
      <c r="S335" s="309">
        <f t="shared" si="217"/>
        <v>25079</v>
      </c>
      <c r="T335" s="309" t="s">
        <v>659</v>
      </c>
      <c r="U335" s="309" t="s">
        <v>65</v>
      </c>
      <c r="V335" s="309"/>
      <c r="W335" s="309"/>
      <c r="X335" s="309"/>
      <c r="Y335" s="309"/>
      <c r="Z335" s="309"/>
      <c r="AA335" s="309"/>
      <c r="AB335" s="309"/>
      <c r="AC335" s="309"/>
      <c r="AD335" s="309"/>
      <c r="AE335" s="309"/>
      <c r="AF335" s="309"/>
      <c r="AG335" s="309"/>
      <c r="AH335" s="309"/>
      <c r="AI335" s="309"/>
      <c r="AJ335" s="309"/>
      <c r="AK335" s="309"/>
      <c r="AL335" s="309"/>
      <c r="AM335" s="402" t="s">
        <v>66</v>
      </c>
      <c r="AN335" s="402" t="s">
        <v>66</v>
      </c>
      <c r="AO335" s="402" t="s">
        <v>66</v>
      </c>
      <c r="AP335" s="402" t="s">
        <v>66</v>
      </c>
      <c r="AQ335" s="309"/>
      <c r="AR335" s="309"/>
      <c r="AS335" s="309"/>
      <c r="AT335" s="309"/>
      <c r="AU335" s="309"/>
      <c r="AV335" s="309"/>
      <c r="AW335" s="309"/>
      <c r="AX335" s="309"/>
      <c r="AY335" s="309"/>
      <c r="AZ335" s="309"/>
      <c r="BA335" s="308">
        <f>SUMIF(V335:AZ335,"YES",'DRAFT - HGC Schemes'!$AB$5:$BF$5)</f>
        <v>0</v>
      </c>
      <c r="BB335" s="309" t="e">
        <f t="shared" si="218"/>
        <v>#DIV/0!</v>
      </c>
      <c r="BC335" s="402" t="str">
        <f>IF(V335="yes",('DRAFT - HGC Schemes'!AB$5*$BB335),"")</f>
        <v/>
      </c>
      <c r="BD335" s="402" t="str">
        <f>IF(W335="yes",('DRAFT - HGC Schemes'!AC$5*$BB335),"")</f>
        <v/>
      </c>
      <c r="BE335" s="402" t="str">
        <f>IF(X335="yes",('DRAFT - HGC Schemes'!AD$5*$BB335),"")</f>
        <v/>
      </c>
      <c r="BF335" s="402" t="str">
        <f>IF(Y335="yes",('DRAFT - HGC Schemes'!AE$5*$BB335),"")</f>
        <v/>
      </c>
      <c r="BG335" s="402" t="str">
        <f>IF(Z335="yes",('DRAFT - HGC Schemes'!AF$5*$BB335),"")</f>
        <v/>
      </c>
      <c r="BH335" s="402" t="str">
        <f>IF(AA335="yes",('DRAFT - HGC Schemes'!AG$5*$BB335),"")</f>
        <v/>
      </c>
      <c r="BI335" s="402" t="str">
        <f>IF(AB335="yes",('DRAFT - HGC Schemes'!AH$5*$BB335),"")</f>
        <v/>
      </c>
      <c r="BJ335" s="402" t="str">
        <f>IF(AC335="yes",('DRAFT - HGC Schemes'!AI$5*$BB335),"")</f>
        <v/>
      </c>
      <c r="BK335" s="402" t="str">
        <f>IF(AD335="yes",('DRAFT - HGC Schemes'!AJ$5*$BB335),"")</f>
        <v/>
      </c>
      <c r="BL335" s="402" t="str">
        <f>IF(AE335="yes",('DRAFT - HGC Schemes'!AK$5*$BB335),"")</f>
        <v/>
      </c>
      <c r="BM335" s="402" t="str">
        <f>IF(AF335="yes",('DRAFT - HGC Schemes'!AL$5*$BB335),"")</f>
        <v/>
      </c>
      <c r="BN335" s="402" t="str">
        <f>IF(AG335="yes",('DRAFT - HGC Schemes'!AM$5*$BB335),"")</f>
        <v/>
      </c>
      <c r="BO335" s="402" t="str">
        <f>IF(AH335="yes",('DRAFT - HGC Schemes'!AN$5*$BB335),"")</f>
        <v/>
      </c>
      <c r="BP335" s="402" t="str">
        <f>IF(AI335="yes",('DRAFT - HGC Schemes'!AO$5*$BB335),"")</f>
        <v/>
      </c>
      <c r="BQ335" s="402" t="str">
        <f>IF(AJ335="yes",('DRAFT - HGC Schemes'!AP$5*$BB335),"")</f>
        <v/>
      </c>
      <c r="BR335" s="402" t="str">
        <f>IF(AK335="yes",('DRAFT - HGC Schemes'!AQ$5*$BB335),"")</f>
        <v/>
      </c>
      <c r="BS335" s="402" t="str">
        <f>IF(AL335="yes",('DRAFT - HGC Schemes'!AR$5*$BB335),"")</f>
        <v/>
      </c>
      <c r="BT335" s="402" t="e">
        <f>IF(AM335="yes",('DRAFT - HGC Schemes'!AS$5*$BB335),"")</f>
        <v>#DIV/0!</v>
      </c>
      <c r="BU335" s="402" t="e">
        <f>IF(AN335="yes",('DRAFT - HGC Schemes'!AT$5*$BB335),"")</f>
        <v>#DIV/0!</v>
      </c>
      <c r="BV335" s="402" t="e">
        <f>IF(AO335="yes",('DRAFT - HGC Schemes'!AU$5*$BB335),"")</f>
        <v>#DIV/0!</v>
      </c>
      <c r="BW335" s="402" t="e">
        <f>IF(AP335="yes",('DRAFT - HGC Schemes'!AV$5*$BB335),"")</f>
        <v>#DIV/0!</v>
      </c>
      <c r="BX335" s="402" t="str">
        <f>IF(AQ335="yes",('DRAFT - HGC Schemes'!AW$5*$BB335),"")</f>
        <v/>
      </c>
      <c r="BY335" s="402" t="str">
        <f>IF(AR335="yes",('DRAFT - HGC Schemes'!AX$5*$BB335),"")</f>
        <v/>
      </c>
      <c r="BZ335" s="402" t="str">
        <f>IF(AS335="yes",('DRAFT - HGC Schemes'!AY$5*$BB335),"")</f>
        <v/>
      </c>
      <c r="CA335" s="402" t="str">
        <f>IF(AT335="yes",('DRAFT - HGC Schemes'!AZ$5*$BB335),"")</f>
        <v/>
      </c>
      <c r="CB335" s="402" t="str">
        <f>IF(AU335="yes",('DRAFT - HGC Schemes'!BA$5*$BB335),"")</f>
        <v/>
      </c>
      <c r="CC335" s="402" t="str">
        <f>IF(AV335="yes",('DRAFT - HGC Schemes'!BB$5*$BB335),"")</f>
        <v/>
      </c>
      <c r="CD335" s="402" t="str">
        <f>IF(AW335="yes",('DRAFT - HGC Schemes'!BC$5*$BB335),"")</f>
        <v/>
      </c>
      <c r="CE335" s="402" t="str">
        <f>IF(AX335="yes",('DRAFT - HGC Schemes'!BD$5*$BB335),"")</f>
        <v/>
      </c>
      <c r="CF335" s="402" t="str">
        <f>IF(AY335="yes",('DRAFT - HGC Schemes'!BE$5*$BB335),"")</f>
        <v/>
      </c>
      <c r="CG335" s="402" t="str">
        <f>IF(AZ335="yes",('DRAFT - HGC Schemes'!BF$5*$BB335),"")</f>
        <v/>
      </c>
      <c r="CH335" s="402"/>
      <c r="CI335" s="402"/>
      <c r="CJ335" s="402"/>
      <c r="CK335" s="402"/>
      <c r="CL335" s="402"/>
      <c r="CM335" s="402"/>
      <c r="CN335" s="402"/>
      <c r="CO335" s="402"/>
      <c r="CP335" s="402"/>
      <c r="CQ335" s="402"/>
      <c r="CR335" s="402"/>
      <c r="CS335" s="402"/>
      <c r="CT335" s="402"/>
      <c r="CU335" s="402"/>
      <c r="CV335" s="402"/>
      <c r="CW335" s="402"/>
      <c r="CX335" s="402"/>
      <c r="CY335" s="402"/>
      <c r="CZ335" s="402"/>
      <c r="DA335" s="402"/>
      <c r="DB335" s="402"/>
      <c r="DC335" s="402"/>
      <c r="DD335" s="309" t="s">
        <v>660</v>
      </c>
      <c r="DE335" s="309"/>
      <c r="DF335" s="404" t="s">
        <v>661</v>
      </c>
    </row>
    <row r="336" spans="3:110" s="401" customFormat="1" ht="56.1" customHeight="1" x14ac:dyDescent="0.2">
      <c r="C336" s="368">
        <v>658</v>
      </c>
      <c r="D336" s="368" t="s">
        <v>2481</v>
      </c>
      <c r="E336" s="369" t="s">
        <v>53</v>
      </c>
      <c r="F336" s="369" t="s">
        <v>655</v>
      </c>
      <c r="G336" s="232" t="s">
        <v>656</v>
      </c>
      <c r="H336" s="232" t="s">
        <v>784</v>
      </c>
      <c r="I336" s="849" t="s">
        <v>785</v>
      </c>
      <c r="J336" s="849"/>
      <c r="K336" s="232" t="s">
        <v>90</v>
      </c>
      <c r="L336" s="232" t="s">
        <v>63</v>
      </c>
      <c r="M336" s="232" t="s">
        <v>81</v>
      </c>
      <c r="N336" s="232" t="s">
        <v>77</v>
      </c>
      <c r="O336" s="334" t="s">
        <v>225</v>
      </c>
      <c r="P336" s="84" t="s">
        <v>63</v>
      </c>
      <c r="Q336" s="84" t="s">
        <v>63</v>
      </c>
      <c r="R336" s="84">
        <v>952988</v>
      </c>
      <c r="S336" s="84">
        <f t="shared" si="217"/>
        <v>952988</v>
      </c>
      <c r="T336" s="84" t="s">
        <v>659</v>
      </c>
      <c r="U336" s="84" t="s">
        <v>65</v>
      </c>
      <c r="V336" s="84"/>
      <c r="W336" s="84"/>
      <c r="X336" s="84"/>
      <c r="Y336" s="84"/>
      <c r="Z336" s="84"/>
      <c r="AA336" s="84"/>
      <c r="AB336" s="84"/>
      <c r="AC336" s="84"/>
      <c r="AD336" s="84"/>
      <c r="AE336" s="84"/>
      <c r="AF336" s="84"/>
      <c r="AG336" s="84"/>
      <c r="AH336" s="84"/>
      <c r="AI336" s="84"/>
      <c r="AJ336" s="84"/>
      <c r="AK336" s="84"/>
      <c r="AL336" s="84"/>
      <c r="AM336" s="84"/>
      <c r="AN336" s="84"/>
      <c r="AO336" s="84"/>
      <c r="AP336" s="84"/>
      <c r="AQ336" s="336" t="s">
        <v>66</v>
      </c>
      <c r="AR336" s="336" t="s">
        <v>66</v>
      </c>
      <c r="AS336" s="336" t="s">
        <v>66</v>
      </c>
      <c r="AT336" s="336" t="s">
        <v>66</v>
      </c>
      <c r="AU336" s="84"/>
      <c r="AV336" s="84"/>
      <c r="AW336" s="84"/>
      <c r="AX336" s="84"/>
      <c r="AY336" s="84"/>
      <c r="AZ336" s="84"/>
      <c r="BA336" s="238">
        <f>SUMIF(V336:AZ336,"YES",'DRAFT - HGC Schemes'!$AB$5:$BF$5)</f>
        <v>0</v>
      </c>
      <c r="BB336" s="84" t="e">
        <f t="shared" si="218"/>
        <v>#DIV/0!</v>
      </c>
      <c r="BC336" s="336" t="str">
        <f>IF(V336="yes",('DRAFT - HGC Schemes'!AB$5*$BB336),"")</f>
        <v/>
      </c>
      <c r="BD336" s="336" t="str">
        <f>IF(W336="yes",('DRAFT - HGC Schemes'!AC$5*$BB336),"")</f>
        <v/>
      </c>
      <c r="BE336" s="336" t="str">
        <f>IF(X336="yes",('DRAFT - HGC Schemes'!AD$5*$BB336),"")</f>
        <v/>
      </c>
      <c r="BF336" s="336" t="str">
        <f>IF(Y336="yes",('DRAFT - HGC Schemes'!AE$5*$BB336),"")</f>
        <v/>
      </c>
      <c r="BG336" s="336" t="str">
        <f>IF(Z336="yes",('DRAFT - HGC Schemes'!AF$5*$BB336),"")</f>
        <v/>
      </c>
      <c r="BH336" s="336" t="str">
        <f>IF(AA336="yes",('DRAFT - HGC Schemes'!AG$5*$BB336),"")</f>
        <v/>
      </c>
      <c r="BI336" s="336" t="str">
        <f>IF(AB336="yes",('DRAFT - HGC Schemes'!AH$5*$BB336),"")</f>
        <v/>
      </c>
      <c r="BJ336" s="336" t="str">
        <f>IF(AC336="yes",('DRAFT - HGC Schemes'!AI$5*$BB336),"")</f>
        <v/>
      </c>
      <c r="BK336" s="336" t="str">
        <f>IF(AD336="yes",('DRAFT - HGC Schemes'!AJ$5*$BB336),"")</f>
        <v/>
      </c>
      <c r="BL336" s="336" t="str">
        <f>IF(AE336="yes",('DRAFT - HGC Schemes'!AK$5*$BB336),"")</f>
        <v/>
      </c>
      <c r="BM336" s="336" t="str">
        <f>IF(AF336="yes",('DRAFT - HGC Schemes'!AL$5*$BB336),"")</f>
        <v/>
      </c>
      <c r="BN336" s="336" t="str">
        <f>IF(AG336="yes",('DRAFT - HGC Schemes'!AM$5*$BB336),"")</f>
        <v/>
      </c>
      <c r="BO336" s="336" t="str">
        <f>IF(AH336="yes",('DRAFT - HGC Schemes'!AN$5*$BB336),"")</f>
        <v/>
      </c>
      <c r="BP336" s="336" t="str">
        <f>IF(AI336="yes",('DRAFT - HGC Schemes'!AO$5*$BB336),"")</f>
        <v/>
      </c>
      <c r="BQ336" s="336" t="str">
        <f>IF(AJ336="yes",('DRAFT - HGC Schemes'!AP$5*$BB336),"")</f>
        <v/>
      </c>
      <c r="BR336" s="336" t="str">
        <f>IF(AK336="yes",('DRAFT - HGC Schemes'!AQ$5*$BB336),"")</f>
        <v/>
      </c>
      <c r="BS336" s="336" t="str">
        <f>IF(AL336="yes",('DRAFT - HGC Schemes'!AR$5*$BB336),"")</f>
        <v/>
      </c>
      <c r="BT336" s="336" t="str">
        <f>IF(AM336="yes",('DRAFT - HGC Schemes'!AS$5*$BB336),"")</f>
        <v/>
      </c>
      <c r="BU336" s="336" t="str">
        <f>IF(AN336="yes",('DRAFT - HGC Schemes'!AT$5*$BB336),"")</f>
        <v/>
      </c>
      <c r="BV336" s="336" t="str">
        <f>IF(AO336="yes",('DRAFT - HGC Schemes'!AU$5*$BB336),"")</f>
        <v/>
      </c>
      <c r="BW336" s="336" t="str">
        <f>IF(AP336="yes",('DRAFT - HGC Schemes'!AV$5*$BB336),"")</f>
        <v/>
      </c>
      <c r="BX336" s="336" t="e">
        <f>IF(AQ336="yes",('DRAFT - HGC Schemes'!AW$5*$BB336),"")</f>
        <v>#DIV/0!</v>
      </c>
      <c r="BY336" s="336" t="e">
        <f>IF(AR336="yes",('DRAFT - HGC Schemes'!AX$5*$BB336),"")</f>
        <v>#DIV/0!</v>
      </c>
      <c r="BZ336" s="336" t="e">
        <f>IF(AS336="yes",('DRAFT - HGC Schemes'!AY$5*$BB336),"")</f>
        <v>#DIV/0!</v>
      </c>
      <c r="CA336" s="336" t="e">
        <f>IF(AT336="yes",('DRAFT - HGC Schemes'!AZ$5*$BB336),"")</f>
        <v>#DIV/0!</v>
      </c>
      <c r="CB336" s="336" t="str">
        <f>IF(AU336="yes",('DRAFT - HGC Schemes'!BA$5*$BB336),"")</f>
        <v/>
      </c>
      <c r="CC336" s="336" t="str">
        <f>IF(AV336="yes",('DRAFT - HGC Schemes'!BB$5*$BB336),"")</f>
        <v/>
      </c>
      <c r="CD336" s="336" t="str">
        <f>IF(AW336="yes",('DRAFT - HGC Schemes'!BC$5*$BB336),"")</f>
        <v/>
      </c>
      <c r="CE336" s="336" t="str">
        <f>IF(AX336="yes",('DRAFT - HGC Schemes'!BD$5*$BB336),"")</f>
        <v/>
      </c>
      <c r="CF336" s="336" t="str">
        <f>IF(AY336="yes",('DRAFT - HGC Schemes'!BE$5*$BB336),"")</f>
        <v/>
      </c>
      <c r="CG336" s="336" t="str">
        <f>IF(AZ336="yes",('DRAFT - HGC Schemes'!BF$5*$BB336),"")</f>
        <v/>
      </c>
      <c r="CH336" s="336"/>
      <c r="CI336" s="336"/>
      <c r="CJ336" s="336"/>
      <c r="CK336" s="336"/>
      <c r="CL336" s="336"/>
      <c r="CM336" s="336"/>
      <c r="CN336" s="336"/>
      <c r="CO336" s="336"/>
      <c r="CP336" s="336"/>
      <c r="CQ336" s="336"/>
      <c r="CR336" s="336"/>
      <c r="CS336" s="336"/>
      <c r="CT336" s="336"/>
      <c r="CU336" s="336"/>
      <c r="CV336" s="336"/>
      <c r="CW336" s="336"/>
      <c r="CX336" s="336"/>
      <c r="CY336" s="336"/>
      <c r="CZ336" s="336"/>
      <c r="DA336" s="336"/>
      <c r="DB336" s="336"/>
      <c r="DC336" s="336"/>
      <c r="DD336" s="84" t="s">
        <v>660</v>
      </c>
      <c r="DE336" s="84"/>
      <c r="DF336" s="399" t="s">
        <v>661</v>
      </c>
    </row>
    <row r="337" spans="3:110" s="120" customFormat="1" ht="56.1" customHeight="1" x14ac:dyDescent="0.2">
      <c r="C337" s="368">
        <v>620</v>
      </c>
      <c r="D337" s="368" t="s">
        <v>2481</v>
      </c>
      <c r="E337" s="369" t="s">
        <v>53</v>
      </c>
      <c r="F337" s="369" t="s">
        <v>655</v>
      </c>
      <c r="G337" s="232" t="s">
        <v>656</v>
      </c>
      <c r="H337" s="232" t="s">
        <v>700</v>
      </c>
      <c r="I337" s="232" t="s">
        <v>701</v>
      </c>
      <c r="J337" s="232"/>
      <c r="K337" s="232" t="s">
        <v>86</v>
      </c>
      <c r="L337" s="232" t="s">
        <v>63</v>
      </c>
      <c r="M337" s="334" t="s">
        <v>81</v>
      </c>
      <c r="N337" s="232" t="s">
        <v>77</v>
      </c>
      <c r="O337" s="334" t="s">
        <v>225</v>
      </c>
      <c r="P337" s="84" t="s">
        <v>63</v>
      </c>
      <c r="Q337" s="84" t="s">
        <v>63</v>
      </c>
      <c r="R337" s="84">
        <v>238247</v>
      </c>
      <c r="S337" s="84">
        <f t="shared" si="217"/>
        <v>238247</v>
      </c>
      <c r="T337" s="84" t="s">
        <v>659</v>
      </c>
      <c r="U337" s="84" t="s">
        <v>65</v>
      </c>
      <c r="V337" s="84"/>
      <c r="W337" s="84"/>
      <c r="X337" s="84"/>
      <c r="Y337" s="84"/>
      <c r="Z337" s="84"/>
      <c r="AA337" s="84"/>
      <c r="AB337" s="84"/>
      <c r="AC337" s="84"/>
      <c r="AD337" s="84"/>
      <c r="AE337" s="84"/>
      <c r="AF337" s="84"/>
      <c r="AG337" s="84"/>
      <c r="AH337" s="84"/>
      <c r="AI337" s="84"/>
      <c r="AJ337" s="84"/>
      <c r="AK337" s="84"/>
      <c r="AL337" s="84"/>
      <c r="AM337" s="336" t="s">
        <v>66</v>
      </c>
      <c r="AN337" s="336" t="s">
        <v>66</v>
      </c>
      <c r="AO337" s="336" t="s">
        <v>66</v>
      </c>
      <c r="AP337" s="336" t="s">
        <v>66</v>
      </c>
      <c r="AQ337" s="84"/>
      <c r="AR337" s="84"/>
      <c r="AS337" s="84"/>
      <c r="AT337" s="84"/>
      <c r="AU337" s="84"/>
      <c r="AV337" s="84"/>
      <c r="AW337" s="84"/>
      <c r="AX337" s="84"/>
      <c r="AY337" s="84"/>
      <c r="AZ337" s="84"/>
      <c r="BA337" s="238">
        <f>SUMIF(V337:AZ337,"YES",'DRAFT - HGC Schemes'!$AB$5:$BF$5)</f>
        <v>0</v>
      </c>
      <c r="BB337" s="84" t="e">
        <f t="shared" si="218"/>
        <v>#DIV/0!</v>
      </c>
      <c r="BC337" s="336" t="str">
        <f>IF(V337="yes",('DRAFT - HGC Schemes'!AB$5*$BB337),"")</f>
        <v/>
      </c>
      <c r="BD337" s="336" t="str">
        <f>IF(W337="yes",('DRAFT - HGC Schemes'!AC$5*$BB337),"")</f>
        <v/>
      </c>
      <c r="BE337" s="336" t="str">
        <f>IF(X337="yes",('DRAFT - HGC Schemes'!AD$5*$BB337),"")</f>
        <v/>
      </c>
      <c r="BF337" s="336" t="str">
        <f>IF(Y337="yes",('DRAFT - HGC Schemes'!AE$5*$BB337),"")</f>
        <v/>
      </c>
      <c r="BG337" s="336" t="str">
        <f>IF(Z337="yes",('DRAFT - HGC Schemes'!AF$5*$BB337),"")</f>
        <v/>
      </c>
      <c r="BH337" s="336" t="str">
        <f>IF(AA337="yes",('DRAFT - HGC Schemes'!AG$5*$BB337),"")</f>
        <v/>
      </c>
      <c r="BI337" s="336" t="str">
        <f>IF(AB337="yes",('DRAFT - HGC Schemes'!AH$5*$BB337),"")</f>
        <v/>
      </c>
      <c r="BJ337" s="336" t="str">
        <f>IF(AC337="yes",('DRAFT - HGC Schemes'!AI$5*$BB337),"")</f>
        <v/>
      </c>
      <c r="BK337" s="336" t="str">
        <f>IF(AD337="yes",('DRAFT - HGC Schemes'!AJ$5*$BB337),"")</f>
        <v/>
      </c>
      <c r="BL337" s="336" t="str">
        <f>IF(AE337="yes",('DRAFT - HGC Schemes'!AK$5*$BB337),"")</f>
        <v/>
      </c>
      <c r="BM337" s="336" t="str">
        <f>IF(AF337="yes",('DRAFT - HGC Schemes'!AL$5*$BB337),"")</f>
        <v/>
      </c>
      <c r="BN337" s="336" t="str">
        <f>IF(AG337="yes",('DRAFT - HGC Schemes'!AM$5*$BB337),"")</f>
        <v/>
      </c>
      <c r="BO337" s="336" t="str">
        <f>IF(AH337="yes",('DRAFT - HGC Schemes'!AN$5*$BB337),"")</f>
        <v/>
      </c>
      <c r="BP337" s="336" t="str">
        <f>IF(AI337="yes",('DRAFT - HGC Schemes'!AO$5*$BB337),"")</f>
        <v/>
      </c>
      <c r="BQ337" s="336" t="str">
        <f>IF(AJ337="yes",('DRAFT - HGC Schemes'!AP$5*$BB337),"")</f>
        <v/>
      </c>
      <c r="BR337" s="336" t="str">
        <f>IF(AK337="yes",('DRAFT - HGC Schemes'!AQ$5*$BB337),"")</f>
        <v/>
      </c>
      <c r="BS337" s="336" t="str">
        <f>IF(AL337="yes",('DRAFT - HGC Schemes'!AR$5*$BB337),"")</f>
        <v/>
      </c>
      <c r="BT337" s="336" t="e">
        <f>IF(AM337="yes",('DRAFT - HGC Schemes'!AS$5*$BB337),"")</f>
        <v>#DIV/0!</v>
      </c>
      <c r="BU337" s="336" t="e">
        <f>IF(AN337="yes",('DRAFT - HGC Schemes'!AT$5*$BB337),"")</f>
        <v>#DIV/0!</v>
      </c>
      <c r="BV337" s="336" t="e">
        <f>IF(AO337="yes",('DRAFT - HGC Schemes'!AU$5*$BB337),"")</f>
        <v>#DIV/0!</v>
      </c>
      <c r="BW337" s="336" t="e">
        <f>IF(AP337="yes",('DRAFT - HGC Schemes'!AV$5*$BB337),"")</f>
        <v>#DIV/0!</v>
      </c>
      <c r="BX337" s="336" t="str">
        <f>IF(AQ337="yes",('DRAFT - HGC Schemes'!AW$5*$BB337),"")</f>
        <v/>
      </c>
      <c r="BY337" s="336" t="str">
        <f>IF(AR337="yes",('DRAFT - HGC Schemes'!AX$5*$BB337),"")</f>
        <v/>
      </c>
      <c r="BZ337" s="336" t="str">
        <f>IF(AS337="yes",('DRAFT - HGC Schemes'!AY$5*$BB337),"")</f>
        <v/>
      </c>
      <c r="CA337" s="336" t="str">
        <f>IF(AT337="yes",('DRAFT - HGC Schemes'!AZ$5*$BB337),"")</f>
        <v/>
      </c>
      <c r="CB337" s="336" t="str">
        <f>IF(AU337="yes",('DRAFT - HGC Schemes'!BA$5*$BB337),"")</f>
        <v/>
      </c>
      <c r="CC337" s="336" t="str">
        <f>IF(AV337="yes",('DRAFT - HGC Schemes'!BB$5*$BB337),"")</f>
        <v/>
      </c>
      <c r="CD337" s="336" t="str">
        <f>IF(AW337="yes",('DRAFT - HGC Schemes'!BC$5*$BB337),"")</f>
        <v/>
      </c>
      <c r="CE337" s="336" t="str">
        <f>IF(AX337="yes",('DRAFT - HGC Schemes'!BD$5*$BB337),"")</f>
        <v/>
      </c>
      <c r="CF337" s="336" t="str">
        <f>IF(AY337="yes",('DRAFT - HGC Schemes'!BE$5*$BB337),"")</f>
        <v/>
      </c>
      <c r="CG337" s="336" t="str">
        <f>IF(AZ337="yes",('DRAFT - HGC Schemes'!BF$5*$BB337),"")</f>
        <v/>
      </c>
      <c r="CH337" s="336"/>
      <c r="CI337" s="336"/>
      <c r="CJ337" s="336"/>
      <c r="CK337" s="336"/>
      <c r="CL337" s="336"/>
      <c r="CM337" s="336"/>
      <c r="CN337" s="336"/>
      <c r="CO337" s="336"/>
      <c r="CP337" s="336"/>
      <c r="CQ337" s="336"/>
      <c r="CR337" s="336"/>
      <c r="CS337" s="336"/>
      <c r="CT337" s="336"/>
      <c r="CU337" s="336"/>
      <c r="CV337" s="336"/>
      <c r="CW337" s="336"/>
      <c r="CX337" s="336"/>
      <c r="CY337" s="336"/>
      <c r="CZ337" s="336"/>
      <c r="DA337" s="336"/>
      <c r="DB337" s="336"/>
      <c r="DC337" s="336"/>
      <c r="DD337" s="84" t="s">
        <v>660</v>
      </c>
      <c r="DE337" s="84"/>
      <c r="DF337" s="399" t="s">
        <v>661</v>
      </c>
    </row>
    <row r="338" spans="3:110" s="120" customFormat="1" ht="56.1" customHeight="1" x14ac:dyDescent="0.2">
      <c r="C338" s="368">
        <v>621</v>
      </c>
      <c r="D338" s="368" t="s">
        <v>2481</v>
      </c>
      <c r="E338" s="369" t="s">
        <v>53</v>
      </c>
      <c r="F338" s="369" t="s">
        <v>655</v>
      </c>
      <c r="G338" s="232" t="s">
        <v>656</v>
      </c>
      <c r="H338" s="232" t="s">
        <v>702</v>
      </c>
      <c r="I338" s="232" t="s">
        <v>703</v>
      </c>
      <c r="J338" s="232"/>
      <c r="K338" s="232" t="s">
        <v>86</v>
      </c>
      <c r="L338" s="232" t="s">
        <v>63</v>
      </c>
      <c r="M338" s="334" t="s">
        <v>81</v>
      </c>
      <c r="N338" s="232" t="s">
        <v>77</v>
      </c>
      <c r="O338" s="334" t="s">
        <v>225</v>
      </c>
      <c r="P338" s="84" t="s">
        <v>63</v>
      </c>
      <c r="Q338" s="84" t="s">
        <v>63</v>
      </c>
      <c r="R338" s="84">
        <v>238247</v>
      </c>
      <c r="S338" s="84">
        <f t="shared" si="217"/>
        <v>238247</v>
      </c>
      <c r="T338" s="84" t="s">
        <v>659</v>
      </c>
      <c r="U338" s="84" t="s">
        <v>65</v>
      </c>
      <c r="V338" s="84"/>
      <c r="W338" s="84"/>
      <c r="X338" s="84"/>
      <c r="Y338" s="84"/>
      <c r="Z338" s="84"/>
      <c r="AA338" s="84"/>
      <c r="AB338" s="84"/>
      <c r="AC338" s="84"/>
      <c r="AD338" s="84"/>
      <c r="AE338" s="84"/>
      <c r="AF338" s="84"/>
      <c r="AG338" s="84"/>
      <c r="AH338" s="84"/>
      <c r="AI338" s="84"/>
      <c r="AJ338" s="84"/>
      <c r="AK338" s="84"/>
      <c r="AL338" s="84"/>
      <c r="AM338" s="336" t="s">
        <v>66</v>
      </c>
      <c r="AN338" s="336" t="s">
        <v>66</v>
      </c>
      <c r="AO338" s="336" t="s">
        <v>66</v>
      </c>
      <c r="AP338" s="336" t="s">
        <v>66</v>
      </c>
      <c r="AQ338" s="84"/>
      <c r="AR338" s="84"/>
      <c r="AS338" s="84"/>
      <c r="AT338" s="84"/>
      <c r="AU338" s="84"/>
      <c r="AV338" s="84"/>
      <c r="AW338" s="84"/>
      <c r="AX338" s="84"/>
      <c r="AY338" s="84"/>
      <c r="AZ338" s="84"/>
      <c r="BA338" s="238">
        <f>SUMIF(V338:AZ338,"YES",'DRAFT - HGC Schemes'!$AB$5:$BF$5)</f>
        <v>0</v>
      </c>
      <c r="BB338" s="84" t="e">
        <f t="shared" si="218"/>
        <v>#DIV/0!</v>
      </c>
      <c r="BC338" s="336" t="str">
        <f>IF(V338="yes",('DRAFT - HGC Schemes'!AB$5*$BB338),"")</f>
        <v/>
      </c>
      <c r="BD338" s="336" t="str">
        <f>IF(W338="yes",('DRAFT - HGC Schemes'!AC$5*$BB338),"")</f>
        <v/>
      </c>
      <c r="BE338" s="336" t="str">
        <f>IF(X338="yes",('DRAFT - HGC Schemes'!AD$5*$BB338),"")</f>
        <v/>
      </c>
      <c r="BF338" s="336" t="str">
        <f>IF(Y338="yes",('DRAFT - HGC Schemes'!AE$5*$BB338),"")</f>
        <v/>
      </c>
      <c r="BG338" s="336" t="str">
        <f>IF(Z338="yes",('DRAFT - HGC Schemes'!AF$5*$BB338),"")</f>
        <v/>
      </c>
      <c r="BH338" s="336" t="str">
        <f>IF(AA338="yes",('DRAFT - HGC Schemes'!AG$5*$BB338),"")</f>
        <v/>
      </c>
      <c r="BI338" s="336" t="str">
        <f>IF(AB338="yes",('DRAFT - HGC Schemes'!AH$5*$BB338),"")</f>
        <v/>
      </c>
      <c r="BJ338" s="336" t="str">
        <f>IF(AC338="yes",('DRAFT - HGC Schemes'!AI$5*$BB338),"")</f>
        <v/>
      </c>
      <c r="BK338" s="336" t="str">
        <f>IF(AD338="yes",('DRAFT - HGC Schemes'!AJ$5*$BB338),"")</f>
        <v/>
      </c>
      <c r="BL338" s="336" t="str">
        <f>IF(AE338="yes",('DRAFT - HGC Schemes'!AK$5*$BB338),"")</f>
        <v/>
      </c>
      <c r="BM338" s="336" t="str">
        <f>IF(AF338="yes",('DRAFT - HGC Schemes'!AL$5*$BB338),"")</f>
        <v/>
      </c>
      <c r="BN338" s="336" t="str">
        <f>IF(AG338="yes",('DRAFT - HGC Schemes'!AM$5*$BB338),"")</f>
        <v/>
      </c>
      <c r="BO338" s="336" t="str">
        <f>IF(AH338="yes",('DRAFT - HGC Schemes'!AN$5*$BB338),"")</f>
        <v/>
      </c>
      <c r="BP338" s="336" t="str">
        <f>IF(AI338="yes",('DRAFT - HGC Schemes'!AO$5*$BB338),"")</f>
        <v/>
      </c>
      <c r="BQ338" s="336" t="str">
        <f>IF(AJ338="yes",('DRAFT - HGC Schemes'!AP$5*$BB338),"")</f>
        <v/>
      </c>
      <c r="BR338" s="336" t="str">
        <f>IF(AK338="yes",('DRAFT - HGC Schemes'!AQ$5*$BB338),"")</f>
        <v/>
      </c>
      <c r="BS338" s="336" t="str">
        <f>IF(AL338="yes",('DRAFT - HGC Schemes'!AR$5*$BB338),"")</f>
        <v/>
      </c>
      <c r="BT338" s="336" t="e">
        <f>IF(AM338="yes",('DRAFT - HGC Schemes'!AS$5*$BB338),"")</f>
        <v>#DIV/0!</v>
      </c>
      <c r="BU338" s="336" t="e">
        <f>IF(AN338="yes",('DRAFT - HGC Schemes'!AT$5*$BB338),"")</f>
        <v>#DIV/0!</v>
      </c>
      <c r="BV338" s="336" t="e">
        <f>IF(AO338="yes",('DRAFT - HGC Schemes'!AU$5*$BB338),"")</f>
        <v>#DIV/0!</v>
      </c>
      <c r="BW338" s="336" t="e">
        <f>IF(AP338="yes",('DRAFT - HGC Schemes'!AV$5*$BB338),"")</f>
        <v>#DIV/0!</v>
      </c>
      <c r="BX338" s="336" t="str">
        <f>IF(AQ338="yes",('DRAFT - HGC Schemes'!AW$5*$BB338),"")</f>
        <v/>
      </c>
      <c r="BY338" s="336" t="str">
        <f>IF(AR338="yes",('DRAFT - HGC Schemes'!AX$5*$BB338),"")</f>
        <v/>
      </c>
      <c r="BZ338" s="336" t="str">
        <f>IF(AS338="yes",('DRAFT - HGC Schemes'!AY$5*$BB338),"")</f>
        <v/>
      </c>
      <c r="CA338" s="336" t="str">
        <f>IF(AT338="yes",('DRAFT - HGC Schemes'!AZ$5*$BB338),"")</f>
        <v/>
      </c>
      <c r="CB338" s="336" t="str">
        <f>IF(AU338="yes",('DRAFT - HGC Schemes'!BA$5*$BB338),"")</f>
        <v/>
      </c>
      <c r="CC338" s="336" t="str">
        <f>IF(AV338="yes",('DRAFT - HGC Schemes'!BB$5*$BB338),"")</f>
        <v/>
      </c>
      <c r="CD338" s="336" t="str">
        <f>IF(AW338="yes",('DRAFT - HGC Schemes'!BC$5*$BB338),"")</f>
        <v/>
      </c>
      <c r="CE338" s="336" t="str">
        <f>IF(AX338="yes",('DRAFT - HGC Schemes'!BD$5*$BB338),"")</f>
        <v/>
      </c>
      <c r="CF338" s="336" t="str">
        <f>IF(AY338="yes",('DRAFT - HGC Schemes'!BE$5*$BB338),"")</f>
        <v/>
      </c>
      <c r="CG338" s="336" t="str">
        <f>IF(AZ338="yes",('DRAFT - HGC Schemes'!BF$5*$BB338),"")</f>
        <v/>
      </c>
      <c r="CH338" s="336"/>
      <c r="CI338" s="336"/>
      <c r="CJ338" s="336"/>
      <c r="CK338" s="336"/>
      <c r="CL338" s="336"/>
      <c r="CM338" s="336"/>
      <c r="CN338" s="336"/>
      <c r="CO338" s="336"/>
      <c r="CP338" s="336"/>
      <c r="CQ338" s="336"/>
      <c r="CR338" s="336"/>
      <c r="CS338" s="336"/>
      <c r="CT338" s="336"/>
      <c r="CU338" s="336"/>
      <c r="CV338" s="336"/>
      <c r="CW338" s="336"/>
      <c r="CX338" s="336"/>
      <c r="CY338" s="336"/>
      <c r="CZ338" s="336"/>
      <c r="DA338" s="336"/>
      <c r="DB338" s="336"/>
      <c r="DC338" s="336"/>
      <c r="DD338" s="84" t="s">
        <v>660</v>
      </c>
      <c r="DE338" s="84"/>
      <c r="DF338" s="399" t="s">
        <v>661</v>
      </c>
    </row>
    <row r="339" spans="3:110" s="120" customFormat="1" ht="56.1" customHeight="1" x14ac:dyDescent="0.2">
      <c r="C339" s="368">
        <v>622</v>
      </c>
      <c r="D339" s="368" t="s">
        <v>2481</v>
      </c>
      <c r="E339" s="369" t="s">
        <v>53</v>
      </c>
      <c r="F339" s="369" t="s">
        <v>655</v>
      </c>
      <c r="G339" s="232" t="s">
        <v>656</v>
      </c>
      <c r="H339" s="232" t="s">
        <v>704</v>
      </c>
      <c r="I339" s="232" t="s">
        <v>705</v>
      </c>
      <c r="J339" s="232"/>
      <c r="K339" s="232" t="s">
        <v>86</v>
      </c>
      <c r="L339" s="232" t="s">
        <v>63</v>
      </c>
      <c r="M339" s="334" t="s">
        <v>81</v>
      </c>
      <c r="N339" s="232" t="s">
        <v>77</v>
      </c>
      <c r="O339" s="334" t="s">
        <v>225</v>
      </c>
      <c r="P339" s="84" t="s">
        <v>63</v>
      </c>
      <c r="Q339" s="84" t="s">
        <v>63</v>
      </c>
      <c r="R339" s="84">
        <v>125393</v>
      </c>
      <c r="S339" s="84">
        <f t="shared" si="217"/>
        <v>125393</v>
      </c>
      <c r="T339" s="84" t="s">
        <v>659</v>
      </c>
      <c r="U339" s="84" t="s">
        <v>65</v>
      </c>
      <c r="V339" s="84"/>
      <c r="W339" s="84"/>
      <c r="X339" s="84"/>
      <c r="Y339" s="84"/>
      <c r="Z339" s="84"/>
      <c r="AA339" s="84"/>
      <c r="AB339" s="84"/>
      <c r="AC339" s="84"/>
      <c r="AD339" s="84"/>
      <c r="AE339" s="84"/>
      <c r="AF339" s="84"/>
      <c r="AG339" s="84"/>
      <c r="AH339" s="84"/>
      <c r="AI339" s="84"/>
      <c r="AJ339" s="84"/>
      <c r="AK339" s="84"/>
      <c r="AL339" s="84"/>
      <c r="AM339" s="336" t="s">
        <v>66</v>
      </c>
      <c r="AN339" s="336" t="s">
        <v>66</v>
      </c>
      <c r="AO339" s="336" t="s">
        <v>66</v>
      </c>
      <c r="AP339" s="336" t="s">
        <v>66</v>
      </c>
      <c r="AQ339" s="84"/>
      <c r="AR339" s="84"/>
      <c r="AS339" s="84"/>
      <c r="AT339" s="84"/>
      <c r="AU339" s="84"/>
      <c r="AV339" s="84"/>
      <c r="AW339" s="84"/>
      <c r="AX339" s="84"/>
      <c r="AY339" s="84"/>
      <c r="AZ339" s="84"/>
      <c r="BA339" s="238">
        <f>SUMIF(V339:AZ339,"YES",'DRAFT - HGC Schemes'!$AB$5:$BF$5)</f>
        <v>0</v>
      </c>
      <c r="BB339" s="84" t="e">
        <f t="shared" si="218"/>
        <v>#DIV/0!</v>
      </c>
      <c r="BC339" s="336" t="str">
        <f>IF(V339="yes",('DRAFT - HGC Schemes'!AB$5*$BB339),"")</f>
        <v/>
      </c>
      <c r="BD339" s="336" t="str">
        <f>IF(W339="yes",('DRAFT - HGC Schemes'!AC$5*$BB339),"")</f>
        <v/>
      </c>
      <c r="BE339" s="336" t="str">
        <f>IF(X339="yes",('DRAFT - HGC Schemes'!AD$5*$BB339),"")</f>
        <v/>
      </c>
      <c r="BF339" s="336" t="str">
        <f>IF(Y339="yes",('DRAFT - HGC Schemes'!AE$5*$BB339),"")</f>
        <v/>
      </c>
      <c r="BG339" s="336" t="str">
        <f>IF(Z339="yes",('DRAFT - HGC Schemes'!AF$5*$BB339),"")</f>
        <v/>
      </c>
      <c r="BH339" s="336" t="str">
        <f>IF(AA339="yes",('DRAFT - HGC Schemes'!AG$5*$BB339),"")</f>
        <v/>
      </c>
      <c r="BI339" s="336" t="str">
        <f>IF(AB339="yes",('DRAFT - HGC Schemes'!AH$5*$BB339),"")</f>
        <v/>
      </c>
      <c r="BJ339" s="336" t="str">
        <f>IF(AC339="yes",('DRAFT - HGC Schemes'!AI$5*$BB339),"")</f>
        <v/>
      </c>
      <c r="BK339" s="336" t="str">
        <f>IF(AD339="yes",('DRAFT - HGC Schemes'!AJ$5*$BB339),"")</f>
        <v/>
      </c>
      <c r="BL339" s="336" t="str">
        <f>IF(AE339="yes",('DRAFT - HGC Schemes'!AK$5*$BB339),"")</f>
        <v/>
      </c>
      <c r="BM339" s="336" t="str">
        <f>IF(AF339="yes",('DRAFT - HGC Schemes'!AL$5*$BB339),"")</f>
        <v/>
      </c>
      <c r="BN339" s="336" t="str">
        <f>IF(AG339="yes",('DRAFT - HGC Schemes'!AM$5*$BB339),"")</f>
        <v/>
      </c>
      <c r="BO339" s="336" t="str">
        <f>IF(AH339="yes",('DRAFT - HGC Schemes'!AN$5*$BB339),"")</f>
        <v/>
      </c>
      <c r="BP339" s="336" t="str">
        <f>IF(AI339="yes",('DRAFT - HGC Schemes'!AO$5*$BB339),"")</f>
        <v/>
      </c>
      <c r="BQ339" s="336" t="str">
        <f>IF(AJ339="yes",('DRAFT - HGC Schemes'!AP$5*$BB339),"")</f>
        <v/>
      </c>
      <c r="BR339" s="336" t="str">
        <f>IF(AK339="yes",('DRAFT - HGC Schemes'!AQ$5*$BB339),"")</f>
        <v/>
      </c>
      <c r="BS339" s="336" t="str">
        <f>IF(AL339="yes",('DRAFT - HGC Schemes'!AR$5*$BB339),"")</f>
        <v/>
      </c>
      <c r="BT339" s="336" t="e">
        <f>IF(AM339="yes",('DRAFT - HGC Schemes'!AS$5*$BB339),"")</f>
        <v>#DIV/0!</v>
      </c>
      <c r="BU339" s="336" t="e">
        <f>IF(AN339="yes",('DRAFT - HGC Schemes'!AT$5*$BB339),"")</f>
        <v>#DIV/0!</v>
      </c>
      <c r="BV339" s="336" t="e">
        <f>IF(AO339="yes",('DRAFT - HGC Schemes'!AU$5*$BB339),"")</f>
        <v>#DIV/0!</v>
      </c>
      <c r="BW339" s="336" t="e">
        <f>IF(AP339="yes",('DRAFT - HGC Schemes'!AV$5*$BB339),"")</f>
        <v>#DIV/0!</v>
      </c>
      <c r="BX339" s="336" t="str">
        <f>IF(AQ339="yes",('DRAFT - HGC Schemes'!AW$5*$BB339),"")</f>
        <v/>
      </c>
      <c r="BY339" s="336" t="str">
        <f>IF(AR339="yes",('DRAFT - HGC Schemes'!AX$5*$BB339),"")</f>
        <v/>
      </c>
      <c r="BZ339" s="336" t="str">
        <f>IF(AS339="yes",('DRAFT - HGC Schemes'!AY$5*$BB339),"")</f>
        <v/>
      </c>
      <c r="CA339" s="336" t="str">
        <f>IF(AT339="yes",('DRAFT - HGC Schemes'!AZ$5*$BB339),"")</f>
        <v/>
      </c>
      <c r="CB339" s="336" t="str">
        <f>IF(AU339="yes",('DRAFT - HGC Schemes'!BA$5*$BB339),"")</f>
        <v/>
      </c>
      <c r="CC339" s="336" t="str">
        <f>IF(AV339="yes",('DRAFT - HGC Schemes'!BB$5*$BB339),"")</f>
        <v/>
      </c>
      <c r="CD339" s="336" t="str">
        <f>IF(AW339="yes",('DRAFT - HGC Schemes'!BC$5*$BB339),"")</f>
        <v/>
      </c>
      <c r="CE339" s="336" t="str">
        <f>IF(AX339="yes",('DRAFT - HGC Schemes'!BD$5*$BB339),"")</f>
        <v/>
      </c>
      <c r="CF339" s="336" t="str">
        <f>IF(AY339="yes",('DRAFT - HGC Schemes'!BE$5*$BB339),"")</f>
        <v/>
      </c>
      <c r="CG339" s="336" t="str">
        <f>IF(AZ339="yes",('DRAFT - HGC Schemes'!BF$5*$BB339),"")</f>
        <v/>
      </c>
      <c r="CH339" s="336"/>
      <c r="CI339" s="336"/>
      <c r="CJ339" s="336"/>
      <c r="CK339" s="336"/>
      <c r="CL339" s="336"/>
      <c r="CM339" s="336"/>
      <c r="CN339" s="336"/>
      <c r="CO339" s="336"/>
      <c r="CP339" s="336"/>
      <c r="CQ339" s="336"/>
      <c r="CR339" s="336"/>
      <c r="CS339" s="336"/>
      <c r="CT339" s="336"/>
      <c r="CU339" s="336"/>
      <c r="CV339" s="336"/>
      <c r="CW339" s="336"/>
      <c r="CX339" s="336"/>
      <c r="CY339" s="336"/>
      <c r="CZ339" s="336"/>
      <c r="DA339" s="336"/>
      <c r="DB339" s="336"/>
      <c r="DC339" s="336"/>
      <c r="DD339" s="84" t="s">
        <v>660</v>
      </c>
      <c r="DE339" s="84"/>
      <c r="DF339" s="399" t="s">
        <v>661</v>
      </c>
    </row>
    <row r="340" spans="3:110" s="120" customFormat="1" ht="56.1" customHeight="1" x14ac:dyDescent="0.2">
      <c r="C340" s="368">
        <v>623</v>
      </c>
      <c r="D340" s="368" t="s">
        <v>2481</v>
      </c>
      <c r="E340" s="369" t="s">
        <v>53</v>
      </c>
      <c r="F340" s="369" t="s">
        <v>655</v>
      </c>
      <c r="G340" s="232" t="s">
        <v>656</v>
      </c>
      <c r="H340" s="232" t="s">
        <v>706</v>
      </c>
      <c r="I340" s="232" t="s">
        <v>707</v>
      </c>
      <c r="J340" s="232"/>
      <c r="K340" s="232" t="s">
        <v>86</v>
      </c>
      <c r="L340" s="232" t="s">
        <v>63</v>
      </c>
      <c r="M340" s="334" t="s">
        <v>81</v>
      </c>
      <c r="N340" s="232" t="s">
        <v>77</v>
      </c>
      <c r="O340" s="334" t="s">
        <v>225</v>
      </c>
      <c r="P340" s="84" t="s">
        <v>63</v>
      </c>
      <c r="Q340" s="84" t="s">
        <v>63</v>
      </c>
      <c r="R340" s="84">
        <v>75236</v>
      </c>
      <c r="S340" s="84">
        <f t="shared" si="217"/>
        <v>75236</v>
      </c>
      <c r="T340" s="84" t="s">
        <v>659</v>
      </c>
      <c r="U340" s="84" t="s">
        <v>65</v>
      </c>
      <c r="V340" s="84"/>
      <c r="W340" s="84"/>
      <c r="X340" s="84"/>
      <c r="Y340" s="84"/>
      <c r="Z340" s="84"/>
      <c r="AA340" s="84"/>
      <c r="AB340" s="84"/>
      <c r="AC340" s="84"/>
      <c r="AD340" s="84"/>
      <c r="AE340" s="84"/>
      <c r="AF340" s="84"/>
      <c r="AG340" s="84"/>
      <c r="AH340" s="84"/>
      <c r="AI340" s="84"/>
      <c r="AJ340" s="84"/>
      <c r="AK340" s="84"/>
      <c r="AL340" s="84"/>
      <c r="AM340" s="336" t="s">
        <v>66</v>
      </c>
      <c r="AN340" s="336" t="s">
        <v>66</v>
      </c>
      <c r="AO340" s="336" t="s">
        <v>66</v>
      </c>
      <c r="AP340" s="336" t="s">
        <v>66</v>
      </c>
      <c r="AQ340" s="84"/>
      <c r="AR340" s="84"/>
      <c r="AS340" s="84"/>
      <c r="AT340" s="84"/>
      <c r="AU340" s="84"/>
      <c r="AV340" s="84"/>
      <c r="AW340" s="84"/>
      <c r="AX340" s="84"/>
      <c r="AY340" s="84"/>
      <c r="AZ340" s="84"/>
      <c r="BA340" s="238">
        <f>SUMIF(V340:AZ340,"YES",'DRAFT - HGC Schemes'!$AB$5:$BF$5)</f>
        <v>0</v>
      </c>
      <c r="BB340" s="84" t="e">
        <f t="shared" si="218"/>
        <v>#DIV/0!</v>
      </c>
      <c r="BC340" s="336" t="str">
        <f>IF(V340="yes",('DRAFT - HGC Schemes'!AB$5*$BB340),"")</f>
        <v/>
      </c>
      <c r="BD340" s="336" t="str">
        <f>IF(W340="yes",('DRAFT - HGC Schemes'!AC$5*$BB340),"")</f>
        <v/>
      </c>
      <c r="BE340" s="336" t="str">
        <f>IF(X340="yes",('DRAFT - HGC Schemes'!AD$5*$BB340),"")</f>
        <v/>
      </c>
      <c r="BF340" s="336" t="str">
        <f>IF(Y340="yes",('DRAFT - HGC Schemes'!AE$5*$BB340),"")</f>
        <v/>
      </c>
      <c r="BG340" s="336" t="str">
        <f>IF(Z340="yes",('DRAFT - HGC Schemes'!AF$5*$BB340),"")</f>
        <v/>
      </c>
      <c r="BH340" s="336" t="str">
        <f>IF(AA340="yes",('DRAFT - HGC Schemes'!AG$5*$BB340),"")</f>
        <v/>
      </c>
      <c r="BI340" s="336" t="str">
        <f>IF(AB340="yes",('DRAFT - HGC Schemes'!AH$5*$BB340),"")</f>
        <v/>
      </c>
      <c r="BJ340" s="336" t="str">
        <f>IF(AC340="yes",('DRAFT - HGC Schemes'!AI$5*$BB340),"")</f>
        <v/>
      </c>
      <c r="BK340" s="336" t="str">
        <f>IF(AD340="yes",('DRAFT - HGC Schemes'!AJ$5*$BB340),"")</f>
        <v/>
      </c>
      <c r="BL340" s="336" t="str">
        <f>IF(AE340="yes",('DRAFT - HGC Schemes'!AK$5*$BB340),"")</f>
        <v/>
      </c>
      <c r="BM340" s="336" t="str">
        <f>IF(AF340="yes",('DRAFT - HGC Schemes'!AL$5*$BB340),"")</f>
        <v/>
      </c>
      <c r="BN340" s="336" t="str">
        <f>IF(AG340="yes",('DRAFT - HGC Schemes'!AM$5*$BB340),"")</f>
        <v/>
      </c>
      <c r="BO340" s="336" t="str">
        <f>IF(AH340="yes",('DRAFT - HGC Schemes'!AN$5*$BB340),"")</f>
        <v/>
      </c>
      <c r="BP340" s="336" t="str">
        <f>IF(AI340="yes",('DRAFT - HGC Schemes'!AO$5*$BB340),"")</f>
        <v/>
      </c>
      <c r="BQ340" s="336" t="str">
        <f>IF(AJ340="yes",('DRAFT - HGC Schemes'!AP$5*$BB340),"")</f>
        <v/>
      </c>
      <c r="BR340" s="336" t="str">
        <f>IF(AK340="yes",('DRAFT - HGC Schemes'!AQ$5*$BB340),"")</f>
        <v/>
      </c>
      <c r="BS340" s="336" t="str">
        <f>IF(AL340="yes",('DRAFT - HGC Schemes'!AR$5*$BB340),"")</f>
        <v/>
      </c>
      <c r="BT340" s="336" t="e">
        <f>IF(AM340="yes",('DRAFT - HGC Schemes'!AS$5*$BB340),"")</f>
        <v>#DIV/0!</v>
      </c>
      <c r="BU340" s="336" t="e">
        <f>IF(AN340="yes",('DRAFT - HGC Schemes'!AT$5*$BB340),"")</f>
        <v>#DIV/0!</v>
      </c>
      <c r="BV340" s="336" t="e">
        <f>IF(AO340="yes",('DRAFT - HGC Schemes'!AU$5*$BB340),"")</f>
        <v>#DIV/0!</v>
      </c>
      <c r="BW340" s="336" t="e">
        <f>IF(AP340="yes",('DRAFT - HGC Schemes'!AV$5*$BB340),"")</f>
        <v>#DIV/0!</v>
      </c>
      <c r="BX340" s="336" t="str">
        <f>IF(AQ340="yes",('DRAFT - HGC Schemes'!AW$5*$BB340),"")</f>
        <v/>
      </c>
      <c r="BY340" s="336" t="str">
        <f>IF(AR340="yes",('DRAFT - HGC Schemes'!AX$5*$BB340),"")</f>
        <v/>
      </c>
      <c r="BZ340" s="336" t="str">
        <f>IF(AS340="yes",('DRAFT - HGC Schemes'!AY$5*$BB340),"")</f>
        <v/>
      </c>
      <c r="CA340" s="336" t="str">
        <f>IF(AT340="yes",('DRAFT - HGC Schemes'!AZ$5*$BB340),"")</f>
        <v/>
      </c>
      <c r="CB340" s="336" t="str">
        <f>IF(AU340="yes",('DRAFT - HGC Schemes'!BA$5*$BB340),"")</f>
        <v/>
      </c>
      <c r="CC340" s="336" t="str">
        <f>IF(AV340="yes",('DRAFT - HGC Schemes'!BB$5*$BB340),"")</f>
        <v/>
      </c>
      <c r="CD340" s="336" t="str">
        <f>IF(AW340="yes",('DRAFT - HGC Schemes'!BC$5*$BB340),"")</f>
        <v/>
      </c>
      <c r="CE340" s="336" t="str">
        <f>IF(AX340="yes",('DRAFT - HGC Schemes'!BD$5*$BB340),"")</f>
        <v/>
      </c>
      <c r="CF340" s="336" t="str">
        <f>IF(AY340="yes",('DRAFT - HGC Schemes'!BE$5*$BB340),"")</f>
        <v/>
      </c>
      <c r="CG340" s="336" t="str">
        <f>IF(AZ340="yes",('DRAFT - HGC Schemes'!BF$5*$BB340),"")</f>
        <v/>
      </c>
      <c r="CH340" s="336"/>
      <c r="CI340" s="336"/>
      <c r="CJ340" s="336"/>
      <c r="CK340" s="336"/>
      <c r="CL340" s="336"/>
      <c r="CM340" s="336"/>
      <c r="CN340" s="336"/>
      <c r="CO340" s="336"/>
      <c r="CP340" s="336"/>
      <c r="CQ340" s="336"/>
      <c r="CR340" s="336"/>
      <c r="CS340" s="336"/>
      <c r="CT340" s="336"/>
      <c r="CU340" s="336"/>
      <c r="CV340" s="336"/>
      <c r="CW340" s="336"/>
      <c r="CX340" s="336"/>
      <c r="CY340" s="336"/>
      <c r="CZ340" s="336"/>
      <c r="DA340" s="336"/>
      <c r="DB340" s="336"/>
      <c r="DC340" s="336"/>
      <c r="DD340" s="84" t="s">
        <v>660</v>
      </c>
      <c r="DE340" s="84"/>
      <c r="DF340" s="399" t="s">
        <v>661</v>
      </c>
    </row>
    <row r="341" spans="3:110" s="120" customFormat="1" ht="56.1" customHeight="1" x14ac:dyDescent="0.2">
      <c r="C341" s="368">
        <v>624</v>
      </c>
      <c r="D341" s="368" t="s">
        <v>2481</v>
      </c>
      <c r="E341" s="369" t="s">
        <v>53</v>
      </c>
      <c r="F341" s="369" t="s">
        <v>655</v>
      </c>
      <c r="G341" s="232" t="s">
        <v>656</v>
      </c>
      <c r="H341" s="232" t="s">
        <v>708</v>
      </c>
      <c r="I341" s="232" t="s">
        <v>709</v>
      </c>
      <c r="J341" s="232"/>
      <c r="K341" s="232" t="s">
        <v>86</v>
      </c>
      <c r="L341" s="232" t="s">
        <v>63</v>
      </c>
      <c r="M341" s="334" t="s">
        <v>81</v>
      </c>
      <c r="N341" s="232" t="s">
        <v>77</v>
      </c>
      <c r="O341" s="334" t="s">
        <v>225</v>
      </c>
      <c r="P341" s="84" t="s">
        <v>63</v>
      </c>
      <c r="Q341" s="84" t="s">
        <v>63</v>
      </c>
      <c r="R341" s="84">
        <v>224454</v>
      </c>
      <c r="S341" s="84">
        <f t="shared" si="217"/>
        <v>224454</v>
      </c>
      <c r="T341" s="84" t="s">
        <v>659</v>
      </c>
      <c r="U341" s="84" t="s">
        <v>65</v>
      </c>
      <c r="V341" s="84"/>
      <c r="W341" s="84"/>
      <c r="X341" s="84"/>
      <c r="Y341" s="84"/>
      <c r="Z341" s="84"/>
      <c r="AA341" s="84"/>
      <c r="AB341" s="84"/>
      <c r="AC341" s="84"/>
      <c r="AD341" s="84"/>
      <c r="AE341" s="84"/>
      <c r="AF341" s="84"/>
      <c r="AG341" s="84"/>
      <c r="AH341" s="84"/>
      <c r="AI341" s="84"/>
      <c r="AJ341" s="84"/>
      <c r="AK341" s="84"/>
      <c r="AL341" s="84"/>
      <c r="AM341" s="336" t="s">
        <v>66</v>
      </c>
      <c r="AN341" s="336" t="s">
        <v>66</v>
      </c>
      <c r="AO341" s="336" t="s">
        <v>66</v>
      </c>
      <c r="AP341" s="336" t="s">
        <v>66</v>
      </c>
      <c r="AQ341" s="84"/>
      <c r="AR341" s="84"/>
      <c r="AS341" s="84"/>
      <c r="AT341" s="84"/>
      <c r="AU341" s="84"/>
      <c r="AV341" s="84"/>
      <c r="AW341" s="84"/>
      <c r="AX341" s="84"/>
      <c r="AY341" s="84"/>
      <c r="AZ341" s="84"/>
      <c r="BA341" s="238">
        <f>SUMIF(V341:AZ341,"YES",'DRAFT - HGC Schemes'!$AB$5:$BF$5)</f>
        <v>0</v>
      </c>
      <c r="BB341" s="84" t="e">
        <f t="shared" si="218"/>
        <v>#DIV/0!</v>
      </c>
      <c r="BC341" s="336" t="str">
        <f>IF(V341="yes",('DRAFT - HGC Schemes'!AB$5*$BB341),"")</f>
        <v/>
      </c>
      <c r="BD341" s="336" t="str">
        <f>IF(W341="yes",('DRAFT - HGC Schemes'!AC$5*$BB341),"")</f>
        <v/>
      </c>
      <c r="BE341" s="336" t="str">
        <f>IF(X341="yes",('DRAFT - HGC Schemes'!AD$5*$BB341),"")</f>
        <v/>
      </c>
      <c r="BF341" s="336" t="str">
        <f>IF(Y341="yes",('DRAFT - HGC Schemes'!AE$5*$BB341),"")</f>
        <v/>
      </c>
      <c r="BG341" s="336" t="str">
        <f>IF(Z341="yes",('DRAFT - HGC Schemes'!AF$5*$BB341),"")</f>
        <v/>
      </c>
      <c r="BH341" s="336" t="str">
        <f>IF(AA341="yes",('DRAFT - HGC Schemes'!AG$5*$BB341),"")</f>
        <v/>
      </c>
      <c r="BI341" s="336" t="str">
        <f>IF(AB341="yes",('DRAFT - HGC Schemes'!AH$5*$BB341),"")</f>
        <v/>
      </c>
      <c r="BJ341" s="336" t="str">
        <f>IF(AC341="yes",('DRAFT - HGC Schemes'!AI$5*$BB341),"")</f>
        <v/>
      </c>
      <c r="BK341" s="336" t="str">
        <f>IF(AD341="yes",('DRAFT - HGC Schemes'!AJ$5*$BB341),"")</f>
        <v/>
      </c>
      <c r="BL341" s="336" t="str">
        <f>IF(AE341="yes",('DRAFT - HGC Schemes'!AK$5*$BB341),"")</f>
        <v/>
      </c>
      <c r="BM341" s="336" t="str">
        <f>IF(AF341="yes",('DRAFT - HGC Schemes'!AL$5*$BB341),"")</f>
        <v/>
      </c>
      <c r="BN341" s="336" t="str">
        <f>IF(AG341="yes",('DRAFT - HGC Schemes'!AM$5*$BB341),"")</f>
        <v/>
      </c>
      <c r="BO341" s="336" t="str">
        <f>IF(AH341="yes",('DRAFT - HGC Schemes'!AN$5*$BB341),"")</f>
        <v/>
      </c>
      <c r="BP341" s="336" t="str">
        <f>IF(AI341="yes",('DRAFT - HGC Schemes'!AO$5*$BB341),"")</f>
        <v/>
      </c>
      <c r="BQ341" s="336" t="str">
        <f>IF(AJ341="yes",('DRAFT - HGC Schemes'!AP$5*$BB341),"")</f>
        <v/>
      </c>
      <c r="BR341" s="336" t="str">
        <f>IF(AK341="yes",('DRAFT - HGC Schemes'!AQ$5*$BB341),"")</f>
        <v/>
      </c>
      <c r="BS341" s="336" t="str">
        <f>IF(AL341="yes",('DRAFT - HGC Schemes'!AR$5*$BB341),"")</f>
        <v/>
      </c>
      <c r="BT341" s="336" t="e">
        <f>IF(AM341="yes",('DRAFT - HGC Schemes'!AS$5*$BB341),"")</f>
        <v>#DIV/0!</v>
      </c>
      <c r="BU341" s="336" t="e">
        <f>IF(AN341="yes",('DRAFT - HGC Schemes'!AT$5*$BB341),"")</f>
        <v>#DIV/0!</v>
      </c>
      <c r="BV341" s="336" t="e">
        <f>IF(AO341="yes",('DRAFT - HGC Schemes'!AU$5*$BB341),"")</f>
        <v>#DIV/0!</v>
      </c>
      <c r="BW341" s="336" t="e">
        <f>IF(AP341="yes",('DRAFT - HGC Schemes'!AV$5*$BB341),"")</f>
        <v>#DIV/0!</v>
      </c>
      <c r="BX341" s="336" t="str">
        <f>IF(AQ341="yes",('DRAFT - HGC Schemes'!AW$5*$BB341),"")</f>
        <v/>
      </c>
      <c r="BY341" s="336" t="str">
        <f>IF(AR341="yes",('DRAFT - HGC Schemes'!AX$5*$BB341),"")</f>
        <v/>
      </c>
      <c r="BZ341" s="336" t="str">
        <f>IF(AS341="yes",('DRAFT - HGC Schemes'!AY$5*$BB341),"")</f>
        <v/>
      </c>
      <c r="CA341" s="336" t="str">
        <f>IF(AT341="yes",('DRAFT - HGC Schemes'!AZ$5*$BB341),"")</f>
        <v/>
      </c>
      <c r="CB341" s="336" t="str">
        <f>IF(AU341="yes",('DRAFT - HGC Schemes'!BA$5*$BB341),"")</f>
        <v/>
      </c>
      <c r="CC341" s="336" t="str">
        <f>IF(AV341="yes",('DRAFT - HGC Schemes'!BB$5*$BB341),"")</f>
        <v/>
      </c>
      <c r="CD341" s="336" t="str">
        <f>IF(AW341="yes",('DRAFT - HGC Schemes'!BC$5*$BB341),"")</f>
        <v/>
      </c>
      <c r="CE341" s="336" t="str">
        <f>IF(AX341="yes",('DRAFT - HGC Schemes'!BD$5*$BB341),"")</f>
        <v/>
      </c>
      <c r="CF341" s="336" t="str">
        <f>IF(AY341="yes",('DRAFT - HGC Schemes'!BE$5*$BB341),"")</f>
        <v/>
      </c>
      <c r="CG341" s="336" t="str">
        <f>IF(AZ341="yes",('DRAFT - HGC Schemes'!BF$5*$BB341),"")</f>
        <v/>
      </c>
      <c r="CH341" s="336"/>
      <c r="CI341" s="336"/>
      <c r="CJ341" s="336"/>
      <c r="CK341" s="336"/>
      <c r="CL341" s="336"/>
      <c r="CM341" s="336"/>
      <c r="CN341" s="336"/>
      <c r="CO341" s="336"/>
      <c r="CP341" s="336"/>
      <c r="CQ341" s="336"/>
      <c r="CR341" s="336"/>
      <c r="CS341" s="336"/>
      <c r="CT341" s="336"/>
      <c r="CU341" s="336"/>
      <c r="CV341" s="336"/>
      <c r="CW341" s="336"/>
      <c r="CX341" s="336"/>
      <c r="CY341" s="336"/>
      <c r="CZ341" s="336"/>
      <c r="DA341" s="336"/>
      <c r="DB341" s="336"/>
      <c r="DC341" s="336"/>
      <c r="DD341" s="84" t="s">
        <v>660</v>
      </c>
      <c r="DE341" s="84"/>
      <c r="DF341" s="399" t="s">
        <v>661</v>
      </c>
    </row>
    <row r="342" spans="3:110" s="120" customFormat="1" ht="56.1" customHeight="1" x14ac:dyDescent="0.2">
      <c r="C342" s="368">
        <v>625</v>
      </c>
      <c r="D342" s="368" t="s">
        <v>2481</v>
      </c>
      <c r="E342" s="369" t="s">
        <v>53</v>
      </c>
      <c r="F342" s="369" t="s">
        <v>655</v>
      </c>
      <c r="G342" s="232" t="s">
        <v>656</v>
      </c>
      <c r="H342" s="232" t="s">
        <v>710</v>
      </c>
      <c r="I342" s="232" t="s">
        <v>711</v>
      </c>
      <c r="J342" s="232"/>
      <c r="K342" s="232" t="s">
        <v>86</v>
      </c>
      <c r="L342" s="232" t="s">
        <v>63</v>
      </c>
      <c r="M342" s="334" t="s">
        <v>81</v>
      </c>
      <c r="N342" s="232" t="s">
        <v>77</v>
      </c>
      <c r="O342" s="334" t="s">
        <v>225</v>
      </c>
      <c r="P342" s="84" t="s">
        <v>63</v>
      </c>
      <c r="Q342" s="84" t="s">
        <v>63</v>
      </c>
      <c r="R342" s="84">
        <v>175550</v>
      </c>
      <c r="S342" s="84">
        <f t="shared" si="217"/>
        <v>175550</v>
      </c>
      <c r="T342" s="84" t="s">
        <v>659</v>
      </c>
      <c r="U342" s="84" t="s">
        <v>65</v>
      </c>
      <c r="V342" s="84"/>
      <c r="W342" s="84"/>
      <c r="X342" s="84"/>
      <c r="Y342" s="84"/>
      <c r="Z342" s="84"/>
      <c r="AA342" s="84"/>
      <c r="AB342" s="84"/>
      <c r="AC342" s="84"/>
      <c r="AD342" s="84"/>
      <c r="AE342" s="84"/>
      <c r="AF342" s="84"/>
      <c r="AG342" s="84"/>
      <c r="AH342" s="84"/>
      <c r="AI342" s="84"/>
      <c r="AJ342" s="84"/>
      <c r="AK342" s="84"/>
      <c r="AL342" s="84"/>
      <c r="AM342" s="336" t="s">
        <v>66</v>
      </c>
      <c r="AN342" s="336" t="s">
        <v>66</v>
      </c>
      <c r="AO342" s="336" t="s">
        <v>66</v>
      </c>
      <c r="AP342" s="336" t="s">
        <v>66</v>
      </c>
      <c r="AQ342" s="84"/>
      <c r="AR342" s="84"/>
      <c r="AS342" s="84"/>
      <c r="AT342" s="84"/>
      <c r="AU342" s="84"/>
      <c r="AV342" s="84"/>
      <c r="AW342" s="84"/>
      <c r="AX342" s="84"/>
      <c r="AY342" s="84"/>
      <c r="AZ342" s="84"/>
      <c r="BA342" s="238">
        <f>SUMIF(V342:AZ342,"YES",'DRAFT - HGC Schemes'!$AB$5:$BF$5)</f>
        <v>0</v>
      </c>
      <c r="BB342" s="84" t="e">
        <f t="shared" si="218"/>
        <v>#DIV/0!</v>
      </c>
      <c r="BC342" s="336" t="str">
        <f>IF(V342="yes",('DRAFT - HGC Schemes'!AB$5*$BB342),"")</f>
        <v/>
      </c>
      <c r="BD342" s="336" t="str">
        <f>IF(W342="yes",('DRAFT - HGC Schemes'!AC$5*$BB342),"")</f>
        <v/>
      </c>
      <c r="BE342" s="336" t="str">
        <f>IF(X342="yes",('DRAFT - HGC Schemes'!AD$5*$BB342),"")</f>
        <v/>
      </c>
      <c r="BF342" s="336" t="str">
        <f>IF(Y342="yes",('DRAFT - HGC Schemes'!AE$5*$BB342),"")</f>
        <v/>
      </c>
      <c r="BG342" s="336" t="str">
        <f>IF(Z342="yes",('DRAFT - HGC Schemes'!AF$5*$BB342),"")</f>
        <v/>
      </c>
      <c r="BH342" s="336" t="str">
        <f>IF(AA342="yes",('DRAFT - HGC Schemes'!AG$5*$BB342),"")</f>
        <v/>
      </c>
      <c r="BI342" s="336" t="str">
        <f>IF(AB342="yes",('DRAFT - HGC Schemes'!AH$5*$BB342),"")</f>
        <v/>
      </c>
      <c r="BJ342" s="336" t="str">
        <f>IF(AC342="yes",('DRAFT - HGC Schemes'!AI$5*$BB342),"")</f>
        <v/>
      </c>
      <c r="BK342" s="336" t="str">
        <f>IF(AD342="yes",('DRAFT - HGC Schemes'!AJ$5*$BB342),"")</f>
        <v/>
      </c>
      <c r="BL342" s="336" t="str">
        <f>IF(AE342="yes",('DRAFT - HGC Schemes'!AK$5*$BB342),"")</f>
        <v/>
      </c>
      <c r="BM342" s="336" t="str">
        <f>IF(AF342="yes",('DRAFT - HGC Schemes'!AL$5*$BB342),"")</f>
        <v/>
      </c>
      <c r="BN342" s="336" t="str">
        <f>IF(AG342="yes",('DRAFT - HGC Schemes'!AM$5*$BB342),"")</f>
        <v/>
      </c>
      <c r="BO342" s="336" t="str">
        <f>IF(AH342="yes",('DRAFT - HGC Schemes'!AN$5*$BB342),"")</f>
        <v/>
      </c>
      <c r="BP342" s="336" t="str">
        <f>IF(AI342="yes",('DRAFT - HGC Schemes'!AO$5*$BB342),"")</f>
        <v/>
      </c>
      <c r="BQ342" s="336" t="str">
        <f>IF(AJ342="yes",('DRAFT - HGC Schemes'!AP$5*$BB342),"")</f>
        <v/>
      </c>
      <c r="BR342" s="336" t="str">
        <f>IF(AK342="yes",('DRAFT - HGC Schemes'!AQ$5*$BB342),"")</f>
        <v/>
      </c>
      <c r="BS342" s="336" t="str">
        <f>IF(AL342="yes",('DRAFT - HGC Schemes'!AR$5*$BB342),"")</f>
        <v/>
      </c>
      <c r="BT342" s="336" t="e">
        <f>IF(AM342="yes",('DRAFT - HGC Schemes'!AS$5*$BB342),"")</f>
        <v>#DIV/0!</v>
      </c>
      <c r="BU342" s="336" t="e">
        <f>IF(AN342="yes",('DRAFT - HGC Schemes'!AT$5*$BB342),"")</f>
        <v>#DIV/0!</v>
      </c>
      <c r="BV342" s="336" t="e">
        <f>IF(AO342="yes",('DRAFT - HGC Schemes'!AU$5*$BB342),"")</f>
        <v>#DIV/0!</v>
      </c>
      <c r="BW342" s="336" t="e">
        <f>IF(AP342="yes",('DRAFT - HGC Schemes'!AV$5*$BB342),"")</f>
        <v>#DIV/0!</v>
      </c>
      <c r="BX342" s="336" t="str">
        <f>IF(AQ342="yes",('DRAFT - HGC Schemes'!AW$5*$BB342),"")</f>
        <v/>
      </c>
      <c r="BY342" s="336" t="str">
        <f>IF(AR342="yes",('DRAFT - HGC Schemes'!AX$5*$BB342),"")</f>
        <v/>
      </c>
      <c r="BZ342" s="336" t="str">
        <f>IF(AS342="yes",('DRAFT - HGC Schemes'!AY$5*$BB342),"")</f>
        <v/>
      </c>
      <c r="CA342" s="336" t="str">
        <f>IF(AT342="yes",('DRAFT - HGC Schemes'!AZ$5*$BB342),"")</f>
        <v/>
      </c>
      <c r="CB342" s="336" t="str">
        <f>IF(AU342="yes",('DRAFT - HGC Schemes'!BA$5*$BB342),"")</f>
        <v/>
      </c>
      <c r="CC342" s="336" t="str">
        <f>IF(AV342="yes",('DRAFT - HGC Schemes'!BB$5*$BB342),"")</f>
        <v/>
      </c>
      <c r="CD342" s="336" t="str">
        <f>IF(AW342="yes",('DRAFT - HGC Schemes'!BC$5*$BB342),"")</f>
        <v/>
      </c>
      <c r="CE342" s="336" t="str">
        <f>IF(AX342="yes",('DRAFT - HGC Schemes'!BD$5*$BB342),"")</f>
        <v/>
      </c>
      <c r="CF342" s="336" t="str">
        <f>IF(AY342="yes",('DRAFT - HGC Schemes'!BE$5*$BB342),"")</f>
        <v/>
      </c>
      <c r="CG342" s="336" t="str">
        <f>IF(AZ342="yes",('DRAFT - HGC Schemes'!BF$5*$BB342),"")</f>
        <v/>
      </c>
      <c r="CH342" s="336"/>
      <c r="CI342" s="336"/>
      <c r="CJ342" s="336"/>
      <c r="CK342" s="336"/>
      <c r="CL342" s="336"/>
      <c r="CM342" s="336"/>
      <c r="CN342" s="336"/>
      <c r="CO342" s="336"/>
      <c r="CP342" s="336"/>
      <c r="CQ342" s="336"/>
      <c r="CR342" s="336"/>
      <c r="CS342" s="336"/>
      <c r="CT342" s="336"/>
      <c r="CU342" s="336"/>
      <c r="CV342" s="336"/>
      <c r="CW342" s="336"/>
      <c r="CX342" s="336"/>
      <c r="CY342" s="336"/>
      <c r="CZ342" s="336"/>
      <c r="DA342" s="336"/>
      <c r="DB342" s="336"/>
      <c r="DC342" s="336"/>
      <c r="DD342" s="84" t="s">
        <v>660</v>
      </c>
      <c r="DE342" s="84"/>
      <c r="DF342" s="399" t="s">
        <v>661</v>
      </c>
    </row>
    <row r="343" spans="3:110" s="120" customFormat="1" ht="56.1" customHeight="1" x14ac:dyDescent="0.2">
      <c r="C343" s="368">
        <v>626</v>
      </c>
      <c r="D343" s="368" t="s">
        <v>2481</v>
      </c>
      <c r="E343" s="369" t="s">
        <v>53</v>
      </c>
      <c r="F343" s="369" t="s">
        <v>655</v>
      </c>
      <c r="G343" s="232" t="s">
        <v>656</v>
      </c>
      <c r="H343" s="232" t="s">
        <v>712</v>
      </c>
      <c r="I343" s="232" t="s">
        <v>713</v>
      </c>
      <c r="J343" s="232"/>
      <c r="K343" s="232" t="s">
        <v>86</v>
      </c>
      <c r="L343" s="232" t="s">
        <v>63</v>
      </c>
      <c r="M343" s="334" t="s">
        <v>81</v>
      </c>
      <c r="N343" s="232" t="s">
        <v>77</v>
      </c>
      <c r="O343" s="334" t="s">
        <v>225</v>
      </c>
      <c r="P343" s="84" t="s">
        <v>63</v>
      </c>
      <c r="Q343" s="84" t="s">
        <v>63</v>
      </c>
      <c r="R343" s="84">
        <v>75236</v>
      </c>
      <c r="S343" s="84">
        <f t="shared" si="217"/>
        <v>75236</v>
      </c>
      <c r="T343" s="84" t="s">
        <v>659</v>
      </c>
      <c r="U343" s="84" t="s">
        <v>65</v>
      </c>
      <c r="V343" s="84"/>
      <c r="W343" s="84"/>
      <c r="X343" s="84"/>
      <c r="Y343" s="84"/>
      <c r="Z343" s="84"/>
      <c r="AA343" s="84"/>
      <c r="AB343" s="84"/>
      <c r="AC343" s="84"/>
      <c r="AD343" s="84"/>
      <c r="AE343" s="84"/>
      <c r="AF343" s="84"/>
      <c r="AG343" s="84"/>
      <c r="AH343" s="84"/>
      <c r="AI343" s="84"/>
      <c r="AJ343" s="84"/>
      <c r="AK343" s="84"/>
      <c r="AL343" s="84"/>
      <c r="AM343" s="336" t="s">
        <v>66</v>
      </c>
      <c r="AN343" s="336" t="s">
        <v>66</v>
      </c>
      <c r="AO343" s="336" t="s">
        <v>66</v>
      </c>
      <c r="AP343" s="336" t="s">
        <v>66</v>
      </c>
      <c r="AQ343" s="84"/>
      <c r="AR343" s="84"/>
      <c r="AS343" s="84"/>
      <c r="AT343" s="84"/>
      <c r="AU343" s="84"/>
      <c r="AV343" s="84"/>
      <c r="AW343" s="84"/>
      <c r="AX343" s="84"/>
      <c r="AY343" s="84"/>
      <c r="AZ343" s="84"/>
      <c r="BA343" s="238">
        <f>SUMIF(V343:AZ343,"YES",'DRAFT - HGC Schemes'!$AB$5:$BF$5)</f>
        <v>0</v>
      </c>
      <c r="BB343" s="84" t="e">
        <f t="shared" si="218"/>
        <v>#DIV/0!</v>
      </c>
      <c r="BC343" s="336" t="str">
        <f>IF(V343="yes",('DRAFT - HGC Schemes'!AB$5*$BB343),"")</f>
        <v/>
      </c>
      <c r="BD343" s="336" t="str">
        <f>IF(W343="yes",('DRAFT - HGC Schemes'!AC$5*$BB343),"")</f>
        <v/>
      </c>
      <c r="BE343" s="336" t="str">
        <f>IF(X343="yes",('DRAFT - HGC Schemes'!AD$5*$BB343),"")</f>
        <v/>
      </c>
      <c r="BF343" s="336" t="str">
        <f>IF(Y343="yes",('DRAFT - HGC Schemes'!AE$5*$BB343),"")</f>
        <v/>
      </c>
      <c r="BG343" s="336" t="str">
        <f>IF(Z343="yes",('DRAFT - HGC Schemes'!AF$5*$BB343),"")</f>
        <v/>
      </c>
      <c r="BH343" s="336" t="str">
        <f>IF(AA343="yes",('DRAFT - HGC Schemes'!AG$5*$BB343),"")</f>
        <v/>
      </c>
      <c r="BI343" s="336" t="str">
        <f>IF(AB343="yes",('DRAFT - HGC Schemes'!AH$5*$BB343),"")</f>
        <v/>
      </c>
      <c r="BJ343" s="336" t="str">
        <f>IF(AC343="yes",('DRAFT - HGC Schemes'!AI$5*$BB343),"")</f>
        <v/>
      </c>
      <c r="BK343" s="336" t="str">
        <f>IF(AD343="yes",('DRAFT - HGC Schemes'!AJ$5*$BB343),"")</f>
        <v/>
      </c>
      <c r="BL343" s="336" t="str">
        <f>IF(AE343="yes",('DRAFT - HGC Schemes'!AK$5*$BB343),"")</f>
        <v/>
      </c>
      <c r="BM343" s="336" t="str">
        <f>IF(AF343="yes",('DRAFT - HGC Schemes'!AL$5*$BB343),"")</f>
        <v/>
      </c>
      <c r="BN343" s="336" t="str">
        <f>IF(AG343="yes",('DRAFT - HGC Schemes'!AM$5*$BB343),"")</f>
        <v/>
      </c>
      <c r="BO343" s="336" t="str">
        <f>IF(AH343="yes",('DRAFT - HGC Schemes'!AN$5*$BB343),"")</f>
        <v/>
      </c>
      <c r="BP343" s="336" t="str">
        <f>IF(AI343="yes",('DRAFT - HGC Schemes'!AO$5*$BB343),"")</f>
        <v/>
      </c>
      <c r="BQ343" s="336" t="str">
        <f>IF(AJ343="yes",('DRAFT - HGC Schemes'!AP$5*$BB343),"")</f>
        <v/>
      </c>
      <c r="BR343" s="336" t="str">
        <f>IF(AK343="yes",('DRAFT - HGC Schemes'!AQ$5*$BB343),"")</f>
        <v/>
      </c>
      <c r="BS343" s="336" t="str">
        <f>IF(AL343="yes",('DRAFT - HGC Schemes'!AR$5*$BB343),"")</f>
        <v/>
      </c>
      <c r="BT343" s="336" t="e">
        <f>IF(AM343="yes",('DRAFT - HGC Schemes'!AS$5*$BB343),"")</f>
        <v>#DIV/0!</v>
      </c>
      <c r="BU343" s="336" t="e">
        <f>IF(AN343="yes",('DRAFT - HGC Schemes'!AT$5*$BB343),"")</f>
        <v>#DIV/0!</v>
      </c>
      <c r="BV343" s="336" t="e">
        <f>IF(AO343="yes",('DRAFT - HGC Schemes'!AU$5*$BB343),"")</f>
        <v>#DIV/0!</v>
      </c>
      <c r="BW343" s="336" t="e">
        <f>IF(AP343="yes",('DRAFT - HGC Schemes'!AV$5*$BB343),"")</f>
        <v>#DIV/0!</v>
      </c>
      <c r="BX343" s="336" t="str">
        <f>IF(AQ343="yes",('DRAFT - HGC Schemes'!AW$5*$BB343),"")</f>
        <v/>
      </c>
      <c r="BY343" s="336" t="str">
        <f>IF(AR343="yes",('DRAFT - HGC Schemes'!AX$5*$BB343),"")</f>
        <v/>
      </c>
      <c r="BZ343" s="336" t="str">
        <f>IF(AS343="yes",('DRAFT - HGC Schemes'!AY$5*$BB343),"")</f>
        <v/>
      </c>
      <c r="CA343" s="336" t="str">
        <f>IF(AT343="yes",('DRAFT - HGC Schemes'!AZ$5*$BB343),"")</f>
        <v/>
      </c>
      <c r="CB343" s="336" t="str">
        <f>IF(AU343="yes",('DRAFT - HGC Schemes'!BA$5*$BB343),"")</f>
        <v/>
      </c>
      <c r="CC343" s="336" t="str">
        <f>IF(AV343="yes",('DRAFT - HGC Schemes'!BB$5*$BB343),"")</f>
        <v/>
      </c>
      <c r="CD343" s="336" t="str">
        <f>IF(AW343="yes",('DRAFT - HGC Schemes'!BC$5*$BB343),"")</f>
        <v/>
      </c>
      <c r="CE343" s="336" t="str">
        <f>IF(AX343="yes",('DRAFT - HGC Schemes'!BD$5*$BB343),"")</f>
        <v/>
      </c>
      <c r="CF343" s="336" t="str">
        <f>IF(AY343="yes",('DRAFT - HGC Schemes'!BE$5*$BB343),"")</f>
        <v/>
      </c>
      <c r="CG343" s="336" t="str">
        <f>IF(AZ343="yes",('DRAFT - HGC Schemes'!BF$5*$BB343),"")</f>
        <v/>
      </c>
      <c r="CH343" s="336"/>
      <c r="CI343" s="336"/>
      <c r="CJ343" s="336"/>
      <c r="CK343" s="336"/>
      <c r="CL343" s="336"/>
      <c r="CM343" s="336"/>
      <c r="CN343" s="336"/>
      <c r="CO343" s="336"/>
      <c r="CP343" s="336"/>
      <c r="CQ343" s="336"/>
      <c r="CR343" s="336"/>
      <c r="CS343" s="336"/>
      <c r="CT343" s="336"/>
      <c r="CU343" s="336"/>
      <c r="CV343" s="336"/>
      <c r="CW343" s="336"/>
      <c r="CX343" s="336"/>
      <c r="CY343" s="336"/>
      <c r="CZ343" s="336"/>
      <c r="DA343" s="336"/>
      <c r="DB343" s="336"/>
      <c r="DC343" s="336"/>
      <c r="DD343" s="84" t="s">
        <v>660</v>
      </c>
      <c r="DE343" s="84"/>
      <c r="DF343" s="399" t="s">
        <v>661</v>
      </c>
    </row>
    <row r="344" spans="3:110" s="120" customFormat="1" ht="56.1" customHeight="1" x14ac:dyDescent="0.2">
      <c r="C344" s="368">
        <v>629</v>
      </c>
      <c r="D344" s="368" t="s">
        <v>2481</v>
      </c>
      <c r="E344" s="369" t="s">
        <v>53</v>
      </c>
      <c r="F344" s="369" t="s">
        <v>655</v>
      </c>
      <c r="G344" s="232" t="s">
        <v>656</v>
      </c>
      <c r="H344" s="232" t="s">
        <v>719</v>
      </c>
      <c r="I344" s="232" t="s">
        <v>720</v>
      </c>
      <c r="J344" s="232"/>
      <c r="K344" s="232" t="s">
        <v>86</v>
      </c>
      <c r="L344" s="232" t="s">
        <v>721</v>
      </c>
      <c r="M344" s="232" t="s">
        <v>60</v>
      </c>
      <c r="N344" s="232" t="s">
        <v>77</v>
      </c>
      <c r="O344" s="232" t="s">
        <v>722</v>
      </c>
      <c r="P344" s="84" t="s">
        <v>63</v>
      </c>
      <c r="Q344" s="84" t="s">
        <v>63</v>
      </c>
      <c r="R344" s="84">
        <v>37618</v>
      </c>
      <c r="S344" s="84">
        <f t="shared" si="217"/>
        <v>37618</v>
      </c>
      <c r="T344" s="84" t="s">
        <v>723</v>
      </c>
      <c r="U344" s="84" t="s">
        <v>65</v>
      </c>
      <c r="V344" s="84"/>
      <c r="W344" s="84"/>
      <c r="X344" s="84"/>
      <c r="Y344" s="84"/>
      <c r="Z344" s="84"/>
      <c r="AA344" s="84"/>
      <c r="AB344" s="84"/>
      <c r="AC344" s="84"/>
      <c r="AD344" s="84"/>
      <c r="AE344" s="84"/>
      <c r="AF344" s="84"/>
      <c r="AG344" s="84"/>
      <c r="AH344" s="84"/>
      <c r="AI344" s="84"/>
      <c r="AJ344" s="84"/>
      <c r="AK344" s="84"/>
      <c r="AL344" s="84"/>
      <c r="AM344" s="336" t="s">
        <v>66</v>
      </c>
      <c r="AN344" s="336" t="s">
        <v>66</v>
      </c>
      <c r="AO344" s="336" t="s">
        <v>66</v>
      </c>
      <c r="AP344" s="84"/>
      <c r="AQ344" s="84"/>
      <c r="AR344" s="84"/>
      <c r="AS344" s="84"/>
      <c r="AT344" s="84"/>
      <c r="AU344" s="84"/>
      <c r="AV344" s="84"/>
      <c r="AW344" s="84"/>
      <c r="AX344" s="84"/>
      <c r="AY344" s="84"/>
      <c r="AZ344" s="84"/>
      <c r="BA344" s="238">
        <f>SUMIF(V344:AZ344,"YES",'DRAFT - HGC Schemes'!$AB$5:$BF$5)</f>
        <v>0</v>
      </c>
      <c r="BB344" s="84" t="e">
        <f t="shared" si="218"/>
        <v>#DIV/0!</v>
      </c>
      <c r="BC344" s="336" t="str">
        <f>IF(V344="yes",('DRAFT - HGC Schemes'!AB$5*$BB344),"")</f>
        <v/>
      </c>
      <c r="BD344" s="336" t="str">
        <f>IF(W344="yes",('DRAFT - HGC Schemes'!AC$5*$BB344),"")</f>
        <v/>
      </c>
      <c r="BE344" s="336" t="str">
        <f>IF(X344="yes",('DRAFT - HGC Schemes'!AD$5*$BB344),"")</f>
        <v/>
      </c>
      <c r="BF344" s="336" t="str">
        <f>IF(Y344="yes",('DRAFT - HGC Schemes'!AE$5*$BB344),"")</f>
        <v/>
      </c>
      <c r="BG344" s="336" t="str">
        <f>IF(Z344="yes",('DRAFT - HGC Schemes'!AF$5*$BB344),"")</f>
        <v/>
      </c>
      <c r="BH344" s="336" t="str">
        <f>IF(AA344="yes",('DRAFT - HGC Schemes'!AG$5*$BB344),"")</f>
        <v/>
      </c>
      <c r="BI344" s="336" t="str">
        <f>IF(AB344="yes",('DRAFT - HGC Schemes'!AH$5*$BB344),"")</f>
        <v/>
      </c>
      <c r="BJ344" s="336" t="str">
        <f>IF(AC344="yes",('DRAFT - HGC Schemes'!AI$5*$BB344),"")</f>
        <v/>
      </c>
      <c r="BK344" s="336" t="str">
        <f>IF(AD344="yes",('DRAFT - HGC Schemes'!AJ$5*$BB344),"")</f>
        <v/>
      </c>
      <c r="BL344" s="336" t="str">
        <f>IF(AE344="yes",('DRAFT - HGC Schemes'!AK$5*$BB344),"")</f>
        <v/>
      </c>
      <c r="BM344" s="336" t="str">
        <f>IF(AF344="yes",('DRAFT - HGC Schemes'!AL$5*$BB344),"")</f>
        <v/>
      </c>
      <c r="BN344" s="336" t="str">
        <f>IF(AG344="yes",('DRAFT - HGC Schemes'!AM$5*$BB344),"")</f>
        <v/>
      </c>
      <c r="BO344" s="336" t="str">
        <f>IF(AH344="yes",('DRAFT - HGC Schemes'!AN$5*$BB344),"")</f>
        <v/>
      </c>
      <c r="BP344" s="336" t="str">
        <f>IF(AI344="yes",('DRAFT - HGC Schemes'!AO$5*$BB344),"")</f>
        <v/>
      </c>
      <c r="BQ344" s="336" t="str">
        <f>IF(AJ344="yes",('DRAFT - HGC Schemes'!AP$5*$BB344),"")</f>
        <v/>
      </c>
      <c r="BR344" s="336" t="str">
        <f>IF(AK344="yes",('DRAFT - HGC Schemes'!AQ$5*$BB344),"")</f>
        <v/>
      </c>
      <c r="BS344" s="336" t="str">
        <f>IF(AL344="yes",('DRAFT - HGC Schemes'!AR$5*$BB344),"")</f>
        <v/>
      </c>
      <c r="BT344" s="336" t="e">
        <f>IF(AM344="yes",('DRAFT - HGC Schemes'!AS$5*$BB344),"")</f>
        <v>#DIV/0!</v>
      </c>
      <c r="BU344" s="336" t="e">
        <f>IF(AN344="yes",('DRAFT - HGC Schemes'!AT$5*$BB344),"")</f>
        <v>#DIV/0!</v>
      </c>
      <c r="BV344" s="336" t="e">
        <f>IF(AO344="yes",('DRAFT - HGC Schemes'!AU$5*$BB344),"")</f>
        <v>#DIV/0!</v>
      </c>
      <c r="BW344" s="336" t="str">
        <f>IF(AP344="yes",('DRAFT - HGC Schemes'!AV$5*$BB344),"")</f>
        <v/>
      </c>
      <c r="BX344" s="336" t="str">
        <f>IF(AQ344="yes",('DRAFT - HGC Schemes'!AW$5*$BB344),"")</f>
        <v/>
      </c>
      <c r="BY344" s="336" t="str">
        <f>IF(AR344="yes",('DRAFT - HGC Schemes'!AX$5*$BB344),"")</f>
        <v/>
      </c>
      <c r="BZ344" s="336" t="str">
        <f>IF(AS344="yes",('DRAFT - HGC Schemes'!AY$5*$BB344),"")</f>
        <v/>
      </c>
      <c r="CA344" s="336" t="str">
        <f>IF(AT344="yes",('DRAFT - HGC Schemes'!AZ$5*$BB344),"")</f>
        <v/>
      </c>
      <c r="CB344" s="336" t="str">
        <f>IF(AU344="yes",('DRAFT - HGC Schemes'!BA$5*$BB344),"")</f>
        <v/>
      </c>
      <c r="CC344" s="336" t="str">
        <f>IF(AV344="yes",('DRAFT - HGC Schemes'!BB$5*$BB344),"")</f>
        <v/>
      </c>
      <c r="CD344" s="336" t="str">
        <f>IF(AW344="yes",('DRAFT - HGC Schemes'!BC$5*$BB344),"")</f>
        <v/>
      </c>
      <c r="CE344" s="336" t="str">
        <f>IF(AX344="yes",('DRAFT - HGC Schemes'!BD$5*$BB344),"")</f>
        <v/>
      </c>
      <c r="CF344" s="336" t="str">
        <f>IF(AY344="yes",('DRAFT - HGC Schemes'!BE$5*$BB344),"")</f>
        <v/>
      </c>
      <c r="CG344" s="336" t="str">
        <f>IF(AZ344="yes",('DRAFT - HGC Schemes'!BF$5*$BB344),"")</f>
        <v/>
      </c>
      <c r="CH344" s="336"/>
      <c r="CI344" s="336"/>
      <c r="CJ344" s="336"/>
      <c r="CK344" s="336"/>
      <c r="CL344" s="336"/>
      <c r="CM344" s="336"/>
      <c r="CN344" s="336"/>
      <c r="CO344" s="336"/>
      <c r="CP344" s="336"/>
      <c r="CQ344" s="336"/>
      <c r="CR344" s="336"/>
      <c r="CS344" s="336"/>
      <c r="CT344" s="336"/>
      <c r="CU344" s="336"/>
      <c r="CV344" s="336"/>
      <c r="CW344" s="336"/>
      <c r="CX344" s="336"/>
      <c r="CY344" s="336"/>
      <c r="CZ344" s="336"/>
      <c r="DA344" s="336"/>
      <c r="DB344" s="336"/>
      <c r="DC344" s="336"/>
      <c r="DD344" s="84" t="s">
        <v>660</v>
      </c>
      <c r="DE344" s="84"/>
      <c r="DF344" s="399" t="s">
        <v>661</v>
      </c>
    </row>
    <row r="345" spans="3:110" s="120" customFormat="1" ht="56.1" customHeight="1" x14ac:dyDescent="0.2">
      <c r="C345" s="368">
        <v>630</v>
      </c>
      <c r="D345" s="368" t="s">
        <v>2481</v>
      </c>
      <c r="E345" s="369" t="s">
        <v>53</v>
      </c>
      <c r="F345" s="369" t="s">
        <v>655</v>
      </c>
      <c r="G345" s="232" t="s">
        <v>656</v>
      </c>
      <c r="H345" s="232" t="s">
        <v>724</v>
      </c>
      <c r="I345" s="232" t="s">
        <v>725</v>
      </c>
      <c r="J345" s="232"/>
      <c r="K345" s="232" t="s">
        <v>86</v>
      </c>
      <c r="L345" s="232" t="s">
        <v>721</v>
      </c>
      <c r="M345" s="232" t="s">
        <v>60</v>
      </c>
      <c r="N345" s="232" t="s">
        <v>77</v>
      </c>
      <c r="O345" s="232" t="s">
        <v>722</v>
      </c>
      <c r="P345" s="84" t="s">
        <v>63</v>
      </c>
      <c r="Q345" s="84" t="s">
        <v>63</v>
      </c>
      <c r="R345" s="84">
        <v>56427</v>
      </c>
      <c r="S345" s="84">
        <f t="shared" si="217"/>
        <v>56427</v>
      </c>
      <c r="T345" s="84" t="s">
        <v>723</v>
      </c>
      <c r="U345" s="84" t="s">
        <v>65</v>
      </c>
      <c r="V345" s="84"/>
      <c r="W345" s="84"/>
      <c r="X345" s="84"/>
      <c r="Y345" s="84"/>
      <c r="Z345" s="84"/>
      <c r="AA345" s="84"/>
      <c r="AB345" s="84"/>
      <c r="AC345" s="84"/>
      <c r="AD345" s="84"/>
      <c r="AE345" s="84"/>
      <c r="AF345" s="84"/>
      <c r="AG345" s="84"/>
      <c r="AH345" s="84"/>
      <c r="AI345" s="84"/>
      <c r="AJ345" s="84"/>
      <c r="AK345" s="84"/>
      <c r="AL345" s="84"/>
      <c r="AM345" s="336" t="s">
        <v>66</v>
      </c>
      <c r="AN345" s="336" t="s">
        <v>66</v>
      </c>
      <c r="AO345" s="336" t="s">
        <v>66</v>
      </c>
      <c r="AP345" s="84"/>
      <c r="AQ345" s="84"/>
      <c r="AR345" s="84"/>
      <c r="AS345" s="84"/>
      <c r="AT345" s="84"/>
      <c r="AU345" s="84"/>
      <c r="AV345" s="84"/>
      <c r="AW345" s="84"/>
      <c r="AX345" s="84"/>
      <c r="AY345" s="84"/>
      <c r="AZ345" s="84"/>
      <c r="BA345" s="238">
        <f>SUMIF(V345:AZ345,"YES",'DRAFT - HGC Schemes'!$AB$5:$BF$5)</f>
        <v>0</v>
      </c>
      <c r="BB345" s="84" t="e">
        <f t="shared" si="218"/>
        <v>#DIV/0!</v>
      </c>
      <c r="BC345" s="336" t="str">
        <f>IF(V345="yes",('DRAFT - HGC Schemes'!AB$5*$BB345),"")</f>
        <v/>
      </c>
      <c r="BD345" s="336" t="str">
        <f>IF(W345="yes",('DRAFT - HGC Schemes'!AC$5*$BB345),"")</f>
        <v/>
      </c>
      <c r="BE345" s="336" t="str">
        <f>IF(X345="yes",('DRAFT - HGC Schemes'!AD$5*$BB345),"")</f>
        <v/>
      </c>
      <c r="BF345" s="336" t="str">
        <f>IF(Y345="yes",('DRAFT - HGC Schemes'!AE$5*$BB345),"")</f>
        <v/>
      </c>
      <c r="BG345" s="336" t="str">
        <f>IF(Z345="yes",('DRAFT - HGC Schemes'!AF$5*$BB345),"")</f>
        <v/>
      </c>
      <c r="BH345" s="336" t="str">
        <f>IF(AA345="yes",('DRAFT - HGC Schemes'!AG$5*$BB345),"")</f>
        <v/>
      </c>
      <c r="BI345" s="336" t="str">
        <f>IF(AB345="yes",('DRAFT - HGC Schemes'!AH$5*$BB345),"")</f>
        <v/>
      </c>
      <c r="BJ345" s="336" t="str">
        <f>IF(AC345="yes",('DRAFT - HGC Schemes'!AI$5*$BB345),"")</f>
        <v/>
      </c>
      <c r="BK345" s="336" t="str">
        <f>IF(AD345="yes",('DRAFT - HGC Schemes'!AJ$5*$BB345),"")</f>
        <v/>
      </c>
      <c r="BL345" s="336" t="str">
        <f>IF(AE345="yes",('DRAFT - HGC Schemes'!AK$5*$BB345),"")</f>
        <v/>
      </c>
      <c r="BM345" s="336" t="str">
        <f>IF(AF345="yes",('DRAFT - HGC Schemes'!AL$5*$BB345),"")</f>
        <v/>
      </c>
      <c r="BN345" s="336" t="str">
        <f>IF(AG345="yes",('DRAFT - HGC Schemes'!AM$5*$BB345),"")</f>
        <v/>
      </c>
      <c r="BO345" s="336" t="str">
        <f>IF(AH345="yes",('DRAFT - HGC Schemes'!AN$5*$BB345),"")</f>
        <v/>
      </c>
      <c r="BP345" s="336" t="str">
        <f>IF(AI345="yes",('DRAFT - HGC Schemes'!AO$5*$BB345),"")</f>
        <v/>
      </c>
      <c r="BQ345" s="336" t="str">
        <f>IF(AJ345="yes",('DRAFT - HGC Schemes'!AP$5*$BB345),"")</f>
        <v/>
      </c>
      <c r="BR345" s="336" t="str">
        <f>IF(AK345="yes",('DRAFT - HGC Schemes'!AQ$5*$BB345),"")</f>
        <v/>
      </c>
      <c r="BS345" s="336" t="str">
        <f>IF(AL345="yes",('DRAFT - HGC Schemes'!AR$5*$BB345),"")</f>
        <v/>
      </c>
      <c r="BT345" s="336" t="e">
        <f>IF(AM345="yes",('DRAFT - HGC Schemes'!AS$5*$BB345),"")</f>
        <v>#DIV/0!</v>
      </c>
      <c r="BU345" s="336" t="e">
        <f>IF(AN345="yes",('DRAFT - HGC Schemes'!AT$5*$BB345),"")</f>
        <v>#DIV/0!</v>
      </c>
      <c r="BV345" s="336" t="e">
        <f>IF(AO345="yes",('DRAFT - HGC Schemes'!AU$5*$BB345),"")</f>
        <v>#DIV/0!</v>
      </c>
      <c r="BW345" s="336" t="str">
        <f>IF(AP345="yes",('DRAFT - HGC Schemes'!AV$5*$BB345),"")</f>
        <v/>
      </c>
      <c r="BX345" s="336" t="str">
        <f>IF(AQ345="yes",('DRAFT - HGC Schemes'!AW$5*$BB345),"")</f>
        <v/>
      </c>
      <c r="BY345" s="336" t="str">
        <f>IF(AR345="yes",('DRAFT - HGC Schemes'!AX$5*$BB345),"")</f>
        <v/>
      </c>
      <c r="BZ345" s="336" t="str">
        <f>IF(AS345="yes",('DRAFT - HGC Schemes'!AY$5*$BB345),"")</f>
        <v/>
      </c>
      <c r="CA345" s="336" t="str">
        <f>IF(AT345="yes",('DRAFT - HGC Schemes'!AZ$5*$BB345),"")</f>
        <v/>
      </c>
      <c r="CB345" s="336" t="str">
        <f>IF(AU345="yes",('DRAFT - HGC Schemes'!BA$5*$BB345),"")</f>
        <v/>
      </c>
      <c r="CC345" s="336" t="str">
        <f>IF(AV345="yes",('DRAFT - HGC Schemes'!BB$5*$BB345),"")</f>
        <v/>
      </c>
      <c r="CD345" s="336" t="str">
        <f>IF(AW345="yes",('DRAFT - HGC Schemes'!BC$5*$BB345),"")</f>
        <v/>
      </c>
      <c r="CE345" s="336" t="str">
        <f>IF(AX345="yes",('DRAFT - HGC Schemes'!BD$5*$BB345),"")</f>
        <v/>
      </c>
      <c r="CF345" s="336" t="str">
        <f>IF(AY345="yes",('DRAFT - HGC Schemes'!BE$5*$BB345),"")</f>
        <v/>
      </c>
      <c r="CG345" s="336" t="str">
        <f>IF(AZ345="yes",('DRAFT - HGC Schemes'!BF$5*$BB345),"")</f>
        <v/>
      </c>
      <c r="CH345" s="336"/>
      <c r="CI345" s="336"/>
      <c r="CJ345" s="336"/>
      <c r="CK345" s="336"/>
      <c r="CL345" s="336"/>
      <c r="CM345" s="336"/>
      <c r="CN345" s="336"/>
      <c r="CO345" s="336"/>
      <c r="CP345" s="336"/>
      <c r="CQ345" s="336"/>
      <c r="CR345" s="336"/>
      <c r="CS345" s="336"/>
      <c r="CT345" s="336"/>
      <c r="CU345" s="336"/>
      <c r="CV345" s="336"/>
      <c r="CW345" s="336"/>
      <c r="CX345" s="336"/>
      <c r="CY345" s="336"/>
      <c r="CZ345" s="336"/>
      <c r="DA345" s="336"/>
      <c r="DB345" s="336"/>
      <c r="DC345" s="336"/>
      <c r="DD345" s="84" t="s">
        <v>660</v>
      </c>
      <c r="DE345" s="84"/>
      <c r="DF345" s="399" t="s">
        <v>661</v>
      </c>
    </row>
    <row r="346" spans="3:110" s="120" customFormat="1" ht="128.25" x14ac:dyDescent="0.2">
      <c r="C346" s="368">
        <v>631</v>
      </c>
      <c r="D346" s="368" t="s">
        <v>2481</v>
      </c>
      <c r="E346" s="369" t="s">
        <v>53</v>
      </c>
      <c r="F346" s="369" t="s">
        <v>655</v>
      </c>
      <c r="G346" s="232" t="s">
        <v>656</v>
      </c>
      <c r="H346" s="232" t="s">
        <v>726</v>
      </c>
      <c r="I346" s="232" t="s">
        <v>727</v>
      </c>
      <c r="J346" s="232"/>
      <c r="K346" s="232" t="s">
        <v>86</v>
      </c>
      <c r="L346" s="232" t="s">
        <v>721</v>
      </c>
      <c r="M346" s="232" t="s">
        <v>60</v>
      </c>
      <c r="N346" s="232" t="s">
        <v>77</v>
      </c>
      <c r="O346" s="232" t="s">
        <v>722</v>
      </c>
      <c r="P346" s="84" t="s">
        <v>63</v>
      </c>
      <c r="Q346" s="84" t="s">
        <v>63</v>
      </c>
      <c r="R346" s="84">
        <v>639505</v>
      </c>
      <c r="S346" s="84">
        <f t="shared" si="217"/>
        <v>639505</v>
      </c>
      <c r="T346" s="84" t="s">
        <v>723</v>
      </c>
      <c r="U346" s="84" t="s">
        <v>65</v>
      </c>
      <c r="V346" s="84"/>
      <c r="W346" s="84"/>
      <c r="X346" s="84"/>
      <c r="Y346" s="84"/>
      <c r="Z346" s="84"/>
      <c r="AA346" s="84"/>
      <c r="AB346" s="84"/>
      <c r="AC346" s="84"/>
      <c r="AD346" s="84"/>
      <c r="AE346" s="84"/>
      <c r="AF346" s="84"/>
      <c r="AG346" s="84"/>
      <c r="AH346" s="84"/>
      <c r="AI346" s="84"/>
      <c r="AJ346" s="84"/>
      <c r="AK346" s="84"/>
      <c r="AL346" s="84"/>
      <c r="AM346" s="336" t="s">
        <v>66</v>
      </c>
      <c r="AN346" s="336" t="s">
        <v>66</v>
      </c>
      <c r="AO346" s="336" t="s">
        <v>66</v>
      </c>
      <c r="AP346" s="84"/>
      <c r="AQ346" s="84"/>
      <c r="AR346" s="84"/>
      <c r="AS346" s="84"/>
      <c r="AT346" s="84"/>
      <c r="AU346" s="84"/>
      <c r="AV346" s="84"/>
      <c r="AW346" s="84"/>
      <c r="AX346" s="84"/>
      <c r="AY346" s="84"/>
      <c r="AZ346" s="84"/>
      <c r="BA346" s="238">
        <f>SUMIF(V346:AZ346,"YES",'DRAFT - HGC Schemes'!$AB$5:$BF$5)</f>
        <v>0</v>
      </c>
      <c r="BB346" s="84" t="e">
        <f t="shared" si="218"/>
        <v>#DIV/0!</v>
      </c>
      <c r="BC346" s="336" t="str">
        <f>IF(V346="yes",('DRAFT - HGC Schemes'!AB$5*$BB346),"")</f>
        <v/>
      </c>
      <c r="BD346" s="336" t="str">
        <f>IF(W346="yes",('DRAFT - HGC Schemes'!AC$5*$BB346),"")</f>
        <v/>
      </c>
      <c r="BE346" s="336" t="str">
        <f>IF(X346="yes",('DRAFT - HGC Schemes'!AD$5*$BB346),"")</f>
        <v/>
      </c>
      <c r="BF346" s="336" t="str">
        <f>IF(Y346="yes",('DRAFT - HGC Schemes'!AE$5*$BB346),"")</f>
        <v/>
      </c>
      <c r="BG346" s="336" t="str">
        <f>IF(Z346="yes",('DRAFT - HGC Schemes'!AF$5*$BB346),"")</f>
        <v/>
      </c>
      <c r="BH346" s="336" t="str">
        <f>IF(AA346="yes",('DRAFT - HGC Schemes'!AG$5*$BB346),"")</f>
        <v/>
      </c>
      <c r="BI346" s="336" t="str">
        <f>IF(AB346="yes",('DRAFT - HGC Schemes'!AH$5*$BB346),"")</f>
        <v/>
      </c>
      <c r="BJ346" s="336" t="str">
        <f>IF(AC346="yes",('DRAFT - HGC Schemes'!AI$5*$BB346),"")</f>
        <v/>
      </c>
      <c r="BK346" s="336" t="str">
        <f>IF(AD346="yes",('DRAFT - HGC Schemes'!AJ$5*$BB346),"")</f>
        <v/>
      </c>
      <c r="BL346" s="336" t="str">
        <f>IF(AE346="yes",('DRAFT - HGC Schemes'!AK$5*$BB346),"")</f>
        <v/>
      </c>
      <c r="BM346" s="336" t="str">
        <f>IF(AF346="yes",('DRAFT - HGC Schemes'!AL$5*$BB346),"")</f>
        <v/>
      </c>
      <c r="BN346" s="336" t="str">
        <f>IF(AG346="yes",('DRAFT - HGC Schemes'!AM$5*$BB346),"")</f>
        <v/>
      </c>
      <c r="BO346" s="336" t="str">
        <f>IF(AH346="yes",('DRAFT - HGC Schemes'!AN$5*$BB346),"")</f>
        <v/>
      </c>
      <c r="BP346" s="336" t="str">
        <f>IF(AI346="yes",('DRAFT - HGC Schemes'!AO$5*$BB346),"")</f>
        <v/>
      </c>
      <c r="BQ346" s="336" t="str">
        <f>IF(AJ346="yes",('DRAFT - HGC Schemes'!AP$5*$BB346),"")</f>
        <v/>
      </c>
      <c r="BR346" s="336" t="str">
        <f>IF(AK346="yes",('DRAFT - HGC Schemes'!AQ$5*$BB346),"")</f>
        <v/>
      </c>
      <c r="BS346" s="336" t="str">
        <f>IF(AL346="yes",('DRAFT - HGC Schemes'!AR$5*$BB346),"")</f>
        <v/>
      </c>
      <c r="BT346" s="336" t="e">
        <f>IF(AM346="yes",('DRAFT - HGC Schemes'!AS$5*$BB346),"")</f>
        <v>#DIV/0!</v>
      </c>
      <c r="BU346" s="336" t="e">
        <f>IF(AN346="yes",('DRAFT - HGC Schemes'!AT$5*$BB346),"")</f>
        <v>#DIV/0!</v>
      </c>
      <c r="BV346" s="336" t="e">
        <f>IF(AO346="yes",('DRAFT - HGC Schemes'!AU$5*$BB346),"")</f>
        <v>#DIV/0!</v>
      </c>
      <c r="BW346" s="336" t="str">
        <f>IF(AP346="yes",('DRAFT - HGC Schemes'!AV$5*$BB346),"")</f>
        <v/>
      </c>
      <c r="BX346" s="336" t="str">
        <f>IF(AQ346="yes",('DRAFT - HGC Schemes'!AW$5*$BB346),"")</f>
        <v/>
      </c>
      <c r="BY346" s="336" t="str">
        <f>IF(AR346="yes",('DRAFT - HGC Schemes'!AX$5*$BB346),"")</f>
        <v/>
      </c>
      <c r="BZ346" s="336" t="str">
        <f>IF(AS346="yes",('DRAFT - HGC Schemes'!AY$5*$BB346),"")</f>
        <v/>
      </c>
      <c r="CA346" s="336" t="str">
        <f>IF(AT346="yes",('DRAFT - HGC Schemes'!AZ$5*$BB346),"")</f>
        <v/>
      </c>
      <c r="CB346" s="336" t="str">
        <f>IF(AU346="yes",('DRAFT - HGC Schemes'!BA$5*$BB346),"")</f>
        <v/>
      </c>
      <c r="CC346" s="336" t="str">
        <f>IF(AV346="yes",('DRAFT - HGC Schemes'!BB$5*$BB346),"")</f>
        <v/>
      </c>
      <c r="CD346" s="336" t="str">
        <f>IF(AW346="yes",('DRAFT - HGC Schemes'!BC$5*$BB346),"")</f>
        <v/>
      </c>
      <c r="CE346" s="336" t="str">
        <f>IF(AX346="yes",('DRAFT - HGC Schemes'!BD$5*$BB346),"")</f>
        <v/>
      </c>
      <c r="CF346" s="336" t="str">
        <f>IF(AY346="yes",('DRAFT - HGC Schemes'!BE$5*$BB346),"")</f>
        <v/>
      </c>
      <c r="CG346" s="336" t="str">
        <f>IF(AZ346="yes",('DRAFT - HGC Schemes'!BF$5*$BB346),"")</f>
        <v/>
      </c>
      <c r="CH346" s="336"/>
      <c r="CI346" s="336"/>
      <c r="CJ346" s="336"/>
      <c r="CK346" s="336"/>
      <c r="CL346" s="336"/>
      <c r="CM346" s="336"/>
      <c r="CN346" s="336"/>
      <c r="CO346" s="336"/>
      <c r="CP346" s="336"/>
      <c r="CQ346" s="336"/>
      <c r="CR346" s="336"/>
      <c r="CS346" s="336"/>
      <c r="CT346" s="336"/>
      <c r="CU346" s="336"/>
      <c r="CV346" s="336"/>
      <c r="CW346" s="336"/>
      <c r="CX346" s="336"/>
      <c r="CY346" s="336"/>
      <c r="CZ346" s="336"/>
      <c r="DA346" s="336"/>
      <c r="DB346" s="336"/>
      <c r="DC346" s="336"/>
      <c r="DD346" s="84" t="s">
        <v>660</v>
      </c>
      <c r="DE346" s="84"/>
      <c r="DF346" s="399" t="s">
        <v>661</v>
      </c>
    </row>
    <row r="347" spans="3:110" s="120" customFormat="1" ht="56.1" customHeight="1" x14ac:dyDescent="0.2">
      <c r="C347" s="368">
        <v>632</v>
      </c>
      <c r="D347" s="368" t="s">
        <v>2481</v>
      </c>
      <c r="E347" s="369" t="s">
        <v>53</v>
      </c>
      <c r="F347" s="369" t="s">
        <v>655</v>
      </c>
      <c r="G347" s="232" t="s">
        <v>656</v>
      </c>
      <c r="H347" s="232" t="s">
        <v>728</v>
      </c>
      <c r="I347" s="232" t="s">
        <v>729</v>
      </c>
      <c r="J347" s="232"/>
      <c r="K347" s="232" t="s">
        <v>86</v>
      </c>
      <c r="L347" s="232" t="s">
        <v>721</v>
      </c>
      <c r="M347" s="232" t="s">
        <v>60</v>
      </c>
      <c r="N347" s="232" t="s">
        <v>77</v>
      </c>
      <c r="O347" s="232" t="s">
        <v>722</v>
      </c>
      <c r="P347" s="84" t="s">
        <v>63</v>
      </c>
      <c r="Q347" s="84" t="s">
        <v>63</v>
      </c>
      <c r="R347" s="84">
        <v>150472</v>
      </c>
      <c r="S347" s="84">
        <f t="shared" si="217"/>
        <v>150472</v>
      </c>
      <c r="T347" s="84" t="s">
        <v>723</v>
      </c>
      <c r="U347" s="84" t="s">
        <v>65</v>
      </c>
      <c r="V347" s="84"/>
      <c r="W347" s="84"/>
      <c r="X347" s="84"/>
      <c r="Y347" s="84"/>
      <c r="Z347" s="84"/>
      <c r="AA347" s="84"/>
      <c r="AB347" s="84"/>
      <c r="AC347" s="84"/>
      <c r="AD347" s="84"/>
      <c r="AE347" s="84"/>
      <c r="AF347" s="84"/>
      <c r="AG347" s="84"/>
      <c r="AH347" s="84"/>
      <c r="AI347" s="84"/>
      <c r="AJ347" s="84"/>
      <c r="AK347" s="84"/>
      <c r="AL347" s="84"/>
      <c r="AM347" s="336" t="s">
        <v>66</v>
      </c>
      <c r="AN347" s="336" t="s">
        <v>66</v>
      </c>
      <c r="AO347" s="336" t="s">
        <v>66</v>
      </c>
      <c r="AP347" s="84"/>
      <c r="AQ347" s="84"/>
      <c r="AR347" s="84"/>
      <c r="AS347" s="84"/>
      <c r="AT347" s="84"/>
      <c r="AU347" s="84"/>
      <c r="AV347" s="84"/>
      <c r="AW347" s="84"/>
      <c r="AX347" s="84"/>
      <c r="AY347" s="84"/>
      <c r="AZ347" s="84"/>
      <c r="BA347" s="238">
        <f>SUMIF(V347:AZ347,"YES",'DRAFT - HGC Schemes'!$AB$5:$BF$5)</f>
        <v>0</v>
      </c>
      <c r="BB347" s="84" t="e">
        <f t="shared" si="218"/>
        <v>#DIV/0!</v>
      </c>
      <c r="BC347" s="336" t="str">
        <f>IF(V347="yes",('DRAFT - HGC Schemes'!AB$5*$BB347),"")</f>
        <v/>
      </c>
      <c r="BD347" s="336" t="str">
        <f>IF(W347="yes",('DRAFT - HGC Schemes'!AC$5*$BB347),"")</f>
        <v/>
      </c>
      <c r="BE347" s="336" t="str">
        <f>IF(X347="yes",('DRAFT - HGC Schemes'!AD$5*$BB347),"")</f>
        <v/>
      </c>
      <c r="BF347" s="336" t="str">
        <f>IF(Y347="yes",('DRAFT - HGC Schemes'!AE$5*$BB347),"")</f>
        <v/>
      </c>
      <c r="BG347" s="336" t="str">
        <f>IF(Z347="yes",('DRAFT - HGC Schemes'!AF$5*$BB347),"")</f>
        <v/>
      </c>
      <c r="BH347" s="336" t="str">
        <f>IF(AA347="yes",('DRAFT - HGC Schemes'!AG$5*$BB347),"")</f>
        <v/>
      </c>
      <c r="BI347" s="336" t="str">
        <f>IF(AB347="yes",('DRAFT - HGC Schemes'!AH$5*$BB347),"")</f>
        <v/>
      </c>
      <c r="BJ347" s="336" t="str">
        <f>IF(AC347="yes",('DRAFT - HGC Schemes'!AI$5*$BB347),"")</f>
        <v/>
      </c>
      <c r="BK347" s="336" t="str">
        <f>IF(AD347="yes",('DRAFT - HGC Schemes'!AJ$5*$BB347),"")</f>
        <v/>
      </c>
      <c r="BL347" s="336" t="str">
        <f>IF(AE347="yes",('DRAFT - HGC Schemes'!AK$5*$BB347),"")</f>
        <v/>
      </c>
      <c r="BM347" s="336" t="str">
        <f>IF(AF347="yes",('DRAFT - HGC Schemes'!AL$5*$BB347),"")</f>
        <v/>
      </c>
      <c r="BN347" s="336" t="str">
        <f>IF(AG347="yes",('DRAFT - HGC Schemes'!AM$5*$BB347),"")</f>
        <v/>
      </c>
      <c r="BO347" s="336" t="str">
        <f>IF(AH347="yes",('DRAFT - HGC Schemes'!AN$5*$BB347),"")</f>
        <v/>
      </c>
      <c r="BP347" s="336" t="str">
        <f>IF(AI347="yes",('DRAFT - HGC Schemes'!AO$5*$BB347),"")</f>
        <v/>
      </c>
      <c r="BQ347" s="336" t="str">
        <f>IF(AJ347="yes",('DRAFT - HGC Schemes'!AP$5*$BB347),"")</f>
        <v/>
      </c>
      <c r="BR347" s="336" t="str">
        <f>IF(AK347="yes",('DRAFT - HGC Schemes'!AQ$5*$BB347),"")</f>
        <v/>
      </c>
      <c r="BS347" s="336" t="str">
        <f>IF(AL347="yes",('DRAFT - HGC Schemes'!AR$5*$BB347),"")</f>
        <v/>
      </c>
      <c r="BT347" s="336" t="e">
        <f>IF(AM347="yes",('DRAFT - HGC Schemes'!AS$5*$BB347),"")</f>
        <v>#DIV/0!</v>
      </c>
      <c r="BU347" s="336" t="e">
        <f>IF(AN347="yes",('DRAFT - HGC Schemes'!AT$5*$BB347),"")</f>
        <v>#DIV/0!</v>
      </c>
      <c r="BV347" s="336" t="e">
        <f>IF(AO347="yes",('DRAFT - HGC Schemes'!AU$5*$BB347),"")</f>
        <v>#DIV/0!</v>
      </c>
      <c r="BW347" s="336" t="str">
        <f>IF(AP347="yes",('DRAFT - HGC Schemes'!AV$5*$BB347),"")</f>
        <v/>
      </c>
      <c r="BX347" s="336" t="str">
        <f>IF(AQ347="yes",('DRAFT - HGC Schemes'!AW$5*$BB347),"")</f>
        <v/>
      </c>
      <c r="BY347" s="336" t="str">
        <f>IF(AR347="yes",('DRAFT - HGC Schemes'!AX$5*$BB347),"")</f>
        <v/>
      </c>
      <c r="BZ347" s="336" t="str">
        <f>IF(AS347="yes",('DRAFT - HGC Schemes'!AY$5*$BB347),"")</f>
        <v/>
      </c>
      <c r="CA347" s="336" t="str">
        <f>IF(AT347="yes",('DRAFT - HGC Schemes'!AZ$5*$BB347),"")</f>
        <v/>
      </c>
      <c r="CB347" s="336" t="str">
        <f>IF(AU347="yes",('DRAFT - HGC Schemes'!BA$5*$BB347),"")</f>
        <v/>
      </c>
      <c r="CC347" s="336" t="str">
        <f>IF(AV347="yes",('DRAFT - HGC Schemes'!BB$5*$BB347),"")</f>
        <v/>
      </c>
      <c r="CD347" s="336" t="str">
        <f>IF(AW347="yes",('DRAFT - HGC Schemes'!BC$5*$BB347),"")</f>
        <v/>
      </c>
      <c r="CE347" s="336" t="str">
        <f>IF(AX347="yes",('DRAFT - HGC Schemes'!BD$5*$BB347),"")</f>
        <v/>
      </c>
      <c r="CF347" s="336" t="str">
        <f>IF(AY347="yes",('DRAFT - HGC Schemes'!BE$5*$BB347),"")</f>
        <v/>
      </c>
      <c r="CG347" s="336" t="str">
        <f>IF(AZ347="yes",('DRAFT - HGC Schemes'!BF$5*$BB347),"")</f>
        <v/>
      </c>
      <c r="CH347" s="336"/>
      <c r="CI347" s="336"/>
      <c r="CJ347" s="336"/>
      <c r="CK347" s="336"/>
      <c r="CL347" s="336"/>
      <c r="CM347" s="336"/>
      <c r="CN347" s="336"/>
      <c r="CO347" s="336"/>
      <c r="CP347" s="336"/>
      <c r="CQ347" s="336"/>
      <c r="CR347" s="336"/>
      <c r="CS347" s="336"/>
      <c r="CT347" s="336"/>
      <c r="CU347" s="336"/>
      <c r="CV347" s="336"/>
      <c r="CW347" s="336"/>
      <c r="CX347" s="336"/>
      <c r="CY347" s="336"/>
      <c r="CZ347" s="336"/>
      <c r="DA347" s="336"/>
      <c r="DB347" s="336"/>
      <c r="DC347" s="336"/>
      <c r="DD347" s="84" t="s">
        <v>660</v>
      </c>
      <c r="DE347" s="84"/>
      <c r="DF347" s="399" t="s">
        <v>661</v>
      </c>
    </row>
    <row r="348" spans="3:110" s="120" customFormat="1" ht="56.1" customHeight="1" x14ac:dyDescent="0.2">
      <c r="C348" s="368">
        <v>633</v>
      </c>
      <c r="D348" s="368" t="s">
        <v>2481</v>
      </c>
      <c r="E348" s="369" t="s">
        <v>53</v>
      </c>
      <c r="F348" s="369" t="s">
        <v>655</v>
      </c>
      <c r="G348" s="232" t="s">
        <v>656</v>
      </c>
      <c r="H348" s="232" t="s">
        <v>730</v>
      </c>
      <c r="I348" s="232" t="s">
        <v>731</v>
      </c>
      <c r="J348" s="232"/>
      <c r="K348" s="232" t="s">
        <v>86</v>
      </c>
      <c r="L348" s="232" t="s">
        <v>732</v>
      </c>
      <c r="M348" s="232" t="s">
        <v>60</v>
      </c>
      <c r="N348" s="232" t="s">
        <v>77</v>
      </c>
      <c r="O348" s="232" t="s">
        <v>722</v>
      </c>
      <c r="P348" s="84" t="s">
        <v>63</v>
      </c>
      <c r="Q348" s="84" t="s">
        <v>63</v>
      </c>
      <c r="R348" s="84">
        <v>31348</v>
      </c>
      <c r="S348" s="84">
        <f t="shared" si="217"/>
        <v>31348</v>
      </c>
      <c r="T348" s="84" t="s">
        <v>723</v>
      </c>
      <c r="U348" s="84" t="s">
        <v>65</v>
      </c>
      <c r="V348" s="84"/>
      <c r="W348" s="84"/>
      <c r="X348" s="84"/>
      <c r="Y348" s="84"/>
      <c r="Z348" s="84"/>
      <c r="AA348" s="84"/>
      <c r="AB348" s="84"/>
      <c r="AC348" s="84"/>
      <c r="AD348" s="84"/>
      <c r="AE348" s="84"/>
      <c r="AF348" s="84"/>
      <c r="AG348" s="84"/>
      <c r="AH348" s="84"/>
      <c r="AI348" s="84"/>
      <c r="AJ348" s="84"/>
      <c r="AK348" s="84"/>
      <c r="AL348" s="84"/>
      <c r="AM348" s="336" t="s">
        <v>66</v>
      </c>
      <c r="AN348" s="84"/>
      <c r="AO348" s="84"/>
      <c r="AP348" s="84"/>
      <c r="AQ348" s="84"/>
      <c r="AR348" s="84"/>
      <c r="AS348" s="84"/>
      <c r="AT348" s="84"/>
      <c r="AU348" s="84"/>
      <c r="AV348" s="84"/>
      <c r="AW348" s="84"/>
      <c r="AX348" s="84"/>
      <c r="AY348" s="84"/>
      <c r="AZ348" s="84"/>
      <c r="BA348" s="238">
        <f>SUMIF(V348:AZ348,"YES",'DRAFT - HGC Schemes'!$AB$5:$BF$5)</f>
        <v>0</v>
      </c>
      <c r="BB348" s="84" t="e">
        <f t="shared" si="218"/>
        <v>#DIV/0!</v>
      </c>
      <c r="BC348" s="336" t="str">
        <f>IF(V348="yes",('DRAFT - HGC Schemes'!AB$5*$BB348),"")</f>
        <v/>
      </c>
      <c r="BD348" s="336" t="str">
        <f>IF(W348="yes",('DRAFT - HGC Schemes'!AC$5*$BB348),"")</f>
        <v/>
      </c>
      <c r="BE348" s="336" t="str">
        <f>IF(X348="yes",('DRAFT - HGC Schemes'!AD$5*$BB348),"")</f>
        <v/>
      </c>
      <c r="BF348" s="336" t="str">
        <f>IF(Y348="yes",('DRAFT - HGC Schemes'!AE$5*$BB348),"")</f>
        <v/>
      </c>
      <c r="BG348" s="336" t="str">
        <f>IF(Z348="yes",('DRAFT - HGC Schemes'!AF$5*$BB348),"")</f>
        <v/>
      </c>
      <c r="BH348" s="336" t="str">
        <f>IF(AA348="yes",('DRAFT - HGC Schemes'!AG$5*$BB348),"")</f>
        <v/>
      </c>
      <c r="BI348" s="336" t="str">
        <f>IF(AB348="yes",('DRAFT - HGC Schemes'!AH$5*$BB348),"")</f>
        <v/>
      </c>
      <c r="BJ348" s="336" t="str">
        <f>IF(AC348="yes",('DRAFT - HGC Schemes'!AI$5*$BB348),"")</f>
        <v/>
      </c>
      <c r="BK348" s="336" t="str">
        <f>IF(AD348="yes",('DRAFT - HGC Schemes'!AJ$5*$BB348),"")</f>
        <v/>
      </c>
      <c r="BL348" s="336" t="str">
        <f>IF(AE348="yes",('DRAFT - HGC Schemes'!AK$5*$BB348),"")</f>
        <v/>
      </c>
      <c r="BM348" s="336" t="str">
        <f>IF(AF348="yes",('DRAFT - HGC Schemes'!AL$5*$BB348),"")</f>
        <v/>
      </c>
      <c r="BN348" s="336" t="str">
        <f>IF(AG348="yes",('DRAFT - HGC Schemes'!AM$5*$BB348),"")</f>
        <v/>
      </c>
      <c r="BO348" s="336" t="str">
        <f>IF(AH348="yes",('DRAFT - HGC Schemes'!AN$5*$BB348),"")</f>
        <v/>
      </c>
      <c r="BP348" s="336" t="str">
        <f>IF(AI348="yes",('DRAFT - HGC Schemes'!AO$5*$BB348),"")</f>
        <v/>
      </c>
      <c r="BQ348" s="336" t="str">
        <f>IF(AJ348="yes",('DRAFT - HGC Schemes'!AP$5*$BB348),"")</f>
        <v/>
      </c>
      <c r="BR348" s="336" t="str">
        <f>IF(AK348="yes",('DRAFT - HGC Schemes'!AQ$5*$BB348),"")</f>
        <v/>
      </c>
      <c r="BS348" s="336" t="str">
        <f>IF(AL348="yes",('DRAFT - HGC Schemes'!AR$5*$BB348),"")</f>
        <v/>
      </c>
      <c r="BT348" s="336" t="e">
        <f>IF(AM348="yes",('DRAFT - HGC Schemes'!AS$5*$BB348),"")</f>
        <v>#DIV/0!</v>
      </c>
      <c r="BU348" s="336" t="str">
        <f>IF(AN348="yes",('DRAFT - HGC Schemes'!AT$5*$BB348),"")</f>
        <v/>
      </c>
      <c r="BV348" s="336" t="str">
        <f>IF(AO348="yes",('DRAFT - HGC Schemes'!AU$5*$BB348),"")</f>
        <v/>
      </c>
      <c r="BW348" s="336" t="str">
        <f>IF(AP348="yes",('DRAFT - HGC Schemes'!AV$5*$BB348),"")</f>
        <v/>
      </c>
      <c r="BX348" s="336" t="str">
        <f>IF(AQ348="yes",('DRAFT - HGC Schemes'!AW$5*$BB348),"")</f>
        <v/>
      </c>
      <c r="BY348" s="336" t="str">
        <f>IF(AR348="yes",('DRAFT - HGC Schemes'!AX$5*$BB348),"")</f>
        <v/>
      </c>
      <c r="BZ348" s="336" t="str">
        <f>IF(AS348="yes",('DRAFT - HGC Schemes'!AY$5*$BB348),"")</f>
        <v/>
      </c>
      <c r="CA348" s="336" t="str">
        <f>IF(AT348="yes",('DRAFT - HGC Schemes'!AZ$5*$BB348),"")</f>
        <v/>
      </c>
      <c r="CB348" s="336" t="str">
        <f>IF(AU348="yes",('DRAFT - HGC Schemes'!BA$5*$BB348),"")</f>
        <v/>
      </c>
      <c r="CC348" s="336" t="str">
        <f>IF(AV348="yes",('DRAFT - HGC Schemes'!BB$5*$BB348),"")</f>
        <v/>
      </c>
      <c r="CD348" s="336" t="str">
        <f>IF(AW348="yes",('DRAFT - HGC Schemes'!BC$5*$BB348),"")</f>
        <v/>
      </c>
      <c r="CE348" s="336" t="str">
        <f>IF(AX348="yes",('DRAFT - HGC Schemes'!BD$5*$BB348),"")</f>
        <v/>
      </c>
      <c r="CF348" s="336" t="str">
        <f>IF(AY348="yes",('DRAFT - HGC Schemes'!BE$5*$BB348),"")</f>
        <v/>
      </c>
      <c r="CG348" s="336" t="str">
        <f>IF(AZ348="yes",('DRAFT - HGC Schemes'!BF$5*$BB348),"")</f>
        <v/>
      </c>
      <c r="CH348" s="336"/>
      <c r="CI348" s="336"/>
      <c r="CJ348" s="336"/>
      <c r="CK348" s="336"/>
      <c r="CL348" s="336"/>
      <c r="CM348" s="336"/>
      <c r="CN348" s="336"/>
      <c r="CO348" s="336"/>
      <c r="CP348" s="336"/>
      <c r="CQ348" s="336"/>
      <c r="CR348" s="336"/>
      <c r="CS348" s="336"/>
      <c r="CT348" s="336"/>
      <c r="CU348" s="336"/>
      <c r="CV348" s="336"/>
      <c r="CW348" s="336"/>
      <c r="CX348" s="336"/>
      <c r="CY348" s="336"/>
      <c r="CZ348" s="336"/>
      <c r="DA348" s="336"/>
      <c r="DB348" s="336"/>
      <c r="DC348" s="336"/>
      <c r="DD348" s="84" t="s">
        <v>660</v>
      </c>
      <c r="DE348" s="84"/>
      <c r="DF348" s="399" t="s">
        <v>661</v>
      </c>
    </row>
    <row r="349" spans="3:110" s="120" customFormat="1" ht="56.1" customHeight="1" x14ac:dyDescent="0.2">
      <c r="C349" s="368">
        <v>634</v>
      </c>
      <c r="D349" s="368" t="s">
        <v>2481</v>
      </c>
      <c r="E349" s="369" t="s">
        <v>53</v>
      </c>
      <c r="F349" s="369" t="s">
        <v>655</v>
      </c>
      <c r="G349" s="232" t="s">
        <v>656</v>
      </c>
      <c r="H349" s="232" t="s">
        <v>733</v>
      </c>
      <c r="I349" s="232" t="s">
        <v>734</v>
      </c>
      <c r="J349" s="232"/>
      <c r="K349" s="232" t="s">
        <v>86</v>
      </c>
      <c r="L349" s="232" t="s">
        <v>732</v>
      </c>
      <c r="M349" s="232" t="s">
        <v>60</v>
      </c>
      <c r="N349" s="232" t="s">
        <v>77</v>
      </c>
      <c r="O349" s="232" t="s">
        <v>722</v>
      </c>
      <c r="P349" s="84" t="s">
        <v>63</v>
      </c>
      <c r="Q349" s="84" t="s">
        <v>63</v>
      </c>
      <c r="R349" s="84">
        <v>238247</v>
      </c>
      <c r="S349" s="84">
        <f t="shared" si="217"/>
        <v>238247</v>
      </c>
      <c r="T349" s="84" t="s">
        <v>723</v>
      </c>
      <c r="U349" s="84" t="s">
        <v>65</v>
      </c>
      <c r="V349" s="84"/>
      <c r="W349" s="84"/>
      <c r="X349" s="84"/>
      <c r="Y349" s="84"/>
      <c r="Z349" s="84"/>
      <c r="AA349" s="84"/>
      <c r="AB349" s="84"/>
      <c r="AC349" s="84"/>
      <c r="AD349" s="84"/>
      <c r="AE349" s="84"/>
      <c r="AF349" s="84"/>
      <c r="AG349" s="84"/>
      <c r="AH349" s="84"/>
      <c r="AI349" s="84"/>
      <c r="AJ349" s="84"/>
      <c r="AK349" s="84"/>
      <c r="AL349" s="84"/>
      <c r="AM349" s="336" t="s">
        <v>66</v>
      </c>
      <c r="AN349" s="84"/>
      <c r="AO349" s="84"/>
      <c r="AP349" s="84"/>
      <c r="AQ349" s="84"/>
      <c r="AR349" s="84"/>
      <c r="AS349" s="84"/>
      <c r="AT349" s="84"/>
      <c r="AU349" s="84"/>
      <c r="AV349" s="84"/>
      <c r="AW349" s="84"/>
      <c r="AX349" s="84"/>
      <c r="AY349" s="84"/>
      <c r="AZ349" s="84"/>
      <c r="BA349" s="238">
        <f>SUMIF(V349:AZ349,"YES",'DRAFT - HGC Schemes'!$AB$5:$BF$5)</f>
        <v>0</v>
      </c>
      <c r="BB349" s="84" t="e">
        <f t="shared" si="218"/>
        <v>#DIV/0!</v>
      </c>
      <c r="BC349" s="336" t="str">
        <f>IF(V349="yes",('DRAFT - HGC Schemes'!AB$5*$BB349),"")</f>
        <v/>
      </c>
      <c r="BD349" s="336" t="str">
        <f>IF(W349="yes",('DRAFT - HGC Schemes'!AC$5*$BB349),"")</f>
        <v/>
      </c>
      <c r="BE349" s="336" t="str">
        <f>IF(X349="yes",('DRAFT - HGC Schemes'!AD$5*$BB349),"")</f>
        <v/>
      </c>
      <c r="BF349" s="336" t="str">
        <f>IF(Y349="yes",('DRAFT - HGC Schemes'!AE$5*$BB349),"")</f>
        <v/>
      </c>
      <c r="BG349" s="336" t="str">
        <f>IF(Z349="yes",('DRAFT - HGC Schemes'!AF$5*$BB349),"")</f>
        <v/>
      </c>
      <c r="BH349" s="336" t="str">
        <f>IF(AA349="yes",('DRAFT - HGC Schemes'!AG$5*$BB349),"")</f>
        <v/>
      </c>
      <c r="BI349" s="336" t="str">
        <f>IF(AB349="yes",('DRAFT - HGC Schemes'!AH$5*$BB349),"")</f>
        <v/>
      </c>
      <c r="BJ349" s="336" t="str">
        <f>IF(AC349="yes",('DRAFT - HGC Schemes'!AI$5*$BB349),"")</f>
        <v/>
      </c>
      <c r="BK349" s="336" t="str">
        <f>IF(AD349="yes",('DRAFT - HGC Schemes'!AJ$5*$BB349),"")</f>
        <v/>
      </c>
      <c r="BL349" s="336" t="str">
        <f>IF(AE349="yes",('DRAFT - HGC Schemes'!AK$5*$BB349),"")</f>
        <v/>
      </c>
      <c r="BM349" s="336" t="str">
        <f>IF(AF349="yes",('DRAFT - HGC Schemes'!AL$5*$BB349),"")</f>
        <v/>
      </c>
      <c r="BN349" s="336" t="str">
        <f>IF(AG349="yes",('DRAFT - HGC Schemes'!AM$5*$BB349),"")</f>
        <v/>
      </c>
      <c r="BO349" s="336" t="str">
        <f>IF(AH349="yes",('DRAFT - HGC Schemes'!AN$5*$BB349),"")</f>
        <v/>
      </c>
      <c r="BP349" s="336" t="str">
        <f>IF(AI349="yes",('DRAFT - HGC Schemes'!AO$5*$BB349),"")</f>
        <v/>
      </c>
      <c r="BQ349" s="336" t="str">
        <f>IF(AJ349="yes",('DRAFT - HGC Schemes'!AP$5*$BB349),"")</f>
        <v/>
      </c>
      <c r="BR349" s="336" t="str">
        <f>IF(AK349="yes",('DRAFT - HGC Schemes'!AQ$5*$BB349),"")</f>
        <v/>
      </c>
      <c r="BS349" s="336" t="str">
        <f>IF(AL349="yes",('DRAFT - HGC Schemes'!AR$5*$BB349),"")</f>
        <v/>
      </c>
      <c r="BT349" s="336" t="e">
        <f>IF(AM349="yes",('DRAFT - HGC Schemes'!AS$5*$BB349),"")</f>
        <v>#DIV/0!</v>
      </c>
      <c r="BU349" s="336" t="str">
        <f>IF(AN349="yes",('DRAFT - HGC Schemes'!AT$5*$BB349),"")</f>
        <v/>
      </c>
      <c r="BV349" s="336" t="str">
        <f>IF(AO349="yes",('DRAFT - HGC Schemes'!AU$5*$BB349),"")</f>
        <v/>
      </c>
      <c r="BW349" s="336" t="str">
        <f>IF(AP349="yes",('DRAFT - HGC Schemes'!AV$5*$BB349),"")</f>
        <v/>
      </c>
      <c r="BX349" s="336" t="str">
        <f>IF(AQ349="yes",('DRAFT - HGC Schemes'!AW$5*$BB349),"")</f>
        <v/>
      </c>
      <c r="BY349" s="336" t="str">
        <f>IF(AR349="yes",('DRAFT - HGC Schemes'!AX$5*$BB349),"")</f>
        <v/>
      </c>
      <c r="BZ349" s="336" t="str">
        <f>IF(AS349="yes",('DRAFT - HGC Schemes'!AY$5*$BB349),"")</f>
        <v/>
      </c>
      <c r="CA349" s="336" t="str">
        <f>IF(AT349="yes",('DRAFT - HGC Schemes'!AZ$5*$BB349),"")</f>
        <v/>
      </c>
      <c r="CB349" s="336" t="str">
        <f>IF(AU349="yes",('DRAFT - HGC Schemes'!BA$5*$BB349),"")</f>
        <v/>
      </c>
      <c r="CC349" s="336" t="str">
        <f>IF(AV349="yes",('DRAFT - HGC Schemes'!BB$5*$BB349),"")</f>
        <v/>
      </c>
      <c r="CD349" s="336" t="str">
        <f>IF(AW349="yes",('DRAFT - HGC Schemes'!BC$5*$BB349),"")</f>
        <v/>
      </c>
      <c r="CE349" s="336" t="str">
        <f>IF(AX349="yes",('DRAFT - HGC Schemes'!BD$5*$BB349),"")</f>
        <v/>
      </c>
      <c r="CF349" s="336" t="str">
        <f>IF(AY349="yes",('DRAFT - HGC Schemes'!BE$5*$BB349),"")</f>
        <v/>
      </c>
      <c r="CG349" s="336" t="str">
        <f>IF(AZ349="yes",('DRAFT - HGC Schemes'!BF$5*$BB349),"")</f>
        <v/>
      </c>
      <c r="CH349" s="336"/>
      <c r="CI349" s="336"/>
      <c r="CJ349" s="336"/>
      <c r="CK349" s="336"/>
      <c r="CL349" s="336"/>
      <c r="CM349" s="336"/>
      <c r="CN349" s="336"/>
      <c r="CO349" s="336"/>
      <c r="CP349" s="336"/>
      <c r="CQ349" s="336"/>
      <c r="CR349" s="336"/>
      <c r="CS349" s="336"/>
      <c r="CT349" s="336"/>
      <c r="CU349" s="336"/>
      <c r="CV349" s="336"/>
      <c r="CW349" s="336"/>
      <c r="CX349" s="336"/>
      <c r="CY349" s="336"/>
      <c r="CZ349" s="336"/>
      <c r="DA349" s="336"/>
      <c r="DB349" s="336"/>
      <c r="DC349" s="336"/>
      <c r="DD349" s="84" t="s">
        <v>660</v>
      </c>
      <c r="DE349" s="84"/>
      <c r="DF349" s="399" t="s">
        <v>661</v>
      </c>
    </row>
    <row r="350" spans="3:110" s="120" customFormat="1" ht="56.1" customHeight="1" x14ac:dyDescent="0.2">
      <c r="C350" s="368">
        <v>635</v>
      </c>
      <c r="D350" s="368" t="s">
        <v>2481</v>
      </c>
      <c r="E350" s="369" t="s">
        <v>53</v>
      </c>
      <c r="F350" s="369" t="s">
        <v>655</v>
      </c>
      <c r="G350" s="232" t="s">
        <v>656</v>
      </c>
      <c r="H350" s="232" t="s">
        <v>735</v>
      </c>
      <c r="I350" s="232" t="s">
        <v>736</v>
      </c>
      <c r="J350" s="232"/>
      <c r="K350" s="232" t="s">
        <v>86</v>
      </c>
      <c r="L350" s="232" t="s">
        <v>732</v>
      </c>
      <c r="M350" s="232" t="s">
        <v>60</v>
      </c>
      <c r="N350" s="232" t="s">
        <v>77</v>
      </c>
      <c r="O350" s="232" t="s">
        <v>722</v>
      </c>
      <c r="P350" s="84" t="s">
        <v>63</v>
      </c>
      <c r="Q350" s="84" t="s">
        <v>63</v>
      </c>
      <c r="R350" s="84">
        <v>222573</v>
      </c>
      <c r="S350" s="84">
        <f t="shared" si="217"/>
        <v>222573</v>
      </c>
      <c r="T350" s="84" t="s">
        <v>723</v>
      </c>
      <c r="U350" s="84" t="s">
        <v>65</v>
      </c>
      <c r="V350" s="84"/>
      <c r="W350" s="84"/>
      <c r="X350" s="84"/>
      <c r="Y350" s="84"/>
      <c r="Z350" s="84"/>
      <c r="AA350" s="84"/>
      <c r="AB350" s="84"/>
      <c r="AC350" s="84"/>
      <c r="AD350" s="84"/>
      <c r="AE350" s="84"/>
      <c r="AF350" s="84"/>
      <c r="AG350" s="84"/>
      <c r="AH350" s="84"/>
      <c r="AI350" s="84"/>
      <c r="AJ350" s="84"/>
      <c r="AK350" s="84"/>
      <c r="AL350" s="84"/>
      <c r="AM350" s="336" t="s">
        <v>66</v>
      </c>
      <c r="AN350" s="84"/>
      <c r="AO350" s="84"/>
      <c r="AP350" s="84"/>
      <c r="AQ350" s="84"/>
      <c r="AR350" s="84"/>
      <c r="AS350" s="84"/>
      <c r="AT350" s="84"/>
      <c r="AU350" s="84"/>
      <c r="AV350" s="84"/>
      <c r="AW350" s="84"/>
      <c r="AX350" s="84"/>
      <c r="AY350" s="84"/>
      <c r="AZ350" s="84"/>
      <c r="BA350" s="238">
        <f>SUMIF(V350:AZ350,"YES",'DRAFT - HGC Schemes'!$AB$5:$BF$5)</f>
        <v>0</v>
      </c>
      <c r="BB350" s="84" t="e">
        <f t="shared" si="218"/>
        <v>#DIV/0!</v>
      </c>
      <c r="BC350" s="336" t="str">
        <f>IF(V350="yes",('DRAFT - HGC Schemes'!AB$5*$BB350),"")</f>
        <v/>
      </c>
      <c r="BD350" s="336" t="str">
        <f>IF(W350="yes",('DRAFT - HGC Schemes'!AC$5*$BB350),"")</f>
        <v/>
      </c>
      <c r="BE350" s="336" t="str">
        <f>IF(X350="yes",('DRAFT - HGC Schemes'!AD$5*$BB350),"")</f>
        <v/>
      </c>
      <c r="BF350" s="336" t="str">
        <f>IF(Y350="yes",('DRAFT - HGC Schemes'!AE$5*$BB350),"")</f>
        <v/>
      </c>
      <c r="BG350" s="336" t="str">
        <f>IF(Z350="yes",('DRAFT - HGC Schemes'!AF$5*$BB350),"")</f>
        <v/>
      </c>
      <c r="BH350" s="336" t="str">
        <f>IF(AA350="yes",('DRAFT - HGC Schemes'!AG$5*$BB350),"")</f>
        <v/>
      </c>
      <c r="BI350" s="336" t="str">
        <f>IF(AB350="yes",('DRAFT - HGC Schemes'!AH$5*$BB350),"")</f>
        <v/>
      </c>
      <c r="BJ350" s="336" t="str">
        <f>IF(AC350="yes",('DRAFT - HGC Schemes'!AI$5*$BB350),"")</f>
        <v/>
      </c>
      <c r="BK350" s="336" t="str">
        <f>IF(AD350="yes",('DRAFT - HGC Schemes'!AJ$5*$BB350),"")</f>
        <v/>
      </c>
      <c r="BL350" s="336" t="str">
        <f>IF(AE350="yes",('DRAFT - HGC Schemes'!AK$5*$BB350),"")</f>
        <v/>
      </c>
      <c r="BM350" s="336" t="str">
        <f>IF(AF350="yes",('DRAFT - HGC Schemes'!AL$5*$BB350),"")</f>
        <v/>
      </c>
      <c r="BN350" s="336" t="str">
        <f>IF(AG350="yes",('DRAFT - HGC Schemes'!AM$5*$BB350),"")</f>
        <v/>
      </c>
      <c r="BO350" s="336" t="str">
        <f>IF(AH350="yes",('DRAFT - HGC Schemes'!AN$5*$BB350),"")</f>
        <v/>
      </c>
      <c r="BP350" s="336" t="str">
        <f>IF(AI350="yes",('DRAFT - HGC Schemes'!AO$5*$BB350),"")</f>
        <v/>
      </c>
      <c r="BQ350" s="336" t="str">
        <f>IF(AJ350="yes",('DRAFT - HGC Schemes'!AP$5*$BB350),"")</f>
        <v/>
      </c>
      <c r="BR350" s="336" t="str">
        <f>IF(AK350="yes",('DRAFT - HGC Schemes'!AQ$5*$BB350),"")</f>
        <v/>
      </c>
      <c r="BS350" s="336" t="str">
        <f>IF(AL350="yes",('DRAFT - HGC Schemes'!AR$5*$BB350),"")</f>
        <v/>
      </c>
      <c r="BT350" s="336" t="e">
        <f>IF(AM350="yes",('DRAFT - HGC Schemes'!AS$5*$BB350),"")</f>
        <v>#DIV/0!</v>
      </c>
      <c r="BU350" s="336" t="str">
        <f>IF(AN350="yes",('DRAFT - HGC Schemes'!AT$5*$BB350),"")</f>
        <v/>
      </c>
      <c r="BV350" s="336" t="str">
        <f>IF(AO350="yes",('DRAFT - HGC Schemes'!AU$5*$BB350),"")</f>
        <v/>
      </c>
      <c r="BW350" s="336" t="str">
        <f>IF(AP350="yes",('DRAFT - HGC Schemes'!AV$5*$BB350),"")</f>
        <v/>
      </c>
      <c r="BX350" s="336" t="str">
        <f>IF(AQ350="yes",('DRAFT - HGC Schemes'!AW$5*$BB350),"")</f>
        <v/>
      </c>
      <c r="BY350" s="336" t="str">
        <f>IF(AR350="yes",('DRAFT - HGC Schemes'!AX$5*$BB350),"")</f>
        <v/>
      </c>
      <c r="BZ350" s="336" t="str">
        <f>IF(AS350="yes",('DRAFT - HGC Schemes'!AY$5*$BB350),"")</f>
        <v/>
      </c>
      <c r="CA350" s="336" t="str">
        <f>IF(AT350="yes",('DRAFT - HGC Schemes'!AZ$5*$BB350),"")</f>
        <v/>
      </c>
      <c r="CB350" s="336" t="str">
        <f>IF(AU350="yes",('DRAFT - HGC Schemes'!BA$5*$BB350),"")</f>
        <v/>
      </c>
      <c r="CC350" s="336" t="str">
        <f>IF(AV350="yes",('DRAFT - HGC Schemes'!BB$5*$BB350),"")</f>
        <v/>
      </c>
      <c r="CD350" s="336" t="str">
        <f>IF(AW350="yes",('DRAFT - HGC Schemes'!BC$5*$BB350),"")</f>
        <v/>
      </c>
      <c r="CE350" s="336" t="str">
        <f>IF(AX350="yes",('DRAFT - HGC Schemes'!BD$5*$BB350),"")</f>
        <v/>
      </c>
      <c r="CF350" s="336" t="str">
        <f>IF(AY350="yes",('DRAFT - HGC Schemes'!BE$5*$BB350),"")</f>
        <v/>
      </c>
      <c r="CG350" s="336" t="str">
        <f>IF(AZ350="yes",('DRAFT - HGC Schemes'!BF$5*$BB350),"")</f>
        <v/>
      </c>
      <c r="CH350" s="336"/>
      <c r="CI350" s="336"/>
      <c r="CJ350" s="336"/>
      <c r="CK350" s="336"/>
      <c r="CL350" s="336"/>
      <c r="CM350" s="336"/>
      <c r="CN350" s="336"/>
      <c r="CO350" s="336"/>
      <c r="CP350" s="336"/>
      <c r="CQ350" s="336"/>
      <c r="CR350" s="336"/>
      <c r="CS350" s="336"/>
      <c r="CT350" s="336"/>
      <c r="CU350" s="336"/>
      <c r="CV350" s="336"/>
      <c r="CW350" s="336"/>
      <c r="CX350" s="336"/>
      <c r="CY350" s="336"/>
      <c r="CZ350" s="336"/>
      <c r="DA350" s="336"/>
      <c r="DB350" s="336"/>
      <c r="DC350" s="336"/>
      <c r="DD350" s="84" t="s">
        <v>660</v>
      </c>
      <c r="DE350" s="84"/>
      <c r="DF350" s="399" t="s">
        <v>661</v>
      </c>
    </row>
    <row r="351" spans="3:110" s="120" customFormat="1" ht="56.1" customHeight="1" x14ac:dyDescent="0.2">
      <c r="C351" s="420">
        <v>636</v>
      </c>
      <c r="D351" s="420" t="s">
        <v>2481</v>
      </c>
      <c r="E351" s="96" t="s">
        <v>53</v>
      </c>
      <c r="F351" s="96" t="s">
        <v>655</v>
      </c>
      <c r="G351" s="310" t="s">
        <v>656</v>
      </c>
      <c r="H351" s="310" t="s">
        <v>737</v>
      </c>
      <c r="I351" s="310" t="s">
        <v>738</v>
      </c>
      <c r="J351" s="310"/>
      <c r="K351" s="310" t="s">
        <v>86</v>
      </c>
      <c r="L351" s="310" t="s">
        <v>732</v>
      </c>
      <c r="M351" s="310" t="s">
        <v>60</v>
      </c>
      <c r="N351" s="310" t="s">
        <v>77</v>
      </c>
      <c r="O351" s="310" t="s">
        <v>722</v>
      </c>
      <c r="P351" s="309" t="s">
        <v>63</v>
      </c>
      <c r="Q351" s="309" t="s">
        <v>63</v>
      </c>
      <c r="R351" s="309">
        <v>150472</v>
      </c>
      <c r="S351" s="309">
        <f t="shared" si="217"/>
        <v>150472</v>
      </c>
      <c r="T351" s="309" t="s">
        <v>723</v>
      </c>
      <c r="U351" s="309" t="s">
        <v>65</v>
      </c>
      <c r="V351" s="309"/>
      <c r="W351" s="309"/>
      <c r="X351" s="309"/>
      <c r="Y351" s="309"/>
      <c r="Z351" s="309"/>
      <c r="AA351" s="309"/>
      <c r="AB351" s="309"/>
      <c r="AC351" s="309"/>
      <c r="AD351" s="309"/>
      <c r="AE351" s="309"/>
      <c r="AF351" s="309"/>
      <c r="AG351" s="309"/>
      <c r="AH351" s="309"/>
      <c r="AI351" s="309"/>
      <c r="AJ351" s="309"/>
      <c r="AK351" s="309"/>
      <c r="AL351" s="309"/>
      <c r="AM351" s="402" t="s">
        <v>66</v>
      </c>
      <c r="AN351" s="309"/>
      <c r="AO351" s="309"/>
      <c r="AP351" s="309"/>
      <c r="AQ351" s="309"/>
      <c r="AR351" s="309"/>
      <c r="AS351" s="309"/>
      <c r="AT351" s="309"/>
      <c r="AU351" s="309"/>
      <c r="AV351" s="309"/>
      <c r="AW351" s="309"/>
      <c r="AX351" s="309"/>
      <c r="AY351" s="309"/>
      <c r="AZ351" s="309"/>
      <c r="BA351" s="308">
        <f>SUMIF(V351:AZ351,"YES",$V$2:$AZ$2)</f>
        <v>775</v>
      </c>
      <c r="BB351" s="309">
        <f t="shared" si="218"/>
        <v>194.15741935483871</v>
      </c>
      <c r="BC351" s="402" t="str">
        <f t="shared" ref="BC351:CG351" si="219">IF(V351="yes",(V$2*$BB351),"")</f>
        <v/>
      </c>
      <c r="BD351" s="402" t="str">
        <f t="shared" si="219"/>
        <v/>
      </c>
      <c r="BE351" s="402" t="str">
        <f t="shared" si="219"/>
        <v/>
      </c>
      <c r="BF351" s="402" t="str">
        <f t="shared" si="219"/>
        <v/>
      </c>
      <c r="BG351" s="402" t="str">
        <f t="shared" si="219"/>
        <v/>
      </c>
      <c r="BH351" s="402" t="str">
        <f t="shared" si="219"/>
        <v/>
      </c>
      <c r="BI351" s="402" t="str">
        <f t="shared" si="219"/>
        <v/>
      </c>
      <c r="BJ351" s="402" t="str">
        <f t="shared" si="219"/>
        <v/>
      </c>
      <c r="BK351" s="402" t="str">
        <f t="shared" si="219"/>
        <v/>
      </c>
      <c r="BL351" s="402" t="str">
        <f t="shared" si="219"/>
        <v/>
      </c>
      <c r="BM351" s="402" t="str">
        <f t="shared" si="219"/>
        <v/>
      </c>
      <c r="BN351" s="402" t="str">
        <f t="shared" si="219"/>
        <v/>
      </c>
      <c r="BO351" s="402" t="str">
        <f t="shared" si="219"/>
        <v/>
      </c>
      <c r="BP351" s="402" t="str">
        <f t="shared" si="219"/>
        <v/>
      </c>
      <c r="BQ351" s="402" t="str">
        <f t="shared" si="219"/>
        <v/>
      </c>
      <c r="BR351" s="402" t="str">
        <f t="shared" si="219"/>
        <v/>
      </c>
      <c r="BS351" s="402" t="str">
        <f t="shared" si="219"/>
        <v/>
      </c>
      <c r="BT351" s="402">
        <f t="shared" si="219"/>
        <v>150472</v>
      </c>
      <c r="BU351" s="402" t="str">
        <f t="shared" si="219"/>
        <v/>
      </c>
      <c r="BV351" s="402" t="str">
        <f t="shared" si="219"/>
        <v/>
      </c>
      <c r="BW351" s="402" t="str">
        <f t="shared" si="219"/>
        <v/>
      </c>
      <c r="BX351" s="402" t="str">
        <f t="shared" si="219"/>
        <v/>
      </c>
      <c r="BY351" s="402" t="str">
        <f t="shared" si="219"/>
        <v/>
      </c>
      <c r="BZ351" s="402" t="str">
        <f t="shared" si="219"/>
        <v/>
      </c>
      <c r="CA351" s="402" t="str">
        <f t="shared" si="219"/>
        <v/>
      </c>
      <c r="CB351" s="402" t="str">
        <f t="shared" si="219"/>
        <v/>
      </c>
      <c r="CC351" s="402" t="str">
        <f t="shared" si="219"/>
        <v/>
      </c>
      <c r="CD351" s="402" t="str">
        <f t="shared" si="219"/>
        <v/>
      </c>
      <c r="CE351" s="402" t="str">
        <f t="shared" si="219"/>
        <v/>
      </c>
      <c r="CF351" s="402" t="str">
        <f t="shared" si="219"/>
        <v/>
      </c>
      <c r="CG351" s="402" t="str">
        <f t="shared" si="219"/>
        <v/>
      </c>
      <c r="CH351" s="402"/>
      <c r="CI351" s="402"/>
      <c r="CJ351" s="402"/>
      <c r="CK351" s="402"/>
      <c r="CL351" s="402"/>
      <c r="CM351" s="402"/>
      <c r="CN351" s="402"/>
      <c r="CO351" s="402"/>
      <c r="CP351" s="402"/>
      <c r="CQ351" s="402"/>
      <c r="CR351" s="402"/>
      <c r="CS351" s="402"/>
      <c r="CT351" s="402"/>
      <c r="CU351" s="402"/>
      <c r="CV351" s="402"/>
      <c r="CW351" s="402"/>
      <c r="CX351" s="402"/>
      <c r="CY351" s="402"/>
      <c r="CZ351" s="402"/>
      <c r="DA351" s="402"/>
      <c r="DB351" s="402"/>
      <c r="DC351" s="402"/>
      <c r="DD351" s="309" t="s">
        <v>660</v>
      </c>
      <c r="DE351" s="309"/>
      <c r="DF351" s="404" t="s">
        <v>661</v>
      </c>
    </row>
    <row r="352" spans="3:110" s="120" customFormat="1" ht="85.35" customHeight="1" x14ac:dyDescent="0.2">
      <c r="C352" s="368">
        <v>637</v>
      </c>
      <c r="D352" s="368" t="s">
        <v>2481</v>
      </c>
      <c r="E352" s="369" t="s">
        <v>53</v>
      </c>
      <c r="F352" s="369" t="s">
        <v>655</v>
      </c>
      <c r="G352" s="232" t="s">
        <v>656</v>
      </c>
      <c r="H352" s="232" t="s">
        <v>739</v>
      </c>
      <c r="I352" s="232" t="s">
        <v>740</v>
      </c>
      <c r="J352" s="232"/>
      <c r="K352" s="232" t="s">
        <v>86</v>
      </c>
      <c r="L352" s="232" t="s">
        <v>63</v>
      </c>
      <c r="M352" s="232" t="s">
        <v>81</v>
      </c>
      <c r="N352" s="232" t="s">
        <v>77</v>
      </c>
      <c r="O352" s="334" t="s">
        <v>225</v>
      </c>
      <c r="P352" s="84" t="s">
        <v>63</v>
      </c>
      <c r="Q352" s="84" t="s">
        <v>63</v>
      </c>
      <c r="R352" s="84">
        <v>62697</v>
      </c>
      <c r="S352" s="84">
        <f t="shared" si="217"/>
        <v>62697</v>
      </c>
      <c r="T352" s="84" t="s">
        <v>659</v>
      </c>
      <c r="U352" s="84" t="s">
        <v>65</v>
      </c>
      <c r="V352" s="84"/>
      <c r="W352" s="84"/>
      <c r="X352" s="84"/>
      <c r="Y352" s="84"/>
      <c r="Z352" s="84"/>
      <c r="AA352" s="84"/>
      <c r="AB352" s="84"/>
      <c r="AC352" s="84"/>
      <c r="AD352" s="84"/>
      <c r="AE352" s="84"/>
      <c r="AF352" s="84"/>
      <c r="AG352" s="84"/>
      <c r="AH352" s="84"/>
      <c r="AI352" s="84"/>
      <c r="AJ352" s="84"/>
      <c r="AK352" s="84"/>
      <c r="AL352" s="84"/>
      <c r="AM352" s="336" t="s">
        <v>66</v>
      </c>
      <c r="AN352" s="336" t="s">
        <v>66</v>
      </c>
      <c r="AO352" s="336" t="s">
        <v>66</v>
      </c>
      <c r="AP352" s="336" t="s">
        <v>66</v>
      </c>
      <c r="AQ352" s="84"/>
      <c r="AR352" s="84"/>
      <c r="AS352" s="84"/>
      <c r="AT352" s="84"/>
      <c r="AU352" s="84"/>
      <c r="AV352" s="84"/>
      <c r="AW352" s="84"/>
      <c r="AX352" s="84"/>
      <c r="AY352" s="84"/>
      <c r="AZ352" s="84"/>
      <c r="BA352" s="238">
        <f>SUMIF(V352:AZ352,"YES",'DRAFT - HGC Schemes'!$AB$5:$BF$5)</f>
        <v>0</v>
      </c>
      <c r="BB352" s="84" t="e">
        <f t="shared" si="218"/>
        <v>#DIV/0!</v>
      </c>
      <c r="BC352" s="336" t="str">
        <f>IF(V352="yes",('DRAFT - HGC Schemes'!AB$5*$BB352),"")</f>
        <v/>
      </c>
      <c r="BD352" s="336" t="str">
        <f>IF(W352="yes",('DRAFT - HGC Schemes'!AC$5*$BB352),"")</f>
        <v/>
      </c>
      <c r="BE352" s="336" t="str">
        <f>IF(X352="yes",('DRAFT - HGC Schemes'!AD$5*$BB352),"")</f>
        <v/>
      </c>
      <c r="BF352" s="336" t="str">
        <f>IF(Y352="yes",('DRAFT - HGC Schemes'!AE$5*$BB352),"")</f>
        <v/>
      </c>
      <c r="BG352" s="336" t="str">
        <f>IF(Z352="yes",('DRAFT - HGC Schemes'!AF$5*$BB352),"")</f>
        <v/>
      </c>
      <c r="BH352" s="336" t="str">
        <f>IF(AA352="yes",('DRAFT - HGC Schemes'!AG$5*$BB352),"")</f>
        <v/>
      </c>
      <c r="BI352" s="336" t="str">
        <f>IF(AB352="yes",('DRAFT - HGC Schemes'!AH$5*$BB352),"")</f>
        <v/>
      </c>
      <c r="BJ352" s="336" t="str">
        <f>IF(AC352="yes",('DRAFT - HGC Schemes'!AI$5*$BB352),"")</f>
        <v/>
      </c>
      <c r="BK352" s="336" t="str">
        <f>IF(AD352="yes",('DRAFT - HGC Schemes'!AJ$5*$BB352),"")</f>
        <v/>
      </c>
      <c r="BL352" s="336" t="str">
        <f>IF(AE352="yes",('DRAFT - HGC Schemes'!AK$5*$BB352),"")</f>
        <v/>
      </c>
      <c r="BM352" s="336" t="str">
        <f>IF(AF352="yes",('DRAFT - HGC Schemes'!AL$5*$BB352),"")</f>
        <v/>
      </c>
      <c r="BN352" s="336" t="str">
        <f>IF(AG352="yes",('DRAFT - HGC Schemes'!AM$5*$BB352),"")</f>
        <v/>
      </c>
      <c r="BO352" s="336" t="str">
        <f>IF(AH352="yes",('DRAFT - HGC Schemes'!AN$5*$BB352),"")</f>
        <v/>
      </c>
      <c r="BP352" s="336" t="str">
        <f>IF(AI352="yes",('DRAFT - HGC Schemes'!AO$5*$BB352),"")</f>
        <v/>
      </c>
      <c r="BQ352" s="336" t="str">
        <f>IF(AJ352="yes",('DRAFT - HGC Schemes'!AP$5*$BB352),"")</f>
        <v/>
      </c>
      <c r="BR352" s="336" t="str">
        <f>IF(AK352="yes",('DRAFT - HGC Schemes'!AQ$5*$BB352),"")</f>
        <v/>
      </c>
      <c r="BS352" s="336" t="str">
        <f>IF(AL352="yes",('DRAFT - HGC Schemes'!AR$5*$BB352),"")</f>
        <v/>
      </c>
      <c r="BT352" s="336" t="e">
        <f>IF(AM352="yes",('DRAFT - HGC Schemes'!AS$5*$BB352),"")</f>
        <v>#DIV/0!</v>
      </c>
      <c r="BU352" s="336" t="e">
        <f>IF(AN352="yes",('DRAFT - HGC Schemes'!AT$5*$BB352),"")</f>
        <v>#DIV/0!</v>
      </c>
      <c r="BV352" s="336" t="e">
        <f>IF(AO352="yes",('DRAFT - HGC Schemes'!AU$5*$BB352),"")</f>
        <v>#DIV/0!</v>
      </c>
      <c r="BW352" s="336" t="e">
        <f>IF(AP352="yes",('DRAFT - HGC Schemes'!AV$5*$BB352),"")</f>
        <v>#DIV/0!</v>
      </c>
      <c r="BX352" s="336" t="str">
        <f>IF(AQ352="yes",('DRAFT - HGC Schemes'!AW$5*$BB352),"")</f>
        <v/>
      </c>
      <c r="BY352" s="336" t="str">
        <f>IF(AR352="yes",('DRAFT - HGC Schemes'!AX$5*$BB352),"")</f>
        <v/>
      </c>
      <c r="BZ352" s="336" t="str">
        <f>IF(AS352="yes",('DRAFT - HGC Schemes'!AY$5*$BB352),"")</f>
        <v/>
      </c>
      <c r="CA352" s="336" t="str">
        <f>IF(AT352="yes",('DRAFT - HGC Schemes'!AZ$5*$BB352),"")</f>
        <v/>
      </c>
      <c r="CB352" s="336" t="str">
        <f>IF(AU352="yes",('DRAFT - HGC Schemes'!BA$5*$BB352),"")</f>
        <v/>
      </c>
      <c r="CC352" s="336" t="str">
        <f>IF(AV352="yes",('DRAFT - HGC Schemes'!BB$5*$BB352),"")</f>
        <v/>
      </c>
      <c r="CD352" s="336" t="str">
        <f>IF(AW352="yes",('DRAFT - HGC Schemes'!BC$5*$BB352),"")</f>
        <v/>
      </c>
      <c r="CE352" s="336" t="str">
        <f>IF(AX352="yes",('DRAFT - HGC Schemes'!BD$5*$BB352),"")</f>
        <v/>
      </c>
      <c r="CF352" s="336" t="str">
        <f>IF(AY352="yes",('DRAFT - HGC Schemes'!BE$5*$BB352),"")</f>
        <v/>
      </c>
      <c r="CG352" s="336" t="str">
        <f>IF(AZ352="yes",('DRAFT - HGC Schemes'!BF$5*$BB352),"")</f>
        <v/>
      </c>
      <c r="CH352" s="336"/>
      <c r="CI352" s="336"/>
      <c r="CJ352" s="336"/>
      <c r="CK352" s="336"/>
      <c r="CL352" s="336"/>
      <c r="CM352" s="336"/>
      <c r="CN352" s="336"/>
      <c r="CO352" s="336"/>
      <c r="CP352" s="336"/>
      <c r="CQ352" s="336"/>
      <c r="CR352" s="336"/>
      <c r="CS352" s="336"/>
      <c r="CT352" s="336"/>
      <c r="CU352" s="336"/>
      <c r="CV352" s="336"/>
      <c r="CW352" s="336"/>
      <c r="CX352" s="336"/>
      <c r="CY352" s="336"/>
      <c r="CZ352" s="336"/>
      <c r="DA352" s="336"/>
      <c r="DB352" s="336"/>
      <c r="DC352" s="336"/>
      <c r="DD352" s="84" t="s">
        <v>660</v>
      </c>
      <c r="DE352" s="84"/>
      <c r="DF352" s="399" t="s">
        <v>661</v>
      </c>
    </row>
    <row r="353" spans="3:110" s="120" customFormat="1" ht="56.1" customHeight="1" x14ac:dyDescent="0.2">
      <c r="C353" s="368">
        <v>638</v>
      </c>
      <c r="D353" s="368" t="s">
        <v>2481</v>
      </c>
      <c r="E353" s="369" t="s">
        <v>53</v>
      </c>
      <c r="F353" s="369" t="s">
        <v>655</v>
      </c>
      <c r="G353" s="232" t="s">
        <v>656</v>
      </c>
      <c r="H353" s="232" t="s">
        <v>741</v>
      </c>
      <c r="I353" s="232" t="s">
        <v>742</v>
      </c>
      <c r="J353" s="232"/>
      <c r="K353" s="232" t="s">
        <v>86</v>
      </c>
      <c r="L353" s="232" t="s">
        <v>732</v>
      </c>
      <c r="M353" s="232" t="s">
        <v>60</v>
      </c>
      <c r="N353" s="232" t="s">
        <v>77</v>
      </c>
      <c r="O353" s="232" t="s">
        <v>722</v>
      </c>
      <c r="P353" s="84" t="s">
        <v>63</v>
      </c>
      <c r="Q353" s="84" t="s">
        <v>63</v>
      </c>
      <c r="R353" s="84">
        <v>966240</v>
      </c>
      <c r="S353" s="84">
        <f t="shared" si="217"/>
        <v>966240</v>
      </c>
      <c r="T353" s="84" t="s">
        <v>723</v>
      </c>
      <c r="U353" s="84" t="s">
        <v>65</v>
      </c>
      <c r="V353" s="84"/>
      <c r="W353" s="84"/>
      <c r="X353" s="84"/>
      <c r="Y353" s="84"/>
      <c r="Z353" s="84"/>
      <c r="AA353" s="84"/>
      <c r="AB353" s="84"/>
      <c r="AC353" s="84"/>
      <c r="AD353" s="84"/>
      <c r="AE353" s="84"/>
      <c r="AF353" s="84"/>
      <c r="AG353" s="84"/>
      <c r="AH353" s="84"/>
      <c r="AI353" s="84"/>
      <c r="AJ353" s="84"/>
      <c r="AK353" s="84"/>
      <c r="AL353" s="84"/>
      <c r="AM353" s="336" t="s">
        <v>66</v>
      </c>
      <c r="AN353" s="84"/>
      <c r="AO353" s="84"/>
      <c r="AP353" s="84"/>
      <c r="AQ353" s="84"/>
      <c r="AR353" s="84"/>
      <c r="AS353" s="84"/>
      <c r="AT353" s="84"/>
      <c r="AU353" s="84"/>
      <c r="AV353" s="84"/>
      <c r="AW353" s="84"/>
      <c r="AX353" s="84"/>
      <c r="AY353" s="84"/>
      <c r="AZ353" s="84"/>
      <c r="BA353" s="238">
        <f>SUMIF(V353:AZ353,"YES",'DRAFT - HGC Schemes'!$AB$5:$BF$5)</f>
        <v>0</v>
      </c>
      <c r="BB353" s="84" t="e">
        <f t="shared" si="218"/>
        <v>#DIV/0!</v>
      </c>
      <c r="BC353" s="336" t="str">
        <f>IF(V353="yes",('DRAFT - HGC Schemes'!AB$5*$BB353),"")</f>
        <v/>
      </c>
      <c r="BD353" s="336" t="str">
        <f>IF(W353="yes",('DRAFT - HGC Schemes'!AC$5*$BB353),"")</f>
        <v/>
      </c>
      <c r="BE353" s="336" t="str">
        <f>IF(X353="yes",('DRAFT - HGC Schemes'!AD$5*$BB353),"")</f>
        <v/>
      </c>
      <c r="BF353" s="336" t="str">
        <f>IF(Y353="yes",('DRAFT - HGC Schemes'!AE$5*$BB353),"")</f>
        <v/>
      </c>
      <c r="BG353" s="336" t="str">
        <f>IF(Z353="yes",('DRAFT - HGC Schemes'!AF$5*$BB353),"")</f>
        <v/>
      </c>
      <c r="BH353" s="336" t="str">
        <f>IF(AA353="yes",('DRAFT - HGC Schemes'!AG$5*$BB353),"")</f>
        <v/>
      </c>
      <c r="BI353" s="336" t="str">
        <f>IF(AB353="yes",('DRAFT - HGC Schemes'!AH$5*$BB353),"")</f>
        <v/>
      </c>
      <c r="BJ353" s="336" t="str">
        <f>IF(AC353="yes",('DRAFT - HGC Schemes'!AI$5*$BB353),"")</f>
        <v/>
      </c>
      <c r="BK353" s="336" t="str">
        <f>IF(AD353="yes",('DRAFT - HGC Schemes'!AJ$5*$BB353),"")</f>
        <v/>
      </c>
      <c r="BL353" s="336" t="str">
        <f>IF(AE353="yes",('DRAFT - HGC Schemes'!AK$5*$BB353),"")</f>
        <v/>
      </c>
      <c r="BM353" s="336" t="str">
        <f>IF(AF353="yes",('DRAFT - HGC Schemes'!AL$5*$BB353),"")</f>
        <v/>
      </c>
      <c r="BN353" s="336" t="str">
        <f>IF(AG353="yes",('DRAFT - HGC Schemes'!AM$5*$BB353),"")</f>
        <v/>
      </c>
      <c r="BO353" s="336" t="str">
        <f>IF(AH353="yes",('DRAFT - HGC Schemes'!AN$5*$BB353),"")</f>
        <v/>
      </c>
      <c r="BP353" s="336" t="str">
        <f>IF(AI353="yes",('DRAFT - HGC Schemes'!AO$5*$BB353),"")</f>
        <v/>
      </c>
      <c r="BQ353" s="336" t="str">
        <f>IF(AJ353="yes",('DRAFT - HGC Schemes'!AP$5*$BB353),"")</f>
        <v/>
      </c>
      <c r="BR353" s="336" t="str">
        <f>IF(AK353="yes",('DRAFT - HGC Schemes'!AQ$5*$BB353),"")</f>
        <v/>
      </c>
      <c r="BS353" s="336" t="str">
        <f>IF(AL353="yes",('DRAFT - HGC Schemes'!AR$5*$BB353),"")</f>
        <v/>
      </c>
      <c r="BT353" s="336" t="e">
        <f>IF(AM353="yes",('DRAFT - HGC Schemes'!AS$5*$BB353),"")</f>
        <v>#DIV/0!</v>
      </c>
      <c r="BU353" s="336" t="str">
        <f>IF(AN353="yes",('DRAFT - HGC Schemes'!AT$5*$BB353),"")</f>
        <v/>
      </c>
      <c r="BV353" s="336" t="str">
        <f>IF(AO353="yes",('DRAFT - HGC Schemes'!AU$5*$BB353),"")</f>
        <v/>
      </c>
      <c r="BW353" s="336" t="str">
        <f>IF(AP353="yes",('DRAFT - HGC Schemes'!AV$5*$BB353),"")</f>
        <v/>
      </c>
      <c r="BX353" s="336" t="str">
        <f>IF(AQ353="yes",('DRAFT - HGC Schemes'!AW$5*$BB353),"")</f>
        <v/>
      </c>
      <c r="BY353" s="336" t="str">
        <f>IF(AR353="yes",('DRAFT - HGC Schemes'!AX$5*$BB353),"")</f>
        <v/>
      </c>
      <c r="BZ353" s="336" t="str">
        <f>IF(AS353="yes",('DRAFT - HGC Schemes'!AY$5*$BB353),"")</f>
        <v/>
      </c>
      <c r="CA353" s="336" t="str">
        <f>IF(AT353="yes",('DRAFT - HGC Schemes'!AZ$5*$BB353),"")</f>
        <v/>
      </c>
      <c r="CB353" s="336" t="str">
        <f>IF(AU353="yes",('DRAFT - HGC Schemes'!BA$5*$BB353),"")</f>
        <v/>
      </c>
      <c r="CC353" s="336" t="str">
        <f>IF(AV353="yes",('DRAFT - HGC Schemes'!BB$5*$BB353),"")</f>
        <v/>
      </c>
      <c r="CD353" s="336" t="str">
        <f>IF(AW353="yes",('DRAFT - HGC Schemes'!BC$5*$BB353),"")</f>
        <v/>
      </c>
      <c r="CE353" s="336" t="str">
        <f>IF(AX353="yes",('DRAFT - HGC Schemes'!BD$5*$BB353),"")</f>
        <v/>
      </c>
      <c r="CF353" s="336" t="str">
        <f>IF(AY353="yes",('DRAFT - HGC Schemes'!BE$5*$BB353),"")</f>
        <v/>
      </c>
      <c r="CG353" s="336" t="str">
        <f>IF(AZ353="yes",('DRAFT - HGC Schemes'!BF$5*$BB353),"")</f>
        <v/>
      </c>
      <c r="CH353" s="336"/>
      <c r="CI353" s="336"/>
      <c r="CJ353" s="336"/>
      <c r="CK353" s="336"/>
      <c r="CL353" s="336"/>
      <c r="CM353" s="336"/>
      <c r="CN353" s="336"/>
      <c r="CO353" s="336"/>
      <c r="CP353" s="336"/>
      <c r="CQ353" s="336"/>
      <c r="CR353" s="336"/>
      <c r="CS353" s="336"/>
      <c r="CT353" s="336"/>
      <c r="CU353" s="336"/>
      <c r="CV353" s="336"/>
      <c r="CW353" s="336"/>
      <c r="CX353" s="336"/>
      <c r="CY353" s="336"/>
      <c r="CZ353" s="336"/>
      <c r="DA353" s="336"/>
      <c r="DB353" s="336"/>
      <c r="DC353" s="336"/>
      <c r="DD353" s="84" t="s">
        <v>660</v>
      </c>
      <c r="DE353" s="84"/>
      <c r="DF353" s="399" t="s">
        <v>661</v>
      </c>
    </row>
    <row r="354" spans="3:110" s="120" customFormat="1" ht="56.1" customHeight="1" x14ac:dyDescent="0.2">
      <c r="C354" s="368">
        <v>639</v>
      </c>
      <c r="D354" s="368" t="s">
        <v>2481</v>
      </c>
      <c r="E354" s="369" t="s">
        <v>53</v>
      </c>
      <c r="F354" s="369" t="s">
        <v>655</v>
      </c>
      <c r="G354" s="232" t="s">
        <v>656</v>
      </c>
      <c r="H354" s="232" t="s">
        <v>743</v>
      </c>
      <c r="I354" s="232" t="s">
        <v>744</v>
      </c>
      <c r="J354" s="232"/>
      <c r="K354" s="232" t="s">
        <v>86</v>
      </c>
      <c r="L354" s="232" t="s">
        <v>63</v>
      </c>
      <c r="M354" s="232" t="s">
        <v>81</v>
      </c>
      <c r="N354" s="232" t="s">
        <v>77</v>
      </c>
      <c r="O354" s="334" t="s">
        <v>225</v>
      </c>
      <c r="P354" s="84" t="s">
        <v>63</v>
      </c>
      <c r="Q354" s="84" t="s">
        <v>63</v>
      </c>
      <c r="R354" s="84">
        <v>51160</v>
      </c>
      <c r="S354" s="84">
        <f t="shared" si="217"/>
        <v>51160</v>
      </c>
      <c r="T354" s="84" t="s">
        <v>659</v>
      </c>
      <c r="U354" s="84" t="s">
        <v>65</v>
      </c>
      <c r="V354" s="84"/>
      <c r="W354" s="84"/>
      <c r="X354" s="84"/>
      <c r="Y354" s="84"/>
      <c r="Z354" s="84"/>
      <c r="AA354" s="84"/>
      <c r="AB354" s="84"/>
      <c r="AC354" s="84"/>
      <c r="AD354" s="84"/>
      <c r="AE354" s="84"/>
      <c r="AF354" s="84"/>
      <c r="AG354" s="84"/>
      <c r="AH354" s="84"/>
      <c r="AI354" s="84"/>
      <c r="AJ354" s="84"/>
      <c r="AK354" s="84"/>
      <c r="AL354" s="84"/>
      <c r="AM354" s="336" t="s">
        <v>66</v>
      </c>
      <c r="AN354" s="336" t="s">
        <v>66</v>
      </c>
      <c r="AO354" s="336" t="s">
        <v>66</v>
      </c>
      <c r="AP354" s="336" t="s">
        <v>66</v>
      </c>
      <c r="AQ354" s="84"/>
      <c r="AR354" s="84"/>
      <c r="AS354" s="84"/>
      <c r="AT354" s="84"/>
      <c r="AU354" s="84"/>
      <c r="AV354" s="84"/>
      <c r="AW354" s="84"/>
      <c r="AX354" s="84"/>
      <c r="AY354" s="84"/>
      <c r="AZ354" s="84"/>
      <c r="BA354" s="238">
        <f>SUMIF(V354:AZ354,"YES",'DRAFT - HGC Schemes'!$AB$5:$BF$5)</f>
        <v>0</v>
      </c>
      <c r="BB354" s="84" t="e">
        <f t="shared" si="218"/>
        <v>#DIV/0!</v>
      </c>
      <c r="BC354" s="336" t="str">
        <f>IF(V354="yes",('DRAFT - HGC Schemes'!AB$5*$BB354),"")</f>
        <v/>
      </c>
      <c r="BD354" s="336" t="str">
        <f>IF(W354="yes",('DRAFT - HGC Schemes'!AC$5*$BB354),"")</f>
        <v/>
      </c>
      <c r="BE354" s="336" t="str">
        <f>IF(X354="yes",('DRAFT - HGC Schemes'!AD$5*$BB354),"")</f>
        <v/>
      </c>
      <c r="BF354" s="336" t="str">
        <f>IF(Y354="yes",('DRAFT - HGC Schemes'!AE$5*$BB354),"")</f>
        <v/>
      </c>
      <c r="BG354" s="336" t="str">
        <f>IF(Z354="yes",('DRAFT - HGC Schemes'!AF$5*$BB354),"")</f>
        <v/>
      </c>
      <c r="BH354" s="336" t="str">
        <f>IF(AA354="yes",('DRAFT - HGC Schemes'!AG$5*$BB354),"")</f>
        <v/>
      </c>
      <c r="BI354" s="336" t="str">
        <f>IF(AB354="yes",('DRAFT - HGC Schemes'!AH$5*$BB354),"")</f>
        <v/>
      </c>
      <c r="BJ354" s="336" t="str">
        <f>IF(AC354="yes",('DRAFT - HGC Schemes'!AI$5*$BB354),"")</f>
        <v/>
      </c>
      <c r="BK354" s="336" t="str">
        <f>IF(AD354="yes",('DRAFT - HGC Schemes'!AJ$5*$BB354),"")</f>
        <v/>
      </c>
      <c r="BL354" s="336" t="str">
        <f>IF(AE354="yes",('DRAFT - HGC Schemes'!AK$5*$BB354),"")</f>
        <v/>
      </c>
      <c r="BM354" s="336" t="str">
        <f>IF(AF354="yes",('DRAFT - HGC Schemes'!AL$5*$BB354),"")</f>
        <v/>
      </c>
      <c r="BN354" s="336" t="str">
        <f>IF(AG354="yes",('DRAFT - HGC Schemes'!AM$5*$BB354),"")</f>
        <v/>
      </c>
      <c r="BO354" s="336" t="str">
        <f>IF(AH354="yes",('DRAFT - HGC Schemes'!AN$5*$BB354),"")</f>
        <v/>
      </c>
      <c r="BP354" s="336" t="str">
        <f>IF(AI354="yes",('DRAFT - HGC Schemes'!AO$5*$BB354),"")</f>
        <v/>
      </c>
      <c r="BQ354" s="336" t="str">
        <f>IF(AJ354="yes",('DRAFT - HGC Schemes'!AP$5*$BB354),"")</f>
        <v/>
      </c>
      <c r="BR354" s="336" t="str">
        <f>IF(AK354="yes",('DRAFT - HGC Schemes'!AQ$5*$BB354),"")</f>
        <v/>
      </c>
      <c r="BS354" s="336" t="str">
        <f>IF(AL354="yes",('DRAFT - HGC Schemes'!AR$5*$BB354),"")</f>
        <v/>
      </c>
      <c r="BT354" s="336" t="e">
        <f>IF(AM354="yes",('DRAFT - HGC Schemes'!AS$5*$BB354),"")</f>
        <v>#DIV/0!</v>
      </c>
      <c r="BU354" s="336" t="e">
        <f>IF(AN354="yes",('DRAFT - HGC Schemes'!AT$5*$BB354),"")</f>
        <v>#DIV/0!</v>
      </c>
      <c r="BV354" s="336" t="e">
        <f>IF(AO354="yes",('DRAFT - HGC Schemes'!AU$5*$BB354),"")</f>
        <v>#DIV/0!</v>
      </c>
      <c r="BW354" s="336" t="e">
        <f>IF(AP354="yes",('DRAFT - HGC Schemes'!AV$5*$BB354),"")</f>
        <v>#DIV/0!</v>
      </c>
      <c r="BX354" s="336" t="str">
        <f>IF(AQ354="yes",('DRAFT - HGC Schemes'!AW$5*$BB354),"")</f>
        <v/>
      </c>
      <c r="BY354" s="336" t="str">
        <f>IF(AR354="yes",('DRAFT - HGC Schemes'!AX$5*$BB354),"")</f>
        <v/>
      </c>
      <c r="BZ354" s="336" t="str">
        <f>IF(AS354="yes",('DRAFT - HGC Schemes'!AY$5*$BB354),"")</f>
        <v/>
      </c>
      <c r="CA354" s="336" t="str">
        <f>IF(AT354="yes",('DRAFT - HGC Schemes'!AZ$5*$BB354),"")</f>
        <v/>
      </c>
      <c r="CB354" s="336" t="str">
        <f>IF(AU354="yes",('DRAFT - HGC Schemes'!BA$5*$BB354),"")</f>
        <v/>
      </c>
      <c r="CC354" s="336" t="str">
        <f>IF(AV354="yes",('DRAFT - HGC Schemes'!BB$5*$BB354),"")</f>
        <v/>
      </c>
      <c r="CD354" s="336" t="str">
        <f>IF(AW354="yes",('DRAFT - HGC Schemes'!BC$5*$BB354),"")</f>
        <v/>
      </c>
      <c r="CE354" s="336" t="str">
        <f>IF(AX354="yes",('DRAFT - HGC Schemes'!BD$5*$BB354),"")</f>
        <v/>
      </c>
      <c r="CF354" s="336" t="str">
        <f>IF(AY354="yes",('DRAFT - HGC Schemes'!BE$5*$BB354),"")</f>
        <v/>
      </c>
      <c r="CG354" s="336" t="str">
        <f>IF(AZ354="yes",('DRAFT - HGC Schemes'!BF$5*$BB354),"")</f>
        <v/>
      </c>
      <c r="CH354" s="336"/>
      <c r="CI354" s="336"/>
      <c r="CJ354" s="336"/>
      <c r="CK354" s="336"/>
      <c r="CL354" s="336"/>
      <c r="CM354" s="336"/>
      <c r="CN354" s="336"/>
      <c r="CO354" s="336"/>
      <c r="CP354" s="336"/>
      <c r="CQ354" s="336"/>
      <c r="CR354" s="336"/>
      <c r="CS354" s="336"/>
      <c r="CT354" s="336"/>
      <c r="CU354" s="336"/>
      <c r="CV354" s="336"/>
      <c r="CW354" s="336"/>
      <c r="CX354" s="336"/>
      <c r="CY354" s="336"/>
      <c r="CZ354" s="336"/>
      <c r="DA354" s="336"/>
      <c r="DB354" s="336"/>
      <c r="DC354" s="336"/>
      <c r="DD354" s="84" t="s">
        <v>660</v>
      </c>
      <c r="DE354" s="84"/>
      <c r="DF354" s="399" t="s">
        <v>661</v>
      </c>
    </row>
    <row r="355" spans="3:110" s="120" customFormat="1" ht="56.1" customHeight="1" x14ac:dyDescent="0.2">
      <c r="C355" s="368">
        <v>640</v>
      </c>
      <c r="D355" s="368" t="s">
        <v>2481</v>
      </c>
      <c r="E355" s="369" t="s">
        <v>53</v>
      </c>
      <c r="F355" s="369" t="s">
        <v>655</v>
      </c>
      <c r="G355" s="232" t="s">
        <v>656</v>
      </c>
      <c r="H355" s="232" t="s">
        <v>745</v>
      </c>
      <c r="I355" s="232" t="s">
        <v>746</v>
      </c>
      <c r="J355" s="232"/>
      <c r="K355" s="232" t="s">
        <v>86</v>
      </c>
      <c r="L355" s="232" t="s">
        <v>63</v>
      </c>
      <c r="M355" s="232" t="s">
        <v>81</v>
      </c>
      <c r="N355" s="232" t="s">
        <v>77</v>
      </c>
      <c r="O355" s="334" t="s">
        <v>225</v>
      </c>
      <c r="P355" s="84" t="s">
        <v>63</v>
      </c>
      <c r="Q355" s="84" t="s">
        <v>63</v>
      </c>
      <c r="R355" s="335"/>
      <c r="S355" s="335"/>
      <c r="T355" s="84" t="s">
        <v>659</v>
      </c>
      <c r="U355" s="84" t="s">
        <v>65</v>
      </c>
      <c r="V355" s="84"/>
      <c r="W355" s="84"/>
      <c r="X355" s="84"/>
      <c r="Y355" s="84"/>
      <c r="Z355" s="84"/>
      <c r="AA355" s="84"/>
      <c r="AB355" s="84"/>
      <c r="AC355" s="84"/>
      <c r="AD355" s="84"/>
      <c r="AE355" s="84"/>
      <c r="AF355" s="84"/>
      <c r="AG355" s="84"/>
      <c r="AH355" s="84"/>
      <c r="AI355" s="84"/>
      <c r="AJ355" s="84"/>
      <c r="AK355" s="84"/>
      <c r="AL355" s="84"/>
      <c r="AM355" s="336" t="s">
        <v>66</v>
      </c>
      <c r="AN355" s="336" t="s">
        <v>66</v>
      </c>
      <c r="AO355" s="336" t="s">
        <v>66</v>
      </c>
      <c r="AP355" s="336" t="s">
        <v>66</v>
      </c>
      <c r="AQ355" s="84"/>
      <c r="AR355" s="84"/>
      <c r="AS355" s="84"/>
      <c r="AT355" s="84"/>
      <c r="AU355" s="84"/>
      <c r="AV355" s="84"/>
      <c r="AW355" s="84"/>
      <c r="AX355" s="84"/>
      <c r="AY355" s="84"/>
      <c r="AZ355" s="84"/>
      <c r="BA355" s="238">
        <f>SUMIF(V355:AZ355,"YES",'DRAFT - HGC Schemes'!$AB$5:$BF$5)</f>
        <v>0</v>
      </c>
      <c r="BB355" s="84"/>
      <c r="BC355" s="336" t="str">
        <f>IF(V355="yes",('DRAFT - HGC Schemes'!AB$5*$BB355),"")</f>
        <v/>
      </c>
      <c r="BD355" s="336" t="str">
        <f>IF(W355="yes",('DRAFT - HGC Schemes'!AC$5*$BB355),"")</f>
        <v/>
      </c>
      <c r="BE355" s="336" t="str">
        <f>IF(X355="yes",('DRAFT - HGC Schemes'!AD$5*$BB355),"")</f>
        <v/>
      </c>
      <c r="BF355" s="336" t="str">
        <f>IF(Y355="yes",('DRAFT - HGC Schemes'!AE$5*$BB355),"")</f>
        <v/>
      </c>
      <c r="BG355" s="336" t="str">
        <f>IF(Z355="yes",('DRAFT - HGC Schemes'!AF$5*$BB355),"")</f>
        <v/>
      </c>
      <c r="BH355" s="336" t="str">
        <f>IF(AA355="yes",('DRAFT - HGC Schemes'!AG$5*$BB355),"")</f>
        <v/>
      </c>
      <c r="BI355" s="336" t="str">
        <f>IF(AB355="yes",('DRAFT - HGC Schemes'!AH$5*$BB355),"")</f>
        <v/>
      </c>
      <c r="BJ355" s="336" t="str">
        <f>IF(AC355="yes",('DRAFT - HGC Schemes'!AI$5*$BB355),"")</f>
        <v/>
      </c>
      <c r="BK355" s="336" t="str">
        <f>IF(AD355="yes",('DRAFT - HGC Schemes'!AJ$5*$BB355),"")</f>
        <v/>
      </c>
      <c r="BL355" s="336" t="str">
        <f>IF(AE355="yes",('DRAFT - HGC Schemes'!AK$5*$BB355),"")</f>
        <v/>
      </c>
      <c r="BM355" s="336" t="str">
        <f>IF(AF355="yes",('DRAFT - HGC Schemes'!AL$5*$BB355),"")</f>
        <v/>
      </c>
      <c r="BN355" s="336" t="str">
        <f>IF(AG355="yes",('DRAFT - HGC Schemes'!AM$5*$BB355),"")</f>
        <v/>
      </c>
      <c r="BO355" s="336" t="str">
        <f>IF(AH355="yes",('DRAFT - HGC Schemes'!AN$5*$BB355),"")</f>
        <v/>
      </c>
      <c r="BP355" s="336" t="str">
        <f>IF(AI355="yes",('DRAFT - HGC Schemes'!AO$5*$BB355),"")</f>
        <v/>
      </c>
      <c r="BQ355" s="336" t="str">
        <f>IF(AJ355="yes",('DRAFT - HGC Schemes'!AP$5*$BB355),"")</f>
        <v/>
      </c>
      <c r="BR355" s="336" t="str">
        <f>IF(AK355="yes",('DRAFT - HGC Schemes'!AQ$5*$BB355),"")</f>
        <v/>
      </c>
      <c r="BS355" s="336" t="str">
        <f>IF(AL355="yes",('DRAFT - HGC Schemes'!AR$5*$BB355),"")</f>
        <v/>
      </c>
      <c r="BT355" s="336">
        <f>IF(AM355="yes",('DRAFT - HGC Schemes'!AS$5*$BB355),"")</f>
        <v>0</v>
      </c>
      <c r="BU355" s="336">
        <f>IF(AN355="yes",('DRAFT - HGC Schemes'!AT$5*$BB355),"")</f>
        <v>0</v>
      </c>
      <c r="BV355" s="336">
        <f>IF(AO355="yes",('DRAFT - HGC Schemes'!AU$5*$BB355),"")</f>
        <v>0</v>
      </c>
      <c r="BW355" s="336">
        <f>IF(AP355="yes",('DRAFT - HGC Schemes'!AV$5*$BB355),"")</f>
        <v>0</v>
      </c>
      <c r="BX355" s="336" t="str">
        <f>IF(AQ355="yes",('DRAFT - HGC Schemes'!AW$5*$BB355),"")</f>
        <v/>
      </c>
      <c r="BY355" s="336" t="str">
        <f>IF(AR355="yes",('DRAFT - HGC Schemes'!AX$5*$BB355),"")</f>
        <v/>
      </c>
      <c r="BZ355" s="336" t="str">
        <f>IF(AS355="yes",('DRAFT - HGC Schemes'!AY$5*$BB355),"")</f>
        <v/>
      </c>
      <c r="CA355" s="336" t="str">
        <f>IF(AT355="yes",('DRAFT - HGC Schemes'!AZ$5*$BB355),"")</f>
        <v/>
      </c>
      <c r="CB355" s="336" t="str">
        <f>IF(AU355="yes",('DRAFT - HGC Schemes'!BA$5*$BB355),"")</f>
        <v/>
      </c>
      <c r="CC355" s="336" t="str">
        <f>IF(AV355="yes",('DRAFT - HGC Schemes'!BB$5*$BB355),"")</f>
        <v/>
      </c>
      <c r="CD355" s="336" t="str">
        <f>IF(AW355="yes",('DRAFT - HGC Schemes'!BC$5*$BB355),"")</f>
        <v/>
      </c>
      <c r="CE355" s="336" t="str">
        <f>IF(AX355="yes",('DRAFT - HGC Schemes'!BD$5*$BB355),"")</f>
        <v/>
      </c>
      <c r="CF355" s="336" t="str">
        <f>IF(AY355="yes",('DRAFT - HGC Schemes'!BE$5*$BB355),"")</f>
        <v/>
      </c>
      <c r="CG355" s="336" t="str">
        <f>IF(AZ355="yes",('DRAFT - HGC Schemes'!BF$5*$BB355),"")</f>
        <v/>
      </c>
      <c r="CH355" s="336"/>
      <c r="CI355" s="336"/>
      <c r="CJ355" s="336"/>
      <c r="CK355" s="336"/>
      <c r="CL355" s="336"/>
      <c r="CM355" s="336"/>
      <c r="CN355" s="336"/>
      <c r="CO355" s="336"/>
      <c r="CP355" s="336"/>
      <c r="CQ355" s="336"/>
      <c r="CR355" s="336"/>
      <c r="CS355" s="336"/>
      <c r="CT355" s="336"/>
      <c r="CU355" s="336"/>
      <c r="CV355" s="336"/>
      <c r="CW355" s="336"/>
      <c r="CX355" s="336"/>
      <c r="CY355" s="336"/>
      <c r="CZ355" s="336"/>
      <c r="DA355" s="336"/>
      <c r="DB355" s="336"/>
      <c r="DC355" s="336"/>
      <c r="DD355" s="84" t="s">
        <v>660</v>
      </c>
      <c r="DE355" s="84"/>
      <c r="DF355" s="399" t="s">
        <v>661</v>
      </c>
    </row>
    <row r="356" spans="3:110" s="120" customFormat="1" ht="228" x14ac:dyDescent="0.2">
      <c r="C356" s="368">
        <v>641</v>
      </c>
      <c r="D356" s="368" t="s">
        <v>2481</v>
      </c>
      <c r="E356" s="369" t="s">
        <v>53</v>
      </c>
      <c r="F356" s="369" t="s">
        <v>655</v>
      </c>
      <c r="G356" s="232" t="s">
        <v>656</v>
      </c>
      <c r="H356" s="232" t="s">
        <v>747</v>
      </c>
      <c r="I356" s="232" t="s">
        <v>748</v>
      </c>
      <c r="J356" s="232"/>
      <c r="K356" s="232" t="s">
        <v>86</v>
      </c>
      <c r="L356" s="232" t="s">
        <v>63</v>
      </c>
      <c r="M356" s="232" t="s">
        <v>81</v>
      </c>
      <c r="N356" s="232" t="s">
        <v>77</v>
      </c>
      <c r="O356" s="334" t="s">
        <v>225</v>
      </c>
      <c r="P356" s="84" t="s">
        <v>63</v>
      </c>
      <c r="Q356" s="84" t="s">
        <v>63</v>
      </c>
      <c r="R356" s="84">
        <v>130113</v>
      </c>
      <c r="S356" s="84">
        <f t="shared" ref="S356:S368" si="220">R356</f>
        <v>130113</v>
      </c>
      <c r="T356" s="84" t="s">
        <v>659</v>
      </c>
      <c r="U356" s="84" t="s">
        <v>65</v>
      </c>
      <c r="V356" s="84"/>
      <c r="W356" s="84"/>
      <c r="X356" s="84"/>
      <c r="Y356" s="84"/>
      <c r="Z356" s="84"/>
      <c r="AA356" s="84"/>
      <c r="AB356" s="84"/>
      <c r="AC356" s="84"/>
      <c r="AD356" s="84"/>
      <c r="AE356" s="84"/>
      <c r="AF356" s="84"/>
      <c r="AG356" s="84"/>
      <c r="AH356" s="84"/>
      <c r="AI356" s="84"/>
      <c r="AJ356" s="84"/>
      <c r="AK356" s="84"/>
      <c r="AL356" s="84"/>
      <c r="AM356" s="336" t="s">
        <v>66</v>
      </c>
      <c r="AN356" s="336" t="s">
        <v>66</v>
      </c>
      <c r="AO356" s="336" t="s">
        <v>66</v>
      </c>
      <c r="AP356" s="336" t="s">
        <v>66</v>
      </c>
      <c r="AQ356" s="84"/>
      <c r="AR356" s="84"/>
      <c r="AS356" s="84"/>
      <c r="AT356" s="84"/>
      <c r="AU356" s="84"/>
      <c r="AV356" s="84"/>
      <c r="AW356" s="84"/>
      <c r="AX356" s="84"/>
      <c r="AY356" s="84"/>
      <c r="AZ356" s="84"/>
      <c r="BA356" s="238">
        <f>SUMIF(V356:AZ356,"YES",'DRAFT - HGC Schemes'!$AB$5:$BF$5)</f>
        <v>0</v>
      </c>
      <c r="BB356" s="84" t="e">
        <f>S356/BA356</f>
        <v>#DIV/0!</v>
      </c>
      <c r="BC356" s="336" t="str">
        <f>IF(V356="yes",('DRAFT - HGC Schemes'!AB$5*$BB356),"")</f>
        <v/>
      </c>
      <c r="BD356" s="336" t="str">
        <f>IF(W356="yes",('DRAFT - HGC Schemes'!AC$5*$BB356),"")</f>
        <v/>
      </c>
      <c r="BE356" s="336" t="str">
        <f>IF(X356="yes",('DRAFT - HGC Schemes'!AD$5*$BB356),"")</f>
        <v/>
      </c>
      <c r="BF356" s="336" t="str">
        <f>IF(Y356="yes",('DRAFT - HGC Schemes'!AE$5*$BB356),"")</f>
        <v/>
      </c>
      <c r="BG356" s="336" t="str">
        <f>IF(Z356="yes",('DRAFT - HGC Schemes'!AF$5*$BB356),"")</f>
        <v/>
      </c>
      <c r="BH356" s="336" t="str">
        <f>IF(AA356="yes",('DRAFT - HGC Schemes'!AG$5*$BB356),"")</f>
        <v/>
      </c>
      <c r="BI356" s="336" t="str">
        <f>IF(AB356="yes",('DRAFT - HGC Schemes'!AH$5*$BB356),"")</f>
        <v/>
      </c>
      <c r="BJ356" s="336" t="str">
        <f>IF(AC356="yes",('DRAFT - HGC Schemes'!AI$5*$BB356),"")</f>
        <v/>
      </c>
      <c r="BK356" s="336" t="str">
        <f>IF(AD356="yes",('DRAFT - HGC Schemes'!AJ$5*$BB356),"")</f>
        <v/>
      </c>
      <c r="BL356" s="336" t="str">
        <f>IF(AE356="yes",('DRAFT - HGC Schemes'!AK$5*$BB356),"")</f>
        <v/>
      </c>
      <c r="BM356" s="336" t="str">
        <f>IF(AF356="yes",('DRAFT - HGC Schemes'!AL$5*$BB356),"")</f>
        <v/>
      </c>
      <c r="BN356" s="336" t="str">
        <f>IF(AG356="yes",('DRAFT - HGC Schemes'!AM$5*$BB356),"")</f>
        <v/>
      </c>
      <c r="BO356" s="336" t="str">
        <f>IF(AH356="yes",('DRAFT - HGC Schemes'!AN$5*$BB356),"")</f>
        <v/>
      </c>
      <c r="BP356" s="336" t="str">
        <f>IF(AI356="yes",('DRAFT - HGC Schemes'!AO$5*$BB356),"")</f>
        <v/>
      </c>
      <c r="BQ356" s="336" t="str">
        <f>IF(AJ356="yes",('DRAFT - HGC Schemes'!AP$5*$BB356),"")</f>
        <v/>
      </c>
      <c r="BR356" s="336" t="str">
        <f>IF(AK356="yes",('DRAFT - HGC Schemes'!AQ$5*$BB356),"")</f>
        <v/>
      </c>
      <c r="BS356" s="336" t="str">
        <f>IF(AL356="yes",('DRAFT - HGC Schemes'!AR$5*$BB356),"")</f>
        <v/>
      </c>
      <c r="BT356" s="336" t="e">
        <f>IF(AM356="yes",('DRAFT - HGC Schemes'!AS$5*$BB356),"")</f>
        <v>#DIV/0!</v>
      </c>
      <c r="BU356" s="336" t="e">
        <f>IF(AN356="yes",('DRAFT - HGC Schemes'!AT$5*$BB356),"")</f>
        <v>#DIV/0!</v>
      </c>
      <c r="BV356" s="336" t="e">
        <f>IF(AO356="yes",('DRAFT - HGC Schemes'!AU$5*$BB356),"")</f>
        <v>#DIV/0!</v>
      </c>
      <c r="BW356" s="336" t="e">
        <f>IF(AP356="yes",('DRAFT - HGC Schemes'!AV$5*$BB356),"")</f>
        <v>#DIV/0!</v>
      </c>
      <c r="BX356" s="336" t="str">
        <f>IF(AQ356="yes",('DRAFT - HGC Schemes'!AW$5*$BB356),"")</f>
        <v/>
      </c>
      <c r="BY356" s="336" t="str">
        <f>IF(AR356="yes",('DRAFT - HGC Schemes'!AX$5*$BB356),"")</f>
        <v/>
      </c>
      <c r="BZ356" s="336" t="str">
        <f>IF(AS356="yes",('DRAFT - HGC Schemes'!AY$5*$BB356),"")</f>
        <v/>
      </c>
      <c r="CA356" s="336" t="str">
        <f>IF(AT356="yes",('DRAFT - HGC Schemes'!AZ$5*$BB356),"")</f>
        <v/>
      </c>
      <c r="CB356" s="336" t="str">
        <f>IF(AU356="yes",('DRAFT - HGC Schemes'!BA$5*$BB356),"")</f>
        <v/>
      </c>
      <c r="CC356" s="336" t="str">
        <f>IF(AV356="yes",('DRAFT - HGC Schemes'!BB$5*$BB356),"")</f>
        <v/>
      </c>
      <c r="CD356" s="336" t="str">
        <f>IF(AW356="yes",('DRAFT - HGC Schemes'!BC$5*$BB356),"")</f>
        <v/>
      </c>
      <c r="CE356" s="336" t="str">
        <f>IF(AX356="yes",('DRAFT - HGC Schemes'!BD$5*$BB356),"")</f>
        <v/>
      </c>
      <c r="CF356" s="336" t="str">
        <f>IF(AY356="yes",('DRAFT - HGC Schemes'!BE$5*$BB356),"")</f>
        <v/>
      </c>
      <c r="CG356" s="336" t="str">
        <f>IF(AZ356="yes",('DRAFT - HGC Schemes'!BF$5*$BB356),"")</f>
        <v/>
      </c>
      <c r="CH356" s="336"/>
      <c r="CI356" s="336"/>
      <c r="CJ356" s="336"/>
      <c r="CK356" s="336"/>
      <c r="CL356" s="336"/>
      <c r="CM356" s="336"/>
      <c r="CN356" s="336"/>
      <c r="CO356" s="336"/>
      <c r="CP356" s="336"/>
      <c r="CQ356" s="336"/>
      <c r="CR356" s="336"/>
      <c r="CS356" s="336"/>
      <c r="CT356" s="336"/>
      <c r="CU356" s="336"/>
      <c r="CV356" s="336"/>
      <c r="CW356" s="336"/>
      <c r="CX356" s="336"/>
      <c r="CY356" s="336"/>
      <c r="CZ356" s="336"/>
      <c r="DA356" s="336"/>
      <c r="DB356" s="336"/>
      <c r="DC356" s="336"/>
      <c r="DD356" s="84" t="s">
        <v>660</v>
      </c>
      <c r="DE356" s="84"/>
      <c r="DF356" s="399" t="s">
        <v>661</v>
      </c>
    </row>
    <row r="357" spans="3:110" s="120" customFormat="1" ht="171" x14ac:dyDescent="0.2">
      <c r="C357" s="368">
        <v>642</v>
      </c>
      <c r="D357" s="368" t="s">
        <v>2481</v>
      </c>
      <c r="E357" s="369" t="s">
        <v>53</v>
      </c>
      <c r="F357" s="369" t="s">
        <v>655</v>
      </c>
      <c r="G357" s="232" t="s">
        <v>656</v>
      </c>
      <c r="H357" s="232" t="s">
        <v>749</v>
      </c>
      <c r="I357" s="232" t="s">
        <v>750</v>
      </c>
      <c r="J357" s="232"/>
      <c r="K357" s="232" t="s">
        <v>90</v>
      </c>
      <c r="L357" s="232" t="s">
        <v>63</v>
      </c>
      <c r="M357" s="232" t="s">
        <v>81</v>
      </c>
      <c r="N357" s="232" t="s">
        <v>77</v>
      </c>
      <c r="O357" s="334" t="s">
        <v>225</v>
      </c>
      <c r="P357" s="84" t="s">
        <v>63</v>
      </c>
      <c r="Q357" s="84" t="s">
        <v>63</v>
      </c>
      <c r="R357" s="84">
        <v>412543</v>
      </c>
      <c r="S357" s="84">
        <f t="shared" si="220"/>
        <v>412543</v>
      </c>
      <c r="T357" s="84" t="s">
        <v>659</v>
      </c>
      <c r="U357" s="84" t="s">
        <v>65</v>
      </c>
      <c r="V357" s="84"/>
      <c r="W357" s="84"/>
      <c r="X357" s="84"/>
      <c r="Y357" s="84"/>
      <c r="Z357" s="84"/>
      <c r="AA357" s="84"/>
      <c r="AB357" s="84"/>
      <c r="AC357" s="84"/>
      <c r="AD357" s="84"/>
      <c r="AE357" s="84"/>
      <c r="AF357" s="84"/>
      <c r="AG357" s="84"/>
      <c r="AH357" s="84"/>
      <c r="AI357" s="84"/>
      <c r="AJ357" s="84"/>
      <c r="AK357" s="84"/>
      <c r="AL357" s="84"/>
      <c r="AM357" s="336"/>
      <c r="AN357" s="336"/>
      <c r="AO357" s="336"/>
      <c r="AP357" s="336"/>
      <c r="AQ357" s="336" t="s">
        <v>66</v>
      </c>
      <c r="AR357" s="336" t="s">
        <v>66</v>
      </c>
      <c r="AS357" s="336" t="s">
        <v>66</v>
      </c>
      <c r="AT357" s="336" t="s">
        <v>66</v>
      </c>
      <c r="AU357" s="84"/>
      <c r="AV357" s="84"/>
      <c r="AW357" s="84"/>
      <c r="AX357" s="84"/>
      <c r="AY357" s="84"/>
      <c r="AZ357" s="84"/>
      <c r="BA357" s="238">
        <f>SUMIF(V357:AZ357,"YES",'DRAFT - HGC Schemes'!$AB$5:$BF$5)</f>
        <v>0</v>
      </c>
      <c r="BB357" s="84" t="e">
        <f>S357/BA357</f>
        <v>#DIV/0!</v>
      </c>
      <c r="BC357" s="336" t="str">
        <f>IF(V357="yes",('DRAFT - HGC Schemes'!AB$5*$BB357),"")</f>
        <v/>
      </c>
      <c r="BD357" s="336" t="str">
        <f>IF(W357="yes",('DRAFT - HGC Schemes'!AC$5*$BB357),"")</f>
        <v/>
      </c>
      <c r="BE357" s="336" t="str">
        <f>IF(X357="yes",('DRAFT - HGC Schemes'!AD$5*$BB357),"")</f>
        <v/>
      </c>
      <c r="BF357" s="336" t="str">
        <f>IF(Y357="yes",('DRAFT - HGC Schemes'!AE$5*$BB357),"")</f>
        <v/>
      </c>
      <c r="BG357" s="336" t="str">
        <f>IF(Z357="yes",('DRAFT - HGC Schemes'!AF$5*$BB357),"")</f>
        <v/>
      </c>
      <c r="BH357" s="336" t="str">
        <f>IF(AA357="yes",('DRAFT - HGC Schemes'!AG$5*$BB357),"")</f>
        <v/>
      </c>
      <c r="BI357" s="336" t="str">
        <f>IF(AB357="yes",('DRAFT - HGC Schemes'!AH$5*$BB357),"")</f>
        <v/>
      </c>
      <c r="BJ357" s="336" t="str">
        <f>IF(AC357="yes",('DRAFT - HGC Schemes'!AI$5*$BB357),"")</f>
        <v/>
      </c>
      <c r="BK357" s="336" t="str">
        <f>IF(AD357="yes",('DRAFT - HGC Schemes'!AJ$5*$BB357),"")</f>
        <v/>
      </c>
      <c r="BL357" s="336" t="str">
        <f>IF(AE357="yes",('DRAFT - HGC Schemes'!AK$5*$BB357),"")</f>
        <v/>
      </c>
      <c r="BM357" s="336" t="str">
        <f>IF(AF357="yes",('DRAFT - HGC Schemes'!AL$5*$BB357),"")</f>
        <v/>
      </c>
      <c r="BN357" s="336" t="str">
        <f>IF(AG357="yes",('DRAFT - HGC Schemes'!AM$5*$BB357),"")</f>
        <v/>
      </c>
      <c r="BO357" s="336" t="str">
        <f>IF(AH357="yes",('DRAFT - HGC Schemes'!AN$5*$BB357),"")</f>
        <v/>
      </c>
      <c r="BP357" s="336" t="str">
        <f>IF(AI357="yes",('DRAFT - HGC Schemes'!AO$5*$BB357),"")</f>
        <v/>
      </c>
      <c r="BQ357" s="336" t="str">
        <f>IF(AJ357="yes",('DRAFT - HGC Schemes'!AP$5*$BB357),"")</f>
        <v/>
      </c>
      <c r="BR357" s="336" t="str">
        <f>IF(AK357="yes",('DRAFT - HGC Schemes'!AQ$5*$BB357),"")</f>
        <v/>
      </c>
      <c r="BS357" s="336" t="str">
        <f>IF(AL357="yes",('DRAFT - HGC Schemes'!AR$5*$BB357),"")</f>
        <v/>
      </c>
      <c r="BT357" s="336" t="str">
        <f>IF(AM357="yes",('DRAFT - HGC Schemes'!AS$5*$BB357),"")</f>
        <v/>
      </c>
      <c r="BU357" s="336" t="str">
        <f>IF(AN357="yes",('DRAFT - HGC Schemes'!AT$5*$BB357),"")</f>
        <v/>
      </c>
      <c r="BV357" s="336" t="str">
        <f>IF(AO357="yes",('DRAFT - HGC Schemes'!AU$5*$BB357),"")</f>
        <v/>
      </c>
      <c r="BW357" s="336" t="str">
        <f>IF(AP357="yes",('DRAFT - HGC Schemes'!AV$5*$BB357),"")</f>
        <v/>
      </c>
      <c r="BX357" s="336" t="e">
        <f>IF(AQ357="yes",('DRAFT - HGC Schemes'!AW$5*$BB357),"")</f>
        <v>#DIV/0!</v>
      </c>
      <c r="BY357" s="336" t="e">
        <f>IF(AR357="yes",('DRAFT - HGC Schemes'!AX$5*$BB357),"")</f>
        <v>#DIV/0!</v>
      </c>
      <c r="BZ357" s="336" t="e">
        <f>IF(AS357="yes",('DRAFT - HGC Schemes'!AY$5*$BB357),"")</f>
        <v>#DIV/0!</v>
      </c>
      <c r="CA357" s="336" t="e">
        <f>IF(AT357="yes",('DRAFT - HGC Schemes'!AZ$5*$BB357),"")</f>
        <v>#DIV/0!</v>
      </c>
      <c r="CB357" s="336" t="str">
        <f>IF(AU357="yes",('DRAFT - HGC Schemes'!BA$5*$BB357),"")</f>
        <v/>
      </c>
      <c r="CC357" s="336" t="str">
        <f>IF(AV357="yes",('DRAFT - HGC Schemes'!BB$5*$BB357),"")</f>
        <v/>
      </c>
      <c r="CD357" s="336" t="str">
        <f>IF(AW357="yes",('DRAFT - HGC Schemes'!BC$5*$BB357),"")</f>
        <v/>
      </c>
      <c r="CE357" s="336" t="str">
        <f>IF(AX357="yes",('DRAFT - HGC Schemes'!BD$5*$BB357),"")</f>
        <v/>
      </c>
      <c r="CF357" s="336" t="str">
        <f>IF(AY357="yes",('DRAFT - HGC Schemes'!BE$5*$BB357),"")</f>
        <v/>
      </c>
      <c r="CG357" s="336" t="str">
        <f>IF(AZ357="yes",('DRAFT - HGC Schemes'!BF$5*$BB357),"")</f>
        <v/>
      </c>
      <c r="CH357" s="336"/>
      <c r="CI357" s="336"/>
      <c r="CJ357" s="336"/>
      <c r="CK357" s="336"/>
      <c r="CL357" s="336"/>
      <c r="CM357" s="336"/>
      <c r="CN357" s="336"/>
      <c r="CO357" s="336"/>
      <c r="CP357" s="336"/>
      <c r="CQ357" s="336"/>
      <c r="CR357" s="336"/>
      <c r="CS357" s="336"/>
      <c r="CT357" s="336"/>
      <c r="CU357" s="336"/>
      <c r="CV357" s="336"/>
      <c r="CW357" s="336"/>
      <c r="CX357" s="336"/>
      <c r="CY357" s="336"/>
      <c r="CZ357" s="336"/>
      <c r="DA357" s="336"/>
      <c r="DB357" s="336"/>
      <c r="DC357" s="336"/>
      <c r="DD357" s="84" t="s">
        <v>660</v>
      </c>
      <c r="DE357" s="84"/>
      <c r="DF357" s="399" t="s">
        <v>661</v>
      </c>
    </row>
    <row r="358" spans="3:110" s="120" customFormat="1" ht="56.1" customHeight="1" x14ac:dyDescent="0.2">
      <c r="C358" s="368">
        <v>643</v>
      </c>
      <c r="D358" s="368" t="s">
        <v>2481</v>
      </c>
      <c r="E358" s="369" t="s">
        <v>53</v>
      </c>
      <c r="F358" s="369" t="s">
        <v>655</v>
      </c>
      <c r="G358" s="232" t="s">
        <v>656</v>
      </c>
      <c r="H358" s="232" t="s">
        <v>751</v>
      </c>
      <c r="I358" s="232" t="s">
        <v>752</v>
      </c>
      <c r="J358" s="232"/>
      <c r="K358" s="232" t="s">
        <v>90</v>
      </c>
      <c r="L358" s="232" t="s">
        <v>63</v>
      </c>
      <c r="M358" s="232" t="s">
        <v>81</v>
      </c>
      <c r="N358" s="232" t="s">
        <v>77</v>
      </c>
      <c r="O358" s="334" t="s">
        <v>225</v>
      </c>
      <c r="P358" s="84" t="s">
        <v>63</v>
      </c>
      <c r="Q358" s="84" t="s">
        <v>63</v>
      </c>
      <c r="R358" s="84">
        <v>435114</v>
      </c>
      <c r="S358" s="84">
        <f t="shared" si="220"/>
        <v>435114</v>
      </c>
      <c r="T358" s="84" t="s">
        <v>659</v>
      </c>
      <c r="U358" s="84" t="s">
        <v>65</v>
      </c>
      <c r="V358" s="84"/>
      <c r="W358" s="84"/>
      <c r="X358" s="84"/>
      <c r="Y358" s="84"/>
      <c r="Z358" s="84"/>
      <c r="AA358" s="84"/>
      <c r="AB358" s="84"/>
      <c r="AC358" s="84"/>
      <c r="AD358" s="84"/>
      <c r="AE358" s="84"/>
      <c r="AF358" s="84"/>
      <c r="AG358" s="84"/>
      <c r="AH358" s="84"/>
      <c r="AI358" s="84"/>
      <c r="AJ358" s="84"/>
      <c r="AK358" s="84"/>
      <c r="AL358" s="84"/>
      <c r="AM358" s="336"/>
      <c r="AN358" s="336"/>
      <c r="AO358" s="336"/>
      <c r="AP358" s="84"/>
      <c r="AQ358" s="336" t="s">
        <v>66</v>
      </c>
      <c r="AR358" s="336" t="s">
        <v>66</v>
      </c>
      <c r="AS358" s="336" t="s">
        <v>66</v>
      </c>
      <c r="AT358" s="336" t="s">
        <v>66</v>
      </c>
      <c r="AU358" s="84"/>
      <c r="AV358" s="84"/>
      <c r="AW358" s="84"/>
      <c r="AX358" s="84"/>
      <c r="AY358" s="84"/>
      <c r="AZ358" s="84"/>
      <c r="BA358" s="238">
        <f>SUMIF(V358:AZ358,"YES",'DRAFT - HGC Schemes'!$AB$5:$BF$5)</f>
        <v>0</v>
      </c>
      <c r="BB358" s="84" t="e">
        <f>S358/BA358</f>
        <v>#DIV/0!</v>
      </c>
      <c r="BC358" s="336" t="str">
        <f>IF(V358="yes",('DRAFT - HGC Schemes'!AB$5*$BB358),"")</f>
        <v/>
      </c>
      <c r="BD358" s="336" t="str">
        <f>IF(W358="yes",('DRAFT - HGC Schemes'!AC$5*$BB358),"")</f>
        <v/>
      </c>
      <c r="BE358" s="336" t="str">
        <f>IF(X358="yes",('DRAFT - HGC Schemes'!AD$5*$BB358),"")</f>
        <v/>
      </c>
      <c r="BF358" s="336" t="str">
        <f>IF(Y358="yes",('DRAFT - HGC Schemes'!AE$5*$BB358),"")</f>
        <v/>
      </c>
      <c r="BG358" s="336" t="str">
        <f>IF(Z358="yes",('DRAFT - HGC Schemes'!AF$5*$BB358),"")</f>
        <v/>
      </c>
      <c r="BH358" s="336" t="str">
        <f>IF(AA358="yes",('DRAFT - HGC Schemes'!AG$5*$BB358),"")</f>
        <v/>
      </c>
      <c r="BI358" s="336" t="str">
        <f>IF(AB358="yes",('DRAFT - HGC Schemes'!AH$5*$BB358),"")</f>
        <v/>
      </c>
      <c r="BJ358" s="336" t="str">
        <f>IF(AC358="yes",('DRAFT - HGC Schemes'!AI$5*$BB358),"")</f>
        <v/>
      </c>
      <c r="BK358" s="336" t="str">
        <f>IF(AD358="yes",('DRAFT - HGC Schemes'!AJ$5*$BB358),"")</f>
        <v/>
      </c>
      <c r="BL358" s="336" t="str">
        <f>IF(AE358="yes",('DRAFT - HGC Schemes'!AK$5*$BB358),"")</f>
        <v/>
      </c>
      <c r="BM358" s="336" t="str">
        <f>IF(AF358="yes",('DRAFT - HGC Schemes'!AL$5*$BB358),"")</f>
        <v/>
      </c>
      <c r="BN358" s="336" t="str">
        <f>IF(AG358="yes",('DRAFT - HGC Schemes'!AM$5*$BB358),"")</f>
        <v/>
      </c>
      <c r="BO358" s="336" t="str">
        <f>IF(AH358="yes",('DRAFT - HGC Schemes'!AN$5*$BB358),"")</f>
        <v/>
      </c>
      <c r="BP358" s="336" t="str">
        <f>IF(AI358="yes",('DRAFT - HGC Schemes'!AO$5*$BB358),"")</f>
        <v/>
      </c>
      <c r="BQ358" s="336" t="str">
        <f>IF(AJ358="yes",('DRAFT - HGC Schemes'!AP$5*$BB358),"")</f>
        <v/>
      </c>
      <c r="BR358" s="336" t="str">
        <f>IF(AK358="yes",('DRAFT - HGC Schemes'!AQ$5*$BB358),"")</f>
        <v/>
      </c>
      <c r="BS358" s="336" t="str">
        <f>IF(AL358="yes",('DRAFT - HGC Schemes'!AR$5*$BB358),"")</f>
        <v/>
      </c>
      <c r="BT358" s="336" t="str">
        <f>IF(AM358="yes",('DRAFT - HGC Schemes'!AS$5*$BB358),"")</f>
        <v/>
      </c>
      <c r="BU358" s="336" t="str">
        <f>IF(AN358="yes",('DRAFT - HGC Schemes'!AT$5*$BB358),"")</f>
        <v/>
      </c>
      <c r="BV358" s="336" t="str">
        <f>IF(AO358="yes",('DRAFT - HGC Schemes'!AU$5*$BB358),"")</f>
        <v/>
      </c>
      <c r="BW358" s="336" t="str">
        <f>IF(AP358="yes",('DRAFT - HGC Schemes'!AV$5*$BB358),"")</f>
        <v/>
      </c>
      <c r="BX358" s="336" t="e">
        <f>IF(AQ358="yes",('DRAFT - HGC Schemes'!AW$5*$BB358),"")</f>
        <v>#DIV/0!</v>
      </c>
      <c r="BY358" s="336" t="e">
        <f>IF(AR358="yes",('DRAFT - HGC Schemes'!AX$5*$BB358),"")</f>
        <v>#DIV/0!</v>
      </c>
      <c r="BZ358" s="336" t="e">
        <f>IF(AS358="yes",('DRAFT - HGC Schemes'!AY$5*$BB358),"")</f>
        <v>#DIV/0!</v>
      </c>
      <c r="CA358" s="336" t="e">
        <f>IF(AT358="yes",('DRAFT - HGC Schemes'!AZ$5*$BB358),"")</f>
        <v>#DIV/0!</v>
      </c>
      <c r="CB358" s="336" t="str">
        <f>IF(AU358="yes",('DRAFT - HGC Schemes'!BA$5*$BB358),"")</f>
        <v/>
      </c>
      <c r="CC358" s="336" t="str">
        <f>IF(AV358="yes",('DRAFT - HGC Schemes'!BB$5*$BB358),"")</f>
        <v/>
      </c>
      <c r="CD358" s="336" t="str">
        <f>IF(AW358="yes",('DRAFT - HGC Schemes'!BC$5*$BB358),"")</f>
        <v/>
      </c>
      <c r="CE358" s="336" t="str">
        <f>IF(AX358="yes",('DRAFT - HGC Schemes'!BD$5*$BB358),"")</f>
        <v/>
      </c>
      <c r="CF358" s="336" t="str">
        <f>IF(AY358="yes",('DRAFT - HGC Schemes'!BE$5*$BB358),"")</f>
        <v/>
      </c>
      <c r="CG358" s="336" t="str">
        <f>IF(AZ358="yes",('DRAFT - HGC Schemes'!BF$5*$BB358),"")</f>
        <v/>
      </c>
      <c r="CH358" s="336"/>
      <c r="CI358" s="336"/>
      <c r="CJ358" s="336"/>
      <c r="CK358" s="336"/>
      <c r="CL358" s="336"/>
      <c r="CM358" s="336"/>
      <c r="CN358" s="336"/>
      <c r="CO358" s="336"/>
      <c r="CP358" s="336"/>
      <c r="CQ358" s="336"/>
      <c r="CR358" s="336"/>
      <c r="CS358" s="336"/>
      <c r="CT358" s="336"/>
      <c r="CU358" s="336"/>
      <c r="CV358" s="336"/>
      <c r="CW358" s="336"/>
      <c r="CX358" s="336"/>
      <c r="CY358" s="336"/>
      <c r="CZ358" s="336"/>
      <c r="DA358" s="336"/>
      <c r="DB358" s="336"/>
      <c r="DC358" s="336"/>
      <c r="DD358" s="84" t="s">
        <v>660</v>
      </c>
      <c r="DE358" s="84"/>
      <c r="DF358" s="399" t="s">
        <v>661</v>
      </c>
    </row>
    <row r="359" spans="3:110" s="120" customFormat="1" ht="56.1" customHeight="1" x14ac:dyDescent="0.2">
      <c r="C359" s="368">
        <v>644</v>
      </c>
      <c r="D359" s="368" t="s">
        <v>2481</v>
      </c>
      <c r="E359" s="369" t="s">
        <v>53</v>
      </c>
      <c r="F359" s="369" t="s">
        <v>655</v>
      </c>
      <c r="G359" s="232" t="s">
        <v>656</v>
      </c>
      <c r="H359" s="232" t="s">
        <v>753</v>
      </c>
      <c r="I359" s="232" t="s">
        <v>754</v>
      </c>
      <c r="J359" s="232"/>
      <c r="K359" s="232" t="s">
        <v>90</v>
      </c>
      <c r="L359" s="232" t="s">
        <v>755</v>
      </c>
      <c r="M359" s="232" t="s">
        <v>60</v>
      </c>
      <c r="N359" s="232" t="s">
        <v>77</v>
      </c>
      <c r="O359" s="232" t="s">
        <v>756</v>
      </c>
      <c r="P359" s="84" t="s">
        <v>63</v>
      </c>
      <c r="Q359" s="84" t="s">
        <v>63</v>
      </c>
      <c r="R359" s="84">
        <v>198924</v>
      </c>
      <c r="S359" s="84">
        <f t="shared" si="220"/>
        <v>198924</v>
      </c>
      <c r="T359" s="84" t="s">
        <v>723</v>
      </c>
      <c r="U359" s="84" t="s">
        <v>65</v>
      </c>
      <c r="V359" s="84"/>
      <c r="W359" s="84"/>
      <c r="X359" s="84"/>
      <c r="Y359" s="84"/>
      <c r="Z359" s="84"/>
      <c r="AA359" s="84"/>
      <c r="AB359" s="84"/>
      <c r="AC359" s="84"/>
      <c r="AD359" s="84"/>
      <c r="AE359" s="84"/>
      <c r="AF359" s="84"/>
      <c r="AG359" s="84"/>
      <c r="AH359" s="84"/>
      <c r="AI359" s="84"/>
      <c r="AJ359" s="84"/>
      <c r="AK359" s="84"/>
      <c r="AL359" s="84"/>
      <c r="AM359" s="84"/>
      <c r="AN359" s="84"/>
      <c r="AO359" s="84"/>
      <c r="AP359" s="84"/>
      <c r="AQ359" s="84"/>
      <c r="AR359" s="84"/>
      <c r="AS359" s="84"/>
      <c r="AT359" s="84"/>
      <c r="AU359" s="84"/>
      <c r="AV359" s="84"/>
      <c r="AW359" s="84"/>
      <c r="AX359" s="84"/>
      <c r="AY359" s="84"/>
      <c r="AZ359" s="84"/>
      <c r="BA359" s="238">
        <f>SUMIF(V359:AZ359,"YES",'DRAFT - HGC Schemes'!$AB$5:$BF$5)</f>
        <v>0</v>
      </c>
      <c r="BB359" s="84"/>
      <c r="BC359" s="336" t="str">
        <f>IF(V359="yes",('DRAFT - HGC Schemes'!AB$5*$BB359),"")</f>
        <v/>
      </c>
      <c r="BD359" s="336" t="str">
        <f>IF(W359="yes",('DRAFT - HGC Schemes'!AC$5*$BB359),"")</f>
        <v/>
      </c>
      <c r="BE359" s="336" t="str">
        <f>IF(X359="yes",('DRAFT - HGC Schemes'!AD$5*$BB359),"")</f>
        <v/>
      </c>
      <c r="BF359" s="336" t="str">
        <f>IF(Y359="yes",('DRAFT - HGC Schemes'!AE$5*$BB359),"")</f>
        <v/>
      </c>
      <c r="BG359" s="336" t="str">
        <f>IF(Z359="yes",('DRAFT - HGC Schemes'!AF$5*$BB359),"")</f>
        <v/>
      </c>
      <c r="BH359" s="336" t="str">
        <f>IF(AA359="yes",('DRAFT - HGC Schemes'!AG$5*$BB359),"")</f>
        <v/>
      </c>
      <c r="BI359" s="336" t="str">
        <f>IF(AB359="yes",('DRAFT - HGC Schemes'!AH$5*$BB359),"")</f>
        <v/>
      </c>
      <c r="BJ359" s="336" t="str">
        <f>IF(AC359="yes",('DRAFT - HGC Schemes'!AI$5*$BB359),"")</f>
        <v/>
      </c>
      <c r="BK359" s="336" t="str">
        <f>IF(AD359="yes",('DRAFT - HGC Schemes'!AJ$5*$BB359),"")</f>
        <v/>
      </c>
      <c r="BL359" s="336" t="str">
        <f>IF(AE359="yes",('DRAFT - HGC Schemes'!AK$5*$BB359),"")</f>
        <v/>
      </c>
      <c r="BM359" s="336" t="str">
        <f>IF(AF359="yes",('DRAFT - HGC Schemes'!AL$5*$BB359),"")</f>
        <v/>
      </c>
      <c r="BN359" s="336" t="str">
        <f>IF(AG359="yes",('DRAFT - HGC Schemes'!AM$5*$BB359),"")</f>
        <v/>
      </c>
      <c r="BO359" s="336" t="str">
        <f>IF(AH359="yes",('DRAFT - HGC Schemes'!AN$5*$BB359),"")</f>
        <v/>
      </c>
      <c r="BP359" s="336" t="str">
        <f>IF(AI359="yes",('DRAFT - HGC Schemes'!AO$5*$BB359),"")</f>
        <v/>
      </c>
      <c r="BQ359" s="336" t="str">
        <f>IF(AJ359="yes",('DRAFT - HGC Schemes'!AP$5*$BB359),"")</f>
        <v/>
      </c>
      <c r="BR359" s="336" t="str">
        <f>IF(AK359="yes",('DRAFT - HGC Schemes'!AQ$5*$BB359),"")</f>
        <v/>
      </c>
      <c r="BS359" s="336" t="str">
        <f>IF(AL359="yes",('DRAFT - HGC Schemes'!AR$5*$BB359),"")</f>
        <v/>
      </c>
      <c r="BT359" s="336" t="str">
        <f>IF(AM359="yes",('DRAFT - HGC Schemes'!AS$5*$BB359),"")</f>
        <v/>
      </c>
      <c r="BU359" s="336" t="str">
        <f>IF(AN359="yes",('DRAFT - HGC Schemes'!AT$5*$BB359),"")</f>
        <v/>
      </c>
      <c r="BV359" s="336" t="str">
        <f>IF(AO359="yes",('DRAFT - HGC Schemes'!AU$5*$BB359),"")</f>
        <v/>
      </c>
      <c r="BW359" s="336" t="str">
        <f>IF(AP359="yes",('DRAFT - HGC Schemes'!AV$5*$BB359),"")</f>
        <v/>
      </c>
      <c r="BX359" s="336" t="str">
        <f>IF(AQ359="yes",('DRAFT - HGC Schemes'!AW$5*$BB359),"")</f>
        <v/>
      </c>
      <c r="BY359" s="336" t="str">
        <f>IF(AR359="yes",('DRAFT - HGC Schemes'!AX$5*$BB359),"")</f>
        <v/>
      </c>
      <c r="BZ359" s="336" t="str">
        <f>IF(AS359="yes",('DRAFT - HGC Schemes'!AY$5*$BB359),"")</f>
        <v/>
      </c>
      <c r="CA359" s="336" t="str">
        <f>IF(AT359="yes",('DRAFT - HGC Schemes'!AZ$5*$BB359),"")</f>
        <v/>
      </c>
      <c r="CB359" s="336" t="str">
        <f>IF(AU359="yes",('DRAFT - HGC Schemes'!BA$5*$BB359),"")</f>
        <v/>
      </c>
      <c r="CC359" s="336" t="str">
        <f>IF(AV359="yes",('DRAFT - HGC Schemes'!BB$5*$BB359),"")</f>
        <v/>
      </c>
      <c r="CD359" s="336" t="str">
        <f>IF(AW359="yes",('DRAFT - HGC Schemes'!BC$5*$BB359),"")</f>
        <v/>
      </c>
      <c r="CE359" s="336" t="str">
        <f>IF(AX359="yes",('DRAFT - HGC Schemes'!BD$5*$BB359),"")</f>
        <v/>
      </c>
      <c r="CF359" s="336" t="str">
        <f>IF(AY359="yes",('DRAFT - HGC Schemes'!BE$5*$BB359),"")</f>
        <v/>
      </c>
      <c r="CG359" s="336" t="str">
        <f>IF(AZ359="yes",('DRAFT - HGC Schemes'!BF$5*$BB359),"")</f>
        <v/>
      </c>
      <c r="CH359" s="336"/>
      <c r="CI359" s="336"/>
      <c r="CJ359" s="336"/>
      <c r="CK359" s="336"/>
      <c r="CL359" s="336"/>
      <c r="CM359" s="336"/>
      <c r="CN359" s="336"/>
      <c r="CO359" s="336"/>
      <c r="CP359" s="336"/>
      <c r="CQ359" s="336"/>
      <c r="CR359" s="336"/>
      <c r="CS359" s="336"/>
      <c r="CT359" s="336"/>
      <c r="CU359" s="336"/>
      <c r="CV359" s="336"/>
      <c r="CW359" s="336"/>
      <c r="CX359" s="336"/>
      <c r="CY359" s="336"/>
      <c r="CZ359" s="336"/>
      <c r="DA359" s="336"/>
      <c r="DB359" s="336"/>
      <c r="DC359" s="336"/>
      <c r="DD359" s="84" t="s">
        <v>660</v>
      </c>
      <c r="DE359" s="84"/>
      <c r="DF359" s="399" t="s">
        <v>661</v>
      </c>
    </row>
    <row r="360" spans="3:110" s="120" customFormat="1" ht="56.1" customHeight="1" x14ac:dyDescent="0.2">
      <c r="C360" s="368">
        <v>645</v>
      </c>
      <c r="D360" s="368" t="s">
        <v>2481</v>
      </c>
      <c r="E360" s="369" t="s">
        <v>53</v>
      </c>
      <c r="F360" s="369" t="s">
        <v>655</v>
      </c>
      <c r="G360" s="232" t="s">
        <v>656</v>
      </c>
      <c r="H360" s="232" t="s">
        <v>757</v>
      </c>
      <c r="I360" s="232" t="s">
        <v>758</v>
      </c>
      <c r="J360" s="232"/>
      <c r="K360" s="232" t="s">
        <v>90</v>
      </c>
      <c r="L360" s="232" t="s">
        <v>63</v>
      </c>
      <c r="M360" s="232" t="s">
        <v>81</v>
      </c>
      <c r="N360" s="232" t="s">
        <v>77</v>
      </c>
      <c r="O360" s="334" t="s">
        <v>225</v>
      </c>
      <c r="P360" s="84" t="s">
        <v>63</v>
      </c>
      <c r="Q360" s="84" t="s">
        <v>63</v>
      </c>
      <c r="R360" s="84">
        <v>248278</v>
      </c>
      <c r="S360" s="84">
        <f t="shared" si="220"/>
        <v>248278</v>
      </c>
      <c r="T360" s="84" t="s">
        <v>659</v>
      </c>
      <c r="U360" s="84" t="s">
        <v>65</v>
      </c>
      <c r="V360" s="84"/>
      <c r="W360" s="84"/>
      <c r="X360" s="84"/>
      <c r="Y360" s="84"/>
      <c r="Z360" s="84"/>
      <c r="AA360" s="84"/>
      <c r="AB360" s="84"/>
      <c r="AC360" s="84"/>
      <c r="AD360" s="84"/>
      <c r="AE360" s="84"/>
      <c r="AF360" s="84"/>
      <c r="AG360" s="84"/>
      <c r="AH360" s="84"/>
      <c r="AI360" s="84"/>
      <c r="AJ360" s="84"/>
      <c r="AK360" s="84"/>
      <c r="AL360" s="84"/>
      <c r="AM360" s="84"/>
      <c r="AN360" s="84"/>
      <c r="AO360" s="84"/>
      <c r="AP360" s="84"/>
      <c r="AQ360" s="336" t="s">
        <v>66</v>
      </c>
      <c r="AR360" s="336" t="s">
        <v>66</v>
      </c>
      <c r="AS360" s="336" t="s">
        <v>66</v>
      </c>
      <c r="AT360" s="336" t="s">
        <v>66</v>
      </c>
      <c r="AU360" s="84"/>
      <c r="AV360" s="84"/>
      <c r="AW360" s="84"/>
      <c r="AX360" s="84"/>
      <c r="AY360" s="84"/>
      <c r="AZ360" s="84"/>
      <c r="BA360" s="238">
        <f>SUMIF(V360:AZ360,"YES",'DRAFT - HGC Schemes'!$AB$5:$BF$5)</f>
        <v>0</v>
      </c>
      <c r="BB360" s="84" t="e">
        <f t="shared" ref="BB360:BB368" si="221">S360/BA360</f>
        <v>#DIV/0!</v>
      </c>
      <c r="BC360" s="336" t="str">
        <f>IF(V360="yes",('DRAFT - HGC Schemes'!AB$5*$BB360),"")</f>
        <v/>
      </c>
      <c r="BD360" s="336" t="str">
        <f>IF(W360="yes",('DRAFT - HGC Schemes'!AC$5*$BB360),"")</f>
        <v/>
      </c>
      <c r="BE360" s="336" t="str">
        <f>IF(X360="yes",('DRAFT - HGC Schemes'!AD$5*$BB360),"")</f>
        <v/>
      </c>
      <c r="BF360" s="336" t="str">
        <f>IF(Y360="yes",('DRAFT - HGC Schemes'!AE$5*$BB360),"")</f>
        <v/>
      </c>
      <c r="BG360" s="336" t="str">
        <f>IF(Z360="yes",('DRAFT - HGC Schemes'!AF$5*$BB360),"")</f>
        <v/>
      </c>
      <c r="BH360" s="336" t="str">
        <f>IF(AA360="yes",('DRAFT - HGC Schemes'!AG$5*$BB360),"")</f>
        <v/>
      </c>
      <c r="BI360" s="336" t="str">
        <f>IF(AB360="yes",('DRAFT - HGC Schemes'!AH$5*$BB360),"")</f>
        <v/>
      </c>
      <c r="BJ360" s="336" t="str">
        <f>IF(AC360="yes",('DRAFT - HGC Schemes'!AI$5*$BB360),"")</f>
        <v/>
      </c>
      <c r="BK360" s="336" t="str">
        <f>IF(AD360="yes",('DRAFT - HGC Schemes'!AJ$5*$BB360),"")</f>
        <v/>
      </c>
      <c r="BL360" s="336" t="str">
        <f>IF(AE360="yes",('DRAFT - HGC Schemes'!AK$5*$BB360),"")</f>
        <v/>
      </c>
      <c r="BM360" s="336" t="str">
        <f>IF(AF360="yes",('DRAFT - HGC Schemes'!AL$5*$BB360),"")</f>
        <v/>
      </c>
      <c r="BN360" s="336" t="str">
        <f>IF(AG360="yes",('DRAFT - HGC Schemes'!AM$5*$BB360),"")</f>
        <v/>
      </c>
      <c r="BO360" s="336" t="str">
        <f>IF(AH360="yes",('DRAFT - HGC Schemes'!AN$5*$BB360),"")</f>
        <v/>
      </c>
      <c r="BP360" s="336" t="str">
        <f>IF(AI360="yes",('DRAFT - HGC Schemes'!AO$5*$BB360),"")</f>
        <v/>
      </c>
      <c r="BQ360" s="336" t="str">
        <f>IF(AJ360="yes",('DRAFT - HGC Schemes'!AP$5*$BB360),"")</f>
        <v/>
      </c>
      <c r="BR360" s="336" t="str">
        <f>IF(AK360="yes",('DRAFT - HGC Schemes'!AQ$5*$BB360),"")</f>
        <v/>
      </c>
      <c r="BS360" s="336" t="str">
        <f>IF(AL360="yes",('DRAFT - HGC Schemes'!AR$5*$BB360),"")</f>
        <v/>
      </c>
      <c r="BT360" s="336" t="str">
        <f>IF(AM360="yes",('DRAFT - HGC Schemes'!AS$5*$BB360),"")</f>
        <v/>
      </c>
      <c r="BU360" s="336" t="str">
        <f>IF(AN360="yes",('DRAFT - HGC Schemes'!AT$5*$BB360),"")</f>
        <v/>
      </c>
      <c r="BV360" s="336" t="str">
        <f>IF(AO360="yes",('DRAFT - HGC Schemes'!AU$5*$BB360),"")</f>
        <v/>
      </c>
      <c r="BW360" s="336" t="str">
        <f>IF(AP360="yes",('DRAFT - HGC Schemes'!AV$5*$BB360),"")</f>
        <v/>
      </c>
      <c r="BX360" s="336" t="e">
        <f>IF(AQ360="yes",('DRAFT - HGC Schemes'!AW$5*$BB360),"")</f>
        <v>#DIV/0!</v>
      </c>
      <c r="BY360" s="336" t="e">
        <f>IF(AR360="yes",('DRAFT - HGC Schemes'!AX$5*$BB360),"")</f>
        <v>#DIV/0!</v>
      </c>
      <c r="BZ360" s="336" t="e">
        <f>IF(AS360="yes",('DRAFT - HGC Schemes'!AY$5*$BB360),"")</f>
        <v>#DIV/0!</v>
      </c>
      <c r="CA360" s="336" t="e">
        <f>IF(AT360="yes",('DRAFT - HGC Schemes'!AZ$5*$BB360),"")</f>
        <v>#DIV/0!</v>
      </c>
      <c r="CB360" s="336" t="str">
        <f>IF(AU360="yes",('DRAFT - HGC Schemes'!BA$5*$BB360),"")</f>
        <v/>
      </c>
      <c r="CC360" s="336" t="str">
        <f>IF(AV360="yes",('DRAFT - HGC Schemes'!BB$5*$BB360),"")</f>
        <v/>
      </c>
      <c r="CD360" s="336" t="str">
        <f>IF(AW360="yes",('DRAFT - HGC Schemes'!BC$5*$BB360),"")</f>
        <v/>
      </c>
      <c r="CE360" s="336" t="str">
        <f>IF(AX360="yes",('DRAFT - HGC Schemes'!BD$5*$BB360),"")</f>
        <v/>
      </c>
      <c r="CF360" s="336" t="str">
        <f>IF(AY360="yes",('DRAFT - HGC Schemes'!BE$5*$BB360),"")</f>
        <v/>
      </c>
      <c r="CG360" s="336" t="str">
        <f>IF(AZ360="yes",('DRAFT - HGC Schemes'!BF$5*$BB360),"")</f>
        <v/>
      </c>
      <c r="CH360" s="336"/>
      <c r="CI360" s="336"/>
      <c r="CJ360" s="336"/>
      <c r="CK360" s="336"/>
      <c r="CL360" s="336"/>
      <c r="CM360" s="336"/>
      <c r="CN360" s="336"/>
      <c r="CO360" s="336"/>
      <c r="CP360" s="336"/>
      <c r="CQ360" s="336"/>
      <c r="CR360" s="336"/>
      <c r="CS360" s="336"/>
      <c r="CT360" s="336"/>
      <c r="CU360" s="336"/>
      <c r="CV360" s="336"/>
      <c r="CW360" s="336"/>
      <c r="CX360" s="336"/>
      <c r="CY360" s="336"/>
      <c r="CZ360" s="336"/>
      <c r="DA360" s="336"/>
      <c r="DB360" s="336"/>
      <c r="DC360" s="336"/>
      <c r="DD360" s="84" t="s">
        <v>660</v>
      </c>
      <c r="DE360" s="84"/>
      <c r="DF360" s="399" t="s">
        <v>661</v>
      </c>
    </row>
    <row r="361" spans="3:110" s="120" customFormat="1" ht="56.1" customHeight="1" x14ac:dyDescent="0.2">
      <c r="C361" s="368">
        <v>646</v>
      </c>
      <c r="D361" s="368" t="s">
        <v>2481</v>
      </c>
      <c r="E361" s="369" t="s">
        <v>53</v>
      </c>
      <c r="F361" s="369" t="s">
        <v>655</v>
      </c>
      <c r="G361" s="232" t="s">
        <v>656</v>
      </c>
      <c r="H361" s="232" t="s">
        <v>759</v>
      </c>
      <c r="I361" s="232" t="s">
        <v>760</v>
      </c>
      <c r="J361" s="232"/>
      <c r="K361" s="232" t="s">
        <v>90</v>
      </c>
      <c r="L361" s="232" t="s">
        <v>63</v>
      </c>
      <c r="M361" s="232" t="s">
        <v>81</v>
      </c>
      <c r="N361" s="232" t="s">
        <v>77</v>
      </c>
      <c r="O361" s="334" t="s">
        <v>225</v>
      </c>
      <c r="P361" s="84" t="s">
        <v>63</v>
      </c>
      <c r="Q361" s="84" t="s">
        <v>63</v>
      </c>
      <c r="R361" s="84">
        <v>37618</v>
      </c>
      <c r="S361" s="84">
        <f t="shared" si="220"/>
        <v>37618</v>
      </c>
      <c r="T361" s="84" t="s">
        <v>659</v>
      </c>
      <c r="U361" s="84" t="s">
        <v>65</v>
      </c>
      <c r="V361" s="84"/>
      <c r="W361" s="84"/>
      <c r="X361" s="84"/>
      <c r="Y361" s="84"/>
      <c r="Z361" s="84"/>
      <c r="AA361" s="84"/>
      <c r="AB361" s="84"/>
      <c r="AC361" s="84"/>
      <c r="AD361" s="84"/>
      <c r="AE361" s="84"/>
      <c r="AF361" s="84"/>
      <c r="AG361" s="84"/>
      <c r="AH361" s="84"/>
      <c r="AI361" s="84"/>
      <c r="AJ361" s="84"/>
      <c r="AK361" s="84"/>
      <c r="AL361" s="84"/>
      <c r="AM361" s="84"/>
      <c r="AN361" s="84"/>
      <c r="AO361" s="84"/>
      <c r="AP361" s="84"/>
      <c r="AQ361" s="336" t="s">
        <v>66</v>
      </c>
      <c r="AR361" s="336" t="s">
        <v>66</v>
      </c>
      <c r="AS361" s="336" t="s">
        <v>66</v>
      </c>
      <c r="AT361" s="336" t="s">
        <v>66</v>
      </c>
      <c r="AU361" s="84"/>
      <c r="AV361" s="84"/>
      <c r="AW361" s="84"/>
      <c r="AX361" s="84"/>
      <c r="AY361" s="84"/>
      <c r="AZ361" s="84"/>
      <c r="BA361" s="238">
        <f>SUMIF(V361:AZ361,"YES",'DRAFT - HGC Schemes'!$AB$5:$BF$5)</f>
        <v>0</v>
      </c>
      <c r="BB361" s="84" t="e">
        <f t="shared" si="221"/>
        <v>#DIV/0!</v>
      </c>
      <c r="BC361" s="336" t="str">
        <f>IF(V361="yes",('DRAFT - HGC Schemes'!AB$5*$BB361),"")</f>
        <v/>
      </c>
      <c r="BD361" s="336" t="str">
        <f>IF(W361="yes",('DRAFT - HGC Schemes'!AC$5*$BB361),"")</f>
        <v/>
      </c>
      <c r="BE361" s="336" t="str">
        <f>IF(X361="yes",('DRAFT - HGC Schemes'!AD$5*$BB361),"")</f>
        <v/>
      </c>
      <c r="BF361" s="336" t="str">
        <f>IF(Y361="yes",('DRAFT - HGC Schemes'!AE$5*$BB361),"")</f>
        <v/>
      </c>
      <c r="BG361" s="336" t="str">
        <f>IF(Z361="yes",('DRAFT - HGC Schemes'!AF$5*$BB361),"")</f>
        <v/>
      </c>
      <c r="BH361" s="336" t="str">
        <f>IF(AA361="yes",('DRAFT - HGC Schemes'!AG$5*$BB361),"")</f>
        <v/>
      </c>
      <c r="BI361" s="336" t="str">
        <f>IF(AB361="yes",('DRAFT - HGC Schemes'!AH$5*$BB361),"")</f>
        <v/>
      </c>
      <c r="BJ361" s="336" t="str">
        <f>IF(AC361="yes",('DRAFT - HGC Schemes'!AI$5*$BB361),"")</f>
        <v/>
      </c>
      <c r="BK361" s="336" t="str">
        <f>IF(AD361="yes",('DRAFT - HGC Schemes'!AJ$5*$BB361),"")</f>
        <v/>
      </c>
      <c r="BL361" s="336" t="str">
        <f>IF(AE361="yes",('DRAFT - HGC Schemes'!AK$5*$BB361),"")</f>
        <v/>
      </c>
      <c r="BM361" s="336" t="str">
        <f>IF(AF361="yes",('DRAFT - HGC Schemes'!AL$5*$BB361),"")</f>
        <v/>
      </c>
      <c r="BN361" s="336" t="str">
        <f>IF(AG361="yes",('DRAFT - HGC Schemes'!AM$5*$BB361),"")</f>
        <v/>
      </c>
      <c r="BO361" s="336" t="str">
        <f>IF(AH361="yes",('DRAFT - HGC Schemes'!AN$5*$BB361),"")</f>
        <v/>
      </c>
      <c r="BP361" s="336" t="str">
        <f>IF(AI361="yes",('DRAFT - HGC Schemes'!AO$5*$BB361),"")</f>
        <v/>
      </c>
      <c r="BQ361" s="336" t="str">
        <f>IF(AJ361="yes",('DRAFT - HGC Schemes'!AP$5*$BB361),"")</f>
        <v/>
      </c>
      <c r="BR361" s="336" t="str">
        <f>IF(AK361="yes",('DRAFT - HGC Schemes'!AQ$5*$BB361),"")</f>
        <v/>
      </c>
      <c r="BS361" s="336" t="str">
        <f>IF(AL361="yes",('DRAFT - HGC Schemes'!AR$5*$BB361),"")</f>
        <v/>
      </c>
      <c r="BT361" s="336" t="str">
        <f>IF(AM361="yes",('DRAFT - HGC Schemes'!AS$5*$BB361),"")</f>
        <v/>
      </c>
      <c r="BU361" s="336" t="str">
        <f>IF(AN361="yes",('DRAFT - HGC Schemes'!AT$5*$BB361),"")</f>
        <v/>
      </c>
      <c r="BV361" s="336" t="str">
        <f>IF(AO361="yes",('DRAFT - HGC Schemes'!AU$5*$BB361),"")</f>
        <v/>
      </c>
      <c r="BW361" s="336" t="str">
        <f>IF(AP361="yes",('DRAFT - HGC Schemes'!AV$5*$BB361),"")</f>
        <v/>
      </c>
      <c r="BX361" s="336" t="e">
        <f>IF(AQ361="yes",('DRAFT - HGC Schemes'!AW$5*$BB361),"")</f>
        <v>#DIV/0!</v>
      </c>
      <c r="BY361" s="336" t="e">
        <f>IF(AR361="yes",('DRAFT - HGC Schemes'!AX$5*$BB361),"")</f>
        <v>#DIV/0!</v>
      </c>
      <c r="BZ361" s="336" t="e">
        <f>IF(AS361="yes",('DRAFT - HGC Schemes'!AY$5*$BB361),"")</f>
        <v>#DIV/0!</v>
      </c>
      <c r="CA361" s="336" t="e">
        <f>IF(AT361="yes",('DRAFT - HGC Schemes'!AZ$5*$BB361),"")</f>
        <v>#DIV/0!</v>
      </c>
      <c r="CB361" s="336" t="str">
        <f>IF(AU361="yes",('DRAFT - HGC Schemes'!BA$5*$BB361),"")</f>
        <v/>
      </c>
      <c r="CC361" s="336" t="str">
        <f>IF(AV361="yes",('DRAFT - HGC Schemes'!BB$5*$BB361),"")</f>
        <v/>
      </c>
      <c r="CD361" s="336" t="str">
        <f>IF(AW361="yes",('DRAFT - HGC Schemes'!BC$5*$BB361),"")</f>
        <v/>
      </c>
      <c r="CE361" s="336" t="str">
        <f>IF(AX361="yes",('DRAFT - HGC Schemes'!BD$5*$BB361),"")</f>
        <v/>
      </c>
      <c r="CF361" s="336" t="str">
        <f>IF(AY361="yes",('DRAFT - HGC Schemes'!BE$5*$BB361),"")</f>
        <v/>
      </c>
      <c r="CG361" s="336" t="str">
        <f>IF(AZ361="yes",('DRAFT - HGC Schemes'!BF$5*$BB361),"")</f>
        <v/>
      </c>
      <c r="CH361" s="336"/>
      <c r="CI361" s="336"/>
      <c r="CJ361" s="336"/>
      <c r="CK361" s="336"/>
      <c r="CL361" s="336"/>
      <c r="CM361" s="336"/>
      <c r="CN361" s="336"/>
      <c r="CO361" s="336"/>
      <c r="CP361" s="336"/>
      <c r="CQ361" s="336"/>
      <c r="CR361" s="336"/>
      <c r="CS361" s="336"/>
      <c r="CT361" s="336"/>
      <c r="CU361" s="336"/>
      <c r="CV361" s="336"/>
      <c r="CW361" s="336"/>
      <c r="CX361" s="336"/>
      <c r="CY361" s="336"/>
      <c r="CZ361" s="336"/>
      <c r="DA361" s="336"/>
      <c r="DB361" s="336"/>
      <c r="DC361" s="336"/>
      <c r="DD361" s="84" t="s">
        <v>660</v>
      </c>
      <c r="DE361" s="84"/>
      <c r="DF361" s="399" t="s">
        <v>661</v>
      </c>
    </row>
    <row r="362" spans="3:110" s="120" customFormat="1" ht="56.1" customHeight="1" x14ac:dyDescent="0.2">
      <c r="C362" s="368">
        <v>647</v>
      </c>
      <c r="D362" s="368" t="s">
        <v>2481</v>
      </c>
      <c r="E362" s="369" t="s">
        <v>53</v>
      </c>
      <c r="F362" s="369" t="s">
        <v>655</v>
      </c>
      <c r="G362" s="232" t="s">
        <v>656</v>
      </c>
      <c r="H362" s="232" t="s">
        <v>761</v>
      </c>
      <c r="I362" s="232" t="s">
        <v>762</v>
      </c>
      <c r="J362" s="232"/>
      <c r="K362" s="232" t="s">
        <v>90</v>
      </c>
      <c r="L362" s="232" t="s">
        <v>63</v>
      </c>
      <c r="M362" s="232" t="s">
        <v>81</v>
      </c>
      <c r="N362" s="232" t="s">
        <v>77</v>
      </c>
      <c r="O362" s="334" t="s">
        <v>225</v>
      </c>
      <c r="P362" s="84" t="s">
        <v>63</v>
      </c>
      <c r="Q362" s="84" t="s">
        <v>63</v>
      </c>
      <c r="R362" s="84">
        <v>37618</v>
      </c>
      <c r="S362" s="84">
        <f t="shared" si="220"/>
        <v>37618</v>
      </c>
      <c r="T362" s="84" t="s">
        <v>659</v>
      </c>
      <c r="U362" s="84" t="s">
        <v>65</v>
      </c>
      <c r="V362" s="84"/>
      <c r="W362" s="84"/>
      <c r="X362" s="84"/>
      <c r="Y362" s="84"/>
      <c r="Z362" s="84"/>
      <c r="AA362" s="84"/>
      <c r="AB362" s="84"/>
      <c r="AC362" s="84"/>
      <c r="AD362" s="84"/>
      <c r="AE362" s="84"/>
      <c r="AF362" s="84"/>
      <c r="AG362" s="84"/>
      <c r="AH362" s="84"/>
      <c r="AI362" s="84"/>
      <c r="AJ362" s="84"/>
      <c r="AK362" s="84"/>
      <c r="AL362" s="84"/>
      <c r="AM362" s="84"/>
      <c r="AN362" s="84"/>
      <c r="AO362" s="84"/>
      <c r="AP362" s="84"/>
      <c r="AQ362" s="336" t="s">
        <v>66</v>
      </c>
      <c r="AR362" s="336" t="s">
        <v>66</v>
      </c>
      <c r="AS362" s="336" t="s">
        <v>66</v>
      </c>
      <c r="AT362" s="336" t="s">
        <v>66</v>
      </c>
      <c r="AU362" s="84"/>
      <c r="AV362" s="84"/>
      <c r="AW362" s="84"/>
      <c r="AX362" s="84"/>
      <c r="AY362" s="84"/>
      <c r="AZ362" s="84"/>
      <c r="BA362" s="238">
        <f>SUMIF(V362:AZ362,"YES",'DRAFT - HGC Schemes'!$AB$5:$BF$5)</f>
        <v>0</v>
      </c>
      <c r="BB362" s="84" t="e">
        <f t="shared" si="221"/>
        <v>#DIV/0!</v>
      </c>
      <c r="BC362" s="336" t="str">
        <f>IF(V362="yes",('DRAFT - HGC Schemes'!AB$5*$BB362),"")</f>
        <v/>
      </c>
      <c r="BD362" s="336" t="str">
        <f>IF(W362="yes",('DRAFT - HGC Schemes'!AC$5*$BB362),"")</f>
        <v/>
      </c>
      <c r="BE362" s="336" t="str">
        <f>IF(X362="yes",('DRAFT - HGC Schemes'!AD$5*$BB362),"")</f>
        <v/>
      </c>
      <c r="BF362" s="336" t="str">
        <f>IF(Y362="yes",('DRAFT - HGC Schemes'!AE$5*$BB362),"")</f>
        <v/>
      </c>
      <c r="BG362" s="336" t="str">
        <f>IF(Z362="yes",('DRAFT - HGC Schemes'!AF$5*$BB362),"")</f>
        <v/>
      </c>
      <c r="BH362" s="336" t="str">
        <f>IF(AA362="yes",('DRAFT - HGC Schemes'!AG$5*$BB362),"")</f>
        <v/>
      </c>
      <c r="BI362" s="336" t="str">
        <f>IF(AB362="yes",('DRAFT - HGC Schemes'!AH$5*$BB362),"")</f>
        <v/>
      </c>
      <c r="BJ362" s="336" t="str">
        <f>IF(AC362="yes",('DRAFT - HGC Schemes'!AI$5*$BB362),"")</f>
        <v/>
      </c>
      <c r="BK362" s="336" t="str">
        <f>IF(AD362="yes",('DRAFT - HGC Schemes'!AJ$5*$BB362),"")</f>
        <v/>
      </c>
      <c r="BL362" s="336" t="str">
        <f>IF(AE362="yes",('DRAFT - HGC Schemes'!AK$5*$BB362),"")</f>
        <v/>
      </c>
      <c r="BM362" s="336" t="str">
        <f>IF(AF362="yes",('DRAFT - HGC Schemes'!AL$5*$BB362),"")</f>
        <v/>
      </c>
      <c r="BN362" s="336" t="str">
        <f>IF(AG362="yes",('DRAFT - HGC Schemes'!AM$5*$BB362),"")</f>
        <v/>
      </c>
      <c r="BO362" s="336" t="str">
        <f>IF(AH362="yes",('DRAFT - HGC Schemes'!AN$5*$BB362),"")</f>
        <v/>
      </c>
      <c r="BP362" s="336" t="str">
        <f>IF(AI362="yes",('DRAFT - HGC Schemes'!AO$5*$BB362),"")</f>
        <v/>
      </c>
      <c r="BQ362" s="336" t="str">
        <f>IF(AJ362="yes",('DRAFT - HGC Schemes'!AP$5*$BB362),"")</f>
        <v/>
      </c>
      <c r="BR362" s="336" t="str">
        <f>IF(AK362="yes",('DRAFT - HGC Schemes'!AQ$5*$BB362),"")</f>
        <v/>
      </c>
      <c r="BS362" s="336" t="str">
        <f>IF(AL362="yes",('DRAFT - HGC Schemes'!AR$5*$BB362),"")</f>
        <v/>
      </c>
      <c r="BT362" s="336" t="str">
        <f>IF(AM362="yes",('DRAFT - HGC Schemes'!AS$5*$BB362),"")</f>
        <v/>
      </c>
      <c r="BU362" s="336" t="str">
        <f>IF(AN362="yes",('DRAFT - HGC Schemes'!AT$5*$BB362),"")</f>
        <v/>
      </c>
      <c r="BV362" s="336" t="str">
        <f>IF(AO362="yes",('DRAFT - HGC Schemes'!AU$5*$BB362),"")</f>
        <v/>
      </c>
      <c r="BW362" s="336" t="str">
        <f>IF(AP362="yes",('DRAFT - HGC Schemes'!AV$5*$BB362),"")</f>
        <v/>
      </c>
      <c r="BX362" s="336" t="e">
        <f>IF(AQ362="yes",('DRAFT - HGC Schemes'!AW$5*$BB362),"")</f>
        <v>#DIV/0!</v>
      </c>
      <c r="BY362" s="336" t="e">
        <f>IF(AR362="yes",('DRAFT - HGC Schemes'!AX$5*$BB362),"")</f>
        <v>#DIV/0!</v>
      </c>
      <c r="BZ362" s="336" t="e">
        <f>IF(AS362="yes",('DRAFT - HGC Schemes'!AY$5*$BB362),"")</f>
        <v>#DIV/0!</v>
      </c>
      <c r="CA362" s="336" t="e">
        <f>IF(AT362="yes",('DRAFT - HGC Schemes'!AZ$5*$BB362),"")</f>
        <v>#DIV/0!</v>
      </c>
      <c r="CB362" s="336" t="str">
        <f>IF(AU362="yes",('DRAFT - HGC Schemes'!BA$5*$BB362),"")</f>
        <v/>
      </c>
      <c r="CC362" s="336" t="str">
        <f>IF(AV362="yes",('DRAFT - HGC Schemes'!BB$5*$BB362),"")</f>
        <v/>
      </c>
      <c r="CD362" s="336" t="str">
        <f>IF(AW362="yes",('DRAFT - HGC Schemes'!BC$5*$BB362),"")</f>
        <v/>
      </c>
      <c r="CE362" s="336" t="str">
        <f>IF(AX362="yes",('DRAFT - HGC Schemes'!BD$5*$BB362),"")</f>
        <v/>
      </c>
      <c r="CF362" s="336" t="str">
        <f>IF(AY362="yes",('DRAFT - HGC Schemes'!BE$5*$BB362),"")</f>
        <v/>
      </c>
      <c r="CG362" s="336" t="str">
        <f>IF(AZ362="yes",('DRAFT - HGC Schemes'!BF$5*$BB362),"")</f>
        <v/>
      </c>
      <c r="CH362" s="336"/>
      <c r="CI362" s="336"/>
      <c r="CJ362" s="336"/>
      <c r="CK362" s="336"/>
      <c r="CL362" s="336"/>
      <c r="CM362" s="336"/>
      <c r="CN362" s="336"/>
      <c r="CO362" s="336"/>
      <c r="CP362" s="336"/>
      <c r="CQ362" s="336"/>
      <c r="CR362" s="336"/>
      <c r="CS362" s="336"/>
      <c r="CT362" s="336"/>
      <c r="CU362" s="336"/>
      <c r="CV362" s="336"/>
      <c r="CW362" s="336"/>
      <c r="CX362" s="336"/>
      <c r="CY362" s="336"/>
      <c r="CZ362" s="336"/>
      <c r="DA362" s="336"/>
      <c r="DB362" s="336"/>
      <c r="DC362" s="336"/>
      <c r="DD362" s="84" t="s">
        <v>660</v>
      </c>
      <c r="DE362" s="84"/>
      <c r="DF362" s="399" t="s">
        <v>661</v>
      </c>
    </row>
    <row r="363" spans="3:110" s="120" customFormat="1" ht="56.1" customHeight="1" x14ac:dyDescent="0.2">
      <c r="C363" s="368">
        <v>648</v>
      </c>
      <c r="D363" s="368" t="s">
        <v>2481</v>
      </c>
      <c r="E363" s="369" t="s">
        <v>53</v>
      </c>
      <c r="F363" s="369" t="s">
        <v>655</v>
      </c>
      <c r="G363" s="232" t="s">
        <v>656</v>
      </c>
      <c r="H363" s="232" t="s">
        <v>763</v>
      </c>
      <c r="I363" s="232" t="s">
        <v>764</v>
      </c>
      <c r="J363" s="232"/>
      <c r="K363" s="232" t="s">
        <v>90</v>
      </c>
      <c r="L363" s="232" t="s">
        <v>63</v>
      </c>
      <c r="M363" s="232" t="s">
        <v>81</v>
      </c>
      <c r="N363" s="232" t="s">
        <v>77</v>
      </c>
      <c r="O363" s="334" t="s">
        <v>225</v>
      </c>
      <c r="P363" s="84" t="s">
        <v>63</v>
      </c>
      <c r="Q363" s="84" t="s">
        <v>63</v>
      </c>
      <c r="R363" s="84">
        <v>62697</v>
      </c>
      <c r="S363" s="84">
        <f t="shared" si="220"/>
        <v>62697</v>
      </c>
      <c r="T363" s="84" t="s">
        <v>659</v>
      </c>
      <c r="U363" s="84" t="s">
        <v>65</v>
      </c>
      <c r="V363" s="84"/>
      <c r="W363" s="84"/>
      <c r="X363" s="84"/>
      <c r="Y363" s="84"/>
      <c r="Z363" s="84"/>
      <c r="AA363" s="84"/>
      <c r="AB363" s="84"/>
      <c r="AC363" s="84"/>
      <c r="AD363" s="84"/>
      <c r="AE363" s="84"/>
      <c r="AF363" s="84"/>
      <c r="AG363" s="84"/>
      <c r="AH363" s="84"/>
      <c r="AI363" s="84"/>
      <c r="AJ363" s="84"/>
      <c r="AK363" s="84"/>
      <c r="AL363" s="84"/>
      <c r="AM363" s="84"/>
      <c r="AN363" s="84"/>
      <c r="AO363" s="84"/>
      <c r="AP363" s="84"/>
      <c r="AQ363" s="336" t="s">
        <v>66</v>
      </c>
      <c r="AR363" s="336" t="s">
        <v>66</v>
      </c>
      <c r="AS363" s="336" t="s">
        <v>66</v>
      </c>
      <c r="AT363" s="336" t="s">
        <v>66</v>
      </c>
      <c r="AU363" s="84"/>
      <c r="AV363" s="84"/>
      <c r="AW363" s="84"/>
      <c r="AX363" s="84"/>
      <c r="AY363" s="84"/>
      <c r="AZ363" s="84"/>
      <c r="BA363" s="238">
        <f>SUMIF(V363:AZ363,"YES",'DRAFT - HGC Schemes'!$AB$5:$BF$5)</f>
        <v>0</v>
      </c>
      <c r="BB363" s="84" t="e">
        <f t="shared" si="221"/>
        <v>#DIV/0!</v>
      </c>
      <c r="BC363" s="336" t="str">
        <f>IF(V363="yes",('DRAFT - HGC Schemes'!AB$5*$BB363),"")</f>
        <v/>
      </c>
      <c r="BD363" s="336" t="str">
        <f>IF(W363="yes",('DRAFT - HGC Schemes'!AC$5*$BB363),"")</f>
        <v/>
      </c>
      <c r="BE363" s="336" t="str">
        <f>IF(X363="yes",('DRAFT - HGC Schemes'!AD$5*$BB363),"")</f>
        <v/>
      </c>
      <c r="BF363" s="336" t="str">
        <f>IF(Y363="yes",('DRAFT - HGC Schemes'!AE$5*$BB363),"")</f>
        <v/>
      </c>
      <c r="BG363" s="336" t="str">
        <f>IF(Z363="yes",('DRAFT - HGC Schemes'!AF$5*$BB363),"")</f>
        <v/>
      </c>
      <c r="BH363" s="336" t="str">
        <f>IF(AA363="yes",('DRAFT - HGC Schemes'!AG$5*$BB363),"")</f>
        <v/>
      </c>
      <c r="BI363" s="336" t="str">
        <f>IF(AB363="yes",('DRAFT - HGC Schemes'!AH$5*$BB363),"")</f>
        <v/>
      </c>
      <c r="BJ363" s="336" t="str">
        <f>IF(AC363="yes",('DRAFT - HGC Schemes'!AI$5*$BB363),"")</f>
        <v/>
      </c>
      <c r="BK363" s="336" t="str">
        <f>IF(AD363="yes",('DRAFT - HGC Schemes'!AJ$5*$BB363),"")</f>
        <v/>
      </c>
      <c r="BL363" s="336" t="str">
        <f>IF(AE363="yes",('DRAFT - HGC Schemes'!AK$5*$BB363),"")</f>
        <v/>
      </c>
      <c r="BM363" s="336" t="str">
        <f>IF(AF363="yes",('DRAFT - HGC Schemes'!AL$5*$BB363),"")</f>
        <v/>
      </c>
      <c r="BN363" s="336" t="str">
        <f>IF(AG363="yes",('DRAFT - HGC Schemes'!AM$5*$BB363),"")</f>
        <v/>
      </c>
      <c r="BO363" s="336" t="str">
        <f>IF(AH363="yes",('DRAFT - HGC Schemes'!AN$5*$BB363),"")</f>
        <v/>
      </c>
      <c r="BP363" s="336" t="str">
        <f>IF(AI363="yes",('DRAFT - HGC Schemes'!AO$5*$BB363),"")</f>
        <v/>
      </c>
      <c r="BQ363" s="336" t="str">
        <f>IF(AJ363="yes",('DRAFT - HGC Schemes'!AP$5*$BB363),"")</f>
        <v/>
      </c>
      <c r="BR363" s="336" t="str">
        <f>IF(AK363="yes",('DRAFT - HGC Schemes'!AQ$5*$BB363),"")</f>
        <v/>
      </c>
      <c r="BS363" s="336" t="str">
        <f>IF(AL363="yes",('DRAFT - HGC Schemes'!AR$5*$BB363),"")</f>
        <v/>
      </c>
      <c r="BT363" s="336" t="str">
        <f>IF(AM363="yes",('DRAFT - HGC Schemes'!AS$5*$BB363),"")</f>
        <v/>
      </c>
      <c r="BU363" s="336" t="str">
        <f>IF(AN363="yes",('DRAFT - HGC Schemes'!AT$5*$BB363),"")</f>
        <v/>
      </c>
      <c r="BV363" s="336" t="str">
        <f>IF(AO363="yes",('DRAFT - HGC Schemes'!AU$5*$BB363),"")</f>
        <v/>
      </c>
      <c r="BW363" s="336" t="str">
        <f>IF(AP363="yes",('DRAFT - HGC Schemes'!AV$5*$BB363),"")</f>
        <v/>
      </c>
      <c r="BX363" s="336" t="e">
        <f>IF(AQ363="yes",('DRAFT - HGC Schemes'!AW$5*$BB363),"")</f>
        <v>#DIV/0!</v>
      </c>
      <c r="BY363" s="336" t="e">
        <f>IF(AR363="yes",('DRAFT - HGC Schemes'!AX$5*$BB363),"")</f>
        <v>#DIV/0!</v>
      </c>
      <c r="BZ363" s="336" t="e">
        <f>IF(AS363="yes",('DRAFT - HGC Schemes'!AY$5*$BB363),"")</f>
        <v>#DIV/0!</v>
      </c>
      <c r="CA363" s="336" t="e">
        <f>IF(AT363="yes",('DRAFT - HGC Schemes'!AZ$5*$BB363),"")</f>
        <v>#DIV/0!</v>
      </c>
      <c r="CB363" s="336" t="str">
        <f>IF(AU363="yes",('DRAFT - HGC Schemes'!BA$5*$BB363),"")</f>
        <v/>
      </c>
      <c r="CC363" s="336" t="str">
        <f>IF(AV363="yes",('DRAFT - HGC Schemes'!BB$5*$BB363),"")</f>
        <v/>
      </c>
      <c r="CD363" s="336" t="str">
        <f>IF(AW363="yes",('DRAFT - HGC Schemes'!BC$5*$BB363),"")</f>
        <v/>
      </c>
      <c r="CE363" s="336" t="str">
        <f>IF(AX363="yes",('DRAFT - HGC Schemes'!BD$5*$BB363),"")</f>
        <v/>
      </c>
      <c r="CF363" s="336" t="str">
        <f>IF(AY363="yes",('DRAFT - HGC Schemes'!BE$5*$BB363),"")</f>
        <v/>
      </c>
      <c r="CG363" s="336" t="str">
        <f>IF(AZ363="yes",('DRAFT - HGC Schemes'!BF$5*$BB363),"")</f>
        <v/>
      </c>
      <c r="CH363" s="336"/>
      <c r="CI363" s="336"/>
      <c r="CJ363" s="336"/>
      <c r="CK363" s="336"/>
      <c r="CL363" s="336"/>
      <c r="CM363" s="336"/>
      <c r="CN363" s="336"/>
      <c r="CO363" s="336"/>
      <c r="CP363" s="336"/>
      <c r="CQ363" s="336"/>
      <c r="CR363" s="336"/>
      <c r="CS363" s="336"/>
      <c r="CT363" s="336"/>
      <c r="CU363" s="336"/>
      <c r="CV363" s="336"/>
      <c r="CW363" s="336"/>
      <c r="CX363" s="336"/>
      <c r="CY363" s="336"/>
      <c r="CZ363" s="336"/>
      <c r="DA363" s="336"/>
      <c r="DB363" s="336"/>
      <c r="DC363" s="336"/>
      <c r="DD363" s="84" t="s">
        <v>660</v>
      </c>
      <c r="DE363" s="84"/>
      <c r="DF363" s="399" t="s">
        <v>661</v>
      </c>
    </row>
    <row r="364" spans="3:110" s="120" customFormat="1" ht="56.1" customHeight="1" x14ac:dyDescent="0.2">
      <c r="C364" s="368">
        <v>649</v>
      </c>
      <c r="D364" s="368" t="s">
        <v>2481</v>
      </c>
      <c r="E364" s="369" t="s">
        <v>53</v>
      </c>
      <c r="F364" s="369" t="s">
        <v>655</v>
      </c>
      <c r="G364" s="232" t="s">
        <v>656</v>
      </c>
      <c r="H364" s="232" t="s">
        <v>765</v>
      </c>
      <c r="I364" s="232" t="s">
        <v>766</v>
      </c>
      <c r="J364" s="232"/>
      <c r="K364" s="232" t="s">
        <v>90</v>
      </c>
      <c r="L364" s="232" t="s">
        <v>63</v>
      </c>
      <c r="M364" s="232" t="s">
        <v>81</v>
      </c>
      <c r="N364" s="232" t="s">
        <v>77</v>
      </c>
      <c r="O364" s="334" t="s">
        <v>225</v>
      </c>
      <c r="P364" s="84" t="s">
        <v>63</v>
      </c>
      <c r="Q364" s="84" t="s">
        <v>63</v>
      </c>
      <c r="R364" s="84">
        <v>75236</v>
      </c>
      <c r="S364" s="84">
        <f t="shared" si="220"/>
        <v>75236</v>
      </c>
      <c r="T364" s="84" t="s">
        <v>659</v>
      </c>
      <c r="U364" s="84" t="s">
        <v>65</v>
      </c>
      <c r="V364" s="84"/>
      <c r="W364" s="84"/>
      <c r="X364" s="84"/>
      <c r="Y364" s="84"/>
      <c r="Z364" s="84"/>
      <c r="AA364" s="84"/>
      <c r="AB364" s="84"/>
      <c r="AC364" s="84"/>
      <c r="AD364" s="84"/>
      <c r="AE364" s="84"/>
      <c r="AF364" s="84"/>
      <c r="AG364" s="84"/>
      <c r="AH364" s="84"/>
      <c r="AI364" s="84"/>
      <c r="AJ364" s="84"/>
      <c r="AK364" s="84"/>
      <c r="AL364" s="84"/>
      <c r="AM364" s="84"/>
      <c r="AN364" s="84"/>
      <c r="AO364" s="84"/>
      <c r="AP364" s="84"/>
      <c r="AQ364" s="336" t="s">
        <v>66</v>
      </c>
      <c r="AR364" s="336" t="s">
        <v>66</v>
      </c>
      <c r="AS364" s="336" t="s">
        <v>66</v>
      </c>
      <c r="AT364" s="336" t="s">
        <v>66</v>
      </c>
      <c r="AU364" s="84"/>
      <c r="AV364" s="84"/>
      <c r="AW364" s="84"/>
      <c r="AX364" s="84"/>
      <c r="AY364" s="84"/>
      <c r="AZ364" s="84"/>
      <c r="BA364" s="238">
        <f>SUMIF(V364:AZ364,"YES",'DRAFT - HGC Schemes'!$AB$5:$BF$5)</f>
        <v>0</v>
      </c>
      <c r="BB364" s="84" t="e">
        <f t="shared" si="221"/>
        <v>#DIV/0!</v>
      </c>
      <c r="BC364" s="336" t="str">
        <f>IF(V364="yes",('DRAFT - HGC Schemes'!AB$5*$BB364),"")</f>
        <v/>
      </c>
      <c r="BD364" s="336" t="str">
        <f>IF(W364="yes",('DRAFT - HGC Schemes'!AC$5*$BB364),"")</f>
        <v/>
      </c>
      <c r="BE364" s="336" t="str">
        <f>IF(X364="yes",('DRAFT - HGC Schemes'!AD$5*$BB364),"")</f>
        <v/>
      </c>
      <c r="BF364" s="336" t="str">
        <f>IF(Y364="yes",('DRAFT - HGC Schemes'!AE$5*$BB364),"")</f>
        <v/>
      </c>
      <c r="BG364" s="336" t="str">
        <f>IF(Z364="yes",('DRAFT - HGC Schemes'!AF$5*$BB364),"")</f>
        <v/>
      </c>
      <c r="BH364" s="336" t="str">
        <f>IF(AA364="yes",('DRAFT - HGC Schemes'!AG$5*$BB364),"")</f>
        <v/>
      </c>
      <c r="BI364" s="336" t="str">
        <f>IF(AB364="yes",('DRAFT - HGC Schemes'!AH$5*$BB364),"")</f>
        <v/>
      </c>
      <c r="BJ364" s="336" t="str">
        <f>IF(AC364="yes",('DRAFT - HGC Schemes'!AI$5*$BB364),"")</f>
        <v/>
      </c>
      <c r="BK364" s="336" t="str">
        <f>IF(AD364="yes",('DRAFT - HGC Schemes'!AJ$5*$BB364),"")</f>
        <v/>
      </c>
      <c r="BL364" s="336" t="str">
        <f>IF(AE364="yes",('DRAFT - HGC Schemes'!AK$5*$BB364),"")</f>
        <v/>
      </c>
      <c r="BM364" s="336" t="str">
        <f>IF(AF364="yes",('DRAFT - HGC Schemes'!AL$5*$BB364),"")</f>
        <v/>
      </c>
      <c r="BN364" s="336" t="str">
        <f>IF(AG364="yes",('DRAFT - HGC Schemes'!AM$5*$BB364),"")</f>
        <v/>
      </c>
      <c r="BO364" s="336" t="str">
        <f>IF(AH364="yes",('DRAFT - HGC Schemes'!AN$5*$BB364),"")</f>
        <v/>
      </c>
      <c r="BP364" s="336" t="str">
        <f>IF(AI364="yes",('DRAFT - HGC Schemes'!AO$5*$BB364),"")</f>
        <v/>
      </c>
      <c r="BQ364" s="336" t="str">
        <f>IF(AJ364="yes",('DRAFT - HGC Schemes'!AP$5*$BB364),"")</f>
        <v/>
      </c>
      <c r="BR364" s="336" t="str">
        <f>IF(AK364="yes",('DRAFT - HGC Schemes'!AQ$5*$BB364),"")</f>
        <v/>
      </c>
      <c r="BS364" s="336" t="str">
        <f>IF(AL364="yes",('DRAFT - HGC Schemes'!AR$5*$BB364),"")</f>
        <v/>
      </c>
      <c r="BT364" s="336" t="str">
        <f>IF(AM364="yes",('DRAFT - HGC Schemes'!AS$5*$BB364),"")</f>
        <v/>
      </c>
      <c r="BU364" s="336" t="str">
        <f>IF(AN364="yes",('DRAFT - HGC Schemes'!AT$5*$BB364),"")</f>
        <v/>
      </c>
      <c r="BV364" s="336" t="str">
        <f>IF(AO364="yes",('DRAFT - HGC Schemes'!AU$5*$BB364),"")</f>
        <v/>
      </c>
      <c r="BW364" s="336" t="str">
        <f>IF(AP364="yes",('DRAFT - HGC Schemes'!AV$5*$BB364),"")</f>
        <v/>
      </c>
      <c r="BX364" s="336" t="e">
        <f>IF(AQ364="yes",('DRAFT - HGC Schemes'!AW$5*$BB364),"")</f>
        <v>#DIV/0!</v>
      </c>
      <c r="BY364" s="336" t="e">
        <f>IF(AR364="yes",('DRAFT - HGC Schemes'!AX$5*$BB364),"")</f>
        <v>#DIV/0!</v>
      </c>
      <c r="BZ364" s="336" t="e">
        <f>IF(AS364="yes",('DRAFT - HGC Schemes'!AY$5*$BB364),"")</f>
        <v>#DIV/0!</v>
      </c>
      <c r="CA364" s="336" t="e">
        <f>IF(AT364="yes",('DRAFT - HGC Schemes'!AZ$5*$BB364),"")</f>
        <v>#DIV/0!</v>
      </c>
      <c r="CB364" s="336" t="str">
        <f>IF(AU364="yes",('DRAFT - HGC Schemes'!BA$5*$BB364),"")</f>
        <v/>
      </c>
      <c r="CC364" s="336" t="str">
        <f>IF(AV364="yes",('DRAFT - HGC Schemes'!BB$5*$BB364),"")</f>
        <v/>
      </c>
      <c r="CD364" s="336" t="str">
        <f>IF(AW364="yes",('DRAFT - HGC Schemes'!BC$5*$BB364),"")</f>
        <v/>
      </c>
      <c r="CE364" s="336" t="str">
        <f>IF(AX364="yes",('DRAFT - HGC Schemes'!BD$5*$BB364),"")</f>
        <v/>
      </c>
      <c r="CF364" s="336" t="str">
        <f>IF(AY364="yes",('DRAFT - HGC Schemes'!BE$5*$BB364),"")</f>
        <v/>
      </c>
      <c r="CG364" s="336" t="str">
        <f>IF(AZ364="yes",('DRAFT - HGC Schemes'!BF$5*$BB364),"")</f>
        <v/>
      </c>
      <c r="CH364" s="336"/>
      <c r="CI364" s="336"/>
      <c r="CJ364" s="336"/>
      <c r="CK364" s="336"/>
      <c r="CL364" s="336"/>
      <c r="CM364" s="336"/>
      <c r="CN364" s="336"/>
      <c r="CO364" s="336"/>
      <c r="CP364" s="336"/>
      <c r="CQ364" s="336"/>
      <c r="CR364" s="336"/>
      <c r="CS364" s="336"/>
      <c r="CT364" s="336"/>
      <c r="CU364" s="336"/>
      <c r="CV364" s="336"/>
      <c r="CW364" s="336"/>
      <c r="CX364" s="336"/>
      <c r="CY364" s="336"/>
      <c r="CZ364" s="336"/>
      <c r="DA364" s="336"/>
      <c r="DB364" s="336"/>
      <c r="DC364" s="336"/>
      <c r="DD364" s="84" t="s">
        <v>660</v>
      </c>
      <c r="DE364" s="84"/>
      <c r="DF364" s="399" t="s">
        <v>661</v>
      </c>
    </row>
    <row r="365" spans="3:110" s="120" customFormat="1" ht="56.1" customHeight="1" x14ac:dyDescent="0.2">
      <c r="C365" s="368">
        <v>650</v>
      </c>
      <c r="D365" s="368" t="s">
        <v>2481</v>
      </c>
      <c r="E365" s="369" t="s">
        <v>53</v>
      </c>
      <c r="F365" s="369" t="s">
        <v>655</v>
      </c>
      <c r="G365" s="232" t="s">
        <v>656</v>
      </c>
      <c r="H365" s="232" t="s">
        <v>767</v>
      </c>
      <c r="I365" s="232" t="s">
        <v>768</v>
      </c>
      <c r="J365" s="232"/>
      <c r="K365" s="232" t="s">
        <v>90</v>
      </c>
      <c r="L365" s="232" t="s">
        <v>769</v>
      </c>
      <c r="M365" s="232" t="s">
        <v>60</v>
      </c>
      <c r="N365" s="232" t="s">
        <v>77</v>
      </c>
      <c r="O365" s="232" t="s">
        <v>722</v>
      </c>
      <c r="P365" s="84" t="s">
        <v>63</v>
      </c>
      <c r="Q365" s="84" t="s">
        <v>63</v>
      </c>
      <c r="R365" s="84">
        <v>150472</v>
      </c>
      <c r="S365" s="84">
        <f t="shared" si="220"/>
        <v>150472</v>
      </c>
      <c r="T365" s="84" t="s">
        <v>723</v>
      </c>
      <c r="U365" s="84" t="s">
        <v>65</v>
      </c>
      <c r="V365" s="84"/>
      <c r="W365" s="84"/>
      <c r="X365" s="84"/>
      <c r="Y365" s="84"/>
      <c r="Z365" s="84"/>
      <c r="AA365" s="84"/>
      <c r="AB365" s="84"/>
      <c r="AC365" s="84"/>
      <c r="AD365" s="84"/>
      <c r="AE365" s="84"/>
      <c r="AF365" s="84"/>
      <c r="AG365" s="84"/>
      <c r="AH365" s="84"/>
      <c r="AI365" s="84"/>
      <c r="AJ365" s="84"/>
      <c r="AK365" s="84"/>
      <c r="AL365" s="84"/>
      <c r="AM365" s="84"/>
      <c r="AN365" s="84"/>
      <c r="AO365" s="84"/>
      <c r="AP365" s="84"/>
      <c r="AQ365" s="336" t="s">
        <v>66</v>
      </c>
      <c r="AR365" s="84"/>
      <c r="AS365" s="336" t="s">
        <v>66</v>
      </c>
      <c r="AT365" s="84"/>
      <c r="AU365" s="84"/>
      <c r="AV365" s="84"/>
      <c r="AW365" s="84"/>
      <c r="AX365" s="84"/>
      <c r="AY365" s="84"/>
      <c r="AZ365" s="84"/>
      <c r="BA365" s="238">
        <f>SUMIF(V365:AZ365,"YES",'DRAFT - HGC Schemes'!$AB$5:$BF$5)</f>
        <v>0</v>
      </c>
      <c r="BB365" s="84" t="e">
        <f t="shared" si="221"/>
        <v>#DIV/0!</v>
      </c>
      <c r="BC365" s="336" t="str">
        <f>IF(V365="yes",('DRAFT - HGC Schemes'!AB$5*$BB365),"")</f>
        <v/>
      </c>
      <c r="BD365" s="336" t="str">
        <f>IF(W365="yes",('DRAFT - HGC Schemes'!AC$5*$BB365),"")</f>
        <v/>
      </c>
      <c r="BE365" s="336" t="str">
        <f>IF(X365="yes",('DRAFT - HGC Schemes'!AD$5*$BB365),"")</f>
        <v/>
      </c>
      <c r="BF365" s="336" t="str">
        <f>IF(Y365="yes",('DRAFT - HGC Schemes'!AE$5*$BB365),"")</f>
        <v/>
      </c>
      <c r="BG365" s="336" t="str">
        <f>IF(Z365="yes",('DRAFT - HGC Schemes'!AF$5*$BB365),"")</f>
        <v/>
      </c>
      <c r="BH365" s="336" t="str">
        <f>IF(AA365="yes",('DRAFT - HGC Schemes'!AG$5*$BB365),"")</f>
        <v/>
      </c>
      <c r="BI365" s="336" t="str">
        <f>IF(AB365="yes",('DRAFT - HGC Schemes'!AH$5*$BB365),"")</f>
        <v/>
      </c>
      <c r="BJ365" s="336" t="str">
        <f>IF(AC365="yes",('DRAFT - HGC Schemes'!AI$5*$BB365),"")</f>
        <v/>
      </c>
      <c r="BK365" s="336" t="str">
        <f>IF(AD365="yes",('DRAFT - HGC Schemes'!AJ$5*$BB365),"")</f>
        <v/>
      </c>
      <c r="BL365" s="336" t="str">
        <f>IF(AE365="yes",('DRAFT - HGC Schemes'!AK$5*$BB365),"")</f>
        <v/>
      </c>
      <c r="BM365" s="336" t="str">
        <f>IF(AF365="yes",('DRAFT - HGC Schemes'!AL$5*$BB365),"")</f>
        <v/>
      </c>
      <c r="BN365" s="336" t="str">
        <f>IF(AG365="yes",('DRAFT - HGC Schemes'!AM$5*$BB365),"")</f>
        <v/>
      </c>
      <c r="BO365" s="336" t="str">
        <f>IF(AH365="yes",('DRAFT - HGC Schemes'!AN$5*$BB365),"")</f>
        <v/>
      </c>
      <c r="BP365" s="336" t="str">
        <f>IF(AI365="yes",('DRAFT - HGC Schemes'!AO$5*$BB365),"")</f>
        <v/>
      </c>
      <c r="BQ365" s="336" t="str">
        <f>IF(AJ365="yes",('DRAFT - HGC Schemes'!AP$5*$BB365),"")</f>
        <v/>
      </c>
      <c r="BR365" s="336" t="str">
        <f>IF(AK365="yes",('DRAFT - HGC Schemes'!AQ$5*$BB365),"")</f>
        <v/>
      </c>
      <c r="BS365" s="336" t="str">
        <f>IF(AL365="yes",('DRAFT - HGC Schemes'!AR$5*$BB365),"")</f>
        <v/>
      </c>
      <c r="BT365" s="336" t="str">
        <f>IF(AM365="yes",('DRAFT - HGC Schemes'!AS$5*$BB365),"")</f>
        <v/>
      </c>
      <c r="BU365" s="336" t="str">
        <f>IF(AN365="yes",('DRAFT - HGC Schemes'!AT$5*$BB365),"")</f>
        <v/>
      </c>
      <c r="BV365" s="336" t="str">
        <f>IF(AO365="yes",('DRAFT - HGC Schemes'!AU$5*$BB365),"")</f>
        <v/>
      </c>
      <c r="BW365" s="336" t="str">
        <f>IF(AP365="yes",('DRAFT - HGC Schemes'!AV$5*$BB365),"")</f>
        <v/>
      </c>
      <c r="BX365" s="336" t="e">
        <f>IF(AQ365="yes",('DRAFT - HGC Schemes'!AW$5*$BB365),"")</f>
        <v>#DIV/0!</v>
      </c>
      <c r="BY365" s="336" t="str">
        <f>IF(AR365="yes",('DRAFT - HGC Schemes'!AX$5*$BB365),"")</f>
        <v/>
      </c>
      <c r="BZ365" s="336" t="e">
        <f>IF(AS365="yes",('DRAFT - HGC Schemes'!AY$5*$BB365),"")</f>
        <v>#DIV/0!</v>
      </c>
      <c r="CA365" s="336" t="str">
        <f>IF(AT365="yes",('DRAFT - HGC Schemes'!AZ$5*$BB365),"")</f>
        <v/>
      </c>
      <c r="CB365" s="336" t="str">
        <f>IF(AU365="yes",('DRAFT - HGC Schemes'!BA$5*$BB365),"")</f>
        <v/>
      </c>
      <c r="CC365" s="336" t="str">
        <f>IF(AV365="yes",('DRAFT - HGC Schemes'!BB$5*$BB365),"")</f>
        <v/>
      </c>
      <c r="CD365" s="336" t="str">
        <f>IF(AW365="yes",('DRAFT - HGC Schemes'!BC$5*$BB365),"")</f>
        <v/>
      </c>
      <c r="CE365" s="336" t="str">
        <f>IF(AX365="yes",('DRAFT - HGC Schemes'!BD$5*$BB365),"")</f>
        <v/>
      </c>
      <c r="CF365" s="336" t="str">
        <f>IF(AY365="yes",('DRAFT - HGC Schemes'!BE$5*$BB365),"")</f>
        <v/>
      </c>
      <c r="CG365" s="336" t="str">
        <f>IF(AZ365="yes",('DRAFT - HGC Schemes'!BF$5*$BB365),"")</f>
        <v/>
      </c>
      <c r="CH365" s="336"/>
      <c r="CI365" s="336"/>
      <c r="CJ365" s="336"/>
      <c r="CK365" s="336"/>
      <c r="CL365" s="336"/>
      <c r="CM365" s="336"/>
      <c r="CN365" s="336"/>
      <c r="CO365" s="336"/>
      <c r="CP365" s="336"/>
      <c r="CQ365" s="336"/>
      <c r="CR365" s="336"/>
      <c r="CS365" s="336"/>
      <c r="CT365" s="336"/>
      <c r="CU365" s="336"/>
      <c r="CV365" s="336"/>
      <c r="CW365" s="336"/>
      <c r="CX365" s="336"/>
      <c r="CY365" s="336"/>
      <c r="CZ365" s="336"/>
      <c r="DA365" s="336"/>
      <c r="DB365" s="336"/>
      <c r="DC365" s="336"/>
      <c r="DD365" s="84" t="s">
        <v>660</v>
      </c>
      <c r="DE365" s="84"/>
      <c r="DF365" s="399" t="s">
        <v>661</v>
      </c>
    </row>
    <row r="366" spans="3:110" s="120" customFormat="1" ht="56.1" customHeight="1" x14ac:dyDescent="0.2">
      <c r="C366" s="368">
        <v>651</v>
      </c>
      <c r="D366" s="368" t="s">
        <v>2481</v>
      </c>
      <c r="E366" s="369" t="s">
        <v>53</v>
      </c>
      <c r="F366" s="369" t="s">
        <v>655</v>
      </c>
      <c r="G366" s="232" t="s">
        <v>656</v>
      </c>
      <c r="H366" s="232" t="s">
        <v>770</v>
      </c>
      <c r="I366" s="232" t="s">
        <v>771</v>
      </c>
      <c r="J366" s="232"/>
      <c r="K366" s="232" t="s">
        <v>90</v>
      </c>
      <c r="L366" s="232" t="s">
        <v>63</v>
      </c>
      <c r="M366" s="232" t="s">
        <v>81</v>
      </c>
      <c r="N366" s="232" t="s">
        <v>77</v>
      </c>
      <c r="O366" s="334" t="s">
        <v>225</v>
      </c>
      <c r="P366" s="84" t="s">
        <v>63</v>
      </c>
      <c r="Q366" s="84" t="s">
        <v>63</v>
      </c>
      <c r="R366" s="84">
        <v>25079</v>
      </c>
      <c r="S366" s="84">
        <f t="shared" si="220"/>
        <v>25079</v>
      </c>
      <c r="T366" s="84" t="s">
        <v>659</v>
      </c>
      <c r="U366" s="84" t="s">
        <v>65</v>
      </c>
      <c r="V366" s="84"/>
      <c r="W366" s="84"/>
      <c r="X366" s="84"/>
      <c r="Y366" s="84"/>
      <c r="Z366" s="84"/>
      <c r="AA366" s="84"/>
      <c r="AB366" s="84"/>
      <c r="AC366" s="84"/>
      <c r="AD366" s="84"/>
      <c r="AE366" s="84"/>
      <c r="AF366" s="84"/>
      <c r="AG366" s="84"/>
      <c r="AH366" s="84"/>
      <c r="AI366" s="84"/>
      <c r="AJ366" s="84"/>
      <c r="AK366" s="84"/>
      <c r="AL366" s="84"/>
      <c r="AM366" s="84"/>
      <c r="AN366" s="84"/>
      <c r="AO366" s="84"/>
      <c r="AP366" s="84"/>
      <c r="AQ366" s="336" t="s">
        <v>66</v>
      </c>
      <c r="AR366" s="336" t="s">
        <v>66</v>
      </c>
      <c r="AS366" s="336" t="s">
        <v>66</v>
      </c>
      <c r="AT366" s="336" t="s">
        <v>66</v>
      </c>
      <c r="AU366" s="84"/>
      <c r="AV366" s="84"/>
      <c r="AW366" s="84"/>
      <c r="AX366" s="84"/>
      <c r="AY366" s="84"/>
      <c r="AZ366" s="84"/>
      <c r="BA366" s="238">
        <f>SUMIF(V366:AZ366,"YES",'DRAFT - HGC Schemes'!$AB$5:$BF$5)</f>
        <v>0</v>
      </c>
      <c r="BB366" s="84" t="e">
        <f t="shared" si="221"/>
        <v>#DIV/0!</v>
      </c>
      <c r="BC366" s="336" t="str">
        <f>IF(V366="yes",('DRAFT - HGC Schemes'!AB$5*$BB366),"")</f>
        <v/>
      </c>
      <c r="BD366" s="336" t="str">
        <f>IF(W366="yes",('DRAFT - HGC Schemes'!AC$5*$BB366),"")</f>
        <v/>
      </c>
      <c r="BE366" s="336" t="str">
        <f>IF(X366="yes",('DRAFT - HGC Schemes'!AD$5*$BB366),"")</f>
        <v/>
      </c>
      <c r="BF366" s="336" t="str">
        <f>IF(Y366="yes",('DRAFT - HGC Schemes'!AE$5*$BB366),"")</f>
        <v/>
      </c>
      <c r="BG366" s="336" t="str">
        <f>IF(Z366="yes",('DRAFT - HGC Schemes'!AF$5*$BB366),"")</f>
        <v/>
      </c>
      <c r="BH366" s="336" t="str">
        <f>IF(AA366="yes",('DRAFT - HGC Schemes'!AG$5*$BB366),"")</f>
        <v/>
      </c>
      <c r="BI366" s="336" t="str">
        <f>IF(AB366="yes",('DRAFT - HGC Schemes'!AH$5*$BB366),"")</f>
        <v/>
      </c>
      <c r="BJ366" s="336" t="str">
        <f>IF(AC366="yes",('DRAFT - HGC Schemes'!AI$5*$BB366),"")</f>
        <v/>
      </c>
      <c r="BK366" s="336" t="str">
        <f>IF(AD366="yes",('DRAFT - HGC Schemes'!AJ$5*$BB366),"")</f>
        <v/>
      </c>
      <c r="BL366" s="336" t="str">
        <f>IF(AE366="yes",('DRAFT - HGC Schemes'!AK$5*$BB366),"")</f>
        <v/>
      </c>
      <c r="BM366" s="336" t="str">
        <f>IF(AF366="yes",('DRAFT - HGC Schemes'!AL$5*$BB366),"")</f>
        <v/>
      </c>
      <c r="BN366" s="336" t="str">
        <f>IF(AG366="yes",('DRAFT - HGC Schemes'!AM$5*$BB366),"")</f>
        <v/>
      </c>
      <c r="BO366" s="336" t="str">
        <f>IF(AH366="yes",('DRAFT - HGC Schemes'!AN$5*$BB366),"")</f>
        <v/>
      </c>
      <c r="BP366" s="336" t="str">
        <f>IF(AI366="yes",('DRAFT - HGC Schemes'!AO$5*$BB366),"")</f>
        <v/>
      </c>
      <c r="BQ366" s="336" t="str">
        <f>IF(AJ366="yes",('DRAFT - HGC Schemes'!AP$5*$BB366),"")</f>
        <v/>
      </c>
      <c r="BR366" s="336" t="str">
        <f>IF(AK366="yes",('DRAFT - HGC Schemes'!AQ$5*$BB366),"")</f>
        <v/>
      </c>
      <c r="BS366" s="336" t="str">
        <f>IF(AL366="yes",('DRAFT - HGC Schemes'!AR$5*$BB366),"")</f>
        <v/>
      </c>
      <c r="BT366" s="336" t="str">
        <f>IF(AM366="yes",('DRAFT - HGC Schemes'!AS$5*$BB366),"")</f>
        <v/>
      </c>
      <c r="BU366" s="336" t="str">
        <f>IF(AN366="yes",('DRAFT - HGC Schemes'!AT$5*$BB366),"")</f>
        <v/>
      </c>
      <c r="BV366" s="336" t="str">
        <f>IF(AO366="yes",('DRAFT - HGC Schemes'!AU$5*$BB366),"")</f>
        <v/>
      </c>
      <c r="BW366" s="336" t="str">
        <f>IF(AP366="yes",('DRAFT - HGC Schemes'!AV$5*$BB366),"")</f>
        <v/>
      </c>
      <c r="BX366" s="336" t="e">
        <f>IF(AQ366="yes",('DRAFT - HGC Schemes'!AW$5*$BB366),"")</f>
        <v>#DIV/0!</v>
      </c>
      <c r="BY366" s="336" t="e">
        <f>IF(AR366="yes",('DRAFT - HGC Schemes'!AX$5*$BB366),"")</f>
        <v>#DIV/0!</v>
      </c>
      <c r="BZ366" s="336" t="e">
        <f>IF(AS366="yes",('DRAFT - HGC Schemes'!AY$5*$BB366),"")</f>
        <v>#DIV/0!</v>
      </c>
      <c r="CA366" s="336" t="e">
        <f>IF(AT366="yes",('DRAFT - HGC Schemes'!AZ$5*$BB366),"")</f>
        <v>#DIV/0!</v>
      </c>
      <c r="CB366" s="336" t="str">
        <f>IF(AU366="yes",('DRAFT - HGC Schemes'!BA$5*$BB366),"")</f>
        <v/>
      </c>
      <c r="CC366" s="336" t="str">
        <f>IF(AV366="yes",('DRAFT - HGC Schemes'!BB$5*$BB366),"")</f>
        <v/>
      </c>
      <c r="CD366" s="336" t="str">
        <f>IF(AW366="yes",('DRAFT - HGC Schemes'!BC$5*$BB366),"")</f>
        <v/>
      </c>
      <c r="CE366" s="336" t="str">
        <f>IF(AX366="yes",('DRAFT - HGC Schemes'!BD$5*$BB366),"")</f>
        <v/>
      </c>
      <c r="CF366" s="336" t="str">
        <f>IF(AY366="yes",('DRAFT - HGC Schemes'!BE$5*$BB366),"")</f>
        <v/>
      </c>
      <c r="CG366" s="336" t="str">
        <f>IF(AZ366="yes",('DRAFT - HGC Schemes'!BF$5*$BB366),"")</f>
        <v/>
      </c>
      <c r="CH366" s="336"/>
      <c r="CI366" s="336"/>
      <c r="CJ366" s="336"/>
      <c r="CK366" s="336"/>
      <c r="CL366" s="336"/>
      <c r="CM366" s="336"/>
      <c r="CN366" s="336"/>
      <c r="CO366" s="336"/>
      <c r="CP366" s="336"/>
      <c r="CQ366" s="336"/>
      <c r="CR366" s="336"/>
      <c r="CS366" s="336"/>
      <c r="CT366" s="336"/>
      <c r="CU366" s="336"/>
      <c r="CV366" s="336"/>
      <c r="CW366" s="336"/>
      <c r="CX366" s="336"/>
      <c r="CY366" s="336"/>
      <c r="CZ366" s="336"/>
      <c r="DA366" s="336"/>
      <c r="DB366" s="336"/>
      <c r="DC366" s="336"/>
      <c r="DD366" s="84" t="s">
        <v>660</v>
      </c>
      <c r="DE366" s="84"/>
      <c r="DF366" s="399" t="s">
        <v>661</v>
      </c>
    </row>
    <row r="367" spans="3:110" s="120" customFormat="1" ht="56.1" customHeight="1" x14ac:dyDescent="0.2">
      <c r="C367" s="368">
        <v>652</v>
      </c>
      <c r="D367" s="368" t="s">
        <v>2481</v>
      </c>
      <c r="E367" s="369" t="s">
        <v>53</v>
      </c>
      <c r="F367" s="369" t="s">
        <v>655</v>
      </c>
      <c r="G367" s="232" t="s">
        <v>656</v>
      </c>
      <c r="H367" s="232" t="s">
        <v>772</v>
      </c>
      <c r="I367" s="232" t="s">
        <v>773</v>
      </c>
      <c r="J367" s="232"/>
      <c r="K367" s="232" t="s">
        <v>90</v>
      </c>
      <c r="L367" s="232" t="s">
        <v>63</v>
      </c>
      <c r="M367" s="232" t="s">
        <v>81</v>
      </c>
      <c r="N367" s="232" t="s">
        <v>77</v>
      </c>
      <c r="O367" s="334" t="s">
        <v>225</v>
      </c>
      <c r="P367" s="84" t="s">
        <v>63</v>
      </c>
      <c r="Q367" s="84" t="s">
        <v>63</v>
      </c>
      <c r="R367" s="84">
        <v>56427</v>
      </c>
      <c r="S367" s="84">
        <f t="shared" si="220"/>
        <v>56427</v>
      </c>
      <c r="T367" s="84" t="s">
        <v>659</v>
      </c>
      <c r="U367" s="84" t="s">
        <v>65</v>
      </c>
      <c r="V367" s="84"/>
      <c r="W367" s="84"/>
      <c r="X367" s="84"/>
      <c r="Y367" s="84"/>
      <c r="Z367" s="84"/>
      <c r="AA367" s="84"/>
      <c r="AB367" s="84"/>
      <c r="AC367" s="84"/>
      <c r="AD367" s="84"/>
      <c r="AE367" s="84"/>
      <c r="AF367" s="84"/>
      <c r="AG367" s="84"/>
      <c r="AH367" s="84"/>
      <c r="AI367" s="84"/>
      <c r="AJ367" s="84"/>
      <c r="AK367" s="84"/>
      <c r="AL367" s="84"/>
      <c r="AM367" s="84"/>
      <c r="AN367" s="84"/>
      <c r="AO367" s="84"/>
      <c r="AP367" s="84"/>
      <c r="AQ367" s="336" t="s">
        <v>66</v>
      </c>
      <c r="AR367" s="336" t="s">
        <v>66</v>
      </c>
      <c r="AS367" s="336" t="s">
        <v>66</v>
      </c>
      <c r="AT367" s="336" t="s">
        <v>66</v>
      </c>
      <c r="AU367" s="84"/>
      <c r="AV367" s="84"/>
      <c r="AW367" s="84"/>
      <c r="AX367" s="84"/>
      <c r="AY367" s="84"/>
      <c r="AZ367" s="84"/>
      <c r="BA367" s="238">
        <f>SUMIF(V367:AZ367,"YES",'DRAFT - HGC Schemes'!$AB$5:$BF$5)</f>
        <v>0</v>
      </c>
      <c r="BB367" s="84" t="e">
        <f t="shared" si="221"/>
        <v>#DIV/0!</v>
      </c>
      <c r="BC367" s="336" t="str">
        <f>IF(V367="yes",('DRAFT - HGC Schemes'!AB$5*$BB367),"")</f>
        <v/>
      </c>
      <c r="BD367" s="336" t="str">
        <f>IF(W367="yes",('DRAFT - HGC Schemes'!AC$5*$BB367),"")</f>
        <v/>
      </c>
      <c r="BE367" s="336" t="str">
        <f>IF(X367="yes",('DRAFT - HGC Schemes'!AD$5*$BB367),"")</f>
        <v/>
      </c>
      <c r="BF367" s="336" t="str">
        <f>IF(Y367="yes",('DRAFT - HGC Schemes'!AE$5*$BB367),"")</f>
        <v/>
      </c>
      <c r="BG367" s="336" t="str">
        <f>IF(Z367="yes",('DRAFT - HGC Schemes'!AF$5*$BB367),"")</f>
        <v/>
      </c>
      <c r="BH367" s="336" t="str">
        <f>IF(AA367="yes",('DRAFT - HGC Schemes'!AG$5*$BB367),"")</f>
        <v/>
      </c>
      <c r="BI367" s="336" t="str">
        <f>IF(AB367="yes",('DRAFT - HGC Schemes'!AH$5*$BB367),"")</f>
        <v/>
      </c>
      <c r="BJ367" s="336" t="str">
        <f>IF(AC367="yes",('DRAFT - HGC Schemes'!AI$5*$BB367),"")</f>
        <v/>
      </c>
      <c r="BK367" s="336" t="str">
        <f>IF(AD367="yes",('DRAFT - HGC Schemes'!AJ$5*$BB367),"")</f>
        <v/>
      </c>
      <c r="BL367" s="336" t="str">
        <f>IF(AE367="yes",('DRAFT - HGC Schemes'!AK$5*$BB367),"")</f>
        <v/>
      </c>
      <c r="BM367" s="336" t="str">
        <f>IF(AF367="yes",('DRAFT - HGC Schemes'!AL$5*$BB367),"")</f>
        <v/>
      </c>
      <c r="BN367" s="336" t="str">
        <f>IF(AG367="yes",('DRAFT - HGC Schemes'!AM$5*$BB367),"")</f>
        <v/>
      </c>
      <c r="BO367" s="336" t="str">
        <f>IF(AH367="yes",('DRAFT - HGC Schemes'!AN$5*$BB367),"")</f>
        <v/>
      </c>
      <c r="BP367" s="336" t="str">
        <f>IF(AI367="yes",('DRAFT - HGC Schemes'!AO$5*$BB367),"")</f>
        <v/>
      </c>
      <c r="BQ367" s="336" t="str">
        <f>IF(AJ367="yes",('DRAFT - HGC Schemes'!AP$5*$BB367),"")</f>
        <v/>
      </c>
      <c r="BR367" s="336" t="str">
        <f>IF(AK367="yes",('DRAFT - HGC Schemes'!AQ$5*$BB367),"")</f>
        <v/>
      </c>
      <c r="BS367" s="336" t="str">
        <f>IF(AL367="yes",('DRAFT - HGC Schemes'!AR$5*$BB367),"")</f>
        <v/>
      </c>
      <c r="BT367" s="336" t="str">
        <f>IF(AM367="yes",('DRAFT - HGC Schemes'!AS$5*$BB367),"")</f>
        <v/>
      </c>
      <c r="BU367" s="336" t="str">
        <f>IF(AN367="yes",('DRAFT - HGC Schemes'!AT$5*$BB367),"")</f>
        <v/>
      </c>
      <c r="BV367" s="336" t="str">
        <f>IF(AO367="yes",('DRAFT - HGC Schemes'!AU$5*$BB367),"")</f>
        <v/>
      </c>
      <c r="BW367" s="336" t="str">
        <f>IF(AP367="yes",('DRAFT - HGC Schemes'!AV$5*$BB367),"")</f>
        <v/>
      </c>
      <c r="BX367" s="336" t="e">
        <f>IF(AQ367="yes",('DRAFT - HGC Schemes'!AW$5*$BB367),"")</f>
        <v>#DIV/0!</v>
      </c>
      <c r="BY367" s="336" t="e">
        <f>IF(AR367="yes",('DRAFT - HGC Schemes'!AX$5*$BB367),"")</f>
        <v>#DIV/0!</v>
      </c>
      <c r="BZ367" s="336" t="e">
        <f>IF(AS367="yes",('DRAFT - HGC Schemes'!AY$5*$BB367),"")</f>
        <v>#DIV/0!</v>
      </c>
      <c r="CA367" s="336" t="e">
        <f>IF(AT367="yes",('DRAFT - HGC Schemes'!AZ$5*$BB367),"")</f>
        <v>#DIV/0!</v>
      </c>
      <c r="CB367" s="336" t="str">
        <f>IF(AU367="yes",('DRAFT - HGC Schemes'!BA$5*$BB367),"")</f>
        <v/>
      </c>
      <c r="CC367" s="336" t="str">
        <f>IF(AV367="yes",('DRAFT - HGC Schemes'!BB$5*$BB367),"")</f>
        <v/>
      </c>
      <c r="CD367" s="336" t="str">
        <f>IF(AW367="yes",('DRAFT - HGC Schemes'!BC$5*$BB367),"")</f>
        <v/>
      </c>
      <c r="CE367" s="336" t="str">
        <f>IF(AX367="yes",('DRAFT - HGC Schemes'!BD$5*$BB367),"")</f>
        <v/>
      </c>
      <c r="CF367" s="336" t="str">
        <f>IF(AY367="yes",('DRAFT - HGC Schemes'!BE$5*$BB367),"")</f>
        <v/>
      </c>
      <c r="CG367" s="336" t="str">
        <f>IF(AZ367="yes",('DRAFT - HGC Schemes'!BF$5*$BB367),"")</f>
        <v/>
      </c>
      <c r="CH367" s="336"/>
      <c r="CI367" s="336"/>
      <c r="CJ367" s="336"/>
      <c r="CK367" s="336"/>
      <c r="CL367" s="336"/>
      <c r="CM367" s="336"/>
      <c r="CN367" s="336"/>
      <c r="CO367" s="336"/>
      <c r="CP367" s="336"/>
      <c r="CQ367" s="336"/>
      <c r="CR367" s="336"/>
      <c r="CS367" s="336"/>
      <c r="CT367" s="336"/>
      <c r="CU367" s="336"/>
      <c r="CV367" s="336"/>
      <c r="CW367" s="336"/>
      <c r="CX367" s="336"/>
      <c r="CY367" s="336"/>
      <c r="CZ367" s="336"/>
      <c r="DA367" s="336"/>
      <c r="DB367" s="336"/>
      <c r="DC367" s="336"/>
      <c r="DD367" s="84" t="s">
        <v>660</v>
      </c>
      <c r="DE367" s="84"/>
      <c r="DF367" s="399" t="s">
        <v>661</v>
      </c>
    </row>
    <row r="368" spans="3:110" s="120" customFormat="1" ht="56.1" customHeight="1" x14ac:dyDescent="0.2">
      <c r="C368" s="368">
        <v>653</v>
      </c>
      <c r="D368" s="368" t="s">
        <v>2481</v>
      </c>
      <c r="E368" s="369" t="s">
        <v>53</v>
      </c>
      <c r="F368" s="369" t="s">
        <v>655</v>
      </c>
      <c r="G368" s="232" t="s">
        <v>656</v>
      </c>
      <c r="H368" s="232" t="s">
        <v>774</v>
      </c>
      <c r="I368" s="232" t="s">
        <v>775</v>
      </c>
      <c r="J368" s="232"/>
      <c r="K368" s="232" t="s">
        <v>90</v>
      </c>
      <c r="L368" s="232" t="s">
        <v>63</v>
      </c>
      <c r="M368" s="232" t="s">
        <v>81</v>
      </c>
      <c r="N368" s="232" t="s">
        <v>77</v>
      </c>
      <c r="O368" s="334" t="s">
        <v>225</v>
      </c>
      <c r="P368" s="84" t="s">
        <v>63</v>
      </c>
      <c r="Q368" s="84" t="s">
        <v>63</v>
      </c>
      <c r="R368" s="84">
        <v>106584</v>
      </c>
      <c r="S368" s="84">
        <f t="shared" si="220"/>
        <v>106584</v>
      </c>
      <c r="T368" s="84" t="s">
        <v>659</v>
      </c>
      <c r="U368" s="84" t="s">
        <v>65</v>
      </c>
      <c r="V368" s="84"/>
      <c r="W368" s="84"/>
      <c r="X368" s="84"/>
      <c r="Y368" s="84"/>
      <c r="Z368" s="84"/>
      <c r="AA368" s="84"/>
      <c r="AB368" s="84"/>
      <c r="AC368" s="84"/>
      <c r="AD368" s="84"/>
      <c r="AE368" s="84"/>
      <c r="AF368" s="84"/>
      <c r="AG368" s="84"/>
      <c r="AH368" s="84"/>
      <c r="AI368" s="84"/>
      <c r="AJ368" s="84"/>
      <c r="AK368" s="84"/>
      <c r="AL368" s="84"/>
      <c r="AM368" s="84"/>
      <c r="AN368" s="84"/>
      <c r="AO368" s="84"/>
      <c r="AP368" s="84"/>
      <c r="AQ368" s="336" t="s">
        <v>66</v>
      </c>
      <c r="AR368" s="336" t="s">
        <v>66</v>
      </c>
      <c r="AS368" s="336" t="s">
        <v>66</v>
      </c>
      <c r="AT368" s="336" t="s">
        <v>66</v>
      </c>
      <c r="AU368" s="84"/>
      <c r="AV368" s="84"/>
      <c r="AW368" s="84"/>
      <c r="AX368" s="84"/>
      <c r="AY368" s="84"/>
      <c r="AZ368" s="84"/>
      <c r="BA368" s="238">
        <f>SUMIF(V368:AZ368,"YES",'DRAFT - HGC Schemes'!$AB$5:$BF$5)</f>
        <v>0</v>
      </c>
      <c r="BB368" s="84" t="e">
        <f t="shared" si="221"/>
        <v>#DIV/0!</v>
      </c>
      <c r="BC368" s="336" t="str">
        <f>IF(V368="yes",('DRAFT - HGC Schemes'!AB$5*$BB368),"")</f>
        <v/>
      </c>
      <c r="BD368" s="336" t="str">
        <f>IF(W368="yes",('DRAFT - HGC Schemes'!AC$5*$BB368),"")</f>
        <v/>
      </c>
      <c r="BE368" s="336" t="str">
        <f>IF(X368="yes",('DRAFT - HGC Schemes'!AD$5*$BB368),"")</f>
        <v/>
      </c>
      <c r="BF368" s="336" t="str">
        <f>IF(Y368="yes",('DRAFT - HGC Schemes'!AE$5*$BB368),"")</f>
        <v/>
      </c>
      <c r="BG368" s="336" t="str">
        <f>IF(Z368="yes",('DRAFT - HGC Schemes'!AF$5*$BB368),"")</f>
        <v/>
      </c>
      <c r="BH368" s="336" t="str">
        <f>IF(AA368="yes",('DRAFT - HGC Schemes'!AG$5*$BB368),"")</f>
        <v/>
      </c>
      <c r="BI368" s="336" t="str">
        <f>IF(AB368="yes",('DRAFT - HGC Schemes'!AH$5*$BB368),"")</f>
        <v/>
      </c>
      <c r="BJ368" s="336" t="str">
        <f>IF(AC368="yes",('DRAFT - HGC Schemes'!AI$5*$BB368),"")</f>
        <v/>
      </c>
      <c r="BK368" s="336" t="str">
        <f>IF(AD368="yes",('DRAFT - HGC Schemes'!AJ$5*$BB368),"")</f>
        <v/>
      </c>
      <c r="BL368" s="336" t="str">
        <f>IF(AE368="yes",('DRAFT - HGC Schemes'!AK$5*$BB368),"")</f>
        <v/>
      </c>
      <c r="BM368" s="336" t="str">
        <f>IF(AF368="yes",('DRAFT - HGC Schemes'!AL$5*$BB368),"")</f>
        <v/>
      </c>
      <c r="BN368" s="336" t="str">
        <f>IF(AG368="yes",('DRAFT - HGC Schemes'!AM$5*$BB368),"")</f>
        <v/>
      </c>
      <c r="BO368" s="336" t="str">
        <f>IF(AH368="yes",('DRAFT - HGC Schemes'!AN$5*$BB368),"")</f>
        <v/>
      </c>
      <c r="BP368" s="336" t="str">
        <f>IF(AI368="yes",('DRAFT - HGC Schemes'!AO$5*$BB368),"")</f>
        <v/>
      </c>
      <c r="BQ368" s="336" t="str">
        <f>IF(AJ368="yes",('DRAFT - HGC Schemes'!AP$5*$BB368),"")</f>
        <v/>
      </c>
      <c r="BR368" s="336" t="str">
        <f>IF(AK368="yes",('DRAFT - HGC Schemes'!AQ$5*$BB368),"")</f>
        <v/>
      </c>
      <c r="BS368" s="336" t="str">
        <f>IF(AL368="yes",('DRAFT - HGC Schemes'!AR$5*$BB368),"")</f>
        <v/>
      </c>
      <c r="BT368" s="336" t="str">
        <f>IF(AM368="yes",('DRAFT - HGC Schemes'!AS$5*$BB368),"")</f>
        <v/>
      </c>
      <c r="BU368" s="336" t="str">
        <f>IF(AN368="yes",('DRAFT - HGC Schemes'!AT$5*$BB368),"")</f>
        <v/>
      </c>
      <c r="BV368" s="336" t="str">
        <f>IF(AO368="yes",('DRAFT - HGC Schemes'!AU$5*$BB368),"")</f>
        <v/>
      </c>
      <c r="BW368" s="336" t="str">
        <f>IF(AP368="yes",('DRAFT - HGC Schemes'!AV$5*$BB368),"")</f>
        <v/>
      </c>
      <c r="BX368" s="336" t="e">
        <f>IF(AQ368="yes",('DRAFT - HGC Schemes'!AW$5*$BB368),"")</f>
        <v>#DIV/0!</v>
      </c>
      <c r="BY368" s="336" t="e">
        <f>IF(AR368="yes",('DRAFT - HGC Schemes'!AX$5*$BB368),"")</f>
        <v>#DIV/0!</v>
      </c>
      <c r="BZ368" s="336" t="e">
        <f>IF(AS368="yes",('DRAFT - HGC Schemes'!AY$5*$BB368),"")</f>
        <v>#DIV/0!</v>
      </c>
      <c r="CA368" s="336" t="e">
        <f>IF(AT368="yes",('DRAFT - HGC Schemes'!AZ$5*$BB368),"")</f>
        <v>#DIV/0!</v>
      </c>
      <c r="CB368" s="336" t="str">
        <f>IF(AU368="yes",('DRAFT - HGC Schemes'!BA$5*$BB368),"")</f>
        <v/>
      </c>
      <c r="CC368" s="336" t="str">
        <f>IF(AV368="yes",('DRAFT - HGC Schemes'!BB$5*$BB368),"")</f>
        <v/>
      </c>
      <c r="CD368" s="336" t="str">
        <f>IF(AW368="yes",('DRAFT - HGC Schemes'!BC$5*$BB368),"")</f>
        <v/>
      </c>
      <c r="CE368" s="336" t="str">
        <f>IF(AX368="yes",('DRAFT - HGC Schemes'!BD$5*$BB368),"")</f>
        <v/>
      </c>
      <c r="CF368" s="336" t="str">
        <f>IF(AY368="yes",('DRAFT - HGC Schemes'!BE$5*$BB368),"")</f>
        <v/>
      </c>
      <c r="CG368" s="336" t="str">
        <f>IF(AZ368="yes",('DRAFT - HGC Schemes'!BF$5*$BB368),"")</f>
        <v/>
      </c>
      <c r="CH368" s="336"/>
      <c r="CI368" s="336"/>
      <c r="CJ368" s="336"/>
      <c r="CK368" s="336"/>
      <c r="CL368" s="336"/>
      <c r="CM368" s="336"/>
      <c r="CN368" s="336"/>
      <c r="CO368" s="336"/>
      <c r="CP368" s="336"/>
      <c r="CQ368" s="336"/>
      <c r="CR368" s="336"/>
      <c r="CS368" s="336"/>
      <c r="CT368" s="336"/>
      <c r="CU368" s="336"/>
      <c r="CV368" s="336"/>
      <c r="CW368" s="336"/>
      <c r="CX368" s="336"/>
      <c r="CY368" s="336"/>
      <c r="CZ368" s="336"/>
      <c r="DA368" s="336"/>
      <c r="DB368" s="336"/>
      <c r="DC368" s="336"/>
      <c r="DD368" s="84" t="s">
        <v>660</v>
      </c>
      <c r="DE368" s="84"/>
      <c r="DF368" s="399" t="s">
        <v>661</v>
      </c>
    </row>
    <row r="369" spans="3:110" s="120" customFormat="1" ht="56.1" customHeight="1" x14ac:dyDescent="0.2">
      <c r="C369" s="368">
        <v>654</v>
      </c>
      <c r="D369" s="368" t="s">
        <v>2481</v>
      </c>
      <c r="E369" s="369" t="s">
        <v>53</v>
      </c>
      <c r="F369" s="369" t="s">
        <v>655</v>
      </c>
      <c r="G369" s="232" t="s">
        <v>656</v>
      </c>
      <c r="H369" s="232" t="s">
        <v>776</v>
      </c>
      <c r="I369" s="232" t="s">
        <v>777</v>
      </c>
      <c r="J369" s="232"/>
      <c r="K369" s="232" t="s">
        <v>90</v>
      </c>
      <c r="L369" s="232" t="s">
        <v>63</v>
      </c>
      <c r="M369" s="232" t="s">
        <v>81</v>
      </c>
      <c r="N369" s="232" t="s">
        <v>77</v>
      </c>
      <c r="O369" s="334" t="s">
        <v>225</v>
      </c>
      <c r="P369" s="84" t="s">
        <v>63</v>
      </c>
      <c r="Q369" s="84" t="s">
        <v>63</v>
      </c>
      <c r="R369" s="335"/>
      <c r="S369" s="335"/>
      <c r="T369" s="84" t="s">
        <v>659</v>
      </c>
      <c r="U369" s="84" t="s">
        <v>65</v>
      </c>
      <c r="V369" s="84"/>
      <c r="W369" s="84"/>
      <c r="X369" s="84"/>
      <c r="Y369" s="84"/>
      <c r="Z369" s="84"/>
      <c r="AA369" s="84"/>
      <c r="AB369" s="84"/>
      <c r="AC369" s="84"/>
      <c r="AD369" s="84"/>
      <c r="AE369" s="84"/>
      <c r="AF369" s="84"/>
      <c r="AG369" s="84"/>
      <c r="AH369" s="84"/>
      <c r="AI369" s="84"/>
      <c r="AJ369" s="84"/>
      <c r="AK369" s="84"/>
      <c r="AL369" s="84"/>
      <c r="AM369" s="84"/>
      <c r="AN369" s="84"/>
      <c r="AO369" s="84"/>
      <c r="AP369" s="84"/>
      <c r="AQ369" s="336" t="s">
        <v>66</v>
      </c>
      <c r="AR369" s="336" t="s">
        <v>66</v>
      </c>
      <c r="AS369" s="336" t="s">
        <v>66</v>
      </c>
      <c r="AT369" s="336" t="s">
        <v>66</v>
      </c>
      <c r="AU369" s="84"/>
      <c r="AV369" s="84"/>
      <c r="AW369" s="84"/>
      <c r="AX369" s="84"/>
      <c r="AY369" s="84"/>
      <c r="AZ369" s="84"/>
      <c r="BA369" s="238">
        <f>SUMIF(V369:AZ369,"YES",'DRAFT - HGC Schemes'!$AB$5:$BF$5)</f>
        <v>0</v>
      </c>
      <c r="BB369" s="84"/>
      <c r="BC369" s="336" t="str">
        <f>IF(V369="yes",('DRAFT - HGC Schemes'!AB$5*$BB369),"")</f>
        <v/>
      </c>
      <c r="BD369" s="336" t="str">
        <f>IF(W369="yes",('DRAFT - HGC Schemes'!AC$5*$BB369),"")</f>
        <v/>
      </c>
      <c r="BE369" s="336" t="str">
        <f>IF(X369="yes",('DRAFT - HGC Schemes'!AD$5*$BB369),"")</f>
        <v/>
      </c>
      <c r="BF369" s="336" t="str">
        <f>IF(Y369="yes",('DRAFT - HGC Schemes'!AE$5*$BB369),"")</f>
        <v/>
      </c>
      <c r="BG369" s="336" t="str">
        <f>IF(Z369="yes",('DRAFT - HGC Schemes'!AF$5*$BB369),"")</f>
        <v/>
      </c>
      <c r="BH369" s="336" t="str">
        <f>IF(AA369="yes",('DRAFT - HGC Schemes'!AG$5*$BB369),"")</f>
        <v/>
      </c>
      <c r="BI369" s="336" t="str">
        <f>IF(AB369="yes",('DRAFT - HGC Schemes'!AH$5*$BB369),"")</f>
        <v/>
      </c>
      <c r="BJ369" s="336" t="str">
        <f>IF(AC369="yes",('DRAFT - HGC Schemes'!AI$5*$BB369),"")</f>
        <v/>
      </c>
      <c r="BK369" s="336" t="str">
        <f>IF(AD369="yes",('DRAFT - HGC Schemes'!AJ$5*$BB369),"")</f>
        <v/>
      </c>
      <c r="BL369" s="336" t="str">
        <f>IF(AE369="yes",('DRAFT - HGC Schemes'!AK$5*$BB369),"")</f>
        <v/>
      </c>
      <c r="BM369" s="336" t="str">
        <f>IF(AF369="yes",('DRAFT - HGC Schemes'!AL$5*$BB369),"")</f>
        <v/>
      </c>
      <c r="BN369" s="336" t="str">
        <f>IF(AG369="yes",('DRAFT - HGC Schemes'!AM$5*$BB369),"")</f>
        <v/>
      </c>
      <c r="BO369" s="336" t="str">
        <f>IF(AH369="yes",('DRAFT - HGC Schemes'!AN$5*$BB369),"")</f>
        <v/>
      </c>
      <c r="BP369" s="336" t="str">
        <f>IF(AI369="yes",('DRAFT - HGC Schemes'!AO$5*$BB369),"")</f>
        <v/>
      </c>
      <c r="BQ369" s="336" t="str">
        <f>IF(AJ369="yes",('DRAFT - HGC Schemes'!AP$5*$BB369),"")</f>
        <v/>
      </c>
      <c r="BR369" s="336" t="str">
        <f>IF(AK369="yes",('DRAFT - HGC Schemes'!AQ$5*$BB369),"")</f>
        <v/>
      </c>
      <c r="BS369" s="336" t="str">
        <f>IF(AL369="yes",('DRAFT - HGC Schemes'!AR$5*$BB369),"")</f>
        <v/>
      </c>
      <c r="BT369" s="336" t="str">
        <f>IF(AM369="yes",('DRAFT - HGC Schemes'!AS$5*$BB369),"")</f>
        <v/>
      </c>
      <c r="BU369" s="336" t="str">
        <f>IF(AN369="yes",('DRAFT - HGC Schemes'!AT$5*$BB369),"")</f>
        <v/>
      </c>
      <c r="BV369" s="336" t="str">
        <f>IF(AO369="yes",('DRAFT - HGC Schemes'!AU$5*$BB369),"")</f>
        <v/>
      </c>
      <c r="BW369" s="336" t="str">
        <f>IF(AP369="yes",('DRAFT - HGC Schemes'!AV$5*$BB369),"")</f>
        <v/>
      </c>
      <c r="BX369" s="336">
        <f>IF(AQ369="yes",('DRAFT - HGC Schemes'!AW$5*$BB369),"")</f>
        <v>0</v>
      </c>
      <c r="BY369" s="336">
        <f>IF(AR369="yes",('DRAFT - HGC Schemes'!AX$5*$BB369),"")</f>
        <v>0</v>
      </c>
      <c r="BZ369" s="336">
        <f>IF(AS369="yes",('DRAFT - HGC Schemes'!AY$5*$BB369),"")</f>
        <v>0</v>
      </c>
      <c r="CA369" s="336">
        <f>IF(AT369="yes",('DRAFT - HGC Schemes'!AZ$5*$BB369),"")</f>
        <v>0</v>
      </c>
      <c r="CB369" s="336" t="str">
        <f>IF(AU369="yes",('DRAFT - HGC Schemes'!BA$5*$BB369),"")</f>
        <v/>
      </c>
      <c r="CC369" s="336" t="str">
        <f>IF(AV369="yes",('DRAFT - HGC Schemes'!BB$5*$BB369),"")</f>
        <v/>
      </c>
      <c r="CD369" s="336" t="str">
        <f>IF(AW369="yes",('DRAFT - HGC Schemes'!BC$5*$BB369),"")</f>
        <v/>
      </c>
      <c r="CE369" s="336" t="str">
        <f>IF(AX369="yes",('DRAFT - HGC Schemes'!BD$5*$BB369),"")</f>
        <v/>
      </c>
      <c r="CF369" s="336" t="str">
        <f>IF(AY369="yes",('DRAFT - HGC Schemes'!BE$5*$BB369),"")</f>
        <v/>
      </c>
      <c r="CG369" s="336" t="str">
        <f>IF(AZ369="yes",('DRAFT - HGC Schemes'!BF$5*$BB369),"")</f>
        <v/>
      </c>
      <c r="CH369" s="336"/>
      <c r="CI369" s="336"/>
      <c r="CJ369" s="336"/>
      <c r="CK369" s="336"/>
      <c r="CL369" s="336"/>
      <c r="CM369" s="336"/>
      <c r="CN369" s="336"/>
      <c r="CO369" s="336"/>
      <c r="CP369" s="336"/>
      <c r="CQ369" s="336"/>
      <c r="CR369" s="336"/>
      <c r="CS369" s="336"/>
      <c r="CT369" s="336"/>
      <c r="CU369" s="336"/>
      <c r="CV369" s="336"/>
      <c r="CW369" s="336"/>
      <c r="CX369" s="336"/>
      <c r="CY369" s="336"/>
      <c r="CZ369" s="336"/>
      <c r="DA369" s="336"/>
      <c r="DB369" s="336"/>
      <c r="DC369" s="336"/>
      <c r="DD369" s="84" t="s">
        <v>660</v>
      </c>
      <c r="DE369" s="84"/>
      <c r="DF369" s="399" t="s">
        <v>661</v>
      </c>
    </row>
    <row r="370" spans="3:110" s="120" customFormat="1" ht="56.1" customHeight="1" x14ac:dyDescent="0.2">
      <c r="C370" s="368">
        <v>655</v>
      </c>
      <c r="D370" s="368" t="s">
        <v>2481</v>
      </c>
      <c r="E370" s="369" t="s">
        <v>53</v>
      </c>
      <c r="F370" s="369" t="s">
        <v>655</v>
      </c>
      <c r="G370" s="232" t="s">
        <v>656</v>
      </c>
      <c r="H370" s="232" t="s">
        <v>778</v>
      </c>
      <c r="I370" s="232" t="s">
        <v>779</v>
      </c>
      <c r="J370" s="232"/>
      <c r="K370" s="232" t="s">
        <v>90</v>
      </c>
      <c r="L370" s="232" t="s">
        <v>63</v>
      </c>
      <c r="M370" s="232" t="s">
        <v>81</v>
      </c>
      <c r="N370" s="232" t="s">
        <v>77</v>
      </c>
      <c r="O370" s="334" t="s">
        <v>225</v>
      </c>
      <c r="P370" s="84" t="s">
        <v>63</v>
      </c>
      <c r="Q370" s="84" t="s">
        <v>63</v>
      </c>
      <c r="R370" s="84">
        <v>99688</v>
      </c>
      <c r="S370" s="84">
        <f>R370</f>
        <v>99688</v>
      </c>
      <c r="T370" s="84" t="s">
        <v>659</v>
      </c>
      <c r="U370" s="84" t="s">
        <v>65</v>
      </c>
      <c r="V370" s="84"/>
      <c r="W370" s="84"/>
      <c r="X370" s="84"/>
      <c r="Y370" s="84"/>
      <c r="Z370" s="84"/>
      <c r="AA370" s="84"/>
      <c r="AB370" s="84"/>
      <c r="AC370" s="84"/>
      <c r="AD370" s="84"/>
      <c r="AE370" s="84"/>
      <c r="AF370" s="84"/>
      <c r="AG370" s="84"/>
      <c r="AH370" s="84"/>
      <c r="AI370" s="84"/>
      <c r="AJ370" s="84"/>
      <c r="AK370" s="84"/>
      <c r="AL370" s="84"/>
      <c r="AM370" s="84"/>
      <c r="AN370" s="84"/>
      <c r="AO370" s="84"/>
      <c r="AP370" s="84"/>
      <c r="AQ370" s="336" t="s">
        <v>66</v>
      </c>
      <c r="AR370" s="336" t="s">
        <v>66</v>
      </c>
      <c r="AS370" s="336" t="s">
        <v>66</v>
      </c>
      <c r="AT370" s="336" t="s">
        <v>66</v>
      </c>
      <c r="AU370" s="84"/>
      <c r="AV370" s="84"/>
      <c r="AW370" s="84"/>
      <c r="AX370" s="84"/>
      <c r="AY370" s="84"/>
      <c r="AZ370" s="84"/>
      <c r="BA370" s="238">
        <f>SUMIF(V370:AZ370,"YES",'DRAFT - HGC Schemes'!$AB$5:$BF$5)</f>
        <v>0</v>
      </c>
      <c r="BB370" s="84" t="e">
        <f>S370/BA370</f>
        <v>#DIV/0!</v>
      </c>
      <c r="BC370" s="336" t="str">
        <f>IF(V370="yes",('DRAFT - HGC Schemes'!AB$5*$BB370),"")</f>
        <v/>
      </c>
      <c r="BD370" s="336" t="str">
        <f>IF(W370="yes",('DRAFT - HGC Schemes'!AC$5*$BB370),"")</f>
        <v/>
      </c>
      <c r="BE370" s="336" t="str">
        <f>IF(X370="yes",('DRAFT - HGC Schemes'!AD$5*$BB370),"")</f>
        <v/>
      </c>
      <c r="BF370" s="336" t="str">
        <f>IF(Y370="yes",('DRAFT - HGC Schemes'!AE$5*$BB370),"")</f>
        <v/>
      </c>
      <c r="BG370" s="336" t="str">
        <f>IF(Z370="yes",('DRAFT - HGC Schemes'!AF$5*$BB370),"")</f>
        <v/>
      </c>
      <c r="BH370" s="336" t="str">
        <f>IF(AA370="yes",('DRAFT - HGC Schemes'!AG$5*$BB370),"")</f>
        <v/>
      </c>
      <c r="BI370" s="336" t="str">
        <f>IF(AB370="yes",('DRAFT - HGC Schemes'!AH$5*$BB370),"")</f>
        <v/>
      </c>
      <c r="BJ370" s="336" t="str">
        <f>IF(AC370="yes",('DRAFT - HGC Schemes'!AI$5*$BB370),"")</f>
        <v/>
      </c>
      <c r="BK370" s="336" t="str">
        <f>IF(AD370="yes",('DRAFT - HGC Schemes'!AJ$5*$BB370),"")</f>
        <v/>
      </c>
      <c r="BL370" s="336" t="str">
        <f>IF(AE370="yes",('DRAFT - HGC Schemes'!AK$5*$BB370),"")</f>
        <v/>
      </c>
      <c r="BM370" s="336" t="str">
        <f>IF(AF370="yes",('DRAFT - HGC Schemes'!AL$5*$BB370),"")</f>
        <v/>
      </c>
      <c r="BN370" s="336" t="str">
        <f>IF(AG370="yes",('DRAFT - HGC Schemes'!AM$5*$BB370),"")</f>
        <v/>
      </c>
      <c r="BO370" s="336" t="str">
        <f>IF(AH370="yes",('DRAFT - HGC Schemes'!AN$5*$BB370),"")</f>
        <v/>
      </c>
      <c r="BP370" s="336" t="str">
        <f>IF(AI370="yes",('DRAFT - HGC Schemes'!AO$5*$BB370),"")</f>
        <v/>
      </c>
      <c r="BQ370" s="336" t="str">
        <f>IF(AJ370="yes",('DRAFT - HGC Schemes'!AP$5*$BB370),"")</f>
        <v/>
      </c>
      <c r="BR370" s="336" t="str">
        <f>IF(AK370="yes",('DRAFT - HGC Schemes'!AQ$5*$BB370),"")</f>
        <v/>
      </c>
      <c r="BS370" s="336" t="str">
        <f>IF(AL370="yes",('DRAFT - HGC Schemes'!AR$5*$BB370),"")</f>
        <v/>
      </c>
      <c r="BT370" s="336" t="str">
        <f>IF(AM370="yes",('DRAFT - HGC Schemes'!AS$5*$BB370),"")</f>
        <v/>
      </c>
      <c r="BU370" s="336" t="str">
        <f>IF(AN370="yes",('DRAFT - HGC Schemes'!AT$5*$BB370),"")</f>
        <v/>
      </c>
      <c r="BV370" s="336" t="str">
        <f>IF(AO370="yes",('DRAFT - HGC Schemes'!AU$5*$BB370),"")</f>
        <v/>
      </c>
      <c r="BW370" s="336" t="str">
        <f>IF(AP370="yes",('DRAFT - HGC Schemes'!AV$5*$BB370),"")</f>
        <v/>
      </c>
      <c r="BX370" s="336" t="e">
        <f>IF(AQ370="yes",('DRAFT - HGC Schemes'!AW$5*$BB370),"")</f>
        <v>#DIV/0!</v>
      </c>
      <c r="BY370" s="336" t="e">
        <f>IF(AR370="yes",('DRAFT - HGC Schemes'!AX$5*$BB370),"")</f>
        <v>#DIV/0!</v>
      </c>
      <c r="BZ370" s="336" t="e">
        <f>IF(AS370="yes",('DRAFT - HGC Schemes'!AY$5*$BB370),"")</f>
        <v>#DIV/0!</v>
      </c>
      <c r="CA370" s="336" t="e">
        <f>IF(AT370="yes",('DRAFT - HGC Schemes'!AZ$5*$BB370),"")</f>
        <v>#DIV/0!</v>
      </c>
      <c r="CB370" s="336" t="str">
        <f>IF(AU370="yes",('DRAFT - HGC Schemes'!BA$5*$BB370),"")</f>
        <v/>
      </c>
      <c r="CC370" s="336" t="str">
        <f>IF(AV370="yes",('DRAFT - HGC Schemes'!BB$5*$BB370),"")</f>
        <v/>
      </c>
      <c r="CD370" s="336" t="str">
        <f>IF(AW370="yes",('DRAFT - HGC Schemes'!BC$5*$BB370),"")</f>
        <v/>
      </c>
      <c r="CE370" s="336" t="str">
        <f>IF(AX370="yes",('DRAFT - HGC Schemes'!BD$5*$BB370),"")</f>
        <v/>
      </c>
      <c r="CF370" s="336" t="str">
        <f>IF(AY370="yes",('DRAFT - HGC Schemes'!BE$5*$BB370),"")</f>
        <v/>
      </c>
      <c r="CG370" s="336" t="str">
        <f>IF(AZ370="yes",('DRAFT - HGC Schemes'!BF$5*$BB370),"")</f>
        <v/>
      </c>
      <c r="CH370" s="336"/>
      <c r="CI370" s="336"/>
      <c r="CJ370" s="336"/>
      <c r="CK370" s="336"/>
      <c r="CL370" s="336"/>
      <c r="CM370" s="336"/>
      <c r="CN370" s="336"/>
      <c r="CO370" s="336"/>
      <c r="CP370" s="336"/>
      <c r="CQ370" s="336"/>
      <c r="CR370" s="336"/>
      <c r="CS370" s="336"/>
      <c r="CT370" s="336"/>
      <c r="CU370" s="336"/>
      <c r="CV370" s="336"/>
      <c r="CW370" s="336"/>
      <c r="CX370" s="336"/>
      <c r="CY370" s="336"/>
      <c r="CZ370" s="336"/>
      <c r="DA370" s="336"/>
      <c r="DB370" s="336"/>
      <c r="DC370" s="336"/>
      <c r="DD370" s="84" t="s">
        <v>660</v>
      </c>
      <c r="DE370" s="84"/>
      <c r="DF370" s="399" t="s">
        <v>661</v>
      </c>
    </row>
    <row r="371" spans="3:110" s="120" customFormat="1" ht="56.1" customHeight="1" x14ac:dyDescent="0.2">
      <c r="C371" s="368">
        <v>656</v>
      </c>
      <c r="D371" s="368" t="s">
        <v>2481</v>
      </c>
      <c r="E371" s="369" t="s">
        <v>53</v>
      </c>
      <c r="F371" s="369" t="s">
        <v>655</v>
      </c>
      <c r="G371" s="232" t="s">
        <v>656</v>
      </c>
      <c r="H371" s="232" t="s">
        <v>780</v>
      </c>
      <c r="I371" s="232" t="s">
        <v>781</v>
      </c>
      <c r="J371" s="232"/>
      <c r="K371" s="232" t="s">
        <v>90</v>
      </c>
      <c r="L371" s="232" t="s">
        <v>63</v>
      </c>
      <c r="M371" s="232" t="s">
        <v>81</v>
      </c>
      <c r="N371" s="232" t="s">
        <v>77</v>
      </c>
      <c r="O371" s="334" t="s">
        <v>225</v>
      </c>
      <c r="P371" s="84" t="s">
        <v>63</v>
      </c>
      <c r="Q371" s="84" t="s">
        <v>63</v>
      </c>
      <c r="R371" s="84">
        <v>25079</v>
      </c>
      <c r="S371" s="84">
        <f>R371</f>
        <v>25079</v>
      </c>
      <c r="T371" s="84" t="s">
        <v>659</v>
      </c>
      <c r="U371" s="84" t="s">
        <v>65</v>
      </c>
      <c r="V371" s="84"/>
      <c r="W371" s="84"/>
      <c r="X371" s="84"/>
      <c r="Y371" s="84"/>
      <c r="Z371" s="84"/>
      <c r="AA371" s="84"/>
      <c r="AB371" s="84"/>
      <c r="AC371" s="84"/>
      <c r="AD371" s="84"/>
      <c r="AE371" s="84"/>
      <c r="AF371" s="84"/>
      <c r="AG371" s="84"/>
      <c r="AH371" s="84"/>
      <c r="AI371" s="84"/>
      <c r="AJ371" s="84"/>
      <c r="AK371" s="84"/>
      <c r="AL371" s="84"/>
      <c r="AM371" s="84"/>
      <c r="AN371" s="84"/>
      <c r="AO371" s="84"/>
      <c r="AP371" s="84"/>
      <c r="AQ371" s="336" t="s">
        <v>66</v>
      </c>
      <c r="AR371" s="336" t="s">
        <v>66</v>
      </c>
      <c r="AS371" s="336" t="s">
        <v>66</v>
      </c>
      <c r="AT371" s="336" t="s">
        <v>66</v>
      </c>
      <c r="AU371" s="84"/>
      <c r="AV371" s="84"/>
      <c r="AW371" s="84"/>
      <c r="AX371" s="84"/>
      <c r="AY371" s="84"/>
      <c r="AZ371" s="84"/>
      <c r="BA371" s="238">
        <f>SUMIF(V371:AZ371,"YES",'DRAFT - HGC Schemes'!$AB$5:$BF$5)</f>
        <v>0</v>
      </c>
      <c r="BB371" s="84" t="e">
        <f>S371/BA371</f>
        <v>#DIV/0!</v>
      </c>
      <c r="BC371" s="336" t="str">
        <f>IF(V371="yes",('DRAFT - HGC Schemes'!AB$5*$BB371),"")</f>
        <v/>
      </c>
      <c r="BD371" s="336" t="str">
        <f>IF(W371="yes",('DRAFT - HGC Schemes'!AC$5*$BB371),"")</f>
        <v/>
      </c>
      <c r="BE371" s="336" t="str">
        <f>IF(X371="yes",('DRAFT - HGC Schemes'!AD$5*$BB371),"")</f>
        <v/>
      </c>
      <c r="BF371" s="336" t="str">
        <f>IF(Y371="yes",('DRAFT - HGC Schemes'!AE$5*$BB371),"")</f>
        <v/>
      </c>
      <c r="BG371" s="336" t="str">
        <f>IF(Z371="yes",('DRAFT - HGC Schemes'!AF$5*$BB371),"")</f>
        <v/>
      </c>
      <c r="BH371" s="336" t="str">
        <f>IF(AA371="yes",('DRAFT - HGC Schemes'!AG$5*$BB371),"")</f>
        <v/>
      </c>
      <c r="BI371" s="336" t="str">
        <f>IF(AB371="yes",('DRAFT - HGC Schemes'!AH$5*$BB371),"")</f>
        <v/>
      </c>
      <c r="BJ371" s="336" t="str">
        <f>IF(AC371="yes",('DRAFT - HGC Schemes'!AI$5*$BB371),"")</f>
        <v/>
      </c>
      <c r="BK371" s="336" t="str">
        <f>IF(AD371="yes",('DRAFT - HGC Schemes'!AJ$5*$BB371),"")</f>
        <v/>
      </c>
      <c r="BL371" s="336" t="str">
        <f>IF(AE371="yes",('DRAFT - HGC Schemes'!AK$5*$BB371),"")</f>
        <v/>
      </c>
      <c r="BM371" s="336" t="str">
        <f>IF(AF371="yes",('DRAFT - HGC Schemes'!AL$5*$BB371),"")</f>
        <v/>
      </c>
      <c r="BN371" s="336" t="str">
        <f>IF(AG371="yes",('DRAFT - HGC Schemes'!AM$5*$BB371),"")</f>
        <v/>
      </c>
      <c r="BO371" s="336" t="str">
        <f>IF(AH371="yes",('DRAFT - HGC Schemes'!AN$5*$BB371),"")</f>
        <v/>
      </c>
      <c r="BP371" s="336" t="str">
        <f>IF(AI371="yes",('DRAFT - HGC Schemes'!AO$5*$BB371),"")</f>
        <v/>
      </c>
      <c r="BQ371" s="336" t="str">
        <f>IF(AJ371="yes",('DRAFT - HGC Schemes'!AP$5*$BB371),"")</f>
        <v/>
      </c>
      <c r="BR371" s="336" t="str">
        <f>IF(AK371="yes",('DRAFT - HGC Schemes'!AQ$5*$BB371),"")</f>
        <v/>
      </c>
      <c r="BS371" s="336" t="str">
        <f>IF(AL371="yes",('DRAFT - HGC Schemes'!AR$5*$BB371),"")</f>
        <v/>
      </c>
      <c r="BT371" s="336" t="str">
        <f>IF(AM371="yes",('DRAFT - HGC Schemes'!AS$5*$BB371),"")</f>
        <v/>
      </c>
      <c r="BU371" s="336" t="str">
        <f>IF(AN371="yes",('DRAFT - HGC Schemes'!AT$5*$BB371),"")</f>
        <v/>
      </c>
      <c r="BV371" s="336" t="str">
        <f>IF(AO371="yes",('DRAFT - HGC Schemes'!AU$5*$BB371),"")</f>
        <v/>
      </c>
      <c r="BW371" s="336" t="str">
        <f>IF(AP371="yes",('DRAFT - HGC Schemes'!AV$5*$BB371),"")</f>
        <v/>
      </c>
      <c r="BX371" s="336" t="e">
        <f>IF(AQ371="yes",('DRAFT - HGC Schemes'!AW$5*$BB371),"")</f>
        <v>#DIV/0!</v>
      </c>
      <c r="BY371" s="336" t="e">
        <f>IF(AR371="yes",('DRAFT - HGC Schemes'!AX$5*$BB371),"")</f>
        <v>#DIV/0!</v>
      </c>
      <c r="BZ371" s="336" t="e">
        <f>IF(AS371="yes",('DRAFT - HGC Schemes'!AY$5*$BB371),"")</f>
        <v>#DIV/0!</v>
      </c>
      <c r="CA371" s="336" t="e">
        <f>IF(AT371="yes",('DRAFT - HGC Schemes'!AZ$5*$BB371),"")</f>
        <v>#DIV/0!</v>
      </c>
      <c r="CB371" s="336" t="str">
        <f>IF(AU371="yes",('DRAFT - HGC Schemes'!BA$5*$BB371),"")</f>
        <v/>
      </c>
      <c r="CC371" s="336" t="str">
        <f>IF(AV371="yes",('DRAFT - HGC Schemes'!BB$5*$BB371),"")</f>
        <v/>
      </c>
      <c r="CD371" s="336" t="str">
        <f>IF(AW371="yes",('DRAFT - HGC Schemes'!BC$5*$BB371),"")</f>
        <v/>
      </c>
      <c r="CE371" s="336" t="str">
        <f>IF(AX371="yes",('DRAFT - HGC Schemes'!BD$5*$BB371),"")</f>
        <v/>
      </c>
      <c r="CF371" s="336" t="str">
        <f>IF(AY371="yes",('DRAFT - HGC Schemes'!BE$5*$BB371),"")</f>
        <v/>
      </c>
      <c r="CG371" s="336" t="str">
        <f>IF(AZ371="yes",('DRAFT - HGC Schemes'!BF$5*$BB371),"")</f>
        <v/>
      </c>
      <c r="CH371" s="336"/>
      <c r="CI371" s="336"/>
      <c r="CJ371" s="336"/>
      <c r="CK371" s="336"/>
      <c r="CL371" s="336"/>
      <c r="CM371" s="336"/>
      <c r="CN371" s="336"/>
      <c r="CO371" s="336"/>
      <c r="CP371" s="336"/>
      <c r="CQ371" s="336"/>
      <c r="CR371" s="336"/>
      <c r="CS371" s="336"/>
      <c r="CT371" s="336"/>
      <c r="CU371" s="336"/>
      <c r="CV371" s="336"/>
      <c r="CW371" s="336"/>
      <c r="CX371" s="336"/>
      <c r="CY371" s="336"/>
      <c r="CZ371" s="336"/>
      <c r="DA371" s="336"/>
      <c r="DB371" s="336"/>
      <c r="DC371" s="336"/>
      <c r="DD371" s="84" t="s">
        <v>660</v>
      </c>
      <c r="DE371" s="84"/>
      <c r="DF371" s="399" t="s">
        <v>661</v>
      </c>
    </row>
    <row r="372" spans="3:110" s="120" customFormat="1" ht="56.1" customHeight="1" x14ac:dyDescent="0.2">
      <c r="C372" s="368">
        <v>657</v>
      </c>
      <c r="D372" s="368" t="s">
        <v>2481</v>
      </c>
      <c r="E372" s="369" t="s">
        <v>53</v>
      </c>
      <c r="F372" s="369" t="s">
        <v>655</v>
      </c>
      <c r="G372" s="232" t="s">
        <v>656</v>
      </c>
      <c r="H372" s="232" t="s">
        <v>782</v>
      </c>
      <c r="I372" s="232" t="s">
        <v>783</v>
      </c>
      <c r="J372" s="232"/>
      <c r="K372" s="232" t="s">
        <v>90</v>
      </c>
      <c r="L372" s="232" t="s">
        <v>769</v>
      </c>
      <c r="M372" s="232" t="s">
        <v>60</v>
      </c>
      <c r="N372" s="232" t="s">
        <v>77</v>
      </c>
      <c r="O372" s="232" t="s">
        <v>722</v>
      </c>
      <c r="P372" s="84" t="s">
        <v>63</v>
      </c>
      <c r="Q372" s="84" t="s">
        <v>63</v>
      </c>
      <c r="R372" s="84">
        <v>75236</v>
      </c>
      <c r="S372" s="84">
        <f>R372</f>
        <v>75236</v>
      </c>
      <c r="T372" s="84" t="s">
        <v>723</v>
      </c>
      <c r="U372" s="84" t="s">
        <v>65</v>
      </c>
      <c r="V372" s="84"/>
      <c r="W372" s="84"/>
      <c r="X372" s="84"/>
      <c r="Y372" s="84"/>
      <c r="Z372" s="84"/>
      <c r="AA372" s="84"/>
      <c r="AB372" s="84"/>
      <c r="AC372" s="84"/>
      <c r="AD372" s="84"/>
      <c r="AE372" s="84"/>
      <c r="AF372" s="84"/>
      <c r="AG372" s="84"/>
      <c r="AH372" s="84"/>
      <c r="AI372" s="84"/>
      <c r="AJ372" s="84"/>
      <c r="AK372" s="84"/>
      <c r="AL372" s="84"/>
      <c r="AM372" s="84"/>
      <c r="AN372" s="84"/>
      <c r="AO372" s="84"/>
      <c r="AP372" s="84"/>
      <c r="AQ372" s="336" t="s">
        <v>66</v>
      </c>
      <c r="AR372" s="84"/>
      <c r="AS372" s="336" t="s">
        <v>66</v>
      </c>
      <c r="AT372" s="84"/>
      <c r="AU372" s="84"/>
      <c r="AV372" s="84"/>
      <c r="AW372" s="84"/>
      <c r="AX372" s="84"/>
      <c r="AY372" s="84"/>
      <c r="AZ372" s="84"/>
      <c r="BA372" s="238">
        <f>SUMIF(V372:AZ372,"YES",'DRAFT - HGC Schemes'!$AB$5:$BF$5)</f>
        <v>0</v>
      </c>
      <c r="BB372" s="84" t="e">
        <f>S372/BA372</f>
        <v>#DIV/0!</v>
      </c>
      <c r="BC372" s="336" t="str">
        <f>IF(V372="yes",('DRAFT - HGC Schemes'!AB$5*$BB372),"")</f>
        <v/>
      </c>
      <c r="BD372" s="336" t="str">
        <f>IF(W372="yes",('DRAFT - HGC Schemes'!AC$5*$BB372),"")</f>
        <v/>
      </c>
      <c r="BE372" s="336" t="str">
        <f>IF(X372="yes",('DRAFT - HGC Schemes'!AD$5*$BB372),"")</f>
        <v/>
      </c>
      <c r="BF372" s="336" t="str">
        <f>IF(Y372="yes",('DRAFT - HGC Schemes'!AE$5*$BB372),"")</f>
        <v/>
      </c>
      <c r="BG372" s="336" t="str">
        <f>IF(Z372="yes",('DRAFT - HGC Schemes'!AF$5*$BB372),"")</f>
        <v/>
      </c>
      <c r="BH372" s="336" t="str">
        <f>IF(AA372="yes",('DRAFT - HGC Schemes'!AG$5*$BB372),"")</f>
        <v/>
      </c>
      <c r="BI372" s="336" t="str">
        <f>IF(AB372="yes",('DRAFT - HGC Schemes'!AH$5*$BB372),"")</f>
        <v/>
      </c>
      <c r="BJ372" s="336" t="str">
        <f>IF(AC372="yes",('DRAFT - HGC Schemes'!AI$5*$BB372),"")</f>
        <v/>
      </c>
      <c r="BK372" s="336" t="str">
        <f>IF(AD372="yes",('DRAFT - HGC Schemes'!AJ$5*$BB372),"")</f>
        <v/>
      </c>
      <c r="BL372" s="336" t="str">
        <f>IF(AE372="yes",('DRAFT - HGC Schemes'!AK$5*$BB372),"")</f>
        <v/>
      </c>
      <c r="BM372" s="336" t="str">
        <f>IF(AF372="yes",('DRAFT - HGC Schemes'!AL$5*$BB372),"")</f>
        <v/>
      </c>
      <c r="BN372" s="336" t="str">
        <f>IF(AG372="yes",('DRAFT - HGC Schemes'!AM$5*$BB372),"")</f>
        <v/>
      </c>
      <c r="BO372" s="336" t="str">
        <f>IF(AH372="yes",('DRAFT - HGC Schemes'!AN$5*$BB372),"")</f>
        <v/>
      </c>
      <c r="BP372" s="336" t="str">
        <f>IF(AI372="yes",('DRAFT - HGC Schemes'!AO$5*$BB372),"")</f>
        <v/>
      </c>
      <c r="BQ372" s="336" t="str">
        <f>IF(AJ372="yes",('DRAFT - HGC Schemes'!AP$5*$BB372),"")</f>
        <v/>
      </c>
      <c r="BR372" s="336" t="str">
        <f>IF(AK372="yes",('DRAFT - HGC Schemes'!AQ$5*$BB372),"")</f>
        <v/>
      </c>
      <c r="BS372" s="336" t="str">
        <f>IF(AL372="yes",('DRAFT - HGC Schemes'!AR$5*$BB372),"")</f>
        <v/>
      </c>
      <c r="BT372" s="336" t="str">
        <f>IF(AM372="yes",('DRAFT - HGC Schemes'!AS$5*$BB372),"")</f>
        <v/>
      </c>
      <c r="BU372" s="336" t="str">
        <f>IF(AN372="yes",('DRAFT - HGC Schemes'!AT$5*$BB372),"")</f>
        <v/>
      </c>
      <c r="BV372" s="336" t="str">
        <f>IF(AO372="yes",('DRAFT - HGC Schemes'!AU$5*$BB372),"")</f>
        <v/>
      </c>
      <c r="BW372" s="336" t="str">
        <f>IF(AP372="yes",('DRAFT - HGC Schemes'!AV$5*$BB372),"")</f>
        <v/>
      </c>
      <c r="BX372" s="336" t="e">
        <f>IF(AQ372="yes",('DRAFT - HGC Schemes'!AW$5*$BB372),"")</f>
        <v>#DIV/0!</v>
      </c>
      <c r="BY372" s="336" t="str">
        <f>IF(AR372="yes",('DRAFT - HGC Schemes'!AX$5*$BB372),"")</f>
        <v/>
      </c>
      <c r="BZ372" s="336" t="e">
        <f>IF(AS372="yes",('DRAFT - HGC Schemes'!AY$5*$BB372),"")</f>
        <v>#DIV/0!</v>
      </c>
      <c r="CA372" s="336" t="str">
        <f>IF(AT372="yes",('DRAFT - HGC Schemes'!AZ$5*$BB372),"")</f>
        <v/>
      </c>
      <c r="CB372" s="336" t="str">
        <f>IF(AU372="yes",('DRAFT - HGC Schemes'!BA$5*$BB372),"")</f>
        <v/>
      </c>
      <c r="CC372" s="336" t="str">
        <f>IF(AV372="yes",('DRAFT - HGC Schemes'!BB$5*$BB372),"")</f>
        <v/>
      </c>
      <c r="CD372" s="336" t="str">
        <f>IF(AW372="yes",('DRAFT - HGC Schemes'!BC$5*$BB372),"")</f>
        <v/>
      </c>
      <c r="CE372" s="336" t="str">
        <f>IF(AX372="yes",('DRAFT - HGC Schemes'!BD$5*$BB372),"")</f>
        <v/>
      </c>
      <c r="CF372" s="336" t="str">
        <f>IF(AY372="yes",('DRAFT - HGC Schemes'!BE$5*$BB372),"")</f>
        <v/>
      </c>
      <c r="CG372" s="336" t="str">
        <f>IF(AZ372="yes",('DRAFT - HGC Schemes'!BF$5*$BB372),"")</f>
        <v/>
      </c>
      <c r="CH372" s="336"/>
      <c r="CI372" s="336"/>
      <c r="CJ372" s="336"/>
      <c r="CK372" s="336"/>
      <c r="CL372" s="336"/>
      <c r="CM372" s="336"/>
      <c r="CN372" s="336"/>
      <c r="CO372" s="336"/>
      <c r="CP372" s="336"/>
      <c r="CQ372" s="336"/>
      <c r="CR372" s="336"/>
      <c r="CS372" s="336"/>
      <c r="CT372" s="336"/>
      <c r="CU372" s="336"/>
      <c r="CV372" s="336"/>
      <c r="CW372" s="336"/>
      <c r="CX372" s="336"/>
      <c r="CY372" s="336"/>
      <c r="CZ372" s="336"/>
      <c r="DA372" s="336"/>
      <c r="DB372" s="336"/>
      <c r="DC372" s="336"/>
      <c r="DD372" s="84" t="s">
        <v>660</v>
      </c>
      <c r="DE372" s="84"/>
      <c r="DF372" s="399" t="s">
        <v>661</v>
      </c>
    </row>
    <row r="373" spans="3:110" s="120" customFormat="1" ht="56.1" customHeight="1" x14ac:dyDescent="0.2">
      <c r="C373" s="368">
        <v>636</v>
      </c>
      <c r="D373" s="368" t="s">
        <v>2481</v>
      </c>
      <c r="E373" s="369" t="s">
        <v>53</v>
      </c>
      <c r="F373" s="369" t="s">
        <v>655</v>
      </c>
      <c r="G373" s="232" t="s">
        <v>656</v>
      </c>
      <c r="H373" s="232" t="s">
        <v>737</v>
      </c>
      <c r="I373" s="232" t="s">
        <v>738</v>
      </c>
      <c r="J373" s="232"/>
      <c r="K373" s="232" t="s">
        <v>86</v>
      </c>
      <c r="L373" s="232" t="s">
        <v>732</v>
      </c>
      <c r="M373" s="232" t="s">
        <v>60</v>
      </c>
      <c r="N373" s="232" t="s">
        <v>77</v>
      </c>
      <c r="O373" s="232" t="s">
        <v>722</v>
      </c>
      <c r="P373" s="84" t="s">
        <v>63</v>
      </c>
      <c r="Q373" s="84" t="s">
        <v>63</v>
      </c>
      <c r="R373" s="84">
        <v>150472</v>
      </c>
      <c r="S373" s="84">
        <f>R373</f>
        <v>150472</v>
      </c>
      <c r="T373" s="84" t="s">
        <v>723</v>
      </c>
      <c r="U373" s="84" t="s">
        <v>65</v>
      </c>
      <c r="V373" s="84"/>
      <c r="W373" s="84"/>
      <c r="X373" s="84"/>
      <c r="Y373" s="84"/>
      <c r="Z373" s="84"/>
      <c r="AA373" s="84"/>
      <c r="AB373" s="84"/>
      <c r="AC373" s="84"/>
      <c r="AD373" s="84"/>
      <c r="AE373" s="84"/>
      <c r="AF373" s="84"/>
      <c r="AG373" s="84"/>
      <c r="AH373" s="84"/>
      <c r="AI373" s="84"/>
      <c r="AJ373" s="84"/>
      <c r="AK373" s="84"/>
      <c r="AL373" s="84"/>
      <c r="AM373" s="336" t="s">
        <v>66</v>
      </c>
      <c r="AN373" s="84"/>
      <c r="AO373" s="84"/>
      <c r="AP373" s="84"/>
      <c r="AQ373" s="84"/>
      <c r="AR373" s="84"/>
      <c r="AS373" s="84"/>
      <c r="AT373" s="84"/>
      <c r="AU373" s="84"/>
      <c r="AV373" s="84"/>
      <c r="AW373" s="84"/>
      <c r="AX373" s="84"/>
      <c r="AY373" s="84"/>
      <c r="AZ373" s="84"/>
      <c r="BA373" s="238">
        <f>SUMIF(V373:AZ373,"YES",'DRAFT - HGC Schemes'!$AB$5:$BF$5)</f>
        <v>0</v>
      </c>
      <c r="BB373" s="84" t="e">
        <f>S373/BA373</f>
        <v>#DIV/0!</v>
      </c>
      <c r="BC373" s="336" t="str">
        <f>IF(V373="yes",('DRAFT - HGC Schemes'!AB$5*$BB373),"")</f>
        <v/>
      </c>
      <c r="BD373" s="336" t="str">
        <f>IF(W373="yes",('DRAFT - HGC Schemes'!AC$5*$BB373),"")</f>
        <v/>
      </c>
      <c r="BE373" s="336" t="str">
        <f>IF(X373="yes",('DRAFT - HGC Schemes'!AD$5*$BB373),"")</f>
        <v/>
      </c>
      <c r="BF373" s="336" t="str">
        <f>IF(Y373="yes",('DRAFT - HGC Schemes'!AE$5*$BB373),"")</f>
        <v/>
      </c>
      <c r="BG373" s="336" t="str">
        <f>IF(Z373="yes",('DRAFT - HGC Schemes'!AF$5*$BB373),"")</f>
        <v/>
      </c>
      <c r="BH373" s="336" t="str">
        <f>IF(AA373="yes",('DRAFT - HGC Schemes'!AG$5*$BB373),"")</f>
        <v/>
      </c>
      <c r="BI373" s="336" t="str">
        <f>IF(AB373="yes",('DRAFT - HGC Schemes'!AH$5*$BB373),"")</f>
        <v/>
      </c>
      <c r="BJ373" s="336" t="str">
        <f>IF(AC373="yes",('DRAFT - HGC Schemes'!AI$5*$BB373),"")</f>
        <v/>
      </c>
      <c r="BK373" s="336" t="str">
        <f>IF(AD373="yes",('DRAFT - HGC Schemes'!AJ$5*$BB373),"")</f>
        <v/>
      </c>
      <c r="BL373" s="336" t="str">
        <f>IF(AE373="yes",('DRAFT - HGC Schemes'!AK$5*$BB373),"")</f>
        <v/>
      </c>
      <c r="BM373" s="336" t="str">
        <f>IF(AF373="yes",('DRAFT - HGC Schemes'!AL$5*$BB373),"")</f>
        <v/>
      </c>
      <c r="BN373" s="336" t="str">
        <f>IF(AG373="yes",('DRAFT - HGC Schemes'!AM$5*$BB373),"")</f>
        <v/>
      </c>
      <c r="BO373" s="336" t="str">
        <f>IF(AH373="yes",('DRAFT - HGC Schemes'!AN$5*$BB373),"")</f>
        <v/>
      </c>
      <c r="BP373" s="336" t="str">
        <f>IF(AI373="yes",('DRAFT - HGC Schemes'!AO$5*$BB373),"")</f>
        <v/>
      </c>
      <c r="BQ373" s="336" t="str">
        <f>IF(AJ373="yes",('DRAFT - HGC Schemes'!AP$5*$BB373),"")</f>
        <v/>
      </c>
      <c r="BR373" s="336" t="str">
        <f>IF(AK373="yes",('DRAFT - HGC Schemes'!AQ$5*$BB373),"")</f>
        <v/>
      </c>
      <c r="BS373" s="336" t="str">
        <f>IF(AL373="yes",('DRAFT - HGC Schemes'!AR$5*$BB373),"")</f>
        <v/>
      </c>
      <c r="BT373" s="336" t="e">
        <f>IF(AM373="yes",('DRAFT - HGC Schemes'!AS$5*$BB373),"")</f>
        <v>#DIV/0!</v>
      </c>
      <c r="BU373" s="336" t="str">
        <f>IF(AN373="yes",('DRAFT - HGC Schemes'!AT$5*$BB373),"")</f>
        <v/>
      </c>
      <c r="BV373" s="336" t="str">
        <f>IF(AO373="yes",('DRAFT - HGC Schemes'!AU$5*$BB373),"")</f>
        <v/>
      </c>
      <c r="BW373" s="336" t="str">
        <f>IF(AP373="yes",('DRAFT - HGC Schemes'!AV$5*$BB373),"")</f>
        <v/>
      </c>
      <c r="BX373" s="336" t="str">
        <f>IF(AQ373="yes",('DRAFT - HGC Schemes'!AW$5*$BB373),"")</f>
        <v/>
      </c>
      <c r="BY373" s="336" t="str">
        <f>IF(AR373="yes",('DRAFT - HGC Schemes'!AX$5*$BB373),"")</f>
        <v/>
      </c>
      <c r="BZ373" s="336" t="str">
        <f>IF(AS373="yes",('DRAFT - HGC Schemes'!AY$5*$BB373),"")</f>
        <v/>
      </c>
      <c r="CA373" s="336" t="str">
        <f>IF(AT373="yes",('DRAFT - HGC Schemes'!AZ$5*$BB373),"")</f>
        <v/>
      </c>
      <c r="CB373" s="336" t="str">
        <f>IF(AU373="yes",('DRAFT - HGC Schemes'!BA$5*$BB373),"")</f>
        <v/>
      </c>
      <c r="CC373" s="336" t="str">
        <f>IF(AV373="yes",('DRAFT - HGC Schemes'!BB$5*$BB373),"")</f>
        <v/>
      </c>
      <c r="CD373" s="336" t="str">
        <f>IF(AW373="yes",('DRAFT - HGC Schemes'!BC$5*$BB373),"")</f>
        <v/>
      </c>
      <c r="CE373" s="336" t="str">
        <f>IF(AX373="yes",('DRAFT - HGC Schemes'!BD$5*$BB373),"")</f>
        <v/>
      </c>
      <c r="CF373" s="336" t="str">
        <f>IF(AY373="yes",('DRAFT - HGC Schemes'!BE$5*$BB373),"")</f>
        <v/>
      </c>
      <c r="CG373" s="336" t="str">
        <f>IF(AZ373="yes",('DRAFT - HGC Schemes'!BF$5*$BB373),"")</f>
        <v/>
      </c>
      <c r="CH373" s="336"/>
      <c r="CI373" s="336"/>
      <c r="CJ373" s="336"/>
      <c r="CK373" s="336"/>
      <c r="CL373" s="336"/>
      <c r="CM373" s="336"/>
      <c r="CN373" s="336"/>
      <c r="CO373" s="336"/>
      <c r="CP373" s="336"/>
      <c r="CQ373" s="336"/>
      <c r="CR373" s="336"/>
      <c r="CS373" s="336"/>
      <c r="CT373" s="336"/>
      <c r="CU373" s="336"/>
      <c r="CV373" s="336"/>
      <c r="CW373" s="336"/>
      <c r="CX373" s="336"/>
      <c r="CY373" s="336"/>
      <c r="CZ373" s="336"/>
      <c r="DA373" s="336"/>
      <c r="DB373" s="336"/>
      <c r="DC373" s="336"/>
      <c r="DD373" s="84" t="s">
        <v>660</v>
      </c>
      <c r="DE373" s="84"/>
      <c r="DF373" s="399" t="s">
        <v>661</v>
      </c>
    </row>
    <row r="374" spans="3:110" s="120" customFormat="1" ht="56.1" customHeight="1" x14ac:dyDescent="0.2">
      <c r="C374" s="368">
        <v>660</v>
      </c>
      <c r="D374" s="368" t="s">
        <v>2481</v>
      </c>
      <c r="E374" s="369" t="s">
        <v>53</v>
      </c>
      <c r="F374" s="369" t="s">
        <v>655</v>
      </c>
      <c r="G374" s="232" t="s">
        <v>656</v>
      </c>
      <c r="H374" s="232" t="s">
        <v>788</v>
      </c>
      <c r="I374" s="232" t="s">
        <v>789</v>
      </c>
      <c r="J374" s="232"/>
      <c r="K374" s="232" t="s">
        <v>90</v>
      </c>
      <c r="L374" s="232" t="s">
        <v>38</v>
      </c>
      <c r="M374" s="232" t="s">
        <v>60</v>
      </c>
      <c r="N374" s="232" t="s">
        <v>77</v>
      </c>
      <c r="O374" s="326" t="s">
        <v>722</v>
      </c>
      <c r="P374" s="84" t="s">
        <v>63</v>
      </c>
      <c r="Q374" s="84" t="s">
        <v>63</v>
      </c>
      <c r="R374" s="84">
        <v>25079</v>
      </c>
      <c r="S374" s="84">
        <f t="shared" ref="S374:S377" si="222">R374</f>
        <v>25079</v>
      </c>
      <c r="T374" s="84" t="s">
        <v>723</v>
      </c>
      <c r="U374" s="84" t="s">
        <v>65</v>
      </c>
      <c r="V374" s="84"/>
      <c r="W374" s="84"/>
      <c r="X374" s="84"/>
      <c r="Y374" s="84"/>
      <c r="Z374" s="84"/>
      <c r="AA374" s="84"/>
      <c r="AB374" s="84"/>
      <c r="AC374" s="84"/>
      <c r="AD374" s="84"/>
      <c r="AE374" s="84"/>
      <c r="AF374" s="84"/>
      <c r="AG374" s="84"/>
      <c r="AH374" s="84"/>
      <c r="AI374" s="84"/>
      <c r="AJ374" s="84"/>
      <c r="AK374" s="84"/>
      <c r="AL374" s="84"/>
      <c r="AM374" s="84"/>
      <c r="AN374" s="84"/>
      <c r="AO374" s="84"/>
      <c r="AP374" s="84"/>
      <c r="AQ374" s="336" t="s">
        <v>66</v>
      </c>
      <c r="AR374" s="336"/>
      <c r="AS374" s="336"/>
      <c r="AT374" s="336"/>
      <c r="AU374" s="84"/>
      <c r="AV374" s="84"/>
      <c r="AW374" s="84"/>
      <c r="AX374" s="84"/>
      <c r="AY374" s="84"/>
      <c r="AZ374" s="84"/>
      <c r="BA374" s="238">
        <f>SUMIF(V374:AZ374,"YES",'DRAFT - HGC Schemes'!$AB$5:$BF$5)</f>
        <v>0</v>
      </c>
      <c r="BB374" s="84" t="e">
        <f t="shared" ref="BB374:BB377" si="223">S374/BA374</f>
        <v>#DIV/0!</v>
      </c>
      <c r="BC374" s="336" t="str">
        <f>IF(V374="yes",('DRAFT - HGC Schemes'!AB$5*$BB374),"")</f>
        <v/>
      </c>
      <c r="BD374" s="336" t="str">
        <f>IF(W374="yes",('DRAFT - HGC Schemes'!AC$5*$BB374),"")</f>
        <v/>
      </c>
      <c r="BE374" s="336" t="str">
        <f>IF(X374="yes",('DRAFT - HGC Schemes'!AD$5*$BB374),"")</f>
        <v/>
      </c>
      <c r="BF374" s="336" t="str">
        <f>IF(Y374="yes",('DRAFT - HGC Schemes'!AE$5*$BB374),"")</f>
        <v/>
      </c>
      <c r="BG374" s="336" t="str">
        <f>IF(Z374="yes",('DRAFT - HGC Schemes'!AF$5*$BB374),"")</f>
        <v/>
      </c>
      <c r="BH374" s="336" t="str">
        <f>IF(AA374="yes",('DRAFT - HGC Schemes'!AG$5*$BB374),"")</f>
        <v/>
      </c>
      <c r="BI374" s="336" t="str">
        <f>IF(AB374="yes",('DRAFT - HGC Schemes'!AH$5*$BB374),"")</f>
        <v/>
      </c>
      <c r="BJ374" s="336" t="str">
        <f>IF(AC374="yes",('DRAFT - HGC Schemes'!AI$5*$BB374),"")</f>
        <v/>
      </c>
      <c r="BK374" s="336" t="str">
        <f>IF(AD374="yes",('DRAFT - HGC Schemes'!AJ$5*$BB374),"")</f>
        <v/>
      </c>
      <c r="BL374" s="336" t="str">
        <f>IF(AE374="yes",('DRAFT - HGC Schemes'!AK$5*$BB374),"")</f>
        <v/>
      </c>
      <c r="BM374" s="336" t="str">
        <f>IF(AF374="yes",('DRAFT - HGC Schemes'!AL$5*$BB374),"")</f>
        <v/>
      </c>
      <c r="BN374" s="336" t="str">
        <f>IF(AG374="yes",('DRAFT - HGC Schemes'!AM$5*$BB374),"")</f>
        <v/>
      </c>
      <c r="BO374" s="336" t="str">
        <f>IF(AH374="yes",('DRAFT - HGC Schemes'!AN$5*$BB374),"")</f>
        <v/>
      </c>
      <c r="BP374" s="336" t="str">
        <f>IF(AI374="yes",('DRAFT - HGC Schemes'!AO$5*$BB374),"")</f>
        <v/>
      </c>
      <c r="BQ374" s="336" t="str">
        <f>IF(AJ374="yes",('DRAFT - HGC Schemes'!AP$5*$BB374),"")</f>
        <v/>
      </c>
      <c r="BR374" s="336" t="str">
        <f>IF(AK374="yes",('DRAFT - HGC Schemes'!AQ$5*$BB374),"")</f>
        <v/>
      </c>
      <c r="BS374" s="336" t="str">
        <f>IF(AL374="yes",('DRAFT - HGC Schemes'!AR$5*$BB374),"")</f>
        <v/>
      </c>
      <c r="BT374" s="336" t="str">
        <f>IF(AM374="yes",('DRAFT - HGC Schemes'!AS$5*$BB374),"")</f>
        <v/>
      </c>
      <c r="BU374" s="336" t="str">
        <f>IF(AN374="yes",('DRAFT - HGC Schemes'!AT$5*$BB374),"")</f>
        <v/>
      </c>
      <c r="BV374" s="336" t="str">
        <f>IF(AO374="yes",('DRAFT - HGC Schemes'!AU$5*$BB374),"")</f>
        <v/>
      </c>
      <c r="BW374" s="336" t="str">
        <f>IF(AP374="yes",('DRAFT - HGC Schemes'!AV$5*$BB374),"")</f>
        <v/>
      </c>
      <c r="BX374" s="336" t="e">
        <f>IF(AQ374="yes",('DRAFT - HGC Schemes'!AW$5*$BB374),"")</f>
        <v>#DIV/0!</v>
      </c>
      <c r="BY374" s="336" t="str">
        <f>IF(AR374="yes",('DRAFT - HGC Schemes'!AX$5*$BB374),"")</f>
        <v/>
      </c>
      <c r="BZ374" s="336" t="str">
        <f>IF(AS374="yes",('DRAFT - HGC Schemes'!AY$5*$BB374),"")</f>
        <v/>
      </c>
      <c r="CA374" s="336" t="str">
        <f>IF(AT374="yes",('DRAFT - HGC Schemes'!AZ$5*$BB374),"")</f>
        <v/>
      </c>
      <c r="CB374" s="336" t="str">
        <f>IF(AU374="yes",('DRAFT - HGC Schemes'!BA$5*$BB374),"")</f>
        <v/>
      </c>
      <c r="CC374" s="336" t="str">
        <f>IF(AV374="yes",('DRAFT - HGC Schemes'!BB$5*$BB374),"")</f>
        <v/>
      </c>
      <c r="CD374" s="336" t="str">
        <f>IF(AW374="yes",('DRAFT - HGC Schemes'!BC$5*$BB374),"")</f>
        <v/>
      </c>
      <c r="CE374" s="336" t="str">
        <f>IF(AX374="yes",('DRAFT - HGC Schemes'!BD$5*$BB374),"")</f>
        <v/>
      </c>
      <c r="CF374" s="336" t="str">
        <f>IF(AY374="yes",('DRAFT - HGC Schemes'!BE$5*$BB374),"")</f>
        <v/>
      </c>
      <c r="CG374" s="336" t="str">
        <f>IF(AZ374="yes",('DRAFT - HGC Schemes'!BF$5*$BB374),"")</f>
        <v/>
      </c>
      <c r="CH374" s="336"/>
      <c r="CI374" s="336"/>
      <c r="CJ374" s="336"/>
      <c r="CK374" s="336"/>
      <c r="CL374" s="336"/>
      <c r="CM374" s="336"/>
      <c r="CN374" s="336"/>
      <c r="CO374" s="336"/>
      <c r="CP374" s="336"/>
      <c r="CQ374" s="336"/>
      <c r="CR374" s="336"/>
      <c r="CS374" s="336"/>
      <c r="CT374" s="336"/>
      <c r="CU374" s="336"/>
      <c r="CV374" s="336"/>
      <c r="CW374" s="336"/>
      <c r="CX374" s="336"/>
      <c r="CY374" s="336"/>
      <c r="CZ374" s="336"/>
      <c r="DA374" s="336"/>
      <c r="DB374" s="336"/>
      <c r="DC374" s="336"/>
      <c r="DD374" s="84" t="s">
        <v>660</v>
      </c>
      <c r="DE374" s="84"/>
      <c r="DF374" s="399" t="s">
        <v>661</v>
      </c>
    </row>
    <row r="375" spans="3:110" s="120" customFormat="1" ht="56.1" customHeight="1" x14ac:dyDescent="0.2">
      <c r="C375" s="368">
        <v>661</v>
      </c>
      <c r="D375" s="368" t="s">
        <v>2481</v>
      </c>
      <c r="E375" s="369" t="s">
        <v>53</v>
      </c>
      <c r="F375" s="369" t="s">
        <v>655</v>
      </c>
      <c r="G375" s="232" t="s">
        <v>656</v>
      </c>
      <c r="H375" s="232" t="s">
        <v>790</v>
      </c>
      <c r="I375" s="232" t="s">
        <v>791</v>
      </c>
      <c r="J375" s="232"/>
      <c r="K375" s="232" t="s">
        <v>90</v>
      </c>
      <c r="L375" s="232" t="s">
        <v>769</v>
      </c>
      <c r="M375" s="232" t="s">
        <v>60</v>
      </c>
      <c r="N375" s="232" t="s">
        <v>77</v>
      </c>
      <c r="O375" s="326" t="s">
        <v>722</v>
      </c>
      <c r="P375" s="84" t="s">
        <v>63</v>
      </c>
      <c r="Q375" s="84" t="s">
        <v>63</v>
      </c>
      <c r="R375" s="84">
        <v>144453</v>
      </c>
      <c r="S375" s="84">
        <f t="shared" si="222"/>
        <v>144453</v>
      </c>
      <c r="T375" s="84" t="s">
        <v>723</v>
      </c>
      <c r="U375" s="84" t="s">
        <v>65</v>
      </c>
      <c r="V375" s="84"/>
      <c r="W375" s="84"/>
      <c r="X375" s="84"/>
      <c r="Y375" s="84"/>
      <c r="Z375" s="84"/>
      <c r="AA375" s="84"/>
      <c r="AB375" s="84"/>
      <c r="AC375" s="84"/>
      <c r="AD375" s="84"/>
      <c r="AE375" s="84"/>
      <c r="AF375" s="84"/>
      <c r="AG375" s="84"/>
      <c r="AH375" s="84"/>
      <c r="AI375" s="84"/>
      <c r="AJ375" s="84"/>
      <c r="AK375" s="84"/>
      <c r="AL375" s="84"/>
      <c r="AM375" s="84"/>
      <c r="AN375" s="84"/>
      <c r="AO375" s="84"/>
      <c r="AP375" s="84"/>
      <c r="AQ375" s="336" t="s">
        <v>66</v>
      </c>
      <c r="AR375" s="84"/>
      <c r="AS375" s="336" t="s">
        <v>66</v>
      </c>
      <c r="AT375" s="84"/>
      <c r="AU375" s="84"/>
      <c r="AV375" s="84"/>
      <c r="AW375" s="84"/>
      <c r="AX375" s="84"/>
      <c r="AY375" s="84"/>
      <c r="AZ375" s="84"/>
      <c r="BA375" s="238">
        <f>SUMIF(V375:AZ375,"YES",'DRAFT - HGC Schemes'!$AB$5:$BF$5)</f>
        <v>0</v>
      </c>
      <c r="BB375" s="84" t="e">
        <f t="shared" si="223"/>
        <v>#DIV/0!</v>
      </c>
      <c r="BC375" s="336" t="str">
        <f>IF(V375="yes",('DRAFT - HGC Schemes'!AB$5*$BB375),"")</f>
        <v/>
      </c>
      <c r="BD375" s="336" t="str">
        <f>IF(W375="yes",('DRAFT - HGC Schemes'!AC$5*$BB375),"")</f>
        <v/>
      </c>
      <c r="BE375" s="336" t="str">
        <f>IF(X375="yes",('DRAFT - HGC Schemes'!AD$5*$BB375),"")</f>
        <v/>
      </c>
      <c r="BF375" s="336" t="str">
        <f>IF(Y375="yes",('DRAFT - HGC Schemes'!AE$5*$BB375),"")</f>
        <v/>
      </c>
      <c r="BG375" s="336" t="str">
        <f>IF(Z375="yes",('DRAFT - HGC Schemes'!AF$5*$BB375),"")</f>
        <v/>
      </c>
      <c r="BH375" s="336" t="str">
        <f>IF(AA375="yes",('DRAFT - HGC Schemes'!AG$5*$BB375),"")</f>
        <v/>
      </c>
      <c r="BI375" s="336" t="str">
        <f>IF(AB375="yes",('DRAFT - HGC Schemes'!AH$5*$BB375),"")</f>
        <v/>
      </c>
      <c r="BJ375" s="336" t="str">
        <f>IF(AC375="yes",('DRAFT - HGC Schemes'!AI$5*$BB375),"")</f>
        <v/>
      </c>
      <c r="BK375" s="336" t="str">
        <f>IF(AD375="yes",('DRAFT - HGC Schemes'!AJ$5*$BB375),"")</f>
        <v/>
      </c>
      <c r="BL375" s="336" t="str">
        <f>IF(AE375="yes",('DRAFT - HGC Schemes'!AK$5*$BB375),"")</f>
        <v/>
      </c>
      <c r="BM375" s="336" t="str">
        <f>IF(AF375="yes",('DRAFT - HGC Schemes'!AL$5*$BB375),"")</f>
        <v/>
      </c>
      <c r="BN375" s="336" t="str">
        <f>IF(AG375="yes",('DRAFT - HGC Schemes'!AM$5*$BB375),"")</f>
        <v/>
      </c>
      <c r="BO375" s="336" t="str">
        <f>IF(AH375="yes",('DRAFT - HGC Schemes'!AN$5*$BB375),"")</f>
        <v/>
      </c>
      <c r="BP375" s="336" t="str">
        <f>IF(AI375="yes",('DRAFT - HGC Schemes'!AO$5*$BB375),"")</f>
        <v/>
      </c>
      <c r="BQ375" s="336" t="str">
        <f>IF(AJ375="yes",('DRAFT - HGC Schemes'!AP$5*$BB375),"")</f>
        <v/>
      </c>
      <c r="BR375" s="336" t="str">
        <f>IF(AK375="yes",('DRAFT - HGC Schemes'!AQ$5*$BB375),"")</f>
        <v/>
      </c>
      <c r="BS375" s="336" t="str">
        <f>IF(AL375="yes",('DRAFT - HGC Schemes'!AR$5*$BB375),"")</f>
        <v/>
      </c>
      <c r="BT375" s="336" t="str">
        <f>IF(AM375="yes",('DRAFT - HGC Schemes'!AS$5*$BB375),"")</f>
        <v/>
      </c>
      <c r="BU375" s="336" t="str">
        <f>IF(AN375="yes",('DRAFT - HGC Schemes'!AT$5*$BB375),"")</f>
        <v/>
      </c>
      <c r="BV375" s="336" t="str">
        <f>IF(AO375="yes",('DRAFT - HGC Schemes'!AU$5*$BB375),"")</f>
        <v/>
      </c>
      <c r="BW375" s="336" t="str">
        <f>IF(AP375="yes",('DRAFT - HGC Schemes'!AV$5*$BB375),"")</f>
        <v/>
      </c>
      <c r="BX375" s="336" t="e">
        <f>IF(AQ375="yes",('DRAFT - HGC Schemes'!AW$5*$BB375),"")</f>
        <v>#DIV/0!</v>
      </c>
      <c r="BY375" s="336" t="str">
        <f>IF(AR375="yes",('DRAFT - HGC Schemes'!AX$5*$BB375),"")</f>
        <v/>
      </c>
      <c r="BZ375" s="336" t="e">
        <f>IF(AS375="yes",('DRAFT - HGC Schemes'!AY$5*$BB375),"")</f>
        <v>#DIV/0!</v>
      </c>
      <c r="CA375" s="336" t="str">
        <f>IF(AT375="yes",('DRAFT - HGC Schemes'!AZ$5*$BB375),"")</f>
        <v/>
      </c>
      <c r="CB375" s="336" t="str">
        <f>IF(AU375="yes",('DRAFT - HGC Schemes'!BA$5*$BB375),"")</f>
        <v/>
      </c>
      <c r="CC375" s="336" t="str">
        <f>IF(AV375="yes",('DRAFT - HGC Schemes'!BB$5*$BB375),"")</f>
        <v/>
      </c>
      <c r="CD375" s="336" t="str">
        <f>IF(AW375="yes",('DRAFT - HGC Schemes'!BC$5*$BB375),"")</f>
        <v/>
      </c>
      <c r="CE375" s="336" t="str">
        <f>IF(AX375="yes",('DRAFT - HGC Schemes'!BD$5*$BB375),"")</f>
        <v/>
      </c>
      <c r="CF375" s="336" t="str">
        <f>IF(AY375="yes",('DRAFT - HGC Schemes'!BE$5*$BB375),"")</f>
        <v/>
      </c>
      <c r="CG375" s="336" t="str">
        <f>IF(AZ375="yes",('DRAFT - HGC Schemes'!BF$5*$BB375),"")</f>
        <v/>
      </c>
      <c r="CH375" s="336"/>
      <c r="CI375" s="336"/>
      <c r="CJ375" s="336"/>
      <c r="CK375" s="336"/>
      <c r="CL375" s="336"/>
      <c r="CM375" s="336"/>
      <c r="CN375" s="336"/>
      <c r="CO375" s="336"/>
      <c r="CP375" s="336"/>
      <c r="CQ375" s="336"/>
      <c r="CR375" s="336"/>
      <c r="CS375" s="336"/>
      <c r="CT375" s="336"/>
      <c r="CU375" s="336"/>
      <c r="CV375" s="336"/>
      <c r="CW375" s="336"/>
      <c r="CX375" s="336"/>
      <c r="CY375" s="336"/>
      <c r="CZ375" s="336"/>
      <c r="DA375" s="336"/>
      <c r="DB375" s="336"/>
      <c r="DC375" s="336"/>
      <c r="DD375" s="84" t="s">
        <v>660</v>
      </c>
      <c r="DE375" s="84"/>
      <c r="DF375" s="399" t="s">
        <v>661</v>
      </c>
    </row>
    <row r="376" spans="3:110" s="120" customFormat="1" ht="56.1" customHeight="1" x14ac:dyDescent="0.2">
      <c r="C376" s="368">
        <v>662</v>
      </c>
      <c r="D376" s="368" t="s">
        <v>2481</v>
      </c>
      <c r="E376" s="369" t="s">
        <v>53</v>
      </c>
      <c r="F376" s="369" t="s">
        <v>655</v>
      </c>
      <c r="G376" s="232" t="s">
        <v>656</v>
      </c>
      <c r="H376" s="232" t="s">
        <v>792</v>
      </c>
      <c r="I376" s="232" t="s">
        <v>793</v>
      </c>
      <c r="J376" s="232"/>
      <c r="K376" s="232" t="s">
        <v>90</v>
      </c>
      <c r="L376" s="232" t="s">
        <v>794</v>
      </c>
      <c r="M376" s="232" t="s">
        <v>60</v>
      </c>
      <c r="N376" s="232" t="s">
        <v>77</v>
      </c>
      <c r="O376" s="326" t="s">
        <v>722</v>
      </c>
      <c r="P376" s="84" t="s">
        <v>63</v>
      </c>
      <c r="Q376" s="84" t="s">
        <v>63</v>
      </c>
      <c r="R376" s="84">
        <v>50157</v>
      </c>
      <c r="S376" s="84">
        <f t="shared" si="222"/>
        <v>50157</v>
      </c>
      <c r="T376" s="84" t="s">
        <v>723</v>
      </c>
      <c r="U376" s="84" t="s">
        <v>65</v>
      </c>
      <c r="V376" s="84"/>
      <c r="W376" s="84"/>
      <c r="X376" s="84"/>
      <c r="Y376" s="84"/>
      <c r="Z376" s="84"/>
      <c r="AA376" s="84"/>
      <c r="AB376" s="84"/>
      <c r="AC376" s="84"/>
      <c r="AD376" s="84"/>
      <c r="AE376" s="84"/>
      <c r="AF376" s="84"/>
      <c r="AG376" s="84"/>
      <c r="AH376" s="84"/>
      <c r="AI376" s="84"/>
      <c r="AJ376" s="84"/>
      <c r="AK376" s="84"/>
      <c r="AL376" s="84"/>
      <c r="AM376" s="84"/>
      <c r="AN376" s="84"/>
      <c r="AO376" s="84"/>
      <c r="AP376" s="84"/>
      <c r="AQ376" s="336" t="s">
        <v>66</v>
      </c>
      <c r="AR376" s="336" t="s">
        <v>66</v>
      </c>
      <c r="AS376" s="336" t="s">
        <v>66</v>
      </c>
      <c r="AT376" s="84"/>
      <c r="AU376" s="84"/>
      <c r="AV376" s="84"/>
      <c r="AW376" s="84"/>
      <c r="AX376" s="84"/>
      <c r="AY376" s="84"/>
      <c r="AZ376" s="84"/>
      <c r="BA376" s="238">
        <f>SUMIF(V376:AZ376,"YES",'DRAFT - HGC Schemes'!$AB$5:$BF$5)</f>
        <v>0</v>
      </c>
      <c r="BB376" s="84" t="e">
        <f t="shared" si="223"/>
        <v>#DIV/0!</v>
      </c>
      <c r="BC376" s="336" t="str">
        <f>IF(V376="yes",('DRAFT - HGC Schemes'!AB$5*$BB376),"")</f>
        <v/>
      </c>
      <c r="BD376" s="336" t="str">
        <f>IF(W376="yes",('DRAFT - HGC Schemes'!AC$5*$BB376),"")</f>
        <v/>
      </c>
      <c r="BE376" s="336" t="str">
        <f>IF(X376="yes",('DRAFT - HGC Schemes'!AD$5*$BB376),"")</f>
        <v/>
      </c>
      <c r="BF376" s="336" t="str">
        <f>IF(Y376="yes",('DRAFT - HGC Schemes'!AE$5*$BB376),"")</f>
        <v/>
      </c>
      <c r="BG376" s="336" t="str">
        <f>IF(Z376="yes",('DRAFT - HGC Schemes'!AF$5*$BB376),"")</f>
        <v/>
      </c>
      <c r="BH376" s="336" t="str">
        <f>IF(AA376="yes",('DRAFT - HGC Schemes'!AG$5*$BB376),"")</f>
        <v/>
      </c>
      <c r="BI376" s="336" t="str">
        <f>IF(AB376="yes",('DRAFT - HGC Schemes'!AH$5*$BB376),"")</f>
        <v/>
      </c>
      <c r="BJ376" s="336" t="str">
        <f>IF(AC376="yes",('DRAFT - HGC Schemes'!AI$5*$BB376),"")</f>
        <v/>
      </c>
      <c r="BK376" s="336" t="str">
        <f>IF(AD376="yes",('DRAFT - HGC Schemes'!AJ$5*$BB376),"")</f>
        <v/>
      </c>
      <c r="BL376" s="336" t="str">
        <f>IF(AE376="yes",('DRAFT - HGC Schemes'!AK$5*$BB376),"")</f>
        <v/>
      </c>
      <c r="BM376" s="336" t="str">
        <f>IF(AF376="yes",('DRAFT - HGC Schemes'!AL$5*$BB376),"")</f>
        <v/>
      </c>
      <c r="BN376" s="336" t="str">
        <f>IF(AG376="yes",('DRAFT - HGC Schemes'!AM$5*$BB376),"")</f>
        <v/>
      </c>
      <c r="BO376" s="336" t="str">
        <f>IF(AH376="yes",('DRAFT - HGC Schemes'!AN$5*$BB376),"")</f>
        <v/>
      </c>
      <c r="BP376" s="336" t="str">
        <f>IF(AI376="yes",('DRAFT - HGC Schemes'!AO$5*$BB376),"")</f>
        <v/>
      </c>
      <c r="BQ376" s="336" t="str">
        <f>IF(AJ376="yes",('DRAFT - HGC Schemes'!AP$5*$BB376),"")</f>
        <v/>
      </c>
      <c r="BR376" s="336" t="str">
        <f>IF(AK376="yes",('DRAFT - HGC Schemes'!AQ$5*$BB376),"")</f>
        <v/>
      </c>
      <c r="BS376" s="336" t="str">
        <f>IF(AL376="yes",('DRAFT - HGC Schemes'!AR$5*$BB376),"")</f>
        <v/>
      </c>
      <c r="BT376" s="336" t="str">
        <f>IF(AM376="yes",('DRAFT - HGC Schemes'!AS$5*$BB376),"")</f>
        <v/>
      </c>
      <c r="BU376" s="336" t="str">
        <f>IF(AN376="yes",('DRAFT - HGC Schemes'!AT$5*$BB376),"")</f>
        <v/>
      </c>
      <c r="BV376" s="336" t="str">
        <f>IF(AO376="yes",('DRAFT - HGC Schemes'!AU$5*$BB376),"")</f>
        <v/>
      </c>
      <c r="BW376" s="336" t="str">
        <f>IF(AP376="yes",('DRAFT - HGC Schemes'!AV$5*$BB376),"")</f>
        <v/>
      </c>
      <c r="BX376" s="336" t="e">
        <f>IF(AQ376="yes",('DRAFT - HGC Schemes'!AW$5*$BB376),"")</f>
        <v>#DIV/0!</v>
      </c>
      <c r="BY376" s="336" t="e">
        <f>IF(AR376="yes",('DRAFT - HGC Schemes'!AX$5*$BB376),"")</f>
        <v>#DIV/0!</v>
      </c>
      <c r="BZ376" s="336" t="e">
        <f>IF(AS376="yes",('DRAFT - HGC Schemes'!AY$5*$BB376),"")</f>
        <v>#DIV/0!</v>
      </c>
      <c r="CA376" s="336" t="str">
        <f>IF(AT376="yes",('DRAFT - HGC Schemes'!AZ$5*$BB376),"")</f>
        <v/>
      </c>
      <c r="CB376" s="336" t="str">
        <f>IF(AU376="yes",('DRAFT - HGC Schemes'!BA$5*$BB376),"")</f>
        <v/>
      </c>
      <c r="CC376" s="336" t="str">
        <f>IF(AV376="yes",('DRAFT - HGC Schemes'!BB$5*$BB376),"")</f>
        <v/>
      </c>
      <c r="CD376" s="336" t="str">
        <f>IF(AW376="yes",('DRAFT - HGC Schemes'!BC$5*$BB376),"")</f>
        <v/>
      </c>
      <c r="CE376" s="336" t="str">
        <f>IF(AX376="yes",('DRAFT - HGC Schemes'!BD$5*$BB376),"")</f>
        <v/>
      </c>
      <c r="CF376" s="336" t="str">
        <f>IF(AY376="yes",('DRAFT - HGC Schemes'!BE$5*$BB376),"")</f>
        <v/>
      </c>
      <c r="CG376" s="336" t="str">
        <f>IF(AZ376="yes",('DRAFT - HGC Schemes'!BF$5*$BB376),"")</f>
        <v/>
      </c>
      <c r="CH376" s="336"/>
      <c r="CI376" s="336"/>
      <c r="CJ376" s="336"/>
      <c r="CK376" s="336"/>
      <c r="CL376" s="336"/>
      <c r="CM376" s="336"/>
      <c r="CN376" s="336"/>
      <c r="CO376" s="336"/>
      <c r="CP376" s="336"/>
      <c r="CQ376" s="336"/>
      <c r="CR376" s="336"/>
      <c r="CS376" s="336"/>
      <c r="CT376" s="336"/>
      <c r="CU376" s="336"/>
      <c r="CV376" s="336"/>
      <c r="CW376" s="336"/>
      <c r="CX376" s="336"/>
      <c r="CY376" s="336"/>
      <c r="CZ376" s="336"/>
      <c r="DA376" s="336"/>
      <c r="DB376" s="336"/>
      <c r="DC376" s="336"/>
      <c r="DD376" s="84" t="s">
        <v>660</v>
      </c>
      <c r="DE376" s="84"/>
      <c r="DF376" s="399" t="s">
        <v>661</v>
      </c>
    </row>
    <row r="377" spans="3:110" s="401" customFormat="1" ht="56.1" customHeight="1" x14ac:dyDescent="0.2">
      <c r="C377" s="420">
        <v>664</v>
      </c>
      <c r="D377" s="420" t="s">
        <v>2481</v>
      </c>
      <c r="E377" s="96" t="s">
        <v>53</v>
      </c>
      <c r="F377" s="96" t="s">
        <v>655</v>
      </c>
      <c r="G377" s="310" t="s">
        <v>656</v>
      </c>
      <c r="H377" s="310" t="s">
        <v>798</v>
      </c>
      <c r="I377" s="310" t="s">
        <v>799</v>
      </c>
      <c r="J377" s="310"/>
      <c r="K377" s="310" t="s">
        <v>90</v>
      </c>
      <c r="L377" s="310" t="s">
        <v>794</v>
      </c>
      <c r="M377" s="310" t="s">
        <v>60</v>
      </c>
      <c r="N377" s="310" t="s">
        <v>77</v>
      </c>
      <c r="O377" s="324" t="s">
        <v>722</v>
      </c>
      <c r="P377" s="309" t="s">
        <v>63</v>
      </c>
      <c r="Q377" s="309" t="s">
        <v>63</v>
      </c>
      <c r="R377" s="309">
        <v>75236</v>
      </c>
      <c r="S377" s="309">
        <f t="shared" si="222"/>
        <v>75236</v>
      </c>
      <c r="T377" s="309" t="s">
        <v>723</v>
      </c>
      <c r="U377" s="309" t="s">
        <v>65</v>
      </c>
      <c r="V377" s="309"/>
      <c r="W377" s="309"/>
      <c r="X377" s="309"/>
      <c r="Y377" s="309"/>
      <c r="Z377" s="309"/>
      <c r="AA377" s="309"/>
      <c r="AB377" s="309"/>
      <c r="AC377" s="309"/>
      <c r="AD377" s="309"/>
      <c r="AE377" s="309"/>
      <c r="AF377" s="309"/>
      <c r="AG377" s="309"/>
      <c r="AH377" s="309"/>
      <c r="AI377" s="309"/>
      <c r="AJ377" s="309"/>
      <c r="AK377" s="309"/>
      <c r="AL377" s="309"/>
      <c r="AM377" s="309"/>
      <c r="AN377" s="309"/>
      <c r="AO377" s="309"/>
      <c r="AP377" s="309"/>
      <c r="AQ377" s="402" t="s">
        <v>66</v>
      </c>
      <c r="AR377" s="402" t="s">
        <v>66</v>
      </c>
      <c r="AS377" s="402" t="s">
        <v>66</v>
      </c>
      <c r="AT377" s="309"/>
      <c r="AU377" s="309"/>
      <c r="AV377" s="309"/>
      <c r="AW377" s="309"/>
      <c r="AX377" s="309"/>
      <c r="AY377" s="309"/>
      <c r="AZ377" s="309"/>
      <c r="BA377" s="308">
        <f>SUMIF(V377:AZ377,"YES",'DRAFT - HGC Schemes'!$AB$5:$BF$5)</f>
        <v>0</v>
      </c>
      <c r="BB377" s="309" t="e">
        <f t="shared" si="223"/>
        <v>#DIV/0!</v>
      </c>
      <c r="BC377" s="402" t="str">
        <f>IF(V377="yes",('DRAFT - HGC Schemes'!AB$5*$BB377),"")</f>
        <v/>
      </c>
      <c r="BD377" s="402" t="str">
        <f>IF(W377="yes",('DRAFT - HGC Schemes'!AC$5*$BB377),"")</f>
        <v/>
      </c>
      <c r="BE377" s="402" t="str">
        <f>IF(X377="yes",('DRAFT - HGC Schemes'!AD$5*$BB377),"")</f>
        <v/>
      </c>
      <c r="BF377" s="402" t="str">
        <f>IF(Y377="yes",('DRAFT - HGC Schemes'!AE$5*$BB377),"")</f>
        <v/>
      </c>
      <c r="BG377" s="402" t="str">
        <f>IF(Z377="yes",('DRAFT - HGC Schemes'!AF$5*$BB377),"")</f>
        <v/>
      </c>
      <c r="BH377" s="402" t="str">
        <f>IF(AA377="yes",('DRAFT - HGC Schemes'!AG$5*$BB377),"")</f>
        <v/>
      </c>
      <c r="BI377" s="402" t="str">
        <f>IF(AB377="yes",('DRAFT - HGC Schemes'!AH$5*$BB377),"")</f>
        <v/>
      </c>
      <c r="BJ377" s="402" t="str">
        <f>IF(AC377="yes",('DRAFT - HGC Schemes'!AI$5*$BB377),"")</f>
        <v/>
      </c>
      <c r="BK377" s="402" t="str">
        <f>IF(AD377="yes",('DRAFT - HGC Schemes'!AJ$5*$BB377),"")</f>
        <v/>
      </c>
      <c r="BL377" s="402" t="str">
        <f>IF(AE377="yes",('DRAFT - HGC Schemes'!AK$5*$BB377),"")</f>
        <v/>
      </c>
      <c r="BM377" s="402" t="str">
        <f>IF(AF377="yes",('DRAFT - HGC Schemes'!AL$5*$BB377),"")</f>
        <v/>
      </c>
      <c r="BN377" s="402" t="str">
        <f>IF(AG377="yes",('DRAFT - HGC Schemes'!AM$5*$BB377),"")</f>
        <v/>
      </c>
      <c r="BO377" s="402" t="str">
        <f>IF(AH377="yes",('DRAFT - HGC Schemes'!AN$5*$BB377),"")</f>
        <v/>
      </c>
      <c r="BP377" s="402" t="str">
        <f>IF(AI377="yes",('DRAFT - HGC Schemes'!AO$5*$BB377),"")</f>
        <v/>
      </c>
      <c r="BQ377" s="402" t="str">
        <f>IF(AJ377="yes",('DRAFT - HGC Schemes'!AP$5*$BB377),"")</f>
        <v/>
      </c>
      <c r="BR377" s="402" t="str">
        <f>IF(AK377="yes",('DRAFT - HGC Schemes'!AQ$5*$BB377),"")</f>
        <v/>
      </c>
      <c r="BS377" s="402" t="str">
        <f>IF(AL377="yes",('DRAFT - HGC Schemes'!AR$5*$BB377),"")</f>
        <v/>
      </c>
      <c r="BT377" s="402" t="str">
        <f>IF(AM377="yes",('DRAFT - HGC Schemes'!AS$5*$BB377),"")</f>
        <v/>
      </c>
      <c r="BU377" s="402" t="str">
        <f>IF(AN377="yes",('DRAFT - HGC Schemes'!AT$5*$BB377),"")</f>
        <v/>
      </c>
      <c r="BV377" s="402" t="str">
        <f>IF(AO377="yes",('DRAFT - HGC Schemes'!AU$5*$BB377),"")</f>
        <v/>
      </c>
      <c r="BW377" s="402" t="str">
        <f>IF(AP377="yes",('DRAFT - HGC Schemes'!AV$5*$BB377),"")</f>
        <v/>
      </c>
      <c r="BX377" s="402" t="e">
        <f>IF(AQ377="yes",('DRAFT - HGC Schemes'!AW$5*$BB377),"")</f>
        <v>#DIV/0!</v>
      </c>
      <c r="BY377" s="402" t="e">
        <f>IF(AR377="yes",('DRAFT - HGC Schemes'!AX$5*$BB377),"")</f>
        <v>#DIV/0!</v>
      </c>
      <c r="BZ377" s="402" t="e">
        <f>IF(AS377="yes",('DRAFT - HGC Schemes'!AY$5*$BB377),"")</f>
        <v>#DIV/0!</v>
      </c>
      <c r="CA377" s="402" t="str">
        <f>IF(AT377="yes",('DRAFT - HGC Schemes'!AZ$5*$BB377),"")</f>
        <v/>
      </c>
      <c r="CB377" s="402" t="str">
        <f>IF(AU377="yes",('DRAFT - HGC Schemes'!BA$5*$BB377),"")</f>
        <v/>
      </c>
      <c r="CC377" s="402" t="str">
        <f>IF(AV377="yes",('DRAFT - HGC Schemes'!BB$5*$BB377),"")</f>
        <v/>
      </c>
      <c r="CD377" s="402" t="str">
        <f>IF(AW377="yes",('DRAFT - HGC Schemes'!BC$5*$BB377),"")</f>
        <v/>
      </c>
      <c r="CE377" s="402" t="str">
        <f>IF(AX377="yes",('DRAFT - HGC Schemes'!BD$5*$BB377),"")</f>
        <v/>
      </c>
      <c r="CF377" s="402" t="str">
        <f>IF(AY377="yes",('DRAFT - HGC Schemes'!BE$5*$BB377),"")</f>
        <v/>
      </c>
      <c r="CG377" s="402" t="str">
        <f>IF(AZ377="yes",('DRAFT - HGC Schemes'!BF$5*$BB377),"")</f>
        <v/>
      </c>
      <c r="CH377" s="402"/>
      <c r="CI377" s="402"/>
      <c r="CJ377" s="402"/>
      <c r="CK377" s="402"/>
      <c r="CL377" s="402"/>
      <c r="CM377" s="402"/>
      <c r="CN377" s="402"/>
      <c r="CO377" s="402"/>
      <c r="CP377" s="402"/>
      <c r="CQ377" s="402"/>
      <c r="CR377" s="402"/>
      <c r="CS377" s="402"/>
      <c r="CT377" s="402"/>
      <c r="CU377" s="402"/>
      <c r="CV377" s="402"/>
      <c r="CW377" s="402"/>
      <c r="CX377" s="402"/>
      <c r="CY377" s="402"/>
      <c r="CZ377" s="402"/>
      <c r="DA377" s="402"/>
      <c r="DB377" s="402"/>
      <c r="DC377" s="402"/>
      <c r="DD377" s="309" t="s">
        <v>660</v>
      </c>
      <c r="DE377" s="309"/>
      <c r="DF377" s="404" t="s">
        <v>661</v>
      </c>
    </row>
    <row r="378" spans="3:110" s="401" customFormat="1" ht="56.1" customHeight="1" x14ac:dyDescent="0.2">
      <c r="C378" s="420">
        <v>665</v>
      </c>
      <c r="D378" s="420" t="s">
        <v>2481</v>
      </c>
      <c r="E378" s="96" t="s">
        <v>53</v>
      </c>
      <c r="F378" s="96" t="s">
        <v>655</v>
      </c>
      <c r="G378" s="310" t="s">
        <v>656</v>
      </c>
      <c r="H378" s="310" t="s">
        <v>800</v>
      </c>
      <c r="I378" s="400" t="s">
        <v>801</v>
      </c>
      <c r="J378" s="400"/>
      <c r="K378" s="310" t="s">
        <v>90</v>
      </c>
      <c r="L378" s="310" t="s">
        <v>63</v>
      </c>
      <c r="M378" s="310" t="s">
        <v>81</v>
      </c>
      <c r="N378" s="310" t="s">
        <v>77</v>
      </c>
      <c r="O378" s="407" t="s">
        <v>225</v>
      </c>
      <c r="P378" s="309" t="s">
        <v>63</v>
      </c>
      <c r="Q378" s="309" t="s">
        <v>63</v>
      </c>
      <c r="R378" s="410"/>
      <c r="S378" s="410"/>
      <c r="T378" s="309" t="s">
        <v>659</v>
      </c>
      <c r="U378" s="309" t="s">
        <v>65</v>
      </c>
      <c r="V378" s="309"/>
      <c r="W378" s="309"/>
      <c r="X378" s="309"/>
      <c r="Y378" s="309"/>
      <c r="Z378" s="309"/>
      <c r="AA378" s="309"/>
      <c r="AB378" s="309"/>
      <c r="AC378" s="309"/>
      <c r="AD378" s="309"/>
      <c r="AE378" s="309"/>
      <c r="AF378" s="309"/>
      <c r="AG378" s="309"/>
      <c r="AH378" s="309"/>
      <c r="AI378" s="309"/>
      <c r="AJ378" s="309"/>
      <c r="AK378" s="309"/>
      <c r="AL378" s="309"/>
      <c r="AM378" s="309"/>
      <c r="AN378" s="309"/>
      <c r="AO378" s="309"/>
      <c r="AP378" s="309"/>
      <c r="AQ378" s="402" t="s">
        <v>66</v>
      </c>
      <c r="AR378" s="402" t="s">
        <v>66</v>
      </c>
      <c r="AS378" s="402" t="s">
        <v>66</v>
      </c>
      <c r="AT378" s="402" t="s">
        <v>66</v>
      </c>
      <c r="AU378" s="309"/>
      <c r="AV378" s="309"/>
      <c r="AW378" s="309"/>
      <c r="AX378" s="309"/>
      <c r="AY378" s="309"/>
      <c r="AZ378" s="309"/>
      <c r="BA378" s="308">
        <f>SUMIF(V378:AZ378,"YES",'DRAFT - HGC Schemes'!$AB$5:$BF$5)</f>
        <v>0</v>
      </c>
      <c r="BB378" s="309"/>
      <c r="BC378" s="402" t="str">
        <f>IF(V378="yes",('DRAFT - HGC Schemes'!AB$5*$BB378),"")</f>
        <v/>
      </c>
      <c r="BD378" s="402" t="str">
        <f>IF(W378="yes",('DRAFT - HGC Schemes'!AC$5*$BB378),"")</f>
        <v/>
      </c>
      <c r="BE378" s="402" t="str">
        <f>IF(X378="yes",('DRAFT - HGC Schemes'!AD$5*$BB378),"")</f>
        <v/>
      </c>
      <c r="BF378" s="402" t="str">
        <f>IF(Y378="yes",('DRAFT - HGC Schemes'!AE$5*$BB378),"")</f>
        <v/>
      </c>
      <c r="BG378" s="402" t="str">
        <f>IF(Z378="yes",('DRAFT - HGC Schemes'!AF$5*$BB378),"")</f>
        <v/>
      </c>
      <c r="BH378" s="402" t="str">
        <f>IF(AA378="yes",('DRAFT - HGC Schemes'!AG$5*$BB378),"")</f>
        <v/>
      </c>
      <c r="BI378" s="402" t="str">
        <f>IF(AB378="yes",('DRAFT - HGC Schemes'!AH$5*$BB378),"")</f>
        <v/>
      </c>
      <c r="BJ378" s="402" t="str">
        <f>IF(AC378="yes",('DRAFT - HGC Schemes'!AI$5*$BB378),"")</f>
        <v/>
      </c>
      <c r="BK378" s="402" t="str">
        <f>IF(AD378="yes",('DRAFT - HGC Schemes'!AJ$5*$BB378),"")</f>
        <v/>
      </c>
      <c r="BL378" s="402" t="str">
        <f>IF(AE378="yes",('DRAFT - HGC Schemes'!AK$5*$BB378),"")</f>
        <v/>
      </c>
      <c r="BM378" s="402" t="str">
        <f>IF(AF378="yes",('DRAFT - HGC Schemes'!AL$5*$BB378),"")</f>
        <v/>
      </c>
      <c r="BN378" s="402" t="str">
        <f>IF(AG378="yes",('DRAFT - HGC Schemes'!AM$5*$BB378),"")</f>
        <v/>
      </c>
      <c r="BO378" s="402" t="str">
        <f>IF(AH378="yes",('DRAFT - HGC Schemes'!AN$5*$BB378),"")</f>
        <v/>
      </c>
      <c r="BP378" s="402" t="str">
        <f>IF(AI378="yes",('DRAFT - HGC Schemes'!AO$5*$BB378),"")</f>
        <v/>
      </c>
      <c r="BQ378" s="402" t="str">
        <f>IF(AJ378="yes",('DRAFT - HGC Schemes'!AP$5*$BB378),"")</f>
        <v/>
      </c>
      <c r="BR378" s="402" t="str">
        <f>IF(AK378="yes",('DRAFT - HGC Schemes'!AQ$5*$BB378),"")</f>
        <v/>
      </c>
      <c r="BS378" s="402" t="str">
        <f>IF(AL378="yes",('DRAFT - HGC Schemes'!AR$5*$BB378),"")</f>
        <v/>
      </c>
      <c r="BT378" s="402" t="str">
        <f>IF(AM378="yes",('DRAFT - HGC Schemes'!AS$5*$BB378),"")</f>
        <v/>
      </c>
      <c r="BU378" s="402" t="str">
        <f>IF(AN378="yes",('DRAFT - HGC Schemes'!AT$5*$BB378),"")</f>
        <v/>
      </c>
      <c r="BV378" s="402" t="str">
        <f>IF(AO378="yes",('DRAFT - HGC Schemes'!AU$5*$BB378),"")</f>
        <v/>
      </c>
      <c r="BW378" s="402" t="str">
        <f>IF(AP378="yes",('DRAFT - HGC Schemes'!AV$5*$BB378),"")</f>
        <v/>
      </c>
      <c r="BX378" s="402">
        <f>IF(AQ378="yes",('DRAFT - HGC Schemes'!AW$5*$BB378),"")</f>
        <v>0</v>
      </c>
      <c r="BY378" s="402">
        <f>IF(AR378="yes",('DRAFT - HGC Schemes'!AX$5*$BB378),"")</f>
        <v>0</v>
      </c>
      <c r="BZ378" s="402">
        <f>IF(AS378="yes",('DRAFT - HGC Schemes'!AY$5*$BB378),"")</f>
        <v>0</v>
      </c>
      <c r="CA378" s="402">
        <f>IF(AT378="yes",('DRAFT - HGC Schemes'!AZ$5*$BB378),"")</f>
        <v>0</v>
      </c>
      <c r="CB378" s="402" t="str">
        <f>IF(AU378="yes",('DRAFT - HGC Schemes'!BA$5*$BB378),"")</f>
        <v/>
      </c>
      <c r="CC378" s="402" t="str">
        <f>IF(AV378="yes",('DRAFT - HGC Schemes'!BB$5*$BB378),"")</f>
        <v/>
      </c>
      <c r="CD378" s="402" t="str">
        <f>IF(AW378="yes",('DRAFT - HGC Schemes'!BC$5*$BB378),"")</f>
        <v/>
      </c>
      <c r="CE378" s="402" t="str">
        <f>IF(AX378="yes",('DRAFT - HGC Schemes'!BD$5*$BB378),"")</f>
        <v/>
      </c>
      <c r="CF378" s="402" t="str">
        <f>IF(AY378="yes",('DRAFT - HGC Schemes'!BE$5*$BB378),"")</f>
        <v/>
      </c>
      <c r="CG378" s="402" t="str">
        <f>IF(AZ378="yes",('DRAFT - HGC Schemes'!BF$5*$BB378),"")</f>
        <v/>
      </c>
      <c r="CH378" s="402"/>
      <c r="CI378" s="402"/>
      <c r="CJ378" s="402"/>
      <c r="CK378" s="402"/>
      <c r="CL378" s="402"/>
      <c r="CM378" s="402"/>
      <c r="CN378" s="402"/>
      <c r="CO378" s="402"/>
      <c r="CP378" s="402"/>
      <c r="CQ378" s="402"/>
      <c r="CR378" s="402"/>
      <c r="CS378" s="402"/>
      <c r="CT378" s="402"/>
      <c r="CU378" s="402"/>
      <c r="CV378" s="402"/>
      <c r="CW378" s="402"/>
      <c r="CX378" s="402"/>
      <c r="CY378" s="402"/>
      <c r="CZ378" s="402"/>
      <c r="DA378" s="402"/>
      <c r="DB378" s="402"/>
      <c r="DC378" s="402"/>
      <c r="DD378" s="309" t="s">
        <v>660</v>
      </c>
      <c r="DE378" s="309" t="s">
        <v>802</v>
      </c>
      <c r="DF378" s="404" t="s">
        <v>661</v>
      </c>
    </row>
    <row r="379" spans="3:110" s="401" customFormat="1" ht="56.1" customHeight="1" x14ac:dyDescent="0.2">
      <c r="C379" s="420">
        <v>667</v>
      </c>
      <c r="D379" s="420" t="s">
        <v>2481</v>
      </c>
      <c r="E379" s="96" t="s">
        <v>53</v>
      </c>
      <c r="F379" s="96" t="s">
        <v>655</v>
      </c>
      <c r="G379" s="310" t="s">
        <v>656</v>
      </c>
      <c r="H379" s="310" t="s">
        <v>806</v>
      </c>
      <c r="I379" s="323" t="s">
        <v>807</v>
      </c>
      <c r="J379" s="323"/>
      <c r="K379" s="310" t="s">
        <v>90</v>
      </c>
      <c r="L379" s="324" t="s">
        <v>755</v>
      </c>
      <c r="M379" s="310" t="s">
        <v>60</v>
      </c>
      <c r="N379" s="310" t="s">
        <v>77</v>
      </c>
      <c r="O379" s="324" t="s">
        <v>808</v>
      </c>
      <c r="P379" s="309" t="s">
        <v>63</v>
      </c>
      <c r="Q379" s="309" t="s">
        <v>63</v>
      </c>
      <c r="R379" s="309">
        <v>25079</v>
      </c>
      <c r="S379" s="309">
        <f t="shared" ref="S379:S384" si="224">R379</f>
        <v>25079</v>
      </c>
      <c r="T379" s="309" t="s">
        <v>723</v>
      </c>
      <c r="U379" s="309" t="s">
        <v>65</v>
      </c>
      <c r="V379" s="309"/>
      <c r="W379" s="309"/>
      <c r="X379" s="309"/>
      <c r="Y379" s="309"/>
      <c r="Z379" s="309"/>
      <c r="AA379" s="309"/>
      <c r="AB379" s="309"/>
      <c r="AC379" s="309"/>
      <c r="AD379" s="309"/>
      <c r="AE379" s="309"/>
      <c r="AF379" s="309"/>
      <c r="AG379" s="309"/>
      <c r="AH379" s="309"/>
      <c r="AI379" s="309"/>
      <c r="AJ379" s="309"/>
      <c r="AK379" s="309"/>
      <c r="AL379" s="309"/>
      <c r="AM379" s="309"/>
      <c r="AN379" s="309"/>
      <c r="AO379" s="309"/>
      <c r="AP379" s="309"/>
      <c r="AQ379" s="309"/>
      <c r="AR379" s="309"/>
      <c r="AS379" s="309"/>
      <c r="AT379" s="309"/>
      <c r="AU379" s="309"/>
      <c r="AV379" s="309"/>
      <c r="AW379" s="309"/>
      <c r="AX379" s="309"/>
      <c r="AY379" s="309"/>
      <c r="AZ379" s="309"/>
      <c r="BA379" s="308">
        <f>SUMIF(V379:AZ379,"YES",'DRAFT - HGC Schemes'!$AB$5:$BF$5)</f>
        <v>0</v>
      </c>
      <c r="BB379" s="309"/>
      <c r="BC379" s="402" t="str">
        <f>IF(V379="yes",('DRAFT - HGC Schemes'!AB$5*$BB379),"")</f>
        <v/>
      </c>
      <c r="BD379" s="402" t="str">
        <f>IF(W379="yes",('DRAFT - HGC Schemes'!AC$5*$BB379),"")</f>
        <v/>
      </c>
      <c r="BE379" s="402" t="str">
        <f>IF(X379="yes",('DRAFT - HGC Schemes'!AD$5*$BB379),"")</f>
        <v/>
      </c>
      <c r="BF379" s="402" t="str">
        <f>IF(Y379="yes",('DRAFT - HGC Schemes'!AE$5*$BB379),"")</f>
        <v/>
      </c>
      <c r="BG379" s="402" t="str">
        <f>IF(Z379="yes",('DRAFT - HGC Schemes'!AF$5*$BB379),"")</f>
        <v/>
      </c>
      <c r="BH379" s="402" t="str">
        <f>IF(AA379="yes",('DRAFT - HGC Schemes'!AG$5*$BB379),"")</f>
        <v/>
      </c>
      <c r="BI379" s="402" t="str">
        <f>IF(AB379="yes",('DRAFT - HGC Schemes'!AH$5*$BB379),"")</f>
        <v/>
      </c>
      <c r="BJ379" s="402" t="str">
        <f>IF(AC379="yes",('DRAFT - HGC Schemes'!AI$5*$BB379),"")</f>
        <v/>
      </c>
      <c r="BK379" s="402" t="str">
        <f>IF(AD379="yes",('DRAFT - HGC Schemes'!AJ$5*$BB379),"")</f>
        <v/>
      </c>
      <c r="BL379" s="402" t="str">
        <f>IF(AE379="yes",('DRAFT - HGC Schemes'!AK$5*$BB379),"")</f>
        <v/>
      </c>
      <c r="BM379" s="402" t="str">
        <f>IF(AF379="yes",('DRAFT - HGC Schemes'!AL$5*$BB379),"")</f>
        <v/>
      </c>
      <c r="BN379" s="402" t="str">
        <f>IF(AG379="yes",('DRAFT - HGC Schemes'!AM$5*$BB379),"")</f>
        <v/>
      </c>
      <c r="BO379" s="402" t="str">
        <f>IF(AH379="yes",('DRAFT - HGC Schemes'!AN$5*$BB379),"")</f>
        <v/>
      </c>
      <c r="BP379" s="402" t="str">
        <f>IF(AI379="yes",('DRAFT - HGC Schemes'!AO$5*$BB379),"")</f>
        <v/>
      </c>
      <c r="BQ379" s="402" t="str">
        <f>IF(AJ379="yes",('DRAFT - HGC Schemes'!AP$5*$BB379),"")</f>
        <v/>
      </c>
      <c r="BR379" s="402" t="str">
        <f>IF(AK379="yes",('DRAFT - HGC Schemes'!AQ$5*$BB379),"")</f>
        <v/>
      </c>
      <c r="BS379" s="402" t="str">
        <f>IF(AL379="yes",('DRAFT - HGC Schemes'!AR$5*$BB379),"")</f>
        <v/>
      </c>
      <c r="BT379" s="402" t="str">
        <f>IF(AM379="yes",('DRAFT - HGC Schemes'!AS$5*$BB379),"")</f>
        <v/>
      </c>
      <c r="BU379" s="402" t="str">
        <f>IF(AN379="yes",('DRAFT - HGC Schemes'!AT$5*$BB379),"")</f>
        <v/>
      </c>
      <c r="BV379" s="402" t="str">
        <f>IF(AO379="yes",('DRAFT - HGC Schemes'!AU$5*$BB379),"")</f>
        <v/>
      </c>
      <c r="BW379" s="402" t="str">
        <f>IF(AP379="yes",('DRAFT - HGC Schemes'!AV$5*$BB379),"")</f>
        <v/>
      </c>
      <c r="BX379" s="402" t="str">
        <f>IF(AQ379="yes",('DRAFT - HGC Schemes'!AW$5*$BB379),"")</f>
        <v/>
      </c>
      <c r="BY379" s="402" t="str">
        <f>IF(AR379="yes",('DRAFT - HGC Schemes'!AX$5*$BB379),"")</f>
        <v/>
      </c>
      <c r="BZ379" s="402" t="str">
        <f>IF(AS379="yes",('DRAFT - HGC Schemes'!AY$5*$BB379),"")</f>
        <v/>
      </c>
      <c r="CA379" s="402" t="str">
        <f>IF(AT379="yes",('DRAFT - HGC Schemes'!AZ$5*$BB379),"")</f>
        <v/>
      </c>
      <c r="CB379" s="402" t="str">
        <f>IF(AU379="yes",('DRAFT - HGC Schemes'!BA$5*$BB379),"")</f>
        <v/>
      </c>
      <c r="CC379" s="402" t="str">
        <f>IF(AV379="yes",('DRAFT - HGC Schemes'!BB$5*$BB379),"")</f>
        <v/>
      </c>
      <c r="CD379" s="402" t="str">
        <f>IF(AW379="yes",('DRAFT - HGC Schemes'!BC$5*$BB379),"")</f>
        <v/>
      </c>
      <c r="CE379" s="402" t="str">
        <f>IF(AX379="yes",('DRAFT - HGC Schemes'!BD$5*$BB379),"")</f>
        <v/>
      </c>
      <c r="CF379" s="402" t="str">
        <f>IF(AY379="yes",('DRAFT - HGC Schemes'!BE$5*$BB379),"")</f>
        <v/>
      </c>
      <c r="CG379" s="402" t="str">
        <f>IF(AZ379="yes",('DRAFT - HGC Schemes'!BF$5*$BB379),"")</f>
        <v/>
      </c>
      <c r="CH379" s="402"/>
      <c r="CI379" s="402"/>
      <c r="CJ379" s="402"/>
      <c r="CK379" s="402"/>
      <c r="CL379" s="402"/>
      <c r="CM379" s="402"/>
      <c r="CN379" s="402"/>
      <c r="CO379" s="402"/>
      <c r="CP379" s="402"/>
      <c r="CQ379" s="402"/>
      <c r="CR379" s="402"/>
      <c r="CS379" s="402"/>
      <c r="CT379" s="402"/>
      <c r="CU379" s="402"/>
      <c r="CV379" s="402"/>
      <c r="CW379" s="402"/>
      <c r="CX379" s="402"/>
      <c r="CY379" s="402"/>
      <c r="CZ379" s="402"/>
      <c r="DA379" s="402"/>
      <c r="DB379" s="402"/>
      <c r="DC379" s="402"/>
      <c r="DD379" s="309" t="s">
        <v>660</v>
      </c>
      <c r="DE379" s="309"/>
      <c r="DF379" s="404" t="s">
        <v>661</v>
      </c>
    </row>
    <row r="380" spans="3:110" s="401" customFormat="1" ht="56.1" customHeight="1" x14ac:dyDescent="0.2">
      <c r="C380" s="420">
        <v>668</v>
      </c>
      <c r="D380" s="420" t="s">
        <v>2481</v>
      </c>
      <c r="E380" s="96" t="s">
        <v>53</v>
      </c>
      <c r="F380" s="96" t="s">
        <v>655</v>
      </c>
      <c r="G380" s="310" t="s">
        <v>656</v>
      </c>
      <c r="H380" s="310" t="s">
        <v>809</v>
      </c>
      <c r="I380" s="323" t="s">
        <v>810</v>
      </c>
      <c r="J380" s="323"/>
      <c r="K380" s="310" t="s">
        <v>90</v>
      </c>
      <c r="L380" s="324" t="s">
        <v>755</v>
      </c>
      <c r="M380" s="310" t="s">
        <v>60</v>
      </c>
      <c r="N380" s="310" t="s">
        <v>77</v>
      </c>
      <c r="O380" s="324" t="s">
        <v>808</v>
      </c>
      <c r="P380" s="309" t="s">
        <v>63</v>
      </c>
      <c r="Q380" s="309" t="s">
        <v>63</v>
      </c>
      <c r="R380" s="309">
        <v>25079</v>
      </c>
      <c r="S380" s="309">
        <f t="shared" si="224"/>
        <v>25079</v>
      </c>
      <c r="T380" s="309" t="s">
        <v>723</v>
      </c>
      <c r="U380" s="309" t="s">
        <v>65</v>
      </c>
      <c r="V380" s="309"/>
      <c r="W380" s="309"/>
      <c r="X380" s="309"/>
      <c r="Y380" s="309"/>
      <c r="Z380" s="309"/>
      <c r="AA380" s="309"/>
      <c r="AB380" s="309"/>
      <c r="AC380" s="309"/>
      <c r="AD380" s="309"/>
      <c r="AE380" s="309"/>
      <c r="AF380" s="309"/>
      <c r="AG380" s="309"/>
      <c r="AH380" s="309"/>
      <c r="AI380" s="309"/>
      <c r="AJ380" s="309"/>
      <c r="AK380" s="309"/>
      <c r="AL380" s="309"/>
      <c r="AM380" s="309"/>
      <c r="AN380" s="309"/>
      <c r="AO380" s="309"/>
      <c r="AP380" s="309"/>
      <c r="AQ380" s="309"/>
      <c r="AR380" s="309"/>
      <c r="AS380" s="309"/>
      <c r="AT380" s="309"/>
      <c r="AU380" s="309"/>
      <c r="AV380" s="309"/>
      <c r="AW380" s="309"/>
      <c r="AX380" s="309"/>
      <c r="AY380" s="309"/>
      <c r="AZ380" s="309"/>
      <c r="BA380" s="308">
        <f>SUMIF(V380:AZ380,"YES",'DRAFT - HGC Schemes'!$AB$5:$BF$5)</f>
        <v>0</v>
      </c>
      <c r="BB380" s="309"/>
      <c r="BC380" s="402" t="str">
        <f>IF(V380="yes",('DRAFT - HGC Schemes'!AB$5*$BB380),"")</f>
        <v/>
      </c>
      <c r="BD380" s="402" t="str">
        <f>IF(W380="yes",('DRAFT - HGC Schemes'!AC$5*$BB380),"")</f>
        <v/>
      </c>
      <c r="BE380" s="402" t="str">
        <f>IF(X380="yes",('DRAFT - HGC Schemes'!AD$5*$BB380),"")</f>
        <v/>
      </c>
      <c r="BF380" s="402" t="str">
        <f>IF(Y380="yes",('DRAFT - HGC Schemes'!AE$5*$BB380),"")</f>
        <v/>
      </c>
      <c r="BG380" s="402" t="str">
        <f>IF(Z380="yes",('DRAFT - HGC Schemes'!AF$5*$BB380),"")</f>
        <v/>
      </c>
      <c r="BH380" s="402" t="str">
        <f>IF(AA380="yes",('DRAFT - HGC Schemes'!AG$5*$BB380),"")</f>
        <v/>
      </c>
      <c r="BI380" s="402" t="str">
        <f>IF(AB380="yes",('DRAFT - HGC Schemes'!AH$5*$BB380),"")</f>
        <v/>
      </c>
      <c r="BJ380" s="402" t="str">
        <f>IF(AC380="yes",('DRAFT - HGC Schemes'!AI$5*$BB380),"")</f>
        <v/>
      </c>
      <c r="BK380" s="402" t="str">
        <f>IF(AD380="yes",('DRAFT - HGC Schemes'!AJ$5*$BB380),"")</f>
        <v/>
      </c>
      <c r="BL380" s="402" t="str">
        <f>IF(AE380="yes",('DRAFT - HGC Schemes'!AK$5*$BB380),"")</f>
        <v/>
      </c>
      <c r="BM380" s="402" t="str">
        <f>IF(AF380="yes",('DRAFT - HGC Schemes'!AL$5*$BB380),"")</f>
        <v/>
      </c>
      <c r="BN380" s="402" t="str">
        <f>IF(AG380="yes",('DRAFT - HGC Schemes'!AM$5*$BB380),"")</f>
        <v/>
      </c>
      <c r="BO380" s="402" t="str">
        <f>IF(AH380="yes",('DRAFT - HGC Schemes'!AN$5*$BB380),"")</f>
        <v/>
      </c>
      <c r="BP380" s="402" t="str">
        <f>IF(AI380="yes",('DRAFT - HGC Schemes'!AO$5*$BB380),"")</f>
        <v/>
      </c>
      <c r="BQ380" s="402" t="str">
        <f>IF(AJ380="yes",('DRAFT - HGC Schemes'!AP$5*$BB380),"")</f>
        <v/>
      </c>
      <c r="BR380" s="402" t="str">
        <f>IF(AK380="yes",('DRAFT - HGC Schemes'!AQ$5*$BB380),"")</f>
        <v/>
      </c>
      <c r="BS380" s="402" t="str">
        <f>IF(AL380="yes",('DRAFT - HGC Schemes'!AR$5*$BB380),"")</f>
        <v/>
      </c>
      <c r="BT380" s="402" t="str">
        <f>IF(AM380="yes",('DRAFT - HGC Schemes'!AS$5*$BB380),"")</f>
        <v/>
      </c>
      <c r="BU380" s="402" t="str">
        <f>IF(AN380="yes",('DRAFT - HGC Schemes'!AT$5*$BB380),"")</f>
        <v/>
      </c>
      <c r="BV380" s="402" t="str">
        <f>IF(AO380="yes",('DRAFT - HGC Schemes'!AU$5*$BB380),"")</f>
        <v/>
      </c>
      <c r="BW380" s="402" t="str">
        <f>IF(AP380="yes",('DRAFT - HGC Schemes'!AV$5*$BB380),"")</f>
        <v/>
      </c>
      <c r="BX380" s="402" t="str">
        <f>IF(AQ380="yes",('DRAFT - HGC Schemes'!AW$5*$BB380),"")</f>
        <v/>
      </c>
      <c r="BY380" s="402" t="str">
        <f>IF(AR380="yes",('DRAFT - HGC Schemes'!AX$5*$BB380),"")</f>
        <v/>
      </c>
      <c r="BZ380" s="402" t="str">
        <f>IF(AS380="yes",('DRAFT - HGC Schemes'!AY$5*$BB380),"")</f>
        <v/>
      </c>
      <c r="CA380" s="402" t="str">
        <f>IF(AT380="yes",('DRAFT - HGC Schemes'!AZ$5*$BB380),"")</f>
        <v/>
      </c>
      <c r="CB380" s="402" t="str">
        <f>IF(AU380="yes",('DRAFT - HGC Schemes'!BA$5*$BB380),"")</f>
        <v/>
      </c>
      <c r="CC380" s="402" t="str">
        <f>IF(AV380="yes",('DRAFT - HGC Schemes'!BB$5*$BB380),"")</f>
        <v/>
      </c>
      <c r="CD380" s="402" t="str">
        <f>IF(AW380="yes",('DRAFT - HGC Schemes'!BC$5*$BB380),"")</f>
        <v/>
      </c>
      <c r="CE380" s="402" t="str">
        <f>IF(AX380="yes",('DRAFT - HGC Schemes'!BD$5*$BB380),"")</f>
        <v/>
      </c>
      <c r="CF380" s="402" t="str">
        <f>IF(AY380="yes",('DRAFT - HGC Schemes'!BE$5*$BB380),"")</f>
        <v/>
      </c>
      <c r="CG380" s="402" t="str">
        <f>IF(AZ380="yes",('DRAFT - HGC Schemes'!BF$5*$BB380),"")</f>
        <v/>
      </c>
      <c r="CH380" s="402"/>
      <c r="CI380" s="402"/>
      <c r="CJ380" s="402"/>
      <c r="CK380" s="402"/>
      <c r="CL380" s="402"/>
      <c r="CM380" s="402"/>
      <c r="CN380" s="402"/>
      <c r="CO380" s="402"/>
      <c r="CP380" s="402"/>
      <c r="CQ380" s="402"/>
      <c r="CR380" s="402"/>
      <c r="CS380" s="402"/>
      <c r="CT380" s="402"/>
      <c r="CU380" s="402"/>
      <c r="CV380" s="402"/>
      <c r="CW380" s="402"/>
      <c r="CX380" s="402"/>
      <c r="CY380" s="402"/>
      <c r="CZ380" s="402"/>
      <c r="DA380" s="402"/>
      <c r="DB380" s="402"/>
      <c r="DC380" s="402"/>
      <c r="DD380" s="309" t="s">
        <v>660</v>
      </c>
      <c r="DE380" s="309"/>
      <c r="DF380" s="404" t="s">
        <v>661</v>
      </c>
    </row>
    <row r="381" spans="3:110" s="120" customFormat="1" ht="56.1" customHeight="1" x14ac:dyDescent="0.2">
      <c r="C381" s="368">
        <v>669</v>
      </c>
      <c r="D381" s="368" t="s">
        <v>2481</v>
      </c>
      <c r="E381" s="369" t="s">
        <v>53</v>
      </c>
      <c r="F381" s="369" t="s">
        <v>655</v>
      </c>
      <c r="G381" s="232" t="s">
        <v>656</v>
      </c>
      <c r="H381" s="232" t="s">
        <v>811</v>
      </c>
      <c r="I381" s="232" t="s">
        <v>812</v>
      </c>
      <c r="J381" s="232"/>
      <c r="K381" s="232" t="s">
        <v>90</v>
      </c>
      <c r="L381" s="232" t="s">
        <v>813</v>
      </c>
      <c r="M381" s="232" t="s">
        <v>60</v>
      </c>
      <c r="N381" s="232" t="s">
        <v>77</v>
      </c>
      <c r="O381" s="334" t="s">
        <v>225</v>
      </c>
      <c r="P381" s="84" t="s">
        <v>63</v>
      </c>
      <c r="Q381" s="84" t="s">
        <v>63</v>
      </c>
      <c r="R381" s="84">
        <v>31348</v>
      </c>
      <c r="S381" s="84">
        <f t="shared" si="224"/>
        <v>31348</v>
      </c>
      <c r="T381" s="84" t="s">
        <v>723</v>
      </c>
      <c r="U381" s="84" t="s">
        <v>65</v>
      </c>
      <c r="V381" s="84"/>
      <c r="W381" s="84"/>
      <c r="X381" s="84"/>
      <c r="Y381" s="84"/>
      <c r="Z381" s="84"/>
      <c r="AA381" s="84"/>
      <c r="AB381" s="84"/>
      <c r="AC381" s="84"/>
      <c r="AD381" s="84"/>
      <c r="AE381" s="84"/>
      <c r="AF381" s="84"/>
      <c r="AG381" s="84"/>
      <c r="AH381" s="84"/>
      <c r="AI381" s="84"/>
      <c r="AJ381" s="84"/>
      <c r="AK381" s="84"/>
      <c r="AL381" s="84"/>
      <c r="AM381" s="84"/>
      <c r="AN381" s="84"/>
      <c r="AO381" s="84"/>
      <c r="AP381" s="84"/>
      <c r="AQ381" s="336" t="s">
        <v>66</v>
      </c>
      <c r="AR381" s="336" t="s">
        <v>66</v>
      </c>
      <c r="AS381" s="336" t="s">
        <v>66</v>
      </c>
      <c r="AT381" s="84"/>
      <c r="AU381" s="84"/>
      <c r="AV381" s="84"/>
      <c r="AW381" s="84"/>
      <c r="AX381" s="84"/>
      <c r="AY381" s="84"/>
      <c r="AZ381" s="84"/>
      <c r="BA381" s="238">
        <f>SUMIF(V381:AZ381,"YES",'DRAFT - HGC Schemes'!$AB$5:$BF$5)</f>
        <v>0</v>
      </c>
      <c r="BB381" s="84" t="e">
        <f>S381/BA381</f>
        <v>#DIV/0!</v>
      </c>
      <c r="BC381" s="336" t="str">
        <f>IF(V381="yes",('DRAFT - HGC Schemes'!AB$5*$BB381),"")</f>
        <v/>
      </c>
      <c r="BD381" s="336" t="str">
        <f>IF(W381="yes",('DRAFT - HGC Schemes'!AC$5*$BB381),"")</f>
        <v/>
      </c>
      <c r="BE381" s="336" t="str">
        <f>IF(X381="yes",('DRAFT - HGC Schemes'!AD$5*$BB381),"")</f>
        <v/>
      </c>
      <c r="BF381" s="336" t="str">
        <f>IF(Y381="yes",('DRAFT - HGC Schemes'!AE$5*$BB381),"")</f>
        <v/>
      </c>
      <c r="BG381" s="336" t="str">
        <f>IF(Z381="yes",('DRAFT - HGC Schemes'!AF$5*$BB381),"")</f>
        <v/>
      </c>
      <c r="BH381" s="336" t="str">
        <f>IF(AA381="yes",('DRAFT - HGC Schemes'!AG$5*$BB381),"")</f>
        <v/>
      </c>
      <c r="BI381" s="336" t="str">
        <f>IF(AB381="yes",('DRAFT - HGC Schemes'!AH$5*$BB381),"")</f>
        <v/>
      </c>
      <c r="BJ381" s="336" t="str">
        <f>IF(AC381="yes",('DRAFT - HGC Schemes'!AI$5*$BB381),"")</f>
        <v/>
      </c>
      <c r="BK381" s="336" t="str">
        <f>IF(AD381="yes",('DRAFT - HGC Schemes'!AJ$5*$BB381),"")</f>
        <v/>
      </c>
      <c r="BL381" s="336" t="str">
        <f>IF(AE381="yes",('DRAFT - HGC Schemes'!AK$5*$BB381),"")</f>
        <v/>
      </c>
      <c r="BM381" s="336" t="str">
        <f>IF(AF381="yes",('DRAFT - HGC Schemes'!AL$5*$BB381),"")</f>
        <v/>
      </c>
      <c r="BN381" s="336" t="str">
        <f>IF(AG381="yes",('DRAFT - HGC Schemes'!AM$5*$BB381),"")</f>
        <v/>
      </c>
      <c r="BO381" s="336" t="str">
        <f>IF(AH381="yes",('DRAFT - HGC Schemes'!AN$5*$BB381),"")</f>
        <v/>
      </c>
      <c r="BP381" s="336" t="str">
        <f>IF(AI381="yes",('DRAFT - HGC Schemes'!AO$5*$BB381),"")</f>
        <v/>
      </c>
      <c r="BQ381" s="336" t="str">
        <f>IF(AJ381="yes",('DRAFT - HGC Schemes'!AP$5*$BB381),"")</f>
        <v/>
      </c>
      <c r="BR381" s="336" t="str">
        <f>IF(AK381="yes",('DRAFT - HGC Schemes'!AQ$5*$BB381),"")</f>
        <v/>
      </c>
      <c r="BS381" s="336" t="str">
        <f>IF(AL381="yes",('DRAFT - HGC Schemes'!AR$5*$BB381),"")</f>
        <v/>
      </c>
      <c r="BT381" s="336" t="str">
        <f>IF(AM381="yes",('DRAFT - HGC Schemes'!AS$5*$BB381),"")</f>
        <v/>
      </c>
      <c r="BU381" s="336" t="str">
        <f>IF(AN381="yes",('DRAFT - HGC Schemes'!AT$5*$BB381),"")</f>
        <v/>
      </c>
      <c r="BV381" s="336" t="str">
        <f>IF(AO381="yes",('DRAFT - HGC Schemes'!AU$5*$BB381),"")</f>
        <v/>
      </c>
      <c r="BW381" s="336" t="str">
        <f>IF(AP381="yes",('DRAFT - HGC Schemes'!AV$5*$BB381),"")</f>
        <v/>
      </c>
      <c r="BX381" s="336" t="e">
        <f>IF(AQ381="yes",('DRAFT - HGC Schemes'!AW$5*$BB381),"")</f>
        <v>#DIV/0!</v>
      </c>
      <c r="BY381" s="336" t="e">
        <f>IF(AR381="yes",('DRAFT - HGC Schemes'!AX$5*$BB381),"")</f>
        <v>#DIV/0!</v>
      </c>
      <c r="BZ381" s="336" t="e">
        <f>IF(AS381="yes",('DRAFT - HGC Schemes'!AY$5*$BB381),"")</f>
        <v>#DIV/0!</v>
      </c>
      <c r="CA381" s="336" t="str">
        <f>IF(AT381="yes",('DRAFT - HGC Schemes'!AZ$5*$BB381),"")</f>
        <v/>
      </c>
      <c r="CB381" s="336" t="str">
        <f>IF(AU381="yes",('DRAFT - HGC Schemes'!BA$5*$BB381),"")</f>
        <v/>
      </c>
      <c r="CC381" s="336" t="str">
        <f>IF(AV381="yes",('DRAFT - HGC Schemes'!BB$5*$BB381),"")</f>
        <v/>
      </c>
      <c r="CD381" s="336" t="str">
        <f>IF(AW381="yes",('DRAFT - HGC Schemes'!BC$5*$BB381),"")</f>
        <v/>
      </c>
      <c r="CE381" s="336" t="str">
        <f>IF(AX381="yes",('DRAFT - HGC Schemes'!BD$5*$BB381),"")</f>
        <v/>
      </c>
      <c r="CF381" s="336" t="str">
        <f>IF(AY381="yes",('DRAFT - HGC Schemes'!BE$5*$BB381),"")</f>
        <v/>
      </c>
      <c r="CG381" s="336" t="str">
        <f>IF(AZ381="yes",('DRAFT - HGC Schemes'!BF$5*$BB381),"")</f>
        <v/>
      </c>
      <c r="CH381" s="336"/>
      <c r="CI381" s="336"/>
      <c r="CJ381" s="336"/>
      <c r="CK381" s="336"/>
      <c r="CL381" s="336"/>
      <c r="CM381" s="336"/>
      <c r="CN381" s="336"/>
      <c r="CO381" s="336"/>
      <c r="CP381" s="336"/>
      <c r="CQ381" s="336"/>
      <c r="CR381" s="336"/>
      <c r="CS381" s="336"/>
      <c r="CT381" s="336"/>
      <c r="CU381" s="336"/>
      <c r="CV381" s="336"/>
      <c r="CW381" s="336"/>
      <c r="CX381" s="336"/>
      <c r="CY381" s="336"/>
      <c r="CZ381" s="336"/>
      <c r="DA381" s="336"/>
      <c r="DB381" s="336"/>
      <c r="DC381" s="336"/>
      <c r="DD381" s="84" t="s">
        <v>660</v>
      </c>
      <c r="DE381" s="84"/>
      <c r="DF381" s="399" t="s">
        <v>661</v>
      </c>
    </row>
    <row r="382" spans="3:110" s="120" customFormat="1" ht="56.1" customHeight="1" x14ac:dyDescent="0.2">
      <c r="C382" s="368">
        <v>670</v>
      </c>
      <c r="D382" s="368" t="s">
        <v>2481</v>
      </c>
      <c r="E382" s="369" t="s">
        <v>53</v>
      </c>
      <c r="F382" s="369" t="s">
        <v>655</v>
      </c>
      <c r="G382" s="232" t="s">
        <v>656</v>
      </c>
      <c r="H382" s="232" t="s">
        <v>814</v>
      </c>
      <c r="I382" s="232" t="s">
        <v>815</v>
      </c>
      <c r="J382" s="232"/>
      <c r="K382" s="232" t="s">
        <v>90</v>
      </c>
      <c r="L382" s="232" t="s">
        <v>794</v>
      </c>
      <c r="M382" s="232" t="s">
        <v>60</v>
      </c>
      <c r="N382" s="232" t="s">
        <v>77</v>
      </c>
      <c r="O382" s="232" t="s">
        <v>225</v>
      </c>
      <c r="P382" s="84" t="s">
        <v>63</v>
      </c>
      <c r="Q382" s="84" t="s">
        <v>63</v>
      </c>
      <c r="R382" s="84">
        <v>75236</v>
      </c>
      <c r="S382" s="84">
        <f t="shared" si="224"/>
        <v>75236</v>
      </c>
      <c r="T382" s="84" t="s">
        <v>723</v>
      </c>
      <c r="U382" s="84" t="s">
        <v>65</v>
      </c>
      <c r="V382" s="84"/>
      <c r="W382" s="84"/>
      <c r="X382" s="84"/>
      <c r="Y382" s="84"/>
      <c r="Z382" s="84"/>
      <c r="AA382" s="84"/>
      <c r="AB382" s="84"/>
      <c r="AC382" s="84"/>
      <c r="AD382" s="84"/>
      <c r="AE382" s="84"/>
      <c r="AF382" s="84"/>
      <c r="AG382" s="84"/>
      <c r="AH382" s="84"/>
      <c r="AI382" s="84"/>
      <c r="AJ382" s="84"/>
      <c r="AK382" s="84"/>
      <c r="AL382" s="84"/>
      <c r="AM382" s="84"/>
      <c r="AN382" s="84"/>
      <c r="AO382" s="84"/>
      <c r="AP382" s="84"/>
      <c r="AQ382" s="336" t="s">
        <v>66</v>
      </c>
      <c r="AR382" s="336" t="s">
        <v>66</v>
      </c>
      <c r="AS382" s="336" t="s">
        <v>66</v>
      </c>
      <c r="AT382" s="84"/>
      <c r="AU382" s="84"/>
      <c r="AV382" s="84"/>
      <c r="AW382" s="84"/>
      <c r="AX382" s="84"/>
      <c r="AY382" s="84"/>
      <c r="AZ382" s="84"/>
      <c r="BA382" s="238">
        <f>SUMIF(V382:AZ382,"YES",'DRAFT - HGC Schemes'!$AB$5:$BF$5)</f>
        <v>0</v>
      </c>
      <c r="BB382" s="84" t="e">
        <f>S382/BA382</f>
        <v>#DIV/0!</v>
      </c>
      <c r="BC382" s="336" t="str">
        <f>IF(V382="yes",('DRAFT - HGC Schemes'!AB$5*$BB382),"")</f>
        <v/>
      </c>
      <c r="BD382" s="336" t="str">
        <f>IF(W382="yes",('DRAFT - HGC Schemes'!AC$5*$BB382),"")</f>
        <v/>
      </c>
      <c r="BE382" s="336" t="str">
        <f>IF(X382="yes",('DRAFT - HGC Schemes'!AD$5*$BB382),"")</f>
        <v/>
      </c>
      <c r="BF382" s="336" t="str">
        <f>IF(Y382="yes",('DRAFT - HGC Schemes'!AE$5*$BB382),"")</f>
        <v/>
      </c>
      <c r="BG382" s="336" t="str">
        <f>IF(Z382="yes",('DRAFT - HGC Schemes'!AF$5*$BB382),"")</f>
        <v/>
      </c>
      <c r="BH382" s="336" t="str">
        <f>IF(AA382="yes",('DRAFT - HGC Schemes'!AG$5*$BB382),"")</f>
        <v/>
      </c>
      <c r="BI382" s="336" t="str">
        <f>IF(AB382="yes",('DRAFT - HGC Schemes'!AH$5*$BB382),"")</f>
        <v/>
      </c>
      <c r="BJ382" s="336" t="str">
        <f>IF(AC382="yes",('DRAFT - HGC Schemes'!AI$5*$BB382),"")</f>
        <v/>
      </c>
      <c r="BK382" s="336" t="str">
        <f>IF(AD382="yes",('DRAFT - HGC Schemes'!AJ$5*$BB382),"")</f>
        <v/>
      </c>
      <c r="BL382" s="336" t="str">
        <f>IF(AE382="yes",('DRAFT - HGC Schemes'!AK$5*$BB382),"")</f>
        <v/>
      </c>
      <c r="BM382" s="336" t="str">
        <f>IF(AF382="yes",('DRAFT - HGC Schemes'!AL$5*$BB382),"")</f>
        <v/>
      </c>
      <c r="BN382" s="336" t="str">
        <f>IF(AG382="yes",('DRAFT - HGC Schemes'!AM$5*$BB382),"")</f>
        <v/>
      </c>
      <c r="BO382" s="336" t="str">
        <f>IF(AH382="yes",('DRAFT - HGC Schemes'!AN$5*$BB382),"")</f>
        <v/>
      </c>
      <c r="BP382" s="336" t="str">
        <f>IF(AI382="yes",('DRAFT - HGC Schemes'!AO$5*$BB382),"")</f>
        <v/>
      </c>
      <c r="BQ382" s="336" t="str">
        <f>IF(AJ382="yes",('DRAFT - HGC Schemes'!AP$5*$BB382),"")</f>
        <v/>
      </c>
      <c r="BR382" s="336" t="str">
        <f>IF(AK382="yes",('DRAFT - HGC Schemes'!AQ$5*$BB382),"")</f>
        <v/>
      </c>
      <c r="BS382" s="336" t="str">
        <f>IF(AL382="yes",('DRAFT - HGC Schemes'!AR$5*$BB382),"")</f>
        <v/>
      </c>
      <c r="BT382" s="336" t="str">
        <f>IF(AM382="yes",('DRAFT - HGC Schemes'!AS$5*$BB382),"")</f>
        <v/>
      </c>
      <c r="BU382" s="336" t="str">
        <f>IF(AN382="yes",('DRAFT - HGC Schemes'!AT$5*$BB382),"")</f>
        <v/>
      </c>
      <c r="BV382" s="336" t="str">
        <f>IF(AO382="yes",('DRAFT - HGC Schemes'!AU$5*$BB382),"")</f>
        <v/>
      </c>
      <c r="BW382" s="336" t="str">
        <f>IF(AP382="yes",('DRAFT - HGC Schemes'!AV$5*$BB382),"")</f>
        <v/>
      </c>
      <c r="BX382" s="336" t="e">
        <f>IF(AQ382="yes",('DRAFT - HGC Schemes'!AW$5*$BB382),"")</f>
        <v>#DIV/0!</v>
      </c>
      <c r="BY382" s="336" t="e">
        <f>IF(AR382="yes",('DRAFT - HGC Schemes'!AX$5*$BB382),"")</f>
        <v>#DIV/0!</v>
      </c>
      <c r="BZ382" s="336" t="e">
        <f>IF(AS382="yes",('DRAFT - HGC Schemes'!AY$5*$BB382),"")</f>
        <v>#DIV/0!</v>
      </c>
      <c r="CA382" s="336" t="str">
        <f>IF(AT382="yes",('DRAFT - HGC Schemes'!AZ$5*$BB382),"")</f>
        <v/>
      </c>
      <c r="CB382" s="336" t="str">
        <f>IF(AU382="yes",('DRAFT - HGC Schemes'!BA$5*$BB382),"")</f>
        <v/>
      </c>
      <c r="CC382" s="336" t="str">
        <f>IF(AV382="yes",('DRAFT - HGC Schemes'!BB$5*$BB382),"")</f>
        <v/>
      </c>
      <c r="CD382" s="336" t="str">
        <f>IF(AW382="yes",('DRAFT - HGC Schemes'!BC$5*$BB382),"")</f>
        <v/>
      </c>
      <c r="CE382" s="336" t="str">
        <f>IF(AX382="yes",('DRAFT - HGC Schemes'!BD$5*$BB382),"")</f>
        <v/>
      </c>
      <c r="CF382" s="336" t="str">
        <f>IF(AY382="yes",('DRAFT - HGC Schemes'!BE$5*$BB382),"")</f>
        <v/>
      </c>
      <c r="CG382" s="336" t="str">
        <f>IF(AZ382="yes",('DRAFT - HGC Schemes'!BF$5*$BB382),"")</f>
        <v/>
      </c>
      <c r="CH382" s="336"/>
      <c r="CI382" s="336"/>
      <c r="CJ382" s="336"/>
      <c r="CK382" s="336"/>
      <c r="CL382" s="336"/>
      <c r="CM382" s="336"/>
      <c r="CN382" s="336"/>
      <c r="CO382" s="336"/>
      <c r="CP382" s="336"/>
      <c r="CQ382" s="336"/>
      <c r="CR382" s="336"/>
      <c r="CS382" s="336"/>
      <c r="CT382" s="336"/>
      <c r="CU382" s="336"/>
      <c r="CV382" s="336"/>
      <c r="CW382" s="336"/>
      <c r="CX382" s="336"/>
      <c r="CY382" s="336"/>
      <c r="CZ382" s="336"/>
      <c r="DA382" s="336"/>
      <c r="DB382" s="336"/>
      <c r="DC382" s="336"/>
      <c r="DD382" s="84" t="s">
        <v>660</v>
      </c>
      <c r="DE382" s="84"/>
      <c r="DF382" s="399" t="s">
        <v>661</v>
      </c>
    </row>
    <row r="383" spans="3:110" s="120" customFormat="1" ht="56.1" customHeight="1" x14ac:dyDescent="0.2">
      <c r="C383" s="368">
        <v>671</v>
      </c>
      <c r="D383" s="368" t="s">
        <v>2481</v>
      </c>
      <c r="E383" s="369" t="s">
        <v>53</v>
      </c>
      <c r="F383" s="369" t="s">
        <v>655</v>
      </c>
      <c r="G383" s="232" t="s">
        <v>656</v>
      </c>
      <c r="H383" s="232" t="s">
        <v>816</v>
      </c>
      <c r="I383" s="232" t="s">
        <v>817</v>
      </c>
      <c r="J383" s="232"/>
      <c r="K383" s="232" t="s">
        <v>90</v>
      </c>
      <c r="L383" s="232" t="s">
        <v>39</v>
      </c>
      <c r="M383" s="232" t="s">
        <v>60</v>
      </c>
      <c r="N383" s="232" t="s">
        <v>77</v>
      </c>
      <c r="O383" s="334" t="s">
        <v>818</v>
      </c>
      <c r="P383" s="84" t="s">
        <v>63</v>
      </c>
      <c r="Q383" s="84" t="s">
        <v>63</v>
      </c>
      <c r="R383" s="84">
        <v>108841</v>
      </c>
      <c r="S383" s="84">
        <f t="shared" si="224"/>
        <v>108841</v>
      </c>
      <c r="T383" s="84" t="s">
        <v>723</v>
      </c>
      <c r="U383" s="84" t="s">
        <v>65</v>
      </c>
      <c r="V383" s="84"/>
      <c r="W383" s="84"/>
      <c r="X383" s="84"/>
      <c r="Y383" s="84"/>
      <c r="Z383" s="84"/>
      <c r="AA383" s="84"/>
      <c r="AB383" s="84"/>
      <c r="AC383" s="84"/>
      <c r="AD383" s="84"/>
      <c r="AE383" s="84"/>
      <c r="AF383" s="84"/>
      <c r="AG383" s="84"/>
      <c r="AH383" s="84"/>
      <c r="AI383" s="84"/>
      <c r="AJ383" s="84"/>
      <c r="AK383" s="84"/>
      <c r="AL383" s="84"/>
      <c r="AM383" s="84"/>
      <c r="AN383" s="84"/>
      <c r="AO383" s="84"/>
      <c r="AP383" s="84"/>
      <c r="AQ383" s="336"/>
      <c r="AR383" s="336" t="s">
        <v>66</v>
      </c>
      <c r="AS383" s="336"/>
      <c r="AT383" s="84"/>
      <c r="AU383" s="84"/>
      <c r="AV383" s="84"/>
      <c r="AW383" s="84"/>
      <c r="AX383" s="84"/>
      <c r="AY383" s="84"/>
      <c r="AZ383" s="84"/>
      <c r="BA383" s="238">
        <f>SUMIF(V383:AZ383,"YES",'DRAFT - HGC Schemes'!$AB$5:$BF$5)</f>
        <v>0</v>
      </c>
      <c r="BB383" s="84" t="e">
        <f>S383/BA383</f>
        <v>#DIV/0!</v>
      </c>
      <c r="BC383" s="336" t="str">
        <f>IF(V383="yes",('DRAFT - HGC Schemes'!AB$5*$BB383),"")</f>
        <v/>
      </c>
      <c r="BD383" s="336" t="str">
        <f>IF(W383="yes",('DRAFT - HGC Schemes'!AC$5*$BB383),"")</f>
        <v/>
      </c>
      <c r="BE383" s="336" t="str">
        <f>IF(X383="yes",('DRAFT - HGC Schemes'!AD$5*$BB383),"")</f>
        <v/>
      </c>
      <c r="BF383" s="336" t="str">
        <f>IF(Y383="yes",('DRAFT - HGC Schemes'!AE$5*$BB383),"")</f>
        <v/>
      </c>
      <c r="BG383" s="336" t="str">
        <f>IF(Z383="yes",('DRAFT - HGC Schemes'!AF$5*$BB383),"")</f>
        <v/>
      </c>
      <c r="BH383" s="336" t="str">
        <f>IF(AA383="yes",('DRAFT - HGC Schemes'!AG$5*$BB383),"")</f>
        <v/>
      </c>
      <c r="BI383" s="336" t="str">
        <f>IF(AB383="yes",('DRAFT - HGC Schemes'!AH$5*$BB383),"")</f>
        <v/>
      </c>
      <c r="BJ383" s="336" t="str">
        <f>IF(AC383="yes",('DRAFT - HGC Schemes'!AI$5*$BB383),"")</f>
        <v/>
      </c>
      <c r="BK383" s="336" t="str">
        <f>IF(AD383="yes",('DRAFT - HGC Schemes'!AJ$5*$BB383),"")</f>
        <v/>
      </c>
      <c r="BL383" s="336" t="str">
        <f>IF(AE383="yes",('DRAFT - HGC Schemes'!AK$5*$BB383),"")</f>
        <v/>
      </c>
      <c r="BM383" s="336" t="str">
        <f>IF(AF383="yes",('DRAFT - HGC Schemes'!AL$5*$BB383),"")</f>
        <v/>
      </c>
      <c r="BN383" s="336" t="str">
        <f>IF(AG383="yes",('DRAFT - HGC Schemes'!AM$5*$BB383),"")</f>
        <v/>
      </c>
      <c r="BO383" s="336" t="str">
        <f>IF(AH383="yes",('DRAFT - HGC Schemes'!AN$5*$BB383),"")</f>
        <v/>
      </c>
      <c r="BP383" s="336" t="str">
        <f>IF(AI383="yes",('DRAFT - HGC Schemes'!AO$5*$BB383),"")</f>
        <v/>
      </c>
      <c r="BQ383" s="336" t="str">
        <f>IF(AJ383="yes",('DRAFT - HGC Schemes'!AP$5*$BB383),"")</f>
        <v/>
      </c>
      <c r="BR383" s="336" t="str">
        <f>IF(AK383="yes",('DRAFT - HGC Schemes'!AQ$5*$BB383),"")</f>
        <v/>
      </c>
      <c r="BS383" s="336" t="str">
        <f>IF(AL383="yes",('DRAFT - HGC Schemes'!AR$5*$BB383),"")</f>
        <v/>
      </c>
      <c r="BT383" s="336" t="str">
        <f>IF(AM383="yes",('DRAFT - HGC Schemes'!AS$5*$BB383),"")</f>
        <v/>
      </c>
      <c r="BU383" s="336" t="str">
        <f>IF(AN383="yes",('DRAFT - HGC Schemes'!AT$5*$BB383),"")</f>
        <v/>
      </c>
      <c r="BV383" s="336" t="str">
        <f>IF(AO383="yes",('DRAFT - HGC Schemes'!AU$5*$BB383),"")</f>
        <v/>
      </c>
      <c r="BW383" s="336" t="str">
        <f>IF(AP383="yes",('DRAFT - HGC Schemes'!AV$5*$BB383),"")</f>
        <v/>
      </c>
      <c r="BX383" s="336" t="str">
        <f>IF(AQ383="yes",('DRAFT - HGC Schemes'!AW$5*$BB383),"")</f>
        <v/>
      </c>
      <c r="BY383" s="336" t="e">
        <f>IF(AR383="yes",('DRAFT - HGC Schemes'!AX$5*$BB383),"")</f>
        <v>#DIV/0!</v>
      </c>
      <c r="BZ383" s="336" t="str">
        <f>IF(AS383="yes",('DRAFT - HGC Schemes'!AY$5*$BB383),"")</f>
        <v/>
      </c>
      <c r="CA383" s="336" t="str">
        <f>IF(AT383="yes",('DRAFT - HGC Schemes'!AZ$5*$BB383),"")</f>
        <v/>
      </c>
      <c r="CB383" s="336" t="str">
        <f>IF(AU383="yes",('DRAFT - HGC Schemes'!BA$5*$BB383),"")</f>
        <v/>
      </c>
      <c r="CC383" s="336" t="str">
        <f>IF(AV383="yes",('DRAFT - HGC Schemes'!BB$5*$BB383),"")</f>
        <v/>
      </c>
      <c r="CD383" s="336" t="str">
        <f>IF(AW383="yes",('DRAFT - HGC Schemes'!BC$5*$BB383),"")</f>
        <v/>
      </c>
      <c r="CE383" s="336" t="str">
        <f>IF(AX383="yes",('DRAFT - HGC Schemes'!BD$5*$BB383),"")</f>
        <v/>
      </c>
      <c r="CF383" s="336" t="str">
        <f>IF(AY383="yes",('DRAFT - HGC Schemes'!BE$5*$BB383),"")</f>
        <v/>
      </c>
      <c r="CG383" s="336" t="str">
        <f>IF(AZ383="yes",('DRAFT - HGC Schemes'!BF$5*$BB383),"")</f>
        <v/>
      </c>
      <c r="CH383" s="336"/>
      <c r="CI383" s="336"/>
      <c r="CJ383" s="336"/>
      <c r="CK383" s="336"/>
      <c r="CL383" s="336"/>
      <c r="CM383" s="336"/>
      <c r="CN383" s="336"/>
      <c r="CO383" s="336"/>
      <c r="CP383" s="336"/>
      <c r="CQ383" s="336"/>
      <c r="CR383" s="336"/>
      <c r="CS383" s="336"/>
      <c r="CT383" s="336"/>
      <c r="CU383" s="336"/>
      <c r="CV383" s="336"/>
      <c r="CW383" s="336"/>
      <c r="CX383" s="336"/>
      <c r="CY383" s="336"/>
      <c r="CZ383" s="336"/>
      <c r="DA383" s="336"/>
      <c r="DB383" s="336"/>
      <c r="DC383" s="336"/>
      <c r="DD383" s="84" t="s">
        <v>660</v>
      </c>
      <c r="DE383" s="84"/>
      <c r="DF383" s="399" t="s">
        <v>661</v>
      </c>
    </row>
    <row r="384" spans="3:110" s="120" customFormat="1" ht="56.1" customHeight="1" x14ac:dyDescent="0.2">
      <c r="C384" s="368">
        <v>672</v>
      </c>
      <c r="D384" s="368" t="s">
        <v>2481</v>
      </c>
      <c r="E384" s="369" t="s">
        <v>53</v>
      </c>
      <c r="F384" s="369" t="s">
        <v>655</v>
      </c>
      <c r="G384" s="232" t="s">
        <v>656</v>
      </c>
      <c r="H384" s="232" t="s">
        <v>819</v>
      </c>
      <c r="I384" s="232" t="s">
        <v>820</v>
      </c>
      <c r="J384" s="232"/>
      <c r="K384" s="232" t="s">
        <v>90</v>
      </c>
      <c r="L384" s="232" t="s">
        <v>39</v>
      </c>
      <c r="M384" s="232" t="s">
        <v>60</v>
      </c>
      <c r="N384" s="232" t="s">
        <v>77</v>
      </c>
      <c r="O384" s="334" t="s">
        <v>818</v>
      </c>
      <c r="P384" s="84" t="s">
        <v>63</v>
      </c>
      <c r="Q384" s="84" t="s">
        <v>63</v>
      </c>
      <c r="R384" s="84">
        <v>37618</v>
      </c>
      <c r="S384" s="84">
        <f t="shared" si="224"/>
        <v>37618</v>
      </c>
      <c r="T384" s="84" t="s">
        <v>723</v>
      </c>
      <c r="U384" s="84" t="s">
        <v>65</v>
      </c>
      <c r="V384" s="84"/>
      <c r="W384" s="84"/>
      <c r="X384" s="84"/>
      <c r="Y384" s="84"/>
      <c r="Z384" s="84"/>
      <c r="AA384" s="84"/>
      <c r="AB384" s="84"/>
      <c r="AC384" s="84"/>
      <c r="AD384" s="84"/>
      <c r="AE384" s="84"/>
      <c r="AF384" s="84"/>
      <c r="AG384" s="84"/>
      <c r="AH384" s="84"/>
      <c r="AI384" s="84"/>
      <c r="AJ384" s="84"/>
      <c r="AK384" s="84"/>
      <c r="AL384" s="84"/>
      <c r="AM384" s="84"/>
      <c r="AN384" s="84"/>
      <c r="AO384" s="84"/>
      <c r="AP384" s="84"/>
      <c r="AQ384" s="84"/>
      <c r="AR384" s="336" t="s">
        <v>66</v>
      </c>
      <c r="AS384" s="84"/>
      <c r="AT384" s="84"/>
      <c r="AU384" s="84"/>
      <c r="AV384" s="84"/>
      <c r="AW384" s="84"/>
      <c r="AX384" s="84"/>
      <c r="AY384" s="84"/>
      <c r="AZ384" s="84"/>
      <c r="BA384" s="238">
        <f>SUMIF(V384:AZ384,"YES",'DRAFT - HGC Schemes'!$AB$5:$BF$5)</f>
        <v>0</v>
      </c>
      <c r="BB384" s="84" t="e">
        <f>S384/BA384</f>
        <v>#DIV/0!</v>
      </c>
      <c r="BC384" s="336" t="str">
        <f>IF(V384="yes",('DRAFT - HGC Schemes'!AB$5*$BB384),"")</f>
        <v/>
      </c>
      <c r="BD384" s="336" t="str">
        <f>IF(W384="yes",('DRAFT - HGC Schemes'!AC$5*$BB384),"")</f>
        <v/>
      </c>
      <c r="BE384" s="336" t="str">
        <f>IF(X384="yes",('DRAFT - HGC Schemes'!AD$5*$BB384),"")</f>
        <v/>
      </c>
      <c r="BF384" s="336" t="str">
        <f>IF(Y384="yes",('DRAFT - HGC Schemes'!AE$5*$BB384),"")</f>
        <v/>
      </c>
      <c r="BG384" s="336" t="str">
        <f>IF(Z384="yes",('DRAFT - HGC Schemes'!AF$5*$BB384),"")</f>
        <v/>
      </c>
      <c r="BH384" s="336" t="str">
        <f>IF(AA384="yes",('DRAFT - HGC Schemes'!AG$5*$BB384),"")</f>
        <v/>
      </c>
      <c r="BI384" s="336" t="str">
        <f>IF(AB384="yes",('DRAFT - HGC Schemes'!AH$5*$BB384),"")</f>
        <v/>
      </c>
      <c r="BJ384" s="336" t="str">
        <f>IF(AC384="yes",('DRAFT - HGC Schemes'!AI$5*$BB384),"")</f>
        <v/>
      </c>
      <c r="BK384" s="336" t="str">
        <f>IF(AD384="yes",('DRAFT - HGC Schemes'!AJ$5*$BB384),"")</f>
        <v/>
      </c>
      <c r="BL384" s="336" t="str">
        <f>IF(AE384="yes",('DRAFT - HGC Schemes'!AK$5*$BB384),"")</f>
        <v/>
      </c>
      <c r="BM384" s="336" t="str">
        <f>IF(AF384="yes",('DRAFT - HGC Schemes'!AL$5*$BB384),"")</f>
        <v/>
      </c>
      <c r="BN384" s="336" t="str">
        <f>IF(AG384="yes",('DRAFT - HGC Schemes'!AM$5*$BB384),"")</f>
        <v/>
      </c>
      <c r="BO384" s="336" t="str">
        <f>IF(AH384="yes",('DRAFT - HGC Schemes'!AN$5*$BB384),"")</f>
        <v/>
      </c>
      <c r="BP384" s="336" t="str">
        <f>IF(AI384="yes",('DRAFT - HGC Schemes'!AO$5*$BB384),"")</f>
        <v/>
      </c>
      <c r="BQ384" s="336" t="str">
        <f>IF(AJ384="yes",('DRAFT - HGC Schemes'!AP$5*$BB384),"")</f>
        <v/>
      </c>
      <c r="BR384" s="336" t="str">
        <f>IF(AK384="yes",('DRAFT - HGC Schemes'!AQ$5*$BB384),"")</f>
        <v/>
      </c>
      <c r="BS384" s="336" t="str">
        <f>IF(AL384="yes",('DRAFT - HGC Schemes'!AR$5*$BB384),"")</f>
        <v/>
      </c>
      <c r="BT384" s="336" t="str">
        <f>IF(AM384="yes",('DRAFT - HGC Schemes'!AS$5*$BB384),"")</f>
        <v/>
      </c>
      <c r="BU384" s="336" t="str">
        <f>IF(AN384="yes",('DRAFT - HGC Schemes'!AT$5*$BB384),"")</f>
        <v/>
      </c>
      <c r="BV384" s="336" t="str">
        <f>IF(AO384="yes",('DRAFT - HGC Schemes'!AU$5*$BB384),"")</f>
        <v/>
      </c>
      <c r="BW384" s="336" t="str">
        <f>IF(AP384="yes",('DRAFT - HGC Schemes'!AV$5*$BB384),"")</f>
        <v/>
      </c>
      <c r="BX384" s="336" t="str">
        <f>IF(AQ384="yes",('DRAFT - HGC Schemes'!AW$5*$BB384),"")</f>
        <v/>
      </c>
      <c r="BY384" s="336" t="e">
        <f>IF(AR384="yes",('DRAFT - HGC Schemes'!AX$5*$BB384),"")</f>
        <v>#DIV/0!</v>
      </c>
      <c r="BZ384" s="336" t="str">
        <f>IF(AS384="yes",('DRAFT - HGC Schemes'!AY$5*$BB384),"")</f>
        <v/>
      </c>
      <c r="CA384" s="336" t="str">
        <f>IF(AT384="yes",('DRAFT - HGC Schemes'!AZ$5*$BB384),"")</f>
        <v/>
      </c>
      <c r="CB384" s="336" t="str">
        <f>IF(AU384="yes",('DRAFT - HGC Schemes'!BA$5*$BB384),"")</f>
        <v/>
      </c>
      <c r="CC384" s="336" t="str">
        <f>IF(AV384="yes",('DRAFT - HGC Schemes'!BB$5*$BB384),"")</f>
        <v/>
      </c>
      <c r="CD384" s="336" t="str">
        <f>IF(AW384="yes",('DRAFT - HGC Schemes'!BC$5*$BB384),"")</f>
        <v/>
      </c>
      <c r="CE384" s="336" t="str">
        <f>IF(AX384="yes",('DRAFT - HGC Schemes'!BD$5*$BB384),"")</f>
        <v/>
      </c>
      <c r="CF384" s="336" t="str">
        <f>IF(AY384="yes",('DRAFT - HGC Schemes'!BE$5*$BB384),"")</f>
        <v/>
      </c>
      <c r="CG384" s="336" t="str">
        <f>IF(AZ384="yes",('DRAFT - HGC Schemes'!BF$5*$BB384),"")</f>
        <v/>
      </c>
      <c r="CH384" s="336"/>
      <c r="CI384" s="336"/>
      <c r="CJ384" s="336"/>
      <c r="CK384" s="336"/>
      <c r="CL384" s="336"/>
      <c r="CM384" s="336"/>
      <c r="CN384" s="336"/>
      <c r="CO384" s="336"/>
      <c r="CP384" s="336"/>
      <c r="CQ384" s="336"/>
      <c r="CR384" s="336"/>
      <c r="CS384" s="336"/>
      <c r="CT384" s="336"/>
      <c r="CU384" s="336"/>
      <c r="CV384" s="336"/>
      <c r="CW384" s="336"/>
      <c r="CX384" s="336"/>
      <c r="CY384" s="336"/>
      <c r="CZ384" s="336"/>
      <c r="DA384" s="336"/>
      <c r="DB384" s="336"/>
      <c r="DC384" s="336"/>
      <c r="DD384" s="84" t="s">
        <v>660</v>
      </c>
      <c r="DE384" s="84"/>
      <c r="DF384" s="399" t="s">
        <v>661</v>
      </c>
    </row>
    <row r="385" spans="3:110" ht="56.1" customHeight="1" x14ac:dyDescent="0.2">
      <c r="C385" s="412">
        <v>1</v>
      </c>
      <c r="D385" s="412" t="s">
        <v>2182</v>
      </c>
      <c r="E385" s="422" t="s">
        <v>1385</v>
      </c>
      <c r="F385" s="422" t="s">
        <v>54</v>
      </c>
      <c r="G385" s="416" t="s">
        <v>2498</v>
      </c>
      <c r="H385" s="416" t="s">
        <v>2620</v>
      </c>
      <c r="I385" s="416" t="s">
        <v>2621</v>
      </c>
      <c r="J385" s="416" t="s">
        <v>2622</v>
      </c>
      <c r="K385" s="416" t="s">
        <v>2623</v>
      </c>
      <c r="L385" s="416" t="s">
        <v>63</v>
      </c>
      <c r="M385" s="416" t="s">
        <v>543</v>
      </c>
      <c r="N385" s="416" t="s">
        <v>61</v>
      </c>
      <c r="O385" s="423" t="s">
        <v>2624</v>
      </c>
      <c r="P385" s="424" t="s">
        <v>63</v>
      </c>
      <c r="Q385" s="424" t="s">
        <v>63</v>
      </c>
      <c r="R385" s="425">
        <v>11813175</v>
      </c>
      <c r="S385" s="425">
        <v>11813175</v>
      </c>
      <c r="T385" s="425" t="s">
        <v>2188</v>
      </c>
      <c r="U385" s="425" t="s">
        <v>65</v>
      </c>
      <c r="V385" s="425"/>
      <c r="W385" s="425"/>
      <c r="X385" s="425"/>
      <c r="Y385" s="425"/>
      <c r="Z385" s="425"/>
      <c r="AA385" s="425"/>
      <c r="AB385" s="425"/>
      <c r="AC385" s="425"/>
      <c r="AD385" s="425"/>
      <c r="AE385" s="425"/>
      <c r="AF385" s="425"/>
      <c r="AG385" s="425"/>
      <c r="AH385" s="425"/>
      <c r="AI385" s="425"/>
      <c r="AJ385" s="425"/>
      <c r="AK385" s="425"/>
      <c r="AL385" s="425"/>
      <c r="AM385" s="425"/>
      <c r="AN385" s="425"/>
      <c r="AO385" s="425"/>
      <c r="AP385" s="425"/>
      <c r="AQ385" s="425"/>
      <c r="AR385" s="425"/>
      <c r="AS385" s="425"/>
      <c r="AT385" s="425"/>
      <c r="AU385" s="425"/>
      <c r="AV385" s="425"/>
      <c r="AW385" s="425"/>
      <c r="AX385" s="425"/>
      <c r="AY385" s="425"/>
      <c r="AZ385" s="425"/>
      <c r="BA385" s="425"/>
      <c r="BB385" s="425"/>
      <c r="BC385" s="425"/>
      <c r="BD385" s="425"/>
      <c r="BE385" s="425"/>
      <c r="BF385" s="425"/>
      <c r="BG385" s="425"/>
      <c r="BH385" s="425"/>
      <c r="BI385" s="425"/>
      <c r="BJ385" s="425"/>
      <c r="BK385" s="425"/>
      <c r="BL385" s="425"/>
      <c r="BM385" s="425"/>
      <c r="BN385" s="425"/>
      <c r="BO385" s="425"/>
      <c r="BP385" s="425"/>
      <c r="BQ385" s="425"/>
      <c r="BR385" s="425"/>
      <c r="BS385" s="425"/>
      <c r="BT385" s="425"/>
      <c r="BU385" s="425"/>
      <c r="BV385" s="425"/>
      <c r="BW385" s="425"/>
      <c r="BX385" s="425"/>
      <c r="BY385" s="425"/>
      <c r="BZ385" s="425"/>
      <c r="CA385" s="425"/>
      <c r="CB385" s="425"/>
      <c r="CC385" s="425"/>
      <c r="CD385" s="425"/>
      <c r="CE385" s="425"/>
      <c r="CF385" s="425"/>
      <c r="CG385" s="425"/>
      <c r="CH385" s="425"/>
      <c r="CI385" s="425"/>
      <c r="CJ385" s="425"/>
      <c r="CK385" s="426"/>
      <c r="CL385" s="426"/>
      <c r="CM385" s="426"/>
      <c r="CN385" s="426"/>
      <c r="CO385" s="426"/>
      <c r="CP385" s="426"/>
      <c r="CQ385" s="426"/>
      <c r="CR385" s="426"/>
      <c r="CS385" s="426"/>
      <c r="CT385" s="426"/>
      <c r="CU385" s="426"/>
      <c r="CV385" s="426"/>
      <c r="CW385" s="426"/>
      <c r="CX385" s="426"/>
      <c r="CY385" s="426"/>
      <c r="CZ385" s="426" t="s">
        <v>2190</v>
      </c>
      <c r="DA385" s="426"/>
      <c r="DB385" s="426"/>
      <c r="DC385" s="426"/>
      <c r="DD385" s="426"/>
      <c r="DE385" s="416" t="s">
        <v>2196</v>
      </c>
      <c r="DF385" s="427" t="s">
        <v>2197</v>
      </c>
    </row>
    <row r="386" spans="3:110" ht="56.1" customHeight="1" x14ac:dyDescent="0.2">
      <c r="C386" s="412">
        <v>2</v>
      </c>
      <c r="D386" s="412" t="s">
        <v>2182</v>
      </c>
      <c r="E386" s="422" t="s">
        <v>1385</v>
      </c>
      <c r="F386" s="422" t="s">
        <v>54</v>
      </c>
      <c r="G386" s="416" t="s">
        <v>2498</v>
      </c>
      <c r="H386" s="416" t="s">
        <v>2625</v>
      </c>
      <c r="I386" s="416" t="s">
        <v>2626</v>
      </c>
      <c r="J386" s="416" t="s">
        <v>2257</v>
      </c>
      <c r="K386" s="416" t="s">
        <v>2627</v>
      </c>
      <c r="L386" s="416" t="s">
        <v>63</v>
      </c>
      <c r="M386" s="416" t="s">
        <v>543</v>
      </c>
      <c r="N386" s="416" t="s">
        <v>61</v>
      </c>
      <c r="O386" s="423" t="s">
        <v>2628</v>
      </c>
      <c r="P386" s="424" t="s">
        <v>63</v>
      </c>
      <c r="Q386" s="424" t="s">
        <v>63</v>
      </c>
      <c r="R386" s="425">
        <v>11813175</v>
      </c>
      <c r="S386" s="425">
        <v>11813175</v>
      </c>
      <c r="T386" s="425" t="s">
        <v>2188</v>
      </c>
      <c r="U386" s="425" t="s">
        <v>65</v>
      </c>
      <c r="V386" s="428"/>
      <c r="W386" s="428"/>
      <c r="X386" s="428"/>
      <c r="Y386" s="428"/>
      <c r="Z386" s="428"/>
      <c r="AA386" s="428"/>
      <c r="AB386" s="428"/>
      <c r="AC386" s="428"/>
      <c r="AD386" s="428"/>
      <c r="AE386" s="428"/>
      <c r="AF386" s="428"/>
      <c r="AG386" s="428"/>
      <c r="AH386" s="428"/>
      <c r="AI386" s="428"/>
      <c r="AJ386" s="428"/>
      <c r="AK386" s="428"/>
      <c r="AL386" s="428"/>
      <c r="AM386" s="428"/>
      <c r="AN386" s="428"/>
      <c r="AO386" s="428"/>
      <c r="AP386" s="428"/>
      <c r="AQ386" s="428"/>
      <c r="AR386" s="428"/>
      <c r="AS386" s="428"/>
      <c r="AT386" s="428"/>
      <c r="AU386" s="428"/>
      <c r="AV386" s="428"/>
      <c r="AW386" s="428"/>
      <c r="AX386" s="428"/>
      <c r="AY386" s="428"/>
      <c r="AZ386" s="428"/>
      <c r="BA386" s="428"/>
      <c r="BB386" s="428"/>
      <c r="BC386" s="428"/>
      <c r="BD386" s="428"/>
      <c r="BE386" s="428"/>
      <c r="BF386" s="428"/>
      <c r="BG386" s="428"/>
      <c r="BH386" s="428"/>
      <c r="BI386" s="428"/>
      <c r="BJ386" s="428"/>
      <c r="BK386" s="428"/>
      <c r="BL386" s="428"/>
      <c r="BM386" s="428"/>
      <c r="BN386" s="428"/>
      <c r="BO386" s="428"/>
      <c r="BP386" s="428"/>
      <c r="BQ386" s="428"/>
      <c r="BR386" s="428"/>
      <c r="BS386" s="428"/>
      <c r="BT386" s="428"/>
      <c r="BU386" s="428"/>
      <c r="BV386" s="428"/>
      <c r="BW386" s="428"/>
      <c r="BX386" s="428"/>
      <c r="BY386" s="428"/>
      <c r="BZ386" s="428"/>
      <c r="CA386" s="428"/>
      <c r="CB386" s="428"/>
      <c r="CC386" s="428"/>
      <c r="CD386" s="428"/>
      <c r="CE386" s="428"/>
      <c r="CF386" s="428"/>
      <c r="CG386" s="428"/>
      <c r="CH386" s="414"/>
      <c r="CI386" s="425"/>
      <c r="CJ386" s="425"/>
      <c r="CK386" s="425"/>
      <c r="CL386" s="425"/>
      <c r="CM386" s="425"/>
      <c r="CN386" s="425"/>
      <c r="CO386" s="425"/>
      <c r="CP386" s="425"/>
      <c r="CQ386" s="425"/>
      <c r="CR386" s="425"/>
      <c r="CS386" s="425"/>
      <c r="CT386" s="425"/>
      <c r="CU386" s="425"/>
      <c r="CV386" s="425"/>
      <c r="CW386" s="425"/>
      <c r="CX386" s="425"/>
      <c r="CY386" s="425"/>
      <c r="CZ386" s="425"/>
      <c r="DA386" s="425"/>
      <c r="DB386" s="425"/>
      <c r="DC386" s="425" t="s">
        <v>2190</v>
      </c>
      <c r="DD386" s="425"/>
      <c r="DE386" s="416" t="s">
        <v>2196</v>
      </c>
      <c r="DF386" s="427" t="s">
        <v>2197</v>
      </c>
    </row>
    <row r="387" spans="3:110" ht="56.1" customHeight="1" x14ac:dyDescent="0.2">
      <c r="C387" s="412">
        <v>6</v>
      </c>
      <c r="D387" s="412" t="s">
        <v>2182</v>
      </c>
      <c r="E387" s="422" t="s">
        <v>1385</v>
      </c>
      <c r="F387" s="422" t="s">
        <v>54</v>
      </c>
      <c r="G387" s="416" t="s">
        <v>2498</v>
      </c>
      <c r="H387" s="416" t="s">
        <v>2629</v>
      </c>
      <c r="I387" s="416" t="s">
        <v>2630</v>
      </c>
      <c r="J387" s="416" t="s">
        <v>2257</v>
      </c>
      <c r="K387" s="416" t="s">
        <v>2631</v>
      </c>
      <c r="L387" s="416" t="s">
        <v>2632</v>
      </c>
      <c r="M387" s="416" t="s">
        <v>543</v>
      </c>
      <c r="N387" s="416" t="s">
        <v>61</v>
      </c>
      <c r="O387" s="423" t="s">
        <v>2202</v>
      </c>
      <c r="P387" s="424" t="s">
        <v>63</v>
      </c>
      <c r="Q387" s="424" t="s">
        <v>63</v>
      </c>
      <c r="R387" s="425">
        <v>11813175</v>
      </c>
      <c r="S387" s="425">
        <v>11813175</v>
      </c>
      <c r="T387" s="425" t="s">
        <v>2188</v>
      </c>
      <c r="U387" s="425" t="s">
        <v>65</v>
      </c>
      <c r="V387" s="425"/>
      <c r="W387" s="425"/>
      <c r="X387" s="425"/>
      <c r="Y387" s="425"/>
      <c r="Z387" s="425"/>
      <c r="AA387" s="425"/>
      <c r="AB387" s="425"/>
      <c r="AC387" s="425"/>
      <c r="AD387" s="425"/>
      <c r="AE387" s="425"/>
      <c r="AF387" s="425"/>
      <c r="AG387" s="425"/>
      <c r="AH387" s="425"/>
      <c r="AI387" s="425"/>
      <c r="AJ387" s="425"/>
      <c r="AK387" s="425"/>
      <c r="AL387" s="425"/>
      <c r="AM387" s="425"/>
      <c r="AN387" s="425"/>
      <c r="AO387" s="425"/>
      <c r="AP387" s="425"/>
      <c r="AQ387" s="425"/>
      <c r="AR387" s="425"/>
      <c r="AS387" s="425"/>
      <c r="AT387" s="425"/>
      <c r="AU387" s="425"/>
      <c r="AV387" s="425"/>
      <c r="AW387" s="425"/>
      <c r="AX387" s="425"/>
      <c r="AY387" s="425"/>
      <c r="AZ387" s="425"/>
      <c r="BA387" s="425"/>
      <c r="BB387" s="425"/>
      <c r="BC387" s="425"/>
      <c r="BD387" s="425"/>
      <c r="BE387" s="425"/>
      <c r="BF387" s="425"/>
      <c r="BG387" s="425"/>
      <c r="BH387" s="425"/>
      <c r="BI387" s="425"/>
      <c r="BJ387" s="425"/>
      <c r="BK387" s="425"/>
      <c r="BL387" s="425"/>
      <c r="BM387" s="425"/>
      <c r="BN387" s="425"/>
      <c r="BO387" s="425"/>
      <c r="BP387" s="425"/>
      <c r="BQ387" s="425"/>
      <c r="BR387" s="425"/>
      <c r="BS387" s="425"/>
      <c r="BT387" s="425"/>
      <c r="BU387" s="425"/>
      <c r="BV387" s="425"/>
      <c r="BW387" s="425"/>
      <c r="BX387" s="425"/>
      <c r="BY387" s="425"/>
      <c r="BZ387" s="425"/>
      <c r="CA387" s="425"/>
      <c r="CB387" s="425"/>
      <c r="CC387" s="425"/>
      <c r="CD387" s="425"/>
      <c r="CE387" s="425"/>
      <c r="CF387" s="425"/>
      <c r="CG387" s="425"/>
      <c r="CH387" s="425" t="s">
        <v>2190</v>
      </c>
      <c r="CI387" s="425"/>
      <c r="CJ387" s="425"/>
      <c r="CK387" s="425"/>
      <c r="CL387" s="425"/>
      <c r="CM387" s="425"/>
      <c r="CN387" s="425"/>
      <c r="CO387" s="425"/>
      <c r="CP387" s="425"/>
      <c r="CQ387" s="425"/>
      <c r="CR387" s="425"/>
      <c r="CS387" s="425"/>
      <c r="CT387" s="425"/>
      <c r="CU387" s="425"/>
      <c r="CV387" s="425"/>
      <c r="CW387" s="425"/>
      <c r="CX387" s="425"/>
      <c r="CY387" s="425"/>
      <c r="CZ387" s="425"/>
      <c r="DA387" s="425"/>
      <c r="DB387" s="425"/>
      <c r="DC387" s="425"/>
      <c r="DD387" s="425"/>
      <c r="DE387" s="416" t="s">
        <v>2196</v>
      </c>
      <c r="DF387" s="427" t="s">
        <v>2197</v>
      </c>
    </row>
    <row r="388" spans="3:110" ht="56.1" customHeight="1" x14ac:dyDescent="0.2">
      <c r="C388" s="412">
        <v>7</v>
      </c>
      <c r="D388" s="412" t="s">
        <v>2182</v>
      </c>
      <c r="E388" s="422" t="s">
        <v>1385</v>
      </c>
      <c r="F388" s="422" t="s">
        <v>54</v>
      </c>
      <c r="G388" s="416" t="s">
        <v>2498</v>
      </c>
      <c r="H388" s="416" t="s">
        <v>2633</v>
      </c>
      <c r="I388" s="416" t="s">
        <v>2634</v>
      </c>
      <c r="J388" s="416" t="s">
        <v>2635</v>
      </c>
      <c r="K388" s="416" t="s">
        <v>2636</v>
      </c>
      <c r="L388" s="416" t="s">
        <v>2637</v>
      </c>
      <c r="M388" s="416" t="s">
        <v>543</v>
      </c>
      <c r="N388" s="416" t="s">
        <v>61</v>
      </c>
      <c r="O388" s="423" t="s">
        <v>2195</v>
      </c>
      <c r="P388" s="424" t="s">
        <v>63</v>
      </c>
      <c r="Q388" s="424" t="s">
        <v>63</v>
      </c>
      <c r="R388" s="425">
        <v>11813175</v>
      </c>
      <c r="S388" s="425">
        <v>11813175</v>
      </c>
      <c r="T388" s="425" t="s">
        <v>2188</v>
      </c>
      <c r="U388" s="425" t="s">
        <v>65</v>
      </c>
      <c r="V388" s="425"/>
      <c r="W388" s="425"/>
      <c r="X388" s="425"/>
      <c r="Y388" s="425"/>
      <c r="Z388" s="425"/>
      <c r="AA388" s="425"/>
      <c r="AB388" s="425"/>
      <c r="AC388" s="425"/>
      <c r="AD388" s="425"/>
      <c r="AE388" s="425"/>
      <c r="AF388" s="425"/>
      <c r="AG388" s="425"/>
      <c r="AH388" s="425"/>
      <c r="AI388" s="425"/>
      <c r="AJ388" s="425"/>
      <c r="AK388" s="425"/>
      <c r="AL388" s="425"/>
      <c r="AM388" s="425"/>
      <c r="AN388" s="425"/>
      <c r="AO388" s="425"/>
      <c r="AP388" s="425"/>
      <c r="AQ388" s="425"/>
      <c r="AR388" s="425"/>
      <c r="AS388" s="425"/>
      <c r="AT388" s="425"/>
      <c r="AU388" s="425"/>
      <c r="AV388" s="425"/>
      <c r="AW388" s="425"/>
      <c r="AX388" s="425"/>
      <c r="AY388" s="425"/>
      <c r="AZ388" s="425"/>
      <c r="BA388" s="425"/>
      <c r="BB388" s="425"/>
      <c r="BC388" s="425"/>
      <c r="BD388" s="425"/>
      <c r="BE388" s="425"/>
      <c r="BF388" s="425"/>
      <c r="BG388" s="425"/>
      <c r="BH388" s="425"/>
      <c r="BI388" s="425"/>
      <c r="BJ388" s="425"/>
      <c r="BK388" s="425"/>
      <c r="BL388" s="425"/>
      <c r="BM388" s="425"/>
      <c r="BN388" s="425"/>
      <c r="BO388" s="425"/>
      <c r="BP388" s="425"/>
      <c r="BQ388" s="425"/>
      <c r="BR388" s="425"/>
      <c r="BS388" s="425"/>
      <c r="BT388" s="425"/>
      <c r="BU388" s="425"/>
      <c r="BV388" s="425"/>
      <c r="BW388" s="425"/>
      <c r="BX388" s="425"/>
      <c r="BY388" s="425"/>
      <c r="BZ388" s="425"/>
      <c r="CA388" s="425"/>
      <c r="CB388" s="425"/>
      <c r="CC388" s="425"/>
      <c r="CD388" s="425"/>
      <c r="CE388" s="425"/>
      <c r="CF388" s="425"/>
      <c r="CG388" s="425"/>
      <c r="CH388" s="425" t="s">
        <v>1505</v>
      </c>
      <c r="CI388" s="425" t="s">
        <v>2190</v>
      </c>
      <c r="CJ388" s="425"/>
      <c r="CK388" s="425"/>
      <c r="CL388" s="425"/>
      <c r="CM388" s="425"/>
      <c r="CN388" s="425"/>
      <c r="CO388" s="425"/>
      <c r="CP388" s="425"/>
      <c r="CQ388" s="425"/>
      <c r="CR388" s="425"/>
      <c r="CS388" s="425"/>
      <c r="CT388" s="425"/>
      <c r="CU388" s="425"/>
      <c r="CV388" s="425"/>
      <c r="CW388" s="425"/>
      <c r="CX388" s="425"/>
      <c r="CY388" s="425"/>
      <c r="CZ388" s="425"/>
      <c r="DA388" s="425"/>
      <c r="DB388" s="425"/>
      <c r="DC388" s="425"/>
      <c r="DD388" s="425"/>
      <c r="DE388" s="416" t="s">
        <v>2196</v>
      </c>
      <c r="DF388" s="427" t="s">
        <v>2197</v>
      </c>
    </row>
    <row r="389" spans="3:110" ht="56.1" customHeight="1" x14ac:dyDescent="0.2">
      <c r="C389" s="412">
        <v>8</v>
      </c>
      <c r="D389" s="412" t="s">
        <v>2182</v>
      </c>
      <c r="E389" s="422" t="s">
        <v>1385</v>
      </c>
      <c r="F389" s="422" t="s">
        <v>54</v>
      </c>
      <c r="G389" s="416" t="s">
        <v>2498</v>
      </c>
      <c r="H389" s="416" t="s">
        <v>2638</v>
      </c>
      <c r="I389" s="416" t="s">
        <v>2639</v>
      </c>
      <c r="J389" s="416" t="s">
        <v>2200</v>
      </c>
      <c r="K389" s="416" t="s">
        <v>2186</v>
      </c>
      <c r="L389" s="416" t="s">
        <v>2640</v>
      </c>
      <c r="M389" s="416" t="s">
        <v>543</v>
      </c>
      <c r="N389" s="416" t="s">
        <v>61</v>
      </c>
      <c r="O389" s="423" t="s">
        <v>2195</v>
      </c>
      <c r="P389" s="424" t="s">
        <v>63</v>
      </c>
      <c r="Q389" s="424" t="s">
        <v>63</v>
      </c>
      <c r="R389" s="425">
        <v>11813175</v>
      </c>
      <c r="S389" s="425">
        <v>11813175</v>
      </c>
      <c r="T389" s="425" t="s">
        <v>2188</v>
      </c>
      <c r="U389" s="425" t="s">
        <v>65</v>
      </c>
      <c r="V389" s="425"/>
      <c r="W389" s="425"/>
      <c r="X389" s="425"/>
      <c r="Y389" s="425"/>
      <c r="Z389" s="425"/>
      <c r="AA389" s="425"/>
      <c r="AB389" s="425"/>
      <c r="AC389" s="425"/>
      <c r="AD389" s="425"/>
      <c r="AE389" s="425"/>
      <c r="AF389" s="425"/>
      <c r="AG389" s="425"/>
      <c r="AH389" s="425"/>
      <c r="AI389" s="425"/>
      <c r="AJ389" s="425"/>
      <c r="AK389" s="425"/>
      <c r="AL389" s="425"/>
      <c r="AM389" s="425"/>
      <c r="AN389" s="425"/>
      <c r="AO389" s="425"/>
      <c r="AP389" s="425"/>
      <c r="AQ389" s="425"/>
      <c r="AR389" s="425"/>
      <c r="AS389" s="425"/>
      <c r="AT389" s="425"/>
      <c r="AU389" s="425"/>
      <c r="AV389" s="425"/>
      <c r="AW389" s="425"/>
      <c r="AX389" s="425"/>
      <c r="AY389" s="425"/>
      <c r="AZ389" s="425"/>
      <c r="BA389" s="425"/>
      <c r="BB389" s="425"/>
      <c r="BC389" s="425"/>
      <c r="BD389" s="425"/>
      <c r="BE389" s="425"/>
      <c r="BF389" s="425"/>
      <c r="BG389" s="425"/>
      <c r="BH389" s="425"/>
      <c r="BI389" s="425"/>
      <c r="BJ389" s="425"/>
      <c r="BK389" s="425"/>
      <c r="BL389" s="425"/>
      <c r="BM389" s="425"/>
      <c r="BN389" s="425"/>
      <c r="BO389" s="425"/>
      <c r="BP389" s="425"/>
      <c r="BQ389" s="425"/>
      <c r="BR389" s="425"/>
      <c r="BS389" s="425"/>
      <c r="BT389" s="425"/>
      <c r="BU389" s="425"/>
      <c r="BV389" s="425"/>
      <c r="BW389" s="425"/>
      <c r="BX389" s="425"/>
      <c r="BY389" s="425"/>
      <c r="BZ389" s="425"/>
      <c r="CA389" s="425"/>
      <c r="CB389" s="425"/>
      <c r="CC389" s="425"/>
      <c r="CD389" s="425"/>
      <c r="CE389" s="425"/>
      <c r="CF389" s="425"/>
      <c r="CG389" s="425"/>
      <c r="CH389" s="425"/>
      <c r="CI389" s="425"/>
      <c r="CJ389" s="425" t="s">
        <v>2190</v>
      </c>
      <c r="CK389" s="425"/>
      <c r="CL389" s="425"/>
      <c r="CM389" s="425"/>
      <c r="CN389" s="425"/>
      <c r="CO389" s="425"/>
      <c r="CP389" s="425"/>
      <c r="CQ389" s="425"/>
      <c r="CR389" s="425"/>
      <c r="CS389" s="425"/>
      <c r="CT389" s="425"/>
      <c r="CU389" s="425"/>
      <c r="CV389" s="425"/>
      <c r="CW389" s="425"/>
      <c r="CX389" s="425"/>
      <c r="CY389" s="425"/>
      <c r="CZ389" s="425"/>
      <c r="DA389" s="425"/>
      <c r="DB389" s="425"/>
      <c r="DC389" s="425"/>
      <c r="DD389" s="425"/>
      <c r="DE389" s="416" t="s">
        <v>2196</v>
      </c>
      <c r="DF389" s="427" t="s">
        <v>2197</v>
      </c>
    </row>
    <row r="390" spans="3:110" ht="56.1" customHeight="1" x14ac:dyDescent="0.2">
      <c r="C390" s="412">
        <v>9</v>
      </c>
      <c r="D390" s="412" t="s">
        <v>2182</v>
      </c>
      <c r="E390" s="422" t="s">
        <v>1385</v>
      </c>
      <c r="F390" s="422" t="s">
        <v>54</v>
      </c>
      <c r="G390" s="416" t="s">
        <v>2498</v>
      </c>
      <c r="H390" s="416" t="s">
        <v>2641</v>
      </c>
      <c r="I390" s="416" t="s">
        <v>2642</v>
      </c>
      <c r="J390" s="416" t="s">
        <v>2643</v>
      </c>
      <c r="K390" s="416" t="s">
        <v>2631</v>
      </c>
      <c r="L390" s="416" t="s">
        <v>2644</v>
      </c>
      <c r="M390" s="416" t="s">
        <v>543</v>
      </c>
      <c r="N390" s="416" t="s">
        <v>61</v>
      </c>
      <c r="O390" s="423" t="s">
        <v>2195</v>
      </c>
      <c r="P390" s="424" t="s">
        <v>63</v>
      </c>
      <c r="Q390" s="424" t="s">
        <v>63</v>
      </c>
      <c r="R390" s="425">
        <v>11813175</v>
      </c>
      <c r="S390" s="425">
        <v>11813175</v>
      </c>
      <c r="T390" s="425" t="s">
        <v>2188</v>
      </c>
      <c r="U390" s="425" t="s">
        <v>65</v>
      </c>
      <c r="V390" s="425"/>
      <c r="W390" s="425"/>
      <c r="X390" s="425"/>
      <c r="Y390" s="425"/>
      <c r="Z390" s="425"/>
      <c r="AA390" s="425"/>
      <c r="AB390" s="425"/>
      <c r="AC390" s="425"/>
      <c r="AD390" s="425"/>
      <c r="AE390" s="425"/>
      <c r="AF390" s="425"/>
      <c r="AG390" s="425"/>
      <c r="AH390" s="425"/>
      <c r="AI390" s="425"/>
      <c r="AJ390" s="425"/>
      <c r="AK390" s="425"/>
      <c r="AL390" s="425"/>
      <c r="AM390" s="425"/>
      <c r="AN390" s="425"/>
      <c r="AO390" s="425"/>
      <c r="AP390" s="425"/>
      <c r="AQ390" s="425"/>
      <c r="AR390" s="425"/>
      <c r="AS390" s="425"/>
      <c r="AT390" s="425"/>
      <c r="AU390" s="425"/>
      <c r="AV390" s="425"/>
      <c r="AW390" s="425"/>
      <c r="AX390" s="425"/>
      <c r="AY390" s="425"/>
      <c r="AZ390" s="425"/>
      <c r="BA390" s="425"/>
      <c r="BB390" s="425"/>
      <c r="BC390" s="425"/>
      <c r="BD390" s="425"/>
      <c r="BE390" s="425"/>
      <c r="BF390" s="425"/>
      <c r="BG390" s="425"/>
      <c r="BH390" s="425"/>
      <c r="BI390" s="425"/>
      <c r="BJ390" s="425"/>
      <c r="BK390" s="425"/>
      <c r="BL390" s="425"/>
      <c r="BM390" s="425"/>
      <c r="BN390" s="425"/>
      <c r="BO390" s="425"/>
      <c r="BP390" s="425"/>
      <c r="BQ390" s="425"/>
      <c r="BR390" s="425"/>
      <c r="BS390" s="425"/>
      <c r="BT390" s="425"/>
      <c r="BU390" s="425"/>
      <c r="BV390" s="425"/>
      <c r="BW390" s="425"/>
      <c r="BX390" s="425"/>
      <c r="BY390" s="425"/>
      <c r="BZ390" s="425"/>
      <c r="CA390" s="425"/>
      <c r="CB390" s="425"/>
      <c r="CC390" s="425"/>
      <c r="CD390" s="425"/>
      <c r="CE390" s="425"/>
      <c r="CF390" s="425"/>
      <c r="CG390" s="425"/>
      <c r="CH390" s="425"/>
      <c r="CI390" s="425"/>
      <c r="CJ390" s="425"/>
      <c r="CK390" s="425" t="s">
        <v>2190</v>
      </c>
      <c r="CL390" s="425"/>
      <c r="CM390" s="425"/>
      <c r="CN390" s="425"/>
      <c r="CO390" s="425"/>
      <c r="CP390" s="425"/>
      <c r="CQ390" s="425"/>
      <c r="CR390" s="425"/>
      <c r="CS390" s="425"/>
      <c r="CT390" s="425"/>
      <c r="CU390" s="425"/>
      <c r="CV390" s="425"/>
      <c r="CW390" s="425"/>
      <c r="CX390" s="425"/>
      <c r="CY390" s="425"/>
      <c r="CZ390" s="425"/>
      <c r="DA390" s="425"/>
      <c r="DB390" s="425"/>
      <c r="DC390" s="425"/>
      <c r="DD390" s="425"/>
      <c r="DE390" s="416" t="s">
        <v>2196</v>
      </c>
      <c r="DF390" s="427" t="s">
        <v>2197</v>
      </c>
    </row>
    <row r="391" spans="3:110" ht="56.1" customHeight="1" x14ac:dyDescent="0.2">
      <c r="C391" s="412">
        <v>11</v>
      </c>
      <c r="D391" s="412" t="s">
        <v>2182</v>
      </c>
      <c r="E391" s="422" t="s">
        <v>1385</v>
      </c>
      <c r="F391" s="422" t="s">
        <v>54</v>
      </c>
      <c r="G391" s="416" t="s">
        <v>2499</v>
      </c>
      <c r="H391" s="416" t="s">
        <v>2645</v>
      </c>
      <c r="I391" s="416" t="s">
        <v>2646</v>
      </c>
      <c r="J391" s="416" t="s">
        <v>2643</v>
      </c>
      <c r="K391" s="416" t="s">
        <v>2631</v>
      </c>
      <c r="L391" s="416" t="s">
        <v>2644</v>
      </c>
      <c r="M391" s="416" t="s">
        <v>543</v>
      </c>
      <c r="N391" s="416" t="s">
        <v>61</v>
      </c>
      <c r="O391" s="423" t="s">
        <v>2202</v>
      </c>
      <c r="P391" s="424" t="s">
        <v>63</v>
      </c>
      <c r="Q391" s="424" t="s">
        <v>63</v>
      </c>
      <c r="R391" s="425">
        <v>48849715</v>
      </c>
      <c r="S391" s="425">
        <v>48849715</v>
      </c>
      <c r="T391" s="425" t="s">
        <v>2188</v>
      </c>
      <c r="U391" s="425" t="s">
        <v>65</v>
      </c>
      <c r="V391" s="425"/>
      <c r="W391" s="425"/>
      <c r="X391" s="425"/>
      <c r="Y391" s="425"/>
      <c r="Z391" s="425"/>
      <c r="AA391" s="425"/>
      <c r="AB391" s="425"/>
      <c r="AC391" s="425"/>
      <c r="AD391" s="425"/>
      <c r="AE391" s="425"/>
      <c r="AF391" s="425"/>
      <c r="AG391" s="425"/>
      <c r="AH391" s="425"/>
      <c r="AI391" s="425"/>
      <c r="AJ391" s="425"/>
      <c r="AK391" s="425"/>
      <c r="AL391" s="425"/>
      <c r="AM391" s="425"/>
      <c r="AN391" s="425"/>
      <c r="AO391" s="425"/>
      <c r="AP391" s="425"/>
      <c r="AQ391" s="425"/>
      <c r="AR391" s="425"/>
      <c r="AS391" s="425"/>
      <c r="AT391" s="425"/>
      <c r="AU391" s="425"/>
      <c r="AV391" s="425"/>
      <c r="AW391" s="425"/>
      <c r="AX391" s="425"/>
      <c r="AY391" s="425"/>
      <c r="AZ391" s="425"/>
      <c r="BA391" s="425"/>
      <c r="BB391" s="425"/>
      <c r="BC391" s="425"/>
      <c r="BD391" s="425"/>
      <c r="BE391" s="425"/>
      <c r="BF391" s="425"/>
      <c r="BG391" s="425"/>
      <c r="BH391" s="425"/>
      <c r="BI391" s="425"/>
      <c r="BJ391" s="425"/>
      <c r="BK391" s="425"/>
      <c r="BL391" s="425"/>
      <c r="BM391" s="425"/>
      <c r="BN391" s="425"/>
      <c r="BO391" s="425"/>
      <c r="BP391" s="425"/>
      <c r="BQ391" s="425"/>
      <c r="BR391" s="425"/>
      <c r="BS391" s="425"/>
      <c r="BT391" s="425"/>
      <c r="BU391" s="425"/>
      <c r="BV391" s="425"/>
      <c r="BW391" s="425"/>
      <c r="BX391" s="425"/>
      <c r="BY391" s="425"/>
      <c r="BZ391" s="425"/>
      <c r="CA391" s="425"/>
      <c r="CB391" s="425"/>
      <c r="CC391" s="425"/>
      <c r="CD391" s="425"/>
      <c r="CE391" s="425"/>
      <c r="CF391" s="425"/>
      <c r="CG391" s="425"/>
      <c r="CH391" s="425" t="s">
        <v>2190</v>
      </c>
      <c r="CI391" s="425" t="s">
        <v>2190</v>
      </c>
      <c r="CJ391" s="425" t="s">
        <v>2190</v>
      </c>
      <c r="CK391" s="425" t="s">
        <v>2190</v>
      </c>
      <c r="CL391" s="425" t="s">
        <v>2190</v>
      </c>
      <c r="CM391" s="425" t="s">
        <v>2190</v>
      </c>
      <c r="CN391" s="425" t="s">
        <v>2190</v>
      </c>
      <c r="CO391" s="425" t="s">
        <v>2190</v>
      </c>
      <c r="CP391" s="425" t="s">
        <v>2190</v>
      </c>
      <c r="CQ391" s="425" t="s">
        <v>2190</v>
      </c>
      <c r="CR391" s="425" t="s">
        <v>2190</v>
      </c>
      <c r="CS391" s="425"/>
      <c r="CT391" s="425" t="s">
        <v>2190</v>
      </c>
      <c r="CU391" s="425" t="s">
        <v>2190</v>
      </c>
      <c r="CV391" s="425" t="s">
        <v>2190</v>
      </c>
      <c r="CW391" s="425" t="s">
        <v>2190</v>
      </c>
      <c r="CX391" s="425" t="s">
        <v>2190</v>
      </c>
      <c r="CY391" s="425" t="s">
        <v>2190</v>
      </c>
      <c r="CZ391" s="425" t="s">
        <v>2190</v>
      </c>
      <c r="DA391" s="425" t="s">
        <v>2190</v>
      </c>
      <c r="DB391" s="425" t="s">
        <v>2190</v>
      </c>
      <c r="DC391" s="425" t="s">
        <v>2190</v>
      </c>
      <c r="DD391" s="425"/>
      <c r="DE391" s="416" t="s">
        <v>2196</v>
      </c>
      <c r="DF391" s="427" t="s">
        <v>2197</v>
      </c>
    </row>
    <row r="392" spans="3:110" ht="56.1" customHeight="1" x14ac:dyDescent="0.2">
      <c r="C392" s="412">
        <v>12</v>
      </c>
      <c r="D392" s="412" t="s">
        <v>2182</v>
      </c>
      <c r="E392" s="422" t="s">
        <v>1385</v>
      </c>
      <c r="F392" s="422" t="s">
        <v>54</v>
      </c>
      <c r="G392" s="416" t="s">
        <v>2499</v>
      </c>
      <c r="H392" s="416" t="s">
        <v>2647</v>
      </c>
      <c r="I392" s="416" t="s">
        <v>2648</v>
      </c>
      <c r="J392" s="416" t="s">
        <v>2264</v>
      </c>
      <c r="K392" s="416" t="s">
        <v>2264</v>
      </c>
      <c r="L392" s="416" t="s">
        <v>2265</v>
      </c>
      <c r="M392" s="416" t="s">
        <v>543</v>
      </c>
      <c r="N392" s="416" t="s">
        <v>61</v>
      </c>
      <c r="O392" s="423" t="s">
        <v>2628</v>
      </c>
      <c r="P392" s="424" t="s">
        <v>63</v>
      </c>
      <c r="Q392" s="424" t="s">
        <v>63</v>
      </c>
      <c r="R392" s="425">
        <v>48849715</v>
      </c>
      <c r="S392" s="425">
        <v>48849715</v>
      </c>
      <c r="T392" s="425" t="s">
        <v>2188</v>
      </c>
      <c r="U392" s="425" t="s">
        <v>65</v>
      </c>
      <c r="V392" s="425"/>
      <c r="W392" s="425"/>
      <c r="X392" s="425"/>
      <c r="Y392" s="425"/>
      <c r="Z392" s="425"/>
      <c r="AA392" s="425"/>
      <c r="AB392" s="425"/>
      <c r="AC392" s="425"/>
      <c r="AD392" s="425"/>
      <c r="AE392" s="425"/>
      <c r="AF392" s="425"/>
      <c r="AG392" s="425"/>
      <c r="AH392" s="425"/>
      <c r="AI392" s="425"/>
      <c r="AJ392" s="425"/>
      <c r="AK392" s="425"/>
      <c r="AL392" s="425"/>
      <c r="AM392" s="425"/>
      <c r="AN392" s="425"/>
      <c r="AO392" s="425"/>
      <c r="AP392" s="425"/>
      <c r="AQ392" s="425"/>
      <c r="AR392" s="425"/>
      <c r="AS392" s="425"/>
      <c r="AT392" s="425"/>
      <c r="AU392" s="425"/>
      <c r="AV392" s="425"/>
      <c r="AW392" s="425"/>
      <c r="AX392" s="425"/>
      <c r="AY392" s="425"/>
      <c r="AZ392" s="425"/>
      <c r="BA392" s="425"/>
      <c r="BB392" s="425"/>
      <c r="BC392" s="425"/>
      <c r="BD392" s="425"/>
      <c r="BE392" s="425"/>
      <c r="BF392" s="425"/>
      <c r="BG392" s="425"/>
      <c r="BH392" s="425"/>
      <c r="BI392" s="425"/>
      <c r="BJ392" s="425"/>
      <c r="BK392" s="425"/>
      <c r="BL392" s="425"/>
      <c r="BM392" s="425"/>
      <c r="BN392" s="425"/>
      <c r="BO392" s="425"/>
      <c r="BP392" s="425"/>
      <c r="BQ392" s="425"/>
      <c r="BR392" s="425"/>
      <c r="BS392" s="425"/>
      <c r="BT392" s="425"/>
      <c r="BU392" s="425"/>
      <c r="BV392" s="425"/>
      <c r="BW392" s="425"/>
      <c r="BX392" s="425"/>
      <c r="BY392" s="425"/>
      <c r="BZ392" s="425"/>
      <c r="CA392" s="425"/>
      <c r="CB392" s="425"/>
      <c r="CC392" s="425"/>
      <c r="CD392" s="425"/>
      <c r="CE392" s="425"/>
      <c r="CF392" s="425"/>
      <c r="CG392" s="425"/>
      <c r="CH392" s="425"/>
      <c r="CI392" s="425"/>
      <c r="CJ392" s="425"/>
      <c r="CK392" s="425"/>
      <c r="CL392" s="425"/>
      <c r="CM392" s="425" t="s">
        <v>2190</v>
      </c>
      <c r="CN392" s="425"/>
      <c r="CO392" s="425"/>
      <c r="CP392" s="425"/>
      <c r="CQ392" s="425"/>
      <c r="CR392" s="425"/>
      <c r="CS392" s="425"/>
      <c r="CT392" s="425"/>
      <c r="CU392" s="425"/>
      <c r="CV392" s="425"/>
      <c r="CW392" s="425"/>
      <c r="CX392" s="425"/>
      <c r="CY392" s="425"/>
      <c r="CZ392" s="425"/>
      <c r="DA392" s="425"/>
      <c r="DB392" s="425"/>
      <c r="DC392" s="425"/>
      <c r="DD392" s="425"/>
      <c r="DE392" s="416" t="s">
        <v>2196</v>
      </c>
      <c r="DF392" s="427" t="s">
        <v>2197</v>
      </c>
    </row>
    <row r="393" spans="3:110" ht="56.1" customHeight="1" x14ac:dyDescent="0.2">
      <c r="C393" s="412">
        <v>14</v>
      </c>
      <c r="D393" s="412" t="s">
        <v>2182</v>
      </c>
      <c r="E393" s="422" t="s">
        <v>1385</v>
      </c>
      <c r="F393" s="422" t="s">
        <v>54</v>
      </c>
      <c r="G393" s="416" t="s">
        <v>2499</v>
      </c>
      <c r="H393" s="416" t="s">
        <v>2649</v>
      </c>
      <c r="I393" s="429" t="s">
        <v>2650</v>
      </c>
      <c r="J393" s="416" t="s">
        <v>2635</v>
      </c>
      <c r="K393" s="416" t="s">
        <v>2636</v>
      </c>
      <c r="L393" s="416" t="s">
        <v>63</v>
      </c>
      <c r="M393" s="416" t="s">
        <v>60</v>
      </c>
      <c r="N393" s="416" t="s">
        <v>61</v>
      </c>
      <c r="O393" s="423" t="s">
        <v>2195</v>
      </c>
      <c r="P393" s="425" t="s">
        <v>63</v>
      </c>
      <c r="Q393" s="425" t="s">
        <v>63</v>
      </c>
      <c r="R393" s="425">
        <v>11612621</v>
      </c>
      <c r="S393" s="425">
        <v>11612621</v>
      </c>
      <c r="T393" s="425" t="s">
        <v>2188</v>
      </c>
      <c r="U393" s="425" t="s">
        <v>65</v>
      </c>
      <c r="V393" s="425"/>
      <c r="W393" s="425"/>
      <c r="X393" s="425"/>
      <c r="Y393" s="425"/>
      <c r="Z393" s="425"/>
      <c r="AA393" s="425"/>
      <c r="AB393" s="425"/>
      <c r="AC393" s="425"/>
      <c r="AD393" s="425"/>
      <c r="AE393" s="425"/>
      <c r="AF393" s="425"/>
      <c r="AG393" s="425"/>
      <c r="AH393" s="425"/>
      <c r="AI393" s="425"/>
      <c r="AJ393" s="425"/>
      <c r="AK393" s="425"/>
      <c r="AL393" s="425"/>
      <c r="AM393" s="425"/>
      <c r="AN393" s="425"/>
      <c r="AO393" s="425"/>
      <c r="AP393" s="425"/>
      <c r="AQ393" s="425"/>
      <c r="AR393" s="425"/>
      <c r="AS393" s="425"/>
      <c r="AT393" s="425"/>
      <c r="AU393" s="425"/>
      <c r="AV393" s="425"/>
      <c r="AW393" s="425"/>
      <c r="AX393" s="425"/>
      <c r="AY393" s="425"/>
      <c r="AZ393" s="425"/>
      <c r="BA393" s="425"/>
      <c r="BB393" s="425"/>
      <c r="BC393" s="425"/>
      <c r="BD393" s="425"/>
      <c r="BE393" s="425"/>
      <c r="BF393" s="425"/>
      <c r="BG393" s="425"/>
      <c r="BH393" s="425"/>
      <c r="BI393" s="425"/>
      <c r="BJ393" s="425"/>
      <c r="BK393" s="425"/>
      <c r="BL393" s="425"/>
      <c r="BM393" s="425"/>
      <c r="BN393" s="425"/>
      <c r="BO393" s="425"/>
      <c r="BP393" s="425"/>
      <c r="BQ393" s="425"/>
      <c r="BR393" s="425"/>
      <c r="BS393" s="425"/>
      <c r="BT393" s="425"/>
      <c r="BU393" s="425"/>
      <c r="BV393" s="425"/>
      <c r="BW393" s="425"/>
      <c r="BX393" s="425"/>
      <c r="BY393" s="425"/>
      <c r="BZ393" s="425"/>
      <c r="CA393" s="425"/>
      <c r="CB393" s="425"/>
      <c r="CC393" s="425"/>
      <c r="CD393" s="425"/>
      <c r="CE393" s="425"/>
      <c r="CF393" s="425"/>
      <c r="CG393" s="425"/>
      <c r="CH393" s="425"/>
      <c r="CI393" s="425" t="s">
        <v>2190</v>
      </c>
      <c r="CJ393" s="425"/>
      <c r="CK393" s="425"/>
      <c r="CL393" s="425"/>
      <c r="CM393" s="425"/>
      <c r="CN393" s="425" t="s">
        <v>2190</v>
      </c>
      <c r="CO393" s="425"/>
      <c r="CP393" s="425"/>
      <c r="CQ393" s="425"/>
      <c r="CR393" s="425"/>
      <c r="CS393" s="425"/>
      <c r="CT393" s="425"/>
      <c r="CU393" s="425" t="s">
        <v>2190</v>
      </c>
      <c r="CV393" s="425"/>
      <c r="CW393" s="425"/>
      <c r="CX393" s="425"/>
      <c r="CY393" s="425"/>
      <c r="CZ393" s="425"/>
      <c r="DA393" s="425"/>
      <c r="DB393" s="425"/>
      <c r="DC393" s="425"/>
      <c r="DD393" s="425"/>
      <c r="DE393" s="416" t="s">
        <v>2196</v>
      </c>
      <c r="DF393" s="427" t="s">
        <v>2197</v>
      </c>
    </row>
    <row r="394" spans="3:110" ht="56.1" customHeight="1" x14ac:dyDescent="0.2">
      <c r="C394" s="412">
        <v>15</v>
      </c>
      <c r="D394" s="412" t="s">
        <v>2182</v>
      </c>
      <c r="E394" s="422" t="s">
        <v>1385</v>
      </c>
      <c r="F394" s="422" t="s">
        <v>54</v>
      </c>
      <c r="G394" s="416" t="s">
        <v>2499</v>
      </c>
      <c r="H394" s="416" t="s">
        <v>2651</v>
      </c>
      <c r="I394" s="429" t="s">
        <v>2652</v>
      </c>
      <c r="J394" s="416" t="s">
        <v>2635</v>
      </c>
      <c r="K394" s="416" t="s">
        <v>2636</v>
      </c>
      <c r="L394" s="416" t="s">
        <v>63</v>
      </c>
      <c r="M394" s="416" t="s">
        <v>60</v>
      </c>
      <c r="N394" s="416" t="s">
        <v>61</v>
      </c>
      <c r="O394" s="423" t="s">
        <v>2202</v>
      </c>
      <c r="P394" s="425" t="s">
        <v>63</v>
      </c>
      <c r="Q394" s="425" t="s">
        <v>63</v>
      </c>
      <c r="R394" s="425">
        <v>2903155</v>
      </c>
      <c r="S394" s="425">
        <v>2903155</v>
      </c>
      <c r="T394" s="425" t="s">
        <v>2188</v>
      </c>
      <c r="U394" s="425" t="s">
        <v>65</v>
      </c>
      <c r="V394" s="425"/>
      <c r="W394" s="425"/>
      <c r="X394" s="425"/>
      <c r="Y394" s="425"/>
      <c r="Z394" s="425"/>
      <c r="AA394" s="425"/>
      <c r="AB394" s="425"/>
      <c r="AC394" s="425"/>
      <c r="AD394" s="425"/>
      <c r="AE394" s="425"/>
      <c r="AF394" s="425"/>
      <c r="AG394" s="425"/>
      <c r="AH394" s="425"/>
      <c r="AI394" s="425"/>
      <c r="AJ394" s="425"/>
      <c r="AK394" s="425"/>
      <c r="AL394" s="425"/>
      <c r="AM394" s="425"/>
      <c r="AN394" s="425"/>
      <c r="AO394" s="425"/>
      <c r="AP394" s="425"/>
      <c r="AQ394" s="425"/>
      <c r="AR394" s="425"/>
      <c r="AS394" s="425"/>
      <c r="AT394" s="425"/>
      <c r="AU394" s="425"/>
      <c r="AV394" s="425"/>
      <c r="AW394" s="425"/>
      <c r="AX394" s="425"/>
      <c r="AY394" s="425"/>
      <c r="AZ394" s="425"/>
      <c r="BA394" s="425"/>
      <c r="BB394" s="425"/>
      <c r="BC394" s="425"/>
      <c r="BD394" s="425"/>
      <c r="BE394" s="425"/>
      <c r="BF394" s="425"/>
      <c r="BG394" s="425"/>
      <c r="BH394" s="425"/>
      <c r="BI394" s="425"/>
      <c r="BJ394" s="425"/>
      <c r="BK394" s="425"/>
      <c r="BL394" s="425"/>
      <c r="BM394" s="425"/>
      <c r="BN394" s="425"/>
      <c r="BO394" s="425"/>
      <c r="BP394" s="425"/>
      <c r="BQ394" s="425"/>
      <c r="BR394" s="425"/>
      <c r="BS394" s="425"/>
      <c r="BT394" s="425"/>
      <c r="BU394" s="425"/>
      <c r="BV394" s="425"/>
      <c r="BW394" s="425"/>
      <c r="BX394" s="425"/>
      <c r="BY394" s="425"/>
      <c r="BZ394" s="425"/>
      <c r="CA394" s="425"/>
      <c r="CB394" s="425"/>
      <c r="CC394" s="425"/>
      <c r="CD394" s="425"/>
      <c r="CE394" s="425"/>
      <c r="CF394" s="425"/>
      <c r="CG394" s="425"/>
      <c r="CH394" s="425"/>
      <c r="CI394" s="425" t="s">
        <v>2190</v>
      </c>
      <c r="CJ394" s="425"/>
      <c r="CK394" s="425"/>
      <c r="CL394" s="425"/>
      <c r="CM394" s="425"/>
      <c r="CN394" s="425" t="s">
        <v>2190</v>
      </c>
      <c r="CO394" s="425"/>
      <c r="CP394" s="425"/>
      <c r="CQ394" s="425"/>
      <c r="CR394" s="425"/>
      <c r="CS394" s="425"/>
      <c r="CT394" s="425"/>
      <c r="CU394" s="425" t="s">
        <v>2190</v>
      </c>
      <c r="CV394" s="425"/>
      <c r="CW394" s="425"/>
      <c r="CX394" s="425"/>
      <c r="CY394" s="425"/>
      <c r="CZ394" s="425"/>
      <c r="DA394" s="425"/>
      <c r="DB394" s="425"/>
      <c r="DC394" s="425"/>
      <c r="DD394" s="425"/>
      <c r="DE394" s="416" t="s">
        <v>2196</v>
      </c>
      <c r="DF394" s="427" t="s">
        <v>2197</v>
      </c>
    </row>
    <row r="395" spans="3:110" ht="56.1" customHeight="1" x14ac:dyDescent="0.2">
      <c r="C395" s="412">
        <v>16</v>
      </c>
      <c r="D395" s="412" t="s">
        <v>2182</v>
      </c>
      <c r="E395" s="422" t="s">
        <v>1385</v>
      </c>
      <c r="F395" s="422" t="s">
        <v>54</v>
      </c>
      <c r="G395" s="416" t="s">
        <v>2499</v>
      </c>
      <c r="H395" s="416" t="s">
        <v>2653</v>
      </c>
      <c r="I395" s="429" t="s">
        <v>2654</v>
      </c>
      <c r="J395" s="416" t="s">
        <v>2635</v>
      </c>
      <c r="K395" s="416" t="s">
        <v>2636</v>
      </c>
      <c r="L395" s="416" t="s">
        <v>63</v>
      </c>
      <c r="M395" s="416" t="s">
        <v>60</v>
      </c>
      <c r="N395" s="416" t="s">
        <v>61</v>
      </c>
      <c r="O395" s="423" t="s">
        <v>2202</v>
      </c>
      <c r="P395" s="425" t="s">
        <v>63</v>
      </c>
      <c r="Q395" s="425" t="s">
        <v>63</v>
      </c>
      <c r="R395" s="425">
        <v>5806310</v>
      </c>
      <c r="S395" s="425">
        <v>5806310</v>
      </c>
      <c r="T395" s="425" t="s">
        <v>2188</v>
      </c>
      <c r="U395" s="425" t="s">
        <v>65</v>
      </c>
      <c r="V395" s="425"/>
      <c r="W395" s="425"/>
      <c r="X395" s="425"/>
      <c r="Y395" s="425"/>
      <c r="Z395" s="425"/>
      <c r="AA395" s="425"/>
      <c r="AB395" s="425"/>
      <c r="AC395" s="425"/>
      <c r="AD395" s="425"/>
      <c r="AE395" s="425"/>
      <c r="AF395" s="425"/>
      <c r="AG395" s="425"/>
      <c r="AH395" s="425"/>
      <c r="AI395" s="425"/>
      <c r="AJ395" s="425"/>
      <c r="AK395" s="425"/>
      <c r="AL395" s="425"/>
      <c r="AM395" s="425"/>
      <c r="AN395" s="425"/>
      <c r="AO395" s="425"/>
      <c r="AP395" s="425"/>
      <c r="AQ395" s="425"/>
      <c r="AR395" s="425"/>
      <c r="AS395" s="425"/>
      <c r="AT395" s="425"/>
      <c r="AU395" s="425"/>
      <c r="AV395" s="425"/>
      <c r="AW395" s="425"/>
      <c r="AX395" s="425"/>
      <c r="AY395" s="425"/>
      <c r="AZ395" s="425"/>
      <c r="BA395" s="425"/>
      <c r="BB395" s="425"/>
      <c r="BC395" s="425"/>
      <c r="BD395" s="425"/>
      <c r="BE395" s="425"/>
      <c r="BF395" s="425"/>
      <c r="BG395" s="425"/>
      <c r="BH395" s="425"/>
      <c r="BI395" s="425"/>
      <c r="BJ395" s="425"/>
      <c r="BK395" s="425"/>
      <c r="BL395" s="425"/>
      <c r="BM395" s="425"/>
      <c r="BN395" s="425"/>
      <c r="BO395" s="425"/>
      <c r="BP395" s="425"/>
      <c r="BQ395" s="425"/>
      <c r="BR395" s="425"/>
      <c r="BS395" s="425"/>
      <c r="BT395" s="425"/>
      <c r="BU395" s="425"/>
      <c r="BV395" s="425"/>
      <c r="BW395" s="425"/>
      <c r="BX395" s="425"/>
      <c r="BY395" s="425"/>
      <c r="BZ395" s="425"/>
      <c r="CA395" s="425"/>
      <c r="CB395" s="425"/>
      <c r="CC395" s="425"/>
      <c r="CD395" s="425"/>
      <c r="CE395" s="425"/>
      <c r="CF395" s="425"/>
      <c r="CG395" s="425"/>
      <c r="CH395" s="425"/>
      <c r="CI395" s="425" t="s">
        <v>2190</v>
      </c>
      <c r="CJ395" s="425"/>
      <c r="CK395" s="425"/>
      <c r="CL395" s="425"/>
      <c r="CM395" s="425"/>
      <c r="CN395" s="425" t="s">
        <v>2190</v>
      </c>
      <c r="CO395" s="425"/>
      <c r="CP395" s="425"/>
      <c r="CQ395" s="425"/>
      <c r="CR395" s="425"/>
      <c r="CS395" s="425"/>
      <c r="CT395" s="425"/>
      <c r="CU395" s="425" t="s">
        <v>2190</v>
      </c>
      <c r="CV395" s="425"/>
      <c r="CW395" s="425"/>
      <c r="CX395" s="425"/>
      <c r="CY395" s="425"/>
      <c r="CZ395" s="425"/>
      <c r="DA395" s="425"/>
      <c r="DB395" s="425"/>
      <c r="DC395" s="425"/>
      <c r="DD395" s="425"/>
      <c r="DE395" s="416" t="s">
        <v>2196</v>
      </c>
      <c r="DF395" s="427" t="s">
        <v>2197</v>
      </c>
    </row>
    <row r="396" spans="3:110" ht="56.1" customHeight="1" x14ac:dyDescent="0.2">
      <c r="C396" s="415">
        <v>17</v>
      </c>
      <c r="D396" s="412" t="s">
        <v>2182</v>
      </c>
      <c r="E396" s="430" t="s">
        <v>1385</v>
      </c>
      <c r="F396" s="430" t="s">
        <v>54</v>
      </c>
      <c r="G396" s="417" t="s">
        <v>1330</v>
      </c>
      <c r="H396" s="417" t="s">
        <v>120</v>
      </c>
      <c r="I396" s="431" t="s">
        <v>121</v>
      </c>
      <c r="J396" s="417" t="s">
        <v>253</v>
      </c>
      <c r="K396" s="417" t="s">
        <v>2217</v>
      </c>
      <c r="L396" s="417" t="s">
        <v>63</v>
      </c>
      <c r="M396" s="417" t="s">
        <v>81</v>
      </c>
      <c r="N396" s="417" t="s">
        <v>61</v>
      </c>
      <c r="O396" s="432" t="s">
        <v>2195</v>
      </c>
      <c r="P396" s="433" t="s">
        <v>63</v>
      </c>
      <c r="Q396" s="433" t="s">
        <v>63</v>
      </c>
      <c r="R396" s="434">
        <v>120000</v>
      </c>
      <c r="S396" s="434">
        <v>120000</v>
      </c>
      <c r="T396" s="434" t="s">
        <v>2188</v>
      </c>
      <c r="U396" s="434" t="s">
        <v>65</v>
      </c>
      <c r="V396" s="434"/>
      <c r="W396" s="434"/>
      <c r="X396" s="434"/>
      <c r="Y396" s="434"/>
      <c r="Z396" s="434"/>
      <c r="AA396" s="434"/>
      <c r="AB396" s="434"/>
      <c r="AC396" s="434"/>
      <c r="AD396" s="434"/>
      <c r="AE396" s="434"/>
      <c r="AF396" s="434"/>
      <c r="AG396" s="434"/>
      <c r="AH396" s="434"/>
      <c r="AI396" s="434"/>
      <c r="AJ396" s="434"/>
      <c r="AK396" s="434"/>
      <c r="AL396" s="434"/>
      <c r="AM396" s="434"/>
      <c r="AN396" s="434"/>
      <c r="AO396" s="434"/>
      <c r="AP396" s="434"/>
      <c r="AQ396" s="434"/>
      <c r="AR396" s="434"/>
      <c r="AS396" s="434"/>
      <c r="AT396" s="434"/>
      <c r="AU396" s="434"/>
      <c r="AV396" s="434"/>
      <c r="AW396" s="434"/>
      <c r="AX396" s="434"/>
      <c r="AY396" s="434"/>
      <c r="AZ396" s="434"/>
      <c r="BA396" s="434"/>
      <c r="BB396" s="434"/>
      <c r="BC396" s="434"/>
      <c r="BD396" s="434"/>
      <c r="BE396" s="434"/>
      <c r="BF396" s="434"/>
      <c r="BG396" s="434"/>
      <c r="BH396" s="434"/>
      <c r="BI396" s="434"/>
      <c r="BJ396" s="434"/>
      <c r="BK396" s="434"/>
      <c r="BL396" s="434"/>
      <c r="BM396" s="434"/>
      <c r="BN396" s="434"/>
      <c r="BO396" s="434"/>
      <c r="BP396" s="434"/>
      <c r="BQ396" s="434"/>
      <c r="BR396" s="434"/>
      <c r="BS396" s="434"/>
      <c r="BT396" s="434"/>
      <c r="BU396" s="434"/>
      <c r="BV396" s="434"/>
      <c r="BW396" s="434"/>
      <c r="BX396" s="434"/>
      <c r="BY396" s="434"/>
      <c r="BZ396" s="434"/>
      <c r="CA396" s="434"/>
      <c r="CB396" s="434"/>
      <c r="CC396" s="434"/>
      <c r="CD396" s="434"/>
      <c r="CE396" s="434"/>
      <c r="CF396" s="434"/>
      <c r="CG396" s="434"/>
      <c r="CH396" s="434"/>
      <c r="CI396" s="434"/>
      <c r="CJ396" s="434"/>
      <c r="CK396" s="434"/>
      <c r="CL396" s="434"/>
      <c r="CM396" s="434"/>
      <c r="CN396" s="434"/>
      <c r="CO396" s="434"/>
      <c r="CP396" s="434"/>
      <c r="CQ396" s="434"/>
      <c r="CR396" s="434"/>
      <c r="CS396" s="434"/>
      <c r="CT396" s="434"/>
      <c r="CU396" s="434"/>
      <c r="CV396" s="434"/>
      <c r="CW396" s="434"/>
      <c r="CX396" s="434"/>
      <c r="CY396" s="434"/>
      <c r="CZ396" s="434"/>
      <c r="DA396" s="434"/>
      <c r="DB396" s="434"/>
      <c r="DC396" s="434"/>
      <c r="DD396" s="434"/>
      <c r="DE396" s="417" t="s">
        <v>2241</v>
      </c>
      <c r="DF396" s="435" t="s">
        <v>2197</v>
      </c>
    </row>
    <row r="397" spans="3:110" ht="56.1" customHeight="1" x14ac:dyDescent="0.2">
      <c r="C397" s="415">
        <v>18</v>
      </c>
      <c r="D397" s="412" t="s">
        <v>2182</v>
      </c>
      <c r="E397" s="430" t="s">
        <v>1385</v>
      </c>
      <c r="F397" s="430" t="s">
        <v>54</v>
      </c>
      <c r="G397" s="417" t="s">
        <v>1330</v>
      </c>
      <c r="H397" s="417" t="s">
        <v>116</v>
      </c>
      <c r="I397" s="431" t="s">
        <v>117</v>
      </c>
      <c r="J397" s="417" t="s">
        <v>253</v>
      </c>
      <c r="K397" s="417" t="s">
        <v>2217</v>
      </c>
      <c r="L397" s="417" t="s">
        <v>63</v>
      </c>
      <c r="M397" s="417" t="s">
        <v>81</v>
      </c>
      <c r="N397" s="417" t="s">
        <v>61</v>
      </c>
      <c r="O397" s="432" t="s">
        <v>2195</v>
      </c>
      <c r="P397" s="433" t="s">
        <v>63</v>
      </c>
      <c r="Q397" s="433" t="s">
        <v>63</v>
      </c>
      <c r="R397" s="434">
        <v>72000</v>
      </c>
      <c r="S397" s="434">
        <v>72000</v>
      </c>
      <c r="T397" s="434" t="s">
        <v>2188</v>
      </c>
      <c r="U397" s="434" t="s">
        <v>65</v>
      </c>
      <c r="V397" s="434"/>
      <c r="W397" s="434"/>
      <c r="X397" s="434"/>
      <c r="Y397" s="434"/>
      <c r="Z397" s="434"/>
      <c r="AA397" s="434"/>
      <c r="AB397" s="434"/>
      <c r="AC397" s="434"/>
      <c r="AD397" s="434"/>
      <c r="AE397" s="434"/>
      <c r="AF397" s="434"/>
      <c r="AG397" s="434"/>
      <c r="AH397" s="434"/>
      <c r="AI397" s="434"/>
      <c r="AJ397" s="434"/>
      <c r="AK397" s="434"/>
      <c r="AL397" s="434"/>
      <c r="AM397" s="434"/>
      <c r="AN397" s="434"/>
      <c r="AO397" s="434"/>
      <c r="AP397" s="434"/>
      <c r="AQ397" s="434"/>
      <c r="AR397" s="434"/>
      <c r="AS397" s="434"/>
      <c r="AT397" s="434"/>
      <c r="AU397" s="434"/>
      <c r="AV397" s="434"/>
      <c r="AW397" s="434"/>
      <c r="AX397" s="434"/>
      <c r="AY397" s="434"/>
      <c r="AZ397" s="434"/>
      <c r="BA397" s="434"/>
      <c r="BB397" s="434"/>
      <c r="BC397" s="434"/>
      <c r="BD397" s="434"/>
      <c r="BE397" s="434"/>
      <c r="BF397" s="434"/>
      <c r="BG397" s="434"/>
      <c r="BH397" s="434"/>
      <c r="BI397" s="434"/>
      <c r="BJ397" s="434"/>
      <c r="BK397" s="434"/>
      <c r="BL397" s="434"/>
      <c r="BM397" s="434"/>
      <c r="BN397" s="434"/>
      <c r="BO397" s="434"/>
      <c r="BP397" s="434"/>
      <c r="BQ397" s="434"/>
      <c r="BR397" s="434"/>
      <c r="BS397" s="434"/>
      <c r="BT397" s="434"/>
      <c r="BU397" s="434"/>
      <c r="BV397" s="434"/>
      <c r="BW397" s="434"/>
      <c r="BX397" s="434"/>
      <c r="BY397" s="434"/>
      <c r="BZ397" s="434"/>
      <c r="CA397" s="434"/>
      <c r="CB397" s="434"/>
      <c r="CC397" s="434"/>
      <c r="CD397" s="434"/>
      <c r="CE397" s="434"/>
      <c r="CF397" s="434"/>
      <c r="CG397" s="434"/>
      <c r="CH397" s="434"/>
      <c r="CI397" s="434"/>
      <c r="CJ397" s="434"/>
      <c r="CK397" s="434"/>
      <c r="CL397" s="434"/>
      <c r="CM397" s="434"/>
      <c r="CN397" s="434"/>
      <c r="CO397" s="434"/>
      <c r="CP397" s="434"/>
      <c r="CQ397" s="434"/>
      <c r="CR397" s="434"/>
      <c r="CS397" s="434"/>
      <c r="CT397" s="434"/>
      <c r="CU397" s="434"/>
      <c r="CV397" s="434"/>
      <c r="CW397" s="434"/>
      <c r="CX397" s="434"/>
      <c r="CY397" s="434"/>
      <c r="CZ397" s="434"/>
      <c r="DA397" s="434"/>
      <c r="DB397" s="434"/>
      <c r="DC397" s="434"/>
      <c r="DD397" s="434"/>
      <c r="DE397" s="417" t="s">
        <v>2218</v>
      </c>
      <c r="DF397" s="435" t="s">
        <v>2197</v>
      </c>
    </row>
    <row r="398" spans="3:110" ht="56.1" customHeight="1" x14ac:dyDescent="0.2">
      <c r="C398" s="412">
        <v>19</v>
      </c>
      <c r="D398" s="412" t="s">
        <v>2182</v>
      </c>
      <c r="E398" s="422" t="s">
        <v>1385</v>
      </c>
      <c r="F398" s="422" t="s">
        <v>54</v>
      </c>
      <c r="G398" s="416" t="s">
        <v>2655</v>
      </c>
      <c r="H398" s="416" t="s">
        <v>2656</v>
      </c>
      <c r="I398" s="429" t="s">
        <v>2657</v>
      </c>
      <c r="J398" s="416" t="s">
        <v>2658</v>
      </c>
      <c r="K398" s="416" t="s">
        <v>2631</v>
      </c>
      <c r="L398" s="416" t="s">
        <v>63</v>
      </c>
      <c r="M398" s="416" t="s">
        <v>543</v>
      </c>
      <c r="N398" s="416" t="s">
        <v>2659</v>
      </c>
      <c r="O398" s="423" t="s">
        <v>2660</v>
      </c>
      <c r="P398" s="424" t="s">
        <v>63</v>
      </c>
      <c r="Q398" s="424" t="s">
        <v>63</v>
      </c>
      <c r="R398" s="425">
        <v>51000000</v>
      </c>
      <c r="S398" s="425">
        <v>51000000</v>
      </c>
      <c r="T398" s="425" t="s">
        <v>2188</v>
      </c>
      <c r="U398" s="425" t="s">
        <v>65</v>
      </c>
      <c r="V398" s="425"/>
      <c r="W398" s="425"/>
      <c r="X398" s="425"/>
      <c r="Y398" s="425"/>
      <c r="Z398" s="425"/>
      <c r="AA398" s="425"/>
      <c r="AB398" s="425"/>
      <c r="AC398" s="425"/>
      <c r="AD398" s="425"/>
      <c r="AE398" s="425"/>
      <c r="AF398" s="425"/>
      <c r="AG398" s="425"/>
      <c r="AH398" s="425"/>
      <c r="AI398" s="425"/>
      <c r="AJ398" s="425"/>
      <c r="AK398" s="425"/>
      <c r="AL398" s="425"/>
      <c r="AM398" s="425"/>
      <c r="AN398" s="425"/>
      <c r="AO398" s="425"/>
      <c r="AP398" s="425"/>
      <c r="AQ398" s="425"/>
      <c r="AR398" s="425"/>
      <c r="AS398" s="425"/>
      <c r="AT398" s="425"/>
      <c r="AU398" s="425"/>
      <c r="AV398" s="425"/>
      <c r="AW398" s="425"/>
      <c r="AX398" s="425"/>
      <c r="AY398" s="425"/>
      <c r="AZ398" s="425"/>
      <c r="BA398" s="425"/>
      <c r="BB398" s="425"/>
      <c r="BC398" s="425"/>
      <c r="BD398" s="425"/>
      <c r="BE398" s="425"/>
      <c r="BF398" s="425"/>
      <c r="BG398" s="425"/>
      <c r="BH398" s="425"/>
      <c r="BI398" s="425"/>
      <c r="BJ398" s="425"/>
      <c r="BK398" s="425"/>
      <c r="BL398" s="425"/>
      <c r="BM398" s="425"/>
      <c r="BN398" s="425"/>
      <c r="BO398" s="425"/>
      <c r="BP398" s="425"/>
      <c r="BQ398" s="425"/>
      <c r="BR398" s="425"/>
      <c r="BS398" s="425"/>
      <c r="BT398" s="425"/>
      <c r="BU398" s="425"/>
      <c r="BV398" s="425"/>
      <c r="BW398" s="425"/>
      <c r="BX398" s="425"/>
      <c r="BY398" s="425"/>
      <c r="BZ398" s="425"/>
      <c r="CA398" s="425"/>
      <c r="CB398" s="425"/>
      <c r="CC398" s="425"/>
      <c r="CD398" s="425"/>
      <c r="CE398" s="425"/>
      <c r="CF398" s="425"/>
      <c r="CG398" s="425"/>
      <c r="CH398" s="425"/>
      <c r="CI398" s="425"/>
      <c r="CJ398" s="425"/>
      <c r="CK398" s="425" t="s">
        <v>2190</v>
      </c>
      <c r="CL398" s="425"/>
      <c r="CM398" s="425"/>
      <c r="CN398" s="425"/>
      <c r="CO398" s="425"/>
      <c r="CP398" s="425"/>
      <c r="CQ398" s="425"/>
      <c r="CR398" s="425"/>
      <c r="CS398" s="425"/>
      <c r="CT398" s="425"/>
      <c r="CU398" s="425"/>
      <c r="CV398" s="425"/>
      <c r="CW398" s="425"/>
      <c r="CX398" s="425"/>
      <c r="CY398" s="425"/>
      <c r="CZ398" s="425"/>
      <c r="DA398" s="425"/>
      <c r="DB398" s="425"/>
      <c r="DC398" s="425"/>
      <c r="DD398" s="425"/>
      <c r="DE398" s="416" t="s">
        <v>2196</v>
      </c>
      <c r="DF398" s="427" t="s">
        <v>2197</v>
      </c>
    </row>
    <row r="399" spans="3:110" ht="56.1" customHeight="1" x14ac:dyDescent="0.2">
      <c r="C399" s="412">
        <v>20</v>
      </c>
      <c r="D399" s="412" t="s">
        <v>2182</v>
      </c>
      <c r="E399" s="422" t="s">
        <v>1385</v>
      </c>
      <c r="F399" s="422" t="s">
        <v>153</v>
      </c>
      <c r="G399" s="416" t="s">
        <v>154</v>
      </c>
      <c r="H399" s="416" t="s">
        <v>2661</v>
      </c>
      <c r="I399" s="429" t="s">
        <v>2662</v>
      </c>
      <c r="J399" s="416" t="s">
        <v>2663</v>
      </c>
      <c r="K399" s="416" t="s">
        <v>2631</v>
      </c>
      <c r="L399" s="416" t="s">
        <v>63</v>
      </c>
      <c r="M399" s="416" t="s">
        <v>81</v>
      </c>
      <c r="N399" s="416" t="s">
        <v>2222</v>
      </c>
      <c r="O399" s="423" t="s">
        <v>2624</v>
      </c>
      <c r="P399" s="425" t="s">
        <v>63</v>
      </c>
      <c r="Q399" s="425" t="s">
        <v>63</v>
      </c>
      <c r="R399" s="425">
        <v>3500000</v>
      </c>
      <c r="S399" s="425" t="s">
        <v>2664</v>
      </c>
      <c r="T399" s="425" t="s">
        <v>2665</v>
      </c>
      <c r="U399" s="425" t="s">
        <v>65</v>
      </c>
      <c r="V399" s="425"/>
      <c r="W399" s="425"/>
      <c r="X399" s="425"/>
      <c r="Y399" s="425"/>
      <c r="Z399" s="425"/>
      <c r="AA399" s="425"/>
      <c r="AB399" s="425"/>
      <c r="AC399" s="425"/>
      <c r="AD399" s="425"/>
      <c r="AE399" s="425"/>
      <c r="AF399" s="425"/>
      <c r="AG399" s="425"/>
      <c r="AH399" s="425"/>
      <c r="AI399" s="425"/>
      <c r="AJ399" s="425"/>
      <c r="AK399" s="425"/>
      <c r="AL399" s="425"/>
      <c r="AM399" s="425"/>
      <c r="AN399" s="425"/>
      <c r="AO399" s="425"/>
      <c r="AP399" s="425"/>
      <c r="AQ399" s="425"/>
      <c r="AR399" s="425"/>
      <c r="AS399" s="425"/>
      <c r="AT399" s="425"/>
      <c r="AU399" s="425"/>
      <c r="AV399" s="425"/>
      <c r="AW399" s="425"/>
      <c r="AX399" s="425"/>
      <c r="AY399" s="425"/>
      <c r="AZ399" s="425"/>
      <c r="BA399" s="425"/>
      <c r="BB399" s="425"/>
      <c r="BC399" s="425"/>
      <c r="BD399" s="425"/>
      <c r="BE399" s="425"/>
      <c r="BF399" s="425"/>
      <c r="BG399" s="425"/>
      <c r="BH399" s="425"/>
      <c r="BI399" s="425"/>
      <c r="BJ399" s="425"/>
      <c r="BK399" s="425"/>
      <c r="BL399" s="425"/>
      <c r="BM399" s="425"/>
      <c r="BN399" s="425"/>
      <c r="BO399" s="425"/>
      <c r="BP399" s="425"/>
      <c r="BQ399" s="425"/>
      <c r="BR399" s="425"/>
      <c r="BS399" s="425"/>
      <c r="BT399" s="425"/>
      <c r="BU399" s="425"/>
      <c r="BV399" s="425"/>
      <c r="BW399" s="425"/>
      <c r="BX399" s="425"/>
      <c r="BY399" s="425"/>
      <c r="BZ399" s="425"/>
      <c r="CA399" s="425"/>
      <c r="CB399" s="425"/>
      <c r="CC399" s="425"/>
      <c r="CD399" s="425"/>
      <c r="CE399" s="425"/>
      <c r="CF399" s="425"/>
      <c r="CG399" s="425"/>
      <c r="CH399" s="425"/>
      <c r="CI399" s="425"/>
      <c r="CJ399" s="425"/>
      <c r="CK399" s="425"/>
      <c r="CL399" s="425"/>
      <c r="CM399" s="425"/>
      <c r="CN399" s="425"/>
      <c r="CO399" s="425"/>
      <c r="CP399" s="425"/>
      <c r="CQ399" s="425"/>
      <c r="CR399" s="425"/>
      <c r="CS399" s="425"/>
      <c r="CT399" s="425"/>
      <c r="CU399" s="425"/>
      <c r="CV399" s="425"/>
      <c r="CW399" s="425"/>
      <c r="CX399" s="425"/>
      <c r="CY399" s="425"/>
      <c r="CZ399" s="425" t="s">
        <v>2190</v>
      </c>
      <c r="DA399" s="425"/>
      <c r="DB399" s="425"/>
      <c r="DC399" s="425"/>
      <c r="DD399" s="416" t="s">
        <v>2666</v>
      </c>
      <c r="DE399" s="416" t="s">
        <v>2667</v>
      </c>
      <c r="DF399" s="416" t="s">
        <v>2668</v>
      </c>
    </row>
    <row r="400" spans="3:110" ht="56.1" customHeight="1" x14ac:dyDescent="0.2">
      <c r="C400" s="412">
        <v>21</v>
      </c>
      <c r="D400" s="412" t="s">
        <v>2182</v>
      </c>
      <c r="E400" s="422" t="s">
        <v>1385</v>
      </c>
      <c r="F400" s="422" t="s">
        <v>153</v>
      </c>
      <c r="G400" s="416" t="s">
        <v>154</v>
      </c>
      <c r="H400" s="416" t="s">
        <v>2669</v>
      </c>
      <c r="I400" s="416" t="s">
        <v>2670</v>
      </c>
      <c r="J400" s="416" t="s">
        <v>2257</v>
      </c>
      <c r="K400" s="416" t="s">
        <v>2631</v>
      </c>
      <c r="L400" s="416" t="s">
        <v>2632</v>
      </c>
      <c r="M400" s="416" t="s">
        <v>60</v>
      </c>
      <c r="N400" s="416" t="s">
        <v>2222</v>
      </c>
      <c r="O400" s="424" t="s">
        <v>2671</v>
      </c>
      <c r="P400" s="425" t="s">
        <v>63</v>
      </c>
      <c r="Q400" s="425" t="s">
        <v>63</v>
      </c>
      <c r="R400" s="425">
        <v>3490000</v>
      </c>
      <c r="S400" s="425">
        <v>3490000</v>
      </c>
      <c r="T400" s="425" t="s">
        <v>2188</v>
      </c>
      <c r="U400" s="425" t="s">
        <v>65</v>
      </c>
      <c r="V400" s="425"/>
      <c r="W400" s="425"/>
      <c r="X400" s="425"/>
      <c r="Y400" s="425"/>
      <c r="Z400" s="425"/>
      <c r="AA400" s="425"/>
      <c r="AB400" s="425"/>
      <c r="AC400" s="425"/>
      <c r="AD400" s="425"/>
      <c r="AE400" s="425"/>
      <c r="AF400" s="425"/>
      <c r="AG400" s="425"/>
      <c r="AH400" s="425"/>
      <c r="AI400" s="425"/>
      <c r="AJ400" s="425"/>
      <c r="AK400" s="425"/>
      <c r="AL400" s="425"/>
      <c r="AM400" s="425"/>
      <c r="AN400" s="425"/>
      <c r="AO400" s="425"/>
      <c r="AP400" s="425"/>
      <c r="AQ400" s="425"/>
      <c r="AR400" s="425"/>
      <c r="AS400" s="425"/>
      <c r="AT400" s="425"/>
      <c r="AU400" s="425"/>
      <c r="AV400" s="425"/>
      <c r="AW400" s="425"/>
      <c r="AX400" s="425"/>
      <c r="AY400" s="425"/>
      <c r="AZ400" s="425"/>
      <c r="BA400" s="425"/>
      <c r="BB400" s="425"/>
      <c r="BC400" s="425"/>
      <c r="BD400" s="425"/>
      <c r="BE400" s="425"/>
      <c r="BF400" s="425"/>
      <c r="BG400" s="425"/>
      <c r="BH400" s="425"/>
      <c r="BI400" s="425"/>
      <c r="BJ400" s="425"/>
      <c r="BK400" s="425"/>
      <c r="BL400" s="425"/>
      <c r="BM400" s="425"/>
      <c r="BN400" s="425"/>
      <c r="BO400" s="425"/>
      <c r="BP400" s="425"/>
      <c r="BQ400" s="425"/>
      <c r="BR400" s="425"/>
      <c r="BS400" s="425"/>
      <c r="BT400" s="425"/>
      <c r="BU400" s="425"/>
      <c r="BV400" s="425"/>
      <c r="BW400" s="425"/>
      <c r="BX400" s="425"/>
      <c r="BY400" s="425"/>
      <c r="BZ400" s="425"/>
      <c r="CA400" s="425"/>
      <c r="CB400" s="425"/>
      <c r="CC400" s="425"/>
      <c r="CD400" s="425"/>
      <c r="CE400" s="425"/>
      <c r="CF400" s="425"/>
      <c r="CG400" s="425"/>
      <c r="CH400" s="425" t="s">
        <v>2190</v>
      </c>
      <c r="CI400" s="425"/>
      <c r="CJ400" s="425"/>
      <c r="CK400" s="425"/>
      <c r="CL400" s="425"/>
      <c r="CM400" s="425"/>
      <c r="CN400" s="425"/>
      <c r="CO400" s="425"/>
      <c r="CP400" s="425"/>
      <c r="CQ400" s="425"/>
      <c r="CR400" s="425"/>
      <c r="CS400" s="425"/>
      <c r="CT400" s="425"/>
      <c r="CU400" s="425"/>
      <c r="CV400" s="425"/>
      <c r="CW400" s="425"/>
      <c r="CX400" s="425"/>
      <c r="CY400" s="425"/>
      <c r="CZ400" s="425"/>
      <c r="DA400" s="425"/>
      <c r="DB400" s="425"/>
      <c r="DC400" s="425"/>
      <c r="DD400" s="416" t="s">
        <v>2672</v>
      </c>
      <c r="DE400" s="416" t="s">
        <v>2227</v>
      </c>
      <c r="DF400" s="416" t="s">
        <v>869</v>
      </c>
    </row>
    <row r="401" spans="3:110" ht="56.1" customHeight="1" x14ac:dyDescent="0.2">
      <c r="C401" s="412">
        <v>22</v>
      </c>
      <c r="D401" s="412" t="s">
        <v>2182</v>
      </c>
      <c r="E401" s="422" t="s">
        <v>1385</v>
      </c>
      <c r="F401" s="422" t="s">
        <v>153</v>
      </c>
      <c r="G401" s="416" t="s">
        <v>154</v>
      </c>
      <c r="H401" s="416" t="s">
        <v>2673</v>
      </c>
      <c r="I401" s="416" t="s">
        <v>2674</v>
      </c>
      <c r="J401" s="416" t="s">
        <v>2635</v>
      </c>
      <c r="K401" s="416" t="s">
        <v>2636</v>
      </c>
      <c r="L401" s="416" t="s">
        <v>2637</v>
      </c>
      <c r="M401" s="416" t="s">
        <v>60</v>
      </c>
      <c r="N401" s="416" t="s">
        <v>2222</v>
      </c>
      <c r="O401" s="424" t="s">
        <v>2671</v>
      </c>
      <c r="P401" s="425" t="s">
        <v>63</v>
      </c>
      <c r="Q401" s="425" t="s">
        <v>63</v>
      </c>
      <c r="R401" s="425">
        <v>2790000</v>
      </c>
      <c r="S401" s="425">
        <v>2790000</v>
      </c>
      <c r="T401" s="425" t="s">
        <v>2188</v>
      </c>
      <c r="U401" s="425" t="s">
        <v>65</v>
      </c>
      <c r="V401" s="425"/>
      <c r="W401" s="425"/>
      <c r="X401" s="425"/>
      <c r="Y401" s="425"/>
      <c r="Z401" s="425"/>
      <c r="AA401" s="425"/>
      <c r="AB401" s="425"/>
      <c r="AC401" s="425"/>
      <c r="AD401" s="425"/>
      <c r="AE401" s="425"/>
      <c r="AF401" s="425"/>
      <c r="AG401" s="425"/>
      <c r="AH401" s="425"/>
      <c r="AI401" s="425"/>
      <c r="AJ401" s="425"/>
      <c r="AK401" s="425"/>
      <c r="AL401" s="425"/>
      <c r="AM401" s="425"/>
      <c r="AN401" s="425"/>
      <c r="AO401" s="425"/>
      <c r="AP401" s="425"/>
      <c r="AQ401" s="425"/>
      <c r="AR401" s="425"/>
      <c r="AS401" s="425"/>
      <c r="AT401" s="425"/>
      <c r="AU401" s="425"/>
      <c r="AV401" s="425"/>
      <c r="AW401" s="425"/>
      <c r="AX401" s="425"/>
      <c r="AY401" s="425"/>
      <c r="AZ401" s="425"/>
      <c r="BA401" s="425"/>
      <c r="BB401" s="425"/>
      <c r="BC401" s="425"/>
      <c r="BD401" s="425"/>
      <c r="BE401" s="425"/>
      <c r="BF401" s="425"/>
      <c r="BG401" s="425"/>
      <c r="BH401" s="425"/>
      <c r="BI401" s="425"/>
      <c r="BJ401" s="425"/>
      <c r="BK401" s="425"/>
      <c r="BL401" s="425"/>
      <c r="BM401" s="425"/>
      <c r="BN401" s="425"/>
      <c r="BO401" s="425"/>
      <c r="BP401" s="425"/>
      <c r="BQ401" s="425"/>
      <c r="BR401" s="425"/>
      <c r="BS401" s="425"/>
      <c r="BT401" s="425"/>
      <c r="BU401" s="425"/>
      <c r="BV401" s="425"/>
      <c r="BW401" s="425"/>
      <c r="BX401" s="425"/>
      <c r="BY401" s="425"/>
      <c r="BZ401" s="425"/>
      <c r="CA401" s="425"/>
      <c r="CB401" s="425"/>
      <c r="CC401" s="425"/>
      <c r="CD401" s="425"/>
      <c r="CE401" s="425"/>
      <c r="CF401" s="425"/>
      <c r="CG401" s="425"/>
      <c r="CH401" s="425"/>
      <c r="CI401" s="425" t="s">
        <v>2190</v>
      </c>
      <c r="CJ401" s="425"/>
      <c r="CK401" s="425"/>
      <c r="CL401" s="425"/>
      <c r="CM401" s="425"/>
      <c r="CN401" s="425"/>
      <c r="CO401" s="425"/>
      <c r="CP401" s="425"/>
      <c r="CQ401" s="425"/>
      <c r="CR401" s="425"/>
      <c r="CS401" s="425"/>
      <c r="CT401" s="425"/>
      <c r="CU401" s="425"/>
      <c r="CV401" s="425"/>
      <c r="CW401" s="425"/>
      <c r="CX401" s="425"/>
      <c r="CY401" s="425"/>
      <c r="CZ401" s="425"/>
      <c r="DA401" s="425"/>
      <c r="DB401" s="425"/>
      <c r="DC401" s="425"/>
      <c r="DD401" s="416"/>
      <c r="DE401" s="416" t="s">
        <v>2227</v>
      </c>
      <c r="DF401" s="416" t="s">
        <v>869</v>
      </c>
    </row>
    <row r="402" spans="3:110" ht="56.1" customHeight="1" x14ac:dyDescent="0.2">
      <c r="C402" s="412">
        <v>23</v>
      </c>
      <c r="D402" s="412" t="s">
        <v>2182</v>
      </c>
      <c r="E402" s="422" t="s">
        <v>1385</v>
      </c>
      <c r="F402" s="422" t="s">
        <v>153</v>
      </c>
      <c r="G402" s="416" t="s">
        <v>154</v>
      </c>
      <c r="H402" s="416" t="s">
        <v>2675</v>
      </c>
      <c r="I402" s="416" t="s">
        <v>2676</v>
      </c>
      <c r="J402" s="416" t="s">
        <v>2200</v>
      </c>
      <c r="K402" s="416" t="s">
        <v>2186</v>
      </c>
      <c r="L402" s="416" t="s">
        <v>2640</v>
      </c>
      <c r="M402" s="416" t="s">
        <v>81</v>
      </c>
      <c r="N402" s="416" t="s">
        <v>2222</v>
      </c>
      <c r="O402" s="424" t="s">
        <v>2677</v>
      </c>
      <c r="P402" s="425" t="s">
        <v>63</v>
      </c>
      <c r="Q402" s="425" t="s">
        <v>63</v>
      </c>
      <c r="R402" s="425">
        <v>990000</v>
      </c>
      <c r="S402" s="425">
        <v>990000</v>
      </c>
      <c r="T402" s="425" t="s">
        <v>2188</v>
      </c>
      <c r="U402" s="425" t="s">
        <v>65</v>
      </c>
      <c r="V402" s="425"/>
      <c r="W402" s="425"/>
      <c r="X402" s="425"/>
      <c r="Y402" s="425"/>
      <c r="Z402" s="425"/>
      <c r="AA402" s="425"/>
      <c r="AB402" s="425"/>
      <c r="AC402" s="425"/>
      <c r="AD402" s="425"/>
      <c r="AE402" s="425"/>
      <c r="AF402" s="425"/>
      <c r="AG402" s="425"/>
      <c r="AH402" s="425"/>
      <c r="AI402" s="425"/>
      <c r="AJ402" s="425"/>
      <c r="AK402" s="425"/>
      <c r="AL402" s="425"/>
      <c r="AM402" s="425"/>
      <c r="AN402" s="425"/>
      <c r="AO402" s="425"/>
      <c r="AP402" s="425"/>
      <c r="AQ402" s="425"/>
      <c r="AR402" s="425"/>
      <c r="AS402" s="425"/>
      <c r="AT402" s="425"/>
      <c r="AU402" s="425"/>
      <c r="AV402" s="425"/>
      <c r="AW402" s="425"/>
      <c r="AX402" s="425"/>
      <c r="AY402" s="425"/>
      <c r="AZ402" s="425"/>
      <c r="BA402" s="425"/>
      <c r="BB402" s="425"/>
      <c r="BC402" s="425"/>
      <c r="BD402" s="425"/>
      <c r="BE402" s="425"/>
      <c r="BF402" s="425"/>
      <c r="BG402" s="425"/>
      <c r="BH402" s="425"/>
      <c r="BI402" s="425"/>
      <c r="BJ402" s="425"/>
      <c r="BK402" s="425"/>
      <c r="BL402" s="425"/>
      <c r="BM402" s="425"/>
      <c r="BN402" s="425"/>
      <c r="BO402" s="425"/>
      <c r="BP402" s="425"/>
      <c r="BQ402" s="425"/>
      <c r="BR402" s="425"/>
      <c r="BS402" s="425"/>
      <c r="BT402" s="425"/>
      <c r="BU402" s="425"/>
      <c r="BV402" s="425"/>
      <c r="BW402" s="425"/>
      <c r="BX402" s="425"/>
      <c r="BY402" s="425"/>
      <c r="BZ402" s="425"/>
      <c r="CA402" s="425"/>
      <c r="CB402" s="425"/>
      <c r="CC402" s="425"/>
      <c r="CD402" s="425"/>
      <c r="CE402" s="425"/>
      <c r="CF402" s="425"/>
      <c r="CG402" s="425"/>
      <c r="CH402" s="425"/>
      <c r="CI402" s="425"/>
      <c r="CJ402" s="425" t="s">
        <v>2190</v>
      </c>
      <c r="CK402" s="425"/>
      <c r="CL402" s="425"/>
      <c r="CM402" s="425"/>
      <c r="CN402" s="425"/>
      <c r="CO402" s="425"/>
      <c r="CP402" s="425"/>
      <c r="CQ402" s="425"/>
      <c r="CR402" s="425"/>
      <c r="CS402" s="425"/>
      <c r="CT402" s="425"/>
      <c r="CU402" s="425"/>
      <c r="CV402" s="425"/>
      <c r="CW402" s="425"/>
      <c r="CX402" s="425"/>
      <c r="CY402" s="425"/>
      <c r="CZ402" s="425"/>
      <c r="DA402" s="425"/>
      <c r="DB402" s="425"/>
      <c r="DC402" s="425"/>
      <c r="DD402" s="416"/>
      <c r="DE402" s="416" t="s">
        <v>2227</v>
      </c>
      <c r="DF402" s="416" t="s">
        <v>869</v>
      </c>
    </row>
    <row r="403" spans="3:110" ht="56.1" customHeight="1" x14ac:dyDescent="0.2">
      <c r="C403" s="412">
        <v>24</v>
      </c>
      <c r="D403" s="412" t="s">
        <v>2182</v>
      </c>
      <c r="E403" s="422" t="s">
        <v>1385</v>
      </c>
      <c r="F403" s="422" t="s">
        <v>153</v>
      </c>
      <c r="G403" s="416" t="s">
        <v>154</v>
      </c>
      <c r="H403" s="416" t="s">
        <v>2678</v>
      </c>
      <c r="I403" s="416" t="s">
        <v>2679</v>
      </c>
      <c r="J403" s="416" t="s">
        <v>2643</v>
      </c>
      <c r="K403" s="416" t="s">
        <v>2631</v>
      </c>
      <c r="L403" s="416" t="s">
        <v>2644</v>
      </c>
      <c r="M403" s="416" t="s">
        <v>81</v>
      </c>
      <c r="N403" s="416" t="s">
        <v>2222</v>
      </c>
      <c r="O403" s="424" t="s">
        <v>2680</v>
      </c>
      <c r="P403" s="423" t="s">
        <v>63</v>
      </c>
      <c r="Q403" s="423" t="s">
        <v>63</v>
      </c>
      <c r="R403" s="425">
        <v>870000</v>
      </c>
      <c r="S403" s="425">
        <v>870000</v>
      </c>
      <c r="T403" s="425" t="s">
        <v>2188</v>
      </c>
      <c r="U403" s="425" t="s">
        <v>65</v>
      </c>
      <c r="V403" s="425"/>
      <c r="W403" s="425"/>
      <c r="X403" s="425"/>
      <c r="Y403" s="425"/>
      <c r="Z403" s="425"/>
      <c r="AA403" s="425"/>
      <c r="AB403" s="425"/>
      <c r="AC403" s="425"/>
      <c r="AD403" s="425"/>
      <c r="AE403" s="425"/>
      <c r="AF403" s="425"/>
      <c r="AG403" s="425"/>
      <c r="AH403" s="425"/>
      <c r="AI403" s="425"/>
      <c r="AJ403" s="425"/>
      <c r="AK403" s="425"/>
      <c r="AL403" s="425"/>
      <c r="AM403" s="425"/>
      <c r="AN403" s="425"/>
      <c r="AO403" s="425"/>
      <c r="AP403" s="425"/>
      <c r="AQ403" s="425"/>
      <c r="AR403" s="425"/>
      <c r="AS403" s="425"/>
      <c r="AT403" s="425"/>
      <c r="AU403" s="425"/>
      <c r="AV403" s="425"/>
      <c r="AW403" s="425"/>
      <c r="AX403" s="425"/>
      <c r="AY403" s="425"/>
      <c r="AZ403" s="425"/>
      <c r="BA403" s="425"/>
      <c r="BB403" s="425"/>
      <c r="BC403" s="425"/>
      <c r="BD403" s="425"/>
      <c r="BE403" s="425"/>
      <c r="BF403" s="425"/>
      <c r="BG403" s="425"/>
      <c r="BH403" s="425"/>
      <c r="BI403" s="425"/>
      <c r="BJ403" s="425"/>
      <c r="BK403" s="425"/>
      <c r="BL403" s="425"/>
      <c r="BM403" s="425"/>
      <c r="BN403" s="425"/>
      <c r="BO403" s="425"/>
      <c r="BP403" s="425"/>
      <c r="BQ403" s="425"/>
      <c r="BR403" s="425"/>
      <c r="BS403" s="425"/>
      <c r="BT403" s="425"/>
      <c r="BU403" s="425"/>
      <c r="BV403" s="425"/>
      <c r="BW403" s="425"/>
      <c r="BX403" s="425"/>
      <c r="BY403" s="425"/>
      <c r="BZ403" s="425"/>
      <c r="CA403" s="425"/>
      <c r="CB403" s="425"/>
      <c r="CC403" s="425"/>
      <c r="CD403" s="425"/>
      <c r="CE403" s="425"/>
      <c r="CF403" s="425"/>
      <c r="CG403" s="425"/>
      <c r="CH403" s="425"/>
      <c r="CI403" s="425"/>
      <c r="CJ403" s="425"/>
      <c r="CK403" s="425" t="s">
        <v>2190</v>
      </c>
      <c r="CL403" s="425"/>
      <c r="CM403" s="425"/>
      <c r="CN403" s="425"/>
      <c r="CO403" s="425"/>
      <c r="CP403" s="425"/>
      <c r="CQ403" s="425"/>
      <c r="CR403" s="425"/>
      <c r="CS403" s="425"/>
      <c r="CT403" s="425"/>
      <c r="CU403" s="425"/>
      <c r="CV403" s="425"/>
      <c r="CW403" s="425"/>
      <c r="CX403" s="425"/>
      <c r="CY403" s="425"/>
      <c r="CZ403" s="425"/>
      <c r="DA403" s="425"/>
      <c r="DB403" s="425"/>
      <c r="DC403" s="425"/>
      <c r="DD403" s="416"/>
      <c r="DE403" s="416" t="s">
        <v>2227</v>
      </c>
      <c r="DF403" s="416" t="s">
        <v>869</v>
      </c>
    </row>
    <row r="404" spans="3:110" ht="56.1" customHeight="1" x14ac:dyDescent="0.2">
      <c r="C404" s="412">
        <v>25</v>
      </c>
      <c r="D404" s="412" t="s">
        <v>2182</v>
      </c>
      <c r="E404" s="422" t="s">
        <v>1385</v>
      </c>
      <c r="F404" s="422" t="s">
        <v>153</v>
      </c>
      <c r="G404" s="416" t="s">
        <v>154</v>
      </c>
      <c r="H404" s="416" t="s">
        <v>2681</v>
      </c>
      <c r="I404" s="416" t="s">
        <v>2682</v>
      </c>
      <c r="J404" s="416" t="s">
        <v>2658</v>
      </c>
      <c r="K404" s="416" t="s">
        <v>2631</v>
      </c>
      <c r="L404" s="416" t="s">
        <v>2683</v>
      </c>
      <c r="M404" s="416" t="s">
        <v>81</v>
      </c>
      <c r="N404" s="416" t="s">
        <v>2222</v>
      </c>
      <c r="O404" s="424" t="s">
        <v>2684</v>
      </c>
      <c r="P404" s="423" t="s">
        <v>63</v>
      </c>
      <c r="Q404" s="423" t="s">
        <v>63</v>
      </c>
      <c r="R404" s="425">
        <v>730000</v>
      </c>
      <c r="S404" s="425">
        <v>730000</v>
      </c>
      <c r="T404" s="425" t="s">
        <v>2188</v>
      </c>
      <c r="U404" s="425" t="s">
        <v>65</v>
      </c>
      <c r="V404" s="425"/>
      <c r="W404" s="425"/>
      <c r="X404" s="425"/>
      <c r="Y404" s="425"/>
      <c r="Z404" s="425"/>
      <c r="AA404" s="425"/>
      <c r="AB404" s="425"/>
      <c r="AC404" s="425"/>
      <c r="AD404" s="425"/>
      <c r="AE404" s="425"/>
      <c r="AF404" s="425"/>
      <c r="AG404" s="425"/>
      <c r="AH404" s="425"/>
      <c r="AI404" s="425"/>
      <c r="AJ404" s="425"/>
      <c r="AK404" s="425"/>
      <c r="AL404" s="425"/>
      <c r="AM404" s="425"/>
      <c r="AN404" s="425"/>
      <c r="AO404" s="425"/>
      <c r="AP404" s="425"/>
      <c r="AQ404" s="425"/>
      <c r="AR404" s="425"/>
      <c r="AS404" s="425"/>
      <c r="AT404" s="425"/>
      <c r="AU404" s="425"/>
      <c r="AV404" s="425"/>
      <c r="AW404" s="425"/>
      <c r="AX404" s="425"/>
      <c r="AY404" s="425"/>
      <c r="AZ404" s="425"/>
      <c r="BA404" s="425"/>
      <c r="BB404" s="425"/>
      <c r="BC404" s="425"/>
      <c r="BD404" s="425"/>
      <c r="BE404" s="425"/>
      <c r="BF404" s="425"/>
      <c r="BG404" s="425"/>
      <c r="BH404" s="425"/>
      <c r="BI404" s="425"/>
      <c r="BJ404" s="425"/>
      <c r="BK404" s="425"/>
      <c r="BL404" s="425"/>
      <c r="BM404" s="425"/>
      <c r="BN404" s="425"/>
      <c r="BO404" s="425"/>
      <c r="BP404" s="425"/>
      <c r="BQ404" s="425"/>
      <c r="BR404" s="425"/>
      <c r="BS404" s="425"/>
      <c r="BT404" s="425"/>
      <c r="BU404" s="425"/>
      <c r="BV404" s="425"/>
      <c r="BW404" s="425"/>
      <c r="BX404" s="425"/>
      <c r="BY404" s="425"/>
      <c r="BZ404" s="425"/>
      <c r="CA404" s="425"/>
      <c r="CB404" s="425"/>
      <c r="CC404" s="425"/>
      <c r="CD404" s="425"/>
      <c r="CE404" s="425"/>
      <c r="CF404" s="425"/>
      <c r="CG404" s="425"/>
      <c r="CH404" s="425"/>
      <c r="CI404" s="425"/>
      <c r="CJ404" s="425"/>
      <c r="CK404" s="425"/>
      <c r="CL404" s="425" t="s">
        <v>2190</v>
      </c>
      <c r="CM404" s="425"/>
      <c r="CN404" s="425"/>
      <c r="CO404" s="425"/>
      <c r="CP404" s="425"/>
      <c r="CQ404" s="425"/>
      <c r="CR404" s="425"/>
      <c r="CS404" s="425"/>
      <c r="CT404" s="425"/>
      <c r="CU404" s="425"/>
      <c r="CV404" s="425"/>
      <c r="CW404" s="425"/>
      <c r="CX404" s="425"/>
      <c r="CY404" s="425"/>
      <c r="CZ404" s="425"/>
      <c r="DA404" s="425"/>
      <c r="DB404" s="425"/>
      <c r="DC404" s="425"/>
      <c r="DD404" s="416"/>
      <c r="DE404" s="416" t="s">
        <v>2227</v>
      </c>
      <c r="DF404" s="416" t="s">
        <v>869</v>
      </c>
    </row>
    <row r="405" spans="3:110" ht="56.1" customHeight="1" x14ac:dyDescent="0.2">
      <c r="C405" s="412">
        <v>26</v>
      </c>
      <c r="D405" s="412" t="s">
        <v>2182</v>
      </c>
      <c r="E405" s="422" t="s">
        <v>1385</v>
      </c>
      <c r="F405" s="422" t="s">
        <v>153</v>
      </c>
      <c r="G405" s="416" t="s">
        <v>154</v>
      </c>
      <c r="H405" s="416" t="s">
        <v>2685</v>
      </c>
      <c r="I405" s="416" t="s">
        <v>186</v>
      </c>
      <c r="J405" s="416" t="s">
        <v>2264</v>
      </c>
      <c r="K405" s="416" t="s">
        <v>2264</v>
      </c>
      <c r="L405" s="416" t="s">
        <v>2265</v>
      </c>
      <c r="M405" s="416" t="s">
        <v>81</v>
      </c>
      <c r="N405" s="416" t="s">
        <v>2222</v>
      </c>
      <c r="O405" s="424" t="s">
        <v>2266</v>
      </c>
      <c r="P405" s="424" t="s">
        <v>63</v>
      </c>
      <c r="Q405" s="424" t="s">
        <v>63</v>
      </c>
      <c r="R405" s="425">
        <v>680000</v>
      </c>
      <c r="S405" s="425">
        <v>680000</v>
      </c>
      <c r="T405" s="425" t="s">
        <v>2188</v>
      </c>
      <c r="U405" s="425" t="s">
        <v>65</v>
      </c>
      <c r="V405" s="425"/>
      <c r="W405" s="425"/>
      <c r="X405" s="425"/>
      <c r="Y405" s="425"/>
      <c r="Z405" s="425"/>
      <c r="AA405" s="425"/>
      <c r="AB405" s="425"/>
      <c r="AC405" s="425"/>
      <c r="AD405" s="425"/>
      <c r="AE405" s="425"/>
      <c r="AF405" s="425"/>
      <c r="AG405" s="425"/>
      <c r="AH405" s="425"/>
      <c r="AI405" s="425"/>
      <c r="AJ405" s="425"/>
      <c r="AK405" s="425"/>
      <c r="AL405" s="425"/>
      <c r="AM405" s="425"/>
      <c r="AN405" s="425"/>
      <c r="AO405" s="425"/>
      <c r="AP405" s="425"/>
      <c r="AQ405" s="425"/>
      <c r="AR405" s="425"/>
      <c r="AS405" s="425"/>
      <c r="AT405" s="425"/>
      <c r="AU405" s="425"/>
      <c r="AV405" s="425"/>
      <c r="AW405" s="425"/>
      <c r="AX405" s="425"/>
      <c r="AY405" s="425"/>
      <c r="AZ405" s="425"/>
      <c r="BA405" s="425"/>
      <c r="BB405" s="425"/>
      <c r="BC405" s="425"/>
      <c r="BD405" s="425"/>
      <c r="BE405" s="425"/>
      <c r="BF405" s="425"/>
      <c r="BG405" s="425"/>
      <c r="BH405" s="425"/>
      <c r="BI405" s="425"/>
      <c r="BJ405" s="425"/>
      <c r="BK405" s="425"/>
      <c r="BL405" s="425"/>
      <c r="BM405" s="425"/>
      <c r="BN405" s="425"/>
      <c r="BO405" s="425"/>
      <c r="BP405" s="425"/>
      <c r="BQ405" s="425"/>
      <c r="BR405" s="425"/>
      <c r="BS405" s="425"/>
      <c r="BT405" s="425"/>
      <c r="BU405" s="425"/>
      <c r="BV405" s="425"/>
      <c r="BW405" s="425"/>
      <c r="BX405" s="425"/>
      <c r="BY405" s="425"/>
      <c r="BZ405" s="425"/>
      <c r="CA405" s="425"/>
      <c r="CB405" s="425"/>
      <c r="CC405" s="425"/>
      <c r="CD405" s="425"/>
      <c r="CE405" s="425"/>
      <c r="CF405" s="425"/>
      <c r="CG405" s="425"/>
      <c r="CH405" s="425"/>
      <c r="CI405" s="425"/>
      <c r="CJ405" s="425"/>
      <c r="CK405" s="425"/>
      <c r="CL405" s="425"/>
      <c r="CM405" s="425" t="s">
        <v>2190</v>
      </c>
      <c r="CN405" s="425"/>
      <c r="CO405" s="425"/>
      <c r="CP405" s="425"/>
      <c r="CQ405" s="425"/>
      <c r="CR405" s="425"/>
      <c r="CS405" s="425"/>
      <c r="CT405" s="425"/>
      <c r="CU405" s="425"/>
      <c r="CV405" s="425"/>
      <c r="CW405" s="425"/>
      <c r="CX405" s="425"/>
      <c r="CY405" s="425"/>
      <c r="CZ405" s="425"/>
      <c r="DA405" s="425"/>
      <c r="DB405" s="425"/>
      <c r="DC405" s="425"/>
      <c r="DD405" s="416"/>
      <c r="DE405" s="416" t="s">
        <v>2227</v>
      </c>
      <c r="DF405" s="416" t="s">
        <v>869</v>
      </c>
    </row>
    <row r="406" spans="3:110" ht="56.1" customHeight="1" x14ac:dyDescent="0.2">
      <c r="C406" s="412">
        <v>27</v>
      </c>
      <c r="D406" s="412" t="s">
        <v>2182</v>
      </c>
      <c r="E406" s="422" t="s">
        <v>1385</v>
      </c>
      <c r="F406" s="422" t="s">
        <v>153</v>
      </c>
      <c r="G406" s="416" t="s">
        <v>154</v>
      </c>
      <c r="H406" s="416" t="s">
        <v>2686</v>
      </c>
      <c r="I406" s="416" t="s">
        <v>2687</v>
      </c>
      <c r="J406" s="416" t="s">
        <v>2635</v>
      </c>
      <c r="K406" s="416" t="s">
        <v>2636</v>
      </c>
      <c r="L406" s="416" t="s">
        <v>2688</v>
      </c>
      <c r="M406" s="416" t="s">
        <v>81</v>
      </c>
      <c r="N406" s="416" t="s">
        <v>2222</v>
      </c>
      <c r="O406" s="424" t="s">
        <v>2266</v>
      </c>
      <c r="P406" s="424" t="s">
        <v>63</v>
      </c>
      <c r="Q406" s="424" t="s">
        <v>63</v>
      </c>
      <c r="R406" s="425">
        <v>490000</v>
      </c>
      <c r="S406" s="425">
        <v>490000</v>
      </c>
      <c r="T406" s="425" t="s">
        <v>2188</v>
      </c>
      <c r="U406" s="425" t="s">
        <v>65</v>
      </c>
      <c r="V406" s="425"/>
      <c r="W406" s="425"/>
      <c r="X406" s="425"/>
      <c r="Y406" s="425"/>
      <c r="Z406" s="425"/>
      <c r="AA406" s="425"/>
      <c r="AB406" s="425"/>
      <c r="AC406" s="425"/>
      <c r="AD406" s="425"/>
      <c r="AE406" s="425"/>
      <c r="AF406" s="425"/>
      <c r="AG406" s="425"/>
      <c r="AH406" s="425"/>
      <c r="AI406" s="425"/>
      <c r="AJ406" s="425"/>
      <c r="AK406" s="425"/>
      <c r="AL406" s="425"/>
      <c r="AM406" s="425"/>
      <c r="AN406" s="425"/>
      <c r="AO406" s="425"/>
      <c r="AP406" s="425"/>
      <c r="AQ406" s="425"/>
      <c r="AR406" s="425"/>
      <c r="AS406" s="425"/>
      <c r="AT406" s="425"/>
      <c r="AU406" s="425"/>
      <c r="AV406" s="425"/>
      <c r="AW406" s="425"/>
      <c r="AX406" s="425"/>
      <c r="AY406" s="425"/>
      <c r="AZ406" s="425"/>
      <c r="BA406" s="425"/>
      <c r="BB406" s="425"/>
      <c r="BC406" s="425"/>
      <c r="BD406" s="425"/>
      <c r="BE406" s="425"/>
      <c r="BF406" s="425"/>
      <c r="BG406" s="425"/>
      <c r="BH406" s="425"/>
      <c r="BI406" s="425"/>
      <c r="BJ406" s="425"/>
      <c r="BK406" s="425"/>
      <c r="BL406" s="425"/>
      <c r="BM406" s="425"/>
      <c r="BN406" s="425"/>
      <c r="BO406" s="425"/>
      <c r="BP406" s="425"/>
      <c r="BQ406" s="425"/>
      <c r="BR406" s="425"/>
      <c r="BS406" s="425"/>
      <c r="BT406" s="425"/>
      <c r="BU406" s="425"/>
      <c r="BV406" s="425"/>
      <c r="BW406" s="425"/>
      <c r="BX406" s="425"/>
      <c r="BY406" s="425"/>
      <c r="BZ406" s="425"/>
      <c r="CA406" s="425"/>
      <c r="CB406" s="425"/>
      <c r="CC406" s="425"/>
      <c r="CD406" s="425"/>
      <c r="CE406" s="425"/>
      <c r="CF406" s="425"/>
      <c r="CG406" s="425"/>
      <c r="CH406" s="425"/>
      <c r="CI406" s="425"/>
      <c r="CJ406" s="425"/>
      <c r="CK406" s="425"/>
      <c r="CL406" s="425"/>
      <c r="CM406" s="425"/>
      <c r="CN406" s="425" t="s">
        <v>2190</v>
      </c>
      <c r="CO406" s="425"/>
      <c r="CP406" s="425"/>
      <c r="CQ406" s="425"/>
      <c r="CR406" s="425"/>
      <c r="CS406" s="425"/>
      <c r="CT406" s="425"/>
      <c r="CU406" s="425"/>
      <c r="CV406" s="425"/>
      <c r="CW406" s="425"/>
      <c r="CX406" s="425"/>
      <c r="CY406" s="425"/>
      <c r="CZ406" s="425"/>
      <c r="DA406" s="425"/>
      <c r="DB406" s="425"/>
      <c r="DC406" s="425"/>
      <c r="DD406" s="416"/>
      <c r="DE406" s="416" t="s">
        <v>2227</v>
      </c>
      <c r="DF406" s="416" t="s">
        <v>869</v>
      </c>
    </row>
    <row r="407" spans="3:110" ht="56.1" customHeight="1" x14ac:dyDescent="0.2">
      <c r="C407" s="412">
        <v>28</v>
      </c>
      <c r="D407" s="412" t="s">
        <v>2182</v>
      </c>
      <c r="E407" s="422" t="s">
        <v>1385</v>
      </c>
      <c r="F407" s="422" t="s">
        <v>153</v>
      </c>
      <c r="G407" s="416" t="s">
        <v>154</v>
      </c>
      <c r="H407" s="416" t="s">
        <v>2689</v>
      </c>
      <c r="I407" s="416" t="s">
        <v>2690</v>
      </c>
      <c r="J407" s="416" t="s">
        <v>2622</v>
      </c>
      <c r="K407" s="416" t="s">
        <v>2691</v>
      </c>
      <c r="L407" s="416" t="s">
        <v>2692</v>
      </c>
      <c r="M407" s="416" t="s">
        <v>81</v>
      </c>
      <c r="N407" s="416" t="s">
        <v>2222</v>
      </c>
      <c r="O407" s="424" t="s">
        <v>2309</v>
      </c>
      <c r="P407" s="424" t="s">
        <v>63</v>
      </c>
      <c r="Q407" s="424" t="s">
        <v>63</v>
      </c>
      <c r="R407" s="425">
        <v>450000</v>
      </c>
      <c r="S407" s="425">
        <v>450000</v>
      </c>
      <c r="T407" s="425" t="s">
        <v>2188</v>
      </c>
      <c r="U407" s="425" t="s">
        <v>65</v>
      </c>
      <c r="V407" s="425"/>
      <c r="W407" s="425"/>
      <c r="X407" s="425"/>
      <c r="Y407" s="425"/>
      <c r="Z407" s="425"/>
      <c r="AA407" s="425"/>
      <c r="AB407" s="425"/>
      <c r="AC407" s="425"/>
      <c r="AD407" s="425"/>
      <c r="AE407" s="425"/>
      <c r="AF407" s="425"/>
      <c r="AG407" s="425"/>
      <c r="AH407" s="425"/>
      <c r="AI407" s="425"/>
      <c r="AJ407" s="425"/>
      <c r="AK407" s="425"/>
      <c r="AL407" s="425"/>
      <c r="AM407" s="425"/>
      <c r="AN407" s="425"/>
      <c r="AO407" s="425"/>
      <c r="AP407" s="425"/>
      <c r="AQ407" s="425"/>
      <c r="AR407" s="425"/>
      <c r="AS407" s="425"/>
      <c r="AT407" s="425"/>
      <c r="AU407" s="425"/>
      <c r="AV407" s="425"/>
      <c r="AW407" s="425"/>
      <c r="AX407" s="425"/>
      <c r="AY407" s="425"/>
      <c r="AZ407" s="425"/>
      <c r="BA407" s="425"/>
      <c r="BB407" s="425"/>
      <c r="BC407" s="425"/>
      <c r="BD407" s="425"/>
      <c r="BE407" s="425"/>
      <c r="BF407" s="425"/>
      <c r="BG407" s="425"/>
      <c r="BH407" s="425"/>
      <c r="BI407" s="425"/>
      <c r="BJ407" s="425"/>
      <c r="BK407" s="425"/>
      <c r="BL407" s="425"/>
      <c r="BM407" s="425"/>
      <c r="BN407" s="425"/>
      <c r="BO407" s="425"/>
      <c r="BP407" s="425"/>
      <c r="BQ407" s="425"/>
      <c r="BR407" s="425"/>
      <c r="BS407" s="425"/>
      <c r="BT407" s="425"/>
      <c r="BU407" s="425"/>
      <c r="BV407" s="425"/>
      <c r="BW407" s="425"/>
      <c r="BX407" s="425"/>
      <c r="BY407" s="425"/>
      <c r="BZ407" s="425"/>
      <c r="CA407" s="425"/>
      <c r="CB407" s="425"/>
      <c r="CC407" s="425"/>
      <c r="CD407" s="425"/>
      <c r="CE407" s="425"/>
      <c r="CF407" s="425"/>
      <c r="CG407" s="425"/>
      <c r="CH407" s="425"/>
      <c r="CI407" s="425"/>
      <c r="CJ407" s="425"/>
      <c r="CK407" s="425"/>
      <c r="CL407" s="425"/>
      <c r="CM407" s="425"/>
      <c r="CN407" s="425"/>
      <c r="CO407" s="425" t="s">
        <v>2190</v>
      </c>
      <c r="CP407" s="425"/>
      <c r="CQ407" s="425"/>
      <c r="CR407" s="425"/>
      <c r="CS407" s="425"/>
      <c r="CT407" s="425"/>
      <c r="CU407" s="425"/>
      <c r="CV407" s="425"/>
      <c r="CW407" s="425"/>
      <c r="CX407" s="425"/>
      <c r="CY407" s="425"/>
      <c r="CZ407" s="425"/>
      <c r="DA407" s="425"/>
      <c r="DB407" s="425"/>
      <c r="DC407" s="425"/>
      <c r="DD407" s="416"/>
      <c r="DE407" s="416" t="s">
        <v>2227</v>
      </c>
      <c r="DF407" s="416" t="s">
        <v>869</v>
      </c>
    </row>
    <row r="408" spans="3:110" ht="56.1" customHeight="1" x14ac:dyDescent="0.2">
      <c r="C408" s="412">
        <v>32</v>
      </c>
      <c r="D408" s="412" t="s">
        <v>2182</v>
      </c>
      <c r="E408" s="422" t="s">
        <v>1385</v>
      </c>
      <c r="F408" s="422" t="s">
        <v>295</v>
      </c>
      <c r="G408" s="416" t="s">
        <v>329</v>
      </c>
      <c r="H408" s="416" t="s">
        <v>2693</v>
      </c>
      <c r="I408" s="429" t="s">
        <v>2694</v>
      </c>
      <c r="J408" s="416" t="s">
        <v>2635</v>
      </c>
      <c r="K408" s="416" t="s">
        <v>2636</v>
      </c>
      <c r="L408" s="416" t="s">
        <v>63</v>
      </c>
      <c r="M408" s="416" t="s">
        <v>81</v>
      </c>
      <c r="N408" s="416" t="s">
        <v>2695</v>
      </c>
      <c r="O408" s="424" t="s">
        <v>2251</v>
      </c>
      <c r="P408" s="424" t="s">
        <v>63</v>
      </c>
      <c r="Q408" s="424" t="s">
        <v>63</v>
      </c>
      <c r="R408" s="436">
        <v>650000</v>
      </c>
      <c r="S408" s="425" t="s">
        <v>191</v>
      </c>
      <c r="T408" s="425" t="s">
        <v>191</v>
      </c>
      <c r="U408" s="425" t="s">
        <v>2189</v>
      </c>
      <c r="V408" s="425"/>
      <c r="W408" s="425"/>
      <c r="X408" s="425"/>
      <c r="Y408" s="425"/>
      <c r="Z408" s="425"/>
      <c r="AA408" s="425"/>
      <c r="AB408" s="425"/>
      <c r="AC408" s="425"/>
      <c r="AD408" s="425"/>
      <c r="AE408" s="425"/>
      <c r="AF408" s="425"/>
      <c r="AG408" s="425"/>
      <c r="AH408" s="425"/>
      <c r="AI408" s="425"/>
      <c r="AJ408" s="425"/>
      <c r="AK408" s="425"/>
      <c r="AL408" s="425"/>
      <c r="AM408" s="425"/>
      <c r="AN408" s="425"/>
      <c r="AO408" s="425"/>
      <c r="AP408" s="425"/>
      <c r="AQ408" s="425"/>
      <c r="AR408" s="425"/>
      <c r="AS408" s="425"/>
      <c r="AT408" s="425"/>
      <c r="AU408" s="425"/>
      <c r="AV408" s="425"/>
      <c r="AW408" s="425"/>
      <c r="AX408" s="425"/>
      <c r="AY408" s="425"/>
      <c r="AZ408" s="425"/>
      <c r="BA408" s="425"/>
      <c r="BB408" s="425"/>
      <c r="BC408" s="425"/>
      <c r="BD408" s="425"/>
      <c r="BE408" s="425"/>
      <c r="BF408" s="425"/>
      <c r="BG408" s="425"/>
      <c r="BH408" s="425"/>
      <c r="BI408" s="425"/>
      <c r="BJ408" s="425"/>
      <c r="BK408" s="425"/>
      <c r="BL408" s="425"/>
      <c r="BM408" s="425"/>
      <c r="BN408" s="425"/>
      <c r="BO408" s="425"/>
      <c r="BP408" s="425"/>
      <c r="BQ408" s="425"/>
      <c r="BR408" s="425"/>
      <c r="BS408" s="425"/>
      <c r="BT408" s="425"/>
      <c r="BU408" s="425"/>
      <c r="BV408" s="425"/>
      <c r="BW408" s="425"/>
      <c r="BX408" s="425"/>
      <c r="BY408" s="425"/>
      <c r="BZ408" s="425"/>
      <c r="CA408" s="425"/>
      <c r="CB408" s="425"/>
      <c r="CC408" s="425"/>
      <c r="CD408" s="425"/>
      <c r="CE408" s="425"/>
      <c r="CF408" s="425"/>
      <c r="CG408" s="425"/>
      <c r="CH408" s="425"/>
      <c r="CI408" s="425" t="s">
        <v>2190</v>
      </c>
      <c r="CJ408" s="425"/>
      <c r="CK408" s="425"/>
      <c r="CL408" s="425"/>
      <c r="CM408" s="425"/>
      <c r="CN408" s="425" t="s">
        <v>2190</v>
      </c>
      <c r="CO408" s="425"/>
      <c r="CP408" s="425"/>
      <c r="CQ408" s="425"/>
      <c r="CR408" s="425"/>
      <c r="CS408" s="425"/>
      <c r="CT408" s="425"/>
      <c r="CU408" s="425" t="s">
        <v>2190</v>
      </c>
      <c r="CV408" s="425"/>
      <c r="CW408" s="425"/>
      <c r="CX408" s="425"/>
      <c r="CY408" s="425"/>
      <c r="CZ408" s="425"/>
      <c r="DA408" s="425"/>
      <c r="DB408" s="425"/>
      <c r="DC408" s="425"/>
      <c r="DD408" s="416"/>
      <c r="DE408" s="416" t="s">
        <v>2696</v>
      </c>
      <c r="DF408" s="416" t="s">
        <v>2697</v>
      </c>
    </row>
    <row r="409" spans="3:110" ht="56.1" customHeight="1" x14ac:dyDescent="0.2">
      <c r="C409" s="412">
        <v>33</v>
      </c>
      <c r="D409" s="412" t="s">
        <v>2182</v>
      </c>
      <c r="E409" s="422" t="s">
        <v>1385</v>
      </c>
      <c r="F409" s="422" t="s">
        <v>295</v>
      </c>
      <c r="G409" s="416" t="s">
        <v>329</v>
      </c>
      <c r="H409" s="416" t="s">
        <v>2698</v>
      </c>
      <c r="I409" s="429" t="s">
        <v>2699</v>
      </c>
      <c r="J409" s="416" t="s">
        <v>2257</v>
      </c>
      <c r="K409" s="416" t="s">
        <v>2631</v>
      </c>
      <c r="L409" s="416" t="s">
        <v>63</v>
      </c>
      <c r="M409" s="416" t="s">
        <v>81</v>
      </c>
      <c r="N409" s="416" t="s">
        <v>869</v>
      </c>
      <c r="O409" s="424" t="s">
        <v>2258</v>
      </c>
      <c r="P409" s="424" t="s">
        <v>63</v>
      </c>
      <c r="Q409" s="424" t="s">
        <v>63</v>
      </c>
      <c r="R409" s="436">
        <v>270000</v>
      </c>
      <c r="S409" s="425">
        <v>270000</v>
      </c>
      <c r="T409" s="425" t="s">
        <v>2188</v>
      </c>
      <c r="U409" s="425" t="s">
        <v>2189</v>
      </c>
      <c r="V409" s="425"/>
      <c r="W409" s="425"/>
      <c r="X409" s="425"/>
      <c r="Y409" s="425"/>
      <c r="Z409" s="425"/>
      <c r="AA409" s="425"/>
      <c r="AB409" s="425"/>
      <c r="AC409" s="425"/>
      <c r="AD409" s="425"/>
      <c r="AE409" s="425"/>
      <c r="AF409" s="425"/>
      <c r="AG409" s="425"/>
      <c r="AH409" s="425"/>
      <c r="AI409" s="425"/>
      <c r="AJ409" s="425"/>
      <c r="AK409" s="425"/>
      <c r="AL409" s="425"/>
      <c r="AM409" s="425"/>
      <c r="AN409" s="425"/>
      <c r="AO409" s="425"/>
      <c r="AP409" s="425"/>
      <c r="AQ409" s="425"/>
      <c r="AR409" s="425"/>
      <c r="AS409" s="425"/>
      <c r="AT409" s="425"/>
      <c r="AU409" s="425"/>
      <c r="AV409" s="425"/>
      <c r="AW409" s="425"/>
      <c r="AX409" s="425"/>
      <c r="AY409" s="425"/>
      <c r="AZ409" s="425"/>
      <c r="BA409" s="425"/>
      <c r="BB409" s="425"/>
      <c r="BC409" s="425"/>
      <c r="BD409" s="425"/>
      <c r="BE409" s="425"/>
      <c r="BF409" s="425"/>
      <c r="BG409" s="425"/>
      <c r="BH409" s="425"/>
      <c r="BI409" s="425"/>
      <c r="BJ409" s="425"/>
      <c r="BK409" s="425"/>
      <c r="BL409" s="425"/>
      <c r="BM409" s="425"/>
      <c r="BN409" s="425"/>
      <c r="BO409" s="425"/>
      <c r="BP409" s="425"/>
      <c r="BQ409" s="425"/>
      <c r="BR409" s="425"/>
      <c r="BS409" s="425"/>
      <c r="BT409" s="425"/>
      <c r="BU409" s="425"/>
      <c r="BV409" s="425"/>
      <c r="BW409" s="425"/>
      <c r="BX409" s="425"/>
      <c r="BY409" s="425"/>
      <c r="BZ409" s="425"/>
      <c r="CA409" s="425"/>
      <c r="CB409" s="425"/>
      <c r="CC409" s="425"/>
      <c r="CD409" s="425"/>
      <c r="CE409" s="425"/>
      <c r="CF409" s="425"/>
      <c r="CG409" s="425"/>
      <c r="CH409" s="425" t="s">
        <v>2190</v>
      </c>
      <c r="CI409" s="425"/>
      <c r="CJ409" s="425"/>
      <c r="CK409" s="425" t="s">
        <v>2190</v>
      </c>
      <c r="CL409" s="425" t="s">
        <v>2190</v>
      </c>
      <c r="CM409" s="425"/>
      <c r="CN409" s="425"/>
      <c r="CO409" s="425"/>
      <c r="CP409" s="425"/>
      <c r="CQ409" s="425"/>
      <c r="CR409" s="425"/>
      <c r="CS409" s="425"/>
      <c r="CT409" s="425"/>
      <c r="CU409" s="425"/>
      <c r="CV409" s="425"/>
      <c r="CW409" s="425"/>
      <c r="CX409" s="425"/>
      <c r="CY409" s="425"/>
      <c r="CZ409" s="425"/>
      <c r="DA409" s="425"/>
      <c r="DB409" s="425"/>
      <c r="DC409" s="425" t="s">
        <v>2190</v>
      </c>
      <c r="DD409" s="416"/>
      <c r="DE409" s="416" t="s">
        <v>2700</v>
      </c>
      <c r="DF409" s="416" t="s">
        <v>2701</v>
      </c>
    </row>
    <row r="410" spans="3:110" ht="56.1" customHeight="1" x14ac:dyDescent="0.2">
      <c r="C410" s="412">
        <v>34</v>
      </c>
      <c r="D410" s="412" t="s">
        <v>2182</v>
      </c>
      <c r="E410" s="422" t="s">
        <v>1385</v>
      </c>
      <c r="F410" s="422" t="s">
        <v>295</v>
      </c>
      <c r="G410" s="416" t="s">
        <v>329</v>
      </c>
      <c r="H410" s="416" t="s">
        <v>2702</v>
      </c>
      <c r="I410" s="429" t="s">
        <v>2703</v>
      </c>
      <c r="J410" s="416" t="s">
        <v>2257</v>
      </c>
      <c r="K410" s="416" t="s">
        <v>2631</v>
      </c>
      <c r="L410" s="416" t="s">
        <v>63</v>
      </c>
      <c r="M410" s="416" t="s">
        <v>81</v>
      </c>
      <c r="N410" s="416" t="s">
        <v>869</v>
      </c>
      <c r="O410" s="424" t="s">
        <v>2258</v>
      </c>
      <c r="P410" s="424" t="s">
        <v>63</v>
      </c>
      <c r="Q410" s="424" t="s">
        <v>63</v>
      </c>
      <c r="R410" s="436">
        <v>270000</v>
      </c>
      <c r="S410" s="425">
        <v>270000</v>
      </c>
      <c r="T410" s="425" t="s">
        <v>2188</v>
      </c>
      <c r="U410" s="425" t="s">
        <v>2189</v>
      </c>
      <c r="V410" s="425"/>
      <c r="W410" s="425"/>
      <c r="X410" s="425"/>
      <c r="Y410" s="425"/>
      <c r="Z410" s="425"/>
      <c r="AA410" s="425"/>
      <c r="AB410" s="425"/>
      <c r="AC410" s="425"/>
      <c r="AD410" s="425"/>
      <c r="AE410" s="425"/>
      <c r="AF410" s="425"/>
      <c r="AG410" s="425"/>
      <c r="AH410" s="425"/>
      <c r="AI410" s="425"/>
      <c r="AJ410" s="425"/>
      <c r="AK410" s="425"/>
      <c r="AL410" s="425"/>
      <c r="AM410" s="425"/>
      <c r="AN410" s="425"/>
      <c r="AO410" s="425"/>
      <c r="AP410" s="425"/>
      <c r="AQ410" s="425"/>
      <c r="AR410" s="425"/>
      <c r="AS410" s="425"/>
      <c r="AT410" s="425"/>
      <c r="AU410" s="425"/>
      <c r="AV410" s="425"/>
      <c r="AW410" s="425"/>
      <c r="AX410" s="425"/>
      <c r="AY410" s="425"/>
      <c r="AZ410" s="425"/>
      <c r="BA410" s="425"/>
      <c r="BB410" s="425"/>
      <c r="BC410" s="425"/>
      <c r="BD410" s="425"/>
      <c r="BE410" s="425"/>
      <c r="BF410" s="425"/>
      <c r="BG410" s="425"/>
      <c r="BH410" s="425"/>
      <c r="BI410" s="425"/>
      <c r="BJ410" s="425"/>
      <c r="BK410" s="425"/>
      <c r="BL410" s="425"/>
      <c r="BM410" s="425"/>
      <c r="BN410" s="425"/>
      <c r="BO410" s="425"/>
      <c r="BP410" s="425"/>
      <c r="BQ410" s="425"/>
      <c r="BR410" s="425"/>
      <c r="BS410" s="425"/>
      <c r="BT410" s="425"/>
      <c r="BU410" s="425"/>
      <c r="BV410" s="425"/>
      <c r="BW410" s="425"/>
      <c r="BX410" s="425"/>
      <c r="BY410" s="425"/>
      <c r="BZ410" s="425"/>
      <c r="CA410" s="425"/>
      <c r="CB410" s="425"/>
      <c r="CC410" s="425"/>
      <c r="CD410" s="425"/>
      <c r="CE410" s="425"/>
      <c r="CF410" s="425"/>
      <c r="CG410" s="425"/>
      <c r="CH410" s="425" t="s">
        <v>2190</v>
      </c>
      <c r="CI410" s="425"/>
      <c r="CJ410" s="425"/>
      <c r="CK410" s="425"/>
      <c r="CL410" s="425"/>
      <c r="CM410" s="425"/>
      <c r="CN410" s="425"/>
      <c r="CO410" s="425"/>
      <c r="CP410" s="425"/>
      <c r="CQ410" s="425"/>
      <c r="CR410" s="425"/>
      <c r="CS410" s="425"/>
      <c r="CT410" s="425"/>
      <c r="CU410" s="425"/>
      <c r="CV410" s="425"/>
      <c r="CW410" s="425"/>
      <c r="CX410" s="425"/>
      <c r="CY410" s="425"/>
      <c r="CZ410" s="425"/>
      <c r="DA410" s="425"/>
      <c r="DB410" s="425"/>
      <c r="DC410" s="437"/>
      <c r="DD410" s="416"/>
      <c r="DE410" s="416" t="s">
        <v>2700</v>
      </c>
      <c r="DF410" s="416" t="s">
        <v>2704</v>
      </c>
    </row>
    <row r="411" spans="3:110" ht="56.1" customHeight="1" x14ac:dyDescent="0.2">
      <c r="C411" s="412">
        <v>35</v>
      </c>
      <c r="D411" s="412" t="s">
        <v>2182</v>
      </c>
      <c r="E411" s="422" t="s">
        <v>1385</v>
      </c>
      <c r="F411" s="422" t="s">
        <v>295</v>
      </c>
      <c r="G411" s="416" t="s">
        <v>329</v>
      </c>
      <c r="H411" s="416" t="s">
        <v>2705</v>
      </c>
      <c r="I411" s="429" t="s">
        <v>2706</v>
      </c>
      <c r="J411" s="416" t="s">
        <v>2257</v>
      </c>
      <c r="K411" s="416" t="s">
        <v>2631</v>
      </c>
      <c r="L411" s="416" t="s">
        <v>2632</v>
      </c>
      <c r="M411" s="416" t="s">
        <v>60</v>
      </c>
      <c r="N411" s="416" t="s">
        <v>869</v>
      </c>
      <c r="O411" s="424" t="s">
        <v>2671</v>
      </c>
      <c r="P411" s="424" t="s">
        <v>63</v>
      </c>
      <c r="Q411" s="424" t="s">
        <v>63</v>
      </c>
      <c r="R411" s="436">
        <v>1843473.557505752</v>
      </c>
      <c r="S411" s="425">
        <v>1843473.557505752</v>
      </c>
      <c r="T411" s="425" t="s">
        <v>2188</v>
      </c>
      <c r="U411" s="425" t="s">
        <v>2189</v>
      </c>
      <c r="V411" s="425"/>
      <c r="W411" s="425"/>
      <c r="X411" s="425"/>
      <c r="Y411" s="425"/>
      <c r="Z411" s="425"/>
      <c r="AA411" s="425"/>
      <c r="AB411" s="425"/>
      <c r="AC411" s="425"/>
      <c r="AD411" s="425"/>
      <c r="AE411" s="425"/>
      <c r="AF411" s="425"/>
      <c r="AG411" s="425"/>
      <c r="AH411" s="425"/>
      <c r="AI411" s="425"/>
      <c r="AJ411" s="425"/>
      <c r="AK411" s="425"/>
      <c r="AL411" s="425"/>
      <c r="AM411" s="425"/>
      <c r="AN411" s="425"/>
      <c r="AO411" s="425"/>
      <c r="AP411" s="425"/>
      <c r="AQ411" s="425"/>
      <c r="AR411" s="425"/>
      <c r="AS411" s="425"/>
      <c r="AT411" s="425"/>
      <c r="AU411" s="425"/>
      <c r="AV411" s="425"/>
      <c r="AW411" s="425"/>
      <c r="AX411" s="425"/>
      <c r="AY411" s="425"/>
      <c r="AZ411" s="425"/>
      <c r="BA411" s="425"/>
      <c r="BB411" s="425"/>
      <c r="BC411" s="425"/>
      <c r="BD411" s="425"/>
      <c r="BE411" s="425"/>
      <c r="BF411" s="425"/>
      <c r="BG411" s="425"/>
      <c r="BH411" s="425"/>
      <c r="BI411" s="425"/>
      <c r="BJ411" s="425"/>
      <c r="BK411" s="425"/>
      <c r="BL411" s="425"/>
      <c r="BM411" s="425"/>
      <c r="BN411" s="425"/>
      <c r="BO411" s="425"/>
      <c r="BP411" s="425"/>
      <c r="BQ411" s="425"/>
      <c r="BR411" s="425"/>
      <c r="BS411" s="425"/>
      <c r="BT411" s="425"/>
      <c r="BU411" s="425"/>
      <c r="BV411" s="425"/>
      <c r="BW411" s="425"/>
      <c r="BX411" s="425"/>
      <c r="BY411" s="425"/>
      <c r="BZ411" s="425"/>
      <c r="CA411" s="425"/>
      <c r="CB411" s="425"/>
      <c r="CC411" s="425"/>
      <c r="CD411" s="425"/>
      <c r="CE411" s="425"/>
      <c r="CF411" s="425"/>
      <c r="CG411" s="425"/>
      <c r="CH411" s="425" t="s">
        <v>2190</v>
      </c>
      <c r="CI411" s="425"/>
      <c r="CJ411" s="425"/>
      <c r="CK411" s="425"/>
      <c r="CL411" s="425"/>
      <c r="CM411" s="425"/>
      <c r="CN411" s="425"/>
      <c r="CO411" s="425"/>
      <c r="CP411" s="425"/>
      <c r="CQ411" s="425"/>
      <c r="CR411" s="425"/>
      <c r="CS411" s="425"/>
      <c r="CT411" s="425"/>
      <c r="CU411" s="425"/>
      <c r="CV411" s="425"/>
      <c r="CW411" s="425"/>
      <c r="CX411" s="425"/>
      <c r="CY411" s="425"/>
      <c r="CZ411" s="425"/>
      <c r="DA411" s="425"/>
      <c r="DB411" s="425"/>
      <c r="DC411" s="437"/>
      <c r="DD411" s="416"/>
      <c r="DE411" s="416" t="s">
        <v>2232</v>
      </c>
      <c r="DF411" s="416" t="s">
        <v>2234</v>
      </c>
    </row>
    <row r="412" spans="3:110" ht="56.1" customHeight="1" x14ac:dyDescent="0.2">
      <c r="C412" s="412">
        <v>36</v>
      </c>
      <c r="D412" s="412" t="s">
        <v>2182</v>
      </c>
      <c r="E412" s="422" t="s">
        <v>1385</v>
      </c>
      <c r="F412" s="422" t="s">
        <v>295</v>
      </c>
      <c r="G412" s="416" t="s">
        <v>329</v>
      </c>
      <c r="H412" s="416" t="s">
        <v>2707</v>
      </c>
      <c r="I412" s="429" t="s">
        <v>2708</v>
      </c>
      <c r="J412" s="416" t="s">
        <v>2635</v>
      </c>
      <c r="K412" s="416" t="s">
        <v>2636</v>
      </c>
      <c r="L412" s="416" t="s">
        <v>2637</v>
      </c>
      <c r="M412" s="416" t="s">
        <v>81</v>
      </c>
      <c r="N412" s="416" t="s">
        <v>869</v>
      </c>
      <c r="O412" s="424" t="s">
        <v>2671</v>
      </c>
      <c r="P412" s="424" t="s">
        <v>63</v>
      </c>
      <c r="Q412" s="424" t="s">
        <v>63</v>
      </c>
      <c r="R412" s="436">
        <v>1410679.8963577494</v>
      </c>
      <c r="S412" s="425">
        <v>1410679.8963577494</v>
      </c>
      <c r="T412" s="425" t="s">
        <v>2188</v>
      </c>
      <c r="U412" s="425" t="s">
        <v>2189</v>
      </c>
      <c r="V412" s="425"/>
      <c r="W412" s="425"/>
      <c r="X412" s="425"/>
      <c r="Y412" s="425"/>
      <c r="Z412" s="425"/>
      <c r="AA412" s="425"/>
      <c r="AB412" s="425"/>
      <c r="AC412" s="425"/>
      <c r="AD412" s="425"/>
      <c r="AE412" s="425"/>
      <c r="AF412" s="425"/>
      <c r="AG412" s="425"/>
      <c r="AH412" s="425"/>
      <c r="AI412" s="425"/>
      <c r="AJ412" s="425"/>
      <c r="AK412" s="425"/>
      <c r="AL412" s="425"/>
      <c r="AM412" s="425"/>
      <c r="AN412" s="425"/>
      <c r="AO412" s="425"/>
      <c r="AP412" s="425"/>
      <c r="AQ412" s="425"/>
      <c r="AR412" s="425"/>
      <c r="AS412" s="425"/>
      <c r="AT412" s="425"/>
      <c r="AU412" s="425"/>
      <c r="AV412" s="425"/>
      <c r="AW412" s="425"/>
      <c r="AX412" s="425"/>
      <c r="AY412" s="425"/>
      <c r="AZ412" s="425"/>
      <c r="BA412" s="425"/>
      <c r="BB412" s="425"/>
      <c r="BC412" s="425"/>
      <c r="BD412" s="425"/>
      <c r="BE412" s="425"/>
      <c r="BF412" s="425"/>
      <c r="BG412" s="425"/>
      <c r="BH412" s="425"/>
      <c r="BI412" s="425"/>
      <c r="BJ412" s="425"/>
      <c r="BK412" s="425"/>
      <c r="BL412" s="425"/>
      <c r="BM412" s="425"/>
      <c r="BN412" s="425"/>
      <c r="BO412" s="425"/>
      <c r="BP412" s="425"/>
      <c r="BQ412" s="425"/>
      <c r="BR412" s="425"/>
      <c r="BS412" s="425"/>
      <c r="BT412" s="425"/>
      <c r="BU412" s="425"/>
      <c r="BV412" s="425"/>
      <c r="BW412" s="425"/>
      <c r="BX412" s="425"/>
      <c r="BY412" s="425"/>
      <c r="BZ412" s="425"/>
      <c r="CA412" s="425"/>
      <c r="CB412" s="425"/>
      <c r="CC412" s="425"/>
      <c r="CD412" s="425"/>
      <c r="CE412" s="425"/>
      <c r="CF412" s="425"/>
      <c r="CG412" s="425"/>
      <c r="CH412" s="425"/>
      <c r="CI412" s="425" t="s">
        <v>2190</v>
      </c>
      <c r="CJ412" s="425"/>
      <c r="CK412" s="425"/>
      <c r="CL412" s="425"/>
      <c r="CM412" s="425"/>
      <c r="CN412" s="425"/>
      <c r="CO412" s="425"/>
      <c r="CP412" s="425"/>
      <c r="CQ412" s="425"/>
      <c r="CR412" s="425"/>
      <c r="CS412" s="425"/>
      <c r="CT412" s="425"/>
      <c r="CU412" s="425"/>
      <c r="CV412" s="425"/>
      <c r="CW412" s="425"/>
      <c r="CX412" s="425"/>
      <c r="CY412" s="425"/>
      <c r="CZ412" s="425"/>
      <c r="DA412" s="425"/>
      <c r="DB412" s="425"/>
      <c r="DC412" s="437"/>
      <c r="DD412" s="416"/>
      <c r="DE412" s="416" t="s">
        <v>2232</v>
      </c>
      <c r="DF412" s="416" t="s">
        <v>2234</v>
      </c>
    </row>
    <row r="413" spans="3:110" ht="56.1" customHeight="1" x14ac:dyDescent="0.2">
      <c r="C413" s="412">
        <v>37</v>
      </c>
      <c r="D413" s="412" t="s">
        <v>2182</v>
      </c>
      <c r="E413" s="422" t="s">
        <v>1385</v>
      </c>
      <c r="F413" s="422" t="s">
        <v>295</v>
      </c>
      <c r="G413" s="416" t="s">
        <v>329</v>
      </c>
      <c r="H413" s="416" t="s">
        <v>2709</v>
      </c>
      <c r="I413" s="429" t="s">
        <v>2710</v>
      </c>
      <c r="J413" s="416" t="s">
        <v>2200</v>
      </c>
      <c r="K413" s="416" t="s">
        <v>2186</v>
      </c>
      <c r="L413" s="416" t="s">
        <v>2640</v>
      </c>
      <c r="M413" s="416" t="s">
        <v>81</v>
      </c>
      <c r="N413" s="416" t="s">
        <v>869</v>
      </c>
      <c r="O413" s="424" t="s">
        <v>2677</v>
      </c>
      <c r="P413" s="424" t="s">
        <v>63</v>
      </c>
      <c r="Q413" s="424" t="s">
        <v>63</v>
      </c>
      <c r="R413" s="436">
        <v>1097695.2305546592</v>
      </c>
      <c r="S413" s="425">
        <v>1097695.2305546592</v>
      </c>
      <c r="T413" s="425" t="s">
        <v>2188</v>
      </c>
      <c r="U413" s="425" t="s">
        <v>2189</v>
      </c>
      <c r="V413" s="425"/>
      <c r="W413" s="425"/>
      <c r="X413" s="425"/>
      <c r="Y413" s="425"/>
      <c r="Z413" s="425"/>
      <c r="AA413" s="425"/>
      <c r="AB413" s="425"/>
      <c r="AC413" s="425"/>
      <c r="AD413" s="425"/>
      <c r="AE413" s="425"/>
      <c r="AF413" s="425"/>
      <c r="AG413" s="425"/>
      <c r="AH413" s="425"/>
      <c r="AI413" s="425"/>
      <c r="AJ413" s="425"/>
      <c r="AK413" s="425"/>
      <c r="AL413" s="425"/>
      <c r="AM413" s="425"/>
      <c r="AN413" s="425"/>
      <c r="AO413" s="425"/>
      <c r="AP413" s="425"/>
      <c r="AQ413" s="425"/>
      <c r="AR413" s="425"/>
      <c r="AS413" s="425"/>
      <c r="AT413" s="425"/>
      <c r="AU413" s="425"/>
      <c r="AV413" s="425"/>
      <c r="AW413" s="425"/>
      <c r="AX413" s="425"/>
      <c r="AY413" s="425"/>
      <c r="AZ413" s="425"/>
      <c r="BA413" s="425"/>
      <c r="BB413" s="425"/>
      <c r="BC413" s="425"/>
      <c r="BD413" s="425"/>
      <c r="BE413" s="425"/>
      <c r="BF413" s="425"/>
      <c r="BG413" s="425"/>
      <c r="BH413" s="425"/>
      <c r="BI413" s="425"/>
      <c r="BJ413" s="425"/>
      <c r="BK413" s="425"/>
      <c r="BL413" s="425"/>
      <c r="BM413" s="425"/>
      <c r="BN413" s="425"/>
      <c r="BO413" s="425"/>
      <c r="BP413" s="425"/>
      <c r="BQ413" s="425"/>
      <c r="BR413" s="425"/>
      <c r="BS413" s="425"/>
      <c r="BT413" s="425"/>
      <c r="BU413" s="425"/>
      <c r="BV413" s="425"/>
      <c r="BW413" s="425"/>
      <c r="BX413" s="425"/>
      <c r="BY413" s="425"/>
      <c r="BZ413" s="425"/>
      <c r="CA413" s="425"/>
      <c r="CB413" s="425"/>
      <c r="CC413" s="425"/>
      <c r="CD413" s="425"/>
      <c r="CE413" s="425"/>
      <c r="CF413" s="425"/>
      <c r="CG413" s="425"/>
      <c r="CH413" s="425"/>
      <c r="CI413" s="425"/>
      <c r="CJ413" s="425" t="s">
        <v>2190</v>
      </c>
      <c r="CK413" s="425"/>
      <c r="CL413" s="425"/>
      <c r="CM413" s="425"/>
      <c r="CN413" s="425"/>
      <c r="CO413" s="425"/>
      <c r="CP413" s="425"/>
      <c r="CQ413" s="425"/>
      <c r="CR413" s="425"/>
      <c r="CS413" s="425"/>
      <c r="CT413" s="425"/>
      <c r="CU413" s="425"/>
      <c r="CV413" s="425"/>
      <c r="CW413" s="425"/>
      <c r="CX413" s="425"/>
      <c r="CY413" s="425"/>
      <c r="CZ413" s="425"/>
      <c r="DA413" s="425"/>
      <c r="DB413" s="425"/>
      <c r="DC413" s="437"/>
      <c r="DD413" s="416"/>
      <c r="DE413" s="416" t="s">
        <v>2232</v>
      </c>
      <c r="DF413" s="416" t="s">
        <v>2234</v>
      </c>
    </row>
    <row r="414" spans="3:110" ht="56.1" customHeight="1" x14ac:dyDescent="0.2">
      <c r="C414" s="412">
        <v>38</v>
      </c>
      <c r="D414" s="412" t="s">
        <v>2182</v>
      </c>
      <c r="E414" s="422" t="s">
        <v>1385</v>
      </c>
      <c r="F414" s="422" t="s">
        <v>295</v>
      </c>
      <c r="G414" s="416" t="s">
        <v>329</v>
      </c>
      <c r="H414" s="416" t="s">
        <v>2711</v>
      </c>
      <c r="I414" s="429" t="s">
        <v>2712</v>
      </c>
      <c r="J414" s="416" t="s">
        <v>2643</v>
      </c>
      <c r="K414" s="416" t="s">
        <v>2631</v>
      </c>
      <c r="L414" s="416" t="s">
        <v>2644</v>
      </c>
      <c r="M414" s="416" t="s">
        <v>81</v>
      </c>
      <c r="N414" s="416" t="s">
        <v>869</v>
      </c>
      <c r="O414" s="424" t="s">
        <v>2680</v>
      </c>
      <c r="P414" s="424" t="s">
        <v>63</v>
      </c>
      <c r="Q414" s="424" t="s">
        <v>63</v>
      </c>
      <c r="R414" s="436">
        <v>966352.78765295167</v>
      </c>
      <c r="S414" s="425">
        <v>966352.78765295167</v>
      </c>
      <c r="T414" s="425" t="s">
        <v>2188</v>
      </c>
      <c r="U414" s="425" t="s">
        <v>2189</v>
      </c>
      <c r="V414" s="425"/>
      <c r="W414" s="425"/>
      <c r="X414" s="425"/>
      <c r="Y414" s="425"/>
      <c r="Z414" s="425"/>
      <c r="AA414" s="425"/>
      <c r="AB414" s="425"/>
      <c r="AC414" s="425"/>
      <c r="AD414" s="425"/>
      <c r="AE414" s="425"/>
      <c r="AF414" s="425"/>
      <c r="AG414" s="425"/>
      <c r="AH414" s="425"/>
      <c r="AI414" s="425"/>
      <c r="AJ414" s="425"/>
      <c r="AK414" s="425"/>
      <c r="AL414" s="425"/>
      <c r="AM414" s="425"/>
      <c r="AN414" s="425"/>
      <c r="AO414" s="425"/>
      <c r="AP414" s="425"/>
      <c r="AQ414" s="425"/>
      <c r="AR414" s="425"/>
      <c r="AS414" s="425"/>
      <c r="AT414" s="425"/>
      <c r="AU414" s="425"/>
      <c r="AV414" s="425"/>
      <c r="AW414" s="425"/>
      <c r="AX414" s="425"/>
      <c r="AY414" s="425"/>
      <c r="AZ414" s="425"/>
      <c r="BA414" s="425"/>
      <c r="BB414" s="425"/>
      <c r="BC414" s="425"/>
      <c r="BD414" s="425"/>
      <c r="BE414" s="425"/>
      <c r="BF414" s="425"/>
      <c r="BG414" s="425"/>
      <c r="BH414" s="425"/>
      <c r="BI414" s="425"/>
      <c r="BJ414" s="425"/>
      <c r="BK414" s="425"/>
      <c r="BL414" s="425"/>
      <c r="BM414" s="425"/>
      <c r="BN414" s="425"/>
      <c r="BO414" s="425"/>
      <c r="BP414" s="425"/>
      <c r="BQ414" s="425"/>
      <c r="BR414" s="425"/>
      <c r="BS414" s="425"/>
      <c r="BT414" s="425"/>
      <c r="BU414" s="425"/>
      <c r="BV414" s="425"/>
      <c r="BW414" s="425"/>
      <c r="BX414" s="425"/>
      <c r="BY414" s="425"/>
      <c r="BZ414" s="425"/>
      <c r="CA414" s="425"/>
      <c r="CB414" s="425"/>
      <c r="CC414" s="425"/>
      <c r="CD414" s="425"/>
      <c r="CE414" s="425"/>
      <c r="CF414" s="425"/>
      <c r="CG414" s="425"/>
      <c r="CH414" s="425"/>
      <c r="CI414" s="425"/>
      <c r="CJ414" s="425"/>
      <c r="CK414" s="425" t="s">
        <v>2190</v>
      </c>
      <c r="CL414" s="425"/>
      <c r="CM414" s="425"/>
      <c r="CN414" s="425"/>
      <c r="CO414" s="425"/>
      <c r="CP414" s="425"/>
      <c r="CQ414" s="425"/>
      <c r="CR414" s="425"/>
      <c r="CS414" s="425"/>
      <c r="CT414" s="425"/>
      <c r="CU414" s="425"/>
      <c r="CV414" s="425"/>
      <c r="CW414" s="425"/>
      <c r="CX414" s="425"/>
      <c r="CY414" s="425"/>
      <c r="CZ414" s="425"/>
      <c r="DA414" s="425"/>
      <c r="DB414" s="425"/>
      <c r="DC414" s="437"/>
      <c r="DD414" s="416"/>
      <c r="DE414" s="416" t="s">
        <v>2232</v>
      </c>
      <c r="DF414" s="416" t="s">
        <v>2234</v>
      </c>
    </row>
    <row r="415" spans="3:110" ht="56.1" customHeight="1" x14ac:dyDescent="0.2">
      <c r="C415" s="412">
        <v>39</v>
      </c>
      <c r="D415" s="412" t="s">
        <v>2182</v>
      </c>
      <c r="E415" s="422" t="s">
        <v>1385</v>
      </c>
      <c r="F415" s="422" t="s">
        <v>295</v>
      </c>
      <c r="G415" s="416" t="s">
        <v>329</v>
      </c>
      <c r="H415" s="416" t="s">
        <v>2713</v>
      </c>
      <c r="I415" s="429" t="s">
        <v>2714</v>
      </c>
      <c r="J415" s="416" t="s">
        <v>2658</v>
      </c>
      <c r="K415" s="416" t="s">
        <v>2631</v>
      </c>
      <c r="L415" s="416" t="s">
        <v>2683</v>
      </c>
      <c r="M415" s="416" t="s">
        <v>81</v>
      </c>
      <c r="N415" s="416" t="s">
        <v>869</v>
      </c>
      <c r="O415" s="424" t="s">
        <v>2684</v>
      </c>
      <c r="P415" s="424" t="s">
        <v>63</v>
      </c>
      <c r="Q415" s="424" t="s">
        <v>63</v>
      </c>
      <c r="R415" s="436">
        <v>806982.97138998494</v>
      </c>
      <c r="S415" s="425">
        <v>806982.97138998494</v>
      </c>
      <c r="T415" s="425" t="s">
        <v>2188</v>
      </c>
      <c r="U415" s="425" t="s">
        <v>2189</v>
      </c>
      <c r="V415" s="425"/>
      <c r="W415" s="425"/>
      <c r="X415" s="425"/>
      <c r="Y415" s="425"/>
      <c r="Z415" s="425"/>
      <c r="AA415" s="425"/>
      <c r="AB415" s="425"/>
      <c r="AC415" s="425"/>
      <c r="AD415" s="425"/>
      <c r="AE415" s="425"/>
      <c r="AF415" s="425"/>
      <c r="AG415" s="425"/>
      <c r="AH415" s="425"/>
      <c r="AI415" s="425"/>
      <c r="AJ415" s="425"/>
      <c r="AK415" s="425"/>
      <c r="AL415" s="425"/>
      <c r="AM415" s="425"/>
      <c r="AN415" s="425"/>
      <c r="AO415" s="425"/>
      <c r="AP415" s="425"/>
      <c r="AQ415" s="425"/>
      <c r="AR415" s="425"/>
      <c r="AS415" s="425"/>
      <c r="AT415" s="425"/>
      <c r="AU415" s="425"/>
      <c r="AV415" s="425"/>
      <c r="AW415" s="425"/>
      <c r="AX415" s="425"/>
      <c r="AY415" s="425"/>
      <c r="AZ415" s="425"/>
      <c r="BA415" s="425"/>
      <c r="BB415" s="425"/>
      <c r="BC415" s="425"/>
      <c r="BD415" s="425"/>
      <c r="BE415" s="425"/>
      <c r="BF415" s="425"/>
      <c r="BG415" s="425"/>
      <c r="BH415" s="425"/>
      <c r="BI415" s="425"/>
      <c r="BJ415" s="425"/>
      <c r="BK415" s="425"/>
      <c r="BL415" s="425"/>
      <c r="BM415" s="425"/>
      <c r="BN415" s="425"/>
      <c r="BO415" s="425"/>
      <c r="BP415" s="425"/>
      <c r="BQ415" s="425"/>
      <c r="BR415" s="425"/>
      <c r="BS415" s="425"/>
      <c r="BT415" s="425"/>
      <c r="BU415" s="425"/>
      <c r="BV415" s="425"/>
      <c r="BW415" s="425"/>
      <c r="BX415" s="425"/>
      <c r="BY415" s="425"/>
      <c r="BZ415" s="425"/>
      <c r="CA415" s="425"/>
      <c r="CB415" s="425"/>
      <c r="CC415" s="425"/>
      <c r="CD415" s="425"/>
      <c r="CE415" s="425"/>
      <c r="CF415" s="425"/>
      <c r="CG415" s="425"/>
      <c r="CH415" s="425"/>
      <c r="CI415" s="425"/>
      <c r="CJ415" s="425"/>
      <c r="CK415" s="425"/>
      <c r="CL415" s="425" t="s">
        <v>2190</v>
      </c>
      <c r="CM415" s="425"/>
      <c r="CN415" s="425"/>
      <c r="CO415" s="425"/>
      <c r="CP415" s="425"/>
      <c r="CQ415" s="425"/>
      <c r="CR415" s="425"/>
      <c r="CS415" s="425"/>
      <c r="CT415" s="425"/>
      <c r="CU415" s="425"/>
      <c r="CV415" s="425"/>
      <c r="CW415" s="425"/>
      <c r="CX415" s="425"/>
      <c r="CY415" s="425"/>
      <c r="CZ415" s="425"/>
      <c r="DA415" s="425"/>
      <c r="DB415" s="425"/>
      <c r="DC415" s="437"/>
      <c r="DD415" s="416"/>
      <c r="DE415" s="416" t="s">
        <v>2232</v>
      </c>
      <c r="DF415" s="416" t="s">
        <v>2234</v>
      </c>
    </row>
    <row r="416" spans="3:110" ht="56.1" customHeight="1" x14ac:dyDescent="0.2">
      <c r="C416" s="412">
        <v>40</v>
      </c>
      <c r="D416" s="412" t="s">
        <v>2182</v>
      </c>
      <c r="E416" s="422" t="s">
        <v>1385</v>
      </c>
      <c r="F416" s="422" t="s">
        <v>295</v>
      </c>
      <c r="G416" s="416" t="s">
        <v>329</v>
      </c>
      <c r="H416" s="416" t="s">
        <v>2715</v>
      </c>
      <c r="I416" s="429" t="s">
        <v>2716</v>
      </c>
      <c r="J416" s="416" t="s">
        <v>2264</v>
      </c>
      <c r="K416" s="416" t="s">
        <v>2264</v>
      </c>
      <c r="L416" s="416" t="s">
        <v>2265</v>
      </c>
      <c r="M416" s="416" t="s">
        <v>81</v>
      </c>
      <c r="N416" s="416" t="s">
        <v>869</v>
      </c>
      <c r="O416" s="424" t="s">
        <v>2266</v>
      </c>
      <c r="P416" s="424" t="s">
        <v>63</v>
      </c>
      <c r="Q416" s="424" t="s">
        <v>63</v>
      </c>
      <c r="R416" s="436">
        <v>749720.53337398882</v>
      </c>
      <c r="S416" s="425">
        <v>749720.53337398882</v>
      </c>
      <c r="T416" s="425" t="s">
        <v>2188</v>
      </c>
      <c r="U416" s="425" t="s">
        <v>2189</v>
      </c>
      <c r="V416" s="425"/>
      <c r="W416" s="425"/>
      <c r="X416" s="425"/>
      <c r="Y416" s="425"/>
      <c r="Z416" s="425"/>
      <c r="AA416" s="425"/>
      <c r="AB416" s="425"/>
      <c r="AC416" s="425"/>
      <c r="AD416" s="425"/>
      <c r="AE416" s="425"/>
      <c r="AF416" s="425"/>
      <c r="AG416" s="425"/>
      <c r="AH416" s="425"/>
      <c r="AI416" s="425"/>
      <c r="AJ416" s="425"/>
      <c r="AK416" s="425"/>
      <c r="AL416" s="425"/>
      <c r="AM416" s="425"/>
      <c r="AN416" s="425"/>
      <c r="AO416" s="425"/>
      <c r="AP416" s="425"/>
      <c r="AQ416" s="425"/>
      <c r="AR416" s="425"/>
      <c r="AS416" s="425"/>
      <c r="AT416" s="425"/>
      <c r="AU416" s="425"/>
      <c r="AV416" s="425"/>
      <c r="AW416" s="425"/>
      <c r="AX416" s="425"/>
      <c r="AY416" s="425"/>
      <c r="AZ416" s="425"/>
      <c r="BA416" s="425"/>
      <c r="BB416" s="425"/>
      <c r="BC416" s="425"/>
      <c r="BD416" s="425"/>
      <c r="BE416" s="425"/>
      <c r="BF416" s="425"/>
      <c r="BG416" s="425"/>
      <c r="BH416" s="425"/>
      <c r="BI416" s="425"/>
      <c r="BJ416" s="425"/>
      <c r="BK416" s="425"/>
      <c r="BL416" s="425"/>
      <c r="BM416" s="425"/>
      <c r="BN416" s="425"/>
      <c r="BO416" s="425"/>
      <c r="BP416" s="425"/>
      <c r="BQ416" s="425"/>
      <c r="BR416" s="425"/>
      <c r="BS416" s="425"/>
      <c r="BT416" s="425"/>
      <c r="BU416" s="425"/>
      <c r="BV416" s="425"/>
      <c r="BW416" s="425"/>
      <c r="BX416" s="425"/>
      <c r="BY416" s="425"/>
      <c r="BZ416" s="425"/>
      <c r="CA416" s="425"/>
      <c r="CB416" s="425"/>
      <c r="CC416" s="425"/>
      <c r="CD416" s="425"/>
      <c r="CE416" s="425"/>
      <c r="CF416" s="425"/>
      <c r="CG416" s="425"/>
      <c r="CH416" s="425"/>
      <c r="CI416" s="425"/>
      <c r="CJ416" s="425"/>
      <c r="CK416" s="425"/>
      <c r="CL416" s="425"/>
      <c r="CM416" s="425" t="s">
        <v>2190</v>
      </c>
      <c r="CN416" s="425"/>
      <c r="CO416" s="425"/>
      <c r="CP416" s="425"/>
      <c r="CQ416" s="425"/>
      <c r="CR416" s="425"/>
      <c r="CS416" s="425"/>
      <c r="CT416" s="425"/>
      <c r="CU416" s="425"/>
      <c r="CV416" s="425"/>
      <c r="CW416" s="425"/>
      <c r="CX416" s="425"/>
      <c r="CY416" s="425"/>
      <c r="CZ416" s="425"/>
      <c r="DA416" s="425"/>
      <c r="DB416" s="425"/>
      <c r="DC416" s="437"/>
      <c r="DD416" s="416"/>
      <c r="DE416" s="416" t="s">
        <v>2232</v>
      </c>
      <c r="DF416" s="416" t="s">
        <v>2234</v>
      </c>
    </row>
    <row r="417" spans="3:110" ht="56.1" customHeight="1" x14ac:dyDescent="0.2">
      <c r="C417" s="412">
        <v>41</v>
      </c>
      <c r="D417" s="412" t="s">
        <v>2182</v>
      </c>
      <c r="E417" s="422" t="s">
        <v>1385</v>
      </c>
      <c r="F417" s="422" t="s">
        <v>295</v>
      </c>
      <c r="G417" s="416" t="s">
        <v>329</v>
      </c>
      <c r="H417" s="416" t="s">
        <v>2717</v>
      </c>
      <c r="I417" s="429" t="s">
        <v>2718</v>
      </c>
      <c r="J417" s="416" t="s">
        <v>2635</v>
      </c>
      <c r="K417" s="416" t="s">
        <v>2636</v>
      </c>
      <c r="L417" s="416" t="s">
        <v>2688</v>
      </c>
      <c r="M417" s="416" t="s">
        <v>81</v>
      </c>
      <c r="N417" s="416" t="s">
        <v>869</v>
      </c>
      <c r="O417" s="424" t="s">
        <v>2266</v>
      </c>
      <c r="P417" s="424" t="s">
        <v>63</v>
      </c>
      <c r="Q417" s="424" t="s">
        <v>63</v>
      </c>
      <c r="R417" s="436">
        <v>542314.39928191598</v>
      </c>
      <c r="S417" s="425">
        <v>542314.39928191598</v>
      </c>
      <c r="T417" s="425" t="s">
        <v>2188</v>
      </c>
      <c r="U417" s="425" t="s">
        <v>2189</v>
      </c>
      <c r="V417" s="425"/>
      <c r="W417" s="425"/>
      <c r="X417" s="425"/>
      <c r="Y417" s="425"/>
      <c r="Z417" s="425"/>
      <c r="AA417" s="425"/>
      <c r="AB417" s="425"/>
      <c r="AC417" s="425"/>
      <c r="AD417" s="425"/>
      <c r="AE417" s="425"/>
      <c r="AF417" s="425"/>
      <c r="AG417" s="425"/>
      <c r="AH417" s="425"/>
      <c r="AI417" s="425"/>
      <c r="AJ417" s="425"/>
      <c r="AK417" s="425"/>
      <c r="AL417" s="425"/>
      <c r="AM417" s="425"/>
      <c r="AN417" s="425"/>
      <c r="AO417" s="425"/>
      <c r="AP417" s="425"/>
      <c r="AQ417" s="425"/>
      <c r="AR417" s="425"/>
      <c r="AS417" s="425"/>
      <c r="AT417" s="425"/>
      <c r="AU417" s="425"/>
      <c r="AV417" s="425"/>
      <c r="AW417" s="425"/>
      <c r="AX417" s="425"/>
      <c r="AY417" s="425"/>
      <c r="AZ417" s="425"/>
      <c r="BA417" s="425"/>
      <c r="BB417" s="425"/>
      <c r="BC417" s="425"/>
      <c r="BD417" s="425"/>
      <c r="BE417" s="425"/>
      <c r="BF417" s="425"/>
      <c r="BG417" s="425"/>
      <c r="BH417" s="425"/>
      <c r="BI417" s="425"/>
      <c r="BJ417" s="425"/>
      <c r="BK417" s="425"/>
      <c r="BL417" s="425"/>
      <c r="BM417" s="425"/>
      <c r="BN417" s="425"/>
      <c r="BO417" s="425"/>
      <c r="BP417" s="425"/>
      <c r="BQ417" s="425"/>
      <c r="BR417" s="425"/>
      <c r="BS417" s="425"/>
      <c r="BT417" s="425"/>
      <c r="BU417" s="425"/>
      <c r="BV417" s="425"/>
      <c r="BW417" s="425"/>
      <c r="BX417" s="425"/>
      <c r="BY417" s="425"/>
      <c r="BZ417" s="425"/>
      <c r="CA417" s="425"/>
      <c r="CB417" s="425"/>
      <c r="CC417" s="425"/>
      <c r="CD417" s="425"/>
      <c r="CE417" s="425"/>
      <c r="CF417" s="425"/>
      <c r="CG417" s="425"/>
      <c r="CH417" s="425"/>
      <c r="CI417" s="425"/>
      <c r="CJ417" s="425"/>
      <c r="CK417" s="425"/>
      <c r="CL417" s="425"/>
      <c r="CM417" s="425"/>
      <c r="CN417" s="425" t="s">
        <v>2190</v>
      </c>
      <c r="CO417" s="425"/>
      <c r="CP417" s="425"/>
      <c r="CQ417" s="425"/>
      <c r="CR417" s="425"/>
      <c r="CS417" s="425"/>
      <c r="CT417" s="425"/>
      <c r="CU417" s="425"/>
      <c r="CV417" s="425"/>
      <c r="CW417" s="425"/>
      <c r="CX417" s="425"/>
      <c r="CY417" s="425"/>
      <c r="CZ417" s="425"/>
      <c r="DA417" s="425"/>
      <c r="DB417" s="425"/>
      <c r="DC417" s="437"/>
      <c r="DD417" s="416"/>
      <c r="DE417" s="416" t="s">
        <v>2232</v>
      </c>
      <c r="DF417" s="416" t="s">
        <v>2234</v>
      </c>
    </row>
    <row r="418" spans="3:110" ht="56.1" customHeight="1" x14ac:dyDescent="0.2">
      <c r="C418" s="412">
        <v>42</v>
      </c>
      <c r="D418" s="412" t="s">
        <v>2182</v>
      </c>
      <c r="E418" s="422" t="s">
        <v>1385</v>
      </c>
      <c r="F418" s="422" t="s">
        <v>295</v>
      </c>
      <c r="G418" s="416" t="s">
        <v>329</v>
      </c>
      <c r="H418" s="416" t="s">
        <v>2719</v>
      </c>
      <c r="I418" s="429" t="s">
        <v>2720</v>
      </c>
      <c r="J418" s="416" t="s">
        <v>2622</v>
      </c>
      <c r="K418" s="416" t="s">
        <v>2691</v>
      </c>
      <c r="L418" s="416" t="s">
        <v>2692</v>
      </c>
      <c r="M418" s="416" t="s">
        <v>81</v>
      </c>
      <c r="N418" s="416" t="s">
        <v>869</v>
      </c>
      <c r="O418" s="424" t="s">
        <v>2309</v>
      </c>
      <c r="P418" s="424" t="s">
        <v>63</v>
      </c>
      <c r="Q418" s="424" t="s">
        <v>63</v>
      </c>
      <c r="R418" s="436">
        <v>507312.98412941012</v>
      </c>
      <c r="S418" s="425">
        <v>507312.98412941012</v>
      </c>
      <c r="T418" s="425" t="s">
        <v>2188</v>
      </c>
      <c r="U418" s="425" t="s">
        <v>2189</v>
      </c>
      <c r="V418" s="425"/>
      <c r="W418" s="425"/>
      <c r="X418" s="425"/>
      <c r="Y418" s="425"/>
      <c r="Z418" s="425"/>
      <c r="AA418" s="425"/>
      <c r="AB418" s="425"/>
      <c r="AC418" s="425"/>
      <c r="AD418" s="425"/>
      <c r="AE418" s="425"/>
      <c r="AF418" s="425"/>
      <c r="AG418" s="425"/>
      <c r="AH418" s="425"/>
      <c r="AI418" s="425"/>
      <c r="AJ418" s="425"/>
      <c r="AK418" s="425"/>
      <c r="AL418" s="425"/>
      <c r="AM418" s="425"/>
      <c r="AN418" s="425"/>
      <c r="AO418" s="425"/>
      <c r="AP418" s="425"/>
      <c r="AQ418" s="425"/>
      <c r="AR418" s="425"/>
      <c r="AS418" s="425"/>
      <c r="AT418" s="425"/>
      <c r="AU418" s="425"/>
      <c r="AV418" s="425"/>
      <c r="AW418" s="425"/>
      <c r="AX418" s="425"/>
      <c r="AY418" s="425"/>
      <c r="AZ418" s="425"/>
      <c r="BA418" s="425"/>
      <c r="BB418" s="425"/>
      <c r="BC418" s="425"/>
      <c r="BD418" s="425"/>
      <c r="BE418" s="425"/>
      <c r="BF418" s="425"/>
      <c r="BG418" s="425"/>
      <c r="BH418" s="425"/>
      <c r="BI418" s="425"/>
      <c r="BJ418" s="425"/>
      <c r="BK418" s="425"/>
      <c r="BL418" s="425"/>
      <c r="BM418" s="425"/>
      <c r="BN418" s="425"/>
      <c r="BO418" s="425"/>
      <c r="BP418" s="425"/>
      <c r="BQ418" s="425"/>
      <c r="BR418" s="425"/>
      <c r="BS418" s="425"/>
      <c r="BT418" s="425"/>
      <c r="BU418" s="425"/>
      <c r="BV418" s="425"/>
      <c r="BW418" s="425"/>
      <c r="BX418" s="425"/>
      <c r="BY418" s="425"/>
      <c r="BZ418" s="425"/>
      <c r="CA418" s="425"/>
      <c r="CB418" s="425"/>
      <c r="CC418" s="425"/>
      <c r="CD418" s="425"/>
      <c r="CE418" s="425"/>
      <c r="CF418" s="425"/>
      <c r="CG418" s="425"/>
      <c r="CH418" s="425"/>
      <c r="CI418" s="425"/>
      <c r="CJ418" s="425"/>
      <c r="CK418" s="425"/>
      <c r="CL418" s="425"/>
      <c r="CM418" s="425"/>
      <c r="CN418" s="425"/>
      <c r="CO418" s="425" t="s">
        <v>2190</v>
      </c>
      <c r="CP418" s="425"/>
      <c r="CQ418" s="425"/>
      <c r="CR418" s="425"/>
      <c r="CS418" s="425"/>
      <c r="CT418" s="425"/>
      <c r="CU418" s="425"/>
      <c r="CV418" s="425"/>
      <c r="CW418" s="425"/>
      <c r="CX418" s="425"/>
      <c r="CY418" s="425"/>
      <c r="CZ418" s="425"/>
      <c r="DA418" s="425"/>
      <c r="DB418" s="425"/>
      <c r="DC418" s="437"/>
      <c r="DD418" s="416"/>
      <c r="DE418" s="416" t="s">
        <v>2232</v>
      </c>
      <c r="DF418" s="416" t="s">
        <v>2234</v>
      </c>
    </row>
    <row r="419" spans="3:110" ht="56.1" customHeight="1" x14ac:dyDescent="0.2">
      <c r="C419" s="412">
        <v>46</v>
      </c>
      <c r="D419" s="412" t="s">
        <v>2182</v>
      </c>
      <c r="E419" s="422" t="s">
        <v>1385</v>
      </c>
      <c r="F419" s="422" t="s">
        <v>295</v>
      </c>
      <c r="G419" s="416" t="s">
        <v>2721</v>
      </c>
      <c r="H419" s="416" t="s">
        <v>2722</v>
      </c>
      <c r="I419" s="429" t="s">
        <v>2723</v>
      </c>
      <c r="J419" s="416" t="s">
        <v>2257</v>
      </c>
      <c r="K419" s="416" t="s">
        <v>2631</v>
      </c>
      <c r="L419" s="416" t="s">
        <v>63</v>
      </c>
      <c r="M419" s="416" t="s">
        <v>60</v>
      </c>
      <c r="N419" s="416" t="s">
        <v>2724</v>
      </c>
      <c r="O419" s="424" t="s">
        <v>2258</v>
      </c>
      <c r="P419" s="424" t="s">
        <v>63</v>
      </c>
      <c r="Q419" s="424" t="s">
        <v>63</v>
      </c>
      <c r="R419" s="438">
        <v>5300000</v>
      </c>
      <c r="S419" s="425">
        <v>5300000</v>
      </c>
      <c r="T419" s="425" t="s">
        <v>2188</v>
      </c>
      <c r="U419" s="425" t="s">
        <v>2189</v>
      </c>
      <c r="V419" s="425"/>
      <c r="W419" s="425"/>
      <c r="X419" s="425"/>
      <c r="Y419" s="425"/>
      <c r="Z419" s="425"/>
      <c r="AA419" s="425"/>
      <c r="AB419" s="425"/>
      <c r="AC419" s="425"/>
      <c r="AD419" s="425"/>
      <c r="AE419" s="425"/>
      <c r="AF419" s="425"/>
      <c r="AG419" s="425"/>
      <c r="AH419" s="425"/>
      <c r="AI419" s="425"/>
      <c r="AJ419" s="425"/>
      <c r="AK419" s="425"/>
      <c r="AL419" s="425"/>
      <c r="AM419" s="425"/>
      <c r="AN419" s="425"/>
      <c r="AO419" s="425"/>
      <c r="AP419" s="425"/>
      <c r="AQ419" s="425"/>
      <c r="AR419" s="425"/>
      <c r="AS419" s="425"/>
      <c r="AT419" s="425"/>
      <c r="AU419" s="425"/>
      <c r="AV419" s="425"/>
      <c r="AW419" s="425"/>
      <c r="AX419" s="425"/>
      <c r="AY419" s="425"/>
      <c r="AZ419" s="425"/>
      <c r="BA419" s="425"/>
      <c r="BB419" s="425"/>
      <c r="BC419" s="425"/>
      <c r="BD419" s="425"/>
      <c r="BE419" s="425"/>
      <c r="BF419" s="425"/>
      <c r="BG419" s="425"/>
      <c r="BH419" s="425"/>
      <c r="BI419" s="425"/>
      <c r="BJ419" s="425"/>
      <c r="BK419" s="425"/>
      <c r="BL419" s="425"/>
      <c r="BM419" s="425"/>
      <c r="BN419" s="425"/>
      <c r="BO419" s="425"/>
      <c r="BP419" s="425"/>
      <c r="BQ419" s="425"/>
      <c r="BR419" s="425"/>
      <c r="BS419" s="425"/>
      <c r="BT419" s="425"/>
      <c r="BU419" s="425"/>
      <c r="BV419" s="425"/>
      <c r="BW419" s="425"/>
      <c r="BX419" s="425"/>
      <c r="BY419" s="425"/>
      <c r="BZ419" s="425"/>
      <c r="CA419" s="425"/>
      <c r="CB419" s="425"/>
      <c r="CC419" s="425"/>
      <c r="CD419" s="425"/>
      <c r="CE419" s="425"/>
      <c r="CF419" s="425"/>
      <c r="CG419" s="425"/>
      <c r="CH419" s="425" t="s">
        <v>2190</v>
      </c>
      <c r="CI419" s="425"/>
      <c r="CJ419" s="425"/>
      <c r="CK419" s="425" t="s">
        <v>2190</v>
      </c>
      <c r="CL419" s="425" t="s">
        <v>2190</v>
      </c>
      <c r="CM419" s="425"/>
      <c r="CN419" s="425"/>
      <c r="CO419" s="425"/>
      <c r="CP419" s="425"/>
      <c r="CQ419" s="425"/>
      <c r="CR419" s="425"/>
      <c r="CS419" s="425"/>
      <c r="CT419" s="425"/>
      <c r="CU419" s="425"/>
      <c r="CV419" s="425"/>
      <c r="CW419" s="425"/>
      <c r="CX419" s="425"/>
      <c r="CY419" s="425"/>
      <c r="CZ419" s="425"/>
      <c r="DA419" s="425"/>
      <c r="DB419" s="425"/>
      <c r="DC419" s="425" t="s">
        <v>2190</v>
      </c>
      <c r="DD419" s="416"/>
      <c r="DE419" s="416" t="s">
        <v>2725</v>
      </c>
      <c r="DF419" s="416" t="s">
        <v>2726</v>
      </c>
    </row>
    <row r="420" spans="3:110" ht="56.1" customHeight="1" x14ac:dyDescent="0.2">
      <c r="C420" s="412">
        <v>47</v>
      </c>
      <c r="D420" s="412" t="s">
        <v>2182</v>
      </c>
      <c r="E420" s="422" t="s">
        <v>1385</v>
      </c>
      <c r="F420" s="422" t="s">
        <v>295</v>
      </c>
      <c r="G420" s="416" t="s">
        <v>2727</v>
      </c>
      <c r="H420" s="416" t="s">
        <v>2728</v>
      </c>
      <c r="I420" s="429" t="s">
        <v>2729</v>
      </c>
      <c r="J420" s="416" t="s">
        <v>2257</v>
      </c>
      <c r="K420" s="416" t="s">
        <v>2631</v>
      </c>
      <c r="L420" s="416" t="s">
        <v>2730</v>
      </c>
      <c r="M420" s="416" t="s">
        <v>81</v>
      </c>
      <c r="N420" s="416" t="s">
        <v>61</v>
      </c>
      <c r="O420" s="424" t="s">
        <v>2731</v>
      </c>
      <c r="P420" s="424" t="s">
        <v>63</v>
      </c>
      <c r="Q420" s="424" t="s">
        <v>63</v>
      </c>
      <c r="R420" s="438">
        <v>1260000</v>
      </c>
      <c r="S420" s="425">
        <v>1260000</v>
      </c>
      <c r="T420" s="425" t="s">
        <v>2188</v>
      </c>
      <c r="U420" s="425" t="s">
        <v>2189</v>
      </c>
      <c r="V420" s="425"/>
      <c r="W420" s="425"/>
      <c r="X420" s="425"/>
      <c r="Y420" s="425"/>
      <c r="Z420" s="425"/>
      <c r="AA420" s="425"/>
      <c r="AB420" s="425"/>
      <c r="AC420" s="425"/>
      <c r="AD420" s="425"/>
      <c r="AE420" s="425"/>
      <c r="AF420" s="425"/>
      <c r="AG420" s="425"/>
      <c r="AH420" s="425"/>
      <c r="AI420" s="425"/>
      <c r="AJ420" s="425"/>
      <c r="AK420" s="425"/>
      <c r="AL420" s="425"/>
      <c r="AM420" s="425"/>
      <c r="AN420" s="425"/>
      <c r="AO420" s="425"/>
      <c r="AP420" s="425"/>
      <c r="AQ420" s="425"/>
      <c r="AR420" s="425"/>
      <c r="AS420" s="425"/>
      <c r="AT420" s="425"/>
      <c r="AU420" s="425"/>
      <c r="AV420" s="425"/>
      <c r="AW420" s="425"/>
      <c r="AX420" s="425"/>
      <c r="AY420" s="425"/>
      <c r="AZ420" s="425"/>
      <c r="BA420" s="425"/>
      <c r="BB420" s="425"/>
      <c r="BC420" s="425"/>
      <c r="BD420" s="425"/>
      <c r="BE420" s="425"/>
      <c r="BF420" s="425"/>
      <c r="BG420" s="425"/>
      <c r="BH420" s="425"/>
      <c r="BI420" s="425"/>
      <c r="BJ420" s="425"/>
      <c r="BK420" s="425"/>
      <c r="BL420" s="425"/>
      <c r="BM420" s="425"/>
      <c r="BN420" s="425"/>
      <c r="BO420" s="425"/>
      <c r="BP420" s="425"/>
      <c r="BQ420" s="425"/>
      <c r="BR420" s="425"/>
      <c r="BS420" s="425"/>
      <c r="BT420" s="425"/>
      <c r="BU420" s="425"/>
      <c r="BV420" s="425"/>
      <c r="BW420" s="425"/>
      <c r="BX420" s="425"/>
      <c r="BY420" s="425"/>
      <c r="BZ420" s="425"/>
      <c r="CA420" s="425"/>
      <c r="CB420" s="425"/>
      <c r="CC420" s="425"/>
      <c r="CD420" s="425"/>
      <c r="CE420" s="425"/>
      <c r="CF420" s="425"/>
      <c r="CG420" s="425"/>
      <c r="CH420" s="425" t="s">
        <v>2190</v>
      </c>
      <c r="CI420" s="425"/>
      <c r="CJ420" s="425"/>
      <c r="CK420" s="425" t="s">
        <v>2190</v>
      </c>
      <c r="CL420" s="425"/>
      <c r="CM420" s="425"/>
      <c r="CN420" s="425"/>
      <c r="CO420" s="425"/>
      <c r="CP420" s="425"/>
      <c r="CQ420" s="425"/>
      <c r="CR420" s="425"/>
      <c r="CS420" s="425"/>
      <c r="CT420" s="425"/>
      <c r="CU420" s="425"/>
      <c r="CV420" s="425"/>
      <c r="CW420" s="425"/>
      <c r="CX420" s="425"/>
      <c r="CY420" s="425"/>
      <c r="CZ420" s="425"/>
      <c r="DA420" s="425"/>
      <c r="DB420" s="425"/>
      <c r="DC420" s="425" t="s">
        <v>2190</v>
      </c>
      <c r="DD420" s="416"/>
      <c r="DE420" s="416" t="s">
        <v>2732</v>
      </c>
      <c r="DF420" s="416" t="s">
        <v>2733</v>
      </c>
    </row>
    <row r="421" spans="3:110" ht="56.1" customHeight="1" x14ac:dyDescent="0.2">
      <c r="C421" s="412">
        <v>51</v>
      </c>
      <c r="D421" s="412" t="s">
        <v>2182</v>
      </c>
      <c r="E421" s="422" t="s">
        <v>1385</v>
      </c>
      <c r="F421" s="422" t="s">
        <v>295</v>
      </c>
      <c r="G421" s="416" t="s">
        <v>2183</v>
      </c>
      <c r="H421" s="416" t="s">
        <v>2734</v>
      </c>
      <c r="I421" s="416" t="s">
        <v>2735</v>
      </c>
      <c r="J421" s="416" t="s">
        <v>2257</v>
      </c>
      <c r="K421" s="416" t="s">
        <v>2631</v>
      </c>
      <c r="L421" s="416" t="s">
        <v>2632</v>
      </c>
      <c r="M421" s="416" t="s">
        <v>81</v>
      </c>
      <c r="N421" s="416" t="s">
        <v>2187</v>
      </c>
      <c r="O421" s="424" t="s">
        <v>2671</v>
      </c>
      <c r="P421" s="424" t="s">
        <v>63</v>
      </c>
      <c r="Q421" s="424" t="s">
        <v>63</v>
      </c>
      <c r="R421" s="425">
        <v>1097000</v>
      </c>
      <c r="S421" s="425">
        <v>1097000</v>
      </c>
      <c r="T421" s="425" t="s">
        <v>2188</v>
      </c>
      <c r="U421" s="425" t="s">
        <v>2189</v>
      </c>
      <c r="V421" s="425"/>
      <c r="W421" s="425"/>
      <c r="X421" s="425"/>
      <c r="Y421" s="425"/>
      <c r="Z421" s="425"/>
      <c r="AA421" s="425"/>
      <c r="AB421" s="425"/>
      <c r="AC421" s="425"/>
      <c r="AD421" s="425"/>
      <c r="AE421" s="425"/>
      <c r="AF421" s="425"/>
      <c r="AG421" s="425"/>
      <c r="AH421" s="425"/>
      <c r="AI421" s="425"/>
      <c r="AJ421" s="425"/>
      <c r="AK421" s="425"/>
      <c r="AL421" s="425"/>
      <c r="AM421" s="425"/>
      <c r="AN421" s="425"/>
      <c r="AO421" s="425"/>
      <c r="AP421" s="425"/>
      <c r="AQ421" s="425"/>
      <c r="AR421" s="425"/>
      <c r="AS421" s="425"/>
      <c r="AT421" s="425"/>
      <c r="AU421" s="425"/>
      <c r="AV421" s="425"/>
      <c r="AW421" s="425"/>
      <c r="AX421" s="425"/>
      <c r="AY421" s="425"/>
      <c r="AZ421" s="425"/>
      <c r="BA421" s="425"/>
      <c r="BB421" s="425"/>
      <c r="BC421" s="425"/>
      <c r="BD421" s="425"/>
      <c r="BE421" s="425"/>
      <c r="BF421" s="425"/>
      <c r="BG421" s="425"/>
      <c r="BH421" s="425"/>
      <c r="BI421" s="425"/>
      <c r="BJ421" s="425"/>
      <c r="BK421" s="425"/>
      <c r="BL421" s="425"/>
      <c r="BM421" s="425"/>
      <c r="BN421" s="425"/>
      <c r="BO421" s="425"/>
      <c r="BP421" s="425"/>
      <c r="BQ421" s="425"/>
      <c r="BR421" s="425"/>
      <c r="BS421" s="425"/>
      <c r="BT421" s="425"/>
      <c r="BU421" s="425"/>
      <c r="BV421" s="425"/>
      <c r="BW421" s="425"/>
      <c r="BX421" s="425"/>
      <c r="BY421" s="425"/>
      <c r="BZ421" s="425"/>
      <c r="CA421" s="425"/>
      <c r="CB421" s="425"/>
      <c r="CC421" s="425"/>
      <c r="CD421" s="425"/>
      <c r="CE421" s="425"/>
      <c r="CF421" s="425"/>
      <c r="CG421" s="425"/>
      <c r="CH421" s="425" t="s">
        <v>2190</v>
      </c>
      <c r="CI421" s="425"/>
      <c r="CJ421" s="425"/>
      <c r="CK421" s="425"/>
      <c r="CL421" s="425"/>
      <c r="CM421" s="425"/>
      <c r="CN421" s="425"/>
      <c r="CO421" s="425"/>
      <c r="CP421" s="425"/>
      <c r="CQ421" s="425"/>
      <c r="CR421" s="425"/>
      <c r="CS421" s="425"/>
      <c r="CT421" s="425"/>
      <c r="CU421" s="425"/>
      <c r="CV421" s="425"/>
      <c r="CW421" s="425"/>
      <c r="CX421" s="425"/>
      <c r="CY421" s="425"/>
      <c r="CZ421" s="425"/>
      <c r="DA421" s="425"/>
      <c r="DB421" s="425"/>
      <c r="DC421" s="425"/>
      <c r="DD421" s="416"/>
      <c r="DE421" s="416" t="s">
        <v>2191</v>
      </c>
      <c r="DF421" s="416" t="s">
        <v>869</v>
      </c>
    </row>
    <row r="422" spans="3:110" ht="56.1" customHeight="1" x14ac:dyDescent="0.2">
      <c r="C422" s="412">
        <v>52</v>
      </c>
      <c r="D422" s="412" t="s">
        <v>2182</v>
      </c>
      <c r="E422" s="422" t="s">
        <v>1385</v>
      </c>
      <c r="F422" s="422" t="s">
        <v>295</v>
      </c>
      <c r="G422" s="416" t="s">
        <v>2183</v>
      </c>
      <c r="H422" s="416" t="s">
        <v>2736</v>
      </c>
      <c r="I422" s="416" t="s">
        <v>2737</v>
      </c>
      <c r="J422" s="416" t="s">
        <v>2635</v>
      </c>
      <c r="K422" s="416" t="s">
        <v>2636</v>
      </c>
      <c r="L422" s="416" t="s">
        <v>2637</v>
      </c>
      <c r="M422" s="416" t="s">
        <v>81</v>
      </c>
      <c r="N422" s="416" t="s">
        <v>2187</v>
      </c>
      <c r="O422" s="424" t="s">
        <v>2671</v>
      </c>
      <c r="P422" s="424" t="s">
        <v>63</v>
      </c>
      <c r="Q422" s="424" t="s">
        <v>63</v>
      </c>
      <c r="R422" s="425">
        <v>738000</v>
      </c>
      <c r="S422" s="425">
        <v>738000</v>
      </c>
      <c r="T422" s="425" t="s">
        <v>2188</v>
      </c>
      <c r="U422" s="425" t="s">
        <v>2189</v>
      </c>
      <c r="V422" s="425"/>
      <c r="W422" s="425"/>
      <c r="X422" s="425"/>
      <c r="Y422" s="425"/>
      <c r="Z422" s="425"/>
      <c r="AA422" s="425"/>
      <c r="AB422" s="425"/>
      <c r="AC422" s="425"/>
      <c r="AD422" s="425"/>
      <c r="AE422" s="425"/>
      <c r="AF422" s="425"/>
      <c r="AG422" s="425"/>
      <c r="AH422" s="425"/>
      <c r="AI422" s="425"/>
      <c r="AJ422" s="425"/>
      <c r="AK422" s="425"/>
      <c r="AL422" s="425"/>
      <c r="AM422" s="425"/>
      <c r="AN422" s="425"/>
      <c r="AO422" s="425"/>
      <c r="AP422" s="425"/>
      <c r="AQ422" s="425"/>
      <c r="AR422" s="425"/>
      <c r="AS422" s="425"/>
      <c r="AT422" s="425"/>
      <c r="AU422" s="425"/>
      <c r="AV422" s="425"/>
      <c r="AW422" s="425"/>
      <c r="AX422" s="425"/>
      <c r="AY422" s="425"/>
      <c r="AZ422" s="425"/>
      <c r="BA422" s="425"/>
      <c r="BB422" s="425"/>
      <c r="BC422" s="425"/>
      <c r="BD422" s="425"/>
      <c r="BE422" s="425"/>
      <c r="BF422" s="425"/>
      <c r="BG422" s="425"/>
      <c r="BH422" s="425"/>
      <c r="BI422" s="425"/>
      <c r="BJ422" s="425"/>
      <c r="BK422" s="425"/>
      <c r="BL422" s="425"/>
      <c r="BM422" s="425"/>
      <c r="BN422" s="425"/>
      <c r="BO422" s="425"/>
      <c r="BP422" s="425"/>
      <c r="BQ422" s="425"/>
      <c r="BR422" s="425"/>
      <c r="BS422" s="425"/>
      <c r="BT422" s="425"/>
      <c r="BU422" s="425"/>
      <c r="BV422" s="425"/>
      <c r="BW422" s="425"/>
      <c r="BX422" s="425"/>
      <c r="BY422" s="425"/>
      <c r="BZ422" s="425"/>
      <c r="CA422" s="425"/>
      <c r="CB422" s="425"/>
      <c r="CC422" s="425"/>
      <c r="CD422" s="425"/>
      <c r="CE422" s="425"/>
      <c r="CF422" s="425"/>
      <c r="CG422" s="425"/>
      <c r="CH422" s="425"/>
      <c r="CI422" s="425" t="s">
        <v>2190</v>
      </c>
      <c r="CJ422" s="425"/>
      <c r="CK422" s="425"/>
      <c r="CL422" s="425"/>
      <c r="CM422" s="425"/>
      <c r="CN422" s="425"/>
      <c r="CO422" s="425"/>
      <c r="CP422" s="425"/>
      <c r="CQ422" s="425"/>
      <c r="CR422" s="425"/>
      <c r="CS422" s="425"/>
      <c r="CT422" s="425"/>
      <c r="CU422" s="425"/>
      <c r="CV422" s="425"/>
      <c r="CW422" s="425"/>
      <c r="CX422" s="425"/>
      <c r="CY422" s="425"/>
      <c r="CZ422" s="425"/>
      <c r="DA422" s="425"/>
      <c r="DB422" s="425"/>
      <c r="DC422" s="425"/>
      <c r="DD422" s="416"/>
      <c r="DE422" s="416" t="s">
        <v>2191</v>
      </c>
      <c r="DF422" s="416" t="s">
        <v>869</v>
      </c>
    </row>
    <row r="423" spans="3:110" ht="56.1" customHeight="1" x14ac:dyDescent="0.2">
      <c r="C423" s="412">
        <v>53</v>
      </c>
      <c r="D423" s="412" t="s">
        <v>2182</v>
      </c>
      <c r="E423" s="422" t="s">
        <v>1385</v>
      </c>
      <c r="F423" s="422" t="s">
        <v>295</v>
      </c>
      <c r="G423" s="416" t="s">
        <v>2183</v>
      </c>
      <c r="H423" s="416" t="s">
        <v>2738</v>
      </c>
      <c r="I423" s="416" t="s">
        <v>2739</v>
      </c>
      <c r="J423" s="416" t="s">
        <v>2200</v>
      </c>
      <c r="K423" s="416" t="s">
        <v>2186</v>
      </c>
      <c r="L423" s="416" t="s">
        <v>2640</v>
      </c>
      <c r="M423" s="416" t="s">
        <v>81</v>
      </c>
      <c r="N423" s="416" t="s">
        <v>2187</v>
      </c>
      <c r="O423" s="424" t="s">
        <v>2677</v>
      </c>
      <c r="P423" s="424" t="s">
        <v>63</v>
      </c>
      <c r="Q423" s="424" t="s">
        <v>63</v>
      </c>
      <c r="R423" s="425">
        <v>545000</v>
      </c>
      <c r="S423" s="425">
        <v>545000</v>
      </c>
      <c r="T423" s="425" t="s">
        <v>2188</v>
      </c>
      <c r="U423" s="425" t="s">
        <v>2189</v>
      </c>
      <c r="V423" s="425"/>
      <c r="W423" s="425"/>
      <c r="X423" s="425"/>
      <c r="Y423" s="425"/>
      <c r="Z423" s="425"/>
      <c r="AA423" s="425"/>
      <c r="AB423" s="425"/>
      <c r="AC423" s="425"/>
      <c r="AD423" s="425"/>
      <c r="AE423" s="425"/>
      <c r="AF423" s="425"/>
      <c r="AG423" s="425"/>
      <c r="AH423" s="425"/>
      <c r="AI423" s="425"/>
      <c r="AJ423" s="425"/>
      <c r="AK423" s="425"/>
      <c r="AL423" s="425"/>
      <c r="AM423" s="425"/>
      <c r="AN423" s="425"/>
      <c r="AO423" s="425"/>
      <c r="AP423" s="425"/>
      <c r="AQ423" s="425"/>
      <c r="AR423" s="425"/>
      <c r="AS423" s="425"/>
      <c r="AT423" s="425"/>
      <c r="AU423" s="425"/>
      <c r="AV423" s="425"/>
      <c r="AW423" s="425"/>
      <c r="AX423" s="425"/>
      <c r="AY423" s="425"/>
      <c r="AZ423" s="425"/>
      <c r="BA423" s="425"/>
      <c r="BB423" s="425"/>
      <c r="BC423" s="425"/>
      <c r="BD423" s="425"/>
      <c r="BE423" s="425"/>
      <c r="BF423" s="425"/>
      <c r="BG423" s="425"/>
      <c r="BH423" s="425"/>
      <c r="BI423" s="425"/>
      <c r="BJ423" s="425"/>
      <c r="BK423" s="425"/>
      <c r="BL423" s="425"/>
      <c r="BM423" s="425"/>
      <c r="BN423" s="425"/>
      <c r="BO423" s="425"/>
      <c r="BP423" s="425"/>
      <c r="BQ423" s="425"/>
      <c r="BR423" s="425"/>
      <c r="BS423" s="425"/>
      <c r="BT423" s="425"/>
      <c r="BU423" s="425"/>
      <c r="BV423" s="425"/>
      <c r="BW423" s="425"/>
      <c r="BX423" s="425"/>
      <c r="BY423" s="425"/>
      <c r="BZ423" s="425"/>
      <c r="CA423" s="425"/>
      <c r="CB423" s="425"/>
      <c r="CC423" s="425"/>
      <c r="CD423" s="425"/>
      <c r="CE423" s="425"/>
      <c r="CF423" s="425"/>
      <c r="CG423" s="425"/>
      <c r="CH423" s="425"/>
      <c r="CI423" s="425"/>
      <c r="CJ423" s="425" t="s">
        <v>2190</v>
      </c>
      <c r="CK423" s="425"/>
      <c r="CL423" s="425"/>
      <c r="CM423" s="425"/>
      <c r="CN423" s="425"/>
      <c r="CO423" s="425"/>
      <c r="CP423" s="425"/>
      <c r="CQ423" s="425"/>
      <c r="CR423" s="425"/>
      <c r="CS423" s="425"/>
      <c r="CT423" s="425"/>
      <c r="CU423" s="425"/>
      <c r="CV423" s="425"/>
      <c r="CW423" s="425"/>
      <c r="CX423" s="425"/>
      <c r="CY423" s="425"/>
      <c r="CZ423" s="425"/>
      <c r="DA423" s="425"/>
      <c r="DB423" s="425"/>
      <c r="DC423" s="425"/>
      <c r="DD423" s="416"/>
      <c r="DE423" s="416" t="s">
        <v>2191</v>
      </c>
      <c r="DF423" s="416" t="s">
        <v>869</v>
      </c>
    </row>
    <row r="424" spans="3:110" ht="56.1" customHeight="1" x14ac:dyDescent="0.2">
      <c r="C424" s="412">
        <v>54</v>
      </c>
      <c r="D424" s="412" t="s">
        <v>2182</v>
      </c>
      <c r="E424" s="422" t="s">
        <v>1385</v>
      </c>
      <c r="F424" s="422" t="s">
        <v>295</v>
      </c>
      <c r="G424" s="416" t="s">
        <v>2183</v>
      </c>
      <c r="H424" s="416" t="s">
        <v>2740</v>
      </c>
      <c r="I424" s="416" t="s">
        <v>2741</v>
      </c>
      <c r="J424" s="416" t="s">
        <v>2742</v>
      </c>
      <c r="K424" s="416" t="s">
        <v>2631</v>
      </c>
      <c r="L424" s="416" t="s">
        <v>2644</v>
      </c>
      <c r="M424" s="416" t="s">
        <v>81</v>
      </c>
      <c r="N424" s="416" t="s">
        <v>2187</v>
      </c>
      <c r="O424" s="424" t="s">
        <v>2680</v>
      </c>
      <c r="P424" s="424" t="s">
        <v>63</v>
      </c>
      <c r="Q424" s="424" t="s">
        <v>63</v>
      </c>
      <c r="R424" s="425">
        <v>472000</v>
      </c>
      <c r="S424" s="425">
        <v>472000</v>
      </c>
      <c r="T424" s="425" t="s">
        <v>2188</v>
      </c>
      <c r="U424" s="425" t="s">
        <v>2189</v>
      </c>
      <c r="V424" s="425"/>
      <c r="W424" s="425"/>
      <c r="X424" s="425"/>
      <c r="Y424" s="425"/>
      <c r="Z424" s="425"/>
      <c r="AA424" s="425"/>
      <c r="AB424" s="425"/>
      <c r="AC424" s="425"/>
      <c r="AD424" s="425"/>
      <c r="AE424" s="425"/>
      <c r="AF424" s="425"/>
      <c r="AG424" s="425"/>
      <c r="AH424" s="425"/>
      <c r="AI424" s="425"/>
      <c r="AJ424" s="425"/>
      <c r="AK424" s="425"/>
      <c r="AL424" s="425"/>
      <c r="AM424" s="425"/>
      <c r="AN424" s="425"/>
      <c r="AO424" s="425"/>
      <c r="AP424" s="425"/>
      <c r="AQ424" s="425"/>
      <c r="AR424" s="425"/>
      <c r="AS424" s="425"/>
      <c r="AT424" s="425"/>
      <c r="AU424" s="425"/>
      <c r="AV424" s="425"/>
      <c r="AW424" s="425"/>
      <c r="AX424" s="425"/>
      <c r="AY424" s="425"/>
      <c r="AZ424" s="425"/>
      <c r="BA424" s="425"/>
      <c r="BB424" s="425"/>
      <c r="BC424" s="425"/>
      <c r="BD424" s="425"/>
      <c r="BE424" s="425"/>
      <c r="BF424" s="425"/>
      <c r="BG424" s="425"/>
      <c r="BH424" s="425"/>
      <c r="BI424" s="425"/>
      <c r="BJ424" s="425"/>
      <c r="BK424" s="425"/>
      <c r="BL424" s="425"/>
      <c r="BM424" s="425"/>
      <c r="BN424" s="425"/>
      <c r="BO424" s="425"/>
      <c r="BP424" s="425"/>
      <c r="BQ424" s="425"/>
      <c r="BR424" s="425"/>
      <c r="BS424" s="425"/>
      <c r="BT424" s="425"/>
      <c r="BU424" s="425"/>
      <c r="BV424" s="425"/>
      <c r="BW424" s="425"/>
      <c r="BX424" s="425"/>
      <c r="BY424" s="425"/>
      <c r="BZ424" s="425"/>
      <c r="CA424" s="425"/>
      <c r="CB424" s="425"/>
      <c r="CC424" s="425"/>
      <c r="CD424" s="425"/>
      <c r="CE424" s="425"/>
      <c r="CF424" s="425"/>
      <c r="CG424" s="425"/>
      <c r="CH424" s="425"/>
      <c r="CI424" s="425"/>
      <c r="CJ424" s="425"/>
      <c r="CK424" s="425" t="s">
        <v>2190</v>
      </c>
      <c r="CL424" s="425"/>
      <c r="CM424" s="425"/>
      <c r="CN424" s="425"/>
      <c r="CO424" s="425"/>
      <c r="CP424" s="425"/>
      <c r="CQ424" s="425"/>
      <c r="CR424" s="425"/>
      <c r="CS424" s="425"/>
      <c r="CT424" s="425"/>
      <c r="CU424" s="425"/>
      <c r="CV424" s="425"/>
      <c r="CW424" s="425"/>
      <c r="CX424" s="425"/>
      <c r="CY424" s="425"/>
      <c r="CZ424" s="425"/>
      <c r="DA424" s="425"/>
      <c r="DB424" s="425"/>
      <c r="DC424" s="425"/>
      <c r="DD424" s="416"/>
      <c r="DE424" s="416" t="s">
        <v>2191</v>
      </c>
      <c r="DF424" s="416" t="s">
        <v>869</v>
      </c>
    </row>
    <row r="425" spans="3:110" ht="56.1" customHeight="1" x14ac:dyDescent="0.2">
      <c r="C425" s="412">
        <v>55</v>
      </c>
      <c r="D425" s="412" t="s">
        <v>2182</v>
      </c>
      <c r="E425" s="422" t="s">
        <v>1385</v>
      </c>
      <c r="F425" s="422" t="s">
        <v>295</v>
      </c>
      <c r="G425" s="416" t="s">
        <v>2183</v>
      </c>
      <c r="H425" s="416" t="s">
        <v>2743</v>
      </c>
      <c r="I425" s="416" t="s">
        <v>2744</v>
      </c>
      <c r="J425" s="416" t="s">
        <v>2658</v>
      </c>
      <c r="K425" s="416" t="s">
        <v>2631</v>
      </c>
      <c r="L425" s="416" t="s">
        <v>2683</v>
      </c>
      <c r="M425" s="416" t="s">
        <v>81</v>
      </c>
      <c r="N425" s="416" t="s">
        <v>2187</v>
      </c>
      <c r="O425" s="424" t="s">
        <v>2684</v>
      </c>
      <c r="P425" s="424" t="s">
        <v>63</v>
      </c>
      <c r="Q425" s="424" t="s">
        <v>63</v>
      </c>
      <c r="R425" s="425">
        <v>484000</v>
      </c>
      <c r="S425" s="425">
        <v>484000</v>
      </c>
      <c r="T425" s="425" t="s">
        <v>2188</v>
      </c>
      <c r="U425" s="425" t="s">
        <v>2189</v>
      </c>
      <c r="V425" s="425"/>
      <c r="W425" s="425"/>
      <c r="X425" s="425"/>
      <c r="Y425" s="425"/>
      <c r="Z425" s="425"/>
      <c r="AA425" s="425"/>
      <c r="AB425" s="425"/>
      <c r="AC425" s="425"/>
      <c r="AD425" s="425"/>
      <c r="AE425" s="425"/>
      <c r="AF425" s="425"/>
      <c r="AG425" s="425"/>
      <c r="AH425" s="425"/>
      <c r="AI425" s="425"/>
      <c r="AJ425" s="425"/>
      <c r="AK425" s="425"/>
      <c r="AL425" s="425"/>
      <c r="AM425" s="425"/>
      <c r="AN425" s="425"/>
      <c r="AO425" s="425"/>
      <c r="AP425" s="425"/>
      <c r="AQ425" s="425"/>
      <c r="AR425" s="425"/>
      <c r="AS425" s="425"/>
      <c r="AT425" s="425"/>
      <c r="AU425" s="425"/>
      <c r="AV425" s="425"/>
      <c r="AW425" s="425"/>
      <c r="AX425" s="425"/>
      <c r="AY425" s="425"/>
      <c r="AZ425" s="425"/>
      <c r="BA425" s="425"/>
      <c r="BB425" s="425"/>
      <c r="BC425" s="425"/>
      <c r="BD425" s="425"/>
      <c r="BE425" s="425"/>
      <c r="BF425" s="425"/>
      <c r="BG425" s="425"/>
      <c r="BH425" s="425"/>
      <c r="BI425" s="425"/>
      <c r="BJ425" s="425"/>
      <c r="BK425" s="425"/>
      <c r="BL425" s="425"/>
      <c r="BM425" s="425"/>
      <c r="BN425" s="425"/>
      <c r="BO425" s="425"/>
      <c r="BP425" s="425"/>
      <c r="BQ425" s="425"/>
      <c r="BR425" s="425"/>
      <c r="BS425" s="425"/>
      <c r="BT425" s="425"/>
      <c r="BU425" s="425"/>
      <c r="BV425" s="425"/>
      <c r="BW425" s="425"/>
      <c r="BX425" s="425"/>
      <c r="BY425" s="425"/>
      <c r="BZ425" s="425"/>
      <c r="CA425" s="425"/>
      <c r="CB425" s="425"/>
      <c r="CC425" s="425"/>
      <c r="CD425" s="425"/>
      <c r="CE425" s="425"/>
      <c r="CF425" s="425"/>
      <c r="CG425" s="425"/>
      <c r="CH425" s="425"/>
      <c r="CI425" s="425"/>
      <c r="CJ425" s="425"/>
      <c r="CK425" s="425"/>
      <c r="CL425" s="425" t="s">
        <v>2190</v>
      </c>
      <c r="CM425" s="425"/>
      <c r="CN425" s="425"/>
      <c r="CO425" s="425"/>
      <c r="CP425" s="425"/>
      <c r="CQ425" s="425"/>
      <c r="CR425" s="425"/>
      <c r="CS425" s="425"/>
      <c r="CT425" s="425"/>
      <c r="CU425" s="425"/>
      <c r="CV425" s="425"/>
      <c r="CW425" s="425"/>
      <c r="CX425" s="425"/>
      <c r="CY425" s="425"/>
      <c r="CZ425" s="425"/>
      <c r="DA425" s="425"/>
      <c r="DB425" s="425"/>
      <c r="DC425" s="425"/>
      <c r="DD425" s="416"/>
      <c r="DE425" s="416" t="s">
        <v>2191</v>
      </c>
      <c r="DF425" s="416" t="s">
        <v>869</v>
      </c>
    </row>
    <row r="426" spans="3:110" ht="56.1" customHeight="1" x14ac:dyDescent="0.2">
      <c r="C426" s="412">
        <v>56</v>
      </c>
      <c r="D426" s="412" t="s">
        <v>2182</v>
      </c>
      <c r="E426" s="422" t="s">
        <v>1385</v>
      </c>
      <c r="F426" s="422" t="s">
        <v>295</v>
      </c>
      <c r="G426" s="416" t="s">
        <v>2183</v>
      </c>
      <c r="H426" s="416" t="s">
        <v>2745</v>
      </c>
      <c r="I426" s="416" t="s">
        <v>2746</v>
      </c>
      <c r="J426" s="416" t="s">
        <v>2264</v>
      </c>
      <c r="K426" s="416" t="s">
        <v>2264</v>
      </c>
      <c r="L426" s="416" t="s">
        <v>2265</v>
      </c>
      <c r="M426" s="416" t="s">
        <v>81</v>
      </c>
      <c r="N426" s="416" t="s">
        <v>2187</v>
      </c>
      <c r="O426" s="424" t="s">
        <v>2266</v>
      </c>
      <c r="P426" s="424" t="s">
        <v>63</v>
      </c>
      <c r="Q426" s="424" t="s">
        <v>63</v>
      </c>
      <c r="R426" s="425">
        <v>324000</v>
      </c>
      <c r="S426" s="425">
        <v>324000</v>
      </c>
      <c r="T426" s="425" t="s">
        <v>2188</v>
      </c>
      <c r="U426" s="425" t="s">
        <v>2189</v>
      </c>
      <c r="V426" s="425"/>
      <c r="W426" s="425"/>
      <c r="X426" s="425"/>
      <c r="Y426" s="425"/>
      <c r="Z426" s="425"/>
      <c r="AA426" s="425"/>
      <c r="AB426" s="425"/>
      <c r="AC426" s="425"/>
      <c r="AD426" s="425"/>
      <c r="AE426" s="425"/>
      <c r="AF426" s="425"/>
      <c r="AG426" s="425"/>
      <c r="AH426" s="425"/>
      <c r="AI426" s="425"/>
      <c r="AJ426" s="425"/>
      <c r="AK426" s="425"/>
      <c r="AL426" s="425"/>
      <c r="AM426" s="425"/>
      <c r="AN426" s="425"/>
      <c r="AO426" s="425"/>
      <c r="AP426" s="425"/>
      <c r="AQ426" s="425"/>
      <c r="AR426" s="425"/>
      <c r="AS426" s="425"/>
      <c r="AT426" s="425"/>
      <c r="AU426" s="425"/>
      <c r="AV426" s="425"/>
      <c r="AW426" s="425"/>
      <c r="AX426" s="425"/>
      <c r="AY426" s="425"/>
      <c r="AZ426" s="425"/>
      <c r="BA426" s="425"/>
      <c r="BB426" s="425"/>
      <c r="BC426" s="425"/>
      <c r="BD426" s="425"/>
      <c r="BE426" s="425"/>
      <c r="BF426" s="425"/>
      <c r="BG426" s="425"/>
      <c r="BH426" s="425"/>
      <c r="BI426" s="425"/>
      <c r="BJ426" s="425"/>
      <c r="BK426" s="425"/>
      <c r="BL426" s="425"/>
      <c r="BM426" s="425"/>
      <c r="BN426" s="425"/>
      <c r="BO426" s="425"/>
      <c r="BP426" s="425"/>
      <c r="BQ426" s="425"/>
      <c r="BR426" s="425"/>
      <c r="BS426" s="425"/>
      <c r="BT426" s="425"/>
      <c r="BU426" s="425"/>
      <c r="BV426" s="425"/>
      <c r="BW426" s="425"/>
      <c r="BX426" s="425"/>
      <c r="BY426" s="425"/>
      <c r="BZ426" s="425"/>
      <c r="CA426" s="425"/>
      <c r="CB426" s="425"/>
      <c r="CC426" s="425"/>
      <c r="CD426" s="425"/>
      <c r="CE426" s="425"/>
      <c r="CF426" s="425"/>
      <c r="CG426" s="425"/>
      <c r="CH426" s="425"/>
      <c r="CI426" s="425"/>
      <c r="CJ426" s="425"/>
      <c r="CK426" s="425"/>
      <c r="CL426" s="425"/>
      <c r="CM426" s="425" t="s">
        <v>2190</v>
      </c>
      <c r="CN426" s="425"/>
      <c r="CO426" s="425"/>
      <c r="CP426" s="425"/>
      <c r="CQ426" s="425"/>
      <c r="CR426" s="425"/>
      <c r="CS426" s="425"/>
      <c r="CT426" s="425"/>
      <c r="CU426" s="425"/>
      <c r="CV426" s="425"/>
      <c r="CW426" s="425"/>
      <c r="CX426" s="425"/>
      <c r="CY426" s="425"/>
      <c r="CZ426" s="425"/>
      <c r="DA426" s="425"/>
      <c r="DB426" s="425"/>
      <c r="DC426" s="425"/>
      <c r="DD426" s="416"/>
      <c r="DE426" s="416" t="s">
        <v>2191</v>
      </c>
      <c r="DF426" s="416" t="s">
        <v>869</v>
      </c>
    </row>
    <row r="427" spans="3:110" ht="56.1" customHeight="1" x14ac:dyDescent="0.2">
      <c r="C427" s="412">
        <v>57</v>
      </c>
      <c r="D427" s="412" t="s">
        <v>2182</v>
      </c>
      <c r="E427" s="422" t="s">
        <v>1385</v>
      </c>
      <c r="F427" s="422" t="s">
        <v>295</v>
      </c>
      <c r="G427" s="416" t="s">
        <v>2183</v>
      </c>
      <c r="H427" s="416" t="s">
        <v>2747</v>
      </c>
      <c r="I427" s="416" t="s">
        <v>2748</v>
      </c>
      <c r="J427" s="416" t="s">
        <v>2635</v>
      </c>
      <c r="K427" s="416" t="s">
        <v>2636</v>
      </c>
      <c r="L427" s="416" t="s">
        <v>2688</v>
      </c>
      <c r="M427" s="416" t="s">
        <v>81</v>
      </c>
      <c r="N427" s="416" t="s">
        <v>2187</v>
      </c>
      <c r="O427" s="424" t="s">
        <v>2266</v>
      </c>
      <c r="P427" s="424" t="s">
        <v>63</v>
      </c>
      <c r="Q427" s="424" t="s">
        <v>63</v>
      </c>
      <c r="R427" s="425">
        <v>293000</v>
      </c>
      <c r="S427" s="425">
        <v>293000</v>
      </c>
      <c r="T427" s="425" t="s">
        <v>2188</v>
      </c>
      <c r="U427" s="425" t="s">
        <v>2189</v>
      </c>
      <c r="V427" s="425"/>
      <c r="W427" s="425"/>
      <c r="X427" s="425"/>
      <c r="Y427" s="425"/>
      <c r="Z427" s="425"/>
      <c r="AA427" s="425"/>
      <c r="AB427" s="425"/>
      <c r="AC427" s="425"/>
      <c r="AD427" s="425"/>
      <c r="AE427" s="425"/>
      <c r="AF427" s="425"/>
      <c r="AG427" s="425"/>
      <c r="AH427" s="425"/>
      <c r="AI427" s="425"/>
      <c r="AJ427" s="425"/>
      <c r="AK427" s="425"/>
      <c r="AL427" s="425"/>
      <c r="AM427" s="425"/>
      <c r="AN427" s="425"/>
      <c r="AO427" s="425"/>
      <c r="AP427" s="425"/>
      <c r="AQ427" s="425"/>
      <c r="AR427" s="425"/>
      <c r="AS427" s="425"/>
      <c r="AT427" s="425"/>
      <c r="AU427" s="425"/>
      <c r="AV427" s="425"/>
      <c r="AW427" s="425"/>
      <c r="AX427" s="425"/>
      <c r="AY427" s="425"/>
      <c r="AZ427" s="425"/>
      <c r="BA427" s="425"/>
      <c r="BB427" s="425"/>
      <c r="BC427" s="425"/>
      <c r="BD427" s="425"/>
      <c r="BE427" s="425"/>
      <c r="BF427" s="425"/>
      <c r="BG427" s="425"/>
      <c r="BH427" s="425"/>
      <c r="BI427" s="425"/>
      <c r="BJ427" s="425"/>
      <c r="BK427" s="425"/>
      <c r="BL427" s="425"/>
      <c r="BM427" s="425"/>
      <c r="BN427" s="425"/>
      <c r="BO427" s="425"/>
      <c r="BP427" s="425"/>
      <c r="BQ427" s="425"/>
      <c r="BR427" s="425"/>
      <c r="BS427" s="425"/>
      <c r="BT427" s="425"/>
      <c r="BU427" s="425"/>
      <c r="BV427" s="425"/>
      <c r="BW427" s="425"/>
      <c r="BX427" s="425"/>
      <c r="BY427" s="425"/>
      <c r="BZ427" s="425"/>
      <c r="CA427" s="425"/>
      <c r="CB427" s="425"/>
      <c r="CC427" s="425"/>
      <c r="CD427" s="425"/>
      <c r="CE427" s="425"/>
      <c r="CF427" s="425"/>
      <c r="CG427" s="425"/>
      <c r="CH427" s="425"/>
      <c r="CI427" s="425"/>
      <c r="CJ427" s="425"/>
      <c r="CK427" s="425"/>
      <c r="CL427" s="425"/>
      <c r="CM427" s="425"/>
      <c r="CN427" s="425" t="s">
        <v>2190</v>
      </c>
      <c r="CO427" s="425"/>
      <c r="CP427" s="425"/>
      <c r="CQ427" s="425"/>
      <c r="CR427" s="425"/>
      <c r="CS427" s="425"/>
      <c r="CT427" s="425"/>
      <c r="CU427" s="425"/>
      <c r="CV427" s="425"/>
      <c r="CW427" s="425"/>
      <c r="CX427" s="425"/>
      <c r="CY427" s="425"/>
      <c r="CZ427" s="425"/>
      <c r="DA427" s="425"/>
      <c r="DB427" s="425"/>
      <c r="DC427" s="425"/>
      <c r="DD427" s="416"/>
      <c r="DE427" s="416" t="s">
        <v>2191</v>
      </c>
      <c r="DF427" s="416" t="s">
        <v>869</v>
      </c>
    </row>
    <row r="428" spans="3:110" ht="56.1" customHeight="1" x14ac:dyDescent="0.2">
      <c r="C428" s="412">
        <v>58</v>
      </c>
      <c r="D428" s="412" t="s">
        <v>2182</v>
      </c>
      <c r="E428" s="422" t="s">
        <v>1385</v>
      </c>
      <c r="F428" s="422" t="s">
        <v>295</v>
      </c>
      <c r="G428" s="416" t="s">
        <v>2183</v>
      </c>
      <c r="H428" s="416" t="s">
        <v>2749</v>
      </c>
      <c r="I428" s="416" t="s">
        <v>2750</v>
      </c>
      <c r="J428" s="416" t="s">
        <v>2663</v>
      </c>
      <c r="K428" s="416" t="s">
        <v>2691</v>
      </c>
      <c r="L428" s="416" t="s">
        <v>2692</v>
      </c>
      <c r="M428" s="416" t="s">
        <v>81</v>
      </c>
      <c r="N428" s="416" t="s">
        <v>2187</v>
      </c>
      <c r="O428" s="424" t="s">
        <v>2309</v>
      </c>
      <c r="P428" s="424" t="s">
        <v>63</v>
      </c>
      <c r="Q428" s="424" t="s">
        <v>63</v>
      </c>
      <c r="R428" s="425">
        <v>274000</v>
      </c>
      <c r="S428" s="425">
        <v>274000</v>
      </c>
      <c r="T428" s="425" t="s">
        <v>2188</v>
      </c>
      <c r="U428" s="425" t="s">
        <v>2189</v>
      </c>
      <c r="V428" s="425"/>
      <c r="W428" s="425"/>
      <c r="X428" s="425"/>
      <c r="Y428" s="425"/>
      <c r="Z428" s="425"/>
      <c r="AA428" s="425"/>
      <c r="AB428" s="425"/>
      <c r="AC428" s="425"/>
      <c r="AD428" s="425"/>
      <c r="AE428" s="425"/>
      <c r="AF428" s="425"/>
      <c r="AG428" s="425"/>
      <c r="AH428" s="425"/>
      <c r="AI428" s="425"/>
      <c r="AJ428" s="425"/>
      <c r="AK428" s="425"/>
      <c r="AL428" s="425"/>
      <c r="AM428" s="425"/>
      <c r="AN428" s="425"/>
      <c r="AO428" s="425"/>
      <c r="AP428" s="425"/>
      <c r="AQ428" s="425"/>
      <c r="AR428" s="425"/>
      <c r="AS428" s="425"/>
      <c r="AT428" s="425"/>
      <c r="AU428" s="425"/>
      <c r="AV428" s="425"/>
      <c r="AW428" s="425"/>
      <c r="AX428" s="425"/>
      <c r="AY428" s="425"/>
      <c r="AZ428" s="425"/>
      <c r="BA428" s="425"/>
      <c r="BB428" s="425"/>
      <c r="BC428" s="425"/>
      <c r="BD428" s="425"/>
      <c r="BE428" s="425"/>
      <c r="BF428" s="425"/>
      <c r="BG428" s="425"/>
      <c r="BH428" s="425"/>
      <c r="BI428" s="425"/>
      <c r="BJ428" s="425"/>
      <c r="BK428" s="425"/>
      <c r="BL428" s="425"/>
      <c r="BM428" s="425"/>
      <c r="BN428" s="425"/>
      <c r="BO428" s="425"/>
      <c r="BP428" s="425"/>
      <c r="BQ428" s="425"/>
      <c r="BR428" s="425"/>
      <c r="BS428" s="425"/>
      <c r="BT428" s="425"/>
      <c r="BU428" s="425"/>
      <c r="BV428" s="425"/>
      <c r="BW428" s="425"/>
      <c r="BX428" s="425"/>
      <c r="BY428" s="425"/>
      <c r="BZ428" s="425"/>
      <c r="CA428" s="425"/>
      <c r="CB428" s="425"/>
      <c r="CC428" s="425"/>
      <c r="CD428" s="425"/>
      <c r="CE428" s="425"/>
      <c r="CF428" s="425"/>
      <c r="CG428" s="425"/>
      <c r="CH428" s="425"/>
      <c r="CI428" s="425"/>
      <c r="CJ428" s="425"/>
      <c r="CK428" s="425"/>
      <c r="CL428" s="425"/>
      <c r="CM428" s="425"/>
      <c r="CN428" s="425"/>
      <c r="CO428" s="425" t="s">
        <v>2190</v>
      </c>
      <c r="CP428" s="425"/>
      <c r="CQ428" s="425"/>
      <c r="CR428" s="425"/>
      <c r="CS428" s="425"/>
      <c r="CT428" s="425"/>
      <c r="CU428" s="425"/>
      <c r="CV428" s="425"/>
      <c r="CW428" s="425"/>
      <c r="CX428" s="425"/>
      <c r="CY428" s="425"/>
      <c r="CZ428" s="425"/>
      <c r="DA428" s="425"/>
      <c r="DB428" s="425"/>
      <c r="DC428" s="425"/>
      <c r="DD428" s="416"/>
      <c r="DE428" s="416" t="s">
        <v>2191</v>
      </c>
      <c r="DF428" s="416" t="s">
        <v>869</v>
      </c>
    </row>
    <row r="429" spans="3:110" ht="56.1" customHeight="1" x14ac:dyDescent="0.2">
      <c r="C429" s="415">
        <v>59</v>
      </c>
      <c r="D429" s="412" t="s">
        <v>2182</v>
      </c>
      <c r="E429" s="430" t="s">
        <v>1385</v>
      </c>
      <c r="F429" s="430" t="s">
        <v>1331</v>
      </c>
      <c r="G429" s="417" t="s">
        <v>2500</v>
      </c>
      <c r="H429" s="417" t="s">
        <v>2247</v>
      </c>
      <c r="I429" s="431" t="s">
        <v>2248</v>
      </c>
      <c r="J429" s="417" t="s">
        <v>253</v>
      </c>
      <c r="K429" s="417" t="s">
        <v>2249</v>
      </c>
      <c r="L429" s="417" t="s">
        <v>63</v>
      </c>
      <c r="M429" s="417" t="s">
        <v>81</v>
      </c>
      <c r="N429" s="417" t="s">
        <v>2250</v>
      </c>
      <c r="O429" s="433" t="s">
        <v>2251</v>
      </c>
      <c r="P429" s="433" t="s">
        <v>63</v>
      </c>
      <c r="Q429" s="433" t="s">
        <v>63</v>
      </c>
      <c r="R429" s="434" t="s">
        <v>63</v>
      </c>
      <c r="S429" s="434" t="s">
        <v>63</v>
      </c>
      <c r="T429" s="434" t="s">
        <v>718</v>
      </c>
      <c r="U429" s="434" t="s">
        <v>2189</v>
      </c>
      <c r="V429" s="434"/>
      <c r="W429" s="434"/>
      <c r="X429" s="434"/>
      <c r="Y429" s="434"/>
      <c r="Z429" s="434"/>
      <c r="AA429" s="434"/>
      <c r="AB429" s="434"/>
      <c r="AC429" s="434"/>
      <c r="AD429" s="434"/>
      <c r="AE429" s="434"/>
      <c r="AF429" s="434"/>
      <c r="AG429" s="434"/>
      <c r="AH429" s="434"/>
      <c r="AI429" s="434"/>
      <c r="AJ429" s="434"/>
      <c r="AK429" s="434"/>
      <c r="AL429" s="434"/>
      <c r="AM429" s="434"/>
      <c r="AN429" s="434"/>
      <c r="AO429" s="434"/>
      <c r="AP429" s="434"/>
      <c r="AQ429" s="434"/>
      <c r="AR429" s="434"/>
      <c r="AS429" s="434"/>
      <c r="AT429" s="434"/>
      <c r="AU429" s="434"/>
      <c r="AV429" s="434"/>
      <c r="AW429" s="434"/>
      <c r="AX429" s="434"/>
      <c r="AY429" s="434"/>
      <c r="AZ429" s="434"/>
      <c r="BA429" s="434"/>
      <c r="BB429" s="434"/>
      <c r="BC429" s="434"/>
      <c r="BD429" s="434"/>
      <c r="BE429" s="434"/>
      <c r="BF429" s="434"/>
      <c r="BG429" s="434"/>
      <c r="BH429" s="434"/>
      <c r="BI429" s="434"/>
      <c r="BJ429" s="434"/>
      <c r="BK429" s="434"/>
      <c r="BL429" s="434"/>
      <c r="BM429" s="434"/>
      <c r="BN429" s="434"/>
      <c r="BO429" s="434"/>
      <c r="BP429" s="434"/>
      <c r="BQ429" s="434"/>
      <c r="BR429" s="434"/>
      <c r="BS429" s="434"/>
      <c r="BT429" s="434"/>
      <c r="BU429" s="434"/>
      <c r="BV429" s="434"/>
      <c r="BW429" s="434"/>
      <c r="BX429" s="434"/>
      <c r="BY429" s="434"/>
      <c r="BZ429" s="434"/>
      <c r="CA429" s="434"/>
      <c r="CB429" s="434"/>
      <c r="CC429" s="434"/>
      <c r="CD429" s="434"/>
      <c r="CE429" s="434"/>
      <c r="CF429" s="434"/>
      <c r="CG429" s="434"/>
      <c r="CH429" s="434" t="s">
        <v>2190</v>
      </c>
      <c r="CI429" s="434" t="s">
        <v>2190</v>
      </c>
      <c r="CJ429" s="434" t="s">
        <v>2190</v>
      </c>
      <c r="CK429" s="434" t="s">
        <v>2190</v>
      </c>
      <c r="CL429" s="434" t="s">
        <v>2190</v>
      </c>
      <c r="CM429" s="434" t="s">
        <v>2190</v>
      </c>
      <c r="CN429" s="434" t="s">
        <v>2190</v>
      </c>
      <c r="CO429" s="434" t="s">
        <v>2190</v>
      </c>
      <c r="CP429" s="434" t="s">
        <v>2190</v>
      </c>
      <c r="CQ429" s="434" t="s">
        <v>2190</v>
      </c>
      <c r="CR429" s="434" t="s">
        <v>2190</v>
      </c>
      <c r="CS429" s="434" t="s">
        <v>2190</v>
      </c>
      <c r="CT429" s="434" t="s">
        <v>2190</v>
      </c>
      <c r="CU429" s="434" t="s">
        <v>2190</v>
      </c>
      <c r="CV429" s="434" t="s">
        <v>2190</v>
      </c>
      <c r="CW429" s="434" t="s">
        <v>2190</v>
      </c>
      <c r="CX429" s="434" t="s">
        <v>2190</v>
      </c>
      <c r="CY429" s="434" t="s">
        <v>2190</v>
      </c>
      <c r="CZ429" s="434" t="s">
        <v>2190</v>
      </c>
      <c r="DA429" s="434" t="s">
        <v>2190</v>
      </c>
      <c r="DB429" s="434" t="s">
        <v>2190</v>
      </c>
      <c r="DC429" s="434" t="s">
        <v>2190</v>
      </c>
      <c r="DD429" s="417"/>
      <c r="DE429" s="417"/>
      <c r="DF429" s="417" t="s">
        <v>2252</v>
      </c>
    </row>
    <row r="430" spans="3:110" ht="56.1" customHeight="1" x14ac:dyDescent="0.2">
      <c r="C430" s="412">
        <v>60</v>
      </c>
      <c r="D430" s="412" t="s">
        <v>2182</v>
      </c>
      <c r="E430" s="422" t="s">
        <v>1385</v>
      </c>
      <c r="F430" s="439" t="s">
        <v>1331</v>
      </c>
      <c r="G430" s="440" t="s">
        <v>2292</v>
      </c>
      <c r="H430" s="440" t="s">
        <v>2751</v>
      </c>
      <c r="I430" s="441" t="s">
        <v>2752</v>
      </c>
      <c r="J430" s="440" t="s">
        <v>2742</v>
      </c>
      <c r="K430" s="440" t="s">
        <v>2643</v>
      </c>
      <c r="L430" s="440" t="s">
        <v>63</v>
      </c>
      <c r="M430" s="440" t="s">
        <v>81</v>
      </c>
      <c r="N430" s="440" t="s">
        <v>869</v>
      </c>
      <c r="O430" s="424" t="s">
        <v>2251</v>
      </c>
      <c r="P430" s="424" t="s">
        <v>63</v>
      </c>
      <c r="Q430" s="424" t="s">
        <v>63</v>
      </c>
      <c r="R430" s="425">
        <v>323300</v>
      </c>
      <c r="S430" s="425">
        <v>323300</v>
      </c>
      <c r="T430" s="425" t="s">
        <v>2188</v>
      </c>
      <c r="U430" s="425" t="s">
        <v>853</v>
      </c>
      <c r="V430" s="425"/>
      <c r="W430" s="425"/>
      <c r="X430" s="425"/>
      <c r="Y430" s="425"/>
      <c r="Z430" s="425"/>
      <c r="AA430" s="425"/>
      <c r="AB430" s="425"/>
      <c r="AC430" s="425"/>
      <c r="AD430" s="425"/>
      <c r="AE430" s="425"/>
      <c r="AF430" s="425"/>
      <c r="AG430" s="425"/>
      <c r="AH430" s="425"/>
      <c r="AI430" s="425"/>
      <c r="AJ430" s="425"/>
      <c r="AK430" s="425"/>
      <c r="AL430" s="425"/>
      <c r="AM430" s="425"/>
      <c r="AN430" s="425"/>
      <c r="AO430" s="425"/>
      <c r="AP430" s="425"/>
      <c r="AQ430" s="425"/>
      <c r="AR430" s="425"/>
      <c r="AS430" s="425"/>
      <c r="AT430" s="425"/>
      <c r="AU430" s="425"/>
      <c r="AV430" s="425"/>
      <c r="AW430" s="425"/>
      <c r="AX430" s="425"/>
      <c r="AY430" s="425"/>
      <c r="AZ430" s="425"/>
      <c r="BA430" s="425"/>
      <c r="BB430" s="425"/>
      <c r="BC430" s="425"/>
      <c r="BD430" s="425"/>
      <c r="BE430" s="425"/>
      <c r="BF430" s="425"/>
      <c r="BG430" s="425"/>
      <c r="BH430" s="425"/>
      <c r="BI430" s="425"/>
      <c r="BJ430" s="425"/>
      <c r="BK430" s="425"/>
      <c r="BL430" s="425"/>
      <c r="BM430" s="425"/>
      <c r="BN430" s="425"/>
      <c r="BO430" s="425"/>
      <c r="BP430" s="425"/>
      <c r="BQ430" s="425"/>
      <c r="BR430" s="425"/>
      <c r="BS430" s="425"/>
      <c r="BT430" s="425"/>
      <c r="BU430" s="425"/>
      <c r="BV430" s="425"/>
      <c r="BW430" s="425"/>
      <c r="BX430" s="425"/>
      <c r="BY430" s="425"/>
      <c r="BZ430" s="425"/>
      <c r="CA430" s="425"/>
      <c r="CB430" s="425"/>
      <c r="CC430" s="425"/>
      <c r="CD430" s="425"/>
      <c r="CE430" s="425"/>
      <c r="CF430" s="425"/>
      <c r="CG430" s="425"/>
      <c r="CH430" s="437"/>
      <c r="CI430" s="437"/>
      <c r="CJ430" s="437"/>
      <c r="CK430" s="414"/>
      <c r="CL430" s="437"/>
      <c r="CM430" s="437"/>
      <c r="CN430" s="437"/>
      <c r="CO430" s="437"/>
      <c r="CP430" s="437"/>
      <c r="CQ430" s="437"/>
      <c r="CR430" s="437"/>
      <c r="CS430" s="437"/>
      <c r="CT430" s="437"/>
      <c r="CU430" s="437"/>
      <c r="CV430" s="437"/>
      <c r="CW430" s="425" t="s">
        <v>2190</v>
      </c>
      <c r="CX430" s="437"/>
      <c r="CY430" s="437"/>
      <c r="CZ430" s="437"/>
      <c r="DA430" s="437"/>
      <c r="DB430" s="437"/>
      <c r="DC430" s="437"/>
      <c r="DD430" s="416" t="s">
        <v>2753</v>
      </c>
      <c r="DE430" s="416" t="s">
        <v>2754</v>
      </c>
      <c r="DF430" s="416" t="s">
        <v>2259</v>
      </c>
    </row>
    <row r="431" spans="3:110" ht="56.1" customHeight="1" x14ac:dyDescent="0.2">
      <c r="C431" s="415">
        <v>61</v>
      </c>
      <c r="D431" s="412" t="s">
        <v>2182</v>
      </c>
      <c r="E431" s="430" t="s">
        <v>1385</v>
      </c>
      <c r="F431" s="442" t="s">
        <v>1331</v>
      </c>
      <c r="G431" s="443" t="s">
        <v>2254</v>
      </c>
      <c r="H431" s="443" t="s">
        <v>2255</v>
      </c>
      <c r="I431" s="444" t="s">
        <v>2256</v>
      </c>
      <c r="J431" s="443" t="s">
        <v>2257</v>
      </c>
      <c r="K431" s="417" t="s">
        <v>2249</v>
      </c>
      <c r="L431" s="443" t="s">
        <v>63</v>
      </c>
      <c r="M431" s="443" t="s">
        <v>81</v>
      </c>
      <c r="N431" s="443" t="s">
        <v>869</v>
      </c>
      <c r="O431" s="445" t="s">
        <v>2258</v>
      </c>
      <c r="P431" s="433" t="s">
        <v>63</v>
      </c>
      <c r="Q431" s="433" t="s">
        <v>63</v>
      </c>
      <c r="R431" s="434" t="s">
        <v>63</v>
      </c>
      <c r="S431" s="434" t="s">
        <v>63</v>
      </c>
      <c r="T431" s="434" t="s">
        <v>2188</v>
      </c>
      <c r="U431" s="434" t="s">
        <v>2189</v>
      </c>
      <c r="V431" s="434"/>
      <c r="W431" s="434"/>
      <c r="X431" s="434"/>
      <c r="Y431" s="434"/>
      <c r="Z431" s="434"/>
      <c r="AA431" s="434"/>
      <c r="AB431" s="434"/>
      <c r="AC431" s="434"/>
      <c r="AD431" s="434"/>
      <c r="AE431" s="434"/>
      <c r="AF431" s="434"/>
      <c r="AG431" s="434"/>
      <c r="AH431" s="434"/>
      <c r="AI431" s="434"/>
      <c r="AJ431" s="434"/>
      <c r="AK431" s="434"/>
      <c r="AL431" s="434"/>
      <c r="AM431" s="434"/>
      <c r="AN431" s="434"/>
      <c r="AO431" s="434"/>
      <c r="AP431" s="434"/>
      <c r="AQ431" s="434"/>
      <c r="AR431" s="434"/>
      <c r="AS431" s="434"/>
      <c r="AT431" s="434"/>
      <c r="AU431" s="434"/>
      <c r="AV431" s="434"/>
      <c r="AW431" s="434"/>
      <c r="AX431" s="434"/>
      <c r="AY431" s="434"/>
      <c r="AZ431" s="434"/>
      <c r="BA431" s="434"/>
      <c r="BB431" s="434"/>
      <c r="BC431" s="434"/>
      <c r="BD431" s="434"/>
      <c r="BE431" s="434"/>
      <c r="BF431" s="434"/>
      <c r="BG431" s="434"/>
      <c r="BH431" s="434"/>
      <c r="BI431" s="434"/>
      <c r="BJ431" s="434"/>
      <c r="BK431" s="434"/>
      <c r="BL431" s="434"/>
      <c r="BM431" s="434"/>
      <c r="BN431" s="434"/>
      <c r="BO431" s="434"/>
      <c r="BP431" s="434"/>
      <c r="BQ431" s="434"/>
      <c r="BR431" s="434"/>
      <c r="BS431" s="434"/>
      <c r="BT431" s="434"/>
      <c r="BU431" s="434"/>
      <c r="BV431" s="434"/>
      <c r="BW431" s="434"/>
      <c r="BX431" s="434"/>
      <c r="BY431" s="434"/>
      <c r="BZ431" s="434"/>
      <c r="CA431" s="434"/>
      <c r="CB431" s="434"/>
      <c r="CC431" s="434"/>
      <c r="CD431" s="434"/>
      <c r="CE431" s="434"/>
      <c r="CF431" s="434"/>
      <c r="CG431" s="434"/>
      <c r="CH431" s="434" t="s">
        <v>2190</v>
      </c>
      <c r="CI431" s="434" t="s">
        <v>2190</v>
      </c>
      <c r="CJ431" s="434" t="s">
        <v>2190</v>
      </c>
      <c r="CK431" s="434" t="s">
        <v>2190</v>
      </c>
      <c r="CL431" s="434" t="s">
        <v>2190</v>
      </c>
      <c r="CM431" s="434" t="s">
        <v>2190</v>
      </c>
      <c r="CN431" s="434" t="s">
        <v>2190</v>
      </c>
      <c r="CO431" s="434" t="s">
        <v>2190</v>
      </c>
      <c r="CP431" s="434" t="s">
        <v>2190</v>
      </c>
      <c r="CQ431" s="434" t="s">
        <v>2190</v>
      </c>
      <c r="CR431" s="434" t="s">
        <v>2190</v>
      </c>
      <c r="CS431" s="434" t="s">
        <v>2190</v>
      </c>
      <c r="CT431" s="434" t="s">
        <v>2190</v>
      </c>
      <c r="CU431" s="434" t="s">
        <v>2190</v>
      </c>
      <c r="CV431" s="434" t="s">
        <v>2190</v>
      </c>
      <c r="CW431" s="434" t="s">
        <v>2190</v>
      </c>
      <c r="CX431" s="434" t="s">
        <v>2190</v>
      </c>
      <c r="CY431" s="434" t="s">
        <v>2190</v>
      </c>
      <c r="CZ431" s="434" t="s">
        <v>2190</v>
      </c>
      <c r="DA431" s="434" t="s">
        <v>2190</v>
      </c>
      <c r="DB431" s="434" t="s">
        <v>2190</v>
      </c>
      <c r="DC431" s="434" t="s">
        <v>2190</v>
      </c>
      <c r="DD431" s="417"/>
      <c r="DE431" s="417"/>
      <c r="DF431" s="417" t="s">
        <v>2259</v>
      </c>
    </row>
    <row r="432" spans="3:110" ht="56.1" customHeight="1" x14ac:dyDescent="0.2">
      <c r="C432" s="412">
        <v>62</v>
      </c>
      <c r="D432" s="412" t="s">
        <v>2182</v>
      </c>
      <c r="E432" s="422" t="s">
        <v>1385</v>
      </c>
      <c r="F432" s="422" t="s">
        <v>1331</v>
      </c>
      <c r="G432" s="416" t="s">
        <v>2261</v>
      </c>
      <c r="H432" s="416" t="s">
        <v>2755</v>
      </c>
      <c r="I432" s="416" t="s">
        <v>2756</v>
      </c>
      <c r="J432" s="416" t="s">
        <v>2257</v>
      </c>
      <c r="K432" s="416" t="s">
        <v>2631</v>
      </c>
      <c r="L432" s="416" t="s">
        <v>2632</v>
      </c>
      <c r="M432" s="416" t="s">
        <v>60</v>
      </c>
      <c r="N432" s="416" t="s">
        <v>869</v>
      </c>
      <c r="O432" s="424" t="s">
        <v>2671</v>
      </c>
      <c r="P432" s="424" t="s">
        <v>63</v>
      </c>
      <c r="Q432" s="424" t="s">
        <v>63</v>
      </c>
      <c r="R432" s="438">
        <v>1641986.5549999999</v>
      </c>
      <c r="S432" s="438">
        <v>1641986.5549999999</v>
      </c>
      <c r="T432" s="425" t="s">
        <v>2188</v>
      </c>
      <c r="U432" s="425" t="s">
        <v>2189</v>
      </c>
      <c r="V432" s="425"/>
      <c r="W432" s="425"/>
      <c r="X432" s="425"/>
      <c r="Y432" s="425"/>
      <c r="Z432" s="425"/>
      <c r="AA432" s="425"/>
      <c r="AB432" s="425"/>
      <c r="AC432" s="425"/>
      <c r="AD432" s="425"/>
      <c r="AE432" s="425"/>
      <c r="AF432" s="425"/>
      <c r="AG432" s="425"/>
      <c r="AH432" s="425"/>
      <c r="AI432" s="425"/>
      <c r="AJ432" s="425"/>
      <c r="AK432" s="425"/>
      <c r="AL432" s="425"/>
      <c r="AM432" s="425"/>
      <c r="AN432" s="425"/>
      <c r="AO432" s="425"/>
      <c r="AP432" s="425"/>
      <c r="AQ432" s="425"/>
      <c r="AR432" s="425"/>
      <c r="AS432" s="425"/>
      <c r="AT432" s="425"/>
      <c r="AU432" s="425"/>
      <c r="AV432" s="425"/>
      <c r="AW432" s="425"/>
      <c r="AX432" s="425"/>
      <c r="AY432" s="425"/>
      <c r="AZ432" s="425"/>
      <c r="BA432" s="425"/>
      <c r="BB432" s="425"/>
      <c r="BC432" s="425"/>
      <c r="BD432" s="425"/>
      <c r="BE432" s="425"/>
      <c r="BF432" s="425"/>
      <c r="BG432" s="425"/>
      <c r="BH432" s="425"/>
      <c r="BI432" s="425"/>
      <c r="BJ432" s="425"/>
      <c r="BK432" s="425"/>
      <c r="BL432" s="425"/>
      <c r="BM432" s="425"/>
      <c r="BN432" s="425"/>
      <c r="BO432" s="425"/>
      <c r="BP432" s="425"/>
      <c r="BQ432" s="425"/>
      <c r="BR432" s="425"/>
      <c r="BS432" s="425"/>
      <c r="BT432" s="425"/>
      <c r="BU432" s="425"/>
      <c r="BV432" s="425"/>
      <c r="BW432" s="425"/>
      <c r="BX432" s="425"/>
      <c r="BY432" s="425"/>
      <c r="BZ432" s="425"/>
      <c r="CA432" s="425"/>
      <c r="CB432" s="425"/>
      <c r="CC432" s="425"/>
      <c r="CD432" s="425"/>
      <c r="CE432" s="425"/>
      <c r="CF432" s="425"/>
      <c r="CG432" s="425"/>
      <c r="CH432" s="425" t="s">
        <v>2190</v>
      </c>
      <c r="CI432" s="425"/>
      <c r="CJ432" s="425"/>
      <c r="CK432" s="425"/>
      <c r="CL432" s="425"/>
      <c r="CM432" s="425"/>
      <c r="CN432" s="425"/>
      <c r="CO432" s="425"/>
      <c r="CP432" s="425"/>
      <c r="CQ432" s="425"/>
      <c r="CR432" s="425"/>
      <c r="CS432" s="425"/>
      <c r="CT432" s="425"/>
      <c r="CU432" s="425"/>
      <c r="CV432" s="425"/>
      <c r="CW432" s="425"/>
      <c r="CX432" s="425"/>
      <c r="CY432" s="425"/>
      <c r="CZ432" s="425"/>
      <c r="DA432" s="425"/>
      <c r="DB432" s="425"/>
      <c r="DC432" s="437"/>
      <c r="DD432" s="416"/>
      <c r="DE432" s="416" t="s">
        <v>2267</v>
      </c>
      <c r="DF432" s="437"/>
    </row>
    <row r="433" spans="3:110" ht="56.1" customHeight="1" x14ac:dyDescent="0.2">
      <c r="C433" s="412">
        <v>63</v>
      </c>
      <c r="D433" s="412" t="s">
        <v>2182</v>
      </c>
      <c r="E433" s="422" t="s">
        <v>1385</v>
      </c>
      <c r="F433" s="422" t="s">
        <v>1331</v>
      </c>
      <c r="G433" s="416" t="s">
        <v>2261</v>
      </c>
      <c r="H433" s="416" t="s">
        <v>2757</v>
      </c>
      <c r="I433" s="416" t="s">
        <v>2758</v>
      </c>
      <c r="J433" s="416" t="s">
        <v>2635</v>
      </c>
      <c r="K433" s="416" t="s">
        <v>2636</v>
      </c>
      <c r="L433" s="416" t="s">
        <v>2637</v>
      </c>
      <c r="M433" s="416" t="s">
        <v>60</v>
      </c>
      <c r="N433" s="416" t="s">
        <v>869</v>
      </c>
      <c r="O433" s="424" t="s">
        <v>2671</v>
      </c>
      <c r="P433" s="424" t="s">
        <v>63</v>
      </c>
      <c r="Q433" s="424" t="s">
        <v>63</v>
      </c>
      <c r="R433" s="438">
        <v>1104636.351</v>
      </c>
      <c r="S433" s="438">
        <v>1104636.351</v>
      </c>
      <c r="T433" s="425" t="s">
        <v>2188</v>
      </c>
      <c r="U433" s="425" t="s">
        <v>2189</v>
      </c>
      <c r="V433" s="425"/>
      <c r="W433" s="425"/>
      <c r="X433" s="425"/>
      <c r="Y433" s="425"/>
      <c r="Z433" s="425"/>
      <c r="AA433" s="425"/>
      <c r="AB433" s="425"/>
      <c r="AC433" s="425"/>
      <c r="AD433" s="425"/>
      <c r="AE433" s="425"/>
      <c r="AF433" s="425"/>
      <c r="AG433" s="425"/>
      <c r="AH433" s="425"/>
      <c r="AI433" s="425"/>
      <c r="AJ433" s="425"/>
      <c r="AK433" s="425"/>
      <c r="AL433" s="425"/>
      <c r="AM433" s="425"/>
      <c r="AN433" s="425"/>
      <c r="AO433" s="425"/>
      <c r="AP433" s="425"/>
      <c r="AQ433" s="425"/>
      <c r="AR433" s="425"/>
      <c r="AS433" s="425"/>
      <c r="AT433" s="425"/>
      <c r="AU433" s="425"/>
      <c r="AV433" s="425"/>
      <c r="AW433" s="425"/>
      <c r="AX433" s="425"/>
      <c r="AY433" s="425"/>
      <c r="AZ433" s="425"/>
      <c r="BA433" s="425"/>
      <c r="BB433" s="425"/>
      <c r="BC433" s="425"/>
      <c r="BD433" s="425"/>
      <c r="BE433" s="425"/>
      <c r="BF433" s="425"/>
      <c r="BG433" s="425"/>
      <c r="BH433" s="425"/>
      <c r="BI433" s="425"/>
      <c r="BJ433" s="425"/>
      <c r="BK433" s="425"/>
      <c r="BL433" s="425"/>
      <c r="BM433" s="425"/>
      <c r="BN433" s="425"/>
      <c r="BO433" s="425"/>
      <c r="BP433" s="425"/>
      <c r="BQ433" s="425"/>
      <c r="BR433" s="425"/>
      <c r="BS433" s="425"/>
      <c r="BT433" s="425"/>
      <c r="BU433" s="425"/>
      <c r="BV433" s="425"/>
      <c r="BW433" s="425"/>
      <c r="BX433" s="425"/>
      <c r="BY433" s="425"/>
      <c r="BZ433" s="425"/>
      <c r="CA433" s="425"/>
      <c r="CB433" s="425"/>
      <c r="CC433" s="425"/>
      <c r="CD433" s="425"/>
      <c r="CE433" s="425"/>
      <c r="CF433" s="425"/>
      <c r="CG433" s="425"/>
      <c r="CH433" s="425"/>
      <c r="CI433" s="425" t="s">
        <v>2190</v>
      </c>
      <c r="CJ433" s="425"/>
      <c r="CK433" s="425"/>
      <c r="CL433" s="425"/>
      <c r="CM433" s="425"/>
      <c r="CN433" s="425"/>
      <c r="CO433" s="425"/>
      <c r="CP433" s="425"/>
      <c r="CQ433" s="425"/>
      <c r="CR433" s="425"/>
      <c r="CS433" s="425"/>
      <c r="CT433" s="425"/>
      <c r="CU433" s="425"/>
      <c r="CV433" s="425"/>
      <c r="CW433" s="425"/>
      <c r="CX433" s="425"/>
      <c r="CY433" s="425"/>
      <c r="CZ433" s="425"/>
      <c r="DA433" s="425"/>
      <c r="DB433" s="425"/>
      <c r="DC433" s="437"/>
      <c r="DD433" s="416"/>
      <c r="DE433" s="416" t="s">
        <v>2267</v>
      </c>
      <c r="DF433" s="437"/>
    </row>
    <row r="434" spans="3:110" ht="56.1" customHeight="1" x14ac:dyDescent="0.2">
      <c r="C434" s="412">
        <v>64</v>
      </c>
      <c r="D434" s="412" t="s">
        <v>2182</v>
      </c>
      <c r="E434" s="422" t="s">
        <v>1385</v>
      </c>
      <c r="F434" s="422" t="s">
        <v>1331</v>
      </c>
      <c r="G434" s="416" t="s">
        <v>2261</v>
      </c>
      <c r="H434" s="416" t="s">
        <v>2759</v>
      </c>
      <c r="I434" s="416" t="s">
        <v>2760</v>
      </c>
      <c r="J434" s="416" t="s">
        <v>2200</v>
      </c>
      <c r="K434" s="416" t="s">
        <v>2186</v>
      </c>
      <c r="L434" s="416" t="s">
        <v>2640</v>
      </c>
      <c r="M434" s="416" t="s">
        <v>60</v>
      </c>
      <c r="N434" s="416" t="s">
        <v>869</v>
      </c>
      <c r="O434" s="424" t="s">
        <v>2677</v>
      </c>
      <c r="P434" s="424" t="s">
        <v>63</v>
      </c>
      <c r="Q434" s="424" t="s">
        <v>63</v>
      </c>
      <c r="R434" s="438">
        <v>815754.48710000003</v>
      </c>
      <c r="S434" s="438">
        <v>815754.48710000003</v>
      </c>
      <c r="T434" s="425" t="s">
        <v>2188</v>
      </c>
      <c r="U434" s="425" t="s">
        <v>2189</v>
      </c>
      <c r="V434" s="425"/>
      <c r="W434" s="425"/>
      <c r="X434" s="425"/>
      <c r="Y434" s="425"/>
      <c r="Z434" s="425"/>
      <c r="AA434" s="425"/>
      <c r="AB434" s="425"/>
      <c r="AC434" s="425"/>
      <c r="AD434" s="425"/>
      <c r="AE434" s="425"/>
      <c r="AF434" s="425"/>
      <c r="AG434" s="425"/>
      <c r="AH434" s="425"/>
      <c r="AI434" s="425"/>
      <c r="AJ434" s="425"/>
      <c r="AK434" s="425"/>
      <c r="AL434" s="425"/>
      <c r="AM434" s="425"/>
      <c r="AN434" s="425"/>
      <c r="AO434" s="425"/>
      <c r="AP434" s="425"/>
      <c r="AQ434" s="425"/>
      <c r="AR434" s="425"/>
      <c r="AS434" s="425"/>
      <c r="AT434" s="425"/>
      <c r="AU434" s="425"/>
      <c r="AV434" s="425"/>
      <c r="AW434" s="425"/>
      <c r="AX434" s="425"/>
      <c r="AY434" s="425"/>
      <c r="AZ434" s="425"/>
      <c r="BA434" s="425"/>
      <c r="BB434" s="425"/>
      <c r="BC434" s="425"/>
      <c r="BD434" s="425"/>
      <c r="BE434" s="425"/>
      <c r="BF434" s="425"/>
      <c r="BG434" s="425"/>
      <c r="BH434" s="425"/>
      <c r="BI434" s="425"/>
      <c r="BJ434" s="425"/>
      <c r="BK434" s="425"/>
      <c r="BL434" s="425"/>
      <c r="BM434" s="425"/>
      <c r="BN434" s="425"/>
      <c r="BO434" s="425"/>
      <c r="BP434" s="425"/>
      <c r="BQ434" s="425"/>
      <c r="BR434" s="425"/>
      <c r="BS434" s="425"/>
      <c r="BT434" s="425"/>
      <c r="BU434" s="425"/>
      <c r="BV434" s="425"/>
      <c r="BW434" s="425"/>
      <c r="BX434" s="425"/>
      <c r="BY434" s="425"/>
      <c r="BZ434" s="425"/>
      <c r="CA434" s="425"/>
      <c r="CB434" s="425"/>
      <c r="CC434" s="425"/>
      <c r="CD434" s="425"/>
      <c r="CE434" s="425"/>
      <c r="CF434" s="425"/>
      <c r="CG434" s="425"/>
      <c r="CH434" s="425"/>
      <c r="CI434" s="425"/>
      <c r="CJ434" s="425" t="s">
        <v>2190</v>
      </c>
      <c r="CK434" s="425"/>
      <c r="CL434" s="425"/>
      <c r="CM434" s="425"/>
      <c r="CN434" s="425"/>
      <c r="CO434" s="425"/>
      <c r="CP434" s="425"/>
      <c r="CQ434" s="425"/>
      <c r="CR434" s="425"/>
      <c r="CS434" s="425"/>
      <c r="CT434" s="425"/>
      <c r="CU434" s="425"/>
      <c r="CV434" s="425"/>
      <c r="CW434" s="425"/>
      <c r="CX434" s="425"/>
      <c r="CY434" s="425"/>
      <c r="CZ434" s="425"/>
      <c r="DA434" s="425"/>
      <c r="DB434" s="425"/>
      <c r="DC434" s="437"/>
      <c r="DD434" s="416"/>
      <c r="DE434" s="416" t="s">
        <v>2267</v>
      </c>
      <c r="DF434" s="437"/>
    </row>
    <row r="435" spans="3:110" ht="56.1" customHeight="1" x14ac:dyDescent="0.2">
      <c r="C435" s="412">
        <v>65</v>
      </c>
      <c r="D435" s="412" t="s">
        <v>2182</v>
      </c>
      <c r="E435" s="422" t="s">
        <v>1385</v>
      </c>
      <c r="F435" s="422" t="s">
        <v>1331</v>
      </c>
      <c r="G435" s="416" t="s">
        <v>2261</v>
      </c>
      <c r="H435" s="416" t="s">
        <v>2761</v>
      </c>
      <c r="I435" s="416" t="s">
        <v>2762</v>
      </c>
      <c r="J435" s="416" t="s">
        <v>2643</v>
      </c>
      <c r="K435" s="416" t="s">
        <v>2631</v>
      </c>
      <c r="L435" s="416" t="s">
        <v>2644</v>
      </c>
      <c r="M435" s="416" t="s">
        <v>60</v>
      </c>
      <c r="N435" s="416" t="s">
        <v>869</v>
      </c>
      <c r="O435" s="424" t="s">
        <v>2680</v>
      </c>
      <c r="P435" s="424" t="s">
        <v>63</v>
      </c>
      <c r="Q435" s="424" t="s">
        <v>63</v>
      </c>
      <c r="R435" s="438">
        <v>706488.28969999996</v>
      </c>
      <c r="S435" s="438">
        <v>706488.28969999996</v>
      </c>
      <c r="T435" s="425" t="s">
        <v>2188</v>
      </c>
      <c r="U435" s="425" t="s">
        <v>2189</v>
      </c>
      <c r="V435" s="425"/>
      <c r="W435" s="425"/>
      <c r="X435" s="425"/>
      <c r="Y435" s="425"/>
      <c r="Z435" s="425"/>
      <c r="AA435" s="425"/>
      <c r="AB435" s="425"/>
      <c r="AC435" s="425"/>
      <c r="AD435" s="425"/>
      <c r="AE435" s="425"/>
      <c r="AF435" s="425"/>
      <c r="AG435" s="425"/>
      <c r="AH435" s="425"/>
      <c r="AI435" s="425"/>
      <c r="AJ435" s="425"/>
      <c r="AK435" s="425"/>
      <c r="AL435" s="425"/>
      <c r="AM435" s="425"/>
      <c r="AN435" s="425"/>
      <c r="AO435" s="425"/>
      <c r="AP435" s="425"/>
      <c r="AQ435" s="425"/>
      <c r="AR435" s="425"/>
      <c r="AS435" s="425"/>
      <c r="AT435" s="425"/>
      <c r="AU435" s="425"/>
      <c r="AV435" s="425"/>
      <c r="AW435" s="425"/>
      <c r="AX435" s="425"/>
      <c r="AY435" s="425"/>
      <c r="AZ435" s="425"/>
      <c r="BA435" s="425"/>
      <c r="BB435" s="425"/>
      <c r="BC435" s="425"/>
      <c r="BD435" s="425"/>
      <c r="BE435" s="425"/>
      <c r="BF435" s="425"/>
      <c r="BG435" s="425"/>
      <c r="BH435" s="425"/>
      <c r="BI435" s="425"/>
      <c r="BJ435" s="425"/>
      <c r="BK435" s="425"/>
      <c r="BL435" s="425"/>
      <c r="BM435" s="425"/>
      <c r="BN435" s="425"/>
      <c r="BO435" s="425"/>
      <c r="BP435" s="425"/>
      <c r="BQ435" s="425"/>
      <c r="BR435" s="425"/>
      <c r="BS435" s="425"/>
      <c r="BT435" s="425"/>
      <c r="BU435" s="425"/>
      <c r="BV435" s="425"/>
      <c r="BW435" s="425"/>
      <c r="BX435" s="425"/>
      <c r="BY435" s="425"/>
      <c r="BZ435" s="425"/>
      <c r="CA435" s="425"/>
      <c r="CB435" s="425"/>
      <c r="CC435" s="425"/>
      <c r="CD435" s="425"/>
      <c r="CE435" s="425"/>
      <c r="CF435" s="425"/>
      <c r="CG435" s="425"/>
      <c r="CH435" s="425"/>
      <c r="CI435" s="425"/>
      <c r="CJ435" s="425"/>
      <c r="CK435" s="425" t="s">
        <v>2190</v>
      </c>
      <c r="CL435" s="425"/>
      <c r="CM435" s="425"/>
      <c r="CN435" s="425"/>
      <c r="CO435" s="425"/>
      <c r="CP435" s="425"/>
      <c r="CQ435" s="425"/>
      <c r="CR435" s="425"/>
      <c r="CS435" s="425"/>
      <c r="CT435" s="425"/>
      <c r="CU435" s="425"/>
      <c r="CV435" s="425"/>
      <c r="CW435" s="425"/>
      <c r="CX435" s="425"/>
      <c r="CY435" s="425"/>
      <c r="CZ435" s="425"/>
      <c r="DA435" s="425"/>
      <c r="DB435" s="425"/>
      <c r="DC435" s="437"/>
      <c r="DD435" s="416"/>
      <c r="DE435" s="416" t="s">
        <v>2267</v>
      </c>
      <c r="DF435" s="437"/>
    </row>
    <row r="436" spans="3:110" ht="56.1" customHeight="1" x14ac:dyDescent="0.2">
      <c r="C436" s="412">
        <v>66</v>
      </c>
      <c r="D436" s="412" t="s">
        <v>2182</v>
      </c>
      <c r="E436" s="422" t="s">
        <v>1385</v>
      </c>
      <c r="F436" s="422" t="s">
        <v>1331</v>
      </c>
      <c r="G436" s="416" t="s">
        <v>2261</v>
      </c>
      <c r="H436" s="416" t="s">
        <v>2763</v>
      </c>
      <c r="I436" s="416" t="s">
        <v>2764</v>
      </c>
      <c r="J436" s="416" t="s">
        <v>2658</v>
      </c>
      <c r="K436" s="416" t="s">
        <v>2631</v>
      </c>
      <c r="L436" s="416" t="s">
        <v>2683</v>
      </c>
      <c r="M436" s="416" t="s">
        <v>60</v>
      </c>
      <c r="N436" s="416" t="s">
        <v>869</v>
      </c>
      <c r="O436" s="424" t="s">
        <v>2684</v>
      </c>
      <c r="P436" s="424" t="s">
        <v>63</v>
      </c>
      <c r="Q436" s="424" t="s">
        <v>63</v>
      </c>
      <c r="R436" s="438">
        <v>724449.85640000005</v>
      </c>
      <c r="S436" s="438">
        <v>724449.85640000005</v>
      </c>
      <c r="T436" s="425" t="s">
        <v>2188</v>
      </c>
      <c r="U436" s="425" t="s">
        <v>2189</v>
      </c>
      <c r="V436" s="425"/>
      <c r="W436" s="425"/>
      <c r="X436" s="425"/>
      <c r="Y436" s="425"/>
      <c r="Z436" s="425"/>
      <c r="AA436" s="425"/>
      <c r="AB436" s="425"/>
      <c r="AC436" s="425"/>
      <c r="AD436" s="425"/>
      <c r="AE436" s="425"/>
      <c r="AF436" s="425"/>
      <c r="AG436" s="425"/>
      <c r="AH436" s="425"/>
      <c r="AI436" s="425"/>
      <c r="AJ436" s="425"/>
      <c r="AK436" s="425"/>
      <c r="AL436" s="425"/>
      <c r="AM436" s="425"/>
      <c r="AN436" s="425"/>
      <c r="AO436" s="425"/>
      <c r="AP436" s="425"/>
      <c r="AQ436" s="425"/>
      <c r="AR436" s="425"/>
      <c r="AS436" s="425"/>
      <c r="AT436" s="425"/>
      <c r="AU436" s="425"/>
      <c r="AV436" s="425"/>
      <c r="AW436" s="425"/>
      <c r="AX436" s="425"/>
      <c r="AY436" s="425"/>
      <c r="AZ436" s="425"/>
      <c r="BA436" s="425"/>
      <c r="BB436" s="425"/>
      <c r="BC436" s="425"/>
      <c r="BD436" s="425"/>
      <c r="BE436" s="425"/>
      <c r="BF436" s="425"/>
      <c r="BG436" s="425"/>
      <c r="BH436" s="425"/>
      <c r="BI436" s="425"/>
      <c r="BJ436" s="425"/>
      <c r="BK436" s="425"/>
      <c r="BL436" s="425"/>
      <c r="BM436" s="425"/>
      <c r="BN436" s="425"/>
      <c r="BO436" s="425"/>
      <c r="BP436" s="425"/>
      <c r="BQ436" s="425"/>
      <c r="BR436" s="425"/>
      <c r="BS436" s="425"/>
      <c r="BT436" s="425"/>
      <c r="BU436" s="425"/>
      <c r="BV436" s="425"/>
      <c r="BW436" s="425"/>
      <c r="BX436" s="425"/>
      <c r="BY436" s="425"/>
      <c r="BZ436" s="425"/>
      <c r="CA436" s="425"/>
      <c r="CB436" s="425"/>
      <c r="CC436" s="425"/>
      <c r="CD436" s="425"/>
      <c r="CE436" s="425"/>
      <c r="CF436" s="425"/>
      <c r="CG436" s="425"/>
      <c r="CH436" s="425"/>
      <c r="CI436" s="425"/>
      <c r="CJ436" s="425"/>
      <c r="CK436" s="425"/>
      <c r="CL436" s="425" t="s">
        <v>2190</v>
      </c>
      <c r="CM436" s="425"/>
      <c r="CN436" s="425"/>
      <c r="CO436" s="425"/>
      <c r="CP436" s="425"/>
      <c r="CQ436" s="425"/>
      <c r="CR436" s="425"/>
      <c r="CS436" s="425"/>
      <c r="CT436" s="425"/>
      <c r="CU436" s="425"/>
      <c r="CV436" s="425"/>
      <c r="CW436" s="425"/>
      <c r="CX436" s="425"/>
      <c r="CY436" s="425"/>
      <c r="CZ436" s="425"/>
      <c r="DA436" s="425"/>
      <c r="DB436" s="425"/>
      <c r="DC436" s="437"/>
      <c r="DD436" s="416"/>
      <c r="DE436" s="416" t="s">
        <v>2267</v>
      </c>
      <c r="DF436" s="437"/>
    </row>
    <row r="437" spans="3:110" ht="56.1" customHeight="1" x14ac:dyDescent="0.2">
      <c r="C437" s="412">
        <v>68</v>
      </c>
      <c r="D437" s="412" t="s">
        <v>2182</v>
      </c>
      <c r="E437" s="422" t="s">
        <v>1385</v>
      </c>
      <c r="F437" s="422" t="s">
        <v>1331</v>
      </c>
      <c r="G437" s="416" t="s">
        <v>2261</v>
      </c>
      <c r="H437" s="416" t="s">
        <v>2765</v>
      </c>
      <c r="I437" s="416" t="s">
        <v>2766</v>
      </c>
      <c r="J437" s="416" t="s">
        <v>2635</v>
      </c>
      <c r="K437" s="416" t="s">
        <v>2636</v>
      </c>
      <c r="L437" s="416" t="s">
        <v>2688</v>
      </c>
      <c r="M437" s="416" t="s">
        <v>60</v>
      </c>
      <c r="N437" s="416" t="s">
        <v>869</v>
      </c>
      <c r="O437" s="424" t="s">
        <v>2266</v>
      </c>
      <c r="P437" s="424" t="s">
        <v>63</v>
      </c>
      <c r="Q437" s="424" t="s">
        <v>63</v>
      </c>
      <c r="R437" s="438">
        <v>438561.58659999998</v>
      </c>
      <c r="S437" s="438">
        <v>438561.58659999998</v>
      </c>
      <c r="T437" s="425" t="s">
        <v>2188</v>
      </c>
      <c r="U437" s="425" t="s">
        <v>2189</v>
      </c>
      <c r="V437" s="425"/>
      <c r="W437" s="425"/>
      <c r="X437" s="425"/>
      <c r="Y437" s="425"/>
      <c r="Z437" s="425"/>
      <c r="AA437" s="425"/>
      <c r="AB437" s="425"/>
      <c r="AC437" s="425"/>
      <c r="AD437" s="425"/>
      <c r="AE437" s="425"/>
      <c r="AF437" s="425"/>
      <c r="AG437" s="425"/>
      <c r="AH437" s="425"/>
      <c r="AI437" s="425"/>
      <c r="AJ437" s="425"/>
      <c r="AK437" s="425"/>
      <c r="AL437" s="425"/>
      <c r="AM437" s="425"/>
      <c r="AN437" s="425"/>
      <c r="AO437" s="425"/>
      <c r="AP437" s="425"/>
      <c r="AQ437" s="425"/>
      <c r="AR437" s="425"/>
      <c r="AS437" s="425"/>
      <c r="AT437" s="425"/>
      <c r="AU437" s="425"/>
      <c r="AV437" s="425"/>
      <c r="AW437" s="425"/>
      <c r="AX437" s="425"/>
      <c r="AY437" s="425"/>
      <c r="AZ437" s="425"/>
      <c r="BA437" s="425"/>
      <c r="BB437" s="425"/>
      <c r="BC437" s="425"/>
      <c r="BD437" s="425"/>
      <c r="BE437" s="425"/>
      <c r="BF437" s="425"/>
      <c r="BG437" s="425"/>
      <c r="BH437" s="425"/>
      <c r="BI437" s="425"/>
      <c r="BJ437" s="425"/>
      <c r="BK437" s="425"/>
      <c r="BL437" s="425"/>
      <c r="BM437" s="425"/>
      <c r="BN437" s="425"/>
      <c r="BO437" s="425"/>
      <c r="BP437" s="425"/>
      <c r="BQ437" s="425"/>
      <c r="BR437" s="425"/>
      <c r="BS437" s="425"/>
      <c r="BT437" s="425"/>
      <c r="BU437" s="425"/>
      <c r="BV437" s="425"/>
      <c r="BW437" s="425"/>
      <c r="BX437" s="425"/>
      <c r="BY437" s="425"/>
      <c r="BZ437" s="425"/>
      <c r="CA437" s="425"/>
      <c r="CB437" s="425"/>
      <c r="CC437" s="425"/>
      <c r="CD437" s="425"/>
      <c r="CE437" s="425"/>
      <c r="CF437" s="425"/>
      <c r="CG437" s="425"/>
      <c r="CH437" s="425"/>
      <c r="CI437" s="425"/>
      <c r="CJ437" s="425"/>
      <c r="CK437" s="425"/>
      <c r="CL437" s="425"/>
      <c r="CM437" s="425"/>
      <c r="CN437" s="425" t="s">
        <v>2190</v>
      </c>
      <c r="CO437" s="425"/>
      <c r="CP437" s="425"/>
      <c r="CQ437" s="425"/>
      <c r="CR437" s="425"/>
      <c r="CS437" s="425"/>
      <c r="CT437" s="425"/>
      <c r="CU437" s="425"/>
      <c r="CV437" s="425"/>
      <c r="CW437" s="425"/>
      <c r="CX437" s="425"/>
      <c r="CY437" s="425"/>
      <c r="CZ437" s="425"/>
      <c r="DA437" s="425"/>
      <c r="DB437" s="425"/>
      <c r="DC437" s="437"/>
      <c r="DD437" s="416"/>
      <c r="DE437" s="416" t="s">
        <v>2267</v>
      </c>
      <c r="DF437" s="416"/>
    </row>
    <row r="438" spans="3:110" ht="56.1" customHeight="1" x14ac:dyDescent="0.2">
      <c r="C438" s="412">
        <v>69</v>
      </c>
      <c r="D438" s="412" t="s">
        <v>2182</v>
      </c>
      <c r="E438" s="422" t="s">
        <v>1385</v>
      </c>
      <c r="F438" s="422" t="s">
        <v>1331</v>
      </c>
      <c r="G438" s="416" t="s">
        <v>2261</v>
      </c>
      <c r="H438" s="416" t="s">
        <v>2767</v>
      </c>
      <c r="I438" s="416" t="s">
        <v>2768</v>
      </c>
      <c r="J438" s="416" t="s">
        <v>2622</v>
      </c>
      <c r="K438" s="416" t="s">
        <v>2691</v>
      </c>
      <c r="L438" s="416" t="s">
        <v>2692</v>
      </c>
      <c r="M438" s="416" t="s">
        <v>60</v>
      </c>
      <c r="N438" s="416" t="s">
        <v>869</v>
      </c>
      <c r="O438" s="424" t="s">
        <v>2309</v>
      </c>
      <c r="P438" s="424" t="s">
        <v>63</v>
      </c>
      <c r="Q438" s="424" t="s">
        <v>63</v>
      </c>
      <c r="R438" s="438">
        <v>410122.43939999997</v>
      </c>
      <c r="S438" s="438">
        <v>410122.43939999997</v>
      </c>
      <c r="T438" s="425" t="s">
        <v>2188</v>
      </c>
      <c r="U438" s="425" t="s">
        <v>2189</v>
      </c>
      <c r="V438" s="425"/>
      <c r="W438" s="425"/>
      <c r="X438" s="425"/>
      <c r="Y438" s="425"/>
      <c r="Z438" s="425"/>
      <c r="AA438" s="425"/>
      <c r="AB438" s="425"/>
      <c r="AC438" s="425"/>
      <c r="AD438" s="425"/>
      <c r="AE438" s="425"/>
      <c r="AF438" s="425"/>
      <c r="AG438" s="425"/>
      <c r="AH438" s="425"/>
      <c r="AI438" s="425"/>
      <c r="AJ438" s="425"/>
      <c r="AK438" s="425"/>
      <c r="AL438" s="425"/>
      <c r="AM438" s="425"/>
      <c r="AN438" s="425"/>
      <c r="AO438" s="425"/>
      <c r="AP438" s="425"/>
      <c r="AQ438" s="425"/>
      <c r="AR438" s="425"/>
      <c r="AS438" s="425"/>
      <c r="AT438" s="425"/>
      <c r="AU438" s="425"/>
      <c r="AV438" s="425"/>
      <c r="AW438" s="425"/>
      <c r="AX438" s="425"/>
      <c r="AY438" s="425"/>
      <c r="AZ438" s="425"/>
      <c r="BA438" s="425"/>
      <c r="BB438" s="425"/>
      <c r="BC438" s="425"/>
      <c r="BD438" s="425"/>
      <c r="BE438" s="425"/>
      <c r="BF438" s="425"/>
      <c r="BG438" s="425"/>
      <c r="BH438" s="425"/>
      <c r="BI438" s="425"/>
      <c r="BJ438" s="425"/>
      <c r="BK438" s="425"/>
      <c r="BL438" s="425"/>
      <c r="BM438" s="425"/>
      <c r="BN438" s="425"/>
      <c r="BO438" s="425"/>
      <c r="BP438" s="425"/>
      <c r="BQ438" s="425"/>
      <c r="BR438" s="425"/>
      <c r="BS438" s="425"/>
      <c r="BT438" s="425"/>
      <c r="BU438" s="425"/>
      <c r="BV438" s="425"/>
      <c r="BW438" s="425"/>
      <c r="BX438" s="425"/>
      <c r="BY438" s="425"/>
      <c r="BZ438" s="425"/>
      <c r="CA438" s="425"/>
      <c r="CB438" s="425"/>
      <c r="CC438" s="425"/>
      <c r="CD438" s="425"/>
      <c r="CE438" s="425"/>
      <c r="CF438" s="425"/>
      <c r="CG438" s="425"/>
      <c r="CH438" s="425"/>
      <c r="CI438" s="425"/>
      <c r="CJ438" s="425"/>
      <c r="CK438" s="425"/>
      <c r="CL438" s="425"/>
      <c r="CM438" s="425"/>
      <c r="CN438" s="425"/>
      <c r="CO438" s="425" t="s">
        <v>2190</v>
      </c>
      <c r="CP438" s="425"/>
      <c r="CQ438" s="425"/>
      <c r="CR438" s="425"/>
      <c r="CS438" s="425"/>
      <c r="CT438" s="425"/>
      <c r="CU438" s="425"/>
      <c r="CV438" s="425"/>
      <c r="CW438" s="425"/>
      <c r="CX438" s="425"/>
      <c r="CY438" s="425"/>
      <c r="CZ438" s="425"/>
      <c r="DA438" s="425"/>
      <c r="DB438" s="425"/>
      <c r="DC438" s="437"/>
      <c r="DD438" s="416"/>
      <c r="DE438" s="416" t="s">
        <v>2267</v>
      </c>
      <c r="DF438" s="416"/>
    </row>
    <row r="439" spans="3:110" ht="56.1" customHeight="1" x14ac:dyDescent="0.2">
      <c r="C439" s="412">
        <v>79</v>
      </c>
      <c r="D439" s="412" t="s">
        <v>2182</v>
      </c>
      <c r="E439" s="422" t="s">
        <v>1385</v>
      </c>
      <c r="F439" s="422" t="s">
        <v>1331</v>
      </c>
      <c r="G439" s="416" t="s">
        <v>1339</v>
      </c>
      <c r="H439" s="416" t="s">
        <v>2769</v>
      </c>
      <c r="I439" s="416" t="s">
        <v>2770</v>
      </c>
      <c r="J439" s="416" t="s">
        <v>2200</v>
      </c>
      <c r="K439" s="416" t="s">
        <v>2186</v>
      </c>
      <c r="L439" s="416" t="s">
        <v>2640</v>
      </c>
      <c r="M439" s="416" t="s">
        <v>81</v>
      </c>
      <c r="N439" s="416" t="s">
        <v>2277</v>
      </c>
      <c r="O439" s="424" t="s">
        <v>2677</v>
      </c>
      <c r="P439" s="424" t="s">
        <v>63</v>
      </c>
      <c r="Q439" s="424" t="s">
        <v>63</v>
      </c>
      <c r="R439" s="425" t="s">
        <v>63</v>
      </c>
      <c r="S439" s="425" t="s">
        <v>63</v>
      </c>
      <c r="T439" s="425" t="s">
        <v>2188</v>
      </c>
      <c r="U439" s="425" t="s">
        <v>2189</v>
      </c>
      <c r="V439" s="425"/>
      <c r="W439" s="425"/>
      <c r="X439" s="425"/>
      <c r="Y439" s="425"/>
      <c r="Z439" s="425"/>
      <c r="AA439" s="425"/>
      <c r="AB439" s="425"/>
      <c r="AC439" s="425"/>
      <c r="AD439" s="425"/>
      <c r="AE439" s="425"/>
      <c r="AF439" s="425"/>
      <c r="AG439" s="425"/>
      <c r="AH439" s="425"/>
      <c r="AI439" s="425"/>
      <c r="AJ439" s="425"/>
      <c r="AK439" s="425"/>
      <c r="AL439" s="425"/>
      <c r="AM439" s="425"/>
      <c r="AN439" s="425"/>
      <c r="AO439" s="425"/>
      <c r="AP439" s="425"/>
      <c r="AQ439" s="425"/>
      <c r="AR439" s="425"/>
      <c r="AS439" s="425"/>
      <c r="AT439" s="425"/>
      <c r="AU439" s="425"/>
      <c r="AV439" s="425"/>
      <c r="AW439" s="425"/>
      <c r="AX439" s="425"/>
      <c r="AY439" s="425"/>
      <c r="AZ439" s="425"/>
      <c r="BA439" s="425"/>
      <c r="BB439" s="425"/>
      <c r="BC439" s="425"/>
      <c r="BD439" s="425"/>
      <c r="BE439" s="425"/>
      <c r="BF439" s="425"/>
      <c r="BG439" s="425"/>
      <c r="BH439" s="425"/>
      <c r="BI439" s="425"/>
      <c r="BJ439" s="425"/>
      <c r="BK439" s="425"/>
      <c r="BL439" s="425"/>
      <c r="BM439" s="425"/>
      <c r="BN439" s="425"/>
      <c r="BO439" s="425"/>
      <c r="BP439" s="425"/>
      <c r="BQ439" s="425"/>
      <c r="BR439" s="425"/>
      <c r="BS439" s="425"/>
      <c r="BT439" s="425"/>
      <c r="BU439" s="425"/>
      <c r="BV439" s="425"/>
      <c r="BW439" s="425"/>
      <c r="BX439" s="425"/>
      <c r="BY439" s="425"/>
      <c r="BZ439" s="425"/>
      <c r="CA439" s="425"/>
      <c r="CB439" s="425"/>
      <c r="CC439" s="425"/>
      <c r="CD439" s="425"/>
      <c r="CE439" s="425"/>
      <c r="CF439" s="425"/>
      <c r="CG439" s="425"/>
      <c r="CH439" s="425"/>
      <c r="CI439" s="425"/>
      <c r="CJ439" s="425" t="s">
        <v>2190</v>
      </c>
      <c r="CK439" s="425"/>
      <c r="CL439" s="425"/>
      <c r="CM439" s="425"/>
      <c r="CN439" s="425"/>
      <c r="CO439" s="425"/>
      <c r="CP439" s="425"/>
      <c r="CQ439" s="425"/>
      <c r="CR439" s="425"/>
      <c r="CS439" s="425"/>
      <c r="CT439" s="425"/>
      <c r="CU439" s="425"/>
      <c r="CV439" s="425"/>
      <c r="CW439" s="425"/>
      <c r="CX439" s="425"/>
      <c r="CY439" s="425"/>
      <c r="CZ439" s="425"/>
      <c r="DA439" s="425"/>
      <c r="DB439" s="425"/>
      <c r="DC439" s="425"/>
      <c r="DD439" s="416"/>
      <c r="DE439" s="416"/>
      <c r="DF439" s="416" t="s">
        <v>2279</v>
      </c>
    </row>
    <row r="440" spans="3:110" ht="56.1" customHeight="1" x14ac:dyDescent="0.2">
      <c r="C440" s="412">
        <v>80</v>
      </c>
      <c r="D440" s="412" t="s">
        <v>2182</v>
      </c>
      <c r="E440" s="422" t="s">
        <v>1385</v>
      </c>
      <c r="F440" s="446" t="s">
        <v>2501</v>
      </c>
      <c r="G440" s="416" t="s">
        <v>1353</v>
      </c>
      <c r="H440" s="416" t="s">
        <v>2771</v>
      </c>
      <c r="I440" s="429" t="s">
        <v>2772</v>
      </c>
      <c r="J440" s="416" t="s">
        <v>253</v>
      </c>
      <c r="K440" s="416" t="s">
        <v>2631</v>
      </c>
      <c r="L440" s="416" t="s">
        <v>63</v>
      </c>
      <c r="M440" s="416" t="s">
        <v>81</v>
      </c>
      <c r="N440" s="447" t="s">
        <v>267</v>
      </c>
      <c r="O440" s="424" t="s">
        <v>2251</v>
      </c>
      <c r="P440" s="424" t="s">
        <v>63</v>
      </c>
      <c r="Q440" s="424" t="s">
        <v>63</v>
      </c>
      <c r="R440" s="438" t="s">
        <v>2285</v>
      </c>
      <c r="S440" s="425" t="s">
        <v>2285</v>
      </c>
      <c r="T440" s="425" t="s">
        <v>267</v>
      </c>
      <c r="U440" s="425" t="s">
        <v>245</v>
      </c>
      <c r="V440" s="425"/>
      <c r="W440" s="425"/>
      <c r="X440" s="425"/>
      <c r="Y440" s="425"/>
      <c r="Z440" s="425"/>
      <c r="AA440" s="425"/>
      <c r="AB440" s="425"/>
      <c r="AC440" s="425"/>
      <c r="AD440" s="425"/>
      <c r="AE440" s="425"/>
      <c r="AF440" s="425"/>
      <c r="AG440" s="425"/>
      <c r="AH440" s="425"/>
      <c r="AI440" s="425"/>
      <c r="AJ440" s="425"/>
      <c r="AK440" s="425"/>
      <c r="AL440" s="425"/>
      <c r="AM440" s="425"/>
      <c r="AN440" s="425"/>
      <c r="AO440" s="425"/>
      <c r="AP440" s="425"/>
      <c r="AQ440" s="425"/>
      <c r="AR440" s="425"/>
      <c r="AS440" s="425"/>
      <c r="AT440" s="425"/>
      <c r="AU440" s="425"/>
      <c r="AV440" s="425"/>
      <c r="AW440" s="425"/>
      <c r="AX440" s="425"/>
      <c r="AY440" s="425"/>
      <c r="AZ440" s="425"/>
      <c r="BA440" s="425"/>
      <c r="BB440" s="425"/>
      <c r="BC440" s="425"/>
      <c r="BD440" s="425"/>
      <c r="BE440" s="425"/>
      <c r="BF440" s="425"/>
      <c r="BG440" s="425"/>
      <c r="BH440" s="425"/>
      <c r="BI440" s="425"/>
      <c r="BJ440" s="425"/>
      <c r="BK440" s="425"/>
      <c r="BL440" s="425"/>
      <c r="BM440" s="425"/>
      <c r="BN440" s="425"/>
      <c r="BO440" s="425"/>
      <c r="BP440" s="425"/>
      <c r="BQ440" s="425"/>
      <c r="BR440" s="425"/>
      <c r="BS440" s="425"/>
      <c r="BT440" s="425"/>
      <c r="BU440" s="425"/>
      <c r="BV440" s="425"/>
      <c r="BW440" s="425"/>
      <c r="BX440" s="425"/>
      <c r="BY440" s="425"/>
      <c r="BZ440" s="425"/>
      <c r="CA440" s="425"/>
      <c r="CB440" s="425"/>
      <c r="CC440" s="425"/>
      <c r="CD440" s="425"/>
      <c r="CE440" s="425"/>
      <c r="CF440" s="425"/>
      <c r="CG440" s="425"/>
      <c r="CH440" s="424"/>
      <c r="CI440" s="424"/>
      <c r="CJ440" s="424"/>
      <c r="CK440" s="448"/>
      <c r="CL440" s="448"/>
      <c r="CM440" s="448"/>
      <c r="CN440" s="448"/>
      <c r="CO440" s="448"/>
      <c r="CP440" s="448"/>
      <c r="CQ440" s="448"/>
      <c r="CR440" s="448"/>
      <c r="CS440" s="448"/>
      <c r="CT440" s="448"/>
      <c r="CU440" s="448"/>
      <c r="CV440" s="448"/>
      <c r="CW440" s="448"/>
      <c r="CX440" s="448"/>
      <c r="CY440" s="448"/>
      <c r="CZ440" s="448"/>
      <c r="DA440" s="448"/>
      <c r="DB440" s="448"/>
      <c r="DC440" s="448"/>
      <c r="DD440" s="416" t="s">
        <v>2286</v>
      </c>
      <c r="DE440" s="416"/>
      <c r="DF440" s="416" t="s">
        <v>2773</v>
      </c>
    </row>
    <row r="441" spans="3:110" ht="56.1" customHeight="1" x14ac:dyDescent="0.2">
      <c r="C441" s="412">
        <v>81</v>
      </c>
      <c r="D441" s="412" t="s">
        <v>2182</v>
      </c>
      <c r="E441" s="422" t="s">
        <v>1385</v>
      </c>
      <c r="F441" s="446" t="s">
        <v>2501</v>
      </c>
      <c r="G441" s="416" t="s">
        <v>1353</v>
      </c>
      <c r="H441" s="416" t="s">
        <v>2774</v>
      </c>
      <c r="I441" s="429" t="s">
        <v>2775</v>
      </c>
      <c r="J441" s="416" t="s">
        <v>253</v>
      </c>
      <c r="K441" s="416" t="s">
        <v>2776</v>
      </c>
      <c r="L441" s="416" t="s">
        <v>63</v>
      </c>
      <c r="M441" s="416" t="s">
        <v>81</v>
      </c>
      <c r="N441" s="447" t="s">
        <v>267</v>
      </c>
      <c r="O441" s="424" t="s">
        <v>2251</v>
      </c>
      <c r="P441" s="424" t="s">
        <v>63</v>
      </c>
      <c r="Q441" s="424" t="s">
        <v>63</v>
      </c>
      <c r="R441" s="438" t="s">
        <v>2285</v>
      </c>
      <c r="S441" s="425" t="s">
        <v>2285</v>
      </c>
      <c r="T441" s="425" t="s">
        <v>267</v>
      </c>
      <c r="U441" s="425" t="s">
        <v>245</v>
      </c>
      <c r="V441" s="425"/>
      <c r="W441" s="425"/>
      <c r="X441" s="425"/>
      <c r="Y441" s="425"/>
      <c r="Z441" s="425"/>
      <c r="AA441" s="425"/>
      <c r="AB441" s="425"/>
      <c r="AC441" s="425"/>
      <c r="AD441" s="425"/>
      <c r="AE441" s="425"/>
      <c r="AF441" s="425"/>
      <c r="AG441" s="425"/>
      <c r="AH441" s="425"/>
      <c r="AI441" s="425"/>
      <c r="AJ441" s="425"/>
      <c r="AK441" s="425"/>
      <c r="AL441" s="425"/>
      <c r="AM441" s="425"/>
      <c r="AN441" s="425"/>
      <c r="AO441" s="425"/>
      <c r="AP441" s="425"/>
      <c r="AQ441" s="425"/>
      <c r="AR441" s="425"/>
      <c r="AS441" s="425"/>
      <c r="AT441" s="425"/>
      <c r="AU441" s="425"/>
      <c r="AV441" s="425"/>
      <c r="AW441" s="425"/>
      <c r="AX441" s="425"/>
      <c r="AY441" s="425"/>
      <c r="AZ441" s="425"/>
      <c r="BA441" s="425"/>
      <c r="BB441" s="425"/>
      <c r="BC441" s="425"/>
      <c r="BD441" s="425"/>
      <c r="BE441" s="425"/>
      <c r="BF441" s="425"/>
      <c r="BG441" s="425"/>
      <c r="BH441" s="425"/>
      <c r="BI441" s="425"/>
      <c r="BJ441" s="425"/>
      <c r="BK441" s="425"/>
      <c r="BL441" s="425"/>
      <c r="BM441" s="425"/>
      <c r="BN441" s="425"/>
      <c r="BO441" s="425"/>
      <c r="BP441" s="425"/>
      <c r="BQ441" s="425"/>
      <c r="BR441" s="425"/>
      <c r="BS441" s="425"/>
      <c r="BT441" s="425"/>
      <c r="BU441" s="425"/>
      <c r="BV441" s="425"/>
      <c r="BW441" s="425"/>
      <c r="BX441" s="425"/>
      <c r="BY441" s="425"/>
      <c r="BZ441" s="425"/>
      <c r="CA441" s="425"/>
      <c r="CB441" s="425"/>
      <c r="CC441" s="425"/>
      <c r="CD441" s="425"/>
      <c r="CE441" s="425"/>
      <c r="CF441" s="425"/>
      <c r="CG441" s="425"/>
      <c r="CH441" s="425"/>
      <c r="CI441" s="425"/>
      <c r="CJ441" s="424"/>
      <c r="CK441" s="448"/>
      <c r="CL441" s="448"/>
      <c r="CM441" s="448"/>
      <c r="CN441" s="425"/>
      <c r="CO441" s="448"/>
      <c r="CP441" s="448"/>
      <c r="CQ441" s="448"/>
      <c r="CR441" s="448"/>
      <c r="CS441" s="448"/>
      <c r="CT441" s="425"/>
      <c r="CU441" s="425"/>
      <c r="CV441" s="448"/>
      <c r="CW441" s="448"/>
      <c r="CX441" s="448"/>
      <c r="CY441" s="448"/>
      <c r="CZ441" s="448"/>
      <c r="DA441" s="448"/>
      <c r="DB441" s="448"/>
      <c r="DC441" s="425"/>
      <c r="DD441" s="416" t="s">
        <v>2286</v>
      </c>
      <c r="DE441" s="416"/>
      <c r="DF441" s="416" t="s">
        <v>2773</v>
      </c>
    </row>
    <row r="442" spans="3:110" ht="56.1" customHeight="1" x14ac:dyDescent="0.2">
      <c r="C442" s="415">
        <v>82</v>
      </c>
      <c r="D442" s="412" t="s">
        <v>2182</v>
      </c>
      <c r="E442" s="430" t="s">
        <v>1385</v>
      </c>
      <c r="F442" s="449" t="s">
        <v>2501</v>
      </c>
      <c r="G442" s="417" t="s">
        <v>1353</v>
      </c>
      <c r="H442" s="417" t="s">
        <v>2282</v>
      </c>
      <c r="I442" s="431" t="s">
        <v>2283</v>
      </c>
      <c r="J442" s="417" t="s">
        <v>253</v>
      </c>
      <c r="K442" s="417" t="s">
        <v>2217</v>
      </c>
      <c r="L442" s="417" t="s">
        <v>63</v>
      </c>
      <c r="M442" s="417" t="s">
        <v>81</v>
      </c>
      <c r="N442" s="450" t="s">
        <v>267</v>
      </c>
      <c r="O442" s="451" t="s">
        <v>2284</v>
      </c>
      <c r="P442" s="432" t="s">
        <v>63</v>
      </c>
      <c r="Q442" s="432" t="s">
        <v>63</v>
      </c>
      <c r="R442" s="452" t="s">
        <v>2285</v>
      </c>
      <c r="S442" s="451" t="s">
        <v>2285</v>
      </c>
      <c r="T442" s="434" t="s">
        <v>267</v>
      </c>
      <c r="U442" s="434" t="s">
        <v>245</v>
      </c>
      <c r="V442" s="434"/>
      <c r="W442" s="434"/>
      <c r="X442" s="434"/>
      <c r="Y442" s="434"/>
      <c r="Z442" s="434"/>
      <c r="AA442" s="434"/>
      <c r="AB442" s="434"/>
      <c r="AC442" s="434"/>
      <c r="AD442" s="434"/>
      <c r="AE442" s="434"/>
      <c r="AF442" s="434"/>
      <c r="AG442" s="434"/>
      <c r="AH442" s="434"/>
      <c r="AI442" s="434"/>
      <c r="AJ442" s="434"/>
      <c r="AK442" s="434"/>
      <c r="AL442" s="434"/>
      <c r="AM442" s="434"/>
      <c r="AN442" s="434"/>
      <c r="AO442" s="434"/>
      <c r="AP442" s="434"/>
      <c r="AQ442" s="434"/>
      <c r="AR442" s="434"/>
      <c r="AS442" s="434"/>
      <c r="AT442" s="434"/>
      <c r="AU442" s="434"/>
      <c r="AV442" s="434"/>
      <c r="AW442" s="434"/>
      <c r="AX442" s="434"/>
      <c r="AY442" s="434"/>
      <c r="AZ442" s="434"/>
      <c r="BA442" s="434"/>
      <c r="BB442" s="434"/>
      <c r="BC442" s="434"/>
      <c r="BD442" s="434"/>
      <c r="BE442" s="434"/>
      <c r="BF442" s="434"/>
      <c r="BG442" s="434"/>
      <c r="BH442" s="434"/>
      <c r="BI442" s="434"/>
      <c r="BJ442" s="434"/>
      <c r="BK442" s="434"/>
      <c r="BL442" s="434"/>
      <c r="BM442" s="434"/>
      <c r="BN442" s="434"/>
      <c r="BO442" s="434"/>
      <c r="BP442" s="434"/>
      <c r="BQ442" s="434"/>
      <c r="BR442" s="434"/>
      <c r="BS442" s="434"/>
      <c r="BT442" s="434"/>
      <c r="BU442" s="434"/>
      <c r="BV442" s="434"/>
      <c r="BW442" s="434"/>
      <c r="BX442" s="434"/>
      <c r="BY442" s="434"/>
      <c r="BZ442" s="434"/>
      <c r="CA442" s="434"/>
      <c r="CB442" s="434"/>
      <c r="CC442" s="434"/>
      <c r="CD442" s="434"/>
      <c r="CE442" s="434"/>
      <c r="CF442" s="434"/>
      <c r="CG442" s="434"/>
      <c r="CH442" s="434"/>
      <c r="CI442" s="434"/>
      <c r="CJ442" s="434"/>
      <c r="CK442" s="434"/>
      <c r="CL442" s="434"/>
      <c r="CM442" s="434"/>
      <c r="CN442" s="434"/>
      <c r="CO442" s="434"/>
      <c r="CP442" s="434"/>
      <c r="CQ442" s="434"/>
      <c r="CR442" s="434"/>
      <c r="CS442" s="434"/>
      <c r="CT442" s="434"/>
      <c r="CU442" s="434"/>
      <c r="CV442" s="434"/>
      <c r="CW442" s="434"/>
      <c r="CX442" s="434"/>
      <c r="CY442" s="434"/>
      <c r="CZ442" s="434"/>
      <c r="DA442" s="434"/>
      <c r="DB442" s="434"/>
      <c r="DC442" s="434"/>
      <c r="DD442" s="417" t="s">
        <v>2286</v>
      </c>
      <c r="DE442" s="417"/>
      <c r="DF442" s="417" t="s">
        <v>2287</v>
      </c>
    </row>
    <row r="443" spans="3:110" ht="56.1" customHeight="1" x14ac:dyDescent="0.2">
      <c r="C443" s="415">
        <v>83</v>
      </c>
      <c r="D443" s="412" t="s">
        <v>2182</v>
      </c>
      <c r="E443" s="430" t="s">
        <v>1385</v>
      </c>
      <c r="F443" s="449" t="s">
        <v>2501</v>
      </c>
      <c r="G443" s="417" t="s">
        <v>1353</v>
      </c>
      <c r="H443" s="417" t="s">
        <v>2304</v>
      </c>
      <c r="I443" s="431" t="s">
        <v>2305</v>
      </c>
      <c r="J443" s="417" t="s">
        <v>253</v>
      </c>
      <c r="K443" s="417" t="s">
        <v>2217</v>
      </c>
      <c r="L443" s="417" t="s">
        <v>63</v>
      </c>
      <c r="M443" s="417" t="s">
        <v>81</v>
      </c>
      <c r="N443" s="450" t="s">
        <v>267</v>
      </c>
      <c r="O443" s="451" t="s">
        <v>2284</v>
      </c>
      <c r="P443" s="432" t="s">
        <v>63</v>
      </c>
      <c r="Q443" s="432" t="s">
        <v>63</v>
      </c>
      <c r="R443" s="452" t="s">
        <v>2285</v>
      </c>
      <c r="S443" s="451" t="s">
        <v>2285</v>
      </c>
      <c r="T443" s="434" t="s">
        <v>267</v>
      </c>
      <c r="U443" s="434" t="s">
        <v>245</v>
      </c>
      <c r="V443" s="434"/>
      <c r="W443" s="434"/>
      <c r="X443" s="434"/>
      <c r="Y443" s="434"/>
      <c r="Z443" s="434"/>
      <c r="AA443" s="434"/>
      <c r="AB443" s="434"/>
      <c r="AC443" s="434"/>
      <c r="AD443" s="434"/>
      <c r="AE443" s="434"/>
      <c r="AF443" s="434"/>
      <c r="AG443" s="434"/>
      <c r="AH443" s="434"/>
      <c r="AI443" s="434"/>
      <c r="AJ443" s="434"/>
      <c r="AK443" s="434"/>
      <c r="AL443" s="434"/>
      <c r="AM443" s="434"/>
      <c r="AN443" s="434"/>
      <c r="AO443" s="434"/>
      <c r="AP443" s="434"/>
      <c r="AQ443" s="434"/>
      <c r="AR443" s="434"/>
      <c r="AS443" s="434"/>
      <c r="AT443" s="434"/>
      <c r="AU443" s="434"/>
      <c r="AV443" s="434"/>
      <c r="AW443" s="434"/>
      <c r="AX443" s="434"/>
      <c r="AY443" s="434"/>
      <c r="AZ443" s="434"/>
      <c r="BA443" s="434"/>
      <c r="BB443" s="434"/>
      <c r="BC443" s="434"/>
      <c r="BD443" s="434"/>
      <c r="BE443" s="434"/>
      <c r="BF443" s="434"/>
      <c r="BG443" s="434"/>
      <c r="BH443" s="434"/>
      <c r="BI443" s="434"/>
      <c r="BJ443" s="434"/>
      <c r="BK443" s="434"/>
      <c r="BL443" s="434"/>
      <c r="BM443" s="434"/>
      <c r="BN443" s="434"/>
      <c r="BO443" s="434"/>
      <c r="BP443" s="434"/>
      <c r="BQ443" s="434"/>
      <c r="BR443" s="434"/>
      <c r="BS443" s="434"/>
      <c r="BT443" s="434"/>
      <c r="BU443" s="434"/>
      <c r="BV443" s="434"/>
      <c r="BW443" s="434"/>
      <c r="BX443" s="434"/>
      <c r="BY443" s="434"/>
      <c r="BZ443" s="434"/>
      <c r="CA443" s="434"/>
      <c r="CB443" s="434"/>
      <c r="CC443" s="434"/>
      <c r="CD443" s="434"/>
      <c r="CE443" s="434"/>
      <c r="CF443" s="434"/>
      <c r="CG443" s="434"/>
      <c r="CH443" s="434"/>
      <c r="CI443" s="434"/>
      <c r="CJ443" s="434"/>
      <c r="CK443" s="434"/>
      <c r="CL443" s="434"/>
      <c r="CM443" s="434"/>
      <c r="CN443" s="434"/>
      <c r="CO443" s="434"/>
      <c r="CP443" s="434"/>
      <c r="CQ443" s="434"/>
      <c r="CR443" s="434"/>
      <c r="CS443" s="434"/>
      <c r="CT443" s="434"/>
      <c r="CU443" s="434"/>
      <c r="CV443" s="434"/>
      <c r="CW443" s="434"/>
      <c r="CX443" s="434"/>
      <c r="CY443" s="434"/>
      <c r="CZ443" s="434"/>
      <c r="DA443" s="434"/>
      <c r="DB443" s="434"/>
      <c r="DC443" s="434"/>
      <c r="DD443" s="417" t="s">
        <v>2286</v>
      </c>
      <c r="DE443" s="417"/>
      <c r="DF443" s="417" t="s">
        <v>2306</v>
      </c>
    </row>
    <row r="444" spans="3:110" ht="56.1" customHeight="1" x14ac:dyDescent="0.2">
      <c r="C444" s="415">
        <v>84</v>
      </c>
      <c r="D444" s="412" t="s">
        <v>2182</v>
      </c>
      <c r="E444" s="430" t="s">
        <v>1385</v>
      </c>
      <c r="F444" s="449" t="s">
        <v>2501</v>
      </c>
      <c r="G444" s="417" t="s">
        <v>1353</v>
      </c>
      <c r="H444" s="417" t="s">
        <v>2307</v>
      </c>
      <c r="I444" s="431" t="s">
        <v>2308</v>
      </c>
      <c r="J444" s="417" t="s">
        <v>253</v>
      </c>
      <c r="K444" s="417" t="s">
        <v>2217</v>
      </c>
      <c r="L444" s="417" t="s">
        <v>63</v>
      </c>
      <c r="M444" s="417" t="s">
        <v>81</v>
      </c>
      <c r="N444" s="450" t="s">
        <v>267</v>
      </c>
      <c r="O444" s="451" t="s">
        <v>2309</v>
      </c>
      <c r="P444" s="432" t="s">
        <v>63</v>
      </c>
      <c r="Q444" s="432" t="s">
        <v>63</v>
      </c>
      <c r="R444" s="452" t="s">
        <v>2285</v>
      </c>
      <c r="S444" s="451" t="s">
        <v>2285</v>
      </c>
      <c r="T444" s="434" t="s">
        <v>267</v>
      </c>
      <c r="U444" s="434" t="s">
        <v>245</v>
      </c>
      <c r="V444" s="434"/>
      <c r="W444" s="434"/>
      <c r="X444" s="434"/>
      <c r="Y444" s="434"/>
      <c r="Z444" s="434"/>
      <c r="AA444" s="434"/>
      <c r="AB444" s="434"/>
      <c r="AC444" s="434"/>
      <c r="AD444" s="434"/>
      <c r="AE444" s="434"/>
      <c r="AF444" s="434"/>
      <c r="AG444" s="434"/>
      <c r="AH444" s="434"/>
      <c r="AI444" s="434"/>
      <c r="AJ444" s="434"/>
      <c r="AK444" s="434"/>
      <c r="AL444" s="434"/>
      <c r="AM444" s="434"/>
      <c r="AN444" s="434"/>
      <c r="AO444" s="434"/>
      <c r="AP444" s="434"/>
      <c r="AQ444" s="434"/>
      <c r="AR444" s="434"/>
      <c r="AS444" s="434"/>
      <c r="AT444" s="434"/>
      <c r="AU444" s="434"/>
      <c r="AV444" s="434"/>
      <c r="AW444" s="434"/>
      <c r="AX444" s="434"/>
      <c r="AY444" s="434"/>
      <c r="AZ444" s="434"/>
      <c r="BA444" s="434"/>
      <c r="BB444" s="434"/>
      <c r="BC444" s="434"/>
      <c r="BD444" s="434"/>
      <c r="BE444" s="434"/>
      <c r="BF444" s="434"/>
      <c r="BG444" s="434"/>
      <c r="BH444" s="434"/>
      <c r="BI444" s="434"/>
      <c r="BJ444" s="434"/>
      <c r="BK444" s="434"/>
      <c r="BL444" s="434"/>
      <c r="BM444" s="434"/>
      <c r="BN444" s="434"/>
      <c r="BO444" s="434"/>
      <c r="BP444" s="434"/>
      <c r="BQ444" s="434"/>
      <c r="BR444" s="434"/>
      <c r="BS444" s="434"/>
      <c r="BT444" s="434"/>
      <c r="BU444" s="434"/>
      <c r="BV444" s="434"/>
      <c r="BW444" s="434"/>
      <c r="BX444" s="434"/>
      <c r="BY444" s="434"/>
      <c r="BZ444" s="434"/>
      <c r="CA444" s="434"/>
      <c r="CB444" s="434"/>
      <c r="CC444" s="434"/>
      <c r="CD444" s="434"/>
      <c r="CE444" s="434"/>
      <c r="CF444" s="434"/>
      <c r="CG444" s="434"/>
      <c r="CH444" s="434"/>
      <c r="CI444" s="434"/>
      <c r="CJ444" s="434"/>
      <c r="CK444" s="434"/>
      <c r="CL444" s="434"/>
      <c r="CM444" s="434"/>
      <c r="CN444" s="434"/>
      <c r="CO444" s="434"/>
      <c r="CP444" s="434"/>
      <c r="CQ444" s="434"/>
      <c r="CR444" s="434"/>
      <c r="CS444" s="434"/>
      <c r="CT444" s="434"/>
      <c r="CU444" s="434"/>
      <c r="CV444" s="434"/>
      <c r="CW444" s="434"/>
      <c r="CX444" s="434"/>
      <c r="CY444" s="434"/>
      <c r="CZ444" s="434"/>
      <c r="DA444" s="434"/>
      <c r="DB444" s="434"/>
      <c r="DC444" s="434"/>
      <c r="DD444" s="417" t="s">
        <v>2286</v>
      </c>
      <c r="DE444" s="417"/>
      <c r="DF444" s="417" t="s">
        <v>2287</v>
      </c>
    </row>
    <row r="445" spans="3:110" ht="56.1" customHeight="1" x14ac:dyDescent="0.2">
      <c r="C445" s="415">
        <v>85</v>
      </c>
      <c r="D445" s="412" t="s">
        <v>2182</v>
      </c>
      <c r="E445" s="430" t="s">
        <v>1385</v>
      </c>
      <c r="F445" s="449" t="s">
        <v>2501</v>
      </c>
      <c r="G445" s="417" t="s">
        <v>1353</v>
      </c>
      <c r="H445" s="417" t="s">
        <v>2310</v>
      </c>
      <c r="I445" s="431" t="s">
        <v>2311</v>
      </c>
      <c r="J445" s="417" t="s">
        <v>253</v>
      </c>
      <c r="K445" s="417" t="s">
        <v>2217</v>
      </c>
      <c r="L445" s="417" t="s">
        <v>63</v>
      </c>
      <c r="M445" s="417" t="s">
        <v>81</v>
      </c>
      <c r="N445" s="450" t="s">
        <v>267</v>
      </c>
      <c r="O445" s="451" t="s">
        <v>2309</v>
      </c>
      <c r="P445" s="432" t="s">
        <v>63</v>
      </c>
      <c r="Q445" s="432" t="s">
        <v>63</v>
      </c>
      <c r="R445" s="452" t="s">
        <v>2285</v>
      </c>
      <c r="S445" s="451" t="s">
        <v>2285</v>
      </c>
      <c r="T445" s="434" t="s">
        <v>267</v>
      </c>
      <c r="U445" s="434" t="s">
        <v>245</v>
      </c>
      <c r="V445" s="434"/>
      <c r="W445" s="434"/>
      <c r="X445" s="434"/>
      <c r="Y445" s="434"/>
      <c r="Z445" s="434"/>
      <c r="AA445" s="434"/>
      <c r="AB445" s="434"/>
      <c r="AC445" s="434"/>
      <c r="AD445" s="434"/>
      <c r="AE445" s="434"/>
      <c r="AF445" s="434"/>
      <c r="AG445" s="434"/>
      <c r="AH445" s="434"/>
      <c r="AI445" s="434"/>
      <c r="AJ445" s="434"/>
      <c r="AK445" s="434"/>
      <c r="AL445" s="434"/>
      <c r="AM445" s="434"/>
      <c r="AN445" s="434"/>
      <c r="AO445" s="434"/>
      <c r="AP445" s="434"/>
      <c r="AQ445" s="434"/>
      <c r="AR445" s="434"/>
      <c r="AS445" s="434"/>
      <c r="AT445" s="434"/>
      <c r="AU445" s="434"/>
      <c r="AV445" s="434"/>
      <c r="AW445" s="434"/>
      <c r="AX445" s="434"/>
      <c r="AY445" s="434"/>
      <c r="AZ445" s="434"/>
      <c r="BA445" s="434"/>
      <c r="BB445" s="434"/>
      <c r="BC445" s="434"/>
      <c r="BD445" s="434"/>
      <c r="BE445" s="434"/>
      <c r="BF445" s="434"/>
      <c r="BG445" s="434"/>
      <c r="BH445" s="434"/>
      <c r="BI445" s="434"/>
      <c r="BJ445" s="434"/>
      <c r="BK445" s="434"/>
      <c r="BL445" s="434"/>
      <c r="BM445" s="434"/>
      <c r="BN445" s="434"/>
      <c r="BO445" s="434"/>
      <c r="BP445" s="434"/>
      <c r="BQ445" s="434"/>
      <c r="BR445" s="434"/>
      <c r="BS445" s="434"/>
      <c r="BT445" s="434"/>
      <c r="BU445" s="434"/>
      <c r="BV445" s="434"/>
      <c r="BW445" s="434"/>
      <c r="BX445" s="434"/>
      <c r="BY445" s="434"/>
      <c r="BZ445" s="434"/>
      <c r="CA445" s="434"/>
      <c r="CB445" s="434"/>
      <c r="CC445" s="434"/>
      <c r="CD445" s="434"/>
      <c r="CE445" s="434"/>
      <c r="CF445" s="434"/>
      <c r="CG445" s="434"/>
      <c r="CH445" s="434"/>
      <c r="CI445" s="434"/>
      <c r="CJ445" s="434"/>
      <c r="CK445" s="434"/>
      <c r="CL445" s="434"/>
      <c r="CM445" s="434"/>
      <c r="CN445" s="434"/>
      <c r="CO445" s="434"/>
      <c r="CP445" s="434"/>
      <c r="CQ445" s="434"/>
      <c r="CR445" s="434"/>
      <c r="CS445" s="434"/>
      <c r="CT445" s="434"/>
      <c r="CU445" s="434"/>
      <c r="CV445" s="434"/>
      <c r="CW445" s="434"/>
      <c r="CX445" s="434"/>
      <c r="CY445" s="434"/>
      <c r="CZ445" s="434"/>
      <c r="DA445" s="434"/>
      <c r="DB445" s="434"/>
      <c r="DC445" s="434"/>
      <c r="DD445" s="417" t="s">
        <v>2286</v>
      </c>
      <c r="DE445" s="417"/>
      <c r="DF445" s="417" t="s">
        <v>2306</v>
      </c>
    </row>
    <row r="446" spans="3:110" ht="56.1" customHeight="1" x14ac:dyDescent="0.2">
      <c r="C446" s="415">
        <v>86</v>
      </c>
      <c r="D446" s="412" t="s">
        <v>2182</v>
      </c>
      <c r="E446" s="430" t="s">
        <v>1385</v>
      </c>
      <c r="F446" s="449" t="s">
        <v>2501</v>
      </c>
      <c r="G446" s="417" t="s">
        <v>1353</v>
      </c>
      <c r="H446" s="417" t="s">
        <v>2312</v>
      </c>
      <c r="I446" s="431" t="s">
        <v>2313</v>
      </c>
      <c r="J446" s="417" t="s">
        <v>253</v>
      </c>
      <c r="K446" s="417" t="s">
        <v>2217</v>
      </c>
      <c r="L446" s="417" t="s">
        <v>63</v>
      </c>
      <c r="M446" s="417" t="s">
        <v>81</v>
      </c>
      <c r="N446" s="450" t="s">
        <v>267</v>
      </c>
      <c r="O446" s="451" t="s">
        <v>2251</v>
      </c>
      <c r="P446" s="432" t="s">
        <v>63</v>
      </c>
      <c r="Q446" s="432" t="s">
        <v>63</v>
      </c>
      <c r="R446" s="452" t="s">
        <v>2285</v>
      </c>
      <c r="S446" s="451" t="s">
        <v>2285</v>
      </c>
      <c r="T446" s="434" t="s">
        <v>267</v>
      </c>
      <c r="U446" s="434" t="s">
        <v>245</v>
      </c>
      <c r="V446" s="434"/>
      <c r="W446" s="434"/>
      <c r="X446" s="434"/>
      <c r="Y446" s="434"/>
      <c r="Z446" s="434"/>
      <c r="AA446" s="434"/>
      <c r="AB446" s="434"/>
      <c r="AC446" s="434"/>
      <c r="AD446" s="434"/>
      <c r="AE446" s="434"/>
      <c r="AF446" s="434"/>
      <c r="AG446" s="434"/>
      <c r="AH446" s="434"/>
      <c r="AI446" s="434"/>
      <c r="AJ446" s="434"/>
      <c r="AK446" s="434"/>
      <c r="AL446" s="434"/>
      <c r="AM446" s="434"/>
      <c r="AN446" s="434"/>
      <c r="AO446" s="434"/>
      <c r="AP446" s="434"/>
      <c r="AQ446" s="434"/>
      <c r="AR446" s="434"/>
      <c r="AS446" s="434"/>
      <c r="AT446" s="434"/>
      <c r="AU446" s="434"/>
      <c r="AV446" s="434"/>
      <c r="AW446" s="434"/>
      <c r="AX446" s="434"/>
      <c r="AY446" s="434"/>
      <c r="AZ446" s="434"/>
      <c r="BA446" s="434"/>
      <c r="BB446" s="434"/>
      <c r="BC446" s="434"/>
      <c r="BD446" s="434"/>
      <c r="BE446" s="434"/>
      <c r="BF446" s="434"/>
      <c r="BG446" s="434"/>
      <c r="BH446" s="434"/>
      <c r="BI446" s="434"/>
      <c r="BJ446" s="434"/>
      <c r="BK446" s="434"/>
      <c r="BL446" s="434"/>
      <c r="BM446" s="434"/>
      <c r="BN446" s="434"/>
      <c r="BO446" s="434"/>
      <c r="BP446" s="434"/>
      <c r="BQ446" s="434"/>
      <c r="BR446" s="434"/>
      <c r="BS446" s="434"/>
      <c r="BT446" s="434"/>
      <c r="BU446" s="434"/>
      <c r="BV446" s="434"/>
      <c r="BW446" s="434"/>
      <c r="BX446" s="434"/>
      <c r="BY446" s="434"/>
      <c r="BZ446" s="434"/>
      <c r="CA446" s="434"/>
      <c r="CB446" s="434"/>
      <c r="CC446" s="434"/>
      <c r="CD446" s="434"/>
      <c r="CE446" s="434"/>
      <c r="CF446" s="434"/>
      <c r="CG446" s="434"/>
      <c r="CH446" s="434"/>
      <c r="CI446" s="434"/>
      <c r="CJ446" s="434"/>
      <c r="CK446" s="434"/>
      <c r="CL446" s="434"/>
      <c r="CM446" s="434"/>
      <c r="CN446" s="434"/>
      <c r="CO446" s="434"/>
      <c r="CP446" s="434"/>
      <c r="CQ446" s="434"/>
      <c r="CR446" s="434"/>
      <c r="CS446" s="434"/>
      <c r="CT446" s="434"/>
      <c r="CU446" s="434"/>
      <c r="CV446" s="434"/>
      <c r="CW446" s="434"/>
      <c r="CX446" s="434"/>
      <c r="CY446" s="434"/>
      <c r="CZ446" s="434"/>
      <c r="DA446" s="434"/>
      <c r="DB446" s="434"/>
      <c r="DC446" s="434"/>
      <c r="DD446" s="417" t="s">
        <v>2286</v>
      </c>
      <c r="DE446" s="417"/>
      <c r="DF446" s="417" t="s">
        <v>2287</v>
      </c>
    </row>
    <row r="447" spans="3:110" ht="56.1" customHeight="1" x14ac:dyDescent="0.2">
      <c r="C447" s="415">
        <v>87</v>
      </c>
      <c r="D447" s="412" t="s">
        <v>2182</v>
      </c>
      <c r="E447" s="430" t="s">
        <v>1385</v>
      </c>
      <c r="F447" s="449" t="s">
        <v>2501</v>
      </c>
      <c r="G447" s="417" t="s">
        <v>268</v>
      </c>
      <c r="H447" s="417" t="s">
        <v>2320</v>
      </c>
      <c r="I447" s="431" t="s">
        <v>2321</v>
      </c>
      <c r="J447" s="417" t="s">
        <v>253</v>
      </c>
      <c r="K447" s="417" t="s">
        <v>2217</v>
      </c>
      <c r="L447" s="417" t="s">
        <v>63</v>
      </c>
      <c r="M447" s="417" t="s">
        <v>81</v>
      </c>
      <c r="N447" s="450" t="s">
        <v>272</v>
      </c>
      <c r="O447" s="451" t="s">
        <v>2322</v>
      </c>
      <c r="P447" s="432" t="s">
        <v>63</v>
      </c>
      <c r="Q447" s="432" t="s">
        <v>63</v>
      </c>
      <c r="R447" s="452" t="s">
        <v>2323</v>
      </c>
      <c r="S447" s="451" t="s">
        <v>2323</v>
      </c>
      <c r="T447" s="434" t="s">
        <v>272</v>
      </c>
      <c r="U447" s="434" t="s">
        <v>245</v>
      </c>
      <c r="V447" s="434"/>
      <c r="W447" s="434"/>
      <c r="X447" s="434"/>
      <c r="Y447" s="434"/>
      <c r="Z447" s="434"/>
      <c r="AA447" s="434"/>
      <c r="AB447" s="434"/>
      <c r="AC447" s="434"/>
      <c r="AD447" s="434"/>
      <c r="AE447" s="434"/>
      <c r="AF447" s="434"/>
      <c r="AG447" s="434"/>
      <c r="AH447" s="434"/>
      <c r="AI447" s="434"/>
      <c r="AJ447" s="434"/>
      <c r="AK447" s="434"/>
      <c r="AL447" s="434"/>
      <c r="AM447" s="434"/>
      <c r="AN447" s="434"/>
      <c r="AO447" s="434"/>
      <c r="AP447" s="434"/>
      <c r="AQ447" s="434"/>
      <c r="AR447" s="434"/>
      <c r="AS447" s="434"/>
      <c r="AT447" s="434"/>
      <c r="AU447" s="434"/>
      <c r="AV447" s="434"/>
      <c r="AW447" s="434"/>
      <c r="AX447" s="434"/>
      <c r="AY447" s="434"/>
      <c r="AZ447" s="434"/>
      <c r="BA447" s="434"/>
      <c r="BB447" s="434"/>
      <c r="BC447" s="434"/>
      <c r="BD447" s="434"/>
      <c r="BE447" s="434"/>
      <c r="BF447" s="434"/>
      <c r="BG447" s="434"/>
      <c r="BH447" s="434"/>
      <c r="BI447" s="434"/>
      <c r="BJ447" s="434"/>
      <c r="BK447" s="434"/>
      <c r="BL447" s="434"/>
      <c r="BM447" s="434"/>
      <c r="BN447" s="434"/>
      <c r="BO447" s="434"/>
      <c r="BP447" s="434"/>
      <c r="BQ447" s="434"/>
      <c r="BR447" s="434"/>
      <c r="BS447" s="434"/>
      <c r="BT447" s="434"/>
      <c r="BU447" s="434"/>
      <c r="BV447" s="434"/>
      <c r="BW447" s="434"/>
      <c r="BX447" s="434"/>
      <c r="BY447" s="434"/>
      <c r="BZ447" s="434"/>
      <c r="CA447" s="434"/>
      <c r="CB447" s="434"/>
      <c r="CC447" s="434"/>
      <c r="CD447" s="434"/>
      <c r="CE447" s="434"/>
      <c r="CF447" s="434"/>
      <c r="CG447" s="434"/>
      <c r="CH447" s="434"/>
      <c r="CI447" s="434"/>
      <c r="CJ447" s="434"/>
      <c r="CK447" s="434"/>
      <c r="CL447" s="434"/>
      <c r="CM447" s="434"/>
      <c r="CN447" s="434"/>
      <c r="CO447" s="434"/>
      <c r="CP447" s="434"/>
      <c r="CQ447" s="434"/>
      <c r="CR447" s="434"/>
      <c r="CS447" s="434"/>
      <c r="CT447" s="434"/>
      <c r="CU447" s="434"/>
      <c r="CV447" s="434"/>
      <c r="CW447" s="434"/>
      <c r="CX447" s="434"/>
      <c r="CY447" s="434"/>
      <c r="CZ447" s="434"/>
      <c r="DA447" s="434"/>
      <c r="DB447" s="434"/>
      <c r="DC447" s="434"/>
      <c r="DD447" s="417" t="s">
        <v>2286</v>
      </c>
      <c r="DE447" s="417"/>
      <c r="DF447" s="417" t="s">
        <v>2324</v>
      </c>
    </row>
    <row r="448" spans="3:110" ht="56.1" customHeight="1" x14ac:dyDescent="0.2">
      <c r="C448" s="415">
        <v>88</v>
      </c>
      <c r="D448" s="412" t="s">
        <v>2182</v>
      </c>
      <c r="E448" s="430" t="s">
        <v>1385</v>
      </c>
      <c r="F448" s="449" t="s">
        <v>2501</v>
      </c>
      <c r="G448" s="417" t="s">
        <v>268</v>
      </c>
      <c r="H448" s="417" t="s">
        <v>2325</v>
      </c>
      <c r="I448" s="431" t="s">
        <v>2326</v>
      </c>
      <c r="J448" s="417" t="s">
        <v>253</v>
      </c>
      <c r="K448" s="417" t="s">
        <v>2217</v>
      </c>
      <c r="L448" s="417" t="s">
        <v>63</v>
      </c>
      <c r="M448" s="417" t="s">
        <v>81</v>
      </c>
      <c r="N448" s="450" t="s">
        <v>272</v>
      </c>
      <c r="O448" s="451" t="s">
        <v>2322</v>
      </c>
      <c r="P448" s="432" t="s">
        <v>63</v>
      </c>
      <c r="Q448" s="432" t="s">
        <v>63</v>
      </c>
      <c r="R448" s="452" t="s">
        <v>2323</v>
      </c>
      <c r="S448" s="451" t="s">
        <v>2323</v>
      </c>
      <c r="T448" s="434" t="s">
        <v>272</v>
      </c>
      <c r="U448" s="434" t="s">
        <v>245</v>
      </c>
      <c r="V448" s="434"/>
      <c r="W448" s="434"/>
      <c r="X448" s="434"/>
      <c r="Y448" s="434"/>
      <c r="Z448" s="434"/>
      <c r="AA448" s="434"/>
      <c r="AB448" s="434"/>
      <c r="AC448" s="434"/>
      <c r="AD448" s="434"/>
      <c r="AE448" s="434"/>
      <c r="AF448" s="434"/>
      <c r="AG448" s="434"/>
      <c r="AH448" s="434"/>
      <c r="AI448" s="434"/>
      <c r="AJ448" s="434"/>
      <c r="AK448" s="434"/>
      <c r="AL448" s="434"/>
      <c r="AM448" s="434"/>
      <c r="AN448" s="434"/>
      <c r="AO448" s="434"/>
      <c r="AP448" s="434"/>
      <c r="AQ448" s="434"/>
      <c r="AR448" s="434"/>
      <c r="AS448" s="434"/>
      <c r="AT448" s="434"/>
      <c r="AU448" s="434"/>
      <c r="AV448" s="434"/>
      <c r="AW448" s="434"/>
      <c r="AX448" s="434"/>
      <c r="AY448" s="434"/>
      <c r="AZ448" s="434"/>
      <c r="BA448" s="434"/>
      <c r="BB448" s="434"/>
      <c r="BC448" s="434"/>
      <c r="BD448" s="434"/>
      <c r="BE448" s="434"/>
      <c r="BF448" s="434"/>
      <c r="BG448" s="434"/>
      <c r="BH448" s="434"/>
      <c r="BI448" s="434"/>
      <c r="BJ448" s="434"/>
      <c r="BK448" s="434"/>
      <c r="BL448" s="434"/>
      <c r="BM448" s="434"/>
      <c r="BN448" s="434"/>
      <c r="BO448" s="434"/>
      <c r="BP448" s="434"/>
      <c r="BQ448" s="434"/>
      <c r="BR448" s="434"/>
      <c r="BS448" s="434"/>
      <c r="BT448" s="434"/>
      <c r="BU448" s="434"/>
      <c r="BV448" s="434"/>
      <c r="BW448" s="434"/>
      <c r="BX448" s="434"/>
      <c r="BY448" s="434"/>
      <c r="BZ448" s="434"/>
      <c r="CA448" s="434"/>
      <c r="CB448" s="434"/>
      <c r="CC448" s="434"/>
      <c r="CD448" s="434"/>
      <c r="CE448" s="434"/>
      <c r="CF448" s="434"/>
      <c r="CG448" s="434"/>
      <c r="CH448" s="434"/>
      <c r="CI448" s="434"/>
      <c r="CJ448" s="434"/>
      <c r="CK448" s="434"/>
      <c r="CL448" s="434"/>
      <c r="CM448" s="434"/>
      <c r="CN448" s="434"/>
      <c r="CO448" s="434"/>
      <c r="CP448" s="434"/>
      <c r="CQ448" s="434"/>
      <c r="CR448" s="434"/>
      <c r="CS448" s="434"/>
      <c r="CT448" s="434"/>
      <c r="CU448" s="434"/>
      <c r="CV448" s="434"/>
      <c r="CW448" s="434"/>
      <c r="CX448" s="434"/>
      <c r="CY448" s="434"/>
      <c r="CZ448" s="434"/>
      <c r="DA448" s="434"/>
      <c r="DB448" s="434"/>
      <c r="DC448" s="434"/>
      <c r="DD448" s="417" t="s">
        <v>2286</v>
      </c>
      <c r="DE448" s="417"/>
      <c r="DF448" s="417" t="s">
        <v>2324</v>
      </c>
    </row>
    <row r="449" spans="3:110" ht="56.1" customHeight="1" x14ac:dyDescent="0.2">
      <c r="C449" s="415">
        <v>89</v>
      </c>
      <c r="D449" s="412" t="s">
        <v>2182</v>
      </c>
      <c r="E449" s="430" t="s">
        <v>1385</v>
      </c>
      <c r="F449" s="449" t="s">
        <v>2501</v>
      </c>
      <c r="G449" s="417" t="s">
        <v>268</v>
      </c>
      <c r="H449" s="417" t="s">
        <v>2327</v>
      </c>
      <c r="I449" s="431" t="s">
        <v>2328</v>
      </c>
      <c r="J449" s="417" t="s">
        <v>253</v>
      </c>
      <c r="K449" s="417" t="s">
        <v>2217</v>
      </c>
      <c r="L449" s="417" t="s">
        <v>63</v>
      </c>
      <c r="M449" s="417" t="s">
        <v>81</v>
      </c>
      <c r="N449" s="450" t="s">
        <v>272</v>
      </c>
      <c r="O449" s="451" t="s">
        <v>2258</v>
      </c>
      <c r="P449" s="432" t="s">
        <v>63</v>
      </c>
      <c r="Q449" s="432" t="s">
        <v>63</v>
      </c>
      <c r="R449" s="452" t="s">
        <v>2323</v>
      </c>
      <c r="S449" s="451" t="s">
        <v>2323</v>
      </c>
      <c r="T449" s="434" t="s">
        <v>272</v>
      </c>
      <c r="U449" s="434" t="s">
        <v>245</v>
      </c>
      <c r="V449" s="434"/>
      <c r="W449" s="434"/>
      <c r="X449" s="434"/>
      <c r="Y449" s="434"/>
      <c r="Z449" s="434"/>
      <c r="AA449" s="434"/>
      <c r="AB449" s="434"/>
      <c r="AC449" s="434"/>
      <c r="AD449" s="434"/>
      <c r="AE449" s="434"/>
      <c r="AF449" s="434"/>
      <c r="AG449" s="434"/>
      <c r="AH449" s="434"/>
      <c r="AI449" s="434"/>
      <c r="AJ449" s="434"/>
      <c r="AK449" s="434"/>
      <c r="AL449" s="434"/>
      <c r="AM449" s="434"/>
      <c r="AN449" s="434"/>
      <c r="AO449" s="434"/>
      <c r="AP449" s="434"/>
      <c r="AQ449" s="434"/>
      <c r="AR449" s="434"/>
      <c r="AS449" s="434"/>
      <c r="AT449" s="434"/>
      <c r="AU449" s="434"/>
      <c r="AV449" s="434"/>
      <c r="AW449" s="434"/>
      <c r="AX449" s="434"/>
      <c r="AY449" s="434"/>
      <c r="AZ449" s="434"/>
      <c r="BA449" s="434"/>
      <c r="BB449" s="434"/>
      <c r="BC449" s="434"/>
      <c r="BD449" s="434"/>
      <c r="BE449" s="434"/>
      <c r="BF449" s="434"/>
      <c r="BG449" s="434"/>
      <c r="BH449" s="434"/>
      <c r="BI449" s="434"/>
      <c r="BJ449" s="434"/>
      <c r="BK449" s="434"/>
      <c r="BL449" s="434"/>
      <c r="BM449" s="434"/>
      <c r="BN449" s="434"/>
      <c r="BO449" s="434"/>
      <c r="BP449" s="434"/>
      <c r="BQ449" s="434"/>
      <c r="BR449" s="434"/>
      <c r="BS449" s="434"/>
      <c r="BT449" s="434"/>
      <c r="BU449" s="434"/>
      <c r="BV449" s="434"/>
      <c r="BW449" s="434"/>
      <c r="BX449" s="434"/>
      <c r="BY449" s="434"/>
      <c r="BZ449" s="434"/>
      <c r="CA449" s="434"/>
      <c r="CB449" s="434"/>
      <c r="CC449" s="434"/>
      <c r="CD449" s="434"/>
      <c r="CE449" s="434"/>
      <c r="CF449" s="434"/>
      <c r="CG449" s="434"/>
      <c r="CH449" s="434"/>
      <c r="CI449" s="434"/>
      <c r="CJ449" s="434"/>
      <c r="CK449" s="434"/>
      <c r="CL449" s="434"/>
      <c r="CM449" s="434"/>
      <c r="CN449" s="434"/>
      <c r="CO449" s="434"/>
      <c r="CP449" s="434"/>
      <c r="CQ449" s="434"/>
      <c r="CR449" s="434"/>
      <c r="CS449" s="434"/>
      <c r="CT449" s="434"/>
      <c r="CU449" s="434"/>
      <c r="CV449" s="434"/>
      <c r="CW449" s="434"/>
      <c r="CX449" s="434"/>
      <c r="CY449" s="434"/>
      <c r="CZ449" s="434"/>
      <c r="DA449" s="434"/>
      <c r="DB449" s="434"/>
      <c r="DC449" s="434"/>
      <c r="DD449" s="417" t="s">
        <v>2286</v>
      </c>
      <c r="DE449" s="417"/>
      <c r="DF449" s="417" t="s">
        <v>2324</v>
      </c>
    </row>
    <row r="450" spans="3:110" ht="56.1" customHeight="1" x14ac:dyDescent="0.2">
      <c r="C450" s="415">
        <v>91</v>
      </c>
      <c r="D450" s="412" t="s">
        <v>2182</v>
      </c>
      <c r="E450" s="430" t="s">
        <v>1385</v>
      </c>
      <c r="F450" s="449" t="s">
        <v>2501</v>
      </c>
      <c r="G450" s="417" t="s">
        <v>1352</v>
      </c>
      <c r="H450" s="417" t="s">
        <v>2334</v>
      </c>
      <c r="I450" s="431" t="s">
        <v>2335</v>
      </c>
      <c r="J450" s="417" t="s">
        <v>253</v>
      </c>
      <c r="K450" s="417" t="s">
        <v>2217</v>
      </c>
      <c r="L450" s="417" t="s">
        <v>63</v>
      </c>
      <c r="M450" s="417" t="s">
        <v>81</v>
      </c>
      <c r="N450" s="450" t="s">
        <v>242</v>
      </c>
      <c r="O450" s="433" t="s">
        <v>2251</v>
      </c>
      <c r="P450" s="432" t="s">
        <v>63</v>
      </c>
      <c r="Q450" s="432" t="s">
        <v>63</v>
      </c>
      <c r="R450" s="452" t="s">
        <v>2336</v>
      </c>
      <c r="S450" s="451" t="s">
        <v>2336</v>
      </c>
      <c r="T450" s="434" t="s">
        <v>242</v>
      </c>
      <c r="U450" s="434" t="s">
        <v>245</v>
      </c>
      <c r="V450" s="434"/>
      <c r="W450" s="434"/>
      <c r="X450" s="434"/>
      <c r="Y450" s="434"/>
      <c r="Z450" s="434"/>
      <c r="AA450" s="434"/>
      <c r="AB450" s="434"/>
      <c r="AC450" s="434"/>
      <c r="AD450" s="434"/>
      <c r="AE450" s="434"/>
      <c r="AF450" s="434"/>
      <c r="AG450" s="434"/>
      <c r="AH450" s="434"/>
      <c r="AI450" s="434"/>
      <c r="AJ450" s="434"/>
      <c r="AK450" s="434"/>
      <c r="AL450" s="434"/>
      <c r="AM450" s="434"/>
      <c r="AN450" s="434"/>
      <c r="AO450" s="434"/>
      <c r="AP450" s="434"/>
      <c r="AQ450" s="434"/>
      <c r="AR450" s="434"/>
      <c r="AS450" s="434"/>
      <c r="AT450" s="434"/>
      <c r="AU450" s="434"/>
      <c r="AV450" s="434"/>
      <c r="AW450" s="434"/>
      <c r="AX450" s="434"/>
      <c r="AY450" s="434"/>
      <c r="AZ450" s="434"/>
      <c r="BA450" s="434"/>
      <c r="BB450" s="434"/>
      <c r="BC450" s="434"/>
      <c r="BD450" s="434"/>
      <c r="BE450" s="434"/>
      <c r="BF450" s="434"/>
      <c r="BG450" s="434"/>
      <c r="BH450" s="434"/>
      <c r="BI450" s="434"/>
      <c r="BJ450" s="434"/>
      <c r="BK450" s="434"/>
      <c r="BL450" s="434"/>
      <c r="BM450" s="434"/>
      <c r="BN450" s="434"/>
      <c r="BO450" s="434"/>
      <c r="BP450" s="434"/>
      <c r="BQ450" s="434"/>
      <c r="BR450" s="434"/>
      <c r="BS450" s="434"/>
      <c r="BT450" s="434"/>
      <c r="BU450" s="434"/>
      <c r="BV450" s="434"/>
      <c r="BW450" s="434"/>
      <c r="BX450" s="434"/>
      <c r="BY450" s="434"/>
      <c r="BZ450" s="434"/>
      <c r="CA450" s="434"/>
      <c r="CB450" s="434"/>
      <c r="CC450" s="434"/>
      <c r="CD450" s="434"/>
      <c r="CE450" s="434"/>
      <c r="CF450" s="434"/>
      <c r="CG450" s="434"/>
      <c r="CH450" s="434"/>
      <c r="CI450" s="434"/>
      <c r="CJ450" s="434"/>
      <c r="CK450" s="434"/>
      <c r="CL450" s="434"/>
      <c r="CM450" s="434"/>
      <c r="CN450" s="434"/>
      <c r="CO450" s="434"/>
      <c r="CP450" s="434"/>
      <c r="CQ450" s="434"/>
      <c r="CR450" s="434"/>
      <c r="CS450" s="434"/>
      <c r="CT450" s="434"/>
      <c r="CU450" s="434"/>
      <c r="CV450" s="434"/>
      <c r="CW450" s="434"/>
      <c r="CX450" s="434"/>
      <c r="CY450" s="434"/>
      <c r="CZ450" s="434"/>
      <c r="DA450" s="434"/>
      <c r="DB450" s="434"/>
      <c r="DC450" s="434"/>
      <c r="DD450" s="417"/>
      <c r="DE450" s="417"/>
      <c r="DF450" s="417" t="s">
        <v>2318</v>
      </c>
    </row>
    <row r="451" spans="3:110" ht="56.1" customHeight="1" x14ac:dyDescent="0.2">
      <c r="C451" s="412">
        <v>92</v>
      </c>
      <c r="D451" s="412" t="s">
        <v>2182</v>
      </c>
      <c r="E451" s="422" t="s">
        <v>1385</v>
      </c>
      <c r="F451" s="446" t="s">
        <v>2501</v>
      </c>
      <c r="G451" s="416" t="s">
        <v>1352</v>
      </c>
      <c r="H451" s="416" t="s">
        <v>2777</v>
      </c>
      <c r="I451" s="429" t="s">
        <v>2778</v>
      </c>
      <c r="J451" s="416" t="s">
        <v>2257</v>
      </c>
      <c r="K451" s="416" t="s">
        <v>2631</v>
      </c>
      <c r="L451" s="416" t="s">
        <v>63</v>
      </c>
      <c r="M451" s="416" t="s">
        <v>81</v>
      </c>
      <c r="N451" s="447" t="s">
        <v>242</v>
      </c>
      <c r="O451" s="448" t="s">
        <v>2258</v>
      </c>
      <c r="P451" s="423" t="s">
        <v>63</v>
      </c>
      <c r="Q451" s="423" t="s">
        <v>63</v>
      </c>
      <c r="R451" s="453">
        <v>3500000</v>
      </c>
      <c r="S451" s="425">
        <v>3500000</v>
      </c>
      <c r="T451" s="425" t="s">
        <v>242</v>
      </c>
      <c r="U451" s="425" t="s">
        <v>245</v>
      </c>
      <c r="V451" s="425"/>
      <c r="W451" s="425"/>
      <c r="X451" s="425"/>
      <c r="Y451" s="425"/>
      <c r="Z451" s="425"/>
      <c r="AA451" s="425"/>
      <c r="AB451" s="425"/>
      <c r="AC451" s="425"/>
      <c r="AD451" s="425"/>
      <c r="AE451" s="425"/>
      <c r="AF451" s="425"/>
      <c r="AG451" s="425"/>
      <c r="AH451" s="425"/>
      <c r="AI451" s="425"/>
      <c r="AJ451" s="425"/>
      <c r="AK451" s="425"/>
      <c r="AL451" s="425"/>
      <c r="AM451" s="425"/>
      <c r="AN451" s="425"/>
      <c r="AO451" s="425"/>
      <c r="AP451" s="425"/>
      <c r="AQ451" s="425"/>
      <c r="AR451" s="425"/>
      <c r="AS451" s="425"/>
      <c r="AT451" s="425"/>
      <c r="AU451" s="425"/>
      <c r="AV451" s="425"/>
      <c r="AW451" s="425"/>
      <c r="AX451" s="425"/>
      <c r="AY451" s="425"/>
      <c r="AZ451" s="425"/>
      <c r="BA451" s="425"/>
      <c r="BB451" s="425"/>
      <c r="BC451" s="425"/>
      <c r="BD451" s="425"/>
      <c r="BE451" s="425"/>
      <c r="BF451" s="425"/>
      <c r="BG451" s="425"/>
      <c r="BH451" s="425"/>
      <c r="BI451" s="425"/>
      <c r="BJ451" s="425"/>
      <c r="BK451" s="425"/>
      <c r="BL451" s="425"/>
      <c r="BM451" s="425"/>
      <c r="BN451" s="425"/>
      <c r="BO451" s="425"/>
      <c r="BP451" s="425"/>
      <c r="BQ451" s="425"/>
      <c r="BR451" s="425"/>
      <c r="BS451" s="425"/>
      <c r="BT451" s="425"/>
      <c r="BU451" s="425"/>
      <c r="BV451" s="425"/>
      <c r="BW451" s="425"/>
      <c r="BX451" s="425"/>
      <c r="BY451" s="425"/>
      <c r="BZ451" s="425"/>
      <c r="CA451" s="425"/>
      <c r="CB451" s="425"/>
      <c r="CC451" s="425"/>
      <c r="CD451" s="425"/>
      <c r="CE451" s="425"/>
      <c r="CF451" s="425"/>
      <c r="CG451" s="425"/>
      <c r="CH451" s="425"/>
      <c r="CI451" s="424"/>
      <c r="CJ451" s="424"/>
      <c r="CK451" s="425"/>
      <c r="CL451" s="425"/>
      <c r="CM451" s="448"/>
      <c r="CN451" s="448"/>
      <c r="CO451" s="448"/>
      <c r="CP451" s="448"/>
      <c r="CQ451" s="448"/>
      <c r="CR451" s="448"/>
      <c r="CS451" s="448"/>
      <c r="CT451" s="448"/>
      <c r="CU451" s="448"/>
      <c r="CV451" s="448"/>
      <c r="CW451" s="448"/>
      <c r="CX451" s="448"/>
      <c r="CY451" s="448"/>
      <c r="CZ451" s="448"/>
      <c r="DA451" s="448"/>
      <c r="DB451" s="448"/>
      <c r="DC451" s="425"/>
      <c r="DD451" s="416"/>
      <c r="DE451" s="416" t="s">
        <v>2317</v>
      </c>
      <c r="DF451" s="416" t="s">
        <v>2318</v>
      </c>
    </row>
    <row r="452" spans="3:110" ht="56.1" customHeight="1" x14ac:dyDescent="0.2">
      <c r="C452" s="415">
        <v>93</v>
      </c>
      <c r="D452" s="412" t="s">
        <v>2182</v>
      </c>
      <c r="E452" s="430" t="s">
        <v>1385</v>
      </c>
      <c r="F452" s="449" t="s">
        <v>2501</v>
      </c>
      <c r="G452" s="417" t="s">
        <v>1352</v>
      </c>
      <c r="H452" s="417" t="s">
        <v>2331</v>
      </c>
      <c r="I452" s="431" t="s">
        <v>2332</v>
      </c>
      <c r="J452" s="417" t="s">
        <v>2333</v>
      </c>
      <c r="K452" s="417" t="s">
        <v>2217</v>
      </c>
      <c r="L452" s="417" t="s">
        <v>63</v>
      </c>
      <c r="M452" s="417" t="s">
        <v>81</v>
      </c>
      <c r="N452" s="450" t="s">
        <v>242</v>
      </c>
      <c r="O452" s="451" t="s">
        <v>2258</v>
      </c>
      <c r="P452" s="454">
        <v>2500000</v>
      </c>
      <c r="Q452" s="454">
        <v>3000000</v>
      </c>
      <c r="R452" s="452">
        <v>2750000</v>
      </c>
      <c r="S452" s="434">
        <v>2750000</v>
      </c>
      <c r="T452" s="434" t="s">
        <v>242</v>
      </c>
      <c r="U452" s="434" t="s">
        <v>245</v>
      </c>
      <c r="V452" s="434"/>
      <c r="W452" s="434"/>
      <c r="X452" s="434"/>
      <c r="Y452" s="434"/>
      <c r="Z452" s="434"/>
      <c r="AA452" s="434"/>
      <c r="AB452" s="434"/>
      <c r="AC452" s="434"/>
      <c r="AD452" s="434"/>
      <c r="AE452" s="434"/>
      <c r="AF452" s="434"/>
      <c r="AG452" s="434"/>
      <c r="AH452" s="434"/>
      <c r="AI452" s="434"/>
      <c r="AJ452" s="434"/>
      <c r="AK452" s="434"/>
      <c r="AL452" s="434"/>
      <c r="AM452" s="434"/>
      <c r="AN452" s="434"/>
      <c r="AO452" s="434"/>
      <c r="AP452" s="434"/>
      <c r="AQ452" s="434"/>
      <c r="AR452" s="434"/>
      <c r="AS452" s="434"/>
      <c r="AT452" s="434"/>
      <c r="AU452" s="434"/>
      <c r="AV452" s="434"/>
      <c r="AW452" s="434"/>
      <c r="AX452" s="434"/>
      <c r="AY452" s="434"/>
      <c r="AZ452" s="434"/>
      <c r="BA452" s="434"/>
      <c r="BB452" s="434"/>
      <c r="BC452" s="434"/>
      <c r="BD452" s="434"/>
      <c r="BE452" s="434"/>
      <c r="BF452" s="434"/>
      <c r="BG452" s="434"/>
      <c r="BH452" s="434"/>
      <c r="BI452" s="434"/>
      <c r="BJ452" s="434"/>
      <c r="BK452" s="434"/>
      <c r="BL452" s="434"/>
      <c r="BM452" s="434"/>
      <c r="BN452" s="434"/>
      <c r="BO452" s="434"/>
      <c r="BP452" s="434"/>
      <c r="BQ452" s="434"/>
      <c r="BR452" s="434"/>
      <c r="BS452" s="434"/>
      <c r="BT452" s="434"/>
      <c r="BU452" s="434"/>
      <c r="BV452" s="434"/>
      <c r="BW452" s="434"/>
      <c r="BX452" s="434"/>
      <c r="BY452" s="434"/>
      <c r="BZ452" s="434"/>
      <c r="CA452" s="434"/>
      <c r="CB452" s="434"/>
      <c r="CC452" s="434"/>
      <c r="CD452" s="434"/>
      <c r="CE452" s="434"/>
      <c r="CF452" s="434"/>
      <c r="CG452" s="434"/>
      <c r="CH452" s="434"/>
      <c r="CI452" s="433"/>
      <c r="CJ452" s="433"/>
      <c r="CK452" s="434"/>
      <c r="CL452" s="434"/>
      <c r="CM452" s="451"/>
      <c r="CN452" s="451"/>
      <c r="CO452" s="451"/>
      <c r="CP452" s="451"/>
      <c r="CQ452" s="451"/>
      <c r="CR452" s="451"/>
      <c r="CS452" s="451"/>
      <c r="CT452" s="451"/>
      <c r="CU452" s="451"/>
      <c r="CV452" s="451"/>
      <c r="CW452" s="451"/>
      <c r="CX452" s="451"/>
      <c r="CY452" s="451"/>
      <c r="CZ452" s="451"/>
      <c r="DA452" s="451"/>
      <c r="DB452" s="451"/>
      <c r="DC452" s="434"/>
      <c r="DD452" s="417"/>
      <c r="DE452" s="417" t="s">
        <v>2317</v>
      </c>
      <c r="DF452" s="417"/>
    </row>
    <row r="453" spans="3:110" ht="56.1" customHeight="1" x14ac:dyDescent="0.2">
      <c r="C453" s="412">
        <v>94</v>
      </c>
      <c r="D453" s="412" t="s">
        <v>2182</v>
      </c>
      <c r="E453" s="422" t="s">
        <v>1385</v>
      </c>
      <c r="F453" s="446" t="s">
        <v>2501</v>
      </c>
      <c r="G453" s="416" t="s">
        <v>1352</v>
      </c>
      <c r="H453" s="416" t="s">
        <v>2779</v>
      </c>
      <c r="I453" s="429" t="s">
        <v>2780</v>
      </c>
      <c r="J453" s="416" t="s">
        <v>2257</v>
      </c>
      <c r="K453" s="416" t="s">
        <v>2631</v>
      </c>
      <c r="L453" s="416" t="s">
        <v>63</v>
      </c>
      <c r="M453" s="416" t="s">
        <v>81</v>
      </c>
      <c r="N453" s="447" t="s">
        <v>242</v>
      </c>
      <c r="O453" s="448" t="s">
        <v>2258</v>
      </c>
      <c r="P453" s="423" t="s">
        <v>63</v>
      </c>
      <c r="Q453" s="423" t="s">
        <v>63</v>
      </c>
      <c r="R453" s="453">
        <v>3500000</v>
      </c>
      <c r="S453" s="425">
        <v>3500000</v>
      </c>
      <c r="T453" s="425" t="s">
        <v>242</v>
      </c>
      <c r="U453" s="425" t="s">
        <v>245</v>
      </c>
      <c r="V453" s="425"/>
      <c r="W453" s="425"/>
      <c r="X453" s="425"/>
      <c r="Y453" s="425"/>
      <c r="Z453" s="425"/>
      <c r="AA453" s="425"/>
      <c r="AB453" s="425"/>
      <c r="AC453" s="425"/>
      <c r="AD453" s="425"/>
      <c r="AE453" s="425"/>
      <c r="AF453" s="425"/>
      <c r="AG453" s="425"/>
      <c r="AH453" s="425"/>
      <c r="AI453" s="425"/>
      <c r="AJ453" s="425"/>
      <c r="AK453" s="425"/>
      <c r="AL453" s="425"/>
      <c r="AM453" s="425"/>
      <c r="AN453" s="425"/>
      <c r="AO453" s="425"/>
      <c r="AP453" s="425"/>
      <c r="AQ453" s="425"/>
      <c r="AR453" s="425"/>
      <c r="AS453" s="425"/>
      <c r="AT453" s="425"/>
      <c r="AU453" s="425"/>
      <c r="AV453" s="425"/>
      <c r="AW453" s="425"/>
      <c r="AX453" s="425"/>
      <c r="AY453" s="425"/>
      <c r="AZ453" s="425"/>
      <c r="BA453" s="425"/>
      <c r="BB453" s="425"/>
      <c r="BC453" s="425"/>
      <c r="BD453" s="425"/>
      <c r="BE453" s="425"/>
      <c r="BF453" s="425"/>
      <c r="BG453" s="425"/>
      <c r="BH453" s="425"/>
      <c r="BI453" s="425"/>
      <c r="BJ453" s="425"/>
      <c r="BK453" s="425"/>
      <c r="BL453" s="425"/>
      <c r="BM453" s="425"/>
      <c r="BN453" s="425"/>
      <c r="BO453" s="425"/>
      <c r="BP453" s="425"/>
      <c r="BQ453" s="425"/>
      <c r="BR453" s="425"/>
      <c r="BS453" s="425"/>
      <c r="BT453" s="425"/>
      <c r="BU453" s="425"/>
      <c r="BV453" s="425"/>
      <c r="BW453" s="425"/>
      <c r="BX453" s="425"/>
      <c r="BY453" s="425"/>
      <c r="BZ453" s="425"/>
      <c r="CA453" s="425"/>
      <c r="CB453" s="425"/>
      <c r="CC453" s="425"/>
      <c r="CD453" s="425"/>
      <c r="CE453" s="425"/>
      <c r="CF453" s="425"/>
      <c r="CG453" s="425"/>
      <c r="CH453" s="425"/>
      <c r="CI453" s="424"/>
      <c r="CJ453" s="424"/>
      <c r="CK453" s="425"/>
      <c r="CL453" s="425"/>
      <c r="CM453" s="448"/>
      <c r="CN453" s="448"/>
      <c r="CO453" s="448"/>
      <c r="CP453" s="448"/>
      <c r="CQ453" s="448"/>
      <c r="CR453" s="448"/>
      <c r="CS453" s="448"/>
      <c r="CT453" s="448"/>
      <c r="CU453" s="448"/>
      <c r="CV453" s="448"/>
      <c r="CW453" s="448"/>
      <c r="CX453" s="448"/>
      <c r="CY453" s="448"/>
      <c r="CZ453" s="448"/>
      <c r="DA453" s="448"/>
      <c r="DB453" s="448"/>
      <c r="DC453" s="425"/>
      <c r="DD453" s="416"/>
      <c r="DE453" s="416" t="s">
        <v>2317</v>
      </c>
      <c r="DF453" s="416" t="s">
        <v>2318</v>
      </c>
    </row>
    <row r="454" spans="3:110" ht="56.1" customHeight="1" x14ac:dyDescent="0.2">
      <c r="C454" s="412">
        <v>95</v>
      </c>
      <c r="D454" s="412" t="s">
        <v>2182</v>
      </c>
      <c r="E454" s="422" t="s">
        <v>1385</v>
      </c>
      <c r="F454" s="446" t="s">
        <v>2501</v>
      </c>
      <c r="G454" s="416" t="s">
        <v>1352</v>
      </c>
      <c r="H454" s="416" t="s">
        <v>2781</v>
      </c>
      <c r="I454" s="429" t="s">
        <v>2782</v>
      </c>
      <c r="J454" s="416" t="s">
        <v>253</v>
      </c>
      <c r="K454" s="416" t="s">
        <v>2783</v>
      </c>
      <c r="L454" s="416" t="s">
        <v>63</v>
      </c>
      <c r="M454" s="416" t="s">
        <v>81</v>
      </c>
      <c r="N454" s="455" t="s">
        <v>242</v>
      </c>
      <c r="O454" s="448" t="s">
        <v>2258</v>
      </c>
      <c r="P454" s="424" t="s">
        <v>63</v>
      </c>
      <c r="Q454" s="424" t="s">
        <v>63</v>
      </c>
      <c r="R454" s="438" t="s">
        <v>2336</v>
      </c>
      <c r="S454" s="425" t="s">
        <v>2336</v>
      </c>
      <c r="T454" s="425" t="s">
        <v>242</v>
      </c>
      <c r="U454" s="425" t="s">
        <v>245</v>
      </c>
      <c r="V454" s="425"/>
      <c r="W454" s="425"/>
      <c r="X454" s="425"/>
      <c r="Y454" s="425"/>
      <c r="Z454" s="425"/>
      <c r="AA454" s="425"/>
      <c r="AB454" s="425"/>
      <c r="AC454" s="425"/>
      <c r="AD454" s="425"/>
      <c r="AE454" s="425"/>
      <c r="AF454" s="425"/>
      <c r="AG454" s="425"/>
      <c r="AH454" s="425"/>
      <c r="AI454" s="425"/>
      <c r="AJ454" s="425"/>
      <c r="AK454" s="425"/>
      <c r="AL454" s="425"/>
      <c r="AM454" s="425"/>
      <c r="AN454" s="425"/>
      <c r="AO454" s="425"/>
      <c r="AP454" s="425"/>
      <c r="AQ454" s="425"/>
      <c r="AR454" s="425"/>
      <c r="AS454" s="425"/>
      <c r="AT454" s="425"/>
      <c r="AU454" s="425"/>
      <c r="AV454" s="425"/>
      <c r="AW454" s="425"/>
      <c r="AX454" s="425"/>
      <c r="AY454" s="425"/>
      <c r="AZ454" s="425"/>
      <c r="BA454" s="425"/>
      <c r="BB454" s="425"/>
      <c r="BC454" s="425"/>
      <c r="BD454" s="425"/>
      <c r="BE454" s="425"/>
      <c r="BF454" s="425"/>
      <c r="BG454" s="425"/>
      <c r="BH454" s="425"/>
      <c r="BI454" s="425"/>
      <c r="BJ454" s="425"/>
      <c r="BK454" s="425"/>
      <c r="BL454" s="425"/>
      <c r="BM454" s="425"/>
      <c r="BN454" s="425"/>
      <c r="BO454" s="425"/>
      <c r="BP454" s="425"/>
      <c r="BQ454" s="425"/>
      <c r="BR454" s="425"/>
      <c r="BS454" s="425"/>
      <c r="BT454" s="425"/>
      <c r="BU454" s="425"/>
      <c r="BV454" s="425"/>
      <c r="BW454" s="425"/>
      <c r="BX454" s="425"/>
      <c r="BY454" s="425"/>
      <c r="BZ454" s="425"/>
      <c r="CA454" s="425"/>
      <c r="CB454" s="425"/>
      <c r="CC454" s="425"/>
      <c r="CD454" s="425"/>
      <c r="CE454" s="425"/>
      <c r="CF454" s="425"/>
      <c r="CG454" s="425"/>
      <c r="CH454" s="424"/>
      <c r="CI454" s="425"/>
      <c r="CJ454" s="424"/>
      <c r="CK454" s="448"/>
      <c r="CL454" s="448"/>
      <c r="CM454" s="448"/>
      <c r="CN454" s="425"/>
      <c r="CO454" s="448"/>
      <c r="CP454" s="448"/>
      <c r="CQ454" s="448"/>
      <c r="CR454" s="448"/>
      <c r="CS454" s="448"/>
      <c r="CT454" s="448"/>
      <c r="CU454" s="425"/>
      <c r="CV454" s="448"/>
      <c r="CW454" s="448"/>
      <c r="CX454" s="448"/>
      <c r="CY454" s="448"/>
      <c r="CZ454" s="448"/>
      <c r="DA454" s="448"/>
      <c r="DB454" s="448"/>
      <c r="DC454" s="448"/>
      <c r="DD454" s="416"/>
      <c r="DE454" s="416"/>
      <c r="DF454" s="416" t="s">
        <v>2318</v>
      </c>
    </row>
    <row r="455" spans="3:110" ht="56.1" customHeight="1" x14ac:dyDescent="0.2">
      <c r="C455" s="412">
        <v>99</v>
      </c>
      <c r="D455" s="412" t="s">
        <v>2182</v>
      </c>
      <c r="E455" s="422" t="s">
        <v>1385</v>
      </c>
      <c r="F455" s="446" t="s">
        <v>655</v>
      </c>
      <c r="G455" s="416" t="s">
        <v>2503</v>
      </c>
      <c r="H455" s="416" t="s">
        <v>2784</v>
      </c>
      <c r="I455" s="429" t="s">
        <v>2785</v>
      </c>
      <c r="J455" s="416" t="s">
        <v>2200</v>
      </c>
      <c r="K455" s="416" t="s">
        <v>2186</v>
      </c>
      <c r="L455" s="416" t="s">
        <v>2640</v>
      </c>
      <c r="M455" s="416" t="s">
        <v>81</v>
      </c>
      <c r="N455" s="416" t="s">
        <v>2187</v>
      </c>
      <c r="O455" s="424" t="s">
        <v>2677</v>
      </c>
      <c r="P455" s="424" t="s">
        <v>63</v>
      </c>
      <c r="Q455" s="424" t="s">
        <v>63</v>
      </c>
      <c r="R455" s="425" t="s">
        <v>2299</v>
      </c>
      <c r="S455" s="425" t="s">
        <v>2299</v>
      </c>
      <c r="T455" s="425" t="s">
        <v>2188</v>
      </c>
      <c r="U455" s="425" t="s">
        <v>2189</v>
      </c>
      <c r="V455" s="425"/>
      <c r="W455" s="425"/>
      <c r="X455" s="425"/>
      <c r="Y455" s="425"/>
      <c r="Z455" s="425"/>
      <c r="AA455" s="425"/>
      <c r="AB455" s="425"/>
      <c r="AC455" s="425"/>
      <c r="AD455" s="425"/>
      <c r="AE455" s="425"/>
      <c r="AF455" s="425"/>
      <c r="AG455" s="425"/>
      <c r="AH455" s="425"/>
      <c r="AI455" s="425"/>
      <c r="AJ455" s="425"/>
      <c r="AK455" s="425"/>
      <c r="AL455" s="425"/>
      <c r="AM455" s="425"/>
      <c r="AN455" s="425"/>
      <c r="AO455" s="425"/>
      <c r="AP455" s="425"/>
      <c r="AQ455" s="425"/>
      <c r="AR455" s="425"/>
      <c r="AS455" s="425"/>
      <c r="AT455" s="425"/>
      <c r="AU455" s="425"/>
      <c r="AV455" s="425"/>
      <c r="AW455" s="425"/>
      <c r="AX455" s="425"/>
      <c r="AY455" s="425"/>
      <c r="AZ455" s="425"/>
      <c r="BA455" s="425"/>
      <c r="BB455" s="425"/>
      <c r="BC455" s="425"/>
      <c r="BD455" s="425"/>
      <c r="BE455" s="425"/>
      <c r="BF455" s="425"/>
      <c r="BG455" s="425"/>
      <c r="BH455" s="425"/>
      <c r="BI455" s="425"/>
      <c r="BJ455" s="425"/>
      <c r="BK455" s="425"/>
      <c r="BL455" s="425"/>
      <c r="BM455" s="425"/>
      <c r="BN455" s="425"/>
      <c r="BO455" s="425"/>
      <c r="BP455" s="425"/>
      <c r="BQ455" s="425"/>
      <c r="BR455" s="425"/>
      <c r="BS455" s="425"/>
      <c r="BT455" s="425"/>
      <c r="BU455" s="425"/>
      <c r="BV455" s="425"/>
      <c r="BW455" s="425"/>
      <c r="BX455" s="425"/>
      <c r="BY455" s="425"/>
      <c r="BZ455" s="425"/>
      <c r="CA455" s="425"/>
      <c r="CB455" s="425"/>
      <c r="CC455" s="425"/>
      <c r="CD455" s="425"/>
      <c r="CE455" s="425"/>
      <c r="CF455" s="425"/>
      <c r="CG455" s="425"/>
      <c r="CH455" s="425"/>
      <c r="CI455" s="425"/>
      <c r="CJ455" s="425" t="s">
        <v>2190</v>
      </c>
      <c r="CK455" s="425"/>
      <c r="CL455" s="425"/>
      <c r="CM455" s="425"/>
      <c r="CN455" s="425"/>
      <c r="CO455" s="425"/>
      <c r="CP455" s="425"/>
      <c r="CQ455" s="425"/>
      <c r="CR455" s="425"/>
      <c r="CS455" s="425"/>
      <c r="CT455" s="425"/>
      <c r="CU455" s="425"/>
      <c r="CV455" s="425"/>
      <c r="CW455" s="425"/>
      <c r="CX455" s="425"/>
      <c r="CY455" s="425"/>
      <c r="CZ455" s="425"/>
      <c r="DA455" s="425"/>
      <c r="DB455" s="425"/>
      <c r="DC455" s="425"/>
      <c r="DD455" s="416"/>
      <c r="DE455" s="416" t="s">
        <v>2300</v>
      </c>
      <c r="DF455" s="416" t="s">
        <v>2786</v>
      </c>
    </row>
    <row r="456" spans="3:110" ht="56.1" customHeight="1" x14ac:dyDescent="0.2">
      <c r="C456" s="412">
        <v>100</v>
      </c>
      <c r="D456" s="412" t="s">
        <v>2182</v>
      </c>
      <c r="E456" s="422" t="s">
        <v>1385</v>
      </c>
      <c r="F456" s="446" t="s">
        <v>655</v>
      </c>
      <c r="G456" s="416" t="s">
        <v>2503</v>
      </c>
      <c r="H456" s="416" t="s">
        <v>2787</v>
      </c>
      <c r="I456" s="429" t="s">
        <v>2785</v>
      </c>
      <c r="J456" s="416" t="s">
        <v>2658</v>
      </c>
      <c r="K456" s="416" t="s">
        <v>2631</v>
      </c>
      <c r="L456" s="416" t="s">
        <v>2683</v>
      </c>
      <c r="M456" s="416" t="s">
        <v>60</v>
      </c>
      <c r="N456" s="416" t="s">
        <v>869</v>
      </c>
      <c r="O456" s="424" t="s">
        <v>2684</v>
      </c>
      <c r="P456" s="424" t="s">
        <v>63</v>
      </c>
      <c r="Q456" s="424" t="s">
        <v>63</v>
      </c>
      <c r="R456" s="425" t="s">
        <v>2299</v>
      </c>
      <c r="S456" s="425" t="s">
        <v>2299</v>
      </c>
      <c r="T456" s="425" t="s">
        <v>2188</v>
      </c>
      <c r="U456" s="425" t="s">
        <v>2189</v>
      </c>
      <c r="V456" s="425"/>
      <c r="W456" s="425"/>
      <c r="X456" s="425"/>
      <c r="Y456" s="425"/>
      <c r="Z456" s="425"/>
      <c r="AA456" s="425"/>
      <c r="AB456" s="425"/>
      <c r="AC456" s="425"/>
      <c r="AD456" s="425"/>
      <c r="AE456" s="425"/>
      <c r="AF456" s="425"/>
      <c r="AG456" s="425"/>
      <c r="AH456" s="425"/>
      <c r="AI456" s="425"/>
      <c r="AJ456" s="425"/>
      <c r="AK456" s="425"/>
      <c r="AL456" s="425"/>
      <c r="AM456" s="425"/>
      <c r="AN456" s="425"/>
      <c r="AO456" s="425"/>
      <c r="AP456" s="425"/>
      <c r="AQ456" s="425"/>
      <c r="AR456" s="425"/>
      <c r="AS456" s="425"/>
      <c r="AT456" s="425"/>
      <c r="AU456" s="425"/>
      <c r="AV456" s="425"/>
      <c r="AW456" s="425"/>
      <c r="AX456" s="425"/>
      <c r="AY456" s="425"/>
      <c r="AZ456" s="425"/>
      <c r="BA456" s="425"/>
      <c r="BB456" s="425"/>
      <c r="BC456" s="425"/>
      <c r="BD456" s="425"/>
      <c r="BE456" s="425"/>
      <c r="BF456" s="425"/>
      <c r="BG456" s="425"/>
      <c r="BH456" s="425"/>
      <c r="BI456" s="425"/>
      <c r="BJ456" s="425"/>
      <c r="BK456" s="425"/>
      <c r="BL456" s="425"/>
      <c r="BM456" s="425"/>
      <c r="BN456" s="425"/>
      <c r="BO456" s="425"/>
      <c r="BP456" s="425"/>
      <c r="BQ456" s="425"/>
      <c r="BR456" s="425"/>
      <c r="BS456" s="425"/>
      <c r="BT456" s="425"/>
      <c r="BU456" s="425"/>
      <c r="BV456" s="425"/>
      <c r="BW456" s="425"/>
      <c r="BX456" s="425"/>
      <c r="BY456" s="425"/>
      <c r="BZ456" s="425"/>
      <c r="CA456" s="425"/>
      <c r="CB456" s="425"/>
      <c r="CC456" s="425"/>
      <c r="CD456" s="425"/>
      <c r="CE456" s="425"/>
      <c r="CF456" s="425"/>
      <c r="CG456" s="425"/>
      <c r="CH456" s="425"/>
      <c r="CI456" s="425"/>
      <c r="CJ456" s="425"/>
      <c r="CK456" s="425"/>
      <c r="CL456" s="425" t="s">
        <v>2190</v>
      </c>
      <c r="CM456" s="425"/>
      <c r="CN456" s="425"/>
      <c r="CO456" s="425"/>
      <c r="CP456" s="425"/>
      <c r="CQ456" s="425"/>
      <c r="CR456" s="425"/>
      <c r="CS456" s="425"/>
      <c r="CT456" s="425"/>
      <c r="CU456" s="425"/>
      <c r="CV456" s="425"/>
      <c r="CW456" s="425"/>
      <c r="CX456" s="425"/>
      <c r="CY456" s="425"/>
      <c r="CZ456" s="425"/>
      <c r="DA456" s="425"/>
      <c r="DB456" s="425"/>
      <c r="DC456" s="437"/>
      <c r="DD456" s="416"/>
      <c r="DE456" s="416" t="s">
        <v>2300</v>
      </c>
      <c r="DF456" s="416" t="s">
        <v>2786</v>
      </c>
    </row>
    <row r="457" spans="3:110" ht="56.1" customHeight="1" x14ac:dyDescent="0.2">
      <c r="C457" s="412">
        <v>101</v>
      </c>
      <c r="D457" s="412" t="s">
        <v>2182</v>
      </c>
      <c r="E457" s="422" t="s">
        <v>1385</v>
      </c>
      <c r="F457" s="446" t="s">
        <v>655</v>
      </c>
      <c r="G457" s="416" t="s">
        <v>2503</v>
      </c>
      <c r="H457" s="416" t="s">
        <v>2788</v>
      </c>
      <c r="I457" s="429" t="s">
        <v>2785</v>
      </c>
      <c r="J457" s="416" t="s">
        <v>2635</v>
      </c>
      <c r="K457" s="416" t="s">
        <v>2636</v>
      </c>
      <c r="L457" s="416" t="s">
        <v>2688</v>
      </c>
      <c r="M457" s="416" t="s">
        <v>60</v>
      </c>
      <c r="N457" s="416" t="s">
        <v>869</v>
      </c>
      <c r="O457" s="424" t="s">
        <v>2266</v>
      </c>
      <c r="P457" s="424" t="s">
        <v>63</v>
      </c>
      <c r="Q457" s="424" t="s">
        <v>63</v>
      </c>
      <c r="R457" s="425" t="s">
        <v>2299</v>
      </c>
      <c r="S457" s="425" t="s">
        <v>2299</v>
      </c>
      <c r="T457" s="425" t="s">
        <v>2188</v>
      </c>
      <c r="U457" s="425" t="s">
        <v>2189</v>
      </c>
      <c r="V457" s="425"/>
      <c r="W457" s="425"/>
      <c r="X457" s="425"/>
      <c r="Y457" s="425"/>
      <c r="Z457" s="425"/>
      <c r="AA457" s="425"/>
      <c r="AB457" s="425"/>
      <c r="AC457" s="425"/>
      <c r="AD457" s="425"/>
      <c r="AE457" s="425"/>
      <c r="AF457" s="425"/>
      <c r="AG457" s="425"/>
      <c r="AH457" s="425"/>
      <c r="AI457" s="425"/>
      <c r="AJ457" s="425"/>
      <c r="AK457" s="425"/>
      <c r="AL457" s="425"/>
      <c r="AM457" s="425"/>
      <c r="AN457" s="425"/>
      <c r="AO457" s="425"/>
      <c r="AP457" s="425"/>
      <c r="AQ457" s="425"/>
      <c r="AR457" s="425"/>
      <c r="AS457" s="425"/>
      <c r="AT457" s="425"/>
      <c r="AU457" s="425"/>
      <c r="AV457" s="425"/>
      <c r="AW457" s="425"/>
      <c r="AX457" s="425"/>
      <c r="AY457" s="425"/>
      <c r="AZ457" s="425"/>
      <c r="BA457" s="425"/>
      <c r="BB457" s="425"/>
      <c r="BC457" s="425"/>
      <c r="BD457" s="425"/>
      <c r="BE457" s="425"/>
      <c r="BF457" s="425"/>
      <c r="BG457" s="425"/>
      <c r="BH457" s="425"/>
      <c r="BI457" s="425"/>
      <c r="BJ457" s="425"/>
      <c r="BK457" s="425"/>
      <c r="BL457" s="425"/>
      <c r="BM457" s="425"/>
      <c r="BN457" s="425"/>
      <c r="BO457" s="425"/>
      <c r="BP457" s="425"/>
      <c r="BQ457" s="425"/>
      <c r="BR457" s="425"/>
      <c r="BS457" s="425"/>
      <c r="BT457" s="425"/>
      <c r="BU457" s="425"/>
      <c r="BV457" s="425"/>
      <c r="BW457" s="425"/>
      <c r="BX457" s="425"/>
      <c r="BY457" s="425"/>
      <c r="BZ457" s="425"/>
      <c r="CA457" s="425"/>
      <c r="CB457" s="425"/>
      <c r="CC457" s="425"/>
      <c r="CD457" s="425"/>
      <c r="CE457" s="425"/>
      <c r="CF457" s="425"/>
      <c r="CG457" s="425"/>
      <c r="CH457" s="425"/>
      <c r="CI457" s="425"/>
      <c r="CJ457" s="425"/>
      <c r="CK457" s="425"/>
      <c r="CL457" s="425"/>
      <c r="CM457" s="425"/>
      <c r="CN457" s="425" t="s">
        <v>2190</v>
      </c>
      <c r="CO457" s="425"/>
      <c r="CP457" s="425"/>
      <c r="CQ457" s="425"/>
      <c r="CR457" s="425"/>
      <c r="CS457" s="425"/>
      <c r="CT457" s="425"/>
      <c r="CU457" s="425"/>
      <c r="CV457" s="425"/>
      <c r="CW457" s="425"/>
      <c r="CX457" s="425"/>
      <c r="CY457" s="425"/>
      <c r="CZ457" s="425"/>
      <c r="DA457" s="425"/>
      <c r="DB457" s="425"/>
      <c r="DC457" s="437"/>
      <c r="DD457" s="416"/>
      <c r="DE457" s="416" t="s">
        <v>2300</v>
      </c>
      <c r="DF457" s="416" t="s">
        <v>2786</v>
      </c>
    </row>
    <row r="458" spans="3:110" ht="56.1" customHeight="1" x14ac:dyDescent="0.2">
      <c r="C458" s="412">
        <v>102</v>
      </c>
      <c r="D458" s="412" t="s">
        <v>2182</v>
      </c>
      <c r="E458" s="422" t="s">
        <v>1385</v>
      </c>
      <c r="F458" s="446" t="s">
        <v>655</v>
      </c>
      <c r="G458" s="416" t="s">
        <v>2503</v>
      </c>
      <c r="H458" s="416" t="s">
        <v>2789</v>
      </c>
      <c r="I458" s="429" t="s">
        <v>2785</v>
      </c>
      <c r="J458" s="416" t="s">
        <v>2622</v>
      </c>
      <c r="K458" s="416" t="s">
        <v>2691</v>
      </c>
      <c r="L458" s="416" t="s">
        <v>2692</v>
      </c>
      <c r="M458" s="416" t="s">
        <v>60</v>
      </c>
      <c r="N458" s="416" t="s">
        <v>869</v>
      </c>
      <c r="O458" s="424" t="s">
        <v>2309</v>
      </c>
      <c r="P458" s="424" t="s">
        <v>63</v>
      </c>
      <c r="Q458" s="424" t="s">
        <v>63</v>
      </c>
      <c r="R458" s="425" t="s">
        <v>2299</v>
      </c>
      <c r="S458" s="425" t="s">
        <v>2299</v>
      </c>
      <c r="T458" s="425" t="s">
        <v>2188</v>
      </c>
      <c r="U458" s="425" t="s">
        <v>2189</v>
      </c>
      <c r="V458" s="425"/>
      <c r="W458" s="425"/>
      <c r="X458" s="425"/>
      <c r="Y458" s="425"/>
      <c r="Z458" s="425"/>
      <c r="AA458" s="425"/>
      <c r="AB458" s="425"/>
      <c r="AC458" s="425"/>
      <c r="AD458" s="425"/>
      <c r="AE458" s="425"/>
      <c r="AF458" s="425"/>
      <c r="AG458" s="425"/>
      <c r="AH458" s="425"/>
      <c r="AI458" s="425"/>
      <c r="AJ458" s="425"/>
      <c r="AK458" s="425"/>
      <c r="AL458" s="425"/>
      <c r="AM458" s="425"/>
      <c r="AN458" s="425"/>
      <c r="AO458" s="425"/>
      <c r="AP458" s="425"/>
      <c r="AQ458" s="425"/>
      <c r="AR458" s="425"/>
      <c r="AS458" s="425"/>
      <c r="AT458" s="425"/>
      <c r="AU458" s="425"/>
      <c r="AV458" s="425"/>
      <c r="AW458" s="425"/>
      <c r="AX458" s="425"/>
      <c r="AY458" s="425"/>
      <c r="AZ458" s="425"/>
      <c r="BA458" s="425"/>
      <c r="BB458" s="425"/>
      <c r="BC458" s="425"/>
      <c r="BD458" s="425"/>
      <c r="BE458" s="425"/>
      <c r="BF458" s="425"/>
      <c r="BG458" s="425"/>
      <c r="BH458" s="425"/>
      <c r="BI458" s="425"/>
      <c r="BJ458" s="425"/>
      <c r="BK458" s="425"/>
      <c r="BL458" s="425"/>
      <c r="BM458" s="425"/>
      <c r="BN458" s="425"/>
      <c r="BO458" s="425"/>
      <c r="BP458" s="425"/>
      <c r="BQ458" s="425"/>
      <c r="BR458" s="425"/>
      <c r="BS458" s="425"/>
      <c r="BT458" s="425"/>
      <c r="BU458" s="425"/>
      <c r="BV458" s="425"/>
      <c r="BW458" s="425"/>
      <c r="BX458" s="425"/>
      <c r="BY458" s="425"/>
      <c r="BZ458" s="425"/>
      <c r="CA458" s="425"/>
      <c r="CB458" s="425"/>
      <c r="CC458" s="425"/>
      <c r="CD458" s="425"/>
      <c r="CE458" s="425"/>
      <c r="CF458" s="425"/>
      <c r="CG458" s="425"/>
      <c r="CH458" s="425"/>
      <c r="CI458" s="425"/>
      <c r="CJ458" s="425"/>
      <c r="CK458" s="425"/>
      <c r="CL458" s="425"/>
      <c r="CM458" s="425"/>
      <c r="CN458" s="425"/>
      <c r="CO458" s="425" t="s">
        <v>2190</v>
      </c>
      <c r="CP458" s="425"/>
      <c r="CQ458" s="425"/>
      <c r="CR458" s="425"/>
      <c r="CS458" s="425"/>
      <c r="CT458" s="425"/>
      <c r="CU458" s="425"/>
      <c r="CV458" s="425"/>
      <c r="CW458" s="425"/>
      <c r="CX458" s="425"/>
      <c r="CY458" s="425"/>
      <c r="CZ458" s="425"/>
      <c r="DA458" s="425"/>
      <c r="DB458" s="425"/>
      <c r="DC458" s="437"/>
      <c r="DD458" s="416"/>
      <c r="DE458" s="416" t="s">
        <v>2300</v>
      </c>
      <c r="DF458" s="416" t="s">
        <v>2786</v>
      </c>
    </row>
    <row r="459" spans="3:110" ht="56.1" customHeight="1" x14ac:dyDescent="0.2">
      <c r="C459" s="412">
        <v>106</v>
      </c>
      <c r="D459" s="412" t="s">
        <v>2182</v>
      </c>
      <c r="E459" s="422" t="s">
        <v>1385</v>
      </c>
      <c r="F459" s="446" t="s">
        <v>655</v>
      </c>
      <c r="G459" s="416" t="s">
        <v>900</v>
      </c>
      <c r="H459" s="416" t="s">
        <v>2790</v>
      </c>
      <c r="I459" s="429" t="s">
        <v>2791</v>
      </c>
      <c r="J459" s="416" t="s">
        <v>2264</v>
      </c>
      <c r="K459" s="416" t="s">
        <v>2264</v>
      </c>
      <c r="L459" s="416" t="s">
        <v>63</v>
      </c>
      <c r="M459" s="416" t="s">
        <v>81</v>
      </c>
      <c r="N459" s="456" t="s">
        <v>61</v>
      </c>
      <c r="O459" s="424" t="s">
        <v>2251</v>
      </c>
      <c r="P459" s="425">
        <v>0</v>
      </c>
      <c r="Q459" s="425">
        <v>500000</v>
      </c>
      <c r="R459" s="425">
        <v>250000</v>
      </c>
      <c r="S459" s="425" t="s">
        <v>63</v>
      </c>
      <c r="T459" s="425" t="s">
        <v>2792</v>
      </c>
      <c r="U459" s="425" t="s">
        <v>2189</v>
      </c>
      <c r="V459" s="425"/>
      <c r="W459" s="425"/>
      <c r="X459" s="425"/>
      <c r="Y459" s="425"/>
      <c r="Z459" s="425"/>
      <c r="AA459" s="425"/>
      <c r="AB459" s="425"/>
      <c r="AC459" s="425"/>
      <c r="AD459" s="425"/>
      <c r="AE459" s="425"/>
      <c r="AF459" s="425"/>
      <c r="AG459" s="425"/>
      <c r="AH459" s="425"/>
      <c r="AI459" s="425"/>
      <c r="AJ459" s="425"/>
      <c r="AK459" s="425"/>
      <c r="AL459" s="425"/>
      <c r="AM459" s="425"/>
      <c r="AN459" s="425"/>
      <c r="AO459" s="425"/>
      <c r="AP459" s="425"/>
      <c r="AQ459" s="425"/>
      <c r="AR459" s="425"/>
      <c r="AS459" s="425"/>
      <c r="AT459" s="425"/>
      <c r="AU459" s="425"/>
      <c r="AV459" s="425"/>
      <c r="AW459" s="425"/>
      <c r="AX459" s="425"/>
      <c r="AY459" s="425"/>
      <c r="AZ459" s="425"/>
      <c r="BA459" s="425"/>
      <c r="BB459" s="425"/>
      <c r="BC459" s="425"/>
      <c r="BD459" s="425"/>
      <c r="BE459" s="425"/>
      <c r="BF459" s="425"/>
      <c r="BG459" s="425"/>
      <c r="BH459" s="425"/>
      <c r="BI459" s="425"/>
      <c r="BJ459" s="425"/>
      <c r="BK459" s="425"/>
      <c r="BL459" s="425"/>
      <c r="BM459" s="425"/>
      <c r="BN459" s="425"/>
      <c r="BO459" s="425"/>
      <c r="BP459" s="425"/>
      <c r="BQ459" s="425"/>
      <c r="BR459" s="425"/>
      <c r="BS459" s="425"/>
      <c r="BT459" s="425"/>
      <c r="BU459" s="425"/>
      <c r="BV459" s="425"/>
      <c r="BW459" s="425"/>
      <c r="BX459" s="425"/>
      <c r="BY459" s="425"/>
      <c r="BZ459" s="425"/>
      <c r="CA459" s="425"/>
      <c r="CB459" s="425"/>
      <c r="CC459" s="425"/>
      <c r="CD459" s="425"/>
      <c r="CE459" s="425"/>
      <c r="CF459" s="425"/>
      <c r="CG459" s="425"/>
      <c r="CH459" s="425"/>
      <c r="CI459" s="425"/>
      <c r="CJ459" s="425"/>
      <c r="CK459" s="457"/>
      <c r="CL459" s="425"/>
      <c r="CM459" s="425" t="s">
        <v>2190</v>
      </c>
      <c r="CN459" s="425"/>
      <c r="CO459" s="425"/>
      <c r="CP459" s="425"/>
      <c r="CQ459" s="425"/>
      <c r="CR459" s="425"/>
      <c r="CS459" s="425"/>
      <c r="CT459" s="425"/>
      <c r="CU459" s="425"/>
      <c r="CV459" s="425"/>
      <c r="CW459" s="425"/>
      <c r="CX459" s="425"/>
      <c r="CY459" s="425" t="s">
        <v>2190</v>
      </c>
      <c r="CZ459" s="425"/>
      <c r="DA459" s="425"/>
      <c r="DB459" s="425"/>
      <c r="DC459" s="457"/>
      <c r="DD459" s="416"/>
      <c r="DE459" s="416" t="s">
        <v>2359</v>
      </c>
      <c r="DF459" s="416" t="s">
        <v>2410</v>
      </c>
    </row>
    <row r="460" spans="3:110" ht="56.1" customHeight="1" x14ac:dyDescent="0.2">
      <c r="C460" s="412">
        <v>107</v>
      </c>
      <c r="D460" s="412" t="s">
        <v>2182</v>
      </c>
      <c r="E460" s="422" t="s">
        <v>1385</v>
      </c>
      <c r="F460" s="446" t="s">
        <v>655</v>
      </c>
      <c r="G460" s="416" t="s">
        <v>900</v>
      </c>
      <c r="H460" s="416" t="s">
        <v>2793</v>
      </c>
      <c r="I460" s="429" t="s">
        <v>2794</v>
      </c>
      <c r="J460" s="416" t="s">
        <v>2264</v>
      </c>
      <c r="K460" s="416" t="s">
        <v>2264</v>
      </c>
      <c r="L460" s="416" t="s">
        <v>63</v>
      </c>
      <c r="M460" s="416" t="s">
        <v>81</v>
      </c>
      <c r="N460" s="456" t="s">
        <v>61</v>
      </c>
      <c r="O460" s="424" t="s">
        <v>2251</v>
      </c>
      <c r="P460" s="425">
        <v>0</v>
      </c>
      <c r="Q460" s="425">
        <v>500000</v>
      </c>
      <c r="R460" s="425">
        <v>250000</v>
      </c>
      <c r="S460" s="425" t="s">
        <v>63</v>
      </c>
      <c r="T460" s="425" t="s">
        <v>2792</v>
      </c>
      <c r="U460" s="425" t="s">
        <v>2189</v>
      </c>
      <c r="V460" s="425"/>
      <c r="W460" s="425"/>
      <c r="X460" s="425"/>
      <c r="Y460" s="425"/>
      <c r="Z460" s="425"/>
      <c r="AA460" s="425"/>
      <c r="AB460" s="425"/>
      <c r="AC460" s="425"/>
      <c r="AD460" s="425"/>
      <c r="AE460" s="425"/>
      <c r="AF460" s="425"/>
      <c r="AG460" s="425"/>
      <c r="AH460" s="425"/>
      <c r="AI460" s="425"/>
      <c r="AJ460" s="425"/>
      <c r="AK460" s="425"/>
      <c r="AL460" s="425"/>
      <c r="AM460" s="425"/>
      <c r="AN460" s="425"/>
      <c r="AO460" s="425"/>
      <c r="AP460" s="425"/>
      <c r="AQ460" s="425"/>
      <c r="AR460" s="425"/>
      <c r="AS460" s="425"/>
      <c r="AT460" s="425"/>
      <c r="AU460" s="425"/>
      <c r="AV460" s="425"/>
      <c r="AW460" s="425"/>
      <c r="AX460" s="425"/>
      <c r="AY460" s="425"/>
      <c r="AZ460" s="425"/>
      <c r="BA460" s="425"/>
      <c r="BB460" s="425"/>
      <c r="BC460" s="425"/>
      <c r="BD460" s="425"/>
      <c r="BE460" s="425"/>
      <c r="BF460" s="425"/>
      <c r="BG460" s="425"/>
      <c r="BH460" s="425"/>
      <c r="BI460" s="425"/>
      <c r="BJ460" s="425"/>
      <c r="BK460" s="425"/>
      <c r="BL460" s="425"/>
      <c r="BM460" s="425"/>
      <c r="BN460" s="425"/>
      <c r="BO460" s="425"/>
      <c r="BP460" s="425"/>
      <c r="BQ460" s="425"/>
      <c r="BR460" s="425"/>
      <c r="BS460" s="425"/>
      <c r="BT460" s="425"/>
      <c r="BU460" s="425"/>
      <c r="BV460" s="425"/>
      <c r="BW460" s="425"/>
      <c r="BX460" s="425"/>
      <c r="BY460" s="425"/>
      <c r="BZ460" s="425"/>
      <c r="CA460" s="425"/>
      <c r="CB460" s="425"/>
      <c r="CC460" s="425"/>
      <c r="CD460" s="425"/>
      <c r="CE460" s="425"/>
      <c r="CF460" s="425"/>
      <c r="CG460" s="425"/>
      <c r="CH460" s="425"/>
      <c r="CI460" s="425"/>
      <c r="CJ460" s="425"/>
      <c r="CK460" s="457"/>
      <c r="CL460" s="425"/>
      <c r="CM460" s="425" t="s">
        <v>2190</v>
      </c>
      <c r="CN460" s="425"/>
      <c r="CO460" s="425"/>
      <c r="CP460" s="425"/>
      <c r="CQ460" s="425"/>
      <c r="CR460" s="425"/>
      <c r="CS460" s="425"/>
      <c r="CT460" s="425"/>
      <c r="CU460" s="425"/>
      <c r="CV460" s="425"/>
      <c r="CW460" s="425"/>
      <c r="CX460" s="425"/>
      <c r="CY460" s="425" t="s">
        <v>2190</v>
      </c>
      <c r="CZ460" s="457"/>
      <c r="DA460" s="457"/>
      <c r="DB460" s="457"/>
      <c r="DC460" s="457"/>
      <c r="DD460" s="416"/>
      <c r="DE460" s="416" t="s">
        <v>2359</v>
      </c>
      <c r="DF460" s="416" t="s">
        <v>2410</v>
      </c>
    </row>
    <row r="461" spans="3:110" ht="56.1" customHeight="1" x14ac:dyDescent="0.2">
      <c r="C461" s="412">
        <v>108</v>
      </c>
      <c r="D461" s="412" t="s">
        <v>2182</v>
      </c>
      <c r="E461" s="422" t="s">
        <v>1385</v>
      </c>
      <c r="F461" s="446" t="s">
        <v>655</v>
      </c>
      <c r="G461" s="416" t="s">
        <v>900</v>
      </c>
      <c r="H461" s="416" t="s">
        <v>2795</v>
      </c>
      <c r="I461" s="429" t="s">
        <v>2796</v>
      </c>
      <c r="J461" s="416" t="s">
        <v>2663</v>
      </c>
      <c r="K461" s="416" t="s">
        <v>2797</v>
      </c>
      <c r="L461" s="458" t="s">
        <v>2798</v>
      </c>
      <c r="M461" s="416" t="s">
        <v>81</v>
      </c>
      <c r="N461" s="416" t="s">
        <v>61</v>
      </c>
      <c r="O461" s="424" t="s">
        <v>2251</v>
      </c>
      <c r="P461" s="457">
        <v>1000000</v>
      </c>
      <c r="Q461" s="425">
        <v>2500000</v>
      </c>
      <c r="R461" s="425">
        <v>1750000</v>
      </c>
      <c r="S461" s="425" t="s">
        <v>63</v>
      </c>
      <c r="T461" s="425" t="s">
        <v>2409</v>
      </c>
      <c r="U461" s="425" t="s">
        <v>65</v>
      </c>
      <c r="V461" s="425"/>
      <c r="W461" s="425"/>
      <c r="X461" s="425"/>
      <c r="Y461" s="425"/>
      <c r="Z461" s="425"/>
      <c r="AA461" s="425"/>
      <c r="AB461" s="425"/>
      <c r="AC461" s="425"/>
      <c r="AD461" s="425"/>
      <c r="AE461" s="425"/>
      <c r="AF461" s="425"/>
      <c r="AG461" s="425"/>
      <c r="AH461" s="425"/>
      <c r="AI461" s="425"/>
      <c r="AJ461" s="425"/>
      <c r="AK461" s="425"/>
      <c r="AL461" s="425"/>
      <c r="AM461" s="425"/>
      <c r="AN461" s="425"/>
      <c r="AO461" s="425"/>
      <c r="AP461" s="425"/>
      <c r="AQ461" s="425"/>
      <c r="AR461" s="425"/>
      <c r="AS461" s="425"/>
      <c r="AT461" s="425"/>
      <c r="AU461" s="425"/>
      <c r="AV461" s="425"/>
      <c r="AW461" s="425"/>
      <c r="AX461" s="425"/>
      <c r="AY461" s="425"/>
      <c r="AZ461" s="425"/>
      <c r="BA461" s="425"/>
      <c r="BB461" s="425"/>
      <c r="BC461" s="425"/>
      <c r="BD461" s="425"/>
      <c r="BE461" s="425"/>
      <c r="BF461" s="425"/>
      <c r="BG461" s="425"/>
      <c r="BH461" s="425"/>
      <c r="BI461" s="425"/>
      <c r="BJ461" s="425"/>
      <c r="BK461" s="425"/>
      <c r="BL461" s="425"/>
      <c r="BM461" s="425"/>
      <c r="BN461" s="425"/>
      <c r="BO461" s="425"/>
      <c r="BP461" s="425"/>
      <c r="BQ461" s="425"/>
      <c r="BR461" s="425"/>
      <c r="BS461" s="425"/>
      <c r="BT461" s="425"/>
      <c r="BU461" s="425"/>
      <c r="BV461" s="425"/>
      <c r="BW461" s="425"/>
      <c r="BX461" s="425"/>
      <c r="BY461" s="425"/>
      <c r="BZ461" s="425"/>
      <c r="CA461" s="425"/>
      <c r="CB461" s="425"/>
      <c r="CC461" s="425"/>
      <c r="CD461" s="425"/>
      <c r="CE461" s="425"/>
      <c r="CF461" s="425"/>
      <c r="CG461" s="425"/>
      <c r="CH461" s="425"/>
      <c r="CI461" s="425"/>
      <c r="CJ461" s="425"/>
      <c r="CK461" s="457"/>
      <c r="CL461" s="425"/>
      <c r="CM461" s="425"/>
      <c r="CN461" s="425"/>
      <c r="CO461" s="425"/>
      <c r="CP461" s="425"/>
      <c r="CQ461" s="425"/>
      <c r="CR461" s="425"/>
      <c r="CS461" s="425"/>
      <c r="CT461" s="425"/>
      <c r="CU461" s="425"/>
      <c r="CV461" s="425"/>
      <c r="CW461" s="425"/>
      <c r="CX461" s="425"/>
      <c r="CY461" s="457"/>
      <c r="CZ461" s="425" t="s">
        <v>2190</v>
      </c>
      <c r="DA461" s="457"/>
      <c r="DB461" s="457"/>
      <c r="DC461" s="425" t="s">
        <v>2190</v>
      </c>
      <c r="DD461" s="416"/>
      <c r="DE461" s="416" t="s">
        <v>2359</v>
      </c>
      <c r="DF461" s="416" t="s">
        <v>2410</v>
      </c>
    </row>
    <row r="462" spans="3:110" ht="56.1" customHeight="1" x14ac:dyDescent="0.2">
      <c r="C462" s="412">
        <v>109</v>
      </c>
      <c r="D462" s="412" t="s">
        <v>2182</v>
      </c>
      <c r="E462" s="422" t="s">
        <v>1385</v>
      </c>
      <c r="F462" s="446" t="s">
        <v>655</v>
      </c>
      <c r="G462" s="416" t="s">
        <v>897</v>
      </c>
      <c r="H462" s="416" t="s">
        <v>2799</v>
      </c>
      <c r="I462" s="429" t="s">
        <v>2800</v>
      </c>
      <c r="J462" s="416" t="s">
        <v>2257</v>
      </c>
      <c r="K462" s="416" t="s">
        <v>2631</v>
      </c>
      <c r="L462" s="416" t="s">
        <v>63</v>
      </c>
      <c r="M462" s="416" t="s">
        <v>81</v>
      </c>
      <c r="N462" s="416" t="s">
        <v>2801</v>
      </c>
      <c r="O462" s="424" t="s">
        <v>2258</v>
      </c>
      <c r="P462" s="424" t="s">
        <v>63</v>
      </c>
      <c r="Q462" s="424" t="s">
        <v>63</v>
      </c>
      <c r="R462" s="457" t="s">
        <v>191</v>
      </c>
      <c r="S462" s="425" t="s">
        <v>63</v>
      </c>
      <c r="T462" s="425" t="s">
        <v>2802</v>
      </c>
      <c r="U462" s="425" t="s">
        <v>65</v>
      </c>
      <c r="V462" s="425"/>
      <c r="W462" s="425"/>
      <c r="X462" s="425"/>
      <c r="Y462" s="425"/>
      <c r="Z462" s="425"/>
      <c r="AA462" s="425"/>
      <c r="AB462" s="425"/>
      <c r="AC462" s="425"/>
      <c r="AD462" s="425"/>
      <c r="AE462" s="425"/>
      <c r="AF462" s="425"/>
      <c r="AG462" s="425"/>
      <c r="AH462" s="425"/>
      <c r="AI462" s="425"/>
      <c r="AJ462" s="425"/>
      <c r="AK462" s="425"/>
      <c r="AL462" s="425"/>
      <c r="AM462" s="425"/>
      <c r="AN462" s="425"/>
      <c r="AO462" s="425"/>
      <c r="AP462" s="425"/>
      <c r="AQ462" s="425"/>
      <c r="AR462" s="425"/>
      <c r="AS462" s="425"/>
      <c r="AT462" s="425"/>
      <c r="AU462" s="425"/>
      <c r="AV462" s="425"/>
      <c r="AW462" s="425"/>
      <c r="AX462" s="425"/>
      <c r="AY462" s="425"/>
      <c r="AZ462" s="425"/>
      <c r="BA462" s="425"/>
      <c r="BB462" s="425"/>
      <c r="BC462" s="425"/>
      <c r="BD462" s="425"/>
      <c r="BE462" s="425"/>
      <c r="BF462" s="425"/>
      <c r="BG462" s="425"/>
      <c r="BH462" s="425"/>
      <c r="BI462" s="425"/>
      <c r="BJ462" s="425"/>
      <c r="BK462" s="425"/>
      <c r="BL462" s="425"/>
      <c r="BM462" s="425"/>
      <c r="BN462" s="425"/>
      <c r="BO462" s="425"/>
      <c r="BP462" s="425"/>
      <c r="BQ462" s="425"/>
      <c r="BR462" s="425"/>
      <c r="BS462" s="425"/>
      <c r="BT462" s="425"/>
      <c r="BU462" s="425"/>
      <c r="BV462" s="425"/>
      <c r="BW462" s="425"/>
      <c r="BX462" s="425"/>
      <c r="BY462" s="425"/>
      <c r="BZ462" s="425"/>
      <c r="CA462" s="425"/>
      <c r="CB462" s="425"/>
      <c r="CC462" s="425"/>
      <c r="CD462" s="425"/>
      <c r="CE462" s="425"/>
      <c r="CF462" s="425"/>
      <c r="CG462" s="425"/>
      <c r="CH462" s="425" t="s">
        <v>2190</v>
      </c>
      <c r="CI462" s="425"/>
      <c r="CJ462" s="425"/>
      <c r="CK462" s="425" t="s">
        <v>2190</v>
      </c>
      <c r="CL462" s="425" t="s">
        <v>2190</v>
      </c>
      <c r="CM462" s="457"/>
      <c r="CN462" s="457"/>
      <c r="CO462" s="457"/>
      <c r="CP462" s="457"/>
      <c r="CQ462" s="457"/>
      <c r="CR462" s="425"/>
      <c r="CS462" s="425"/>
      <c r="CT462" s="425"/>
      <c r="CU462" s="425"/>
      <c r="CV462" s="425"/>
      <c r="CW462" s="425"/>
      <c r="CX462" s="425"/>
      <c r="CY462" s="457"/>
      <c r="CZ462" s="457"/>
      <c r="DA462" s="457"/>
      <c r="DB462" s="457"/>
      <c r="DC462" s="425" t="s">
        <v>2190</v>
      </c>
      <c r="DD462" s="416"/>
      <c r="DE462" s="416"/>
      <c r="DF462" s="416" t="s">
        <v>2803</v>
      </c>
    </row>
    <row r="463" spans="3:110" ht="56.1" customHeight="1" x14ac:dyDescent="0.2">
      <c r="C463" s="412">
        <v>110</v>
      </c>
      <c r="D463" s="412" t="s">
        <v>2182</v>
      </c>
      <c r="E463" s="422" t="s">
        <v>1385</v>
      </c>
      <c r="F463" s="446" t="s">
        <v>655</v>
      </c>
      <c r="G463" s="416" t="s">
        <v>897</v>
      </c>
      <c r="H463" s="416" t="s">
        <v>2804</v>
      </c>
      <c r="I463" s="429" t="s">
        <v>2805</v>
      </c>
      <c r="J463" s="416" t="s">
        <v>2635</v>
      </c>
      <c r="K463" s="416" t="s">
        <v>2636</v>
      </c>
      <c r="L463" s="416" t="s">
        <v>63</v>
      </c>
      <c r="M463" s="416" t="s">
        <v>81</v>
      </c>
      <c r="N463" s="416" t="s">
        <v>2806</v>
      </c>
      <c r="O463" s="424" t="s">
        <v>2807</v>
      </c>
      <c r="P463" s="424" t="s">
        <v>63</v>
      </c>
      <c r="Q463" s="424" t="s">
        <v>63</v>
      </c>
      <c r="R463" s="457" t="s">
        <v>191</v>
      </c>
      <c r="S463" s="424" t="s">
        <v>191</v>
      </c>
      <c r="T463" s="425" t="s">
        <v>2808</v>
      </c>
      <c r="U463" s="425" t="s">
        <v>65</v>
      </c>
      <c r="V463" s="425"/>
      <c r="W463" s="425"/>
      <c r="X463" s="425"/>
      <c r="Y463" s="425"/>
      <c r="Z463" s="425"/>
      <c r="AA463" s="425"/>
      <c r="AB463" s="425"/>
      <c r="AC463" s="425"/>
      <c r="AD463" s="425"/>
      <c r="AE463" s="425"/>
      <c r="AF463" s="425"/>
      <c r="AG463" s="425"/>
      <c r="AH463" s="425"/>
      <c r="AI463" s="425"/>
      <c r="AJ463" s="425"/>
      <c r="AK463" s="425"/>
      <c r="AL463" s="425"/>
      <c r="AM463" s="425"/>
      <c r="AN463" s="425"/>
      <c r="AO463" s="425"/>
      <c r="AP463" s="425"/>
      <c r="AQ463" s="425"/>
      <c r="AR463" s="425"/>
      <c r="AS463" s="425"/>
      <c r="AT463" s="425"/>
      <c r="AU463" s="425"/>
      <c r="AV463" s="425"/>
      <c r="AW463" s="425"/>
      <c r="AX463" s="425"/>
      <c r="AY463" s="425"/>
      <c r="AZ463" s="425"/>
      <c r="BA463" s="425"/>
      <c r="BB463" s="425"/>
      <c r="BC463" s="425"/>
      <c r="BD463" s="425"/>
      <c r="BE463" s="425"/>
      <c r="BF463" s="425"/>
      <c r="BG463" s="425"/>
      <c r="BH463" s="425"/>
      <c r="BI463" s="425"/>
      <c r="BJ463" s="425"/>
      <c r="BK463" s="425"/>
      <c r="BL463" s="425"/>
      <c r="BM463" s="425"/>
      <c r="BN463" s="425"/>
      <c r="BO463" s="425"/>
      <c r="BP463" s="425"/>
      <c r="BQ463" s="425"/>
      <c r="BR463" s="425"/>
      <c r="BS463" s="425"/>
      <c r="BT463" s="425"/>
      <c r="BU463" s="425"/>
      <c r="BV463" s="425"/>
      <c r="BW463" s="425"/>
      <c r="BX463" s="425"/>
      <c r="BY463" s="425"/>
      <c r="BZ463" s="425"/>
      <c r="CA463" s="425"/>
      <c r="CB463" s="425"/>
      <c r="CC463" s="425"/>
      <c r="CD463" s="425"/>
      <c r="CE463" s="425"/>
      <c r="CF463" s="425"/>
      <c r="CG463" s="425"/>
      <c r="CH463" s="425"/>
      <c r="CI463" s="425" t="s">
        <v>2190</v>
      </c>
      <c r="CJ463" s="425"/>
      <c r="CK463" s="457"/>
      <c r="CL463" s="457"/>
      <c r="CM463" s="457"/>
      <c r="CN463" s="425" t="s">
        <v>2190</v>
      </c>
      <c r="CO463" s="457"/>
      <c r="CP463" s="457"/>
      <c r="CQ463" s="457"/>
      <c r="CR463" s="425"/>
      <c r="CS463" s="425"/>
      <c r="CT463" s="425" t="s">
        <v>2190</v>
      </c>
      <c r="CU463" s="425" t="s">
        <v>2190</v>
      </c>
      <c r="CV463" s="425"/>
      <c r="CW463" s="425"/>
      <c r="CX463" s="425"/>
      <c r="CY463" s="457"/>
      <c r="CZ463" s="457"/>
      <c r="DA463" s="457"/>
      <c r="DB463" s="457"/>
      <c r="DC463" s="457"/>
      <c r="DD463" s="416"/>
      <c r="DE463" s="416"/>
      <c r="DF463" s="416" t="s">
        <v>2809</v>
      </c>
    </row>
    <row r="464" spans="3:110" ht="56.1" customHeight="1" x14ac:dyDescent="0.2">
      <c r="C464" s="412">
        <v>111</v>
      </c>
      <c r="D464" s="412" t="s">
        <v>2182</v>
      </c>
      <c r="E464" s="422" t="s">
        <v>1385</v>
      </c>
      <c r="F464" s="446" t="s">
        <v>655</v>
      </c>
      <c r="G464" s="416" t="s">
        <v>2503</v>
      </c>
      <c r="H464" s="416" t="s">
        <v>2810</v>
      </c>
      <c r="I464" s="429" t="s">
        <v>2811</v>
      </c>
      <c r="J464" s="416" t="s">
        <v>2257</v>
      </c>
      <c r="K464" s="416" t="s">
        <v>2631</v>
      </c>
      <c r="L464" s="416" t="s">
        <v>2632</v>
      </c>
      <c r="M464" s="416" t="s">
        <v>60</v>
      </c>
      <c r="N464" s="416" t="s">
        <v>2399</v>
      </c>
      <c r="O464" s="424" t="s">
        <v>2671</v>
      </c>
      <c r="P464" s="424" t="s">
        <v>63</v>
      </c>
      <c r="Q464" s="424" t="s">
        <v>63</v>
      </c>
      <c r="R464" s="425" t="s">
        <v>191</v>
      </c>
      <c r="S464" s="425" t="s">
        <v>191</v>
      </c>
      <c r="T464" s="425" t="s">
        <v>2812</v>
      </c>
      <c r="U464" s="425" t="s">
        <v>65</v>
      </c>
      <c r="V464" s="425"/>
      <c r="W464" s="425"/>
      <c r="X464" s="425"/>
      <c r="Y464" s="425"/>
      <c r="Z464" s="425"/>
      <c r="AA464" s="425"/>
      <c r="AB464" s="425"/>
      <c r="AC464" s="425"/>
      <c r="AD464" s="425"/>
      <c r="AE464" s="425"/>
      <c r="AF464" s="425"/>
      <c r="AG464" s="425"/>
      <c r="AH464" s="425"/>
      <c r="AI464" s="425"/>
      <c r="AJ464" s="425"/>
      <c r="AK464" s="425"/>
      <c r="AL464" s="425"/>
      <c r="AM464" s="425"/>
      <c r="AN464" s="425"/>
      <c r="AO464" s="425"/>
      <c r="AP464" s="425"/>
      <c r="AQ464" s="425"/>
      <c r="AR464" s="425"/>
      <c r="AS464" s="425"/>
      <c r="AT464" s="425"/>
      <c r="AU464" s="425"/>
      <c r="AV464" s="425"/>
      <c r="AW464" s="425"/>
      <c r="AX464" s="425"/>
      <c r="AY464" s="425"/>
      <c r="AZ464" s="425"/>
      <c r="BA464" s="425"/>
      <c r="BB464" s="425"/>
      <c r="BC464" s="425"/>
      <c r="BD464" s="425"/>
      <c r="BE464" s="425"/>
      <c r="BF464" s="425"/>
      <c r="BG464" s="425"/>
      <c r="BH464" s="425"/>
      <c r="BI464" s="425"/>
      <c r="BJ464" s="425"/>
      <c r="BK464" s="425"/>
      <c r="BL464" s="425"/>
      <c r="BM464" s="425"/>
      <c r="BN464" s="425"/>
      <c r="BO464" s="425"/>
      <c r="BP464" s="425"/>
      <c r="BQ464" s="425"/>
      <c r="BR464" s="425"/>
      <c r="BS464" s="425"/>
      <c r="BT464" s="425"/>
      <c r="BU464" s="425"/>
      <c r="BV464" s="425"/>
      <c r="BW464" s="425"/>
      <c r="BX464" s="425"/>
      <c r="BY464" s="425"/>
      <c r="BZ464" s="425"/>
      <c r="CA464" s="425"/>
      <c r="CB464" s="425"/>
      <c r="CC464" s="425"/>
      <c r="CD464" s="425"/>
      <c r="CE464" s="425"/>
      <c r="CF464" s="425"/>
      <c r="CG464" s="425"/>
      <c r="CH464" s="425" t="s">
        <v>2190</v>
      </c>
      <c r="CI464" s="425"/>
      <c r="CJ464" s="425"/>
      <c r="CK464" s="457"/>
      <c r="CL464" s="457"/>
      <c r="CM464" s="457"/>
      <c r="CN464" s="457"/>
      <c r="CO464" s="457"/>
      <c r="CP464" s="457"/>
      <c r="CQ464" s="457"/>
      <c r="CR464" s="425"/>
      <c r="CS464" s="425"/>
      <c r="CT464" s="425"/>
      <c r="CU464" s="425"/>
      <c r="CV464" s="425"/>
      <c r="CW464" s="425"/>
      <c r="CX464" s="425"/>
      <c r="CY464" s="457"/>
      <c r="CZ464" s="457"/>
      <c r="DA464" s="457"/>
      <c r="DB464" s="457"/>
      <c r="DC464" s="425" t="s">
        <v>2190</v>
      </c>
      <c r="DD464" s="416"/>
      <c r="DE464" s="416"/>
      <c r="DF464" s="416" t="s">
        <v>2351</v>
      </c>
    </row>
    <row r="465" spans="3:110" ht="56.1" customHeight="1" x14ac:dyDescent="0.2">
      <c r="C465" s="412">
        <v>112</v>
      </c>
      <c r="D465" s="412" t="s">
        <v>2182</v>
      </c>
      <c r="E465" s="422" t="s">
        <v>1385</v>
      </c>
      <c r="F465" s="446" t="s">
        <v>655</v>
      </c>
      <c r="G465" s="416" t="s">
        <v>2503</v>
      </c>
      <c r="H465" s="416" t="s">
        <v>2813</v>
      </c>
      <c r="I465" s="429" t="s">
        <v>2785</v>
      </c>
      <c r="J465" s="416"/>
      <c r="K465" s="416"/>
      <c r="L465" s="416"/>
      <c r="M465" s="416"/>
      <c r="N465" s="416"/>
      <c r="O465" s="424"/>
      <c r="P465" s="448"/>
      <c r="Q465" s="424"/>
      <c r="R465" s="425"/>
      <c r="S465" s="425"/>
      <c r="T465" s="425"/>
      <c r="U465" s="425"/>
      <c r="V465" s="425"/>
      <c r="W465" s="425"/>
      <c r="X465" s="425"/>
      <c r="Y465" s="425"/>
      <c r="Z465" s="425"/>
      <c r="AA465" s="425"/>
      <c r="AB465" s="425"/>
      <c r="AC465" s="425"/>
      <c r="AD465" s="425"/>
      <c r="AE465" s="425"/>
      <c r="AF465" s="425"/>
      <c r="AG465" s="425"/>
      <c r="AH465" s="425"/>
      <c r="AI465" s="425"/>
      <c r="AJ465" s="425"/>
      <c r="AK465" s="425"/>
      <c r="AL465" s="425"/>
      <c r="AM465" s="425"/>
      <c r="AN465" s="425"/>
      <c r="AO465" s="425"/>
      <c r="AP465" s="425"/>
      <c r="AQ465" s="425"/>
      <c r="AR465" s="425"/>
      <c r="AS465" s="425"/>
      <c r="AT465" s="425"/>
      <c r="AU465" s="425"/>
      <c r="AV465" s="425"/>
      <c r="AW465" s="425"/>
      <c r="AX465" s="425"/>
      <c r="AY465" s="425"/>
      <c r="AZ465" s="425"/>
      <c r="BA465" s="425"/>
      <c r="BB465" s="425"/>
      <c r="BC465" s="425"/>
      <c r="BD465" s="425"/>
      <c r="BE465" s="425"/>
      <c r="BF465" s="425"/>
      <c r="BG465" s="425"/>
      <c r="BH465" s="425"/>
      <c r="BI465" s="425"/>
      <c r="BJ465" s="425"/>
      <c r="BK465" s="425"/>
      <c r="BL465" s="425"/>
      <c r="BM465" s="425"/>
      <c r="BN465" s="425"/>
      <c r="BO465" s="425"/>
      <c r="BP465" s="425"/>
      <c r="BQ465" s="425"/>
      <c r="BR465" s="425"/>
      <c r="BS465" s="425"/>
      <c r="BT465" s="425"/>
      <c r="BU465" s="425"/>
      <c r="BV465" s="425"/>
      <c r="BW465" s="425"/>
      <c r="BX465" s="425"/>
      <c r="BY465" s="425"/>
      <c r="BZ465" s="425"/>
      <c r="CA465" s="425"/>
      <c r="CB465" s="425"/>
      <c r="CC465" s="425"/>
      <c r="CD465" s="425"/>
      <c r="CE465" s="425"/>
      <c r="CF465" s="425"/>
      <c r="CG465" s="425"/>
      <c r="CH465" s="425"/>
      <c r="CI465" s="425"/>
      <c r="CJ465" s="425"/>
      <c r="CK465" s="457"/>
      <c r="CL465" s="457"/>
      <c r="CM465" s="457"/>
      <c r="CN465" s="457"/>
      <c r="CO465" s="457"/>
      <c r="CP465" s="457"/>
      <c r="CQ465" s="457"/>
      <c r="CR465" s="425"/>
      <c r="CS465" s="425"/>
      <c r="CT465" s="425"/>
      <c r="CU465" s="425"/>
      <c r="CV465" s="425"/>
      <c r="CW465" s="425"/>
      <c r="CX465" s="425"/>
      <c r="CY465" s="457"/>
      <c r="CZ465" s="457"/>
      <c r="DA465" s="457"/>
      <c r="DB465" s="457"/>
      <c r="DC465" s="457"/>
      <c r="DD465" s="416"/>
      <c r="DE465" s="416"/>
      <c r="DF465" s="416"/>
    </row>
    <row r="466" spans="3:110" ht="56.1" customHeight="1" x14ac:dyDescent="0.2">
      <c r="C466" s="412">
        <v>113</v>
      </c>
      <c r="D466" s="412" t="s">
        <v>2182</v>
      </c>
      <c r="E466" s="422" t="s">
        <v>1385</v>
      </c>
      <c r="F466" s="446" t="s">
        <v>655</v>
      </c>
      <c r="G466" s="416" t="s">
        <v>2503</v>
      </c>
      <c r="H466" s="416" t="s">
        <v>2814</v>
      </c>
      <c r="I466" s="429" t="s">
        <v>2815</v>
      </c>
      <c r="J466" s="416" t="s">
        <v>2635</v>
      </c>
      <c r="K466" s="416" t="s">
        <v>2636</v>
      </c>
      <c r="L466" s="416" t="s">
        <v>2637</v>
      </c>
      <c r="M466" s="416" t="s">
        <v>60</v>
      </c>
      <c r="N466" s="416" t="s">
        <v>2399</v>
      </c>
      <c r="O466" s="424" t="s">
        <v>2251</v>
      </c>
      <c r="P466" s="457">
        <v>0</v>
      </c>
      <c r="Q466" s="425">
        <v>500000</v>
      </c>
      <c r="R466" s="425">
        <v>250000</v>
      </c>
      <c r="S466" s="425">
        <v>250000</v>
      </c>
      <c r="T466" s="425" t="s">
        <v>2188</v>
      </c>
      <c r="U466" s="425" t="s">
        <v>65</v>
      </c>
      <c r="V466" s="425"/>
      <c r="W466" s="425"/>
      <c r="X466" s="425"/>
      <c r="Y466" s="425"/>
      <c r="Z466" s="425"/>
      <c r="AA466" s="425"/>
      <c r="AB466" s="425"/>
      <c r="AC466" s="425"/>
      <c r="AD466" s="425"/>
      <c r="AE466" s="425"/>
      <c r="AF466" s="425"/>
      <c r="AG466" s="425"/>
      <c r="AH466" s="425"/>
      <c r="AI466" s="425"/>
      <c r="AJ466" s="425"/>
      <c r="AK466" s="425"/>
      <c r="AL466" s="425"/>
      <c r="AM466" s="425"/>
      <c r="AN466" s="425"/>
      <c r="AO466" s="425"/>
      <c r="AP466" s="425"/>
      <c r="AQ466" s="425"/>
      <c r="AR466" s="425"/>
      <c r="AS466" s="425"/>
      <c r="AT466" s="425"/>
      <c r="AU466" s="425"/>
      <c r="AV466" s="425"/>
      <c r="AW466" s="425"/>
      <c r="AX466" s="425"/>
      <c r="AY466" s="425"/>
      <c r="AZ466" s="425"/>
      <c r="BA466" s="425"/>
      <c r="BB466" s="425"/>
      <c r="BC466" s="425"/>
      <c r="BD466" s="425"/>
      <c r="BE466" s="425"/>
      <c r="BF466" s="425"/>
      <c r="BG466" s="425"/>
      <c r="BH466" s="425"/>
      <c r="BI466" s="425"/>
      <c r="BJ466" s="425"/>
      <c r="BK466" s="425"/>
      <c r="BL466" s="425"/>
      <c r="BM466" s="425"/>
      <c r="BN466" s="425"/>
      <c r="BO466" s="425"/>
      <c r="BP466" s="425"/>
      <c r="BQ466" s="425"/>
      <c r="BR466" s="425"/>
      <c r="BS466" s="425"/>
      <c r="BT466" s="425"/>
      <c r="BU466" s="425"/>
      <c r="BV466" s="425"/>
      <c r="BW466" s="425"/>
      <c r="BX466" s="425"/>
      <c r="BY466" s="425"/>
      <c r="BZ466" s="425"/>
      <c r="CA466" s="425"/>
      <c r="CB466" s="425"/>
      <c r="CC466" s="425"/>
      <c r="CD466" s="425"/>
      <c r="CE466" s="425"/>
      <c r="CF466" s="425"/>
      <c r="CG466" s="425"/>
      <c r="CH466" s="425"/>
      <c r="CI466" s="425" t="s">
        <v>2190</v>
      </c>
      <c r="CJ466" s="425"/>
      <c r="CK466" s="457"/>
      <c r="CL466" s="457"/>
      <c r="CM466" s="457"/>
      <c r="CN466" s="425" t="s">
        <v>2190</v>
      </c>
      <c r="CO466" s="457"/>
      <c r="CP466" s="457"/>
      <c r="CQ466" s="457"/>
      <c r="CR466" s="425"/>
      <c r="CS466" s="425"/>
      <c r="CT466" s="425"/>
      <c r="CU466" s="425" t="s">
        <v>2190</v>
      </c>
      <c r="CV466" s="425"/>
      <c r="CW466" s="425"/>
      <c r="CX466" s="425"/>
      <c r="CY466" s="457"/>
      <c r="CZ466" s="457"/>
      <c r="DA466" s="457"/>
      <c r="DB466" s="457"/>
      <c r="DC466" s="457"/>
      <c r="DD466" s="416"/>
      <c r="DE466" s="416" t="s">
        <v>2359</v>
      </c>
      <c r="DF466" s="416" t="s">
        <v>2360</v>
      </c>
    </row>
    <row r="467" spans="3:110" ht="56.1" customHeight="1" x14ac:dyDescent="0.2">
      <c r="C467" s="412">
        <v>114</v>
      </c>
      <c r="D467" s="412" t="s">
        <v>2182</v>
      </c>
      <c r="E467" s="422" t="s">
        <v>1385</v>
      </c>
      <c r="F467" s="446" t="s">
        <v>655</v>
      </c>
      <c r="G467" s="416" t="s">
        <v>2503</v>
      </c>
      <c r="H467" s="416" t="s">
        <v>2816</v>
      </c>
      <c r="I467" s="429" t="s">
        <v>2817</v>
      </c>
      <c r="J467" s="416" t="s">
        <v>2257</v>
      </c>
      <c r="K467" s="416" t="s">
        <v>2631</v>
      </c>
      <c r="L467" s="416" t="s">
        <v>63</v>
      </c>
      <c r="M467" s="416" t="s">
        <v>81</v>
      </c>
      <c r="N467" s="416" t="s">
        <v>61</v>
      </c>
      <c r="O467" s="424" t="s">
        <v>2251</v>
      </c>
      <c r="P467" s="457">
        <v>0</v>
      </c>
      <c r="Q467" s="425">
        <v>500000</v>
      </c>
      <c r="R467" s="425">
        <v>250000</v>
      </c>
      <c r="S467" s="425">
        <v>250000</v>
      </c>
      <c r="T467" s="425" t="s">
        <v>2409</v>
      </c>
      <c r="U467" s="425" t="s">
        <v>2189</v>
      </c>
      <c r="V467" s="425"/>
      <c r="W467" s="425"/>
      <c r="X467" s="425"/>
      <c r="Y467" s="425"/>
      <c r="Z467" s="425"/>
      <c r="AA467" s="425"/>
      <c r="AB467" s="425"/>
      <c r="AC467" s="425"/>
      <c r="AD467" s="425"/>
      <c r="AE467" s="425"/>
      <c r="AF467" s="425"/>
      <c r="AG467" s="425"/>
      <c r="AH467" s="425"/>
      <c r="AI467" s="425"/>
      <c r="AJ467" s="425"/>
      <c r="AK467" s="425"/>
      <c r="AL467" s="425"/>
      <c r="AM467" s="425"/>
      <c r="AN467" s="425"/>
      <c r="AO467" s="425"/>
      <c r="AP467" s="425"/>
      <c r="AQ467" s="425"/>
      <c r="AR467" s="425"/>
      <c r="AS467" s="425"/>
      <c r="AT467" s="425"/>
      <c r="AU467" s="425"/>
      <c r="AV467" s="425"/>
      <c r="AW467" s="425"/>
      <c r="AX467" s="425"/>
      <c r="AY467" s="425"/>
      <c r="AZ467" s="425"/>
      <c r="BA467" s="425"/>
      <c r="BB467" s="425"/>
      <c r="BC467" s="425"/>
      <c r="BD467" s="425"/>
      <c r="BE467" s="425"/>
      <c r="BF467" s="425"/>
      <c r="BG467" s="425"/>
      <c r="BH467" s="425"/>
      <c r="BI467" s="425"/>
      <c r="BJ467" s="425"/>
      <c r="BK467" s="425"/>
      <c r="BL467" s="425"/>
      <c r="BM467" s="425"/>
      <c r="BN467" s="425"/>
      <c r="BO467" s="425"/>
      <c r="BP467" s="425"/>
      <c r="BQ467" s="425"/>
      <c r="BR467" s="425"/>
      <c r="BS467" s="425"/>
      <c r="BT467" s="425"/>
      <c r="BU467" s="425"/>
      <c r="BV467" s="425"/>
      <c r="BW467" s="425"/>
      <c r="BX467" s="425"/>
      <c r="BY467" s="425"/>
      <c r="BZ467" s="425"/>
      <c r="CA467" s="425"/>
      <c r="CB467" s="425"/>
      <c r="CC467" s="425"/>
      <c r="CD467" s="425"/>
      <c r="CE467" s="425"/>
      <c r="CF467" s="425"/>
      <c r="CG467" s="425"/>
      <c r="CH467" s="425" t="s">
        <v>2190</v>
      </c>
      <c r="CI467" s="425"/>
      <c r="CJ467" s="425"/>
      <c r="CK467" s="425" t="s">
        <v>2190</v>
      </c>
      <c r="CL467" s="425" t="s">
        <v>2190</v>
      </c>
      <c r="CM467" s="457"/>
      <c r="CN467" s="457"/>
      <c r="CO467" s="457"/>
      <c r="CP467" s="457"/>
      <c r="CQ467" s="457"/>
      <c r="CR467" s="425"/>
      <c r="CS467" s="425"/>
      <c r="CT467" s="425"/>
      <c r="CU467" s="425"/>
      <c r="CV467" s="425"/>
      <c r="CW467" s="425"/>
      <c r="CX467" s="425"/>
      <c r="CY467" s="457"/>
      <c r="CZ467" s="457"/>
      <c r="DA467" s="457"/>
      <c r="DB467" s="457"/>
      <c r="DC467" s="425" t="s">
        <v>2190</v>
      </c>
      <c r="DD467" s="416"/>
      <c r="DE467" s="416" t="s">
        <v>2359</v>
      </c>
      <c r="DF467" s="416" t="s">
        <v>2410</v>
      </c>
    </row>
    <row r="468" spans="3:110" ht="56.1" customHeight="1" x14ac:dyDescent="0.2">
      <c r="C468" s="412">
        <v>115</v>
      </c>
      <c r="D468" s="412" t="s">
        <v>2182</v>
      </c>
      <c r="E468" s="422" t="s">
        <v>1385</v>
      </c>
      <c r="F468" s="446" t="s">
        <v>655</v>
      </c>
      <c r="G468" s="416" t="s">
        <v>2503</v>
      </c>
      <c r="H468" s="416" t="s">
        <v>2818</v>
      </c>
      <c r="I468" s="429" t="s">
        <v>2819</v>
      </c>
      <c r="J468" s="416" t="s">
        <v>2257</v>
      </c>
      <c r="K468" s="416" t="s">
        <v>2631</v>
      </c>
      <c r="L468" s="416" t="s">
        <v>63</v>
      </c>
      <c r="M468" s="416" t="s">
        <v>81</v>
      </c>
      <c r="N468" s="416" t="s">
        <v>61</v>
      </c>
      <c r="O468" s="424" t="s">
        <v>2251</v>
      </c>
      <c r="P468" s="457">
        <v>5000000</v>
      </c>
      <c r="Q468" s="425">
        <v>10000000</v>
      </c>
      <c r="R468" s="425">
        <v>7500000</v>
      </c>
      <c r="S468" s="425">
        <v>7500000</v>
      </c>
      <c r="T468" s="425" t="s">
        <v>2409</v>
      </c>
      <c r="U468" s="425" t="s">
        <v>65</v>
      </c>
      <c r="V468" s="425"/>
      <c r="W468" s="425"/>
      <c r="X468" s="425"/>
      <c r="Y468" s="425"/>
      <c r="Z468" s="425"/>
      <c r="AA468" s="425"/>
      <c r="AB468" s="425"/>
      <c r="AC468" s="425"/>
      <c r="AD468" s="425"/>
      <c r="AE468" s="425"/>
      <c r="AF468" s="425"/>
      <c r="AG468" s="425"/>
      <c r="AH468" s="425"/>
      <c r="AI468" s="425"/>
      <c r="AJ468" s="425"/>
      <c r="AK468" s="425"/>
      <c r="AL468" s="425"/>
      <c r="AM468" s="425"/>
      <c r="AN468" s="425"/>
      <c r="AO468" s="425"/>
      <c r="AP468" s="425"/>
      <c r="AQ468" s="425"/>
      <c r="AR468" s="425"/>
      <c r="AS468" s="425"/>
      <c r="AT468" s="425"/>
      <c r="AU468" s="425"/>
      <c r="AV468" s="425"/>
      <c r="AW468" s="425"/>
      <c r="AX468" s="425"/>
      <c r="AY468" s="425"/>
      <c r="AZ468" s="425"/>
      <c r="BA468" s="425"/>
      <c r="BB468" s="425"/>
      <c r="BC468" s="425"/>
      <c r="BD468" s="425"/>
      <c r="BE468" s="425"/>
      <c r="BF468" s="425"/>
      <c r="BG468" s="425"/>
      <c r="BH468" s="425"/>
      <c r="BI468" s="425"/>
      <c r="BJ468" s="425"/>
      <c r="BK468" s="425"/>
      <c r="BL468" s="425"/>
      <c r="BM468" s="425"/>
      <c r="BN468" s="425"/>
      <c r="BO468" s="425"/>
      <c r="BP468" s="425"/>
      <c r="BQ468" s="425"/>
      <c r="BR468" s="425"/>
      <c r="BS468" s="425"/>
      <c r="BT468" s="425"/>
      <c r="BU468" s="425"/>
      <c r="BV468" s="425"/>
      <c r="BW468" s="425"/>
      <c r="BX468" s="425"/>
      <c r="BY468" s="425"/>
      <c r="BZ468" s="425"/>
      <c r="CA468" s="425"/>
      <c r="CB468" s="425"/>
      <c r="CC468" s="425"/>
      <c r="CD468" s="425"/>
      <c r="CE468" s="425"/>
      <c r="CF468" s="425"/>
      <c r="CG468" s="425"/>
      <c r="CH468" s="425" t="s">
        <v>2190</v>
      </c>
      <c r="CI468" s="425"/>
      <c r="CJ468" s="425"/>
      <c r="CK468" s="425" t="s">
        <v>2190</v>
      </c>
      <c r="CL468" s="425" t="s">
        <v>2190</v>
      </c>
      <c r="CM468" s="457"/>
      <c r="CN468" s="457"/>
      <c r="CO468" s="457"/>
      <c r="CP468" s="457"/>
      <c r="CQ468" s="457"/>
      <c r="CR468" s="425"/>
      <c r="CS468" s="425"/>
      <c r="CT468" s="425"/>
      <c r="CU468" s="425"/>
      <c r="CV468" s="425"/>
      <c r="CW468" s="425"/>
      <c r="CX468" s="425"/>
      <c r="CY468" s="457"/>
      <c r="CZ468" s="457"/>
      <c r="DA468" s="457"/>
      <c r="DB468" s="457"/>
      <c r="DC468" s="425" t="s">
        <v>2190</v>
      </c>
      <c r="DD468" s="416"/>
      <c r="DE468" s="416" t="s">
        <v>2359</v>
      </c>
      <c r="DF468" s="416" t="s">
        <v>2410</v>
      </c>
    </row>
    <row r="469" spans="3:110" ht="56.1" customHeight="1" x14ac:dyDescent="0.2">
      <c r="C469" s="412">
        <v>116</v>
      </c>
      <c r="D469" s="412" t="s">
        <v>2182</v>
      </c>
      <c r="E469" s="422" t="s">
        <v>1385</v>
      </c>
      <c r="F469" s="446" t="s">
        <v>655</v>
      </c>
      <c r="G469" s="416" t="s">
        <v>2503</v>
      </c>
      <c r="H469" s="416" t="s">
        <v>2820</v>
      </c>
      <c r="I469" s="429" t="s">
        <v>2821</v>
      </c>
      <c r="J469" s="416" t="s">
        <v>2257</v>
      </c>
      <c r="K469" s="416" t="s">
        <v>2631</v>
      </c>
      <c r="L469" s="416" t="s">
        <v>63</v>
      </c>
      <c r="M469" s="416" t="s">
        <v>81</v>
      </c>
      <c r="N469" s="416" t="s">
        <v>61</v>
      </c>
      <c r="O469" s="424" t="s">
        <v>2251</v>
      </c>
      <c r="P469" s="457">
        <v>1000000</v>
      </c>
      <c r="Q469" s="425">
        <v>2500000</v>
      </c>
      <c r="R469" s="425">
        <v>1750000</v>
      </c>
      <c r="S469" s="425">
        <v>1750000</v>
      </c>
      <c r="T469" s="425" t="s">
        <v>2812</v>
      </c>
      <c r="U469" s="425" t="s">
        <v>2189</v>
      </c>
      <c r="V469" s="425"/>
      <c r="W469" s="425"/>
      <c r="X469" s="425"/>
      <c r="Y469" s="425"/>
      <c r="Z469" s="425"/>
      <c r="AA469" s="425"/>
      <c r="AB469" s="425"/>
      <c r="AC469" s="425"/>
      <c r="AD469" s="425"/>
      <c r="AE469" s="425"/>
      <c r="AF469" s="425"/>
      <c r="AG469" s="425"/>
      <c r="AH469" s="425"/>
      <c r="AI469" s="425"/>
      <c r="AJ469" s="425"/>
      <c r="AK469" s="425"/>
      <c r="AL469" s="425"/>
      <c r="AM469" s="425"/>
      <c r="AN469" s="425"/>
      <c r="AO469" s="425"/>
      <c r="AP469" s="425"/>
      <c r="AQ469" s="425"/>
      <c r="AR469" s="425"/>
      <c r="AS469" s="425"/>
      <c r="AT469" s="425"/>
      <c r="AU469" s="425"/>
      <c r="AV469" s="425"/>
      <c r="AW469" s="425"/>
      <c r="AX469" s="425"/>
      <c r="AY469" s="425"/>
      <c r="AZ469" s="425"/>
      <c r="BA469" s="425"/>
      <c r="BB469" s="425"/>
      <c r="BC469" s="425"/>
      <c r="BD469" s="425"/>
      <c r="BE469" s="425"/>
      <c r="BF469" s="425"/>
      <c r="BG469" s="425"/>
      <c r="BH469" s="425"/>
      <c r="BI469" s="425"/>
      <c r="BJ469" s="425"/>
      <c r="BK469" s="425"/>
      <c r="BL469" s="425"/>
      <c r="BM469" s="425"/>
      <c r="BN469" s="425"/>
      <c r="BO469" s="425"/>
      <c r="BP469" s="425"/>
      <c r="BQ469" s="425"/>
      <c r="BR469" s="425"/>
      <c r="BS469" s="425"/>
      <c r="BT469" s="425"/>
      <c r="BU469" s="425"/>
      <c r="BV469" s="425"/>
      <c r="BW469" s="425"/>
      <c r="BX469" s="425"/>
      <c r="BY469" s="425"/>
      <c r="BZ469" s="425"/>
      <c r="CA469" s="425"/>
      <c r="CB469" s="425"/>
      <c r="CC469" s="425"/>
      <c r="CD469" s="425"/>
      <c r="CE469" s="425"/>
      <c r="CF469" s="425"/>
      <c r="CG469" s="425"/>
      <c r="CH469" s="425" t="s">
        <v>2190</v>
      </c>
      <c r="CI469" s="425"/>
      <c r="CJ469" s="425"/>
      <c r="CK469" s="425" t="s">
        <v>2190</v>
      </c>
      <c r="CL469" s="425" t="s">
        <v>2190</v>
      </c>
      <c r="CM469" s="457"/>
      <c r="CN469" s="457"/>
      <c r="CO469" s="457"/>
      <c r="CP469" s="457"/>
      <c r="CQ469" s="457"/>
      <c r="CR469" s="425"/>
      <c r="CS469" s="425"/>
      <c r="CT469" s="425"/>
      <c r="CU469" s="425"/>
      <c r="CV469" s="425"/>
      <c r="CW469" s="425"/>
      <c r="CX469" s="425"/>
      <c r="CY469" s="457"/>
      <c r="CZ469" s="457"/>
      <c r="DA469" s="457"/>
      <c r="DB469" s="457"/>
      <c r="DC469" s="425" t="s">
        <v>2190</v>
      </c>
      <c r="DD469" s="416"/>
      <c r="DE469" s="416" t="s">
        <v>2359</v>
      </c>
      <c r="DF469" s="416" t="s">
        <v>2410</v>
      </c>
    </row>
    <row r="470" spans="3:110" ht="56.1" customHeight="1" x14ac:dyDescent="0.2">
      <c r="C470" s="412">
        <v>117</v>
      </c>
      <c r="D470" s="412" t="s">
        <v>2182</v>
      </c>
      <c r="E470" s="422" t="s">
        <v>1385</v>
      </c>
      <c r="F470" s="446" t="s">
        <v>655</v>
      </c>
      <c r="G470" s="416" t="s">
        <v>2503</v>
      </c>
      <c r="H470" s="416" t="s">
        <v>2822</v>
      </c>
      <c r="I470" s="429" t="s">
        <v>2823</v>
      </c>
      <c r="J470" s="416" t="s">
        <v>2257</v>
      </c>
      <c r="K470" s="416" t="s">
        <v>2631</v>
      </c>
      <c r="L470" s="416" t="s">
        <v>63</v>
      </c>
      <c r="M470" s="416" t="s">
        <v>81</v>
      </c>
      <c r="N470" s="416" t="s">
        <v>61</v>
      </c>
      <c r="O470" s="424" t="s">
        <v>2251</v>
      </c>
      <c r="P470" s="457">
        <v>0</v>
      </c>
      <c r="Q470" s="425">
        <v>500000</v>
      </c>
      <c r="R470" s="425">
        <v>250000</v>
      </c>
      <c r="S470" s="425">
        <v>250000</v>
      </c>
      <c r="T470" s="425" t="s">
        <v>2812</v>
      </c>
      <c r="U470" s="425" t="s">
        <v>2189</v>
      </c>
      <c r="V470" s="425"/>
      <c r="W470" s="425"/>
      <c r="X470" s="425"/>
      <c r="Y470" s="425"/>
      <c r="Z470" s="425"/>
      <c r="AA470" s="425"/>
      <c r="AB470" s="425"/>
      <c r="AC470" s="425"/>
      <c r="AD470" s="425"/>
      <c r="AE470" s="425"/>
      <c r="AF470" s="425"/>
      <c r="AG470" s="425"/>
      <c r="AH470" s="425"/>
      <c r="AI470" s="425"/>
      <c r="AJ470" s="425"/>
      <c r="AK470" s="425"/>
      <c r="AL470" s="425"/>
      <c r="AM470" s="425"/>
      <c r="AN470" s="425"/>
      <c r="AO470" s="425"/>
      <c r="AP470" s="425"/>
      <c r="AQ470" s="425"/>
      <c r="AR470" s="425"/>
      <c r="AS470" s="425"/>
      <c r="AT470" s="425"/>
      <c r="AU470" s="425"/>
      <c r="AV470" s="425"/>
      <c r="AW470" s="425"/>
      <c r="AX470" s="425"/>
      <c r="AY470" s="425"/>
      <c r="AZ470" s="425"/>
      <c r="BA470" s="425"/>
      <c r="BB470" s="425"/>
      <c r="BC470" s="425"/>
      <c r="BD470" s="425"/>
      <c r="BE470" s="425"/>
      <c r="BF470" s="425"/>
      <c r="BG470" s="425"/>
      <c r="BH470" s="425"/>
      <c r="BI470" s="425"/>
      <c r="BJ470" s="425"/>
      <c r="BK470" s="425"/>
      <c r="BL470" s="425"/>
      <c r="BM470" s="425"/>
      <c r="BN470" s="425"/>
      <c r="BO470" s="425"/>
      <c r="BP470" s="425"/>
      <c r="BQ470" s="425"/>
      <c r="BR470" s="425"/>
      <c r="BS470" s="425"/>
      <c r="BT470" s="425"/>
      <c r="BU470" s="425"/>
      <c r="BV470" s="425"/>
      <c r="BW470" s="425"/>
      <c r="BX470" s="425"/>
      <c r="BY470" s="425"/>
      <c r="BZ470" s="425"/>
      <c r="CA470" s="425"/>
      <c r="CB470" s="425"/>
      <c r="CC470" s="425"/>
      <c r="CD470" s="425"/>
      <c r="CE470" s="425"/>
      <c r="CF470" s="425"/>
      <c r="CG470" s="425"/>
      <c r="CH470" s="425" t="s">
        <v>2190</v>
      </c>
      <c r="CI470" s="425"/>
      <c r="CJ470" s="425"/>
      <c r="CK470" s="425" t="s">
        <v>2190</v>
      </c>
      <c r="CL470" s="425" t="s">
        <v>2190</v>
      </c>
      <c r="CM470" s="457"/>
      <c r="CN470" s="457"/>
      <c r="CO470" s="457"/>
      <c r="CP470" s="457"/>
      <c r="CQ470" s="457"/>
      <c r="CR470" s="425"/>
      <c r="CS470" s="425"/>
      <c r="CT470" s="425"/>
      <c r="CU470" s="425"/>
      <c r="CV470" s="425"/>
      <c r="CW470" s="425"/>
      <c r="CX470" s="425"/>
      <c r="CY470" s="457"/>
      <c r="CZ470" s="457"/>
      <c r="DA470" s="457"/>
      <c r="DB470" s="457"/>
      <c r="DC470" s="425" t="s">
        <v>2190</v>
      </c>
      <c r="DD470" s="416"/>
      <c r="DE470" s="416" t="s">
        <v>2359</v>
      </c>
      <c r="DF470" s="416" t="s">
        <v>2410</v>
      </c>
    </row>
    <row r="471" spans="3:110" ht="56.1" customHeight="1" x14ac:dyDescent="0.2">
      <c r="C471" s="412">
        <v>118</v>
      </c>
      <c r="D471" s="412" t="s">
        <v>2182</v>
      </c>
      <c r="E471" s="422" t="s">
        <v>1385</v>
      </c>
      <c r="F471" s="446" t="s">
        <v>655</v>
      </c>
      <c r="G471" s="416" t="s">
        <v>2503</v>
      </c>
      <c r="H471" s="416" t="s">
        <v>2824</v>
      </c>
      <c r="I471" s="429" t="s">
        <v>2825</v>
      </c>
      <c r="J471" s="416" t="s">
        <v>2257</v>
      </c>
      <c r="K471" s="416" t="s">
        <v>2631</v>
      </c>
      <c r="L471" s="416" t="s">
        <v>63</v>
      </c>
      <c r="M471" s="416" t="s">
        <v>81</v>
      </c>
      <c r="N471" s="416" t="s">
        <v>61</v>
      </c>
      <c r="O471" s="424" t="s">
        <v>2251</v>
      </c>
      <c r="P471" s="457">
        <v>0</v>
      </c>
      <c r="Q471" s="425">
        <v>500000</v>
      </c>
      <c r="R471" s="425">
        <v>250000</v>
      </c>
      <c r="S471" s="425">
        <v>250000</v>
      </c>
      <c r="T471" s="425" t="s">
        <v>2812</v>
      </c>
      <c r="U471" s="425" t="s">
        <v>2189</v>
      </c>
      <c r="V471" s="425"/>
      <c r="W471" s="425"/>
      <c r="X471" s="425"/>
      <c r="Y471" s="425"/>
      <c r="Z471" s="425"/>
      <c r="AA471" s="425"/>
      <c r="AB471" s="425"/>
      <c r="AC471" s="425"/>
      <c r="AD471" s="425"/>
      <c r="AE471" s="425"/>
      <c r="AF471" s="425"/>
      <c r="AG471" s="425"/>
      <c r="AH471" s="425"/>
      <c r="AI471" s="425"/>
      <c r="AJ471" s="425"/>
      <c r="AK471" s="425"/>
      <c r="AL471" s="425"/>
      <c r="AM471" s="425"/>
      <c r="AN471" s="425"/>
      <c r="AO471" s="425"/>
      <c r="AP471" s="425"/>
      <c r="AQ471" s="425"/>
      <c r="AR471" s="425"/>
      <c r="AS471" s="425"/>
      <c r="AT471" s="425"/>
      <c r="AU471" s="425"/>
      <c r="AV471" s="425"/>
      <c r="AW471" s="425"/>
      <c r="AX471" s="425"/>
      <c r="AY471" s="425"/>
      <c r="AZ471" s="425"/>
      <c r="BA471" s="425"/>
      <c r="BB471" s="425"/>
      <c r="BC471" s="425"/>
      <c r="BD471" s="425"/>
      <c r="BE471" s="425"/>
      <c r="BF471" s="425"/>
      <c r="BG471" s="425"/>
      <c r="BH471" s="425"/>
      <c r="BI471" s="425"/>
      <c r="BJ471" s="425"/>
      <c r="BK471" s="425"/>
      <c r="BL471" s="425"/>
      <c r="BM471" s="425"/>
      <c r="BN471" s="425"/>
      <c r="BO471" s="425"/>
      <c r="BP471" s="425"/>
      <c r="BQ471" s="425"/>
      <c r="BR471" s="425"/>
      <c r="BS471" s="425"/>
      <c r="BT471" s="425"/>
      <c r="BU471" s="425"/>
      <c r="BV471" s="425"/>
      <c r="BW471" s="425"/>
      <c r="BX471" s="425"/>
      <c r="BY471" s="425"/>
      <c r="BZ471" s="425"/>
      <c r="CA471" s="425"/>
      <c r="CB471" s="425"/>
      <c r="CC471" s="425"/>
      <c r="CD471" s="425"/>
      <c r="CE471" s="425"/>
      <c r="CF471" s="425"/>
      <c r="CG471" s="425"/>
      <c r="CH471" s="425" t="s">
        <v>2190</v>
      </c>
      <c r="CI471" s="425"/>
      <c r="CJ471" s="425"/>
      <c r="CK471" s="425" t="s">
        <v>2190</v>
      </c>
      <c r="CL471" s="425" t="s">
        <v>2190</v>
      </c>
      <c r="CM471" s="457"/>
      <c r="CN471" s="457"/>
      <c r="CO471" s="457"/>
      <c r="CP471" s="457"/>
      <c r="CQ471" s="457"/>
      <c r="CR471" s="425"/>
      <c r="CS471" s="425"/>
      <c r="CT471" s="425"/>
      <c r="CU471" s="425"/>
      <c r="CV471" s="425"/>
      <c r="CW471" s="425"/>
      <c r="CX471" s="425"/>
      <c r="CY471" s="457"/>
      <c r="CZ471" s="457"/>
      <c r="DA471" s="457"/>
      <c r="DB471" s="457"/>
      <c r="DC471" s="425" t="s">
        <v>2190</v>
      </c>
      <c r="DD471" s="416"/>
      <c r="DE471" s="416" t="s">
        <v>2359</v>
      </c>
      <c r="DF471" s="416" t="s">
        <v>2410</v>
      </c>
    </row>
    <row r="472" spans="3:110" ht="56.1" customHeight="1" x14ac:dyDescent="0.2">
      <c r="C472" s="412">
        <v>119</v>
      </c>
      <c r="D472" s="412" t="s">
        <v>2182</v>
      </c>
      <c r="E472" s="422" t="s">
        <v>1385</v>
      </c>
      <c r="F472" s="446" t="s">
        <v>655</v>
      </c>
      <c r="G472" s="416" t="s">
        <v>2503</v>
      </c>
      <c r="H472" s="416" t="s">
        <v>2826</v>
      </c>
      <c r="I472" s="429" t="s">
        <v>2827</v>
      </c>
      <c r="J472" s="416" t="s">
        <v>2257</v>
      </c>
      <c r="K472" s="416" t="s">
        <v>2631</v>
      </c>
      <c r="L472" s="416" t="s">
        <v>63</v>
      </c>
      <c r="M472" s="416" t="s">
        <v>81</v>
      </c>
      <c r="N472" s="416" t="s">
        <v>61</v>
      </c>
      <c r="O472" s="424" t="s">
        <v>2251</v>
      </c>
      <c r="P472" s="457">
        <v>500000</v>
      </c>
      <c r="Q472" s="425">
        <v>1000000</v>
      </c>
      <c r="R472" s="425">
        <v>750000</v>
      </c>
      <c r="S472" s="425">
        <v>750000</v>
      </c>
      <c r="T472" s="425" t="s">
        <v>2409</v>
      </c>
      <c r="U472" s="425" t="s">
        <v>65</v>
      </c>
      <c r="V472" s="425"/>
      <c r="W472" s="425"/>
      <c r="X472" s="425"/>
      <c r="Y472" s="425"/>
      <c r="Z472" s="425"/>
      <c r="AA472" s="425"/>
      <c r="AB472" s="425"/>
      <c r="AC472" s="425"/>
      <c r="AD472" s="425"/>
      <c r="AE472" s="425"/>
      <c r="AF472" s="425"/>
      <c r="AG472" s="425"/>
      <c r="AH472" s="425"/>
      <c r="AI472" s="425"/>
      <c r="AJ472" s="425"/>
      <c r="AK472" s="425"/>
      <c r="AL472" s="425"/>
      <c r="AM472" s="425"/>
      <c r="AN472" s="425"/>
      <c r="AO472" s="425"/>
      <c r="AP472" s="425"/>
      <c r="AQ472" s="425"/>
      <c r="AR472" s="425"/>
      <c r="AS472" s="425"/>
      <c r="AT472" s="425"/>
      <c r="AU472" s="425"/>
      <c r="AV472" s="425"/>
      <c r="AW472" s="425"/>
      <c r="AX472" s="425"/>
      <c r="AY472" s="425"/>
      <c r="AZ472" s="425"/>
      <c r="BA472" s="425"/>
      <c r="BB472" s="425"/>
      <c r="BC472" s="425"/>
      <c r="BD472" s="425"/>
      <c r="BE472" s="425"/>
      <c r="BF472" s="425"/>
      <c r="BG472" s="425"/>
      <c r="BH472" s="425"/>
      <c r="BI472" s="425"/>
      <c r="BJ472" s="425"/>
      <c r="BK472" s="425"/>
      <c r="BL472" s="425"/>
      <c r="BM472" s="425"/>
      <c r="BN472" s="425"/>
      <c r="BO472" s="425"/>
      <c r="BP472" s="425"/>
      <c r="BQ472" s="425"/>
      <c r="BR472" s="425"/>
      <c r="BS472" s="425"/>
      <c r="BT472" s="425"/>
      <c r="BU472" s="425"/>
      <c r="BV472" s="425"/>
      <c r="BW472" s="425"/>
      <c r="BX472" s="425"/>
      <c r="BY472" s="425"/>
      <c r="BZ472" s="425"/>
      <c r="CA472" s="425"/>
      <c r="CB472" s="425"/>
      <c r="CC472" s="425"/>
      <c r="CD472" s="425"/>
      <c r="CE472" s="425"/>
      <c r="CF472" s="425"/>
      <c r="CG472" s="425"/>
      <c r="CH472" s="425" t="s">
        <v>2190</v>
      </c>
      <c r="CI472" s="425"/>
      <c r="CJ472" s="425"/>
      <c r="CK472" s="425" t="s">
        <v>2190</v>
      </c>
      <c r="CL472" s="425" t="s">
        <v>2190</v>
      </c>
      <c r="CM472" s="457"/>
      <c r="CN472" s="457"/>
      <c r="CO472" s="457"/>
      <c r="CP472" s="457"/>
      <c r="CQ472" s="457"/>
      <c r="CR472" s="425"/>
      <c r="CS472" s="425"/>
      <c r="CT472" s="425"/>
      <c r="CU472" s="425"/>
      <c r="CV472" s="425"/>
      <c r="CW472" s="425"/>
      <c r="CX472" s="425"/>
      <c r="CY472" s="457"/>
      <c r="CZ472" s="457"/>
      <c r="DA472" s="457"/>
      <c r="DB472" s="457"/>
      <c r="DC472" s="425" t="s">
        <v>2190</v>
      </c>
      <c r="DD472" s="416"/>
      <c r="DE472" s="416" t="s">
        <v>2359</v>
      </c>
      <c r="DF472" s="416" t="s">
        <v>2410</v>
      </c>
    </row>
    <row r="473" spans="3:110" ht="56.1" customHeight="1" x14ac:dyDescent="0.2">
      <c r="C473" s="412">
        <v>120</v>
      </c>
      <c r="D473" s="412" t="s">
        <v>2182</v>
      </c>
      <c r="E473" s="422" t="s">
        <v>1385</v>
      </c>
      <c r="F473" s="446" t="s">
        <v>655</v>
      </c>
      <c r="G473" s="416" t="s">
        <v>2503</v>
      </c>
      <c r="H473" s="416" t="s">
        <v>2828</v>
      </c>
      <c r="I473" s="429" t="s">
        <v>2829</v>
      </c>
      <c r="J473" s="416" t="s">
        <v>2257</v>
      </c>
      <c r="K473" s="416" t="s">
        <v>2631</v>
      </c>
      <c r="L473" s="416" t="s">
        <v>63</v>
      </c>
      <c r="M473" s="416" t="s">
        <v>81</v>
      </c>
      <c r="N473" s="416" t="s">
        <v>2830</v>
      </c>
      <c r="O473" s="424" t="s">
        <v>2251</v>
      </c>
      <c r="P473" s="457">
        <v>0</v>
      </c>
      <c r="Q473" s="425">
        <v>500000</v>
      </c>
      <c r="R473" s="425">
        <v>250000</v>
      </c>
      <c r="S473" s="425">
        <v>250000</v>
      </c>
      <c r="T473" s="425" t="s">
        <v>2802</v>
      </c>
      <c r="U473" s="425" t="s">
        <v>65</v>
      </c>
      <c r="V473" s="425"/>
      <c r="W473" s="425"/>
      <c r="X473" s="425"/>
      <c r="Y473" s="425"/>
      <c r="Z473" s="425"/>
      <c r="AA473" s="425"/>
      <c r="AB473" s="425"/>
      <c r="AC473" s="425"/>
      <c r="AD473" s="425"/>
      <c r="AE473" s="425"/>
      <c r="AF473" s="425"/>
      <c r="AG473" s="425"/>
      <c r="AH473" s="425"/>
      <c r="AI473" s="425"/>
      <c r="AJ473" s="425"/>
      <c r="AK473" s="425"/>
      <c r="AL473" s="425"/>
      <c r="AM473" s="425"/>
      <c r="AN473" s="425"/>
      <c r="AO473" s="425"/>
      <c r="AP473" s="425"/>
      <c r="AQ473" s="425"/>
      <c r="AR473" s="425"/>
      <c r="AS473" s="425"/>
      <c r="AT473" s="425"/>
      <c r="AU473" s="425"/>
      <c r="AV473" s="425"/>
      <c r="AW473" s="425"/>
      <c r="AX473" s="425"/>
      <c r="AY473" s="425"/>
      <c r="AZ473" s="425"/>
      <c r="BA473" s="425"/>
      <c r="BB473" s="425"/>
      <c r="BC473" s="425"/>
      <c r="BD473" s="425"/>
      <c r="BE473" s="425"/>
      <c r="BF473" s="425"/>
      <c r="BG473" s="425"/>
      <c r="BH473" s="425"/>
      <c r="BI473" s="425"/>
      <c r="BJ473" s="425"/>
      <c r="BK473" s="425"/>
      <c r="BL473" s="425"/>
      <c r="BM473" s="425"/>
      <c r="BN473" s="425"/>
      <c r="BO473" s="425"/>
      <c r="BP473" s="425"/>
      <c r="BQ473" s="425"/>
      <c r="BR473" s="425"/>
      <c r="BS473" s="425"/>
      <c r="BT473" s="425"/>
      <c r="BU473" s="425"/>
      <c r="BV473" s="425"/>
      <c r="BW473" s="425"/>
      <c r="BX473" s="425"/>
      <c r="BY473" s="425"/>
      <c r="BZ473" s="425"/>
      <c r="CA473" s="425"/>
      <c r="CB473" s="425"/>
      <c r="CC473" s="425"/>
      <c r="CD473" s="425"/>
      <c r="CE473" s="425"/>
      <c r="CF473" s="425"/>
      <c r="CG473" s="425"/>
      <c r="CH473" s="425" t="s">
        <v>2190</v>
      </c>
      <c r="CI473" s="425"/>
      <c r="CJ473" s="425"/>
      <c r="CK473" s="425" t="s">
        <v>2190</v>
      </c>
      <c r="CL473" s="425" t="s">
        <v>2190</v>
      </c>
      <c r="CM473" s="457"/>
      <c r="CN473" s="457"/>
      <c r="CO473" s="457"/>
      <c r="CP473" s="457"/>
      <c r="CQ473" s="457"/>
      <c r="CR473" s="425"/>
      <c r="CS473" s="425"/>
      <c r="CT473" s="425"/>
      <c r="CU473" s="425"/>
      <c r="CV473" s="425"/>
      <c r="CW473" s="425"/>
      <c r="CX473" s="425"/>
      <c r="CY473" s="457"/>
      <c r="CZ473" s="457"/>
      <c r="DA473" s="457"/>
      <c r="DB473" s="457"/>
      <c r="DC473" s="425" t="s">
        <v>2190</v>
      </c>
      <c r="DD473" s="416"/>
      <c r="DE473" s="416" t="s">
        <v>2359</v>
      </c>
      <c r="DF473" s="416" t="s">
        <v>2410</v>
      </c>
    </row>
    <row r="474" spans="3:110" ht="56.1" customHeight="1" x14ac:dyDescent="0.2">
      <c r="C474" s="412">
        <v>121</v>
      </c>
      <c r="D474" s="412" t="s">
        <v>2182</v>
      </c>
      <c r="E474" s="422" t="s">
        <v>1385</v>
      </c>
      <c r="F474" s="446" t="s">
        <v>655</v>
      </c>
      <c r="G474" s="416" t="s">
        <v>2504</v>
      </c>
      <c r="H474" s="416" t="s">
        <v>2831</v>
      </c>
      <c r="I474" s="429" t="s">
        <v>2832</v>
      </c>
      <c r="J474" s="416" t="s">
        <v>2257</v>
      </c>
      <c r="K474" s="416" t="s">
        <v>2631</v>
      </c>
      <c r="L474" s="416" t="s">
        <v>63</v>
      </c>
      <c r="M474" s="416" t="s">
        <v>81</v>
      </c>
      <c r="N474" s="416" t="s">
        <v>2830</v>
      </c>
      <c r="O474" s="424" t="s">
        <v>2251</v>
      </c>
      <c r="P474" s="457">
        <v>500000</v>
      </c>
      <c r="Q474" s="425">
        <v>1000000</v>
      </c>
      <c r="R474" s="425">
        <v>750000</v>
      </c>
      <c r="S474" s="425">
        <v>750000</v>
      </c>
      <c r="T474" s="425" t="s">
        <v>2802</v>
      </c>
      <c r="U474" s="425" t="s">
        <v>2189</v>
      </c>
      <c r="V474" s="425"/>
      <c r="W474" s="425"/>
      <c r="X474" s="425"/>
      <c r="Y474" s="425"/>
      <c r="Z474" s="425"/>
      <c r="AA474" s="425"/>
      <c r="AB474" s="425"/>
      <c r="AC474" s="425"/>
      <c r="AD474" s="425"/>
      <c r="AE474" s="425"/>
      <c r="AF474" s="425"/>
      <c r="AG474" s="425"/>
      <c r="AH474" s="425"/>
      <c r="AI474" s="425"/>
      <c r="AJ474" s="425"/>
      <c r="AK474" s="425"/>
      <c r="AL474" s="425"/>
      <c r="AM474" s="425"/>
      <c r="AN474" s="425"/>
      <c r="AO474" s="425"/>
      <c r="AP474" s="425"/>
      <c r="AQ474" s="425"/>
      <c r="AR474" s="425"/>
      <c r="AS474" s="425"/>
      <c r="AT474" s="425"/>
      <c r="AU474" s="425"/>
      <c r="AV474" s="425"/>
      <c r="AW474" s="425"/>
      <c r="AX474" s="425"/>
      <c r="AY474" s="425"/>
      <c r="AZ474" s="425"/>
      <c r="BA474" s="425"/>
      <c r="BB474" s="425"/>
      <c r="BC474" s="425"/>
      <c r="BD474" s="425"/>
      <c r="BE474" s="425"/>
      <c r="BF474" s="425"/>
      <c r="BG474" s="425"/>
      <c r="BH474" s="425"/>
      <c r="BI474" s="425"/>
      <c r="BJ474" s="425"/>
      <c r="BK474" s="425"/>
      <c r="BL474" s="425"/>
      <c r="BM474" s="425"/>
      <c r="BN474" s="425"/>
      <c r="BO474" s="425"/>
      <c r="BP474" s="425"/>
      <c r="BQ474" s="425"/>
      <c r="BR474" s="425"/>
      <c r="BS474" s="425"/>
      <c r="BT474" s="425"/>
      <c r="BU474" s="425"/>
      <c r="BV474" s="425"/>
      <c r="BW474" s="425"/>
      <c r="BX474" s="425"/>
      <c r="BY474" s="425"/>
      <c r="BZ474" s="425"/>
      <c r="CA474" s="425"/>
      <c r="CB474" s="425"/>
      <c r="CC474" s="425"/>
      <c r="CD474" s="425"/>
      <c r="CE474" s="425"/>
      <c r="CF474" s="425"/>
      <c r="CG474" s="425"/>
      <c r="CH474" s="425" t="s">
        <v>2190</v>
      </c>
      <c r="CI474" s="425"/>
      <c r="CJ474" s="425"/>
      <c r="CK474" s="425" t="s">
        <v>2190</v>
      </c>
      <c r="CL474" s="425" t="s">
        <v>2190</v>
      </c>
      <c r="CM474" s="457"/>
      <c r="CN474" s="457"/>
      <c r="CO474" s="457"/>
      <c r="CP474" s="457"/>
      <c r="CQ474" s="457"/>
      <c r="CR474" s="425"/>
      <c r="CS474" s="425"/>
      <c r="CT474" s="425"/>
      <c r="CU474" s="425"/>
      <c r="CV474" s="425"/>
      <c r="CW474" s="425"/>
      <c r="CX474" s="425"/>
      <c r="CY474" s="457"/>
      <c r="CZ474" s="457"/>
      <c r="DA474" s="457"/>
      <c r="DB474" s="457"/>
      <c r="DC474" s="425" t="s">
        <v>2190</v>
      </c>
      <c r="DD474" s="416"/>
      <c r="DE474" s="416" t="s">
        <v>2359</v>
      </c>
      <c r="DF474" s="416" t="s">
        <v>2410</v>
      </c>
    </row>
    <row r="475" spans="3:110" ht="56.1" customHeight="1" x14ac:dyDescent="0.2">
      <c r="C475" s="412">
        <v>122</v>
      </c>
      <c r="D475" s="412" t="s">
        <v>2182</v>
      </c>
      <c r="E475" s="422" t="s">
        <v>1385</v>
      </c>
      <c r="F475" s="446" t="s">
        <v>655</v>
      </c>
      <c r="G475" s="416" t="s">
        <v>2503</v>
      </c>
      <c r="H475" s="416" t="s">
        <v>2833</v>
      </c>
      <c r="I475" s="429" t="s">
        <v>2834</v>
      </c>
      <c r="J475" s="416" t="s">
        <v>2257</v>
      </c>
      <c r="K475" s="416" t="s">
        <v>2631</v>
      </c>
      <c r="L475" s="416" t="s">
        <v>63</v>
      </c>
      <c r="M475" s="416" t="s">
        <v>81</v>
      </c>
      <c r="N475" s="416" t="s">
        <v>2830</v>
      </c>
      <c r="O475" s="424" t="s">
        <v>2251</v>
      </c>
      <c r="P475" s="457">
        <v>500000</v>
      </c>
      <c r="Q475" s="425">
        <v>1000000</v>
      </c>
      <c r="R475" s="425">
        <v>750000</v>
      </c>
      <c r="S475" s="425">
        <v>750000</v>
      </c>
      <c r="T475" s="425" t="s">
        <v>2835</v>
      </c>
      <c r="U475" s="425" t="s">
        <v>65</v>
      </c>
      <c r="V475" s="425"/>
      <c r="W475" s="425"/>
      <c r="X475" s="425"/>
      <c r="Y475" s="425"/>
      <c r="Z475" s="425"/>
      <c r="AA475" s="425"/>
      <c r="AB475" s="425"/>
      <c r="AC475" s="425"/>
      <c r="AD475" s="425"/>
      <c r="AE475" s="425"/>
      <c r="AF475" s="425"/>
      <c r="AG475" s="425"/>
      <c r="AH475" s="425"/>
      <c r="AI475" s="425"/>
      <c r="AJ475" s="425"/>
      <c r="AK475" s="425"/>
      <c r="AL475" s="425"/>
      <c r="AM475" s="425"/>
      <c r="AN475" s="425"/>
      <c r="AO475" s="425"/>
      <c r="AP475" s="425"/>
      <c r="AQ475" s="425"/>
      <c r="AR475" s="425"/>
      <c r="AS475" s="425"/>
      <c r="AT475" s="425"/>
      <c r="AU475" s="425"/>
      <c r="AV475" s="425"/>
      <c r="AW475" s="425"/>
      <c r="AX475" s="425"/>
      <c r="AY475" s="425"/>
      <c r="AZ475" s="425"/>
      <c r="BA475" s="425"/>
      <c r="BB475" s="425"/>
      <c r="BC475" s="425"/>
      <c r="BD475" s="425"/>
      <c r="BE475" s="425"/>
      <c r="BF475" s="425"/>
      <c r="BG475" s="425"/>
      <c r="BH475" s="425"/>
      <c r="BI475" s="425"/>
      <c r="BJ475" s="425"/>
      <c r="BK475" s="425"/>
      <c r="BL475" s="425"/>
      <c r="BM475" s="425"/>
      <c r="BN475" s="425"/>
      <c r="BO475" s="425"/>
      <c r="BP475" s="425"/>
      <c r="BQ475" s="425"/>
      <c r="BR475" s="425"/>
      <c r="BS475" s="425"/>
      <c r="BT475" s="425"/>
      <c r="BU475" s="425"/>
      <c r="BV475" s="425"/>
      <c r="BW475" s="425"/>
      <c r="BX475" s="425"/>
      <c r="BY475" s="425"/>
      <c r="BZ475" s="425"/>
      <c r="CA475" s="425"/>
      <c r="CB475" s="425"/>
      <c r="CC475" s="425"/>
      <c r="CD475" s="425"/>
      <c r="CE475" s="425"/>
      <c r="CF475" s="425"/>
      <c r="CG475" s="425"/>
      <c r="CH475" s="425" t="s">
        <v>2190</v>
      </c>
      <c r="CI475" s="425"/>
      <c r="CJ475" s="425"/>
      <c r="CK475" s="425" t="s">
        <v>2190</v>
      </c>
      <c r="CL475" s="425" t="s">
        <v>2190</v>
      </c>
      <c r="CM475" s="457"/>
      <c r="CN475" s="457"/>
      <c r="CO475" s="457"/>
      <c r="CP475" s="457"/>
      <c r="CQ475" s="457"/>
      <c r="CR475" s="425"/>
      <c r="CS475" s="425"/>
      <c r="CT475" s="425"/>
      <c r="CU475" s="425"/>
      <c r="CV475" s="425"/>
      <c r="CW475" s="425"/>
      <c r="CX475" s="425"/>
      <c r="CY475" s="457"/>
      <c r="CZ475" s="457"/>
      <c r="DA475" s="457"/>
      <c r="DB475" s="457"/>
      <c r="DC475" s="425" t="s">
        <v>2190</v>
      </c>
      <c r="DD475" s="416"/>
      <c r="DE475" s="416" t="s">
        <v>2359</v>
      </c>
      <c r="DF475" s="416" t="s">
        <v>2410</v>
      </c>
    </row>
    <row r="476" spans="3:110" ht="56.1" customHeight="1" x14ac:dyDescent="0.2">
      <c r="C476" s="412">
        <v>123</v>
      </c>
      <c r="D476" s="412" t="s">
        <v>2182</v>
      </c>
      <c r="E476" s="422" t="s">
        <v>1385</v>
      </c>
      <c r="F476" s="446" t="s">
        <v>655</v>
      </c>
      <c r="G476" s="416" t="s">
        <v>2836</v>
      </c>
      <c r="H476" s="416" t="s">
        <v>2837</v>
      </c>
      <c r="I476" s="429" t="s">
        <v>2838</v>
      </c>
      <c r="J476" s="416" t="s">
        <v>2257</v>
      </c>
      <c r="K476" s="416" t="s">
        <v>2631</v>
      </c>
      <c r="L476" s="416" t="s">
        <v>63</v>
      </c>
      <c r="M476" s="416" t="s">
        <v>81</v>
      </c>
      <c r="N476" s="416" t="s">
        <v>61</v>
      </c>
      <c r="O476" s="424" t="s">
        <v>2251</v>
      </c>
      <c r="P476" s="457">
        <v>500000</v>
      </c>
      <c r="Q476" s="425">
        <v>1000000</v>
      </c>
      <c r="R476" s="425">
        <v>750000</v>
      </c>
      <c r="S476" s="425">
        <v>750000</v>
      </c>
      <c r="T476" s="425" t="s">
        <v>2839</v>
      </c>
      <c r="U476" s="425" t="s">
        <v>2189</v>
      </c>
      <c r="V476" s="425"/>
      <c r="W476" s="425"/>
      <c r="X476" s="425"/>
      <c r="Y476" s="425"/>
      <c r="Z476" s="425"/>
      <c r="AA476" s="425"/>
      <c r="AB476" s="425"/>
      <c r="AC476" s="425"/>
      <c r="AD476" s="425"/>
      <c r="AE476" s="425"/>
      <c r="AF476" s="425"/>
      <c r="AG476" s="425"/>
      <c r="AH476" s="425"/>
      <c r="AI476" s="425"/>
      <c r="AJ476" s="425"/>
      <c r="AK476" s="425"/>
      <c r="AL476" s="425"/>
      <c r="AM476" s="425"/>
      <c r="AN476" s="425"/>
      <c r="AO476" s="425"/>
      <c r="AP476" s="425"/>
      <c r="AQ476" s="425"/>
      <c r="AR476" s="425"/>
      <c r="AS476" s="425"/>
      <c r="AT476" s="425"/>
      <c r="AU476" s="425"/>
      <c r="AV476" s="425"/>
      <c r="AW476" s="425"/>
      <c r="AX476" s="425"/>
      <c r="AY476" s="425"/>
      <c r="AZ476" s="425"/>
      <c r="BA476" s="425"/>
      <c r="BB476" s="425"/>
      <c r="BC476" s="425"/>
      <c r="BD476" s="425"/>
      <c r="BE476" s="425"/>
      <c r="BF476" s="425"/>
      <c r="BG476" s="425"/>
      <c r="BH476" s="425"/>
      <c r="BI476" s="425"/>
      <c r="BJ476" s="425"/>
      <c r="BK476" s="425"/>
      <c r="BL476" s="425"/>
      <c r="BM476" s="425"/>
      <c r="BN476" s="425"/>
      <c r="BO476" s="425"/>
      <c r="BP476" s="425"/>
      <c r="BQ476" s="425"/>
      <c r="BR476" s="425"/>
      <c r="BS476" s="425"/>
      <c r="BT476" s="425"/>
      <c r="BU476" s="425"/>
      <c r="BV476" s="425"/>
      <c r="BW476" s="425"/>
      <c r="BX476" s="425"/>
      <c r="BY476" s="425"/>
      <c r="BZ476" s="425"/>
      <c r="CA476" s="425"/>
      <c r="CB476" s="425"/>
      <c r="CC476" s="425"/>
      <c r="CD476" s="425"/>
      <c r="CE476" s="425"/>
      <c r="CF476" s="425"/>
      <c r="CG476" s="425"/>
      <c r="CH476" s="425" t="s">
        <v>2190</v>
      </c>
      <c r="CI476" s="425"/>
      <c r="CJ476" s="425"/>
      <c r="CK476" s="425" t="s">
        <v>2190</v>
      </c>
      <c r="CL476" s="425" t="s">
        <v>2190</v>
      </c>
      <c r="CM476" s="425"/>
      <c r="CN476" s="457"/>
      <c r="CO476" s="457"/>
      <c r="CP476" s="457"/>
      <c r="CQ476" s="457"/>
      <c r="CR476" s="425"/>
      <c r="CS476" s="425"/>
      <c r="CT476" s="425"/>
      <c r="CU476" s="425"/>
      <c r="CV476" s="425"/>
      <c r="CW476" s="425"/>
      <c r="CX476" s="425" t="s">
        <v>2190</v>
      </c>
      <c r="CY476" s="457"/>
      <c r="CZ476" s="457"/>
      <c r="DA476" s="457"/>
      <c r="DB476" s="457"/>
      <c r="DC476" s="425" t="s">
        <v>2190</v>
      </c>
      <c r="DD476" s="416"/>
      <c r="DE476" s="416" t="s">
        <v>2359</v>
      </c>
      <c r="DF476" s="416" t="s">
        <v>2410</v>
      </c>
    </row>
    <row r="477" spans="3:110" ht="56.1" customHeight="1" x14ac:dyDescent="0.2">
      <c r="C477" s="412">
        <v>125</v>
      </c>
      <c r="D477" s="412" t="s">
        <v>2182</v>
      </c>
      <c r="E477" s="422" t="s">
        <v>1385</v>
      </c>
      <c r="F477" s="446" t="s">
        <v>655</v>
      </c>
      <c r="G477" s="416" t="s">
        <v>2503</v>
      </c>
      <c r="H477" s="416" t="s">
        <v>2840</v>
      </c>
      <c r="I477" s="429" t="s">
        <v>2841</v>
      </c>
      <c r="J477" s="416" t="s">
        <v>253</v>
      </c>
      <c r="K477" s="416" t="s">
        <v>2631</v>
      </c>
      <c r="L477" s="416" t="s">
        <v>2644</v>
      </c>
      <c r="M477" s="416" t="s">
        <v>60</v>
      </c>
      <c r="N477" s="416" t="s">
        <v>525</v>
      </c>
      <c r="O477" s="424" t="s">
        <v>2680</v>
      </c>
      <c r="P477" s="459" t="s">
        <v>63</v>
      </c>
      <c r="Q477" s="425" t="s">
        <v>63</v>
      </c>
      <c r="R477" s="425" t="s">
        <v>2299</v>
      </c>
      <c r="S477" s="425" t="s">
        <v>2299</v>
      </c>
      <c r="T477" s="425" t="s">
        <v>2188</v>
      </c>
      <c r="U477" s="425" t="s">
        <v>65</v>
      </c>
      <c r="V477" s="425"/>
      <c r="W477" s="425"/>
      <c r="X477" s="425"/>
      <c r="Y477" s="425"/>
      <c r="Z477" s="425"/>
      <c r="AA477" s="425"/>
      <c r="AB477" s="425"/>
      <c r="AC477" s="425"/>
      <c r="AD477" s="425"/>
      <c r="AE477" s="425"/>
      <c r="AF477" s="425"/>
      <c r="AG477" s="425"/>
      <c r="AH477" s="425"/>
      <c r="AI477" s="425"/>
      <c r="AJ477" s="425"/>
      <c r="AK477" s="425"/>
      <c r="AL477" s="425"/>
      <c r="AM477" s="425"/>
      <c r="AN477" s="425"/>
      <c r="AO477" s="425"/>
      <c r="AP477" s="425"/>
      <c r="AQ477" s="425"/>
      <c r="AR477" s="425"/>
      <c r="AS477" s="425"/>
      <c r="AT477" s="425"/>
      <c r="AU477" s="425"/>
      <c r="AV477" s="425"/>
      <c r="AW477" s="425"/>
      <c r="AX477" s="425"/>
      <c r="AY477" s="425"/>
      <c r="AZ477" s="425"/>
      <c r="BA477" s="425"/>
      <c r="BB477" s="425"/>
      <c r="BC477" s="425"/>
      <c r="BD477" s="425"/>
      <c r="BE477" s="425"/>
      <c r="BF477" s="425"/>
      <c r="BG477" s="425"/>
      <c r="BH477" s="425"/>
      <c r="BI477" s="425"/>
      <c r="BJ477" s="425"/>
      <c r="BK477" s="425"/>
      <c r="BL477" s="425"/>
      <c r="BM477" s="425"/>
      <c r="BN477" s="425"/>
      <c r="BO477" s="425"/>
      <c r="BP477" s="425"/>
      <c r="BQ477" s="425"/>
      <c r="BR477" s="425"/>
      <c r="BS477" s="425"/>
      <c r="BT477" s="425"/>
      <c r="BU477" s="425"/>
      <c r="BV477" s="425"/>
      <c r="BW477" s="425"/>
      <c r="BX477" s="425"/>
      <c r="BY477" s="425"/>
      <c r="BZ477" s="425"/>
      <c r="CA477" s="425"/>
      <c r="CB477" s="425"/>
      <c r="CC477" s="425"/>
      <c r="CD477" s="425"/>
      <c r="CE477" s="425"/>
      <c r="CF477" s="425"/>
      <c r="CG477" s="425"/>
      <c r="CH477" s="425"/>
      <c r="CI477" s="425"/>
      <c r="CJ477" s="425"/>
      <c r="CK477" s="425" t="s">
        <v>2190</v>
      </c>
      <c r="CL477" s="457"/>
      <c r="CM477" s="457"/>
      <c r="CN477" s="457"/>
      <c r="CO477" s="457"/>
      <c r="CP477" s="457"/>
      <c r="CQ477" s="457"/>
      <c r="CR477" s="425"/>
      <c r="CS477" s="425"/>
      <c r="CT477" s="425"/>
      <c r="CU477" s="425"/>
      <c r="CV477" s="425"/>
      <c r="CW477" s="425"/>
      <c r="CX477" s="425" t="s">
        <v>2190</v>
      </c>
      <c r="CY477" s="457"/>
      <c r="CZ477" s="457"/>
      <c r="DA477" s="457"/>
      <c r="DB477" s="457"/>
      <c r="DC477" s="425" t="s">
        <v>2190</v>
      </c>
      <c r="DD477" s="416"/>
      <c r="DE477" s="416" t="s">
        <v>2300</v>
      </c>
      <c r="DF477" s="416" t="s">
        <v>2351</v>
      </c>
    </row>
    <row r="478" spans="3:110" ht="56.1" customHeight="1" x14ac:dyDescent="0.2">
      <c r="C478" s="412">
        <v>126</v>
      </c>
      <c r="D478" s="412" t="s">
        <v>2182</v>
      </c>
      <c r="E478" s="422" t="s">
        <v>1385</v>
      </c>
      <c r="F478" s="422" t="s">
        <v>655</v>
      </c>
      <c r="G478" s="416" t="s">
        <v>2503</v>
      </c>
      <c r="H478" s="416" t="s">
        <v>2842</v>
      </c>
      <c r="I478" s="429" t="s">
        <v>2843</v>
      </c>
      <c r="J478" s="416" t="s">
        <v>2635</v>
      </c>
      <c r="K478" s="416" t="s">
        <v>2636</v>
      </c>
      <c r="L478" s="416" t="s">
        <v>2637</v>
      </c>
      <c r="M478" s="416" t="s">
        <v>60</v>
      </c>
      <c r="N478" s="416" t="s">
        <v>525</v>
      </c>
      <c r="O478" s="424" t="s">
        <v>2671</v>
      </c>
      <c r="P478" s="459" t="s">
        <v>63</v>
      </c>
      <c r="Q478" s="425" t="s">
        <v>63</v>
      </c>
      <c r="R478" s="425" t="s">
        <v>2299</v>
      </c>
      <c r="S478" s="425" t="s">
        <v>2299</v>
      </c>
      <c r="T478" s="425" t="s">
        <v>2812</v>
      </c>
      <c r="U478" s="425" t="s">
        <v>65</v>
      </c>
      <c r="V478" s="425"/>
      <c r="W478" s="425"/>
      <c r="X478" s="425"/>
      <c r="Y478" s="425"/>
      <c r="Z478" s="425"/>
      <c r="AA478" s="425"/>
      <c r="AB478" s="425"/>
      <c r="AC478" s="425"/>
      <c r="AD478" s="425"/>
      <c r="AE478" s="425"/>
      <c r="AF478" s="425"/>
      <c r="AG478" s="425"/>
      <c r="AH478" s="425"/>
      <c r="AI478" s="425"/>
      <c r="AJ478" s="425"/>
      <c r="AK478" s="425"/>
      <c r="AL478" s="425"/>
      <c r="AM478" s="425"/>
      <c r="AN478" s="425"/>
      <c r="AO478" s="425"/>
      <c r="AP478" s="425"/>
      <c r="AQ478" s="425"/>
      <c r="AR478" s="425"/>
      <c r="AS478" s="425"/>
      <c r="AT478" s="425"/>
      <c r="AU478" s="425"/>
      <c r="AV478" s="425"/>
      <c r="AW478" s="425"/>
      <c r="AX478" s="425"/>
      <c r="AY478" s="425"/>
      <c r="AZ478" s="425"/>
      <c r="BA478" s="425"/>
      <c r="BB478" s="425"/>
      <c r="BC478" s="425"/>
      <c r="BD478" s="425"/>
      <c r="BE478" s="425"/>
      <c r="BF478" s="425"/>
      <c r="BG478" s="425"/>
      <c r="BH478" s="425"/>
      <c r="BI478" s="425"/>
      <c r="BJ478" s="425"/>
      <c r="BK478" s="425"/>
      <c r="BL478" s="425"/>
      <c r="BM478" s="425"/>
      <c r="BN478" s="425"/>
      <c r="BO478" s="425"/>
      <c r="BP478" s="425"/>
      <c r="BQ478" s="425"/>
      <c r="BR478" s="425"/>
      <c r="BS478" s="425"/>
      <c r="BT478" s="425"/>
      <c r="BU478" s="425"/>
      <c r="BV478" s="425"/>
      <c r="BW478" s="425"/>
      <c r="BX478" s="425"/>
      <c r="BY478" s="425"/>
      <c r="BZ478" s="425"/>
      <c r="CA478" s="425"/>
      <c r="CB478" s="425"/>
      <c r="CC478" s="425"/>
      <c r="CD478" s="425"/>
      <c r="CE478" s="425"/>
      <c r="CF478" s="425"/>
      <c r="CG478" s="425"/>
      <c r="CH478" s="425"/>
      <c r="CI478" s="425" t="s">
        <v>2190</v>
      </c>
      <c r="CJ478" s="425"/>
      <c r="CK478" s="425"/>
      <c r="CL478" s="425"/>
      <c r="CM478" s="425"/>
      <c r="CN478" s="425"/>
      <c r="CO478" s="425"/>
      <c r="CP478" s="425"/>
      <c r="CQ478" s="425"/>
      <c r="CR478" s="425"/>
      <c r="CS478" s="425"/>
      <c r="CT478" s="425"/>
      <c r="CU478" s="425" t="s">
        <v>2190</v>
      </c>
      <c r="CV478" s="425"/>
      <c r="CW478" s="425"/>
      <c r="CX478" s="425"/>
      <c r="CY478" s="425"/>
      <c r="CZ478" s="425"/>
      <c r="DA478" s="425"/>
      <c r="DB478" s="425"/>
      <c r="DC478" s="425"/>
      <c r="DD478" s="416"/>
      <c r="DE478" s="416" t="s">
        <v>2300</v>
      </c>
      <c r="DF478" s="416" t="s">
        <v>2351</v>
      </c>
    </row>
    <row r="479" spans="3:110" ht="56.1" customHeight="1" x14ac:dyDescent="0.2">
      <c r="C479" s="412">
        <v>127</v>
      </c>
      <c r="D479" s="412" t="s">
        <v>2182</v>
      </c>
      <c r="E479" s="422" t="s">
        <v>1385</v>
      </c>
      <c r="F479" s="422" t="s">
        <v>655</v>
      </c>
      <c r="G479" s="416" t="s">
        <v>2503</v>
      </c>
      <c r="H479" s="416" t="s">
        <v>2844</v>
      </c>
      <c r="I479" s="429" t="s">
        <v>2845</v>
      </c>
      <c r="J479" s="416" t="s">
        <v>2264</v>
      </c>
      <c r="K479" s="416" t="s">
        <v>2264</v>
      </c>
      <c r="L479" s="416" t="s">
        <v>2265</v>
      </c>
      <c r="M479" s="416" t="s">
        <v>60</v>
      </c>
      <c r="N479" s="416" t="s">
        <v>525</v>
      </c>
      <c r="O479" s="424" t="s">
        <v>2266</v>
      </c>
      <c r="P479" s="459" t="s">
        <v>63</v>
      </c>
      <c r="Q479" s="425" t="s">
        <v>63</v>
      </c>
      <c r="R479" s="425" t="s">
        <v>2299</v>
      </c>
      <c r="S479" s="425" t="s">
        <v>2299</v>
      </c>
      <c r="T479" s="425" t="s">
        <v>2846</v>
      </c>
      <c r="U479" s="425" t="s">
        <v>65</v>
      </c>
      <c r="V479" s="425"/>
      <c r="W479" s="425"/>
      <c r="X479" s="425"/>
      <c r="Y479" s="425"/>
      <c r="Z479" s="425"/>
      <c r="AA479" s="425"/>
      <c r="AB479" s="425"/>
      <c r="AC479" s="425"/>
      <c r="AD479" s="425"/>
      <c r="AE479" s="425"/>
      <c r="AF479" s="425"/>
      <c r="AG479" s="425"/>
      <c r="AH479" s="425"/>
      <c r="AI479" s="425"/>
      <c r="AJ479" s="425"/>
      <c r="AK479" s="425"/>
      <c r="AL479" s="425"/>
      <c r="AM479" s="425"/>
      <c r="AN479" s="425"/>
      <c r="AO479" s="425"/>
      <c r="AP479" s="425"/>
      <c r="AQ479" s="425"/>
      <c r="AR479" s="425"/>
      <c r="AS479" s="425"/>
      <c r="AT479" s="425"/>
      <c r="AU479" s="425"/>
      <c r="AV479" s="425"/>
      <c r="AW479" s="425"/>
      <c r="AX479" s="425"/>
      <c r="AY479" s="425"/>
      <c r="AZ479" s="425"/>
      <c r="BA479" s="425"/>
      <c r="BB479" s="425"/>
      <c r="BC479" s="425"/>
      <c r="BD479" s="425"/>
      <c r="BE479" s="425"/>
      <c r="BF479" s="425"/>
      <c r="BG479" s="425"/>
      <c r="BH479" s="425"/>
      <c r="BI479" s="425"/>
      <c r="BJ479" s="425"/>
      <c r="BK479" s="425"/>
      <c r="BL479" s="425"/>
      <c r="BM479" s="425"/>
      <c r="BN479" s="425"/>
      <c r="BO479" s="425"/>
      <c r="BP479" s="425"/>
      <c r="BQ479" s="425"/>
      <c r="BR479" s="425"/>
      <c r="BS479" s="425"/>
      <c r="BT479" s="425"/>
      <c r="BU479" s="425"/>
      <c r="BV479" s="425"/>
      <c r="BW479" s="425"/>
      <c r="BX479" s="425"/>
      <c r="BY479" s="425"/>
      <c r="BZ479" s="425"/>
      <c r="CA479" s="425"/>
      <c r="CB479" s="425"/>
      <c r="CC479" s="425"/>
      <c r="CD479" s="425"/>
      <c r="CE479" s="425"/>
      <c r="CF479" s="425"/>
      <c r="CG479" s="425"/>
      <c r="CH479" s="425"/>
      <c r="CI479" s="425"/>
      <c r="CJ479" s="425"/>
      <c r="CK479" s="425"/>
      <c r="CL479" s="425"/>
      <c r="CM479" s="425" t="s">
        <v>2190</v>
      </c>
      <c r="CN479" s="425"/>
      <c r="CO479" s="425"/>
      <c r="CP479" s="425"/>
      <c r="CQ479" s="425"/>
      <c r="CR479" s="425"/>
      <c r="CS479" s="425"/>
      <c r="CT479" s="425"/>
      <c r="CU479" s="425"/>
      <c r="CV479" s="425"/>
      <c r="CW479" s="425"/>
      <c r="CX479" s="425"/>
      <c r="CY479" s="425" t="s">
        <v>2190</v>
      </c>
      <c r="CZ479" s="425"/>
      <c r="DA479" s="425"/>
      <c r="DB479" s="425"/>
      <c r="DC479" s="425"/>
      <c r="DD479" s="416"/>
      <c r="DE479" s="416" t="s">
        <v>2300</v>
      </c>
      <c r="DF479" s="416" t="s">
        <v>2847</v>
      </c>
    </row>
    <row r="480" spans="3:110" ht="56.1" customHeight="1" x14ac:dyDescent="0.2">
      <c r="C480" s="412">
        <v>128</v>
      </c>
      <c r="D480" s="412" t="s">
        <v>2182</v>
      </c>
      <c r="E480" s="422" t="s">
        <v>1385</v>
      </c>
      <c r="F480" s="422" t="s">
        <v>655</v>
      </c>
      <c r="G480" s="416" t="s">
        <v>2503</v>
      </c>
      <c r="H480" s="416" t="s">
        <v>2848</v>
      </c>
      <c r="I480" s="429" t="s">
        <v>2849</v>
      </c>
      <c r="J480" s="416" t="s">
        <v>2635</v>
      </c>
      <c r="K480" s="416" t="s">
        <v>2636</v>
      </c>
      <c r="L480" s="416" t="s">
        <v>63</v>
      </c>
      <c r="M480" s="416" t="s">
        <v>81</v>
      </c>
      <c r="N480" s="416" t="s">
        <v>2830</v>
      </c>
      <c r="O480" s="424" t="s">
        <v>2251</v>
      </c>
      <c r="P480" s="425">
        <v>0</v>
      </c>
      <c r="Q480" s="425">
        <v>500000</v>
      </c>
      <c r="R480" s="425">
        <v>250000</v>
      </c>
      <c r="S480" s="425">
        <v>250000</v>
      </c>
      <c r="T480" s="425" t="s">
        <v>2835</v>
      </c>
      <c r="U480" s="425" t="s">
        <v>2189</v>
      </c>
      <c r="V480" s="425"/>
      <c r="W480" s="425"/>
      <c r="X480" s="425"/>
      <c r="Y480" s="425"/>
      <c r="Z480" s="425"/>
      <c r="AA480" s="425"/>
      <c r="AB480" s="425"/>
      <c r="AC480" s="425"/>
      <c r="AD480" s="425"/>
      <c r="AE480" s="425"/>
      <c r="AF480" s="425"/>
      <c r="AG480" s="425"/>
      <c r="AH480" s="425"/>
      <c r="AI480" s="425"/>
      <c r="AJ480" s="425"/>
      <c r="AK480" s="425"/>
      <c r="AL480" s="425"/>
      <c r="AM480" s="425"/>
      <c r="AN480" s="425"/>
      <c r="AO480" s="425"/>
      <c r="AP480" s="425"/>
      <c r="AQ480" s="425"/>
      <c r="AR480" s="425"/>
      <c r="AS480" s="425"/>
      <c r="AT480" s="425"/>
      <c r="AU480" s="425"/>
      <c r="AV480" s="425"/>
      <c r="AW480" s="425"/>
      <c r="AX480" s="425"/>
      <c r="AY480" s="425"/>
      <c r="AZ480" s="425"/>
      <c r="BA480" s="425"/>
      <c r="BB480" s="425"/>
      <c r="BC480" s="425"/>
      <c r="BD480" s="425"/>
      <c r="BE480" s="425"/>
      <c r="BF480" s="425"/>
      <c r="BG480" s="425"/>
      <c r="BH480" s="425"/>
      <c r="BI480" s="425"/>
      <c r="BJ480" s="425"/>
      <c r="BK480" s="425"/>
      <c r="BL480" s="425"/>
      <c r="BM480" s="425"/>
      <c r="BN480" s="425"/>
      <c r="BO480" s="425"/>
      <c r="BP480" s="425"/>
      <c r="BQ480" s="425"/>
      <c r="BR480" s="425"/>
      <c r="BS480" s="425"/>
      <c r="BT480" s="425"/>
      <c r="BU480" s="425"/>
      <c r="BV480" s="425"/>
      <c r="BW480" s="425"/>
      <c r="BX480" s="425"/>
      <c r="BY480" s="425"/>
      <c r="BZ480" s="425"/>
      <c r="CA480" s="425"/>
      <c r="CB480" s="425"/>
      <c r="CC480" s="425"/>
      <c r="CD480" s="425"/>
      <c r="CE480" s="425"/>
      <c r="CF480" s="425"/>
      <c r="CG480" s="425"/>
      <c r="CH480" s="425"/>
      <c r="CI480" s="425" t="s">
        <v>2190</v>
      </c>
      <c r="CJ480" s="425"/>
      <c r="CK480" s="425"/>
      <c r="CL480" s="425"/>
      <c r="CM480" s="425"/>
      <c r="CN480" s="425" t="s">
        <v>2190</v>
      </c>
      <c r="CO480" s="425"/>
      <c r="CP480" s="425"/>
      <c r="CQ480" s="425"/>
      <c r="CR480" s="425"/>
      <c r="CS480" s="425"/>
      <c r="CT480" s="425"/>
      <c r="CU480" s="425" t="s">
        <v>2190</v>
      </c>
      <c r="CV480" s="425"/>
      <c r="CW480" s="425"/>
      <c r="CX480" s="425"/>
      <c r="CY480" s="425"/>
      <c r="CZ480" s="425"/>
      <c r="DA480" s="425"/>
      <c r="DB480" s="425"/>
      <c r="DC480" s="425"/>
      <c r="DD480" s="416"/>
      <c r="DE480" s="416" t="s">
        <v>2359</v>
      </c>
      <c r="DF480" s="416" t="s">
        <v>2360</v>
      </c>
    </row>
    <row r="481" spans="3:110" ht="56.1" customHeight="1" x14ac:dyDescent="0.2">
      <c r="C481" s="412">
        <v>129</v>
      </c>
      <c r="D481" s="412" t="s">
        <v>2182</v>
      </c>
      <c r="E481" s="422" t="s">
        <v>1385</v>
      </c>
      <c r="F481" s="422" t="s">
        <v>655</v>
      </c>
      <c r="G481" s="416" t="s">
        <v>2503</v>
      </c>
      <c r="H481" s="416" t="s">
        <v>2850</v>
      </c>
      <c r="I481" s="429" t="s">
        <v>2851</v>
      </c>
      <c r="J481" s="416" t="s">
        <v>2257</v>
      </c>
      <c r="K481" s="416" t="s">
        <v>2631</v>
      </c>
      <c r="L481" s="416" t="s">
        <v>63</v>
      </c>
      <c r="M481" s="416" t="s">
        <v>81</v>
      </c>
      <c r="N481" s="416" t="s">
        <v>2830</v>
      </c>
      <c r="O481" s="424" t="s">
        <v>2258</v>
      </c>
      <c r="P481" s="459" t="s">
        <v>63</v>
      </c>
      <c r="Q481" s="425" t="s">
        <v>63</v>
      </c>
      <c r="R481" s="425">
        <v>5030350</v>
      </c>
      <c r="S481" s="425">
        <v>5030350</v>
      </c>
      <c r="T481" s="425" t="s">
        <v>2852</v>
      </c>
      <c r="U481" s="425" t="s">
        <v>65</v>
      </c>
      <c r="V481" s="425"/>
      <c r="W481" s="425"/>
      <c r="X481" s="425"/>
      <c r="Y481" s="425"/>
      <c r="Z481" s="425"/>
      <c r="AA481" s="425"/>
      <c r="AB481" s="425"/>
      <c r="AC481" s="425"/>
      <c r="AD481" s="425"/>
      <c r="AE481" s="425"/>
      <c r="AF481" s="425"/>
      <c r="AG481" s="425"/>
      <c r="AH481" s="425"/>
      <c r="AI481" s="425"/>
      <c r="AJ481" s="425"/>
      <c r="AK481" s="425"/>
      <c r="AL481" s="425"/>
      <c r="AM481" s="425"/>
      <c r="AN481" s="425"/>
      <c r="AO481" s="425"/>
      <c r="AP481" s="425"/>
      <c r="AQ481" s="425"/>
      <c r="AR481" s="425"/>
      <c r="AS481" s="425"/>
      <c r="AT481" s="425"/>
      <c r="AU481" s="425"/>
      <c r="AV481" s="425"/>
      <c r="AW481" s="425"/>
      <c r="AX481" s="425"/>
      <c r="AY481" s="425"/>
      <c r="AZ481" s="425"/>
      <c r="BA481" s="425"/>
      <c r="BB481" s="425"/>
      <c r="BC481" s="425"/>
      <c r="BD481" s="425"/>
      <c r="BE481" s="425"/>
      <c r="BF481" s="425"/>
      <c r="BG481" s="425"/>
      <c r="BH481" s="425"/>
      <c r="BI481" s="425"/>
      <c r="BJ481" s="425"/>
      <c r="BK481" s="425"/>
      <c r="BL481" s="425"/>
      <c r="BM481" s="425"/>
      <c r="BN481" s="425"/>
      <c r="BO481" s="425"/>
      <c r="BP481" s="425"/>
      <c r="BQ481" s="425"/>
      <c r="BR481" s="425"/>
      <c r="BS481" s="425"/>
      <c r="BT481" s="425"/>
      <c r="BU481" s="425"/>
      <c r="BV481" s="425"/>
      <c r="BW481" s="425"/>
      <c r="BX481" s="425"/>
      <c r="BY481" s="425"/>
      <c r="BZ481" s="425"/>
      <c r="CA481" s="425"/>
      <c r="CB481" s="425"/>
      <c r="CC481" s="425"/>
      <c r="CD481" s="425"/>
      <c r="CE481" s="425"/>
      <c r="CF481" s="425"/>
      <c r="CG481" s="425"/>
      <c r="CH481" s="425" t="s">
        <v>2190</v>
      </c>
      <c r="CI481" s="425"/>
      <c r="CJ481" s="425"/>
      <c r="CK481" s="425" t="s">
        <v>2190</v>
      </c>
      <c r="CL481" s="425" t="s">
        <v>2190</v>
      </c>
      <c r="CM481" s="457"/>
      <c r="CN481" s="457"/>
      <c r="CO481" s="457"/>
      <c r="CP481" s="457"/>
      <c r="CQ481" s="457"/>
      <c r="CR481" s="425"/>
      <c r="CS481" s="425"/>
      <c r="CT481" s="425"/>
      <c r="CU481" s="425"/>
      <c r="CV481" s="425"/>
      <c r="CW481" s="425"/>
      <c r="CX481" s="425"/>
      <c r="CY481" s="457"/>
      <c r="CZ481" s="457"/>
      <c r="DA481" s="457"/>
      <c r="DB481" s="457"/>
      <c r="DC481" s="425" t="s">
        <v>2190</v>
      </c>
      <c r="DD481" s="416"/>
      <c r="DE481" s="416" t="s">
        <v>2359</v>
      </c>
      <c r="DF481" s="416" t="s">
        <v>2853</v>
      </c>
    </row>
    <row r="482" spans="3:110" ht="56.1" customHeight="1" x14ac:dyDescent="0.2">
      <c r="C482" s="412">
        <v>130</v>
      </c>
      <c r="D482" s="412" t="s">
        <v>2182</v>
      </c>
      <c r="E482" s="422" t="s">
        <v>1385</v>
      </c>
      <c r="F482" s="422" t="s">
        <v>655</v>
      </c>
      <c r="G482" s="416" t="s">
        <v>2503</v>
      </c>
      <c r="H482" s="416" t="s">
        <v>2854</v>
      </c>
      <c r="I482" s="429" t="s">
        <v>2855</v>
      </c>
      <c r="J482" s="416" t="s">
        <v>2257</v>
      </c>
      <c r="K482" s="416" t="s">
        <v>2631</v>
      </c>
      <c r="L482" s="416" t="s">
        <v>63</v>
      </c>
      <c r="M482" s="416" t="s">
        <v>81</v>
      </c>
      <c r="N482" s="416" t="s">
        <v>2830</v>
      </c>
      <c r="O482" s="424" t="s">
        <v>2258</v>
      </c>
      <c r="P482" s="459" t="s">
        <v>63</v>
      </c>
      <c r="Q482" s="425" t="s">
        <v>63</v>
      </c>
      <c r="R482" s="425" t="s">
        <v>191</v>
      </c>
      <c r="S482" s="425" t="s">
        <v>191</v>
      </c>
      <c r="T482" s="425" t="s">
        <v>2835</v>
      </c>
      <c r="U482" s="425" t="s">
        <v>65</v>
      </c>
      <c r="V482" s="425"/>
      <c r="W482" s="425"/>
      <c r="X482" s="425"/>
      <c r="Y482" s="425"/>
      <c r="Z482" s="425"/>
      <c r="AA482" s="425"/>
      <c r="AB482" s="425"/>
      <c r="AC482" s="425"/>
      <c r="AD482" s="425"/>
      <c r="AE482" s="425"/>
      <c r="AF482" s="425"/>
      <c r="AG482" s="425"/>
      <c r="AH482" s="425"/>
      <c r="AI482" s="425"/>
      <c r="AJ482" s="425"/>
      <c r="AK482" s="425"/>
      <c r="AL482" s="425"/>
      <c r="AM482" s="425"/>
      <c r="AN482" s="425"/>
      <c r="AO482" s="425"/>
      <c r="AP482" s="425"/>
      <c r="AQ482" s="425"/>
      <c r="AR482" s="425"/>
      <c r="AS482" s="425"/>
      <c r="AT482" s="425"/>
      <c r="AU482" s="425"/>
      <c r="AV482" s="425"/>
      <c r="AW482" s="425"/>
      <c r="AX482" s="425"/>
      <c r="AY482" s="425"/>
      <c r="AZ482" s="425"/>
      <c r="BA482" s="425"/>
      <c r="BB482" s="425"/>
      <c r="BC482" s="425"/>
      <c r="BD482" s="425"/>
      <c r="BE482" s="425"/>
      <c r="BF482" s="425"/>
      <c r="BG482" s="425"/>
      <c r="BH482" s="425"/>
      <c r="BI482" s="425"/>
      <c r="BJ482" s="425"/>
      <c r="BK482" s="425"/>
      <c r="BL482" s="425"/>
      <c r="BM482" s="425"/>
      <c r="BN482" s="425"/>
      <c r="BO482" s="425"/>
      <c r="BP482" s="425"/>
      <c r="BQ482" s="425"/>
      <c r="BR482" s="425"/>
      <c r="BS482" s="425"/>
      <c r="BT482" s="425"/>
      <c r="BU482" s="425"/>
      <c r="BV482" s="425"/>
      <c r="BW482" s="425"/>
      <c r="BX482" s="425"/>
      <c r="BY482" s="425"/>
      <c r="BZ482" s="425"/>
      <c r="CA482" s="425"/>
      <c r="CB482" s="425"/>
      <c r="CC482" s="425"/>
      <c r="CD482" s="425"/>
      <c r="CE482" s="425"/>
      <c r="CF482" s="425"/>
      <c r="CG482" s="425"/>
      <c r="CH482" s="425" t="s">
        <v>2190</v>
      </c>
      <c r="CI482" s="425"/>
      <c r="CJ482" s="425"/>
      <c r="CK482" s="425" t="s">
        <v>2190</v>
      </c>
      <c r="CL482" s="425" t="s">
        <v>2190</v>
      </c>
      <c r="CM482" s="457"/>
      <c r="CN482" s="457"/>
      <c r="CO482" s="457"/>
      <c r="CP482" s="457"/>
      <c r="CQ482" s="457"/>
      <c r="CR482" s="425"/>
      <c r="CS482" s="425"/>
      <c r="CT482" s="425"/>
      <c r="CU482" s="425"/>
      <c r="CV482" s="425"/>
      <c r="CW482" s="425"/>
      <c r="CX482" s="425"/>
      <c r="CY482" s="457"/>
      <c r="CZ482" s="457"/>
      <c r="DA482" s="457"/>
      <c r="DB482" s="457"/>
      <c r="DC482" s="425" t="s">
        <v>2190</v>
      </c>
      <c r="DD482" s="416"/>
      <c r="DE482" s="416"/>
      <c r="DF482" s="416" t="s">
        <v>2410</v>
      </c>
    </row>
    <row r="483" spans="3:110" ht="56.1" customHeight="1" x14ac:dyDescent="0.2">
      <c r="C483" s="412">
        <v>136</v>
      </c>
      <c r="D483" s="412" t="s">
        <v>2182</v>
      </c>
      <c r="E483" s="422" t="s">
        <v>1385</v>
      </c>
      <c r="F483" s="422" t="s">
        <v>655</v>
      </c>
      <c r="G483" s="416" t="s">
        <v>900</v>
      </c>
      <c r="H483" s="416" t="s">
        <v>2856</v>
      </c>
      <c r="I483" s="416" t="s">
        <v>2857</v>
      </c>
      <c r="J483" s="416" t="s">
        <v>2663</v>
      </c>
      <c r="K483" s="416" t="s">
        <v>2858</v>
      </c>
      <c r="L483" s="458" t="s">
        <v>2798</v>
      </c>
      <c r="M483" s="416" t="s">
        <v>60</v>
      </c>
      <c r="N483" s="458" t="s">
        <v>2859</v>
      </c>
      <c r="O483" s="460" t="s">
        <v>2258</v>
      </c>
      <c r="P483" s="459" t="s">
        <v>63</v>
      </c>
      <c r="Q483" s="425" t="s">
        <v>63</v>
      </c>
      <c r="R483" s="425" t="s">
        <v>2299</v>
      </c>
      <c r="S483" s="425" t="s">
        <v>2299</v>
      </c>
      <c r="T483" s="425" t="s">
        <v>2365</v>
      </c>
      <c r="U483" s="425" t="s">
        <v>245</v>
      </c>
      <c r="V483" s="425"/>
      <c r="W483" s="425"/>
      <c r="X483" s="425"/>
      <c r="Y483" s="425"/>
      <c r="Z483" s="425"/>
      <c r="AA483" s="425"/>
      <c r="AB483" s="425"/>
      <c r="AC483" s="425"/>
      <c r="AD483" s="425"/>
      <c r="AE483" s="425"/>
      <c r="AF483" s="425"/>
      <c r="AG483" s="425"/>
      <c r="AH483" s="425"/>
      <c r="AI483" s="425"/>
      <c r="AJ483" s="425"/>
      <c r="AK483" s="425"/>
      <c r="AL483" s="425"/>
      <c r="AM483" s="425"/>
      <c r="AN483" s="425"/>
      <c r="AO483" s="425"/>
      <c r="AP483" s="425"/>
      <c r="AQ483" s="425"/>
      <c r="AR483" s="425"/>
      <c r="AS483" s="425"/>
      <c r="AT483" s="425"/>
      <c r="AU483" s="425"/>
      <c r="AV483" s="425"/>
      <c r="AW483" s="425"/>
      <c r="AX483" s="425"/>
      <c r="AY483" s="425"/>
      <c r="AZ483" s="425"/>
      <c r="BA483" s="425"/>
      <c r="BB483" s="425"/>
      <c r="BC483" s="425"/>
      <c r="BD483" s="425"/>
      <c r="BE483" s="425"/>
      <c r="BF483" s="425"/>
      <c r="BG483" s="425"/>
      <c r="BH483" s="425"/>
      <c r="BI483" s="425"/>
      <c r="BJ483" s="425"/>
      <c r="BK483" s="425"/>
      <c r="BL483" s="425"/>
      <c r="BM483" s="425"/>
      <c r="BN483" s="425"/>
      <c r="BO483" s="425"/>
      <c r="BP483" s="425"/>
      <c r="BQ483" s="425"/>
      <c r="BR483" s="425"/>
      <c r="BS483" s="425"/>
      <c r="BT483" s="425"/>
      <c r="BU483" s="425"/>
      <c r="BV483" s="425"/>
      <c r="BW483" s="425"/>
      <c r="BX483" s="425"/>
      <c r="BY483" s="425"/>
      <c r="BZ483" s="425"/>
      <c r="CA483" s="425"/>
      <c r="CB483" s="425"/>
      <c r="CC483" s="425"/>
      <c r="CD483" s="425"/>
      <c r="CE483" s="425"/>
      <c r="CF483" s="425"/>
      <c r="CG483" s="425"/>
      <c r="CH483" s="425"/>
      <c r="CI483" s="425"/>
      <c r="CJ483" s="425"/>
      <c r="CK483" s="425"/>
      <c r="CL483" s="425"/>
      <c r="CM483" s="425"/>
      <c r="CN483" s="425"/>
      <c r="CO483" s="425"/>
      <c r="CP483" s="425"/>
      <c r="CQ483" s="425"/>
      <c r="CR483" s="425"/>
      <c r="CS483" s="425"/>
      <c r="CT483" s="425"/>
      <c r="CU483" s="425"/>
      <c r="CV483" s="425"/>
      <c r="CW483" s="425"/>
      <c r="CX483" s="425"/>
      <c r="CY483" s="425"/>
      <c r="CZ483" s="425" t="s">
        <v>2190</v>
      </c>
      <c r="DA483" s="425"/>
      <c r="DB483" s="425"/>
      <c r="DC483" s="425"/>
      <c r="DD483" s="416"/>
      <c r="DE483" s="416" t="s">
        <v>2300</v>
      </c>
      <c r="DF483" s="416" t="s">
        <v>61</v>
      </c>
    </row>
    <row r="484" spans="3:110" ht="56.1" customHeight="1" x14ac:dyDescent="0.2">
      <c r="C484" s="412">
        <v>144</v>
      </c>
      <c r="D484" s="412" t="s">
        <v>2182</v>
      </c>
      <c r="E484" s="422" t="s">
        <v>1385</v>
      </c>
      <c r="F484" s="422" t="s">
        <v>655</v>
      </c>
      <c r="G484" s="416" t="s">
        <v>900</v>
      </c>
      <c r="H484" s="416" t="s">
        <v>2860</v>
      </c>
      <c r="I484" s="416" t="s">
        <v>2861</v>
      </c>
      <c r="J484" s="416" t="s">
        <v>2257</v>
      </c>
      <c r="K484" s="416" t="s">
        <v>2631</v>
      </c>
      <c r="L484" s="416" t="s">
        <v>2632</v>
      </c>
      <c r="M484" s="416" t="s">
        <v>60</v>
      </c>
      <c r="N484" s="416" t="s">
        <v>61</v>
      </c>
      <c r="O484" s="424" t="s">
        <v>2258</v>
      </c>
      <c r="P484" s="459" t="s">
        <v>63</v>
      </c>
      <c r="Q484" s="425" t="s">
        <v>63</v>
      </c>
      <c r="R484" s="425" t="s">
        <v>2299</v>
      </c>
      <c r="S484" s="425" t="s">
        <v>2299</v>
      </c>
      <c r="T484" s="425" t="s">
        <v>2846</v>
      </c>
      <c r="U484" s="425" t="s">
        <v>245</v>
      </c>
      <c r="V484" s="425"/>
      <c r="W484" s="425"/>
      <c r="X484" s="425"/>
      <c r="Y484" s="425"/>
      <c r="Z484" s="425"/>
      <c r="AA484" s="425"/>
      <c r="AB484" s="425"/>
      <c r="AC484" s="425"/>
      <c r="AD484" s="425"/>
      <c r="AE484" s="425"/>
      <c r="AF484" s="425"/>
      <c r="AG484" s="425"/>
      <c r="AH484" s="425"/>
      <c r="AI484" s="425"/>
      <c r="AJ484" s="425"/>
      <c r="AK484" s="425"/>
      <c r="AL484" s="425"/>
      <c r="AM484" s="425"/>
      <c r="AN484" s="425"/>
      <c r="AO484" s="425"/>
      <c r="AP484" s="425"/>
      <c r="AQ484" s="425"/>
      <c r="AR484" s="425"/>
      <c r="AS484" s="425"/>
      <c r="AT484" s="425"/>
      <c r="AU484" s="425"/>
      <c r="AV484" s="425"/>
      <c r="AW484" s="425"/>
      <c r="AX484" s="425"/>
      <c r="AY484" s="425"/>
      <c r="AZ484" s="425"/>
      <c r="BA484" s="425"/>
      <c r="BB484" s="425"/>
      <c r="BC484" s="425"/>
      <c r="BD484" s="425"/>
      <c r="BE484" s="425"/>
      <c r="BF484" s="425"/>
      <c r="BG484" s="425"/>
      <c r="BH484" s="425"/>
      <c r="BI484" s="425"/>
      <c r="BJ484" s="425"/>
      <c r="BK484" s="425"/>
      <c r="BL484" s="425"/>
      <c r="BM484" s="425"/>
      <c r="BN484" s="425"/>
      <c r="BO484" s="425"/>
      <c r="BP484" s="425"/>
      <c r="BQ484" s="425"/>
      <c r="BR484" s="425"/>
      <c r="BS484" s="425"/>
      <c r="BT484" s="425"/>
      <c r="BU484" s="425"/>
      <c r="BV484" s="425"/>
      <c r="BW484" s="425"/>
      <c r="BX484" s="425"/>
      <c r="BY484" s="425"/>
      <c r="BZ484" s="425"/>
      <c r="CA484" s="425"/>
      <c r="CB484" s="425"/>
      <c r="CC484" s="425"/>
      <c r="CD484" s="425"/>
      <c r="CE484" s="425"/>
      <c r="CF484" s="425"/>
      <c r="CG484" s="425"/>
      <c r="CH484" s="425" t="s">
        <v>2190</v>
      </c>
      <c r="CI484" s="425"/>
      <c r="CJ484" s="425"/>
      <c r="CK484" s="425"/>
      <c r="CL484" s="425"/>
      <c r="CM484" s="425"/>
      <c r="CN484" s="425"/>
      <c r="CO484" s="425"/>
      <c r="CP484" s="425"/>
      <c r="CQ484" s="425"/>
      <c r="CR484" s="425"/>
      <c r="CS484" s="425"/>
      <c r="CT484" s="425"/>
      <c r="CU484" s="425"/>
      <c r="CV484" s="425"/>
      <c r="CW484" s="425"/>
      <c r="CX484" s="425"/>
      <c r="CY484" s="425"/>
      <c r="CZ484" s="425"/>
      <c r="DA484" s="425"/>
      <c r="DB484" s="425"/>
      <c r="DC484" s="425" t="s">
        <v>2190</v>
      </c>
      <c r="DD484" s="416"/>
      <c r="DE484" s="416" t="s">
        <v>2300</v>
      </c>
      <c r="DF484" s="416" t="s">
        <v>869</v>
      </c>
    </row>
    <row r="485" spans="3:110" ht="56.1" customHeight="1" x14ac:dyDescent="0.2">
      <c r="C485" s="412">
        <v>145</v>
      </c>
      <c r="D485" s="412" t="s">
        <v>2182</v>
      </c>
      <c r="E485" s="422" t="s">
        <v>1385</v>
      </c>
      <c r="F485" s="422" t="s">
        <v>655</v>
      </c>
      <c r="G485" s="416" t="s">
        <v>2862</v>
      </c>
      <c r="H485" s="416" t="s">
        <v>2863</v>
      </c>
      <c r="I485" s="416" t="s">
        <v>2864</v>
      </c>
      <c r="J485" s="416" t="s">
        <v>2257</v>
      </c>
      <c r="K485" s="416" t="s">
        <v>2631</v>
      </c>
      <c r="L485" s="416" t="s">
        <v>2632</v>
      </c>
      <c r="M485" s="416" t="s">
        <v>60</v>
      </c>
      <c r="N485" s="416" t="s">
        <v>61</v>
      </c>
      <c r="O485" s="424" t="s">
        <v>2258</v>
      </c>
      <c r="P485" s="459" t="s">
        <v>63</v>
      </c>
      <c r="Q485" s="425" t="s">
        <v>63</v>
      </c>
      <c r="R485" s="425" t="s">
        <v>2299</v>
      </c>
      <c r="S485" s="425" t="s">
        <v>2299</v>
      </c>
      <c r="T485" s="425" t="s">
        <v>2846</v>
      </c>
      <c r="U485" s="425" t="s">
        <v>65</v>
      </c>
      <c r="V485" s="425"/>
      <c r="W485" s="425"/>
      <c r="X485" s="425"/>
      <c r="Y485" s="425"/>
      <c r="Z485" s="425"/>
      <c r="AA485" s="425"/>
      <c r="AB485" s="425"/>
      <c r="AC485" s="425"/>
      <c r="AD485" s="425"/>
      <c r="AE485" s="425"/>
      <c r="AF485" s="425"/>
      <c r="AG485" s="425"/>
      <c r="AH485" s="425"/>
      <c r="AI485" s="425"/>
      <c r="AJ485" s="425"/>
      <c r="AK485" s="425"/>
      <c r="AL485" s="425"/>
      <c r="AM485" s="425"/>
      <c r="AN485" s="425"/>
      <c r="AO485" s="425"/>
      <c r="AP485" s="425"/>
      <c r="AQ485" s="425"/>
      <c r="AR485" s="425"/>
      <c r="AS485" s="425"/>
      <c r="AT485" s="425"/>
      <c r="AU485" s="425"/>
      <c r="AV485" s="425"/>
      <c r="AW485" s="425"/>
      <c r="AX485" s="425"/>
      <c r="AY485" s="425"/>
      <c r="AZ485" s="425"/>
      <c r="BA485" s="425"/>
      <c r="BB485" s="425"/>
      <c r="BC485" s="425"/>
      <c r="BD485" s="425"/>
      <c r="BE485" s="425"/>
      <c r="BF485" s="425"/>
      <c r="BG485" s="425"/>
      <c r="BH485" s="425"/>
      <c r="BI485" s="425"/>
      <c r="BJ485" s="425"/>
      <c r="BK485" s="425"/>
      <c r="BL485" s="425"/>
      <c r="BM485" s="425"/>
      <c r="BN485" s="425"/>
      <c r="BO485" s="425"/>
      <c r="BP485" s="425"/>
      <c r="BQ485" s="425"/>
      <c r="BR485" s="425"/>
      <c r="BS485" s="425"/>
      <c r="BT485" s="425"/>
      <c r="BU485" s="425"/>
      <c r="BV485" s="425"/>
      <c r="BW485" s="425"/>
      <c r="BX485" s="425"/>
      <c r="BY485" s="425"/>
      <c r="BZ485" s="425"/>
      <c r="CA485" s="425"/>
      <c r="CB485" s="425"/>
      <c r="CC485" s="425"/>
      <c r="CD485" s="425"/>
      <c r="CE485" s="425"/>
      <c r="CF485" s="425"/>
      <c r="CG485" s="425"/>
      <c r="CH485" s="425" t="s">
        <v>2190</v>
      </c>
      <c r="CI485" s="425"/>
      <c r="CJ485" s="425"/>
      <c r="CK485" s="425"/>
      <c r="CL485" s="425"/>
      <c r="CM485" s="425"/>
      <c r="CN485" s="425"/>
      <c r="CO485" s="425"/>
      <c r="CP485" s="425"/>
      <c r="CQ485" s="425"/>
      <c r="CR485" s="425"/>
      <c r="CS485" s="425"/>
      <c r="CT485" s="425"/>
      <c r="CU485" s="425"/>
      <c r="CV485" s="425"/>
      <c r="CW485" s="425"/>
      <c r="CX485" s="425"/>
      <c r="CY485" s="425"/>
      <c r="CZ485" s="425"/>
      <c r="DA485" s="425"/>
      <c r="DB485" s="425"/>
      <c r="DC485" s="425" t="s">
        <v>2190</v>
      </c>
      <c r="DD485" s="416"/>
      <c r="DE485" s="416" t="s">
        <v>2300</v>
      </c>
      <c r="DF485" s="416" t="s">
        <v>2279</v>
      </c>
    </row>
    <row r="486" spans="3:110" ht="56.1" customHeight="1" x14ac:dyDescent="0.2">
      <c r="C486" s="412">
        <v>146</v>
      </c>
      <c r="D486" s="412" t="s">
        <v>2182</v>
      </c>
      <c r="E486" s="422" t="s">
        <v>1385</v>
      </c>
      <c r="F486" s="422" t="s">
        <v>655</v>
      </c>
      <c r="G486" s="416" t="s">
        <v>900</v>
      </c>
      <c r="H486" s="416" t="s">
        <v>2865</v>
      </c>
      <c r="I486" s="416" t="s">
        <v>2866</v>
      </c>
      <c r="J486" s="416" t="s">
        <v>2635</v>
      </c>
      <c r="K486" s="416" t="s">
        <v>2636</v>
      </c>
      <c r="L486" s="416" t="s">
        <v>2637</v>
      </c>
      <c r="M486" s="416" t="s">
        <v>60</v>
      </c>
      <c r="N486" s="416" t="s">
        <v>61</v>
      </c>
      <c r="O486" s="424" t="s">
        <v>2258</v>
      </c>
      <c r="P486" s="459" t="s">
        <v>63</v>
      </c>
      <c r="Q486" s="425" t="s">
        <v>63</v>
      </c>
      <c r="R486" s="425" t="s">
        <v>2299</v>
      </c>
      <c r="S486" s="425" t="s">
        <v>2299</v>
      </c>
      <c r="T486" s="425" t="s">
        <v>2846</v>
      </c>
      <c r="U486" s="425" t="s">
        <v>245</v>
      </c>
      <c r="V486" s="425"/>
      <c r="W486" s="425"/>
      <c r="X486" s="425"/>
      <c r="Y486" s="425"/>
      <c r="Z486" s="425"/>
      <c r="AA486" s="425"/>
      <c r="AB486" s="425"/>
      <c r="AC486" s="425"/>
      <c r="AD486" s="425"/>
      <c r="AE486" s="425"/>
      <c r="AF486" s="425"/>
      <c r="AG486" s="425"/>
      <c r="AH486" s="425"/>
      <c r="AI486" s="425"/>
      <c r="AJ486" s="425"/>
      <c r="AK486" s="425"/>
      <c r="AL486" s="425"/>
      <c r="AM486" s="425"/>
      <c r="AN486" s="425"/>
      <c r="AO486" s="425"/>
      <c r="AP486" s="425"/>
      <c r="AQ486" s="425"/>
      <c r="AR486" s="425"/>
      <c r="AS486" s="425"/>
      <c r="AT486" s="425"/>
      <c r="AU486" s="425"/>
      <c r="AV486" s="425"/>
      <c r="AW486" s="425"/>
      <c r="AX486" s="425"/>
      <c r="AY486" s="425"/>
      <c r="AZ486" s="425"/>
      <c r="BA486" s="425"/>
      <c r="BB486" s="425"/>
      <c r="BC486" s="425"/>
      <c r="BD486" s="425"/>
      <c r="BE486" s="425"/>
      <c r="BF486" s="425"/>
      <c r="BG486" s="425"/>
      <c r="BH486" s="425"/>
      <c r="BI486" s="425"/>
      <c r="BJ486" s="425"/>
      <c r="BK486" s="425"/>
      <c r="BL486" s="425"/>
      <c r="BM486" s="425"/>
      <c r="BN486" s="425"/>
      <c r="BO486" s="425"/>
      <c r="BP486" s="425"/>
      <c r="BQ486" s="425"/>
      <c r="BR486" s="425"/>
      <c r="BS486" s="425"/>
      <c r="BT486" s="425"/>
      <c r="BU486" s="425"/>
      <c r="BV486" s="425"/>
      <c r="BW486" s="425"/>
      <c r="BX486" s="425"/>
      <c r="BY486" s="425"/>
      <c r="BZ486" s="425"/>
      <c r="CA486" s="425"/>
      <c r="CB486" s="425"/>
      <c r="CC486" s="425"/>
      <c r="CD486" s="425"/>
      <c r="CE486" s="425"/>
      <c r="CF486" s="425"/>
      <c r="CG486" s="425"/>
      <c r="CH486" s="425"/>
      <c r="CI486" s="425" t="s">
        <v>2190</v>
      </c>
      <c r="CJ486" s="425"/>
      <c r="CK486" s="425"/>
      <c r="CL486" s="425"/>
      <c r="CM486" s="425"/>
      <c r="CN486" s="425"/>
      <c r="CO486" s="425"/>
      <c r="CP486" s="425"/>
      <c r="CQ486" s="425"/>
      <c r="CR486" s="425"/>
      <c r="CS486" s="425"/>
      <c r="CT486" s="425"/>
      <c r="CU486" s="425" t="s">
        <v>2190</v>
      </c>
      <c r="CV486" s="425"/>
      <c r="CW486" s="425"/>
      <c r="CX486" s="425"/>
      <c r="CY486" s="425"/>
      <c r="CZ486" s="425"/>
      <c r="DA486" s="425"/>
      <c r="DB486" s="425"/>
      <c r="DC486" s="425"/>
      <c r="DD486" s="416"/>
      <c r="DE486" s="416" t="s">
        <v>2300</v>
      </c>
      <c r="DF486" s="416" t="s">
        <v>869</v>
      </c>
    </row>
    <row r="487" spans="3:110" ht="56.1" customHeight="1" x14ac:dyDescent="0.2">
      <c r="C487" s="412">
        <v>147</v>
      </c>
      <c r="D487" s="412" t="s">
        <v>2182</v>
      </c>
      <c r="E487" s="422" t="s">
        <v>1385</v>
      </c>
      <c r="F487" s="422" t="s">
        <v>655</v>
      </c>
      <c r="G487" s="416" t="s">
        <v>900</v>
      </c>
      <c r="H487" s="416" t="s">
        <v>2867</v>
      </c>
      <c r="I487" s="416" t="s">
        <v>2868</v>
      </c>
      <c r="J487" s="416" t="s">
        <v>2200</v>
      </c>
      <c r="K487" s="416" t="s">
        <v>2186</v>
      </c>
      <c r="L487" s="416" t="s">
        <v>2640</v>
      </c>
      <c r="M487" s="416" t="s">
        <v>60</v>
      </c>
      <c r="N487" s="416" t="s">
        <v>61</v>
      </c>
      <c r="O487" s="424" t="s">
        <v>2258</v>
      </c>
      <c r="P487" s="459" t="s">
        <v>63</v>
      </c>
      <c r="Q487" s="425" t="s">
        <v>63</v>
      </c>
      <c r="R487" s="425" t="s">
        <v>2299</v>
      </c>
      <c r="S487" s="425" t="s">
        <v>2299</v>
      </c>
      <c r="T487" s="425" t="s">
        <v>2846</v>
      </c>
      <c r="U487" s="425" t="s">
        <v>245</v>
      </c>
      <c r="V487" s="425"/>
      <c r="W487" s="425"/>
      <c r="X487" s="425"/>
      <c r="Y487" s="425"/>
      <c r="Z487" s="425"/>
      <c r="AA487" s="425"/>
      <c r="AB487" s="425"/>
      <c r="AC487" s="425"/>
      <c r="AD487" s="425"/>
      <c r="AE487" s="425"/>
      <c r="AF487" s="425"/>
      <c r="AG487" s="425"/>
      <c r="AH487" s="425"/>
      <c r="AI487" s="425"/>
      <c r="AJ487" s="425"/>
      <c r="AK487" s="425"/>
      <c r="AL487" s="425"/>
      <c r="AM487" s="425"/>
      <c r="AN487" s="425"/>
      <c r="AO487" s="425"/>
      <c r="AP487" s="425"/>
      <c r="AQ487" s="425"/>
      <c r="AR487" s="425"/>
      <c r="AS487" s="425"/>
      <c r="AT487" s="425"/>
      <c r="AU487" s="425"/>
      <c r="AV487" s="425"/>
      <c r="AW487" s="425"/>
      <c r="AX487" s="425"/>
      <c r="AY487" s="425"/>
      <c r="AZ487" s="425"/>
      <c r="BA487" s="425"/>
      <c r="BB487" s="425"/>
      <c r="BC487" s="425"/>
      <c r="BD487" s="425"/>
      <c r="BE487" s="425"/>
      <c r="BF487" s="425"/>
      <c r="BG487" s="425"/>
      <c r="BH487" s="425"/>
      <c r="BI487" s="425"/>
      <c r="BJ487" s="425"/>
      <c r="BK487" s="425"/>
      <c r="BL487" s="425"/>
      <c r="BM487" s="425"/>
      <c r="BN487" s="425"/>
      <c r="BO487" s="425"/>
      <c r="BP487" s="425"/>
      <c r="BQ487" s="425"/>
      <c r="BR487" s="425"/>
      <c r="BS487" s="425"/>
      <c r="BT487" s="425"/>
      <c r="BU487" s="425"/>
      <c r="BV487" s="425"/>
      <c r="BW487" s="425"/>
      <c r="BX487" s="425"/>
      <c r="BY487" s="425"/>
      <c r="BZ487" s="425"/>
      <c r="CA487" s="425"/>
      <c r="CB487" s="425"/>
      <c r="CC487" s="425"/>
      <c r="CD487" s="425"/>
      <c r="CE487" s="425"/>
      <c r="CF487" s="425"/>
      <c r="CG487" s="425"/>
      <c r="CH487" s="425"/>
      <c r="CI487" s="425"/>
      <c r="CJ487" s="425" t="s">
        <v>2190</v>
      </c>
      <c r="CK487" s="425"/>
      <c r="CL487" s="425"/>
      <c r="CM487" s="425"/>
      <c r="CN487" s="425"/>
      <c r="CO487" s="425"/>
      <c r="CP487" s="425"/>
      <c r="CQ487" s="425"/>
      <c r="CR487" s="425"/>
      <c r="CS487" s="425"/>
      <c r="CT487" s="425"/>
      <c r="CU487" s="425"/>
      <c r="CV487" s="425"/>
      <c r="CW487" s="425"/>
      <c r="CX487" s="425"/>
      <c r="CY487" s="425"/>
      <c r="CZ487" s="425"/>
      <c r="DA487" s="425"/>
      <c r="DB487" s="425" t="s">
        <v>2190</v>
      </c>
      <c r="DC487" s="425"/>
      <c r="DD487" s="416"/>
      <c r="DE487" s="416" t="s">
        <v>2300</v>
      </c>
      <c r="DF487" s="416" t="s">
        <v>869</v>
      </c>
    </row>
    <row r="488" spans="3:110" ht="56.1" customHeight="1" x14ac:dyDescent="0.2">
      <c r="C488" s="412">
        <v>148</v>
      </c>
      <c r="D488" s="412" t="s">
        <v>2182</v>
      </c>
      <c r="E488" s="422" t="s">
        <v>1385</v>
      </c>
      <c r="F488" s="422" t="s">
        <v>655</v>
      </c>
      <c r="G488" s="416" t="s">
        <v>900</v>
      </c>
      <c r="H488" s="416" t="s">
        <v>2869</v>
      </c>
      <c r="I488" s="416" t="s">
        <v>2870</v>
      </c>
      <c r="J488" s="416" t="s">
        <v>2643</v>
      </c>
      <c r="K488" s="416" t="s">
        <v>2631</v>
      </c>
      <c r="L488" s="416" t="s">
        <v>2644</v>
      </c>
      <c r="M488" s="416" t="s">
        <v>60</v>
      </c>
      <c r="N488" s="416" t="s">
        <v>61</v>
      </c>
      <c r="O488" s="424" t="s">
        <v>2258</v>
      </c>
      <c r="P488" s="459" t="s">
        <v>63</v>
      </c>
      <c r="Q488" s="425" t="s">
        <v>63</v>
      </c>
      <c r="R488" s="425" t="s">
        <v>2299</v>
      </c>
      <c r="S488" s="425" t="s">
        <v>2299</v>
      </c>
      <c r="T488" s="425" t="s">
        <v>2846</v>
      </c>
      <c r="U488" s="425" t="s">
        <v>245</v>
      </c>
      <c r="V488" s="425"/>
      <c r="W488" s="425"/>
      <c r="X488" s="425"/>
      <c r="Y488" s="425"/>
      <c r="Z488" s="425"/>
      <c r="AA488" s="425"/>
      <c r="AB488" s="425"/>
      <c r="AC488" s="425"/>
      <c r="AD488" s="425"/>
      <c r="AE488" s="425"/>
      <c r="AF488" s="425"/>
      <c r="AG488" s="425"/>
      <c r="AH488" s="425"/>
      <c r="AI488" s="425"/>
      <c r="AJ488" s="425"/>
      <c r="AK488" s="425"/>
      <c r="AL488" s="425"/>
      <c r="AM488" s="425"/>
      <c r="AN488" s="425"/>
      <c r="AO488" s="425"/>
      <c r="AP488" s="425"/>
      <c r="AQ488" s="425"/>
      <c r="AR488" s="425"/>
      <c r="AS488" s="425"/>
      <c r="AT488" s="425"/>
      <c r="AU488" s="425"/>
      <c r="AV488" s="425"/>
      <c r="AW488" s="425"/>
      <c r="AX488" s="425"/>
      <c r="AY488" s="425"/>
      <c r="AZ488" s="425"/>
      <c r="BA488" s="425"/>
      <c r="BB488" s="425"/>
      <c r="BC488" s="425"/>
      <c r="BD488" s="425"/>
      <c r="BE488" s="425"/>
      <c r="BF488" s="425"/>
      <c r="BG488" s="425"/>
      <c r="BH488" s="425"/>
      <c r="BI488" s="425"/>
      <c r="BJ488" s="425"/>
      <c r="BK488" s="425"/>
      <c r="BL488" s="425"/>
      <c r="BM488" s="425"/>
      <c r="BN488" s="425"/>
      <c r="BO488" s="425"/>
      <c r="BP488" s="425"/>
      <c r="BQ488" s="425"/>
      <c r="BR488" s="425"/>
      <c r="BS488" s="425"/>
      <c r="BT488" s="425"/>
      <c r="BU488" s="425"/>
      <c r="BV488" s="425"/>
      <c r="BW488" s="425"/>
      <c r="BX488" s="425"/>
      <c r="BY488" s="425"/>
      <c r="BZ488" s="425"/>
      <c r="CA488" s="425"/>
      <c r="CB488" s="425"/>
      <c r="CC488" s="425"/>
      <c r="CD488" s="425"/>
      <c r="CE488" s="425"/>
      <c r="CF488" s="425"/>
      <c r="CG488" s="425"/>
      <c r="CH488" s="425"/>
      <c r="CI488" s="425"/>
      <c r="CJ488" s="425"/>
      <c r="CK488" s="425" t="s">
        <v>2190</v>
      </c>
      <c r="CL488" s="425"/>
      <c r="CM488" s="425"/>
      <c r="CN488" s="425"/>
      <c r="CO488" s="425"/>
      <c r="CP488" s="425"/>
      <c r="CQ488" s="425"/>
      <c r="CR488" s="425"/>
      <c r="CS488" s="425"/>
      <c r="CT488" s="425"/>
      <c r="CU488" s="425"/>
      <c r="CV488" s="425"/>
      <c r="CW488" s="425" t="s">
        <v>2190</v>
      </c>
      <c r="CX488" s="425"/>
      <c r="CY488" s="425"/>
      <c r="CZ488" s="425"/>
      <c r="DA488" s="425"/>
      <c r="DB488" s="425"/>
      <c r="DC488" s="425"/>
      <c r="DD488" s="416"/>
      <c r="DE488" s="416" t="s">
        <v>2300</v>
      </c>
      <c r="DF488" s="416" t="s">
        <v>869</v>
      </c>
    </row>
    <row r="489" spans="3:110" ht="56.1" customHeight="1" x14ac:dyDescent="0.2">
      <c r="C489" s="412">
        <v>149</v>
      </c>
      <c r="D489" s="412" t="s">
        <v>2182</v>
      </c>
      <c r="E489" s="422" t="s">
        <v>1385</v>
      </c>
      <c r="F489" s="422" t="s">
        <v>655</v>
      </c>
      <c r="G489" s="416" t="s">
        <v>900</v>
      </c>
      <c r="H489" s="416" t="s">
        <v>2871</v>
      </c>
      <c r="I489" s="416" t="s">
        <v>2872</v>
      </c>
      <c r="J489" s="416" t="s">
        <v>2873</v>
      </c>
      <c r="K489" s="416" t="s">
        <v>2631</v>
      </c>
      <c r="L489" s="416" t="s">
        <v>2683</v>
      </c>
      <c r="M489" s="416" t="s">
        <v>60</v>
      </c>
      <c r="N489" s="416" t="s">
        <v>61</v>
      </c>
      <c r="O489" s="424" t="s">
        <v>2258</v>
      </c>
      <c r="P489" s="459" t="s">
        <v>63</v>
      </c>
      <c r="Q489" s="425" t="s">
        <v>63</v>
      </c>
      <c r="R489" s="425" t="s">
        <v>2299</v>
      </c>
      <c r="S489" s="425" t="s">
        <v>2299</v>
      </c>
      <c r="T489" s="425" t="s">
        <v>2846</v>
      </c>
      <c r="U489" s="425" t="s">
        <v>245</v>
      </c>
      <c r="V489" s="425"/>
      <c r="W489" s="425"/>
      <c r="X489" s="425"/>
      <c r="Y489" s="425"/>
      <c r="Z489" s="425"/>
      <c r="AA489" s="425"/>
      <c r="AB489" s="425"/>
      <c r="AC489" s="425"/>
      <c r="AD489" s="425"/>
      <c r="AE489" s="425"/>
      <c r="AF489" s="425"/>
      <c r="AG489" s="425"/>
      <c r="AH489" s="425"/>
      <c r="AI489" s="425"/>
      <c r="AJ489" s="425"/>
      <c r="AK489" s="425"/>
      <c r="AL489" s="425"/>
      <c r="AM489" s="425"/>
      <c r="AN489" s="425"/>
      <c r="AO489" s="425"/>
      <c r="AP489" s="425"/>
      <c r="AQ489" s="425"/>
      <c r="AR489" s="425"/>
      <c r="AS489" s="425"/>
      <c r="AT489" s="425"/>
      <c r="AU489" s="425"/>
      <c r="AV489" s="425"/>
      <c r="AW489" s="425"/>
      <c r="AX489" s="425"/>
      <c r="AY489" s="425"/>
      <c r="AZ489" s="425"/>
      <c r="BA489" s="425"/>
      <c r="BB489" s="425"/>
      <c r="BC489" s="425"/>
      <c r="BD489" s="425"/>
      <c r="BE489" s="425"/>
      <c r="BF489" s="425"/>
      <c r="BG489" s="425"/>
      <c r="BH489" s="425"/>
      <c r="BI489" s="425"/>
      <c r="BJ489" s="425"/>
      <c r="BK489" s="425"/>
      <c r="BL489" s="425"/>
      <c r="BM489" s="425"/>
      <c r="BN489" s="425"/>
      <c r="BO489" s="425"/>
      <c r="BP489" s="425"/>
      <c r="BQ489" s="425"/>
      <c r="BR489" s="425"/>
      <c r="BS489" s="425"/>
      <c r="BT489" s="425"/>
      <c r="BU489" s="425"/>
      <c r="BV489" s="425"/>
      <c r="BW489" s="425"/>
      <c r="BX489" s="425"/>
      <c r="BY489" s="425"/>
      <c r="BZ489" s="425"/>
      <c r="CA489" s="425"/>
      <c r="CB489" s="425"/>
      <c r="CC489" s="425"/>
      <c r="CD489" s="425"/>
      <c r="CE489" s="425"/>
      <c r="CF489" s="425"/>
      <c r="CG489" s="425"/>
      <c r="CH489" s="425"/>
      <c r="CI489" s="425"/>
      <c r="CJ489" s="425"/>
      <c r="CK489" s="425"/>
      <c r="CL489" s="425" t="s">
        <v>2190</v>
      </c>
      <c r="CM489" s="425"/>
      <c r="CN489" s="425"/>
      <c r="CO489" s="425"/>
      <c r="CP489" s="425"/>
      <c r="CQ489" s="425"/>
      <c r="CR489" s="425"/>
      <c r="CS489" s="425"/>
      <c r="CT489" s="425"/>
      <c r="CU489" s="425"/>
      <c r="CV489" s="425"/>
      <c r="CW489" s="425"/>
      <c r="CX489" s="425" t="s">
        <v>2190</v>
      </c>
      <c r="CY489" s="425"/>
      <c r="CZ489" s="425"/>
      <c r="DA489" s="425"/>
      <c r="DB489" s="425"/>
      <c r="DC489" s="425"/>
      <c r="DD489" s="416"/>
      <c r="DE489" s="416" t="s">
        <v>2300</v>
      </c>
      <c r="DF489" s="416" t="s">
        <v>869</v>
      </c>
    </row>
    <row r="490" spans="3:110" ht="56.1" customHeight="1" x14ac:dyDescent="0.2">
      <c r="C490" s="412">
        <v>150</v>
      </c>
      <c r="D490" s="412" t="s">
        <v>2182</v>
      </c>
      <c r="E490" s="422" t="s">
        <v>1385</v>
      </c>
      <c r="F490" s="422" t="s">
        <v>655</v>
      </c>
      <c r="G490" s="416" t="s">
        <v>900</v>
      </c>
      <c r="H490" s="416" t="s">
        <v>2874</v>
      </c>
      <c r="I490" s="416" t="s">
        <v>2875</v>
      </c>
      <c r="J490" s="416" t="s">
        <v>2264</v>
      </c>
      <c r="K490" s="416" t="s">
        <v>2264</v>
      </c>
      <c r="L490" s="416" t="s">
        <v>2265</v>
      </c>
      <c r="M490" s="416" t="s">
        <v>60</v>
      </c>
      <c r="N490" s="416" t="s">
        <v>61</v>
      </c>
      <c r="O490" s="424" t="s">
        <v>2258</v>
      </c>
      <c r="P490" s="459" t="s">
        <v>63</v>
      </c>
      <c r="Q490" s="425" t="s">
        <v>63</v>
      </c>
      <c r="R490" s="425" t="s">
        <v>2299</v>
      </c>
      <c r="S490" s="425" t="s">
        <v>2299</v>
      </c>
      <c r="T490" s="425" t="s">
        <v>2846</v>
      </c>
      <c r="U490" s="425" t="s">
        <v>245</v>
      </c>
      <c r="V490" s="425"/>
      <c r="W490" s="425"/>
      <c r="X490" s="425"/>
      <c r="Y490" s="425"/>
      <c r="Z490" s="425"/>
      <c r="AA490" s="425"/>
      <c r="AB490" s="425"/>
      <c r="AC490" s="425"/>
      <c r="AD490" s="425"/>
      <c r="AE490" s="425"/>
      <c r="AF490" s="425"/>
      <c r="AG490" s="425"/>
      <c r="AH490" s="425"/>
      <c r="AI490" s="425"/>
      <c r="AJ490" s="425"/>
      <c r="AK490" s="425"/>
      <c r="AL490" s="425"/>
      <c r="AM490" s="425"/>
      <c r="AN490" s="425"/>
      <c r="AO490" s="425"/>
      <c r="AP490" s="425"/>
      <c r="AQ490" s="425"/>
      <c r="AR490" s="425"/>
      <c r="AS490" s="425"/>
      <c r="AT490" s="425"/>
      <c r="AU490" s="425"/>
      <c r="AV490" s="425"/>
      <c r="AW490" s="425"/>
      <c r="AX490" s="425"/>
      <c r="AY490" s="425"/>
      <c r="AZ490" s="425"/>
      <c r="BA490" s="425"/>
      <c r="BB490" s="425"/>
      <c r="BC490" s="425"/>
      <c r="BD490" s="425"/>
      <c r="BE490" s="425"/>
      <c r="BF490" s="425"/>
      <c r="BG490" s="425"/>
      <c r="BH490" s="425"/>
      <c r="BI490" s="425"/>
      <c r="BJ490" s="425"/>
      <c r="BK490" s="425"/>
      <c r="BL490" s="425"/>
      <c r="BM490" s="425"/>
      <c r="BN490" s="425"/>
      <c r="BO490" s="425"/>
      <c r="BP490" s="425"/>
      <c r="BQ490" s="425"/>
      <c r="BR490" s="425"/>
      <c r="BS490" s="425"/>
      <c r="BT490" s="425"/>
      <c r="BU490" s="425"/>
      <c r="BV490" s="425"/>
      <c r="BW490" s="425"/>
      <c r="BX490" s="425"/>
      <c r="BY490" s="425"/>
      <c r="BZ490" s="425"/>
      <c r="CA490" s="425"/>
      <c r="CB490" s="425"/>
      <c r="CC490" s="425"/>
      <c r="CD490" s="425"/>
      <c r="CE490" s="425"/>
      <c r="CF490" s="425"/>
      <c r="CG490" s="425"/>
      <c r="CH490" s="425"/>
      <c r="CI490" s="425"/>
      <c r="CJ490" s="425"/>
      <c r="CK490" s="425"/>
      <c r="CL490" s="425"/>
      <c r="CM490" s="425" t="s">
        <v>2190</v>
      </c>
      <c r="CN490" s="425"/>
      <c r="CO490" s="425"/>
      <c r="CP490" s="425"/>
      <c r="CQ490" s="425"/>
      <c r="CR490" s="425"/>
      <c r="CS490" s="425"/>
      <c r="CT490" s="425"/>
      <c r="CU490" s="425"/>
      <c r="CV490" s="425"/>
      <c r="CW490" s="425"/>
      <c r="CX490" s="425"/>
      <c r="CY490" s="425" t="s">
        <v>2190</v>
      </c>
      <c r="CZ490" s="425"/>
      <c r="DA490" s="425"/>
      <c r="DB490" s="425"/>
      <c r="DC490" s="425"/>
      <c r="DD490" s="416"/>
      <c r="DE490" s="416" t="s">
        <v>2300</v>
      </c>
      <c r="DF490" s="416" t="s">
        <v>869</v>
      </c>
    </row>
    <row r="491" spans="3:110" ht="56.1" customHeight="1" x14ac:dyDescent="0.2">
      <c r="C491" s="412">
        <v>151</v>
      </c>
      <c r="D491" s="412" t="s">
        <v>2182</v>
      </c>
      <c r="E491" s="422" t="s">
        <v>1385</v>
      </c>
      <c r="F491" s="422" t="s">
        <v>655</v>
      </c>
      <c r="G491" s="416" t="s">
        <v>900</v>
      </c>
      <c r="H491" s="416" t="s">
        <v>2876</v>
      </c>
      <c r="I491" s="416" t="s">
        <v>2877</v>
      </c>
      <c r="J491" s="416" t="s">
        <v>2635</v>
      </c>
      <c r="K491" s="416" t="s">
        <v>2636</v>
      </c>
      <c r="L491" s="416" t="s">
        <v>2688</v>
      </c>
      <c r="M491" s="416" t="s">
        <v>60</v>
      </c>
      <c r="N491" s="416" t="s">
        <v>61</v>
      </c>
      <c r="O491" s="424" t="s">
        <v>2258</v>
      </c>
      <c r="P491" s="459" t="s">
        <v>63</v>
      </c>
      <c r="Q491" s="425" t="s">
        <v>63</v>
      </c>
      <c r="R491" s="425" t="s">
        <v>2299</v>
      </c>
      <c r="S491" s="425" t="s">
        <v>2299</v>
      </c>
      <c r="T491" s="425" t="s">
        <v>2846</v>
      </c>
      <c r="U491" s="425" t="s">
        <v>245</v>
      </c>
      <c r="V491" s="425"/>
      <c r="W491" s="425"/>
      <c r="X491" s="425"/>
      <c r="Y491" s="425"/>
      <c r="Z491" s="425"/>
      <c r="AA491" s="425"/>
      <c r="AB491" s="425"/>
      <c r="AC491" s="425"/>
      <c r="AD491" s="425"/>
      <c r="AE491" s="425"/>
      <c r="AF491" s="425"/>
      <c r="AG491" s="425"/>
      <c r="AH491" s="425"/>
      <c r="AI491" s="425"/>
      <c r="AJ491" s="425"/>
      <c r="AK491" s="425"/>
      <c r="AL491" s="425"/>
      <c r="AM491" s="425"/>
      <c r="AN491" s="425"/>
      <c r="AO491" s="425"/>
      <c r="AP491" s="425"/>
      <c r="AQ491" s="425"/>
      <c r="AR491" s="425"/>
      <c r="AS491" s="425"/>
      <c r="AT491" s="425"/>
      <c r="AU491" s="425"/>
      <c r="AV491" s="425"/>
      <c r="AW491" s="425"/>
      <c r="AX491" s="425"/>
      <c r="AY491" s="425"/>
      <c r="AZ491" s="425"/>
      <c r="BA491" s="425"/>
      <c r="BB491" s="425"/>
      <c r="BC491" s="425"/>
      <c r="BD491" s="425"/>
      <c r="BE491" s="425"/>
      <c r="BF491" s="425"/>
      <c r="BG491" s="425"/>
      <c r="BH491" s="425"/>
      <c r="BI491" s="425"/>
      <c r="BJ491" s="425"/>
      <c r="BK491" s="425"/>
      <c r="BL491" s="425"/>
      <c r="BM491" s="425"/>
      <c r="BN491" s="425"/>
      <c r="BO491" s="425"/>
      <c r="BP491" s="425"/>
      <c r="BQ491" s="425"/>
      <c r="BR491" s="425"/>
      <c r="BS491" s="425"/>
      <c r="BT491" s="425"/>
      <c r="BU491" s="425"/>
      <c r="BV491" s="425"/>
      <c r="BW491" s="425"/>
      <c r="BX491" s="425"/>
      <c r="BY491" s="425"/>
      <c r="BZ491" s="425"/>
      <c r="CA491" s="425"/>
      <c r="CB491" s="425"/>
      <c r="CC491" s="425"/>
      <c r="CD491" s="425"/>
      <c r="CE491" s="425"/>
      <c r="CF491" s="425"/>
      <c r="CG491" s="425"/>
      <c r="CH491" s="425"/>
      <c r="CI491" s="425"/>
      <c r="CJ491" s="425"/>
      <c r="CK491" s="425"/>
      <c r="CL491" s="425"/>
      <c r="CM491" s="425"/>
      <c r="CN491" s="425" t="s">
        <v>2190</v>
      </c>
      <c r="CO491" s="425"/>
      <c r="CP491" s="425"/>
      <c r="CQ491" s="425"/>
      <c r="CR491" s="425"/>
      <c r="CS491" s="425"/>
      <c r="CT491" s="425"/>
      <c r="CU491" s="425" t="s">
        <v>2190</v>
      </c>
      <c r="CV491" s="425"/>
      <c r="CW491" s="425"/>
      <c r="CX491" s="425"/>
      <c r="CY491" s="425"/>
      <c r="CZ491" s="425"/>
      <c r="DA491" s="425"/>
      <c r="DB491" s="425"/>
      <c r="DC491" s="425"/>
      <c r="DD491" s="416"/>
      <c r="DE491" s="416" t="s">
        <v>2300</v>
      </c>
      <c r="DF491" s="416" t="s">
        <v>869</v>
      </c>
    </row>
    <row r="492" spans="3:110" ht="56.1" customHeight="1" x14ac:dyDescent="0.2">
      <c r="C492" s="412">
        <v>152</v>
      </c>
      <c r="D492" s="412" t="s">
        <v>2182</v>
      </c>
      <c r="E492" s="422" t="s">
        <v>1385</v>
      </c>
      <c r="F492" s="422" t="s">
        <v>655</v>
      </c>
      <c r="G492" s="416" t="s">
        <v>900</v>
      </c>
      <c r="H492" s="416" t="s">
        <v>2878</v>
      </c>
      <c r="I492" s="416" t="s">
        <v>2879</v>
      </c>
      <c r="J492" s="416" t="s">
        <v>2622</v>
      </c>
      <c r="K492" s="416" t="s">
        <v>2691</v>
      </c>
      <c r="L492" s="416" t="s">
        <v>2692</v>
      </c>
      <c r="M492" s="416" t="s">
        <v>60</v>
      </c>
      <c r="N492" s="416" t="s">
        <v>61</v>
      </c>
      <c r="O492" s="424" t="s">
        <v>2258</v>
      </c>
      <c r="P492" s="459" t="s">
        <v>63</v>
      </c>
      <c r="Q492" s="425" t="s">
        <v>63</v>
      </c>
      <c r="R492" s="425" t="s">
        <v>2299</v>
      </c>
      <c r="S492" s="425" t="s">
        <v>2299</v>
      </c>
      <c r="T492" s="425" t="s">
        <v>2846</v>
      </c>
      <c r="U492" s="425" t="s">
        <v>245</v>
      </c>
      <c r="V492" s="425"/>
      <c r="W492" s="425"/>
      <c r="X492" s="425"/>
      <c r="Y492" s="425"/>
      <c r="Z492" s="425"/>
      <c r="AA492" s="425"/>
      <c r="AB492" s="425"/>
      <c r="AC492" s="425"/>
      <c r="AD492" s="425"/>
      <c r="AE492" s="425"/>
      <c r="AF492" s="425"/>
      <c r="AG492" s="425"/>
      <c r="AH492" s="425"/>
      <c r="AI492" s="425"/>
      <c r="AJ492" s="425"/>
      <c r="AK492" s="425"/>
      <c r="AL492" s="425"/>
      <c r="AM492" s="425"/>
      <c r="AN492" s="425"/>
      <c r="AO492" s="425"/>
      <c r="AP492" s="425"/>
      <c r="AQ492" s="425"/>
      <c r="AR492" s="425"/>
      <c r="AS492" s="425"/>
      <c r="AT492" s="425"/>
      <c r="AU492" s="425"/>
      <c r="AV492" s="425"/>
      <c r="AW492" s="425"/>
      <c r="AX492" s="425"/>
      <c r="AY492" s="425"/>
      <c r="AZ492" s="425"/>
      <c r="BA492" s="425"/>
      <c r="BB492" s="425"/>
      <c r="BC492" s="425"/>
      <c r="BD492" s="425"/>
      <c r="BE492" s="425"/>
      <c r="BF492" s="425"/>
      <c r="BG492" s="425"/>
      <c r="BH492" s="425"/>
      <c r="BI492" s="425"/>
      <c r="BJ492" s="425"/>
      <c r="BK492" s="425"/>
      <c r="BL492" s="425"/>
      <c r="BM492" s="425"/>
      <c r="BN492" s="425"/>
      <c r="BO492" s="425"/>
      <c r="BP492" s="425"/>
      <c r="BQ492" s="425"/>
      <c r="BR492" s="425"/>
      <c r="BS492" s="425"/>
      <c r="BT492" s="425"/>
      <c r="BU492" s="425"/>
      <c r="BV492" s="425"/>
      <c r="BW492" s="425"/>
      <c r="BX492" s="425"/>
      <c r="BY492" s="425"/>
      <c r="BZ492" s="425"/>
      <c r="CA492" s="425"/>
      <c r="CB492" s="425"/>
      <c r="CC492" s="425"/>
      <c r="CD492" s="425"/>
      <c r="CE492" s="425"/>
      <c r="CF492" s="425"/>
      <c r="CG492" s="425"/>
      <c r="CH492" s="425"/>
      <c r="CI492" s="425"/>
      <c r="CJ492" s="425"/>
      <c r="CK492" s="425"/>
      <c r="CL492" s="425"/>
      <c r="CM492" s="425"/>
      <c r="CN492" s="425"/>
      <c r="CO492" s="425" t="s">
        <v>2190</v>
      </c>
      <c r="CP492" s="425"/>
      <c r="CQ492" s="425"/>
      <c r="CR492" s="425"/>
      <c r="CS492" s="425"/>
      <c r="CT492" s="425"/>
      <c r="CU492" s="425"/>
      <c r="CV492" s="425"/>
      <c r="CW492" s="425"/>
      <c r="CX492" s="425"/>
      <c r="CY492" s="425"/>
      <c r="CZ492" s="425" t="s">
        <v>2190</v>
      </c>
      <c r="DA492" s="425"/>
      <c r="DB492" s="425"/>
      <c r="DC492" s="425"/>
      <c r="DD492" s="416"/>
      <c r="DE492" s="416" t="s">
        <v>2300</v>
      </c>
      <c r="DF492" s="416" t="s">
        <v>869</v>
      </c>
    </row>
    <row r="493" spans="3:110" ht="56.1" customHeight="1" x14ac:dyDescent="0.2">
      <c r="C493" s="412">
        <v>153</v>
      </c>
      <c r="D493" s="412" t="s">
        <v>2182</v>
      </c>
      <c r="E493" s="422" t="s">
        <v>1385</v>
      </c>
      <c r="F493" s="422" t="s">
        <v>655</v>
      </c>
      <c r="G493" s="416" t="s">
        <v>2508</v>
      </c>
      <c r="H493" s="416" t="s">
        <v>2880</v>
      </c>
      <c r="I493" s="416" t="s">
        <v>2881</v>
      </c>
      <c r="J493" s="416" t="s">
        <v>2882</v>
      </c>
      <c r="K493" s="416" t="s">
        <v>2636</v>
      </c>
      <c r="L493" s="416" t="s">
        <v>63</v>
      </c>
      <c r="M493" s="416" t="s">
        <v>81</v>
      </c>
      <c r="N493" s="416" t="s">
        <v>61</v>
      </c>
      <c r="O493" s="424" t="s">
        <v>2258</v>
      </c>
      <c r="P493" s="459" t="s">
        <v>63</v>
      </c>
      <c r="Q493" s="425" t="s">
        <v>63</v>
      </c>
      <c r="R493" s="425">
        <v>4873100</v>
      </c>
      <c r="S493" s="425">
        <v>4873100</v>
      </c>
      <c r="T493" s="425" t="s">
        <v>2413</v>
      </c>
      <c r="U493" s="425" t="s">
        <v>853</v>
      </c>
      <c r="V493" s="425"/>
      <c r="W493" s="425"/>
      <c r="X493" s="425"/>
      <c r="Y493" s="425"/>
      <c r="Z493" s="425"/>
      <c r="AA493" s="425"/>
      <c r="AB493" s="425"/>
      <c r="AC493" s="425"/>
      <c r="AD493" s="425"/>
      <c r="AE493" s="425"/>
      <c r="AF493" s="425"/>
      <c r="AG493" s="425"/>
      <c r="AH493" s="425"/>
      <c r="AI493" s="425"/>
      <c r="AJ493" s="425"/>
      <c r="AK493" s="425"/>
      <c r="AL493" s="425"/>
      <c r="AM493" s="425"/>
      <c r="AN493" s="425"/>
      <c r="AO493" s="425"/>
      <c r="AP493" s="425"/>
      <c r="AQ493" s="425"/>
      <c r="AR493" s="425"/>
      <c r="AS493" s="425"/>
      <c r="AT493" s="425"/>
      <c r="AU493" s="425"/>
      <c r="AV493" s="425"/>
      <c r="AW493" s="425"/>
      <c r="AX493" s="425"/>
      <c r="AY493" s="425"/>
      <c r="AZ493" s="425"/>
      <c r="BA493" s="425"/>
      <c r="BB493" s="425"/>
      <c r="BC493" s="425"/>
      <c r="BD493" s="425"/>
      <c r="BE493" s="425"/>
      <c r="BF493" s="425"/>
      <c r="BG493" s="425"/>
      <c r="BH493" s="425"/>
      <c r="BI493" s="425"/>
      <c r="BJ493" s="425"/>
      <c r="BK493" s="425"/>
      <c r="BL493" s="425"/>
      <c r="BM493" s="425"/>
      <c r="BN493" s="425"/>
      <c r="BO493" s="425"/>
      <c r="BP493" s="425"/>
      <c r="BQ493" s="425"/>
      <c r="BR493" s="425"/>
      <c r="BS493" s="425"/>
      <c r="BT493" s="425"/>
      <c r="BU493" s="425"/>
      <c r="BV493" s="425"/>
      <c r="BW493" s="425"/>
      <c r="BX493" s="425"/>
      <c r="BY493" s="425"/>
      <c r="BZ493" s="425"/>
      <c r="CA493" s="425"/>
      <c r="CB493" s="425"/>
      <c r="CC493" s="425"/>
      <c r="CD493" s="425"/>
      <c r="CE493" s="425"/>
      <c r="CF493" s="425"/>
      <c r="CG493" s="425"/>
      <c r="CH493" s="425" t="s">
        <v>2190</v>
      </c>
      <c r="CI493" s="425"/>
      <c r="CJ493" s="425"/>
      <c r="CK493" s="425"/>
      <c r="CL493" s="425"/>
      <c r="CM493" s="425"/>
      <c r="CN493" s="425" t="s">
        <v>2190</v>
      </c>
      <c r="CO493" s="425"/>
      <c r="CP493" s="425"/>
      <c r="CQ493" s="425"/>
      <c r="CR493" s="425"/>
      <c r="CS493" s="425"/>
      <c r="CT493" s="425" t="s">
        <v>2190</v>
      </c>
      <c r="CU493" s="425" t="s">
        <v>2190</v>
      </c>
      <c r="CV493" s="425"/>
      <c r="CW493" s="416"/>
      <c r="CX493" s="425"/>
      <c r="CY493" s="425"/>
      <c r="CZ493" s="425"/>
      <c r="DA493" s="416"/>
      <c r="DB493" s="416"/>
      <c r="DC493" s="425"/>
      <c r="DD493" s="416"/>
      <c r="DE493" s="416" t="s">
        <v>2429</v>
      </c>
      <c r="DF493" s="416"/>
    </row>
    <row r="494" spans="3:110" ht="56.1" customHeight="1" x14ac:dyDescent="0.2">
      <c r="C494" s="412">
        <v>154</v>
      </c>
      <c r="D494" s="412" t="s">
        <v>2182</v>
      </c>
      <c r="E494" s="422" t="s">
        <v>1385</v>
      </c>
      <c r="F494" s="422" t="s">
        <v>655</v>
      </c>
      <c r="G494" s="416" t="s">
        <v>2508</v>
      </c>
      <c r="H494" s="416" t="s">
        <v>2883</v>
      </c>
      <c r="I494" s="416" t="s">
        <v>2884</v>
      </c>
      <c r="J494" s="416" t="s">
        <v>2882</v>
      </c>
      <c r="K494" s="416" t="s">
        <v>2636</v>
      </c>
      <c r="L494" s="416" t="s">
        <v>63</v>
      </c>
      <c r="M494" s="416" t="s">
        <v>81</v>
      </c>
      <c r="N494" s="416" t="s">
        <v>61</v>
      </c>
      <c r="O494" s="424" t="s">
        <v>2258</v>
      </c>
      <c r="P494" s="459" t="s">
        <v>63</v>
      </c>
      <c r="Q494" s="425" t="s">
        <v>63</v>
      </c>
      <c r="R494" s="425">
        <v>1033000</v>
      </c>
      <c r="S494" s="425">
        <v>1033000</v>
      </c>
      <c r="T494" s="425" t="s">
        <v>2413</v>
      </c>
      <c r="U494" s="425" t="s">
        <v>853</v>
      </c>
      <c r="V494" s="425"/>
      <c r="W494" s="425"/>
      <c r="X494" s="425"/>
      <c r="Y494" s="425"/>
      <c r="Z494" s="425"/>
      <c r="AA494" s="425"/>
      <c r="AB494" s="425"/>
      <c r="AC494" s="425"/>
      <c r="AD494" s="425"/>
      <c r="AE494" s="425"/>
      <c r="AF494" s="425"/>
      <c r="AG494" s="425"/>
      <c r="AH494" s="425"/>
      <c r="AI494" s="425"/>
      <c r="AJ494" s="425"/>
      <c r="AK494" s="425"/>
      <c r="AL494" s="425"/>
      <c r="AM494" s="425"/>
      <c r="AN494" s="425"/>
      <c r="AO494" s="425"/>
      <c r="AP494" s="425"/>
      <c r="AQ494" s="425"/>
      <c r="AR494" s="425"/>
      <c r="AS494" s="425"/>
      <c r="AT494" s="425"/>
      <c r="AU494" s="425"/>
      <c r="AV494" s="425"/>
      <c r="AW494" s="425"/>
      <c r="AX494" s="425"/>
      <c r="AY494" s="425"/>
      <c r="AZ494" s="425"/>
      <c r="BA494" s="425"/>
      <c r="BB494" s="425"/>
      <c r="BC494" s="425"/>
      <c r="BD494" s="425"/>
      <c r="BE494" s="425"/>
      <c r="BF494" s="425"/>
      <c r="BG494" s="425"/>
      <c r="BH494" s="425"/>
      <c r="BI494" s="425"/>
      <c r="BJ494" s="425"/>
      <c r="BK494" s="425"/>
      <c r="BL494" s="425"/>
      <c r="BM494" s="425"/>
      <c r="BN494" s="425"/>
      <c r="BO494" s="425"/>
      <c r="BP494" s="425"/>
      <c r="BQ494" s="425"/>
      <c r="BR494" s="425"/>
      <c r="BS494" s="425"/>
      <c r="BT494" s="425"/>
      <c r="BU494" s="425"/>
      <c r="BV494" s="425"/>
      <c r="BW494" s="425"/>
      <c r="BX494" s="425"/>
      <c r="BY494" s="425"/>
      <c r="BZ494" s="425"/>
      <c r="CA494" s="425"/>
      <c r="CB494" s="425"/>
      <c r="CC494" s="425"/>
      <c r="CD494" s="425"/>
      <c r="CE494" s="425"/>
      <c r="CF494" s="425"/>
      <c r="CG494" s="425"/>
      <c r="CH494" s="425" t="s">
        <v>2190</v>
      </c>
      <c r="CI494" s="425"/>
      <c r="CJ494" s="425"/>
      <c r="CK494" s="425"/>
      <c r="CL494" s="425"/>
      <c r="CM494" s="425"/>
      <c r="CN494" s="425" t="s">
        <v>2190</v>
      </c>
      <c r="CO494" s="425"/>
      <c r="CP494" s="425"/>
      <c r="CQ494" s="425"/>
      <c r="CR494" s="425"/>
      <c r="CS494" s="425"/>
      <c r="CT494" s="425"/>
      <c r="CU494" s="425" t="s">
        <v>2190</v>
      </c>
      <c r="CV494" s="425"/>
      <c r="CW494" s="416"/>
      <c r="CX494" s="425"/>
      <c r="CY494" s="425"/>
      <c r="CZ494" s="425"/>
      <c r="DA494" s="416"/>
      <c r="DB494" s="416"/>
      <c r="DC494" s="425"/>
      <c r="DD494" s="416"/>
      <c r="DE494" s="416" t="s">
        <v>2429</v>
      </c>
      <c r="DF494" s="416"/>
    </row>
    <row r="495" spans="3:110" ht="56.1" customHeight="1" x14ac:dyDescent="0.2">
      <c r="C495" s="412">
        <v>155</v>
      </c>
      <c r="D495" s="412" t="s">
        <v>2182</v>
      </c>
      <c r="E495" s="422" t="s">
        <v>1385</v>
      </c>
      <c r="F495" s="422" t="s">
        <v>655</v>
      </c>
      <c r="G495" s="416" t="s">
        <v>2508</v>
      </c>
      <c r="H495" s="416" t="s">
        <v>2885</v>
      </c>
      <c r="I495" s="416" t="s">
        <v>2886</v>
      </c>
      <c r="J495" s="416" t="s">
        <v>253</v>
      </c>
      <c r="K495" s="416" t="s">
        <v>2887</v>
      </c>
      <c r="L495" s="416" t="s">
        <v>63</v>
      </c>
      <c r="M495" s="416" t="s">
        <v>81</v>
      </c>
      <c r="N495" s="416" t="s">
        <v>61</v>
      </c>
      <c r="O495" s="424" t="s">
        <v>2258</v>
      </c>
      <c r="P495" s="459" t="s">
        <v>63</v>
      </c>
      <c r="Q495" s="425" t="s">
        <v>63</v>
      </c>
      <c r="R495" s="425">
        <v>10143450</v>
      </c>
      <c r="S495" s="425">
        <v>10143450</v>
      </c>
      <c r="T495" s="425" t="s">
        <v>2413</v>
      </c>
      <c r="U495" s="425" t="s">
        <v>853</v>
      </c>
      <c r="V495" s="425"/>
      <c r="W495" s="425"/>
      <c r="X495" s="425"/>
      <c r="Y495" s="425"/>
      <c r="Z495" s="425"/>
      <c r="AA495" s="425"/>
      <c r="AB495" s="425"/>
      <c r="AC495" s="425"/>
      <c r="AD495" s="425"/>
      <c r="AE495" s="425"/>
      <c r="AF495" s="425"/>
      <c r="AG495" s="425"/>
      <c r="AH495" s="425"/>
      <c r="AI495" s="425"/>
      <c r="AJ495" s="425"/>
      <c r="AK495" s="425"/>
      <c r="AL495" s="425"/>
      <c r="AM495" s="425"/>
      <c r="AN495" s="425"/>
      <c r="AO495" s="425"/>
      <c r="AP495" s="425"/>
      <c r="AQ495" s="425"/>
      <c r="AR495" s="425"/>
      <c r="AS495" s="425"/>
      <c r="AT495" s="425"/>
      <c r="AU495" s="425"/>
      <c r="AV495" s="425"/>
      <c r="AW495" s="425"/>
      <c r="AX495" s="425"/>
      <c r="AY495" s="425"/>
      <c r="AZ495" s="425"/>
      <c r="BA495" s="425"/>
      <c r="BB495" s="425"/>
      <c r="BC495" s="425"/>
      <c r="BD495" s="425"/>
      <c r="BE495" s="425"/>
      <c r="BF495" s="425"/>
      <c r="BG495" s="425"/>
      <c r="BH495" s="425"/>
      <c r="BI495" s="425"/>
      <c r="BJ495" s="425"/>
      <c r="BK495" s="425"/>
      <c r="BL495" s="425"/>
      <c r="BM495" s="425"/>
      <c r="BN495" s="425"/>
      <c r="BO495" s="425"/>
      <c r="BP495" s="425"/>
      <c r="BQ495" s="425"/>
      <c r="BR495" s="425"/>
      <c r="BS495" s="425"/>
      <c r="BT495" s="425"/>
      <c r="BU495" s="425"/>
      <c r="BV495" s="425"/>
      <c r="BW495" s="425"/>
      <c r="BX495" s="425"/>
      <c r="BY495" s="425"/>
      <c r="BZ495" s="425"/>
      <c r="CA495" s="425"/>
      <c r="CB495" s="425"/>
      <c r="CC495" s="425"/>
      <c r="CD495" s="425"/>
      <c r="CE495" s="425"/>
      <c r="CF495" s="425"/>
      <c r="CG495" s="425"/>
      <c r="CH495" s="425" t="s">
        <v>2190</v>
      </c>
      <c r="CI495" s="425"/>
      <c r="CJ495" s="425"/>
      <c r="CK495" s="425"/>
      <c r="CL495" s="425"/>
      <c r="CM495" s="425"/>
      <c r="CN495" s="425" t="s">
        <v>2190</v>
      </c>
      <c r="CO495" s="425"/>
      <c r="CP495" s="425"/>
      <c r="CQ495" s="425"/>
      <c r="CR495" s="425"/>
      <c r="CS495" s="425"/>
      <c r="CT495" s="425" t="s">
        <v>2190</v>
      </c>
      <c r="CU495" s="425" t="s">
        <v>2190</v>
      </c>
      <c r="CV495" s="425"/>
      <c r="CW495" s="416"/>
      <c r="CX495" s="425"/>
      <c r="CY495" s="425"/>
      <c r="CZ495" s="425"/>
      <c r="DA495" s="416"/>
      <c r="DB495" s="416"/>
      <c r="DC495" s="425" t="s">
        <v>2190</v>
      </c>
      <c r="DD495" s="416"/>
      <c r="DE495" s="416" t="s">
        <v>2429</v>
      </c>
      <c r="DF495" s="416"/>
    </row>
    <row r="496" spans="3:110" ht="56.1" customHeight="1" x14ac:dyDescent="0.2">
      <c r="C496" s="412">
        <v>156</v>
      </c>
      <c r="D496" s="412" t="s">
        <v>2182</v>
      </c>
      <c r="E496" s="422" t="s">
        <v>1385</v>
      </c>
      <c r="F496" s="422" t="s">
        <v>655</v>
      </c>
      <c r="G496" s="416" t="s">
        <v>2508</v>
      </c>
      <c r="H496" s="416" t="s">
        <v>2888</v>
      </c>
      <c r="I496" s="416" t="s">
        <v>2889</v>
      </c>
      <c r="J496" s="416" t="s">
        <v>2257</v>
      </c>
      <c r="K496" s="416" t="s">
        <v>2887</v>
      </c>
      <c r="L496" s="416" t="s">
        <v>63</v>
      </c>
      <c r="M496" s="416" t="s">
        <v>81</v>
      </c>
      <c r="N496" s="416" t="s">
        <v>61</v>
      </c>
      <c r="O496" s="424" t="s">
        <v>2258</v>
      </c>
      <c r="P496" s="459" t="s">
        <v>63</v>
      </c>
      <c r="Q496" s="425" t="s">
        <v>63</v>
      </c>
      <c r="R496" s="425">
        <v>1062200</v>
      </c>
      <c r="S496" s="425">
        <v>1062200</v>
      </c>
      <c r="T496" s="425" t="s">
        <v>2413</v>
      </c>
      <c r="U496" s="425" t="s">
        <v>853</v>
      </c>
      <c r="V496" s="425"/>
      <c r="W496" s="425"/>
      <c r="X496" s="425"/>
      <c r="Y496" s="425"/>
      <c r="Z496" s="425"/>
      <c r="AA496" s="425"/>
      <c r="AB496" s="425"/>
      <c r="AC496" s="425"/>
      <c r="AD496" s="425"/>
      <c r="AE496" s="425"/>
      <c r="AF496" s="425"/>
      <c r="AG496" s="425"/>
      <c r="AH496" s="425"/>
      <c r="AI496" s="425"/>
      <c r="AJ496" s="425"/>
      <c r="AK496" s="425"/>
      <c r="AL496" s="425"/>
      <c r="AM496" s="425"/>
      <c r="AN496" s="425"/>
      <c r="AO496" s="425"/>
      <c r="AP496" s="425"/>
      <c r="AQ496" s="425"/>
      <c r="AR496" s="425"/>
      <c r="AS496" s="425"/>
      <c r="AT496" s="425"/>
      <c r="AU496" s="425"/>
      <c r="AV496" s="425"/>
      <c r="AW496" s="425"/>
      <c r="AX496" s="425"/>
      <c r="AY496" s="425"/>
      <c r="AZ496" s="425"/>
      <c r="BA496" s="425"/>
      <c r="BB496" s="425"/>
      <c r="BC496" s="425"/>
      <c r="BD496" s="425"/>
      <c r="BE496" s="425"/>
      <c r="BF496" s="425"/>
      <c r="BG496" s="425"/>
      <c r="BH496" s="425"/>
      <c r="BI496" s="425"/>
      <c r="BJ496" s="425"/>
      <c r="BK496" s="425"/>
      <c r="BL496" s="425"/>
      <c r="BM496" s="425"/>
      <c r="BN496" s="425"/>
      <c r="BO496" s="425"/>
      <c r="BP496" s="425"/>
      <c r="BQ496" s="425"/>
      <c r="BR496" s="425"/>
      <c r="BS496" s="425"/>
      <c r="BT496" s="425"/>
      <c r="BU496" s="425"/>
      <c r="BV496" s="425"/>
      <c r="BW496" s="425"/>
      <c r="BX496" s="425"/>
      <c r="BY496" s="425"/>
      <c r="BZ496" s="425"/>
      <c r="CA496" s="425"/>
      <c r="CB496" s="425"/>
      <c r="CC496" s="425"/>
      <c r="CD496" s="425"/>
      <c r="CE496" s="425"/>
      <c r="CF496" s="425"/>
      <c r="CG496" s="425"/>
      <c r="CH496" s="425" t="s">
        <v>2190</v>
      </c>
      <c r="CI496" s="425"/>
      <c r="CJ496" s="425"/>
      <c r="CK496" s="425"/>
      <c r="CL496" s="425"/>
      <c r="CM496" s="425"/>
      <c r="CN496" s="425"/>
      <c r="CO496" s="425"/>
      <c r="CP496" s="425"/>
      <c r="CQ496" s="425"/>
      <c r="CR496" s="425"/>
      <c r="CS496" s="425"/>
      <c r="CT496" s="425"/>
      <c r="CU496" s="425"/>
      <c r="CV496" s="425"/>
      <c r="CW496" s="416"/>
      <c r="CX496" s="425"/>
      <c r="CY496" s="425"/>
      <c r="CZ496" s="425"/>
      <c r="DA496" s="416"/>
      <c r="DB496" s="416"/>
      <c r="DC496" s="425" t="s">
        <v>2190</v>
      </c>
      <c r="DD496" s="416"/>
      <c r="DE496" s="416" t="s">
        <v>2429</v>
      </c>
      <c r="DF496" s="416"/>
    </row>
    <row r="497" spans="3:110" ht="56.1" customHeight="1" x14ac:dyDescent="0.2">
      <c r="C497" s="412">
        <v>157</v>
      </c>
      <c r="D497" s="412" t="s">
        <v>2182</v>
      </c>
      <c r="E497" s="422" t="s">
        <v>1385</v>
      </c>
      <c r="F497" s="422" t="s">
        <v>655</v>
      </c>
      <c r="G497" s="416" t="s">
        <v>2508</v>
      </c>
      <c r="H497" s="416" t="s">
        <v>2890</v>
      </c>
      <c r="I497" s="416" t="s">
        <v>2891</v>
      </c>
      <c r="J497" s="416" t="s">
        <v>2257</v>
      </c>
      <c r="K497" s="416" t="s">
        <v>2887</v>
      </c>
      <c r="L497" s="416" t="s">
        <v>63</v>
      </c>
      <c r="M497" s="416" t="s">
        <v>81</v>
      </c>
      <c r="N497" s="416" t="s">
        <v>61</v>
      </c>
      <c r="O497" s="424" t="s">
        <v>2258</v>
      </c>
      <c r="P497" s="459" t="s">
        <v>63</v>
      </c>
      <c r="Q497" s="425" t="s">
        <v>63</v>
      </c>
      <c r="R497" s="425">
        <v>8664400</v>
      </c>
      <c r="S497" s="425">
        <v>8664400</v>
      </c>
      <c r="T497" s="425" t="s">
        <v>2413</v>
      </c>
      <c r="U497" s="425" t="s">
        <v>853</v>
      </c>
      <c r="V497" s="425"/>
      <c r="W497" s="425"/>
      <c r="X497" s="425"/>
      <c r="Y497" s="425"/>
      <c r="Z497" s="425"/>
      <c r="AA497" s="425"/>
      <c r="AB497" s="425"/>
      <c r="AC497" s="425"/>
      <c r="AD497" s="425"/>
      <c r="AE497" s="425"/>
      <c r="AF497" s="425"/>
      <c r="AG497" s="425"/>
      <c r="AH497" s="425"/>
      <c r="AI497" s="425"/>
      <c r="AJ497" s="425"/>
      <c r="AK497" s="425"/>
      <c r="AL497" s="425"/>
      <c r="AM497" s="425"/>
      <c r="AN497" s="425"/>
      <c r="AO497" s="425"/>
      <c r="AP497" s="425"/>
      <c r="AQ497" s="425"/>
      <c r="AR497" s="425"/>
      <c r="AS497" s="425"/>
      <c r="AT497" s="425"/>
      <c r="AU497" s="425"/>
      <c r="AV497" s="425"/>
      <c r="AW497" s="425"/>
      <c r="AX497" s="425"/>
      <c r="AY497" s="425"/>
      <c r="AZ497" s="425"/>
      <c r="BA497" s="425"/>
      <c r="BB497" s="425"/>
      <c r="BC497" s="425"/>
      <c r="BD497" s="425"/>
      <c r="BE497" s="425"/>
      <c r="BF497" s="425"/>
      <c r="BG497" s="425"/>
      <c r="BH497" s="425"/>
      <c r="BI497" s="425"/>
      <c r="BJ497" s="425"/>
      <c r="BK497" s="425"/>
      <c r="BL497" s="425"/>
      <c r="BM497" s="425"/>
      <c r="BN497" s="425"/>
      <c r="BO497" s="425"/>
      <c r="BP497" s="425"/>
      <c r="BQ497" s="425"/>
      <c r="BR497" s="425"/>
      <c r="BS497" s="425"/>
      <c r="BT497" s="425"/>
      <c r="BU497" s="425"/>
      <c r="BV497" s="425"/>
      <c r="BW497" s="425"/>
      <c r="BX497" s="425"/>
      <c r="BY497" s="425"/>
      <c r="BZ497" s="425"/>
      <c r="CA497" s="425"/>
      <c r="CB497" s="425"/>
      <c r="CC497" s="425"/>
      <c r="CD497" s="425"/>
      <c r="CE497" s="425"/>
      <c r="CF497" s="425"/>
      <c r="CG497" s="425"/>
      <c r="CH497" s="425" t="s">
        <v>2190</v>
      </c>
      <c r="CI497" s="425"/>
      <c r="CJ497" s="425"/>
      <c r="CK497" s="425"/>
      <c r="CL497" s="425"/>
      <c r="CM497" s="425"/>
      <c r="CN497" s="425"/>
      <c r="CO497" s="425"/>
      <c r="CP497" s="425"/>
      <c r="CQ497" s="425"/>
      <c r="CR497" s="425"/>
      <c r="CS497" s="425"/>
      <c r="CT497" s="425"/>
      <c r="CU497" s="425"/>
      <c r="CV497" s="425"/>
      <c r="CW497" s="416"/>
      <c r="CX497" s="425"/>
      <c r="CY497" s="425"/>
      <c r="CZ497" s="425"/>
      <c r="DA497" s="416"/>
      <c r="DB497" s="416"/>
      <c r="DC497" s="425" t="s">
        <v>2190</v>
      </c>
      <c r="DD497" s="416"/>
      <c r="DE497" s="416" t="s">
        <v>2429</v>
      </c>
      <c r="DF497" s="416"/>
    </row>
    <row r="498" spans="3:110" ht="56.1" customHeight="1" x14ac:dyDescent="0.2">
      <c r="C498" s="412">
        <v>158</v>
      </c>
      <c r="D498" s="412" t="s">
        <v>2182</v>
      </c>
      <c r="E498" s="422" t="s">
        <v>1385</v>
      </c>
      <c r="F498" s="422" t="s">
        <v>655</v>
      </c>
      <c r="G498" s="416" t="s">
        <v>2508</v>
      </c>
      <c r="H498" s="416" t="s">
        <v>2892</v>
      </c>
      <c r="I498" s="416" t="s">
        <v>2893</v>
      </c>
      <c r="J498" s="416" t="s">
        <v>2257</v>
      </c>
      <c r="K498" s="416" t="s">
        <v>2408</v>
      </c>
      <c r="L498" s="416" t="s">
        <v>63</v>
      </c>
      <c r="M498" s="416" t="s">
        <v>81</v>
      </c>
      <c r="N498" s="416" t="s">
        <v>61</v>
      </c>
      <c r="O498" s="424" t="s">
        <v>2258</v>
      </c>
      <c r="P498" s="459" t="s">
        <v>63</v>
      </c>
      <c r="Q498" s="425" t="s">
        <v>63</v>
      </c>
      <c r="R498" s="425">
        <v>800000</v>
      </c>
      <c r="S498" s="425">
        <v>800000</v>
      </c>
      <c r="T498" s="425" t="s">
        <v>2413</v>
      </c>
      <c r="U498" s="425" t="s">
        <v>853</v>
      </c>
      <c r="V498" s="425"/>
      <c r="W498" s="425"/>
      <c r="X498" s="425"/>
      <c r="Y498" s="425"/>
      <c r="Z498" s="425"/>
      <c r="AA498" s="425"/>
      <c r="AB498" s="425"/>
      <c r="AC498" s="425"/>
      <c r="AD498" s="425"/>
      <c r="AE498" s="425"/>
      <c r="AF498" s="425"/>
      <c r="AG498" s="425"/>
      <c r="AH498" s="425"/>
      <c r="AI498" s="425"/>
      <c r="AJ498" s="425"/>
      <c r="AK498" s="425"/>
      <c r="AL498" s="425"/>
      <c r="AM498" s="425"/>
      <c r="AN498" s="425"/>
      <c r="AO498" s="425"/>
      <c r="AP498" s="425"/>
      <c r="AQ498" s="425"/>
      <c r="AR498" s="425"/>
      <c r="AS498" s="425"/>
      <c r="AT498" s="425"/>
      <c r="AU498" s="425"/>
      <c r="AV498" s="425"/>
      <c r="AW498" s="425"/>
      <c r="AX498" s="425"/>
      <c r="AY498" s="425"/>
      <c r="AZ498" s="425"/>
      <c r="BA498" s="425"/>
      <c r="BB498" s="425"/>
      <c r="BC498" s="425"/>
      <c r="BD498" s="425"/>
      <c r="BE498" s="425"/>
      <c r="BF498" s="425"/>
      <c r="BG498" s="425"/>
      <c r="BH498" s="425"/>
      <c r="BI498" s="425"/>
      <c r="BJ498" s="425"/>
      <c r="BK498" s="425"/>
      <c r="BL498" s="425"/>
      <c r="BM498" s="425"/>
      <c r="BN498" s="425"/>
      <c r="BO498" s="425"/>
      <c r="BP498" s="425"/>
      <c r="BQ498" s="425"/>
      <c r="BR498" s="425"/>
      <c r="BS498" s="425"/>
      <c r="BT498" s="425"/>
      <c r="BU498" s="425"/>
      <c r="BV498" s="425"/>
      <c r="BW498" s="425"/>
      <c r="BX498" s="425"/>
      <c r="BY498" s="425"/>
      <c r="BZ498" s="425"/>
      <c r="CA498" s="425"/>
      <c r="CB498" s="425"/>
      <c r="CC498" s="425"/>
      <c r="CD498" s="425"/>
      <c r="CE498" s="425"/>
      <c r="CF498" s="425"/>
      <c r="CG498" s="425"/>
      <c r="CH498" s="425" t="s">
        <v>2190</v>
      </c>
      <c r="CI498" s="425"/>
      <c r="CJ498" s="425"/>
      <c r="CK498" s="425"/>
      <c r="CL498" s="425"/>
      <c r="CM498" s="425"/>
      <c r="CN498" s="425"/>
      <c r="CO498" s="425"/>
      <c r="CP498" s="425"/>
      <c r="CQ498" s="425"/>
      <c r="CR498" s="425"/>
      <c r="CS498" s="425"/>
      <c r="CT498" s="425"/>
      <c r="CU498" s="425"/>
      <c r="CV498" s="425"/>
      <c r="CW498" s="416"/>
      <c r="CX498" s="425"/>
      <c r="CY498" s="425"/>
      <c r="CZ498" s="425"/>
      <c r="DA498" s="416"/>
      <c r="DB498" s="416"/>
      <c r="DC498" s="425" t="s">
        <v>2190</v>
      </c>
      <c r="DD498" s="416"/>
      <c r="DE498" s="416" t="s">
        <v>2429</v>
      </c>
      <c r="DF498" s="416"/>
    </row>
    <row r="499" spans="3:110" ht="56.1" customHeight="1" x14ac:dyDescent="0.2">
      <c r="C499" s="415">
        <v>159</v>
      </c>
      <c r="D499" s="412" t="s">
        <v>2182</v>
      </c>
      <c r="E499" s="430" t="s">
        <v>1385</v>
      </c>
      <c r="F499" s="430" t="s">
        <v>655</v>
      </c>
      <c r="G499" s="417" t="s">
        <v>2508</v>
      </c>
      <c r="H499" s="417" t="s">
        <v>2426</v>
      </c>
      <c r="I499" s="417" t="s">
        <v>2427</v>
      </c>
      <c r="J499" s="417" t="s">
        <v>2186</v>
      </c>
      <c r="K499" s="417" t="s">
        <v>2428</v>
      </c>
      <c r="L499" s="417" t="s">
        <v>253</v>
      </c>
      <c r="M499" s="417" t="s">
        <v>81</v>
      </c>
      <c r="N499" s="417" t="s">
        <v>61</v>
      </c>
      <c r="O499" s="433" t="s">
        <v>2258</v>
      </c>
      <c r="P499" s="461" t="s">
        <v>63</v>
      </c>
      <c r="Q499" s="434" t="s">
        <v>63</v>
      </c>
      <c r="R499" s="434">
        <v>6830000</v>
      </c>
      <c r="S499" s="434">
        <v>6830000</v>
      </c>
      <c r="T499" s="434" t="s">
        <v>2413</v>
      </c>
      <c r="U499" s="434" t="s">
        <v>853</v>
      </c>
      <c r="V499" s="434"/>
      <c r="W499" s="434"/>
      <c r="X499" s="434"/>
      <c r="Y499" s="434"/>
      <c r="Z499" s="434"/>
      <c r="AA499" s="434"/>
      <c r="AB499" s="434"/>
      <c r="AC499" s="434"/>
      <c r="AD499" s="434"/>
      <c r="AE499" s="434"/>
      <c r="AF499" s="434"/>
      <c r="AG499" s="434"/>
      <c r="AH499" s="434"/>
      <c r="AI499" s="434"/>
      <c r="AJ499" s="434"/>
      <c r="AK499" s="434"/>
      <c r="AL499" s="434"/>
      <c r="AM499" s="434"/>
      <c r="AN499" s="434"/>
      <c r="AO499" s="434"/>
      <c r="AP499" s="434"/>
      <c r="AQ499" s="434"/>
      <c r="AR499" s="434"/>
      <c r="AS499" s="434"/>
      <c r="AT499" s="434"/>
      <c r="AU499" s="434"/>
      <c r="AV499" s="434"/>
      <c r="AW499" s="434"/>
      <c r="AX499" s="434"/>
      <c r="AY499" s="434"/>
      <c r="AZ499" s="434"/>
      <c r="BA499" s="434"/>
      <c r="BB499" s="434"/>
      <c r="BC499" s="434"/>
      <c r="BD499" s="434"/>
      <c r="BE499" s="434"/>
      <c r="BF499" s="434"/>
      <c r="BG499" s="434"/>
      <c r="BH499" s="434"/>
      <c r="BI499" s="434"/>
      <c r="BJ499" s="434"/>
      <c r="BK499" s="434"/>
      <c r="BL499" s="434"/>
      <c r="BM499" s="434"/>
      <c r="BN499" s="434"/>
      <c r="BO499" s="434"/>
      <c r="BP499" s="434"/>
      <c r="BQ499" s="434"/>
      <c r="BR499" s="434"/>
      <c r="BS499" s="434"/>
      <c r="BT499" s="434"/>
      <c r="BU499" s="434"/>
      <c r="BV499" s="434"/>
      <c r="BW499" s="434"/>
      <c r="BX499" s="434"/>
      <c r="BY499" s="434"/>
      <c r="BZ499" s="434"/>
      <c r="CA499" s="434"/>
      <c r="CB499" s="434"/>
      <c r="CC499" s="434"/>
      <c r="CD499" s="434"/>
      <c r="CE499" s="434"/>
      <c r="CF499" s="434"/>
      <c r="CG499" s="434"/>
      <c r="CH499" s="434"/>
      <c r="CI499" s="434"/>
      <c r="CJ499" s="434"/>
      <c r="CK499" s="434"/>
      <c r="CL499" s="434"/>
      <c r="CM499" s="434"/>
      <c r="CN499" s="434"/>
      <c r="CO499" s="434"/>
      <c r="CP499" s="434" t="s">
        <v>2190</v>
      </c>
      <c r="CQ499" s="434" t="s">
        <v>2190</v>
      </c>
      <c r="CR499" s="434" t="s">
        <v>2190</v>
      </c>
      <c r="CS499" s="434"/>
      <c r="CT499" s="434"/>
      <c r="CU499" s="434"/>
      <c r="CV499" s="434"/>
      <c r="CW499" s="417"/>
      <c r="CX499" s="434"/>
      <c r="CY499" s="434"/>
      <c r="CZ499" s="434"/>
      <c r="DA499" s="417"/>
      <c r="DB499" s="434" t="s">
        <v>2190</v>
      </c>
      <c r="DC499" s="434"/>
      <c r="DD499" s="417"/>
      <c r="DE499" s="417" t="s">
        <v>2429</v>
      </c>
      <c r="DF499" s="418"/>
    </row>
    <row r="500" spans="3:110" ht="56.1" customHeight="1" x14ac:dyDescent="0.2">
      <c r="C500" s="415">
        <v>162</v>
      </c>
      <c r="D500" s="412" t="s">
        <v>2182</v>
      </c>
      <c r="E500" s="430" t="s">
        <v>1385</v>
      </c>
      <c r="F500" s="430" t="s">
        <v>655</v>
      </c>
      <c r="G500" s="417" t="s">
        <v>2508</v>
      </c>
      <c r="H500" s="417" t="s">
        <v>2435</v>
      </c>
      <c r="I500" s="417" t="s">
        <v>2436</v>
      </c>
      <c r="J500" s="417" t="s">
        <v>2186</v>
      </c>
      <c r="K500" s="417" t="s">
        <v>2416</v>
      </c>
      <c r="L500" s="417" t="s">
        <v>253</v>
      </c>
      <c r="M500" s="417" t="s">
        <v>2437</v>
      </c>
      <c r="N500" s="417" t="s">
        <v>61</v>
      </c>
      <c r="O500" s="433" t="s">
        <v>2258</v>
      </c>
      <c r="P500" s="434">
        <v>1136645</v>
      </c>
      <c r="Q500" s="434">
        <v>1630552.83</v>
      </c>
      <c r="R500" s="434">
        <v>1383598.915</v>
      </c>
      <c r="S500" s="434">
        <v>1507075.8725000001</v>
      </c>
      <c r="T500" s="434" t="s">
        <v>2413</v>
      </c>
      <c r="U500" s="434" t="s">
        <v>853</v>
      </c>
      <c r="V500" s="434"/>
      <c r="W500" s="434"/>
      <c r="X500" s="434"/>
      <c r="Y500" s="434"/>
      <c r="Z500" s="434"/>
      <c r="AA500" s="434"/>
      <c r="AB500" s="434"/>
      <c r="AC500" s="434"/>
      <c r="AD500" s="434"/>
      <c r="AE500" s="434"/>
      <c r="AF500" s="434"/>
      <c r="AG500" s="434"/>
      <c r="AH500" s="434"/>
      <c r="AI500" s="434"/>
      <c r="AJ500" s="434"/>
      <c r="AK500" s="434"/>
      <c r="AL500" s="434"/>
      <c r="AM500" s="434"/>
      <c r="AN500" s="434"/>
      <c r="AO500" s="434"/>
      <c r="AP500" s="434"/>
      <c r="AQ500" s="434"/>
      <c r="AR500" s="434"/>
      <c r="AS500" s="434"/>
      <c r="AT500" s="434"/>
      <c r="AU500" s="434"/>
      <c r="AV500" s="434"/>
      <c r="AW500" s="434"/>
      <c r="AX500" s="434"/>
      <c r="AY500" s="434"/>
      <c r="AZ500" s="434"/>
      <c r="BA500" s="434"/>
      <c r="BB500" s="434"/>
      <c r="BC500" s="434"/>
      <c r="BD500" s="434"/>
      <c r="BE500" s="434"/>
      <c r="BF500" s="434"/>
      <c r="BG500" s="434"/>
      <c r="BH500" s="434"/>
      <c r="BI500" s="434"/>
      <c r="BJ500" s="434"/>
      <c r="BK500" s="434"/>
      <c r="BL500" s="434"/>
      <c r="BM500" s="434"/>
      <c r="BN500" s="434"/>
      <c r="BO500" s="434"/>
      <c r="BP500" s="434"/>
      <c r="BQ500" s="434"/>
      <c r="BR500" s="434"/>
      <c r="BS500" s="434"/>
      <c r="BT500" s="434"/>
      <c r="BU500" s="434"/>
      <c r="BV500" s="434"/>
      <c r="BW500" s="434"/>
      <c r="BX500" s="434"/>
      <c r="BY500" s="434"/>
      <c r="BZ500" s="434"/>
      <c r="CA500" s="434"/>
      <c r="CB500" s="434"/>
      <c r="CC500" s="434"/>
      <c r="CD500" s="434"/>
      <c r="CE500" s="434"/>
      <c r="CF500" s="434"/>
      <c r="CG500" s="434"/>
      <c r="CH500" s="434"/>
      <c r="CI500" s="434"/>
      <c r="CJ500" s="434"/>
      <c r="CK500" s="434"/>
      <c r="CL500" s="434"/>
      <c r="CM500" s="434"/>
      <c r="CN500" s="434"/>
      <c r="CO500" s="434"/>
      <c r="CP500" s="434" t="s">
        <v>2190</v>
      </c>
      <c r="CQ500" s="434" t="s">
        <v>2190</v>
      </c>
      <c r="CR500" s="434"/>
      <c r="CS500" s="434"/>
      <c r="CT500" s="434"/>
      <c r="CU500" s="434"/>
      <c r="CV500" s="434"/>
      <c r="CW500" s="417"/>
      <c r="CX500" s="434"/>
      <c r="CY500" s="434"/>
      <c r="CZ500" s="434"/>
      <c r="DA500" s="417"/>
      <c r="DB500" s="434" t="s">
        <v>2190</v>
      </c>
      <c r="DC500" s="434"/>
      <c r="DD500" s="417"/>
      <c r="DE500" s="417" t="s">
        <v>2429</v>
      </c>
      <c r="DF500" s="418"/>
    </row>
    <row r="501" spans="3:110" ht="56.1" customHeight="1" x14ac:dyDescent="0.2">
      <c r="C501" s="412">
        <v>163</v>
      </c>
      <c r="D501" s="412" t="s">
        <v>2182</v>
      </c>
      <c r="E501" s="422" t="s">
        <v>1385</v>
      </c>
      <c r="F501" s="422" t="s">
        <v>655</v>
      </c>
      <c r="G501" s="416" t="s">
        <v>2508</v>
      </c>
      <c r="H501" s="416" t="s">
        <v>2894</v>
      </c>
      <c r="I501" s="416" t="s">
        <v>2895</v>
      </c>
      <c r="J501" s="416" t="s">
        <v>2635</v>
      </c>
      <c r="K501" s="416" t="s">
        <v>2636</v>
      </c>
      <c r="L501" s="416" t="s">
        <v>63</v>
      </c>
      <c r="M501" s="416" t="s">
        <v>81</v>
      </c>
      <c r="N501" s="416" t="s">
        <v>61</v>
      </c>
      <c r="O501" s="424" t="s">
        <v>2258</v>
      </c>
      <c r="P501" s="459" t="s">
        <v>63</v>
      </c>
      <c r="Q501" s="425" t="s">
        <v>63</v>
      </c>
      <c r="R501" s="425">
        <v>105000</v>
      </c>
      <c r="S501" s="425">
        <v>105000</v>
      </c>
      <c r="T501" s="425" t="s">
        <v>2413</v>
      </c>
      <c r="U501" s="425" t="s">
        <v>853</v>
      </c>
      <c r="V501" s="425"/>
      <c r="W501" s="425"/>
      <c r="X501" s="425"/>
      <c r="Y501" s="425"/>
      <c r="Z501" s="425"/>
      <c r="AA501" s="425"/>
      <c r="AB501" s="425"/>
      <c r="AC501" s="425"/>
      <c r="AD501" s="425"/>
      <c r="AE501" s="425"/>
      <c r="AF501" s="425"/>
      <c r="AG501" s="425"/>
      <c r="AH501" s="425"/>
      <c r="AI501" s="425"/>
      <c r="AJ501" s="425"/>
      <c r="AK501" s="425"/>
      <c r="AL501" s="425"/>
      <c r="AM501" s="425"/>
      <c r="AN501" s="425"/>
      <c r="AO501" s="425"/>
      <c r="AP501" s="425"/>
      <c r="AQ501" s="425"/>
      <c r="AR501" s="425"/>
      <c r="AS501" s="425"/>
      <c r="AT501" s="425"/>
      <c r="AU501" s="425"/>
      <c r="AV501" s="425"/>
      <c r="AW501" s="425"/>
      <c r="AX501" s="425"/>
      <c r="AY501" s="425"/>
      <c r="AZ501" s="425"/>
      <c r="BA501" s="425"/>
      <c r="BB501" s="425"/>
      <c r="BC501" s="425"/>
      <c r="BD501" s="425"/>
      <c r="BE501" s="425"/>
      <c r="BF501" s="425"/>
      <c r="BG501" s="425"/>
      <c r="BH501" s="425"/>
      <c r="BI501" s="425"/>
      <c r="BJ501" s="425"/>
      <c r="BK501" s="425"/>
      <c r="BL501" s="425"/>
      <c r="BM501" s="425"/>
      <c r="BN501" s="425"/>
      <c r="BO501" s="425"/>
      <c r="BP501" s="425"/>
      <c r="BQ501" s="425"/>
      <c r="BR501" s="425"/>
      <c r="BS501" s="425"/>
      <c r="BT501" s="425"/>
      <c r="BU501" s="425"/>
      <c r="BV501" s="425"/>
      <c r="BW501" s="425"/>
      <c r="BX501" s="425"/>
      <c r="BY501" s="425"/>
      <c r="BZ501" s="425"/>
      <c r="CA501" s="425"/>
      <c r="CB501" s="425"/>
      <c r="CC501" s="425"/>
      <c r="CD501" s="425"/>
      <c r="CE501" s="425"/>
      <c r="CF501" s="425"/>
      <c r="CG501" s="425"/>
      <c r="CH501" s="425"/>
      <c r="CI501" s="425" t="s">
        <v>2190</v>
      </c>
      <c r="CJ501" s="425"/>
      <c r="CK501" s="425"/>
      <c r="CL501" s="425"/>
      <c r="CM501" s="425"/>
      <c r="CN501" s="425"/>
      <c r="CO501" s="425"/>
      <c r="CP501" s="425"/>
      <c r="CQ501" s="425"/>
      <c r="CR501" s="425"/>
      <c r="CS501" s="425"/>
      <c r="CT501" s="425"/>
      <c r="CU501" s="425" t="s">
        <v>2190</v>
      </c>
      <c r="CV501" s="425"/>
      <c r="CW501" s="416"/>
      <c r="CX501" s="425"/>
      <c r="CY501" s="425"/>
      <c r="CZ501" s="425"/>
      <c r="DA501" s="416"/>
      <c r="DB501" s="416"/>
      <c r="DC501" s="425"/>
      <c r="DD501" s="416"/>
      <c r="DE501" s="416" t="s">
        <v>2429</v>
      </c>
      <c r="DF501" s="419"/>
    </row>
    <row r="502" spans="3:110" ht="56.1" customHeight="1" x14ac:dyDescent="0.2">
      <c r="C502" s="412">
        <v>164</v>
      </c>
      <c r="D502" s="412" t="s">
        <v>2182</v>
      </c>
      <c r="E502" s="422" t="s">
        <v>1385</v>
      </c>
      <c r="F502" s="422" t="s">
        <v>655</v>
      </c>
      <c r="G502" s="416" t="s">
        <v>2508</v>
      </c>
      <c r="H502" s="416" t="s">
        <v>2896</v>
      </c>
      <c r="I502" s="416" t="s">
        <v>2897</v>
      </c>
      <c r="J502" s="416" t="s">
        <v>2635</v>
      </c>
      <c r="K502" s="416" t="s">
        <v>2636</v>
      </c>
      <c r="L502" s="416" t="s">
        <v>63</v>
      </c>
      <c r="M502" s="416" t="s">
        <v>81</v>
      </c>
      <c r="N502" s="416" t="s">
        <v>61</v>
      </c>
      <c r="O502" s="424" t="s">
        <v>2258</v>
      </c>
      <c r="P502" s="459" t="s">
        <v>63</v>
      </c>
      <c r="Q502" s="425" t="s">
        <v>63</v>
      </c>
      <c r="R502" s="425">
        <v>2095450</v>
      </c>
      <c r="S502" s="425">
        <v>2095450</v>
      </c>
      <c r="T502" s="425" t="s">
        <v>2413</v>
      </c>
      <c r="U502" s="425" t="s">
        <v>853</v>
      </c>
      <c r="V502" s="425"/>
      <c r="W502" s="425"/>
      <c r="X502" s="425"/>
      <c r="Y502" s="425"/>
      <c r="Z502" s="425"/>
      <c r="AA502" s="425"/>
      <c r="AB502" s="425"/>
      <c r="AC502" s="425"/>
      <c r="AD502" s="425"/>
      <c r="AE502" s="425"/>
      <c r="AF502" s="425"/>
      <c r="AG502" s="425"/>
      <c r="AH502" s="425"/>
      <c r="AI502" s="425"/>
      <c r="AJ502" s="425"/>
      <c r="AK502" s="425"/>
      <c r="AL502" s="425"/>
      <c r="AM502" s="425"/>
      <c r="AN502" s="425"/>
      <c r="AO502" s="425"/>
      <c r="AP502" s="425"/>
      <c r="AQ502" s="425"/>
      <c r="AR502" s="425"/>
      <c r="AS502" s="425"/>
      <c r="AT502" s="425"/>
      <c r="AU502" s="425"/>
      <c r="AV502" s="425"/>
      <c r="AW502" s="425"/>
      <c r="AX502" s="425"/>
      <c r="AY502" s="425"/>
      <c r="AZ502" s="425"/>
      <c r="BA502" s="425"/>
      <c r="BB502" s="425"/>
      <c r="BC502" s="425"/>
      <c r="BD502" s="425"/>
      <c r="BE502" s="425"/>
      <c r="BF502" s="425"/>
      <c r="BG502" s="425"/>
      <c r="BH502" s="425"/>
      <c r="BI502" s="425"/>
      <c r="BJ502" s="425"/>
      <c r="BK502" s="425"/>
      <c r="BL502" s="425"/>
      <c r="BM502" s="425"/>
      <c r="BN502" s="425"/>
      <c r="BO502" s="425"/>
      <c r="BP502" s="425"/>
      <c r="BQ502" s="425"/>
      <c r="BR502" s="425"/>
      <c r="BS502" s="425"/>
      <c r="BT502" s="425"/>
      <c r="BU502" s="425"/>
      <c r="BV502" s="425"/>
      <c r="BW502" s="425"/>
      <c r="BX502" s="425"/>
      <c r="BY502" s="425"/>
      <c r="BZ502" s="425"/>
      <c r="CA502" s="425"/>
      <c r="CB502" s="425"/>
      <c r="CC502" s="425"/>
      <c r="CD502" s="425"/>
      <c r="CE502" s="425"/>
      <c r="CF502" s="425"/>
      <c r="CG502" s="425"/>
      <c r="CH502" s="425"/>
      <c r="CI502" s="425" t="s">
        <v>2190</v>
      </c>
      <c r="CJ502" s="425"/>
      <c r="CK502" s="425"/>
      <c r="CL502" s="425"/>
      <c r="CM502" s="425"/>
      <c r="CN502" s="425"/>
      <c r="CO502" s="425"/>
      <c r="CP502" s="425"/>
      <c r="CQ502" s="425"/>
      <c r="CR502" s="425"/>
      <c r="CS502" s="425"/>
      <c r="CT502" s="425"/>
      <c r="CU502" s="425" t="s">
        <v>2190</v>
      </c>
      <c r="CV502" s="425"/>
      <c r="CW502" s="416"/>
      <c r="CX502" s="425"/>
      <c r="CY502" s="425"/>
      <c r="CZ502" s="425"/>
      <c r="DA502" s="416"/>
      <c r="DB502" s="416"/>
      <c r="DC502" s="425"/>
      <c r="DD502" s="416"/>
      <c r="DE502" s="416" t="s">
        <v>2429</v>
      </c>
      <c r="DF502" s="419"/>
    </row>
    <row r="503" spans="3:110" ht="56.1" customHeight="1" x14ac:dyDescent="0.2">
      <c r="C503" s="412">
        <v>165</v>
      </c>
      <c r="D503" s="412" t="s">
        <v>2182</v>
      </c>
      <c r="E503" s="422" t="s">
        <v>1385</v>
      </c>
      <c r="F503" s="422" t="s">
        <v>655</v>
      </c>
      <c r="G503" s="416" t="s">
        <v>2508</v>
      </c>
      <c r="H503" s="416" t="s">
        <v>2898</v>
      </c>
      <c r="I503" s="416" t="s">
        <v>2899</v>
      </c>
      <c r="J503" s="416" t="s">
        <v>2635</v>
      </c>
      <c r="K503" s="416" t="s">
        <v>2636</v>
      </c>
      <c r="L503" s="416" t="s">
        <v>63</v>
      </c>
      <c r="M503" s="416" t="s">
        <v>81</v>
      </c>
      <c r="N503" s="416" t="s">
        <v>61</v>
      </c>
      <c r="O503" s="424" t="s">
        <v>2258</v>
      </c>
      <c r="P503" s="459" t="s">
        <v>63</v>
      </c>
      <c r="Q503" s="425" t="s">
        <v>63</v>
      </c>
      <c r="R503" s="425">
        <v>2414750</v>
      </c>
      <c r="S503" s="425">
        <v>2414750</v>
      </c>
      <c r="T503" s="425" t="s">
        <v>2413</v>
      </c>
      <c r="U503" s="425" t="s">
        <v>853</v>
      </c>
      <c r="V503" s="425"/>
      <c r="W503" s="425"/>
      <c r="X503" s="425"/>
      <c r="Y503" s="425"/>
      <c r="Z503" s="425"/>
      <c r="AA503" s="425"/>
      <c r="AB503" s="425"/>
      <c r="AC503" s="425"/>
      <c r="AD503" s="425"/>
      <c r="AE503" s="425"/>
      <c r="AF503" s="425"/>
      <c r="AG503" s="425"/>
      <c r="AH503" s="425"/>
      <c r="AI503" s="425"/>
      <c r="AJ503" s="425"/>
      <c r="AK503" s="425"/>
      <c r="AL503" s="425"/>
      <c r="AM503" s="425"/>
      <c r="AN503" s="425"/>
      <c r="AO503" s="425"/>
      <c r="AP503" s="425"/>
      <c r="AQ503" s="425"/>
      <c r="AR503" s="425"/>
      <c r="AS503" s="425"/>
      <c r="AT503" s="425"/>
      <c r="AU503" s="425"/>
      <c r="AV503" s="425"/>
      <c r="AW503" s="425"/>
      <c r="AX503" s="425"/>
      <c r="AY503" s="425"/>
      <c r="AZ503" s="425"/>
      <c r="BA503" s="425"/>
      <c r="BB503" s="425"/>
      <c r="BC503" s="425"/>
      <c r="BD503" s="425"/>
      <c r="BE503" s="425"/>
      <c r="BF503" s="425"/>
      <c r="BG503" s="425"/>
      <c r="BH503" s="425"/>
      <c r="BI503" s="425"/>
      <c r="BJ503" s="425"/>
      <c r="BK503" s="425"/>
      <c r="BL503" s="425"/>
      <c r="BM503" s="425"/>
      <c r="BN503" s="425"/>
      <c r="BO503" s="425"/>
      <c r="BP503" s="425"/>
      <c r="BQ503" s="425"/>
      <c r="BR503" s="425"/>
      <c r="BS503" s="425"/>
      <c r="BT503" s="425"/>
      <c r="BU503" s="425"/>
      <c r="BV503" s="425"/>
      <c r="BW503" s="425"/>
      <c r="BX503" s="425"/>
      <c r="BY503" s="425"/>
      <c r="BZ503" s="425"/>
      <c r="CA503" s="425"/>
      <c r="CB503" s="425"/>
      <c r="CC503" s="425"/>
      <c r="CD503" s="425"/>
      <c r="CE503" s="425"/>
      <c r="CF503" s="425"/>
      <c r="CG503" s="425"/>
      <c r="CH503" s="425"/>
      <c r="CI503" s="425" t="s">
        <v>2190</v>
      </c>
      <c r="CJ503" s="425"/>
      <c r="CK503" s="425"/>
      <c r="CL503" s="425"/>
      <c r="CM503" s="425"/>
      <c r="CN503" s="425"/>
      <c r="CO503" s="425"/>
      <c r="CP503" s="425"/>
      <c r="CQ503" s="425"/>
      <c r="CR503" s="425"/>
      <c r="CS503" s="425"/>
      <c r="CT503" s="425"/>
      <c r="CU503" s="425" t="s">
        <v>2190</v>
      </c>
      <c r="CV503" s="425"/>
      <c r="CW503" s="416"/>
      <c r="CX503" s="425"/>
      <c r="CY503" s="425"/>
      <c r="CZ503" s="425"/>
      <c r="DA503" s="416"/>
      <c r="DB503" s="416"/>
      <c r="DC503" s="425"/>
      <c r="DD503" s="416"/>
      <c r="DE503" s="416" t="s">
        <v>2429</v>
      </c>
      <c r="DF503" s="419"/>
    </row>
    <row r="504" spans="3:110" ht="56.1" customHeight="1" x14ac:dyDescent="0.2">
      <c r="C504" s="412">
        <v>166</v>
      </c>
      <c r="D504" s="412" t="s">
        <v>2182</v>
      </c>
      <c r="E504" s="422" t="s">
        <v>1385</v>
      </c>
      <c r="F504" s="422" t="s">
        <v>655</v>
      </c>
      <c r="G504" s="416" t="s">
        <v>2508</v>
      </c>
      <c r="H504" s="416" t="s">
        <v>2900</v>
      </c>
      <c r="I504" s="416" t="s">
        <v>2901</v>
      </c>
      <c r="J504" s="416" t="s">
        <v>253</v>
      </c>
      <c r="K504" s="416" t="s">
        <v>2408</v>
      </c>
      <c r="L504" s="416" t="s">
        <v>63</v>
      </c>
      <c r="M504" s="416" t="s">
        <v>81</v>
      </c>
      <c r="N504" s="416" t="s">
        <v>61</v>
      </c>
      <c r="O504" s="424" t="s">
        <v>2258</v>
      </c>
      <c r="P504" s="459" t="s">
        <v>63</v>
      </c>
      <c r="Q504" s="425" t="s">
        <v>63</v>
      </c>
      <c r="R504" s="425">
        <v>2000000</v>
      </c>
      <c r="S504" s="425">
        <v>2000000</v>
      </c>
      <c r="T504" s="425" t="s">
        <v>2413</v>
      </c>
      <c r="U504" s="425" t="s">
        <v>853</v>
      </c>
      <c r="V504" s="425"/>
      <c r="W504" s="425"/>
      <c r="X504" s="425"/>
      <c r="Y504" s="425"/>
      <c r="Z504" s="425"/>
      <c r="AA504" s="425"/>
      <c r="AB504" s="425"/>
      <c r="AC504" s="425"/>
      <c r="AD504" s="425"/>
      <c r="AE504" s="425"/>
      <c r="AF504" s="425"/>
      <c r="AG504" s="425"/>
      <c r="AH504" s="425"/>
      <c r="AI504" s="425"/>
      <c r="AJ504" s="425"/>
      <c r="AK504" s="425"/>
      <c r="AL504" s="425"/>
      <c r="AM504" s="425"/>
      <c r="AN504" s="425"/>
      <c r="AO504" s="425"/>
      <c r="AP504" s="425"/>
      <c r="AQ504" s="425"/>
      <c r="AR504" s="425"/>
      <c r="AS504" s="425"/>
      <c r="AT504" s="425"/>
      <c r="AU504" s="425"/>
      <c r="AV504" s="425"/>
      <c r="AW504" s="425"/>
      <c r="AX504" s="425"/>
      <c r="AY504" s="425"/>
      <c r="AZ504" s="425"/>
      <c r="BA504" s="425"/>
      <c r="BB504" s="425"/>
      <c r="BC504" s="425"/>
      <c r="BD504" s="425"/>
      <c r="BE504" s="425"/>
      <c r="BF504" s="425"/>
      <c r="BG504" s="425"/>
      <c r="BH504" s="425"/>
      <c r="BI504" s="425"/>
      <c r="BJ504" s="425"/>
      <c r="BK504" s="425"/>
      <c r="BL504" s="425"/>
      <c r="BM504" s="425"/>
      <c r="BN504" s="425"/>
      <c r="BO504" s="425"/>
      <c r="BP504" s="425"/>
      <c r="BQ504" s="425"/>
      <c r="BR504" s="425"/>
      <c r="BS504" s="425"/>
      <c r="BT504" s="425"/>
      <c r="BU504" s="425"/>
      <c r="BV504" s="425"/>
      <c r="BW504" s="425"/>
      <c r="BX504" s="425"/>
      <c r="BY504" s="425"/>
      <c r="BZ504" s="425"/>
      <c r="CA504" s="425"/>
      <c r="CB504" s="425"/>
      <c r="CC504" s="425"/>
      <c r="CD504" s="425"/>
      <c r="CE504" s="425"/>
      <c r="CF504" s="425"/>
      <c r="CG504" s="425"/>
      <c r="CH504" s="425"/>
      <c r="CI504" s="425"/>
      <c r="CJ504" s="425"/>
      <c r="CK504" s="425" t="s">
        <v>2190</v>
      </c>
      <c r="CL504" s="425"/>
      <c r="CM504" s="425"/>
      <c r="CN504" s="425"/>
      <c r="CO504" s="425"/>
      <c r="CP504" s="425"/>
      <c r="CQ504" s="425"/>
      <c r="CR504" s="425"/>
      <c r="CS504" s="425"/>
      <c r="CT504" s="425"/>
      <c r="CU504" s="425"/>
      <c r="CV504" s="425"/>
      <c r="CW504" s="416"/>
      <c r="CX504" s="425" t="s">
        <v>2190</v>
      </c>
      <c r="CY504" s="425"/>
      <c r="CZ504" s="425"/>
      <c r="DA504" s="416"/>
      <c r="DB504" s="416"/>
      <c r="DC504" s="425" t="s">
        <v>2190</v>
      </c>
      <c r="DD504" s="416"/>
      <c r="DE504" s="416" t="s">
        <v>2429</v>
      </c>
      <c r="DF504" s="419"/>
    </row>
    <row r="505" spans="3:110" ht="56.1" customHeight="1" x14ac:dyDescent="0.2">
      <c r="C505" s="412">
        <v>167</v>
      </c>
      <c r="D505" s="412" t="s">
        <v>2182</v>
      </c>
      <c r="E505" s="422" t="s">
        <v>1385</v>
      </c>
      <c r="F505" s="422" t="s">
        <v>655</v>
      </c>
      <c r="G505" s="416" t="s">
        <v>2508</v>
      </c>
      <c r="H505" s="416" t="s">
        <v>2902</v>
      </c>
      <c r="I505" s="416" t="s">
        <v>2903</v>
      </c>
      <c r="J505" s="416" t="s">
        <v>2257</v>
      </c>
      <c r="K505" s="416" t="s">
        <v>2408</v>
      </c>
      <c r="L505" s="416" t="s">
        <v>63</v>
      </c>
      <c r="M505" s="416" t="s">
        <v>81</v>
      </c>
      <c r="N505" s="416" t="s">
        <v>61</v>
      </c>
      <c r="O505" s="424" t="s">
        <v>2258</v>
      </c>
      <c r="P505" s="459" t="s">
        <v>63</v>
      </c>
      <c r="Q505" s="425" t="s">
        <v>63</v>
      </c>
      <c r="R505" s="425">
        <v>6983050</v>
      </c>
      <c r="S505" s="425">
        <v>6983050</v>
      </c>
      <c r="T505" s="425" t="s">
        <v>2413</v>
      </c>
      <c r="U505" s="425" t="s">
        <v>853</v>
      </c>
      <c r="V505" s="425"/>
      <c r="W505" s="425"/>
      <c r="X505" s="425"/>
      <c r="Y505" s="425"/>
      <c r="Z505" s="425"/>
      <c r="AA505" s="425"/>
      <c r="AB505" s="425"/>
      <c r="AC505" s="425"/>
      <c r="AD505" s="425"/>
      <c r="AE505" s="425"/>
      <c r="AF505" s="425"/>
      <c r="AG505" s="425"/>
      <c r="AH505" s="425"/>
      <c r="AI505" s="425"/>
      <c r="AJ505" s="425"/>
      <c r="AK505" s="425"/>
      <c r="AL505" s="425"/>
      <c r="AM505" s="425"/>
      <c r="AN505" s="425"/>
      <c r="AO505" s="425"/>
      <c r="AP505" s="425"/>
      <c r="AQ505" s="425"/>
      <c r="AR505" s="425"/>
      <c r="AS505" s="425"/>
      <c r="AT505" s="425"/>
      <c r="AU505" s="425"/>
      <c r="AV505" s="425"/>
      <c r="AW505" s="425"/>
      <c r="AX505" s="425"/>
      <c r="AY505" s="425"/>
      <c r="AZ505" s="425"/>
      <c r="BA505" s="425"/>
      <c r="BB505" s="425"/>
      <c r="BC505" s="425"/>
      <c r="BD505" s="425"/>
      <c r="BE505" s="425"/>
      <c r="BF505" s="425"/>
      <c r="BG505" s="425"/>
      <c r="BH505" s="425"/>
      <c r="BI505" s="425"/>
      <c r="BJ505" s="425"/>
      <c r="BK505" s="425"/>
      <c r="BL505" s="425"/>
      <c r="BM505" s="425"/>
      <c r="BN505" s="425"/>
      <c r="BO505" s="425"/>
      <c r="BP505" s="425"/>
      <c r="BQ505" s="425"/>
      <c r="BR505" s="425"/>
      <c r="BS505" s="425"/>
      <c r="BT505" s="425"/>
      <c r="BU505" s="425"/>
      <c r="BV505" s="425"/>
      <c r="BW505" s="425"/>
      <c r="BX505" s="425"/>
      <c r="BY505" s="425"/>
      <c r="BZ505" s="425"/>
      <c r="CA505" s="425"/>
      <c r="CB505" s="425"/>
      <c r="CC505" s="425"/>
      <c r="CD505" s="425"/>
      <c r="CE505" s="425"/>
      <c r="CF505" s="425"/>
      <c r="CG505" s="425"/>
      <c r="CH505" s="425"/>
      <c r="CI505" s="425"/>
      <c r="CJ505" s="425"/>
      <c r="CK505" s="425" t="s">
        <v>2190</v>
      </c>
      <c r="CL505" s="425"/>
      <c r="CM505" s="425"/>
      <c r="CN505" s="425"/>
      <c r="CO505" s="425"/>
      <c r="CP505" s="425"/>
      <c r="CQ505" s="425"/>
      <c r="CR505" s="425"/>
      <c r="CS505" s="425"/>
      <c r="CT505" s="425"/>
      <c r="CU505" s="425"/>
      <c r="CV505" s="425"/>
      <c r="CW505" s="416"/>
      <c r="CX505" s="425"/>
      <c r="CY505" s="425"/>
      <c r="CZ505" s="425"/>
      <c r="DA505" s="416"/>
      <c r="DB505" s="416"/>
      <c r="DC505" s="425" t="s">
        <v>2190</v>
      </c>
      <c r="DD505" s="416"/>
      <c r="DE505" s="416" t="s">
        <v>2429</v>
      </c>
      <c r="DF505" s="419"/>
    </row>
    <row r="506" spans="3:110" ht="56.1" customHeight="1" x14ac:dyDescent="0.2">
      <c r="C506" s="412">
        <v>168</v>
      </c>
      <c r="D506" s="412" t="s">
        <v>2182</v>
      </c>
      <c r="E506" s="422" t="s">
        <v>1385</v>
      </c>
      <c r="F506" s="422" t="s">
        <v>655</v>
      </c>
      <c r="G506" s="416" t="s">
        <v>2508</v>
      </c>
      <c r="H506" s="416" t="s">
        <v>2904</v>
      </c>
      <c r="I506" s="416" t="s">
        <v>2905</v>
      </c>
      <c r="J506" s="416" t="s">
        <v>253</v>
      </c>
      <c r="K506" s="416" t="s">
        <v>2408</v>
      </c>
      <c r="L506" s="416" t="s">
        <v>63</v>
      </c>
      <c r="M506" s="416" t="s">
        <v>81</v>
      </c>
      <c r="N506" s="416" t="s">
        <v>61</v>
      </c>
      <c r="O506" s="424" t="s">
        <v>2258</v>
      </c>
      <c r="P506" s="459" t="s">
        <v>63</v>
      </c>
      <c r="Q506" s="425" t="s">
        <v>63</v>
      </c>
      <c r="R506" s="425">
        <v>7342850</v>
      </c>
      <c r="S506" s="425">
        <v>7342850</v>
      </c>
      <c r="T506" s="425" t="s">
        <v>2413</v>
      </c>
      <c r="U506" s="425" t="s">
        <v>853</v>
      </c>
      <c r="V506" s="425"/>
      <c r="W506" s="425"/>
      <c r="X506" s="425"/>
      <c r="Y506" s="425"/>
      <c r="Z506" s="425"/>
      <c r="AA506" s="425"/>
      <c r="AB506" s="425"/>
      <c r="AC506" s="425"/>
      <c r="AD506" s="425"/>
      <c r="AE506" s="425"/>
      <c r="AF506" s="425"/>
      <c r="AG506" s="425"/>
      <c r="AH506" s="425"/>
      <c r="AI506" s="425"/>
      <c r="AJ506" s="425"/>
      <c r="AK506" s="425"/>
      <c r="AL506" s="425"/>
      <c r="AM506" s="425"/>
      <c r="AN506" s="425"/>
      <c r="AO506" s="425"/>
      <c r="AP506" s="425"/>
      <c r="AQ506" s="425"/>
      <c r="AR506" s="425"/>
      <c r="AS506" s="425"/>
      <c r="AT506" s="425"/>
      <c r="AU506" s="425"/>
      <c r="AV506" s="425"/>
      <c r="AW506" s="425"/>
      <c r="AX506" s="425"/>
      <c r="AY506" s="425"/>
      <c r="AZ506" s="425"/>
      <c r="BA506" s="425"/>
      <c r="BB506" s="425"/>
      <c r="BC506" s="425"/>
      <c r="BD506" s="425"/>
      <c r="BE506" s="425"/>
      <c r="BF506" s="425"/>
      <c r="BG506" s="425"/>
      <c r="BH506" s="425"/>
      <c r="BI506" s="425"/>
      <c r="BJ506" s="425"/>
      <c r="BK506" s="425"/>
      <c r="BL506" s="425"/>
      <c r="BM506" s="425"/>
      <c r="BN506" s="425"/>
      <c r="BO506" s="425"/>
      <c r="BP506" s="425"/>
      <c r="BQ506" s="425"/>
      <c r="BR506" s="425"/>
      <c r="BS506" s="425"/>
      <c r="BT506" s="425"/>
      <c r="BU506" s="425"/>
      <c r="BV506" s="425"/>
      <c r="BW506" s="425"/>
      <c r="BX506" s="425"/>
      <c r="BY506" s="425"/>
      <c r="BZ506" s="425"/>
      <c r="CA506" s="425"/>
      <c r="CB506" s="425"/>
      <c r="CC506" s="425"/>
      <c r="CD506" s="425"/>
      <c r="CE506" s="425"/>
      <c r="CF506" s="425"/>
      <c r="CG506" s="425"/>
      <c r="CH506" s="425"/>
      <c r="CI506" s="425"/>
      <c r="CJ506" s="425"/>
      <c r="CK506" s="425" t="s">
        <v>2190</v>
      </c>
      <c r="CL506" s="425"/>
      <c r="CM506" s="425"/>
      <c r="CN506" s="425"/>
      <c r="CO506" s="425"/>
      <c r="CP506" s="425"/>
      <c r="CQ506" s="425"/>
      <c r="CR506" s="425"/>
      <c r="CS506" s="425"/>
      <c r="CT506" s="425"/>
      <c r="CU506" s="425"/>
      <c r="CV506" s="425"/>
      <c r="CW506" s="416"/>
      <c r="CX506" s="425" t="s">
        <v>2190</v>
      </c>
      <c r="CY506" s="425"/>
      <c r="CZ506" s="425"/>
      <c r="DA506" s="416"/>
      <c r="DB506" s="416"/>
      <c r="DC506" s="425" t="s">
        <v>2190</v>
      </c>
      <c r="DD506" s="416"/>
      <c r="DE506" s="416" t="s">
        <v>2429</v>
      </c>
      <c r="DF506" s="419"/>
    </row>
    <row r="507" spans="3:110" ht="56.1" customHeight="1" x14ac:dyDescent="0.2">
      <c r="C507" s="412">
        <v>169</v>
      </c>
      <c r="D507" s="412" t="s">
        <v>2182</v>
      </c>
      <c r="E507" s="422" t="s">
        <v>1385</v>
      </c>
      <c r="F507" s="422" t="s">
        <v>655</v>
      </c>
      <c r="G507" s="416" t="s">
        <v>2508</v>
      </c>
      <c r="H507" s="416" t="s">
        <v>2906</v>
      </c>
      <c r="I507" s="416" t="s">
        <v>2907</v>
      </c>
      <c r="J507" s="416" t="s">
        <v>2643</v>
      </c>
      <c r="K507" s="416" t="s">
        <v>2408</v>
      </c>
      <c r="L507" s="416" t="s">
        <v>63</v>
      </c>
      <c r="M507" s="416" t="s">
        <v>81</v>
      </c>
      <c r="N507" s="416" t="s">
        <v>61</v>
      </c>
      <c r="O507" s="424" t="s">
        <v>2258</v>
      </c>
      <c r="P507" s="459" t="s">
        <v>63</v>
      </c>
      <c r="Q507" s="425" t="s">
        <v>63</v>
      </c>
      <c r="R507" s="425">
        <v>448000</v>
      </c>
      <c r="S507" s="425">
        <v>448000</v>
      </c>
      <c r="T507" s="425" t="s">
        <v>2413</v>
      </c>
      <c r="U507" s="425" t="s">
        <v>853</v>
      </c>
      <c r="V507" s="425"/>
      <c r="W507" s="425"/>
      <c r="X507" s="425"/>
      <c r="Y507" s="425"/>
      <c r="Z507" s="425"/>
      <c r="AA507" s="425"/>
      <c r="AB507" s="425"/>
      <c r="AC507" s="425"/>
      <c r="AD507" s="425"/>
      <c r="AE507" s="425"/>
      <c r="AF507" s="425"/>
      <c r="AG507" s="425"/>
      <c r="AH507" s="425"/>
      <c r="AI507" s="425"/>
      <c r="AJ507" s="425"/>
      <c r="AK507" s="425"/>
      <c r="AL507" s="425"/>
      <c r="AM507" s="425"/>
      <c r="AN507" s="425"/>
      <c r="AO507" s="425"/>
      <c r="AP507" s="425"/>
      <c r="AQ507" s="425"/>
      <c r="AR507" s="425"/>
      <c r="AS507" s="425"/>
      <c r="AT507" s="425"/>
      <c r="AU507" s="425"/>
      <c r="AV507" s="425"/>
      <c r="AW507" s="425"/>
      <c r="AX507" s="425"/>
      <c r="AY507" s="425"/>
      <c r="AZ507" s="425"/>
      <c r="BA507" s="425"/>
      <c r="BB507" s="425"/>
      <c r="BC507" s="425"/>
      <c r="BD507" s="425"/>
      <c r="BE507" s="425"/>
      <c r="BF507" s="425"/>
      <c r="BG507" s="425"/>
      <c r="BH507" s="425"/>
      <c r="BI507" s="425"/>
      <c r="BJ507" s="425"/>
      <c r="BK507" s="425"/>
      <c r="BL507" s="425"/>
      <c r="BM507" s="425"/>
      <c r="BN507" s="425"/>
      <c r="BO507" s="425"/>
      <c r="BP507" s="425"/>
      <c r="BQ507" s="425"/>
      <c r="BR507" s="425"/>
      <c r="BS507" s="425"/>
      <c r="BT507" s="425"/>
      <c r="BU507" s="425"/>
      <c r="BV507" s="425"/>
      <c r="BW507" s="425"/>
      <c r="BX507" s="425"/>
      <c r="BY507" s="425"/>
      <c r="BZ507" s="425"/>
      <c r="CA507" s="425"/>
      <c r="CB507" s="425"/>
      <c r="CC507" s="425"/>
      <c r="CD507" s="425"/>
      <c r="CE507" s="425"/>
      <c r="CF507" s="425"/>
      <c r="CG507" s="425"/>
      <c r="CH507" s="425"/>
      <c r="CI507" s="425"/>
      <c r="CJ507" s="425"/>
      <c r="CK507" s="425" t="s">
        <v>2190</v>
      </c>
      <c r="CL507" s="425"/>
      <c r="CM507" s="425"/>
      <c r="CN507" s="425"/>
      <c r="CO507" s="425"/>
      <c r="CP507" s="425"/>
      <c r="CQ507" s="425"/>
      <c r="CR507" s="425"/>
      <c r="CS507" s="425"/>
      <c r="CT507" s="425"/>
      <c r="CU507" s="425"/>
      <c r="CV507" s="425"/>
      <c r="CW507" s="425" t="s">
        <v>2190</v>
      </c>
      <c r="CX507" s="425"/>
      <c r="CY507" s="425"/>
      <c r="CZ507" s="425"/>
      <c r="DA507" s="416"/>
      <c r="DB507" s="416"/>
      <c r="DC507" s="425"/>
      <c r="DD507" s="416"/>
      <c r="DE507" s="416" t="s">
        <v>2429</v>
      </c>
      <c r="DF507" s="419"/>
    </row>
    <row r="508" spans="3:110" ht="56.1" customHeight="1" x14ac:dyDescent="0.2">
      <c r="C508" s="412">
        <v>170</v>
      </c>
      <c r="D508" s="412" t="s">
        <v>2182</v>
      </c>
      <c r="E508" s="422" t="s">
        <v>1385</v>
      </c>
      <c r="F508" s="422" t="s">
        <v>655</v>
      </c>
      <c r="G508" s="416" t="s">
        <v>2508</v>
      </c>
      <c r="H508" s="416" t="s">
        <v>2908</v>
      </c>
      <c r="I508" s="416" t="s">
        <v>2909</v>
      </c>
      <c r="J508" s="416" t="s">
        <v>2635</v>
      </c>
      <c r="K508" s="416" t="s">
        <v>2636</v>
      </c>
      <c r="L508" s="416" t="s">
        <v>63</v>
      </c>
      <c r="M508" s="416" t="s">
        <v>81</v>
      </c>
      <c r="N508" s="416" t="s">
        <v>61</v>
      </c>
      <c r="O508" s="424" t="s">
        <v>2258</v>
      </c>
      <c r="P508" s="459" t="s">
        <v>63</v>
      </c>
      <c r="Q508" s="425" t="s">
        <v>63</v>
      </c>
      <c r="R508" s="425">
        <v>786800</v>
      </c>
      <c r="S508" s="425">
        <v>786800</v>
      </c>
      <c r="T508" s="425" t="s">
        <v>2413</v>
      </c>
      <c r="U508" s="425" t="s">
        <v>853</v>
      </c>
      <c r="V508" s="425"/>
      <c r="W508" s="425"/>
      <c r="X508" s="425"/>
      <c r="Y508" s="425"/>
      <c r="Z508" s="425"/>
      <c r="AA508" s="425"/>
      <c r="AB508" s="425"/>
      <c r="AC508" s="425"/>
      <c r="AD508" s="425"/>
      <c r="AE508" s="425"/>
      <c r="AF508" s="425"/>
      <c r="AG508" s="425"/>
      <c r="AH508" s="425"/>
      <c r="AI508" s="425"/>
      <c r="AJ508" s="425"/>
      <c r="AK508" s="425"/>
      <c r="AL508" s="425"/>
      <c r="AM508" s="425"/>
      <c r="AN508" s="425"/>
      <c r="AO508" s="425"/>
      <c r="AP508" s="425"/>
      <c r="AQ508" s="425"/>
      <c r="AR508" s="425"/>
      <c r="AS508" s="425"/>
      <c r="AT508" s="425"/>
      <c r="AU508" s="425"/>
      <c r="AV508" s="425"/>
      <c r="AW508" s="425"/>
      <c r="AX508" s="425"/>
      <c r="AY508" s="425"/>
      <c r="AZ508" s="425"/>
      <c r="BA508" s="425"/>
      <c r="BB508" s="425"/>
      <c r="BC508" s="425"/>
      <c r="BD508" s="425"/>
      <c r="BE508" s="425"/>
      <c r="BF508" s="425"/>
      <c r="BG508" s="425"/>
      <c r="BH508" s="425"/>
      <c r="BI508" s="425"/>
      <c r="BJ508" s="425"/>
      <c r="BK508" s="425"/>
      <c r="BL508" s="425"/>
      <c r="BM508" s="425"/>
      <c r="BN508" s="425"/>
      <c r="BO508" s="425"/>
      <c r="BP508" s="425"/>
      <c r="BQ508" s="425"/>
      <c r="BR508" s="425"/>
      <c r="BS508" s="425"/>
      <c r="BT508" s="425"/>
      <c r="BU508" s="425"/>
      <c r="BV508" s="425"/>
      <c r="BW508" s="425"/>
      <c r="BX508" s="425"/>
      <c r="BY508" s="425"/>
      <c r="BZ508" s="425"/>
      <c r="CA508" s="425"/>
      <c r="CB508" s="425"/>
      <c r="CC508" s="425"/>
      <c r="CD508" s="425"/>
      <c r="CE508" s="425"/>
      <c r="CF508" s="425"/>
      <c r="CG508" s="425"/>
      <c r="CH508" s="425"/>
      <c r="CI508" s="425"/>
      <c r="CJ508" s="425"/>
      <c r="CK508" s="425"/>
      <c r="CL508" s="425"/>
      <c r="CM508" s="425"/>
      <c r="CN508" s="425"/>
      <c r="CO508" s="425"/>
      <c r="CP508" s="425"/>
      <c r="CQ508" s="425"/>
      <c r="CR508" s="425"/>
      <c r="CS508" s="425"/>
      <c r="CT508" s="425"/>
      <c r="CU508" s="425" t="s">
        <v>2190</v>
      </c>
      <c r="CV508" s="425"/>
      <c r="CW508" s="416"/>
      <c r="CX508" s="425"/>
      <c r="CY508" s="425"/>
      <c r="CZ508" s="425"/>
      <c r="DA508" s="416"/>
      <c r="DB508" s="416"/>
      <c r="DC508" s="425"/>
      <c r="DD508" s="416"/>
      <c r="DE508" s="416" t="s">
        <v>2429</v>
      </c>
      <c r="DF508" s="419"/>
    </row>
    <row r="509" spans="3:110" ht="56.1" customHeight="1" x14ac:dyDescent="0.2">
      <c r="C509" s="412">
        <v>171</v>
      </c>
      <c r="D509" s="412" t="s">
        <v>2182</v>
      </c>
      <c r="E509" s="422" t="s">
        <v>1385</v>
      </c>
      <c r="F509" s="422" t="s">
        <v>655</v>
      </c>
      <c r="G509" s="416" t="s">
        <v>2508</v>
      </c>
      <c r="H509" s="416" t="s">
        <v>2910</v>
      </c>
      <c r="I509" s="416" t="s">
        <v>2911</v>
      </c>
      <c r="J509" s="416" t="s">
        <v>2257</v>
      </c>
      <c r="K509" s="416" t="s">
        <v>2631</v>
      </c>
      <c r="L509" s="416" t="s">
        <v>63</v>
      </c>
      <c r="M509" s="416" t="s">
        <v>81</v>
      </c>
      <c r="N509" s="416" t="s">
        <v>61</v>
      </c>
      <c r="O509" s="424" t="s">
        <v>2258</v>
      </c>
      <c r="P509" s="459" t="s">
        <v>63</v>
      </c>
      <c r="Q509" s="425" t="s">
        <v>63</v>
      </c>
      <c r="R509" s="425">
        <v>5030350</v>
      </c>
      <c r="S509" s="425">
        <v>5030350</v>
      </c>
      <c r="T509" s="425" t="s">
        <v>2413</v>
      </c>
      <c r="U509" s="425" t="s">
        <v>853</v>
      </c>
      <c r="V509" s="425"/>
      <c r="W509" s="425"/>
      <c r="X509" s="425"/>
      <c r="Y509" s="425"/>
      <c r="Z509" s="425"/>
      <c r="AA509" s="425"/>
      <c r="AB509" s="425"/>
      <c r="AC509" s="425"/>
      <c r="AD509" s="425"/>
      <c r="AE509" s="425"/>
      <c r="AF509" s="425"/>
      <c r="AG509" s="425"/>
      <c r="AH509" s="425"/>
      <c r="AI509" s="425"/>
      <c r="AJ509" s="425"/>
      <c r="AK509" s="425"/>
      <c r="AL509" s="425"/>
      <c r="AM509" s="425"/>
      <c r="AN509" s="425"/>
      <c r="AO509" s="425"/>
      <c r="AP509" s="425"/>
      <c r="AQ509" s="425"/>
      <c r="AR509" s="425"/>
      <c r="AS509" s="425"/>
      <c r="AT509" s="425"/>
      <c r="AU509" s="425"/>
      <c r="AV509" s="425"/>
      <c r="AW509" s="425"/>
      <c r="AX509" s="425"/>
      <c r="AY509" s="425"/>
      <c r="AZ509" s="425"/>
      <c r="BA509" s="425"/>
      <c r="BB509" s="425"/>
      <c r="BC509" s="425"/>
      <c r="BD509" s="425"/>
      <c r="BE509" s="425"/>
      <c r="BF509" s="425"/>
      <c r="BG509" s="425"/>
      <c r="BH509" s="425"/>
      <c r="BI509" s="425"/>
      <c r="BJ509" s="425"/>
      <c r="BK509" s="425"/>
      <c r="BL509" s="425"/>
      <c r="BM509" s="425"/>
      <c r="BN509" s="425"/>
      <c r="BO509" s="425"/>
      <c r="BP509" s="425"/>
      <c r="BQ509" s="425"/>
      <c r="BR509" s="425"/>
      <c r="BS509" s="425"/>
      <c r="BT509" s="425"/>
      <c r="BU509" s="425"/>
      <c r="BV509" s="425"/>
      <c r="BW509" s="425"/>
      <c r="BX509" s="425"/>
      <c r="BY509" s="425"/>
      <c r="BZ509" s="425"/>
      <c r="CA509" s="425"/>
      <c r="CB509" s="425"/>
      <c r="CC509" s="425"/>
      <c r="CD509" s="425"/>
      <c r="CE509" s="425"/>
      <c r="CF509" s="425"/>
      <c r="CG509" s="425"/>
      <c r="CH509" s="425"/>
      <c r="CI509" s="425"/>
      <c r="CJ509" s="425"/>
      <c r="CK509" s="425"/>
      <c r="CL509" s="425" t="s">
        <v>2190</v>
      </c>
      <c r="CM509" s="425"/>
      <c r="CN509" s="425"/>
      <c r="CO509" s="425"/>
      <c r="CP509" s="425"/>
      <c r="CQ509" s="425"/>
      <c r="CR509" s="425"/>
      <c r="CS509" s="425"/>
      <c r="CT509" s="425"/>
      <c r="CU509" s="425"/>
      <c r="CV509" s="425"/>
      <c r="CW509" s="416"/>
      <c r="CX509" s="425"/>
      <c r="CY509" s="425"/>
      <c r="CZ509" s="425"/>
      <c r="DA509" s="416"/>
      <c r="DB509" s="416"/>
      <c r="DC509" s="425" t="s">
        <v>2190</v>
      </c>
      <c r="DD509" s="416"/>
      <c r="DE509" s="416" t="s">
        <v>2429</v>
      </c>
      <c r="DF509" s="419"/>
    </row>
    <row r="510" spans="3:110" ht="56.1" customHeight="1" x14ac:dyDescent="0.2">
      <c r="C510" s="412">
        <v>172</v>
      </c>
      <c r="D510" s="412" t="s">
        <v>2182</v>
      </c>
      <c r="E510" s="422" t="s">
        <v>1385</v>
      </c>
      <c r="F510" s="422" t="s">
        <v>655</v>
      </c>
      <c r="G510" s="416" t="s">
        <v>2508</v>
      </c>
      <c r="H510" s="416" t="s">
        <v>2912</v>
      </c>
      <c r="I510" s="416" t="s">
        <v>2913</v>
      </c>
      <c r="J510" s="416" t="s">
        <v>2264</v>
      </c>
      <c r="K510" s="416" t="s">
        <v>2264</v>
      </c>
      <c r="L510" s="416" t="s">
        <v>63</v>
      </c>
      <c r="M510" s="416" t="s">
        <v>81</v>
      </c>
      <c r="N510" s="416" t="s">
        <v>61</v>
      </c>
      <c r="O510" s="424" t="s">
        <v>2258</v>
      </c>
      <c r="P510" s="459" t="s">
        <v>63</v>
      </c>
      <c r="Q510" s="425" t="s">
        <v>63</v>
      </c>
      <c r="R510" s="425">
        <v>3755000</v>
      </c>
      <c r="S510" s="425">
        <v>3755000</v>
      </c>
      <c r="T510" s="425" t="s">
        <v>2413</v>
      </c>
      <c r="U510" s="425" t="s">
        <v>853</v>
      </c>
      <c r="V510" s="425"/>
      <c r="W510" s="425"/>
      <c r="X510" s="425"/>
      <c r="Y510" s="425"/>
      <c r="Z510" s="425"/>
      <c r="AA510" s="425"/>
      <c r="AB510" s="425"/>
      <c r="AC510" s="425"/>
      <c r="AD510" s="425"/>
      <c r="AE510" s="425"/>
      <c r="AF510" s="425"/>
      <c r="AG510" s="425"/>
      <c r="AH510" s="425"/>
      <c r="AI510" s="425"/>
      <c r="AJ510" s="425"/>
      <c r="AK510" s="425"/>
      <c r="AL510" s="425"/>
      <c r="AM510" s="425"/>
      <c r="AN510" s="425"/>
      <c r="AO510" s="425"/>
      <c r="AP510" s="425"/>
      <c r="AQ510" s="425"/>
      <c r="AR510" s="425"/>
      <c r="AS510" s="425"/>
      <c r="AT510" s="425"/>
      <c r="AU510" s="425"/>
      <c r="AV510" s="425"/>
      <c r="AW510" s="425"/>
      <c r="AX510" s="425"/>
      <c r="AY510" s="425"/>
      <c r="AZ510" s="425"/>
      <c r="BA510" s="425"/>
      <c r="BB510" s="425"/>
      <c r="BC510" s="425"/>
      <c r="BD510" s="425"/>
      <c r="BE510" s="425"/>
      <c r="BF510" s="425"/>
      <c r="BG510" s="425"/>
      <c r="BH510" s="425"/>
      <c r="BI510" s="425"/>
      <c r="BJ510" s="425"/>
      <c r="BK510" s="425"/>
      <c r="BL510" s="425"/>
      <c r="BM510" s="425"/>
      <c r="BN510" s="425"/>
      <c r="BO510" s="425"/>
      <c r="BP510" s="425"/>
      <c r="BQ510" s="425"/>
      <c r="BR510" s="425"/>
      <c r="BS510" s="425"/>
      <c r="BT510" s="425"/>
      <c r="BU510" s="425"/>
      <c r="BV510" s="425"/>
      <c r="BW510" s="425"/>
      <c r="BX510" s="425"/>
      <c r="BY510" s="425"/>
      <c r="BZ510" s="425"/>
      <c r="CA510" s="425"/>
      <c r="CB510" s="425"/>
      <c r="CC510" s="425"/>
      <c r="CD510" s="425"/>
      <c r="CE510" s="425"/>
      <c r="CF510" s="425"/>
      <c r="CG510" s="425"/>
      <c r="CH510" s="425"/>
      <c r="CI510" s="425"/>
      <c r="CJ510" s="425"/>
      <c r="CK510" s="425"/>
      <c r="CL510" s="425"/>
      <c r="CM510" s="425" t="s">
        <v>2190</v>
      </c>
      <c r="CN510" s="425"/>
      <c r="CO510" s="425"/>
      <c r="CP510" s="425"/>
      <c r="CQ510" s="425"/>
      <c r="CR510" s="425"/>
      <c r="CS510" s="425"/>
      <c r="CT510" s="425"/>
      <c r="CU510" s="425"/>
      <c r="CV510" s="425"/>
      <c r="CW510" s="416"/>
      <c r="CX510" s="425"/>
      <c r="CY510" s="425" t="s">
        <v>2190</v>
      </c>
      <c r="CZ510" s="425"/>
      <c r="DA510" s="416"/>
      <c r="DB510" s="416"/>
      <c r="DC510" s="425"/>
      <c r="DD510" s="416"/>
      <c r="DE510" s="416" t="s">
        <v>2429</v>
      </c>
      <c r="DF510" s="419"/>
    </row>
    <row r="511" spans="3:110" ht="56.1" customHeight="1" x14ac:dyDescent="0.2">
      <c r="C511" s="412">
        <v>173</v>
      </c>
      <c r="D511" s="412" t="s">
        <v>2182</v>
      </c>
      <c r="E511" s="422" t="s">
        <v>1385</v>
      </c>
      <c r="F511" s="422" t="s">
        <v>655</v>
      </c>
      <c r="G511" s="416" t="s">
        <v>2508</v>
      </c>
      <c r="H511" s="416" t="s">
        <v>2914</v>
      </c>
      <c r="I511" s="416" t="s">
        <v>2915</v>
      </c>
      <c r="J511" s="416" t="s">
        <v>2264</v>
      </c>
      <c r="K511" s="416" t="s">
        <v>2264</v>
      </c>
      <c r="L511" s="416" t="s">
        <v>63</v>
      </c>
      <c r="M511" s="416" t="s">
        <v>81</v>
      </c>
      <c r="N511" s="416" t="s">
        <v>61</v>
      </c>
      <c r="O511" s="424" t="s">
        <v>2258</v>
      </c>
      <c r="P511" s="459" t="s">
        <v>63</v>
      </c>
      <c r="Q511" s="425" t="s">
        <v>63</v>
      </c>
      <c r="R511" s="425">
        <v>2875450</v>
      </c>
      <c r="S511" s="425">
        <v>2875450</v>
      </c>
      <c r="T511" s="425" t="s">
        <v>2413</v>
      </c>
      <c r="U511" s="425" t="s">
        <v>853</v>
      </c>
      <c r="V511" s="425"/>
      <c r="W511" s="425"/>
      <c r="X511" s="425"/>
      <c r="Y511" s="425"/>
      <c r="Z511" s="425"/>
      <c r="AA511" s="425"/>
      <c r="AB511" s="425"/>
      <c r="AC511" s="425"/>
      <c r="AD511" s="425"/>
      <c r="AE511" s="425"/>
      <c r="AF511" s="425"/>
      <c r="AG511" s="425"/>
      <c r="AH511" s="425"/>
      <c r="AI511" s="425"/>
      <c r="AJ511" s="425"/>
      <c r="AK511" s="425"/>
      <c r="AL511" s="425"/>
      <c r="AM511" s="425"/>
      <c r="AN511" s="425"/>
      <c r="AO511" s="425"/>
      <c r="AP511" s="425"/>
      <c r="AQ511" s="425"/>
      <c r="AR511" s="425"/>
      <c r="AS511" s="425"/>
      <c r="AT511" s="425"/>
      <c r="AU511" s="425"/>
      <c r="AV511" s="425"/>
      <c r="AW511" s="425"/>
      <c r="AX511" s="425"/>
      <c r="AY511" s="425"/>
      <c r="AZ511" s="425"/>
      <c r="BA511" s="425"/>
      <c r="BB511" s="425"/>
      <c r="BC511" s="425"/>
      <c r="BD511" s="425"/>
      <c r="BE511" s="425"/>
      <c r="BF511" s="425"/>
      <c r="BG511" s="425"/>
      <c r="BH511" s="425"/>
      <c r="BI511" s="425"/>
      <c r="BJ511" s="425"/>
      <c r="BK511" s="425"/>
      <c r="BL511" s="425"/>
      <c r="BM511" s="425"/>
      <c r="BN511" s="425"/>
      <c r="BO511" s="425"/>
      <c r="BP511" s="425"/>
      <c r="BQ511" s="425"/>
      <c r="BR511" s="425"/>
      <c r="BS511" s="425"/>
      <c r="BT511" s="425"/>
      <c r="BU511" s="425"/>
      <c r="BV511" s="425"/>
      <c r="BW511" s="425"/>
      <c r="BX511" s="425"/>
      <c r="BY511" s="425"/>
      <c r="BZ511" s="425"/>
      <c r="CA511" s="425"/>
      <c r="CB511" s="425"/>
      <c r="CC511" s="425"/>
      <c r="CD511" s="425"/>
      <c r="CE511" s="425"/>
      <c r="CF511" s="425"/>
      <c r="CG511" s="425"/>
      <c r="CH511" s="425"/>
      <c r="CI511" s="425"/>
      <c r="CJ511" s="425"/>
      <c r="CK511" s="425"/>
      <c r="CL511" s="425"/>
      <c r="CM511" s="425" t="s">
        <v>2190</v>
      </c>
      <c r="CN511" s="425"/>
      <c r="CO511" s="425"/>
      <c r="CP511" s="425"/>
      <c r="CQ511" s="425"/>
      <c r="CR511" s="425"/>
      <c r="CS511" s="425"/>
      <c r="CT511" s="425"/>
      <c r="CU511" s="425"/>
      <c r="CV511" s="425"/>
      <c r="CW511" s="416"/>
      <c r="CX511" s="425"/>
      <c r="CY511" s="425" t="s">
        <v>2190</v>
      </c>
      <c r="CZ511" s="425"/>
      <c r="DA511" s="416"/>
      <c r="DB511" s="416"/>
      <c r="DC511" s="425"/>
      <c r="DD511" s="416"/>
      <c r="DE511" s="416" t="s">
        <v>2429</v>
      </c>
      <c r="DF511" s="419"/>
    </row>
    <row r="512" spans="3:110" ht="56.1" customHeight="1" x14ac:dyDescent="0.2">
      <c r="C512" s="415">
        <v>174</v>
      </c>
      <c r="D512" s="412" t="s">
        <v>2182</v>
      </c>
      <c r="E512" s="430" t="s">
        <v>1385</v>
      </c>
      <c r="F512" s="430" t="s">
        <v>655</v>
      </c>
      <c r="G512" s="417" t="s">
        <v>2508</v>
      </c>
      <c r="H512" s="417" t="s">
        <v>2916</v>
      </c>
      <c r="I512" s="417" t="s">
        <v>2917</v>
      </c>
      <c r="J512" s="417" t="s">
        <v>253</v>
      </c>
      <c r="K512" s="417" t="s">
        <v>2416</v>
      </c>
      <c r="L512" s="417" t="s">
        <v>253</v>
      </c>
      <c r="M512" s="417" t="s">
        <v>81</v>
      </c>
      <c r="N512" s="417" t="s">
        <v>61</v>
      </c>
      <c r="O512" s="433" t="s">
        <v>2258</v>
      </c>
      <c r="P512" s="434">
        <v>1452379.88</v>
      </c>
      <c r="Q512" s="434">
        <v>2083484.17</v>
      </c>
      <c r="R512" s="434">
        <v>1767932.0249999999</v>
      </c>
      <c r="S512" s="434">
        <v>1925708.0974999999</v>
      </c>
      <c r="T512" s="434" t="s">
        <v>2413</v>
      </c>
      <c r="U512" s="434" t="s">
        <v>853</v>
      </c>
      <c r="V512" s="434"/>
      <c r="W512" s="434"/>
      <c r="X512" s="434"/>
      <c r="Y512" s="434"/>
      <c r="Z512" s="434"/>
      <c r="AA512" s="434"/>
      <c r="AB512" s="434"/>
      <c r="AC512" s="434"/>
      <c r="AD512" s="434"/>
      <c r="AE512" s="434"/>
      <c r="AF512" s="434"/>
      <c r="AG512" s="434"/>
      <c r="AH512" s="434"/>
      <c r="AI512" s="434"/>
      <c r="AJ512" s="434"/>
      <c r="AK512" s="434"/>
      <c r="AL512" s="434"/>
      <c r="AM512" s="434"/>
      <c r="AN512" s="434"/>
      <c r="AO512" s="434"/>
      <c r="AP512" s="434"/>
      <c r="AQ512" s="434"/>
      <c r="AR512" s="434"/>
      <c r="AS512" s="434"/>
      <c r="AT512" s="434"/>
      <c r="AU512" s="434"/>
      <c r="AV512" s="434"/>
      <c r="AW512" s="434"/>
      <c r="AX512" s="434"/>
      <c r="AY512" s="434"/>
      <c r="AZ512" s="434"/>
      <c r="BA512" s="434"/>
      <c r="BB512" s="434"/>
      <c r="BC512" s="434"/>
      <c r="BD512" s="434"/>
      <c r="BE512" s="434"/>
      <c r="BF512" s="434"/>
      <c r="BG512" s="434"/>
      <c r="BH512" s="434"/>
      <c r="BI512" s="434"/>
      <c r="BJ512" s="434"/>
      <c r="BK512" s="434"/>
      <c r="BL512" s="434"/>
      <c r="BM512" s="434"/>
      <c r="BN512" s="434"/>
      <c r="BO512" s="434"/>
      <c r="BP512" s="434"/>
      <c r="BQ512" s="434"/>
      <c r="BR512" s="434"/>
      <c r="BS512" s="434"/>
      <c r="BT512" s="434"/>
      <c r="BU512" s="434"/>
      <c r="BV512" s="434"/>
      <c r="BW512" s="434"/>
      <c r="BX512" s="434"/>
      <c r="BY512" s="434"/>
      <c r="BZ512" s="434"/>
      <c r="CA512" s="434"/>
      <c r="CB512" s="434"/>
      <c r="CC512" s="434"/>
      <c r="CD512" s="434"/>
      <c r="CE512" s="434"/>
      <c r="CF512" s="434"/>
      <c r="CG512" s="434"/>
      <c r="CH512" s="434"/>
      <c r="CI512" s="434"/>
      <c r="CJ512" s="434"/>
      <c r="CK512" s="434"/>
      <c r="CL512" s="434"/>
      <c r="CM512" s="434"/>
      <c r="CN512" s="434"/>
      <c r="CO512" s="434"/>
      <c r="CP512" s="434"/>
      <c r="CQ512" s="434"/>
      <c r="CR512" s="434"/>
      <c r="CS512" s="434"/>
      <c r="CT512" s="434" t="s">
        <v>2190</v>
      </c>
      <c r="CU512" s="434" t="s">
        <v>2190</v>
      </c>
      <c r="CV512" s="434"/>
      <c r="CW512" s="417"/>
      <c r="CX512" s="434"/>
      <c r="CY512" s="434"/>
      <c r="CZ512" s="434"/>
      <c r="DA512" s="417"/>
      <c r="DB512" s="434" t="s">
        <v>2190</v>
      </c>
      <c r="DC512" s="434"/>
      <c r="DD512" s="417"/>
      <c r="DE512" s="417" t="s">
        <v>2429</v>
      </c>
      <c r="DF512" s="418"/>
    </row>
    <row r="513" spans="3:110" ht="56.1" customHeight="1" x14ac:dyDescent="0.2">
      <c r="C513" s="412">
        <v>175</v>
      </c>
      <c r="D513" s="412" t="s">
        <v>2182</v>
      </c>
      <c r="E513" s="422" t="s">
        <v>1385</v>
      </c>
      <c r="F513" s="422" t="s">
        <v>655</v>
      </c>
      <c r="G513" s="416" t="s">
        <v>2508</v>
      </c>
      <c r="H513" s="416" t="s">
        <v>2918</v>
      </c>
      <c r="I513" s="416" t="s">
        <v>2919</v>
      </c>
      <c r="J513" s="416" t="s">
        <v>2635</v>
      </c>
      <c r="K513" s="416" t="s">
        <v>2636</v>
      </c>
      <c r="L513" s="416" t="s">
        <v>63</v>
      </c>
      <c r="M513" s="416" t="s">
        <v>81</v>
      </c>
      <c r="N513" s="416" t="s">
        <v>61</v>
      </c>
      <c r="O513" s="424" t="s">
        <v>2258</v>
      </c>
      <c r="P513" s="459" t="s">
        <v>63</v>
      </c>
      <c r="Q513" s="425" t="s">
        <v>63</v>
      </c>
      <c r="R513" s="425">
        <v>2162950</v>
      </c>
      <c r="S513" s="425">
        <v>2162950</v>
      </c>
      <c r="T513" s="425" t="s">
        <v>2413</v>
      </c>
      <c r="U513" s="425" t="s">
        <v>853</v>
      </c>
      <c r="V513" s="425"/>
      <c r="W513" s="425"/>
      <c r="X513" s="425"/>
      <c r="Y513" s="425"/>
      <c r="Z513" s="425"/>
      <c r="AA513" s="425"/>
      <c r="AB513" s="425"/>
      <c r="AC513" s="425"/>
      <c r="AD513" s="425"/>
      <c r="AE513" s="425"/>
      <c r="AF513" s="425"/>
      <c r="AG513" s="425"/>
      <c r="AH513" s="425"/>
      <c r="AI513" s="425"/>
      <c r="AJ513" s="425"/>
      <c r="AK513" s="425"/>
      <c r="AL513" s="425"/>
      <c r="AM513" s="425"/>
      <c r="AN513" s="425"/>
      <c r="AO513" s="425"/>
      <c r="AP513" s="425"/>
      <c r="AQ513" s="425"/>
      <c r="AR513" s="425"/>
      <c r="AS513" s="425"/>
      <c r="AT513" s="425"/>
      <c r="AU513" s="425"/>
      <c r="AV513" s="425"/>
      <c r="AW513" s="425"/>
      <c r="AX513" s="425"/>
      <c r="AY513" s="425"/>
      <c r="AZ513" s="425"/>
      <c r="BA513" s="425"/>
      <c r="BB513" s="425"/>
      <c r="BC513" s="425"/>
      <c r="BD513" s="425"/>
      <c r="BE513" s="425"/>
      <c r="BF513" s="425"/>
      <c r="BG513" s="425"/>
      <c r="BH513" s="425"/>
      <c r="BI513" s="425"/>
      <c r="BJ513" s="425"/>
      <c r="BK513" s="425"/>
      <c r="BL513" s="425"/>
      <c r="BM513" s="425"/>
      <c r="BN513" s="425"/>
      <c r="BO513" s="425"/>
      <c r="BP513" s="425"/>
      <c r="BQ513" s="425"/>
      <c r="BR513" s="425"/>
      <c r="BS513" s="425"/>
      <c r="BT513" s="425"/>
      <c r="BU513" s="425"/>
      <c r="BV513" s="425"/>
      <c r="BW513" s="425"/>
      <c r="BX513" s="425"/>
      <c r="BY513" s="425"/>
      <c r="BZ513" s="425"/>
      <c r="CA513" s="425"/>
      <c r="CB513" s="425"/>
      <c r="CC513" s="425"/>
      <c r="CD513" s="425"/>
      <c r="CE513" s="425"/>
      <c r="CF513" s="425"/>
      <c r="CG513" s="425"/>
      <c r="CH513" s="425"/>
      <c r="CI513" s="425" t="s">
        <v>2190</v>
      </c>
      <c r="CJ513" s="425"/>
      <c r="CK513" s="425"/>
      <c r="CL513" s="425"/>
      <c r="CM513" s="425"/>
      <c r="CN513" s="425" t="s">
        <v>2190</v>
      </c>
      <c r="CO513" s="425"/>
      <c r="CP513" s="425"/>
      <c r="CQ513" s="425"/>
      <c r="CR513" s="425"/>
      <c r="CS513" s="425"/>
      <c r="CT513" s="425"/>
      <c r="CU513" s="425" t="s">
        <v>2190</v>
      </c>
      <c r="CV513" s="425"/>
      <c r="CW513" s="416"/>
      <c r="CX513" s="425"/>
      <c r="CY513" s="425"/>
      <c r="CZ513" s="425"/>
      <c r="DA513" s="416"/>
      <c r="DB513" s="416"/>
      <c r="DC513" s="425"/>
      <c r="DD513" s="416"/>
      <c r="DE513" s="416" t="s">
        <v>2429</v>
      </c>
      <c r="DF513" s="419"/>
    </row>
    <row r="514" spans="3:110" ht="56.1" customHeight="1" x14ac:dyDescent="0.2">
      <c r="C514" s="412">
        <v>176</v>
      </c>
      <c r="D514" s="412" t="s">
        <v>2182</v>
      </c>
      <c r="E514" s="422" t="s">
        <v>1385</v>
      </c>
      <c r="F514" s="422" t="s">
        <v>655</v>
      </c>
      <c r="G514" s="416" t="s">
        <v>2508</v>
      </c>
      <c r="H514" s="416" t="s">
        <v>2920</v>
      </c>
      <c r="I514" s="416" t="s">
        <v>2921</v>
      </c>
      <c r="J514" s="416" t="s">
        <v>2635</v>
      </c>
      <c r="K514" s="416" t="s">
        <v>2636</v>
      </c>
      <c r="L514" s="416" t="s">
        <v>63</v>
      </c>
      <c r="M514" s="416" t="s">
        <v>81</v>
      </c>
      <c r="N514" s="416" t="s">
        <v>61</v>
      </c>
      <c r="O514" s="424" t="s">
        <v>2258</v>
      </c>
      <c r="P514" s="459" t="s">
        <v>63</v>
      </c>
      <c r="Q514" s="425" t="s">
        <v>63</v>
      </c>
      <c r="R514" s="425">
        <v>680800</v>
      </c>
      <c r="S514" s="425">
        <v>680800</v>
      </c>
      <c r="T514" s="425" t="s">
        <v>2413</v>
      </c>
      <c r="U514" s="425" t="s">
        <v>853</v>
      </c>
      <c r="V514" s="425"/>
      <c r="W514" s="425"/>
      <c r="X514" s="425"/>
      <c r="Y514" s="425"/>
      <c r="Z514" s="425"/>
      <c r="AA514" s="425"/>
      <c r="AB514" s="425"/>
      <c r="AC514" s="425"/>
      <c r="AD514" s="425"/>
      <c r="AE514" s="425"/>
      <c r="AF514" s="425"/>
      <c r="AG514" s="425"/>
      <c r="AH514" s="425"/>
      <c r="AI514" s="425"/>
      <c r="AJ514" s="425"/>
      <c r="AK514" s="425"/>
      <c r="AL514" s="425"/>
      <c r="AM514" s="425"/>
      <c r="AN514" s="425"/>
      <c r="AO514" s="425"/>
      <c r="AP514" s="425"/>
      <c r="AQ514" s="425"/>
      <c r="AR514" s="425"/>
      <c r="AS514" s="425"/>
      <c r="AT514" s="425"/>
      <c r="AU514" s="425"/>
      <c r="AV514" s="425"/>
      <c r="AW514" s="425"/>
      <c r="AX514" s="425"/>
      <c r="AY514" s="425"/>
      <c r="AZ514" s="425"/>
      <c r="BA514" s="425"/>
      <c r="BB514" s="425"/>
      <c r="BC514" s="425"/>
      <c r="BD514" s="425"/>
      <c r="BE514" s="425"/>
      <c r="BF514" s="425"/>
      <c r="BG514" s="425"/>
      <c r="BH514" s="425"/>
      <c r="BI514" s="425"/>
      <c r="BJ514" s="425"/>
      <c r="BK514" s="425"/>
      <c r="BL514" s="425"/>
      <c r="BM514" s="425"/>
      <c r="BN514" s="425"/>
      <c r="BO514" s="425"/>
      <c r="BP514" s="425"/>
      <c r="BQ514" s="425"/>
      <c r="BR514" s="425"/>
      <c r="BS514" s="425"/>
      <c r="BT514" s="425"/>
      <c r="BU514" s="425"/>
      <c r="BV514" s="425"/>
      <c r="BW514" s="425"/>
      <c r="BX514" s="425"/>
      <c r="BY514" s="425"/>
      <c r="BZ514" s="425"/>
      <c r="CA514" s="425"/>
      <c r="CB514" s="425"/>
      <c r="CC514" s="425"/>
      <c r="CD514" s="425"/>
      <c r="CE514" s="425"/>
      <c r="CF514" s="425"/>
      <c r="CG514" s="425"/>
      <c r="CH514" s="425"/>
      <c r="CI514" s="425" t="s">
        <v>2190</v>
      </c>
      <c r="CJ514" s="425"/>
      <c r="CK514" s="425"/>
      <c r="CL514" s="425"/>
      <c r="CM514" s="425"/>
      <c r="CN514" s="425" t="s">
        <v>2190</v>
      </c>
      <c r="CO514" s="425"/>
      <c r="CP514" s="425"/>
      <c r="CQ514" s="425"/>
      <c r="CR514" s="425"/>
      <c r="CS514" s="425"/>
      <c r="CT514" s="425"/>
      <c r="CU514" s="425" t="s">
        <v>2190</v>
      </c>
      <c r="CV514" s="425"/>
      <c r="CW514" s="416"/>
      <c r="CX514" s="425"/>
      <c r="CY514" s="425"/>
      <c r="CZ514" s="425"/>
      <c r="DA514" s="416"/>
      <c r="DB514" s="416"/>
      <c r="DC514" s="425"/>
      <c r="DD514" s="416"/>
      <c r="DE514" s="416" t="s">
        <v>2429</v>
      </c>
      <c r="DF514" s="419"/>
    </row>
    <row r="515" spans="3:110" ht="56.1" customHeight="1" x14ac:dyDescent="0.2">
      <c r="C515" s="412">
        <v>177</v>
      </c>
      <c r="D515" s="412" t="s">
        <v>2182</v>
      </c>
      <c r="E515" s="422" t="s">
        <v>1385</v>
      </c>
      <c r="F515" s="422" t="s">
        <v>655</v>
      </c>
      <c r="G515" s="416" t="s">
        <v>2508</v>
      </c>
      <c r="H515" s="416" t="s">
        <v>2922</v>
      </c>
      <c r="I515" s="416" t="s">
        <v>2923</v>
      </c>
      <c r="J515" s="416" t="s">
        <v>2635</v>
      </c>
      <c r="K515" s="416" t="s">
        <v>2636</v>
      </c>
      <c r="L515" s="416" t="s">
        <v>63</v>
      </c>
      <c r="M515" s="416" t="s">
        <v>81</v>
      </c>
      <c r="N515" s="416" t="s">
        <v>61</v>
      </c>
      <c r="O515" s="424" t="s">
        <v>2258</v>
      </c>
      <c r="P515" s="459" t="s">
        <v>63</v>
      </c>
      <c r="Q515" s="425" t="s">
        <v>63</v>
      </c>
      <c r="R515" s="425">
        <v>770000</v>
      </c>
      <c r="S515" s="425">
        <v>770000</v>
      </c>
      <c r="T515" s="425" t="s">
        <v>2413</v>
      </c>
      <c r="U515" s="425" t="s">
        <v>853</v>
      </c>
      <c r="V515" s="425"/>
      <c r="W515" s="425"/>
      <c r="X515" s="425"/>
      <c r="Y515" s="425"/>
      <c r="Z515" s="425"/>
      <c r="AA515" s="425"/>
      <c r="AB515" s="425"/>
      <c r="AC515" s="425"/>
      <c r="AD515" s="425"/>
      <c r="AE515" s="425"/>
      <c r="AF515" s="425"/>
      <c r="AG515" s="425"/>
      <c r="AH515" s="425"/>
      <c r="AI515" s="425"/>
      <c r="AJ515" s="425"/>
      <c r="AK515" s="425"/>
      <c r="AL515" s="425"/>
      <c r="AM515" s="425"/>
      <c r="AN515" s="425"/>
      <c r="AO515" s="425"/>
      <c r="AP515" s="425"/>
      <c r="AQ515" s="425"/>
      <c r="AR515" s="425"/>
      <c r="AS515" s="425"/>
      <c r="AT515" s="425"/>
      <c r="AU515" s="425"/>
      <c r="AV515" s="425"/>
      <c r="AW515" s="425"/>
      <c r="AX515" s="425"/>
      <c r="AY515" s="425"/>
      <c r="AZ515" s="425"/>
      <c r="BA515" s="425"/>
      <c r="BB515" s="425"/>
      <c r="BC515" s="425"/>
      <c r="BD515" s="425"/>
      <c r="BE515" s="425"/>
      <c r="BF515" s="425"/>
      <c r="BG515" s="425"/>
      <c r="BH515" s="425"/>
      <c r="BI515" s="425"/>
      <c r="BJ515" s="425"/>
      <c r="BK515" s="425"/>
      <c r="BL515" s="425"/>
      <c r="BM515" s="425"/>
      <c r="BN515" s="425"/>
      <c r="BO515" s="425"/>
      <c r="BP515" s="425"/>
      <c r="BQ515" s="425"/>
      <c r="BR515" s="425"/>
      <c r="BS515" s="425"/>
      <c r="BT515" s="425"/>
      <c r="BU515" s="425"/>
      <c r="BV515" s="425"/>
      <c r="BW515" s="425"/>
      <c r="BX515" s="425"/>
      <c r="BY515" s="425"/>
      <c r="BZ515" s="425"/>
      <c r="CA515" s="425"/>
      <c r="CB515" s="425"/>
      <c r="CC515" s="425"/>
      <c r="CD515" s="425"/>
      <c r="CE515" s="425"/>
      <c r="CF515" s="425"/>
      <c r="CG515" s="425"/>
      <c r="CH515" s="425"/>
      <c r="CI515" s="425" t="s">
        <v>2190</v>
      </c>
      <c r="CJ515" s="425"/>
      <c r="CK515" s="425"/>
      <c r="CL515" s="425"/>
      <c r="CM515" s="425"/>
      <c r="CN515" s="425" t="s">
        <v>2190</v>
      </c>
      <c r="CO515" s="425"/>
      <c r="CP515" s="425"/>
      <c r="CQ515" s="425"/>
      <c r="CR515" s="425"/>
      <c r="CS515" s="425"/>
      <c r="CT515" s="425"/>
      <c r="CU515" s="425" t="s">
        <v>2190</v>
      </c>
      <c r="CV515" s="425"/>
      <c r="CW515" s="416"/>
      <c r="CX515" s="425"/>
      <c r="CY515" s="425"/>
      <c r="CZ515" s="425"/>
      <c r="DA515" s="416"/>
      <c r="DB515" s="416"/>
      <c r="DC515" s="425"/>
      <c r="DD515" s="416"/>
      <c r="DE515" s="416" t="s">
        <v>2429</v>
      </c>
      <c r="DF515" s="419"/>
    </row>
    <row r="516" spans="3:110" ht="56.1" customHeight="1" x14ac:dyDescent="0.2">
      <c r="C516" s="412">
        <v>178</v>
      </c>
      <c r="D516" s="412" t="s">
        <v>2182</v>
      </c>
      <c r="E516" s="422" t="s">
        <v>1385</v>
      </c>
      <c r="F516" s="422" t="s">
        <v>655</v>
      </c>
      <c r="G516" s="416" t="s">
        <v>2508</v>
      </c>
      <c r="H516" s="416" t="s">
        <v>2924</v>
      </c>
      <c r="I516" s="416" t="s">
        <v>2925</v>
      </c>
      <c r="J516" s="416" t="s">
        <v>2635</v>
      </c>
      <c r="K516" s="416" t="s">
        <v>2636</v>
      </c>
      <c r="L516" s="416" t="s">
        <v>63</v>
      </c>
      <c r="M516" s="416" t="s">
        <v>81</v>
      </c>
      <c r="N516" s="416" t="s">
        <v>61</v>
      </c>
      <c r="O516" s="424" t="s">
        <v>2258</v>
      </c>
      <c r="P516" s="459" t="s">
        <v>63</v>
      </c>
      <c r="Q516" s="425" t="s">
        <v>63</v>
      </c>
      <c r="R516" s="425">
        <v>325000</v>
      </c>
      <c r="S516" s="425">
        <v>325000</v>
      </c>
      <c r="T516" s="425" t="s">
        <v>2413</v>
      </c>
      <c r="U516" s="425" t="s">
        <v>853</v>
      </c>
      <c r="V516" s="425"/>
      <c r="W516" s="425"/>
      <c r="X516" s="425"/>
      <c r="Y516" s="425"/>
      <c r="Z516" s="425"/>
      <c r="AA516" s="425"/>
      <c r="AB516" s="425"/>
      <c r="AC516" s="425"/>
      <c r="AD516" s="425"/>
      <c r="AE516" s="425"/>
      <c r="AF516" s="425"/>
      <c r="AG516" s="425"/>
      <c r="AH516" s="425"/>
      <c r="AI516" s="425"/>
      <c r="AJ516" s="425"/>
      <c r="AK516" s="425"/>
      <c r="AL516" s="425"/>
      <c r="AM516" s="425"/>
      <c r="AN516" s="425"/>
      <c r="AO516" s="425"/>
      <c r="AP516" s="425"/>
      <c r="AQ516" s="425"/>
      <c r="AR516" s="425"/>
      <c r="AS516" s="425"/>
      <c r="AT516" s="425"/>
      <c r="AU516" s="425"/>
      <c r="AV516" s="425"/>
      <c r="AW516" s="425"/>
      <c r="AX516" s="425"/>
      <c r="AY516" s="425"/>
      <c r="AZ516" s="425"/>
      <c r="BA516" s="425"/>
      <c r="BB516" s="425"/>
      <c r="BC516" s="425"/>
      <c r="BD516" s="425"/>
      <c r="BE516" s="425"/>
      <c r="BF516" s="425"/>
      <c r="BG516" s="425"/>
      <c r="BH516" s="425"/>
      <c r="BI516" s="425"/>
      <c r="BJ516" s="425"/>
      <c r="BK516" s="425"/>
      <c r="BL516" s="425"/>
      <c r="BM516" s="425"/>
      <c r="BN516" s="425"/>
      <c r="BO516" s="425"/>
      <c r="BP516" s="425"/>
      <c r="BQ516" s="425"/>
      <c r="BR516" s="425"/>
      <c r="BS516" s="425"/>
      <c r="BT516" s="425"/>
      <c r="BU516" s="425"/>
      <c r="BV516" s="425"/>
      <c r="BW516" s="425"/>
      <c r="BX516" s="425"/>
      <c r="BY516" s="425"/>
      <c r="BZ516" s="425"/>
      <c r="CA516" s="425"/>
      <c r="CB516" s="425"/>
      <c r="CC516" s="425"/>
      <c r="CD516" s="425"/>
      <c r="CE516" s="425"/>
      <c r="CF516" s="425"/>
      <c r="CG516" s="425"/>
      <c r="CH516" s="425"/>
      <c r="CI516" s="425" t="s">
        <v>2190</v>
      </c>
      <c r="CJ516" s="425"/>
      <c r="CK516" s="425"/>
      <c r="CL516" s="425"/>
      <c r="CM516" s="425"/>
      <c r="CN516" s="425" t="s">
        <v>2190</v>
      </c>
      <c r="CO516" s="425"/>
      <c r="CP516" s="425"/>
      <c r="CQ516" s="425"/>
      <c r="CR516" s="425"/>
      <c r="CS516" s="425"/>
      <c r="CT516" s="425"/>
      <c r="CU516" s="425" t="s">
        <v>2190</v>
      </c>
      <c r="CV516" s="425"/>
      <c r="CW516" s="416"/>
      <c r="CX516" s="425"/>
      <c r="CY516" s="425"/>
      <c r="CZ516" s="425"/>
      <c r="DA516" s="416"/>
      <c r="DB516" s="416"/>
      <c r="DC516" s="425"/>
      <c r="DD516" s="416"/>
      <c r="DE516" s="416" t="s">
        <v>2429</v>
      </c>
      <c r="DF516" s="419"/>
    </row>
    <row r="517" spans="3:110" ht="56.1" customHeight="1" x14ac:dyDescent="0.2">
      <c r="C517" s="412">
        <v>179</v>
      </c>
      <c r="D517" s="412" t="s">
        <v>2182</v>
      </c>
      <c r="E517" s="422" t="s">
        <v>1385</v>
      </c>
      <c r="F517" s="422" t="s">
        <v>655</v>
      </c>
      <c r="G517" s="416" t="s">
        <v>2508</v>
      </c>
      <c r="H517" s="416" t="s">
        <v>2926</v>
      </c>
      <c r="I517" s="416" t="s">
        <v>2927</v>
      </c>
      <c r="J517" s="416" t="s">
        <v>2635</v>
      </c>
      <c r="K517" s="416" t="s">
        <v>2636</v>
      </c>
      <c r="L517" s="416" t="s">
        <v>63</v>
      </c>
      <c r="M517" s="416" t="s">
        <v>81</v>
      </c>
      <c r="N517" s="416" t="s">
        <v>61</v>
      </c>
      <c r="O517" s="424" t="s">
        <v>2258</v>
      </c>
      <c r="P517" s="459" t="s">
        <v>63</v>
      </c>
      <c r="Q517" s="425" t="s">
        <v>63</v>
      </c>
      <c r="R517" s="425">
        <v>711000</v>
      </c>
      <c r="S517" s="425">
        <v>711000</v>
      </c>
      <c r="T517" s="425" t="s">
        <v>2413</v>
      </c>
      <c r="U517" s="425" t="s">
        <v>853</v>
      </c>
      <c r="V517" s="425"/>
      <c r="W517" s="425"/>
      <c r="X517" s="425"/>
      <c r="Y517" s="425"/>
      <c r="Z517" s="425"/>
      <c r="AA517" s="425"/>
      <c r="AB517" s="425"/>
      <c r="AC517" s="425"/>
      <c r="AD517" s="425"/>
      <c r="AE517" s="425"/>
      <c r="AF517" s="425"/>
      <c r="AG517" s="425"/>
      <c r="AH517" s="425"/>
      <c r="AI517" s="425"/>
      <c r="AJ517" s="425"/>
      <c r="AK517" s="425"/>
      <c r="AL517" s="425"/>
      <c r="AM517" s="425"/>
      <c r="AN517" s="425"/>
      <c r="AO517" s="425"/>
      <c r="AP517" s="425"/>
      <c r="AQ517" s="425"/>
      <c r="AR517" s="425"/>
      <c r="AS517" s="425"/>
      <c r="AT517" s="425"/>
      <c r="AU517" s="425"/>
      <c r="AV517" s="425"/>
      <c r="AW517" s="425"/>
      <c r="AX517" s="425"/>
      <c r="AY517" s="425"/>
      <c r="AZ517" s="425"/>
      <c r="BA517" s="425"/>
      <c r="BB517" s="425"/>
      <c r="BC517" s="425"/>
      <c r="BD517" s="425"/>
      <c r="BE517" s="425"/>
      <c r="BF517" s="425"/>
      <c r="BG517" s="425"/>
      <c r="BH517" s="425"/>
      <c r="BI517" s="425"/>
      <c r="BJ517" s="425"/>
      <c r="BK517" s="425"/>
      <c r="BL517" s="425"/>
      <c r="BM517" s="425"/>
      <c r="BN517" s="425"/>
      <c r="BO517" s="425"/>
      <c r="BP517" s="425"/>
      <c r="BQ517" s="425"/>
      <c r="BR517" s="425"/>
      <c r="BS517" s="425"/>
      <c r="BT517" s="425"/>
      <c r="BU517" s="425"/>
      <c r="BV517" s="425"/>
      <c r="BW517" s="425"/>
      <c r="BX517" s="425"/>
      <c r="BY517" s="425"/>
      <c r="BZ517" s="425"/>
      <c r="CA517" s="425"/>
      <c r="CB517" s="425"/>
      <c r="CC517" s="425"/>
      <c r="CD517" s="425"/>
      <c r="CE517" s="425"/>
      <c r="CF517" s="425"/>
      <c r="CG517" s="425"/>
      <c r="CH517" s="425"/>
      <c r="CI517" s="425" t="s">
        <v>2190</v>
      </c>
      <c r="CJ517" s="425"/>
      <c r="CK517" s="425"/>
      <c r="CL517" s="425"/>
      <c r="CM517" s="425"/>
      <c r="CN517" s="425" t="s">
        <v>2190</v>
      </c>
      <c r="CO517" s="425"/>
      <c r="CP517" s="425"/>
      <c r="CQ517" s="425"/>
      <c r="CR517" s="425"/>
      <c r="CS517" s="425"/>
      <c r="CT517" s="425"/>
      <c r="CU517" s="425" t="s">
        <v>2190</v>
      </c>
      <c r="CV517" s="425"/>
      <c r="CW517" s="416"/>
      <c r="CX517" s="425"/>
      <c r="CY517" s="425"/>
      <c r="CZ517" s="425"/>
      <c r="DA517" s="416"/>
      <c r="DB517" s="416"/>
      <c r="DC517" s="425"/>
      <c r="DD517" s="416"/>
      <c r="DE517" s="416" t="s">
        <v>2429</v>
      </c>
      <c r="DF517" s="419"/>
    </row>
    <row r="518" spans="3:110" ht="56.1" customHeight="1" x14ac:dyDescent="0.2">
      <c r="C518" s="412">
        <v>180</v>
      </c>
      <c r="D518" s="412" t="s">
        <v>2182</v>
      </c>
      <c r="E518" s="422" t="s">
        <v>1385</v>
      </c>
      <c r="F518" s="422" t="s">
        <v>655</v>
      </c>
      <c r="G518" s="416" t="s">
        <v>2508</v>
      </c>
      <c r="H518" s="416" t="s">
        <v>2928</v>
      </c>
      <c r="I518" s="416" t="s">
        <v>2929</v>
      </c>
      <c r="J518" s="416" t="s">
        <v>2635</v>
      </c>
      <c r="K518" s="416" t="s">
        <v>2636</v>
      </c>
      <c r="L518" s="416" t="s">
        <v>63</v>
      </c>
      <c r="M518" s="416" t="s">
        <v>81</v>
      </c>
      <c r="N518" s="416" t="s">
        <v>61</v>
      </c>
      <c r="O518" s="424" t="s">
        <v>2258</v>
      </c>
      <c r="P518" s="459" t="s">
        <v>63</v>
      </c>
      <c r="Q518" s="425" t="s">
        <v>63</v>
      </c>
      <c r="R518" s="425">
        <v>2000000</v>
      </c>
      <c r="S518" s="425">
        <v>2000000</v>
      </c>
      <c r="T518" s="425" t="s">
        <v>2413</v>
      </c>
      <c r="U518" s="425" t="s">
        <v>853</v>
      </c>
      <c r="V518" s="425"/>
      <c r="W518" s="425"/>
      <c r="X518" s="425"/>
      <c r="Y518" s="425"/>
      <c r="Z518" s="425"/>
      <c r="AA518" s="425"/>
      <c r="AB518" s="425"/>
      <c r="AC518" s="425"/>
      <c r="AD518" s="425"/>
      <c r="AE518" s="425"/>
      <c r="AF518" s="425"/>
      <c r="AG518" s="425"/>
      <c r="AH518" s="425"/>
      <c r="AI518" s="425"/>
      <c r="AJ518" s="425"/>
      <c r="AK518" s="425"/>
      <c r="AL518" s="425"/>
      <c r="AM518" s="425"/>
      <c r="AN518" s="425"/>
      <c r="AO518" s="425"/>
      <c r="AP518" s="425"/>
      <c r="AQ518" s="425"/>
      <c r="AR518" s="425"/>
      <c r="AS518" s="425"/>
      <c r="AT518" s="425"/>
      <c r="AU518" s="425"/>
      <c r="AV518" s="425"/>
      <c r="AW518" s="425"/>
      <c r="AX518" s="425"/>
      <c r="AY518" s="425"/>
      <c r="AZ518" s="425"/>
      <c r="BA518" s="425"/>
      <c r="BB518" s="425"/>
      <c r="BC518" s="425"/>
      <c r="BD518" s="425"/>
      <c r="BE518" s="425"/>
      <c r="BF518" s="425"/>
      <c r="BG518" s="425"/>
      <c r="BH518" s="425"/>
      <c r="BI518" s="425"/>
      <c r="BJ518" s="425"/>
      <c r="BK518" s="425"/>
      <c r="BL518" s="425"/>
      <c r="BM518" s="425"/>
      <c r="BN518" s="425"/>
      <c r="BO518" s="425"/>
      <c r="BP518" s="425"/>
      <c r="BQ518" s="425"/>
      <c r="BR518" s="425"/>
      <c r="BS518" s="425"/>
      <c r="BT518" s="425"/>
      <c r="BU518" s="425"/>
      <c r="BV518" s="425"/>
      <c r="BW518" s="425"/>
      <c r="BX518" s="425"/>
      <c r="BY518" s="425"/>
      <c r="BZ518" s="425"/>
      <c r="CA518" s="425"/>
      <c r="CB518" s="425"/>
      <c r="CC518" s="425"/>
      <c r="CD518" s="425"/>
      <c r="CE518" s="425"/>
      <c r="CF518" s="425"/>
      <c r="CG518" s="425"/>
      <c r="CH518" s="425"/>
      <c r="CI518" s="425" t="s">
        <v>2190</v>
      </c>
      <c r="CJ518" s="425"/>
      <c r="CK518" s="425"/>
      <c r="CL518" s="425"/>
      <c r="CM518" s="425"/>
      <c r="CN518" s="425" t="s">
        <v>2190</v>
      </c>
      <c r="CO518" s="425"/>
      <c r="CP518" s="425"/>
      <c r="CQ518" s="425"/>
      <c r="CR518" s="425"/>
      <c r="CS518" s="425"/>
      <c r="CT518" s="425"/>
      <c r="CU518" s="425" t="s">
        <v>2190</v>
      </c>
      <c r="CV518" s="425"/>
      <c r="CW518" s="416"/>
      <c r="CX518" s="425"/>
      <c r="CY518" s="425"/>
      <c r="CZ518" s="425"/>
      <c r="DA518" s="416"/>
      <c r="DB518" s="416"/>
      <c r="DC518" s="425"/>
      <c r="DD518" s="416"/>
      <c r="DE518" s="416" t="s">
        <v>2429</v>
      </c>
      <c r="DF518" s="419"/>
    </row>
    <row r="519" spans="3:110" ht="56.1" customHeight="1" x14ac:dyDescent="0.2">
      <c r="C519" s="412">
        <v>181</v>
      </c>
      <c r="D519" s="412" t="s">
        <v>2182</v>
      </c>
      <c r="E519" s="422" t="s">
        <v>1385</v>
      </c>
      <c r="F519" s="422" t="s">
        <v>655</v>
      </c>
      <c r="G519" s="416" t="s">
        <v>2508</v>
      </c>
      <c r="H519" s="416" t="s">
        <v>2930</v>
      </c>
      <c r="I519" s="416" t="s">
        <v>2931</v>
      </c>
      <c r="J519" s="416" t="s">
        <v>2635</v>
      </c>
      <c r="K519" s="416" t="s">
        <v>2636</v>
      </c>
      <c r="L519" s="416" t="s">
        <v>63</v>
      </c>
      <c r="M519" s="416" t="s">
        <v>81</v>
      </c>
      <c r="N519" s="416" t="s">
        <v>61</v>
      </c>
      <c r="O519" s="424" t="s">
        <v>2258</v>
      </c>
      <c r="P519" s="459" t="s">
        <v>63</v>
      </c>
      <c r="Q519" s="425" t="s">
        <v>63</v>
      </c>
      <c r="R519" s="425">
        <v>522350</v>
      </c>
      <c r="S519" s="425">
        <v>522350</v>
      </c>
      <c r="T519" s="425" t="s">
        <v>2413</v>
      </c>
      <c r="U519" s="425" t="s">
        <v>853</v>
      </c>
      <c r="V519" s="425"/>
      <c r="W519" s="425"/>
      <c r="X519" s="425"/>
      <c r="Y519" s="425"/>
      <c r="Z519" s="425"/>
      <c r="AA519" s="425"/>
      <c r="AB519" s="425"/>
      <c r="AC519" s="425"/>
      <c r="AD519" s="425"/>
      <c r="AE519" s="425"/>
      <c r="AF519" s="425"/>
      <c r="AG519" s="425"/>
      <c r="AH519" s="425"/>
      <c r="AI519" s="425"/>
      <c r="AJ519" s="425"/>
      <c r="AK519" s="425"/>
      <c r="AL519" s="425"/>
      <c r="AM519" s="425"/>
      <c r="AN519" s="425"/>
      <c r="AO519" s="425"/>
      <c r="AP519" s="425"/>
      <c r="AQ519" s="425"/>
      <c r="AR519" s="425"/>
      <c r="AS519" s="425"/>
      <c r="AT519" s="425"/>
      <c r="AU519" s="425"/>
      <c r="AV519" s="425"/>
      <c r="AW519" s="425"/>
      <c r="AX519" s="425"/>
      <c r="AY519" s="425"/>
      <c r="AZ519" s="425"/>
      <c r="BA519" s="425"/>
      <c r="BB519" s="425"/>
      <c r="BC519" s="425"/>
      <c r="BD519" s="425"/>
      <c r="BE519" s="425"/>
      <c r="BF519" s="425"/>
      <c r="BG519" s="425"/>
      <c r="BH519" s="425"/>
      <c r="BI519" s="425"/>
      <c r="BJ519" s="425"/>
      <c r="BK519" s="425"/>
      <c r="BL519" s="425"/>
      <c r="BM519" s="425"/>
      <c r="BN519" s="425"/>
      <c r="BO519" s="425"/>
      <c r="BP519" s="425"/>
      <c r="BQ519" s="425"/>
      <c r="BR519" s="425"/>
      <c r="BS519" s="425"/>
      <c r="BT519" s="425"/>
      <c r="BU519" s="425"/>
      <c r="BV519" s="425"/>
      <c r="BW519" s="425"/>
      <c r="BX519" s="425"/>
      <c r="BY519" s="425"/>
      <c r="BZ519" s="425"/>
      <c r="CA519" s="425"/>
      <c r="CB519" s="425"/>
      <c r="CC519" s="425"/>
      <c r="CD519" s="425"/>
      <c r="CE519" s="425"/>
      <c r="CF519" s="425"/>
      <c r="CG519" s="425"/>
      <c r="CH519" s="425"/>
      <c r="CI519" s="425" t="s">
        <v>2190</v>
      </c>
      <c r="CJ519" s="425"/>
      <c r="CK519" s="425"/>
      <c r="CL519" s="425"/>
      <c r="CM519" s="425"/>
      <c r="CN519" s="425" t="s">
        <v>2190</v>
      </c>
      <c r="CO519" s="425"/>
      <c r="CP519" s="425"/>
      <c r="CQ519" s="425"/>
      <c r="CR519" s="425"/>
      <c r="CS519" s="425"/>
      <c r="CT519" s="425"/>
      <c r="CU519" s="425" t="s">
        <v>2190</v>
      </c>
      <c r="CV519" s="425"/>
      <c r="CW519" s="416"/>
      <c r="CX519" s="425"/>
      <c r="CY519" s="425"/>
      <c r="CZ519" s="425"/>
      <c r="DA519" s="416"/>
      <c r="DB519" s="416"/>
      <c r="DC519" s="425"/>
      <c r="DD519" s="416"/>
      <c r="DE519" s="416" t="s">
        <v>2429</v>
      </c>
      <c r="DF519" s="419"/>
    </row>
    <row r="520" spans="3:110" ht="56.1" customHeight="1" x14ac:dyDescent="0.2">
      <c r="C520" s="412">
        <v>182</v>
      </c>
      <c r="D520" s="412" t="s">
        <v>2182</v>
      </c>
      <c r="E520" s="422" t="s">
        <v>1385</v>
      </c>
      <c r="F520" s="422" t="s">
        <v>655</v>
      </c>
      <c r="G520" s="416" t="s">
        <v>2508</v>
      </c>
      <c r="H520" s="416" t="s">
        <v>2932</v>
      </c>
      <c r="I520" s="416" t="s">
        <v>2933</v>
      </c>
      <c r="J520" s="416" t="s">
        <v>2635</v>
      </c>
      <c r="K520" s="416" t="s">
        <v>2636</v>
      </c>
      <c r="L520" s="416" t="s">
        <v>63</v>
      </c>
      <c r="M520" s="416" t="s">
        <v>81</v>
      </c>
      <c r="N520" s="416" t="s">
        <v>61</v>
      </c>
      <c r="O520" s="424" t="s">
        <v>2258</v>
      </c>
      <c r="P520" s="459" t="s">
        <v>63</v>
      </c>
      <c r="Q520" s="425" t="s">
        <v>63</v>
      </c>
      <c r="R520" s="425">
        <v>1475000</v>
      </c>
      <c r="S520" s="425">
        <v>1475000</v>
      </c>
      <c r="T520" s="425" t="s">
        <v>2413</v>
      </c>
      <c r="U520" s="425" t="s">
        <v>853</v>
      </c>
      <c r="V520" s="425"/>
      <c r="W520" s="425"/>
      <c r="X520" s="425"/>
      <c r="Y520" s="425"/>
      <c r="Z520" s="425"/>
      <c r="AA520" s="425"/>
      <c r="AB520" s="425"/>
      <c r="AC520" s="425"/>
      <c r="AD520" s="425"/>
      <c r="AE520" s="425"/>
      <c r="AF520" s="425"/>
      <c r="AG520" s="425"/>
      <c r="AH520" s="425"/>
      <c r="AI520" s="425"/>
      <c r="AJ520" s="425"/>
      <c r="AK520" s="425"/>
      <c r="AL520" s="425"/>
      <c r="AM520" s="425"/>
      <c r="AN520" s="425"/>
      <c r="AO520" s="425"/>
      <c r="AP520" s="425"/>
      <c r="AQ520" s="425"/>
      <c r="AR520" s="425"/>
      <c r="AS520" s="425"/>
      <c r="AT520" s="425"/>
      <c r="AU520" s="425"/>
      <c r="AV520" s="425"/>
      <c r="AW520" s="425"/>
      <c r="AX520" s="425"/>
      <c r="AY520" s="425"/>
      <c r="AZ520" s="425"/>
      <c r="BA520" s="425"/>
      <c r="BB520" s="425"/>
      <c r="BC520" s="425"/>
      <c r="BD520" s="425"/>
      <c r="BE520" s="425"/>
      <c r="BF520" s="425"/>
      <c r="BG520" s="425"/>
      <c r="BH520" s="425"/>
      <c r="BI520" s="425"/>
      <c r="BJ520" s="425"/>
      <c r="BK520" s="425"/>
      <c r="BL520" s="425"/>
      <c r="BM520" s="425"/>
      <c r="BN520" s="425"/>
      <c r="BO520" s="425"/>
      <c r="BP520" s="425"/>
      <c r="BQ520" s="425"/>
      <c r="BR520" s="425"/>
      <c r="BS520" s="425"/>
      <c r="BT520" s="425"/>
      <c r="BU520" s="425"/>
      <c r="BV520" s="425"/>
      <c r="BW520" s="425"/>
      <c r="BX520" s="425"/>
      <c r="BY520" s="425"/>
      <c r="BZ520" s="425"/>
      <c r="CA520" s="425"/>
      <c r="CB520" s="425"/>
      <c r="CC520" s="425"/>
      <c r="CD520" s="425"/>
      <c r="CE520" s="425"/>
      <c r="CF520" s="425"/>
      <c r="CG520" s="425"/>
      <c r="CH520" s="425"/>
      <c r="CI520" s="425" t="s">
        <v>2190</v>
      </c>
      <c r="CJ520" s="425"/>
      <c r="CK520" s="425"/>
      <c r="CL520" s="425"/>
      <c r="CM520" s="425"/>
      <c r="CN520" s="425" t="s">
        <v>2190</v>
      </c>
      <c r="CO520" s="425"/>
      <c r="CP520" s="425"/>
      <c r="CQ520" s="425"/>
      <c r="CR520" s="425"/>
      <c r="CS520" s="425"/>
      <c r="CT520" s="425"/>
      <c r="CU520" s="425" t="s">
        <v>2190</v>
      </c>
      <c r="CV520" s="425"/>
      <c r="CW520" s="416"/>
      <c r="CX520" s="425"/>
      <c r="CY520" s="425"/>
      <c r="CZ520" s="425"/>
      <c r="DA520" s="416"/>
      <c r="DB520" s="416"/>
      <c r="DC520" s="425"/>
      <c r="DD520" s="416"/>
      <c r="DE520" s="416" t="s">
        <v>2429</v>
      </c>
      <c r="DF520" s="419"/>
    </row>
    <row r="521" spans="3:110" ht="56.1" customHeight="1" x14ac:dyDescent="0.2">
      <c r="C521" s="412">
        <v>183</v>
      </c>
      <c r="D521" s="412" t="s">
        <v>2182</v>
      </c>
      <c r="E521" s="422" t="s">
        <v>1385</v>
      </c>
      <c r="F521" s="422" t="s">
        <v>655</v>
      </c>
      <c r="G521" s="416" t="s">
        <v>2508</v>
      </c>
      <c r="H521" s="416" t="s">
        <v>2934</v>
      </c>
      <c r="I521" s="416" t="s">
        <v>2935</v>
      </c>
      <c r="J521" s="416" t="s">
        <v>2635</v>
      </c>
      <c r="K521" s="416" t="s">
        <v>2636</v>
      </c>
      <c r="L521" s="416" t="s">
        <v>63</v>
      </c>
      <c r="M521" s="416" t="s">
        <v>81</v>
      </c>
      <c r="N521" s="416" t="s">
        <v>61</v>
      </c>
      <c r="O521" s="424" t="s">
        <v>2258</v>
      </c>
      <c r="P521" s="459" t="s">
        <v>63</v>
      </c>
      <c r="Q521" s="425" t="s">
        <v>63</v>
      </c>
      <c r="R521" s="425">
        <v>837600</v>
      </c>
      <c r="S521" s="425">
        <v>837600</v>
      </c>
      <c r="T521" s="425" t="s">
        <v>2413</v>
      </c>
      <c r="U521" s="425" t="s">
        <v>853</v>
      </c>
      <c r="V521" s="425"/>
      <c r="W521" s="425"/>
      <c r="X521" s="425"/>
      <c r="Y521" s="425"/>
      <c r="Z521" s="425"/>
      <c r="AA521" s="425"/>
      <c r="AB521" s="425"/>
      <c r="AC521" s="425"/>
      <c r="AD521" s="425"/>
      <c r="AE521" s="425"/>
      <c r="AF521" s="425"/>
      <c r="AG521" s="425"/>
      <c r="AH521" s="425"/>
      <c r="AI521" s="425"/>
      <c r="AJ521" s="425"/>
      <c r="AK521" s="425"/>
      <c r="AL521" s="425"/>
      <c r="AM521" s="425"/>
      <c r="AN521" s="425"/>
      <c r="AO521" s="425"/>
      <c r="AP521" s="425"/>
      <c r="AQ521" s="425"/>
      <c r="AR521" s="425"/>
      <c r="AS521" s="425"/>
      <c r="AT521" s="425"/>
      <c r="AU521" s="425"/>
      <c r="AV521" s="425"/>
      <c r="AW521" s="425"/>
      <c r="AX521" s="425"/>
      <c r="AY521" s="425"/>
      <c r="AZ521" s="425"/>
      <c r="BA521" s="425"/>
      <c r="BB521" s="425"/>
      <c r="BC521" s="425"/>
      <c r="BD521" s="425"/>
      <c r="BE521" s="425"/>
      <c r="BF521" s="425"/>
      <c r="BG521" s="425"/>
      <c r="BH521" s="425"/>
      <c r="BI521" s="425"/>
      <c r="BJ521" s="425"/>
      <c r="BK521" s="425"/>
      <c r="BL521" s="425"/>
      <c r="BM521" s="425"/>
      <c r="BN521" s="425"/>
      <c r="BO521" s="425"/>
      <c r="BP521" s="425"/>
      <c r="BQ521" s="425"/>
      <c r="BR521" s="425"/>
      <c r="BS521" s="425"/>
      <c r="BT521" s="425"/>
      <c r="BU521" s="425"/>
      <c r="BV521" s="425"/>
      <c r="BW521" s="425"/>
      <c r="BX521" s="425"/>
      <c r="BY521" s="425"/>
      <c r="BZ521" s="425"/>
      <c r="CA521" s="425"/>
      <c r="CB521" s="425"/>
      <c r="CC521" s="425"/>
      <c r="CD521" s="425"/>
      <c r="CE521" s="425"/>
      <c r="CF521" s="425"/>
      <c r="CG521" s="425"/>
      <c r="CH521" s="425"/>
      <c r="CI521" s="425" t="s">
        <v>2190</v>
      </c>
      <c r="CJ521" s="425"/>
      <c r="CK521" s="425"/>
      <c r="CL521" s="425"/>
      <c r="CM521" s="425"/>
      <c r="CN521" s="425" t="s">
        <v>2190</v>
      </c>
      <c r="CO521" s="425"/>
      <c r="CP521" s="425"/>
      <c r="CQ521" s="425"/>
      <c r="CR521" s="425"/>
      <c r="CS521" s="425"/>
      <c r="CT521" s="425"/>
      <c r="CU521" s="425" t="s">
        <v>2190</v>
      </c>
      <c r="CV521" s="425"/>
      <c r="CW521" s="416"/>
      <c r="CX521" s="425"/>
      <c r="CY521" s="425"/>
      <c r="CZ521" s="425"/>
      <c r="DA521" s="416"/>
      <c r="DB521" s="416"/>
      <c r="DC521" s="425"/>
      <c r="DD521" s="416"/>
      <c r="DE521" s="416" t="s">
        <v>2429</v>
      </c>
      <c r="DF521" s="419"/>
    </row>
    <row r="522" spans="3:110" ht="56.1" customHeight="1" x14ac:dyDescent="0.2">
      <c r="C522" s="412">
        <v>184</v>
      </c>
      <c r="D522" s="412" t="s">
        <v>2182</v>
      </c>
      <c r="E522" s="422" t="s">
        <v>1385</v>
      </c>
      <c r="F522" s="422" t="s">
        <v>655</v>
      </c>
      <c r="G522" s="416" t="s">
        <v>2508</v>
      </c>
      <c r="H522" s="416" t="s">
        <v>2936</v>
      </c>
      <c r="I522" s="416" t="s">
        <v>2937</v>
      </c>
      <c r="J522" s="416" t="s">
        <v>2257</v>
      </c>
      <c r="K522" s="416" t="s">
        <v>2631</v>
      </c>
      <c r="L522" s="416" t="s">
        <v>63</v>
      </c>
      <c r="M522" s="416" t="s">
        <v>81</v>
      </c>
      <c r="N522" s="416" t="s">
        <v>61</v>
      </c>
      <c r="O522" s="424" t="s">
        <v>2258</v>
      </c>
      <c r="P522" s="459" t="s">
        <v>63</v>
      </c>
      <c r="Q522" s="425" t="s">
        <v>63</v>
      </c>
      <c r="R522" s="425">
        <v>1001250</v>
      </c>
      <c r="S522" s="425">
        <v>1001250</v>
      </c>
      <c r="T522" s="425" t="s">
        <v>2413</v>
      </c>
      <c r="U522" s="425" t="s">
        <v>853</v>
      </c>
      <c r="V522" s="425"/>
      <c r="W522" s="425"/>
      <c r="X522" s="425"/>
      <c r="Y522" s="425"/>
      <c r="Z522" s="425"/>
      <c r="AA522" s="425"/>
      <c r="AB522" s="425"/>
      <c r="AC522" s="425"/>
      <c r="AD522" s="425"/>
      <c r="AE522" s="425"/>
      <c r="AF522" s="425"/>
      <c r="AG522" s="425"/>
      <c r="AH522" s="425"/>
      <c r="AI522" s="425"/>
      <c r="AJ522" s="425"/>
      <c r="AK522" s="425"/>
      <c r="AL522" s="425"/>
      <c r="AM522" s="425"/>
      <c r="AN522" s="425"/>
      <c r="AO522" s="425"/>
      <c r="AP522" s="425"/>
      <c r="AQ522" s="425"/>
      <c r="AR522" s="425"/>
      <c r="AS522" s="425"/>
      <c r="AT522" s="425"/>
      <c r="AU522" s="425"/>
      <c r="AV522" s="425"/>
      <c r="AW522" s="425"/>
      <c r="AX522" s="425"/>
      <c r="AY522" s="425"/>
      <c r="AZ522" s="425"/>
      <c r="BA522" s="425"/>
      <c r="BB522" s="425"/>
      <c r="BC522" s="425"/>
      <c r="BD522" s="425"/>
      <c r="BE522" s="425"/>
      <c r="BF522" s="425"/>
      <c r="BG522" s="425"/>
      <c r="BH522" s="425"/>
      <c r="BI522" s="425"/>
      <c r="BJ522" s="425"/>
      <c r="BK522" s="425"/>
      <c r="BL522" s="425"/>
      <c r="BM522" s="425"/>
      <c r="BN522" s="425"/>
      <c r="BO522" s="425"/>
      <c r="BP522" s="425"/>
      <c r="BQ522" s="425"/>
      <c r="BR522" s="425"/>
      <c r="BS522" s="425"/>
      <c r="BT522" s="425"/>
      <c r="BU522" s="425"/>
      <c r="BV522" s="425"/>
      <c r="BW522" s="425"/>
      <c r="BX522" s="425"/>
      <c r="BY522" s="425"/>
      <c r="BZ522" s="425"/>
      <c r="CA522" s="425"/>
      <c r="CB522" s="425"/>
      <c r="CC522" s="425"/>
      <c r="CD522" s="425"/>
      <c r="CE522" s="425"/>
      <c r="CF522" s="425"/>
      <c r="CG522" s="425"/>
      <c r="CH522" s="425"/>
      <c r="CI522" s="425"/>
      <c r="CJ522" s="425"/>
      <c r="CK522" s="425"/>
      <c r="CL522" s="425"/>
      <c r="CM522" s="425"/>
      <c r="CN522" s="425"/>
      <c r="CO522" s="425"/>
      <c r="CP522" s="425"/>
      <c r="CQ522" s="425"/>
      <c r="CR522" s="425"/>
      <c r="CS522" s="425"/>
      <c r="CT522" s="425"/>
      <c r="CU522" s="425"/>
      <c r="CV522" s="425"/>
      <c r="CW522" s="416"/>
      <c r="CX522" s="425"/>
      <c r="CY522" s="425"/>
      <c r="CZ522" s="425"/>
      <c r="DA522" s="416"/>
      <c r="DB522" s="416"/>
      <c r="DC522" s="425" t="s">
        <v>2190</v>
      </c>
      <c r="DD522" s="416"/>
      <c r="DE522" s="416" t="s">
        <v>2429</v>
      </c>
      <c r="DF522" s="419"/>
    </row>
    <row r="523" spans="3:110" ht="56.1" customHeight="1" x14ac:dyDescent="0.2">
      <c r="C523" s="412">
        <v>185</v>
      </c>
      <c r="D523" s="412" t="s">
        <v>2182</v>
      </c>
      <c r="E523" s="422" t="s">
        <v>1385</v>
      </c>
      <c r="F523" s="422" t="s">
        <v>655</v>
      </c>
      <c r="G523" s="416" t="s">
        <v>2508</v>
      </c>
      <c r="H523" s="416" t="s">
        <v>2938</v>
      </c>
      <c r="I523" s="416" t="s">
        <v>2939</v>
      </c>
      <c r="J523" s="416" t="s">
        <v>2257</v>
      </c>
      <c r="K523" s="416" t="s">
        <v>2631</v>
      </c>
      <c r="L523" s="416" t="s">
        <v>63</v>
      </c>
      <c r="M523" s="416" t="s">
        <v>81</v>
      </c>
      <c r="N523" s="416" t="s">
        <v>61</v>
      </c>
      <c r="O523" s="424" t="s">
        <v>2258</v>
      </c>
      <c r="P523" s="459" t="s">
        <v>63</v>
      </c>
      <c r="Q523" s="425" t="s">
        <v>63</v>
      </c>
      <c r="R523" s="425">
        <v>255000</v>
      </c>
      <c r="S523" s="425">
        <v>255000</v>
      </c>
      <c r="T523" s="425" t="s">
        <v>2413</v>
      </c>
      <c r="U523" s="425" t="s">
        <v>853</v>
      </c>
      <c r="V523" s="425"/>
      <c r="W523" s="425"/>
      <c r="X523" s="425"/>
      <c r="Y523" s="425"/>
      <c r="Z523" s="425"/>
      <c r="AA523" s="425"/>
      <c r="AB523" s="425"/>
      <c r="AC523" s="425"/>
      <c r="AD523" s="425"/>
      <c r="AE523" s="425"/>
      <c r="AF523" s="425"/>
      <c r="AG523" s="425"/>
      <c r="AH523" s="425"/>
      <c r="AI523" s="425"/>
      <c r="AJ523" s="425"/>
      <c r="AK523" s="425"/>
      <c r="AL523" s="425"/>
      <c r="AM523" s="425"/>
      <c r="AN523" s="425"/>
      <c r="AO523" s="425"/>
      <c r="AP523" s="425"/>
      <c r="AQ523" s="425"/>
      <c r="AR523" s="425"/>
      <c r="AS523" s="425"/>
      <c r="AT523" s="425"/>
      <c r="AU523" s="425"/>
      <c r="AV523" s="425"/>
      <c r="AW523" s="425"/>
      <c r="AX523" s="425"/>
      <c r="AY523" s="425"/>
      <c r="AZ523" s="425"/>
      <c r="BA523" s="425"/>
      <c r="BB523" s="425"/>
      <c r="BC523" s="425"/>
      <c r="BD523" s="425"/>
      <c r="BE523" s="425"/>
      <c r="BF523" s="425"/>
      <c r="BG523" s="425"/>
      <c r="BH523" s="425"/>
      <c r="BI523" s="425"/>
      <c r="BJ523" s="425"/>
      <c r="BK523" s="425"/>
      <c r="BL523" s="425"/>
      <c r="BM523" s="425"/>
      <c r="BN523" s="425"/>
      <c r="BO523" s="425"/>
      <c r="BP523" s="425"/>
      <c r="BQ523" s="425"/>
      <c r="BR523" s="425"/>
      <c r="BS523" s="425"/>
      <c r="BT523" s="425"/>
      <c r="BU523" s="425"/>
      <c r="BV523" s="425"/>
      <c r="BW523" s="425"/>
      <c r="BX523" s="425"/>
      <c r="BY523" s="425"/>
      <c r="BZ523" s="425"/>
      <c r="CA523" s="425"/>
      <c r="CB523" s="425"/>
      <c r="CC523" s="425"/>
      <c r="CD523" s="425"/>
      <c r="CE523" s="425"/>
      <c r="CF523" s="425"/>
      <c r="CG523" s="425"/>
      <c r="CH523" s="425"/>
      <c r="CI523" s="425"/>
      <c r="CJ523" s="425"/>
      <c r="CK523" s="425"/>
      <c r="CL523" s="425"/>
      <c r="CM523" s="425"/>
      <c r="CN523" s="425"/>
      <c r="CO523" s="425"/>
      <c r="CP523" s="425"/>
      <c r="CQ523" s="425"/>
      <c r="CR523" s="425"/>
      <c r="CS523" s="425"/>
      <c r="CT523" s="425"/>
      <c r="CU523" s="425"/>
      <c r="CV523" s="425"/>
      <c r="CW523" s="416"/>
      <c r="CX523" s="425"/>
      <c r="CY523" s="425"/>
      <c r="CZ523" s="425"/>
      <c r="DA523" s="416"/>
      <c r="DB523" s="416"/>
      <c r="DC523" s="425" t="s">
        <v>2190</v>
      </c>
      <c r="DD523" s="416"/>
      <c r="DE523" s="416" t="s">
        <v>2429</v>
      </c>
      <c r="DF523" s="419"/>
    </row>
    <row r="524" spans="3:110" ht="56.1" customHeight="1" x14ac:dyDescent="0.2">
      <c r="C524" s="412">
        <v>186</v>
      </c>
      <c r="D524" s="412" t="s">
        <v>2182</v>
      </c>
      <c r="E524" s="422" t="s">
        <v>1385</v>
      </c>
      <c r="F524" s="422" t="s">
        <v>655</v>
      </c>
      <c r="G524" s="416" t="s">
        <v>2508</v>
      </c>
      <c r="H524" s="416" t="s">
        <v>2940</v>
      </c>
      <c r="I524" s="416" t="s">
        <v>2941</v>
      </c>
      <c r="J524" s="416" t="s">
        <v>2257</v>
      </c>
      <c r="K524" s="416" t="s">
        <v>2631</v>
      </c>
      <c r="L524" s="416" t="s">
        <v>63</v>
      </c>
      <c r="M524" s="416" t="s">
        <v>81</v>
      </c>
      <c r="N524" s="416" t="s">
        <v>61</v>
      </c>
      <c r="O524" s="424" t="s">
        <v>2258</v>
      </c>
      <c r="P524" s="459" t="s">
        <v>63</v>
      </c>
      <c r="Q524" s="425" t="s">
        <v>63</v>
      </c>
      <c r="R524" s="425">
        <v>3204000</v>
      </c>
      <c r="S524" s="425">
        <v>3204000</v>
      </c>
      <c r="T524" s="425" t="s">
        <v>2413</v>
      </c>
      <c r="U524" s="425" t="s">
        <v>853</v>
      </c>
      <c r="V524" s="425"/>
      <c r="W524" s="425"/>
      <c r="X524" s="425"/>
      <c r="Y524" s="425"/>
      <c r="Z524" s="425"/>
      <c r="AA524" s="425"/>
      <c r="AB524" s="425"/>
      <c r="AC524" s="425"/>
      <c r="AD524" s="425"/>
      <c r="AE524" s="425"/>
      <c r="AF524" s="425"/>
      <c r="AG524" s="425"/>
      <c r="AH524" s="425"/>
      <c r="AI524" s="425"/>
      <c r="AJ524" s="425"/>
      <c r="AK524" s="425"/>
      <c r="AL524" s="425"/>
      <c r="AM524" s="425"/>
      <c r="AN524" s="425"/>
      <c r="AO524" s="425"/>
      <c r="AP524" s="425"/>
      <c r="AQ524" s="425"/>
      <c r="AR524" s="425"/>
      <c r="AS524" s="425"/>
      <c r="AT524" s="425"/>
      <c r="AU524" s="425"/>
      <c r="AV524" s="425"/>
      <c r="AW524" s="425"/>
      <c r="AX524" s="425"/>
      <c r="AY524" s="425"/>
      <c r="AZ524" s="425"/>
      <c r="BA524" s="425"/>
      <c r="BB524" s="425"/>
      <c r="BC524" s="425"/>
      <c r="BD524" s="425"/>
      <c r="BE524" s="425"/>
      <c r="BF524" s="425"/>
      <c r="BG524" s="425"/>
      <c r="BH524" s="425"/>
      <c r="BI524" s="425"/>
      <c r="BJ524" s="425"/>
      <c r="BK524" s="425"/>
      <c r="BL524" s="425"/>
      <c r="BM524" s="425"/>
      <c r="BN524" s="425"/>
      <c r="BO524" s="425"/>
      <c r="BP524" s="425"/>
      <c r="BQ524" s="425"/>
      <c r="BR524" s="425"/>
      <c r="BS524" s="425"/>
      <c r="BT524" s="425"/>
      <c r="BU524" s="425"/>
      <c r="BV524" s="425"/>
      <c r="BW524" s="425"/>
      <c r="BX524" s="425"/>
      <c r="BY524" s="425"/>
      <c r="BZ524" s="425"/>
      <c r="CA524" s="425"/>
      <c r="CB524" s="425"/>
      <c r="CC524" s="425"/>
      <c r="CD524" s="425"/>
      <c r="CE524" s="425"/>
      <c r="CF524" s="425"/>
      <c r="CG524" s="425"/>
      <c r="CH524" s="425"/>
      <c r="CI524" s="425"/>
      <c r="CJ524" s="425"/>
      <c r="CK524" s="425"/>
      <c r="CL524" s="425"/>
      <c r="CM524" s="425"/>
      <c r="CN524" s="425"/>
      <c r="CO524" s="425"/>
      <c r="CP524" s="425"/>
      <c r="CQ524" s="425"/>
      <c r="CR524" s="425"/>
      <c r="CS524" s="425"/>
      <c r="CT524" s="425"/>
      <c r="CU524" s="425"/>
      <c r="CV524" s="425"/>
      <c r="CW524" s="416"/>
      <c r="CX524" s="425"/>
      <c r="CY524" s="425"/>
      <c r="CZ524" s="425"/>
      <c r="DA524" s="416"/>
      <c r="DB524" s="416"/>
      <c r="DC524" s="425" t="s">
        <v>2190</v>
      </c>
      <c r="DD524" s="416"/>
      <c r="DE524" s="416" t="s">
        <v>2429</v>
      </c>
      <c r="DF524" s="419"/>
    </row>
    <row r="525" spans="3:110" ht="56.1" customHeight="1" x14ac:dyDescent="0.2">
      <c r="C525" s="412">
        <v>187</v>
      </c>
      <c r="D525" s="412" t="s">
        <v>2182</v>
      </c>
      <c r="E525" s="422" t="s">
        <v>1385</v>
      </c>
      <c r="F525" s="422" t="s">
        <v>655</v>
      </c>
      <c r="G525" s="416" t="s">
        <v>2508</v>
      </c>
      <c r="H525" s="416" t="s">
        <v>2942</v>
      </c>
      <c r="I525" s="416" t="s">
        <v>2943</v>
      </c>
      <c r="J525" s="416" t="s">
        <v>2257</v>
      </c>
      <c r="K525" s="416" t="s">
        <v>2631</v>
      </c>
      <c r="L525" s="416" t="s">
        <v>63</v>
      </c>
      <c r="M525" s="416" t="s">
        <v>81</v>
      </c>
      <c r="N525" s="416" t="s">
        <v>61</v>
      </c>
      <c r="O525" s="424" t="s">
        <v>2258</v>
      </c>
      <c r="P525" s="459" t="s">
        <v>63</v>
      </c>
      <c r="Q525" s="425" t="s">
        <v>63</v>
      </c>
      <c r="R525" s="425">
        <v>1362500</v>
      </c>
      <c r="S525" s="425">
        <v>1362500</v>
      </c>
      <c r="T525" s="425" t="s">
        <v>2413</v>
      </c>
      <c r="U525" s="425" t="s">
        <v>853</v>
      </c>
      <c r="V525" s="425"/>
      <c r="W525" s="425"/>
      <c r="X525" s="425"/>
      <c r="Y525" s="425"/>
      <c r="Z525" s="425"/>
      <c r="AA525" s="425"/>
      <c r="AB525" s="425"/>
      <c r="AC525" s="425"/>
      <c r="AD525" s="425"/>
      <c r="AE525" s="425"/>
      <c r="AF525" s="425"/>
      <c r="AG525" s="425"/>
      <c r="AH525" s="425"/>
      <c r="AI525" s="425"/>
      <c r="AJ525" s="425"/>
      <c r="AK525" s="425"/>
      <c r="AL525" s="425"/>
      <c r="AM525" s="425"/>
      <c r="AN525" s="425"/>
      <c r="AO525" s="425"/>
      <c r="AP525" s="425"/>
      <c r="AQ525" s="425"/>
      <c r="AR525" s="425"/>
      <c r="AS525" s="425"/>
      <c r="AT525" s="425"/>
      <c r="AU525" s="425"/>
      <c r="AV525" s="425"/>
      <c r="AW525" s="425"/>
      <c r="AX525" s="425"/>
      <c r="AY525" s="425"/>
      <c r="AZ525" s="425"/>
      <c r="BA525" s="425"/>
      <c r="BB525" s="425"/>
      <c r="BC525" s="425"/>
      <c r="BD525" s="425"/>
      <c r="BE525" s="425"/>
      <c r="BF525" s="425"/>
      <c r="BG525" s="425"/>
      <c r="BH525" s="425"/>
      <c r="BI525" s="425"/>
      <c r="BJ525" s="425"/>
      <c r="BK525" s="425"/>
      <c r="BL525" s="425"/>
      <c r="BM525" s="425"/>
      <c r="BN525" s="425"/>
      <c r="BO525" s="425"/>
      <c r="BP525" s="425"/>
      <c r="BQ525" s="425"/>
      <c r="BR525" s="425"/>
      <c r="BS525" s="425"/>
      <c r="BT525" s="425"/>
      <c r="BU525" s="425"/>
      <c r="BV525" s="425"/>
      <c r="BW525" s="425"/>
      <c r="BX525" s="425"/>
      <c r="BY525" s="425"/>
      <c r="BZ525" s="425"/>
      <c r="CA525" s="425"/>
      <c r="CB525" s="425"/>
      <c r="CC525" s="425"/>
      <c r="CD525" s="425"/>
      <c r="CE525" s="425"/>
      <c r="CF525" s="425"/>
      <c r="CG525" s="425"/>
      <c r="CH525" s="425"/>
      <c r="CI525" s="425"/>
      <c r="CJ525" s="425"/>
      <c r="CK525" s="425"/>
      <c r="CL525" s="425"/>
      <c r="CM525" s="425"/>
      <c r="CN525" s="425"/>
      <c r="CO525" s="425"/>
      <c r="CP525" s="425"/>
      <c r="CQ525" s="425"/>
      <c r="CR525" s="425"/>
      <c r="CS525" s="425"/>
      <c r="CT525" s="425"/>
      <c r="CU525" s="425"/>
      <c r="CV525" s="425"/>
      <c r="CW525" s="416"/>
      <c r="CX525" s="425"/>
      <c r="CY525" s="425"/>
      <c r="CZ525" s="425"/>
      <c r="DA525" s="416"/>
      <c r="DB525" s="416"/>
      <c r="DC525" s="425" t="s">
        <v>2190</v>
      </c>
      <c r="DD525" s="416"/>
      <c r="DE525" s="416" t="s">
        <v>2429</v>
      </c>
      <c r="DF525" s="419"/>
    </row>
    <row r="526" spans="3:110" ht="56.1" customHeight="1" x14ac:dyDescent="0.2">
      <c r="C526" s="412">
        <v>188</v>
      </c>
      <c r="D526" s="412" t="s">
        <v>2182</v>
      </c>
      <c r="E526" s="422" t="s">
        <v>1385</v>
      </c>
      <c r="F526" s="422" t="s">
        <v>655</v>
      </c>
      <c r="G526" s="416" t="s">
        <v>2508</v>
      </c>
      <c r="H526" s="416" t="s">
        <v>2944</v>
      </c>
      <c r="I526" s="416" t="s">
        <v>2945</v>
      </c>
      <c r="J526" s="416" t="s">
        <v>2257</v>
      </c>
      <c r="K526" s="416" t="s">
        <v>2631</v>
      </c>
      <c r="L526" s="416" t="s">
        <v>63</v>
      </c>
      <c r="M526" s="416" t="s">
        <v>81</v>
      </c>
      <c r="N526" s="416" t="s">
        <v>61</v>
      </c>
      <c r="O526" s="424" t="s">
        <v>2258</v>
      </c>
      <c r="P526" s="459" t="s">
        <v>63</v>
      </c>
      <c r="Q526" s="425" t="s">
        <v>63</v>
      </c>
      <c r="R526" s="425">
        <v>795800</v>
      </c>
      <c r="S526" s="425">
        <v>795800</v>
      </c>
      <c r="T526" s="425" t="s">
        <v>2413</v>
      </c>
      <c r="U526" s="425" t="s">
        <v>853</v>
      </c>
      <c r="V526" s="425"/>
      <c r="W526" s="425"/>
      <c r="X526" s="425"/>
      <c r="Y526" s="425"/>
      <c r="Z526" s="425"/>
      <c r="AA526" s="425"/>
      <c r="AB526" s="425"/>
      <c r="AC526" s="425"/>
      <c r="AD526" s="425"/>
      <c r="AE526" s="425"/>
      <c r="AF526" s="425"/>
      <c r="AG526" s="425"/>
      <c r="AH526" s="425"/>
      <c r="AI526" s="425"/>
      <c r="AJ526" s="425"/>
      <c r="AK526" s="425"/>
      <c r="AL526" s="425"/>
      <c r="AM526" s="425"/>
      <c r="AN526" s="425"/>
      <c r="AO526" s="425"/>
      <c r="AP526" s="425"/>
      <c r="AQ526" s="425"/>
      <c r="AR526" s="425"/>
      <c r="AS526" s="425"/>
      <c r="AT526" s="425"/>
      <c r="AU526" s="425"/>
      <c r="AV526" s="425"/>
      <c r="AW526" s="425"/>
      <c r="AX526" s="425"/>
      <c r="AY526" s="425"/>
      <c r="AZ526" s="425"/>
      <c r="BA526" s="425"/>
      <c r="BB526" s="425"/>
      <c r="BC526" s="425"/>
      <c r="BD526" s="425"/>
      <c r="BE526" s="425"/>
      <c r="BF526" s="425"/>
      <c r="BG526" s="425"/>
      <c r="BH526" s="425"/>
      <c r="BI526" s="425"/>
      <c r="BJ526" s="425"/>
      <c r="BK526" s="425"/>
      <c r="BL526" s="425"/>
      <c r="BM526" s="425"/>
      <c r="BN526" s="425"/>
      <c r="BO526" s="425"/>
      <c r="BP526" s="425"/>
      <c r="BQ526" s="425"/>
      <c r="BR526" s="425"/>
      <c r="BS526" s="425"/>
      <c r="BT526" s="425"/>
      <c r="BU526" s="425"/>
      <c r="BV526" s="425"/>
      <c r="BW526" s="425"/>
      <c r="BX526" s="425"/>
      <c r="BY526" s="425"/>
      <c r="BZ526" s="425"/>
      <c r="CA526" s="425"/>
      <c r="CB526" s="425"/>
      <c r="CC526" s="425"/>
      <c r="CD526" s="425"/>
      <c r="CE526" s="425"/>
      <c r="CF526" s="425"/>
      <c r="CG526" s="425"/>
      <c r="CH526" s="425"/>
      <c r="CI526" s="425"/>
      <c r="CJ526" s="425"/>
      <c r="CK526" s="425"/>
      <c r="CL526" s="425"/>
      <c r="CM526" s="425"/>
      <c r="CN526" s="425"/>
      <c r="CO526" s="425"/>
      <c r="CP526" s="425"/>
      <c r="CQ526" s="425"/>
      <c r="CR526" s="425"/>
      <c r="CS526" s="425"/>
      <c r="CT526" s="425"/>
      <c r="CU526" s="425"/>
      <c r="CV526" s="425"/>
      <c r="CW526" s="416"/>
      <c r="CX526" s="425"/>
      <c r="CY526" s="425"/>
      <c r="CZ526" s="425"/>
      <c r="DA526" s="416"/>
      <c r="DB526" s="416"/>
      <c r="DC526" s="425" t="s">
        <v>2190</v>
      </c>
      <c r="DD526" s="416"/>
      <c r="DE526" s="416" t="s">
        <v>2429</v>
      </c>
      <c r="DF526" s="419"/>
    </row>
    <row r="527" spans="3:110" ht="56.1" customHeight="1" x14ac:dyDescent="0.2">
      <c r="C527" s="412">
        <v>189</v>
      </c>
      <c r="D527" s="412" t="s">
        <v>2182</v>
      </c>
      <c r="E527" s="422" t="s">
        <v>1385</v>
      </c>
      <c r="F527" s="422" t="s">
        <v>655</v>
      </c>
      <c r="G527" s="416" t="s">
        <v>2508</v>
      </c>
      <c r="H527" s="416" t="s">
        <v>2946</v>
      </c>
      <c r="I527" s="416" t="s">
        <v>2947</v>
      </c>
      <c r="J527" s="416" t="s">
        <v>2257</v>
      </c>
      <c r="K527" s="416" t="s">
        <v>2631</v>
      </c>
      <c r="L527" s="416" t="s">
        <v>63</v>
      </c>
      <c r="M527" s="416" t="s">
        <v>81</v>
      </c>
      <c r="N527" s="416" t="s">
        <v>61</v>
      </c>
      <c r="O527" s="424" t="s">
        <v>2258</v>
      </c>
      <c r="P527" s="459" t="s">
        <v>63</v>
      </c>
      <c r="Q527" s="425" t="s">
        <v>63</v>
      </c>
      <c r="R527" s="425">
        <v>1653650</v>
      </c>
      <c r="S527" s="425">
        <v>1653650</v>
      </c>
      <c r="T527" s="425" t="s">
        <v>2413</v>
      </c>
      <c r="U527" s="425" t="s">
        <v>853</v>
      </c>
      <c r="V527" s="425"/>
      <c r="W527" s="425"/>
      <c r="X527" s="425"/>
      <c r="Y527" s="425"/>
      <c r="Z527" s="425"/>
      <c r="AA527" s="425"/>
      <c r="AB527" s="425"/>
      <c r="AC527" s="425"/>
      <c r="AD527" s="425"/>
      <c r="AE527" s="425"/>
      <c r="AF527" s="425"/>
      <c r="AG527" s="425"/>
      <c r="AH527" s="425"/>
      <c r="AI527" s="425"/>
      <c r="AJ527" s="425"/>
      <c r="AK527" s="425"/>
      <c r="AL527" s="425"/>
      <c r="AM527" s="425"/>
      <c r="AN527" s="425"/>
      <c r="AO527" s="425"/>
      <c r="AP527" s="425"/>
      <c r="AQ527" s="425"/>
      <c r="AR527" s="425"/>
      <c r="AS527" s="425"/>
      <c r="AT527" s="425"/>
      <c r="AU527" s="425"/>
      <c r="AV527" s="425"/>
      <c r="AW527" s="425"/>
      <c r="AX527" s="425"/>
      <c r="AY527" s="425"/>
      <c r="AZ527" s="425"/>
      <c r="BA527" s="425"/>
      <c r="BB527" s="425"/>
      <c r="BC527" s="425"/>
      <c r="BD527" s="425"/>
      <c r="BE527" s="425"/>
      <c r="BF527" s="425"/>
      <c r="BG527" s="425"/>
      <c r="BH527" s="425"/>
      <c r="BI527" s="425"/>
      <c r="BJ527" s="425"/>
      <c r="BK527" s="425"/>
      <c r="BL527" s="425"/>
      <c r="BM527" s="425"/>
      <c r="BN527" s="425"/>
      <c r="BO527" s="425"/>
      <c r="BP527" s="425"/>
      <c r="BQ527" s="425"/>
      <c r="BR527" s="425"/>
      <c r="BS527" s="425"/>
      <c r="BT527" s="425"/>
      <c r="BU527" s="425"/>
      <c r="BV527" s="425"/>
      <c r="BW527" s="425"/>
      <c r="BX527" s="425"/>
      <c r="BY527" s="425"/>
      <c r="BZ527" s="425"/>
      <c r="CA527" s="425"/>
      <c r="CB527" s="425"/>
      <c r="CC527" s="425"/>
      <c r="CD527" s="425"/>
      <c r="CE527" s="425"/>
      <c r="CF527" s="425"/>
      <c r="CG527" s="425"/>
      <c r="CH527" s="425"/>
      <c r="CI527" s="425"/>
      <c r="CJ527" s="425"/>
      <c r="CK527" s="425"/>
      <c r="CL527" s="425"/>
      <c r="CM527" s="425"/>
      <c r="CN527" s="425"/>
      <c r="CO527" s="425"/>
      <c r="CP527" s="425"/>
      <c r="CQ527" s="425"/>
      <c r="CR527" s="425"/>
      <c r="CS527" s="425"/>
      <c r="CT527" s="425"/>
      <c r="CU527" s="425"/>
      <c r="CV527" s="425"/>
      <c r="CW527" s="416"/>
      <c r="CX527" s="425"/>
      <c r="CY527" s="425"/>
      <c r="CZ527" s="425"/>
      <c r="DA527" s="416"/>
      <c r="DB527" s="416"/>
      <c r="DC527" s="425" t="s">
        <v>2190</v>
      </c>
      <c r="DD527" s="416"/>
      <c r="DE527" s="416" t="s">
        <v>2429</v>
      </c>
      <c r="DF527" s="419"/>
    </row>
    <row r="528" spans="3:110" ht="56.1" customHeight="1" x14ac:dyDescent="0.2">
      <c r="C528" s="412">
        <v>190</v>
      </c>
      <c r="D528" s="412" t="s">
        <v>2182</v>
      </c>
      <c r="E528" s="422" t="s">
        <v>1385</v>
      </c>
      <c r="F528" s="422" t="s">
        <v>655</v>
      </c>
      <c r="G528" s="416" t="s">
        <v>2508</v>
      </c>
      <c r="H528" s="416" t="s">
        <v>2948</v>
      </c>
      <c r="I528" s="416" t="s">
        <v>2949</v>
      </c>
      <c r="J528" s="416" t="s">
        <v>2257</v>
      </c>
      <c r="K528" s="416" t="s">
        <v>2631</v>
      </c>
      <c r="L528" s="416" t="s">
        <v>63</v>
      </c>
      <c r="M528" s="416" t="s">
        <v>81</v>
      </c>
      <c r="N528" s="416" t="s">
        <v>61</v>
      </c>
      <c r="O528" s="424" t="s">
        <v>2258</v>
      </c>
      <c r="P528" s="459" t="s">
        <v>63</v>
      </c>
      <c r="Q528" s="425" t="s">
        <v>63</v>
      </c>
      <c r="R528" s="425">
        <v>80000</v>
      </c>
      <c r="S528" s="425">
        <v>80000</v>
      </c>
      <c r="T528" s="425" t="s">
        <v>2413</v>
      </c>
      <c r="U528" s="425" t="s">
        <v>853</v>
      </c>
      <c r="V528" s="425"/>
      <c r="W528" s="425"/>
      <c r="X528" s="425"/>
      <c r="Y528" s="425"/>
      <c r="Z528" s="425"/>
      <c r="AA528" s="425"/>
      <c r="AB528" s="425"/>
      <c r="AC528" s="425"/>
      <c r="AD528" s="425"/>
      <c r="AE528" s="425"/>
      <c r="AF528" s="425"/>
      <c r="AG528" s="425"/>
      <c r="AH528" s="425"/>
      <c r="AI528" s="425"/>
      <c r="AJ528" s="425"/>
      <c r="AK528" s="425"/>
      <c r="AL528" s="425"/>
      <c r="AM528" s="425"/>
      <c r="AN528" s="425"/>
      <c r="AO528" s="425"/>
      <c r="AP528" s="425"/>
      <c r="AQ528" s="425"/>
      <c r="AR528" s="425"/>
      <c r="AS528" s="425"/>
      <c r="AT528" s="425"/>
      <c r="AU528" s="425"/>
      <c r="AV528" s="425"/>
      <c r="AW528" s="425"/>
      <c r="AX528" s="425"/>
      <c r="AY528" s="425"/>
      <c r="AZ528" s="425"/>
      <c r="BA528" s="425"/>
      <c r="BB528" s="425"/>
      <c r="BC528" s="425"/>
      <c r="BD528" s="425"/>
      <c r="BE528" s="425"/>
      <c r="BF528" s="425"/>
      <c r="BG528" s="425"/>
      <c r="BH528" s="425"/>
      <c r="BI528" s="425"/>
      <c r="BJ528" s="425"/>
      <c r="BK528" s="425"/>
      <c r="BL528" s="425"/>
      <c r="BM528" s="425"/>
      <c r="BN528" s="425"/>
      <c r="BO528" s="425"/>
      <c r="BP528" s="425"/>
      <c r="BQ528" s="425"/>
      <c r="BR528" s="425"/>
      <c r="BS528" s="425"/>
      <c r="BT528" s="425"/>
      <c r="BU528" s="425"/>
      <c r="BV528" s="425"/>
      <c r="BW528" s="425"/>
      <c r="BX528" s="425"/>
      <c r="BY528" s="425"/>
      <c r="BZ528" s="425"/>
      <c r="CA528" s="425"/>
      <c r="CB528" s="425"/>
      <c r="CC528" s="425"/>
      <c r="CD528" s="425"/>
      <c r="CE528" s="425"/>
      <c r="CF528" s="425"/>
      <c r="CG528" s="425"/>
      <c r="CH528" s="425"/>
      <c r="CI528" s="425"/>
      <c r="CJ528" s="425"/>
      <c r="CK528" s="425"/>
      <c r="CL528" s="425"/>
      <c r="CM528" s="425"/>
      <c r="CN528" s="425"/>
      <c r="CO528" s="425"/>
      <c r="CP528" s="425"/>
      <c r="CQ528" s="425"/>
      <c r="CR528" s="425"/>
      <c r="CS528" s="425"/>
      <c r="CT528" s="425"/>
      <c r="CU528" s="425"/>
      <c r="CV528" s="425"/>
      <c r="CW528" s="416"/>
      <c r="CX528" s="425"/>
      <c r="CY528" s="425"/>
      <c r="CZ528" s="425"/>
      <c r="DA528" s="416"/>
      <c r="DB528" s="416"/>
      <c r="DC528" s="425" t="s">
        <v>2190</v>
      </c>
      <c r="DD528" s="416"/>
      <c r="DE528" s="416" t="s">
        <v>2429</v>
      </c>
      <c r="DF528" s="419"/>
    </row>
    <row r="529" spans="3:110" ht="56.1" customHeight="1" x14ac:dyDescent="0.2">
      <c r="C529" s="412">
        <v>191</v>
      </c>
      <c r="D529" s="412" t="s">
        <v>2182</v>
      </c>
      <c r="E529" s="422" t="s">
        <v>1385</v>
      </c>
      <c r="F529" s="422" t="s">
        <v>655</v>
      </c>
      <c r="G529" s="416" t="s">
        <v>2508</v>
      </c>
      <c r="H529" s="416" t="s">
        <v>2900</v>
      </c>
      <c r="I529" s="416" t="s">
        <v>2950</v>
      </c>
      <c r="J529" s="416" t="s">
        <v>253</v>
      </c>
      <c r="K529" s="416" t="s">
        <v>2951</v>
      </c>
      <c r="L529" s="416" t="s">
        <v>63</v>
      </c>
      <c r="M529" s="416" t="s">
        <v>81</v>
      </c>
      <c r="N529" s="416" t="s">
        <v>61</v>
      </c>
      <c r="O529" s="424" t="s">
        <v>2258</v>
      </c>
      <c r="P529" s="459" t="s">
        <v>63</v>
      </c>
      <c r="Q529" s="425" t="s">
        <v>63</v>
      </c>
      <c r="R529" s="425">
        <v>2500000</v>
      </c>
      <c r="S529" s="425">
        <v>2500000</v>
      </c>
      <c r="T529" s="425" t="s">
        <v>2413</v>
      </c>
      <c r="U529" s="425" t="s">
        <v>853</v>
      </c>
      <c r="V529" s="425"/>
      <c r="W529" s="425"/>
      <c r="X529" s="425"/>
      <c r="Y529" s="425"/>
      <c r="Z529" s="425"/>
      <c r="AA529" s="425"/>
      <c r="AB529" s="425"/>
      <c r="AC529" s="425"/>
      <c r="AD529" s="425"/>
      <c r="AE529" s="425"/>
      <c r="AF529" s="425"/>
      <c r="AG529" s="425"/>
      <c r="AH529" s="425"/>
      <c r="AI529" s="425"/>
      <c r="AJ529" s="425"/>
      <c r="AK529" s="425"/>
      <c r="AL529" s="425"/>
      <c r="AM529" s="425"/>
      <c r="AN529" s="425"/>
      <c r="AO529" s="425"/>
      <c r="AP529" s="425"/>
      <c r="AQ529" s="425"/>
      <c r="AR529" s="425"/>
      <c r="AS529" s="425"/>
      <c r="AT529" s="425"/>
      <c r="AU529" s="425"/>
      <c r="AV529" s="425"/>
      <c r="AW529" s="425"/>
      <c r="AX529" s="425"/>
      <c r="AY529" s="425"/>
      <c r="AZ529" s="425"/>
      <c r="BA529" s="425"/>
      <c r="BB529" s="425"/>
      <c r="BC529" s="425"/>
      <c r="BD529" s="425"/>
      <c r="BE529" s="425"/>
      <c r="BF529" s="425"/>
      <c r="BG529" s="425"/>
      <c r="BH529" s="425"/>
      <c r="BI529" s="425"/>
      <c r="BJ529" s="425"/>
      <c r="BK529" s="425"/>
      <c r="BL529" s="425"/>
      <c r="BM529" s="425"/>
      <c r="BN529" s="425"/>
      <c r="BO529" s="425"/>
      <c r="BP529" s="425"/>
      <c r="BQ529" s="425"/>
      <c r="BR529" s="425"/>
      <c r="BS529" s="425"/>
      <c r="BT529" s="425"/>
      <c r="BU529" s="425"/>
      <c r="BV529" s="425"/>
      <c r="BW529" s="425"/>
      <c r="BX529" s="425"/>
      <c r="BY529" s="425"/>
      <c r="BZ529" s="425"/>
      <c r="CA529" s="425"/>
      <c r="CB529" s="425"/>
      <c r="CC529" s="425"/>
      <c r="CD529" s="425"/>
      <c r="CE529" s="425"/>
      <c r="CF529" s="425"/>
      <c r="CG529" s="425"/>
      <c r="CH529" s="425"/>
      <c r="CI529" s="425"/>
      <c r="CJ529" s="425"/>
      <c r="CK529" s="425"/>
      <c r="CL529" s="425"/>
      <c r="CM529" s="425"/>
      <c r="CN529" s="425"/>
      <c r="CO529" s="425"/>
      <c r="CP529" s="425"/>
      <c r="CQ529" s="425"/>
      <c r="CR529" s="425"/>
      <c r="CS529" s="425"/>
      <c r="CT529" s="425"/>
      <c r="CU529" s="425"/>
      <c r="CV529" s="425"/>
      <c r="CW529" s="416"/>
      <c r="CX529" s="425" t="s">
        <v>2190</v>
      </c>
      <c r="CY529" s="425"/>
      <c r="CZ529" s="425"/>
      <c r="DA529" s="416"/>
      <c r="DB529" s="416"/>
      <c r="DC529" s="425" t="s">
        <v>2190</v>
      </c>
      <c r="DD529" s="416"/>
      <c r="DE529" s="416" t="s">
        <v>2429</v>
      </c>
      <c r="DF529" s="419"/>
    </row>
    <row r="530" spans="3:110" ht="56.1" customHeight="1" x14ac:dyDescent="0.2">
      <c r="C530" s="412">
        <v>193</v>
      </c>
      <c r="D530" s="412" t="s">
        <v>2182</v>
      </c>
      <c r="E530" s="422" t="s">
        <v>1385</v>
      </c>
      <c r="F530" s="422" t="s">
        <v>655</v>
      </c>
      <c r="G530" s="416" t="s">
        <v>2508</v>
      </c>
      <c r="H530" s="416" t="s">
        <v>2952</v>
      </c>
      <c r="I530" s="416" t="s">
        <v>2953</v>
      </c>
      <c r="J530" s="416" t="s">
        <v>253</v>
      </c>
      <c r="K530" s="416" t="s">
        <v>2442</v>
      </c>
      <c r="L530" s="416" t="s">
        <v>63</v>
      </c>
      <c r="M530" s="416" t="s">
        <v>81</v>
      </c>
      <c r="N530" s="416" t="s">
        <v>61</v>
      </c>
      <c r="O530" s="424" t="s">
        <v>2258</v>
      </c>
      <c r="P530" s="459" t="s">
        <v>63</v>
      </c>
      <c r="Q530" s="425" t="s">
        <v>63</v>
      </c>
      <c r="R530" s="425">
        <v>1000000</v>
      </c>
      <c r="S530" s="425">
        <v>1000000</v>
      </c>
      <c r="T530" s="425" t="s">
        <v>2413</v>
      </c>
      <c r="U530" s="425" t="s">
        <v>853</v>
      </c>
      <c r="V530" s="425"/>
      <c r="W530" s="425"/>
      <c r="X530" s="425"/>
      <c r="Y530" s="425"/>
      <c r="Z530" s="425"/>
      <c r="AA530" s="425"/>
      <c r="AB530" s="425"/>
      <c r="AC530" s="425"/>
      <c r="AD530" s="425"/>
      <c r="AE530" s="425"/>
      <c r="AF530" s="425"/>
      <c r="AG530" s="425"/>
      <c r="AH530" s="425"/>
      <c r="AI530" s="425"/>
      <c r="AJ530" s="425"/>
      <c r="AK530" s="425"/>
      <c r="AL530" s="425"/>
      <c r="AM530" s="425"/>
      <c r="AN530" s="425"/>
      <c r="AO530" s="425"/>
      <c r="AP530" s="425"/>
      <c r="AQ530" s="425"/>
      <c r="AR530" s="425"/>
      <c r="AS530" s="425"/>
      <c r="AT530" s="425"/>
      <c r="AU530" s="425"/>
      <c r="AV530" s="425"/>
      <c r="AW530" s="425"/>
      <c r="AX530" s="425"/>
      <c r="AY530" s="425"/>
      <c r="AZ530" s="425"/>
      <c r="BA530" s="425"/>
      <c r="BB530" s="425"/>
      <c r="BC530" s="425"/>
      <c r="BD530" s="425"/>
      <c r="BE530" s="425"/>
      <c r="BF530" s="425"/>
      <c r="BG530" s="425"/>
      <c r="BH530" s="425"/>
      <c r="BI530" s="425"/>
      <c r="BJ530" s="425"/>
      <c r="BK530" s="425"/>
      <c r="BL530" s="425"/>
      <c r="BM530" s="425"/>
      <c r="BN530" s="425"/>
      <c r="BO530" s="425"/>
      <c r="BP530" s="425"/>
      <c r="BQ530" s="425"/>
      <c r="BR530" s="425"/>
      <c r="BS530" s="425"/>
      <c r="BT530" s="425"/>
      <c r="BU530" s="425"/>
      <c r="BV530" s="425"/>
      <c r="BW530" s="425"/>
      <c r="BX530" s="425"/>
      <c r="BY530" s="425"/>
      <c r="BZ530" s="425"/>
      <c r="CA530" s="425"/>
      <c r="CB530" s="425"/>
      <c r="CC530" s="425"/>
      <c r="CD530" s="425"/>
      <c r="CE530" s="425"/>
      <c r="CF530" s="425"/>
      <c r="CG530" s="425"/>
      <c r="CH530" s="425"/>
      <c r="CI530" s="425"/>
      <c r="CJ530" s="425"/>
      <c r="CK530" s="425"/>
      <c r="CL530" s="425"/>
      <c r="CM530" s="425"/>
      <c r="CN530" s="425"/>
      <c r="CO530" s="425"/>
      <c r="CP530" s="425"/>
      <c r="CQ530" s="425"/>
      <c r="CR530" s="425"/>
      <c r="CS530" s="425"/>
      <c r="CT530" s="425"/>
      <c r="CU530" s="425"/>
      <c r="CV530" s="425"/>
      <c r="CW530" s="416"/>
      <c r="CX530" s="425" t="s">
        <v>2190</v>
      </c>
      <c r="CY530" s="425" t="s">
        <v>2190</v>
      </c>
      <c r="CZ530" s="425"/>
      <c r="DA530" s="416"/>
      <c r="DB530" s="416"/>
      <c r="DC530" s="425"/>
      <c r="DD530" s="416"/>
      <c r="DE530" s="416" t="s">
        <v>2429</v>
      </c>
      <c r="DF530" s="419"/>
    </row>
    <row r="531" spans="3:110" ht="56.1" customHeight="1" x14ac:dyDescent="0.2">
      <c r="C531" s="412">
        <v>195</v>
      </c>
      <c r="D531" s="412" t="s">
        <v>2182</v>
      </c>
      <c r="E531" s="422" t="s">
        <v>1385</v>
      </c>
      <c r="F531" s="422" t="s">
        <v>655</v>
      </c>
      <c r="G531" s="416" t="s">
        <v>2508</v>
      </c>
      <c r="H531" s="416" t="s">
        <v>2954</v>
      </c>
      <c r="I531" s="416" t="s">
        <v>2955</v>
      </c>
      <c r="J531" s="416" t="s">
        <v>2264</v>
      </c>
      <c r="K531" s="416" t="s">
        <v>2442</v>
      </c>
      <c r="L531" s="416" t="s">
        <v>63</v>
      </c>
      <c r="M531" s="416" t="s">
        <v>81</v>
      </c>
      <c r="N531" s="416" t="s">
        <v>61</v>
      </c>
      <c r="O531" s="424" t="s">
        <v>2258</v>
      </c>
      <c r="P531" s="459" t="s">
        <v>63</v>
      </c>
      <c r="Q531" s="425" t="s">
        <v>63</v>
      </c>
      <c r="R531" s="425">
        <v>1000000</v>
      </c>
      <c r="S531" s="425">
        <v>1000000</v>
      </c>
      <c r="T531" s="425" t="s">
        <v>2413</v>
      </c>
      <c r="U531" s="425" t="s">
        <v>853</v>
      </c>
      <c r="V531" s="425"/>
      <c r="W531" s="425"/>
      <c r="X531" s="425"/>
      <c r="Y531" s="425"/>
      <c r="Z531" s="425"/>
      <c r="AA531" s="425"/>
      <c r="AB531" s="425"/>
      <c r="AC531" s="425"/>
      <c r="AD531" s="425"/>
      <c r="AE531" s="425"/>
      <c r="AF531" s="425"/>
      <c r="AG531" s="425"/>
      <c r="AH531" s="425"/>
      <c r="AI531" s="425"/>
      <c r="AJ531" s="425"/>
      <c r="AK531" s="425"/>
      <c r="AL531" s="425"/>
      <c r="AM531" s="425"/>
      <c r="AN531" s="425"/>
      <c r="AO531" s="425"/>
      <c r="AP531" s="425"/>
      <c r="AQ531" s="425"/>
      <c r="AR531" s="425"/>
      <c r="AS531" s="425"/>
      <c r="AT531" s="425"/>
      <c r="AU531" s="425"/>
      <c r="AV531" s="425"/>
      <c r="AW531" s="425"/>
      <c r="AX531" s="425"/>
      <c r="AY531" s="425"/>
      <c r="AZ531" s="425"/>
      <c r="BA531" s="425"/>
      <c r="BB531" s="425"/>
      <c r="BC531" s="425"/>
      <c r="BD531" s="425"/>
      <c r="BE531" s="425"/>
      <c r="BF531" s="425"/>
      <c r="BG531" s="425"/>
      <c r="BH531" s="425"/>
      <c r="BI531" s="425"/>
      <c r="BJ531" s="425"/>
      <c r="BK531" s="425"/>
      <c r="BL531" s="425"/>
      <c r="BM531" s="425"/>
      <c r="BN531" s="425"/>
      <c r="BO531" s="425"/>
      <c r="BP531" s="425"/>
      <c r="BQ531" s="425"/>
      <c r="BR531" s="425"/>
      <c r="BS531" s="425"/>
      <c r="BT531" s="425"/>
      <c r="BU531" s="425"/>
      <c r="BV531" s="425"/>
      <c r="BW531" s="425"/>
      <c r="BX531" s="425"/>
      <c r="BY531" s="425"/>
      <c r="BZ531" s="425"/>
      <c r="CA531" s="425"/>
      <c r="CB531" s="425"/>
      <c r="CC531" s="425"/>
      <c r="CD531" s="425"/>
      <c r="CE531" s="425"/>
      <c r="CF531" s="425"/>
      <c r="CG531" s="425"/>
      <c r="CH531" s="425"/>
      <c r="CI531" s="425"/>
      <c r="CJ531" s="425"/>
      <c r="CK531" s="425"/>
      <c r="CL531" s="425"/>
      <c r="CM531" s="425"/>
      <c r="CN531" s="425"/>
      <c r="CO531" s="425"/>
      <c r="CP531" s="425"/>
      <c r="CQ531" s="425"/>
      <c r="CR531" s="425"/>
      <c r="CS531" s="425"/>
      <c r="CT531" s="425"/>
      <c r="CU531" s="425"/>
      <c r="CV531" s="425"/>
      <c r="CW531" s="416"/>
      <c r="CX531" s="425"/>
      <c r="CY531" s="425" t="s">
        <v>2190</v>
      </c>
      <c r="CZ531" s="425" t="s">
        <v>2190</v>
      </c>
      <c r="DA531" s="416"/>
      <c r="DB531" s="416"/>
      <c r="DC531" s="425"/>
      <c r="DD531" s="416"/>
      <c r="DE531" s="416" t="s">
        <v>2429</v>
      </c>
      <c r="DF531" s="419"/>
    </row>
    <row r="532" spans="3:110" ht="56.1" customHeight="1" x14ac:dyDescent="0.2">
      <c r="C532" s="477" t="s">
        <v>2956</v>
      </c>
      <c r="D532" s="464" t="s">
        <v>2957</v>
      </c>
      <c r="E532" s="364">
        <v>148</v>
      </c>
      <c r="F532" s="364"/>
      <c r="G532" s="364" t="s">
        <v>2481</v>
      </c>
      <c r="H532" s="365" t="s">
        <v>53</v>
      </c>
      <c r="I532" s="365" t="s">
        <v>329</v>
      </c>
      <c r="J532" s="329" t="s">
        <v>396</v>
      </c>
      <c r="K532" s="329" t="s">
        <v>414</v>
      </c>
      <c r="L532" s="209" t="s">
        <v>415</v>
      </c>
      <c r="M532" s="467"/>
      <c r="N532" s="329" t="s">
        <v>95</v>
      </c>
      <c r="O532" s="329" t="s">
        <v>368</v>
      </c>
      <c r="P532" s="329"/>
      <c r="Q532" s="329" t="s">
        <v>81</v>
      </c>
      <c r="R532" s="329" t="s">
        <v>334</v>
      </c>
      <c r="S532" s="329"/>
      <c r="T532" s="329" t="s">
        <v>122</v>
      </c>
      <c r="U532" s="466" t="s">
        <v>63</v>
      </c>
      <c r="V532" s="466" t="s">
        <v>63</v>
      </c>
      <c r="W532" s="330">
        <v>128014</v>
      </c>
      <c r="X532" s="330"/>
      <c r="Y532" s="329" t="s">
        <v>226</v>
      </c>
      <c r="Z532" s="329"/>
      <c r="AA532" s="330">
        <v>128014</v>
      </c>
      <c r="AB532" s="329" t="s">
        <v>82</v>
      </c>
      <c r="AC532" s="331" t="s">
        <v>1487</v>
      </c>
      <c r="AD532" s="331" t="s">
        <v>1487</v>
      </c>
      <c r="AE532" s="331" t="s">
        <v>1487</v>
      </c>
      <c r="AF532" s="331" t="s">
        <v>1487</v>
      </c>
      <c r="AG532" s="331" t="s">
        <v>1487</v>
      </c>
      <c r="AH532" s="331" t="s">
        <v>1487</v>
      </c>
      <c r="AI532" s="331" t="s">
        <v>1487</v>
      </c>
      <c r="AJ532" s="331" t="s">
        <v>1487</v>
      </c>
      <c r="AK532" s="331" t="s">
        <v>1487</v>
      </c>
      <c r="AL532" s="331" t="s">
        <v>1487</v>
      </c>
      <c r="AM532" s="331" t="s">
        <v>1487</v>
      </c>
      <c r="AN532" s="331" t="s">
        <v>1487</v>
      </c>
      <c r="AO532" s="331" t="s">
        <v>1487</v>
      </c>
      <c r="AP532" s="331" t="s">
        <v>1487</v>
      </c>
      <c r="AQ532" s="331" t="s">
        <v>1487</v>
      </c>
      <c r="AR532" s="331" t="s">
        <v>1487</v>
      </c>
      <c r="AS532" s="331" t="s">
        <v>1487</v>
      </c>
      <c r="AT532" s="331" t="s">
        <v>1487</v>
      </c>
      <c r="AU532" s="331" t="s">
        <v>1487</v>
      </c>
      <c r="AV532" s="331" t="s">
        <v>1487</v>
      </c>
      <c r="AW532" s="331" t="s">
        <v>1487</v>
      </c>
      <c r="AX532" s="331" t="s">
        <v>1487</v>
      </c>
      <c r="AY532" s="331" t="s">
        <v>1487</v>
      </c>
      <c r="AZ532" s="331" t="s">
        <v>1487</v>
      </c>
      <c r="BA532" s="331" t="s">
        <v>1487</v>
      </c>
      <c r="BB532" s="331" t="s">
        <v>1487</v>
      </c>
      <c r="BC532" s="331" t="s">
        <v>1487</v>
      </c>
      <c r="BD532" s="331" t="s">
        <v>1487</v>
      </c>
      <c r="BE532" s="331">
        <v>128014</v>
      </c>
      <c r="BF532" s="331" t="s">
        <v>1487</v>
      </c>
      <c r="BG532" s="331" t="s">
        <v>1487</v>
      </c>
      <c r="BH532" s="331"/>
      <c r="BI532" s="331"/>
      <c r="BJ532" s="331"/>
      <c r="BK532" s="331"/>
      <c r="BL532" s="331"/>
      <c r="BM532" s="331"/>
      <c r="BN532" s="331"/>
      <c r="BO532" s="331"/>
      <c r="BP532" s="331"/>
      <c r="BQ532" s="331"/>
      <c r="BR532" s="331"/>
      <c r="BS532" s="331"/>
      <c r="BT532" s="331"/>
      <c r="BU532" s="331"/>
      <c r="BV532" s="331"/>
      <c r="BW532" s="331"/>
      <c r="BX532" s="331"/>
      <c r="BY532" s="331"/>
      <c r="BZ532" s="331"/>
      <c r="CA532" s="331"/>
      <c r="CB532" s="331"/>
      <c r="CC532" s="331"/>
      <c r="CD532" s="329"/>
      <c r="CE532" s="329" t="s">
        <v>399</v>
      </c>
      <c r="CF532" s="329" t="s">
        <v>336</v>
      </c>
    </row>
    <row r="533" spans="3:110" ht="56.1" customHeight="1" x14ac:dyDescent="0.2">
      <c r="C533" s="477" t="s">
        <v>2956</v>
      </c>
      <c r="D533" s="464" t="s">
        <v>2957</v>
      </c>
      <c r="E533" s="364">
        <v>179</v>
      </c>
      <c r="F533" s="364"/>
      <c r="G533" s="364" t="s">
        <v>2481</v>
      </c>
      <c r="H533" s="365" t="s">
        <v>53</v>
      </c>
      <c r="I533" s="365" t="s">
        <v>329</v>
      </c>
      <c r="J533" s="329" t="s">
        <v>428</v>
      </c>
      <c r="K533" s="329" t="s">
        <v>414</v>
      </c>
      <c r="L533" s="209" t="s">
        <v>442</v>
      </c>
      <c r="M533" s="467"/>
      <c r="N533" s="329" t="s">
        <v>95</v>
      </c>
      <c r="O533" s="329" t="s">
        <v>368</v>
      </c>
      <c r="P533" s="329"/>
      <c r="Q533" s="329" t="s">
        <v>81</v>
      </c>
      <c r="R533" s="329" t="s">
        <v>334</v>
      </c>
      <c r="S533" s="329"/>
      <c r="T533" s="329" t="s">
        <v>122</v>
      </c>
      <c r="U533" s="466" t="s">
        <v>63</v>
      </c>
      <c r="V533" s="466" t="s">
        <v>63</v>
      </c>
      <c r="W533" s="330">
        <v>34838</v>
      </c>
      <c r="X533" s="330"/>
      <c r="Y533" s="329" t="s">
        <v>226</v>
      </c>
      <c r="Z533" s="329"/>
      <c r="AA533" s="330">
        <v>34838</v>
      </c>
      <c r="AB533" s="329" t="s">
        <v>82</v>
      </c>
      <c r="AC533" s="331" t="s">
        <v>1487</v>
      </c>
      <c r="AD533" s="331" t="s">
        <v>1487</v>
      </c>
      <c r="AE533" s="331" t="s">
        <v>1487</v>
      </c>
      <c r="AF533" s="331" t="s">
        <v>1487</v>
      </c>
      <c r="AG533" s="331" t="s">
        <v>1487</v>
      </c>
      <c r="AH533" s="331" t="s">
        <v>1487</v>
      </c>
      <c r="AI533" s="331" t="s">
        <v>1487</v>
      </c>
      <c r="AJ533" s="331" t="s">
        <v>1487</v>
      </c>
      <c r="AK533" s="331" t="s">
        <v>1487</v>
      </c>
      <c r="AL533" s="331" t="s">
        <v>1487</v>
      </c>
      <c r="AM533" s="331" t="s">
        <v>1487</v>
      </c>
      <c r="AN533" s="331" t="s">
        <v>1487</v>
      </c>
      <c r="AO533" s="331" t="s">
        <v>1487</v>
      </c>
      <c r="AP533" s="331" t="s">
        <v>1487</v>
      </c>
      <c r="AQ533" s="331" t="s">
        <v>1487</v>
      </c>
      <c r="AR533" s="331" t="s">
        <v>1487</v>
      </c>
      <c r="AS533" s="331" t="s">
        <v>1487</v>
      </c>
      <c r="AT533" s="331" t="s">
        <v>1487</v>
      </c>
      <c r="AU533" s="331" t="s">
        <v>1487</v>
      </c>
      <c r="AV533" s="331" t="s">
        <v>1487</v>
      </c>
      <c r="AW533" s="331" t="s">
        <v>1487</v>
      </c>
      <c r="AX533" s="331" t="s">
        <v>1487</v>
      </c>
      <c r="AY533" s="331" t="s">
        <v>1487</v>
      </c>
      <c r="AZ533" s="331" t="s">
        <v>1487</v>
      </c>
      <c r="BA533" s="331" t="s">
        <v>1487</v>
      </c>
      <c r="BB533" s="331" t="s">
        <v>1487</v>
      </c>
      <c r="BC533" s="331" t="s">
        <v>1487</v>
      </c>
      <c r="BD533" s="331" t="s">
        <v>1487</v>
      </c>
      <c r="BE533" s="331">
        <v>34838</v>
      </c>
      <c r="BF533" s="331" t="s">
        <v>1487</v>
      </c>
      <c r="BG533" s="331" t="s">
        <v>1487</v>
      </c>
      <c r="BH533" s="331"/>
      <c r="BI533" s="331"/>
      <c r="BJ533" s="331"/>
      <c r="BK533" s="331"/>
      <c r="BL533" s="331"/>
      <c r="BM533" s="331"/>
      <c r="BN533" s="331"/>
      <c r="BO533" s="331"/>
      <c r="BP533" s="331"/>
      <c r="BQ533" s="331"/>
      <c r="BR533" s="331"/>
      <c r="BS533" s="331"/>
      <c r="BT533" s="331"/>
      <c r="BU533" s="331"/>
      <c r="BV533" s="331"/>
      <c r="BW533" s="331"/>
      <c r="BX533" s="331"/>
      <c r="BY533" s="331"/>
      <c r="BZ533" s="331"/>
      <c r="CA533" s="331"/>
      <c r="CB533" s="331"/>
      <c r="CC533" s="331"/>
      <c r="CD533" s="329"/>
      <c r="CE533" s="329" t="s">
        <v>340</v>
      </c>
      <c r="CF533" s="329" t="s">
        <v>336</v>
      </c>
    </row>
    <row r="534" spans="3:110" ht="56.1" customHeight="1" x14ac:dyDescent="0.2">
      <c r="C534" s="477" t="s">
        <v>2956</v>
      </c>
      <c r="D534" s="464" t="s">
        <v>2957</v>
      </c>
      <c r="E534" s="364">
        <v>210</v>
      </c>
      <c r="F534" s="364"/>
      <c r="G534" s="364" t="s">
        <v>2481</v>
      </c>
      <c r="H534" s="365" t="s">
        <v>53</v>
      </c>
      <c r="I534" s="365" t="s">
        <v>329</v>
      </c>
      <c r="J534" s="329" t="s">
        <v>456</v>
      </c>
      <c r="K534" s="329" t="s">
        <v>414</v>
      </c>
      <c r="L534" s="209" t="s">
        <v>472</v>
      </c>
      <c r="M534" s="467"/>
      <c r="N534" s="329" t="s">
        <v>95</v>
      </c>
      <c r="O534" s="329" t="s">
        <v>368</v>
      </c>
      <c r="P534" s="329"/>
      <c r="Q534" s="329" t="s">
        <v>81</v>
      </c>
      <c r="R534" s="329" t="s">
        <v>334</v>
      </c>
      <c r="S534" s="329"/>
      <c r="T534" s="329" t="s">
        <v>122</v>
      </c>
      <c r="U534" s="466" t="s">
        <v>63</v>
      </c>
      <c r="V534" s="466" t="s">
        <v>63</v>
      </c>
      <c r="W534" s="330">
        <v>12264</v>
      </c>
      <c r="X534" s="330"/>
      <c r="Y534" s="329" t="s">
        <v>226</v>
      </c>
      <c r="Z534" s="329"/>
      <c r="AA534" s="330">
        <v>12264</v>
      </c>
      <c r="AB534" s="329" t="s">
        <v>82</v>
      </c>
      <c r="AC534" s="331" t="s">
        <v>1487</v>
      </c>
      <c r="AD534" s="331" t="s">
        <v>1487</v>
      </c>
      <c r="AE534" s="331" t="s">
        <v>1487</v>
      </c>
      <c r="AF534" s="331" t="s">
        <v>1487</v>
      </c>
      <c r="AG534" s="331" t="s">
        <v>1487</v>
      </c>
      <c r="AH534" s="331" t="s">
        <v>1487</v>
      </c>
      <c r="AI534" s="331" t="s">
        <v>1487</v>
      </c>
      <c r="AJ534" s="331" t="s">
        <v>1487</v>
      </c>
      <c r="AK534" s="331" t="s">
        <v>1487</v>
      </c>
      <c r="AL534" s="331" t="s">
        <v>1487</v>
      </c>
      <c r="AM534" s="331" t="s">
        <v>1487</v>
      </c>
      <c r="AN534" s="331" t="s">
        <v>1487</v>
      </c>
      <c r="AO534" s="331" t="s">
        <v>1487</v>
      </c>
      <c r="AP534" s="331" t="s">
        <v>1487</v>
      </c>
      <c r="AQ534" s="331" t="s">
        <v>1487</v>
      </c>
      <c r="AR534" s="331" t="s">
        <v>1487</v>
      </c>
      <c r="AS534" s="331" t="s">
        <v>1487</v>
      </c>
      <c r="AT534" s="331" t="s">
        <v>1487</v>
      </c>
      <c r="AU534" s="331" t="s">
        <v>1487</v>
      </c>
      <c r="AV534" s="331" t="s">
        <v>1487</v>
      </c>
      <c r="AW534" s="331" t="s">
        <v>1487</v>
      </c>
      <c r="AX534" s="331" t="s">
        <v>1487</v>
      </c>
      <c r="AY534" s="331" t="s">
        <v>1487</v>
      </c>
      <c r="AZ534" s="331" t="s">
        <v>1487</v>
      </c>
      <c r="BA534" s="331" t="s">
        <v>1487</v>
      </c>
      <c r="BB534" s="331" t="s">
        <v>1487</v>
      </c>
      <c r="BC534" s="331" t="s">
        <v>1487</v>
      </c>
      <c r="BD534" s="331" t="s">
        <v>1487</v>
      </c>
      <c r="BE534" s="331">
        <v>12264</v>
      </c>
      <c r="BF534" s="331" t="s">
        <v>1487</v>
      </c>
      <c r="BG534" s="331" t="s">
        <v>1487</v>
      </c>
      <c r="BH534" s="331"/>
      <c r="BI534" s="331"/>
      <c r="BJ534" s="331"/>
      <c r="BK534" s="331"/>
      <c r="BL534" s="331"/>
      <c r="BM534" s="331"/>
      <c r="BN534" s="331"/>
      <c r="BO534" s="331"/>
      <c r="BP534" s="331"/>
      <c r="BQ534" s="331"/>
      <c r="BR534" s="331"/>
      <c r="BS534" s="331"/>
      <c r="BT534" s="331"/>
      <c r="BU534" s="331"/>
      <c r="BV534" s="331"/>
      <c r="BW534" s="331"/>
      <c r="BX534" s="331"/>
      <c r="BY534" s="331"/>
      <c r="BZ534" s="331"/>
      <c r="CA534" s="331"/>
      <c r="CB534" s="331"/>
      <c r="CC534" s="331"/>
      <c r="CD534" s="329"/>
      <c r="CE534" s="329" t="s">
        <v>462</v>
      </c>
      <c r="CF534" s="329" t="s">
        <v>336</v>
      </c>
    </row>
    <row r="535" spans="3:110" ht="56.1" customHeight="1" x14ac:dyDescent="0.2">
      <c r="C535" s="477" t="s">
        <v>2956</v>
      </c>
      <c r="D535" s="464" t="s">
        <v>2957</v>
      </c>
      <c r="E535" s="364">
        <v>241</v>
      </c>
      <c r="F535" s="364"/>
      <c r="G535" s="364" t="s">
        <v>2481</v>
      </c>
      <c r="H535" s="365" t="s">
        <v>53</v>
      </c>
      <c r="I535" s="365" t="s">
        <v>329</v>
      </c>
      <c r="J535" s="329" t="s">
        <v>482</v>
      </c>
      <c r="K535" s="329" t="s">
        <v>483</v>
      </c>
      <c r="L535" s="209" t="s">
        <v>489</v>
      </c>
      <c r="M535" s="467"/>
      <c r="N535" s="329" t="s">
        <v>95</v>
      </c>
      <c r="O535" s="329" t="s">
        <v>368</v>
      </c>
      <c r="P535" s="329"/>
      <c r="Q535" s="329" t="s">
        <v>81</v>
      </c>
      <c r="R535" s="329" t="s">
        <v>334</v>
      </c>
      <c r="S535" s="329"/>
      <c r="T535" s="329" t="s">
        <v>493</v>
      </c>
      <c r="U535" s="466" t="s">
        <v>63</v>
      </c>
      <c r="V535" s="466" t="s">
        <v>63</v>
      </c>
      <c r="W535" s="330">
        <v>84578</v>
      </c>
      <c r="X535" s="330"/>
      <c r="Y535" s="329" t="s">
        <v>226</v>
      </c>
      <c r="Z535" s="329"/>
      <c r="AA535" s="330">
        <v>84578</v>
      </c>
      <c r="AB535" s="329" t="s">
        <v>82</v>
      </c>
      <c r="AC535" s="331" t="s">
        <v>1487</v>
      </c>
      <c r="AD535" s="331" t="s">
        <v>1487</v>
      </c>
      <c r="AE535" s="331" t="s">
        <v>1487</v>
      </c>
      <c r="AF535" s="331" t="s">
        <v>1487</v>
      </c>
      <c r="AG535" s="331" t="s">
        <v>1487</v>
      </c>
      <c r="AH535" s="331" t="s">
        <v>1487</v>
      </c>
      <c r="AI535" s="331" t="s">
        <v>1487</v>
      </c>
      <c r="AJ535" s="331" t="s">
        <v>1487</v>
      </c>
      <c r="AK535" s="331" t="s">
        <v>1487</v>
      </c>
      <c r="AL535" s="331" t="s">
        <v>1487</v>
      </c>
      <c r="AM535" s="331" t="s">
        <v>1487</v>
      </c>
      <c r="AN535" s="331" t="s">
        <v>1487</v>
      </c>
      <c r="AO535" s="331" t="s">
        <v>1487</v>
      </c>
      <c r="AP535" s="331" t="s">
        <v>1487</v>
      </c>
      <c r="AQ535" s="331" t="s">
        <v>1487</v>
      </c>
      <c r="AR535" s="331" t="s">
        <v>1487</v>
      </c>
      <c r="AS535" s="331" t="s">
        <v>1487</v>
      </c>
      <c r="AT535" s="331" t="s">
        <v>1487</v>
      </c>
      <c r="AU535" s="331" t="s">
        <v>1487</v>
      </c>
      <c r="AV535" s="331" t="s">
        <v>1487</v>
      </c>
      <c r="AW535" s="331" t="s">
        <v>1487</v>
      </c>
      <c r="AX535" s="331" t="s">
        <v>1487</v>
      </c>
      <c r="AY535" s="331" t="s">
        <v>1487</v>
      </c>
      <c r="AZ535" s="331" t="s">
        <v>1487</v>
      </c>
      <c r="BA535" s="331" t="s">
        <v>1487</v>
      </c>
      <c r="BB535" s="331" t="s">
        <v>1487</v>
      </c>
      <c r="BC535" s="331" t="s">
        <v>1487</v>
      </c>
      <c r="BD535" s="331" t="s">
        <v>1487</v>
      </c>
      <c r="BE535" s="331">
        <v>84578</v>
      </c>
      <c r="BF535" s="331" t="s">
        <v>1487</v>
      </c>
      <c r="BG535" s="331" t="s">
        <v>1487</v>
      </c>
      <c r="BH535" s="331"/>
      <c r="BI535" s="331"/>
      <c r="BJ535" s="331"/>
      <c r="BK535" s="331"/>
      <c r="BL535" s="331"/>
      <c r="BM535" s="331"/>
      <c r="BN535" s="331"/>
      <c r="BO535" s="331"/>
      <c r="BP535" s="331"/>
      <c r="BQ535" s="331"/>
      <c r="BR535" s="331"/>
      <c r="BS535" s="331"/>
      <c r="BT535" s="331"/>
      <c r="BU535" s="331"/>
      <c r="BV535" s="331"/>
      <c r="BW535" s="331"/>
      <c r="BX535" s="331"/>
      <c r="BY535" s="331"/>
      <c r="BZ535" s="331"/>
      <c r="CA535" s="331"/>
      <c r="CB535" s="331"/>
      <c r="CC535" s="331"/>
      <c r="CD535" s="329"/>
      <c r="CE535" s="329" t="s">
        <v>485</v>
      </c>
      <c r="CF535" s="329" t="s">
        <v>336</v>
      </c>
    </row>
    <row r="536" spans="3:110" ht="56.1" customHeight="1" x14ac:dyDescent="0.2">
      <c r="C536" s="477" t="s">
        <v>2956</v>
      </c>
      <c r="D536" s="464" t="s">
        <v>2957</v>
      </c>
      <c r="E536" s="364">
        <v>272</v>
      </c>
      <c r="F536" s="364"/>
      <c r="G536" s="364" t="s">
        <v>2481</v>
      </c>
      <c r="H536" s="365" t="s">
        <v>53</v>
      </c>
      <c r="I536" s="365" t="s">
        <v>329</v>
      </c>
      <c r="J536" s="329" t="s">
        <v>500</v>
      </c>
      <c r="K536" s="329" t="s">
        <v>501</v>
      </c>
      <c r="L536" s="209" t="s">
        <v>503</v>
      </c>
      <c r="M536" s="467"/>
      <c r="N536" s="329" t="s">
        <v>95</v>
      </c>
      <c r="O536" s="329" t="s">
        <v>368</v>
      </c>
      <c r="P536" s="329"/>
      <c r="Q536" s="329" t="s">
        <v>81</v>
      </c>
      <c r="R536" s="329" t="s">
        <v>334</v>
      </c>
      <c r="S536" s="329"/>
      <c r="T536" s="329" t="s">
        <v>225</v>
      </c>
      <c r="U536" s="466" t="s">
        <v>63</v>
      </c>
      <c r="V536" s="466" t="s">
        <v>63</v>
      </c>
      <c r="W536" s="330">
        <v>76279</v>
      </c>
      <c r="X536" s="330"/>
      <c r="Y536" s="329" t="s">
        <v>226</v>
      </c>
      <c r="Z536" s="329"/>
      <c r="AA536" s="330">
        <v>76279</v>
      </c>
      <c r="AB536" s="329" t="s">
        <v>82</v>
      </c>
      <c r="AC536" s="331" t="s">
        <v>1487</v>
      </c>
      <c r="AD536" s="331" t="s">
        <v>1487</v>
      </c>
      <c r="AE536" s="331" t="s">
        <v>1487</v>
      </c>
      <c r="AF536" s="331" t="s">
        <v>1487</v>
      </c>
      <c r="AG536" s="331" t="s">
        <v>1487</v>
      </c>
      <c r="AH536" s="331" t="s">
        <v>1487</v>
      </c>
      <c r="AI536" s="331" t="s">
        <v>1487</v>
      </c>
      <c r="AJ536" s="331" t="s">
        <v>1487</v>
      </c>
      <c r="AK536" s="331" t="s">
        <v>1487</v>
      </c>
      <c r="AL536" s="331" t="s">
        <v>1487</v>
      </c>
      <c r="AM536" s="331" t="s">
        <v>1487</v>
      </c>
      <c r="AN536" s="331" t="s">
        <v>1487</v>
      </c>
      <c r="AO536" s="331" t="s">
        <v>1487</v>
      </c>
      <c r="AP536" s="331" t="s">
        <v>1487</v>
      </c>
      <c r="AQ536" s="331" t="s">
        <v>1487</v>
      </c>
      <c r="AR536" s="331" t="s">
        <v>1487</v>
      </c>
      <c r="AS536" s="331" t="s">
        <v>1487</v>
      </c>
      <c r="AT536" s="331" t="s">
        <v>1487</v>
      </c>
      <c r="AU536" s="331" t="s">
        <v>1487</v>
      </c>
      <c r="AV536" s="331" t="s">
        <v>1487</v>
      </c>
      <c r="AW536" s="331" t="s">
        <v>1487</v>
      </c>
      <c r="AX536" s="331" t="s">
        <v>1487</v>
      </c>
      <c r="AY536" s="331" t="s">
        <v>1487</v>
      </c>
      <c r="AZ536" s="331" t="s">
        <v>1487</v>
      </c>
      <c r="BA536" s="331" t="s">
        <v>1487</v>
      </c>
      <c r="BB536" s="331" t="s">
        <v>1487</v>
      </c>
      <c r="BC536" s="331" t="s">
        <v>1487</v>
      </c>
      <c r="BD536" s="331" t="s">
        <v>1487</v>
      </c>
      <c r="BE536" s="331">
        <v>76279</v>
      </c>
      <c r="BF536" s="331" t="s">
        <v>1487</v>
      </c>
      <c r="BG536" s="331" t="s">
        <v>1487</v>
      </c>
      <c r="BH536" s="331"/>
      <c r="BI536" s="331"/>
      <c r="BJ536" s="331"/>
      <c r="BK536" s="331"/>
      <c r="BL536" s="331"/>
      <c r="BM536" s="331"/>
      <c r="BN536" s="331"/>
      <c r="BO536" s="331"/>
      <c r="BP536" s="331"/>
      <c r="BQ536" s="331"/>
      <c r="BR536" s="331"/>
      <c r="BS536" s="331"/>
      <c r="BT536" s="331"/>
      <c r="BU536" s="331"/>
      <c r="BV536" s="331"/>
      <c r="BW536" s="331"/>
      <c r="BX536" s="331"/>
      <c r="BY536" s="331"/>
      <c r="BZ536" s="331"/>
      <c r="CA536" s="331"/>
      <c r="CB536" s="331"/>
      <c r="CC536" s="331"/>
      <c r="CD536" s="329"/>
      <c r="CE536" s="329"/>
      <c r="CF536" s="329"/>
    </row>
    <row r="537" spans="3:110" ht="56.1" customHeight="1" x14ac:dyDescent="0.2">
      <c r="C537" s="477" t="s">
        <v>2956</v>
      </c>
      <c r="D537" s="464" t="s">
        <v>2957</v>
      </c>
      <c r="E537" s="364">
        <v>298</v>
      </c>
      <c r="F537" s="364"/>
      <c r="G537" s="364" t="s">
        <v>2481</v>
      </c>
      <c r="H537" s="365" t="s">
        <v>53</v>
      </c>
      <c r="I537" s="365" t="s">
        <v>515</v>
      </c>
      <c r="J537" s="329" t="s">
        <v>516</v>
      </c>
      <c r="K537" s="329" t="s">
        <v>535</v>
      </c>
      <c r="L537" s="329" t="s">
        <v>536</v>
      </c>
      <c r="M537" s="466"/>
      <c r="N537" s="329" t="s">
        <v>95</v>
      </c>
      <c r="O537" s="329" t="s">
        <v>368</v>
      </c>
      <c r="P537" s="329"/>
      <c r="Q537" s="329" t="s">
        <v>60</v>
      </c>
      <c r="R537" s="329" t="s">
        <v>334</v>
      </c>
      <c r="S537" s="329"/>
      <c r="T537" s="329" t="s">
        <v>493</v>
      </c>
      <c r="U537" s="466" t="s">
        <v>63</v>
      </c>
      <c r="V537" s="466" t="s">
        <v>63</v>
      </c>
      <c r="W537" s="330">
        <v>45550.080000000002</v>
      </c>
      <c r="X537" s="330"/>
      <c r="Y537" s="329" t="s">
        <v>64</v>
      </c>
      <c r="Z537" s="329"/>
      <c r="AA537" s="330">
        <v>45550.080000000002</v>
      </c>
      <c r="AB537" s="329" t="s">
        <v>82</v>
      </c>
      <c r="AC537" s="331" t="s">
        <v>1487</v>
      </c>
      <c r="AD537" s="331" t="s">
        <v>1487</v>
      </c>
      <c r="AE537" s="331" t="s">
        <v>1487</v>
      </c>
      <c r="AF537" s="331" t="s">
        <v>1487</v>
      </c>
      <c r="AG537" s="331" t="s">
        <v>1487</v>
      </c>
      <c r="AH537" s="331" t="s">
        <v>1487</v>
      </c>
      <c r="AI537" s="331" t="s">
        <v>1487</v>
      </c>
      <c r="AJ537" s="331" t="s">
        <v>1487</v>
      </c>
      <c r="AK537" s="331" t="s">
        <v>1487</v>
      </c>
      <c r="AL537" s="331" t="s">
        <v>1487</v>
      </c>
      <c r="AM537" s="331" t="s">
        <v>1487</v>
      </c>
      <c r="AN537" s="331" t="s">
        <v>1487</v>
      </c>
      <c r="AO537" s="331" t="s">
        <v>1487</v>
      </c>
      <c r="AP537" s="331" t="s">
        <v>1487</v>
      </c>
      <c r="AQ537" s="331" t="s">
        <v>1487</v>
      </c>
      <c r="AR537" s="331" t="s">
        <v>1487</v>
      </c>
      <c r="AS537" s="331" t="s">
        <v>1487</v>
      </c>
      <c r="AT537" s="331" t="s">
        <v>1487</v>
      </c>
      <c r="AU537" s="331" t="s">
        <v>1487</v>
      </c>
      <c r="AV537" s="331" t="s">
        <v>1487</v>
      </c>
      <c r="AW537" s="331" t="s">
        <v>1487</v>
      </c>
      <c r="AX537" s="331" t="s">
        <v>1487</v>
      </c>
      <c r="AY537" s="331" t="s">
        <v>1487</v>
      </c>
      <c r="AZ537" s="331" t="s">
        <v>1487</v>
      </c>
      <c r="BA537" s="331" t="s">
        <v>1487</v>
      </c>
      <c r="BB537" s="331" t="s">
        <v>1487</v>
      </c>
      <c r="BC537" s="331" t="s">
        <v>1487</v>
      </c>
      <c r="BD537" s="331" t="s">
        <v>1487</v>
      </c>
      <c r="BE537" s="331">
        <v>45550.080000000009</v>
      </c>
      <c r="BF537" s="331" t="s">
        <v>1487</v>
      </c>
      <c r="BG537" s="331" t="s">
        <v>1487</v>
      </c>
      <c r="BH537" s="331"/>
      <c r="BI537" s="331"/>
      <c r="BJ537" s="331"/>
      <c r="BK537" s="331"/>
      <c r="BL537" s="331"/>
      <c r="BM537" s="331"/>
      <c r="BN537" s="331"/>
      <c r="BO537" s="331"/>
      <c r="BP537" s="331"/>
      <c r="BQ537" s="331"/>
      <c r="BR537" s="331"/>
      <c r="BS537" s="331"/>
      <c r="BT537" s="331"/>
      <c r="BU537" s="331"/>
      <c r="BV537" s="331"/>
      <c r="BW537" s="331"/>
      <c r="BX537" s="331"/>
      <c r="BY537" s="331"/>
      <c r="BZ537" s="331"/>
      <c r="CA537" s="331"/>
      <c r="CB537" s="331"/>
      <c r="CC537" s="331"/>
      <c r="CD537" s="329"/>
      <c r="CE537" s="329"/>
      <c r="CF537" s="329"/>
    </row>
    <row r="538" spans="3:110" ht="56.1" customHeight="1" x14ac:dyDescent="0.2">
      <c r="C538" s="477" t="s">
        <v>2956</v>
      </c>
      <c r="D538" s="464" t="s">
        <v>2957</v>
      </c>
      <c r="E538" s="364">
        <v>299</v>
      </c>
      <c r="F538" s="364"/>
      <c r="G538" s="364" t="s">
        <v>2481</v>
      </c>
      <c r="H538" s="365" t="s">
        <v>53</v>
      </c>
      <c r="I538" s="365" t="s">
        <v>515</v>
      </c>
      <c r="J538" s="329" t="s">
        <v>518</v>
      </c>
      <c r="K538" s="329" t="s">
        <v>520</v>
      </c>
      <c r="L538" s="329" t="s">
        <v>520</v>
      </c>
      <c r="M538" s="466"/>
      <c r="N538" s="329" t="s">
        <v>95</v>
      </c>
      <c r="O538" s="329" t="s">
        <v>368</v>
      </c>
      <c r="P538" s="329"/>
      <c r="Q538" s="329" t="s">
        <v>60</v>
      </c>
      <c r="R538" s="329" t="s">
        <v>334</v>
      </c>
      <c r="S538" s="329"/>
      <c r="T538" s="329" t="s">
        <v>493</v>
      </c>
      <c r="U538" s="466" t="s">
        <v>63</v>
      </c>
      <c r="V538" s="466" t="s">
        <v>63</v>
      </c>
      <c r="W538" s="330">
        <v>119568.96000000001</v>
      </c>
      <c r="X538" s="330"/>
      <c r="Y538" s="329" t="s">
        <v>64</v>
      </c>
      <c r="Z538" s="329"/>
      <c r="AA538" s="330">
        <v>119568.96000000001</v>
      </c>
      <c r="AB538" s="329" t="s">
        <v>82</v>
      </c>
      <c r="AC538" s="331" t="s">
        <v>1487</v>
      </c>
      <c r="AD538" s="331" t="s">
        <v>1487</v>
      </c>
      <c r="AE538" s="331" t="s">
        <v>1487</v>
      </c>
      <c r="AF538" s="331" t="s">
        <v>1487</v>
      </c>
      <c r="AG538" s="331" t="s">
        <v>1487</v>
      </c>
      <c r="AH538" s="331" t="s">
        <v>1487</v>
      </c>
      <c r="AI538" s="331" t="s">
        <v>1487</v>
      </c>
      <c r="AJ538" s="331" t="s">
        <v>1487</v>
      </c>
      <c r="AK538" s="331" t="s">
        <v>1487</v>
      </c>
      <c r="AL538" s="331" t="s">
        <v>1487</v>
      </c>
      <c r="AM538" s="331" t="s">
        <v>1487</v>
      </c>
      <c r="AN538" s="331" t="s">
        <v>1487</v>
      </c>
      <c r="AO538" s="331" t="s">
        <v>1487</v>
      </c>
      <c r="AP538" s="331" t="s">
        <v>1487</v>
      </c>
      <c r="AQ538" s="331" t="s">
        <v>1487</v>
      </c>
      <c r="AR538" s="331" t="s">
        <v>1487</v>
      </c>
      <c r="AS538" s="331" t="s">
        <v>1487</v>
      </c>
      <c r="AT538" s="331" t="s">
        <v>1487</v>
      </c>
      <c r="AU538" s="331" t="s">
        <v>1487</v>
      </c>
      <c r="AV538" s="331" t="s">
        <v>1487</v>
      </c>
      <c r="AW538" s="331" t="s">
        <v>1487</v>
      </c>
      <c r="AX538" s="331" t="s">
        <v>1487</v>
      </c>
      <c r="AY538" s="331" t="s">
        <v>1487</v>
      </c>
      <c r="AZ538" s="331" t="s">
        <v>1487</v>
      </c>
      <c r="BA538" s="331" t="s">
        <v>1487</v>
      </c>
      <c r="BB538" s="331" t="s">
        <v>1487</v>
      </c>
      <c r="BC538" s="331" t="s">
        <v>1487</v>
      </c>
      <c r="BD538" s="331" t="s">
        <v>1487</v>
      </c>
      <c r="BE538" s="331">
        <v>119568.95999999999</v>
      </c>
      <c r="BF538" s="331" t="s">
        <v>1487</v>
      </c>
      <c r="BG538" s="331" t="s">
        <v>1487</v>
      </c>
      <c r="BH538" s="331"/>
      <c r="BI538" s="331"/>
      <c r="BJ538" s="331"/>
      <c r="BK538" s="331"/>
      <c r="BL538" s="331"/>
      <c r="BM538" s="331"/>
      <c r="BN538" s="331"/>
      <c r="BO538" s="331"/>
      <c r="BP538" s="331"/>
      <c r="BQ538" s="331"/>
      <c r="BR538" s="331"/>
      <c r="BS538" s="331"/>
      <c r="BT538" s="331"/>
      <c r="BU538" s="331"/>
      <c r="BV538" s="331"/>
      <c r="BW538" s="331"/>
      <c r="BX538" s="331"/>
      <c r="BY538" s="331"/>
      <c r="BZ538" s="331"/>
      <c r="CA538" s="331"/>
      <c r="CB538" s="331"/>
      <c r="CC538" s="331"/>
      <c r="CD538" s="329"/>
      <c r="CE538" s="329"/>
      <c r="CF538" s="329"/>
    </row>
    <row r="539" spans="3:110" ht="56.1" customHeight="1" x14ac:dyDescent="0.2">
      <c r="C539" s="477" t="s">
        <v>2956</v>
      </c>
      <c r="D539" s="464" t="s">
        <v>2957</v>
      </c>
      <c r="E539" s="364">
        <v>300</v>
      </c>
      <c r="F539" s="364"/>
      <c r="G539" s="364" t="s">
        <v>2481</v>
      </c>
      <c r="H539" s="365" t="s">
        <v>53</v>
      </c>
      <c r="I539" s="365" t="s">
        <v>515</v>
      </c>
      <c r="J539" s="329" t="s">
        <v>521</v>
      </c>
      <c r="K539" s="329" t="s">
        <v>522</v>
      </c>
      <c r="L539" s="329" t="s">
        <v>522</v>
      </c>
      <c r="M539" s="466"/>
      <c r="N539" s="329" t="s">
        <v>95</v>
      </c>
      <c r="O539" s="329" t="s">
        <v>368</v>
      </c>
      <c r="P539" s="329"/>
      <c r="Q539" s="329" t="s">
        <v>60</v>
      </c>
      <c r="R539" s="329" t="s">
        <v>334</v>
      </c>
      <c r="S539" s="329"/>
      <c r="T539" s="329" t="s">
        <v>493</v>
      </c>
      <c r="U539" s="466" t="s">
        <v>63</v>
      </c>
      <c r="V539" s="466" t="s">
        <v>63</v>
      </c>
      <c r="W539" s="330">
        <v>167016.95999999999</v>
      </c>
      <c r="X539" s="330"/>
      <c r="Y539" s="329" t="s">
        <v>64</v>
      </c>
      <c r="Z539" s="329"/>
      <c r="AA539" s="330">
        <v>167016.95999999999</v>
      </c>
      <c r="AB539" s="329" t="s">
        <v>82</v>
      </c>
      <c r="AC539" s="331" t="s">
        <v>1487</v>
      </c>
      <c r="AD539" s="331" t="s">
        <v>1487</v>
      </c>
      <c r="AE539" s="331" t="s">
        <v>1487</v>
      </c>
      <c r="AF539" s="331" t="s">
        <v>1487</v>
      </c>
      <c r="AG539" s="331" t="s">
        <v>1487</v>
      </c>
      <c r="AH539" s="331" t="s">
        <v>1487</v>
      </c>
      <c r="AI539" s="331" t="s">
        <v>1487</v>
      </c>
      <c r="AJ539" s="331" t="s">
        <v>1487</v>
      </c>
      <c r="AK539" s="331" t="s">
        <v>1487</v>
      </c>
      <c r="AL539" s="331" t="s">
        <v>1487</v>
      </c>
      <c r="AM539" s="331" t="s">
        <v>1487</v>
      </c>
      <c r="AN539" s="331" t="s">
        <v>1487</v>
      </c>
      <c r="AO539" s="331" t="s">
        <v>1487</v>
      </c>
      <c r="AP539" s="331" t="s">
        <v>1487</v>
      </c>
      <c r="AQ539" s="331" t="s">
        <v>1487</v>
      </c>
      <c r="AR539" s="331" t="s">
        <v>1487</v>
      </c>
      <c r="AS539" s="331" t="s">
        <v>1487</v>
      </c>
      <c r="AT539" s="331" t="s">
        <v>1487</v>
      </c>
      <c r="AU539" s="331" t="s">
        <v>1487</v>
      </c>
      <c r="AV539" s="331" t="s">
        <v>1487</v>
      </c>
      <c r="AW539" s="331" t="s">
        <v>1487</v>
      </c>
      <c r="AX539" s="331" t="s">
        <v>1487</v>
      </c>
      <c r="AY539" s="331" t="s">
        <v>1487</v>
      </c>
      <c r="AZ539" s="331" t="s">
        <v>1487</v>
      </c>
      <c r="BA539" s="331" t="s">
        <v>1487</v>
      </c>
      <c r="BB539" s="331" t="s">
        <v>1487</v>
      </c>
      <c r="BC539" s="331" t="s">
        <v>1487</v>
      </c>
      <c r="BD539" s="331" t="s">
        <v>1487</v>
      </c>
      <c r="BE539" s="331">
        <v>167016.95999999999</v>
      </c>
      <c r="BF539" s="331" t="s">
        <v>1487</v>
      </c>
      <c r="BG539" s="331" t="s">
        <v>1487</v>
      </c>
      <c r="BH539" s="331"/>
      <c r="BI539" s="331"/>
      <c r="BJ539" s="331"/>
      <c r="BK539" s="331"/>
      <c r="BL539" s="331"/>
      <c r="BM539" s="331"/>
      <c r="BN539" s="331"/>
      <c r="BO539" s="331"/>
      <c r="BP539" s="331"/>
      <c r="BQ539" s="331"/>
      <c r="BR539" s="331"/>
      <c r="BS539" s="331"/>
      <c r="BT539" s="331"/>
      <c r="BU539" s="331"/>
      <c r="BV539" s="331"/>
      <c r="BW539" s="331"/>
      <c r="BX539" s="331"/>
      <c r="BY539" s="331"/>
      <c r="BZ539" s="331"/>
      <c r="CA539" s="331"/>
      <c r="CB539" s="331"/>
      <c r="CC539" s="331"/>
      <c r="CD539" s="329"/>
      <c r="CE539" s="329"/>
      <c r="CF539" s="329"/>
    </row>
    <row r="540" spans="3:110" ht="56.1" customHeight="1" x14ac:dyDescent="0.2">
      <c r="C540" s="477" t="s">
        <v>2956</v>
      </c>
      <c r="D540" s="464" t="s">
        <v>2957</v>
      </c>
      <c r="E540" s="364">
        <v>301</v>
      </c>
      <c r="F540" s="364"/>
      <c r="G540" s="364" t="s">
        <v>2481</v>
      </c>
      <c r="H540" s="365" t="s">
        <v>53</v>
      </c>
      <c r="I540" s="365" t="s">
        <v>515</v>
      </c>
      <c r="J540" s="329" t="s">
        <v>523</v>
      </c>
      <c r="K540" s="329" t="s">
        <v>537</v>
      </c>
      <c r="L540" s="329" t="s">
        <v>537</v>
      </c>
      <c r="M540" s="466"/>
      <c r="N540" s="329" t="s">
        <v>95</v>
      </c>
      <c r="O540" s="329" t="s">
        <v>368</v>
      </c>
      <c r="P540" s="329"/>
      <c r="Q540" s="329" t="s">
        <v>60</v>
      </c>
      <c r="R540" s="329" t="s">
        <v>525</v>
      </c>
      <c r="S540" s="329"/>
      <c r="T540" s="329" t="s">
        <v>493</v>
      </c>
      <c r="U540" s="466" t="s">
        <v>63</v>
      </c>
      <c r="V540" s="466" t="s">
        <v>63</v>
      </c>
      <c r="W540" s="330">
        <v>43494</v>
      </c>
      <c r="X540" s="330"/>
      <c r="Y540" s="329" t="s">
        <v>64</v>
      </c>
      <c r="Z540" s="329"/>
      <c r="AA540" s="330">
        <v>43494</v>
      </c>
      <c r="AB540" s="329" t="s">
        <v>82</v>
      </c>
      <c r="AC540" s="331" t="s">
        <v>1487</v>
      </c>
      <c r="AD540" s="331" t="s">
        <v>1487</v>
      </c>
      <c r="AE540" s="331" t="s">
        <v>1487</v>
      </c>
      <c r="AF540" s="331" t="s">
        <v>1487</v>
      </c>
      <c r="AG540" s="331" t="s">
        <v>1487</v>
      </c>
      <c r="AH540" s="331" t="s">
        <v>1487</v>
      </c>
      <c r="AI540" s="331" t="s">
        <v>1487</v>
      </c>
      <c r="AJ540" s="331" t="s">
        <v>1487</v>
      </c>
      <c r="AK540" s="331" t="s">
        <v>1487</v>
      </c>
      <c r="AL540" s="331" t="s">
        <v>1487</v>
      </c>
      <c r="AM540" s="331" t="s">
        <v>1487</v>
      </c>
      <c r="AN540" s="331" t="s">
        <v>1487</v>
      </c>
      <c r="AO540" s="331" t="s">
        <v>1487</v>
      </c>
      <c r="AP540" s="331" t="s">
        <v>1487</v>
      </c>
      <c r="AQ540" s="331" t="s">
        <v>1487</v>
      </c>
      <c r="AR540" s="331" t="s">
        <v>1487</v>
      </c>
      <c r="AS540" s="331" t="s">
        <v>1487</v>
      </c>
      <c r="AT540" s="331" t="s">
        <v>1487</v>
      </c>
      <c r="AU540" s="331" t="s">
        <v>1487</v>
      </c>
      <c r="AV540" s="331" t="s">
        <v>1487</v>
      </c>
      <c r="AW540" s="331" t="s">
        <v>1487</v>
      </c>
      <c r="AX540" s="331" t="s">
        <v>1487</v>
      </c>
      <c r="AY540" s="331" t="s">
        <v>1487</v>
      </c>
      <c r="AZ540" s="331" t="s">
        <v>1487</v>
      </c>
      <c r="BA540" s="331" t="s">
        <v>1487</v>
      </c>
      <c r="BB540" s="331" t="s">
        <v>1487</v>
      </c>
      <c r="BC540" s="331" t="s">
        <v>1487</v>
      </c>
      <c r="BD540" s="331" t="s">
        <v>1487</v>
      </c>
      <c r="BE540" s="331">
        <v>43494</v>
      </c>
      <c r="BF540" s="331" t="s">
        <v>1487</v>
      </c>
      <c r="BG540" s="331" t="s">
        <v>1487</v>
      </c>
      <c r="BH540" s="331"/>
      <c r="BI540" s="331"/>
      <c r="BJ540" s="331"/>
      <c r="BK540" s="331"/>
      <c r="BL540" s="331"/>
      <c r="BM540" s="331"/>
      <c r="BN540" s="331"/>
      <c r="BO540" s="331"/>
      <c r="BP540" s="331"/>
      <c r="BQ540" s="331"/>
      <c r="BR540" s="331"/>
      <c r="BS540" s="331"/>
      <c r="BT540" s="331"/>
      <c r="BU540" s="331"/>
      <c r="BV540" s="331"/>
      <c r="BW540" s="331"/>
      <c r="BX540" s="331"/>
      <c r="BY540" s="331"/>
      <c r="BZ540" s="331"/>
      <c r="CA540" s="331"/>
      <c r="CB540" s="331"/>
      <c r="CC540" s="331"/>
      <c r="CD540" s="329"/>
      <c r="CE540" s="329"/>
      <c r="CF540" s="329"/>
    </row>
    <row r="541" spans="3:110" ht="56.1" customHeight="1" x14ac:dyDescent="0.2">
      <c r="C541" s="477" t="s">
        <v>2956</v>
      </c>
      <c r="D541" s="464" t="s">
        <v>2957</v>
      </c>
      <c r="E541" s="364">
        <v>302</v>
      </c>
      <c r="F541" s="364"/>
      <c r="G541" s="364" t="s">
        <v>2481</v>
      </c>
      <c r="H541" s="365" t="s">
        <v>53</v>
      </c>
      <c r="I541" s="365" t="s">
        <v>515</v>
      </c>
      <c r="J541" s="329" t="s">
        <v>526</v>
      </c>
      <c r="K541" s="329" t="s">
        <v>538</v>
      </c>
      <c r="L541" s="329" t="s">
        <v>538</v>
      </c>
      <c r="M541" s="466"/>
      <c r="N541" s="329" t="s">
        <v>95</v>
      </c>
      <c r="O541" s="329" t="s">
        <v>368</v>
      </c>
      <c r="P541" s="329"/>
      <c r="Q541" s="329" t="s">
        <v>60</v>
      </c>
      <c r="R541" s="329" t="s">
        <v>525</v>
      </c>
      <c r="S541" s="329"/>
      <c r="T541" s="329" t="s">
        <v>493</v>
      </c>
      <c r="U541" s="466" t="s">
        <v>63</v>
      </c>
      <c r="V541" s="466" t="s">
        <v>63</v>
      </c>
      <c r="W541" s="330">
        <v>105440</v>
      </c>
      <c r="X541" s="330"/>
      <c r="Y541" s="329" t="s">
        <v>64</v>
      </c>
      <c r="Z541" s="329"/>
      <c r="AA541" s="330">
        <v>105440</v>
      </c>
      <c r="AB541" s="329" t="s">
        <v>82</v>
      </c>
      <c r="AC541" s="331" t="s">
        <v>1487</v>
      </c>
      <c r="AD541" s="331" t="s">
        <v>1487</v>
      </c>
      <c r="AE541" s="331" t="s">
        <v>1487</v>
      </c>
      <c r="AF541" s="331" t="s">
        <v>1487</v>
      </c>
      <c r="AG541" s="331" t="s">
        <v>1487</v>
      </c>
      <c r="AH541" s="331" t="s">
        <v>1487</v>
      </c>
      <c r="AI541" s="331" t="s">
        <v>1487</v>
      </c>
      <c r="AJ541" s="331" t="s">
        <v>1487</v>
      </c>
      <c r="AK541" s="331" t="s">
        <v>1487</v>
      </c>
      <c r="AL541" s="331" t="s">
        <v>1487</v>
      </c>
      <c r="AM541" s="331" t="s">
        <v>1487</v>
      </c>
      <c r="AN541" s="331" t="s">
        <v>1487</v>
      </c>
      <c r="AO541" s="331" t="s">
        <v>1487</v>
      </c>
      <c r="AP541" s="331" t="s">
        <v>1487</v>
      </c>
      <c r="AQ541" s="331" t="s">
        <v>1487</v>
      </c>
      <c r="AR541" s="331" t="s">
        <v>1487</v>
      </c>
      <c r="AS541" s="331" t="s">
        <v>1487</v>
      </c>
      <c r="AT541" s="331" t="s">
        <v>1487</v>
      </c>
      <c r="AU541" s="331" t="s">
        <v>1487</v>
      </c>
      <c r="AV541" s="331" t="s">
        <v>1487</v>
      </c>
      <c r="AW541" s="331" t="s">
        <v>1487</v>
      </c>
      <c r="AX541" s="331" t="s">
        <v>1487</v>
      </c>
      <c r="AY541" s="331" t="s">
        <v>1487</v>
      </c>
      <c r="AZ541" s="331" t="s">
        <v>1487</v>
      </c>
      <c r="BA541" s="331" t="s">
        <v>1487</v>
      </c>
      <c r="BB541" s="331" t="s">
        <v>1487</v>
      </c>
      <c r="BC541" s="331" t="s">
        <v>1487</v>
      </c>
      <c r="BD541" s="331" t="s">
        <v>1487</v>
      </c>
      <c r="BE541" s="331">
        <v>105439.99999999999</v>
      </c>
      <c r="BF541" s="331" t="s">
        <v>1487</v>
      </c>
      <c r="BG541" s="331" t="s">
        <v>1487</v>
      </c>
      <c r="BH541" s="331"/>
      <c r="BI541" s="331"/>
      <c r="BJ541" s="331"/>
      <c r="BK541" s="331"/>
      <c r="BL541" s="331"/>
      <c r="BM541" s="331"/>
      <c r="BN541" s="331"/>
      <c r="BO541" s="331"/>
      <c r="BP541" s="331"/>
      <c r="BQ541" s="331"/>
      <c r="BR541" s="331"/>
      <c r="BS541" s="331"/>
      <c r="BT541" s="331"/>
      <c r="BU541" s="331"/>
      <c r="BV541" s="331"/>
      <c r="BW541" s="331"/>
      <c r="BX541" s="331"/>
      <c r="BY541" s="331"/>
      <c r="BZ541" s="331"/>
      <c r="CA541" s="331"/>
      <c r="CB541" s="331"/>
      <c r="CC541" s="331"/>
      <c r="CD541" s="329"/>
      <c r="CE541" s="329"/>
      <c r="CF541" s="329"/>
    </row>
    <row r="542" spans="3:110" ht="56.1" customHeight="1" x14ac:dyDescent="0.2">
      <c r="C542" s="477" t="s">
        <v>2956</v>
      </c>
      <c r="D542" s="464" t="s">
        <v>2957</v>
      </c>
      <c r="E542" s="364">
        <v>305</v>
      </c>
      <c r="F542" s="364"/>
      <c r="G542" s="364" t="s">
        <v>2481</v>
      </c>
      <c r="H542" s="365" t="s">
        <v>53</v>
      </c>
      <c r="I542" s="365" t="s">
        <v>515</v>
      </c>
      <c r="J542" s="329" t="s">
        <v>533</v>
      </c>
      <c r="K542" s="329" t="s">
        <v>534</v>
      </c>
      <c r="L542" s="329" t="s">
        <v>534</v>
      </c>
      <c r="M542" s="466"/>
      <c r="N542" s="329" t="s">
        <v>95</v>
      </c>
      <c r="O542" s="329" t="s">
        <v>368</v>
      </c>
      <c r="P542" s="329"/>
      <c r="Q542" s="329" t="s">
        <v>81</v>
      </c>
      <c r="R542" s="329" t="s">
        <v>334</v>
      </c>
      <c r="S542" s="329"/>
      <c r="T542" s="329" t="s">
        <v>493</v>
      </c>
      <c r="U542" s="466" t="s">
        <v>63</v>
      </c>
      <c r="V542" s="466" t="s">
        <v>63</v>
      </c>
      <c r="W542" s="330">
        <v>26689.5</v>
      </c>
      <c r="X542" s="330"/>
      <c r="Y542" s="329" t="s">
        <v>64</v>
      </c>
      <c r="Z542" s="329"/>
      <c r="AA542" s="330">
        <v>26689.5</v>
      </c>
      <c r="AB542" s="329" t="s">
        <v>82</v>
      </c>
      <c r="AC542" s="331" t="s">
        <v>1487</v>
      </c>
      <c r="AD542" s="331" t="s">
        <v>1487</v>
      </c>
      <c r="AE542" s="331" t="s">
        <v>1487</v>
      </c>
      <c r="AF542" s="331" t="s">
        <v>1487</v>
      </c>
      <c r="AG542" s="331" t="s">
        <v>1487</v>
      </c>
      <c r="AH542" s="331" t="s">
        <v>1487</v>
      </c>
      <c r="AI542" s="331" t="s">
        <v>1487</v>
      </c>
      <c r="AJ542" s="331" t="s">
        <v>1487</v>
      </c>
      <c r="AK542" s="331" t="s">
        <v>1487</v>
      </c>
      <c r="AL542" s="331" t="s">
        <v>1487</v>
      </c>
      <c r="AM542" s="331" t="s">
        <v>1487</v>
      </c>
      <c r="AN542" s="331" t="s">
        <v>1487</v>
      </c>
      <c r="AO542" s="331" t="s">
        <v>1487</v>
      </c>
      <c r="AP542" s="331" t="s">
        <v>1487</v>
      </c>
      <c r="AQ542" s="331" t="s">
        <v>1487</v>
      </c>
      <c r="AR542" s="331" t="s">
        <v>1487</v>
      </c>
      <c r="AS542" s="331" t="s">
        <v>1487</v>
      </c>
      <c r="AT542" s="331" t="s">
        <v>1487</v>
      </c>
      <c r="AU542" s="331" t="s">
        <v>1487</v>
      </c>
      <c r="AV542" s="331" t="s">
        <v>1487</v>
      </c>
      <c r="AW542" s="331" t="s">
        <v>1487</v>
      </c>
      <c r="AX542" s="331" t="s">
        <v>1487</v>
      </c>
      <c r="AY542" s="331" t="s">
        <v>1487</v>
      </c>
      <c r="AZ542" s="331" t="s">
        <v>1487</v>
      </c>
      <c r="BA542" s="331" t="s">
        <v>1487</v>
      </c>
      <c r="BB542" s="331" t="s">
        <v>1487</v>
      </c>
      <c r="BC542" s="331" t="s">
        <v>1487</v>
      </c>
      <c r="BD542" s="331" t="s">
        <v>1487</v>
      </c>
      <c r="BE542" s="331">
        <v>26689.5</v>
      </c>
      <c r="BF542" s="331" t="s">
        <v>1487</v>
      </c>
      <c r="BG542" s="331" t="s">
        <v>1487</v>
      </c>
      <c r="BH542" s="331"/>
      <c r="BI542" s="331"/>
      <c r="BJ542" s="331"/>
      <c r="BK542" s="331"/>
      <c r="BL542" s="331"/>
      <c r="BM542" s="331"/>
      <c r="BN542" s="331"/>
      <c r="BO542" s="331"/>
      <c r="BP542" s="331"/>
      <c r="BQ542" s="331"/>
      <c r="BR542" s="331"/>
      <c r="BS542" s="331"/>
      <c r="BT542" s="331"/>
      <c r="BU542" s="331"/>
      <c r="BV542" s="331"/>
      <c r="BW542" s="331"/>
      <c r="BX542" s="331"/>
      <c r="BY542" s="331"/>
      <c r="BZ542" s="331"/>
      <c r="CA542" s="331"/>
      <c r="CB542" s="331"/>
      <c r="CC542" s="331"/>
      <c r="CD542" s="329"/>
      <c r="CE542" s="329"/>
      <c r="CF542" s="329"/>
    </row>
    <row r="543" spans="3:110" ht="56.1" customHeight="1" x14ac:dyDescent="0.2">
      <c r="C543" s="477" t="s">
        <v>2956</v>
      </c>
      <c r="D543" s="464" t="s">
        <v>2957</v>
      </c>
      <c r="E543" s="364">
        <v>551</v>
      </c>
      <c r="F543" s="364"/>
      <c r="G543" s="364" t="s">
        <v>2481</v>
      </c>
      <c r="H543" s="365" t="s">
        <v>53</v>
      </c>
      <c r="I543" s="365" t="s">
        <v>515</v>
      </c>
      <c r="J543" s="329" t="s">
        <v>580</v>
      </c>
      <c r="K543" s="329" t="s">
        <v>602</v>
      </c>
      <c r="L543" s="329" t="s">
        <v>603</v>
      </c>
      <c r="M543" s="466"/>
      <c r="N543" s="329" t="s">
        <v>95</v>
      </c>
      <c r="O543" s="329" t="s">
        <v>368</v>
      </c>
      <c r="P543" s="329"/>
      <c r="Q543" s="329" t="s">
        <v>81</v>
      </c>
      <c r="R543" s="329" t="s">
        <v>525</v>
      </c>
      <c r="S543" s="329"/>
      <c r="T543" s="329" t="s">
        <v>584</v>
      </c>
      <c r="U543" s="466" t="s">
        <v>63</v>
      </c>
      <c r="V543" s="466" t="s">
        <v>63</v>
      </c>
      <c r="W543" s="330"/>
      <c r="X543" s="330"/>
      <c r="Y543" s="329" t="s">
        <v>585</v>
      </c>
      <c r="Z543" s="329"/>
      <c r="AA543" s="330"/>
      <c r="AB543" s="329" t="s">
        <v>65</v>
      </c>
      <c r="AC543" s="331" t="s">
        <v>1487</v>
      </c>
      <c r="AD543" s="331" t="s">
        <v>1487</v>
      </c>
      <c r="AE543" s="331" t="s">
        <v>1487</v>
      </c>
      <c r="AF543" s="331" t="s">
        <v>1487</v>
      </c>
      <c r="AG543" s="331" t="s">
        <v>1487</v>
      </c>
      <c r="AH543" s="331" t="s">
        <v>1487</v>
      </c>
      <c r="AI543" s="331" t="s">
        <v>1487</v>
      </c>
      <c r="AJ543" s="331" t="s">
        <v>1487</v>
      </c>
      <c r="AK543" s="331" t="s">
        <v>1487</v>
      </c>
      <c r="AL543" s="331" t="s">
        <v>1487</v>
      </c>
      <c r="AM543" s="331" t="s">
        <v>1487</v>
      </c>
      <c r="AN543" s="331" t="s">
        <v>1487</v>
      </c>
      <c r="AO543" s="331" t="s">
        <v>1487</v>
      </c>
      <c r="AP543" s="331" t="s">
        <v>1487</v>
      </c>
      <c r="AQ543" s="331" t="s">
        <v>1487</v>
      </c>
      <c r="AR543" s="331" t="s">
        <v>1487</v>
      </c>
      <c r="AS543" s="331" t="s">
        <v>1487</v>
      </c>
      <c r="AT543" s="331" t="s">
        <v>1487</v>
      </c>
      <c r="AU543" s="331" t="s">
        <v>1487</v>
      </c>
      <c r="AV543" s="331" t="s">
        <v>1487</v>
      </c>
      <c r="AW543" s="331" t="s">
        <v>1487</v>
      </c>
      <c r="AX543" s="331" t="s">
        <v>1487</v>
      </c>
      <c r="AY543" s="331" t="s">
        <v>1487</v>
      </c>
      <c r="AZ543" s="331" t="s">
        <v>1487</v>
      </c>
      <c r="BA543" s="331" t="s">
        <v>1487</v>
      </c>
      <c r="BB543" s="331" t="s">
        <v>1487</v>
      </c>
      <c r="BC543" s="331" t="s">
        <v>1487</v>
      </c>
      <c r="BD543" s="331" t="s">
        <v>1487</v>
      </c>
      <c r="BE543" s="331">
        <v>0</v>
      </c>
      <c r="BF543" s="331" t="s">
        <v>1487</v>
      </c>
      <c r="BG543" s="331" t="s">
        <v>1487</v>
      </c>
      <c r="BH543" s="331"/>
      <c r="BI543" s="331"/>
      <c r="BJ543" s="331"/>
      <c r="BK543" s="331"/>
      <c r="BL543" s="331"/>
      <c r="BM543" s="331"/>
      <c r="BN543" s="331"/>
      <c r="BO543" s="331"/>
      <c r="BP543" s="331"/>
      <c r="BQ543" s="331"/>
      <c r="BR543" s="331"/>
      <c r="BS543" s="331"/>
      <c r="BT543" s="331"/>
      <c r="BU543" s="331"/>
      <c r="BV543" s="331"/>
      <c r="BW543" s="331"/>
      <c r="BX543" s="331"/>
      <c r="BY543" s="331"/>
      <c r="BZ543" s="331"/>
      <c r="CA543" s="331"/>
      <c r="CB543" s="331"/>
      <c r="CC543" s="331"/>
      <c r="CD543" s="329"/>
      <c r="CE543" s="329" t="s">
        <v>586</v>
      </c>
      <c r="CF543" s="329"/>
    </row>
    <row r="544" spans="3:110" ht="56.1" customHeight="1" x14ac:dyDescent="0.2">
      <c r="C544" s="477" t="s">
        <v>2956</v>
      </c>
      <c r="D544" s="464" t="s">
        <v>2957</v>
      </c>
      <c r="E544" s="364">
        <v>582</v>
      </c>
      <c r="F544" s="364"/>
      <c r="G544" s="364" t="s">
        <v>2481</v>
      </c>
      <c r="H544" s="365" t="s">
        <v>53</v>
      </c>
      <c r="I544" s="365" t="s">
        <v>515</v>
      </c>
      <c r="J544" s="329" t="s">
        <v>623</v>
      </c>
      <c r="K544" s="329" t="s">
        <v>624</v>
      </c>
      <c r="L544" s="329" t="s">
        <v>639</v>
      </c>
      <c r="M544" s="466"/>
      <c r="N544" s="329" t="s">
        <v>95</v>
      </c>
      <c r="O544" s="329" t="s">
        <v>368</v>
      </c>
      <c r="P544" s="329"/>
      <c r="Q544" s="329" t="s">
        <v>81</v>
      </c>
      <c r="R544" s="329" t="s">
        <v>626</v>
      </c>
      <c r="S544" s="329"/>
      <c r="T544" s="329" t="s">
        <v>493</v>
      </c>
      <c r="U544" s="466" t="s">
        <v>63</v>
      </c>
      <c r="V544" s="466" t="s">
        <v>63</v>
      </c>
      <c r="W544" s="330">
        <v>137082</v>
      </c>
      <c r="X544" s="330"/>
      <c r="Y544" s="329" t="s">
        <v>585</v>
      </c>
      <c r="Z544" s="329"/>
      <c r="AA544" s="330">
        <v>137082</v>
      </c>
      <c r="AB544" s="329" t="s">
        <v>65</v>
      </c>
      <c r="AC544" s="331" t="s">
        <v>1487</v>
      </c>
      <c r="AD544" s="331" t="s">
        <v>1487</v>
      </c>
      <c r="AE544" s="331" t="s">
        <v>1487</v>
      </c>
      <c r="AF544" s="331" t="s">
        <v>1487</v>
      </c>
      <c r="AG544" s="331" t="s">
        <v>1487</v>
      </c>
      <c r="AH544" s="331" t="s">
        <v>1487</v>
      </c>
      <c r="AI544" s="331" t="s">
        <v>1487</v>
      </c>
      <c r="AJ544" s="331" t="s">
        <v>1487</v>
      </c>
      <c r="AK544" s="331" t="s">
        <v>1487</v>
      </c>
      <c r="AL544" s="331" t="s">
        <v>1487</v>
      </c>
      <c r="AM544" s="331" t="s">
        <v>1487</v>
      </c>
      <c r="AN544" s="331" t="s">
        <v>1487</v>
      </c>
      <c r="AO544" s="331" t="s">
        <v>1487</v>
      </c>
      <c r="AP544" s="331" t="s">
        <v>1487</v>
      </c>
      <c r="AQ544" s="331" t="s">
        <v>1487</v>
      </c>
      <c r="AR544" s="331" t="s">
        <v>1487</v>
      </c>
      <c r="AS544" s="331" t="s">
        <v>1487</v>
      </c>
      <c r="AT544" s="331" t="s">
        <v>1487</v>
      </c>
      <c r="AU544" s="331" t="s">
        <v>1487</v>
      </c>
      <c r="AV544" s="331" t="s">
        <v>1487</v>
      </c>
      <c r="AW544" s="331" t="s">
        <v>1487</v>
      </c>
      <c r="AX544" s="331" t="s">
        <v>1487</v>
      </c>
      <c r="AY544" s="331" t="s">
        <v>1487</v>
      </c>
      <c r="AZ544" s="331" t="s">
        <v>1487</v>
      </c>
      <c r="BA544" s="331" t="s">
        <v>1487</v>
      </c>
      <c r="BB544" s="331" t="s">
        <v>1487</v>
      </c>
      <c r="BC544" s="331" t="s">
        <v>1487</v>
      </c>
      <c r="BD544" s="331" t="s">
        <v>1487</v>
      </c>
      <c r="BE544" s="331">
        <v>137082</v>
      </c>
      <c r="BF544" s="331" t="s">
        <v>1487</v>
      </c>
      <c r="BG544" s="331" t="s">
        <v>1487</v>
      </c>
      <c r="BH544" s="331"/>
      <c r="BI544" s="331"/>
      <c r="BJ544" s="331"/>
      <c r="BK544" s="331"/>
      <c r="BL544" s="331"/>
      <c r="BM544" s="331"/>
      <c r="BN544" s="331"/>
      <c r="BO544" s="331"/>
      <c r="BP544" s="331"/>
      <c r="BQ544" s="331"/>
      <c r="BR544" s="331"/>
      <c r="BS544" s="331"/>
      <c r="BT544" s="331"/>
      <c r="BU544" s="331"/>
      <c r="BV544" s="331"/>
      <c r="BW544" s="331"/>
      <c r="BX544" s="331"/>
      <c r="BY544" s="331"/>
      <c r="BZ544" s="331"/>
      <c r="CA544" s="331"/>
      <c r="CB544" s="331"/>
      <c r="CC544" s="331"/>
      <c r="CD544" s="329"/>
      <c r="CE544" s="329"/>
      <c r="CF544" s="329"/>
    </row>
    <row r="545" spans="1:117" ht="56.1" customHeight="1" x14ac:dyDescent="0.2">
      <c r="C545" s="477" t="s">
        <v>2956</v>
      </c>
      <c r="D545" s="464" t="s">
        <v>2957</v>
      </c>
      <c r="E545" s="364">
        <v>117</v>
      </c>
      <c r="F545" s="364"/>
      <c r="G545" s="364" t="s">
        <v>2481</v>
      </c>
      <c r="H545" s="365" t="s">
        <v>53</v>
      </c>
      <c r="I545" s="365" t="s">
        <v>329</v>
      </c>
      <c r="J545" s="329" t="s">
        <v>330</v>
      </c>
      <c r="K545" s="329" t="s">
        <v>366</v>
      </c>
      <c r="L545" s="209" t="s">
        <v>367</v>
      </c>
      <c r="M545" s="467"/>
      <c r="N545" s="329" t="s">
        <v>95</v>
      </c>
      <c r="O545" s="329" t="s">
        <v>368</v>
      </c>
      <c r="P545" s="329"/>
      <c r="Q545" s="329" t="s">
        <v>81</v>
      </c>
      <c r="R545" s="329" t="s">
        <v>334</v>
      </c>
      <c r="S545" s="329"/>
      <c r="T545" s="329" t="s">
        <v>181</v>
      </c>
      <c r="U545" s="466" t="s">
        <v>63</v>
      </c>
      <c r="V545" s="466" t="s">
        <v>63</v>
      </c>
      <c r="W545" s="330">
        <v>64842</v>
      </c>
      <c r="X545" s="330"/>
      <c r="Y545" s="329" t="s">
        <v>226</v>
      </c>
      <c r="Z545" s="329"/>
      <c r="AA545" s="330">
        <v>64842</v>
      </c>
      <c r="AB545" s="329" t="s">
        <v>82</v>
      </c>
      <c r="AC545" s="331" t="s">
        <v>1487</v>
      </c>
      <c r="AD545" s="331" t="s">
        <v>1487</v>
      </c>
      <c r="AE545" s="331" t="s">
        <v>1487</v>
      </c>
      <c r="AF545" s="331" t="s">
        <v>1487</v>
      </c>
      <c r="AG545" s="331" t="s">
        <v>1487</v>
      </c>
      <c r="AH545" s="331" t="s">
        <v>1487</v>
      </c>
      <c r="AI545" s="331" t="s">
        <v>1487</v>
      </c>
      <c r="AJ545" s="331" t="s">
        <v>1487</v>
      </c>
      <c r="AK545" s="331" t="s">
        <v>1487</v>
      </c>
      <c r="AL545" s="331" t="s">
        <v>1487</v>
      </c>
      <c r="AM545" s="331" t="s">
        <v>1487</v>
      </c>
      <c r="AN545" s="331" t="s">
        <v>1487</v>
      </c>
      <c r="AO545" s="331" t="s">
        <v>1487</v>
      </c>
      <c r="AP545" s="331" t="s">
        <v>1487</v>
      </c>
      <c r="AQ545" s="331" t="s">
        <v>1487</v>
      </c>
      <c r="AR545" s="331" t="s">
        <v>1487</v>
      </c>
      <c r="AS545" s="331" t="s">
        <v>1487</v>
      </c>
      <c r="AT545" s="331" t="s">
        <v>1487</v>
      </c>
      <c r="AU545" s="331" t="s">
        <v>1487</v>
      </c>
      <c r="AV545" s="331" t="s">
        <v>1487</v>
      </c>
      <c r="AW545" s="331" t="s">
        <v>1487</v>
      </c>
      <c r="AX545" s="331" t="s">
        <v>1487</v>
      </c>
      <c r="AY545" s="331" t="s">
        <v>1487</v>
      </c>
      <c r="AZ545" s="331" t="s">
        <v>1487</v>
      </c>
      <c r="BA545" s="331" t="s">
        <v>1487</v>
      </c>
      <c r="BB545" s="331" t="s">
        <v>1487</v>
      </c>
      <c r="BC545" s="331" t="s">
        <v>1487</v>
      </c>
      <c r="BD545" s="331" t="s">
        <v>1487</v>
      </c>
      <c r="BE545" s="331">
        <v>64841.999999999993</v>
      </c>
      <c r="BF545" s="331" t="s">
        <v>1487</v>
      </c>
      <c r="BG545" s="331" t="s">
        <v>1487</v>
      </c>
      <c r="BH545" s="331"/>
      <c r="BI545" s="331"/>
      <c r="BJ545" s="331"/>
      <c r="BK545" s="331"/>
      <c r="BL545" s="331"/>
      <c r="BM545" s="331"/>
      <c r="BN545" s="331"/>
      <c r="BO545" s="331"/>
      <c r="BP545" s="331"/>
      <c r="BQ545" s="331"/>
      <c r="BR545" s="331"/>
      <c r="BS545" s="331"/>
      <c r="BT545" s="331"/>
      <c r="BU545" s="331"/>
      <c r="BV545" s="331"/>
      <c r="BW545" s="331"/>
      <c r="BX545" s="331"/>
      <c r="BY545" s="331"/>
      <c r="BZ545" s="331"/>
      <c r="CA545" s="331"/>
      <c r="CB545" s="331"/>
      <c r="CC545" s="331"/>
      <c r="CD545" s="329"/>
      <c r="CE545" s="329" t="s">
        <v>340</v>
      </c>
      <c r="CF545" s="329" t="s">
        <v>336</v>
      </c>
    </row>
    <row r="546" spans="1:117" s="337" customFormat="1" ht="56.1" customHeight="1" x14ac:dyDescent="0.2">
      <c r="A546" s="477" t="s">
        <v>2958</v>
      </c>
      <c r="B546" s="464"/>
      <c r="C546" s="368">
        <v>290</v>
      </c>
      <c r="D546" s="368"/>
      <c r="E546" s="368" t="s">
        <v>2481</v>
      </c>
      <c r="F546" s="369" t="s">
        <v>53</v>
      </c>
      <c r="G546" s="369" t="s">
        <v>515</v>
      </c>
      <c r="H546" s="334" t="s">
        <v>516</v>
      </c>
      <c r="I546" s="334" t="s">
        <v>517</v>
      </c>
      <c r="J546" s="334" t="s">
        <v>517</v>
      </c>
      <c r="K546" s="466"/>
      <c r="L546" s="334" t="s">
        <v>333</v>
      </c>
      <c r="M546" s="334" t="s">
        <v>310</v>
      </c>
      <c r="N546" s="334"/>
      <c r="O546" s="334" t="s">
        <v>81</v>
      </c>
      <c r="P546" s="334" t="s">
        <v>334</v>
      </c>
      <c r="Q546" s="334"/>
      <c r="R546" s="334" t="s">
        <v>225</v>
      </c>
      <c r="S546" s="466" t="s">
        <v>63</v>
      </c>
      <c r="T546" s="466" t="s">
        <v>63</v>
      </c>
      <c r="U546" s="335">
        <v>102032.1792</v>
      </c>
      <c r="V546" s="335"/>
      <c r="W546" s="334" t="s">
        <v>226</v>
      </c>
      <c r="X546" s="334"/>
      <c r="Y546" s="335">
        <v>102032.1792</v>
      </c>
      <c r="Z546" s="334" t="s">
        <v>82</v>
      </c>
      <c r="AA546" s="338"/>
      <c r="AB546" s="338"/>
      <c r="AC546" s="338"/>
      <c r="AD546" s="338"/>
      <c r="AE546" s="338"/>
      <c r="AF546" s="336"/>
      <c r="AG546" s="338"/>
      <c r="AH546" s="338"/>
      <c r="AI546" s="338"/>
      <c r="AJ546" s="338"/>
      <c r="AK546" s="338"/>
      <c r="AL546" s="338"/>
      <c r="AM546" s="338"/>
      <c r="AN546" s="338"/>
      <c r="AO546" s="338"/>
      <c r="AP546" s="338"/>
      <c r="AQ546" s="336" t="s">
        <v>66</v>
      </c>
      <c r="AR546" s="338"/>
      <c r="AS546" s="338"/>
      <c r="AT546" s="338"/>
      <c r="AU546" s="336" t="s">
        <v>66</v>
      </c>
      <c r="AV546" s="338"/>
      <c r="AW546" s="338"/>
      <c r="AX546" s="338"/>
      <c r="AY546" s="336" t="s">
        <v>66</v>
      </c>
      <c r="AZ546" s="338"/>
      <c r="BA546" s="336" t="s">
        <v>66</v>
      </c>
      <c r="BB546" s="338"/>
      <c r="BC546" s="338"/>
      <c r="BD546" s="336" t="s">
        <v>66</v>
      </c>
      <c r="BE546" s="336" t="s">
        <v>66</v>
      </c>
      <c r="BF546" s="238">
        <f t="shared" ref="BF546:BF553" si="225">SUMIF(AA546:BE546,"YES",$AA$2:$BE$2)</f>
        <v>1148</v>
      </c>
      <c r="BG546" s="84">
        <f>Y546/BF546</f>
        <v>88.878204878048777</v>
      </c>
      <c r="BH546" s="336" t="str">
        <f t="shared" ref="BH546:BQ553" si="226">IF(AA546="yes",(AA$2*$BG546),"")</f>
        <v/>
      </c>
      <c r="BI546" s="336" t="str">
        <f t="shared" si="226"/>
        <v/>
      </c>
      <c r="BJ546" s="336" t="str">
        <f t="shared" si="226"/>
        <v/>
      </c>
      <c r="BK546" s="336" t="str">
        <f t="shared" si="226"/>
        <v/>
      </c>
      <c r="BL546" s="336" t="str">
        <f t="shared" si="226"/>
        <v/>
      </c>
      <c r="BM546" s="336" t="str">
        <f t="shared" si="226"/>
        <v/>
      </c>
      <c r="BN546" s="336" t="str">
        <f t="shared" si="226"/>
        <v/>
      </c>
      <c r="BO546" s="336" t="str">
        <f t="shared" si="226"/>
        <v/>
      </c>
      <c r="BP546" s="336" t="str">
        <f t="shared" si="226"/>
        <v/>
      </c>
      <c r="BQ546" s="336" t="str">
        <f t="shared" si="226"/>
        <v/>
      </c>
      <c r="BR546" s="336" t="str">
        <f t="shared" ref="BR546:CA553" si="227">IF(AK546="yes",(AK$2*$BG546),"")</f>
        <v/>
      </c>
      <c r="BS546" s="336" t="str">
        <f t="shared" si="227"/>
        <v/>
      </c>
      <c r="BT546" s="336" t="str">
        <f t="shared" si="227"/>
        <v/>
      </c>
      <c r="BU546" s="336" t="str">
        <f t="shared" si="227"/>
        <v/>
      </c>
      <c r="BV546" s="336" t="str">
        <f t="shared" si="227"/>
        <v/>
      </c>
      <c r="BW546" s="336" t="str">
        <f t="shared" si="227"/>
        <v/>
      </c>
      <c r="BX546" s="336">
        <f t="shared" si="227"/>
        <v>22219.551219512196</v>
      </c>
      <c r="BY546" s="336" t="str">
        <f t="shared" si="227"/>
        <v/>
      </c>
      <c r="BZ546" s="336" t="str">
        <f t="shared" si="227"/>
        <v/>
      </c>
      <c r="CA546" s="336" t="str">
        <f t="shared" si="227"/>
        <v/>
      </c>
      <c r="CB546" s="336">
        <f t="shared" ref="CB546:CK553" si="228">IF(AU546="yes",(AU$2*$BG546),"")</f>
        <v>19286.570458536586</v>
      </c>
      <c r="CC546" s="336" t="str">
        <f t="shared" si="228"/>
        <v/>
      </c>
      <c r="CD546" s="336" t="str">
        <f t="shared" si="228"/>
        <v/>
      </c>
      <c r="CE546" s="336" t="str">
        <f t="shared" si="228"/>
        <v/>
      </c>
      <c r="CF546" s="336">
        <f t="shared" si="228"/>
        <v>2755.2243512195123</v>
      </c>
      <c r="CG546" s="336" t="str">
        <f t="shared" si="228"/>
        <v/>
      </c>
      <c r="CH546" s="336">
        <f t="shared" si="228"/>
        <v>0</v>
      </c>
      <c r="CI546" s="336" t="str">
        <f t="shared" si="228"/>
        <v/>
      </c>
      <c r="CJ546" s="336" t="str">
        <f t="shared" si="228"/>
        <v/>
      </c>
      <c r="CK546" s="336">
        <f t="shared" si="228"/>
        <v>17775.640975609756</v>
      </c>
      <c r="CL546" s="336">
        <f t="shared" ref="CL546:CL553" si="229">IF(BE546="yes",(BE$2*$BG546),"")</f>
        <v>39995.192195121948</v>
      </c>
      <c r="CM546" s="336"/>
      <c r="CN546" s="336"/>
      <c r="CO546" s="336"/>
      <c r="CP546" s="336"/>
      <c r="CQ546" s="336"/>
      <c r="CR546" s="336"/>
      <c r="CS546" s="336"/>
      <c r="CT546" s="336"/>
      <c r="CU546" s="336"/>
      <c r="CV546" s="336"/>
      <c r="CW546" s="336"/>
      <c r="CX546" s="336"/>
      <c r="CY546" s="336"/>
      <c r="CZ546" s="336"/>
      <c r="DA546" s="336"/>
      <c r="DB546" s="336"/>
      <c r="DC546" s="336"/>
      <c r="DD546" s="336"/>
      <c r="DE546" s="336"/>
      <c r="DF546" s="336"/>
      <c r="DG546" s="336"/>
      <c r="DH546" s="336"/>
      <c r="DI546" s="334"/>
      <c r="DJ546" s="334"/>
      <c r="DK546" s="334"/>
    </row>
    <row r="547" spans="1:117" s="337" customFormat="1" ht="56.1" customHeight="1" x14ac:dyDescent="0.2">
      <c r="A547" s="477" t="s">
        <v>2958</v>
      </c>
      <c r="B547" s="464"/>
      <c r="C547" s="368">
        <v>291</v>
      </c>
      <c r="D547" s="368"/>
      <c r="E547" s="368" t="s">
        <v>2481</v>
      </c>
      <c r="F547" s="369" t="s">
        <v>53</v>
      </c>
      <c r="G547" s="369" t="s">
        <v>515</v>
      </c>
      <c r="H547" s="334" t="s">
        <v>518</v>
      </c>
      <c r="I547" s="334" t="s">
        <v>519</v>
      </c>
      <c r="J547" s="334" t="s">
        <v>520</v>
      </c>
      <c r="K547" s="466"/>
      <c r="L547" s="334" t="s">
        <v>333</v>
      </c>
      <c r="M547" s="334" t="s">
        <v>310</v>
      </c>
      <c r="N547" s="334"/>
      <c r="O547" s="334" t="s">
        <v>81</v>
      </c>
      <c r="P547" s="334" t="s">
        <v>334</v>
      </c>
      <c r="Q547" s="334"/>
      <c r="R547" s="334" t="s">
        <v>225</v>
      </c>
      <c r="S547" s="466" t="s">
        <v>63</v>
      </c>
      <c r="T547" s="466" t="s">
        <v>63</v>
      </c>
      <c r="U547" s="335">
        <v>267834.47040000005</v>
      </c>
      <c r="V547" s="335"/>
      <c r="W547" s="334" t="s">
        <v>226</v>
      </c>
      <c r="X547" s="334"/>
      <c r="Y547" s="335">
        <v>267834.47040000005</v>
      </c>
      <c r="Z547" s="334" t="s">
        <v>82</v>
      </c>
      <c r="AA547" s="338"/>
      <c r="AB547" s="338"/>
      <c r="AC547" s="338"/>
      <c r="AD547" s="338"/>
      <c r="AE547" s="338"/>
      <c r="AF547" s="336"/>
      <c r="AG547" s="338"/>
      <c r="AH547" s="338"/>
      <c r="AI547" s="338"/>
      <c r="AJ547" s="338"/>
      <c r="AK547" s="338"/>
      <c r="AL547" s="338"/>
      <c r="AM547" s="338"/>
      <c r="AN547" s="338"/>
      <c r="AO547" s="338"/>
      <c r="AP547" s="338"/>
      <c r="AQ547" s="336" t="s">
        <v>66</v>
      </c>
      <c r="AR547" s="338"/>
      <c r="AS547" s="338"/>
      <c r="AT547" s="338"/>
      <c r="AU547" s="336" t="s">
        <v>66</v>
      </c>
      <c r="AV547" s="338"/>
      <c r="AW547" s="338"/>
      <c r="AX547" s="338"/>
      <c r="AY547" s="336" t="s">
        <v>66</v>
      </c>
      <c r="AZ547" s="338"/>
      <c r="BA547" s="336" t="s">
        <v>66</v>
      </c>
      <c r="BB547" s="338"/>
      <c r="BC547" s="338"/>
      <c r="BD547" s="336" t="s">
        <v>66</v>
      </c>
      <c r="BE547" s="336" t="s">
        <v>66</v>
      </c>
      <c r="BF547" s="238">
        <f t="shared" si="225"/>
        <v>1148</v>
      </c>
      <c r="BG547" s="84">
        <f>Y547/BF547</f>
        <v>233.30528780487811</v>
      </c>
      <c r="BH547" s="336" t="str">
        <f t="shared" si="226"/>
        <v/>
      </c>
      <c r="BI547" s="336" t="str">
        <f t="shared" si="226"/>
        <v/>
      </c>
      <c r="BJ547" s="336" t="str">
        <f t="shared" si="226"/>
        <v/>
      </c>
      <c r="BK547" s="336" t="str">
        <f t="shared" si="226"/>
        <v/>
      </c>
      <c r="BL547" s="336" t="str">
        <f t="shared" si="226"/>
        <v/>
      </c>
      <c r="BM547" s="336" t="str">
        <f t="shared" si="226"/>
        <v/>
      </c>
      <c r="BN547" s="336" t="str">
        <f t="shared" si="226"/>
        <v/>
      </c>
      <c r="BO547" s="336" t="str">
        <f t="shared" si="226"/>
        <v/>
      </c>
      <c r="BP547" s="336" t="str">
        <f t="shared" si="226"/>
        <v/>
      </c>
      <c r="BQ547" s="336" t="str">
        <f t="shared" si="226"/>
        <v/>
      </c>
      <c r="BR547" s="336" t="str">
        <f t="shared" si="227"/>
        <v/>
      </c>
      <c r="BS547" s="336" t="str">
        <f t="shared" si="227"/>
        <v/>
      </c>
      <c r="BT547" s="336" t="str">
        <f t="shared" si="227"/>
        <v/>
      </c>
      <c r="BU547" s="336" t="str">
        <f t="shared" si="227"/>
        <v/>
      </c>
      <c r="BV547" s="336" t="str">
        <f t="shared" si="227"/>
        <v/>
      </c>
      <c r="BW547" s="336" t="str">
        <f t="shared" si="227"/>
        <v/>
      </c>
      <c r="BX547" s="336">
        <f t="shared" si="227"/>
        <v>58326.321951219528</v>
      </c>
      <c r="BY547" s="336" t="str">
        <f t="shared" si="227"/>
        <v/>
      </c>
      <c r="BZ547" s="336" t="str">
        <f t="shared" si="227"/>
        <v/>
      </c>
      <c r="CA547" s="336" t="str">
        <f t="shared" si="227"/>
        <v/>
      </c>
      <c r="CB547" s="336">
        <f t="shared" si="228"/>
        <v>50627.247453658551</v>
      </c>
      <c r="CC547" s="336" t="str">
        <f t="shared" si="228"/>
        <v/>
      </c>
      <c r="CD547" s="336" t="str">
        <f t="shared" si="228"/>
        <v/>
      </c>
      <c r="CE547" s="336" t="str">
        <f t="shared" si="228"/>
        <v/>
      </c>
      <c r="CF547" s="336">
        <f t="shared" si="228"/>
        <v>7232.463921951221</v>
      </c>
      <c r="CG547" s="336" t="str">
        <f t="shared" si="228"/>
        <v/>
      </c>
      <c r="CH547" s="336">
        <f t="shared" si="228"/>
        <v>0</v>
      </c>
      <c r="CI547" s="336" t="str">
        <f t="shared" si="228"/>
        <v/>
      </c>
      <c r="CJ547" s="336" t="str">
        <f t="shared" si="228"/>
        <v/>
      </c>
      <c r="CK547" s="336">
        <f t="shared" si="228"/>
        <v>46661.05756097562</v>
      </c>
      <c r="CL547" s="336">
        <f t="shared" si="229"/>
        <v>104987.37951219514</v>
      </c>
      <c r="CM547" s="336"/>
      <c r="CN547" s="336"/>
      <c r="CO547" s="336"/>
      <c r="CP547" s="336"/>
      <c r="CQ547" s="336"/>
      <c r="CR547" s="336"/>
      <c r="CS547" s="336"/>
      <c r="CT547" s="336"/>
      <c r="CU547" s="336"/>
      <c r="CV547" s="336"/>
      <c r="CW547" s="336"/>
      <c r="CX547" s="336"/>
      <c r="CY547" s="336"/>
      <c r="CZ547" s="336"/>
      <c r="DA547" s="336"/>
      <c r="DB547" s="336"/>
      <c r="DC547" s="336"/>
      <c r="DD547" s="336"/>
      <c r="DE547" s="336"/>
      <c r="DF547" s="336"/>
      <c r="DG547" s="336"/>
      <c r="DH547" s="336"/>
      <c r="DI547" s="334"/>
      <c r="DJ547" s="334"/>
      <c r="DK547" s="334"/>
    </row>
    <row r="548" spans="1:117" s="337" customFormat="1" ht="56.1" customHeight="1" x14ac:dyDescent="0.2">
      <c r="A548" s="477" t="s">
        <v>2958</v>
      </c>
      <c r="B548" s="464"/>
      <c r="C548" s="368">
        <v>292</v>
      </c>
      <c r="D548" s="368"/>
      <c r="E548" s="368" t="s">
        <v>2481</v>
      </c>
      <c r="F548" s="369" t="s">
        <v>53</v>
      </c>
      <c r="G548" s="369" t="s">
        <v>515</v>
      </c>
      <c r="H548" s="334" t="s">
        <v>521</v>
      </c>
      <c r="I548" s="334" t="s">
        <v>522</v>
      </c>
      <c r="J548" s="334" t="s">
        <v>522</v>
      </c>
      <c r="K548" s="466"/>
      <c r="L548" s="334" t="s">
        <v>333</v>
      </c>
      <c r="M548" s="334" t="s">
        <v>310</v>
      </c>
      <c r="N548" s="334"/>
      <c r="O548" s="334" t="s">
        <v>81</v>
      </c>
      <c r="P548" s="334" t="s">
        <v>334</v>
      </c>
      <c r="Q548" s="334"/>
      <c r="R548" s="334" t="s">
        <v>225</v>
      </c>
      <c r="S548" s="466" t="s">
        <v>63</v>
      </c>
      <c r="T548" s="466" t="s">
        <v>63</v>
      </c>
      <c r="U548" s="335">
        <v>374117.99040000001</v>
      </c>
      <c r="V548" s="335"/>
      <c r="W548" s="334" t="s">
        <v>226</v>
      </c>
      <c r="X548" s="334"/>
      <c r="Y548" s="335">
        <v>374117.99040000001</v>
      </c>
      <c r="Z548" s="334" t="s">
        <v>82</v>
      </c>
      <c r="AA548" s="338"/>
      <c r="AB548" s="338"/>
      <c r="AC548" s="338"/>
      <c r="AD548" s="338"/>
      <c r="AE548" s="338"/>
      <c r="AF548" s="336"/>
      <c r="AG548" s="338"/>
      <c r="AH548" s="338"/>
      <c r="AI548" s="338"/>
      <c r="AJ548" s="338"/>
      <c r="AK548" s="338"/>
      <c r="AL548" s="338"/>
      <c r="AM548" s="338"/>
      <c r="AN548" s="338"/>
      <c r="AO548" s="338"/>
      <c r="AP548" s="338"/>
      <c r="AQ548" s="336" t="s">
        <v>66</v>
      </c>
      <c r="AR548" s="338"/>
      <c r="AS548" s="338"/>
      <c r="AT548" s="338"/>
      <c r="AU548" s="336" t="s">
        <v>66</v>
      </c>
      <c r="AV548" s="338"/>
      <c r="AW548" s="338"/>
      <c r="AX548" s="338"/>
      <c r="AY548" s="336" t="s">
        <v>66</v>
      </c>
      <c r="AZ548" s="338"/>
      <c r="BA548" s="336" t="s">
        <v>66</v>
      </c>
      <c r="BB548" s="338"/>
      <c r="BC548" s="338"/>
      <c r="BD548" s="336" t="s">
        <v>66</v>
      </c>
      <c r="BE548" s="336" t="s">
        <v>66</v>
      </c>
      <c r="BF548" s="238">
        <f t="shared" si="225"/>
        <v>1148</v>
      </c>
      <c r="BG548" s="84">
        <f>Y548/BF548</f>
        <v>325.88675121951218</v>
      </c>
      <c r="BH548" s="336" t="str">
        <f t="shared" si="226"/>
        <v/>
      </c>
      <c r="BI548" s="336" t="str">
        <f t="shared" si="226"/>
        <v/>
      </c>
      <c r="BJ548" s="336" t="str">
        <f t="shared" si="226"/>
        <v/>
      </c>
      <c r="BK548" s="336" t="str">
        <f t="shared" si="226"/>
        <v/>
      </c>
      <c r="BL548" s="336" t="str">
        <f t="shared" si="226"/>
        <v/>
      </c>
      <c r="BM548" s="336" t="str">
        <f t="shared" si="226"/>
        <v/>
      </c>
      <c r="BN548" s="336" t="str">
        <f t="shared" si="226"/>
        <v/>
      </c>
      <c r="BO548" s="336" t="str">
        <f t="shared" si="226"/>
        <v/>
      </c>
      <c r="BP548" s="336" t="str">
        <f t="shared" si="226"/>
        <v/>
      </c>
      <c r="BQ548" s="336" t="str">
        <f t="shared" si="226"/>
        <v/>
      </c>
      <c r="BR548" s="336" t="str">
        <f t="shared" si="227"/>
        <v/>
      </c>
      <c r="BS548" s="336" t="str">
        <f t="shared" si="227"/>
        <v/>
      </c>
      <c r="BT548" s="336" t="str">
        <f t="shared" si="227"/>
        <v/>
      </c>
      <c r="BU548" s="336" t="str">
        <f t="shared" si="227"/>
        <v/>
      </c>
      <c r="BV548" s="336" t="str">
        <f t="shared" si="227"/>
        <v/>
      </c>
      <c r="BW548" s="336" t="str">
        <f t="shared" si="227"/>
        <v/>
      </c>
      <c r="BX548" s="336">
        <f t="shared" si="227"/>
        <v>81471.687804878049</v>
      </c>
      <c r="BY548" s="336" t="str">
        <f t="shared" si="227"/>
        <v/>
      </c>
      <c r="BZ548" s="336" t="str">
        <f t="shared" si="227"/>
        <v/>
      </c>
      <c r="CA548" s="336" t="str">
        <f t="shared" si="227"/>
        <v/>
      </c>
      <c r="CB548" s="336">
        <f t="shared" si="228"/>
        <v>70717.425014634136</v>
      </c>
      <c r="CC548" s="336" t="str">
        <f t="shared" si="228"/>
        <v/>
      </c>
      <c r="CD548" s="336" t="str">
        <f t="shared" si="228"/>
        <v/>
      </c>
      <c r="CE548" s="336" t="str">
        <f t="shared" si="228"/>
        <v/>
      </c>
      <c r="CF548" s="336">
        <f t="shared" si="228"/>
        <v>10102.489287804878</v>
      </c>
      <c r="CG548" s="336" t="str">
        <f t="shared" si="228"/>
        <v/>
      </c>
      <c r="CH548" s="336">
        <f t="shared" si="228"/>
        <v>0</v>
      </c>
      <c r="CI548" s="336" t="str">
        <f t="shared" si="228"/>
        <v/>
      </c>
      <c r="CJ548" s="336" t="str">
        <f t="shared" si="228"/>
        <v/>
      </c>
      <c r="CK548" s="336">
        <f t="shared" si="228"/>
        <v>65177.350243902438</v>
      </c>
      <c r="CL548" s="336">
        <f t="shared" si="229"/>
        <v>146649.03804878049</v>
      </c>
      <c r="CM548" s="336"/>
      <c r="CN548" s="336"/>
      <c r="CO548" s="336"/>
      <c r="CP548" s="336"/>
      <c r="CQ548" s="336"/>
      <c r="CR548" s="336"/>
      <c r="CS548" s="336"/>
      <c r="CT548" s="336"/>
      <c r="CU548" s="336"/>
      <c r="CV548" s="336"/>
      <c r="CW548" s="336"/>
      <c r="CX548" s="336"/>
      <c r="CY548" s="336"/>
      <c r="CZ548" s="336"/>
      <c r="DA548" s="336"/>
      <c r="DB548" s="336"/>
      <c r="DC548" s="336"/>
      <c r="DD548" s="336"/>
      <c r="DE548" s="336"/>
      <c r="DF548" s="336"/>
      <c r="DG548" s="336"/>
      <c r="DH548" s="336"/>
      <c r="DI548" s="334"/>
      <c r="DJ548" s="334"/>
      <c r="DK548" s="334"/>
    </row>
    <row r="549" spans="1:117" s="337" customFormat="1" ht="56.1" customHeight="1" x14ac:dyDescent="0.2">
      <c r="A549" s="477" t="s">
        <v>2958</v>
      </c>
      <c r="B549" s="464"/>
      <c r="C549" s="368">
        <v>293</v>
      </c>
      <c r="D549" s="368"/>
      <c r="E549" s="368" t="s">
        <v>2481</v>
      </c>
      <c r="F549" s="369" t="s">
        <v>53</v>
      </c>
      <c r="G549" s="369" t="s">
        <v>515</v>
      </c>
      <c r="H549" s="334" t="s">
        <v>523</v>
      </c>
      <c r="I549" s="334" t="s">
        <v>524</v>
      </c>
      <c r="J549" s="334" t="s">
        <v>524</v>
      </c>
      <c r="K549" s="466"/>
      <c r="L549" s="334" t="s">
        <v>333</v>
      </c>
      <c r="M549" s="334" t="s">
        <v>310</v>
      </c>
      <c r="N549" s="334"/>
      <c r="O549" s="334" t="s">
        <v>81</v>
      </c>
      <c r="P549" s="334" t="s">
        <v>525</v>
      </c>
      <c r="Q549" s="334"/>
      <c r="R549" s="334" t="s">
        <v>225</v>
      </c>
      <c r="S549" s="466" t="s">
        <v>63</v>
      </c>
      <c r="T549" s="466" t="s">
        <v>63</v>
      </c>
      <c r="U549" s="335"/>
      <c r="V549" s="335"/>
      <c r="W549" s="334" t="s">
        <v>226</v>
      </c>
      <c r="X549" s="334"/>
      <c r="Y549" s="335"/>
      <c r="Z549" s="334" t="s">
        <v>82</v>
      </c>
      <c r="AA549" s="338"/>
      <c r="AB549" s="338"/>
      <c r="AC549" s="338"/>
      <c r="AD549" s="338"/>
      <c r="AE549" s="338"/>
      <c r="AF549" s="336"/>
      <c r="AG549" s="338"/>
      <c r="AH549" s="338"/>
      <c r="AI549" s="338"/>
      <c r="AJ549" s="338"/>
      <c r="AK549" s="338"/>
      <c r="AL549" s="338"/>
      <c r="AM549" s="338"/>
      <c r="AN549" s="338"/>
      <c r="AO549" s="338"/>
      <c r="AP549" s="338"/>
      <c r="AQ549" s="336" t="s">
        <v>66</v>
      </c>
      <c r="AR549" s="338"/>
      <c r="AS549" s="338"/>
      <c r="AT549" s="338"/>
      <c r="AU549" s="336" t="s">
        <v>66</v>
      </c>
      <c r="AV549" s="338"/>
      <c r="AW549" s="338"/>
      <c r="AX549" s="338"/>
      <c r="AY549" s="336" t="s">
        <v>66</v>
      </c>
      <c r="AZ549" s="338"/>
      <c r="BA549" s="336" t="s">
        <v>66</v>
      </c>
      <c r="BB549" s="338"/>
      <c r="BC549" s="338"/>
      <c r="BD549" s="336" t="s">
        <v>66</v>
      </c>
      <c r="BE549" s="336" t="s">
        <v>66</v>
      </c>
      <c r="BF549" s="238">
        <f t="shared" si="225"/>
        <v>1148</v>
      </c>
      <c r="BG549" s="84"/>
      <c r="BH549" s="336" t="str">
        <f t="shared" si="226"/>
        <v/>
      </c>
      <c r="BI549" s="336" t="str">
        <f t="shared" si="226"/>
        <v/>
      </c>
      <c r="BJ549" s="336" t="str">
        <f t="shared" si="226"/>
        <v/>
      </c>
      <c r="BK549" s="336" t="str">
        <f t="shared" si="226"/>
        <v/>
      </c>
      <c r="BL549" s="336" t="str">
        <f t="shared" si="226"/>
        <v/>
      </c>
      <c r="BM549" s="336" t="str">
        <f t="shared" si="226"/>
        <v/>
      </c>
      <c r="BN549" s="336" t="str">
        <f t="shared" si="226"/>
        <v/>
      </c>
      <c r="BO549" s="336" t="str">
        <f t="shared" si="226"/>
        <v/>
      </c>
      <c r="BP549" s="336" t="str">
        <f t="shared" si="226"/>
        <v/>
      </c>
      <c r="BQ549" s="336" t="str">
        <f t="shared" si="226"/>
        <v/>
      </c>
      <c r="BR549" s="336" t="str">
        <f t="shared" si="227"/>
        <v/>
      </c>
      <c r="BS549" s="336" t="str">
        <f t="shared" si="227"/>
        <v/>
      </c>
      <c r="BT549" s="336" t="str">
        <f t="shared" si="227"/>
        <v/>
      </c>
      <c r="BU549" s="336" t="str">
        <f t="shared" si="227"/>
        <v/>
      </c>
      <c r="BV549" s="336" t="str">
        <f t="shared" si="227"/>
        <v/>
      </c>
      <c r="BW549" s="336" t="str">
        <f t="shared" si="227"/>
        <v/>
      </c>
      <c r="BX549" s="336">
        <f t="shared" si="227"/>
        <v>0</v>
      </c>
      <c r="BY549" s="336" t="str">
        <f t="shared" si="227"/>
        <v/>
      </c>
      <c r="BZ549" s="336" t="str">
        <f t="shared" si="227"/>
        <v/>
      </c>
      <c r="CA549" s="336" t="str">
        <f t="shared" si="227"/>
        <v/>
      </c>
      <c r="CB549" s="336">
        <f t="shared" si="228"/>
        <v>0</v>
      </c>
      <c r="CC549" s="336" t="str">
        <f t="shared" si="228"/>
        <v/>
      </c>
      <c r="CD549" s="336" t="str">
        <f t="shared" si="228"/>
        <v/>
      </c>
      <c r="CE549" s="336" t="str">
        <f t="shared" si="228"/>
        <v/>
      </c>
      <c r="CF549" s="336">
        <f t="shared" si="228"/>
        <v>0</v>
      </c>
      <c r="CG549" s="336" t="str">
        <f t="shared" si="228"/>
        <v/>
      </c>
      <c r="CH549" s="336">
        <f t="shared" si="228"/>
        <v>0</v>
      </c>
      <c r="CI549" s="336" t="str">
        <f t="shared" si="228"/>
        <v/>
      </c>
      <c r="CJ549" s="336" t="str">
        <f t="shared" si="228"/>
        <v/>
      </c>
      <c r="CK549" s="336">
        <f t="shared" si="228"/>
        <v>0</v>
      </c>
      <c r="CL549" s="336">
        <f t="shared" si="229"/>
        <v>0</v>
      </c>
      <c r="CM549" s="336"/>
      <c r="CN549" s="336"/>
      <c r="CO549" s="336"/>
      <c r="CP549" s="336"/>
      <c r="CQ549" s="336"/>
      <c r="CR549" s="336"/>
      <c r="CS549" s="336"/>
      <c r="CT549" s="336"/>
      <c r="CU549" s="336"/>
      <c r="CV549" s="336"/>
      <c r="CW549" s="336"/>
      <c r="CX549" s="336"/>
      <c r="CY549" s="336"/>
      <c r="CZ549" s="336"/>
      <c r="DA549" s="336"/>
      <c r="DB549" s="336"/>
      <c r="DC549" s="336"/>
      <c r="DD549" s="336"/>
      <c r="DE549" s="336"/>
      <c r="DF549" s="336"/>
      <c r="DG549" s="336"/>
      <c r="DH549" s="336"/>
      <c r="DI549" s="334"/>
      <c r="DJ549" s="334"/>
      <c r="DK549" s="334"/>
    </row>
    <row r="550" spans="1:117" s="337" customFormat="1" ht="56.1" customHeight="1" x14ac:dyDescent="0.2">
      <c r="A550" s="477" t="s">
        <v>2958</v>
      </c>
      <c r="B550" s="464"/>
      <c r="C550" s="368">
        <v>294</v>
      </c>
      <c r="D550" s="368"/>
      <c r="E550" s="368" t="s">
        <v>2481</v>
      </c>
      <c r="F550" s="369" t="s">
        <v>53</v>
      </c>
      <c r="G550" s="369" t="s">
        <v>515</v>
      </c>
      <c r="H550" s="334" t="s">
        <v>526</v>
      </c>
      <c r="I550" s="334" t="s">
        <v>527</v>
      </c>
      <c r="J550" s="334" t="s">
        <v>527</v>
      </c>
      <c r="K550" s="466"/>
      <c r="L550" s="334" t="s">
        <v>333</v>
      </c>
      <c r="M550" s="334" t="s">
        <v>310</v>
      </c>
      <c r="N550" s="334"/>
      <c r="O550" s="334" t="s">
        <v>81</v>
      </c>
      <c r="P550" s="334" t="s">
        <v>525</v>
      </c>
      <c r="Q550" s="334"/>
      <c r="R550" s="334" t="s">
        <v>225</v>
      </c>
      <c r="S550" s="466" t="s">
        <v>63</v>
      </c>
      <c r="T550" s="466" t="s">
        <v>63</v>
      </c>
      <c r="U550" s="335"/>
      <c r="V550" s="335"/>
      <c r="W550" s="334" t="s">
        <v>226</v>
      </c>
      <c r="X550" s="334"/>
      <c r="Y550" s="335"/>
      <c r="Z550" s="334" t="s">
        <v>82</v>
      </c>
      <c r="AA550" s="338"/>
      <c r="AB550" s="338"/>
      <c r="AC550" s="338"/>
      <c r="AD550" s="338"/>
      <c r="AE550" s="338"/>
      <c r="AF550" s="336"/>
      <c r="AG550" s="338"/>
      <c r="AH550" s="338"/>
      <c r="AI550" s="338"/>
      <c r="AJ550" s="338"/>
      <c r="AK550" s="338"/>
      <c r="AL550" s="338"/>
      <c r="AM550" s="338"/>
      <c r="AN550" s="338"/>
      <c r="AO550" s="338"/>
      <c r="AP550" s="338"/>
      <c r="AQ550" s="336" t="s">
        <v>66</v>
      </c>
      <c r="AR550" s="338"/>
      <c r="AS550" s="338"/>
      <c r="AT550" s="338"/>
      <c r="AU550" s="336" t="s">
        <v>66</v>
      </c>
      <c r="AV550" s="338"/>
      <c r="AW550" s="338"/>
      <c r="AX550" s="338"/>
      <c r="AY550" s="336" t="s">
        <v>66</v>
      </c>
      <c r="AZ550" s="338"/>
      <c r="BA550" s="336" t="s">
        <v>66</v>
      </c>
      <c r="BB550" s="338"/>
      <c r="BC550" s="338"/>
      <c r="BD550" s="336" t="s">
        <v>66</v>
      </c>
      <c r="BE550" s="336" t="s">
        <v>66</v>
      </c>
      <c r="BF550" s="238">
        <f t="shared" si="225"/>
        <v>1148</v>
      </c>
      <c r="BG550" s="84"/>
      <c r="BH550" s="336" t="str">
        <f t="shared" si="226"/>
        <v/>
      </c>
      <c r="BI550" s="336" t="str">
        <f t="shared" si="226"/>
        <v/>
      </c>
      <c r="BJ550" s="336" t="str">
        <f t="shared" si="226"/>
        <v/>
      </c>
      <c r="BK550" s="336" t="str">
        <f t="shared" si="226"/>
        <v/>
      </c>
      <c r="BL550" s="336" t="str">
        <f t="shared" si="226"/>
        <v/>
      </c>
      <c r="BM550" s="336" t="str">
        <f t="shared" si="226"/>
        <v/>
      </c>
      <c r="BN550" s="336" t="str">
        <f t="shared" si="226"/>
        <v/>
      </c>
      <c r="BO550" s="336" t="str">
        <f t="shared" si="226"/>
        <v/>
      </c>
      <c r="BP550" s="336" t="str">
        <f t="shared" si="226"/>
        <v/>
      </c>
      <c r="BQ550" s="336" t="str">
        <f t="shared" si="226"/>
        <v/>
      </c>
      <c r="BR550" s="336" t="str">
        <f t="shared" si="227"/>
        <v/>
      </c>
      <c r="BS550" s="336" t="str">
        <f t="shared" si="227"/>
        <v/>
      </c>
      <c r="BT550" s="336" t="str">
        <f t="shared" si="227"/>
        <v/>
      </c>
      <c r="BU550" s="336" t="str">
        <f t="shared" si="227"/>
        <v/>
      </c>
      <c r="BV550" s="336" t="str">
        <f t="shared" si="227"/>
        <v/>
      </c>
      <c r="BW550" s="336" t="str">
        <f t="shared" si="227"/>
        <v/>
      </c>
      <c r="BX550" s="336">
        <f t="shared" si="227"/>
        <v>0</v>
      </c>
      <c r="BY550" s="336" t="str">
        <f t="shared" si="227"/>
        <v/>
      </c>
      <c r="BZ550" s="336" t="str">
        <f t="shared" si="227"/>
        <v/>
      </c>
      <c r="CA550" s="336" t="str">
        <f t="shared" si="227"/>
        <v/>
      </c>
      <c r="CB550" s="336">
        <f t="shared" si="228"/>
        <v>0</v>
      </c>
      <c r="CC550" s="336" t="str">
        <f t="shared" si="228"/>
        <v/>
      </c>
      <c r="CD550" s="336" t="str">
        <f t="shared" si="228"/>
        <v/>
      </c>
      <c r="CE550" s="336" t="str">
        <f t="shared" si="228"/>
        <v/>
      </c>
      <c r="CF550" s="336">
        <f t="shared" si="228"/>
        <v>0</v>
      </c>
      <c r="CG550" s="336" t="str">
        <f t="shared" si="228"/>
        <v/>
      </c>
      <c r="CH550" s="336">
        <f t="shared" si="228"/>
        <v>0</v>
      </c>
      <c r="CI550" s="336" t="str">
        <f t="shared" si="228"/>
        <v/>
      </c>
      <c r="CJ550" s="336" t="str">
        <f t="shared" si="228"/>
        <v/>
      </c>
      <c r="CK550" s="336">
        <f t="shared" si="228"/>
        <v>0</v>
      </c>
      <c r="CL550" s="336">
        <f t="shared" si="229"/>
        <v>0</v>
      </c>
      <c r="CM550" s="336"/>
      <c r="CN550" s="336"/>
      <c r="CO550" s="336"/>
      <c r="CP550" s="336"/>
      <c r="CQ550" s="336"/>
      <c r="CR550" s="336"/>
      <c r="CS550" s="336"/>
      <c r="CT550" s="336"/>
      <c r="CU550" s="336"/>
      <c r="CV550" s="336"/>
      <c r="CW550" s="336"/>
      <c r="CX550" s="336"/>
      <c r="CY550" s="336"/>
      <c r="CZ550" s="336"/>
      <c r="DA550" s="336"/>
      <c r="DB550" s="336"/>
      <c r="DC550" s="336"/>
      <c r="DD550" s="336"/>
      <c r="DE550" s="336"/>
      <c r="DF550" s="336"/>
      <c r="DG550" s="336"/>
      <c r="DH550" s="336"/>
      <c r="DI550" s="334"/>
      <c r="DJ550" s="334"/>
      <c r="DK550" s="334"/>
    </row>
    <row r="551" spans="1:117" s="337" customFormat="1" ht="56.1" customHeight="1" x14ac:dyDescent="0.2">
      <c r="A551" s="477" t="s">
        <v>2958</v>
      </c>
      <c r="B551" s="464"/>
      <c r="C551" s="368">
        <v>295</v>
      </c>
      <c r="D551" s="368"/>
      <c r="E551" s="368" t="s">
        <v>2481</v>
      </c>
      <c r="F551" s="369" t="s">
        <v>53</v>
      </c>
      <c r="G551" s="369" t="s">
        <v>515</v>
      </c>
      <c r="H551" s="334" t="s">
        <v>528</v>
      </c>
      <c r="I551" s="334" t="s">
        <v>529</v>
      </c>
      <c r="J551" s="334" t="s">
        <v>529</v>
      </c>
      <c r="K551" s="466"/>
      <c r="L551" s="334" t="s">
        <v>333</v>
      </c>
      <c r="M551" s="334" t="s">
        <v>310</v>
      </c>
      <c r="N551" s="334"/>
      <c r="O551" s="334" t="s">
        <v>81</v>
      </c>
      <c r="P551" s="334" t="s">
        <v>525</v>
      </c>
      <c r="Q551" s="334"/>
      <c r="R551" s="334" t="s">
        <v>225</v>
      </c>
      <c r="S551" s="466" t="s">
        <v>63</v>
      </c>
      <c r="T551" s="466" t="s">
        <v>63</v>
      </c>
      <c r="U551" s="335"/>
      <c r="V551" s="335"/>
      <c r="W551" s="334" t="s">
        <v>226</v>
      </c>
      <c r="X551" s="334"/>
      <c r="Y551" s="335"/>
      <c r="Z551" s="334" t="s">
        <v>82</v>
      </c>
      <c r="AA551" s="338"/>
      <c r="AB551" s="338"/>
      <c r="AC551" s="338"/>
      <c r="AD551" s="338"/>
      <c r="AE551" s="338"/>
      <c r="AF551" s="336"/>
      <c r="AG551" s="338"/>
      <c r="AH551" s="338"/>
      <c r="AI551" s="338"/>
      <c r="AJ551" s="338"/>
      <c r="AK551" s="338"/>
      <c r="AL551" s="338"/>
      <c r="AM551" s="338"/>
      <c r="AN551" s="338"/>
      <c r="AO551" s="338"/>
      <c r="AP551" s="338"/>
      <c r="AQ551" s="336" t="s">
        <v>66</v>
      </c>
      <c r="AR551" s="338"/>
      <c r="AS551" s="338"/>
      <c r="AT551" s="338"/>
      <c r="AU551" s="336" t="s">
        <v>66</v>
      </c>
      <c r="AV551" s="338"/>
      <c r="AW551" s="338"/>
      <c r="AX551" s="338"/>
      <c r="AY551" s="336" t="s">
        <v>66</v>
      </c>
      <c r="AZ551" s="338"/>
      <c r="BA551" s="336" t="s">
        <v>66</v>
      </c>
      <c r="BB551" s="338"/>
      <c r="BC551" s="338"/>
      <c r="BD551" s="336" t="s">
        <v>66</v>
      </c>
      <c r="BE551" s="336" t="s">
        <v>66</v>
      </c>
      <c r="BF551" s="238">
        <f t="shared" si="225"/>
        <v>1148</v>
      </c>
      <c r="BG551" s="84"/>
      <c r="BH551" s="336" t="str">
        <f t="shared" si="226"/>
        <v/>
      </c>
      <c r="BI551" s="336" t="str">
        <f t="shared" si="226"/>
        <v/>
      </c>
      <c r="BJ551" s="336" t="str">
        <f t="shared" si="226"/>
        <v/>
      </c>
      <c r="BK551" s="336" t="str">
        <f t="shared" si="226"/>
        <v/>
      </c>
      <c r="BL551" s="336" t="str">
        <f t="shared" si="226"/>
        <v/>
      </c>
      <c r="BM551" s="336" t="str">
        <f t="shared" si="226"/>
        <v/>
      </c>
      <c r="BN551" s="336" t="str">
        <f t="shared" si="226"/>
        <v/>
      </c>
      <c r="BO551" s="336" t="str">
        <f t="shared" si="226"/>
        <v/>
      </c>
      <c r="BP551" s="336" t="str">
        <f t="shared" si="226"/>
        <v/>
      </c>
      <c r="BQ551" s="336" t="str">
        <f t="shared" si="226"/>
        <v/>
      </c>
      <c r="BR551" s="336" t="str">
        <f t="shared" si="227"/>
        <v/>
      </c>
      <c r="BS551" s="336" t="str">
        <f t="shared" si="227"/>
        <v/>
      </c>
      <c r="BT551" s="336" t="str">
        <f t="shared" si="227"/>
        <v/>
      </c>
      <c r="BU551" s="336" t="str">
        <f t="shared" si="227"/>
        <v/>
      </c>
      <c r="BV551" s="336" t="str">
        <f t="shared" si="227"/>
        <v/>
      </c>
      <c r="BW551" s="336" t="str">
        <f t="shared" si="227"/>
        <v/>
      </c>
      <c r="BX551" s="336">
        <f t="shared" si="227"/>
        <v>0</v>
      </c>
      <c r="BY551" s="336" t="str">
        <f t="shared" si="227"/>
        <v/>
      </c>
      <c r="BZ551" s="336" t="str">
        <f t="shared" si="227"/>
        <v/>
      </c>
      <c r="CA551" s="336" t="str">
        <f t="shared" si="227"/>
        <v/>
      </c>
      <c r="CB551" s="336">
        <f t="shared" si="228"/>
        <v>0</v>
      </c>
      <c r="CC551" s="336" t="str">
        <f t="shared" si="228"/>
        <v/>
      </c>
      <c r="CD551" s="336" t="str">
        <f t="shared" si="228"/>
        <v/>
      </c>
      <c r="CE551" s="336" t="str">
        <f t="shared" si="228"/>
        <v/>
      </c>
      <c r="CF551" s="336">
        <f t="shared" si="228"/>
        <v>0</v>
      </c>
      <c r="CG551" s="336" t="str">
        <f t="shared" si="228"/>
        <v/>
      </c>
      <c r="CH551" s="336">
        <f t="shared" si="228"/>
        <v>0</v>
      </c>
      <c r="CI551" s="336" t="str">
        <f t="shared" si="228"/>
        <v/>
      </c>
      <c r="CJ551" s="336" t="str">
        <f t="shared" si="228"/>
        <v/>
      </c>
      <c r="CK551" s="336">
        <f t="shared" si="228"/>
        <v>0</v>
      </c>
      <c r="CL551" s="336">
        <f t="shared" si="229"/>
        <v>0</v>
      </c>
      <c r="CM551" s="336"/>
      <c r="CN551" s="336"/>
      <c r="CO551" s="336"/>
      <c r="CP551" s="336"/>
      <c r="CQ551" s="336"/>
      <c r="CR551" s="336"/>
      <c r="CS551" s="336"/>
      <c r="CT551" s="336"/>
      <c r="CU551" s="336"/>
      <c r="CV551" s="336"/>
      <c r="CW551" s="336"/>
      <c r="CX551" s="336"/>
      <c r="CY551" s="336"/>
      <c r="CZ551" s="336"/>
      <c r="DA551" s="336"/>
      <c r="DB551" s="336"/>
      <c r="DC551" s="336"/>
      <c r="DD551" s="336"/>
      <c r="DE551" s="336"/>
      <c r="DF551" s="336"/>
      <c r="DG551" s="336"/>
      <c r="DH551" s="336"/>
      <c r="DI551" s="334"/>
      <c r="DJ551" s="334"/>
      <c r="DK551" s="334"/>
    </row>
    <row r="552" spans="1:117" s="337" customFormat="1" ht="56.1" customHeight="1" x14ac:dyDescent="0.2">
      <c r="A552" s="477" t="s">
        <v>2958</v>
      </c>
      <c r="B552" s="464"/>
      <c r="C552" s="368">
        <v>296</v>
      </c>
      <c r="D552" s="368"/>
      <c r="E552" s="368" t="s">
        <v>2481</v>
      </c>
      <c r="F552" s="369" t="s">
        <v>53</v>
      </c>
      <c r="G552" s="369" t="s">
        <v>515</v>
      </c>
      <c r="H552" s="334" t="s">
        <v>530</v>
      </c>
      <c r="I552" s="334" t="s">
        <v>531</v>
      </c>
      <c r="J552" s="334" t="s">
        <v>532</v>
      </c>
      <c r="K552" s="466"/>
      <c r="L552" s="334" t="s">
        <v>333</v>
      </c>
      <c r="M552" s="334" t="s">
        <v>310</v>
      </c>
      <c r="N552" s="334"/>
      <c r="O552" s="334" t="s">
        <v>81</v>
      </c>
      <c r="P552" s="334" t="s">
        <v>525</v>
      </c>
      <c r="Q552" s="334"/>
      <c r="R552" s="334" t="s">
        <v>225</v>
      </c>
      <c r="S552" s="466" t="s">
        <v>63</v>
      </c>
      <c r="T552" s="466" t="s">
        <v>63</v>
      </c>
      <c r="U552" s="335"/>
      <c r="V552" s="335"/>
      <c r="W552" s="334" t="s">
        <v>226</v>
      </c>
      <c r="X552" s="334"/>
      <c r="Y552" s="335"/>
      <c r="Z552" s="334" t="s">
        <v>82</v>
      </c>
      <c r="AA552" s="338"/>
      <c r="AB552" s="338"/>
      <c r="AC552" s="338"/>
      <c r="AD552" s="338"/>
      <c r="AE552" s="338"/>
      <c r="AF552" s="336"/>
      <c r="AG552" s="338"/>
      <c r="AH552" s="338"/>
      <c r="AI552" s="338"/>
      <c r="AJ552" s="338"/>
      <c r="AK552" s="338"/>
      <c r="AL552" s="338"/>
      <c r="AM552" s="338"/>
      <c r="AN552" s="338"/>
      <c r="AO552" s="338"/>
      <c r="AP552" s="338"/>
      <c r="AQ552" s="336" t="s">
        <v>66</v>
      </c>
      <c r="AR552" s="338"/>
      <c r="AS552" s="338"/>
      <c r="AT552" s="338"/>
      <c r="AU552" s="336" t="s">
        <v>66</v>
      </c>
      <c r="AV552" s="338"/>
      <c r="AW552" s="338"/>
      <c r="AX552" s="338"/>
      <c r="AY552" s="336" t="s">
        <v>66</v>
      </c>
      <c r="AZ552" s="338"/>
      <c r="BA552" s="336" t="s">
        <v>66</v>
      </c>
      <c r="BB552" s="338"/>
      <c r="BC552" s="338"/>
      <c r="BD552" s="336" t="s">
        <v>66</v>
      </c>
      <c r="BE552" s="336" t="s">
        <v>66</v>
      </c>
      <c r="BF552" s="238">
        <f t="shared" si="225"/>
        <v>1148</v>
      </c>
      <c r="BG552" s="84"/>
      <c r="BH552" s="336" t="str">
        <f t="shared" si="226"/>
        <v/>
      </c>
      <c r="BI552" s="336" t="str">
        <f t="shared" si="226"/>
        <v/>
      </c>
      <c r="BJ552" s="336" t="str">
        <f t="shared" si="226"/>
        <v/>
      </c>
      <c r="BK552" s="336" t="str">
        <f t="shared" si="226"/>
        <v/>
      </c>
      <c r="BL552" s="336" t="str">
        <f t="shared" si="226"/>
        <v/>
      </c>
      <c r="BM552" s="336" t="str">
        <f t="shared" si="226"/>
        <v/>
      </c>
      <c r="BN552" s="336" t="str">
        <f t="shared" si="226"/>
        <v/>
      </c>
      <c r="BO552" s="336" t="str">
        <f t="shared" si="226"/>
        <v/>
      </c>
      <c r="BP552" s="336" t="str">
        <f t="shared" si="226"/>
        <v/>
      </c>
      <c r="BQ552" s="336" t="str">
        <f t="shared" si="226"/>
        <v/>
      </c>
      <c r="BR552" s="336" t="str">
        <f t="shared" si="227"/>
        <v/>
      </c>
      <c r="BS552" s="336" t="str">
        <f t="shared" si="227"/>
        <v/>
      </c>
      <c r="BT552" s="336" t="str">
        <f t="shared" si="227"/>
        <v/>
      </c>
      <c r="BU552" s="336" t="str">
        <f t="shared" si="227"/>
        <v/>
      </c>
      <c r="BV552" s="336" t="str">
        <f t="shared" si="227"/>
        <v/>
      </c>
      <c r="BW552" s="336" t="str">
        <f t="shared" si="227"/>
        <v/>
      </c>
      <c r="BX552" s="336">
        <f t="shared" si="227"/>
        <v>0</v>
      </c>
      <c r="BY552" s="336" t="str">
        <f t="shared" si="227"/>
        <v/>
      </c>
      <c r="BZ552" s="336" t="str">
        <f t="shared" si="227"/>
        <v/>
      </c>
      <c r="CA552" s="336" t="str">
        <f t="shared" si="227"/>
        <v/>
      </c>
      <c r="CB552" s="336">
        <f t="shared" si="228"/>
        <v>0</v>
      </c>
      <c r="CC552" s="336" t="str">
        <f t="shared" si="228"/>
        <v/>
      </c>
      <c r="CD552" s="336" t="str">
        <f t="shared" si="228"/>
        <v/>
      </c>
      <c r="CE552" s="336" t="str">
        <f t="shared" si="228"/>
        <v/>
      </c>
      <c r="CF552" s="336">
        <f t="shared" si="228"/>
        <v>0</v>
      </c>
      <c r="CG552" s="336" t="str">
        <f t="shared" si="228"/>
        <v/>
      </c>
      <c r="CH552" s="336">
        <f t="shared" si="228"/>
        <v>0</v>
      </c>
      <c r="CI552" s="336" t="str">
        <f t="shared" si="228"/>
        <v/>
      </c>
      <c r="CJ552" s="336" t="str">
        <f t="shared" si="228"/>
        <v/>
      </c>
      <c r="CK552" s="336">
        <f t="shared" si="228"/>
        <v>0</v>
      </c>
      <c r="CL552" s="336">
        <f t="shared" si="229"/>
        <v>0</v>
      </c>
      <c r="CM552" s="336"/>
      <c r="CN552" s="336"/>
      <c r="CO552" s="336"/>
      <c r="CP552" s="336"/>
      <c r="CQ552" s="336"/>
      <c r="CR552" s="336"/>
      <c r="CS552" s="336"/>
      <c r="CT552" s="336"/>
      <c r="CU552" s="336"/>
      <c r="CV552" s="336"/>
      <c r="CW552" s="336"/>
      <c r="CX552" s="336"/>
      <c r="CY552" s="336"/>
      <c r="CZ552" s="336"/>
      <c r="DA552" s="336"/>
      <c r="DB552" s="336"/>
      <c r="DC552" s="336"/>
      <c r="DD552" s="336"/>
      <c r="DE552" s="336"/>
      <c r="DF552" s="336"/>
      <c r="DG552" s="336"/>
      <c r="DH552" s="336"/>
      <c r="DI552" s="334"/>
      <c r="DJ552" s="334"/>
      <c r="DK552" s="334"/>
    </row>
    <row r="553" spans="1:117" s="337" customFormat="1" ht="56.1" customHeight="1" x14ac:dyDescent="0.2">
      <c r="A553" s="477" t="s">
        <v>2958</v>
      </c>
      <c r="B553" s="464"/>
      <c r="C553" s="368">
        <v>297</v>
      </c>
      <c r="D553" s="368"/>
      <c r="E553" s="368" t="s">
        <v>2481</v>
      </c>
      <c r="F553" s="369" t="s">
        <v>53</v>
      </c>
      <c r="G553" s="369" t="s">
        <v>515</v>
      </c>
      <c r="H553" s="334" t="s">
        <v>533</v>
      </c>
      <c r="I553" s="334" t="s">
        <v>534</v>
      </c>
      <c r="J553" s="334" t="s">
        <v>534</v>
      </c>
      <c r="K553" s="466"/>
      <c r="L553" s="334" t="s">
        <v>333</v>
      </c>
      <c r="M553" s="334" t="s">
        <v>310</v>
      </c>
      <c r="N553" s="334"/>
      <c r="O553" s="334" t="s">
        <v>81</v>
      </c>
      <c r="P553" s="334" t="s">
        <v>334</v>
      </c>
      <c r="Q553" s="334"/>
      <c r="R553" s="334" t="s">
        <v>225</v>
      </c>
      <c r="S553" s="466" t="s">
        <v>63</v>
      </c>
      <c r="T553" s="466" t="s">
        <v>63</v>
      </c>
      <c r="U553" s="335">
        <v>59784.480000000003</v>
      </c>
      <c r="V553" s="335"/>
      <c r="W553" s="334" t="s">
        <v>226</v>
      </c>
      <c r="X553" s="334"/>
      <c r="Y553" s="335">
        <v>59784.480000000003</v>
      </c>
      <c r="Z553" s="334" t="s">
        <v>82</v>
      </c>
      <c r="AA553" s="338"/>
      <c r="AB553" s="338"/>
      <c r="AC553" s="338"/>
      <c r="AD553" s="338"/>
      <c r="AE553" s="338"/>
      <c r="AF553" s="336"/>
      <c r="AG553" s="338"/>
      <c r="AH553" s="338"/>
      <c r="AI553" s="338"/>
      <c r="AJ553" s="338"/>
      <c r="AK553" s="338"/>
      <c r="AL553" s="338"/>
      <c r="AM553" s="338"/>
      <c r="AN553" s="338"/>
      <c r="AO553" s="338"/>
      <c r="AP553" s="338"/>
      <c r="AQ553" s="336" t="s">
        <v>66</v>
      </c>
      <c r="AR553" s="338"/>
      <c r="AS553" s="338"/>
      <c r="AT553" s="338"/>
      <c r="AU553" s="336" t="s">
        <v>66</v>
      </c>
      <c r="AV553" s="338"/>
      <c r="AW553" s="338"/>
      <c r="AX553" s="338"/>
      <c r="AY553" s="336" t="s">
        <v>66</v>
      </c>
      <c r="AZ553" s="338"/>
      <c r="BA553" s="336" t="s">
        <v>66</v>
      </c>
      <c r="BB553" s="338"/>
      <c r="BC553" s="338"/>
      <c r="BD553" s="336" t="s">
        <v>66</v>
      </c>
      <c r="BE553" s="336" t="s">
        <v>66</v>
      </c>
      <c r="BF553" s="238">
        <f t="shared" si="225"/>
        <v>1148</v>
      </c>
      <c r="BG553" s="84">
        <f>Y553/BF553</f>
        <v>52.077073170731708</v>
      </c>
      <c r="BH553" s="336" t="str">
        <f t="shared" si="226"/>
        <v/>
      </c>
      <c r="BI553" s="336" t="str">
        <f t="shared" si="226"/>
        <v/>
      </c>
      <c r="BJ553" s="336" t="str">
        <f t="shared" si="226"/>
        <v/>
      </c>
      <c r="BK553" s="336" t="str">
        <f t="shared" si="226"/>
        <v/>
      </c>
      <c r="BL553" s="336" t="str">
        <f t="shared" si="226"/>
        <v/>
      </c>
      <c r="BM553" s="336" t="str">
        <f t="shared" si="226"/>
        <v/>
      </c>
      <c r="BN553" s="336" t="str">
        <f t="shared" si="226"/>
        <v/>
      </c>
      <c r="BO553" s="336" t="str">
        <f t="shared" si="226"/>
        <v/>
      </c>
      <c r="BP553" s="336" t="str">
        <f t="shared" si="226"/>
        <v/>
      </c>
      <c r="BQ553" s="336" t="str">
        <f t="shared" si="226"/>
        <v/>
      </c>
      <c r="BR553" s="336" t="str">
        <f t="shared" si="227"/>
        <v/>
      </c>
      <c r="BS553" s="336" t="str">
        <f t="shared" si="227"/>
        <v/>
      </c>
      <c r="BT553" s="336" t="str">
        <f t="shared" si="227"/>
        <v/>
      </c>
      <c r="BU553" s="336" t="str">
        <f t="shared" si="227"/>
        <v/>
      </c>
      <c r="BV553" s="336" t="str">
        <f t="shared" si="227"/>
        <v/>
      </c>
      <c r="BW553" s="336" t="str">
        <f t="shared" si="227"/>
        <v/>
      </c>
      <c r="BX553" s="336">
        <f t="shared" si="227"/>
        <v>13019.268292682927</v>
      </c>
      <c r="BY553" s="336" t="str">
        <f t="shared" si="227"/>
        <v/>
      </c>
      <c r="BZ553" s="336" t="str">
        <f t="shared" si="227"/>
        <v/>
      </c>
      <c r="CA553" s="336" t="str">
        <f t="shared" si="227"/>
        <v/>
      </c>
      <c r="CB553" s="336">
        <f t="shared" si="228"/>
        <v>11300.724878048781</v>
      </c>
      <c r="CC553" s="336" t="str">
        <f t="shared" si="228"/>
        <v/>
      </c>
      <c r="CD553" s="336" t="str">
        <f t="shared" si="228"/>
        <v/>
      </c>
      <c r="CE553" s="336" t="str">
        <f t="shared" si="228"/>
        <v/>
      </c>
      <c r="CF553" s="336">
        <f t="shared" si="228"/>
        <v>1614.389268292683</v>
      </c>
      <c r="CG553" s="336" t="str">
        <f t="shared" si="228"/>
        <v/>
      </c>
      <c r="CH553" s="336">
        <f t="shared" si="228"/>
        <v>0</v>
      </c>
      <c r="CI553" s="336" t="str">
        <f t="shared" si="228"/>
        <v/>
      </c>
      <c r="CJ553" s="336" t="str">
        <f t="shared" si="228"/>
        <v/>
      </c>
      <c r="CK553" s="336">
        <f t="shared" si="228"/>
        <v>10415.414634146342</v>
      </c>
      <c r="CL553" s="336">
        <f t="shared" si="229"/>
        <v>23434.682926829268</v>
      </c>
      <c r="CM553" s="336"/>
      <c r="CN553" s="336"/>
      <c r="CO553" s="336"/>
      <c r="CP553" s="336"/>
      <c r="CQ553" s="336"/>
      <c r="CR553" s="336"/>
      <c r="CS553" s="336"/>
      <c r="CT553" s="336"/>
      <c r="CU553" s="336"/>
      <c r="CV553" s="336"/>
      <c r="CW553" s="336"/>
      <c r="CX553" s="336"/>
      <c r="CY553" s="336"/>
      <c r="CZ553" s="336"/>
      <c r="DA553" s="336"/>
      <c r="DB553" s="336"/>
      <c r="DC553" s="336"/>
      <c r="DD553" s="336"/>
      <c r="DE553" s="336"/>
      <c r="DF553" s="336"/>
      <c r="DG553" s="336"/>
      <c r="DH553" s="336"/>
      <c r="DI553" s="334"/>
      <c r="DJ553" s="334"/>
      <c r="DK553" s="334"/>
    </row>
    <row r="554" spans="1:117" ht="56.1" customHeight="1" x14ac:dyDescent="0.2">
      <c r="A554" s="477" t="s">
        <v>2424</v>
      </c>
      <c r="B554" s="345" t="s">
        <v>2959</v>
      </c>
      <c r="C554" s="349">
        <v>174</v>
      </c>
      <c r="D554" s="349"/>
      <c r="E554" s="349" t="s">
        <v>2182</v>
      </c>
      <c r="F554" s="383" t="s">
        <v>1385</v>
      </c>
      <c r="G554" s="383" t="s">
        <v>655</v>
      </c>
      <c r="H554" s="352" t="s">
        <v>2508</v>
      </c>
      <c r="I554" s="352" t="s">
        <v>2916</v>
      </c>
      <c r="J554" s="352" t="s">
        <v>2917</v>
      </c>
      <c r="K554" s="469" t="s">
        <v>253</v>
      </c>
      <c r="L554" s="352" t="s">
        <v>2416</v>
      </c>
      <c r="M554" s="352" t="s">
        <v>253</v>
      </c>
      <c r="N554" s="352"/>
      <c r="O554" s="352" t="s">
        <v>81</v>
      </c>
      <c r="P554" s="352" t="s">
        <v>61</v>
      </c>
      <c r="Q554" s="352"/>
      <c r="R554" s="385" t="s">
        <v>2258</v>
      </c>
      <c r="S554" s="473">
        <v>1452379.88</v>
      </c>
      <c r="T554" s="473">
        <v>2083484.17</v>
      </c>
      <c r="U554" s="386">
        <v>1767932.0249999999</v>
      </c>
      <c r="V554" s="386"/>
      <c r="W554" s="386" t="s">
        <v>2413</v>
      </c>
      <c r="X554" s="386"/>
      <c r="Y554" s="386">
        <v>1925708.0974999999</v>
      </c>
      <c r="Z554" s="386" t="s">
        <v>853</v>
      </c>
      <c r="AA554" s="386"/>
      <c r="AB554" s="386"/>
      <c r="AC554" s="386"/>
      <c r="AD554" s="386"/>
      <c r="AE554" s="386"/>
      <c r="AF554" s="386"/>
      <c r="AG554" s="386"/>
      <c r="AH554" s="386"/>
      <c r="AI554" s="386"/>
      <c r="AJ554" s="386"/>
      <c r="AK554" s="386"/>
      <c r="AL554" s="386"/>
      <c r="AM554" s="386"/>
      <c r="AN554" s="386"/>
      <c r="AO554" s="386"/>
      <c r="AP554" s="386"/>
      <c r="AQ554" s="386"/>
      <c r="AR554" s="386"/>
      <c r="AS554" s="386"/>
      <c r="AT554" s="386"/>
      <c r="AU554" s="386"/>
      <c r="AV554" s="386"/>
      <c r="AW554" s="386"/>
      <c r="AX554" s="386"/>
      <c r="AY554" s="386"/>
      <c r="AZ554" s="386"/>
      <c r="BA554" s="386"/>
      <c r="BB554" s="386"/>
      <c r="BC554" s="386"/>
      <c r="BD554" s="386"/>
      <c r="BE554" s="386"/>
      <c r="BF554" s="386"/>
      <c r="BG554" s="386"/>
      <c r="BH554" s="386"/>
      <c r="BI554" s="386"/>
      <c r="BJ554" s="386"/>
      <c r="BK554" s="386"/>
      <c r="BL554" s="386"/>
      <c r="BM554" s="386"/>
      <c r="BN554" s="386"/>
      <c r="BO554" s="386"/>
      <c r="BP554" s="386"/>
      <c r="BQ554" s="386"/>
      <c r="BR554" s="386" t="s">
        <v>2190</v>
      </c>
      <c r="BS554" s="386" t="s">
        <v>2190</v>
      </c>
      <c r="BT554" s="386"/>
      <c r="BU554" s="352"/>
      <c r="BV554" s="386"/>
      <c r="BW554" s="386"/>
      <c r="BX554" s="386"/>
      <c r="BY554" s="352"/>
      <c r="BZ554" s="386" t="s">
        <v>2190</v>
      </c>
      <c r="CA554" s="386"/>
      <c r="CB554" s="352" t="s">
        <v>2429</v>
      </c>
      <c r="CC554" s="352"/>
      <c r="CD554" s="353"/>
    </row>
    <row r="555" spans="1:117" ht="111.75" customHeight="1" x14ac:dyDescent="0.25">
      <c r="A555" s="538" t="s">
        <v>2960</v>
      </c>
      <c r="B555" s="538"/>
      <c r="C555" s="549" t="s">
        <v>2961</v>
      </c>
      <c r="D555" s="539"/>
      <c r="E555" s="550" t="s">
        <v>2445</v>
      </c>
      <c r="F555" s="539"/>
      <c r="G555" s="551" t="s">
        <v>655</v>
      </c>
      <c r="H555" s="540" t="s">
        <v>656</v>
      </c>
      <c r="I555" s="536" t="s">
        <v>2962</v>
      </c>
      <c r="J555" s="495" t="s">
        <v>2963</v>
      </c>
      <c r="K555" s="539"/>
      <c r="L555" s="539"/>
      <c r="M555" s="539"/>
      <c r="N555" s="539"/>
      <c r="O555" s="541"/>
      <c r="P555" s="541"/>
      <c r="Q555" s="541"/>
      <c r="R555" s="541"/>
      <c r="S555" s="542">
        <v>610000</v>
      </c>
      <c r="T555" s="527">
        <v>915000</v>
      </c>
      <c r="U555" s="541"/>
      <c r="V555" s="541"/>
      <c r="W555" s="543" t="s">
        <v>2448</v>
      </c>
      <c r="X555" s="543"/>
      <c r="Y555" s="543"/>
      <c r="Z555" s="543"/>
      <c r="AA555" s="543"/>
      <c r="AB555" s="543"/>
      <c r="AC555" s="543"/>
      <c r="AD555" s="543"/>
      <c r="AE555" s="543"/>
      <c r="AF555" s="543"/>
      <c r="AG555" s="543"/>
      <c r="AH555" s="543"/>
      <c r="AI555" s="543"/>
      <c r="AJ555" s="543"/>
      <c r="AK555" s="543"/>
      <c r="AL555" s="543"/>
      <c r="AM555" s="543"/>
      <c r="AN555" s="543"/>
      <c r="AO555" s="543"/>
      <c r="AP555" s="543"/>
      <c r="AQ555" s="543"/>
      <c r="AR555" s="543"/>
      <c r="AS555" s="543"/>
      <c r="AT555" s="543"/>
      <c r="AU555" s="543"/>
      <c r="AV555" s="543"/>
      <c r="AW555" s="543"/>
      <c r="AX555" s="543"/>
      <c r="AY555" s="543"/>
      <c r="AZ555" s="543"/>
      <c r="BA555" s="543"/>
      <c r="BB555" s="543"/>
      <c r="BC555" s="543"/>
      <c r="BD555" s="543"/>
      <c r="BE555" s="543"/>
      <c r="BF555" s="543"/>
      <c r="BG555" s="543"/>
      <c r="BH555" s="543"/>
      <c r="BI555" s="543"/>
      <c r="BJ555" s="543"/>
      <c r="BK555" s="543"/>
      <c r="BL555" s="543"/>
      <c r="BM555" s="543"/>
      <c r="BN555" s="543"/>
      <c r="BO555" s="543"/>
      <c r="BP555" s="543"/>
      <c r="BQ555" s="543"/>
      <c r="BR555" s="543"/>
      <c r="BS555" s="543"/>
      <c r="BT555" s="543"/>
      <c r="BU555" s="543"/>
      <c r="BV555" s="543"/>
      <c r="BW555" s="543"/>
      <c r="BX555" s="543"/>
      <c r="BY555" s="543"/>
      <c r="BZ555" s="543"/>
      <c r="CA555" s="543"/>
      <c r="CB555" s="543"/>
      <c r="CC555" s="543"/>
      <c r="CD555" s="543"/>
      <c r="CE555" s="543"/>
      <c r="CF555" s="543"/>
      <c r="CG555" s="543"/>
      <c r="CH555" s="543"/>
      <c r="CI555" s="543"/>
      <c r="CJ555" s="543"/>
      <c r="CK555" s="543"/>
      <c r="CL555" s="543"/>
      <c r="CM555" s="543"/>
      <c r="CN555" s="543"/>
      <c r="CO555" s="543"/>
      <c r="CP555" s="543"/>
      <c r="CQ555" s="543"/>
      <c r="CR555" s="543"/>
      <c r="CS555" s="543"/>
      <c r="CT555" s="543"/>
      <c r="CU555" s="543"/>
      <c r="CV555" s="543"/>
      <c r="CW555" s="543"/>
      <c r="CX555" s="543"/>
      <c r="CY555" s="543"/>
      <c r="CZ555" s="543"/>
      <c r="DA555" s="543"/>
      <c r="DB555" s="543"/>
      <c r="DC555" s="543"/>
      <c r="DD555" s="543"/>
      <c r="DE555" s="543"/>
      <c r="DF555" s="543"/>
      <c r="DG555" s="543"/>
      <c r="DH555" s="543"/>
      <c r="DI555" s="510"/>
      <c r="DJ555" s="495" t="s">
        <v>2449</v>
      </c>
      <c r="DK555" s="510"/>
      <c r="DL555" s="544">
        <v>0</v>
      </c>
      <c r="DM555" s="545" t="s">
        <v>2964</v>
      </c>
    </row>
    <row r="556" spans="1:117" ht="156.75" x14ac:dyDescent="0.25">
      <c r="A556" s="538" t="s">
        <v>2965</v>
      </c>
      <c r="B556" s="538"/>
      <c r="C556" s="549" t="s">
        <v>2966</v>
      </c>
      <c r="D556" s="539"/>
      <c r="E556" s="550" t="s">
        <v>2445</v>
      </c>
      <c r="F556" s="539"/>
      <c r="G556" s="551" t="s">
        <v>2967</v>
      </c>
      <c r="H556" s="547" t="s">
        <v>2967</v>
      </c>
      <c r="I556" s="534" t="s">
        <v>2968</v>
      </c>
      <c r="J556" s="535" t="s">
        <v>2969</v>
      </c>
      <c r="K556" s="539"/>
      <c r="L556" s="539"/>
      <c r="M556" s="539"/>
      <c r="N556" s="539"/>
      <c r="O556" s="539"/>
      <c r="P556" s="539"/>
      <c r="Q556" s="539"/>
      <c r="R556" s="539"/>
      <c r="S556" s="542">
        <v>620000</v>
      </c>
      <c r="T556" s="527">
        <v>930000</v>
      </c>
      <c r="U556" s="539"/>
      <c r="V556" s="539"/>
      <c r="W556" s="543" t="s">
        <v>2448</v>
      </c>
      <c r="X556" s="539"/>
      <c r="Y556" s="539"/>
      <c r="Z556" s="539"/>
      <c r="AA556" s="539"/>
      <c r="AB556" s="539"/>
      <c r="AC556" s="539"/>
      <c r="AD556" s="539"/>
      <c r="AE556" s="539"/>
      <c r="AF556" s="539"/>
      <c r="AG556" s="539"/>
      <c r="AH556" s="539"/>
      <c r="AI556" s="539"/>
      <c r="AJ556" s="539"/>
      <c r="AK556" s="539"/>
      <c r="AL556" s="539"/>
      <c r="AM556" s="539"/>
      <c r="AN556" s="539"/>
      <c r="AO556" s="539"/>
      <c r="AP556" s="539"/>
      <c r="AQ556" s="539"/>
      <c r="AR556" s="539"/>
      <c r="AS556" s="539"/>
      <c r="AT556" s="539"/>
      <c r="AU556" s="539"/>
      <c r="AV556" s="539"/>
      <c r="AW556" s="539"/>
      <c r="AX556" s="539"/>
      <c r="AY556" s="539"/>
      <c r="AZ556" s="539"/>
      <c r="BA556" s="539"/>
      <c r="BB556" s="539"/>
      <c r="BC556" s="539"/>
      <c r="BD556" s="539"/>
      <c r="BE556" s="539"/>
      <c r="BF556" s="539"/>
      <c r="BG556" s="539"/>
      <c r="BH556" s="539"/>
      <c r="BI556" s="539"/>
      <c r="BJ556" s="539"/>
      <c r="BK556" s="539"/>
      <c r="BL556" s="539"/>
      <c r="BM556" s="539"/>
      <c r="BN556" s="539"/>
      <c r="BO556" s="539"/>
      <c r="BP556" s="539"/>
      <c r="BQ556" s="539"/>
      <c r="BR556" s="539"/>
      <c r="BS556" s="539"/>
      <c r="BT556" s="539"/>
      <c r="BU556" s="539"/>
      <c r="BV556" s="539"/>
      <c r="BW556" s="539"/>
      <c r="BX556" s="539"/>
      <c r="BY556" s="539"/>
      <c r="BZ556" s="539"/>
      <c r="CA556" s="539"/>
      <c r="CB556" s="539"/>
      <c r="CC556" s="539"/>
      <c r="CD556" s="539"/>
      <c r="CE556" s="539"/>
      <c r="CF556" s="539"/>
      <c r="CG556" s="539"/>
      <c r="CH556" s="539"/>
      <c r="CI556" s="539"/>
      <c r="CJ556" s="539"/>
      <c r="CK556" s="539"/>
      <c r="CL556" s="539"/>
      <c r="CM556" s="539"/>
      <c r="CN556" s="539"/>
      <c r="CO556" s="539"/>
      <c r="CP556" s="539"/>
      <c r="CQ556" s="539"/>
      <c r="CR556" s="539"/>
      <c r="CS556" s="539"/>
      <c r="CT556" s="539"/>
      <c r="CU556" s="539"/>
      <c r="CV556" s="539"/>
      <c r="CW556" s="539"/>
      <c r="CX556" s="539"/>
      <c r="CY556" s="539"/>
      <c r="CZ556" s="539"/>
      <c r="DA556" s="539"/>
      <c r="DB556" s="539"/>
      <c r="DC556" s="539"/>
      <c r="DD556" s="539"/>
      <c r="DE556" s="539"/>
      <c r="DF556" s="539"/>
      <c r="DG556" s="539"/>
      <c r="DH556" s="539"/>
      <c r="DI556" s="510"/>
      <c r="DJ556" s="495" t="s">
        <v>2449</v>
      </c>
      <c r="DK556" s="510"/>
      <c r="DL556" s="544">
        <v>0.81</v>
      </c>
      <c r="DM556" s="544">
        <v>0.19</v>
      </c>
    </row>
    <row r="557" spans="1:117" ht="399" x14ac:dyDescent="0.25">
      <c r="A557" s="538" t="s">
        <v>2960</v>
      </c>
      <c r="B557" s="538"/>
      <c r="C557" s="549" t="s">
        <v>2970</v>
      </c>
      <c r="D557" s="539"/>
      <c r="E557" s="550" t="s">
        <v>2445</v>
      </c>
      <c r="F557" s="539"/>
      <c r="G557" s="551" t="s">
        <v>1331</v>
      </c>
      <c r="H557" s="547" t="s">
        <v>1331</v>
      </c>
      <c r="I557" s="546" t="s">
        <v>2971</v>
      </c>
      <c r="J557" s="495" t="s">
        <v>2972</v>
      </c>
      <c r="K557" s="539"/>
      <c r="L557" s="539"/>
      <c r="M557" s="539"/>
      <c r="N557" s="539"/>
      <c r="O557" s="536"/>
      <c r="P557" s="536"/>
      <c r="Q557" s="536"/>
      <c r="R557" s="536"/>
      <c r="S557" s="537">
        <v>10310000</v>
      </c>
      <c r="T557" s="527">
        <v>15465000</v>
      </c>
      <c r="U557" s="536"/>
      <c r="V557" s="539"/>
      <c r="W557" s="543" t="s">
        <v>2448</v>
      </c>
      <c r="X557" s="539"/>
      <c r="Y557" s="539"/>
      <c r="Z557" s="539"/>
      <c r="AA557" s="539"/>
      <c r="AB557" s="539"/>
      <c r="AC557" s="539"/>
      <c r="AD557" s="539"/>
      <c r="AE557" s="539"/>
      <c r="AF557" s="539"/>
      <c r="AG557" s="539"/>
      <c r="AH557" s="539"/>
      <c r="AI557" s="539"/>
      <c r="AJ557" s="539"/>
      <c r="AK557" s="539"/>
      <c r="AL557" s="539"/>
      <c r="AM557" s="539"/>
      <c r="AN557" s="539"/>
      <c r="AO557" s="539"/>
      <c r="AP557" s="539"/>
      <c r="AQ557" s="539"/>
      <c r="AR557" s="539"/>
      <c r="AS557" s="539"/>
      <c r="AT557" s="539"/>
      <c r="AU557" s="539"/>
      <c r="AV557" s="539"/>
      <c r="AW557" s="539"/>
      <c r="AX557" s="539"/>
      <c r="AY557" s="539"/>
      <c r="AZ557" s="539"/>
      <c r="BA557" s="539"/>
      <c r="BB557" s="539"/>
      <c r="BC557" s="539"/>
      <c r="BD557" s="539"/>
      <c r="BE557" s="539"/>
      <c r="BF557" s="539"/>
      <c r="BG557" s="539"/>
      <c r="BH557" s="539"/>
      <c r="BI557" s="539"/>
      <c r="BJ557" s="539"/>
      <c r="BK557" s="539"/>
      <c r="BL557" s="539"/>
      <c r="BM557" s="539"/>
      <c r="BN557" s="539"/>
      <c r="BO557" s="539"/>
      <c r="BP557" s="539"/>
      <c r="BQ557" s="539"/>
      <c r="BR557" s="539"/>
      <c r="BS557" s="539"/>
      <c r="BT557" s="539"/>
      <c r="BU557" s="539"/>
      <c r="BV557" s="539"/>
      <c r="BW557" s="539"/>
      <c r="BX557" s="539"/>
      <c r="BY557" s="539"/>
      <c r="BZ557" s="539"/>
      <c r="CA557" s="539"/>
      <c r="CB557" s="539"/>
      <c r="CC557" s="539"/>
      <c r="CD557" s="539"/>
      <c r="CE557" s="539"/>
      <c r="CF557" s="539"/>
      <c r="CG557" s="539"/>
      <c r="CH557" s="539"/>
      <c r="CI557" s="539"/>
      <c r="CJ557" s="539"/>
      <c r="CK557" s="539"/>
      <c r="CL557" s="539"/>
      <c r="CM557" s="539"/>
      <c r="CN557" s="539"/>
      <c r="CO557" s="539"/>
      <c r="CP557" s="539"/>
      <c r="CQ557" s="539"/>
      <c r="CR557" s="539"/>
      <c r="CS557" s="539"/>
      <c r="CT557" s="539"/>
      <c r="CU557" s="539"/>
      <c r="CV557" s="539"/>
      <c r="CW557" s="539"/>
      <c r="CX557" s="539"/>
      <c r="CY557" s="539"/>
      <c r="CZ557" s="539"/>
      <c r="DA557" s="539"/>
      <c r="DB557" s="539"/>
      <c r="DC557" s="539"/>
      <c r="DD557" s="539"/>
      <c r="DE557" s="539"/>
      <c r="DF557" s="539"/>
      <c r="DG557" s="539"/>
      <c r="DH557" s="539"/>
      <c r="DI557" s="510"/>
      <c r="DJ557" s="495" t="s">
        <v>2449</v>
      </c>
      <c r="DK557" s="510"/>
      <c r="DL557" s="544">
        <v>0.79</v>
      </c>
      <c r="DM557" s="544">
        <v>0.20799999999999999</v>
      </c>
    </row>
    <row r="558" spans="1:117" ht="242.25" x14ac:dyDescent="0.25">
      <c r="A558" s="538" t="s">
        <v>2960</v>
      </c>
      <c r="B558" s="538"/>
      <c r="C558" s="549" t="s">
        <v>2973</v>
      </c>
      <c r="D558" s="539"/>
      <c r="E558" s="550" t="s">
        <v>2445</v>
      </c>
      <c r="F558" s="539"/>
      <c r="G558" s="551" t="s">
        <v>1331</v>
      </c>
      <c r="H558" s="547" t="s">
        <v>2974</v>
      </c>
      <c r="I558" s="546" t="s">
        <v>2975</v>
      </c>
      <c r="J558" s="495" t="s">
        <v>2976</v>
      </c>
      <c r="K558" s="539"/>
      <c r="L558" s="539"/>
      <c r="M558" s="539"/>
      <c r="N558" s="539"/>
      <c r="O558" s="536"/>
      <c r="P558" s="536"/>
      <c r="Q558" s="536"/>
      <c r="R558" s="536"/>
      <c r="S558" s="548">
        <v>4090000</v>
      </c>
      <c r="T558" s="527">
        <v>6135000</v>
      </c>
      <c r="U558" s="536"/>
      <c r="V558" s="539"/>
      <c r="W558" s="543" t="s">
        <v>2977</v>
      </c>
      <c r="X558" s="539"/>
      <c r="Y558" s="539"/>
      <c r="Z558" s="539"/>
      <c r="AA558" s="539"/>
      <c r="AB558" s="539"/>
      <c r="AC558" s="539"/>
      <c r="AD558" s="539"/>
      <c r="AE558" s="539"/>
      <c r="AF558" s="539"/>
      <c r="AG558" s="539"/>
      <c r="AH558" s="539"/>
      <c r="AI558" s="539"/>
      <c r="AJ558" s="539"/>
      <c r="AK558" s="539"/>
      <c r="AL558" s="539"/>
      <c r="AM558" s="539"/>
      <c r="AN558" s="539"/>
      <c r="AO558" s="539"/>
      <c r="AP558" s="539"/>
      <c r="AQ558" s="539"/>
      <c r="AR558" s="539"/>
      <c r="AS558" s="539"/>
      <c r="AT558" s="539"/>
      <c r="AU558" s="539"/>
      <c r="AV558" s="539"/>
      <c r="AW558" s="539"/>
      <c r="AX558" s="539"/>
      <c r="AY558" s="539"/>
      <c r="AZ558" s="539"/>
      <c r="BA558" s="539"/>
      <c r="BB558" s="539"/>
      <c r="BC558" s="539"/>
      <c r="BD558" s="539"/>
      <c r="BE558" s="539"/>
      <c r="BF558" s="539"/>
      <c r="BG558" s="539"/>
      <c r="BH558" s="539"/>
      <c r="BI558" s="539"/>
      <c r="BJ558" s="539"/>
      <c r="BK558" s="539"/>
      <c r="BL558" s="539"/>
      <c r="BM558" s="539"/>
      <c r="BN558" s="539"/>
      <c r="BO558" s="539"/>
      <c r="BP558" s="539"/>
      <c r="BQ558" s="539"/>
      <c r="BR558" s="539"/>
      <c r="BS558" s="539"/>
      <c r="BT558" s="539"/>
      <c r="BU558" s="539"/>
      <c r="BV558" s="539"/>
      <c r="BW558" s="539"/>
      <c r="BX558" s="539"/>
      <c r="BY558" s="539"/>
      <c r="BZ558" s="539"/>
      <c r="CA558" s="539"/>
      <c r="CB558" s="539"/>
      <c r="CC558" s="539"/>
      <c r="CD558" s="539"/>
      <c r="CE558" s="539"/>
      <c r="CF558" s="539"/>
      <c r="CG558" s="539"/>
      <c r="CH558" s="539"/>
      <c r="CI558" s="539"/>
      <c r="CJ558" s="539"/>
      <c r="CK558" s="539"/>
      <c r="CL558" s="539"/>
      <c r="CM558" s="539"/>
      <c r="CN558" s="539"/>
      <c r="CO558" s="539"/>
      <c r="CP558" s="539"/>
      <c r="CQ558" s="539"/>
      <c r="CR558" s="539"/>
      <c r="CS558" s="539"/>
      <c r="CT558" s="539"/>
      <c r="CU558" s="539"/>
      <c r="CV558" s="539"/>
      <c r="CW558" s="539"/>
      <c r="CX558" s="539"/>
      <c r="CY558" s="539"/>
      <c r="CZ558" s="539"/>
      <c r="DA558" s="539"/>
      <c r="DB558" s="539"/>
      <c r="DC558" s="539"/>
      <c r="DD558" s="539"/>
      <c r="DE558" s="539"/>
      <c r="DF558" s="539"/>
      <c r="DG558" s="539"/>
      <c r="DH558" s="539"/>
      <c r="DI558" s="510"/>
      <c r="DJ558" s="495" t="s">
        <v>2449</v>
      </c>
      <c r="DK558" s="510"/>
      <c r="DL558" s="544">
        <v>0</v>
      </c>
      <c r="DM558" s="544">
        <v>1</v>
      </c>
    </row>
    <row r="559" spans="1:117" s="341" customFormat="1" ht="56.1" customHeight="1" x14ac:dyDescent="0.2">
      <c r="A559" s="468" t="s">
        <v>2483</v>
      </c>
      <c r="B559" s="281" t="s">
        <v>2497</v>
      </c>
      <c r="C559" s="366">
        <v>676</v>
      </c>
      <c r="D559" s="366"/>
      <c r="E559" s="366" t="s">
        <v>2481</v>
      </c>
      <c r="F559" s="367" t="s">
        <v>53</v>
      </c>
      <c r="G559" s="367" t="s">
        <v>655</v>
      </c>
      <c r="H559" s="273" t="s">
        <v>656</v>
      </c>
      <c r="I559" s="273" t="s">
        <v>824</v>
      </c>
      <c r="J559" s="273" t="s">
        <v>824</v>
      </c>
      <c r="K559" s="468"/>
      <c r="L559" s="273" t="s">
        <v>215</v>
      </c>
      <c r="M559" s="273" t="s">
        <v>63</v>
      </c>
      <c r="N559" s="273"/>
      <c r="O559" s="280" t="s">
        <v>81</v>
      </c>
      <c r="P559" s="273" t="s">
        <v>77</v>
      </c>
      <c r="Q559" s="273"/>
      <c r="R559" s="280" t="s">
        <v>825</v>
      </c>
      <c r="S559" s="471" t="s">
        <v>63</v>
      </c>
      <c r="T559" s="471" t="s">
        <v>63</v>
      </c>
      <c r="U559" s="272">
        <v>100816</v>
      </c>
      <c r="V559" s="272"/>
      <c r="W559" s="281" t="s">
        <v>659</v>
      </c>
      <c r="X559" s="281"/>
      <c r="Y559" s="272">
        <f>U559</f>
        <v>100816</v>
      </c>
      <c r="Z559" s="272" t="s">
        <v>65</v>
      </c>
      <c r="AA559" s="272"/>
      <c r="AB559" s="272"/>
      <c r="AC559" s="272"/>
      <c r="AD559" s="272"/>
      <c r="AE559" s="272"/>
      <c r="AF559" s="272"/>
      <c r="AG559" s="272"/>
      <c r="AH559" s="272"/>
      <c r="AI559" s="272"/>
      <c r="AJ559" s="272"/>
      <c r="AK559" s="272"/>
      <c r="AL559" s="272"/>
      <c r="AM559" s="272"/>
      <c r="AN559" s="272"/>
      <c r="AO559" s="272"/>
      <c r="AP559" s="272"/>
      <c r="AQ559" s="272"/>
      <c r="AR559" s="272"/>
      <c r="AS559" s="272"/>
      <c r="AT559" s="272"/>
      <c r="AU559" s="272"/>
      <c r="AV559" s="272"/>
      <c r="AW559" s="272"/>
      <c r="AX559" s="272"/>
      <c r="AY559" s="272"/>
      <c r="AZ559" s="272"/>
      <c r="BA559" s="272"/>
      <c r="BB559" s="272"/>
      <c r="BC559" s="272"/>
      <c r="BD559" s="272"/>
      <c r="BE559" s="272"/>
      <c r="BF559" s="271">
        <f>SUMIF(AA559:BE559,"YES",'DRAFT - HGC Schemes'!$AB$5:$BF$5)</f>
        <v>0</v>
      </c>
      <c r="BG559" s="272"/>
      <c r="BH559" s="333" t="str">
        <f>IF(AA559="yes",('DRAFT - HGC Schemes'!AB$5*$BG559),"")</f>
        <v/>
      </c>
      <c r="BI559" s="333" t="str">
        <f>IF(AB559="yes",('DRAFT - HGC Schemes'!AC$5*$BG559),"")</f>
        <v/>
      </c>
      <c r="BJ559" s="333" t="str">
        <f>IF(AC559="yes",('DRAFT - HGC Schemes'!AD$5*$BG559),"")</f>
        <v/>
      </c>
      <c r="BK559" s="333" t="str">
        <f>IF(AD559="yes",('DRAFT - HGC Schemes'!AE$5*$BG559),"")</f>
        <v/>
      </c>
      <c r="BL559" s="333" t="str">
        <f>IF(AE559="yes",('DRAFT - HGC Schemes'!AF$5*$BG559),"")</f>
        <v/>
      </c>
      <c r="BM559" s="333" t="str">
        <f>IF(AF559="yes",('DRAFT - HGC Schemes'!AG$5*$BG559),"")</f>
        <v/>
      </c>
      <c r="BN559" s="333" t="str">
        <f>IF(AG559="yes",('DRAFT - HGC Schemes'!AH$5*$BG559),"")</f>
        <v/>
      </c>
      <c r="BO559" s="333" t="str">
        <f>IF(AH559="yes",('DRAFT - HGC Schemes'!AI$5*$BG559),"")</f>
        <v/>
      </c>
      <c r="BP559" s="333" t="str">
        <f>IF(AI559="yes",('DRAFT - HGC Schemes'!AJ$5*$BG559),"")</f>
        <v/>
      </c>
      <c r="BQ559" s="333" t="str">
        <f>IF(AJ559="yes",('DRAFT - HGC Schemes'!AK$5*$BG559),"")</f>
        <v/>
      </c>
      <c r="BR559" s="333" t="str">
        <f>IF(AK559="yes",('DRAFT - HGC Schemes'!AL$5*$BG559),"")</f>
        <v/>
      </c>
      <c r="BS559" s="333" t="str">
        <f>IF(AL559="yes",('DRAFT - HGC Schemes'!AM$5*$BG559),"")</f>
        <v/>
      </c>
      <c r="BT559" s="333" t="str">
        <f>IF(AM559="yes",('DRAFT - HGC Schemes'!AN$5*$BG559),"")</f>
        <v/>
      </c>
      <c r="BU559" s="333" t="str">
        <f>IF(AN559="yes",('DRAFT - HGC Schemes'!AO$5*$BG559),"")</f>
        <v/>
      </c>
      <c r="BV559" s="333" t="str">
        <f>IF(AO559="yes",('DRAFT - HGC Schemes'!AP$5*$BG559),"")</f>
        <v/>
      </c>
      <c r="BW559" s="333" t="str">
        <f>IF(AP559="yes",('DRAFT - HGC Schemes'!AQ$5*$BG559),"")</f>
        <v/>
      </c>
      <c r="BX559" s="333" t="str">
        <f>IF(AQ559="yes",('DRAFT - HGC Schemes'!AR$5*$BG559),"")</f>
        <v/>
      </c>
      <c r="BY559" s="333" t="str">
        <f>IF(AR559="yes",('DRAFT - HGC Schemes'!AS$5*$BG559),"")</f>
        <v/>
      </c>
      <c r="BZ559" s="333" t="str">
        <f>IF(AS559="yes",('DRAFT - HGC Schemes'!AT$5*$BG559),"")</f>
        <v/>
      </c>
      <c r="CA559" s="333" t="str">
        <f>IF(AT559="yes",('DRAFT - HGC Schemes'!AU$5*$BG559),"")</f>
        <v/>
      </c>
      <c r="CB559" s="333" t="str">
        <f>IF(AU559="yes",('DRAFT - HGC Schemes'!AV$5*$BG559),"")</f>
        <v/>
      </c>
      <c r="CC559" s="333" t="str">
        <f>IF(AV559="yes",('DRAFT - HGC Schemes'!AW$5*$BG559),"")</f>
        <v/>
      </c>
      <c r="CD559" s="333" t="str">
        <f>IF(AW559="yes",('DRAFT - HGC Schemes'!AX$5*$BG559),"")</f>
        <v/>
      </c>
      <c r="CE559" s="333" t="str">
        <f>IF(AX559="yes",('DRAFT - HGC Schemes'!AY$5*$BG559),"")</f>
        <v/>
      </c>
      <c r="CF559" s="333" t="str">
        <f>IF(AY559="yes",('DRAFT - HGC Schemes'!AZ$5*$BG559),"")</f>
        <v/>
      </c>
      <c r="CG559" s="333" t="str">
        <f>IF(AZ559="yes",('DRAFT - HGC Schemes'!BA$5*$BG559),"")</f>
        <v/>
      </c>
      <c r="CH559" s="333" t="str">
        <f>IF(BA559="yes",('DRAFT - HGC Schemes'!BB$5*$BG559),"")</f>
        <v/>
      </c>
      <c r="CI559" s="333" t="str">
        <f>IF(BB559="yes",('DRAFT - HGC Schemes'!BC$5*$BG559),"")</f>
        <v/>
      </c>
      <c r="CJ559" s="333" t="str">
        <f>IF(BC559="yes",('DRAFT - HGC Schemes'!BD$5*$BG559),"")</f>
        <v/>
      </c>
      <c r="CK559" s="333" t="str">
        <f>IF(BD559="yes",('DRAFT - HGC Schemes'!BE$5*$BG559),"")</f>
        <v/>
      </c>
      <c r="CL559" s="333" t="str">
        <f>IF(BE559="yes",('DRAFT - HGC Schemes'!BF$5*$BG559),"")</f>
        <v/>
      </c>
      <c r="CM559" s="333"/>
      <c r="CN559" s="333"/>
      <c r="CO559" s="333"/>
      <c r="CP559" s="333"/>
      <c r="CQ559" s="333"/>
      <c r="CR559" s="333"/>
      <c r="CS559" s="333"/>
      <c r="CT559" s="333"/>
      <c r="CU559" s="333"/>
      <c r="CV559" s="333"/>
      <c r="CW559" s="333"/>
      <c r="CX559" s="333"/>
      <c r="CY559" s="333"/>
      <c r="CZ559" s="333"/>
      <c r="DA559" s="333"/>
      <c r="DB559" s="333"/>
      <c r="DC559" s="333"/>
      <c r="DD559" s="333"/>
      <c r="DE559" s="333"/>
      <c r="DF559" s="333"/>
      <c r="DG559" s="333"/>
      <c r="DH559" s="333"/>
      <c r="DI559" s="272" t="s">
        <v>660</v>
      </c>
      <c r="DJ559" s="272"/>
      <c r="DK559" s="339" t="s">
        <v>661</v>
      </c>
    </row>
    <row r="560" spans="1:117" s="340" customFormat="1" ht="56.1" customHeight="1" x14ac:dyDescent="0.2">
      <c r="A560" s="468" t="s">
        <v>2483</v>
      </c>
      <c r="B560" s="281" t="s">
        <v>2497</v>
      </c>
      <c r="C560" s="366">
        <v>677</v>
      </c>
      <c r="D560" s="366"/>
      <c r="E560" s="366" t="s">
        <v>2481</v>
      </c>
      <c r="F560" s="367" t="s">
        <v>53</v>
      </c>
      <c r="G560" s="367" t="s">
        <v>655</v>
      </c>
      <c r="H560" s="273" t="s">
        <v>656</v>
      </c>
      <c r="I560" s="273" t="s">
        <v>826</v>
      </c>
      <c r="J560" s="273" t="s">
        <v>826</v>
      </c>
      <c r="K560" s="468"/>
      <c r="L560" s="273" t="s">
        <v>215</v>
      </c>
      <c r="M560" s="273" t="s">
        <v>63</v>
      </c>
      <c r="N560" s="273"/>
      <c r="O560" s="280" t="s">
        <v>81</v>
      </c>
      <c r="P560" s="273" t="s">
        <v>77</v>
      </c>
      <c r="Q560" s="273"/>
      <c r="R560" s="280" t="s">
        <v>827</v>
      </c>
      <c r="S560" s="471" t="s">
        <v>63</v>
      </c>
      <c r="T560" s="471" t="s">
        <v>63</v>
      </c>
      <c r="U560" s="272">
        <v>1095936</v>
      </c>
      <c r="V560" s="272"/>
      <c r="W560" s="281" t="s">
        <v>659</v>
      </c>
      <c r="X560" s="281"/>
      <c r="Y560" s="272">
        <f>U560</f>
        <v>1095936</v>
      </c>
      <c r="Z560" s="272" t="s">
        <v>65</v>
      </c>
      <c r="AA560" s="272"/>
      <c r="AB560" s="272"/>
      <c r="AC560" s="272"/>
      <c r="AD560" s="272"/>
      <c r="AE560" s="272"/>
      <c r="AF560" s="272"/>
      <c r="AG560" s="272"/>
      <c r="AH560" s="272"/>
      <c r="AI560" s="272"/>
      <c r="AJ560" s="272"/>
      <c r="AK560" s="272"/>
      <c r="AL560" s="272"/>
      <c r="AM560" s="272"/>
      <c r="AN560" s="272"/>
      <c r="AO560" s="272"/>
      <c r="AP560" s="272"/>
      <c r="AQ560" s="272"/>
      <c r="AR560" s="272"/>
      <c r="AS560" s="272"/>
      <c r="AT560" s="272"/>
      <c r="AU560" s="272"/>
      <c r="AV560" s="272"/>
      <c r="AW560" s="272"/>
      <c r="AX560" s="272"/>
      <c r="AY560" s="272"/>
      <c r="AZ560" s="272"/>
      <c r="BA560" s="272"/>
      <c r="BB560" s="272"/>
      <c r="BC560" s="272"/>
      <c r="BD560" s="272"/>
      <c r="BE560" s="272"/>
      <c r="BF560" s="271">
        <f>SUMIF(AA560:BE560,"YES",'DRAFT - HGC Schemes'!$AB$5:$BF$5)</f>
        <v>0</v>
      </c>
      <c r="BG560" s="272"/>
      <c r="BH560" s="333" t="str">
        <f>IF(AA560="yes",('DRAFT - HGC Schemes'!AB$5*$BG560),"")</f>
        <v/>
      </c>
      <c r="BI560" s="333" t="str">
        <f>IF(AB560="yes",('DRAFT - HGC Schemes'!AC$5*$BG560),"")</f>
        <v/>
      </c>
      <c r="BJ560" s="333" t="str">
        <f>IF(AC560="yes",('DRAFT - HGC Schemes'!AD$5*$BG560),"")</f>
        <v/>
      </c>
      <c r="BK560" s="333" t="str">
        <f>IF(AD560="yes",('DRAFT - HGC Schemes'!AE$5*$BG560),"")</f>
        <v/>
      </c>
      <c r="BL560" s="333" t="str">
        <f>IF(AE560="yes",('DRAFT - HGC Schemes'!AF$5*$BG560),"")</f>
        <v/>
      </c>
      <c r="BM560" s="333" t="str">
        <f>IF(AF560="yes",('DRAFT - HGC Schemes'!AG$5*$BG560),"")</f>
        <v/>
      </c>
      <c r="BN560" s="333" t="str">
        <f>IF(AG560="yes",('DRAFT - HGC Schemes'!AH$5*$BG560),"")</f>
        <v/>
      </c>
      <c r="BO560" s="333" t="str">
        <f>IF(AH560="yes",('DRAFT - HGC Schemes'!AI$5*$BG560),"")</f>
        <v/>
      </c>
      <c r="BP560" s="333" t="str">
        <f>IF(AI560="yes",('DRAFT - HGC Schemes'!AJ$5*$BG560),"")</f>
        <v/>
      </c>
      <c r="BQ560" s="333" t="str">
        <f>IF(AJ560="yes",('DRAFT - HGC Schemes'!AK$5*$BG560),"")</f>
        <v/>
      </c>
      <c r="BR560" s="333" t="str">
        <f>IF(AK560="yes",('DRAFT - HGC Schemes'!AL$5*$BG560),"")</f>
        <v/>
      </c>
      <c r="BS560" s="333" t="str">
        <f>IF(AL560="yes",('DRAFT - HGC Schemes'!AM$5*$BG560),"")</f>
        <v/>
      </c>
      <c r="BT560" s="333" t="str">
        <f>IF(AM560="yes",('DRAFT - HGC Schemes'!AN$5*$BG560),"")</f>
        <v/>
      </c>
      <c r="BU560" s="333" t="str">
        <f>IF(AN560="yes",('DRAFT - HGC Schemes'!AO$5*$BG560),"")</f>
        <v/>
      </c>
      <c r="BV560" s="333" t="str">
        <f>IF(AO560="yes",('DRAFT - HGC Schemes'!AP$5*$BG560),"")</f>
        <v/>
      </c>
      <c r="BW560" s="333" t="str">
        <f>IF(AP560="yes",('DRAFT - HGC Schemes'!AQ$5*$BG560),"")</f>
        <v/>
      </c>
      <c r="BX560" s="333" t="str">
        <f>IF(AQ560="yes",('DRAFT - HGC Schemes'!AR$5*$BG560),"")</f>
        <v/>
      </c>
      <c r="BY560" s="333" t="str">
        <f>IF(AR560="yes",('DRAFT - HGC Schemes'!AS$5*$BG560),"")</f>
        <v/>
      </c>
      <c r="BZ560" s="333" t="str">
        <f>IF(AS560="yes",('DRAFT - HGC Schemes'!AT$5*$BG560),"")</f>
        <v/>
      </c>
      <c r="CA560" s="333" t="str">
        <f>IF(AT560="yes",('DRAFT - HGC Schemes'!AU$5*$BG560),"")</f>
        <v/>
      </c>
      <c r="CB560" s="333" t="str">
        <f>IF(AU560="yes",('DRAFT - HGC Schemes'!AV$5*$BG560),"")</f>
        <v/>
      </c>
      <c r="CC560" s="333" t="str">
        <f>IF(AV560="yes",('DRAFT - HGC Schemes'!AW$5*$BG560),"")</f>
        <v/>
      </c>
      <c r="CD560" s="333" t="str">
        <f>IF(AW560="yes",('DRAFT - HGC Schemes'!AX$5*$BG560),"")</f>
        <v/>
      </c>
      <c r="CE560" s="333" t="str">
        <f>IF(AX560="yes",('DRAFT - HGC Schemes'!AY$5*$BG560),"")</f>
        <v/>
      </c>
      <c r="CF560" s="333" t="str">
        <f>IF(AY560="yes",('DRAFT - HGC Schemes'!AZ$5*$BG560),"")</f>
        <v/>
      </c>
      <c r="CG560" s="333" t="str">
        <f>IF(AZ560="yes",('DRAFT - HGC Schemes'!BA$5*$BG560),"")</f>
        <v/>
      </c>
      <c r="CH560" s="333" t="str">
        <f>IF(BA560="yes",('DRAFT - HGC Schemes'!BB$5*$BG560),"")</f>
        <v/>
      </c>
      <c r="CI560" s="333" t="str">
        <f>IF(BB560="yes",('DRAFT - HGC Schemes'!BC$5*$BG560),"")</f>
        <v/>
      </c>
      <c r="CJ560" s="333" t="str">
        <f>IF(BC560="yes",('DRAFT - HGC Schemes'!BD$5*$BG560),"")</f>
        <v/>
      </c>
      <c r="CK560" s="333" t="str">
        <f>IF(BD560="yes",('DRAFT - HGC Schemes'!BE$5*$BG560),"")</f>
        <v/>
      </c>
      <c r="CL560" s="333" t="str">
        <f>IF(BE560="yes",('DRAFT - HGC Schemes'!BF$5*$BG560),"")</f>
        <v/>
      </c>
      <c r="CM560" s="333"/>
      <c r="CN560" s="333"/>
      <c r="CO560" s="333"/>
      <c r="CP560" s="333"/>
      <c r="CQ560" s="333"/>
      <c r="CR560" s="333"/>
      <c r="CS560" s="333"/>
      <c r="CT560" s="333"/>
      <c r="CU560" s="333"/>
      <c r="CV560" s="333"/>
      <c r="CW560" s="333"/>
      <c r="CX560" s="333"/>
      <c r="CY560" s="333"/>
      <c r="CZ560" s="333"/>
      <c r="DA560" s="333"/>
      <c r="DB560" s="333"/>
      <c r="DC560" s="333"/>
      <c r="DD560" s="333"/>
      <c r="DE560" s="333"/>
      <c r="DF560" s="333"/>
      <c r="DG560" s="333"/>
      <c r="DH560" s="333"/>
      <c r="DI560" s="272" t="s">
        <v>660</v>
      </c>
      <c r="DJ560" s="272"/>
      <c r="DK560" s="339" t="s">
        <v>661</v>
      </c>
    </row>
    <row r="561" spans="1:124" s="340" customFormat="1" ht="56.1" customHeight="1" x14ac:dyDescent="0.2">
      <c r="A561" s="468" t="s">
        <v>2483</v>
      </c>
      <c r="B561" s="281" t="s">
        <v>2497</v>
      </c>
      <c r="C561" s="366">
        <v>678</v>
      </c>
      <c r="D561" s="366"/>
      <c r="E561" s="366" t="s">
        <v>2481</v>
      </c>
      <c r="F561" s="367" t="s">
        <v>53</v>
      </c>
      <c r="G561" s="367" t="s">
        <v>655</v>
      </c>
      <c r="H561" s="273" t="s">
        <v>656</v>
      </c>
      <c r="I561" s="273" t="s">
        <v>828</v>
      </c>
      <c r="J561" s="273" t="s">
        <v>828</v>
      </c>
      <c r="K561" s="468"/>
      <c r="L561" s="273" t="s">
        <v>215</v>
      </c>
      <c r="M561" s="273" t="s">
        <v>63</v>
      </c>
      <c r="N561" s="273"/>
      <c r="O561" s="280" t="s">
        <v>81</v>
      </c>
      <c r="P561" s="273" t="s">
        <v>77</v>
      </c>
      <c r="Q561" s="273"/>
      <c r="R561" s="280" t="s">
        <v>829</v>
      </c>
      <c r="S561" s="471" t="s">
        <v>63</v>
      </c>
      <c r="T561" s="471" t="s">
        <v>63</v>
      </c>
      <c r="U561" s="332"/>
      <c r="V561" s="332"/>
      <c r="W561" s="281" t="s">
        <v>659</v>
      </c>
      <c r="X561" s="281"/>
      <c r="Y561" s="332"/>
      <c r="Z561" s="272" t="s">
        <v>65</v>
      </c>
      <c r="AA561" s="272"/>
      <c r="AB561" s="272"/>
      <c r="AC561" s="272"/>
      <c r="AD561" s="272"/>
      <c r="AE561" s="272"/>
      <c r="AF561" s="272"/>
      <c r="AG561" s="272"/>
      <c r="AH561" s="272"/>
      <c r="AI561" s="272"/>
      <c r="AJ561" s="272"/>
      <c r="AK561" s="272"/>
      <c r="AL561" s="272"/>
      <c r="AM561" s="272"/>
      <c r="AN561" s="272"/>
      <c r="AO561" s="272"/>
      <c r="AP561" s="272"/>
      <c r="AQ561" s="272"/>
      <c r="AR561" s="272"/>
      <c r="AS561" s="272"/>
      <c r="AT561" s="272"/>
      <c r="AU561" s="272"/>
      <c r="AV561" s="272"/>
      <c r="AW561" s="272"/>
      <c r="AX561" s="272"/>
      <c r="AY561" s="272"/>
      <c r="AZ561" s="272"/>
      <c r="BA561" s="272"/>
      <c r="BB561" s="272"/>
      <c r="BC561" s="272"/>
      <c r="BD561" s="272"/>
      <c r="BE561" s="272"/>
      <c r="BF561" s="271">
        <f>SUMIF(AA561:BE561,"YES",'DRAFT - HGC Schemes'!$AB$5:$BF$5)</f>
        <v>0</v>
      </c>
      <c r="BG561" s="272"/>
      <c r="BH561" s="333" t="str">
        <f>IF(AA561="yes",('DRAFT - HGC Schemes'!AB$5*$BG561),"")</f>
        <v/>
      </c>
      <c r="BI561" s="333" t="str">
        <f>IF(AB561="yes",('DRAFT - HGC Schemes'!AC$5*$BG561),"")</f>
        <v/>
      </c>
      <c r="BJ561" s="333" t="str">
        <f>IF(AC561="yes",('DRAFT - HGC Schemes'!AD$5*$BG561),"")</f>
        <v/>
      </c>
      <c r="BK561" s="333" t="str">
        <f>IF(AD561="yes",('DRAFT - HGC Schemes'!AE$5*$BG561),"")</f>
        <v/>
      </c>
      <c r="BL561" s="333" t="str">
        <f>IF(AE561="yes",('DRAFT - HGC Schemes'!AF$5*$BG561),"")</f>
        <v/>
      </c>
      <c r="BM561" s="333" t="str">
        <f>IF(AF561="yes",('DRAFT - HGC Schemes'!AG$5*$BG561),"")</f>
        <v/>
      </c>
      <c r="BN561" s="333" t="str">
        <f>IF(AG561="yes",('DRAFT - HGC Schemes'!AH$5*$BG561),"")</f>
        <v/>
      </c>
      <c r="BO561" s="333" t="str">
        <f>IF(AH561="yes",('DRAFT - HGC Schemes'!AI$5*$BG561),"")</f>
        <v/>
      </c>
      <c r="BP561" s="333" t="str">
        <f>IF(AI561="yes",('DRAFT - HGC Schemes'!AJ$5*$BG561),"")</f>
        <v/>
      </c>
      <c r="BQ561" s="333" t="str">
        <f>IF(AJ561="yes",('DRAFT - HGC Schemes'!AK$5*$BG561),"")</f>
        <v/>
      </c>
      <c r="BR561" s="333" t="str">
        <f>IF(AK561="yes",('DRAFT - HGC Schemes'!AL$5*$BG561),"")</f>
        <v/>
      </c>
      <c r="BS561" s="333" t="str">
        <f>IF(AL561="yes",('DRAFT - HGC Schemes'!AM$5*$BG561),"")</f>
        <v/>
      </c>
      <c r="BT561" s="333" t="str">
        <f>IF(AM561="yes",('DRAFT - HGC Schemes'!AN$5*$BG561),"")</f>
        <v/>
      </c>
      <c r="BU561" s="333" t="str">
        <f>IF(AN561="yes",('DRAFT - HGC Schemes'!AO$5*$BG561),"")</f>
        <v/>
      </c>
      <c r="BV561" s="333" t="str">
        <f>IF(AO561="yes",('DRAFT - HGC Schemes'!AP$5*$BG561),"")</f>
        <v/>
      </c>
      <c r="BW561" s="333" t="str">
        <f>IF(AP561="yes",('DRAFT - HGC Schemes'!AQ$5*$BG561),"")</f>
        <v/>
      </c>
      <c r="BX561" s="333" t="str">
        <f>IF(AQ561="yes",('DRAFT - HGC Schemes'!AR$5*$BG561),"")</f>
        <v/>
      </c>
      <c r="BY561" s="333" t="str">
        <f>IF(AR561="yes",('DRAFT - HGC Schemes'!AS$5*$BG561),"")</f>
        <v/>
      </c>
      <c r="BZ561" s="333" t="str">
        <f>IF(AS561="yes",('DRAFT - HGC Schemes'!AT$5*$BG561),"")</f>
        <v/>
      </c>
      <c r="CA561" s="333" t="str">
        <f>IF(AT561="yes",('DRAFT - HGC Schemes'!AU$5*$BG561),"")</f>
        <v/>
      </c>
      <c r="CB561" s="333" t="str">
        <f>IF(AU561="yes",('DRAFT - HGC Schemes'!AV$5*$BG561),"")</f>
        <v/>
      </c>
      <c r="CC561" s="333" t="str">
        <f>IF(AV561="yes",('DRAFT - HGC Schemes'!AW$5*$BG561),"")</f>
        <v/>
      </c>
      <c r="CD561" s="333" t="str">
        <f>IF(AW561="yes",('DRAFT - HGC Schemes'!AX$5*$BG561),"")</f>
        <v/>
      </c>
      <c r="CE561" s="333" t="str">
        <f>IF(AX561="yes",('DRAFT - HGC Schemes'!AY$5*$BG561),"")</f>
        <v/>
      </c>
      <c r="CF561" s="333" t="str">
        <f>IF(AY561="yes",('DRAFT - HGC Schemes'!AZ$5*$BG561),"")</f>
        <v/>
      </c>
      <c r="CG561" s="333" t="str">
        <f>IF(AZ561="yes",('DRAFT - HGC Schemes'!BA$5*$BG561),"")</f>
        <v/>
      </c>
      <c r="CH561" s="333" t="str">
        <f>IF(BA561="yes",('DRAFT - HGC Schemes'!BB$5*$BG561),"")</f>
        <v/>
      </c>
      <c r="CI561" s="333" t="str">
        <f>IF(BB561="yes",('DRAFT - HGC Schemes'!BC$5*$BG561),"")</f>
        <v/>
      </c>
      <c r="CJ561" s="333" t="str">
        <f>IF(BC561="yes",('DRAFT - HGC Schemes'!BD$5*$BG561),"")</f>
        <v/>
      </c>
      <c r="CK561" s="333" t="str">
        <f>IF(BD561="yes",('DRAFT - HGC Schemes'!BE$5*$BG561),"")</f>
        <v/>
      </c>
      <c r="CL561" s="333" t="str">
        <f>IF(BE561="yes",('DRAFT - HGC Schemes'!BF$5*$BG561),"")</f>
        <v/>
      </c>
      <c r="CM561" s="333"/>
      <c r="CN561" s="333"/>
      <c r="CO561" s="333"/>
      <c r="CP561" s="333"/>
      <c r="CQ561" s="333"/>
      <c r="CR561" s="333"/>
      <c r="CS561" s="333"/>
      <c r="CT561" s="333"/>
      <c r="CU561" s="333"/>
      <c r="CV561" s="333"/>
      <c r="CW561" s="333"/>
      <c r="CX561" s="333"/>
      <c r="CY561" s="333"/>
      <c r="CZ561" s="333"/>
      <c r="DA561" s="333"/>
      <c r="DB561" s="333"/>
      <c r="DC561" s="333"/>
      <c r="DD561" s="333"/>
      <c r="DE561" s="333"/>
      <c r="DF561" s="333"/>
      <c r="DG561" s="333"/>
      <c r="DH561" s="333"/>
      <c r="DI561" s="272" t="s">
        <v>660</v>
      </c>
      <c r="DJ561" s="272"/>
      <c r="DK561" s="339" t="s">
        <v>661</v>
      </c>
    </row>
    <row r="562" spans="1:124" s="613" customFormat="1" ht="67.349999999999994" customHeight="1" x14ac:dyDescent="0.2">
      <c r="A562" s="352" t="s">
        <v>2978</v>
      </c>
      <c r="B562" s="610"/>
      <c r="C562" s="494"/>
      <c r="D562" s="511">
        <v>67</v>
      </c>
      <c r="E562" s="511"/>
      <c r="F562" s="511" t="s">
        <v>2182</v>
      </c>
      <c r="G562" s="512" t="s">
        <v>1385</v>
      </c>
      <c r="H562" s="511" t="s">
        <v>1331</v>
      </c>
      <c r="I562" s="515" t="s">
        <v>2261</v>
      </c>
      <c r="J562" s="515" t="s">
        <v>2262</v>
      </c>
      <c r="K562" s="513" t="s">
        <v>2263</v>
      </c>
      <c r="L562" s="609" t="s">
        <v>2264</v>
      </c>
      <c r="M562" s="513" t="s">
        <v>2264</v>
      </c>
      <c r="N562" s="351" t="s">
        <v>2265</v>
      </c>
      <c r="O562" s="351" t="s">
        <v>2265</v>
      </c>
      <c r="P562" s="513"/>
      <c r="Q562" s="513" t="s">
        <v>60</v>
      </c>
      <c r="R562" s="669" t="s">
        <v>869</v>
      </c>
      <c r="S562" s="484" t="s">
        <v>869</v>
      </c>
      <c r="T562" s="515" t="s">
        <v>2266</v>
      </c>
      <c r="U562" s="515"/>
      <c r="V562" s="626" t="s">
        <v>63</v>
      </c>
      <c r="W562" s="626" t="s">
        <v>63</v>
      </c>
      <c r="X562" s="525">
        <v>484962.30060000002</v>
      </c>
      <c r="Y562" s="525"/>
      <c r="Z562" s="516" t="s">
        <v>2188</v>
      </c>
      <c r="AA562" s="516"/>
      <c r="AB562" s="525">
        <v>484962.30060000002</v>
      </c>
      <c r="AC562" s="516"/>
      <c r="AD562" s="653" t="s">
        <v>2189</v>
      </c>
      <c r="AE562" s="653"/>
      <c r="AF562" s="516"/>
      <c r="AG562" s="516"/>
      <c r="AH562" s="516"/>
      <c r="AI562" s="516"/>
      <c r="AJ562" s="516"/>
      <c r="AK562" s="516"/>
      <c r="AL562" s="516"/>
      <c r="AM562" s="516"/>
      <c r="AN562" s="516"/>
      <c r="AO562" s="516"/>
      <c r="AP562" s="516"/>
      <c r="AQ562" s="516"/>
      <c r="AR562" s="516"/>
      <c r="AS562" s="516"/>
      <c r="AT562" s="516"/>
      <c r="AU562" s="516"/>
      <c r="AV562" s="516"/>
      <c r="AW562" s="516"/>
      <c r="AX562" s="516"/>
      <c r="AY562" s="516"/>
      <c r="AZ562" s="516"/>
      <c r="BA562" s="516"/>
      <c r="BB562" s="516"/>
      <c r="BC562" s="516"/>
      <c r="BD562" s="516"/>
      <c r="BE562" s="516"/>
      <c r="BF562" s="516"/>
      <c r="BG562" s="516"/>
      <c r="BH562" s="516"/>
      <c r="BI562" s="516"/>
      <c r="BJ562" s="516"/>
      <c r="BK562" s="516"/>
      <c r="BL562" s="516"/>
      <c r="BM562" s="516"/>
      <c r="BN562" s="516"/>
      <c r="BO562" s="516"/>
      <c r="BP562" s="516"/>
      <c r="BQ562" s="516"/>
      <c r="BR562" s="516"/>
      <c r="BS562" s="516"/>
      <c r="BT562" s="516"/>
      <c r="BU562" s="516"/>
      <c r="BV562" s="516"/>
      <c r="BW562" s="516"/>
      <c r="BX562" s="516"/>
      <c r="BY562" s="516"/>
      <c r="BZ562" s="516"/>
      <c r="CA562" s="516"/>
      <c r="CB562" s="516"/>
      <c r="CC562" s="516"/>
      <c r="CD562" s="516"/>
      <c r="CE562" s="516"/>
      <c r="CF562" s="516"/>
      <c r="CG562" s="516"/>
      <c r="CH562" s="516"/>
      <c r="CI562" s="516"/>
      <c r="CJ562" s="516"/>
      <c r="CK562" s="516"/>
      <c r="CL562" s="516"/>
      <c r="CM562" s="516"/>
      <c r="CN562" s="516"/>
      <c r="CO562" s="516"/>
      <c r="CP562" s="516"/>
      <c r="CQ562" s="516"/>
      <c r="CR562" s="516"/>
      <c r="CS562" s="516"/>
      <c r="CT562" s="516"/>
      <c r="CU562" s="516"/>
      <c r="CV562" s="516"/>
      <c r="CW562" s="516" t="s">
        <v>2190</v>
      </c>
      <c r="CX562" s="516"/>
      <c r="CY562" s="516"/>
      <c r="CZ562" s="516"/>
      <c r="DA562" s="516"/>
      <c r="DB562" s="516"/>
      <c r="DC562" s="516"/>
      <c r="DD562" s="516"/>
      <c r="DE562" s="516"/>
      <c r="DF562" s="516"/>
      <c r="DG562" s="516"/>
      <c r="DH562" s="516"/>
      <c r="DI562" s="516"/>
      <c r="DJ562" s="516"/>
      <c r="DK562" s="516"/>
      <c r="DL562" s="516"/>
      <c r="DM562" s="524"/>
      <c r="DN562" s="524"/>
      <c r="DO562" s="524"/>
      <c r="DP562" s="513" t="s">
        <v>2267</v>
      </c>
      <c r="DQ562" s="513"/>
      <c r="DR562" s="513"/>
      <c r="DS562" s="494"/>
      <c r="DT562" s="494"/>
    </row>
    <row r="563" spans="1:124" s="613" customFormat="1" ht="56.1" customHeight="1" x14ac:dyDescent="0.2">
      <c r="A563" s="464" t="s">
        <v>2979</v>
      </c>
      <c r="B563" s="499"/>
      <c r="C563" s="494"/>
      <c r="D563" s="633" t="s">
        <v>2980</v>
      </c>
      <c r="E563" s="494"/>
      <c r="F563" s="481" t="s">
        <v>2981</v>
      </c>
      <c r="G563" s="494"/>
      <c r="H563" s="671" t="s">
        <v>54</v>
      </c>
      <c r="I563" s="654" t="s">
        <v>102</v>
      </c>
      <c r="J563" s="675" t="s">
        <v>2982</v>
      </c>
      <c r="K563" s="484" t="s">
        <v>2983</v>
      </c>
      <c r="L563" s="634"/>
      <c r="M563" s="494"/>
      <c r="N563" s="285"/>
      <c r="O563" s="285"/>
      <c r="P563" s="494"/>
      <c r="Q563" s="494"/>
      <c r="R563" s="668"/>
      <c r="S563" s="484">
        <v>0</v>
      </c>
      <c r="T563" s="494"/>
      <c r="U563" s="494"/>
      <c r="V563" s="635"/>
      <c r="W563" s="635"/>
      <c r="X563" s="637">
        <v>48849715</v>
      </c>
      <c r="Y563" s="485"/>
      <c r="Z563" s="494"/>
      <c r="AA563" s="494"/>
      <c r="AB563" s="485"/>
      <c r="AC563" s="499"/>
      <c r="AD563" s="494"/>
      <c r="AE563" s="494"/>
      <c r="AF563" s="494"/>
      <c r="AG563" s="494"/>
      <c r="AH563" s="494"/>
      <c r="AI563" s="494"/>
      <c r="AJ563" s="494"/>
      <c r="AK563" s="494"/>
      <c r="AL563" s="494"/>
      <c r="AM563" s="494"/>
      <c r="AN563" s="494"/>
      <c r="AO563" s="494"/>
      <c r="AP563" s="494"/>
      <c r="AQ563" s="494"/>
      <c r="AR563" s="494"/>
      <c r="AS563" s="494"/>
      <c r="AT563" s="494"/>
      <c r="AU563" s="494"/>
      <c r="AV563" s="494"/>
      <c r="AW563" s="494"/>
      <c r="AX563" s="494"/>
      <c r="AY563" s="494"/>
      <c r="AZ563" s="494"/>
      <c r="BA563" s="494"/>
      <c r="BB563" s="494"/>
      <c r="BC563" s="494"/>
      <c r="BD563" s="494"/>
      <c r="BE563" s="494"/>
      <c r="BF563" s="494"/>
      <c r="BG563" s="494"/>
      <c r="BH563" s="494"/>
      <c r="BI563" s="494"/>
      <c r="BJ563" s="494"/>
      <c r="BK563" s="494"/>
      <c r="BL563" s="494"/>
      <c r="BM563" s="494"/>
      <c r="BN563" s="494"/>
      <c r="BO563" s="494"/>
      <c r="BP563" s="494"/>
      <c r="BQ563" s="494"/>
      <c r="BR563" s="494"/>
      <c r="BS563" s="494"/>
      <c r="BT563" s="494"/>
      <c r="BU563" s="494"/>
      <c r="BV563" s="494"/>
      <c r="BW563" s="494"/>
      <c r="BX563" s="494"/>
      <c r="BY563" s="494"/>
      <c r="BZ563" s="494"/>
      <c r="CA563" s="494"/>
      <c r="CB563" s="494"/>
      <c r="CC563" s="494"/>
      <c r="CD563" s="494"/>
      <c r="CE563" s="494"/>
      <c r="CF563" s="494"/>
      <c r="CG563" s="494"/>
      <c r="CH563" s="494"/>
      <c r="CI563" s="494"/>
      <c r="CJ563" s="494"/>
      <c r="CK563" s="494"/>
      <c r="CL563" s="494"/>
      <c r="CM563" s="494"/>
      <c r="CN563" s="494"/>
      <c r="CO563" s="494"/>
      <c r="CP563" s="494"/>
      <c r="CQ563" s="494"/>
      <c r="CR563" s="494"/>
      <c r="CS563" s="494"/>
      <c r="CT563" s="494"/>
      <c r="CU563" s="494"/>
      <c r="CV563" s="494"/>
      <c r="CW563" s="494"/>
      <c r="CX563" s="494"/>
      <c r="CY563" s="494"/>
      <c r="CZ563" s="494"/>
      <c r="DA563" s="494"/>
      <c r="DB563" s="494"/>
      <c r="DC563" s="494"/>
      <c r="DD563" s="494"/>
      <c r="DE563" s="494"/>
      <c r="DF563" s="494"/>
      <c r="DG563" s="494"/>
      <c r="DH563" s="494"/>
      <c r="DI563" s="494"/>
      <c r="DJ563" s="494"/>
      <c r="DK563" s="494"/>
      <c r="DL563" s="494"/>
      <c r="DM563" s="494"/>
      <c r="DN563" s="494"/>
      <c r="DO563" s="494"/>
      <c r="DP563" s="636" t="s">
        <v>2984</v>
      </c>
      <c r="DQ563" s="494"/>
      <c r="DR563" s="494"/>
      <c r="DS563" s="494"/>
      <c r="DT563" s="494"/>
    </row>
    <row r="564" spans="1:124" s="613" customFormat="1" ht="63.6" customHeight="1" x14ac:dyDescent="0.2">
      <c r="A564" s="232" t="s">
        <v>2985</v>
      </c>
      <c r="B564" s="499"/>
      <c r="C564" s="494"/>
      <c r="D564" s="511">
        <v>192</v>
      </c>
      <c r="E564" s="511"/>
      <c r="F564" s="511" t="s">
        <v>2182</v>
      </c>
      <c r="G564" s="512" t="s">
        <v>1385</v>
      </c>
      <c r="H564" s="511" t="s">
        <v>655</v>
      </c>
      <c r="I564" s="515" t="s">
        <v>932</v>
      </c>
      <c r="J564" s="515" t="s">
        <v>2438</v>
      </c>
      <c r="K564" s="513" t="s">
        <v>2439</v>
      </c>
      <c r="L564" s="609" t="s">
        <v>253</v>
      </c>
      <c r="M564" s="513" t="s">
        <v>2408</v>
      </c>
      <c r="N564" s="351" t="s">
        <v>63</v>
      </c>
      <c r="O564" s="351" t="s">
        <v>63</v>
      </c>
      <c r="P564" s="513" t="s">
        <v>2986</v>
      </c>
      <c r="Q564" s="513" t="s">
        <v>81</v>
      </c>
      <c r="R564" s="77" t="s">
        <v>2987</v>
      </c>
      <c r="S564" s="484" t="s">
        <v>2988</v>
      </c>
      <c r="T564" s="515" t="s">
        <v>2258</v>
      </c>
      <c r="U564" s="515"/>
      <c r="V564" s="627" t="s">
        <v>63</v>
      </c>
      <c r="W564" s="627" t="s">
        <v>63</v>
      </c>
      <c r="X564" s="516">
        <v>3484200</v>
      </c>
      <c r="Y564" s="516"/>
      <c r="Z564" s="655" t="s">
        <v>2989</v>
      </c>
      <c r="AA564" s="516"/>
      <c r="AB564" s="516">
        <v>3484200</v>
      </c>
      <c r="AC564" s="516"/>
      <c r="AD564" s="646" t="s">
        <v>853</v>
      </c>
      <c r="AE564" s="662"/>
      <c r="AF564" s="516"/>
      <c r="AG564" s="516"/>
      <c r="AH564" s="516"/>
      <c r="AI564" s="516"/>
      <c r="AJ564" s="516"/>
      <c r="AK564" s="516"/>
      <c r="AL564" s="516"/>
      <c r="AM564" s="516"/>
      <c r="AN564" s="516"/>
      <c r="AO564" s="516"/>
      <c r="AP564" s="516"/>
      <c r="AQ564" s="516"/>
      <c r="AR564" s="516"/>
      <c r="AS564" s="516"/>
      <c r="AT564" s="516"/>
      <c r="AU564" s="516"/>
      <c r="AV564" s="516"/>
      <c r="AW564" s="516"/>
      <c r="AX564" s="516"/>
      <c r="AY564" s="516"/>
      <c r="AZ564" s="516"/>
      <c r="BA564" s="516"/>
      <c r="BB564" s="516"/>
      <c r="BC564" s="516"/>
      <c r="BD564" s="516"/>
      <c r="BE564" s="516"/>
      <c r="BF564" s="516"/>
      <c r="BG564" s="516"/>
      <c r="BH564" s="516"/>
      <c r="BI564" s="516"/>
      <c r="BJ564" s="516"/>
      <c r="BK564" s="516"/>
      <c r="BL564" s="516"/>
      <c r="BM564" s="516"/>
      <c r="BN564" s="516"/>
      <c r="BO564" s="516"/>
      <c r="BP564" s="516"/>
      <c r="BQ564" s="516"/>
      <c r="BR564" s="516"/>
      <c r="BS564" s="516"/>
      <c r="BT564" s="516"/>
      <c r="BU564" s="516"/>
      <c r="BV564" s="516"/>
      <c r="BW564" s="516"/>
      <c r="BX564" s="516"/>
      <c r="BY564" s="516"/>
      <c r="BZ564" s="516"/>
      <c r="CA564" s="516"/>
      <c r="CB564" s="516"/>
      <c r="CC564" s="516"/>
      <c r="CD564" s="516"/>
      <c r="CE564" s="516"/>
      <c r="CF564" s="516"/>
      <c r="CG564" s="516"/>
      <c r="CH564" s="516"/>
      <c r="CI564" s="516"/>
      <c r="CJ564" s="516"/>
      <c r="CK564" s="516"/>
      <c r="CL564" s="516"/>
      <c r="CM564" s="516"/>
      <c r="CN564" s="516"/>
      <c r="CO564" s="516"/>
      <c r="CP564" s="516"/>
      <c r="CQ564" s="516"/>
      <c r="CR564" s="516"/>
      <c r="CS564" s="516"/>
      <c r="CT564" s="516"/>
      <c r="CU564" s="516"/>
      <c r="CV564" s="516"/>
      <c r="CW564" s="516"/>
      <c r="CX564" s="516"/>
      <c r="CY564" s="516"/>
      <c r="CZ564" s="516"/>
      <c r="DA564" s="516"/>
      <c r="DB564" s="516"/>
      <c r="DC564" s="516"/>
      <c r="DD564" s="516"/>
      <c r="DE564" s="516"/>
      <c r="DF564" s="516"/>
      <c r="DG564" s="513"/>
      <c r="DH564" s="516"/>
      <c r="DI564" s="516"/>
      <c r="DJ564" s="516" t="s">
        <v>66</v>
      </c>
      <c r="DK564" s="513"/>
      <c r="DL564" s="513"/>
      <c r="DM564" s="516" t="s">
        <v>66</v>
      </c>
      <c r="DN564" s="516"/>
      <c r="DO564" s="516"/>
      <c r="DP564" s="513" t="s">
        <v>2429</v>
      </c>
      <c r="DQ564" s="513"/>
      <c r="DR564" s="530" t="s">
        <v>2990</v>
      </c>
      <c r="DS564" s="494"/>
      <c r="DT564" s="494"/>
    </row>
    <row r="565" spans="1:124" s="613" customFormat="1" ht="56.1" customHeight="1" x14ac:dyDescent="0.2">
      <c r="A565" s="232" t="s">
        <v>2985</v>
      </c>
      <c r="B565" s="499"/>
      <c r="C565" s="494"/>
      <c r="D565" s="511">
        <v>194</v>
      </c>
      <c r="E565" s="511"/>
      <c r="F565" s="511" t="s">
        <v>2182</v>
      </c>
      <c r="G565" s="512" t="s">
        <v>1385</v>
      </c>
      <c r="H565" s="511" t="s">
        <v>655</v>
      </c>
      <c r="I565" s="515" t="s">
        <v>932</v>
      </c>
      <c r="J565" s="515" t="s">
        <v>2440</v>
      </c>
      <c r="K565" s="513" t="s">
        <v>2441</v>
      </c>
      <c r="L565" s="609" t="s">
        <v>253</v>
      </c>
      <c r="M565" s="513" t="s">
        <v>2442</v>
      </c>
      <c r="N565" s="351" t="s">
        <v>63</v>
      </c>
      <c r="O565" s="351" t="s">
        <v>63</v>
      </c>
      <c r="P565" s="513" t="s">
        <v>2986</v>
      </c>
      <c r="Q565" s="513" t="s">
        <v>81</v>
      </c>
      <c r="R565" s="77" t="s">
        <v>2987</v>
      </c>
      <c r="S565" s="484" t="s">
        <v>2988</v>
      </c>
      <c r="T565" s="515" t="s">
        <v>2258</v>
      </c>
      <c r="U565" s="515"/>
      <c r="V565" s="627" t="s">
        <v>63</v>
      </c>
      <c r="W565" s="627" t="s">
        <v>63</v>
      </c>
      <c r="X565" s="516">
        <v>1000000</v>
      </c>
      <c r="Y565" s="516"/>
      <c r="Z565" s="655" t="s">
        <v>2989</v>
      </c>
      <c r="AA565" s="516"/>
      <c r="AB565" s="516">
        <v>1000000</v>
      </c>
      <c r="AC565" s="516"/>
      <c r="AD565" s="646" t="s">
        <v>853</v>
      </c>
      <c r="AE565" s="662"/>
      <c r="AF565" s="516"/>
      <c r="AG565" s="516"/>
      <c r="AH565" s="516"/>
      <c r="AI565" s="516"/>
      <c r="AJ565" s="516"/>
      <c r="AK565" s="516"/>
      <c r="AL565" s="516"/>
      <c r="AM565" s="516"/>
      <c r="AN565" s="516"/>
      <c r="AO565" s="516"/>
      <c r="AP565" s="516"/>
      <c r="AQ565" s="516"/>
      <c r="AR565" s="516"/>
      <c r="AS565" s="516"/>
      <c r="AT565" s="516"/>
      <c r="AU565" s="516"/>
      <c r="AV565" s="516"/>
      <c r="AW565" s="516"/>
      <c r="AX565" s="516"/>
      <c r="AY565" s="516"/>
      <c r="AZ565" s="516"/>
      <c r="BA565" s="516"/>
      <c r="BB565" s="516"/>
      <c r="BC565" s="516"/>
      <c r="BD565" s="516"/>
      <c r="BE565" s="516"/>
      <c r="BF565" s="516"/>
      <c r="BG565" s="516"/>
      <c r="BH565" s="516"/>
      <c r="BI565" s="516"/>
      <c r="BJ565" s="516"/>
      <c r="BK565" s="516"/>
      <c r="BL565" s="516"/>
      <c r="BM565" s="516"/>
      <c r="BN565" s="516"/>
      <c r="BO565" s="516"/>
      <c r="BP565" s="516"/>
      <c r="BQ565" s="516"/>
      <c r="BR565" s="516"/>
      <c r="BS565" s="516"/>
      <c r="BT565" s="516"/>
      <c r="BU565" s="516"/>
      <c r="BV565" s="516"/>
      <c r="BW565" s="516"/>
      <c r="BX565" s="516"/>
      <c r="BY565" s="516"/>
      <c r="BZ565" s="516"/>
      <c r="CA565" s="516"/>
      <c r="CB565" s="516"/>
      <c r="CC565" s="516"/>
      <c r="CD565" s="516"/>
      <c r="CE565" s="516"/>
      <c r="CF565" s="516"/>
      <c r="CG565" s="516"/>
      <c r="CH565" s="516"/>
      <c r="CI565" s="516"/>
      <c r="CJ565" s="516"/>
      <c r="CK565" s="516"/>
      <c r="CL565" s="516"/>
      <c r="CM565" s="516"/>
      <c r="CN565" s="516"/>
      <c r="CO565" s="516"/>
      <c r="CP565" s="516"/>
      <c r="CQ565" s="516"/>
      <c r="CR565" s="516"/>
      <c r="CS565" s="516"/>
      <c r="CT565" s="516"/>
      <c r="CU565" s="516"/>
      <c r="CV565" s="516"/>
      <c r="CW565" s="516"/>
      <c r="CX565" s="516"/>
      <c r="CY565" s="516"/>
      <c r="CZ565" s="516"/>
      <c r="DA565" s="516"/>
      <c r="DB565" s="516"/>
      <c r="DC565" s="516"/>
      <c r="DD565" s="516"/>
      <c r="DE565" s="516"/>
      <c r="DF565" s="516"/>
      <c r="DG565" s="513"/>
      <c r="DH565" s="516"/>
      <c r="DI565" s="516"/>
      <c r="DJ565" s="516" t="s">
        <v>66</v>
      </c>
      <c r="DK565" s="516" t="s">
        <v>66</v>
      </c>
      <c r="DL565" s="513"/>
      <c r="DM565" s="516"/>
      <c r="DN565" s="516"/>
      <c r="DO565" s="516"/>
      <c r="DP565" s="513" t="s">
        <v>2429</v>
      </c>
      <c r="DQ565" s="513"/>
      <c r="DR565" s="530" t="s">
        <v>2990</v>
      </c>
      <c r="DS565" s="494"/>
      <c r="DT565" s="494"/>
    </row>
    <row r="566" spans="1:124" s="613" customFormat="1" ht="96.6" customHeight="1" x14ac:dyDescent="0.2">
      <c r="A566" s="658" t="s">
        <v>2991</v>
      </c>
      <c r="B566" s="643" t="s">
        <v>2383</v>
      </c>
      <c r="C566" s="494"/>
      <c r="D566" s="688">
        <v>103</v>
      </c>
      <c r="E566" s="511"/>
      <c r="F566" s="511" t="s">
        <v>2182</v>
      </c>
      <c r="G566" s="512" t="s">
        <v>1385</v>
      </c>
      <c r="H566" s="511" t="s">
        <v>655</v>
      </c>
      <c r="I566" s="515" t="s">
        <v>900</v>
      </c>
      <c r="J566" s="515" t="s">
        <v>2385</v>
      </c>
      <c r="K566" s="513" t="s">
        <v>2386</v>
      </c>
      <c r="L566" s="609" t="s">
        <v>2205</v>
      </c>
      <c r="M566" s="513" t="s">
        <v>254</v>
      </c>
      <c r="N566" s="351" t="s">
        <v>2992</v>
      </c>
      <c r="O566" s="351" t="s">
        <v>2348</v>
      </c>
      <c r="P566" s="501" t="s">
        <v>2993</v>
      </c>
      <c r="Q566" s="513" t="s">
        <v>81</v>
      </c>
      <c r="R566" s="77" t="s">
        <v>525</v>
      </c>
      <c r="S566" s="484" t="s">
        <v>77</v>
      </c>
      <c r="T566" s="515" t="s">
        <v>2387</v>
      </c>
      <c r="U566" s="515"/>
      <c r="V566" s="626" t="s">
        <v>63</v>
      </c>
      <c r="W566" s="626" t="s">
        <v>63</v>
      </c>
      <c r="X566" s="516">
        <v>1056500</v>
      </c>
      <c r="Y566" s="516"/>
      <c r="Z566" s="655" t="s">
        <v>2994</v>
      </c>
      <c r="AA566" s="516"/>
      <c r="AB566" s="516" t="s">
        <v>191</v>
      </c>
      <c r="AC566" s="516"/>
      <c r="AD566" s="646" t="s">
        <v>245</v>
      </c>
      <c r="AE566" s="662"/>
      <c r="AF566" s="516"/>
      <c r="AG566" s="516"/>
      <c r="AH566" s="516"/>
      <c r="AI566" s="516"/>
      <c r="AJ566" s="516"/>
      <c r="AK566" s="516"/>
      <c r="AL566" s="516"/>
      <c r="AM566" s="516"/>
      <c r="AN566" s="516"/>
      <c r="AO566" s="516"/>
      <c r="AP566" s="516"/>
      <c r="AQ566" s="516"/>
      <c r="AR566" s="516"/>
      <c r="AS566" s="516"/>
      <c r="AT566" s="516"/>
      <c r="AU566" s="516"/>
      <c r="AV566" s="516"/>
      <c r="AW566" s="516"/>
      <c r="AX566" s="516"/>
      <c r="AY566" s="516"/>
      <c r="AZ566" s="516"/>
      <c r="BA566" s="516"/>
      <c r="BB566" s="516"/>
      <c r="BC566" s="516"/>
      <c r="BD566" s="516"/>
      <c r="BE566" s="516"/>
      <c r="BF566" s="516"/>
      <c r="BG566" s="516"/>
      <c r="BH566" s="516"/>
      <c r="BI566" s="516"/>
      <c r="BJ566" s="516"/>
      <c r="BK566" s="516"/>
      <c r="BL566" s="516"/>
      <c r="BM566" s="516"/>
      <c r="BN566" s="516"/>
      <c r="BO566" s="516"/>
      <c r="BP566" s="516"/>
      <c r="BQ566" s="516"/>
      <c r="BR566" s="516"/>
      <c r="BS566" s="516"/>
      <c r="BT566" s="516"/>
      <c r="BU566" s="516"/>
      <c r="BV566" s="516"/>
      <c r="BW566" s="516"/>
      <c r="BX566" s="516"/>
      <c r="BY566" s="516"/>
      <c r="BZ566" s="516"/>
      <c r="CA566" s="516"/>
      <c r="CB566" s="516"/>
      <c r="CC566" s="516"/>
      <c r="CD566" s="516"/>
      <c r="CE566" s="516"/>
      <c r="CF566" s="516"/>
      <c r="CG566" s="516"/>
      <c r="CH566" s="516"/>
      <c r="CI566" s="516"/>
      <c r="CJ566" s="516"/>
      <c r="CK566" s="516"/>
      <c r="CL566" s="516"/>
      <c r="CM566" s="516"/>
      <c r="CN566" s="516"/>
      <c r="CO566" s="516"/>
      <c r="CP566" s="516"/>
      <c r="CQ566" s="516"/>
      <c r="CR566" s="516"/>
      <c r="CS566" s="516"/>
      <c r="CT566" s="516"/>
      <c r="CU566" s="516"/>
      <c r="CV566" s="516"/>
      <c r="CW566" s="516"/>
      <c r="CX566" s="516"/>
      <c r="CY566" s="516"/>
      <c r="CZ566" s="516" t="s">
        <v>66</v>
      </c>
      <c r="DA566" s="516" t="s">
        <v>66</v>
      </c>
      <c r="DB566" s="516" t="s">
        <v>66</v>
      </c>
      <c r="DC566" s="516" t="s">
        <v>66</v>
      </c>
      <c r="DD566" s="516"/>
      <c r="DE566" s="516"/>
      <c r="DF566" s="516"/>
      <c r="DG566" s="516"/>
      <c r="DH566" s="516"/>
      <c r="DI566" s="516"/>
      <c r="DJ566" s="516"/>
      <c r="DK566" s="516" t="s">
        <v>66</v>
      </c>
      <c r="DL566" s="516"/>
      <c r="DM566" s="516"/>
      <c r="DN566" s="516"/>
      <c r="DO566" s="516"/>
      <c r="DP566" s="513"/>
      <c r="DQ566" s="513"/>
      <c r="DR566" s="513"/>
      <c r="DS566" s="494"/>
      <c r="DT566" s="494"/>
    </row>
    <row r="567" spans="1:124" s="613" customFormat="1" ht="56.1" customHeight="1" x14ac:dyDescent="0.2">
      <c r="A567" s="658" t="s">
        <v>2494</v>
      </c>
      <c r="B567" s="499"/>
      <c r="C567" s="499" t="s">
        <v>2995</v>
      </c>
      <c r="D567" s="481">
        <v>738</v>
      </c>
      <c r="E567" s="481"/>
      <c r="F567" s="481" t="s">
        <v>2481</v>
      </c>
      <c r="G567" s="482" t="s">
        <v>53</v>
      </c>
      <c r="H567" s="481" t="s">
        <v>655</v>
      </c>
      <c r="I567" s="665" t="s">
        <v>900</v>
      </c>
      <c r="J567" s="665" t="s">
        <v>969</v>
      </c>
      <c r="K567" s="673" t="s">
        <v>970</v>
      </c>
      <c r="L567" s="622"/>
      <c r="M567" s="77" t="s">
        <v>58</v>
      </c>
      <c r="N567" s="243" t="s">
        <v>833</v>
      </c>
      <c r="O567" s="243" t="s">
        <v>833</v>
      </c>
      <c r="P567" s="484" t="s">
        <v>2996</v>
      </c>
      <c r="Q567" s="501" t="s">
        <v>81</v>
      </c>
      <c r="R567" s="77"/>
      <c r="S567" s="484" t="s">
        <v>77</v>
      </c>
      <c r="T567" s="501" t="s">
        <v>722</v>
      </c>
      <c r="U567" s="501"/>
      <c r="V567" s="625" t="s">
        <v>63</v>
      </c>
      <c r="W567" s="625" t="s">
        <v>63</v>
      </c>
      <c r="X567" s="485"/>
      <c r="Y567" s="485"/>
      <c r="Z567" s="654" t="s">
        <v>2997</v>
      </c>
      <c r="AA567" s="494"/>
      <c r="AB567" s="485"/>
      <c r="AC567" s="76"/>
      <c r="AD567" s="650" t="s">
        <v>65</v>
      </c>
      <c r="AE567" s="661"/>
      <c r="AF567" s="76"/>
      <c r="AG567" s="76"/>
      <c r="AH567" s="76"/>
      <c r="AI567" s="76"/>
      <c r="AJ567" s="76"/>
      <c r="AK567" s="76"/>
      <c r="AL567" s="76"/>
      <c r="AM567" s="76"/>
      <c r="AN567" s="76"/>
      <c r="AO567" s="76"/>
      <c r="AP567" s="76"/>
      <c r="AQ567" s="76"/>
      <c r="AR567" s="76"/>
      <c r="AS567" s="76"/>
      <c r="AT567" s="76"/>
      <c r="AU567" s="76"/>
      <c r="AV567" s="76"/>
      <c r="AW567" s="76"/>
      <c r="AX567" s="76"/>
      <c r="AY567" s="76"/>
      <c r="AZ567" s="76"/>
      <c r="BA567" s="76"/>
      <c r="BB567" s="76"/>
      <c r="BC567" s="76"/>
      <c r="BD567" s="76"/>
      <c r="BE567" s="76"/>
      <c r="BF567" s="76"/>
      <c r="BG567" s="76"/>
      <c r="BH567" s="76"/>
      <c r="BI567" s="76"/>
      <c r="BJ567" s="76"/>
      <c r="BK567" s="80">
        <f>SUMIF(AF567:BJ567,"YES",'DRAFT - HGC Schemes'!$AB$5:$BF$5)</f>
        <v>0</v>
      </c>
      <c r="BL567" s="76"/>
      <c r="BM567" s="487" t="str">
        <f>IF(AF567="yes",('DRAFT - HGC Schemes'!AB$5*$BL567),"")</f>
        <v/>
      </c>
      <c r="BN567" s="487" t="str">
        <f>IF(AG567="yes",('DRAFT - HGC Schemes'!AC$5*$BL567),"")</f>
        <v/>
      </c>
      <c r="BO567" s="487" t="str">
        <f>IF(AH567="yes",('DRAFT - HGC Schemes'!AD$5*$BL567),"")</f>
        <v/>
      </c>
      <c r="BP567" s="487" t="str">
        <f>IF(AI567="yes",('DRAFT - HGC Schemes'!AE$5*$BL567),"")</f>
        <v/>
      </c>
      <c r="BQ567" s="487" t="str">
        <f>IF(AJ567="yes",('DRAFT - HGC Schemes'!AF$5*$BL567),"")</f>
        <v/>
      </c>
      <c r="BR567" s="487" t="str">
        <f>IF(AK567="yes",('DRAFT - HGC Schemes'!AG$5*$BL567),"")</f>
        <v/>
      </c>
      <c r="BS567" s="487" t="str">
        <f>IF(AL567="yes",('DRAFT - HGC Schemes'!AH$5*$BL567),"")</f>
        <v/>
      </c>
      <c r="BT567" s="487" t="str">
        <f>IF(AM567="yes",('DRAFT - HGC Schemes'!AI$5*$BL567),"")</f>
        <v/>
      </c>
      <c r="BU567" s="487" t="str">
        <f>IF(AN567="yes",('DRAFT - HGC Schemes'!AJ$5*$BL567),"")</f>
        <v/>
      </c>
      <c r="BV567" s="487" t="str">
        <f>IF(AO567="yes",('DRAFT - HGC Schemes'!AK$5*$BL567),"")</f>
        <v/>
      </c>
      <c r="BW567" s="487" t="str">
        <f>IF(AP567="yes",('DRAFT - HGC Schemes'!AL$5*$BL567),"")</f>
        <v/>
      </c>
      <c r="BX567" s="487" t="str">
        <f>IF(AQ567="yes",('DRAFT - HGC Schemes'!AM$5*$BL567),"")</f>
        <v/>
      </c>
      <c r="BY567" s="487" t="str">
        <f>IF(AR567="yes",('DRAFT - HGC Schemes'!AN$5*$BL567),"")</f>
        <v/>
      </c>
      <c r="BZ567" s="487" t="str">
        <f>IF(AS567="yes",('DRAFT - HGC Schemes'!AO$5*$BL567),"")</f>
        <v/>
      </c>
      <c r="CA567" s="487" t="str">
        <f>IF(AT567="yes",('DRAFT - HGC Schemes'!AP$5*$BL567),"")</f>
        <v/>
      </c>
      <c r="CB567" s="487" t="str">
        <f>IF(AU567="yes",('DRAFT - HGC Schemes'!AQ$5*$BL567),"")</f>
        <v/>
      </c>
      <c r="CC567" s="487" t="str">
        <f>IF(AV567="yes",('DRAFT - HGC Schemes'!AR$5*$BL567),"")</f>
        <v/>
      </c>
      <c r="CD567" s="487" t="str">
        <f>IF(AW567="yes",('DRAFT - HGC Schemes'!AS$5*$BL567),"")</f>
        <v/>
      </c>
      <c r="CE567" s="487" t="str">
        <f>IF(AX567="yes",('DRAFT - HGC Schemes'!AT$5*$BL567),"")</f>
        <v/>
      </c>
      <c r="CF567" s="487" t="str">
        <f>IF(AY567="yes",('DRAFT - HGC Schemes'!AU$5*$BL567),"")</f>
        <v/>
      </c>
      <c r="CG567" s="487" t="str">
        <f>IF(AZ567="yes",('DRAFT - HGC Schemes'!AV$5*$BL567),"")</f>
        <v/>
      </c>
      <c r="CH567" s="487" t="str">
        <f>IF(BA567="yes",('DRAFT - HGC Schemes'!AW$5*$BL567),"")</f>
        <v/>
      </c>
      <c r="CI567" s="487" t="str">
        <f>IF(BB567="yes",('DRAFT - HGC Schemes'!AX$5*$BL567),"")</f>
        <v/>
      </c>
      <c r="CJ567" s="487" t="str">
        <f>IF(BC567="yes",('DRAFT - HGC Schemes'!AY$5*$BL567),"")</f>
        <v/>
      </c>
      <c r="CK567" s="487" t="str">
        <f>IF(BD567="yes",('DRAFT - HGC Schemes'!AZ$5*$BL567),"")</f>
        <v/>
      </c>
      <c r="CL567" s="487" t="str">
        <f>IF(BE567="yes",('DRAFT - HGC Schemes'!BA$5*$BL567),"")</f>
        <v/>
      </c>
      <c r="CM567" s="487" t="str">
        <f>IF(BF567="yes",('DRAFT - HGC Schemes'!BB$5*$BL567),"")</f>
        <v/>
      </c>
      <c r="CN567" s="487" t="str">
        <f>IF(BG567="yes",('DRAFT - HGC Schemes'!BC$5*$BL567),"")</f>
        <v/>
      </c>
      <c r="CO567" s="487" t="str">
        <f>IF(BH567="yes",('DRAFT - HGC Schemes'!BD$5*$BL567),"")</f>
        <v/>
      </c>
      <c r="CP567" s="487" t="str">
        <f>IF(BI567="yes",('DRAFT - HGC Schemes'!BE$5*$BL567),"")</f>
        <v/>
      </c>
      <c r="CQ567" s="487" t="str">
        <f>IF(BJ567="yes",('DRAFT - HGC Schemes'!BF$5*$BL567),"")</f>
        <v/>
      </c>
      <c r="CR567" s="487"/>
      <c r="CS567" s="487"/>
      <c r="CT567" s="487"/>
      <c r="CU567" s="487"/>
      <c r="CV567" s="487"/>
      <c r="CW567" s="487"/>
      <c r="CX567" s="487"/>
      <c r="CY567" s="487"/>
      <c r="CZ567" s="487"/>
      <c r="DA567" s="487"/>
      <c r="DB567" s="487"/>
      <c r="DC567" s="487"/>
      <c r="DD567" s="487"/>
      <c r="DE567" s="487"/>
      <c r="DF567" s="487"/>
      <c r="DG567" s="487"/>
      <c r="DH567" s="487"/>
      <c r="DI567" s="487"/>
      <c r="DJ567" s="487"/>
      <c r="DK567" s="487"/>
      <c r="DL567" s="487"/>
      <c r="DM567" s="487"/>
      <c r="DN567" s="487"/>
      <c r="DO567" s="487"/>
      <c r="DP567" s="76"/>
      <c r="DQ567" s="76"/>
      <c r="DR567" s="504" t="s">
        <v>2998</v>
      </c>
      <c r="DS567" s="494"/>
      <c r="DT567" s="494"/>
    </row>
    <row r="568" spans="1:124" s="613" customFormat="1" ht="56.25" customHeight="1" x14ac:dyDescent="0.2">
      <c r="A568" s="494"/>
      <c r="B568" s="643" t="s">
        <v>2366</v>
      </c>
      <c r="C568" s="494"/>
      <c r="D568" s="688">
        <v>140</v>
      </c>
      <c r="E568" s="511"/>
      <c r="F568" s="511" t="s">
        <v>2182</v>
      </c>
      <c r="G568" s="512" t="s">
        <v>1385</v>
      </c>
      <c r="H568" s="511" t="s">
        <v>655</v>
      </c>
      <c r="I568" s="515" t="s">
        <v>2352</v>
      </c>
      <c r="J568" s="515" t="s">
        <v>2367</v>
      </c>
      <c r="K568" s="513" t="s">
        <v>2354</v>
      </c>
      <c r="L568" s="609" t="s">
        <v>2186</v>
      </c>
      <c r="M568" s="513" t="s">
        <v>254</v>
      </c>
      <c r="N568" s="350" t="s">
        <v>1376</v>
      </c>
      <c r="O568" s="350" t="s">
        <v>2194</v>
      </c>
      <c r="P568" s="501" t="s">
        <v>2993</v>
      </c>
      <c r="Q568" s="513" t="s">
        <v>60</v>
      </c>
      <c r="R568" s="513" t="s">
        <v>525</v>
      </c>
      <c r="S568" s="484" t="s">
        <v>61</v>
      </c>
      <c r="T568" s="515" t="s">
        <v>2258</v>
      </c>
      <c r="U568" s="515"/>
      <c r="V568" s="627">
        <v>270000</v>
      </c>
      <c r="W568" s="627">
        <v>500000</v>
      </c>
      <c r="X568" s="516">
        <v>385000</v>
      </c>
      <c r="Y568" s="516"/>
      <c r="Z568" s="655" t="s">
        <v>2989</v>
      </c>
      <c r="AA568" s="516"/>
      <c r="AB568" s="516">
        <v>385000</v>
      </c>
      <c r="AC568" s="516"/>
      <c r="AD568" s="651" t="s">
        <v>65</v>
      </c>
      <c r="AE568" s="662"/>
      <c r="AF568" s="516"/>
      <c r="AG568" s="516"/>
      <c r="AH568" s="516"/>
      <c r="AI568" s="516"/>
      <c r="AJ568" s="516"/>
      <c r="AK568" s="516"/>
      <c r="AL568" s="516"/>
      <c r="AM568" s="516"/>
      <c r="AN568" s="516"/>
      <c r="AO568" s="516"/>
      <c r="AP568" s="516"/>
      <c r="AQ568" s="516"/>
      <c r="AR568" s="516"/>
      <c r="AS568" s="516"/>
      <c r="AT568" s="516"/>
      <c r="AU568" s="516"/>
      <c r="AV568" s="516"/>
      <c r="AW568" s="516"/>
      <c r="AX568" s="516"/>
      <c r="AY568" s="516"/>
      <c r="AZ568" s="516"/>
      <c r="BA568" s="516"/>
      <c r="BB568" s="516"/>
      <c r="BC568" s="516"/>
      <c r="BD568" s="516"/>
      <c r="BE568" s="516"/>
      <c r="BF568" s="516"/>
      <c r="BG568" s="516"/>
      <c r="BH568" s="516"/>
      <c r="BI568" s="516"/>
      <c r="BJ568" s="516"/>
      <c r="BK568" s="516"/>
      <c r="BL568" s="516"/>
      <c r="BM568" s="516"/>
      <c r="BN568" s="516"/>
      <c r="BO568" s="516"/>
      <c r="BP568" s="516"/>
      <c r="BQ568" s="516"/>
      <c r="BR568" s="516"/>
      <c r="BS568" s="516"/>
      <c r="BT568" s="516"/>
      <c r="BU568" s="516"/>
      <c r="BV568" s="516"/>
      <c r="BW568" s="516"/>
      <c r="BX568" s="516"/>
      <c r="BY568" s="516"/>
      <c r="BZ568" s="516"/>
      <c r="CA568" s="516"/>
      <c r="CB568" s="516"/>
      <c r="CC568" s="516"/>
      <c r="CD568" s="516"/>
      <c r="CE568" s="516"/>
      <c r="CF568" s="516"/>
      <c r="CG568" s="516"/>
      <c r="CH568" s="516"/>
      <c r="CI568" s="516"/>
      <c r="CJ568" s="516"/>
      <c r="CK568" s="516"/>
      <c r="CL568" s="516"/>
      <c r="CM568" s="516"/>
      <c r="CN568" s="516"/>
      <c r="CO568" s="516"/>
      <c r="CP568" s="516"/>
      <c r="CQ568" s="516"/>
      <c r="CR568" s="516"/>
      <c r="CS568" s="516"/>
      <c r="CT568" s="516"/>
      <c r="CU568" s="516"/>
      <c r="CV568" s="516"/>
      <c r="CW568" s="516"/>
      <c r="CX568" s="516"/>
      <c r="CY568" s="516"/>
      <c r="CZ568" s="516"/>
      <c r="DA568" s="516" t="s">
        <v>66</v>
      </c>
      <c r="DB568" s="516"/>
      <c r="DC568" s="516"/>
      <c r="DD568" s="516"/>
      <c r="DE568" s="516"/>
      <c r="DF568" s="516"/>
      <c r="DG568" s="516"/>
      <c r="DH568" s="516"/>
      <c r="DI568" s="516"/>
      <c r="DJ568" s="516"/>
      <c r="DK568" s="516"/>
      <c r="DL568" s="516" t="s">
        <v>66</v>
      </c>
      <c r="DM568" s="516"/>
      <c r="DN568" s="516"/>
      <c r="DO568" s="516"/>
      <c r="DP568" s="513" t="s">
        <v>2368</v>
      </c>
      <c r="DQ568" s="513"/>
      <c r="DR568" s="513" t="s">
        <v>2279</v>
      </c>
      <c r="DS568" s="494"/>
      <c r="DT568" s="494"/>
    </row>
    <row r="569" spans="1:124" s="613" customFormat="1" ht="56.1" customHeight="1" x14ac:dyDescent="0.2">
      <c r="A569" s="354"/>
      <c r="B569" s="643" t="s">
        <v>2369</v>
      </c>
      <c r="C569" s="354"/>
      <c r="D569" s="690">
        <v>143</v>
      </c>
      <c r="E569" s="691"/>
      <c r="F569" s="691" t="s">
        <v>2182</v>
      </c>
      <c r="G569" s="692" t="s">
        <v>1385</v>
      </c>
      <c r="H569" s="691" t="s">
        <v>655</v>
      </c>
      <c r="I569" s="693" t="s">
        <v>2352</v>
      </c>
      <c r="J569" s="693" t="s">
        <v>2999</v>
      </c>
      <c r="K569" s="694" t="s">
        <v>2354</v>
      </c>
      <c r="L569" s="695" t="s">
        <v>2205</v>
      </c>
      <c r="M569" s="694" t="s">
        <v>254</v>
      </c>
      <c r="N569" s="696" t="s">
        <v>1377</v>
      </c>
      <c r="O569" s="696" t="s">
        <v>2206</v>
      </c>
      <c r="P569" s="697" t="s">
        <v>2993</v>
      </c>
      <c r="Q569" s="694" t="s">
        <v>60</v>
      </c>
      <c r="R569" s="694" t="s">
        <v>525</v>
      </c>
      <c r="S569" s="484" t="s">
        <v>61</v>
      </c>
      <c r="T569" s="693" t="s">
        <v>2258</v>
      </c>
      <c r="U569" s="693"/>
      <c r="V569" s="698">
        <v>332640</v>
      </c>
      <c r="W569" s="698">
        <v>499699</v>
      </c>
      <c r="X569" s="699">
        <v>416169.5</v>
      </c>
      <c r="Y569" s="699"/>
      <c r="Z569" s="700" t="s">
        <v>2989</v>
      </c>
      <c r="AA569" s="699"/>
      <c r="AB569" s="699">
        <v>416169.5</v>
      </c>
      <c r="AC569" s="699"/>
      <c r="AD569" s="701" t="s">
        <v>65</v>
      </c>
      <c r="AE569" s="702"/>
      <c r="AF569" s="699"/>
      <c r="AG569" s="699"/>
      <c r="AH569" s="699"/>
      <c r="AI569" s="699"/>
      <c r="AJ569" s="699"/>
      <c r="AK569" s="699"/>
      <c r="AL569" s="699"/>
      <c r="AM569" s="699"/>
      <c r="AN569" s="699"/>
      <c r="AO569" s="699"/>
      <c r="AP569" s="699"/>
      <c r="AQ569" s="699"/>
      <c r="AR569" s="699"/>
      <c r="AS569" s="699"/>
      <c r="AT569" s="699"/>
      <c r="AU569" s="699"/>
      <c r="AV569" s="699"/>
      <c r="AW569" s="699"/>
      <c r="AX569" s="699"/>
      <c r="AY569" s="699"/>
      <c r="AZ569" s="699"/>
      <c r="BA569" s="699"/>
      <c r="BB569" s="699"/>
      <c r="BC569" s="699"/>
      <c r="BD569" s="699"/>
      <c r="BE569" s="699"/>
      <c r="BF569" s="699"/>
      <c r="BG569" s="699"/>
      <c r="BH569" s="699"/>
      <c r="BI569" s="699"/>
      <c r="BJ569" s="699"/>
      <c r="BK569" s="699"/>
      <c r="BL569" s="699"/>
      <c r="BM569" s="699"/>
      <c r="BN569" s="699"/>
      <c r="BO569" s="699"/>
      <c r="BP569" s="699"/>
      <c r="BQ569" s="699"/>
      <c r="BR569" s="699"/>
      <c r="BS569" s="699"/>
      <c r="BT569" s="699"/>
      <c r="BU569" s="699"/>
      <c r="BV569" s="699"/>
      <c r="BW569" s="699"/>
      <c r="BX569" s="699"/>
      <c r="BY569" s="699"/>
      <c r="BZ569" s="699"/>
      <c r="CA569" s="699"/>
      <c r="CB569" s="699"/>
      <c r="CC569" s="699"/>
      <c r="CD569" s="699"/>
      <c r="CE569" s="699"/>
      <c r="CF569" s="699"/>
      <c r="CG569" s="699"/>
      <c r="CH569" s="699"/>
      <c r="CI569" s="699"/>
      <c r="CJ569" s="699"/>
      <c r="CK569" s="699"/>
      <c r="CL569" s="699"/>
      <c r="CM569" s="699"/>
      <c r="CN569" s="699"/>
      <c r="CO569" s="699"/>
      <c r="CP569" s="699"/>
      <c r="CQ569" s="699"/>
      <c r="CR569" s="699"/>
      <c r="CS569" s="699"/>
      <c r="CT569" s="699"/>
      <c r="CU569" s="699"/>
      <c r="CV569" s="699"/>
      <c r="CW569" s="699"/>
      <c r="CX569" s="699"/>
      <c r="CY569" s="699"/>
      <c r="CZ569" s="699"/>
      <c r="DA569" s="699"/>
      <c r="DB569" s="699" t="s">
        <v>66</v>
      </c>
      <c r="DC569" s="699"/>
      <c r="DD569" s="699"/>
      <c r="DE569" s="699"/>
      <c r="DF569" s="699"/>
      <c r="DG569" s="699"/>
      <c r="DH569" s="699"/>
      <c r="DI569" s="699"/>
      <c r="DJ569" s="699"/>
      <c r="DK569" s="699" t="s">
        <v>66</v>
      </c>
      <c r="DL569" s="699"/>
      <c r="DM569" s="699"/>
      <c r="DN569" s="699"/>
      <c r="DO569" s="699"/>
      <c r="DP569" s="694"/>
      <c r="DQ569" s="694"/>
      <c r="DR569" s="694" t="s">
        <v>2279</v>
      </c>
      <c r="DS569" s="354"/>
      <c r="DT569" s="354"/>
    </row>
    <row r="570" spans="1:124" s="613" customFormat="1" ht="56.25" customHeight="1" x14ac:dyDescent="0.2">
      <c r="A570" s="232" t="s">
        <v>2985</v>
      </c>
      <c r="B570" s="644" t="s">
        <v>2405</v>
      </c>
      <c r="C570" s="494"/>
      <c r="D570" s="688">
        <v>124</v>
      </c>
      <c r="E570" s="511"/>
      <c r="F570" s="511" t="s">
        <v>2182</v>
      </c>
      <c r="G570" s="512" t="s">
        <v>1385</v>
      </c>
      <c r="H570" s="511" t="s">
        <v>655</v>
      </c>
      <c r="I570" s="515" t="s">
        <v>932</v>
      </c>
      <c r="J570" s="515" t="s">
        <v>2406</v>
      </c>
      <c r="K570" s="513" t="s">
        <v>2407</v>
      </c>
      <c r="L570" s="609" t="s">
        <v>253</v>
      </c>
      <c r="M570" s="513" t="s">
        <v>2408</v>
      </c>
      <c r="N570" s="351" t="s">
        <v>63</v>
      </c>
      <c r="O570" s="351" t="s">
        <v>63</v>
      </c>
      <c r="P570" s="513" t="s">
        <v>2986</v>
      </c>
      <c r="Q570" s="513" t="s">
        <v>81</v>
      </c>
      <c r="R570" s="77" t="s">
        <v>2987</v>
      </c>
      <c r="S570" s="484" t="s">
        <v>2988</v>
      </c>
      <c r="T570" s="515" t="s">
        <v>249</v>
      </c>
      <c r="U570" s="515"/>
      <c r="V570" s="627">
        <v>2500000</v>
      </c>
      <c r="W570" s="627">
        <v>5000000</v>
      </c>
      <c r="X570" s="516">
        <v>3750000</v>
      </c>
      <c r="Y570" s="516"/>
      <c r="Z570" s="655" t="s">
        <v>3000</v>
      </c>
      <c r="AA570" s="516"/>
      <c r="AB570" s="516">
        <v>3750000</v>
      </c>
      <c r="AC570" s="516"/>
      <c r="AD570" s="653" t="s">
        <v>2189</v>
      </c>
      <c r="AE570" s="662"/>
      <c r="AF570" s="516"/>
      <c r="AG570" s="516"/>
      <c r="AH570" s="516"/>
      <c r="AI570" s="516"/>
      <c r="AJ570" s="516"/>
      <c r="AK570" s="516"/>
      <c r="AL570" s="516"/>
      <c r="AM570" s="516"/>
      <c r="AN570" s="516"/>
      <c r="AO570" s="516"/>
      <c r="AP570" s="516"/>
      <c r="AQ570" s="516"/>
      <c r="AR570" s="516"/>
      <c r="AS570" s="516"/>
      <c r="AT570" s="516"/>
      <c r="AU570" s="516"/>
      <c r="AV570" s="516"/>
      <c r="AW570" s="516"/>
      <c r="AX570" s="516"/>
      <c r="AY570" s="516"/>
      <c r="AZ570" s="516"/>
      <c r="BA570" s="516"/>
      <c r="BB570" s="516"/>
      <c r="BC570" s="516"/>
      <c r="BD570" s="516"/>
      <c r="BE570" s="516"/>
      <c r="BF570" s="516"/>
      <c r="BG570" s="516"/>
      <c r="BH570" s="516"/>
      <c r="BI570" s="516"/>
      <c r="BJ570" s="516"/>
      <c r="BK570" s="516"/>
      <c r="BL570" s="516"/>
      <c r="BM570" s="516"/>
      <c r="BN570" s="516"/>
      <c r="BO570" s="516"/>
      <c r="BP570" s="516"/>
      <c r="BQ570" s="516"/>
      <c r="BR570" s="516"/>
      <c r="BS570" s="516"/>
      <c r="BT570" s="516"/>
      <c r="BU570" s="516"/>
      <c r="BV570" s="516"/>
      <c r="BW570" s="516"/>
      <c r="BX570" s="516"/>
      <c r="BY570" s="516"/>
      <c r="BZ570" s="516"/>
      <c r="CA570" s="516"/>
      <c r="CB570" s="516"/>
      <c r="CC570" s="516"/>
      <c r="CD570" s="516"/>
      <c r="CE570" s="516"/>
      <c r="CF570" s="516"/>
      <c r="CG570" s="516"/>
      <c r="CH570" s="516"/>
      <c r="CI570" s="516"/>
      <c r="CJ570" s="516"/>
      <c r="CK570" s="516"/>
      <c r="CL570" s="516"/>
      <c r="CM570" s="516"/>
      <c r="CN570" s="516"/>
      <c r="CO570" s="516"/>
      <c r="CP570" s="516"/>
      <c r="CQ570" s="516"/>
      <c r="CR570" s="516"/>
      <c r="CS570" s="516"/>
      <c r="CT570" s="516"/>
      <c r="CU570" s="516"/>
      <c r="CV570" s="516"/>
      <c r="CW570" s="516"/>
      <c r="CX570" s="516"/>
      <c r="CY570" s="516"/>
      <c r="CZ570" s="516"/>
      <c r="DA570" s="516"/>
      <c r="DB570" s="516"/>
      <c r="DC570" s="516"/>
      <c r="DD570" s="516"/>
      <c r="DE570" s="516"/>
      <c r="DF570" s="516"/>
      <c r="DG570" s="516"/>
      <c r="DH570" s="516"/>
      <c r="DI570" s="516" t="s">
        <v>66</v>
      </c>
      <c r="DJ570" s="516"/>
      <c r="DK570" s="516"/>
      <c r="DL570" s="516"/>
      <c r="DM570" s="516" t="s">
        <v>66</v>
      </c>
      <c r="DN570" s="516"/>
      <c r="DO570" s="516"/>
      <c r="DP570" s="513" t="s">
        <v>2359</v>
      </c>
      <c r="DQ570" s="513"/>
      <c r="DR570" s="513" t="s">
        <v>3001</v>
      </c>
      <c r="DS570" s="494"/>
      <c r="DT570" s="494"/>
    </row>
    <row r="571" spans="1:124" s="613" customFormat="1" ht="280.35000000000002" customHeight="1" x14ac:dyDescent="0.2">
      <c r="A571" s="658" t="s">
        <v>2991</v>
      </c>
      <c r="B571" s="643" t="s">
        <v>3002</v>
      </c>
      <c r="C571" s="494" t="s">
        <v>3003</v>
      </c>
      <c r="D571" s="666">
        <v>135</v>
      </c>
      <c r="E571" s="511"/>
      <c r="F571" s="511" t="s">
        <v>2182</v>
      </c>
      <c r="G571" s="512" t="s">
        <v>1385</v>
      </c>
      <c r="H571" s="511" t="s">
        <v>655</v>
      </c>
      <c r="I571" s="515" t="s">
        <v>932</v>
      </c>
      <c r="J571" s="515" t="s">
        <v>2422</v>
      </c>
      <c r="K571" s="513" t="s">
        <v>2423</v>
      </c>
      <c r="L571" s="609" t="s">
        <v>2186</v>
      </c>
      <c r="M571" s="513" t="s">
        <v>254</v>
      </c>
      <c r="N571" s="375" t="s">
        <v>3004</v>
      </c>
      <c r="O571" s="375" t="s">
        <v>2398</v>
      </c>
      <c r="P571" s="538" t="s">
        <v>3005</v>
      </c>
      <c r="Q571" s="513" t="s">
        <v>60</v>
      </c>
      <c r="R571" s="513" t="s">
        <v>525</v>
      </c>
      <c r="S571" s="484" t="s">
        <v>61</v>
      </c>
      <c r="T571" s="515" t="s">
        <v>2251</v>
      </c>
      <c r="U571" s="515"/>
      <c r="V571" s="627">
        <v>0</v>
      </c>
      <c r="W571" s="627">
        <v>500000</v>
      </c>
      <c r="X571" s="516">
        <v>250000</v>
      </c>
      <c r="Y571" s="516"/>
      <c r="Z571" s="655" t="s">
        <v>2989</v>
      </c>
      <c r="AA571" s="516"/>
      <c r="AB571" s="516">
        <v>250000</v>
      </c>
      <c r="AC571" s="516"/>
      <c r="AD571" s="651" t="s">
        <v>65</v>
      </c>
      <c r="AE571" s="662"/>
      <c r="AF571" s="516"/>
      <c r="AG571" s="516"/>
      <c r="AH571" s="516"/>
      <c r="AI571" s="516"/>
      <c r="AJ571" s="516"/>
      <c r="AK571" s="516"/>
      <c r="AL571" s="516"/>
      <c r="AM571" s="516"/>
      <c r="AN571" s="516"/>
      <c r="AO571" s="516"/>
      <c r="AP571" s="516"/>
      <c r="AQ571" s="516"/>
      <c r="AR571" s="516"/>
      <c r="AS571" s="516"/>
      <c r="AT571" s="516"/>
      <c r="AU571" s="516"/>
      <c r="AV571" s="516"/>
      <c r="AW571" s="516"/>
      <c r="AX571" s="516"/>
      <c r="AY571" s="516"/>
      <c r="AZ571" s="516"/>
      <c r="BA571" s="516"/>
      <c r="BB571" s="516"/>
      <c r="BC571" s="516"/>
      <c r="BD571" s="516"/>
      <c r="BE571" s="516"/>
      <c r="BF571" s="516"/>
      <c r="BG571" s="516"/>
      <c r="BH571" s="516"/>
      <c r="BI571" s="516"/>
      <c r="BJ571" s="516"/>
      <c r="BK571" s="516"/>
      <c r="BL571" s="516"/>
      <c r="BM571" s="516"/>
      <c r="BN571" s="516"/>
      <c r="BO571" s="516"/>
      <c r="BP571" s="516"/>
      <c r="BQ571" s="516"/>
      <c r="BR571" s="516"/>
      <c r="BS571" s="516"/>
      <c r="BT571" s="516"/>
      <c r="BU571" s="516"/>
      <c r="BV571" s="516"/>
      <c r="BW571" s="516"/>
      <c r="BX571" s="516"/>
      <c r="BY571" s="516"/>
      <c r="BZ571" s="516"/>
      <c r="CA571" s="516"/>
      <c r="CB571" s="516"/>
      <c r="CC571" s="516"/>
      <c r="CD571" s="516"/>
      <c r="CE571" s="516"/>
      <c r="CF571" s="516"/>
      <c r="CG571" s="516"/>
      <c r="CH571" s="516"/>
      <c r="CI571" s="516"/>
      <c r="CJ571" s="516"/>
      <c r="CK571" s="516"/>
      <c r="CL571" s="516"/>
      <c r="CM571" s="516"/>
      <c r="CN571" s="516"/>
      <c r="CO571" s="516"/>
      <c r="CP571" s="516"/>
      <c r="CQ571" s="516"/>
      <c r="CR571" s="516"/>
      <c r="CS571" s="516"/>
      <c r="CT571" s="516"/>
      <c r="CU571" s="516"/>
      <c r="CV571" s="516"/>
      <c r="CW571" s="516"/>
      <c r="CX571" s="516"/>
      <c r="CY571" s="516"/>
      <c r="CZ571" s="516" t="s">
        <v>66</v>
      </c>
      <c r="DA571" s="516" t="s">
        <v>66</v>
      </c>
      <c r="DB571" s="516"/>
      <c r="DC571" s="516"/>
      <c r="DD571" s="516"/>
      <c r="DE571" s="516"/>
      <c r="DF571" s="516"/>
      <c r="DG571" s="516"/>
      <c r="DH571" s="516"/>
      <c r="DI571" s="516"/>
      <c r="DJ571" s="516"/>
      <c r="DK571" s="516"/>
      <c r="DL571" s="516" t="s">
        <v>66</v>
      </c>
      <c r="DM571" s="516"/>
      <c r="DN571" s="516"/>
      <c r="DO571" s="516"/>
      <c r="DP571" s="513" t="s">
        <v>2359</v>
      </c>
      <c r="DQ571" s="513"/>
      <c r="DR571" s="513" t="s">
        <v>3001</v>
      </c>
      <c r="DS571" s="494"/>
      <c r="DT571" s="494"/>
    </row>
    <row r="572" spans="1:124" s="613" customFormat="1" ht="56.25" customHeight="1" x14ac:dyDescent="0.2">
      <c r="A572" s="232" t="s">
        <v>2985</v>
      </c>
      <c r="B572" s="644" t="s">
        <v>3006</v>
      </c>
      <c r="C572" s="494"/>
      <c r="D572" s="688">
        <v>105</v>
      </c>
      <c r="E572" s="511"/>
      <c r="F572" s="511" t="s">
        <v>2182</v>
      </c>
      <c r="G572" s="512" t="s">
        <v>1385</v>
      </c>
      <c r="H572" s="511" t="s">
        <v>655</v>
      </c>
      <c r="I572" s="515" t="s">
        <v>900</v>
      </c>
      <c r="J572" s="515" t="s">
        <v>2374</v>
      </c>
      <c r="K572" s="513" t="s">
        <v>2375</v>
      </c>
      <c r="L572" s="609" t="s">
        <v>2205</v>
      </c>
      <c r="M572" s="513" t="s">
        <v>2376</v>
      </c>
      <c r="N572" s="351" t="s">
        <v>63</v>
      </c>
      <c r="O572" s="351" t="s">
        <v>63</v>
      </c>
      <c r="P572" s="538" t="s">
        <v>2986</v>
      </c>
      <c r="Q572" s="513" t="s">
        <v>81</v>
      </c>
      <c r="R572" s="77" t="s">
        <v>2987</v>
      </c>
      <c r="S572" s="484" t="s">
        <v>2988</v>
      </c>
      <c r="T572" s="515" t="s">
        <v>2378</v>
      </c>
      <c r="U572" s="515"/>
      <c r="V572" s="627" t="s">
        <v>63</v>
      </c>
      <c r="W572" s="627" t="s">
        <v>63</v>
      </c>
      <c r="X572" s="516">
        <v>106900000</v>
      </c>
      <c r="Y572" s="516"/>
      <c r="Z572" s="655" t="s">
        <v>2994</v>
      </c>
      <c r="AA572" s="516"/>
      <c r="AB572" s="516" t="s">
        <v>191</v>
      </c>
      <c r="AC572" s="516"/>
      <c r="AD572" s="646" t="s">
        <v>245</v>
      </c>
      <c r="AE572" s="662"/>
      <c r="AF572" s="516"/>
      <c r="AG572" s="516"/>
      <c r="AH572" s="516"/>
      <c r="AI572" s="516"/>
      <c r="AJ572" s="516"/>
      <c r="AK572" s="516"/>
      <c r="AL572" s="516"/>
      <c r="AM572" s="516"/>
      <c r="AN572" s="516"/>
      <c r="AO572" s="516"/>
      <c r="AP572" s="516"/>
      <c r="AQ572" s="516"/>
      <c r="AR572" s="516"/>
      <c r="AS572" s="516"/>
      <c r="AT572" s="516"/>
      <c r="AU572" s="516"/>
      <c r="AV572" s="516"/>
      <c r="AW572" s="516"/>
      <c r="AX572" s="516"/>
      <c r="AY572" s="516"/>
      <c r="AZ572" s="516"/>
      <c r="BA572" s="516"/>
      <c r="BB572" s="516"/>
      <c r="BC572" s="516"/>
      <c r="BD572" s="516"/>
      <c r="BE572" s="516"/>
      <c r="BF572" s="516"/>
      <c r="BG572" s="516"/>
      <c r="BH572" s="516"/>
      <c r="BI572" s="516"/>
      <c r="BJ572" s="516"/>
      <c r="BK572" s="516"/>
      <c r="BL572" s="516"/>
      <c r="BM572" s="516"/>
      <c r="BN572" s="516"/>
      <c r="BO572" s="516"/>
      <c r="BP572" s="516"/>
      <c r="BQ572" s="516"/>
      <c r="BR572" s="516"/>
      <c r="BS572" s="516"/>
      <c r="BT572" s="516"/>
      <c r="BU572" s="516"/>
      <c r="BV572" s="516"/>
      <c r="BW572" s="516"/>
      <c r="BX572" s="516"/>
      <c r="BY572" s="516"/>
      <c r="BZ572" s="516"/>
      <c r="CA572" s="516"/>
      <c r="CB572" s="516"/>
      <c r="CC572" s="516"/>
      <c r="CD572" s="516"/>
      <c r="CE572" s="516"/>
      <c r="CF572" s="516"/>
      <c r="CG572" s="516"/>
      <c r="CH572" s="516"/>
      <c r="CI572" s="516"/>
      <c r="CJ572" s="516"/>
      <c r="CK572" s="516"/>
      <c r="CL572" s="516"/>
      <c r="CM572" s="516"/>
      <c r="CN572" s="516"/>
      <c r="CO572" s="516"/>
      <c r="CP572" s="516"/>
      <c r="CQ572" s="516"/>
      <c r="CR572" s="516"/>
      <c r="CS572" s="516"/>
      <c r="CT572" s="516"/>
      <c r="CU572" s="516"/>
      <c r="CV572" s="516"/>
      <c r="CW572" s="516"/>
      <c r="CX572" s="516"/>
      <c r="CY572" s="516"/>
      <c r="CZ572" s="516" t="s">
        <v>66</v>
      </c>
      <c r="DA572" s="516" t="s">
        <v>66</v>
      </c>
      <c r="DB572" s="516" t="s">
        <v>66</v>
      </c>
      <c r="DC572" s="516" t="s">
        <v>66</v>
      </c>
      <c r="DD572" s="516"/>
      <c r="DE572" s="516"/>
      <c r="DF572" s="516"/>
      <c r="DG572" s="516"/>
      <c r="DH572" s="516"/>
      <c r="DI572" s="516"/>
      <c r="DJ572" s="516"/>
      <c r="DK572" s="513"/>
      <c r="DL572" s="516" t="s">
        <v>66</v>
      </c>
      <c r="DM572" s="516"/>
      <c r="DN572" s="516"/>
      <c r="DO572" s="516"/>
      <c r="DP572" s="513" t="s">
        <v>2379</v>
      </c>
      <c r="DQ572" s="513" t="s">
        <v>2380</v>
      </c>
      <c r="DR572" s="513"/>
      <c r="DS572" s="494"/>
      <c r="DT572" s="494"/>
    </row>
    <row r="573" spans="1:124" s="613" customFormat="1" ht="56.25" customHeight="1" x14ac:dyDescent="0.2">
      <c r="A573" s="494"/>
      <c r="B573" s="499"/>
      <c r="C573" s="281" t="s">
        <v>3007</v>
      </c>
      <c r="D573" s="666">
        <v>768</v>
      </c>
      <c r="E573" s="481"/>
      <c r="F573" s="481" t="s">
        <v>2481</v>
      </c>
      <c r="G573" s="482" t="s">
        <v>53</v>
      </c>
      <c r="H573" s="481" t="s">
        <v>655</v>
      </c>
      <c r="I573" s="663" t="s">
        <v>900</v>
      </c>
      <c r="J573" s="665" t="s">
        <v>1030</v>
      </c>
      <c r="K573" s="673" t="s">
        <v>1031</v>
      </c>
      <c r="L573" s="622"/>
      <c r="M573" s="77" t="s">
        <v>58</v>
      </c>
      <c r="N573" s="683" t="s">
        <v>3008</v>
      </c>
      <c r="O573" s="185" t="s">
        <v>1027</v>
      </c>
      <c r="P573" s="484" t="s">
        <v>2996</v>
      </c>
      <c r="Q573" s="501" t="s">
        <v>81</v>
      </c>
      <c r="R573" s="77" t="s">
        <v>525</v>
      </c>
      <c r="S573" s="484" t="s">
        <v>77</v>
      </c>
      <c r="T573" s="501" t="s">
        <v>722</v>
      </c>
      <c r="U573" s="501"/>
      <c r="V573" s="625" t="s">
        <v>63</v>
      </c>
      <c r="W573" s="625" t="s">
        <v>63</v>
      </c>
      <c r="X573" s="502">
        <v>24667.5</v>
      </c>
      <c r="Y573" s="502"/>
      <c r="Z573" s="654" t="s">
        <v>3009</v>
      </c>
      <c r="AA573" s="494"/>
      <c r="AB573" s="485">
        <f>X573</f>
        <v>24667.5</v>
      </c>
      <c r="AC573" s="76"/>
      <c r="AD573" s="650" t="s">
        <v>65</v>
      </c>
      <c r="AE573" s="185" t="s">
        <v>3008</v>
      </c>
      <c r="AF573" s="487"/>
      <c r="AG573" s="487"/>
      <c r="AH573" s="487"/>
      <c r="AI573" s="487"/>
      <c r="AJ573" s="487"/>
      <c r="AK573" s="487"/>
      <c r="AL573" s="487"/>
      <c r="AM573" s="487"/>
      <c r="AN573" s="487"/>
      <c r="AO573" s="487"/>
      <c r="AP573" s="487"/>
      <c r="AQ573" s="487"/>
      <c r="AR573" s="487"/>
      <c r="AS573" s="487"/>
      <c r="AT573" s="487"/>
      <c r="AU573" s="487"/>
      <c r="AV573" s="76"/>
      <c r="AW573" s="487"/>
      <c r="AX573" s="487"/>
      <c r="AY573" s="487"/>
      <c r="AZ573" s="76"/>
      <c r="BA573" s="487"/>
      <c r="BB573" s="487"/>
      <c r="BC573" s="487"/>
      <c r="BD573" s="76"/>
      <c r="BE573" s="487"/>
      <c r="BF573" s="76"/>
      <c r="BG573" s="76"/>
      <c r="BH573" s="487"/>
      <c r="BI573" s="76"/>
      <c r="BJ573" s="76"/>
      <c r="BK573" s="80">
        <f>SUMIF(AF573:BJ573,"YES",'DRAFT - HGC Schemes'!$AB$5:$BF$5)</f>
        <v>0</v>
      </c>
      <c r="BL573" s="76"/>
      <c r="BM573" s="487" t="str">
        <f>IF(AF573="yes",('DRAFT - HGC Schemes'!AB$5*$BL573),"")</f>
        <v/>
      </c>
      <c r="BN573" s="487" t="str">
        <f>IF(AG573="yes",('DRAFT - HGC Schemes'!AC$5*$BL573),"")</f>
        <v/>
      </c>
      <c r="BO573" s="487" t="str">
        <f>IF(AH573="yes",('DRAFT - HGC Schemes'!AD$5*$BL573),"")</f>
        <v/>
      </c>
      <c r="BP573" s="487" t="str">
        <f>IF(AI573="yes",('DRAFT - HGC Schemes'!AE$5*$BL573),"")</f>
        <v/>
      </c>
      <c r="BQ573" s="487" t="str">
        <f>IF(AJ573="yes",('DRAFT - HGC Schemes'!AF$5*$BL573),"")</f>
        <v/>
      </c>
      <c r="BR573" s="487" t="str">
        <f>IF(AK573="yes",('DRAFT - HGC Schemes'!AG$5*$BL573),"")</f>
        <v/>
      </c>
      <c r="BS573" s="487" t="str">
        <f>IF(AL573="yes",('DRAFT - HGC Schemes'!AH$5*$BL573),"")</f>
        <v/>
      </c>
      <c r="BT573" s="487" t="str">
        <f>IF(AM573="yes",('DRAFT - HGC Schemes'!AI$5*$BL573),"")</f>
        <v/>
      </c>
      <c r="BU573" s="487" t="str">
        <f>IF(AN573="yes",('DRAFT - HGC Schemes'!AJ$5*$BL573),"")</f>
        <v/>
      </c>
      <c r="BV573" s="487" t="str">
        <f>IF(AO573="yes",('DRAFT - HGC Schemes'!AK$5*$BL573),"")</f>
        <v/>
      </c>
      <c r="BW573" s="487" t="str">
        <f>IF(AP573="yes",('DRAFT - HGC Schemes'!AL$5*$BL573),"")</f>
        <v/>
      </c>
      <c r="BX573" s="487" t="str">
        <f>IF(AQ573="yes",('DRAFT - HGC Schemes'!AM$5*$BL573),"")</f>
        <v/>
      </c>
      <c r="BY573" s="487" t="str">
        <f>IF(AR573="yes",('DRAFT - HGC Schemes'!AN$5*$BL573),"")</f>
        <v/>
      </c>
      <c r="BZ573" s="487" t="str">
        <f>IF(AS573="yes",('DRAFT - HGC Schemes'!AO$5*$BL573),"")</f>
        <v/>
      </c>
      <c r="CA573" s="487" t="str">
        <f>IF(AT573="yes",('DRAFT - HGC Schemes'!AP$5*$BL573),"")</f>
        <v/>
      </c>
      <c r="CB573" s="487" t="str">
        <f>IF(AU573="yes",('DRAFT - HGC Schemes'!AQ$5*$BL573),"")</f>
        <v/>
      </c>
      <c r="CC573" s="487" t="str">
        <f>IF(AV573="yes",('DRAFT - HGC Schemes'!AR$5*$BL573),"")</f>
        <v/>
      </c>
      <c r="CD573" s="487" t="str">
        <f>IF(AW573="yes",('DRAFT - HGC Schemes'!AS$5*$BL573),"")</f>
        <v/>
      </c>
      <c r="CE573" s="487" t="str">
        <f>IF(AX573="yes",('DRAFT - HGC Schemes'!AT$5*$BL573),"")</f>
        <v/>
      </c>
      <c r="CF573" s="487" t="str">
        <f>IF(AY573="yes",('DRAFT - HGC Schemes'!AU$5*$BL573),"")</f>
        <v/>
      </c>
      <c r="CG573" s="487" t="str">
        <f>IF(AZ573="yes",('DRAFT - HGC Schemes'!AV$5*$BL573),"")</f>
        <v/>
      </c>
      <c r="CH573" s="487" t="str">
        <f>IF(BA573="yes",('DRAFT - HGC Schemes'!AW$5*$BL573),"")</f>
        <v/>
      </c>
      <c r="CI573" s="487" t="str">
        <f>IF(BB573="yes",('DRAFT - HGC Schemes'!AX$5*$BL573),"")</f>
        <v/>
      </c>
      <c r="CJ573" s="487" t="str">
        <f>IF(BC573="yes",('DRAFT - HGC Schemes'!AY$5*$BL573),"")</f>
        <v/>
      </c>
      <c r="CK573" s="487" t="str">
        <f>IF(BD573="yes",('DRAFT - HGC Schemes'!AZ$5*$BL573),"")</f>
        <v/>
      </c>
      <c r="CL573" s="487" t="str">
        <f>IF(BE573="yes",('DRAFT - HGC Schemes'!BA$5*$BL573),"")</f>
        <v/>
      </c>
      <c r="CM573" s="487" t="str">
        <f>IF(BF573="yes",('DRAFT - HGC Schemes'!BB$5*$BL573),"")</f>
        <v/>
      </c>
      <c r="CN573" s="487" t="str">
        <f>IF(BG573="yes",('DRAFT - HGC Schemes'!BC$5*$BL573),"")</f>
        <v/>
      </c>
      <c r="CO573" s="487" t="str">
        <f>IF(BH573="yes",('DRAFT - HGC Schemes'!BD$5*$BL573),"")</f>
        <v/>
      </c>
      <c r="CP573" s="487" t="str">
        <f>IF(BI573="yes",('DRAFT - HGC Schemes'!BE$5*$BL573),"")</f>
        <v/>
      </c>
      <c r="CQ573" s="487" t="str">
        <f>IF(BJ573="yes",('DRAFT - HGC Schemes'!BF$5*$BL573),"")</f>
        <v/>
      </c>
      <c r="CR573" s="487"/>
      <c r="CS573" s="487"/>
      <c r="CT573" s="487"/>
      <c r="CU573" s="487"/>
      <c r="CV573" s="487"/>
      <c r="CW573" s="487"/>
      <c r="CX573" s="487"/>
      <c r="CY573" s="487"/>
      <c r="CZ573" s="487"/>
      <c r="DA573" s="487"/>
      <c r="DB573" s="487"/>
      <c r="DC573" s="487"/>
      <c r="DD573" s="487"/>
      <c r="DE573" s="487"/>
      <c r="DF573" s="487"/>
      <c r="DG573" s="487"/>
      <c r="DH573" s="487"/>
      <c r="DI573" s="487"/>
      <c r="DJ573" s="487"/>
      <c r="DK573" s="487"/>
      <c r="DL573" s="487"/>
      <c r="DM573" s="487"/>
      <c r="DN573" s="487"/>
      <c r="DO573" s="487"/>
      <c r="DP573" s="484"/>
      <c r="DQ573" s="484"/>
      <c r="DR573" s="83" t="s">
        <v>3010</v>
      </c>
      <c r="DS573" s="494"/>
      <c r="DT573" s="494"/>
    </row>
    <row r="574" spans="1:124" s="613" customFormat="1" ht="156.75" x14ac:dyDescent="0.25">
      <c r="A574" s="611" t="s">
        <v>3011</v>
      </c>
      <c r="B574" s="499" t="s">
        <v>3012</v>
      </c>
      <c r="C574" s="634" t="s">
        <v>3013</v>
      </c>
      <c r="D574" s="707" t="s">
        <v>2444</v>
      </c>
      <c r="E574" s="634"/>
      <c r="F574" s="704" t="s">
        <v>2445</v>
      </c>
      <c r="G574" s="634"/>
      <c r="H574" s="705" t="s">
        <v>655</v>
      </c>
      <c r="I574" s="640" t="s">
        <v>900</v>
      </c>
      <c r="J574" s="640" t="s">
        <v>2446</v>
      </c>
      <c r="K574" s="621" t="s">
        <v>2447</v>
      </c>
      <c r="L574" s="634"/>
      <c r="M574" s="538"/>
      <c r="N574" s="684"/>
      <c r="O574" s="555"/>
      <c r="P574" s="513" t="s">
        <v>2986</v>
      </c>
      <c r="Q574" s="543"/>
      <c r="R574" s="513" t="s">
        <v>525</v>
      </c>
      <c r="S574" s="484" t="s">
        <v>61</v>
      </c>
      <c r="T574" s="543"/>
      <c r="U574" s="543"/>
      <c r="V574" s="638">
        <v>310000</v>
      </c>
      <c r="W574" s="628">
        <v>465000</v>
      </c>
      <c r="X574" s="543"/>
      <c r="Y574" s="543"/>
      <c r="Z574" s="543"/>
      <c r="AA574" s="543"/>
      <c r="AB574" s="543"/>
      <c r="AC574" s="543"/>
      <c r="AD574" s="543"/>
      <c r="AE574" s="543"/>
      <c r="AF574" s="543"/>
      <c r="AG574" s="543"/>
      <c r="AH574" s="543"/>
      <c r="AI574" s="543"/>
      <c r="AJ574" s="543"/>
      <c r="AK574" s="543"/>
      <c r="AL574" s="543"/>
      <c r="AM574" s="543"/>
      <c r="AN574" s="543"/>
      <c r="AO574" s="543"/>
      <c r="AP574" s="543"/>
      <c r="AQ574" s="543"/>
      <c r="AR574" s="543"/>
      <c r="AS574" s="543"/>
      <c r="AT574" s="543"/>
      <c r="AU574" s="543"/>
      <c r="AV574" s="543"/>
      <c r="AW574" s="543"/>
      <c r="AX574" s="543"/>
      <c r="AY574" s="543"/>
      <c r="AZ574" s="543"/>
      <c r="BA574" s="543"/>
      <c r="BB574" s="543"/>
      <c r="BC574" s="543"/>
      <c r="BD574" s="543"/>
      <c r="BE574" s="543"/>
      <c r="BF574" s="543"/>
      <c r="BG574" s="543"/>
      <c r="BH574" s="543"/>
      <c r="BI574" s="543"/>
      <c r="BJ574" s="543"/>
      <c r="BK574" s="543"/>
      <c r="BL574" s="543"/>
      <c r="BM574" s="543"/>
      <c r="BN574" s="543"/>
      <c r="BO574" s="543"/>
      <c r="BP574" s="543"/>
      <c r="BQ574" s="543"/>
      <c r="BR574" s="543"/>
      <c r="BS574" s="543"/>
      <c r="BT574" s="543"/>
      <c r="BU574" s="543"/>
      <c r="BV574" s="543"/>
      <c r="BW574" s="543"/>
      <c r="BX574" s="543"/>
      <c r="BY574" s="543"/>
      <c r="BZ574" s="543"/>
      <c r="CA574" s="543"/>
      <c r="CB574" s="543"/>
      <c r="CC574" s="543"/>
      <c r="CD574" s="543"/>
      <c r="CE574" s="543"/>
      <c r="CF574" s="543"/>
      <c r="CG574" s="543"/>
      <c r="CH574" s="543"/>
      <c r="CI574" s="543"/>
      <c r="CJ574" s="543"/>
      <c r="CK574" s="543"/>
      <c r="CL574" s="543"/>
      <c r="CM574" s="543"/>
      <c r="CN574" s="543"/>
      <c r="CO574" s="543"/>
      <c r="CP574" s="543"/>
      <c r="CQ574" s="543"/>
      <c r="CR574" s="543"/>
      <c r="CS574" s="543"/>
      <c r="CT574" s="543"/>
      <c r="CU574" s="543"/>
      <c r="CV574" s="543"/>
      <c r="CW574" s="543"/>
      <c r="CX574" s="543"/>
      <c r="CY574" s="543"/>
      <c r="CZ574" s="543"/>
      <c r="DA574" s="543"/>
      <c r="DB574" s="543"/>
      <c r="DC574" s="543"/>
      <c r="DD574" s="543"/>
      <c r="DE574" s="543"/>
      <c r="DF574" s="543"/>
      <c r="DG574" s="543"/>
      <c r="DH574" s="543"/>
      <c r="DI574" s="543"/>
      <c r="DJ574" s="543"/>
      <c r="DK574" s="543"/>
      <c r="DL574" s="543"/>
      <c r="DM574" s="543"/>
      <c r="DN574" s="543"/>
      <c r="DO574" s="543"/>
      <c r="DP574" s="494"/>
      <c r="DQ574" s="495" t="s">
        <v>2449</v>
      </c>
      <c r="DR574" s="494"/>
      <c r="DS574" s="545">
        <v>1</v>
      </c>
      <c r="DT574" s="545">
        <v>0</v>
      </c>
    </row>
    <row r="575" spans="1:124" s="613" customFormat="1" ht="156.75" x14ac:dyDescent="0.25">
      <c r="A575" s="611" t="s">
        <v>3014</v>
      </c>
      <c r="B575" s="499" t="s">
        <v>3012</v>
      </c>
      <c r="C575" s="634" t="s">
        <v>3013</v>
      </c>
      <c r="D575" s="707" t="s">
        <v>2451</v>
      </c>
      <c r="E575" s="634"/>
      <c r="F575" s="704" t="s">
        <v>2445</v>
      </c>
      <c r="G575" s="634"/>
      <c r="H575" s="705" t="s">
        <v>655</v>
      </c>
      <c r="I575" s="640" t="s">
        <v>900</v>
      </c>
      <c r="J575" s="640" t="s">
        <v>2452</v>
      </c>
      <c r="K575" s="621" t="s">
        <v>2453</v>
      </c>
      <c r="L575" s="634"/>
      <c r="M575" s="538"/>
      <c r="N575" s="684"/>
      <c r="O575" s="555"/>
      <c r="P575" s="513" t="s">
        <v>2986</v>
      </c>
      <c r="Q575" s="543"/>
      <c r="R575" s="513" t="s">
        <v>525</v>
      </c>
      <c r="S575" s="484" t="s">
        <v>61</v>
      </c>
      <c r="T575" s="543"/>
      <c r="U575" s="543"/>
      <c r="V575" s="638">
        <v>440000</v>
      </c>
      <c r="W575" s="628">
        <v>660000</v>
      </c>
      <c r="X575" s="543"/>
      <c r="Y575" s="543"/>
      <c r="Z575" s="543"/>
      <c r="AA575" s="543"/>
      <c r="AB575" s="543"/>
      <c r="AC575" s="543"/>
      <c r="AD575" s="543"/>
      <c r="AE575" s="543"/>
      <c r="AF575" s="543"/>
      <c r="AG575" s="543"/>
      <c r="AH575" s="543"/>
      <c r="AI575" s="543"/>
      <c r="AJ575" s="543"/>
      <c r="AK575" s="543"/>
      <c r="AL575" s="543"/>
      <c r="AM575" s="543"/>
      <c r="AN575" s="543"/>
      <c r="AO575" s="543"/>
      <c r="AP575" s="543"/>
      <c r="AQ575" s="543"/>
      <c r="AR575" s="543"/>
      <c r="AS575" s="543"/>
      <c r="AT575" s="543"/>
      <c r="AU575" s="543"/>
      <c r="AV575" s="543"/>
      <c r="AW575" s="543"/>
      <c r="AX575" s="543"/>
      <c r="AY575" s="543"/>
      <c r="AZ575" s="543"/>
      <c r="BA575" s="543"/>
      <c r="BB575" s="543"/>
      <c r="BC575" s="543"/>
      <c r="BD575" s="543"/>
      <c r="BE575" s="543"/>
      <c r="BF575" s="543"/>
      <c r="BG575" s="543"/>
      <c r="BH575" s="543"/>
      <c r="BI575" s="543"/>
      <c r="BJ575" s="543"/>
      <c r="BK575" s="543"/>
      <c r="BL575" s="543"/>
      <c r="BM575" s="543"/>
      <c r="BN575" s="543"/>
      <c r="BO575" s="543"/>
      <c r="BP575" s="543"/>
      <c r="BQ575" s="543"/>
      <c r="BR575" s="543"/>
      <c r="BS575" s="543"/>
      <c r="BT575" s="543"/>
      <c r="BU575" s="543"/>
      <c r="BV575" s="543"/>
      <c r="BW575" s="543"/>
      <c r="BX575" s="543"/>
      <c r="BY575" s="543"/>
      <c r="BZ575" s="543"/>
      <c r="CA575" s="543"/>
      <c r="CB575" s="543"/>
      <c r="CC575" s="543"/>
      <c r="CD575" s="543"/>
      <c r="CE575" s="543"/>
      <c r="CF575" s="543"/>
      <c r="CG575" s="543"/>
      <c r="CH575" s="543"/>
      <c r="CI575" s="543"/>
      <c r="CJ575" s="543"/>
      <c r="CK575" s="543"/>
      <c r="CL575" s="543"/>
      <c r="CM575" s="543"/>
      <c r="CN575" s="543"/>
      <c r="CO575" s="543"/>
      <c r="CP575" s="543"/>
      <c r="CQ575" s="543"/>
      <c r="CR575" s="543"/>
      <c r="CS575" s="543"/>
      <c r="CT575" s="543"/>
      <c r="CU575" s="543"/>
      <c r="CV575" s="543"/>
      <c r="CW575" s="543"/>
      <c r="CX575" s="543"/>
      <c r="CY575" s="543"/>
      <c r="CZ575" s="543"/>
      <c r="DA575" s="543"/>
      <c r="DB575" s="543"/>
      <c r="DC575" s="543"/>
      <c r="DD575" s="543"/>
      <c r="DE575" s="543"/>
      <c r="DF575" s="543"/>
      <c r="DG575" s="543"/>
      <c r="DH575" s="543"/>
      <c r="DI575" s="543"/>
      <c r="DJ575" s="543"/>
      <c r="DK575" s="543"/>
      <c r="DL575" s="543"/>
      <c r="DM575" s="543"/>
      <c r="DN575" s="543"/>
      <c r="DO575" s="543"/>
      <c r="DP575" s="494"/>
      <c r="DQ575" s="495" t="s">
        <v>2449</v>
      </c>
      <c r="DR575" s="494"/>
      <c r="DS575" s="545">
        <v>1</v>
      </c>
      <c r="DT575" s="545">
        <v>0</v>
      </c>
    </row>
    <row r="576" spans="1:124" s="613" customFormat="1" ht="156.75" x14ac:dyDescent="0.25">
      <c r="A576" s="538"/>
      <c r="B576" s="499" t="s">
        <v>3012</v>
      </c>
      <c r="C576" s="634" t="s">
        <v>3013</v>
      </c>
      <c r="D576" s="707" t="s">
        <v>2454</v>
      </c>
      <c r="E576" s="634"/>
      <c r="F576" s="704" t="s">
        <v>2445</v>
      </c>
      <c r="G576" s="634"/>
      <c r="H576" s="705" t="s">
        <v>655</v>
      </c>
      <c r="I576" s="640" t="s">
        <v>900</v>
      </c>
      <c r="J576" s="640" t="s">
        <v>2455</v>
      </c>
      <c r="K576" s="621" t="s">
        <v>2456</v>
      </c>
      <c r="L576" s="634"/>
      <c r="M576" s="538"/>
      <c r="N576" s="684"/>
      <c r="O576" s="555"/>
      <c r="P576" s="538"/>
      <c r="Q576" s="543"/>
      <c r="R576" s="543"/>
      <c r="S576" s="484"/>
      <c r="T576" s="543"/>
      <c r="U576" s="543"/>
      <c r="V576" s="638">
        <v>220000</v>
      </c>
      <c r="W576" s="628">
        <v>330000</v>
      </c>
      <c r="X576" s="543"/>
      <c r="Y576" s="543"/>
      <c r="Z576" s="543"/>
      <c r="AA576" s="543"/>
      <c r="AB576" s="543"/>
      <c r="AC576" s="543"/>
      <c r="AD576" s="543"/>
      <c r="AE576" s="543"/>
      <c r="AF576" s="543"/>
      <c r="AG576" s="543"/>
      <c r="AH576" s="543"/>
      <c r="AI576" s="543"/>
      <c r="AJ576" s="543"/>
      <c r="AK576" s="543"/>
      <c r="AL576" s="543"/>
      <c r="AM576" s="543"/>
      <c r="AN576" s="543"/>
      <c r="AO576" s="543"/>
      <c r="AP576" s="543"/>
      <c r="AQ576" s="543"/>
      <c r="AR576" s="543"/>
      <c r="AS576" s="543"/>
      <c r="AT576" s="543"/>
      <c r="AU576" s="543"/>
      <c r="AV576" s="543"/>
      <c r="AW576" s="543"/>
      <c r="AX576" s="543"/>
      <c r="AY576" s="543"/>
      <c r="AZ576" s="543"/>
      <c r="BA576" s="543"/>
      <c r="BB576" s="543"/>
      <c r="BC576" s="543"/>
      <c r="BD576" s="543"/>
      <c r="BE576" s="543"/>
      <c r="BF576" s="543"/>
      <c r="BG576" s="543"/>
      <c r="BH576" s="543"/>
      <c r="BI576" s="543"/>
      <c r="BJ576" s="543"/>
      <c r="BK576" s="543"/>
      <c r="BL576" s="543"/>
      <c r="BM576" s="543"/>
      <c r="BN576" s="543"/>
      <c r="BO576" s="543"/>
      <c r="BP576" s="543"/>
      <c r="BQ576" s="543"/>
      <c r="BR576" s="543"/>
      <c r="BS576" s="543"/>
      <c r="BT576" s="543"/>
      <c r="BU576" s="543"/>
      <c r="BV576" s="543"/>
      <c r="BW576" s="543"/>
      <c r="BX576" s="543"/>
      <c r="BY576" s="543"/>
      <c r="BZ576" s="543"/>
      <c r="CA576" s="543"/>
      <c r="CB576" s="543"/>
      <c r="CC576" s="543"/>
      <c r="CD576" s="543"/>
      <c r="CE576" s="543"/>
      <c r="CF576" s="543"/>
      <c r="CG576" s="543"/>
      <c r="CH576" s="543"/>
      <c r="CI576" s="543"/>
      <c r="CJ576" s="543"/>
      <c r="CK576" s="543"/>
      <c r="CL576" s="543"/>
      <c r="CM576" s="543"/>
      <c r="CN576" s="543"/>
      <c r="CO576" s="543"/>
      <c r="CP576" s="543"/>
      <c r="CQ576" s="543"/>
      <c r="CR576" s="543"/>
      <c r="CS576" s="543"/>
      <c r="CT576" s="543"/>
      <c r="CU576" s="543"/>
      <c r="CV576" s="543"/>
      <c r="CW576" s="543"/>
      <c r="CX576" s="543"/>
      <c r="CY576" s="543"/>
      <c r="CZ576" s="543"/>
      <c r="DA576" s="543"/>
      <c r="DB576" s="543"/>
      <c r="DC576" s="543"/>
      <c r="DD576" s="543"/>
      <c r="DE576" s="543"/>
      <c r="DF576" s="543"/>
      <c r="DG576" s="543"/>
      <c r="DH576" s="543"/>
      <c r="DI576" s="543"/>
      <c r="DJ576" s="543"/>
      <c r="DK576" s="543"/>
      <c r="DL576" s="543"/>
      <c r="DM576" s="543"/>
      <c r="DN576" s="543"/>
      <c r="DO576" s="543"/>
      <c r="DP576" s="494"/>
      <c r="DQ576" s="495" t="s">
        <v>2449</v>
      </c>
      <c r="DR576" s="494"/>
      <c r="DS576" s="545">
        <v>1</v>
      </c>
      <c r="DT576" s="545">
        <v>0</v>
      </c>
    </row>
    <row r="577" spans="1:122" s="613" customFormat="1" ht="56.25" customHeight="1" x14ac:dyDescent="0.2">
      <c r="A577" s="77"/>
      <c r="B577" s="77"/>
      <c r="C577" s="77"/>
      <c r="D577" s="481">
        <v>72</v>
      </c>
      <c r="E577" s="481"/>
      <c r="F577" s="481" t="s">
        <v>2481</v>
      </c>
      <c r="G577" s="482" t="s">
        <v>53</v>
      </c>
      <c r="H577" s="481" t="s">
        <v>295</v>
      </c>
      <c r="I577" s="654" t="s">
        <v>296</v>
      </c>
      <c r="J577" s="654" t="s">
        <v>318</v>
      </c>
      <c r="K577" s="484" t="s">
        <v>318</v>
      </c>
      <c r="L577" s="620"/>
      <c r="M577" s="484" t="s">
        <v>58</v>
      </c>
      <c r="N577" s="328" t="s">
        <v>3015</v>
      </c>
      <c r="O577" s="484" t="s">
        <v>2996</v>
      </c>
      <c r="P577" s="484" t="s">
        <v>81</v>
      </c>
      <c r="Q577" s="667" t="s">
        <v>299</v>
      </c>
      <c r="R577" s="484" t="s">
        <v>299</v>
      </c>
      <c r="S577" s="484" t="s">
        <v>225</v>
      </c>
      <c r="T577" s="484"/>
      <c r="U577" s="620" t="s">
        <v>63</v>
      </c>
      <c r="V577" s="620" t="s">
        <v>63</v>
      </c>
      <c r="W577" s="485">
        <v>9094200</v>
      </c>
      <c r="X577" s="485"/>
      <c r="Y577" s="484" t="s">
        <v>64</v>
      </c>
      <c r="Z577" s="484"/>
      <c r="AA577" s="485">
        <v>9094200</v>
      </c>
      <c r="AB577" s="652" t="s">
        <v>82</v>
      </c>
      <c r="AC577" s="652"/>
      <c r="AD577" s="488"/>
      <c r="AE577" s="488"/>
      <c r="AF577" s="487" t="s">
        <v>66</v>
      </c>
      <c r="AG577" s="488"/>
      <c r="AH577" s="488"/>
      <c r="AI577" s="488"/>
      <c r="AJ577" s="488"/>
      <c r="AK577" s="488"/>
      <c r="AL577" s="488"/>
      <c r="AM577" s="488"/>
      <c r="AN577" s="488"/>
      <c r="AO577" s="488"/>
      <c r="AP577" s="488"/>
      <c r="AQ577" s="488"/>
      <c r="AR577" s="488"/>
      <c r="AS577" s="488"/>
      <c r="AT577" s="488"/>
      <c r="AU577" s="488"/>
      <c r="AV577" s="488"/>
      <c r="AW577" s="488"/>
      <c r="AX577" s="488"/>
      <c r="AY577" s="487"/>
      <c r="AZ577" s="488"/>
      <c r="BA577" s="488"/>
      <c r="BB577" s="488"/>
      <c r="BC577" s="488"/>
      <c r="BD577" s="488"/>
      <c r="BE577" s="488"/>
      <c r="BF577" s="488"/>
      <c r="BG577" s="488"/>
      <c r="BH577" s="488"/>
      <c r="BI577" s="80">
        <f>SUMIF(AD577:BH577,"YES",'DRAFT - HGC Schemes'!$AB$5:$BF$5)</f>
        <v>0</v>
      </c>
      <c r="BJ577" s="76" t="e">
        <f t="shared" ref="BJ577:BJ604" si="230">AA577/BI577</f>
        <v>#DIV/0!</v>
      </c>
      <c r="BK577" s="487" t="str">
        <f>IF(AD577="yes",('DRAFT - HGC Schemes'!AB$5*$BJ577),"")</f>
        <v/>
      </c>
      <c r="BL577" s="487" t="str">
        <f>IF(AE577="yes",('DRAFT - HGC Schemes'!AC$5*$BJ577),"")</f>
        <v/>
      </c>
      <c r="BM577" s="487" t="e">
        <f>IF(AF577="yes",('DRAFT - HGC Schemes'!AD$5*$BJ577),"")</f>
        <v>#DIV/0!</v>
      </c>
      <c r="BN577" s="487" t="str">
        <f>IF(AG577="yes",('DRAFT - HGC Schemes'!AE$5*$BJ577),"")</f>
        <v/>
      </c>
      <c r="BO577" s="487" t="str">
        <f>IF(AH577="yes",('DRAFT - HGC Schemes'!AF$5*$BJ577),"")</f>
        <v/>
      </c>
      <c r="BP577" s="487" t="str">
        <f>IF(AI577="yes",('DRAFT - HGC Schemes'!AG$5*$BJ577),"")</f>
        <v/>
      </c>
      <c r="BQ577" s="487" t="str">
        <f>IF(AJ577="yes",('DRAFT - HGC Schemes'!AH$5*$BJ577),"")</f>
        <v/>
      </c>
      <c r="BR577" s="487" t="str">
        <f>IF(AK577="yes",('DRAFT - HGC Schemes'!AI$5*$BJ577),"")</f>
        <v/>
      </c>
      <c r="BS577" s="487" t="str">
        <f>IF(AL577="yes",('DRAFT - HGC Schemes'!AJ$5*$BJ577),"")</f>
        <v/>
      </c>
      <c r="BT577" s="487" t="str">
        <f>IF(AM577="yes",('DRAFT - HGC Schemes'!AK$5*$BJ577),"")</f>
        <v/>
      </c>
      <c r="BU577" s="487" t="str">
        <f>IF(AN577="yes",('DRAFT - HGC Schemes'!AL$5*$BJ577),"")</f>
        <v/>
      </c>
      <c r="BV577" s="487" t="str">
        <f>IF(AO577="yes",('DRAFT - HGC Schemes'!AM$5*$BJ577),"")</f>
        <v/>
      </c>
      <c r="BW577" s="487" t="str">
        <f>IF(AP577="yes",('DRAFT - HGC Schemes'!AN$5*$BJ577),"")</f>
        <v/>
      </c>
      <c r="BX577" s="487" t="str">
        <f>IF(AQ577="yes",('DRAFT - HGC Schemes'!AO$5*$BJ577),"")</f>
        <v/>
      </c>
      <c r="BY577" s="487" t="str">
        <f>IF(AR577="yes",('DRAFT - HGC Schemes'!AP$5*$BJ577),"")</f>
        <v/>
      </c>
      <c r="BZ577" s="487" t="str">
        <f>IF(AS577="yes",('DRAFT - HGC Schemes'!AQ$5*$BJ577),"")</f>
        <v/>
      </c>
      <c r="CA577" s="487" t="str">
        <f>IF(AT577="yes",('DRAFT - HGC Schemes'!AR$5*$BJ577),"")</f>
        <v/>
      </c>
      <c r="CB577" s="487" t="str">
        <f>IF(AU577="yes",('DRAFT - HGC Schemes'!AS$5*$BJ577),"")</f>
        <v/>
      </c>
      <c r="CC577" s="487" t="str">
        <f>IF(AV577="yes",('DRAFT - HGC Schemes'!AT$5*$BJ577),"")</f>
        <v/>
      </c>
      <c r="CD577" s="487" t="str">
        <f>IF(AW577="yes",('DRAFT - HGC Schemes'!AU$5*$BJ577),"")</f>
        <v/>
      </c>
      <c r="CE577" s="487" t="str">
        <f>IF(AX577="yes",('DRAFT - HGC Schemes'!AV$5*$BJ577),"")</f>
        <v/>
      </c>
      <c r="CF577" s="487" t="str">
        <f>IF(AY577="yes",('DRAFT - HGC Schemes'!AW$5*$BJ577),"")</f>
        <v/>
      </c>
      <c r="CG577" s="487" t="str">
        <f>IF(AZ577="yes",('DRAFT - HGC Schemes'!AX$5*$BJ577),"")</f>
        <v/>
      </c>
      <c r="CH577" s="487" t="str">
        <f>IF(BA577="yes",('DRAFT - HGC Schemes'!AY$5*$BJ577),"")</f>
        <v/>
      </c>
      <c r="CI577" s="487" t="str">
        <f>IF(BB577="yes",('DRAFT - HGC Schemes'!AZ$5*$BJ577),"")</f>
        <v/>
      </c>
      <c r="CJ577" s="487" t="str">
        <f>IF(BC577="yes",('DRAFT - HGC Schemes'!BA$5*$BJ577),"")</f>
        <v/>
      </c>
      <c r="CK577" s="487" t="str">
        <f>IF(BD577="yes",('DRAFT - HGC Schemes'!BB$5*$BJ577),"")</f>
        <v/>
      </c>
      <c r="CL577" s="487" t="str">
        <f>IF(BE577="yes",('DRAFT - HGC Schemes'!BC$5*$BJ577),"")</f>
        <v/>
      </c>
      <c r="CM577" s="487" t="str">
        <f>IF(BF577="yes",('DRAFT - HGC Schemes'!BD$5*$BJ577),"")</f>
        <v/>
      </c>
      <c r="CN577" s="487" t="str">
        <f>IF(BG577="yes",('DRAFT - HGC Schemes'!BE$5*$BJ577),"")</f>
        <v/>
      </c>
      <c r="CO577" s="487" t="str">
        <f>IF(BH577="yes",('DRAFT - HGC Schemes'!BF$5*$BJ577),"")</f>
        <v/>
      </c>
      <c r="CP577" s="487"/>
      <c r="CQ577" s="487"/>
      <c r="CR577" s="487"/>
      <c r="CS577" s="487"/>
      <c r="CT577" s="487"/>
      <c r="CU577" s="487"/>
      <c r="CV577" s="487"/>
      <c r="CW577" s="487"/>
      <c r="CX577" s="487"/>
      <c r="CY577" s="487"/>
      <c r="CZ577" s="487"/>
      <c r="DA577" s="487"/>
      <c r="DB577" s="487"/>
      <c r="DC577" s="487"/>
      <c r="DD577" s="487"/>
      <c r="DE577" s="487"/>
      <c r="DF577" s="487"/>
      <c r="DG577" s="487"/>
      <c r="DH577" s="487"/>
      <c r="DI577" s="487"/>
      <c r="DJ577" s="487"/>
      <c r="DK577" s="487"/>
      <c r="DL577" s="487"/>
      <c r="DM577" s="487"/>
      <c r="DN577" s="484" t="s">
        <v>300</v>
      </c>
      <c r="DO577" s="484"/>
      <c r="DP577" s="77"/>
      <c r="DQ577" s="77"/>
      <c r="DR577" s="77"/>
    </row>
    <row r="578" spans="1:122" s="613" customFormat="1" ht="56.25" customHeight="1" x14ac:dyDescent="0.2">
      <c r="A578" s="77"/>
      <c r="B578" s="499"/>
      <c r="C578" s="77"/>
      <c r="D578" s="481">
        <v>74</v>
      </c>
      <c r="E578" s="481"/>
      <c r="F578" s="481" t="s">
        <v>2481</v>
      </c>
      <c r="G578" s="482" t="s">
        <v>53</v>
      </c>
      <c r="H578" s="481" t="s">
        <v>295</v>
      </c>
      <c r="I578" s="654" t="s">
        <v>296</v>
      </c>
      <c r="J578" s="654" t="s">
        <v>318</v>
      </c>
      <c r="K578" s="484" t="s">
        <v>318</v>
      </c>
      <c r="L578" s="620"/>
      <c r="M578" s="484" t="s">
        <v>58</v>
      </c>
      <c r="N578" s="327" t="s">
        <v>1363</v>
      </c>
      <c r="O578" s="484" t="s">
        <v>2996</v>
      </c>
      <c r="P578" s="484" t="s">
        <v>81</v>
      </c>
      <c r="Q578" s="667" t="s">
        <v>299</v>
      </c>
      <c r="R578" s="484" t="s">
        <v>299</v>
      </c>
      <c r="S578" s="484" t="s">
        <v>225</v>
      </c>
      <c r="T578" s="484"/>
      <c r="U578" s="620" t="s">
        <v>63</v>
      </c>
      <c r="V578" s="620" t="s">
        <v>63</v>
      </c>
      <c r="W578" s="485">
        <v>9094200</v>
      </c>
      <c r="X578" s="485"/>
      <c r="Y578" s="484" t="s">
        <v>64</v>
      </c>
      <c r="Z578" s="484"/>
      <c r="AA578" s="485">
        <v>9094200</v>
      </c>
      <c r="AB578" s="652" t="s">
        <v>82</v>
      </c>
      <c r="AC578" s="652"/>
      <c r="AD578" s="488"/>
      <c r="AE578" s="488"/>
      <c r="AF578" s="488"/>
      <c r="AG578" s="487" t="s">
        <v>66</v>
      </c>
      <c r="AH578" s="488"/>
      <c r="AI578" s="488"/>
      <c r="AJ578" s="488"/>
      <c r="AK578" s="488"/>
      <c r="AL578" s="488"/>
      <c r="AM578" s="488"/>
      <c r="AN578" s="488"/>
      <c r="AO578" s="488"/>
      <c r="AP578" s="488"/>
      <c r="AQ578" s="488"/>
      <c r="AR578" s="488"/>
      <c r="AS578" s="488"/>
      <c r="AT578" s="488"/>
      <c r="AU578" s="488"/>
      <c r="AV578" s="488"/>
      <c r="AW578" s="488"/>
      <c r="AX578" s="488"/>
      <c r="AY578" s="487"/>
      <c r="AZ578" s="488"/>
      <c r="BA578" s="488"/>
      <c r="BB578" s="488"/>
      <c r="BC578" s="488"/>
      <c r="BD578" s="488"/>
      <c r="BE578" s="488"/>
      <c r="BF578" s="488"/>
      <c r="BG578" s="488"/>
      <c r="BH578" s="488"/>
      <c r="BI578" s="80">
        <f>SUMIF(AD578:BH578,"YES",'DRAFT - HGC Schemes'!$AB$5:$BF$5)</f>
        <v>0</v>
      </c>
      <c r="BJ578" s="76" t="e">
        <f t="shared" si="230"/>
        <v>#DIV/0!</v>
      </c>
      <c r="BK578" s="487" t="str">
        <f>IF(AD578="yes",('DRAFT - HGC Schemes'!AB$5*$BJ578),"")</f>
        <v/>
      </c>
      <c r="BL578" s="487" t="str">
        <f>IF(AE578="yes",('DRAFT - HGC Schemes'!AC$5*$BJ578),"")</f>
        <v/>
      </c>
      <c r="BM578" s="487" t="str">
        <f>IF(AF578="yes",('DRAFT - HGC Schemes'!AD$5*$BJ578),"")</f>
        <v/>
      </c>
      <c r="BN578" s="487" t="e">
        <f>IF(AG578="yes",('DRAFT - HGC Schemes'!AE$5*$BJ578),"")</f>
        <v>#DIV/0!</v>
      </c>
      <c r="BO578" s="487" t="str">
        <f>IF(AH578="yes",('DRAFT - HGC Schemes'!AF$5*$BJ578),"")</f>
        <v/>
      </c>
      <c r="BP578" s="487" t="str">
        <f>IF(AI578="yes",('DRAFT - HGC Schemes'!AG$5*$BJ578),"")</f>
        <v/>
      </c>
      <c r="BQ578" s="487" t="str">
        <f>IF(AJ578="yes",('DRAFT - HGC Schemes'!AH$5*$BJ578),"")</f>
        <v/>
      </c>
      <c r="BR578" s="487" t="str">
        <f>IF(AK578="yes",('DRAFT - HGC Schemes'!AI$5*$BJ578),"")</f>
        <v/>
      </c>
      <c r="BS578" s="487" t="str">
        <f>IF(AL578="yes",('DRAFT - HGC Schemes'!AJ$5*$BJ578),"")</f>
        <v/>
      </c>
      <c r="BT578" s="487" t="str">
        <f>IF(AM578="yes",('DRAFT - HGC Schemes'!AK$5*$BJ578),"")</f>
        <v/>
      </c>
      <c r="BU578" s="487" t="str">
        <f>IF(AN578="yes",('DRAFT - HGC Schemes'!AL$5*$BJ578),"")</f>
        <v/>
      </c>
      <c r="BV578" s="487" t="str">
        <f>IF(AO578="yes",('DRAFT - HGC Schemes'!AM$5*$BJ578),"")</f>
        <v/>
      </c>
      <c r="BW578" s="487" t="str">
        <f>IF(AP578="yes",('DRAFT - HGC Schemes'!AN$5*$BJ578),"")</f>
        <v/>
      </c>
      <c r="BX578" s="487" t="str">
        <f>IF(AQ578="yes",('DRAFT - HGC Schemes'!AO$5*$BJ578),"")</f>
        <v/>
      </c>
      <c r="BY578" s="487" t="str">
        <f>IF(AR578="yes",('DRAFT - HGC Schemes'!AP$5*$BJ578),"")</f>
        <v/>
      </c>
      <c r="BZ578" s="487" t="str">
        <f>IF(AS578="yes",('DRAFT - HGC Schemes'!AQ$5*$BJ578),"")</f>
        <v/>
      </c>
      <c r="CA578" s="487" t="str">
        <f>IF(AT578="yes",('DRAFT - HGC Schemes'!AR$5*$BJ578),"")</f>
        <v/>
      </c>
      <c r="CB578" s="487" t="str">
        <f>IF(AU578="yes",('DRAFT - HGC Schemes'!AS$5*$BJ578),"")</f>
        <v/>
      </c>
      <c r="CC578" s="487" t="str">
        <f>IF(AV578="yes",('DRAFT - HGC Schemes'!AT$5*$BJ578),"")</f>
        <v/>
      </c>
      <c r="CD578" s="487" t="str">
        <f>IF(AW578="yes",('DRAFT - HGC Schemes'!AU$5*$BJ578),"")</f>
        <v/>
      </c>
      <c r="CE578" s="487" t="str">
        <f>IF(AX578="yes",('DRAFT - HGC Schemes'!AV$5*$BJ578),"")</f>
        <v/>
      </c>
      <c r="CF578" s="487" t="str">
        <f>IF(AY578="yes",('DRAFT - HGC Schemes'!AW$5*$BJ578),"")</f>
        <v/>
      </c>
      <c r="CG578" s="487" t="str">
        <f>IF(AZ578="yes",('DRAFT - HGC Schemes'!AX$5*$BJ578),"")</f>
        <v/>
      </c>
      <c r="CH578" s="487" t="str">
        <f>IF(BA578="yes",('DRAFT - HGC Schemes'!AY$5*$BJ578),"")</f>
        <v/>
      </c>
      <c r="CI578" s="487" t="str">
        <f>IF(BB578="yes",('DRAFT - HGC Schemes'!AZ$5*$BJ578),"")</f>
        <v/>
      </c>
      <c r="CJ578" s="487" t="str">
        <f>IF(BC578="yes",('DRAFT - HGC Schemes'!BA$5*$BJ578),"")</f>
        <v/>
      </c>
      <c r="CK578" s="487" t="str">
        <f>IF(BD578="yes",('DRAFT - HGC Schemes'!BB$5*$BJ578),"")</f>
        <v/>
      </c>
      <c r="CL578" s="487" t="str">
        <f>IF(BE578="yes",('DRAFT - HGC Schemes'!BC$5*$BJ578),"")</f>
        <v/>
      </c>
      <c r="CM578" s="487" t="str">
        <f>IF(BF578="yes",('DRAFT - HGC Schemes'!BD$5*$BJ578),"")</f>
        <v/>
      </c>
      <c r="CN578" s="487" t="str">
        <f>IF(BG578="yes",('DRAFT - HGC Schemes'!BE$5*$BJ578),"")</f>
        <v/>
      </c>
      <c r="CO578" s="487" t="str">
        <f>IF(BH578="yes",('DRAFT - HGC Schemes'!BF$5*$BJ578),"")</f>
        <v/>
      </c>
      <c r="CP578" s="487"/>
      <c r="CQ578" s="487"/>
      <c r="CR578" s="487"/>
      <c r="CS578" s="487"/>
      <c r="CT578" s="487"/>
      <c r="CU578" s="487"/>
      <c r="CV578" s="487"/>
      <c r="CW578" s="487"/>
      <c r="CX578" s="487"/>
      <c r="CY578" s="487"/>
      <c r="CZ578" s="487"/>
      <c r="DA578" s="487"/>
      <c r="DB578" s="487"/>
      <c r="DC578" s="487"/>
      <c r="DD578" s="487"/>
      <c r="DE578" s="487"/>
      <c r="DF578" s="487"/>
      <c r="DG578" s="487"/>
      <c r="DH578" s="487"/>
      <c r="DI578" s="487"/>
      <c r="DJ578" s="487"/>
      <c r="DK578" s="487"/>
      <c r="DL578" s="487"/>
      <c r="DM578" s="487"/>
      <c r="DN578" s="484" t="s">
        <v>300</v>
      </c>
      <c r="DO578" s="484"/>
      <c r="DP578" s="77"/>
      <c r="DQ578" s="77"/>
      <c r="DR578" s="77"/>
    </row>
    <row r="579" spans="1:122" s="613" customFormat="1" ht="56.25" customHeight="1" x14ac:dyDescent="0.2">
      <c r="A579" s="273" t="s">
        <v>3016</v>
      </c>
      <c r="B579" s="499"/>
      <c r="C579" s="77"/>
      <c r="D579" s="481">
        <v>76</v>
      </c>
      <c r="E579" s="481"/>
      <c r="F579" s="481" t="s">
        <v>2481</v>
      </c>
      <c r="G579" s="482" t="s">
        <v>53</v>
      </c>
      <c r="H579" s="481" t="s">
        <v>295</v>
      </c>
      <c r="I579" s="654" t="s">
        <v>296</v>
      </c>
      <c r="J579" s="654" t="s">
        <v>318</v>
      </c>
      <c r="K579" s="484" t="s">
        <v>318</v>
      </c>
      <c r="L579" s="620"/>
      <c r="M579" s="484" t="s">
        <v>58</v>
      </c>
      <c r="N579" s="329" t="s">
        <v>1361</v>
      </c>
      <c r="O579" s="484" t="s">
        <v>2996</v>
      </c>
      <c r="P579" s="484" t="s">
        <v>81</v>
      </c>
      <c r="Q579" s="667" t="s">
        <v>299</v>
      </c>
      <c r="R579" s="484" t="s">
        <v>299</v>
      </c>
      <c r="S579" s="484" t="s">
        <v>225</v>
      </c>
      <c r="T579" s="484"/>
      <c r="U579" s="620" t="s">
        <v>63</v>
      </c>
      <c r="V579" s="620" t="s">
        <v>63</v>
      </c>
      <c r="W579" s="485">
        <v>9094200</v>
      </c>
      <c r="X579" s="485"/>
      <c r="Y579" s="484" t="s">
        <v>64</v>
      </c>
      <c r="Z579" s="484"/>
      <c r="AA579" s="485">
        <v>9094200</v>
      </c>
      <c r="AB579" s="652" t="s">
        <v>82</v>
      </c>
      <c r="AC579" s="652"/>
      <c r="AD579" s="488"/>
      <c r="AE579" s="487" t="s">
        <v>66</v>
      </c>
      <c r="AF579" s="488"/>
      <c r="AG579" s="488"/>
      <c r="AH579" s="488"/>
      <c r="AI579" s="488"/>
      <c r="AJ579" s="488"/>
      <c r="AK579" s="488"/>
      <c r="AL579" s="488"/>
      <c r="AM579" s="488"/>
      <c r="AN579" s="488"/>
      <c r="AO579" s="488"/>
      <c r="AP579" s="488"/>
      <c r="AQ579" s="488"/>
      <c r="AR579" s="488"/>
      <c r="AS579" s="488"/>
      <c r="AT579" s="488"/>
      <c r="AU579" s="488"/>
      <c r="AV579" s="488"/>
      <c r="AW579" s="488"/>
      <c r="AX579" s="488"/>
      <c r="AY579" s="487"/>
      <c r="AZ579" s="488"/>
      <c r="BA579" s="488"/>
      <c r="BB579" s="488"/>
      <c r="BC579" s="488"/>
      <c r="BD579" s="488"/>
      <c r="BE579" s="488"/>
      <c r="BF579" s="488"/>
      <c r="BG579" s="488"/>
      <c r="BH579" s="488"/>
      <c r="BI579" s="80">
        <f>SUMIF(AD579:BH579,"YES",'DRAFT - HGC Schemes'!$AB$5:$BF$5)</f>
        <v>0</v>
      </c>
      <c r="BJ579" s="76" t="e">
        <f t="shared" si="230"/>
        <v>#DIV/0!</v>
      </c>
      <c r="BK579" s="487" t="str">
        <f>IF(AD579="yes",('DRAFT - HGC Schemes'!AB$5*$BJ579),"")</f>
        <v/>
      </c>
      <c r="BL579" s="487" t="e">
        <f>IF(AE579="yes",('DRAFT - HGC Schemes'!AC$5*$BJ579),"")</f>
        <v>#DIV/0!</v>
      </c>
      <c r="BM579" s="487" t="str">
        <f>IF(AF579="yes",('DRAFT - HGC Schemes'!AD$5*$BJ579),"")</f>
        <v/>
      </c>
      <c r="BN579" s="487" t="str">
        <f>IF(AG579="yes",('DRAFT - HGC Schemes'!AE$5*$BJ579),"")</f>
        <v/>
      </c>
      <c r="BO579" s="487" t="str">
        <f>IF(AH579="yes",('DRAFT - HGC Schemes'!AF$5*$BJ579),"")</f>
        <v/>
      </c>
      <c r="BP579" s="487" t="str">
        <f>IF(AI579="yes",('DRAFT - HGC Schemes'!AG$5*$BJ579),"")</f>
        <v/>
      </c>
      <c r="BQ579" s="487" t="str">
        <f>IF(AJ579="yes",('DRAFT - HGC Schemes'!AH$5*$BJ579),"")</f>
        <v/>
      </c>
      <c r="BR579" s="487" t="str">
        <f>IF(AK579="yes",('DRAFT - HGC Schemes'!AI$5*$BJ579),"")</f>
        <v/>
      </c>
      <c r="BS579" s="487" t="str">
        <f>IF(AL579="yes",('DRAFT - HGC Schemes'!AJ$5*$BJ579),"")</f>
        <v/>
      </c>
      <c r="BT579" s="487" t="str">
        <f>IF(AM579="yes",('DRAFT - HGC Schemes'!AK$5*$BJ579),"")</f>
        <v/>
      </c>
      <c r="BU579" s="487" t="str">
        <f>IF(AN579="yes",('DRAFT - HGC Schemes'!AL$5*$BJ579),"")</f>
        <v/>
      </c>
      <c r="BV579" s="487" t="str">
        <f>IF(AO579="yes",('DRAFT - HGC Schemes'!AM$5*$BJ579),"")</f>
        <v/>
      </c>
      <c r="BW579" s="487" t="str">
        <f>IF(AP579="yes",('DRAFT - HGC Schemes'!AN$5*$BJ579),"")</f>
        <v/>
      </c>
      <c r="BX579" s="487" t="str">
        <f>IF(AQ579="yes",('DRAFT - HGC Schemes'!AO$5*$BJ579),"")</f>
        <v/>
      </c>
      <c r="BY579" s="487" t="str">
        <f>IF(AR579="yes",('DRAFT - HGC Schemes'!AP$5*$BJ579),"")</f>
        <v/>
      </c>
      <c r="BZ579" s="487" t="str">
        <f>IF(AS579="yes",('DRAFT - HGC Schemes'!AQ$5*$BJ579),"")</f>
        <v/>
      </c>
      <c r="CA579" s="487" t="str">
        <f>IF(AT579="yes",('DRAFT - HGC Schemes'!AR$5*$BJ579),"")</f>
        <v/>
      </c>
      <c r="CB579" s="487" t="str">
        <f>IF(AU579="yes",('DRAFT - HGC Schemes'!AS$5*$BJ579),"")</f>
        <v/>
      </c>
      <c r="CC579" s="487" t="str">
        <f>IF(AV579="yes",('DRAFT - HGC Schemes'!AT$5*$BJ579),"")</f>
        <v/>
      </c>
      <c r="CD579" s="487" t="str">
        <f>IF(AW579="yes",('DRAFT - HGC Schemes'!AU$5*$BJ579),"")</f>
        <v/>
      </c>
      <c r="CE579" s="487" t="str">
        <f>IF(AX579="yes",('DRAFT - HGC Schemes'!AV$5*$BJ579),"")</f>
        <v/>
      </c>
      <c r="CF579" s="487" t="str">
        <f>IF(AY579="yes",('DRAFT - HGC Schemes'!AW$5*$BJ579),"")</f>
        <v/>
      </c>
      <c r="CG579" s="487" t="str">
        <f>IF(AZ579="yes",('DRAFT - HGC Schemes'!AX$5*$BJ579),"")</f>
        <v/>
      </c>
      <c r="CH579" s="487" t="str">
        <f>IF(BA579="yes",('DRAFT - HGC Schemes'!AY$5*$BJ579),"")</f>
        <v/>
      </c>
      <c r="CI579" s="487" t="str">
        <f>IF(BB579="yes",('DRAFT - HGC Schemes'!AZ$5*$BJ579),"")</f>
        <v/>
      </c>
      <c r="CJ579" s="487" t="str">
        <f>IF(BC579="yes",('DRAFT - HGC Schemes'!BA$5*$BJ579),"")</f>
        <v/>
      </c>
      <c r="CK579" s="487" t="str">
        <f>IF(BD579="yes",('DRAFT - HGC Schemes'!BB$5*$BJ579),"")</f>
        <v/>
      </c>
      <c r="CL579" s="487" t="str">
        <f>IF(BE579="yes",('DRAFT - HGC Schemes'!BC$5*$BJ579),"")</f>
        <v/>
      </c>
      <c r="CM579" s="487" t="str">
        <f>IF(BF579="yes",('DRAFT - HGC Schemes'!BD$5*$BJ579),"")</f>
        <v/>
      </c>
      <c r="CN579" s="487" t="str">
        <f>IF(BG579="yes",('DRAFT - HGC Schemes'!BE$5*$BJ579),"")</f>
        <v/>
      </c>
      <c r="CO579" s="487" t="str">
        <f>IF(BH579="yes",('DRAFT - HGC Schemes'!BF$5*$BJ579),"")</f>
        <v/>
      </c>
      <c r="CP579" s="487"/>
      <c r="CQ579" s="487"/>
      <c r="CR579" s="487"/>
      <c r="CS579" s="487"/>
      <c r="CT579" s="487"/>
      <c r="CU579" s="487"/>
      <c r="CV579" s="487"/>
      <c r="CW579" s="487"/>
      <c r="CX579" s="487"/>
      <c r="CY579" s="487"/>
      <c r="CZ579" s="487"/>
      <c r="DA579" s="487"/>
      <c r="DB579" s="487"/>
      <c r="DC579" s="487"/>
      <c r="DD579" s="487"/>
      <c r="DE579" s="487"/>
      <c r="DF579" s="487"/>
      <c r="DG579" s="487"/>
      <c r="DH579" s="487"/>
      <c r="DI579" s="487"/>
      <c r="DJ579" s="487"/>
      <c r="DK579" s="487"/>
      <c r="DL579" s="487"/>
      <c r="DM579" s="487"/>
      <c r="DN579" s="484" t="s">
        <v>300</v>
      </c>
      <c r="DO579" s="484"/>
      <c r="DP579" s="77"/>
      <c r="DQ579" s="77"/>
      <c r="DR579" s="77"/>
    </row>
    <row r="580" spans="1:122" s="613" customFormat="1" ht="56.25" customHeight="1" x14ac:dyDescent="0.2">
      <c r="A580" s="77"/>
      <c r="B580" s="499"/>
      <c r="C580" s="77"/>
      <c r="D580" s="481">
        <v>78</v>
      </c>
      <c r="E580" s="481"/>
      <c r="F580" s="481" t="s">
        <v>2481</v>
      </c>
      <c r="G580" s="482" t="s">
        <v>53</v>
      </c>
      <c r="H580" s="481" t="s">
        <v>295</v>
      </c>
      <c r="I580" s="654" t="s">
        <v>296</v>
      </c>
      <c r="J580" s="654" t="s">
        <v>318</v>
      </c>
      <c r="K580" s="484" t="s">
        <v>318</v>
      </c>
      <c r="L580" s="620"/>
      <c r="M580" s="484" t="s">
        <v>58</v>
      </c>
      <c r="N580" s="327" t="s">
        <v>1364</v>
      </c>
      <c r="O580" s="484" t="s">
        <v>2996</v>
      </c>
      <c r="P580" s="484" t="s">
        <v>81</v>
      </c>
      <c r="Q580" s="667" t="s">
        <v>299</v>
      </c>
      <c r="R580" s="484" t="s">
        <v>299</v>
      </c>
      <c r="S580" s="484" t="s">
        <v>225</v>
      </c>
      <c r="T580" s="484"/>
      <c r="U580" s="620" t="s">
        <v>63</v>
      </c>
      <c r="V580" s="620" t="s">
        <v>63</v>
      </c>
      <c r="W580" s="485">
        <v>9094200</v>
      </c>
      <c r="X580" s="485"/>
      <c r="Y580" s="484" t="s">
        <v>64</v>
      </c>
      <c r="Z580" s="484"/>
      <c r="AA580" s="485">
        <v>9094200</v>
      </c>
      <c r="AB580" s="652" t="s">
        <v>82</v>
      </c>
      <c r="AC580" s="652"/>
      <c r="AD580" s="488"/>
      <c r="AE580" s="488"/>
      <c r="AF580" s="488"/>
      <c r="AG580" s="488"/>
      <c r="AH580" s="487" t="s">
        <v>66</v>
      </c>
      <c r="AI580" s="488"/>
      <c r="AJ580" s="488"/>
      <c r="AK580" s="488"/>
      <c r="AL580" s="488"/>
      <c r="AM580" s="488"/>
      <c r="AN580" s="488"/>
      <c r="AO580" s="488"/>
      <c r="AP580" s="488"/>
      <c r="AQ580" s="488"/>
      <c r="AR580" s="488"/>
      <c r="AS580" s="488"/>
      <c r="AT580" s="488"/>
      <c r="AU580" s="488"/>
      <c r="AV580" s="488"/>
      <c r="AW580" s="488"/>
      <c r="AX580" s="488"/>
      <c r="AY580" s="487"/>
      <c r="AZ580" s="488"/>
      <c r="BA580" s="488"/>
      <c r="BB580" s="488"/>
      <c r="BC580" s="488"/>
      <c r="BD580" s="488"/>
      <c r="BE580" s="488"/>
      <c r="BF580" s="488"/>
      <c r="BG580" s="488"/>
      <c r="BH580" s="488"/>
      <c r="BI580" s="80">
        <f>SUMIF(AD580:BH580,"YES",'DRAFT - HGC Schemes'!$AB$5:$BF$5)</f>
        <v>0</v>
      </c>
      <c r="BJ580" s="76" t="e">
        <f t="shared" si="230"/>
        <v>#DIV/0!</v>
      </c>
      <c r="BK580" s="487" t="str">
        <f>IF(AD580="yes",('DRAFT - HGC Schemes'!AB$5*$BJ580),"")</f>
        <v/>
      </c>
      <c r="BL580" s="487" t="str">
        <f>IF(AE580="yes",('DRAFT - HGC Schemes'!AC$5*$BJ580),"")</f>
        <v/>
      </c>
      <c r="BM580" s="487" t="str">
        <f>IF(AF580="yes",('DRAFT - HGC Schemes'!AD$5*$BJ580),"")</f>
        <v/>
      </c>
      <c r="BN580" s="487" t="str">
        <f>IF(AG580="yes",('DRAFT - HGC Schemes'!AE$5*$BJ580),"")</f>
        <v/>
      </c>
      <c r="BO580" s="487" t="e">
        <f>IF(AH580="yes",('DRAFT - HGC Schemes'!AF$5*$BJ580),"")</f>
        <v>#DIV/0!</v>
      </c>
      <c r="BP580" s="487" t="str">
        <f>IF(AI580="yes",('DRAFT - HGC Schemes'!AG$5*$BJ580),"")</f>
        <v/>
      </c>
      <c r="BQ580" s="487" t="str">
        <f>IF(AJ580="yes",('DRAFT - HGC Schemes'!AH$5*$BJ580),"")</f>
        <v/>
      </c>
      <c r="BR580" s="487" t="str">
        <f>IF(AK580="yes",('DRAFT - HGC Schemes'!AI$5*$BJ580),"")</f>
        <v/>
      </c>
      <c r="BS580" s="487" t="str">
        <f>IF(AL580="yes",('DRAFT - HGC Schemes'!AJ$5*$BJ580),"")</f>
        <v/>
      </c>
      <c r="BT580" s="487" t="str">
        <f>IF(AM580="yes",('DRAFT - HGC Schemes'!AK$5*$BJ580),"")</f>
        <v/>
      </c>
      <c r="BU580" s="487" t="str">
        <f>IF(AN580="yes",('DRAFT - HGC Schemes'!AL$5*$BJ580),"")</f>
        <v/>
      </c>
      <c r="BV580" s="487" t="str">
        <f>IF(AO580="yes",('DRAFT - HGC Schemes'!AM$5*$BJ580),"")</f>
        <v/>
      </c>
      <c r="BW580" s="487" t="str">
        <f>IF(AP580="yes",('DRAFT - HGC Schemes'!AN$5*$BJ580),"")</f>
        <v/>
      </c>
      <c r="BX580" s="487" t="str">
        <f>IF(AQ580="yes",('DRAFT - HGC Schemes'!AO$5*$BJ580),"")</f>
        <v/>
      </c>
      <c r="BY580" s="487" t="str">
        <f>IF(AR580="yes",('DRAFT - HGC Schemes'!AP$5*$BJ580),"")</f>
        <v/>
      </c>
      <c r="BZ580" s="487" t="str">
        <f>IF(AS580="yes",('DRAFT - HGC Schemes'!AQ$5*$BJ580),"")</f>
        <v/>
      </c>
      <c r="CA580" s="487" t="str">
        <f>IF(AT580="yes",('DRAFT - HGC Schemes'!AR$5*$BJ580),"")</f>
        <v/>
      </c>
      <c r="CB580" s="487" t="str">
        <f>IF(AU580="yes",('DRAFT - HGC Schemes'!AS$5*$BJ580),"")</f>
        <v/>
      </c>
      <c r="CC580" s="487" t="str">
        <f>IF(AV580="yes",('DRAFT - HGC Schemes'!AT$5*$BJ580),"")</f>
        <v/>
      </c>
      <c r="CD580" s="487" t="str">
        <f>IF(AW580="yes",('DRAFT - HGC Schemes'!AU$5*$BJ580),"")</f>
        <v/>
      </c>
      <c r="CE580" s="487" t="str">
        <f>IF(AX580="yes",('DRAFT - HGC Schemes'!AV$5*$BJ580),"")</f>
        <v/>
      </c>
      <c r="CF580" s="487" t="str">
        <f>IF(AY580="yes",('DRAFT - HGC Schemes'!AW$5*$BJ580),"")</f>
        <v/>
      </c>
      <c r="CG580" s="487" t="str">
        <f>IF(AZ580="yes",('DRAFT - HGC Schemes'!AX$5*$BJ580),"")</f>
        <v/>
      </c>
      <c r="CH580" s="487" t="str">
        <f>IF(BA580="yes",('DRAFT - HGC Schemes'!AY$5*$BJ580),"")</f>
        <v/>
      </c>
      <c r="CI580" s="487" t="str">
        <f>IF(BB580="yes",('DRAFT - HGC Schemes'!AZ$5*$BJ580),"")</f>
        <v/>
      </c>
      <c r="CJ580" s="487" t="str">
        <f>IF(BC580="yes",('DRAFT - HGC Schemes'!BA$5*$BJ580),"")</f>
        <v/>
      </c>
      <c r="CK580" s="487" t="str">
        <f>IF(BD580="yes",('DRAFT - HGC Schemes'!BB$5*$BJ580),"")</f>
        <v/>
      </c>
      <c r="CL580" s="487" t="str">
        <f>IF(BE580="yes",('DRAFT - HGC Schemes'!BC$5*$BJ580),"")</f>
        <v/>
      </c>
      <c r="CM580" s="487" t="str">
        <f>IF(BF580="yes",('DRAFT - HGC Schemes'!BD$5*$BJ580),"")</f>
        <v/>
      </c>
      <c r="CN580" s="487" t="str">
        <f>IF(BG580="yes",('DRAFT - HGC Schemes'!BE$5*$BJ580),"")</f>
        <v/>
      </c>
      <c r="CO580" s="487" t="str">
        <f>IF(BH580="yes",('DRAFT - HGC Schemes'!BF$5*$BJ580),"")</f>
        <v/>
      </c>
      <c r="CP580" s="487"/>
      <c r="CQ580" s="487"/>
      <c r="CR580" s="487"/>
      <c r="CS580" s="487"/>
      <c r="CT580" s="487"/>
      <c r="CU580" s="487"/>
      <c r="CV580" s="487"/>
      <c r="CW580" s="487"/>
      <c r="CX580" s="487"/>
      <c r="CY580" s="487"/>
      <c r="CZ580" s="487"/>
      <c r="DA580" s="487"/>
      <c r="DB580" s="487"/>
      <c r="DC580" s="487"/>
      <c r="DD580" s="487"/>
      <c r="DE580" s="487"/>
      <c r="DF580" s="487"/>
      <c r="DG580" s="487"/>
      <c r="DH580" s="487"/>
      <c r="DI580" s="487"/>
      <c r="DJ580" s="487"/>
      <c r="DK580" s="487"/>
      <c r="DL580" s="487"/>
      <c r="DM580" s="487"/>
      <c r="DN580" s="484" t="s">
        <v>300</v>
      </c>
      <c r="DO580" s="484"/>
      <c r="DP580" s="77"/>
      <c r="DQ580" s="77"/>
      <c r="DR580" s="77"/>
    </row>
    <row r="581" spans="1:122" s="613" customFormat="1" ht="56.25" customHeight="1" x14ac:dyDescent="0.2">
      <c r="A581" s="77"/>
      <c r="B581" s="610"/>
      <c r="C581" s="77"/>
      <c r="D581" s="481">
        <v>80</v>
      </c>
      <c r="E581" s="481"/>
      <c r="F581" s="481" t="s">
        <v>2481</v>
      </c>
      <c r="G581" s="482" t="s">
        <v>53</v>
      </c>
      <c r="H581" s="481" t="s">
        <v>295</v>
      </c>
      <c r="I581" s="654" t="s">
        <v>296</v>
      </c>
      <c r="J581" s="654" t="s">
        <v>318</v>
      </c>
      <c r="K581" s="484" t="s">
        <v>318</v>
      </c>
      <c r="L581" s="620"/>
      <c r="M581" s="484" t="s">
        <v>58</v>
      </c>
      <c r="N581" s="327" t="s">
        <v>1366</v>
      </c>
      <c r="O581" s="484" t="s">
        <v>2996</v>
      </c>
      <c r="P581" s="484" t="s">
        <v>81</v>
      </c>
      <c r="Q581" s="667" t="s">
        <v>299</v>
      </c>
      <c r="R581" s="484" t="s">
        <v>299</v>
      </c>
      <c r="S581" s="484" t="s">
        <v>225</v>
      </c>
      <c r="T581" s="484"/>
      <c r="U581" s="620" t="s">
        <v>63</v>
      </c>
      <c r="V581" s="620" t="s">
        <v>63</v>
      </c>
      <c r="W581" s="485">
        <v>9094200</v>
      </c>
      <c r="X581" s="485"/>
      <c r="Y581" s="484" t="s">
        <v>64</v>
      </c>
      <c r="Z581" s="484"/>
      <c r="AA581" s="485">
        <v>9094200</v>
      </c>
      <c r="AB581" s="652" t="s">
        <v>82</v>
      </c>
      <c r="AC581" s="652"/>
      <c r="AD581" s="488"/>
      <c r="AE581" s="488"/>
      <c r="AF581" s="488"/>
      <c r="AG581" s="488"/>
      <c r="AH581" s="488"/>
      <c r="AI581" s="488"/>
      <c r="AJ581" s="487" t="s">
        <v>66</v>
      </c>
      <c r="AK581" s="488"/>
      <c r="AL581" s="488"/>
      <c r="AM581" s="488"/>
      <c r="AN581" s="488"/>
      <c r="AO581" s="488"/>
      <c r="AP581" s="488"/>
      <c r="AQ581" s="488"/>
      <c r="AR581" s="488"/>
      <c r="AS581" s="488"/>
      <c r="AT581" s="488"/>
      <c r="AU581" s="488"/>
      <c r="AV581" s="488"/>
      <c r="AW581" s="488"/>
      <c r="AX581" s="488"/>
      <c r="AY581" s="487"/>
      <c r="AZ581" s="488"/>
      <c r="BA581" s="488"/>
      <c r="BB581" s="488"/>
      <c r="BC581" s="488"/>
      <c r="BD581" s="488"/>
      <c r="BE581" s="488"/>
      <c r="BF581" s="488"/>
      <c r="BG581" s="488"/>
      <c r="BH581" s="488"/>
      <c r="BI581" s="80">
        <f>SUMIF(AD581:BH581,"YES",'DRAFT - HGC Schemes'!$AB$5:$BF$5)</f>
        <v>0</v>
      </c>
      <c r="BJ581" s="76" t="e">
        <f t="shared" si="230"/>
        <v>#DIV/0!</v>
      </c>
      <c r="BK581" s="487" t="str">
        <f>IF(AD581="yes",('DRAFT - HGC Schemes'!AB$5*$BJ581),"")</f>
        <v/>
      </c>
      <c r="BL581" s="487" t="str">
        <f>IF(AE581="yes",('DRAFT - HGC Schemes'!AC$5*$BJ581),"")</f>
        <v/>
      </c>
      <c r="BM581" s="487" t="str">
        <f>IF(AF581="yes",('DRAFT - HGC Schemes'!AD$5*$BJ581),"")</f>
        <v/>
      </c>
      <c r="BN581" s="487" t="str">
        <f>IF(AG581="yes",('DRAFT - HGC Schemes'!AE$5*$BJ581),"")</f>
        <v/>
      </c>
      <c r="BO581" s="487" t="str">
        <f>IF(AH581="yes",('DRAFT - HGC Schemes'!AF$5*$BJ581),"")</f>
        <v/>
      </c>
      <c r="BP581" s="487" t="str">
        <f>IF(AI581="yes",('DRAFT - HGC Schemes'!AG$5*$BJ581),"")</f>
        <v/>
      </c>
      <c r="BQ581" s="487" t="e">
        <f>IF(AJ581="yes",('DRAFT - HGC Schemes'!AH$5*$BJ581),"")</f>
        <v>#DIV/0!</v>
      </c>
      <c r="BR581" s="487" t="str">
        <f>IF(AK581="yes",('DRAFT - HGC Schemes'!AI$5*$BJ581),"")</f>
        <v/>
      </c>
      <c r="BS581" s="487" t="str">
        <f>IF(AL581="yes",('DRAFT - HGC Schemes'!AJ$5*$BJ581),"")</f>
        <v/>
      </c>
      <c r="BT581" s="487" t="str">
        <f>IF(AM581="yes",('DRAFT - HGC Schemes'!AK$5*$BJ581),"")</f>
        <v/>
      </c>
      <c r="BU581" s="487" t="str">
        <f>IF(AN581="yes",('DRAFT - HGC Schemes'!AL$5*$BJ581),"")</f>
        <v/>
      </c>
      <c r="BV581" s="487" t="str">
        <f>IF(AO581="yes",('DRAFT - HGC Schemes'!AM$5*$BJ581),"")</f>
        <v/>
      </c>
      <c r="BW581" s="487" t="str">
        <f>IF(AP581="yes",('DRAFT - HGC Schemes'!AN$5*$BJ581),"")</f>
        <v/>
      </c>
      <c r="BX581" s="487" t="str">
        <f>IF(AQ581="yes",('DRAFT - HGC Schemes'!AO$5*$BJ581),"")</f>
        <v/>
      </c>
      <c r="BY581" s="487" t="str">
        <f>IF(AR581="yes",('DRAFT - HGC Schemes'!AP$5*$BJ581),"")</f>
        <v/>
      </c>
      <c r="BZ581" s="487" t="str">
        <f>IF(AS581="yes",('DRAFT - HGC Schemes'!AQ$5*$BJ581),"")</f>
        <v/>
      </c>
      <c r="CA581" s="487" t="str">
        <f>IF(AT581="yes",('DRAFT - HGC Schemes'!AR$5*$BJ581),"")</f>
        <v/>
      </c>
      <c r="CB581" s="487" t="str">
        <f>IF(AU581="yes",('DRAFT - HGC Schemes'!AS$5*$BJ581),"")</f>
        <v/>
      </c>
      <c r="CC581" s="487" t="str">
        <f>IF(AV581="yes",('DRAFT - HGC Schemes'!AT$5*$BJ581),"")</f>
        <v/>
      </c>
      <c r="CD581" s="487" t="str">
        <f>IF(AW581="yes",('DRAFT - HGC Schemes'!AU$5*$BJ581),"")</f>
        <v/>
      </c>
      <c r="CE581" s="487" t="str">
        <f>IF(AX581="yes",('DRAFT - HGC Schemes'!AV$5*$BJ581),"")</f>
        <v/>
      </c>
      <c r="CF581" s="487" t="str">
        <f>IF(AY581="yes",('DRAFT - HGC Schemes'!AW$5*$BJ581),"")</f>
        <v/>
      </c>
      <c r="CG581" s="487" t="str">
        <f>IF(AZ581="yes",('DRAFT - HGC Schemes'!AX$5*$BJ581),"")</f>
        <v/>
      </c>
      <c r="CH581" s="487" t="str">
        <f>IF(BA581="yes",('DRAFT - HGC Schemes'!AY$5*$BJ581),"")</f>
        <v/>
      </c>
      <c r="CI581" s="487" t="str">
        <f>IF(BB581="yes",('DRAFT - HGC Schemes'!AZ$5*$BJ581),"")</f>
        <v/>
      </c>
      <c r="CJ581" s="487" t="str">
        <f>IF(BC581="yes",('DRAFT - HGC Schemes'!BA$5*$BJ581),"")</f>
        <v/>
      </c>
      <c r="CK581" s="487" t="str">
        <f>IF(BD581="yes",('DRAFT - HGC Schemes'!BB$5*$BJ581),"")</f>
        <v/>
      </c>
      <c r="CL581" s="487" t="str">
        <f>IF(BE581="yes",('DRAFT - HGC Schemes'!BC$5*$BJ581),"")</f>
        <v/>
      </c>
      <c r="CM581" s="487" t="str">
        <f>IF(BF581="yes",('DRAFT - HGC Schemes'!BD$5*$BJ581),"")</f>
        <v/>
      </c>
      <c r="CN581" s="487" t="str">
        <f>IF(BG581="yes",('DRAFT - HGC Schemes'!BE$5*$BJ581),"")</f>
        <v/>
      </c>
      <c r="CO581" s="487" t="str">
        <f>IF(BH581="yes",('DRAFT - HGC Schemes'!BF$5*$BJ581),"")</f>
        <v/>
      </c>
      <c r="CP581" s="487"/>
      <c r="CQ581" s="487"/>
      <c r="CR581" s="487"/>
      <c r="CS581" s="487"/>
      <c r="CT581" s="487"/>
      <c r="CU581" s="487"/>
      <c r="CV581" s="487"/>
      <c r="CW581" s="487"/>
      <c r="CX581" s="487"/>
      <c r="CY581" s="487"/>
      <c r="CZ581" s="487"/>
      <c r="DA581" s="487"/>
      <c r="DB581" s="487"/>
      <c r="DC581" s="487"/>
      <c r="DD581" s="487"/>
      <c r="DE581" s="487"/>
      <c r="DF581" s="487"/>
      <c r="DG581" s="487"/>
      <c r="DH581" s="487"/>
      <c r="DI581" s="487"/>
      <c r="DJ581" s="487"/>
      <c r="DK581" s="487"/>
      <c r="DL581" s="487"/>
      <c r="DM581" s="487"/>
      <c r="DN581" s="484" t="s">
        <v>300</v>
      </c>
      <c r="DO581" s="484"/>
      <c r="DP581" s="77"/>
      <c r="DQ581" s="77"/>
      <c r="DR581" s="77"/>
    </row>
    <row r="582" spans="1:122" s="613" customFormat="1" ht="56.25" customHeight="1" x14ac:dyDescent="0.2">
      <c r="A582" s="77"/>
      <c r="B582" s="610"/>
      <c r="C582" s="77"/>
      <c r="D582" s="481">
        <v>82</v>
      </c>
      <c r="E582" s="481"/>
      <c r="F582" s="481" t="s">
        <v>2481</v>
      </c>
      <c r="G582" s="482" t="s">
        <v>53</v>
      </c>
      <c r="H582" s="481" t="s">
        <v>295</v>
      </c>
      <c r="I582" s="654" t="s">
        <v>296</v>
      </c>
      <c r="J582" s="654" t="s">
        <v>318</v>
      </c>
      <c r="K582" s="484" t="s">
        <v>318</v>
      </c>
      <c r="L582" s="620"/>
      <c r="M582" s="484" t="s">
        <v>58</v>
      </c>
      <c r="N582" s="327" t="s">
        <v>1367</v>
      </c>
      <c r="O582" s="484" t="s">
        <v>2996</v>
      </c>
      <c r="P582" s="484" t="s">
        <v>81</v>
      </c>
      <c r="Q582" s="667" t="s">
        <v>299</v>
      </c>
      <c r="R582" s="484" t="s">
        <v>299</v>
      </c>
      <c r="S582" s="484" t="s">
        <v>225</v>
      </c>
      <c r="T582" s="484"/>
      <c r="U582" s="620" t="s">
        <v>63</v>
      </c>
      <c r="V582" s="620" t="s">
        <v>63</v>
      </c>
      <c r="W582" s="485">
        <v>9094200</v>
      </c>
      <c r="X582" s="485"/>
      <c r="Y582" s="484" t="s">
        <v>64</v>
      </c>
      <c r="Z582" s="484"/>
      <c r="AA582" s="485">
        <v>9094200</v>
      </c>
      <c r="AB582" s="652" t="s">
        <v>82</v>
      </c>
      <c r="AC582" s="652"/>
      <c r="AD582" s="488"/>
      <c r="AE582" s="488"/>
      <c r="AF582" s="488"/>
      <c r="AG582" s="488"/>
      <c r="AH582" s="488"/>
      <c r="AI582" s="488"/>
      <c r="AJ582" s="488"/>
      <c r="AK582" s="487" t="s">
        <v>66</v>
      </c>
      <c r="AL582" s="488"/>
      <c r="AM582" s="488"/>
      <c r="AN582" s="488"/>
      <c r="AO582" s="488"/>
      <c r="AP582" s="488"/>
      <c r="AQ582" s="488"/>
      <c r="AR582" s="488"/>
      <c r="AS582" s="488"/>
      <c r="AT582" s="488"/>
      <c r="AU582" s="488"/>
      <c r="AV582" s="488"/>
      <c r="AW582" s="488"/>
      <c r="AX582" s="488"/>
      <c r="AY582" s="487"/>
      <c r="AZ582" s="488"/>
      <c r="BA582" s="488"/>
      <c r="BB582" s="488"/>
      <c r="BC582" s="488"/>
      <c r="BD582" s="488"/>
      <c r="BE582" s="488"/>
      <c r="BF582" s="488"/>
      <c r="BG582" s="488"/>
      <c r="BH582" s="488"/>
      <c r="BI582" s="80">
        <f>SUMIF(AD582:BH582,"YES",'DRAFT - HGC Schemes'!$AB$5:$BF$5)</f>
        <v>0</v>
      </c>
      <c r="BJ582" s="76" t="e">
        <f t="shared" si="230"/>
        <v>#DIV/0!</v>
      </c>
      <c r="BK582" s="487" t="str">
        <f>IF(AD582="yes",('DRAFT - HGC Schemes'!AB$5*$BJ582),"")</f>
        <v/>
      </c>
      <c r="BL582" s="487" t="str">
        <f>IF(AE582="yes",('DRAFT - HGC Schemes'!AC$5*$BJ582),"")</f>
        <v/>
      </c>
      <c r="BM582" s="487" t="str">
        <f>IF(AF582="yes",('DRAFT - HGC Schemes'!AD$5*$BJ582),"")</f>
        <v/>
      </c>
      <c r="BN582" s="487" t="str">
        <f>IF(AG582="yes",('DRAFT - HGC Schemes'!AE$5*$BJ582),"")</f>
        <v/>
      </c>
      <c r="BO582" s="487" t="str">
        <f>IF(AH582="yes",('DRAFT - HGC Schemes'!AF$5*$BJ582),"")</f>
        <v/>
      </c>
      <c r="BP582" s="487" t="str">
        <f>IF(AI582="yes",('DRAFT - HGC Schemes'!AG$5*$BJ582),"")</f>
        <v/>
      </c>
      <c r="BQ582" s="487" t="str">
        <f>IF(AJ582="yes",('DRAFT - HGC Schemes'!AH$5*$BJ582),"")</f>
        <v/>
      </c>
      <c r="BR582" s="487" t="e">
        <f>IF(AK582="yes",('DRAFT - HGC Schemes'!AI$5*$BJ582),"")</f>
        <v>#DIV/0!</v>
      </c>
      <c r="BS582" s="487" t="str">
        <f>IF(AL582="yes",('DRAFT - HGC Schemes'!AJ$5*$BJ582),"")</f>
        <v/>
      </c>
      <c r="BT582" s="487" t="str">
        <f>IF(AM582="yes",('DRAFT - HGC Schemes'!AK$5*$BJ582),"")</f>
        <v/>
      </c>
      <c r="BU582" s="487" t="str">
        <f>IF(AN582="yes",('DRAFT - HGC Schemes'!AL$5*$BJ582),"")</f>
        <v/>
      </c>
      <c r="BV582" s="487" t="str">
        <f>IF(AO582="yes",('DRAFT - HGC Schemes'!AM$5*$BJ582),"")</f>
        <v/>
      </c>
      <c r="BW582" s="487" t="str">
        <f>IF(AP582="yes",('DRAFT - HGC Schemes'!AN$5*$BJ582),"")</f>
        <v/>
      </c>
      <c r="BX582" s="487" t="str">
        <f>IF(AQ582="yes",('DRAFT - HGC Schemes'!AO$5*$BJ582),"")</f>
        <v/>
      </c>
      <c r="BY582" s="487" t="str">
        <f>IF(AR582="yes",('DRAFT - HGC Schemes'!AP$5*$BJ582),"")</f>
        <v/>
      </c>
      <c r="BZ582" s="487" t="str">
        <f>IF(AS582="yes",('DRAFT - HGC Schemes'!AQ$5*$BJ582),"")</f>
        <v/>
      </c>
      <c r="CA582" s="487" t="str">
        <f>IF(AT582="yes",('DRAFT - HGC Schemes'!AR$5*$BJ582),"")</f>
        <v/>
      </c>
      <c r="CB582" s="487" t="str">
        <f>IF(AU582="yes",('DRAFT - HGC Schemes'!AS$5*$BJ582),"")</f>
        <v/>
      </c>
      <c r="CC582" s="487" t="str">
        <f>IF(AV582="yes",('DRAFT - HGC Schemes'!AT$5*$BJ582),"")</f>
        <v/>
      </c>
      <c r="CD582" s="487" t="str">
        <f>IF(AW582="yes",('DRAFT - HGC Schemes'!AU$5*$BJ582),"")</f>
        <v/>
      </c>
      <c r="CE582" s="487" t="str">
        <f>IF(AX582="yes",('DRAFT - HGC Schemes'!AV$5*$BJ582),"")</f>
        <v/>
      </c>
      <c r="CF582" s="487" t="str">
        <f>IF(AY582="yes",('DRAFT - HGC Schemes'!AW$5*$BJ582),"")</f>
        <v/>
      </c>
      <c r="CG582" s="487" t="str">
        <f>IF(AZ582="yes",('DRAFT - HGC Schemes'!AX$5*$BJ582),"")</f>
        <v/>
      </c>
      <c r="CH582" s="487" t="str">
        <f>IF(BA582="yes",('DRAFT - HGC Schemes'!AY$5*$BJ582),"")</f>
        <v/>
      </c>
      <c r="CI582" s="487" t="str">
        <f>IF(BB582="yes",('DRAFT - HGC Schemes'!AZ$5*$BJ582),"")</f>
        <v/>
      </c>
      <c r="CJ582" s="487" t="str">
        <f>IF(BC582="yes",('DRAFT - HGC Schemes'!BA$5*$BJ582),"")</f>
        <v/>
      </c>
      <c r="CK582" s="487" t="str">
        <f>IF(BD582="yes",('DRAFT - HGC Schemes'!BB$5*$BJ582),"")</f>
        <v/>
      </c>
      <c r="CL582" s="487" t="str">
        <f>IF(BE582="yes",('DRAFT - HGC Schemes'!BC$5*$BJ582),"")</f>
        <v/>
      </c>
      <c r="CM582" s="487" t="str">
        <f>IF(BF582="yes",('DRAFT - HGC Schemes'!BD$5*$BJ582),"")</f>
        <v/>
      </c>
      <c r="CN582" s="487" t="str">
        <f>IF(BG582="yes",('DRAFT - HGC Schemes'!BE$5*$BJ582),"")</f>
        <v/>
      </c>
      <c r="CO582" s="487" t="str">
        <f>IF(BH582="yes",('DRAFT - HGC Schemes'!BF$5*$BJ582),"")</f>
        <v/>
      </c>
      <c r="CP582" s="487"/>
      <c r="CQ582" s="487"/>
      <c r="CR582" s="487"/>
      <c r="CS582" s="487"/>
      <c r="CT582" s="487"/>
      <c r="CU582" s="487"/>
      <c r="CV582" s="487"/>
      <c r="CW582" s="487"/>
      <c r="CX582" s="487"/>
      <c r="CY582" s="487"/>
      <c r="CZ582" s="487"/>
      <c r="DA582" s="487"/>
      <c r="DB582" s="487"/>
      <c r="DC582" s="487"/>
      <c r="DD582" s="487"/>
      <c r="DE582" s="487"/>
      <c r="DF582" s="487"/>
      <c r="DG582" s="487"/>
      <c r="DH582" s="487"/>
      <c r="DI582" s="487"/>
      <c r="DJ582" s="487"/>
      <c r="DK582" s="487"/>
      <c r="DL582" s="487"/>
      <c r="DM582" s="487"/>
      <c r="DN582" s="484" t="s">
        <v>300</v>
      </c>
      <c r="DO582" s="484"/>
      <c r="DP582" s="77"/>
      <c r="DQ582" s="77"/>
      <c r="DR582" s="77"/>
    </row>
    <row r="583" spans="1:122" s="613" customFormat="1" ht="56.25" customHeight="1" x14ac:dyDescent="0.2">
      <c r="A583" s="273" t="s">
        <v>3017</v>
      </c>
      <c r="B583" s="610"/>
      <c r="C583" s="77"/>
      <c r="D583" s="481">
        <v>84</v>
      </c>
      <c r="E583" s="481"/>
      <c r="F583" s="481" t="s">
        <v>2481</v>
      </c>
      <c r="G583" s="482" t="s">
        <v>53</v>
      </c>
      <c r="H583" s="481" t="s">
        <v>295</v>
      </c>
      <c r="I583" s="654" t="s">
        <v>296</v>
      </c>
      <c r="J583" s="654" t="s">
        <v>318</v>
      </c>
      <c r="K583" s="484" t="s">
        <v>318</v>
      </c>
      <c r="L583" s="620"/>
      <c r="M583" s="484" t="s">
        <v>58</v>
      </c>
      <c r="N583" s="329" t="s">
        <v>1365</v>
      </c>
      <c r="O583" s="484" t="s">
        <v>2996</v>
      </c>
      <c r="P583" s="484" t="s">
        <v>81</v>
      </c>
      <c r="Q583" s="667" t="s">
        <v>299</v>
      </c>
      <c r="R583" s="484" t="s">
        <v>299</v>
      </c>
      <c r="S583" s="484" t="s">
        <v>225</v>
      </c>
      <c r="T583" s="484"/>
      <c r="U583" s="620" t="s">
        <v>63</v>
      </c>
      <c r="V583" s="620" t="s">
        <v>63</v>
      </c>
      <c r="W583" s="485">
        <v>9094200</v>
      </c>
      <c r="X583" s="485"/>
      <c r="Y583" s="484" t="s">
        <v>64</v>
      </c>
      <c r="Z583" s="484"/>
      <c r="AA583" s="485">
        <v>9094200</v>
      </c>
      <c r="AB583" s="652" t="s">
        <v>82</v>
      </c>
      <c r="AC583" s="652"/>
      <c r="AD583" s="488"/>
      <c r="AE583" s="488"/>
      <c r="AF583" s="488"/>
      <c r="AG583" s="488"/>
      <c r="AH583" s="488"/>
      <c r="AI583" s="487" t="s">
        <v>66</v>
      </c>
      <c r="AJ583" s="488"/>
      <c r="AK583" s="488"/>
      <c r="AL583" s="488"/>
      <c r="AM583" s="488"/>
      <c r="AN583" s="488"/>
      <c r="AO583" s="488"/>
      <c r="AP583" s="488"/>
      <c r="AQ583" s="488"/>
      <c r="AR583" s="488"/>
      <c r="AS583" s="488"/>
      <c r="AT583" s="488"/>
      <c r="AU583" s="488"/>
      <c r="AV583" s="488"/>
      <c r="AW583" s="488"/>
      <c r="AX583" s="488"/>
      <c r="AY583" s="487"/>
      <c r="AZ583" s="488"/>
      <c r="BA583" s="488"/>
      <c r="BB583" s="488"/>
      <c r="BC583" s="488"/>
      <c r="BD583" s="488"/>
      <c r="BE583" s="488"/>
      <c r="BF583" s="488"/>
      <c r="BG583" s="488"/>
      <c r="BH583" s="488"/>
      <c r="BI583" s="80">
        <f>SUMIF(AD583:BH583,"YES",'DRAFT - HGC Schemes'!$AB$5:$BF$5)</f>
        <v>0</v>
      </c>
      <c r="BJ583" s="76" t="e">
        <f t="shared" si="230"/>
        <v>#DIV/0!</v>
      </c>
      <c r="BK583" s="487" t="str">
        <f>IF(AD583="yes",('DRAFT - HGC Schemes'!AB$5*$BJ583),"")</f>
        <v/>
      </c>
      <c r="BL583" s="487" t="str">
        <f>IF(AE583="yes",('DRAFT - HGC Schemes'!AC$5*$BJ583),"")</f>
        <v/>
      </c>
      <c r="BM583" s="487" t="str">
        <f>IF(AF583="yes",('DRAFT - HGC Schemes'!AD$5*$BJ583),"")</f>
        <v/>
      </c>
      <c r="BN583" s="487" t="str">
        <f>IF(AG583="yes",('DRAFT - HGC Schemes'!AE$5*$BJ583),"")</f>
        <v/>
      </c>
      <c r="BO583" s="487" t="str">
        <f>IF(AH583="yes",('DRAFT - HGC Schemes'!AF$5*$BJ583),"")</f>
        <v/>
      </c>
      <c r="BP583" s="487" t="e">
        <f>IF(AI583="yes",('DRAFT - HGC Schemes'!AG$5*$BJ583),"")</f>
        <v>#DIV/0!</v>
      </c>
      <c r="BQ583" s="487" t="str">
        <f>IF(AJ583="yes",('DRAFT - HGC Schemes'!AH$5*$BJ583),"")</f>
        <v/>
      </c>
      <c r="BR583" s="487" t="str">
        <f>IF(AK583="yes",('DRAFT - HGC Schemes'!AI$5*$BJ583),"")</f>
        <v/>
      </c>
      <c r="BS583" s="487" t="str">
        <f>IF(AL583="yes",('DRAFT - HGC Schemes'!AJ$5*$BJ583),"")</f>
        <v/>
      </c>
      <c r="BT583" s="487" t="str">
        <f>IF(AM583="yes",('DRAFT - HGC Schemes'!AK$5*$BJ583),"")</f>
        <v/>
      </c>
      <c r="BU583" s="487" t="str">
        <f>IF(AN583="yes",('DRAFT - HGC Schemes'!AL$5*$BJ583),"")</f>
        <v/>
      </c>
      <c r="BV583" s="487" t="str">
        <f>IF(AO583="yes",('DRAFT - HGC Schemes'!AM$5*$BJ583),"")</f>
        <v/>
      </c>
      <c r="BW583" s="487" t="str">
        <f>IF(AP583="yes",('DRAFT - HGC Schemes'!AN$5*$BJ583),"")</f>
        <v/>
      </c>
      <c r="BX583" s="487" t="str">
        <f>IF(AQ583="yes",('DRAFT - HGC Schemes'!AO$5*$BJ583),"")</f>
        <v/>
      </c>
      <c r="BY583" s="487" t="str">
        <f>IF(AR583="yes",('DRAFT - HGC Schemes'!AP$5*$BJ583),"")</f>
        <v/>
      </c>
      <c r="BZ583" s="487" t="str">
        <f>IF(AS583="yes",('DRAFT - HGC Schemes'!AQ$5*$BJ583),"")</f>
        <v/>
      </c>
      <c r="CA583" s="487" t="str">
        <f>IF(AT583="yes",('DRAFT - HGC Schemes'!AR$5*$BJ583),"")</f>
        <v/>
      </c>
      <c r="CB583" s="487" t="str">
        <f>IF(AU583="yes",('DRAFT - HGC Schemes'!AS$5*$BJ583),"")</f>
        <v/>
      </c>
      <c r="CC583" s="487" t="str">
        <f>IF(AV583="yes",('DRAFT - HGC Schemes'!AT$5*$BJ583),"")</f>
        <v/>
      </c>
      <c r="CD583" s="487" t="str">
        <f>IF(AW583="yes",('DRAFT - HGC Schemes'!AU$5*$BJ583),"")</f>
        <v/>
      </c>
      <c r="CE583" s="487" t="str">
        <f>IF(AX583="yes",('DRAFT - HGC Schemes'!AV$5*$BJ583),"")</f>
        <v/>
      </c>
      <c r="CF583" s="487" t="str">
        <f>IF(AY583="yes",('DRAFT - HGC Schemes'!AW$5*$BJ583),"")</f>
        <v/>
      </c>
      <c r="CG583" s="487" t="str">
        <f>IF(AZ583="yes",('DRAFT - HGC Schemes'!AX$5*$BJ583),"")</f>
        <v/>
      </c>
      <c r="CH583" s="487" t="str">
        <f>IF(BA583="yes",('DRAFT - HGC Schemes'!AY$5*$BJ583),"")</f>
        <v/>
      </c>
      <c r="CI583" s="487" t="str">
        <f>IF(BB583="yes",('DRAFT - HGC Schemes'!AZ$5*$BJ583),"")</f>
        <v/>
      </c>
      <c r="CJ583" s="487" t="str">
        <f>IF(BC583="yes",('DRAFT - HGC Schemes'!BA$5*$BJ583),"")</f>
        <v/>
      </c>
      <c r="CK583" s="487" t="str">
        <f>IF(BD583="yes",('DRAFT - HGC Schemes'!BB$5*$BJ583),"")</f>
        <v/>
      </c>
      <c r="CL583" s="487" t="str">
        <f>IF(BE583="yes",('DRAFT - HGC Schemes'!BC$5*$BJ583),"")</f>
        <v/>
      </c>
      <c r="CM583" s="487" t="str">
        <f>IF(BF583="yes",('DRAFT - HGC Schemes'!BD$5*$BJ583),"")</f>
        <v/>
      </c>
      <c r="CN583" s="487" t="str">
        <f>IF(BG583="yes",('DRAFT - HGC Schemes'!BE$5*$BJ583),"")</f>
        <v/>
      </c>
      <c r="CO583" s="487" t="str">
        <f>IF(BH583="yes",('DRAFT - HGC Schemes'!BF$5*$BJ583),"")</f>
        <v/>
      </c>
      <c r="CP583" s="487"/>
      <c r="CQ583" s="487"/>
      <c r="CR583" s="487"/>
      <c r="CS583" s="487"/>
      <c r="CT583" s="487"/>
      <c r="CU583" s="487"/>
      <c r="CV583" s="487"/>
      <c r="CW583" s="487"/>
      <c r="CX583" s="487"/>
      <c r="CY583" s="487"/>
      <c r="CZ583" s="487"/>
      <c r="DA583" s="487"/>
      <c r="DB583" s="487"/>
      <c r="DC583" s="487"/>
      <c r="DD583" s="487"/>
      <c r="DE583" s="487"/>
      <c r="DF583" s="487"/>
      <c r="DG583" s="487"/>
      <c r="DH583" s="487"/>
      <c r="DI583" s="487"/>
      <c r="DJ583" s="487"/>
      <c r="DK583" s="487"/>
      <c r="DL583" s="487"/>
      <c r="DM583" s="487"/>
      <c r="DN583" s="484" t="s">
        <v>300</v>
      </c>
      <c r="DO583" s="484"/>
      <c r="DP583" s="77"/>
      <c r="DQ583" s="77"/>
      <c r="DR583" s="77"/>
    </row>
    <row r="584" spans="1:122" s="613" customFormat="1" ht="56.25" customHeight="1" x14ac:dyDescent="0.2">
      <c r="A584" s="77"/>
      <c r="B584" s="610"/>
      <c r="C584" s="77"/>
      <c r="D584" s="481">
        <v>86</v>
      </c>
      <c r="E584" s="481"/>
      <c r="F584" s="481" t="s">
        <v>2481</v>
      </c>
      <c r="G584" s="482" t="s">
        <v>53</v>
      </c>
      <c r="H584" s="481" t="s">
        <v>295</v>
      </c>
      <c r="I584" s="654" t="s">
        <v>296</v>
      </c>
      <c r="J584" s="654" t="s">
        <v>318</v>
      </c>
      <c r="K584" s="484" t="s">
        <v>318</v>
      </c>
      <c r="L584" s="620"/>
      <c r="M584" s="484" t="s">
        <v>58</v>
      </c>
      <c r="N584" s="327" t="s">
        <v>3018</v>
      </c>
      <c r="O584" s="484" t="s">
        <v>2996</v>
      </c>
      <c r="P584" s="484" t="s">
        <v>81</v>
      </c>
      <c r="Q584" s="667" t="s">
        <v>299</v>
      </c>
      <c r="R584" s="484" t="s">
        <v>299</v>
      </c>
      <c r="S584" s="484" t="s">
        <v>225</v>
      </c>
      <c r="T584" s="484"/>
      <c r="U584" s="620" t="s">
        <v>63</v>
      </c>
      <c r="V584" s="620" t="s">
        <v>63</v>
      </c>
      <c r="W584" s="485">
        <v>9094200</v>
      </c>
      <c r="X584" s="485"/>
      <c r="Y584" s="484" t="s">
        <v>64</v>
      </c>
      <c r="Z584" s="484"/>
      <c r="AA584" s="485">
        <v>9094200</v>
      </c>
      <c r="AB584" s="652" t="s">
        <v>82</v>
      </c>
      <c r="AC584" s="652"/>
      <c r="AD584" s="488"/>
      <c r="AE584" s="488"/>
      <c r="AF584" s="488"/>
      <c r="AG584" s="488"/>
      <c r="AH584" s="488"/>
      <c r="AI584" s="488"/>
      <c r="AJ584" s="488"/>
      <c r="AK584" s="488"/>
      <c r="AL584" s="487" t="s">
        <v>66</v>
      </c>
      <c r="AM584" s="488"/>
      <c r="AN584" s="488"/>
      <c r="AO584" s="488"/>
      <c r="AP584" s="488"/>
      <c r="AQ584" s="488"/>
      <c r="AR584" s="488"/>
      <c r="AS584" s="488"/>
      <c r="AT584" s="488"/>
      <c r="AU584" s="488"/>
      <c r="AV584" s="488"/>
      <c r="AW584" s="488"/>
      <c r="AX584" s="488"/>
      <c r="AY584" s="487"/>
      <c r="AZ584" s="488"/>
      <c r="BA584" s="488"/>
      <c r="BB584" s="488"/>
      <c r="BC584" s="488"/>
      <c r="BD584" s="488"/>
      <c r="BE584" s="488"/>
      <c r="BF584" s="488"/>
      <c r="BG584" s="488"/>
      <c r="BH584" s="488"/>
      <c r="BI584" s="80">
        <f>SUMIF(AD584:BH584,"YES",'DRAFT - HGC Schemes'!$AB$5:$BF$5)</f>
        <v>0</v>
      </c>
      <c r="BJ584" s="76" t="e">
        <f t="shared" si="230"/>
        <v>#DIV/0!</v>
      </c>
      <c r="BK584" s="487" t="str">
        <f>IF(AD584="yes",('DRAFT - HGC Schemes'!AB$5*$BJ584),"")</f>
        <v/>
      </c>
      <c r="BL584" s="487" t="str">
        <f>IF(AE584="yes",('DRAFT - HGC Schemes'!AC$5*$BJ584),"")</f>
        <v/>
      </c>
      <c r="BM584" s="487" t="str">
        <f>IF(AF584="yes",('DRAFT - HGC Schemes'!AD$5*$BJ584),"")</f>
        <v/>
      </c>
      <c r="BN584" s="487" t="str">
        <f>IF(AG584="yes",('DRAFT - HGC Schemes'!AE$5*$BJ584),"")</f>
        <v/>
      </c>
      <c r="BO584" s="487" t="str">
        <f>IF(AH584="yes",('DRAFT - HGC Schemes'!AF$5*$BJ584),"")</f>
        <v/>
      </c>
      <c r="BP584" s="487" t="str">
        <f>IF(AI584="yes",('DRAFT - HGC Schemes'!AG$5*$BJ584),"")</f>
        <v/>
      </c>
      <c r="BQ584" s="487" t="str">
        <f>IF(AJ584="yes",('DRAFT - HGC Schemes'!AH$5*$BJ584),"")</f>
        <v/>
      </c>
      <c r="BR584" s="487" t="str">
        <f>IF(AK584="yes",('DRAFT - HGC Schemes'!AI$5*$BJ584),"")</f>
        <v/>
      </c>
      <c r="BS584" s="487" t="e">
        <f>IF(AL584="yes",('DRAFT - HGC Schemes'!AJ$5*$BJ584),"")</f>
        <v>#DIV/0!</v>
      </c>
      <c r="BT584" s="487" t="str">
        <f>IF(AM584="yes",('DRAFT - HGC Schemes'!AK$5*$BJ584),"")</f>
        <v/>
      </c>
      <c r="BU584" s="487" t="str">
        <f>IF(AN584="yes",('DRAFT - HGC Schemes'!AL$5*$BJ584),"")</f>
        <v/>
      </c>
      <c r="BV584" s="487" t="str">
        <f>IF(AO584="yes",('DRAFT - HGC Schemes'!AM$5*$BJ584),"")</f>
        <v/>
      </c>
      <c r="BW584" s="487" t="str">
        <f>IF(AP584="yes",('DRAFT - HGC Schemes'!AN$5*$BJ584),"")</f>
        <v/>
      </c>
      <c r="BX584" s="487" t="str">
        <f>IF(AQ584="yes",('DRAFT - HGC Schemes'!AO$5*$BJ584),"")</f>
        <v/>
      </c>
      <c r="BY584" s="487" t="str">
        <f>IF(AR584="yes",('DRAFT - HGC Schemes'!AP$5*$BJ584),"")</f>
        <v/>
      </c>
      <c r="BZ584" s="487" t="str">
        <f>IF(AS584="yes",('DRAFT - HGC Schemes'!AQ$5*$BJ584),"")</f>
        <v/>
      </c>
      <c r="CA584" s="487" t="str">
        <f>IF(AT584="yes",('DRAFT - HGC Schemes'!AR$5*$BJ584),"")</f>
        <v/>
      </c>
      <c r="CB584" s="487" t="str">
        <f>IF(AU584="yes",('DRAFT - HGC Schemes'!AS$5*$BJ584),"")</f>
        <v/>
      </c>
      <c r="CC584" s="487" t="str">
        <f>IF(AV584="yes",('DRAFT - HGC Schemes'!AT$5*$BJ584),"")</f>
        <v/>
      </c>
      <c r="CD584" s="487" t="str">
        <f>IF(AW584="yes",('DRAFT - HGC Schemes'!AU$5*$BJ584),"")</f>
        <v/>
      </c>
      <c r="CE584" s="487" t="str">
        <f>IF(AX584="yes",('DRAFT - HGC Schemes'!AV$5*$BJ584),"")</f>
        <v/>
      </c>
      <c r="CF584" s="487" t="str">
        <f>IF(AY584="yes",('DRAFT - HGC Schemes'!AW$5*$BJ584),"")</f>
        <v/>
      </c>
      <c r="CG584" s="487" t="str">
        <f>IF(AZ584="yes",('DRAFT - HGC Schemes'!AX$5*$BJ584),"")</f>
        <v/>
      </c>
      <c r="CH584" s="487" t="str">
        <f>IF(BA584="yes",('DRAFT - HGC Schemes'!AY$5*$BJ584),"")</f>
        <v/>
      </c>
      <c r="CI584" s="487" t="str">
        <f>IF(BB584="yes",('DRAFT - HGC Schemes'!AZ$5*$BJ584),"")</f>
        <v/>
      </c>
      <c r="CJ584" s="487" t="str">
        <f>IF(BC584="yes",('DRAFT - HGC Schemes'!BA$5*$BJ584),"")</f>
        <v/>
      </c>
      <c r="CK584" s="487" t="str">
        <f>IF(BD584="yes",('DRAFT - HGC Schemes'!BB$5*$BJ584),"")</f>
        <v/>
      </c>
      <c r="CL584" s="487" t="str">
        <f>IF(BE584="yes",('DRAFT - HGC Schemes'!BC$5*$BJ584),"")</f>
        <v/>
      </c>
      <c r="CM584" s="487" t="str">
        <f>IF(BF584="yes",('DRAFT - HGC Schemes'!BD$5*$BJ584),"")</f>
        <v/>
      </c>
      <c r="CN584" s="487" t="str">
        <f>IF(BG584="yes",('DRAFT - HGC Schemes'!BE$5*$BJ584),"")</f>
        <v/>
      </c>
      <c r="CO584" s="487" t="str">
        <f>IF(BH584="yes",('DRAFT - HGC Schemes'!BF$5*$BJ584),"")</f>
        <v/>
      </c>
      <c r="CP584" s="487"/>
      <c r="CQ584" s="487"/>
      <c r="CR584" s="487"/>
      <c r="CS584" s="487"/>
      <c r="CT584" s="487"/>
      <c r="CU584" s="487"/>
      <c r="CV584" s="487"/>
      <c r="CW584" s="487"/>
      <c r="CX584" s="487"/>
      <c r="CY584" s="487"/>
      <c r="CZ584" s="487"/>
      <c r="DA584" s="487"/>
      <c r="DB584" s="487"/>
      <c r="DC584" s="487"/>
      <c r="DD584" s="487"/>
      <c r="DE584" s="487"/>
      <c r="DF584" s="487"/>
      <c r="DG584" s="487"/>
      <c r="DH584" s="487"/>
      <c r="DI584" s="487"/>
      <c r="DJ584" s="487"/>
      <c r="DK584" s="487"/>
      <c r="DL584" s="487"/>
      <c r="DM584" s="487"/>
      <c r="DN584" s="484" t="s">
        <v>300</v>
      </c>
      <c r="DO584" s="484"/>
      <c r="DP584" s="77"/>
      <c r="DQ584" s="77"/>
      <c r="DR584" s="77"/>
    </row>
    <row r="585" spans="1:122" s="613" customFormat="1" ht="56.25" customHeight="1" x14ac:dyDescent="0.2">
      <c r="A585" s="273" t="s">
        <v>3019</v>
      </c>
      <c r="B585" s="499"/>
      <c r="C585" s="77"/>
      <c r="D585" s="481">
        <v>88</v>
      </c>
      <c r="E585" s="481"/>
      <c r="F585" s="481" t="s">
        <v>2481</v>
      </c>
      <c r="G585" s="482" t="s">
        <v>53</v>
      </c>
      <c r="H585" s="481" t="s">
        <v>295</v>
      </c>
      <c r="I585" s="654" t="s">
        <v>296</v>
      </c>
      <c r="J585" s="654" t="s">
        <v>318</v>
      </c>
      <c r="K585" s="484" t="s">
        <v>318</v>
      </c>
      <c r="L585" s="620"/>
      <c r="M585" s="484" t="s">
        <v>58</v>
      </c>
      <c r="N585" s="329" t="s">
        <v>1371</v>
      </c>
      <c r="O585" s="484" t="s">
        <v>2996</v>
      </c>
      <c r="P585" s="484" t="s">
        <v>81</v>
      </c>
      <c r="Q585" s="667" t="s">
        <v>299</v>
      </c>
      <c r="R585" s="484" t="s">
        <v>299</v>
      </c>
      <c r="S585" s="484" t="s">
        <v>225</v>
      </c>
      <c r="T585" s="484"/>
      <c r="U585" s="620" t="s">
        <v>63</v>
      </c>
      <c r="V585" s="620" t="s">
        <v>63</v>
      </c>
      <c r="W585" s="485">
        <v>9094200</v>
      </c>
      <c r="X585" s="485"/>
      <c r="Y585" s="484" t="s">
        <v>64</v>
      </c>
      <c r="Z585" s="484"/>
      <c r="AA585" s="485">
        <v>9094200</v>
      </c>
      <c r="AB585" s="652" t="s">
        <v>82</v>
      </c>
      <c r="AC585" s="652"/>
      <c r="AD585" s="488"/>
      <c r="AE585" s="488"/>
      <c r="AF585" s="488"/>
      <c r="AG585" s="488"/>
      <c r="AH585" s="488"/>
      <c r="AI585" s="488"/>
      <c r="AJ585" s="488"/>
      <c r="AK585" s="488"/>
      <c r="AL585" s="488"/>
      <c r="AM585" s="488"/>
      <c r="AN585" s="488"/>
      <c r="AO585" s="488"/>
      <c r="AP585" s="487" t="s">
        <v>66</v>
      </c>
      <c r="AQ585" s="488"/>
      <c r="AR585" s="488"/>
      <c r="AS585" s="488"/>
      <c r="AT585" s="488"/>
      <c r="AU585" s="488"/>
      <c r="AV585" s="488"/>
      <c r="AW585" s="488"/>
      <c r="AX585" s="488"/>
      <c r="AY585" s="487"/>
      <c r="AZ585" s="488"/>
      <c r="BA585" s="488"/>
      <c r="BB585" s="488"/>
      <c r="BC585" s="488"/>
      <c r="BD585" s="488"/>
      <c r="BE585" s="488"/>
      <c r="BF585" s="488"/>
      <c r="BG585" s="488"/>
      <c r="BH585" s="488"/>
      <c r="BI585" s="80">
        <f>SUMIF(AD585:BH585,"YES",'DRAFT - HGC Schemes'!$AB$5:$BF$5)</f>
        <v>0</v>
      </c>
      <c r="BJ585" s="76" t="e">
        <f t="shared" si="230"/>
        <v>#DIV/0!</v>
      </c>
      <c r="BK585" s="487" t="str">
        <f>IF(AD585="yes",('DRAFT - HGC Schemes'!AB$5*$BJ585),"")</f>
        <v/>
      </c>
      <c r="BL585" s="487" t="str">
        <f>IF(AE585="yes",('DRAFT - HGC Schemes'!AC$5*$BJ585),"")</f>
        <v/>
      </c>
      <c r="BM585" s="487" t="str">
        <f>IF(AF585="yes",('DRAFT - HGC Schemes'!AD$5*$BJ585),"")</f>
        <v/>
      </c>
      <c r="BN585" s="487" t="str">
        <f>IF(AG585="yes",('DRAFT - HGC Schemes'!AE$5*$BJ585),"")</f>
        <v/>
      </c>
      <c r="BO585" s="487" t="str">
        <f>IF(AH585="yes",('DRAFT - HGC Schemes'!AF$5*$BJ585),"")</f>
        <v/>
      </c>
      <c r="BP585" s="487" t="str">
        <f>IF(AI585="yes",('DRAFT - HGC Schemes'!AG$5*$BJ585),"")</f>
        <v/>
      </c>
      <c r="BQ585" s="487" t="str">
        <f>IF(AJ585="yes",('DRAFT - HGC Schemes'!AH$5*$BJ585),"")</f>
        <v/>
      </c>
      <c r="BR585" s="487" t="str">
        <f>IF(AK585="yes",('DRAFT - HGC Schemes'!AI$5*$BJ585),"")</f>
        <v/>
      </c>
      <c r="BS585" s="487" t="str">
        <f>IF(AL585="yes",('DRAFT - HGC Schemes'!AJ$5*$BJ585),"")</f>
        <v/>
      </c>
      <c r="BT585" s="487" t="str">
        <f>IF(AM585="yes",('DRAFT - HGC Schemes'!AK$5*$BJ585),"")</f>
        <v/>
      </c>
      <c r="BU585" s="487" t="str">
        <f>IF(AN585="yes",('DRAFT - HGC Schemes'!AL$5*$BJ585),"")</f>
        <v/>
      </c>
      <c r="BV585" s="487" t="str">
        <f>IF(AO585="yes",('DRAFT - HGC Schemes'!AM$5*$BJ585),"")</f>
        <v/>
      </c>
      <c r="BW585" s="487" t="e">
        <f>IF(AP585="yes",('DRAFT - HGC Schemes'!AN$5*$BJ585),"")</f>
        <v>#DIV/0!</v>
      </c>
      <c r="BX585" s="487" t="str">
        <f>IF(AQ585="yes",('DRAFT - HGC Schemes'!AO$5*$BJ585),"")</f>
        <v/>
      </c>
      <c r="BY585" s="487" t="str">
        <f>IF(AR585="yes",('DRAFT - HGC Schemes'!AP$5*$BJ585),"")</f>
        <v/>
      </c>
      <c r="BZ585" s="487" t="str">
        <f>IF(AS585="yes",('DRAFT - HGC Schemes'!AQ$5*$BJ585),"")</f>
        <v/>
      </c>
      <c r="CA585" s="487" t="str">
        <f>IF(AT585="yes",('DRAFT - HGC Schemes'!AR$5*$BJ585),"")</f>
        <v/>
      </c>
      <c r="CB585" s="487" t="str">
        <f>IF(AU585="yes",('DRAFT - HGC Schemes'!AS$5*$BJ585),"")</f>
        <v/>
      </c>
      <c r="CC585" s="487" t="str">
        <f>IF(AV585="yes",('DRAFT - HGC Schemes'!AT$5*$BJ585),"")</f>
        <v/>
      </c>
      <c r="CD585" s="487" t="str">
        <f>IF(AW585="yes",('DRAFT - HGC Schemes'!AU$5*$BJ585),"")</f>
        <v/>
      </c>
      <c r="CE585" s="487" t="str">
        <f>IF(AX585="yes",('DRAFT - HGC Schemes'!AV$5*$BJ585),"")</f>
        <v/>
      </c>
      <c r="CF585" s="487" t="str">
        <f>IF(AY585="yes",('DRAFT - HGC Schemes'!AW$5*$BJ585),"")</f>
        <v/>
      </c>
      <c r="CG585" s="487" t="str">
        <f>IF(AZ585="yes",('DRAFT - HGC Schemes'!AX$5*$BJ585),"")</f>
        <v/>
      </c>
      <c r="CH585" s="487" t="str">
        <f>IF(BA585="yes",('DRAFT - HGC Schemes'!AY$5*$BJ585),"")</f>
        <v/>
      </c>
      <c r="CI585" s="487" t="str">
        <f>IF(BB585="yes",('DRAFT - HGC Schemes'!AZ$5*$BJ585),"")</f>
        <v/>
      </c>
      <c r="CJ585" s="487" t="str">
        <f>IF(BC585="yes",('DRAFT - HGC Schemes'!BA$5*$BJ585),"")</f>
        <v/>
      </c>
      <c r="CK585" s="487" t="str">
        <f>IF(BD585="yes",('DRAFT - HGC Schemes'!BB$5*$BJ585),"")</f>
        <v/>
      </c>
      <c r="CL585" s="487" t="str">
        <f>IF(BE585="yes",('DRAFT - HGC Schemes'!BC$5*$BJ585),"")</f>
        <v/>
      </c>
      <c r="CM585" s="487" t="str">
        <f>IF(BF585="yes",('DRAFT - HGC Schemes'!BD$5*$BJ585),"")</f>
        <v/>
      </c>
      <c r="CN585" s="487" t="str">
        <f>IF(BG585="yes",('DRAFT - HGC Schemes'!BE$5*$BJ585),"")</f>
        <v/>
      </c>
      <c r="CO585" s="487" t="str">
        <f>IF(BH585="yes",('DRAFT - HGC Schemes'!BF$5*$BJ585),"")</f>
        <v/>
      </c>
      <c r="CP585" s="487"/>
      <c r="CQ585" s="487"/>
      <c r="CR585" s="487"/>
      <c r="CS585" s="487"/>
      <c r="CT585" s="487"/>
      <c r="CU585" s="487"/>
      <c r="CV585" s="487"/>
      <c r="CW585" s="487"/>
      <c r="CX585" s="487"/>
      <c r="CY585" s="487"/>
      <c r="CZ585" s="487"/>
      <c r="DA585" s="487"/>
      <c r="DB585" s="487"/>
      <c r="DC585" s="487"/>
      <c r="DD585" s="487"/>
      <c r="DE585" s="487"/>
      <c r="DF585" s="487"/>
      <c r="DG585" s="487"/>
      <c r="DH585" s="487"/>
      <c r="DI585" s="487"/>
      <c r="DJ585" s="487"/>
      <c r="DK585" s="487"/>
      <c r="DL585" s="487"/>
      <c r="DM585" s="487"/>
      <c r="DN585" s="484" t="s">
        <v>300</v>
      </c>
      <c r="DO585" s="484"/>
      <c r="DP585" s="77"/>
      <c r="DQ585" s="77"/>
      <c r="DR585" s="77"/>
    </row>
    <row r="586" spans="1:122" s="613" customFormat="1" ht="56.25" customHeight="1" x14ac:dyDescent="0.2">
      <c r="A586" s="77"/>
      <c r="B586" s="499"/>
      <c r="C586" s="77"/>
      <c r="D586" s="481">
        <v>94</v>
      </c>
      <c r="E586" s="481"/>
      <c r="F586" s="481" t="s">
        <v>2481</v>
      </c>
      <c r="G586" s="482" t="s">
        <v>53</v>
      </c>
      <c r="H586" s="481" t="s">
        <v>295</v>
      </c>
      <c r="I586" s="654" t="s">
        <v>296</v>
      </c>
      <c r="J586" s="654" t="s">
        <v>318</v>
      </c>
      <c r="K586" s="484" t="s">
        <v>318</v>
      </c>
      <c r="L586" s="620"/>
      <c r="M586" s="484" t="s">
        <v>58</v>
      </c>
      <c r="N586" s="327" t="s">
        <v>2609</v>
      </c>
      <c r="O586" s="484" t="s">
        <v>2996</v>
      </c>
      <c r="P586" s="484" t="s">
        <v>81</v>
      </c>
      <c r="Q586" s="667" t="s">
        <v>299</v>
      </c>
      <c r="R586" s="484" t="s">
        <v>299</v>
      </c>
      <c r="S586" s="484" t="s">
        <v>225</v>
      </c>
      <c r="T586" s="484"/>
      <c r="U586" s="620" t="s">
        <v>63</v>
      </c>
      <c r="V586" s="620" t="s">
        <v>63</v>
      </c>
      <c r="W586" s="485">
        <v>9094200</v>
      </c>
      <c r="X586" s="485"/>
      <c r="Y586" s="484" t="s">
        <v>64</v>
      </c>
      <c r="Z586" s="484"/>
      <c r="AA586" s="485">
        <v>9094200</v>
      </c>
      <c r="AB586" s="652" t="s">
        <v>82</v>
      </c>
      <c r="AC586" s="652"/>
      <c r="AD586" s="488"/>
      <c r="AE586" s="488"/>
      <c r="AF586" s="488"/>
      <c r="AG586" s="488"/>
      <c r="AH586" s="488"/>
      <c r="AI586" s="488"/>
      <c r="AJ586" s="488"/>
      <c r="AK586" s="488"/>
      <c r="AL586" s="488"/>
      <c r="AM586" s="488"/>
      <c r="AN586" s="488"/>
      <c r="AO586" s="488"/>
      <c r="AP586" s="488"/>
      <c r="AQ586" s="487" t="s">
        <v>66</v>
      </c>
      <c r="AR586" s="488"/>
      <c r="AS586" s="488"/>
      <c r="AT586" s="488"/>
      <c r="AU586" s="488"/>
      <c r="AV586" s="488"/>
      <c r="AW586" s="488"/>
      <c r="AX586" s="488"/>
      <c r="AY586" s="487"/>
      <c r="AZ586" s="488"/>
      <c r="BA586" s="488"/>
      <c r="BB586" s="488"/>
      <c r="BC586" s="488"/>
      <c r="BD586" s="488"/>
      <c r="BE586" s="488"/>
      <c r="BF586" s="488"/>
      <c r="BG586" s="488"/>
      <c r="BH586" s="488"/>
      <c r="BI586" s="80">
        <f>SUMIF(AD586:BH586,"YES",'DRAFT - HGC Schemes'!$AB$5:$BF$5)</f>
        <v>0</v>
      </c>
      <c r="BJ586" s="76" t="e">
        <f t="shared" si="230"/>
        <v>#DIV/0!</v>
      </c>
      <c r="BK586" s="487" t="str">
        <f>IF(AD586="yes",('DRAFT - HGC Schemes'!AB$5*$BJ586),"")</f>
        <v/>
      </c>
      <c r="BL586" s="487" t="str">
        <f>IF(AE586="yes",('DRAFT - HGC Schemes'!AC$5*$BJ586),"")</f>
        <v/>
      </c>
      <c r="BM586" s="487" t="str">
        <f>IF(AF586="yes",('DRAFT - HGC Schemes'!AD$5*$BJ586),"")</f>
        <v/>
      </c>
      <c r="BN586" s="487" t="str">
        <f>IF(AG586="yes",('DRAFT - HGC Schemes'!AE$5*$BJ586),"")</f>
        <v/>
      </c>
      <c r="BO586" s="487" t="str">
        <f>IF(AH586="yes",('DRAFT - HGC Schemes'!AF$5*$BJ586),"")</f>
        <v/>
      </c>
      <c r="BP586" s="487" t="str">
        <f>IF(AI586="yes",('DRAFT - HGC Schemes'!AG$5*$BJ586),"")</f>
        <v/>
      </c>
      <c r="BQ586" s="487" t="str">
        <f>IF(AJ586="yes",('DRAFT - HGC Schemes'!AH$5*$BJ586),"")</f>
        <v/>
      </c>
      <c r="BR586" s="487" t="str">
        <f>IF(AK586="yes",('DRAFT - HGC Schemes'!AI$5*$BJ586),"")</f>
        <v/>
      </c>
      <c r="BS586" s="487" t="str">
        <f>IF(AL586="yes",('DRAFT - HGC Schemes'!AJ$5*$BJ586),"")</f>
        <v/>
      </c>
      <c r="BT586" s="487" t="str">
        <f>IF(AM586="yes",('DRAFT - HGC Schemes'!AK$5*$BJ586),"")</f>
        <v/>
      </c>
      <c r="BU586" s="487" t="str">
        <f>IF(AN586="yes",('DRAFT - HGC Schemes'!AL$5*$BJ586),"")</f>
        <v/>
      </c>
      <c r="BV586" s="487" t="str">
        <f>IF(AO586="yes",('DRAFT - HGC Schemes'!AM$5*$BJ586),"")</f>
        <v/>
      </c>
      <c r="BW586" s="487" t="str">
        <f>IF(AP586="yes",('DRAFT - HGC Schemes'!AN$5*$BJ586),"")</f>
        <v/>
      </c>
      <c r="BX586" s="487" t="e">
        <f>IF(AQ586="yes",('DRAFT - HGC Schemes'!AO$5*$BJ586),"")</f>
        <v>#DIV/0!</v>
      </c>
      <c r="BY586" s="487" t="str">
        <f>IF(AR586="yes",('DRAFT - HGC Schemes'!AP$5*$BJ586),"")</f>
        <v/>
      </c>
      <c r="BZ586" s="487" t="str">
        <f>IF(AS586="yes",('DRAFT - HGC Schemes'!AQ$5*$BJ586),"")</f>
        <v/>
      </c>
      <c r="CA586" s="487" t="str">
        <f>IF(AT586="yes",('DRAFT - HGC Schemes'!AR$5*$BJ586),"")</f>
        <v/>
      </c>
      <c r="CB586" s="487" t="str">
        <f>IF(AU586="yes",('DRAFT - HGC Schemes'!AS$5*$BJ586),"")</f>
        <v/>
      </c>
      <c r="CC586" s="487" t="str">
        <f>IF(AV586="yes",('DRAFT - HGC Schemes'!AT$5*$BJ586),"")</f>
        <v/>
      </c>
      <c r="CD586" s="487" t="str">
        <f>IF(AW586="yes",('DRAFT - HGC Schemes'!AU$5*$BJ586),"")</f>
        <v/>
      </c>
      <c r="CE586" s="487" t="str">
        <f>IF(AX586="yes",('DRAFT - HGC Schemes'!AV$5*$BJ586),"")</f>
        <v/>
      </c>
      <c r="CF586" s="487" t="str">
        <f>IF(AY586="yes",('DRAFT - HGC Schemes'!AW$5*$BJ586),"")</f>
        <v/>
      </c>
      <c r="CG586" s="487" t="str">
        <f>IF(AZ586="yes",('DRAFT - HGC Schemes'!AX$5*$BJ586),"")</f>
        <v/>
      </c>
      <c r="CH586" s="487" t="str">
        <f>IF(BA586="yes",('DRAFT - HGC Schemes'!AY$5*$BJ586),"")</f>
        <v/>
      </c>
      <c r="CI586" s="487" t="str">
        <f>IF(BB586="yes",('DRAFT - HGC Schemes'!AZ$5*$BJ586),"")</f>
        <v/>
      </c>
      <c r="CJ586" s="487" t="str">
        <f>IF(BC586="yes",('DRAFT - HGC Schemes'!BA$5*$BJ586),"")</f>
        <v/>
      </c>
      <c r="CK586" s="487" t="str">
        <f>IF(BD586="yes",('DRAFT - HGC Schemes'!BB$5*$BJ586),"")</f>
        <v/>
      </c>
      <c r="CL586" s="487" t="str">
        <f>IF(BE586="yes",('DRAFT - HGC Schemes'!BC$5*$BJ586),"")</f>
        <v/>
      </c>
      <c r="CM586" s="487" t="str">
        <f>IF(BF586="yes",('DRAFT - HGC Schemes'!BD$5*$BJ586),"")</f>
        <v/>
      </c>
      <c r="CN586" s="487" t="str">
        <f>IF(BG586="yes",('DRAFT - HGC Schemes'!BE$5*$BJ586),"")</f>
        <v/>
      </c>
      <c r="CO586" s="487" t="str">
        <f>IF(BH586="yes",('DRAFT - HGC Schemes'!BF$5*$BJ586),"")</f>
        <v/>
      </c>
      <c r="CP586" s="487"/>
      <c r="CQ586" s="487"/>
      <c r="CR586" s="487"/>
      <c r="CS586" s="487"/>
      <c r="CT586" s="487"/>
      <c r="CU586" s="487"/>
      <c r="CV586" s="487"/>
      <c r="CW586" s="487"/>
      <c r="CX586" s="487"/>
      <c r="CY586" s="487"/>
      <c r="CZ586" s="487"/>
      <c r="DA586" s="487"/>
      <c r="DB586" s="487"/>
      <c r="DC586" s="487"/>
      <c r="DD586" s="487"/>
      <c r="DE586" s="487"/>
      <c r="DF586" s="487"/>
      <c r="DG586" s="487"/>
      <c r="DH586" s="487"/>
      <c r="DI586" s="487"/>
      <c r="DJ586" s="487"/>
      <c r="DK586" s="487"/>
      <c r="DL586" s="487"/>
      <c r="DM586" s="487"/>
      <c r="DN586" s="484" t="s">
        <v>300</v>
      </c>
      <c r="DO586" s="484"/>
      <c r="DP586" s="77"/>
      <c r="DQ586" s="77"/>
      <c r="DR586" s="77"/>
    </row>
    <row r="587" spans="1:122" s="613" customFormat="1" ht="56.25" customHeight="1" x14ac:dyDescent="0.2">
      <c r="A587" s="77"/>
      <c r="B587" s="610"/>
      <c r="C587" s="77"/>
      <c r="D587" s="481">
        <v>96</v>
      </c>
      <c r="E587" s="481"/>
      <c r="F587" s="481" t="s">
        <v>2481</v>
      </c>
      <c r="G587" s="482" t="s">
        <v>53</v>
      </c>
      <c r="H587" s="481" t="s">
        <v>295</v>
      </c>
      <c r="I587" s="654" t="s">
        <v>296</v>
      </c>
      <c r="J587" s="654" t="s">
        <v>318</v>
      </c>
      <c r="K587" s="484" t="s">
        <v>318</v>
      </c>
      <c r="L587" s="620"/>
      <c r="M587" s="484" t="s">
        <v>58</v>
      </c>
      <c r="N587" s="327" t="s">
        <v>2601</v>
      </c>
      <c r="O587" s="484" t="s">
        <v>2996</v>
      </c>
      <c r="P587" s="484" t="s">
        <v>81</v>
      </c>
      <c r="Q587" s="667" t="s">
        <v>299</v>
      </c>
      <c r="R587" s="484" t="s">
        <v>299</v>
      </c>
      <c r="S587" s="484" t="s">
        <v>225</v>
      </c>
      <c r="T587" s="484"/>
      <c r="U587" s="620" t="s">
        <v>63</v>
      </c>
      <c r="V587" s="620" t="s">
        <v>63</v>
      </c>
      <c r="W587" s="485">
        <v>9094200</v>
      </c>
      <c r="X587" s="485"/>
      <c r="Y587" s="484" t="s">
        <v>64</v>
      </c>
      <c r="Z587" s="484"/>
      <c r="AA587" s="485">
        <v>9094200</v>
      </c>
      <c r="AB587" s="652" t="s">
        <v>82</v>
      </c>
      <c r="AC587" s="652"/>
      <c r="AD587" s="488"/>
      <c r="AE587" s="488"/>
      <c r="AF587" s="488"/>
      <c r="AG587" s="488"/>
      <c r="AH587" s="488"/>
      <c r="AI587" s="488"/>
      <c r="AJ587" s="488"/>
      <c r="AK587" s="488"/>
      <c r="AL587" s="488"/>
      <c r="AM587" s="488"/>
      <c r="AN587" s="488"/>
      <c r="AO587" s="488"/>
      <c r="AP587" s="488"/>
      <c r="AQ587" s="488"/>
      <c r="AR587" s="487" t="s">
        <v>66</v>
      </c>
      <c r="AS587" s="488"/>
      <c r="AT587" s="488"/>
      <c r="AU587" s="488"/>
      <c r="AV587" s="488"/>
      <c r="AW587" s="488"/>
      <c r="AX587" s="488"/>
      <c r="AY587" s="487"/>
      <c r="AZ587" s="488"/>
      <c r="BA587" s="488"/>
      <c r="BB587" s="488"/>
      <c r="BC587" s="488"/>
      <c r="BD587" s="488"/>
      <c r="BE587" s="488"/>
      <c r="BF587" s="488"/>
      <c r="BG587" s="488"/>
      <c r="BH587" s="488"/>
      <c r="BI587" s="80">
        <f>SUMIF(AD587:BH587,"YES",'DRAFT - HGC Schemes'!$AB$5:$BF$5)</f>
        <v>0</v>
      </c>
      <c r="BJ587" s="76" t="e">
        <f t="shared" si="230"/>
        <v>#DIV/0!</v>
      </c>
      <c r="BK587" s="487" t="str">
        <f>IF(AD587="yes",('DRAFT - HGC Schemes'!AB$5*$BJ587),"")</f>
        <v/>
      </c>
      <c r="BL587" s="487" t="str">
        <f>IF(AE587="yes",('DRAFT - HGC Schemes'!AC$5*$BJ587),"")</f>
        <v/>
      </c>
      <c r="BM587" s="487" t="str">
        <f>IF(AF587="yes",('DRAFT - HGC Schemes'!AD$5*$BJ587),"")</f>
        <v/>
      </c>
      <c r="BN587" s="487" t="str">
        <f>IF(AG587="yes",('DRAFT - HGC Schemes'!AE$5*$BJ587),"")</f>
        <v/>
      </c>
      <c r="BO587" s="487" t="str">
        <f>IF(AH587="yes",('DRAFT - HGC Schemes'!AF$5*$BJ587),"")</f>
        <v/>
      </c>
      <c r="BP587" s="487" t="str">
        <f>IF(AI587="yes",('DRAFT - HGC Schemes'!AG$5*$BJ587),"")</f>
        <v/>
      </c>
      <c r="BQ587" s="487" t="str">
        <f>IF(AJ587="yes",('DRAFT - HGC Schemes'!AH$5*$BJ587),"")</f>
        <v/>
      </c>
      <c r="BR587" s="487" t="str">
        <f>IF(AK587="yes",('DRAFT - HGC Schemes'!AI$5*$BJ587),"")</f>
        <v/>
      </c>
      <c r="BS587" s="487" t="str">
        <f>IF(AL587="yes",('DRAFT - HGC Schemes'!AJ$5*$BJ587),"")</f>
        <v/>
      </c>
      <c r="BT587" s="487" t="str">
        <f>IF(AM587="yes",('DRAFT - HGC Schemes'!AK$5*$BJ587),"")</f>
        <v/>
      </c>
      <c r="BU587" s="487" t="str">
        <f>IF(AN587="yes",('DRAFT - HGC Schemes'!AL$5*$BJ587),"")</f>
        <v/>
      </c>
      <c r="BV587" s="487" t="str">
        <f>IF(AO587="yes",('DRAFT - HGC Schemes'!AM$5*$BJ587),"")</f>
        <v/>
      </c>
      <c r="BW587" s="487" t="str">
        <f>IF(AP587="yes",('DRAFT - HGC Schemes'!AN$5*$BJ587),"")</f>
        <v/>
      </c>
      <c r="BX587" s="487" t="str">
        <f>IF(AQ587="yes",('DRAFT - HGC Schemes'!AO$5*$BJ587),"")</f>
        <v/>
      </c>
      <c r="BY587" s="487" t="e">
        <f>IF(AR587="yes",('DRAFT - HGC Schemes'!AP$5*$BJ587),"")</f>
        <v>#DIV/0!</v>
      </c>
      <c r="BZ587" s="487" t="str">
        <f>IF(AS587="yes",('DRAFT - HGC Schemes'!AQ$5*$BJ587),"")</f>
        <v/>
      </c>
      <c r="CA587" s="487" t="str">
        <f>IF(AT587="yes",('DRAFT - HGC Schemes'!AR$5*$BJ587),"")</f>
        <v/>
      </c>
      <c r="CB587" s="487" t="str">
        <f>IF(AU587="yes",('DRAFT - HGC Schemes'!AS$5*$BJ587),"")</f>
        <v/>
      </c>
      <c r="CC587" s="487" t="str">
        <f>IF(AV587="yes",('DRAFT - HGC Schemes'!AT$5*$BJ587),"")</f>
        <v/>
      </c>
      <c r="CD587" s="487" t="str">
        <f>IF(AW587="yes",('DRAFT - HGC Schemes'!AU$5*$BJ587),"")</f>
        <v/>
      </c>
      <c r="CE587" s="487" t="str">
        <f>IF(AX587="yes",('DRAFT - HGC Schemes'!AV$5*$BJ587),"")</f>
        <v/>
      </c>
      <c r="CF587" s="487" t="str">
        <f>IF(AY587="yes",('DRAFT - HGC Schemes'!AW$5*$BJ587),"")</f>
        <v/>
      </c>
      <c r="CG587" s="487" t="str">
        <f>IF(AZ587="yes",('DRAFT - HGC Schemes'!AX$5*$BJ587),"")</f>
        <v/>
      </c>
      <c r="CH587" s="487" t="str">
        <f>IF(BA587="yes",('DRAFT - HGC Schemes'!AY$5*$BJ587),"")</f>
        <v/>
      </c>
      <c r="CI587" s="487" t="str">
        <f>IF(BB587="yes",('DRAFT - HGC Schemes'!AZ$5*$BJ587),"")</f>
        <v/>
      </c>
      <c r="CJ587" s="487" t="str">
        <f>IF(BC587="yes",('DRAFT - HGC Schemes'!BA$5*$BJ587),"")</f>
        <v/>
      </c>
      <c r="CK587" s="487" t="str">
        <f>IF(BD587="yes",('DRAFT - HGC Schemes'!BB$5*$BJ587),"")</f>
        <v/>
      </c>
      <c r="CL587" s="487" t="str">
        <f>IF(BE587="yes",('DRAFT - HGC Schemes'!BC$5*$BJ587),"")</f>
        <v/>
      </c>
      <c r="CM587" s="487" t="str">
        <f>IF(BF587="yes",('DRAFT - HGC Schemes'!BD$5*$BJ587),"")</f>
        <v/>
      </c>
      <c r="CN587" s="487" t="str">
        <f>IF(BG587="yes",('DRAFT - HGC Schemes'!BE$5*$BJ587),"")</f>
        <v/>
      </c>
      <c r="CO587" s="487" t="str">
        <f>IF(BH587="yes",('DRAFT - HGC Schemes'!BF$5*$BJ587),"")</f>
        <v/>
      </c>
      <c r="CP587" s="487"/>
      <c r="CQ587" s="487"/>
      <c r="CR587" s="487"/>
      <c r="CS587" s="487"/>
      <c r="CT587" s="487"/>
      <c r="CU587" s="487"/>
      <c r="CV587" s="487"/>
      <c r="CW587" s="487"/>
      <c r="CX587" s="487"/>
      <c r="CY587" s="487"/>
      <c r="CZ587" s="487"/>
      <c r="DA587" s="487"/>
      <c r="DB587" s="487"/>
      <c r="DC587" s="487"/>
      <c r="DD587" s="487"/>
      <c r="DE587" s="487"/>
      <c r="DF587" s="487"/>
      <c r="DG587" s="487"/>
      <c r="DH587" s="487"/>
      <c r="DI587" s="487"/>
      <c r="DJ587" s="487"/>
      <c r="DK587" s="487"/>
      <c r="DL587" s="487"/>
      <c r="DM587" s="487"/>
      <c r="DN587" s="484" t="s">
        <v>300</v>
      </c>
      <c r="DO587" s="484"/>
      <c r="DP587" s="77"/>
      <c r="DQ587" s="77"/>
      <c r="DR587" s="77"/>
    </row>
    <row r="588" spans="1:122" s="613" customFormat="1" ht="56.25" customHeight="1" x14ac:dyDescent="0.2">
      <c r="A588" s="77"/>
      <c r="B588" s="499"/>
      <c r="C588" s="77"/>
      <c r="D588" s="481">
        <v>98</v>
      </c>
      <c r="E588" s="481"/>
      <c r="F588" s="481" t="s">
        <v>2481</v>
      </c>
      <c r="G588" s="482" t="s">
        <v>53</v>
      </c>
      <c r="H588" s="481" t="s">
        <v>295</v>
      </c>
      <c r="I588" s="654" t="s">
        <v>296</v>
      </c>
      <c r="J588" s="654" t="s">
        <v>318</v>
      </c>
      <c r="K588" s="484" t="s">
        <v>318</v>
      </c>
      <c r="L588" s="620"/>
      <c r="M588" s="484" t="s">
        <v>58</v>
      </c>
      <c r="N588" s="327" t="s">
        <v>1374</v>
      </c>
      <c r="O588" s="484" t="s">
        <v>2996</v>
      </c>
      <c r="P588" s="484" t="s">
        <v>81</v>
      </c>
      <c r="Q588" s="667" t="s">
        <v>299</v>
      </c>
      <c r="R588" s="484" t="s">
        <v>299</v>
      </c>
      <c r="S588" s="484" t="s">
        <v>225</v>
      </c>
      <c r="T588" s="484"/>
      <c r="U588" s="620" t="s">
        <v>63</v>
      </c>
      <c r="V588" s="620" t="s">
        <v>63</v>
      </c>
      <c r="W588" s="485">
        <v>9094200</v>
      </c>
      <c r="X588" s="485"/>
      <c r="Y588" s="484" t="s">
        <v>64</v>
      </c>
      <c r="Z588" s="484"/>
      <c r="AA588" s="485">
        <v>9094200</v>
      </c>
      <c r="AB588" s="652" t="s">
        <v>82</v>
      </c>
      <c r="AC588" s="652"/>
      <c r="AD588" s="488"/>
      <c r="AE588" s="488"/>
      <c r="AF588" s="488"/>
      <c r="AG588" s="488"/>
      <c r="AH588" s="488"/>
      <c r="AI588" s="488"/>
      <c r="AJ588" s="488"/>
      <c r="AK588" s="488"/>
      <c r="AL588" s="488"/>
      <c r="AM588" s="488"/>
      <c r="AN588" s="488"/>
      <c r="AO588" s="488"/>
      <c r="AP588" s="488"/>
      <c r="AQ588" s="488"/>
      <c r="AR588" s="488"/>
      <c r="AS588" s="487" t="s">
        <v>66</v>
      </c>
      <c r="AT588" s="488"/>
      <c r="AU588" s="488"/>
      <c r="AV588" s="488"/>
      <c r="AW588" s="488"/>
      <c r="AX588" s="488"/>
      <c r="AY588" s="487"/>
      <c r="AZ588" s="488"/>
      <c r="BA588" s="488"/>
      <c r="BB588" s="488"/>
      <c r="BC588" s="488"/>
      <c r="BD588" s="488"/>
      <c r="BE588" s="488"/>
      <c r="BF588" s="488"/>
      <c r="BG588" s="488"/>
      <c r="BH588" s="488"/>
      <c r="BI588" s="80">
        <f>SUMIF(AD588:BH588,"YES",'DRAFT - HGC Schemes'!$AB$5:$BF$5)</f>
        <v>0</v>
      </c>
      <c r="BJ588" s="76" t="e">
        <f t="shared" si="230"/>
        <v>#DIV/0!</v>
      </c>
      <c r="BK588" s="487" t="str">
        <f>IF(AD588="yes",('DRAFT - HGC Schemes'!AB$5*$BJ588),"")</f>
        <v/>
      </c>
      <c r="BL588" s="487" t="str">
        <f>IF(AE588="yes",('DRAFT - HGC Schemes'!AC$5*$BJ588),"")</f>
        <v/>
      </c>
      <c r="BM588" s="487" t="str">
        <f>IF(AF588="yes",('DRAFT - HGC Schemes'!AD$5*$BJ588),"")</f>
        <v/>
      </c>
      <c r="BN588" s="487" t="str">
        <f>IF(AG588="yes",('DRAFT - HGC Schemes'!AE$5*$BJ588),"")</f>
        <v/>
      </c>
      <c r="BO588" s="487" t="str">
        <f>IF(AH588="yes",('DRAFT - HGC Schemes'!AF$5*$BJ588),"")</f>
        <v/>
      </c>
      <c r="BP588" s="487" t="str">
        <f>IF(AI588="yes",('DRAFT - HGC Schemes'!AG$5*$BJ588),"")</f>
        <v/>
      </c>
      <c r="BQ588" s="487" t="str">
        <f>IF(AJ588="yes",('DRAFT - HGC Schemes'!AH$5*$BJ588),"")</f>
        <v/>
      </c>
      <c r="BR588" s="487" t="str">
        <f>IF(AK588="yes",('DRAFT - HGC Schemes'!AI$5*$BJ588),"")</f>
        <v/>
      </c>
      <c r="BS588" s="487" t="str">
        <f>IF(AL588="yes",('DRAFT - HGC Schemes'!AJ$5*$BJ588),"")</f>
        <v/>
      </c>
      <c r="BT588" s="487" t="str">
        <f>IF(AM588="yes",('DRAFT - HGC Schemes'!AK$5*$BJ588),"")</f>
        <v/>
      </c>
      <c r="BU588" s="487" t="str">
        <f>IF(AN588="yes",('DRAFT - HGC Schemes'!AL$5*$BJ588),"")</f>
        <v/>
      </c>
      <c r="BV588" s="487" t="str">
        <f>IF(AO588="yes",('DRAFT - HGC Schemes'!AM$5*$BJ588),"")</f>
        <v/>
      </c>
      <c r="BW588" s="487" t="str">
        <f>IF(AP588="yes",('DRAFT - HGC Schemes'!AN$5*$BJ588),"")</f>
        <v/>
      </c>
      <c r="BX588" s="487" t="str">
        <f>IF(AQ588="yes",('DRAFT - HGC Schemes'!AO$5*$BJ588),"")</f>
        <v/>
      </c>
      <c r="BY588" s="487" t="str">
        <f>IF(AR588="yes",('DRAFT - HGC Schemes'!AP$5*$BJ588),"")</f>
        <v/>
      </c>
      <c r="BZ588" s="487" t="e">
        <f>IF(AS588="yes",('DRAFT - HGC Schemes'!AQ$5*$BJ588),"")</f>
        <v>#DIV/0!</v>
      </c>
      <c r="CA588" s="487" t="str">
        <f>IF(AT588="yes",('DRAFT - HGC Schemes'!AR$5*$BJ588),"")</f>
        <v/>
      </c>
      <c r="CB588" s="487" t="str">
        <f>IF(AU588="yes",('DRAFT - HGC Schemes'!AS$5*$BJ588),"")</f>
        <v/>
      </c>
      <c r="CC588" s="487" t="str">
        <f>IF(AV588="yes",('DRAFT - HGC Schemes'!AT$5*$BJ588),"")</f>
        <v/>
      </c>
      <c r="CD588" s="487" t="str">
        <f>IF(AW588="yes",('DRAFT - HGC Schemes'!AU$5*$BJ588),"")</f>
        <v/>
      </c>
      <c r="CE588" s="487" t="str">
        <f>IF(AX588="yes",('DRAFT - HGC Schemes'!AV$5*$BJ588),"")</f>
        <v/>
      </c>
      <c r="CF588" s="487" t="str">
        <f>IF(AY588="yes",('DRAFT - HGC Schemes'!AW$5*$BJ588),"")</f>
        <v/>
      </c>
      <c r="CG588" s="487" t="str">
        <f>IF(AZ588="yes",('DRAFT - HGC Schemes'!AX$5*$BJ588),"")</f>
        <v/>
      </c>
      <c r="CH588" s="487" t="str">
        <f>IF(BA588="yes",('DRAFT - HGC Schemes'!AY$5*$BJ588),"")</f>
        <v/>
      </c>
      <c r="CI588" s="487" t="str">
        <f>IF(BB588="yes",('DRAFT - HGC Schemes'!AZ$5*$BJ588),"")</f>
        <v/>
      </c>
      <c r="CJ588" s="487" t="str">
        <f>IF(BC588="yes",('DRAFT - HGC Schemes'!BA$5*$BJ588),"")</f>
        <v/>
      </c>
      <c r="CK588" s="487" t="str">
        <f>IF(BD588="yes",('DRAFT - HGC Schemes'!BB$5*$BJ588),"")</f>
        <v/>
      </c>
      <c r="CL588" s="487" t="str">
        <f>IF(BE588="yes",('DRAFT - HGC Schemes'!BC$5*$BJ588),"")</f>
        <v/>
      </c>
      <c r="CM588" s="487" t="str">
        <f>IF(BF588="yes",('DRAFT - HGC Schemes'!BD$5*$BJ588),"")</f>
        <v/>
      </c>
      <c r="CN588" s="487" t="str">
        <f>IF(BG588="yes",('DRAFT - HGC Schemes'!BE$5*$BJ588),"")</f>
        <v/>
      </c>
      <c r="CO588" s="487" t="str">
        <f>IF(BH588="yes",('DRAFT - HGC Schemes'!BF$5*$BJ588),"")</f>
        <v/>
      </c>
      <c r="CP588" s="487"/>
      <c r="CQ588" s="487"/>
      <c r="CR588" s="487"/>
      <c r="CS588" s="487"/>
      <c r="CT588" s="487"/>
      <c r="CU588" s="487"/>
      <c r="CV588" s="487"/>
      <c r="CW588" s="487"/>
      <c r="CX588" s="487"/>
      <c r="CY588" s="487"/>
      <c r="CZ588" s="487"/>
      <c r="DA588" s="487"/>
      <c r="DB588" s="487"/>
      <c r="DC588" s="487"/>
      <c r="DD588" s="487"/>
      <c r="DE588" s="487"/>
      <c r="DF588" s="487"/>
      <c r="DG588" s="487"/>
      <c r="DH588" s="487"/>
      <c r="DI588" s="487"/>
      <c r="DJ588" s="487"/>
      <c r="DK588" s="487"/>
      <c r="DL588" s="487"/>
      <c r="DM588" s="487"/>
      <c r="DN588" s="484" t="s">
        <v>300</v>
      </c>
      <c r="DO588" s="484"/>
      <c r="DP588" s="77"/>
      <c r="DQ588" s="77"/>
      <c r="DR588" s="77"/>
    </row>
    <row r="589" spans="1:122" s="613" customFormat="1" ht="56.25" customHeight="1" x14ac:dyDescent="0.2">
      <c r="A589" s="77"/>
      <c r="B589" s="499"/>
      <c r="C589" s="77"/>
      <c r="D589" s="481">
        <v>100</v>
      </c>
      <c r="E589" s="481"/>
      <c r="F589" s="481" t="s">
        <v>2481</v>
      </c>
      <c r="G589" s="482" t="s">
        <v>53</v>
      </c>
      <c r="H589" s="481" t="s">
        <v>295</v>
      </c>
      <c r="I589" s="654" t="s">
        <v>296</v>
      </c>
      <c r="J589" s="654" t="s">
        <v>318</v>
      </c>
      <c r="K589" s="484" t="s">
        <v>318</v>
      </c>
      <c r="L589" s="620"/>
      <c r="M589" s="484" t="s">
        <v>58</v>
      </c>
      <c r="N589" s="327" t="s">
        <v>328</v>
      </c>
      <c r="O589" s="484" t="s">
        <v>2996</v>
      </c>
      <c r="P589" s="484" t="s">
        <v>81</v>
      </c>
      <c r="Q589" s="667" t="s">
        <v>299</v>
      </c>
      <c r="R589" s="484" t="s">
        <v>299</v>
      </c>
      <c r="S589" s="484" t="s">
        <v>225</v>
      </c>
      <c r="T589" s="484"/>
      <c r="U589" s="620" t="s">
        <v>63</v>
      </c>
      <c r="V589" s="620" t="s">
        <v>63</v>
      </c>
      <c r="W589" s="485">
        <v>9094200</v>
      </c>
      <c r="X589" s="485"/>
      <c r="Y589" s="484" t="s">
        <v>64</v>
      </c>
      <c r="Z589" s="484"/>
      <c r="AA589" s="485">
        <v>9094200</v>
      </c>
      <c r="AB589" s="652" t="s">
        <v>82</v>
      </c>
      <c r="AC589" s="652"/>
      <c r="AD589" s="488"/>
      <c r="AE589" s="488"/>
      <c r="AF589" s="488"/>
      <c r="AG589" s="488"/>
      <c r="AH589" s="488"/>
      <c r="AI589" s="488"/>
      <c r="AJ589" s="488"/>
      <c r="AK589" s="488"/>
      <c r="AL589" s="488"/>
      <c r="AM589" s="488"/>
      <c r="AN589" s="488"/>
      <c r="AO589" s="487" t="s">
        <v>66</v>
      </c>
      <c r="AP589" s="488"/>
      <c r="AQ589" s="488"/>
      <c r="AR589" s="488"/>
      <c r="AS589" s="488"/>
      <c r="AT589" s="488"/>
      <c r="AU589" s="488"/>
      <c r="AV589" s="488"/>
      <c r="AW589" s="488"/>
      <c r="AX589" s="488"/>
      <c r="AY589" s="487"/>
      <c r="AZ589" s="488"/>
      <c r="BA589" s="488"/>
      <c r="BB589" s="488"/>
      <c r="BC589" s="488"/>
      <c r="BD589" s="488"/>
      <c r="BE589" s="488"/>
      <c r="BF589" s="488"/>
      <c r="BG589" s="488"/>
      <c r="BH589" s="488"/>
      <c r="BI589" s="80">
        <f>SUMIF(AD589:BH589,"YES",'DRAFT - HGC Schemes'!$AB$5:$BF$5)</f>
        <v>0</v>
      </c>
      <c r="BJ589" s="76" t="e">
        <f t="shared" si="230"/>
        <v>#DIV/0!</v>
      </c>
      <c r="BK589" s="487" t="str">
        <f>IF(AD589="yes",('DRAFT - HGC Schemes'!AB$5*$BJ589),"")</f>
        <v/>
      </c>
      <c r="BL589" s="487" t="str">
        <f>IF(AE589="yes",('DRAFT - HGC Schemes'!AC$5*$BJ589),"")</f>
        <v/>
      </c>
      <c r="BM589" s="487" t="str">
        <f>IF(AF589="yes",('DRAFT - HGC Schemes'!AD$5*$BJ589),"")</f>
        <v/>
      </c>
      <c r="BN589" s="487" t="str">
        <f>IF(AG589="yes",('DRAFT - HGC Schemes'!AE$5*$BJ589),"")</f>
        <v/>
      </c>
      <c r="BO589" s="487" t="str">
        <f>IF(AH589="yes",('DRAFT - HGC Schemes'!AF$5*$BJ589),"")</f>
        <v/>
      </c>
      <c r="BP589" s="487" t="str">
        <f>IF(AI589="yes",('DRAFT - HGC Schemes'!AG$5*$BJ589),"")</f>
        <v/>
      </c>
      <c r="BQ589" s="487" t="str">
        <f>IF(AJ589="yes",('DRAFT - HGC Schemes'!AH$5*$BJ589),"")</f>
        <v/>
      </c>
      <c r="BR589" s="487" t="str">
        <f>IF(AK589="yes",('DRAFT - HGC Schemes'!AI$5*$BJ589),"")</f>
        <v/>
      </c>
      <c r="BS589" s="487" t="str">
        <f>IF(AL589="yes",('DRAFT - HGC Schemes'!AJ$5*$BJ589),"")</f>
        <v/>
      </c>
      <c r="BT589" s="487" t="str">
        <f>IF(AM589="yes",('DRAFT - HGC Schemes'!AK$5*$BJ589),"")</f>
        <v/>
      </c>
      <c r="BU589" s="487" t="str">
        <f>IF(AN589="yes",('DRAFT - HGC Schemes'!AL$5*$BJ589),"")</f>
        <v/>
      </c>
      <c r="BV589" s="487" t="e">
        <f>IF(AO589="yes",('DRAFT - HGC Schemes'!AM$5*$BJ589),"")</f>
        <v>#DIV/0!</v>
      </c>
      <c r="BW589" s="487" t="str">
        <f>IF(AP589="yes",('DRAFT - HGC Schemes'!AN$5*$BJ589),"")</f>
        <v/>
      </c>
      <c r="BX589" s="487" t="str">
        <f>IF(AQ589="yes",('DRAFT - HGC Schemes'!AO$5*$BJ589),"")</f>
        <v/>
      </c>
      <c r="BY589" s="487" t="str">
        <f>IF(AR589="yes",('DRAFT - HGC Schemes'!AP$5*$BJ589),"")</f>
        <v/>
      </c>
      <c r="BZ589" s="487" t="str">
        <f>IF(AS589="yes",('DRAFT - HGC Schemes'!AQ$5*$BJ589),"")</f>
        <v/>
      </c>
      <c r="CA589" s="487" t="str">
        <f>IF(AT589="yes",('DRAFT - HGC Schemes'!AR$5*$BJ589),"")</f>
        <v/>
      </c>
      <c r="CB589" s="487" t="str">
        <f>IF(AU589="yes",('DRAFT - HGC Schemes'!AS$5*$BJ589),"")</f>
        <v/>
      </c>
      <c r="CC589" s="487" t="str">
        <f>IF(AV589="yes",('DRAFT - HGC Schemes'!AT$5*$BJ589),"")</f>
        <v/>
      </c>
      <c r="CD589" s="487" t="str">
        <f>IF(AW589="yes",('DRAFT - HGC Schemes'!AU$5*$BJ589),"")</f>
        <v/>
      </c>
      <c r="CE589" s="487" t="str">
        <f>IF(AX589="yes",('DRAFT - HGC Schemes'!AV$5*$BJ589),"")</f>
        <v/>
      </c>
      <c r="CF589" s="487" t="str">
        <f>IF(AY589="yes",('DRAFT - HGC Schemes'!AW$5*$BJ589),"")</f>
        <v/>
      </c>
      <c r="CG589" s="487" t="str">
        <f>IF(AZ589="yes",('DRAFT - HGC Schemes'!AX$5*$BJ589),"")</f>
        <v/>
      </c>
      <c r="CH589" s="487" t="str">
        <f>IF(BA589="yes",('DRAFT - HGC Schemes'!AY$5*$BJ589),"")</f>
        <v/>
      </c>
      <c r="CI589" s="487" t="str">
        <f>IF(BB589="yes",('DRAFT - HGC Schemes'!AZ$5*$BJ589),"")</f>
        <v/>
      </c>
      <c r="CJ589" s="487" t="str">
        <f>IF(BC589="yes",('DRAFT - HGC Schemes'!BA$5*$BJ589),"")</f>
        <v/>
      </c>
      <c r="CK589" s="487" t="str">
        <f>IF(BD589="yes",('DRAFT - HGC Schemes'!BB$5*$BJ589),"")</f>
        <v/>
      </c>
      <c r="CL589" s="487" t="str">
        <f>IF(BE589="yes",('DRAFT - HGC Schemes'!BC$5*$BJ589),"")</f>
        <v/>
      </c>
      <c r="CM589" s="487" t="str">
        <f>IF(BF589="yes",('DRAFT - HGC Schemes'!BD$5*$BJ589),"")</f>
        <v/>
      </c>
      <c r="CN589" s="487" t="str">
        <f>IF(BG589="yes",('DRAFT - HGC Schemes'!BE$5*$BJ589),"")</f>
        <v/>
      </c>
      <c r="CO589" s="487" t="str">
        <f>IF(BH589="yes",('DRAFT - HGC Schemes'!BF$5*$BJ589),"")</f>
        <v/>
      </c>
      <c r="CP589" s="487"/>
      <c r="CQ589" s="487"/>
      <c r="CR589" s="487"/>
      <c r="CS589" s="487"/>
      <c r="CT589" s="487"/>
      <c r="CU589" s="487"/>
      <c r="CV589" s="487"/>
      <c r="CW589" s="487"/>
      <c r="CX589" s="487"/>
      <c r="CY589" s="487"/>
      <c r="CZ589" s="487"/>
      <c r="DA589" s="487"/>
      <c r="DB589" s="487"/>
      <c r="DC589" s="487"/>
      <c r="DD589" s="487"/>
      <c r="DE589" s="487"/>
      <c r="DF589" s="487"/>
      <c r="DG589" s="487"/>
      <c r="DH589" s="487"/>
      <c r="DI589" s="487"/>
      <c r="DJ589" s="487"/>
      <c r="DK589" s="487"/>
      <c r="DL589" s="487"/>
      <c r="DM589" s="487"/>
      <c r="DN589" s="484" t="s">
        <v>300</v>
      </c>
      <c r="DO589" s="484"/>
      <c r="DP589" s="77"/>
      <c r="DQ589" s="77"/>
      <c r="DR589" s="77"/>
    </row>
    <row r="590" spans="1:122" s="613" customFormat="1" ht="56.25" customHeight="1" x14ac:dyDescent="0.2">
      <c r="A590" s="232" t="s">
        <v>3020</v>
      </c>
      <c r="B590" s="499"/>
      <c r="C590" s="77"/>
      <c r="D590" s="481">
        <v>102</v>
      </c>
      <c r="E590" s="481"/>
      <c r="F590" s="481" t="s">
        <v>2481</v>
      </c>
      <c r="G590" s="482" t="s">
        <v>53</v>
      </c>
      <c r="H590" s="481" t="s">
        <v>295</v>
      </c>
      <c r="I590" s="654" t="s">
        <v>296</v>
      </c>
      <c r="J590" s="654" t="s">
        <v>318</v>
      </c>
      <c r="K590" s="484" t="s">
        <v>318</v>
      </c>
      <c r="L590" s="620"/>
      <c r="M590" s="484" t="s">
        <v>58</v>
      </c>
      <c r="N590" s="329" t="s">
        <v>310</v>
      </c>
      <c r="O590" s="484" t="s">
        <v>2996</v>
      </c>
      <c r="P590" s="484" t="s">
        <v>81</v>
      </c>
      <c r="Q590" s="667" t="s">
        <v>299</v>
      </c>
      <c r="R590" s="484" t="s">
        <v>299</v>
      </c>
      <c r="S590" s="484" t="s">
        <v>225</v>
      </c>
      <c r="T590" s="484"/>
      <c r="U590" s="620" t="s">
        <v>63</v>
      </c>
      <c r="V590" s="620" t="s">
        <v>63</v>
      </c>
      <c r="W590" s="485">
        <v>9094200</v>
      </c>
      <c r="X590" s="485"/>
      <c r="Y590" s="484" t="s">
        <v>64</v>
      </c>
      <c r="Z590" s="484"/>
      <c r="AA590" s="485">
        <v>9094200</v>
      </c>
      <c r="AB590" s="652" t="s">
        <v>82</v>
      </c>
      <c r="AC590" s="652"/>
      <c r="AD590" s="488"/>
      <c r="AE590" s="488"/>
      <c r="AF590" s="488"/>
      <c r="AG590" s="488"/>
      <c r="AH590" s="488"/>
      <c r="AI590" s="488"/>
      <c r="AJ590" s="488"/>
      <c r="AK590" s="488"/>
      <c r="AL590" s="488"/>
      <c r="AM590" s="488"/>
      <c r="AN590" s="488"/>
      <c r="AO590" s="488"/>
      <c r="AP590" s="488"/>
      <c r="AQ590" s="488"/>
      <c r="AR590" s="488"/>
      <c r="AS590" s="488"/>
      <c r="AT590" s="487" t="s">
        <v>66</v>
      </c>
      <c r="AU590" s="488"/>
      <c r="AV590" s="488"/>
      <c r="AW590" s="488"/>
      <c r="AX590" s="488"/>
      <c r="AY590" s="487"/>
      <c r="AZ590" s="488"/>
      <c r="BA590" s="488"/>
      <c r="BB590" s="488"/>
      <c r="BC590" s="488"/>
      <c r="BD590" s="488"/>
      <c r="BE590" s="488"/>
      <c r="BF590" s="488"/>
      <c r="BG590" s="488"/>
      <c r="BH590" s="488"/>
      <c r="BI590" s="80">
        <f>SUMIF(AD590:BH590,"YES",'DRAFT - HGC Schemes'!$AB$5:$BF$5)</f>
        <v>0</v>
      </c>
      <c r="BJ590" s="76" t="e">
        <f t="shared" si="230"/>
        <v>#DIV/0!</v>
      </c>
      <c r="BK590" s="487" t="str">
        <f>IF(AD590="yes",('DRAFT - HGC Schemes'!AB$5*$BJ590),"")</f>
        <v/>
      </c>
      <c r="BL590" s="487" t="str">
        <f>IF(AE590="yes",('DRAFT - HGC Schemes'!AC$5*$BJ590),"")</f>
        <v/>
      </c>
      <c r="BM590" s="487" t="str">
        <f>IF(AF590="yes",('DRAFT - HGC Schemes'!AD$5*$BJ590),"")</f>
        <v/>
      </c>
      <c r="BN590" s="487" t="str">
        <f>IF(AG590="yes",('DRAFT - HGC Schemes'!AE$5*$BJ590),"")</f>
        <v/>
      </c>
      <c r="BO590" s="487" t="str">
        <f>IF(AH590="yes",('DRAFT - HGC Schemes'!AF$5*$BJ590),"")</f>
        <v/>
      </c>
      <c r="BP590" s="487" t="str">
        <f>IF(AI590="yes",('DRAFT - HGC Schemes'!AG$5*$BJ590),"")</f>
        <v/>
      </c>
      <c r="BQ590" s="487" t="str">
        <f>IF(AJ590="yes",('DRAFT - HGC Schemes'!AH$5*$BJ590),"")</f>
        <v/>
      </c>
      <c r="BR590" s="487" t="str">
        <f>IF(AK590="yes",('DRAFT - HGC Schemes'!AI$5*$BJ590),"")</f>
        <v/>
      </c>
      <c r="BS590" s="487" t="str">
        <f>IF(AL590="yes",('DRAFT - HGC Schemes'!AJ$5*$BJ590),"")</f>
        <v/>
      </c>
      <c r="BT590" s="487" t="str">
        <f>IF(AM590="yes",('DRAFT - HGC Schemes'!AK$5*$BJ590),"")</f>
        <v/>
      </c>
      <c r="BU590" s="487" t="str">
        <f>IF(AN590="yes",('DRAFT - HGC Schemes'!AL$5*$BJ590),"")</f>
        <v/>
      </c>
      <c r="BV590" s="487" t="str">
        <f>IF(AO590="yes",('DRAFT - HGC Schemes'!AM$5*$BJ590),"")</f>
        <v/>
      </c>
      <c r="BW590" s="487" t="str">
        <f>IF(AP590="yes",('DRAFT - HGC Schemes'!AN$5*$BJ590),"")</f>
        <v/>
      </c>
      <c r="BX590" s="487" t="str">
        <f>IF(AQ590="yes",('DRAFT - HGC Schemes'!AO$5*$BJ590),"")</f>
        <v/>
      </c>
      <c r="BY590" s="487" t="str">
        <f>IF(AR590="yes",('DRAFT - HGC Schemes'!AP$5*$BJ590),"")</f>
        <v/>
      </c>
      <c r="BZ590" s="487" t="str">
        <f>IF(AS590="yes",('DRAFT - HGC Schemes'!AQ$5*$BJ590),"")</f>
        <v/>
      </c>
      <c r="CA590" s="487" t="e">
        <f>IF(AT590="yes",('DRAFT - HGC Schemes'!AR$5*$BJ590),"")</f>
        <v>#DIV/0!</v>
      </c>
      <c r="CB590" s="487" t="str">
        <f>IF(AU590="yes",('DRAFT - HGC Schemes'!AS$5*$BJ590),"")</f>
        <v/>
      </c>
      <c r="CC590" s="487" t="str">
        <f>IF(AV590="yes",('DRAFT - HGC Schemes'!AT$5*$BJ590),"")</f>
        <v/>
      </c>
      <c r="CD590" s="487" t="str">
        <f>IF(AW590="yes",('DRAFT - HGC Schemes'!AU$5*$BJ590),"")</f>
        <v/>
      </c>
      <c r="CE590" s="487" t="str">
        <f>IF(AX590="yes",('DRAFT - HGC Schemes'!AV$5*$BJ590),"")</f>
        <v/>
      </c>
      <c r="CF590" s="487" t="str">
        <f>IF(AY590="yes",('DRAFT - HGC Schemes'!AW$5*$BJ590),"")</f>
        <v/>
      </c>
      <c r="CG590" s="487" t="str">
        <f>IF(AZ590="yes",('DRAFT - HGC Schemes'!AX$5*$BJ590),"")</f>
        <v/>
      </c>
      <c r="CH590" s="487" t="str">
        <f>IF(BA590="yes",('DRAFT - HGC Schemes'!AY$5*$BJ590),"")</f>
        <v/>
      </c>
      <c r="CI590" s="487" t="str">
        <f>IF(BB590="yes",('DRAFT - HGC Schemes'!AZ$5*$BJ590),"")</f>
        <v/>
      </c>
      <c r="CJ590" s="487" t="str">
        <f>IF(BC590="yes",('DRAFT - HGC Schemes'!BA$5*$BJ590),"")</f>
        <v/>
      </c>
      <c r="CK590" s="487" t="str">
        <f>IF(BD590="yes",('DRAFT - HGC Schemes'!BB$5*$BJ590),"")</f>
        <v/>
      </c>
      <c r="CL590" s="487" t="str">
        <f>IF(BE590="yes",('DRAFT - HGC Schemes'!BC$5*$BJ590),"")</f>
        <v/>
      </c>
      <c r="CM590" s="487" t="str">
        <f>IF(BF590="yes",('DRAFT - HGC Schemes'!BD$5*$BJ590),"")</f>
        <v/>
      </c>
      <c r="CN590" s="487" t="str">
        <f>IF(BG590="yes",('DRAFT - HGC Schemes'!BE$5*$BJ590),"")</f>
        <v/>
      </c>
      <c r="CO590" s="487" t="str">
        <f>IF(BH590="yes",('DRAFT - HGC Schemes'!BF$5*$BJ590),"")</f>
        <v/>
      </c>
      <c r="CP590" s="487"/>
      <c r="CQ590" s="487"/>
      <c r="CR590" s="487"/>
      <c r="CS590" s="487"/>
      <c r="CT590" s="487"/>
      <c r="CU590" s="487"/>
      <c r="CV590" s="487"/>
      <c r="CW590" s="487"/>
      <c r="CX590" s="487"/>
      <c r="CY590" s="487"/>
      <c r="CZ590" s="487"/>
      <c r="DA590" s="487"/>
      <c r="DB590" s="487"/>
      <c r="DC590" s="487"/>
      <c r="DD590" s="487"/>
      <c r="DE590" s="487"/>
      <c r="DF590" s="487"/>
      <c r="DG590" s="487"/>
      <c r="DH590" s="487"/>
      <c r="DI590" s="487"/>
      <c r="DJ590" s="487"/>
      <c r="DK590" s="487"/>
      <c r="DL590" s="487"/>
      <c r="DM590" s="487"/>
      <c r="DN590" s="484" t="s">
        <v>300</v>
      </c>
      <c r="DO590" s="484"/>
      <c r="DP590" s="77"/>
      <c r="DQ590" s="77"/>
      <c r="DR590" s="77"/>
    </row>
    <row r="591" spans="1:122" s="137" customFormat="1" ht="56.25" customHeight="1" x14ac:dyDescent="0.2">
      <c r="A591" s="77"/>
      <c r="B591" s="77" t="s">
        <v>3021</v>
      </c>
      <c r="C591" s="77"/>
      <c r="D591" s="481">
        <v>73</v>
      </c>
      <c r="E591" s="481"/>
      <c r="F591" s="481" t="s">
        <v>2481</v>
      </c>
      <c r="G591" s="482" t="s">
        <v>53</v>
      </c>
      <c r="H591" s="481" t="s">
        <v>295</v>
      </c>
      <c r="I591" s="654" t="s">
        <v>301</v>
      </c>
      <c r="J591" s="78" t="s">
        <v>3022</v>
      </c>
      <c r="K591" s="78" t="s">
        <v>3023</v>
      </c>
      <c r="L591" s="620"/>
      <c r="M591" s="484" t="s">
        <v>58</v>
      </c>
      <c r="N591" s="328" t="s">
        <v>3015</v>
      </c>
      <c r="O591" s="484" t="s">
        <v>2996</v>
      </c>
      <c r="P591" s="484" t="s">
        <v>81</v>
      </c>
      <c r="Q591" s="667" t="s">
        <v>53</v>
      </c>
      <c r="R591" s="667" t="s">
        <v>53</v>
      </c>
      <c r="S591" s="78" t="s">
        <v>181</v>
      </c>
      <c r="T591" s="484"/>
      <c r="U591" s="620" t="s">
        <v>63</v>
      </c>
      <c r="V591" s="620" t="s">
        <v>63</v>
      </c>
      <c r="W591" s="485">
        <v>355860</v>
      </c>
      <c r="X591" s="485"/>
      <c r="Y591" s="484" t="s">
        <v>64</v>
      </c>
      <c r="Z591" s="484"/>
      <c r="AA591" s="485">
        <v>355860</v>
      </c>
      <c r="AB591" s="652" t="s">
        <v>82</v>
      </c>
      <c r="AC591" s="652"/>
      <c r="AD591" s="488"/>
      <c r="AE591" s="488"/>
      <c r="AF591" s="487" t="s">
        <v>66</v>
      </c>
      <c r="AG591" s="488"/>
      <c r="AH591" s="488"/>
      <c r="AI591" s="488"/>
      <c r="AJ591" s="488"/>
      <c r="AK591" s="488"/>
      <c r="AL591" s="488"/>
      <c r="AM591" s="488"/>
      <c r="AN591" s="488"/>
      <c r="AO591" s="488"/>
      <c r="AP591" s="488"/>
      <c r="AQ591" s="488"/>
      <c r="AR591" s="488"/>
      <c r="AS591" s="488"/>
      <c r="AT591" s="488"/>
      <c r="AU591" s="488"/>
      <c r="AV591" s="488"/>
      <c r="AW591" s="488"/>
      <c r="AX591" s="488"/>
      <c r="AY591" s="487"/>
      <c r="AZ591" s="488"/>
      <c r="BA591" s="488"/>
      <c r="BB591" s="488"/>
      <c r="BC591" s="488"/>
      <c r="BD591" s="488"/>
      <c r="BE591" s="488"/>
      <c r="BF591" s="488"/>
      <c r="BG591" s="488"/>
      <c r="BH591" s="488"/>
      <c r="BI591" s="80">
        <f>SUMIF(AD591:BH591,"YES",'DRAFT - HGC Schemes'!$AB$5:$BF$5)</f>
        <v>0</v>
      </c>
      <c r="BJ591" s="76" t="e">
        <f t="shared" si="230"/>
        <v>#DIV/0!</v>
      </c>
      <c r="BK591" s="487" t="str">
        <f>IF(AD591="yes",('DRAFT - HGC Schemes'!AB$5*$BJ591),"")</f>
        <v/>
      </c>
      <c r="BL591" s="487" t="str">
        <f>IF(AE591="yes",('DRAFT - HGC Schemes'!AC$5*$BJ591),"")</f>
        <v/>
      </c>
      <c r="BM591" s="487" t="e">
        <f>IF(AF591="yes",('DRAFT - HGC Schemes'!AD$5*$BJ591),"")</f>
        <v>#DIV/0!</v>
      </c>
      <c r="BN591" s="487" t="str">
        <f>IF(AG591="yes",('DRAFT - HGC Schemes'!AE$5*$BJ591),"")</f>
        <v/>
      </c>
      <c r="BO591" s="487" t="str">
        <f>IF(AH591="yes",('DRAFT - HGC Schemes'!AF$5*$BJ591),"")</f>
        <v/>
      </c>
      <c r="BP591" s="487" t="str">
        <f>IF(AI591="yes",('DRAFT - HGC Schemes'!AG$5*$BJ591),"")</f>
        <v/>
      </c>
      <c r="BQ591" s="487" t="str">
        <f>IF(AJ591="yes",('DRAFT - HGC Schemes'!AH$5*$BJ591),"")</f>
        <v/>
      </c>
      <c r="BR591" s="487" t="str">
        <f>IF(AK591="yes",('DRAFT - HGC Schemes'!AI$5*$BJ591),"")</f>
        <v/>
      </c>
      <c r="BS591" s="487" t="str">
        <f>IF(AL591="yes",('DRAFT - HGC Schemes'!AJ$5*$BJ591),"")</f>
        <v/>
      </c>
      <c r="BT591" s="487" t="str">
        <f>IF(AM591="yes",('DRAFT - HGC Schemes'!AK$5*$BJ591),"")</f>
        <v/>
      </c>
      <c r="BU591" s="487" t="str">
        <f>IF(AN591="yes",('DRAFT - HGC Schemes'!AL$5*$BJ591),"")</f>
        <v/>
      </c>
      <c r="BV591" s="487" t="str">
        <f>IF(AO591="yes",('DRAFT - HGC Schemes'!AM$5*$BJ591),"")</f>
        <v/>
      </c>
      <c r="BW591" s="487" t="str">
        <f>IF(AP591="yes",('DRAFT - HGC Schemes'!AN$5*$BJ591),"")</f>
        <v/>
      </c>
      <c r="BX591" s="487" t="str">
        <f>IF(AQ591="yes",('DRAFT - HGC Schemes'!AO$5*$BJ591),"")</f>
        <v/>
      </c>
      <c r="BY591" s="487" t="str">
        <f>IF(AR591="yes",('DRAFT - HGC Schemes'!AP$5*$BJ591),"")</f>
        <v/>
      </c>
      <c r="BZ591" s="487" t="str">
        <f>IF(AS591="yes",('DRAFT - HGC Schemes'!AQ$5*$BJ591),"")</f>
        <v/>
      </c>
      <c r="CA591" s="487" t="str">
        <f>IF(AT591="yes",('DRAFT - HGC Schemes'!AR$5*$BJ591),"")</f>
        <v/>
      </c>
      <c r="CB591" s="487" t="str">
        <f>IF(AU591="yes",('DRAFT - HGC Schemes'!AS$5*$BJ591),"")</f>
        <v/>
      </c>
      <c r="CC591" s="487" t="str">
        <f>IF(AV591="yes",('DRAFT - HGC Schemes'!AT$5*$BJ591),"")</f>
        <v/>
      </c>
      <c r="CD591" s="487" t="str">
        <f>IF(AW591="yes",('DRAFT - HGC Schemes'!AU$5*$BJ591),"")</f>
        <v/>
      </c>
      <c r="CE591" s="487" t="str">
        <f>IF(AX591="yes",('DRAFT - HGC Schemes'!AV$5*$BJ591),"")</f>
        <v/>
      </c>
      <c r="CF591" s="487" t="str">
        <f>IF(AY591="yes",('DRAFT - HGC Schemes'!AW$5*$BJ591),"")</f>
        <v/>
      </c>
      <c r="CG591" s="487" t="str">
        <f>IF(AZ591="yes",('DRAFT - HGC Schemes'!AX$5*$BJ591),"")</f>
        <v/>
      </c>
      <c r="CH591" s="487" t="str">
        <f>IF(BA591="yes",('DRAFT - HGC Schemes'!AY$5*$BJ591),"")</f>
        <v/>
      </c>
      <c r="CI591" s="487" t="str">
        <f>IF(BB591="yes",('DRAFT - HGC Schemes'!AZ$5*$BJ591),"")</f>
        <v/>
      </c>
      <c r="CJ591" s="487" t="str">
        <f>IF(BC591="yes",('DRAFT - HGC Schemes'!BA$5*$BJ591),"")</f>
        <v/>
      </c>
      <c r="CK591" s="487" t="str">
        <f>IF(BD591="yes",('DRAFT - HGC Schemes'!BB$5*$BJ591),"")</f>
        <v/>
      </c>
      <c r="CL591" s="487" t="str">
        <f>IF(BE591="yes",('DRAFT - HGC Schemes'!BC$5*$BJ591),"")</f>
        <v/>
      </c>
      <c r="CM591" s="487" t="str">
        <f>IF(BF591="yes",('DRAFT - HGC Schemes'!BD$5*$BJ591),"")</f>
        <v/>
      </c>
      <c r="CN591" s="487" t="str">
        <f>IF(BG591="yes",('DRAFT - HGC Schemes'!BE$5*$BJ591),"")</f>
        <v/>
      </c>
      <c r="CO591" s="487" t="str">
        <f>IF(BH591="yes",('DRAFT - HGC Schemes'!BF$5*$BJ591),"")</f>
        <v/>
      </c>
      <c r="CP591" s="487"/>
      <c r="CQ591" s="487"/>
      <c r="CR591" s="487"/>
      <c r="CS591" s="487"/>
      <c r="CT591" s="487"/>
      <c r="CU591" s="487"/>
      <c r="CV591" s="487"/>
      <c r="CW591" s="487"/>
      <c r="CX591" s="487"/>
      <c r="CY591" s="487"/>
      <c r="CZ591" s="487"/>
      <c r="DA591" s="487"/>
      <c r="DB591" s="487"/>
      <c r="DC591" s="487"/>
      <c r="DD591" s="487"/>
      <c r="DE591" s="487"/>
      <c r="DF591" s="487"/>
      <c r="DG591" s="487"/>
      <c r="DH591" s="487"/>
      <c r="DI591" s="487"/>
      <c r="DJ591" s="487"/>
      <c r="DK591" s="487"/>
      <c r="DL591" s="487"/>
      <c r="DM591" s="487"/>
      <c r="DN591" s="484" t="s">
        <v>300</v>
      </c>
      <c r="DO591" s="258" t="s">
        <v>3024</v>
      </c>
      <c r="DP591" s="77"/>
      <c r="DQ591" s="77"/>
      <c r="DR591" s="77"/>
    </row>
    <row r="592" spans="1:122" s="137" customFormat="1" ht="56.25" customHeight="1" x14ac:dyDescent="0.2">
      <c r="A592" s="77"/>
      <c r="B592" s="77" t="s">
        <v>3021</v>
      </c>
      <c r="C592" s="77"/>
      <c r="D592" s="481">
        <v>75</v>
      </c>
      <c r="E592" s="481"/>
      <c r="F592" s="481" t="s">
        <v>2481</v>
      </c>
      <c r="G592" s="482" t="s">
        <v>53</v>
      </c>
      <c r="H592" s="481" t="s">
        <v>295</v>
      </c>
      <c r="I592" s="654" t="s">
        <v>301</v>
      </c>
      <c r="J592" s="78" t="s">
        <v>3022</v>
      </c>
      <c r="K592" s="78" t="s">
        <v>3023</v>
      </c>
      <c r="L592" s="620"/>
      <c r="M592" s="484" t="s">
        <v>58</v>
      </c>
      <c r="N592" s="327" t="s">
        <v>1363</v>
      </c>
      <c r="O592" s="484" t="s">
        <v>2996</v>
      </c>
      <c r="P592" s="484" t="s">
        <v>81</v>
      </c>
      <c r="Q592" s="667" t="s">
        <v>53</v>
      </c>
      <c r="R592" s="667" t="s">
        <v>53</v>
      </c>
      <c r="S592" s="78" t="s">
        <v>375</v>
      </c>
      <c r="T592" s="484"/>
      <c r="U592" s="620" t="s">
        <v>63</v>
      </c>
      <c r="V592" s="620" t="s">
        <v>63</v>
      </c>
      <c r="W592" s="485">
        <v>355860</v>
      </c>
      <c r="X592" s="485"/>
      <c r="Y592" s="484" t="s">
        <v>64</v>
      </c>
      <c r="Z592" s="484"/>
      <c r="AA592" s="485">
        <v>355860</v>
      </c>
      <c r="AB592" s="652" t="s">
        <v>82</v>
      </c>
      <c r="AC592" s="652"/>
      <c r="AD592" s="488"/>
      <c r="AE592" s="488"/>
      <c r="AF592" s="488"/>
      <c r="AG592" s="487" t="s">
        <v>66</v>
      </c>
      <c r="AH592" s="488"/>
      <c r="AI592" s="488"/>
      <c r="AJ592" s="488"/>
      <c r="AK592" s="488"/>
      <c r="AL592" s="488"/>
      <c r="AM592" s="488"/>
      <c r="AN592" s="488"/>
      <c r="AO592" s="488"/>
      <c r="AP592" s="488"/>
      <c r="AQ592" s="488"/>
      <c r="AR592" s="488"/>
      <c r="AS592" s="488"/>
      <c r="AT592" s="488"/>
      <c r="AU592" s="488"/>
      <c r="AV592" s="488"/>
      <c r="AW592" s="488"/>
      <c r="AX592" s="488"/>
      <c r="AY592" s="487"/>
      <c r="AZ592" s="488"/>
      <c r="BA592" s="488"/>
      <c r="BB592" s="488"/>
      <c r="BC592" s="488"/>
      <c r="BD592" s="488"/>
      <c r="BE592" s="488"/>
      <c r="BF592" s="488"/>
      <c r="BG592" s="488"/>
      <c r="BH592" s="488"/>
      <c r="BI592" s="80">
        <f>SUMIF(AD592:BH592,"YES",'DRAFT - HGC Schemes'!$AB$5:$BF$5)</f>
        <v>0</v>
      </c>
      <c r="BJ592" s="76" t="e">
        <f t="shared" si="230"/>
        <v>#DIV/0!</v>
      </c>
      <c r="BK592" s="487" t="str">
        <f>IF(AD592="yes",('DRAFT - HGC Schemes'!AB$5*$BJ592),"")</f>
        <v/>
      </c>
      <c r="BL592" s="487" t="str">
        <f>IF(AE592="yes",('DRAFT - HGC Schemes'!AC$5*$BJ592),"")</f>
        <v/>
      </c>
      <c r="BM592" s="487" t="str">
        <f>IF(AF592="yes",('DRAFT - HGC Schemes'!AD$5*$BJ592),"")</f>
        <v/>
      </c>
      <c r="BN592" s="487" t="e">
        <f>IF(AG592="yes",('DRAFT - HGC Schemes'!AE$5*$BJ592),"")</f>
        <v>#DIV/0!</v>
      </c>
      <c r="BO592" s="487" t="str">
        <f>IF(AH592="yes",('DRAFT - HGC Schemes'!AF$5*$BJ592),"")</f>
        <v/>
      </c>
      <c r="BP592" s="487" t="str">
        <f>IF(AI592="yes",('DRAFT - HGC Schemes'!AG$5*$BJ592),"")</f>
        <v/>
      </c>
      <c r="BQ592" s="487" t="str">
        <f>IF(AJ592="yes",('DRAFT - HGC Schemes'!AH$5*$BJ592),"")</f>
        <v/>
      </c>
      <c r="BR592" s="487" t="str">
        <f>IF(AK592="yes",('DRAFT - HGC Schemes'!AI$5*$BJ592),"")</f>
        <v/>
      </c>
      <c r="BS592" s="487" t="str">
        <f>IF(AL592="yes",('DRAFT - HGC Schemes'!AJ$5*$BJ592),"")</f>
        <v/>
      </c>
      <c r="BT592" s="487" t="str">
        <f>IF(AM592="yes",('DRAFT - HGC Schemes'!AK$5*$BJ592),"")</f>
        <v/>
      </c>
      <c r="BU592" s="487" t="str">
        <f>IF(AN592="yes",('DRAFT - HGC Schemes'!AL$5*$BJ592),"")</f>
        <v/>
      </c>
      <c r="BV592" s="487" t="str">
        <f>IF(AO592="yes",('DRAFT - HGC Schemes'!AM$5*$BJ592),"")</f>
        <v/>
      </c>
      <c r="BW592" s="487" t="str">
        <f>IF(AP592="yes",('DRAFT - HGC Schemes'!AN$5*$BJ592),"")</f>
        <v/>
      </c>
      <c r="BX592" s="487" t="str">
        <f>IF(AQ592="yes",('DRAFT - HGC Schemes'!AO$5*$BJ592),"")</f>
        <v/>
      </c>
      <c r="BY592" s="487" t="str">
        <f>IF(AR592="yes",('DRAFT - HGC Schemes'!AP$5*$BJ592),"")</f>
        <v/>
      </c>
      <c r="BZ592" s="487" t="str">
        <f>IF(AS592="yes",('DRAFT - HGC Schemes'!AQ$5*$BJ592),"")</f>
        <v/>
      </c>
      <c r="CA592" s="487" t="str">
        <f>IF(AT592="yes",('DRAFT - HGC Schemes'!AR$5*$BJ592),"")</f>
        <v/>
      </c>
      <c r="CB592" s="487" t="str">
        <f>IF(AU592="yes",('DRAFT - HGC Schemes'!AS$5*$BJ592),"")</f>
        <v/>
      </c>
      <c r="CC592" s="487" t="str">
        <f>IF(AV592="yes",('DRAFT - HGC Schemes'!AT$5*$BJ592),"")</f>
        <v/>
      </c>
      <c r="CD592" s="487" t="str">
        <f>IF(AW592="yes",('DRAFT - HGC Schemes'!AU$5*$BJ592),"")</f>
        <v/>
      </c>
      <c r="CE592" s="487" t="str">
        <f>IF(AX592="yes",('DRAFT - HGC Schemes'!AV$5*$BJ592),"")</f>
        <v/>
      </c>
      <c r="CF592" s="487" t="str">
        <f>IF(AY592="yes",('DRAFT - HGC Schemes'!AW$5*$BJ592),"")</f>
        <v/>
      </c>
      <c r="CG592" s="487" t="str">
        <f>IF(AZ592="yes",('DRAFT - HGC Schemes'!AX$5*$BJ592),"")</f>
        <v/>
      </c>
      <c r="CH592" s="487" t="str">
        <f>IF(BA592="yes",('DRAFT - HGC Schemes'!AY$5*$BJ592),"")</f>
        <v/>
      </c>
      <c r="CI592" s="487" t="str">
        <f>IF(BB592="yes",('DRAFT - HGC Schemes'!AZ$5*$BJ592),"")</f>
        <v/>
      </c>
      <c r="CJ592" s="487" t="str">
        <f>IF(BC592="yes",('DRAFT - HGC Schemes'!BA$5*$BJ592),"")</f>
        <v/>
      </c>
      <c r="CK592" s="487" t="str">
        <f>IF(BD592="yes",('DRAFT - HGC Schemes'!BB$5*$BJ592),"")</f>
        <v/>
      </c>
      <c r="CL592" s="487" t="str">
        <f>IF(BE592="yes",('DRAFT - HGC Schemes'!BC$5*$BJ592),"")</f>
        <v/>
      </c>
      <c r="CM592" s="487" t="str">
        <f>IF(BF592="yes",('DRAFT - HGC Schemes'!BD$5*$BJ592),"")</f>
        <v/>
      </c>
      <c r="CN592" s="487" t="str">
        <f>IF(BG592="yes",('DRAFT - HGC Schemes'!BE$5*$BJ592),"")</f>
        <v/>
      </c>
      <c r="CO592" s="487" t="str">
        <f>IF(BH592="yes",('DRAFT - HGC Schemes'!BF$5*$BJ592),"")</f>
        <v/>
      </c>
      <c r="CP592" s="487"/>
      <c r="CQ592" s="487"/>
      <c r="CR592" s="487"/>
      <c r="CS592" s="487"/>
      <c r="CT592" s="487"/>
      <c r="CU592" s="487"/>
      <c r="CV592" s="487"/>
      <c r="CW592" s="487"/>
      <c r="CX592" s="487"/>
      <c r="CY592" s="487"/>
      <c r="CZ592" s="487"/>
      <c r="DA592" s="487"/>
      <c r="DB592" s="487"/>
      <c r="DC592" s="487"/>
      <c r="DD592" s="487"/>
      <c r="DE592" s="487"/>
      <c r="DF592" s="487"/>
      <c r="DG592" s="487"/>
      <c r="DH592" s="487"/>
      <c r="DI592" s="487"/>
      <c r="DJ592" s="487"/>
      <c r="DK592" s="487"/>
      <c r="DL592" s="487"/>
      <c r="DM592" s="487"/>
      <c r="DN592" s="484" t="s">
        <v>300</v>
      </c>
      <c r="DO592" s="484"/>
      <c r="DP592" s="77"/>
      <c r="DQ592" s="77"/>
      <c r="DR592" s="77"/>
    </row>
    <row r="593" spans="1:122" s="137" customFormat="1" ht="56.25" customHeight="1" x14ac:dyDescent="0.2">
      <c r="A593" s="273" t="s">
        <v>3016</v>
      </c>
      <c r="B593" s="77" t="s">
        <v>3021</v>
      </c>
      <c r="C593" s="77"/>
      <c r="D593" s="481">
        <v>77</v>
      </c>
      <c r="E593" s="481"/>
      <c r="F593" s="481" t="s">
        <v>2481</v>
      </c>
      <c r="G593" s="482" t="s">
        <v>53</v>
      </c>
      <c r="H593" s="481" t="s">
        <v>295</v>
      </c>
      <c r="I593" s="654" t="s">
        <v>301</v>
      </c>
      <c r="J593" s="78" t="s">
        <v>3022</v>
      </c>
      <c r="K593" s="78" t="s">
        <v>3023</v>
      </c>
      <c r="L593" s="620"/>
      <c r="M593" s="484" t="s">
        <v>58</v>
      </c>
      <c r="N593" s="329" t="s">
        <v>1361</v>
      </c>
      <c r="O593" s="484" t="s">
        <v>2996</v>
      </c>
      <c r="P593" s="484" t="s">
        <v>81</v>
      </c>
      <c r="Q593" s="667" t="s">
        <v>53</v>
      </c>
      <c r="R593" s="667" t="s">
        <v>53</v>
      </c>
      <c r="S593" s="78" t="s">
        <v>377</v>
      </c>
      <c r="T593" s="484"/>
      <c r="U593" s="620" t="s">
        <v>63</v>
      </c>
      <c r="V593" s="620" t="s">
        <v>63</v>
      </c>
      <c r="W593" s="485">
        <v>355860</v>
      </c>
      <c r="X593" s="485"/>
      <c r="Y593" s="484" t="s">
        <v>64</v>
      </c>
      <c r="Z593" s="484"/>
      <c r="AA593" s="485">
        <v>355860</v>
      </c>
      <c r="AB593" s="652" t="s">
        <v>82</v>
      </c>
      <c r="AC593" s="652"/>
      <c r="AD593" s="488"/>
      <c r="AE593" s="487" t="s">
        <v>66</v>
      </c>
      <c r="AF593" s="488"/>
      <c r="AG593" s="488"/>
      <c r="AH593" s="488"/>
      <c r="AI593" s="488"/>
      <c r="AJ593" s="488"/>
      <c r="AK593" s="488"/>
      <c r="AL593" s="488"/>
      <c r="AM593" s="488"/>
      <c r="AN593" s="488"/>
      <c r="AO593" s="488"/>
      <c r="AP593" s="488"/>
      <c r="AQ593" s="488"/>
      <c r="AR593" s="488"/>
      <c r="AS593" s="488"/>
      <c r="AT593" s="488"/>
      <c r="AU593" s="488"/>
      <c r="AV593" s="488"/>
      <c r="AW593" s="488"/>
      <c r="AX593" s="488"/>
      <c r="AY593" s="487"/>
      <c r="AZ593" s="488"/>
      <c r="BA593" s="488"/>
      <c r="BB593" s="488"/>
      <c r="BC593" s="488"/>
      <c r="BD593" s="488"/>
      <c r="BE593" s="488"/>
      <c r="BF593" s="488"/>
      <c r="BG593" s="488"/>
      <c r="BH593" s="488"/>
      <c r="BI593" s="80">
        <f>SUMIF(AD593:BH593,"YES",'DRAFT - HGC Schemes'!$AB$5:$BF$5)</f>
        <v>0</v>
      </c>
      <c r="BJ593" s="76" t="e">
        <f t="shared" si="230"/>
        <v>#DIV/0!</v>
      </c>
      <c r="BK593" s="487" t="str">
        <f>IF(AD593="yes",('DRAFT - HGC Schemes'!AB$5*$BJ593),"")</f>
        <v/>
      </c>
      <c r="BL593" s="487" t="e">
        <f>IF(AE593="yes",('DRAFT - HGC Schemes'!AC$5*$BJ593),"")</f>
        <v>#DIV/0!</v>
      </c>
      <c r="BM593" s="487" t="str">
        <f>IF(AF593="yes",('DRAFT - HGC Schemes'!AD$5*$BJ593),"")</f>
        <v/>
      </c>
      <c r="BN593" s="487" t="str">
        <f>IF(AG593="yes",('DRAFT - HGC Schemes'!AE$5*$BJ593),"")</f>
        <v/>
      </c>
      <c r="BO593" s="487" t="str">
        <f>IF(AH593="yes",('DRAFT - HGC Schemes'!AF$5*$BJ593),"")</f>
        <v/>
      </c>
      <c r="BP593" s="487" t="str">
        <f>IF(AI593="yes",('DRAFT - HGC Schemes'!AG$5*$BJ593),"")</f>
        <v/>
      </c>
      <c r="BQ593" s="487" t="str">
        <f>IF(AJ593="yes",('DRAFT - HGC Schemes'!AH$5*$BJ593),"")</f>
        <v/>
      </c>
      <c r="BR593" s="487" t="str">
        <f>IF(AK593="yes",('DRAFT - HGC Schemes'!AI$5*$BJ593),"")</f>
        <v/>
      </c>
      <c r="BS593" s="487" t="str">
        <f>IF(AL593="yes",('DRAFT - HGC Schemes'!AJ$5*$BJ593),"")</f>
        <v/>
      </c>
      <c r="BT593" s="487" t="str">
        <f>IF(AM593="yes",('DRAFT - HGC Schemes'!AK$5*$BJ593),"")</f>
        <v/>
      </c>
      <c r="BU593" s="487" t="str">
        <f>IF(AN593="yes",('DRAFT - HGC Schemes'!AL$5*$BJ593),"")</f>
        <v/>
      </c>
      <c r="BV593" s="487" t="str">
        <f>IF(AO593="yes",('DRAFT - HGC Schemes'!AM$5*$BJ593),"")</f>
        <v/>
      </c>
      <c r="BW593" s="487" t="str">
        <f>IF(AP593="yes",('DRAFT - HGC Schemes'!AN$5*$BJ593),"")</f>
        <v/>
      </c>
      <c r="BX593" s="487" t="str">
        <f>IF(AQ593="yes",('DRAFT - HGC Schemes'!AO$5*$BJ593),"")</f>
        <v/>
      </c>
      <c r="BY593" s="487" t="str">
        <f>IF(AR593="yes",('DRAFT - HGC Schemes'!AP$5*$BJ593),"")</f>
        <v/>
      </c>
      <c r="BZ593" s="487" t="str">
        <f>IF(AS593="yes",('DRAFT - HGC Schemes'!AQ$5*$BJ593),"")</f>
        <v/>
      </c>
      <c r="CA593" s="487" t="str">
        <f>IF(AT593="yes",('DRAFT - HGC Schemes'!AR$5*$BJ593),"")</f>
        <v/>
      </c>
      <c r="CB593" s="487" t="str">
        <f>IF(AU593="yes",('DRAFT - HGC Schemes'!AS$5*$BJ593),"")</f>
        <v/>
      </c>
      <c r="CC593" s="487" t="str">
        <f>IF(AV593="yes",('DRAFT - HGC Schemes'!AT$5*$BJ593),"")</f>
        <v/>
      </c>
      <c r="CD593" s="487" t="str">
        <f>IF(AW593="yes",('DRAFT - HGC Schemes'!AU$5*$BJ593),"")</f>
        <v/>
      </c>
      <c r="CE593" s="487" t="str">
        <f>IF(AX593="yes",('DRAFT - HGC Schemes'!AV$5*$BJ593),"")</f>
        <v/>
      </c>
      <c r="CF593" s="487" t="str">
        <f>IF(AY593="yes",('DRAFT - HGC Schemes'!AW$5*$BJ593),"")</f>
        <v/>
      </c>
      <c r="CG593" s="487" t="str">
        <f>IF(AZ593="yes",('DRAFT - HGC Schemes'!AX$5*$BJ593),"")</f>
        <v/>
      </c>
      <c r="CH593" s="487" t="str">
        <f>IF(BA593="yes",('DRAFT - HGC Schemes'!AY$5*$BJ593),"")</f>
        <v/>
      </c>
      <c r="CI593" s="487" t="str">
        <f>IF(BB593="yes",('DRAFT - HGC Schemes'!AZ$5*$BJ593),"")</f>
        <v/>
      </c>
      <c r="CJ593" s="487" t="str">
        <f>IF(BC593="yes",('DRAFT - HGC Schemes'!BA$5*$BJ593),"")</f>
        <v/>
      </c>
      <c r="CK593" s="487" t="str">
        <f>IF(BD593="yes",('DRAFT - HGC Schemes'!BB$5*$BJ593),"")</f>
        <v/>
      </c>
      <c r="CL593" s="487" t="str">
        <f>IF(BE593="yes",('DRAFT - HGC Schemes'!BC$5*$BJ593),"")</f>
        <v/>
      </c>
      <c r="CM593" s="487" t="str">
        <f>IF(BF593="yes",('DRAFT - HGC Schemes'!BD$5*$BJ593),"")</f>
        <v/>
      </c>
      <c r="CN593" s="487" t="str">
        <f>IF(BG593="yes",('DRAFT - HGC Schemes'!BE$5*$BJ593),"")</f>
        <v/>
      </c>
      <c r="CO593" s="487" t="str">
        <f>IF(BH593="yes",('DRAFT - HGC Schemes'!BF$5*$BJ593),"")</f>
        <v/>
      </c>
      <c r="CP593" s="487"/>
      <c r="CQ593" s="487"/>
      <c r="CR593" s="487"/>
      <c r="CS593" s="487"/>
      <c r="CT593" s="487"/>
      <c r="CU593" s="487"/>
      <c r="CV593" s="487"/>
      <c r="CW593" s="487"/>
      <c r="CX593" s="487"/>
      <c r="CY593" s="487"/>
      <c r="CZ593" s="487"/>
      <c r="DA593" s="487"/>
      <c r="DB593" s="487"/>
      <c r="DC593" s="487"/>
      <c r="DD593" s="487"/>
      <c r="DE593" s="487"/>
      <c r="DF593" s="487"/>
      <c r="DG593" s="487"/>
      <c r="DH593" s="487"/>
      <c r="DI593" s="487"/>
      <c r="DJ593" s="487"/>
      <c r="DK593" s="487"/>
      <c r="DL593" s="487"/>
      <c r="DM593" s="487"/>
      <c r="DN593" s="484" t="s">
        <v>300</v>
      </c>
      <c r="DO593" s="484"/>
      <c r="DP593" s="77"/>
      <c r="DQ593" s="77"/>
      <c r="DR593" s="77"/>
    </row>
    <row r="594" spans="1:122" s="137" customFormat="1" ht="56.25" customHeight="1" x14ac:dyDescent="0.2">
      <c r="A594" s="77"/>
      <c r="B594" s="77" t="s">
        <v>3021</v>
      </c>
      <c r="C594" s="77"/>
      <c r="D594" s="481">
        <v>79</v>
      </c>
      <c r="E594" s="481"/>
      <c r="F594" s="481" t="s">
        <v>2481</v>
      </c>
      <c r="G594" s="482" t="s">
        <v>53</v>
      </c>
      <c r="H594" s="481" t="s">
        <v>295</v>
      </c>
      <c r="I594" s="654" t="s">
        <v>301</v>
      </c>
      <c r="J594" s="78" t="s">
        <v>3022</v>
      </c>
      <c r="K594" s="78" t="s">
        <v>3023</v>
      </c>
      <c r="L594" s="620"/>
      <c r="M594" s="484" t="s">
        <v>58</v>
      </c>
      <c r="N594" s="327" t="s">
        <v>1364</v>
      </c>
      <c r="O594" s="484" t="s">
        <v>2996</v>
      </c>
      <c r="P594" s="484" t="s">
        <v>81</v>
      </c>
      <c r="Q594" s="667" t="s">
        <v>53</v>
      </c>
      <c r="R594" s="667" t="s">
        <v>53</v>
      </c>
      <c r="S594" s="78" t="s">
        <v>3025</v>
      </c>
      <c r="T594" s="484"/>
      <c r="U594" s="620" t="s">
        <v>63</v>
      </c>
      <c r="V594" s="620" t="s">
        <v>63</v>
      </c>
      <c r="W594" s="485">
        <v>355860</v>
      </c>
      <c r="X594" s="485"/>
      <c r="Y594" s="484" t="s">
        <v>64</v>
      </c>
      <c r="Z594" s="484"/>
      <c r="AA594" s="485">
        <v>355860</v>
      </c>
      <c r="AB594" s="652" t="s">
        <v>82</v>
      </c>
      <c r="AC594" s="652"/>
      <c r="AD594" s="488"/>
      <c r="AE594" s="488"/>
      <c r="AF594" s="488"/>
      <c r="AG594" s="488"/>
      <c r="AH594" s="487" t="s">
        <v>66</v>
      </c>
      <c r="AI594" s="488"/>
      <c r="AJ594" s="488"/>
      <c r="AK594" s="488"/>
      <c r="AL594" s="488"/>
      <c r="AM594" s="488"/>
      <c r="AN594" s="488"/>
      <c r="AO594" s="488"/>
      <c r="AP594" s="488"/>
      <c r="AQ594" s="488"/>
      <c r="AR594" s="488"/>
      <c r="AS594" s="488"/>
      <c r="AT594" s="488"/>
      <c r="AU594" s="488"/>
      <c r="AV594" s="488"/>
      <c r="AW594" s="488"/>
      <c r="AX594" s="488"/>
      <c r="AY594" s="487"/>
      <c r="AZ594" s="488"/>
      <c r="BA594" s="488"/>
      <c r="BB594" s="488"/>
      <c r="BC594" s="488"/>
      <c r="BD594" s="488"/>
      <c r="BE594" s="488"/>
      <c r="BF594" s="488"/>
      <c r="BG594" s="488"/>
      <c r="BH594" s="488"/>
      <c r="BI594" s="80">
        <f>SUMIF(AD594:BH594,"YES",'DRAFT - HGC Schemes'!$AB$5:$BF$5)</f>
        <v>0</v>
      </c>
      <c r="BJ594" s="76" t="e">
        <f t="shared" si="230"/>
        <v>#DIV/0!</v>
      </c>
      <c r="BK594" s="487" t="str">
        <f>IF(AD594="yes",('DRAFT - HGC Schemes'!AB$5*$BJ594),"")</f>
        <v/>
      </c>
      <c r="BL594" s="487" t="str">
        <f>IF(AE594="yes",('DRAFT - HGC Schemes'!AC$5*$BJ594),"")</f>
        <v/>
      </c>
      <c r="BM594" s="487" t="str">
        <f>IF(AF594="yes",('DRAFT - HGC Schemes'!AD$5*$BJ594),"")</f>
        <v/>
      </c>
      <c r="BN594" s="487" t="str">
        <f>IF(AG594="yes",('DRAFT - HGC Schemes'!AE$5*$BJ594),"")</f>
        <v/>
      </c>
      <c r="BO594" s="487" t="e">
        <f>IF(AH594="yes",('DRAFT - HGC Schemes'!AF$5*$BJ594),"")</f>
        <v>#DIV/0!</v>
      </c>
      <c r="BP594" s="487" t="str">
        <f>IF(AI594="yes",('DRAFT - HGC Schemes'!AG$5*$BJ594),"")</f>
        <v/>
      </c>
      <c r="BQ594" s="487" t="str">
        <f>IF(AJ594="yes",('DRAFT - HGC Schemes'!AH$5*$BJ594),"")</f>
        <v/>
      </c>
      <c r="BR594" s="487" t="str">
        <f>IF(AK594="yes",('DRAFT - HGC Schemes'!AI$5*$BJ594),"")</f>
        <v/>
      </c>
      <c r="BS594" s="487" t="str">
        <f>IF(AL594="yes",('DRAFT - HGC Schemes'!AJ$5*$BJ594),"")</f>
        <v/>
      </c>
      <c r="BT594" s="487" t="str">
        <f>IF(AM594="yes",('DRAFT - HGC Schemes'!AK$5*$BJ594),"")</f>
        <v/>
      </c>
      <c r="BU594" s="487" t="str">
        <f>IF(AN594="yes",('DRAFT - HGC Schemes'!AL$5*$BJ594),"")</f>
        <v/>
      </c>
      <c r="BV594" s="487" t="str">
        <f>IF(AO594="yes",('DRAFT - HGC Schemes'!AM$5*$BJ594),"")</f>
        <v/>
      </c>
      <c r="BW594" s="487" t="str">
        <f>IF(AP594="yes",('DRAFT - HGC Schemes'!AN$5*$BJ594),"")</f>
        <v/>
      </c>
      <c r="BX594" s="487" t="str">
        <f>IF(AQ594="yes",('DRAFT - HGC Schemes'!AO$5*$BJ594),"")</f>
        <v/>
      </c>
      <c r="BY594" s="487" t="str">
        <f>IF(AR594="yes",('DRAFT - HGC Schemes'!AP$5*$BJ594),"")</f>
        <v/>
      </c>
      <c r="BZ594" s="487" t="str">
        <f>IF(AS594="yes",('DRAFT - HGC Schemes'!AQ$5*$BJ594),"")</f>
        <v/>
      </c>
      <c r="CA594" s="487" t="str">
        <f>IF(AT594="yes",('DRAFT - HGC Schemes'!AR$5*$BJ594),"")</f>
        <v/>
      </c>
      <c r="CB594" s="487" t="str">
        <f>IF(AU594="yes",('DRAFT - HGC Schemes'!AS$5*$BJ594),"")</f>
        <v/>
      </c>
      <c r="CC594" s="487" t="str">
        <f>IF(AV594="yes",('DRAFT - HGC Schemes'!AT$5*$BJ594),"")</f>
        <v/>
      </c>
      <c r="CD594" s="487" t="str">
        <f>IF(AW594="yes",('DRAFT - HGC Schemes'!AU$5*$BJ594),"")</f>
        <v/>
      </c>
      <c r="CE594" s="487" t="str">
        <f>IF(AX594="yes",('DRAFT - HGC Schemes'!AV$5*$BJ594),"")</f>
        <v/>
      </c>
      <c r="CF594" s="487" t="str">
        <f>IF(AY594="yes",('DRAFT - HGC Schemes'!AW$5*$BJ594),"")</f>
        <v/>
      </c>
      <c r="CG594" s="487" t="str">
        <f>IF(AZ594="yes",('DRAFT - HGC Schemes'!AX$5*$BJ594),"")</f>
        <v/>
      </c>
      <c r="CH594" s="487" t="str">
        <f>IF(BA594="yes",('DRAFT - HGC Schemes'!AY$5*$BJ594),"")</f>
        <v/>
      </c>
      <c r="CI594" s="487" t="str">
        <f>IF(BB594="yes",('DRAFT - HGC Schemes'!AZ$5*$BJ594),"")</f>
        <v/>
      </c>
      <c r="CJ594" s="487" t="str">
        <f>IF(BC594="yes",('DRAFT - HGC Schemes'!BA$5*$BJ594),"")</f>
        <v/>
      </c>
      <c r="CK594" s="487" t="str">
        <f>IF(BD594="yes",('DRAFT - HGC Schemes'!BB$5*$BJ594),"")</f>
        <v/>
      </c>
      <c r="CL594" s="487" t="str">
        <f>IF(BE594="yes",('DRAFT - HGC Schemes'!BC$5*$BJ594),"")</f>
        <v/>
      </c>
      <c r="CM594" s="487" t="str">
        <f>IF(BF594="yes",('DRAFT - HGC Schemes'!BD$5*$BJ594),"")</f>
        <v/>
      </c>
      <c r="CN594" s="487" t="str">
        <f>IF(BG594="yes",('DRAFT - HGC Schemes'!BE$5*$BJ594),"")</f>
        <v/>
      </c>
      <c r="CO594" s="487" t="str">
        <f>IF(BH594="yes",('DRAFT - HGC Schemes'!BF$5*$BJ594),"")</f>
        <v/>
      </c>
      <c r="CP594" s="487"/>
      <c r="CQ594" s="487"/>
      <c r="CR594" s="487"/>
      <c r="CS594" s="487"/>
      <c r="CT594" s="487"/>
      <c r="CU594" s="487"/>
      <c r="CV594" s="487"/>
      <c r="CW594" s="487"/>
      <c r="CX594" s="487"/>
      <c r="CY594" s="487"/>
      <c r="CZ594" s="487"/>
      <c r="DA594" s="487"/>
      <c r="DB594" s="487"/>
      <c r="DC594" s="487"/>
      <c r="DD594" s="487"/>
      <c r="DE594" s="487"/>
      <c r="DF594" s="487"/>
      <c r="DG594" s="487"/>
      <c r="DH594" s="487"/>
      <c r="DI594" s="487"/>
      <c r="DJ594" s="487"/>
      <c r="DK594" s="487"/>
      <c r="DL594" s="487"/>
      <c r="DM594" s="487"/>
      <c r="DN594" s="484" t="s">
        <v>300</v>
      </c>
      <c r="DO594" s="484"/>
      <c r="DP594" s="77"/>
      <c r="DQ594" s="77"/>
      <c r="DR594" s="77"/>
    </row>
    <row r="595" spans="1:122" s="137" customFormat="1" ht="56.25" customHeight="1" x14ac:dyDescent="0.2">
      <c r="A595" s="77"/>
      <c r="B595" s="77" t="s">
        <v>3021</v>
      </c>
      <c r="C595" s="77"/>
      <c r="D595" s="481">
        <v>81</v>
      </c>
      <c r="E595" s="481"/>
      <c r="F595" s="481" t="s">
        <v>2481</v>
      </c>
      <c r="G595" s="482" t="s">
        <v>53</v>
      </c>
      <c r="H595" s="481" t="s">
        <v>295</v>
      </c>
      <c r="I595" s="654" t="s">
        <v>301</v>
      </c>
      <c r="J595" s="78" t="s">
        <v>3022</v>
      </c>
      <c r="K595" s="78" t="s">
        <v>3023</v>
      </c>
      <c r="L595" s="620"/>
      <c r="M595" s="484" t="s">
        <v>58</v>
      </c>
      <c r="N595" s="327" t="s">
        <v>1366</v>
      </c>
      <c r="O595" s="484" t="s">
        <v>2996</v>
      </c>
      <c r="P595" s="484" t="s">
        <v>81</v>
      </c>
      <c r="Q595" s="667" t="s">
        <v>53</v>
      </c>
      <c r="R595" s="667" t="s">
        <v>53</v>
      </c>
      <c r="S595" s="78" t="s">
        <v>380</v>
      </c>
      <c r="T595" s="484"/>
      <c r="U595" s="620" t="s">
        <v>63</v>
      </c>
      <c r="V595" s="620" t="s">
        <v>63</v>
      </c>
      <c r="W595" s="485">
        <v>355860</v>
      </c>
      <c r="X595" s="485"/>
      <c r="Y595" s="484" t="s">
        <v>64</v>
      </c>
      <c r="Z595" s="484"/>
      <c r="AA595" s="485">
        <v>355860</v>
      </c>
      <c r="AB595" s="652" t="s">
        <v>82</v>
      </c>
      <c r="AC595" s="652"/>
      <c r="AD595" s="488"/>
      <c r="AE595" s="488"/>
      <c r="AF595" s="488"/>
      <c r="AG595" s="488"/>
      <c r="AH595" s="488"/>
      <c r="AI595" s="488"/>
      <c r="AJ595" s="487" t="s">
        <v>66</v>
      </c>
      <c r="AK595" s="488"/>
      <c r="AL595" s="488"/>
      <c r="AM595" s="488"/>
      <c r="AN595" s="488"/>
      <c r="AO595" s="488"/>
      <c r="AP595" s="488"/>
      <c r="AQ595" s="488"/>
      <c r="AR595" s="488"/>
      <c r="AS595" s="488"/>
      <c r="AT595" s="488"/>
      <c r="AU595" s="488"/>
      <c r="AV595" s="488"/>
      <c r="AW595" s="488"/>
      <c r="AX595" s="488"/>
      <c r="AY595" s="487"/>
      <c r="AZ595" s="488"/>
      <c r="BA595" s="488"/>
      <c r="BB595" s="488"/>
      <c r="BC595" s="488"/>
      <c r="BD595" s="488"/>
      <c r="BE595" s="488"/>
      <c r="BF595" s="488"/>
      <c r="BG595" s="488"/>
      <c r="BH595" s="488"/>
      <c r="BI595" s="80">
        <f>SUMIF(AD595:BH595,"YES",'DRAFT - HGC Schemes'!$AB$5:$BF$5)</f>
        <v>0</v>
      </c>
      <c r="BJ595" s="76" t="e">
        <f t="shared" si="230"/>
        <v>#DIV/0!</v>
      </c>
      <c r="BK595" s="487" t="str">
        <f>IF(AD595="yes",('DRAFT - HGC Schemes'!AB$5*$BJ595),"")</f>
        <v/>
      </c>
      <c r="BL595" s="487" t="str">
        <f>IF(AE595="yes",('DRAFT - HGC Schemes'!AC$5*$BJ595),"")</f>
        <v/>
      </c>
      <c r="BM595" s="487" t="str">
        <f>IF(AF595="yes",('DRAFT - HGC Schemes'!AD$5*$BJ595),"")</f>
        <v/>
      </c>
      <c r="BN595" s="487" t="str">
        <f>IF(AG595="yes",('DRAFT - HGC Schemes'!AE$5*$BJ595),"")</f>
        <v/>
      </c>
      <c r="BO595" s="487" t="str">
        <f>IF(AH595="yes",('DRAFT - HGC Schemes'!AF$5*$BJ595),"")</f>
        <v/>
      </c>
      <c r="BP595" s="487" t="str">
        <f>IF(AI595="yes",('DRAFT - HGC Schemes'!AG$5*$BJ595),"")</f>
        <v/>
      </c>
      <c r="BQ595" s="487" t="e">
        <f>IF(AJ595="yes",('DRAFT - HGC Schemes'!AH$5*$BJ595),"")</f>
        <v>#DIV/0!</v>
      </c>
      <c r="BR595" s="487" t="str">
        <f>IF(AK595="yes",('DRAFT - HGC Schemes'!AI$5*$BJ595),"")</f>
        <v/>
      </c>
      <c r="BS595" s="487" t="str">
        <f>IF(AL595="yes",('DRAFT - HGC Schemes'!AJ$5*$BJ595),"")</f>
        <v/>
      </c>
      <c r="BT595" s="487" t="str">
        <f>IF(AM595="yes",('DRAFT - HGC Schemes'!AK$5*$BJ595),"")</f>
        <v/>
      </c>
      <c r="BU595" s="487" t="str">
        <f>IF(AN595="yes",('DRAFT - HGC Schemes'!AL$5*$BJ595),"")</f>
        <v/>
      </c>
      <c r="BV595" s="487" t="str">
        <f>IF(AO595="yes",('DRAFT - HGC Schemes'!AM$5*$BJ595),"")</f>
        <v/>
      </c>
      <c r="BW595" s="487" t="str">
        <f>IF(AP595="yes",('DRAFT - HGC Schemes'!AN$5*$BJ595),"")</f>
        <v/>
      </c>
      <c r="BX595" s="487" t="str">
        <f>IF(AQ595="yes",('DRAFT - HGC Schemes'!AO$5*$BJ595),"")</f>
        <v/>
      </c>
      <c r="BY595" s="487" t="str">
        <f>IF(AR595="yes",('DRAFT - HGC Schemes'!AP$5*$BJ595),"")</f>
        <v/>
      </c>
      <c r="BZ595" s="487" t="str">
        <f>IF(AS595="yes",('DRAFT - HGC Schemes'!AQ$5*$BJ595),"")</f>
        <v/>
      </c>
      <c r="CA595" s="487" t="str">
        <f>IF(AT595="yes",('DRAFT - HGC Schemes'!AR$5*$BJ595),"")</f>
        <v/>
      </c>
      <c r="CB595" s="487" t="str">
        <f>IF(AU595="yes",('DRAFT - HGC Schemes'!AS$5*$BJ595),"")</f>
        <v/>
      </c>
      <c r="CC595" s="487" t="str">
        <f>IF(AV595="yes",('DRAFT - HGC Schemes'!AT$5*$BJ595),"")</f>
        <v/>
      </c>
      <c r="CD595" s="487" t="str">
        <f>IF(AW595="yes",('DRAFT - HGC Schemes'!AU$5*$BJ595),"")</f>
        <v/>
      </c>
      <c r="CE595" s="487" t="str">
        <f>IF(AX595="yes",('DRAFT - HGC Schemes'!AV$5*$BJ595),"")</f>
        <v/>
      </c>
      <c r="CF595" s="487" t="str">
        <f>IF(AY595="yes",('DRAFT - HGC Schemes'!AW$5*$BJ595),"")</f>
        <v/>
      </c>
      <c r="CG595" s="487" t="str">
        <f>IF(AZ595="yes",('DRAFT - HGC Schemes'!AX$5*$BJ595),"")</f>
        <v/>
      </c>
      <c r="CH595" s="487" t="str">
        <f>IF(BA595="yes",('DRAFT - HGC Schemes'!AY$5*$BJ595),"")</f>
        <v/>
      </c>
      <c r="CI595" s="487" t="str">
        <f>IF(BB595="yes",('DRAFT - HGC Schemes'!AZ$5*$BJ595),"")</f>
        <v/>
      </c>
      <c r="CJ595" s="487" t="str">
        <f>IF(BC595="yes",('DRAFT - HGC Schemes'!BA$5*$BJ595),"")</f>
        <v/>
      </c>
      <c r="CK595" s="487" t="str">
        <f>IF(BD595="yes",('DRAFT - HGC Schemes'!BB$5*$BJ595),"")</f>
        <v/>
      </c>
      <c r="CL595" s="487" t="str">
        <f>IF(BE595="yes",('DRAFT - HGC Schemes'!BC$5*$BJ595),"")</f>
        <v/>
      </c>
      <c r="CM595" s="487" t="str">
        <f>IF(BF595="yes",('DRAFT - HGC Schemes'!BD$5*$BJ595),"")</f>
        <v/>
      </c>
      <c r="CN595" s="487" t="str">
        <f>IF(BG595="yes",('DRAFT - HGC Schemes'!BE$5*$BJ595),"")</f>
        <v/>
      </c>
      <c r="CO595" s="487" t="str">
        <f>IF(BH595="yes",('DRAFT - HGC Schemes'!BF$5*$BJ595),"")</f>
        <v/>
      </c>
      <c r="CP595" s="487"/>
      <c r="CQ595" s="487"/>
      <c r="CR595" s="487"/>
      <c r="CS595" s="487"/>
      <c r="CT595" s="487"/>
      <c r="CU595" s="487"/>
      <c r="CV595" s="487"/>
      <c r="CW595" s="487"/>
      <c r="CX595" s="487"/>
      <c r="CY595" s="487"/>
      <c r="CZ595" s="487"/>
      <c r="DA595" s="487"/>
      <c r="DB595" s="487"/>
      <c r="DC595" s="487"/>
      <c r="DD595" s="487"/>
      <c r="DE595" s="487"/>
      <c r="DF595" s="487"/>
      <c r="DG595" s="487"/>
      <c r="DH595" s="487"/>
      <c r="DI595" s="487"/>
      <c r="DJ595" s="487"/>
      <c r="DK595" s="487"/>
      <c r="DL595" s="487"/>
      <c r="DM595" s="487"/>
      <c r="DN595" s="484" t="s">
        <v>300</v>
      </c>
      <c r="DO595" s="484"/>
      <c r="DP595" s="77"/>
      <c r="DQ595" s="77"/>
      <c r="DR595" s="77"/>
    </row>
    <row r="596" spans="1:122" s="137" customFormat="1" ht="56.25" customHeight="1" x14ac:dyDescent="0.2">
      <c r="A596" s="77"/>
      <c r="B596" s="77" t="s">
        <v>3021</v>
      </c>
      <c r="C596" s="77"/>
      <c r="D596" s="481">
        <v>83</v>
      </c>
      <c r="E596" s="481"/>
      <c r="F596" s="481" t="s">
        <v>2481</v>
      </c>
      <c r="G596" s="482" t="s">
        <v>53</v>
      </c>
      <c r="H596" s="481" t="s">
        <v>295</v>
      </c>
      <c r="I596" s="654" t="s">
        <v>301</v>
      </c>
      <c r="J596" s="78" t="s">
        <v>3022</v>
      </c>
      <c r="K596" s="78" t="s">
        <v>3023</v>
      </c>
      <c r="L596" s="620"/>
      <c r="M596" s="484" t="s">
        <v>58</v>
      </c>
      <c r="N596" s="327" t="s">
        <v>1367</v>
      </c>
      <c r="O596" s="484" t="s">
        <v>2996</v>
      </c>
      <c r="P596" s="484" t="s">
        <v>81</v>
      </c>
      <c r="Q596" s="667" t="s">
        <v>53</v>
      </c>
      <c r="R596" s="667" t="s">
        <v>53</v>
      </c>
      <c r="S596" s="484" t="s">
        <v>382</v>
      </c>
      <c r="T596" s="484"/>
      <c r="U596" s="620" t="s">
        <v>63</v>
      </c>
      <c r="V596" s="620" t="s">
        <v>63</v>
      </c>
      <c r="W596" s="485">
        <v>355860</v>
      </c>
      <c r="X596" s="485"/>
      <c r="Y596" s="484" t="s">
        <v>64</v>
      </c>
      <c r="Z596" s="484"/>
      <c r="AA596" s="485">
        <v>355860</v>
      </c>
      <c r="AB596" s="652" t="s">
        <v>82</v>
      </c>
      <c r="AC596" s="652"/>
      <c r="AD596" s="488"/>
      <c r="AE596" s="488"/>
      <c r="AF596" s="488"/>
      <c r="AG596" s="488"/>
      <c r="AH596" s="488"/>
      <c r="AI596" s="488"/>
      <c r="AJ596" s="488"/>
      <c r="AK596" s="487" t="s">
        <v>66</v>
      </c>
      <c r="AL596" s="488"/>
      <c r="AM596" s="488"/>
      <c r="AN596" s="488"/>
      <c r="AO596" s="488"/>
      <c r="AP596" s="488"/>
      <c r="AQ596" s="488"/>
      <c r="AR596" s="488"/>
      <c r="AS596" s="488"/>
      <c r="AT596" s="488"/>
      <c r="AU596" s="488"/>
      <c r="AV596" s="488"/>
      <c r="AW596" s="488"/>
      <c r="AX596" s="488"/>
      <c r="AY596" s="487"/>
      <c r="AZ596" s="488"/>
      <c r="BA596" s="488"/>
      <c r="BB596" s="488"/>
      <c r="BC596" s="488"/>
      <c r="BD596" s="488"/>
      <c r="BE596" s="488"/>
      <c r="BF596" s="488"/>
      <c r="BG596" s="488"/>
      <c r="BH596" s="488"/>
      <c r="BI596" s="80">
        <f>SUMIF(AD596:BH596,"YES",'DRAFT - HGC Schemes'!$AB$5:$BF$5)</f>
        <v>0</v>
      </c>
      <c r="BJ596" s="76" t="e">
        <f t="shared" si="230"/>
        <v>#DIV/0!</v>
      </c>
      <c r="BK596" s="487" t="str">
        <f>IF(AD596="yes",('DRAFT - HGC Schemes'!AB$5*$BJ596),"")</f>
        <v/>
      </c>
      <c r="BL596" s="487" t="str">
        <f>IF(AE596="yes",('DRAFT - HGC Schemes'!AC$5*$BJ596),"")</f>
        <v/>
      </c>
      <c r="BM596" s="487" t="str">
        <f>IF(AF596="yes",('DRAFT - HGC Schemes'!AD$5*$BJ596),"")</f>
        <v/>
      </c>
      <c r="BN596" s="487" t="str">
        <f>IF(AG596="yes",('DRAFT - HGC Schemes'!AE$5*$BJ596),"")</f>
        <v/>
      </c>
      <c r="BO596" s="487" t="str">
        <f>IF(AH596="yes",('DRAFT - HGC Schemes'!AF$5*$BJ596),"")</f>
        <v/>
      </c>
      <c r="BP596" s="487" t="str">
        <f>IF(AI596="yes",('DRAFT - HGC Schemes'!AG$5*$BJ596),"")</f>
        <v/>
      </c>
      <c r="BQ596" s="487" t="str">
        <f>IF(AJ596="yes",('DRAFT - HGC Schemes'!AH$5*$BJ596),"")</f>
        <v/>
      </c>
      <c r="BR596" s="487" t="e">
        <f>IF(AK596="yes",('DRAFT - HGC Schemes'!AI$5*$BJ596),"")</f>
        <v>#DIV/0!</v>
      </c>
      <c r="BS596" s="487" t="str">
        <f>IF(AL596="yes",('DRAFT - HGC Schemes'!AJ$5*$BJ596),"")</f>
        <v/>
      </c>
      <c r="BT596" s="487" t="str">
        <f>IF(AM596="yes",('DRAFT - HGC Schemes'!AK$5*$BJ596),"")</f>
        <v/>
      </c>
      <c r="BU596" s="487" t="str">
        <f>IF(AN596="yes",('DRAFT - HGC Schemes'!AL$5*$BJ596),"")</f>
        <v/>
      </c>
      <c r="BV596" s="487" t="str">
        <f>IF(AO596="yes",('DRAFT - HGC Schemes'!AM$5*$BJ596),"")</f>
        <v/>
      </c>
      <c r="BW596" s="487" t="str">
        <f>IF(AP596="yes",('DRAFT - HGC Schemes'!AN$5*$BJ596),"")</f>
        <v/>
      </c>
      <c r="BX596" s="487" t="str">
        <f>IF(AQ596="yes",('DRAFT - HGC Schemes'!AO$5*$BJ596),"")</f>
        <v/>
      </c>
      <c r="BY596" s="487" t="str">
        <f>IF(AR596="yes",('DRAFT - HGC Schemes'!AP$5*$BJ596),"")</f>
        <v/>
      </c>
      <c r="BZ596" s="487" t="str">
        <f>IF(AS596="yes",('DRAFT - HGC Schemes'!AQ$5*$BJ596),"")</f>
        <v/>
      </c>
      <c r="CA596" s="487" t="str">
        <f>IF(AT596="yes",('DRAFT - HGC Schemes'!AR$5*$BJ596),"")</f>
        <v/>
      </c>
      <c r="CB596" s="487" t="str">
        <f>IF(AU596="yes",('DRAFT - HGC Schemes'!AS$5*$BJ596),"")</f>
        <v/>
      </c>
      <c r="CC596" s="487" t="str">
        <f>IF(AV596="yes",('DRAFT - HGC Schemes'!AT$5*$BJ596),"")</f>
        <v/>
      </c>
      <c r="CD596" s="487" t="str">
        <f>IF(AW596="yes",('DRAFT - HGC Schemes'!AU$5*$BJ596),"")</f>
        <v/>
      </c>
      <c r="CE596" s="487" t="str">
        <f>IF(AX596="yes",('DRAFT - HGC Schemes'!AV$5*$BJ596),"")</f>
        <v/>
      </c>
      <c r="CF596" s="487" t="str">
        <f>IF(AY596="yes",('DRAFT - HGC Schemes'!AW$5*$BJ596),"")</f>
        <v/>
      </c>
      <c r="CG596" s="487" t="str">
        <f>IF(AZ596="yes",('DRAFT - HGC Schemes'!AX$5*$BJ596),"")</f>
        <v/>
      </c>
      <c r="CH596" s="487" t="str">
        <f>IF(BA596="yes",('DRAFT - HGC Schemes'!AY$5*$BJ596),"")</f>
        <v/>
      </c>
      <c r="CI596" s="487" t="str">
        <f>IF(BB596="yes",('DRAFT - HGC Schemes'!AZ$5*$BJ596),"")</f>
        <v/>
      </c>
      <c r="CJ596" s="487" t="str">
        <f>IF(BC596="yes",('DRAFT - HGC Schemes'!BA$5*$BJ596),"")</f>
        <v/>
      </c>
      <c r="CK596" s="487" t="str">
        <f>IF(BD596="yes",('DRAFT - HGC Schemes'!BB$5*$BJ596),"")</f>
        <v/>
      </c>
      <c r="CL596" s="487" t="str">
        <f>IF(BE596="yes",('DRAFT - HGC Schemes'!BC$5*$BJ596),"")</f>
        <v/>
      </c>
      <c r="CM596" s="487" t="str">
        <f>IF(BF596="yes",('DRAFT - HGC Schemes'!BD$5*$BJ596),"")</f>
        <v/>
      </c>
      <c r="CN596" s="487" t="str">
        <f>IF(BG596="yes",('DRAFT - HGC Schemes'!BE$5*$BJ596),"")</f>
        <v/>
      </c>
      <c r="CO596" s="487" t="str">
        <f>IF(BH596="yes",('DRAFT - HGC Schemes'!BF$5*$BJ596),"")</f>
        <v/>
      </c>
      <c r="CP596" s="487"/>
      <c r="CQ596" s="487"/>
      <c r="CR596" s="487"/>
      <c r="CS596" s="487"/>
      <c r="CT596" s="487"/>
      <c r="CU596" s="487"/>
      <c r="CV596" s="487"/>
      <c r="CW596" s="487"/>
      <c r="CX596" s="487"/>
      <c r="CY596" s="487"/>
      <c r="CZ596" s="487"/>
      <c r="DA596" s="487"/>
      <c r="DB596" s="487"/>
      <c r="DC596" s="487"/>
      <c r="DD596" s="487"/>
      <c r="DE596" s="487"/>
      <c r="DF596" s="487"/>
      <c r="DG596" s="487"/>
      <c r="DH596" s="487"/>
      <c r="DI596" s="487"/>
      <c r="DJ596" s="487"/>
      <c r="DK596" s="487"/>
      <c r="DL596" s="487"/>
      <c r="DM596" s="487"/>
      <c r="DN596" s="484" t="s">
        <v>300</v>
      </c>
      <c r="DO596" s="484"/>
      <c r="DP596" s="77"/>
      <c r="DQ596" s="77"/>
      <c r="DR596" s="77"/>
    </row>
    <row r="597" spans="1:122" s="137" customFormat="1" ht="56.25" customHeight="1" x14ac:dyDescent="0.2">
      <c r="A597" s="273" t="s">
        <v>3017</v>
      </c>
      <c r="B597" s="77" t="s">
        <v>3021</v>
      </c>
      <c r="C597" s="77"/>
      <c r="D597" s="481">
        <v>85</v>
      </c>
      <c r="E597" s="481"/>
      <c r="F597" s="481" t="s">
        <v>2481</v>
      </c>
      <c r="G597" s="482" t="s">
        <v>53</v>
      </c>
      <c r="H597" s="481" t="s">
        <v>295</v>
      </c>
      <c r="I597" s="654" t="s">
        <v>301</v>
      </c>
      <c r="J597" s="78" t="s">
        <v>3022</v>
      </c>
      <c r="K597" s="78" t="s">
        <v>3023</v>
      </c>
      <c r="L597" s="620"/>
      <c r="M597" s="484" t="s">
        <v>58</v>
      </c>
      <c r="N597" s="329" t="s">
        <v>1365</v>
      </c>
      <c r="O597" s="484" t="s">
        <v>2996</v>
      </c>
      <c r="P597" s="484" t="s">
        <v>81</v>
      </c>
      <c r="Q597" s="667" t="s">
        <v>53</v>
      </c>
      <c r="R597" s="667" t="s">
        <v>53</v>
      </c>
      <c r="S597" s="484" t="s">
        <v>187</v>
      </c>
      <c r="T597" s="484"/>
      <c r="U597" s="620" t="s">
        <v>63</v>
      </c>
      <c r="V597" s="620" t="s">
        <v>63</v>
      </c>
      <c r="W597" s="485">
        <v>355860</v>
      </c>
      <c r="X597" s="485"/>
      <c r="Y597" s="484" t="s">
        <v>64</v>
      </c>
      <c r="Z597" s="484"/>
      <c r="AA597" s="485">
        <v>355860</v>
      </c>
      <c r="AB597" s="652" t="s">
        <v>82</v>
      </c>
      <c r="AC597" s="652"/>
      <c r="AD597" s="488"/>
      <c r="AE597" s="488"/>
      <c r="AF597" s="488"/>
      <c r="AG597" s="488"/>
      <c r="AH597" s="488"/>
      <c r="AI597" s="487" t="s">
        <v>66</v>
      </c>
      <c r="AJ597" s="488"/>
      <c r="AK597" s="488"/>
      <c r="AL597" s="488"/>
      <c r="AM597" s="488"/>
      <c r="AN597" s="488"/>
      <c r="AO597" s="488"/>
      <c r="AP597" s="488"/>
      <c r="AQ597" s="488"/>
      <c r="AR597" s="488"/>
      <c r="AS597" s="488"/>
      <c r="AT597" s="488"/>
      <c r="AU597" s="488"/>
      <c r="AV597" s="488"/>
      <c r="AW597" s="488"/>
      <c r="AX597" s="488"/>
      <c r="AY597" s="487"/>
      <c r="AZ597" s="488"/>
      <c r="BA597" s="488"/>
      <c r="BB597" s="488"/>
      <c r="BC597" s="488"/>
      <c r="BD597" s="488"/>
      <c r="BE597" s="488"/>
      <c r="BF597" s="488"/>
      <c r="BG597" s="488"/>
      <c r="BH597" s="488"/>
      <c r="BI597" s="80">
        <f>SUMIF(AD597:BH597,"YES",'DRAFT - HGC Schemes'!$AB$5:$BF$5)</f>
        <v>0</v>
      </c>
      <c r="BJ597" s="76" t="e">
        <f t="shared" si="230"/>
        <v>#DIV/0!</v>
      </c>
      <c r="BK597" s="487" t="str">
        <f>IF(AD597="yes",('DRAFT - HGC Schemes'!AB$5*$BJ597),"")</f>
        <v/>
      </c>
      <c r="BL597" s="487" t="str">
        <f>IF(AE597="yes",('DRAFT - HGC Schemes'!AC$5*$BJ597),"")</f>
        <v/>
      </c>
      <c r="BM597" s="487" t="str">
        <f>IF(AF597="yes",('DRAFT - HGC Schemes'!AD$5*$BJ597),"")</f>
        <v/>
      </c>
      <c r="BN597" s="487" t="str">
        <f>IF(AG597="yes",('DRAFT - HGC Schemes'!AE$5*$BJ597),"")</f>
        <v/>
      </c>
      <c r="BO597" s="487" t="str">
        <f>IF(AH597="yes",('DRAFT - HGC Schemes'!AF$5*$BJ597),"")</f>
        <v/>
      </c>
      <c r="BP597" s="487" t="e">
        <f>IF(AI597="yes",('DRAFT - HGC Schemes'!AG$5*$BJ597),"")</f>
        <v>#DIV/0!</v>
      </c>
      <c r="BQ597" s="487" t="str">
        <f>IF(AJ597="yes",('DRAFT - HGC Schemes'!AH$5*$BJ597),"")</f>
        <v/>
      </c>
      <c r="BR597" s="487" t="str">
        <f>IF(AK597="yes",('DRAFT - HGC Schemes'!AI$5*$BJ597),"")</f>
        <v/>
      </c>
      <c r="BS597" s="487" t="str">
        <f>IF(AL597="yes",('DRAFT - HGC Schemes'!AJ$5*$BJ597),"")</f>
        <v/>
      </c>
      <c r="BT597" s="487" t="str">
        <f>IF(AM597="yes",('DRAFT - HGC Schemes'!AK$5*$BJ597),"")</f>
        <v/>
      </c>
      <c r="BU597" s="487" t="str">
        <f>IF(AN597="yes",('DRAFT - HGC Schemes'!AL$5*$BJ597),"")</f>
        <v/>
      </c>
      <c r="BV597" s="487" t="str">
        <f>IF(AO597="yes",('DRAFT - HGC Schemes'!AM$5*$BJ597),"")</f>
        <v/>
      </c>
      <c r="BW597" s="487" t="str">
        <f>IF(AP597="yes",('DRAFT - HGC Schemes'!AN$5*$BJ597),"")</f>
        <v/>
      </c>
      <c r="BX597" s="487" t="str">
        <f>IF(AQ597="yes",('DRAFT - HGC Schemes'!AO$5*$BJ597),"")</f>
        <v/>
      </c>
      <c r="BY597" s="487" t="str">
        <f>IF(AR597="yes",('DRAFT - HGC Schemes'!AP$5*$BJ597),"")</f>
        <v/>
      </c>
      <c r="BZ597" s="487" t="str">
        <f>IF(AS597="yes",('DRAFT - HGC Schemes'!AQ$5*$BJ597),"")</f>
        <v/>
      </c>
      <c r="CA597" s="487" t="str">
        <f>IF(AT597="yes",('DRAFT - HGC Schemes'!AR$5*$BJ597),"")</f>
        <v/>
      </c>
      <c r="CB597" s="487" t="str">
        <f>IF(AU597="yes",('DRAFT - HGC Schemes'!AS$5*$BJ597),"")</f>
        <v/>
      </c>
      <c r="CC597" s="487" t="str">
        <f>IF(AV597="yes",('DRAFT - HGC Schemes'!AT$5*$BJ597),"")</f>
        <v/>
      </c>
      <c r="CD597" s="487" t="str">
        <f>IF(AW597="yes",('DRAFT - HGC Schemes'!AU$5*$BJ597),"")</f>
        <v/>
      </c>
      <c r="CE597" s="487" t="str">
        <f>IF(AX597="yes",('DRAFT - HGC Schemes'!AV$5*$BJ597),"")</f>
        <v/>
      </c>
      <c r="CF597" s="487" t="str">
        <f>IF(AY597="yes",('DRAFT - HGC Schemes'!AW$5*$BJ597),"")</f>
        <v/>
      </c>
      <c r="CG597" s="487" t="str">
        <f>IF(AZ597="yes",('DRAFT - HGC Schemes'!AX$5*$BJ597),"")</f>
        <v/>
      </c>
      <c r="CH597" s="487" t="str">
        <f>IF(BA597="yes",('DRAFT - HGC Schemes'!AY$5*$BJ597),"")</f>
        <v/>
      </c>
      <c r="CI597" s="487" t="str">
        <f>IF(BB597="yes",('DRAFT - HGC Schemes'!AZ$5*$BJ597),"")</f>
        <v/>
      </c>
      <c r="CJ597" s="487" t="str">
        <f>IF(BC597="yes",('DRAFT - HGC Schemes'!BA$5*$BJ597),"")</f>
        <v/>
      </c>
      <c r="CK597" s="487" t="str">
        <f>IF(BD597="yes",('DRAFT - HGC Schemes'!BB$5*$BJ597),"")</f>
        <v/>
      </c>
      <c r="CL597" s="487" t="str">
        <f>IF(BE597="yes",('DRAFT - HGC Schemes'!BC$5*$BJ597),"")</f>
        <v/>
      </c>
      <c r="CM597" s="487" t="str">
        <f>IF(BF597="yes",('DRAFT - HGC Schemes'!BD$5*$BJ597),"")</f>
        <v/>
      </c>
      <c r="CN597" s="487" t="str">
        <f>IF(BG597="yes",('DRAFT - HGC Schemes'!BE$5*$BJ597),"")</f>
        <v/>
      </c>
      <c r="CO597" s="487" t="str">
        <f>IF(BH597="yes",('DRAFT - HGC Schemes'!BF$5*$BJ597),"")</f>
        <v/>
      </c>
      <c r="CP597" s="487"/>
      <c r="CQ597" s="487"/>
      <c r="CR597" s="487"/>
      <c r="CS597" s="487"/>
      <c r="CT597" s="487"/>
      <c r="CU597" s="487"/>
      <c r="CV597" s="487"/>
      <c r="CW597" s="487"/>
      <c r="CX597" s="487"/>
      <c r="CY597" s="487"/>
      <c r="CZ597" s="487"/>
      <c r="DA597" s="487"/>
      <c r="DB597" s="487"/>
      <c r="DC597" s="487"/>
      <c r="DD597" s="487"/>
      <c r="DE597" s="487"/>
      <c r="DF597" s="487"/>
      <c r="DG597" s="487"/>
      <c r="DH597" s="487"/>
      <c r="DI597" s="487"/>
      <c r="DJ597" s="487"/>
      <c r="DK597" s="487"/>
      <c r="DL597" s="487"/>
      <c r="DM597" s="487"/>
      <c r="DN597" s="484" t="s">
        <v>300</v>
      </c>
      <c r="DO597" s="484"/>
      <c r="DP597" s="77"/>
      <c r="DQ597" s="77"/>
      <c r="DR597" s="77"/>
    </row>
    <row r="598" spans="1:122" s="137" customFormat="1" ht="56.25" customHeight="1" x14ac:dyDescent="0.2">
      <c r="A598" s="77"/>
      <c r="B598" s="77" t="s">
        <v>3021</v>
      </c>
      <c r="C598" s="77"/>
      <c r="D598" s="481">
        <v>87</v>
      </c>
      <c r="E598" s="481"/>
      <c r="F598" s="481" t="s">
        <v>2481</v>
      </c>
      <c r="G598" s="482" t="s">
        <v>53</v>
      </c>
      <c r="H598" s="481" t="s">
        <v>295</v>
      </c>
      <c r="I598" s="654" t="s">
        <v>301</v>
      </c>
      <c r="J598" s="78" t="s">
        <v>3022</v>
      </c>
      <c r="K598" s="78" t="s">
        <v>3023</v>
      </c>
      <c r="L598" s="620"/>
      <c r="M598" s="484" t="s">
        <v>58</v>
      </c>
      <c r="N598" s="327" t="s">
        <v>3018</v>
      </c>
      <c r="O598" s="484" t="s">
        <v>2996</v>
      </c>
      <c r="P598" s="484" t="s">
        <v>81</v>
      </c>
      <c r="Q598" s="667" t="s">
        <v>53</v>
      </c>
      <c r="R598" s="667" t="s">
        <v>53</v>
      </c>
      <c r="S598" s="78" t="s">
        <v>208</v>
      </c>
      <c r="T598" s="484"/>
      <c r="U598" s="620" t="s">
        <v>63</v>
      </c>
      <c r="V598" s="620" t="s">
        <v>63</v>
      </c>
      <c r="W598" s="485">
        <v>355860</v>
      </c>
      <c r="X598" s="485"/>
      <c r="Y598" s="484" t="s">
        <v>64</v>
      </c>
      <c r="Z598" s="484"/>
      <c r="AA598" s="485">
        <v>355860</v>
      </c>
      <c r="AB598" s="652" t="s">
        <v>82</v>
      </c>
      <c r="AC598" s="652"/>
      <c r="AD598" s="488"/>
      <c r="AE598" s="488"/>
      <c r="AF598" s="488"/>
      <c r="AG598" s="488"/>
      <c r="AH598" s="488"/>
      <c r="AI598" s="488"/>
      <c r="AJ598" s="488"/>
      <c r="AK598" s="488"/>
      <c r="AL598" s="487" t="s">
        <v>66</v>
      </c>
      <c r="AM598" s="488"/>
      <c r="AN598" s="488"/>
      <c r="AO598" s="488"/>
      <c r="AP598" s="488"/>
      <c r="AQ598" s="488"/>
      <c r="AR598" s="488"/>
      <c r="AS598" s="488"/>
      <c r="AT598" s="488"/>
      <c r="AU598" s="488"/>
      <c r="AV598" s="488"/>
      <c r="AW598" s="488"/>
      <c r="AX598" s="488"/>
      <c r="AY598" s="487"/>
      <c r="AZ598" s="488"/>
      <c r="BA598" s="488"/>
      <c r="BB598" s="488"/>
      <c r="BC598" s="488"/>
      <c r="BD598" s="488"/>
      <c r="BE598" s="488"/>
      <c r="BF598" s="488"/>
      <c r="BG598" s="488"/>
      <c r="BH598" s="488"/>
      <c r="BI598" s="80">
        <f>SUMIF(AD598:BH598,"YES",'DRAFT - HGC Schemes'!$AB$5:$BF$5)</f>
        <v>0</v>
      </c>
      <c r="BJ598" s="76" t="e">
        <f t="shared" si="230"/>
        <v>#DIV/0!</v>
      </c>
      <c r="BK598" s="487" t="str">
        <f>IF(AD598="yes",('DRAFT - HGC Schemes'!AB$5*$BJ598),"")</f>
        <v/>
      </c>
      <c r="BL598" s="487" t="str">
        <f>IF(AE598="yes",('DRAFT - HGC Schemes'!AC$5*$BJ598),"")</f>
        <v/>
      </c>
      <c r="BM598" s="487" t="str">
        <f>IF(AF598="yes",('DRAFT - HGC Schemes'!AD$5*$BJ598),"")</f>
        <v/>
      </c>
      <c r="BN598" s="487" t="str">
        <f>IF(AG598="yes",('DRAFT - HGC Schemes'!AE$5*$BJ598),"")</f>
        <v/>
      </c>
      <c r="BO598" s="487" t="str">
        <f>IF(AH598="yes",('DRAFT - HGC Schemes'!AF$5*$BJ598),"")</f>
        <v/>
      </c>
      <c r="BP598" s="487" t="str">
        <f>IF(AI598="yes",('DRAFT - HGC Schemes'!AG$5*$BJ598),"")</f>
        <v/>
      </c>
      <c r="BQ598" s="487" t="str">
        <f>IF(AJ598="yes",('DRAFT - HGC Schemes'!AH$5*$BJ598),"")</f>
        <v/>
      </c>
      <c r="BR598" s="487" t="str">
        <f>IF(AK598="yes",('DRAFT - HGC Schemes'!AI$5*$BJ598),"")</f>
        <v/>
      </c>
      <c r="BS598" s="487" t="e">
        <f>IF(AL598="yes",('DRAFT - HGC Schemes'!AJ$5*$BJ598),"")</f>
        <v>#DIV/0!</v>
      </c>
      <c r="BT598" s="487" t="str">
        <f>IF(AM598="yes",('DRAFT - HGC Schemes'!AK$5*$BJ598),"")</f>
        <v/>
      </c>
      <c r="BU598" s="487" t="str">
        <f>IF(AN598="yes",('DRAFT - HGC Schemes'!AL$5*$BJ598),"")</f>
        <v/>
      </c>
      <c r="BV598" s="487" t="str">
        <f>IF(AO598="yes",('DRAFT - HGC Schemes'!AM$5*$BJ598),"")</f>
        <v/>
      </c>
      <c r="BW598" s="487" t="str">
        <f>IF(AP598="yes",('DRAFT - HGC Schemes'!AN$5*$BJ598),"")</f>
        <v/>
      </c>
      <c r="BX598" s="487" t="str">
        <f>IF(AQ598="yes",('DRAFT - HGC Schemes'!AO$5*$BJ598),"")</f>
        <v/>
      </c>
      <c r="BY598" s="487" t="str">
        <f>IF(AR598="yes",('DRAFT - HGC Schemes'!AP$5*$BJ598),"")</f>
        <v/>
      </c>
      <c r="BZ598" s="487" t="str">
        <f>IF(AS598="yes",('DRAFT - HGC Schemes'!AQ$5*$BJ598),"")</f>
        <v/>
      </c>
      <c r="CA598" s="487" t="str">
        <f>IF(AT598="yes",('DRAFT - HGC Schemes'!AR$5*$BJ598),"")</f>
        <v/>
      </c>
      <c r="CB598" s="487" t="str">
        <f>IF(AU598="yes",('DRAFT - HGC Schemes'!AS$5*$BJ598),"")</f>
        <v/>
      </c>
      <c r="CC598" s="487" t="str">
        <f>IF(AV598="yes",('DRAFT - HGC Schemes'!AT$5*$BJ598),"")</f>
        <v/>
      </c>
      <c r="CD598" s="487" t="str">
        <f>IF(AW598="yes",('DRAFT - HGC Schemes'!AU$5*$BJ598),"")</f>
        <v/>
      </c>
      <c r="CE598" s="487" t="str">
        <f>IF(AX598="yes",('DRAFT - HGC Schemes'!AV$5*$BJ598),"")</f>
        <v/>
      </c>
      <c r="CF598" s="487" t="str">
        <f>IF(AY598="yes",('DRAFT - HGC Schemes'!AW$5*$BJ598),"")</f>
        <v/>
      </c>
      <c r="CG598" s="487" t="str">
        <f>IF(AZ598="yes",('DRAFT - HGC Schemes'!AX$5*$BJ598),"")</f>
        <v/>
      </c>
      <c r="CH598" s="487" t="str">
        <f>IF(BA598="yes",('DRAFT - HGC Schemes'!AY$5*$BJ598),"")</f>
        <v/>
      </c>
      <c r="CI598" s="487" t="str">
        <f>IF(BB598="yes",('DRAFT - HGC Schemes'!AZ$5*$BJ598),"")</f>
        <v/>
      </c>
      <c r="CJ598" s="487" t="str">
        <f>IF(BC598="yes",('DRAFT - HGC Schemes'!BA$5*$BJ598),"")</f>
        <v/>
      </c>
      <c r="CK598" s="487" t="str">
        <f>IF(BD598="yes",('DRAFT - HGC Schemes'!BB$5*$BJ598),"")</f>
        <v/>
      </c>
      <c r="CL598" s="487" t="str">
        <f>IF(BE598="yes",('DRAFT - HGC Schemes'!BC$5*$BJ598),"")</f>
        <v/>
      </c>
      <c r="CM598" s="487" t="str">
        <f>IF(BF598="yes",('DRAFT - HGC Schemes'!BD$5*$BJ598),"")</f>
        <v/>
      </c>
      <c r="CN598" s="487" t="str">
        <f>IF(BG598="yes",('DRAFT - HGC Schemes'!BE$5*$BJ598),"")</f>
        <v/>
      </c>
      <c r="CO598" s="487" t="str">
        <f>IF(BH598="yes",('DRAFT - HGC Schemes'!BF$5*$BJ598),"")</f>
        <v/>
      </c>
      <c r="CP598" s="487"/>
      <c r="CQ598" s="487"/>
      <c r="CR598" s="487"/>
      <c r="CS598" s="487"/>
      <c r="CT598" s="487"/>
      <c r="CU598" s="487"/>
      <c r="CV598" s="487"/>
      <c r="CW598" s="487"/>
      <c r="CX598" s="487"/>
      <c r="CY598" s="487"/>
      <c r="CZ598" s="487"/>
      <c r="DA598" s="487"/>
      <c r="DB598" s="487"/>
      <c r="DC598" s="487"/>
      <c r="DD598" s="487"/>
      <c r="DE598" s="487"/>
      <c r="DF598" s="487"/>
      <c r="DG598" s="487"/>
      <c r="DH598" s="487"/>
      <c r="DI598" s="487"/>
      <c r="DJ598" s="487"/>
      <c r="DK598" s="487"/>
      <c r="DL598" s="487"/>
      <c r="DM598" s="487"/>
      <c r="DN598" s="484" t="s">
        <v>300</v>
      </c>
      <c r="DO598" s="484"/>
      <c r="DP598" s="77"/>
      <c r="DQ598" s="77"/>
      <c r="DR598" s="77"/>
    </row>
    <row r="599" spans="1:122" s="137" customFormat="1" ht="56.25" customHeight="1" x14ac:dyDescent="0.2">
      <c r="A599" s="273" t="s">
        <v>3019</v>
      </c>
      <c r="B599" s="77" t="s">
        <v>3021</v>
      </c>
      <c r="C599" s="77"/>
      <c r="D599" s="481">
        <v>89</v>
      </c>
      <c r="E599" s="481"/>
      <c r="F599" s="481" t="s">
        <v>2481</v>
      </c>
      <c r="G599" s="482" t="s">
        <v>53</v>
      </c>
      <c r="H599" s="481" t="s">
        <v>295</v>
      </c>
      <c r="I599" s="654" t="s">
        <v>301</v>
      </c>
      <c r="J599" s="78" t="s">
        <v>3022</v>
      </c>
      <c r="K599" s="78" t="s">
        <v>3023</v>
      </c>
      <c r="L599" s="620"/>
      <c r="M599" s="484" t="s">
        <v>58</v>
      </c>
      <c r="N599" s="329" t="s">
        <v>1371</v>
      </c>
      <c r="O599" s="484" t="s">
        <v>2996</v>
      </c>
      <c r="P599" s="484" t="s">
        <v>81</v>
      </c>
      <c r="Q599" s="667" t="s">
        <v>53</v>
      </c>
      <c r="R599" s="667" t="s">
        <v>53</v>
      </c>
      <c r="S599" s="484" t="s">
        <v>570</v>
      </c>
      <c r="T599" s="484"/>
      <c r="U599" s="620" t="s">
        <v>63</v>
      </c>
      <c r="V599" s="620" t="s">
        <v>63</v>
      </c>
      <c r="W599" s="485">
        <v>355860</v>
      </c>
      <c r="X599" s="485"/>
      <c r="Y599" s="484" t="s">
        <v>64</v>
      </c>
      <c r="Z599" s="484"/>
      <c r="AA599" s="485">
        <v>355860</v>
      </c>
      <c r="AB599" s="652" t="s">
        <v>82</v>
      </c>
      <c r="AC599" s="652"/>
      <c r="AD599" s="488"/>
      <c r="AE599" s="488"/>
      <c r="AF599" s="488"/>
      <c r="AG599" s="488"/>
      <c r="AH599" s="488"/>
      <c r="AI599" s="488"/>
      <c r="AJ599" s="488"/>
      <c r="AK599" s="488"/>
      <c r="AL599" s="488"/>
      <c r="AM599" s="488"/>
      <c r="AN599" s="488"/>
      <c r="AO599" s="488"/>
      <c r="AP599" s="487" t="s">
        <v>66</v>
      </c>
      <c r="AQ599" s="488"/>
      <c r="AR599" s="488"/>
      <c r="AS599" s="488"/>
      <c r="AT599" s="488"/>
      <c r="AU599" s="488"/>
      <c r="AV599" s="488"/>
      <c r="AW599" s="488"/>
      <c r="AX599" s="488"/>
      <c r="AY599" s="487"/>
      <c r="AZ599" s="488"/>
      <c r="BA599" s="488"/>
      <c r="BB599" s="488"/>
      <c r="BC599" s="488"/>
      <c r="BD599" s="488"/>
      <c r="BE599" s="488"/>
      <c r="BF599" s="488"/>
      <c r="BG599" s="488"/>
      <c r="BH599" s="488"/>
      <c r="BI599" s="80">
        <f>SUMIF(AD599:BH599,"YES",'DRAFT - HGC Schemes'!$AB$5:$BF$5)</f>
        <v>0</v>
      </c>
      <c r="BJ599" s="76" t="e">
        <f t="shared" si="230"/>
        <v>#DIV/0!</v>
      </c>
      <c r="BK599" s="487" t="str">
        <f>IF(AD599="yes",('DRAFT - HGC Schemes'!AB$5*$BJ599),"")</f>
        <v/>
      </c>
      <c r="BL599" s="487" t="str">
        <f>IF(AE599="yes",('DRAFT - HGC Schemes'!AC$5*$BJ599),"")</f>
        <v/>
      </c>
      <c r="BM599" s="487" t="str">
        <f>IF(AF599="yes",('DRAFT - HGC Schemes'!AD$5*$BJ599),"")</f>
        <v/>
      </c>
      <c r="BN599" s="487" t="str">
        <f>IF(AG599="yes",('DRAFT - HGC Schemes'!AE$5*$BJ599),"")</f>
        <v/>
      </c>
      <c r="BO599" s="487" t="str">
        <f>IF(AH599="yes",('DRAFT - HGC Schemes'!AF$5*$BJ599),"")</f>
        <v/>
      </c>
      <c r="BP599" s="487" t="str">
        <f>IF(AI599="yes",('DRAFT - HGC Schemes'!AG$5*$BJ599),"")</f>
        <v/>
      </c>
      <c r="BQ599" s="487" t="str">
        <f>IF(AJ599="yes",('DRAFT - HGC Schemes'!AH$5*$BJ599),"")</f>
        <v/>
      </c>
      <c r="BR599" s="487" t="str">
        <f>IF(AK599="yes",('DRAFT - HGC Schemes'!AI$5*$BJ599),"")</f>
        <v/>
      </c>
      <c r="BS599" s="487" t="str">
        <f>IF(AL599="yes",('DRAFT - HGC Schemes'!AJ$5*$BJ599),"")</f>
        <v/>
      </c>
      <c r="BT599" s="487" t="str">
        <f>IF(AM599="yes",('DRAFT - HGC Schemes'!AK$5*$BJ599),"")</f>
        <v/>
      </c>
      <c r="BU599" s="487" t="str">
        <f>IF(AN599="yes",('DRAFT - HGC Schemes'!AL$5*$BJ599),"")</f>
        <v/>
      </c>
      <c r="BV599" s="487" t="str">
        <f>IF(AO599="yes",('DRAFT - HGC Schemes'!AM$5*$BJ599),"")</f>
        <v/>
      </c>
      <c r="BW599" s="487" t="e">
        <f>IF(AP599="yes",('DRAFT - HGC Schemes'!AN$5*$BJ599),"")</f>
        <v>#DIV/0!</v>
      </c>
      <c r="BX599" s="487" t="str">
        <f>IF(AQ599="yes",('DRAFT - HGC Schemes'!AO$5*$BJ599),"")</f>
        <v/>
      </c>
      <c r="BY599" s="487" t="str">
        <f>IF(AR599="yes",('DRAFT - HGC Schemes'!AP$5*$BJ599),"")</f>
        <v/>
      </c>
      <c r="BZ599" s="487" t="str">
        <f>IF(AS599="yes",('DRAFT - HGC Schemes'!AQ$5*$BJ599),"")</f>
        <v/>
      </c>
      <c r="CA599" s="487" t="str">
        <f>IF(AT599="yes",('DRAFT - HGC Schemes'!AR$5*$BJ599),"")</f>
        <v/>
      </c>
      <c r="CB599" s="487" t="str">
        <f>IF(AU599="yes",('DRAFT - HGC Schemes'!AS$5*$BJ599),"")</f>
        <v/>
      </c>
      <c r="CC599" s="487" t="str">
        <f>IF(AV599="yes",('DRAFT - HGC Schemes'!AT$5*$BJ599),"")</f>
        <v/>
      </c>
      <c r="CD599" s="487" t="str">
        <f>IF(AW599="yes",('DRAFT - HGC Schemes'!AU$5*$BJ599),"")</f>
        <v/>
      </c>
      <c r="CE599" s="487" t="str">
        <f>IF(AX599="yes",('DRAFT - HGC Schemes'!AV$5*$BJ599),"")</f>
        <v/>
      </c>
      <c r="CF599" s="487" t="str">
        <f>IF(AY599="yes",('DRAFT - HGC Schemes'!AW$5*$BJ599),"")</f>
        <v/>
      </c>
      <c r="CG599" s="487" t="str">
        <f>IF(AZ599="yes",('DRAFT - HGC Schemes'!AX$5*$BJ599),"")</f>
        <v/>
      </c>
      <c r="CH599" s="487" t="str">
        <f>IF(BA599="yes",('DRAFT - HGC Schemes'!AY$5*$BJ599),"")</f>
        <v/>
      </c>
      <c r="CI599" s="487" t="str">
        <f>IF(BB599="yes",('DRAFT - HGC Schemes'!AZ$5*$BJ599),"")</f>
        <v/>
      </c>
      <c r="CJ599" s="487" t="str">
        <f>IF(BC599="yes",('DRAFT - HGC Schemes'!BA$5*$BJ599),"")</f>
        <v/>
      </c>
      <c r="CK599" s="487" t="str">
        <f>IF(BD599="yes",('DRAFT - HGC Schemes'!BB$5*$BJ599),"")</f>
        <v/>
      </c>
      <c r="CL599" s="487" t="str">
        <f>IF(BE599="yes",('DRAFT - HGC Schemes'!BC$5*$BJ599),"")</f>
        <v/>
      </c>
      <c r="CM599" s="487" t="str">
        <f>IF(BF599="yes",('DRAFT - HGC Schemes'!BD$5*$BJ599),"")</f>
        <v/>
      </c>
      <c r="CN599" s="487" t="str">
        <f>IF(BG599="yes",('DRAFT - HGC Schemes'!BE$5*$BJ599),"")</f>
        <v/>
      </c>
      <c r="CO599" s="487" t="str">
        <f>IF(BH599="yes",('DRAFT - HGC Schemes'!BF$5*$BJ599),"")</f>
        <v/>
      </c>
      <c r="CP599" s="487"/>
      <c r="CQ599" s="487"/>
      <c r="CR599" s="487"/>
      <c r="CS599" s="487"/>
      <c r="CT599" s="487"/>
      <c r="CU599" s="487"/>
      <c r="CV599" s="487"/>
      <c r="CW599" s="487"/>
      <c r="CX599" s="487"/>
      <c r="CY599" s="487"/>
      <c r="CZ599" s="487"/>
      <c r="DA599" s="487"/>
      <c r="DB599" s="487"/>
      <c r="DC599" s="487"/>
      <c r="DD599" s="487"/>
      <c r="DE599" s="487"/>
      <c r="DF599" s="487"/>
      <c r="DG599" s="487"/>
      <c r="DH599" s="487"/>
      <c r="DI599" s="487"/>
      <c r="DJ599" s="487"/>
      <c r="DK599" s="487"/>
      <c r="DL599" s="487"/>
      <c r="DM599" s="487"/>
      <c r="DN599" s="484" t="s">
        <v>300</v>
      </c>
      <c r="DO599" s="484"/>
      <c r="DP599" s="77"/>
      <c r="DQ599" s="77"/>
      <c r="DR599" s="77"/>
    </row>
    <row r="600" spans="1:122" s="137" customFormat="1" ht="56.25" customHeight="1" x14ac:dyDescent="0.2">
      <c r="A600" s="77"/>
      <c r="B600" s="77" t="s">
        <v>3021</v>
      </c>
      <c r="C600" s="77"/>
      <c r="D600" s="481">
        <v>95</v>
      </c>
      <c r="E600" s="481"/>
      <c r="F600" s="481" t="s">
        <v>2481</v>
      </c>
      <c r="G600" s="482" t="s">
        <v>53</v>
      </c>
      <c r="H600" s="481" t="s">
        <v>295</v>
      </c>
      <c r="I600" s="654" t="s">
        <v>301</v>
      </c>
      <c r="J600" s="78" t="s">
        <v>3022</v>
      </c>
      <c r="K600" s="78" t="s">
        <v>3023</v>
      </c>
      <c r="L600" s="620"/>
      <c r="M600" s="484" t="s">
        <v>58</v>
      </c>
      <c r="N600" s="327" t="s">
        <v>1372</v>
      </c>
      <c r="O600" s="484" t="s">
        <v>2996</v>
      </c>
      <c r="P600" s="484" t="s">
        <v>81</v>
      </c>
      <c r="Q600" s="667" t="s">
        <v>53</v>
      </c>
      <c r="R600" s="667" t="s">
        <v>53</v>
      </c>
      <c r="S600" s="484" t="s">
        <v>187</v>
      </c>
      <c r="T600" s="484"/>
      <c r="U600" s="620" t="s">
        <v>63</v>
      </c>
      <c r="V600" s="620" t="s">
        <v>63</v>
      </c>
      <c r="W600" s="485">
        <v>355860</v>
      </c>
      <c r="X600" s="485"/>
      <c r="Y600" s="484" t="s">
        <v>64</v>
      </c>
      <c r="Z600" s="484"/>
      <c r="AA600" s="485">
        <v>355860</v>
      </c>
      <c r="AB600" s="652" t="s">
        <v>82</v>
      </c>
      <c r="AC600" s="652"/>
      <c r="AD600" s="488"/>
      <c r="AE600" s="488"/>
      <c r="AF600" s="488"/>
      <c r="AG600" s="488"/>
      <c r="AH600" s="488"/>
      <c r="AI600" s="488"/>
      <c r="AJ600" s="488"/>
      <c r="AK600" s="488"/>
      <c r="AL600" s="488"/>
      <c r="AM600" s="488"/>
      <c r="AN600" s="488"/>
      <c r="AO600" s="488"/>
      <c r="AP600" s="488"/>
      <c r="AQ600" s="487" t="s">
        <v>66</v>
      </c>
      <c r="AR600" s="488"/>
      <c r="AS600" s="488"/>
      <c r="AT600" s="488"/>
      <c r="AU600" s="488"/>
      <c r="AV600" s="488"/>
      <c r="AW600" s="488"/>
      <c r="AX600" s="488"/>
      <c r="AY600" s="487"/>
      <c r="AZ600" s="488"/>
      <c r="BA600" s="488"/>
      <c r="BB600" s="488"/>
      <c r="BC600" s="488"/>
      <c r="BD600" s="488"/>
      <c r="BE600" s="488"/>
      <c r="BF600" s="488"/>
      <c r="BG600" s="488"/>
      <c r="BH600" s="488"/>
      <c r="BI600" s="80">
        <f>SUMIF(AD600:BH600,"YES",'DRAFT - HGC Schemes'!$AB$5:$BF$5)</f>
        <v>0</v>
      </c>
      <c r="BJ600" s="76" t="e">
        <f t="shared" si="230"/>
        <v>#DIV/0!</v>
      </c>
      <c r="BK600" s="487" t="str">
        <f>IF(AD600="yes",('DRAFT - HGC Schemes'!AB$5*$BJ600),"")</f>
        <v/>
      </c>
      <c r="BL600" s="487" t="str">
        <f>IF(AE600="yes",('DRAFT - HGC Schemes'!AC$5*$BJ600),"")</f>
        <v/>
      </c>
      <c r="BM600" s="487" t="str">
        <f>IF(AF600="yes",('DRAFT - HGC Schemes'!AD$5*$BJ600),"")</f>
        <v/>
      </c>
      <c r="BN600" s="487" t="str">
        <f>IF(AG600="yes",('DRAFT - HGC Schemes'!AE$5*$BJ600),"")</f>
        <v/>
      </c>
      <c r="BO600" s="487" t="str">
        <f>IF(AH600="yes",('DRAFT - HGC Schemes'!AF$5*$BJ600),"")</f>
        <v/>
      </c>
      <c r="BP600" s="487" t="str">
        <f>IF(AI600="yes",('DRAFT - HGC Schemes'!AG$5*$BJ600),"")</f>
        <v/>
      </c>
      <c r="BQ600" s="487" t="str">
        <f>IF(AJ600="yes",('DRAFT - HGC Schemes'!AH$5*$BJ600),"")</f>
        <v/>
      </c>
      <c r="BR600" s="487" t="str">
        <f>IF(AK600="yes",('DRAFT - HGC Schemes'!AI$5*$BJ600),"")</f>
        <v/>
      </c>
      <c r="BS600" s="487" t="str">
        <f>IF(AL600="yes",('DRAFT - HGC Schemes'!AJ$5*$BJ600),"")</f>
        <v/>
      </c>
      <c r="BT600" s="487" t="str">
        <f>IF(AM600="yes",('DRAFT - HGC Schemes'!AK$5*$BJ600),"")</f>
        <v/>
      </c>
      <c r="BU600" s="487" t="str">
        <f>IF(AN600="yes",('DRAFT - HGC Schemes'!AL$5*$BJ600),"")</f>
        <v/>
      </c>
      <c r="BV600" s="487" t="str">
        <f>IF(AO600="yes",('DRAFT - HGC Schemes'!AM$5*$BJ600),"")</f>
        <v/>
      </c>
      <c r="BW600" s="487" t="str">
        <f>IF(AP600="yes",('DRAFT - HGC Schemes'!AN$5*$BJ600),"")</f>
        <v/>
      </c>
      <c r="BX600" s="487" t="e">
        <f>IF(AQ600="yes",('DRAFT - HGC Schemes'!AO$5*$BJ600),"")</f>
        <v>#DIV/0!</v>
      </c>
      <c r="BY600" s="487" t="str">
        <f>IF(AR600="yes",('DRAFT - HGC Schemes'!AP$5*$BJ600),"")</f>
        <v/>
      </c>
      <c r="BZ600" s="487" t="str">
        <f>IF(AS600="yes",('DRAFT - HGC Schemes'!AQ$5*$BJ600),"")</f>
        <v/>
      </c>
      <c r="CA600" s="487" t="str">
        <f>IF(AT600="yes",('DRAFT - HGC Schemes'!AR$5*$BJ600),"")</f>
        <v/>
      </c>
      <c r="CB600" s="487" t="str">
        <f>IF(AU600="yes",('DRAFT - HGC Schemes'!AS$5*$BJ600),"")</f>
        <v/>
      </c>
      <c r="CC600" s="487" t="str">
        <f>IF(AV600="yes",('DRAFT - HGC Schemes'!AT$5*$BJ600),"")</f>
        <v/>
      </c>
      <c r="CD600" s="487" t="str">
        <f>IF(AW600="yes",('DRAFT - HGC Schemes'!AU$5*$BJ600),"")</f>
        <v/>
      </c>
      <c r="CE600" s="487" t="str">
        <f>IF(AX600="yes",('DRAFT - HGC Schemes'!AV$5*$BJ600),"")</f>
        <v/>
      </c>
      <c r="CF600" s="487" t="str">
        <f>IF(AY600="yes",('DRAFT - HGC Schemes'!AW$5*$BJ600),"")</f>
        <v/>
      </c>
      <c r="CG600" s="487" t="str">
        <f>IF(AZ600="yes",('DRAFT - HGC Schemes'!AX$5*$BJ600),"")</f>
        <v/>
      </c>
      <c r="CH600" s="487" t="str">
        <f>IF(BA600="yes",('DRAFT - HGC Schemes'!AY$5*$BJ600),"")</f>
        <v/>
      </c>
      <c r="CI600" s="487" t="str">
        <f>IF(BB600="yes",('DRAFT - HGC Schemes'!AZ$5*$BJ600),"")</f>
        <v/>
      </c>
      <c r="CJ600" s="487" t="str">
        <f>IF(BC600="yes",('DRAFT - HGC Schemes'!BA$5*$BJ600),"")</f>
        <v/>
      </c>
      <c r="CK600" s="487" t="str">
        <f>IF(BD600="yes",('DRAFT - HGC Schemes'!BB$5*$BJ600),"")</f>
        <v/>
      </c>
      <c r="CL600" s="487" t="str">
        <f>IF(BE600="yes",('DRAFT - HGC Schemes'!BC$5*$BJ600),"")</f>
        <v/>
      </c>
      <c r="CM600" s="487" t="str">
        <f>IF(BF600="yes",('DRAFT - HGC Schemes'!BD$5*$BJ600),"")</f>
        <v/>
      </c>
      <c r="CN600" s="487" t="str">
        <f>IF(BG600="yes",('DRAFT - HGC Schemes'!BE$5*$BJ600),"")</f>
        <v/>
      </c>
      <c r="CO600" s="487" t="str">
        <f>IF(BH600="yes",('DRAFT - HGC Schemes'!BF$5*$BJ600),"")</f>
        <v/>
      </c>
      <c r="CP600" s="487"/>
      <c r="CQ600" s="487"/>
      <c r="CR600" s="487"/>
      <c r="CS600" s="487"/>
      <c r="CT600" s="487"/>
      <c r="CU600" s="487"/>
      <c r="CV600" s="487"/>
      <c r="CW600" s="487"/>
      <c r="CX600" s="487"/>
      <c r="CY600" s="487"/>
      <c r="CZ600" s="487"/>
      <c r="DA600" s="487"/>
      <c r="DB600" s="487"/>
      <c r="DC600" s="487"/>
      <c r="DD600" s="487"/>
      <c r="DE600" s="487"/>
      <c r="DF600" s="487"/>
      <c r="DG600" s="487"/>
      <c r="DH600" s="487"/>
      <c r="DI600" s="487"/>
      <c r="DJ600" s="487"/>
      <c r="DK600" s="487"/>
      <c r="DL600" s="487"/>
      <c r="DM600" s="487"/>
      <c r="DN600" s="484" t="s">
        <v>300</v>
      </c>
      <c r="DO600" s="484"/>
      <c r="DP600" s="77"/>
      <c r="DQ600" s="77"/>
      <c r="DR600" s="77"/>
    </row>
    <row r="601" spans="1:122" s="137" customFormat="1" ht="56.25" customHeight="1" x14ac:dyDescent="0.2">
      <c r="A601" s="77"/>
      <c r="B601" s="77" t="s">
        <v>3021</v>
      </c>
      <c r="C601" s="77"/>
      <c r="D601" s="481">
        <v>97</v>
      </c>
      <c r="E601" s="481"/>
      <c r="F601" s="481" t="s">
        <v>2481</v>
      </c>
      <c r="G601" s="482" t="s">
        <v>53</v>
      </c>
      <c r="H601" s="481" t="s">
        <v>295</v>
      </c>
      <c r="I601" s="654" t="s">
        <v>301</v>
      </c>
      <c r="J601" s="78" t="s">
        <v>3022</v>
      </c>
      <c r="K601" s="78" t="s">
        <v>3023</v>
      </c>
      <c r="L601" s="620"/>
      <c r="M601" s="484" t="s">
        <v>58</v>
      </c>
      <c r="N601" s="327" t="s">
        <v>2601</v>
      </c>
      <c r="O601" s="484" t="s">
        <v>2996</v>
      </c>
      <c r="P601" s="484" t="s">
        <v>81</v>
      </c>
      <c r="Q601" s="667" t="s">
        <v>53</v>
      </c>
      <c r="R601" s="667" t="s">
        <v>53</v>
      </c>
      <c r="S601" s="484" t="s">
        <v>392</v>
      </c>
      <c r="T601" s="484"/>
      <c r="U601" s="620" t="s">
        <v>63</v>
      </c>
      <c r="V601" s="620" t="s">
        <v>63</v>
      </c>
      <c r="W601" s="485">
        <v>355860</v>
      </c>
      <c r="X601" s="485"/>
      <c r="Y601" s="484" t="s">
        <v>64</v>
      </c>
      <c r="Z601" s="484"/>
      <c r="AA601" s="485">
        <v>355860</v>
      </c>
      <c r="AB601" s="652" t="s">
        <v>82</v>
      </c>
      <c r="AC601" s="652"/>
      <c r="AD601" s="488"/>
      <c r="AE601" s="488"/>
      <c r="AF601" s="488"/>
      <c r="AG601" s="488"/>
      <c r="AH601" s="488"/>
      <c r="AI601" s="488"/>
      <c r="AJ601" s="488"/>
      <c r="AK601" s="488"/>
      <c r="AL601" s="488"/>
      <c r="AM601" s="488"/>
      <c r="AN601" s="488"/>
      <c r="AO601" s="488"/>
      <c r="AP601" s="488"/>
      <c r="AQ601" s="488"/>
      <c r="AR601" s="487" t="s">
        <v>66</v>
      </c>
      <c r="AS601" s="488"/>
      <c r="AT601" s="488"/>
      <c r="AU601" s="488"/>
      <c r="AV601" s="488"/>
      <c r="AW601" s="488"/>
      <c r="AX601" s="488"/>
      <c r="AY601" s="487"/>
      <c r="AZ601" s="488"/>
      <c r="BA601" s="488"/>
      <c r="BB601" s="488"/>
      <c r="BC601" s="488"/>
      <c r="BD601" s="488"/>
      <c r="BE601" s="488"/>
      <c r="BF601" s="488"/>
      <c r="BG601" s="488"/>
      <c r="BH601" s="488"/>
      <c r="BI601" s="80">
        <f>SUMIF(AD601:BH601,"YES",'DRAFT - HGC Schemes'!$AB$5:$BF$5)</f>
        <v>0</v>
      </c>
      <c r="BJ601" s="76" t="e">
        <f t="shared" si="230"/>
        <v>#DIV/0!</v>
      </c>
      <c r="BK601" s="487" t="str">
        <f>IF(AD601="yes",('DRAFT - HGC Schemes'!AB$5*$BJ601),"")</f>
        <v/>
      </c>
      <c r="BL601" s="487" t="str">
        <f>IF(AE601="yes",('DRAFT - HGC Schemes'!AC$5*$BJ601),"")</f>
        <v/>
      </c>
      <c r="BM601" s="487" t="str">
        <f>IF(AF601="yes",('DRAFT - HGC Schemes'!AD$5*$BJ601),"")</f>
        <v/>
      </c>
      <c r="BN601" s="487" t="str">
        <f>IF(AG601="yes",('DRAFT - HGC Schemes'!AE$5*$BJ601),"")</f>
        <v/>
      </c>
      <c r="BO601" s="487" t="str">
        <f>IF(AH601="yes",('DRAFT - HGC Schemes'!AF$5*$BJ601),"")</f>
        <v/>
      </c>
      <c r="BP601" s="487" t="str">
        <f>IF(AI601="yes",('DRAFT - HGC Schemes'!AG$5*$BJ601),"")</f>
        <v/>
      </c>
      <c r="BQ601" s="487" t="str">
        <f>IF(AJ601="yes",('DRAFT - HGC Schemes'!AH$5*$BJ601),"")</f>
        <v/>
      </c>
      <c r="BR601" s="487" t="str">
        <f>IF(AK601="yes",('DRAFT - HGC Schemes'!AI$5*$BJ601),"")</f>
        <v/>
      </c>
      <c r="BS601" s="487" t="str">
        <f>IF(AL601="yes",('DRAFT - HGC Schemes'!AJ$5*$BJ601),"")</f>
        <v/>
      </c>
      <c r="BT601" s="487" t="str">
        <f>IF(AM601="yes",('DRAFT - HGC Schemes'!AK$5*$BJ601),"")</f>
        <v/>
      </c>
      <c r="BU601" s="487" t="str">
        <f>IF(AN601="yes",('DRAFT - HGC Schemes'!AL$5*$BJ601),"")</f>
        <v/>
      </c>
      <c r="BV601" s="487" t="str">
        <f>IF(AO601="yes",('DRAFT - HGC Schemes'!AM$5*$BJ601),"")</f>
        <v/>
      </c>
      <c r="BW601" s="487" t="str">
        <f>IF(AP601="yes",('DRAFT - HGC Schemes'!AN$5*$BJ601),"")</f>
        <v/>
      </c>
      <c r="BX601" s="487" t="str">
        <f>IF(AQ601="yes",('DRAFT - HGC Schemes'!AO$5*$BJ601),"")</f>
        <v/>
      </c>
      <c r="BY601" s="487" t="e">
        <f>IF(AR601="yes",('DRAFT - HGC Schemes'!AP$5*$BJ601),"")</f>
        <v>#DIV/0!</v>
      </c>
      <c r="BZ601" s="487" t="str">
        <f>IF(AS601="yes",('DRAFT - HGC Schemes'!AQ$5*$BJ601),"")</f>
        <v/>
      </c>
      <c r="CA601" s="487" t="str">
        <f>IF(AT601="yes",('DRAFT - HGC Schemes'!AR$5*$BJ601),"")</f>
        <v/>
      </c>
      <c r="CB601" s="487" t="str">
        <f>IF(AU601="yes",('DRAFT - HGC Schemes'!AS$5*$BJ601),"")</f>
        <v/>
      </c>
      <c r="CC601" s="487" t="str">
        <f>IF(AV601="yes",('DRAFT - HGC Schemes'!AT$5*$BJ601),"")</f>
        <v/>
      </c>
      <c r="CD601" s="487" t="str">
        <f>IF(AW601="yes",('DRAFT - HGC Schemes'!AU$5*$BJ601),"")</f>
        <v/>
      </c>
      <c r="CE601" s="487" t="str">
        <f>IF(AX601="yes",('DRAFT - HGC Schemes'!AV$5*$BJ601),"")</f>
        <v/>
      </c>
      <c r="CF601" s="487" t="str">
        <f>IF(AY601="yes",('DRAFT - HGC Schemes'!AW$5*$BJ601),"")</f>
        <v/>
      </c>
      <c r="CG601" s="487" t="str">
        <f>IF(AZ601="yes",('DRAFT - HGC Schemes'!AX$5*$BJ601),"")</f>
        <v/>
      </c>
      <c r="CH601" s="487" t="str">
        <f>IF(BA601="yes",('DRAFT - HGC Schemes'!AY$5*$BJ601),"")</f>
        <v/>
      </c>
      <c r="CI601" s="487" t="str">
        <f>IF(BB601="yes",('DRAFT - HGC Schemes'!AZ$5*$BJ601),"")</f>
        <v/>
      </c>
      <c r="CJ601" s="487" t="str">
        <f>IF(BC601="yes",('DRAFT - HGC Schemes'!BA$5*$BJ601),"")</f>
        <v/>
      </c>
      <c r="CK601" s="487" t="str">
        <f>IF(BD601="yes",('DRAFT - HGC Schemes'!BB$5*$BJ601),"")</f>
        <v/>
      </c>
      <c r="CL601" s="487" t="str">
        <f>IF(BE601="yes",('DRAFT - HGC Schemes'!BC$5*$BJ601),"")</f>
        <v/>
      </c>
      <c r="CM601" s="487" t="str">
        <f>IF(BF601="yes",('DRAFT - HGC Schemes'!BD$5*$BJ601),"")</f>
        <v/>
      </c>
      <c r="CN601" s="487" t="str">
        <f>IF(BG601="yes",('DRAFT - HGC Schemes'!BE$5*$BJ601),"")</f>
        <v/>
      </c>
      <c r="CO601" s="487" t="str">
        <f>IF(BH601="yes",('DRAFT - HGC Schemes'!BF$5*$BJ601),"")</f>
        <v/>
      </c>
      <c r="CP601" s="487"/>
      <c r="CQ601" s="487"/>
      <c r="CR601" s="487"/>
      <c r="CS601" s="487"/>
      <c r="CT601" s="487"/>
      <c r="CU601" s="487"/>
      <c r="CV601" s="487"/>
      <c r="CW601" s="487"/>
      <c r="CX601" s="487"/>
      <c r="CY601" s="487"/>
      <c r="CZ601" s="487"/>
      <c r="DA601" s="487"/>
      <c r="DB601" s="487"/>
      <c r="DC601" s="487"/>
      <c r="DD601" s="487"/>
      <c r="DE601" s="487"/>
      <c r="DF601" s="487"/>
      <c r="DG601" s="487"/>
      <c r="DH601" s="487"/>
      <c r="DI601" s="487"/>
      <c r="DJ601" s="487"/>
      <c r="DK601" s="487"/>
      <c r="DL601" s="487"/>
      <c r="DM601" s="487"/>
      <c r="DN601" s="484" t="s">
        <v>300</v>
      </c>
      <c r="DO601" s="484"/>
      <c r="DP601" s="77"/>
      <c r="DQ601" s="77"/>
      <c r="DR601" s="77"/>
    </row>
    <row r="602" spans="1:122" s="137" customFormat="1" ht="56.25" customHeight="1" x14ac:dyDescent="0.2">
      <c r="A602" s="77"/>
      <c r="B602" s="77" t="s">
        <v>3021</v>
      </c>
      <c r="C602" s="77"/>
      <c r="D602" s="481">
        <v>99</v>
      </c>
      <c r="E602" s="481"/>
      <c r="F602" s="481" t="s">
        <v>2481</v>
      </c>
      <c r="G602" s="482" t="s">
        <v>53</v>
      </c>
      <c r="H602" s="481" t="s">
        <v>295</v>
      </c>
      <c r="I602" s="654" t="s">
        <v>301</v>
      </c>
      <c r="J602" s="78" t="s">
        <v>3022</v>
      </c>
      <c r="K602" s="78" t="s">
        <v>3023</v>
      </c>
      <c r="L602" s="620"/>
      <c r="M602" s="484" t="s">
        <v>58</v>
      </c>
      <c r="N602" s="327" t="s">
        <v>1374</v>
      </c>
      <c r="O602" s="484" t="s">
        <v>2996</v>
      </c>
      <c r="P602" s="484" t="s">
        <v>81</v>
      </c>
      <c r="Q602" s="667" t="s">
        <v>53</v>
      </c>
      <c r="R602" s="667" t="s">
        <v>53</v>
      </c>
      <c r="S602" s="484" t="s">
        <v>377</v>
      </c>
      <c r="T602" s="484"/>
      <c r="U602" s="620" t="s">
        <v>63</v>
      </c>
      <c r="V602" s="620" t="s">
        <v>63</v>
      </c>
      <c r="W602" s="485">
        <v>355860</v>
      </c>
      <c r="X602" s="485"/>
      <c r="Y602" s="484" t="s">
        <v>64</v>
      </c>
      <c r="Z602" s="484"/>
      <c r="AA602" s="485">
        <v>355860</v>
      </c>
      <c r="AB602" s="652" t="s">
        <v>82</v>
      </c>
      <c r="AC602" s="652"/>
      <c r="AD602" s="488"/>
      <c r="AE602" s="488"/>
      <c r="AF602" s="488"/>
      <c r="AG602" s="488"/>
      <c r="AH602" s="488"/>
      <c r="AI602" s="488"/>
      <c r="AJ602" s="488"/>
      <c r="AK602" s="488"/>
      <c r="AL602" s="488"/>
      <c r="AM602" s="488"/>
      <c r="AN602" s="488"/>
      <c r="AO602" s="488"/>
      <c r="AP602" s="488"/>
      <c r="AQ602" s="488"/>
      <c r="AR602" s="488"/>
      <c r="AS602" s="487" t="s">
        <v>66</v>
      </c>
      <c r="AT602" s="488"/>
      <c r="AU602" s="488"/>
      <c r="AV602" s="488"/>
      <c r="AW602" s="488"/>
      <c r="AX602" s="488"/>
      <c r="AY602" s="487"/>
      <c r="AZ602" s="488"/>
      <c r="BA602" s="488"/>
      <c r="BB602" s="488"/>
      <c r="BC602" s="488"/>
      <c r="BD602" s="488"/>
      <c r="BE602" s="488"/>
      <c r="BF602" s="488"/>
      <c r="BG602" s="488"/>
      <c r="BH602" s="488"/>
      <c r="BI602" s="80">
        <f>SUMIF(AD602:BH602,"YES",'DRAFT - HGC Schemes'!$AB$5:$BF$5)</f>
        <v>0</v>
      </c>
      <c r="BJ602" s="76" t="e">
        <f t="shared" si="230"/>
        <v>#DIV/0!</v>
      </c>
      <c r="BK602" s="487" t="str">
        <f>IF(AD602="yes",('DRAFT - HGC Schemes'!AB$5*$BJ602),"")</f>
        <v/>
      </c>
      <c r="BL602" s="487" t="str">
        <f>IF(AE602="yes",('DRAFT - HGC Schemes'!AC$5*$BJ602),"")</f>
        <v/>
      </c>
      <c r="BM602" s="487" t="str">
        <f>IF(AF602="yes",('DRAFT - HGC Schemes'!AD$5*$BJ602),"")</f>
        <v/>
      </c>
      <c r="BN602" s="487" t="str">
        <f>IF(AG602="yes",('DRAFT - HGC Schemes'!AE$5*$BJ602),"")</f>
        <v/>
      </c>
      <c r="BO602" s="487" t="str">
        <f>IF(AH602="yes",('DRAFT - HGC Schemes'!AF$5*$BJ602),"")</f>
        <v/>
      </c>
      <c r="BP602" s="487" t="str">
        <f>IF(AI602="yes",('DRAFT - HGC Schemes'!AG$5*$BJ602),"")</f>
        <v/>
      </c>
      <c r="BQ602" s="487" t="str">
        <f>IF(AJ602="yes",('DRAFT - HGC Schemes'!AH$5*$BJ602),"")</f>
        <v/>
      </c>
      <c r="BR602" s="487" t="str">
        <f>IF(AK602="yes",('DRAFT - HGC Schemes'!AI$5*$BJ602),"")</f>
        <v/>
      </c>
      <c r="BS602" s="487" t="str">
        <f>IF(AL602="yes",('DRAFT - HGC Schemes'!AJ$5*$BJ602),"")</f>
        <v/>
      </c>
      <c r="BT602" s="487" t="str">
        <f>IF(AM602="yes",('DRAFT - HGC Schemes'!AK$5*$BJ602),"")</f>
        <v/>
      </c>
      <c r="BU602" s="487" t="str">
        <f>IF(AN602="yes",('DRAFT - HGC Schemes'!AL$5*$BJ602),"")</f>
        <v/>
      </c>
      <c r="BV602" s="487" t="str">
        <f>IF(AO602="yes",('DRAFT - HGC Schemes'!AM$5*$BJ602),"")</f>
        <v/>
      </c>
      <c r="BW602" s="487" t="str">
        <f>IF(AP602="yes",('DRAFT - HGC Schemes'!AN$5*$BJ602),"")</f>
        <v/>
      </c>
      <c r="BX602" s="487" t="str">
        <f>IF(AQ602="yes",('DRAFT - HGC Schemes'!AO$5*$BJ602),"")</f>
        <v/>
      </c>
      <c r="BY602" s="487" t="str">
        <f>IF(AR602="yes",('DRAFT - HGC Schemes'!AP$5*$BJ602),"")</f>
        <v/>
      </c>
      <c r="BZ602" s="487" t="e">
        <f>IF(AS602="yes",('DRAFT - HGC Schemes'!AQ$5*$BJ602),"")</f>
        <v>#DIV/0!</v>
      </c>
      <c r="CA602" s="487" t="str">
        <f>IF(AT602="yes",('DRAFT - HGC Schemes'!AR$5*$BJ602),"")</f>
        <v/>
      </c>
      <c r="CB602" s="487" t="str">
        <f>IF(AU602="yes",('DRAFT - HGC Schemes'!AS$5*$BJ602),"")</f>
        <v/>
      </c>
      <c r="CC602" s="487" t="str">
        <f>IF(AV602="yes",('DRAFT - HGC Schemes'!AT$5*$BJ602),"")</f>
        <v/>
      </c>
      <c r="CD602" s="487" t="str">
        <f>IF(AW602="yes",('DRAFT - HGC Schemes'!AU$5*$BJ602),"")</f>
        <v/>
      </c>
      <c r="CE602" s="487" t="str">
        <f>IF(AX602="yes",('DRAFT - HGC Schemes'!AV$5*$BJ602),"")</f>
        <v/>
      </c>
      <c r="CF602" s="487" t="str">
        <f>IF(AY602="yes",('DRAFT - HGC Schemes'!AW$5*$BJ602),"")</f>
        <v/>
      </c>
      <c r="CG602" s="487" t="str">
        <f>IF(AZ602="yes",('DRAFT - HGC Schemes'!AX$5*$BJ602),"")</f>
        <v/>
      </c>
      <c r="CH602" s="487" t="str">
        <f>IF(BA602="yes",('DRAFT - HGC Schemes'!AY$5*$BJ602),"")</f>
        <v/>
      </c>
      <c r="CI602" s="487" t="str">
        <f>IF(BB602="yes",('DRAFT - HGC Schemes'!AZ$5*$BJ602),"")</f>
        <v/>
      </c>
      <c r="CJ602" s="487" t="str">
        <f>IF(BC602="yes",('DRAFT - HGC Schemes'!BA$5*$BJ602),"")</f>
        <v/>
      </c>
      <c r="CK602" s="487" t="str">
        <f>IF(BD602="yes",('DRAFT - HGC Schemes'!BB$5*$BJ602),"")</f>
        <v/>
      </c>
      <c r="CL602" s="487" t="str">
        <f>IF(BE602="yes",('DRAFT - HGC Schemes'!BC$5*$BJ602),"")</f>
        <v/>
      </c>
      <c r="CM602" s="487" t="str">
        <f>IF(BF602="yes",('DRAFT - HGC Schemes'!BD$5*$BJ602),"")</f>
        <v/>
      </c>
      <c r="CN602" s="487" t="str">
        <f>IF(BG602="yes",('DRAFT - HGC Schemes'!BE$5*$BJ602),"")</f>
        <v/>
      </c>
      <c r="CO602" s="487" t="str">
        <f>IF(BH602="yes",('DRAFT - HGC Schemes'!BF$5*$BJ602),"")</f>
        <v/>
      </c>
      <c r="CP602" s="487"/>
      <c r="CQ602" s="487"/>
      <c r="CR602" s="487"/>
      <c r="CS602" s="487"/>
      <c r="CT602" s="487"/>
      <c r="CU602" s="487"/>
      <c r="CV602" s="487"/>
      <c r="CW602" s="487"/>
      <c r="CX602" s="487"/>
      <c r="CY602" s="487"/>
      <c r="CZ602" s="487"/>
      <c r="DA602" s="487"/>
      <c r="DB602" s="487"/>
      <c r="DC602" s="487"/>
      <c r="DD602" s="487"/>
      <c r="DE602" s="487"/>
      <c r="DF602" s="487"/>
      <c r="DG602" s="487"/>
      <c r="DH602" s="487"/>
      <c r="DI602" s="487"/>
      <c r="DJ602" s="487"/>
      <c r="DK602" s="487"/>
      <c r="DL602" s="487"/>
      <c r="DM602" s="487"/>
      <c r="DN602" s="484" t="s">
        <v>300</v>
      </c>
      <c r="DO602" s="484"/>
      <c r="DP602" s="77"/>
      <c r="DQ602" s="77"/>
      <c r="DR602" s="77"/>
    </row>
    <row r="603" spans="1:122" s="137" customFormat="1" ht="56.25" customHeight="1" x14ac:dyDescent="0.2">
      <c r="A603" s="77"/>
      <c r="B603" s="77" t="s">
        <v>3021</v>
      </c>
      <c r="C603" s="77"/>
      <c r="D603" s="481">
        <v>101</v>
      </c>
      <c r="E603" s="481"/>
      <c r="F603" s="481" t="s">
        <v>2481</v>
      </c>
      <c r="G603" s="482" t="s">
        <v>53</v>
      </c>
      <c r="H603" s="481" t="s">
        <v>295</v>
      </c>
      <c r="I603" s="654" t="s">
        <v>301</v>
      </c>
      <c r="J603" s="78" t="s">
        <v>3022</v>
      </c>
      <c r="K603" s="78" t="s">
        <v>3023</v>
      </c>
      <c r="L603" s="620"/>
      <c r="M603" s="484" t="s">
        <v>58</v>
      </c>
      <c r="N603" s="327" t="s">
        <v>328</v>
      </c>
      <c r="O603" s="484" t="s">
        <v>2996</v>
      </c>
      <c r="P603" s="484" t="s">
        <v>81</v>
      </c>
      <c r="Q603" s="667" t="s">
        <v>53</v>
      </c>
      <c r="R603" s="667" t="s">
        <v>53</v>
      </c>
      <c r="S603" s="484" t="s">
        <v>395</v>
      </c>
      <c r="T603" s="484"/>
      <c r="U603" s="620" t="s">
        <v>63</v>
      </c>
      <c r="V603" s="620" t="s">
        <v>63</v>
      </c>
      <c r="W603" s="485">
        <v>355860</v>
      </c>
      <c r="X603" s="485"/>
      <c r="Y603" s="484" t="s">
        <v>64</v>
      </c>
      <c r="Z603" s="484"/>
      <c r="AA603" s="485">
        <v>355860</v>
      </c>
      <c r="AB603" s="652" t="s">
        <v>82</v>
      </c>
      <c r="AC603" s="652"/>
      <c r="AD603" s="488"/>
      <c r="AE603" s="488"/>
      <c r="AF603" s="488"/>
      <c r="AG603" s="488"/>
      <c r="AH603" s="488"/>
      <c r="AI603" s="488"/>
      <c r="AJ603" s="488"/>
      <c r="AK603" s="488"/>
      <c r="AL603" s="488"/>
      <c r="AM603" s="488"/>
      <c r="AN603" s="488"/>
      <c r="AO603" s="487" t="s">
        <v>66</v>
      </c>
      <c r="AP603" s="488"/>
      <c r="AQ603" s="488"/>
      <c r="AR603" s="488"/>
      <c r="AS603" s="488"/>
      <c r="AT603" s="488"/>
      <c r="AU603" s="488"/>
      <c r="AV603" s="488"/>
      <c r="AW603" s="488"/>
      <c r="AX603" s="488"/>
      <c r="AY603" s="487"/>
      <c r="AZ603" s="488"/>
      <c r="BA603" s="488"/>
      <c r="BB603" s="488"/>
      <c r="BC603" s="488"/>
      <c r="BD603" s="488"/>
      <c r="BE603" s="488"/>
      <c r="BF603" s="488"/>
      <c r="BG603" s="488"/>
      <c r="BH603" s="488"/>
      <c r="BI603" s="80">
        <f>SUMIF(AD603:BH603,"YES",'DRAFT - HGC Schemes'!$AB$5:$BF$5)</f>
        <v>0</v>
      </c>
      <c r="BJ603" s="76" t="e">
        <f t="shared" si="230"/>
        <v>#DIV/0!</v>
      </c>
      <c r="BK603" s="487" t="str">
        <f>IF(AD603="yes",('DRAFT - HGC Schemes'!AB$5*$BJ603),"")</f>
        <v/>
      </c>
      <c r="BL603" s="487" t="str">
        <f>IF(AE603="yes",('DRAFT - HGC Schemes'!AC$5*$BJ603),"")</f>
        <v/>
      </c>
      <c r="BM603" s="487" t="str">
        <f>IF(AF603="yes",('DRAFT - HGC Schemes'!AD$5*$BJ603),"")</f>
        <v/>
      </c>
      <c r="BN603" s="487" t="str">
        <f>IF(AG603="yes",('DRAFT - HGC Schemes'!AE$5*$BJ603),"")</f>
        <v/>
      </c>
      <c r="BO603" s="487" t="str">
        <f>IF(AH603="yes",('DRAFT - HGC Schemes'!AF$5*$BJ603),"")</f>
        <v/>
      </c>
      <c r="BP603" s="487" t="str">
        <f>IF(AI603="yes",('DRAFT - HGC Schemes'!AG$5*$BJ603),"")</f>
        <v/>
      </c>
      <c r="BQ603" s="487" t="str">
        <f>IF(AJ603="yes",('DRAFT - HGC Schemes'!AH$5*$BJ603),"")</f>
        <v/>
      </c>
      <c r="BR603" s="487" t="str">
        <f>IF(AK603="yes",('DRAFT - HGC Schemes'!AI$5*$BJ603),"")</f>
        <v/>
      </c>
      <c r="BS603" s="487" t="str">
        <f>IF(AL603="yes",('DRAFT - HGC Schemes'!AJ$5*$BJ603),"")</f>
        <v/>
      </c>
      <c r="BT603" s="487" t="str">
        <f>IF(AM603="yes",('DRAFT - HGC Schemes'!AK$5*$BJ603),"")</f>
        <v/>
      </c>
      <c r="BU603" s="487" t="str">
        <f>IF(AN603="yes",('DRAFT - HGC Schemes'!AL$5*$BJ603),"")</f>
        <v/>
      </c>
      <c r="BV603" s="487" t="e">
        <f>IF(AO603="yes",('DRAFT - HGC Schemes'!AM$5*$BJ603),"")</f>
        <v>#DIV/0!</v>
      </c>
      <c r="BW603" s="487" t="str">
        <f>IF(AP603="yes",('DRAFT - HGC Schemes'!AN$5*$BJ603),"")</f>
        <v/>
      </c>
      <c r="BX603" s="487" t="str">
        <f>IF(AQ603="yes",('DRAFT - HGC Schemes'!AO$5*$BJ603),"")</f>
        <v/>
      </c>
      <c r="BY603" s="487" t="str">
        <f>IF(AR603="yes",('DRAFT - HGC Schemes'!AP$5*$BJ603),"")</f>
        <v/>
      </c>
      <c r="BZ603" s="487" t="str">
        <f>IF(AS603="yes",('DRAFT - HGC Schemes'!AQ$5*$BJ603),"")</f>
        <v/>
      </c>
      <c r="CA603" s="487" t="str">
        <f>IF(AT603="yes",('DRAFT - HGC Schemes'!AR$5*$BJ603),"")</f>
        <v/>
      </c>
      <c r="CB603" s="487" t="str">
        <f>IF(AU603="yes",('DRAFT - HGC Schemes'!AS$5*$BJ603),"")</f>
        <v/>
      </c>
      <c r="CC603" s="487" t="str">
        <f>IF(AV603="yes",('DRAFT - HGC Schemes'!AT$5*$BJ603),"")</f>
        <v/>
      </c>
      <c r="CD603" s="487" t="str">
        <f>IF(AW603="yes",('DRAFT - HGC Schemes'!AU$5*$BJ603),"")</f>
        <v/>
      </c>
      <c r="CE603" s="487" t="str">
        <f>IF(AX603="yes",('DRAFT - HGC Schemes'!AV$5*$BJ603),"")</f>
        <v/>
      </c>
      <c r="CF603" s="487" t="str">
        <f>IF(AY603="yes",('DRAFT - HGC Schemes'!AW$5*$BJ603),"")</f>
        <v/>
      </c>
      <c r="CG603" s="487" t="str">
        <f>IF(AZ603="yes",('DRAFT - HGC Schemes'!AX$5*$BJ603),"")</f>
        <v/>
      </c>
      <c r="CH603" s="487" t="str">
        <f>IF(BA603="yes",('DRAFT - HGC Schemes'!AY$5*$BJ603),"")</f>
        <v/>
      </c>
      <c r="CI603" s="487" t="str">
        <f>IF(BB603="yes",('DRAFT - HGC Schemes'!AZ$5*$BJ603),"")</f>
        <v/>
      </c>
      <c r="CJ603" s="487" t="str">
        <f>IF(BC603="yes",('DRAFT - HGC Schemes'!BA$5*$BJ603),"")</f>
        <v/>
      </c>
      <c r="CK603" s="487" t="str">
        <f>IF(BD603="yes",('DRAFT - HGC Schemes'!BB$5*$BJ603),"")</f>
        <v/>
      </c>
      <c r="CL603" s="487" t="str">
        <f>IF(BE603="yes",('DRAFT - HGC Schemes'!BC$5*$BJ603),"")</f>
        <v/>
      </c>
      <c r="CM603" s="487" t="str">
        <f>IF(BF603="yes",('DRAFT - HGC Schemes'!BD$5*$BJ603),"")</f>
        <v/>
      </c>
      <c r="CN603" s="487" t="str">
        <f>IF(BG603="yes",('DRAFT - HGC Schemes'!BE$5*$BJ603),"")</f>
        <v/>
      </c>
      <c r="CO603" s="487" t="str">
        <f>IF(BH603="yes",('DRAFT - HGC Schemes'!BF$5*$BJ603),"")</f>
        <v/>
      </c>
      <c r="CP603" s="487"/>
      <c r="CQ603" s="487"/>
      <c r="CR603" s="487"/>
      <c r="CS603" s="487"/>
      <c r="CT603" s="487"/>
      <c r="CU603" s="487"/>
      <c r="CV603" s="487"/>
      <c r="CW603" s="487"/>
      <c r="CX603" s="487"/>
      <c r="CY603" s="487"/>
      <c r="CZ603" s="487"/>
      <c r="DA603" s="487"/>
      <c r="DB603" s="487"/>
      <c r="DC603" s="487"/>
      <c r="DD603" s="487"/>
      <c r="DE603" s="487"/>
      <c r="DF603" s="487"/>
      <c r="DG603" s="487"/>
      <c r="DH603" s="487"/>
      <c r="DI603" s="487"/>
      <c r="DJ603" s="487"/>
      <c r="DK603" s="487"/>
      <c r="DL603" s="487"/>
      <c r="DM603" s="487"/>
      <c r="DN603" s="484" t="s">
        <v>300</v>
      </c>
      <c r="DO603" s="484"/>
      <c r="DP603" s="77"/>
      <c r="DQ603" s="77"/>
      <c r="DR603" s="77"/>
    </row>
    <row r="604" spans="1:122" s="137" customFormat="1" ht="56.25" customHeight="1" x14ac:dyDescent="0.2">
      <c r="A604" s="232" t="s">
        <v>3020</v>
      </c>
      <c r="B604" s="77" t="s">
        <v>3021</v>
      </c>
      <c r="C604" s="77"/>
      <c r="D604" s="481">
        <v>103</v>
      </c>
      <c r="E604" s="481"/>
      <c r="F604" s="481" t="s">
        <v>2481</v>
      </c>
      <c r="G604" s="482" t="s">
        <v>53</v>
      </c>
      <c r="H604" s="481" t="s">
        <v>295</v>
      </c>
      <c r="I604" s="654" t="s">
        <v>301</v>
      </c>
      <c r="J604" s="78" t="s">
        <v>3022</v>
      </c>
      <c r="K604" s="78" t="s">
        <v>3023</v>
      </c>
      <c r="L604" s="620"/>
      <c r="M604" s="484" t="s">
        <v>58</v>
      </c>
      <c r="N604" s="329" t="s">
        <v>310</v>
      </c>
      <c r="O604" s="484" t="s">
        <v>2996</v>
      </c>
      <c r="P604" s="484" t="s">
        <v>81</v>
      </c>
      <c r="Q604" s="667" t="s">
        <v>53</v>
      </c>
      <c r="R604" s="667" t="s">
        <v>53</v>
      </c>
      <c r="S604" s="484" t="s">
        <v>225</v>
      </c>
      <c r="T604" s="484"/>
      <c r="U604" s="620" t="s">
        <v>63</v>
      </c>
      <c r="V604" s="620" t="s">
        <v>63</v>
      </c>
      <c r="W604" s="485">
        <v>355860</v>
      </c>
      <c r="X604" s="485"/>
      <c r="Y604" s="484" t="s">
        <v>64</v>
      </c>
      <c r="Z604" s="484"/>
      <c r="AA604" s="485">
        <v>355860</v>
      </c>
      <c r="AB604" s="652" t="s">
        <v>82</v>
      </c>
      <c r="AC604" s="652"/>
      <c r="AD604" s="488"/>
      <c r="AE604" s="488"/>
      <c r="AF604" s="488"/>
      <c r="AG604" s="488"/>
      <c r="AH604" s="488"/>
      <c r="AI604" s="488"/>
      <c r="AJ604" s="488"/>
      <c r="AK604" s="488"/>
      <c r="AL604" s="488"/>
      <c r="AM604" s="488"/>
      <c r="AN604" s="488"/>
      <c r="AO604" s="488"/>
      <c r="AP604" s="488"/>
      <c r="AQ604" s="488"/>
      <c r="AR604" s="488"/>
      <c r="AS604" s="488"/>
      <c r="AT604" s="487" t="s">
        <v>66</v>
      </c>
      <c r="AU604" s="488"/>
      <c r="AV604" s="488"/>
      <c r="AW604" s="488"/>
      <c r="AX604" s="488"/>
      <c r="AY604" s="487"/>
      <c r="AZ604" s="488"/>
      <c r="BA604" s="488"/>
      <c r="BB604" s="488"/>
      <c r="BC604" s="488"/>
      <c r="BD604" s="488"/>
      <c r="BE604" s="488"/>
      <c r="BF604" s="488"/>
      <c r="BG604" s="488"/>
      <c r="BH604" s="488"/>
      <c r="BI604" s="80">
        <f>SUMIF(AD604:BH604,"YES",'DRAFT - HGC Schemes'!$AB$5:$BF$5)</f>
        <v>0</v>
      </c>
      <c r="BJ604" s="76" t="e">
        <f t="shared" si="230"/>
        <v>#DIV/0!</v>
      </c>
      <c r="BK604" s="487" t="str">
        <f>IF(AD604="yes",('DRAFT - HGC Schemes'!AB$5*$BJ604),"")</f>
        <v/>
      </c>
      <c r="BL604" s="487" t="str">
        <f>IF(AE604="yes",('DRAFT - HGC Schemes'!AC$5*$BJ604),"")</f>
        <v/>
      </c>
      <c r="BM604" s="487" t="str">
        <f>IF(AF604="yes",('DRAFT - HGC Schemes'!AD$5*$BJ604),"")</f>
        <v/>
      </c>
      <c r="BN604" s="487" t="str">
        <f>IF(AG604="yes",('DRAFT - HGC Schemes'!AE$5*$BJ604),"")</f>
        <v/>
      </c>
      <c r="BO604" s="487" t="str">
        <f>IF(AH604="yes",('DRAFT - HGC Schemes'!AF$5*$BJ604),"")</f>
        <v/>
      </c>
      <c r="BP604" s="487" t="str">
        <f>IF(AI604="yes",('DRAFT - HGC Schemes'!AG$5*$BJ604),"")</f>
        <v/>
      </c>
      <c r="BQ604" s="487" t="str">
        <f>IF(AJ604="yes",('DRAFT - HGC Schemes'!AH$5*$BJ604),"")</f>
        <v/>
      </c>
      <c r="BR604" s="487" t="str">
        <f>IF(AK604="yes",('DRAFT - HGC Schemes'!AI$5*$BJ604),"")</f>
        <v/>
      </c>
      <c r="BS604" s="487" t="str">
        <f>IF(AL604="yes",('DRAFT - HGC Schemes'!AJ$5*$BJ604),"")</f>
        <v/>
      </c>
      <c r="BT604" s="487" t="str">
        <f>IF(AM604="yes",('DRAFT - HGC Schemes'!AK$5*$BJ604),"")</f>
        <v/>
      </c>
      <c r="BU604" s="487" t="str">
        <f>IF(AN604="yes",('DRAFT - HGC Schemes'!AL$5*$BJ604),"")</f>
        <v/>
      </c>
      <c r="BV604" s="487" t="str">
        <f>IF(AO604="yes",('DRAFT - HGC Schemes'!AM$5*$BJ604),"")</f>
        <v/>
      </c>
      <c r="BW604" s="487" t="str">
        <f>IF(AP604="yes",('DRAFT - HGC Schemes'!AN$5*$BJ604),"")</f>
        <v/>
      </c>
      <c r="BX604" s="487" t="str">
        <f>IF(AQ604="yes",('DRAFT - HGC Schemes'!AO$5*$BJ604),"")</f>
        <v/>
      </c>
      <c r="BY604" s="487" t="str">
        <f>IF(AR604="yes",('DRAFT - HGC Schemes'!AP$5*$BJ604),"")</f>
        <v/>
      </c>
      <c r="BZ604" s="487" t="str">
        <f>IF(AS604="yes",('DRAFT - HGC Schemes'!AQ$5*$BJ604),"")</f>
        <v/>
      </c>
      <c r="CA604" s="487" t="e">
        <f>IF(AT604="yes",('DRAFT - HGC Schemes'!AR$5*$BJ604),"")</f>
        <v>#DIV/0!</v>
      </c>
      <c r="CB604" s="487" t="str">
        <f>IF(AU604="yes",('DRAFT - HGC Schemes'!AS$5*$BJ604),"")</f>
        <v/>
      </c>
      <c r="CC604" s="487" t="str">
        <f>IF(AV604="yes",('DRAFT - HGC Schemes'!AT$5*$BJ604),"")</f>
        <v/>
      </c>
      <c r="CD604" s="487" t="str">
        <f>IF(AW604="yes",('DRAFT - HGC Schemes'!AU$5*$BJ604),"")</f>
        <v/>
      </c>
      <c r="CE604" s="487" t="str">
        <f>IF(AX604="yes",('DRAFT - HGC Schemes'!AV$5*$BJ604),"")</f>
        <v/>
      </c>
      <c r="CF604" s="487" t="str">
        <f>IF(AY604="yes",('DRAFT - HGC Schemes'!AW$5*$BJ604),"")</f>
        <v/>
      </c>
      <c r="CG604" s="487" t="str">
        <f>IF(AZ604="yes",('DRAFT - HGC Schemes'!AX$5*$BJ604),"")</f>
        <v/>
      </c>
      <c r="CH604" s="487" t="str">
        <f>IF(BA604="yes",('DRAFT - HGC Schemes'!AY$5*$BJ604),"")</f>
        <v/>
      </c>
      <c r="CI604" s="487" t="str">
        <f>IF(BB604="yes",('DRAFT - HGC Schemes'!AZ$5*$BJ604),"")</f>
        <v/>
      </c>
      <c r="CJ604" s="487" t="str">
        <f>IF(BC604="yes",('DRAFT - HGC Schemes'!BA$5*$BJ604),"")</f>
        <v/>
      </c>
      <c r="CK604" s="487" t="str">
        <f>IF(BD604="yes",('DRAFT - HGC Schemes'!BB$5*$BJ604),"")</f>
        <v/>
      </c>
      <c r="CL604" s="487" t="str">
        <f>IF(BE604="yes",('DRAFT - HGC Schemes'!BC$5*$BJ604),"")</f>
        <v/>
      </c>
      <c r="CM604" s="487" t="str">
        <f>IF(BF604="yes",('DRAFT - HGC Schemes'!BD$5*$BJ604),"")</f>
        <v/>
      </c>
      <c r="CN604" s="487" t="str">
        <f>IF(BG604="yes",('DRAFT - HGC Schemes'!BE$5*$BJ604),"")</f>
        <v/>
      </c>
      <c r="CO604" s="487" t="str">
        <f>IF(BH604="yes",('DRAFT - HGC Schemes'!BF$5*$BJ604),"")</f>
        <v/>
      </c>
      <c r="CP604" s="487"/>
      <c r="CQ604" s="487"/>
      <c r="CR604" s="487"/>
      <c r="CS604" s="487"/>
      <c r="CT604" s="487"/>
      <c r="CU604" s="487"/>
      <c r="CV604" s="487"/>
      <c r="CW604" s="487"/>
      <c r="CX604" s="487"/>
      <c r="CY604" s="487"/>
      <c r="CZ604" s="487"/>
      <c r="DA604" s="487"/>
      <c r="DB604" s="487"/>
      <c r="DC604" s="487"/>
      <c r="DD604" s="487"/>
      <c r="DE604" s="487"/>
      <c r="DF604" s="487"/>
      <c r="DG604" s="487"/>
      <c r="DH604" s="487"/>
      <c r="DI604" s="487"/>
      <c r="DJ604" s="487"/>
      <c r="DK604" s="487"/>
      <c r="DL604" s="487"/>
      <c r="DM604" s="487"/>
      <c r="DN604" s="484" t="s">
        <v>300</v>
      </c>
      <c r="DO604" s="484"/>
      <c r="DP604" s="77"/>
      <c r="DQ604" s="77"/>
      <c r="DR604" s="77"/>
    </row>
    <row r="605" spans="1:122" s="613" customFormat="1" ht="105" customHeight="1" x14ac:dyDescent="0.2">
      <c r="A605" s="483"/>
      <c r="B605" s="643" t="s">
        <v>3026</v>
      </c>
      <c r="C605" s="494"/>
      <c r="D605" s="666">
        <v>895</v>
      </c>
      <c r="E605" s="481"/>
      <c r="F605" s="481" t="s">
        <v>2481</v>
      </c>
      <c r="G605" s="482" t="s">
        <v>864</v>
      </c>
      <c r="H605" s="481" t="s">
        <v>655</v>
      </c>
      <c r="I605" s="663" t="s">
        <v>900</v>
      </c>
      <c r="J605" s="670" t="s">
        <v>1298</v>
      </c>
      <c r="K605" s="672" t="s">
        <v>1299</v>
      </c>
      <c r="L605" s="624"/>
      <c r="M605" s="77" t="s">
        <v>58</v>
      </c>
      <c r="N605" s="681" t="s">
        <v>1360</v>
      </c>
      <c r="O605" s="484" t="s">
        <v>3027</v>
      </c>
      <c r="P605" s="518" t="s">
        <v>60</v>
      </c>
      <c r="Q605" s="77" t="s">
        <v>525</v>
      </c>
      <c r="R605" s="484" t="s">
        <v>77</v>
      </c>
      <c r="S605" s="518" t="s">
        <v>1300</v>
      </c>
      <c r="T605" s="518"/>
      <c r="U605" s="625" t="s">
        <v>63</v>
      </c>
      <c r="V605" s="625" t="s">
        <v>63</v>
      </c>
      <c r="W605" s="485"/>
      <c r="X605" s="485"/>
      <c r="Y605" s="654" t="s">
        <v>3028</v>
      </c>
      <c r="Z605" s="483"/>
      <c r="AA605" s="485"/>
      <c r="AB605" s="648" t="s">
        <v>853</v>
      </c>
      <c r="AC605" s="709" t="s">
        <v>3029</v>
      </c>
      <c r="AD605" s="516" t="s">
        <v>66</v>
      </c>
      <c r="AE605" s="483"/>
      <c r="AF605" s="483"/>
      <c r="AG605" s="483"/>
      <c r="AH605" s="483"/>
      <c r="AI605" s="483"/>
      <c r="AJ605" s="483"/>
      <c r="AK605" s="483"/>
      <c r="AL605" s="483"/>
      <c r="AM605" s="483"/>
      <c r="AN605" s="483"/>
      <c r="AO605" s="483"/>
      <c r="AP605" s="483"/>
      <c r="AQ605" s="483"/>
      <c r="AR605" s="483"/>
      <c r="AS605" s="483"/>
      <c r="AT605" s="483"/>
      <c r="AU605" s="483"/>
      <c r="AV605" s="483"/>
      <c r="AW605" s="483"/>
      <c r="AX605" s="483"/>
      <c r="AY605" s="483"/>
      <c r="AZ605" s="483"/>
      <c r="BA605" s="483"/>
      <c r="BB605" s="483"/>
      <c r="BC605" s="483"/>
      <c r="BD605" s="483"/>
      <c r="BE605" s="483"/>
      <c r="BF605" s="483"/>
      <c r="BG605" s="483"/>
      <c r="BH605" s="483"/>
      <c r="BI605" s="80"/>
      <c r="BJ605" s="76"/>
      <c r="BK605" s="487"/>
      <c r="BL605" s="487"/>
      <c r="BM605" s="487"/>
      <c r="BN605" s="487"/>
      <c r="BO605" s="487"/>
      <c r="BP605" s="487"/>
      <c r="BQ605" s="487"/>
      <c r="BR605" s="487"/>
      <c r="BS605" s="487"/>
      <c r="BT605" s="487"/>
      <c r="BU605" s="487"/>
      <c r="BV605" s="487"/>
      <c r="BW605" s="487"/>
      <c r="BX605" s="487"/>
      <c r="BY605" s="487"/>
      <c r="BZ605" s="487"/>
      <c r="CA605" s="487"/>
      <c r="CB605" s="487"/>
      <c r="CC605" s="487"/>
      <c r="CD605" s="487"/>
      <c r="CE605" s="487"/>
      <c r="CF605" s="487"/>
      <c r="CG605" s="487"/>
      <c r="CH605" s="487"/>
      <c r="CI605" s="487"/>
      <c r="CJ605" s="487"/>
      <c r="CK605" s="487"/>
      <c r="CL605" s="487"/>
      <c r="CM605" s="487"/>
      <c r="CN605" s="487"/>
      <c r="CO605" s="487"/>
      <c r="CP605" s="487"/>
      <c r="CQ605" s="487"/>
      <c r="CR605" s="487"/>
      <c r="CS605" s="487"/>
      <c r="CT605" s="487"/>
      <c r="CU605" s="487"/>
      <c r="CV605" s="487"/>
      <c r="CW605" s="487"/>
      <c r="CX605" s="487"/>
      <c r="CY605" s="487"/>
      <c r="CZ605" s="487"/>
      <c r="DA605" s="487"/>
      <c r="DB605" s="487"/>
      <c r="DC605" s="487"/>
      <c r="DD605" s="487"/>
      <c r="DE605" s="487"/>
      <c r="DF605" s="487"/>
      <c r="DG605" s="487"/>
      <c r="DH605" s="487"/>
      <c r="DI605" s="487"/>
      <c r="DJ605" s="487"/>
      <c r="DK605" s="487"/>
      <c r="DL605" s="487"/>
      <c r="DM605" s="487"/>
      <c r="DN605" s="483"/>
      <c r="DO605" s="483"/>
      <c r="DP605" s="504" t="s">
        <v>3030</v>
      </c>
      <c r="DQ605" s="494"/>
      <c r="DR605" s="494"/>
    </row>
    <row r="606" spans="1:122" s="613" customFormat="1" ht="56.25" customHeight="1" x14ac:dyDescent="0.2">
      <c r="A606" s="232" t="s">
        <v>3031</v>
      </c>
      <c r="B606" s="610"/>
      <c r="C606" s="77" t="s">
        <v>2484</v>
      </c>
      <c r="D606" s="481">
        <v>57</v>
      </c>
      <c r="E606" s="481"/>
      <c r="F606" s="481" t="s">
        <v>2481</v>
      </c>
      <c r="G606" s="482" t="s">
        <v>53</v>
      </c>
      <c r="H606" s="481" t="s">
        <v>3032</v>
      </c>
      <c r="I606" s="654" t="s">
        <v>3032</v>
      </c>
      <c r="J606" s="654" t="s">
        <v>275</v>
      </c>
      <c r="K606" s="484" t="s">
        <v>275</v>
      </c>
      <c r="L606" s="631"/>
      <c r="M606" s="484" t="s">
        <v>215</v>
      </c>
      <c r="N606" s="329" t="s">
        <v>63</v>
      </c>
      <c r="O606" s="484" t="s">
        <v>2996</v>
      </c>
      <c r="P606" s="484" t="s">
        <v>8</v>
      </c>
      <c r="Q606" s="667" t="s">
        <v>276</v>
      </c>
      <c r="R606" s="484" t="s">
        <v>276</v>
      </c>
      <c r="S606" s="484" t="s">
        <v>225</v>
      </c>
      <c r="T606" s="484"/>
      <c r="U606" s="620" t="s">
        <v>63</v>
      </c>
      <c r="V606" s="620" t="s">
        <v>63</v>
      </c>
      <c r="W606" s="485"/>
      <c r="X606" s="485"/>
      <c r="Y606" s="484" t="s">
        <v>277</v>
      </c>
      <c r="Z606" s="484"/>
      <c r="AA606" s="485"/>
      <c r="AB606" s="647" t="s">
        <v>245</v>
      </c>
      <c r="AC606" s="647"/>
      <c r="AD606" s="488"/>
      <c r="AE606" s="488"/>
      <c r="AF606" s="488"/>
      <c r="AG606" s="488"/>
      <c r="AH606" s="488"/>
      <c r="AI606" s="488"/>
      <c r="AJ606" s="488"/>
      <c r="AK606" s="488"/>
      <c r="AL606" s="488"/>
      <c r="AM606" s="488"/>
      <c r="AN606" s="488"/>
      <c r="AO606" s="488"/>
      <c r="AP606" s="488"/>
      <c r="AQ606" s="488"/>
      <c r="AR606" s="488"/>
      <c r="AS606" s="488"/>
      <c r="AT606" s="488"/>
      <c r="AU606" s="488"/>
      <c r="AV606" s="488"/>
      <c r="AW606" s="488"/>
      <c r="AX606" s="488"/>
      <c r="AY606" s="488"/>
      <c r="AZ606" s="488"/>
      <c r="BA606" s="488"/>
      <c r="BB606" s="488"/>
      <c r="BC606" s="488"/>
      <c r="BD606" s="488"/>
      <c r="BE606" s="488"/>
      <c r="BF606" s="488"/>
      <c r="BG606" s="488"/>
      <c r="BH606" s="488"/>
      <c r="BI606" s="80">
        <f>SUMIF(AD606:BH606,"YES",'DRAFT - HGC Schemes'!$AB$5:$BF$5)</f>
        <v>0</v>
      </c>
      <c r="BJ606" s="76"/>
      <c r="BK606" s="487" t="str">
        <f>IF(AD606="yes",('DRAFT - HGC Schemes'!AB$5*$BJ606),"")</f>
        <v/>
      </c>
      <c r="BL606" s="487" t="str">
        <f>IF(AE606="yes",('DRAFT - HGC Schemes'!AC$5*$BJ606),"")</f>
        <v/>
      </c>
      <c r="BM606" s="487" t="str">
        <f>IF(AF606="yes",('DRAFT - HGC Schemes'!AD$5*$BJ606),"")</f>
        <v/>
      </c>
      <c r="BN606" s="487" t="str">
        <f>IF(AG606="yes",('DRAFT - HGC Schemes'!AE$5*$BJ606),"")</f>
        <v/>
      </c>
      <c r="BO606" s="487" t="str">
        <f>IF(AH606="yes",('DRAFT - HGC Schemes'!AF$5*$BJ606),"")</f>
        <v/>
      </c>
      <c r="BP606" s="487" t="str">
        <f>IF(AI606="yes",('DRAFT - HGC Schemes'!AG$5*$BJ606),"")</f>
        <v/>
      </c>
      <c r="BQ606" s="487" t="str">
        <f>IF(AJ606="yes",('DRAFT - HGC Schemes'!AH$5*$BJ606),"")</f>
        <v/>
      </c>
      <c r="BR606" s="487" t="str">
        <f>IF(AK606="yes",('DRAFT - HGC Schemes'!AI$5*$BJ606),"")</f>
        <v/>
      </c>
      <c r="BS606" s="487" t="str">
        <f>IF(AL606="yes",('DRAFT - HGC Schemes'!AJ$5*$BJ606),"")</f>
        <v/>
      </c>
      <c r="BT606" s="487" t="str">
        <f>IF(AM606="yes",('DRAFT - HGC Schemes'!AK$5*$BJ606),"")</f>
        <v/>
      </c>
      <c r="BU606" s="487" t="str">
        <f>IF(AN606="yes",('DRAFT - HGC Schemes'!AL$5*$BJ606),"")</f>
        <v/>
      </c>
      <c r="BV606" s="487" t="str">
        <f>IF(AO606="yes",('DRAFT - HGC Schemes'!AM$5*$BJ606),"")</f>
        <v/>
      </c>
      <c r="BW606" s="487" t="str">
        <f>IF(AP606="yes",('DRAFT - HGC Schemes'!AN$5*$BJ606),"")</f>
        <v/>
      </c>
      <c r="BX606" s="487" t="str">
        <f>IF(AQ606="yes",('DRAFT - HGC Schemes'!AO$5*$BJ606),"")</f>
        <v/>
      </c>
      <c r="BY606" s="487" t="str">
        <f>IF(AR606="yes",('DRAFT - HGC Schemes'!AP$5*$BJ606),"")</f>
        <v/>
      </c>
      <c r="BZ606" s="487" t="str">
        <f>IF(AS606="yes",('DRAFT - HGC Schemes'!AQ$5*$BJ606),"")</f>
        <v/>
      </c>
      <c r="CA606" s="487" t="str">
        <f>IF(AT606="yes",('DRAFT - HGC Schemes'!AR$5*$BJ606),"")</f>
        <v/>
      </c>
      <c r="CB606" s="487" t="str">
        <f>IF(AU606="yes",('DRAFT - HGC Schemes'!AS$5*$BJ606),"")</f>
        <v/>
      </c>
      <c r="CC606" s="487" t="str">
        <f>IF(AV606="yes",('DRAFT - HGC Schemes'!AT$5*$BJ606),"")</f>
        <v/>
      </c>
      <c r="CD606" s="487" t="str">
        <f>IF(AW606="yes",('DRAFT - HGC Schemes'!AU$5*$BJ606),"")</f>
        <v/>
      </c>
      <c r="CE606" s="487" t="str">
        <f>IF(AX606="yes",('DRAFT - HGC Schemes'!AV$5*$BJ606),"")</f>
        <v/>
      </c>
      <c r="CF606" s="487" t="str">
        <f>IF(AY606="yes",('DRAFT - HGC Schemes'!AW$5*$BJ606),"")</f>
        <v/>
      </c>
      <c r="CG606" s="487" t="str">
        <f>IF(AZ606="yes",('DRAFT - HGC Schemes'!AX$5*$BJ606),"")</f>
        <v/>
      </c>
      <c r="CH606" s="487" t="str">
        <f>IF(BA606="yes",('DRAFT - HGC Schemes'!AY$5*$BJ606),"")</f>
        <v/>
      </c>
      <c r="CI606" s="487" t="str">
        <f>IF(BB606="yes",('DRAFT - HGC Schemes'!AZ$5*$BJ606),"")</f>
        <v/>
      </c>
      <c r="CJ606" s="487" t="str">
        <f>IF(BC606="yes",('DRAFT - HGC Schemes'!BA$5*$BJ606),"")</f>
        <v/>
      </c>
      <c r="CK606" s="487" t="str">
        <f>IF(BD606="yes",('DRAFT - HGC Schemes'!BB$5*$BJ606),"")</f>
        <v/>
      </c>
      <c r="CL606" s="487" t="str">
        <f>IF(BE606="yes",('DRAFT - HGC Schemes'!BC$5*$BJ606),"")</f>
        <v/>
      </c>
      <c r="CM606" s="487" t="str">
        <f>IF(BF606="yes",('DRAFT - HGC Schemes'!BD$5*$BJ606),"")</f>
        <v/>
      </c>
      <c r="CN606" s="487" t="str">
        <f>IF(BG606="yes",('DRAFT - HGC Schemes'!BE$5*$BJ606),"")</f>
        <v/>
      </c>
      <c r="CO606" s="487" t="str">
        <f>IF(BH606="yes",('DRAFT - HGC Schemes'!BF$5*$BJ606),"")</f>
        <v/>
      </c>
      <c r="CP606" s="487"/>
      <c r="CQ606" s="487"/>
      <c r="CR606" s="487"/>
      <c r="CS606" s="487"/>
      <c r="CT606" s="487"/>
      <c r="CU606" s="487"/>
      <c r="CV606" s="487"/>
      <c r="CW606" s="487"/>
      <c r="CX606" s="487"/>
      <c r="CY606" s="487"/>
      <c r="CZ606" s="487"/>
      <c r="DA606" s="487"/>
      <c r="DB606" s="487"/>
      <c r="DC606" s="487"/>
      <c r="DD606" s="487"/>
      <c r="DE606" s="487"/>
      <c r="DF606" s="487"/>
      <c r="DG606" s="487"/>
      <c r="DH606" s="487"/>
      <c r="DI606" s="487"/>
      <c r="DJ606" s="487"/>
      <c r="DK606" s="487"/>
      <c r="DL606" s="487"/>
      <c r="DM606" s="487"/>
      <c r="DN606" s="484"/>
      <c r="DO606" s="484"/>
      <c r="DP606" s="77"/>
      <c r="DQ606" s="77"/>
      <c r="DR606" s="77"/>
    </row>
    <row r="607" spans="1:122" s="137" customFormat="1" ht="56.25" customHeight="1" x14ac:dyDescent="0.2">
      <c r="A607" s="232" t="s">
        <v>3033</v>
      </c>
      <c r="B607" s="499"/>
      <c r="C607" s="77"/>
      <c r="D607" s="481">
        <v>46</v>
      </c>
      <c r="E607" s="481"/>
      <c r="F607" s="481" t="s">
        <v>2481</v>
      </c>
      <c r="G607" s="482" t="s">
        <v>53</v>
      </c>
      <c r="H607" s="481" t="s">
        <v>1341</v>
      </c>
      <c r="I607" s="654" t="s">
        <v>227</v>
      </c>
      <c r="J607" s="654" t="s">
        <v>228</v>
      </c>
      <c r="K607" s="484" t="s">
        <v>229</v>
      </c>
      <c r="L607" s="620"/>
      <c r="M607" s="484" t="s">
        <v>58</v>
      </c>
      <c r="N607" s="329" t="s">
        <v>63</v>
      </c>
      <c r="O607" s="484" t="s">
        <v>2996</v>
      </c>
      <c r="P607" s="484" t="s">
        <v>81</v>
      </c>
      <c r="Q607" s="667" t="s">
        <v>230</v>
      </c>
      <c r="R607" s="484" t="s">
        <v>230</v>
      </c>
      <c r="S607" s="484" t="s">
        <v>191</v>
      </c>
      <c r="T607" s="484"/>
      <c r="U607" s="620" t="s">
        <v>63</v>
      </c>
      <c r="V607" s="620" t="s">
        <v>63</v>
      </c>
      <c r="W607" s="485">
        <v>3585640</v>
      </c>
      <c r="X607" s="485"/>
      <c r="Y607" s="484" t="s">
        <v>217</v>
      </c>
      <c r="Z607" s="484"/>
      <c r="AA607" s="485">
        <f>W607</f>
        <v>3585640</v>
      </c>
      <c r="AB607" s="649" t="s">
        <v>65</v>
      </c>
      <c r="AC607" s="649"/>
      <c r="AD607" s="487" t="s">
        <v>66</v>
      </c>
      <c r="AE607" s="487" t="s">
        <v>66</v>
      </c>
      <c r="AF607" s="487" t="s">
        <v>66</v>
      </c>
      <c r="AG607" s="487" t="s">
        <v>66</v>
      </c>
      <c r="AH607" s="487" t="s">
        <v>66</v>
      </c>
      <c r="AI607" s="487" t="s">
        <v>66</v>
      </c>
      <c r="AJ607" s="487" t="s">
        <v>66</v>
      </c>
      <c r="AK607" s="487" t="s">
        <v>66</v>
      </c>
      <c r="AL607" s="487" t="s">
        <v>66</v>
      </c>
      <c r="AM607" s="487" t="s">
        <v>66</v>
      </c>
      <c r="AN607" s="487" t="s">
        <v>66</v>
      </c>
      <c r="AO607" s="487" t="s">
        <v>66</v>
      </c>
      <c r="AP607" s="487" t="s">
        <v>66</v>
      </c>
      <c r="AQ607" s="487" t="s">
        <v>66</v>
      </c>
      <c r="AR607" s="487" t="s">
        <v>66</v>
      </c>
      <c r="AS607" s="487" t="s">
        <v>66</v>
      </c>
      <c r="AT607" s="487" t="s">
        <v>66</v>
      </c>
      <c r="AU607" s="488"/>
      <c r="AV607" s="488"/>
      <c r="AW607" s="488"/>
      <c r="AX607" s="488"/>
      <c r="AY607" s="488"/>
      <c r="AZ607" s="488"/>
      <c r="BA607" s="488"/>
      <c r="BB607" s="488"/>
      <c r="BC607" s="488"/>
      <c r="BD607" s="488"/>
      <c r="BE607" s="488"/>
      <c r="BF607" s="488"/>
      <c r="BG607" s="488"/>
      <c r="BH607" s="488"/>
      <c r="BI607" s="80">
        <f>SUMIF(AD607:BH607,"YES",'DRAFT - HGC Schemes'!$AB$5:$BF$5)</f>
        <v>0</v>
      </c>
      <c r="BJ607" s="76" t="e">
        <f>AA607/BI607</f>
        <v>#DIV/0!</v>
      </c>
      <c r="BK607" s="487" t="e">
        <f>IF(AD607="yes",('DRAFT - HGC Schemes'!AB$5*$BJ607),"")</f>
        <v>#DIV/0!</v>
      </c>
      <c r="BL607" s="487" t="e">
        <f>IF(AE607="yes",('DRAFT - HGC Schemes'!AC$5*$BJ607),"")</f>
        <v>#DIV/0!</v>
      </c>
      <c r="BM607" s="487" t="e">
        <f>IF(AF607="yes",('DRAFT - HGC Schemes'!AD$5*$BJ607),"")</f>
        <v>#DIV/0!</v>
      </c>
      <c r="BN607" s="487" t="e">
        <f>IF(AG607="yes",('DRAFT - HGC Schemes'!AE$5*$BJ607),"")</f>
        <v>#DIV/0!</v>
      </c>
      <c r="BO607" s="487" t="e">
        <f>IF(AH607="yes",('DRAFT - HGC Schemes'!AF$5*$BJ607),"")</f>
        <v>#DIV/0!</v>
      </c>
      <c r="BP607" s="487" t="e">
        <f>IF(AI607="yes",('DRAFT - HGC Schemes'!AG$5*$BJ607),"")</f>
        <v>#DIV/0!</v>
      </c>
      <c r="BQ607" s="487" t="e">
        <f>IF(AJ607="yes",('DRAFT - HGC Schemes'!AH$5*$BJ607),"")</f>
        <v>#DIV/0!</v>
      </c>
      <c r="BR607" s="487" t="e">
        <f>IF(AK607="yes",('DRAFT - HGC Schemes'!AI$5*$BJ607),"")</f>
        <v>#DIV/0!</v>
      </c>
      <c r="BS607" s="487" t="e">
        <f>IF(AL607="yes",('DRAFT - HGC Schemes'!AJ$5*$BJ607),"")</f>
        <v>#DIV/0!</v>
      </c>
      <c r="BT607" s="487" t="e">
        <f>IF(AM607="yes",('DRAFT - HGC Schemes'!AK$5*$BJ607),"")</f>
        <v>#DIV/0!</v>
      </c>
      <c r="BU607" s="487" t="e">
        <f>IF(AN607="yes",('DRAFT - HGC Schemes'!AL$5*$BJ607),"")</f>
        <v>#DIV/0!</v>
      </c>
      <c r="BV607" s="487" t="e">
        <f>IF(AO607="yes",('DRAFT - HGC Schemes'!AM$5*$BJ607),"")</f>
        <v>#DIV/0!</v>
      </c>
      <c r="BW607" s="487" t="e">
        <f>IF(AP607="yes",('DRAFT - HGC Schemes'!AN$5*$BJ607),"")</f>
        <v>#DIV/0!</v>
      </c>
      <c r="BX607" s="487" t="e">
        <f>IF(AQ607="yes",('DRAFT - HGC Schemes'!AO$5*$BJ607),"")</f>
        <v>#DIV/0!</v>
      </c>
      <c r="BY607" s="487" t="e">
        <f>IF(AR607="yes",('DRAFT - HGC Schemes'!AP$5*$BJ607),"")</f>
        <v>#DIV/0!</v>
      </c>
      <c r="BZ607" s="487" t="e">
        <f>IF(AS607="yes",('DRAFT - HGC Schemes'!AQ$5*$BJ607),"")</f>
        <v>#DIV/0!</v>
      </c>
      <c r="CA607" s="487" t="e">
        <f>IF(AT607="yes",('DRAFT - HGC Schemes'!AR$5*$BJ607),"")</f>
        <v>#DIV/0!</v>
      </c>
      <c r="CB607" s="487" t="str">
        <f>IF(AU607="yes",('DRAFT - HGC Schemes'!AS$5*$BJ607),"")</f>
        <v/>
      </c>
      <c r="CC607" s="487" t="str">
        <f>IF(AV607="yes",('DRAFT - HGC Schemes'!AT$5*$BJ607),"")</f>
        <v/>
      </c>
      <c r="CD607" s="487" t="str">
        <f>IF(AW607="yes",('DRAFT - HGC Schemes'!AU$5*$BJ607),"")</f>
        <v/>
      </c>
      <c r="CE607" s="487" t="str">
        <f>IF(AX607="yes",('DRAFT - HGC Schemes'!AV$5*$BJ607),"")</f>
        <v/>
      </c>
      <c r="CF607" s="487" t="str">
        <f>IF(AY607="yes",('DRAFT - HGC Schemes'!AW$5*$BJ607),"")</f>
        <v/>
      </c>
      <c r="CG607" s="487" t="str">
        <f>IF(AZ607="yes",('DRAFT - HGC Schemes'!AX$5*$BJ607),"")</f>
        <v/>
      </c>
      <c r="CH607" s="487" t="str">
        <f>IF(BA607="yes",('DRAFT - HGC Schemes'!AY$5*$BJ607),"")</f>
        <v/>
      </c>
      <c r="CI607" s="487" t="str">
        <f>IF(BB607="yes",('DRAFT - HGC Schemes'!AZ$5*$BJ607),"")</f>
        <v/>
      </c>
      <c r="CJ607" s="487" t="str">
        <f>IF(BC607="yes",('DRAFT - HGC Schemes'!BA$5*$BJ607),"")</f>
        <v/>
      </c>
      <c r="CK607" s="487" t="str">
        <f>IF(BD607="yes",('DRAFT - HGC Schemes'!BB$5*$BJ607),"")</f>
        <v/>
      </c>
      <c r="CL607" s="487" t="str">
        <f>IF(BE607="yes",('DRAFT - HGC Schemes'!BC$5*$BJ607),"")</f>
        <v/>
      </c>
      <c r="CM607" s="487" t="str">
        <f>IF(BF607="yes",('DRAFT - HGC Schemes'!BD$5*$BJ607),"")</f>
        <v/>
      </c>
      <c r="CN607" s="487" t="str">
        <f>IF(BG607="yes",('DRAFT - HGC Schemes'!BE$5*$BJ607),"")</f>
        <v/>
      </c>
      <c r="CO607" s="487" t="str">
        <f>IF(BH607="yes",('DRAFT - HGC Schemes'!BF$5*$BJ607),"")</f>
        <v/>
      </c>
      <c r="CP607" s="487"/>
      <c r="CQ607" s="487"/>
      <c r="CR607" s="487"/>
      <c r="CS607" s="487"/>
      <c r="CT607" s="487"/>
      <c r="CU607" s="487"/>
      <c r="CV607" s="487"/>
      <c r="CW607" s="487"/>
      <c r="CX607" s="487"/>
      <c r="CY607" s="487"/>
      <c r="CZ607" s="487"/>
      <c r="DA607" s="487"/>
      <c r="DB607" s="487"/>
      <c r="DC607" s="487"/>
      <c r="DD607" s="487"/>
      <c r="DE607" s="487"/>
      <c r="DF607" s="487"/>
      <c r="DG607" s="487"/>
      <c r="DH607" s="487"/>
      <c r="DI607" s="487"/>
      <c r="DJ607" s="487"/>
      <c r="DK607" s="487"/>
      <c r="DL607" s="487"/>
      <c r="DM607" s="487"/>
      <c r="DN607" s="484"/>
      <c r="DO607" s="484"/>
      <c r="DP607" s="77" t="s">
        <v>231</v>
      </c>
      <c r="DQ607" s="77"/>
      <c r="DR607" s="77"/>
    </row>
    <row r="608" spans="1:122" s="613" customFormat="1" ht="56.25" customHeight="1" x14ac:dyDescent="0.2">
      <c r="A608" s="579" t="s">
        <v>2337</v>
      </c>
      <c r="B608" s="643" t="s">
        <v>3034</v>
      </c>
      <c r="C608" s="494" t="s">
        <v>2316</v>
      </c>
      <c r="D608" s="511">
        <v>90</v>
      </c>
      <c r="E608" s="511"/>
      <c r="F608" s="511" t="s">
        <v>2182</v>
      </c>
      <c r="G608" s="512" t="s">
        <v>1385</v>
      </c>
      <c r="H608" s="511" t="s">
        <v>238</v>
      </c>
      <c r="I608" s="515" t="s">
        <v>250</v>
      </c>
      <c r="J608" s="515" t="s">
        <v>251</v>
      </c>
      <c r="K608" s="513" t="s">
        <v>252</v>
      </c>
      <c r="L608" s="609" t="s">
        <v>253</v>
      </c>
      <c r="M608" s="513" t="s">
        <v>254</v>
      </c>
      <c r="N608" s="351" t="s">
        <v>2211</v>
      </c>
      <c r="O608" s="484" t="s">
        <v>3027</v>
      </c>
      <c r="P608" s="513" t="s">
        <v>60</v>
      </c>
      <c r="Q608" s="669" t="s">
        <v>255</v>
      </c>
      <c r="R608" s="484" t="s">
        <v>255</v>
      </c>
      <c r="S608" s="515" t="s">
        <v>256</v>
      </c>
      <c r="T608" s="515"/>
      <c r="U608" s="627">
        <v>1000000</v>
      </c>
      <c r="V608" s="627">
        <v>2000000</v>
      </c>
      <c r="W608" s="516">
        <v>1500000</v>
      </c>
      <c r="X608" s="516"/>
      <c r="Y608" s="516" t="s">
        <v>255</v>
      </c>
      <c r="Z608" s="516"/>
      <c r="AA608" s="516" t="s">
        <v>257</v>
      </c>
      <c r="AB608" s="646" t="s">
        <v>245</v>
      </c>
      <c r="AC608" s="516"/>
      <c r="AD608" s="516"/>
      <c r="AE608" s="516"/>
      <c r="AF608" s="516"/>
      <c r="AG608" s="516"/>
      <c r="AH608" s="516"/>
      <c r="AI608" s="516"/>
      <c r="AJ608" s="516"/>
      <c r="AK608" s="516"/>
      <c r="AL608" s="516"/>
      <c r="AM608" s="516"/>
      <c r="AN608" s="516"/>
      <c r="AO608" s="516"/>
      <c r="AP608" s="516"/>
      <c r="AQ608" s="516"/>
      <c r="AR608" s="516"/>
      <c r="AS608" s="516"/>
      <c r="AT608" s="516"/>
      <c r="AU608" s="516"/>
      <c r="AV608" s="516"/>
      <c r="AW608" s="516"/>
      <c r="AX608" s="516"/>
      <c r="AY608" s="516"/>
      <c r="AZ608" s="516"/>
      <c r="BA608" s="516"/>
      <c r="BB608" s="516"/>
      <c r="BC608" s="516"/>
      <c r="BD608" s="516"/>
      <c r="BE608" s="516"/>
      <c r="BF608" s="516"/>
      <c r="BG608" s="516"/>
      <c r="BH608" s="516"/>
      <c r="BI608" s="516"/>
      <c r="BJ608" s="516"/>
      <c r="BK608" s="516"/>
      <c r="BL608" s="516"/>
      <c r="BM608" s="516"/>
      <c r="BN608" s="516"/>
      <c r="BO608" s="516"/>
      <c r="BP608" s="516"/>
      <c r="BQ608" s="516"/>
      <c r="BR608" s="516"/>
      <c r="BS608" s="516"/>
      <c r="BT608" s="516"/>
      <c r="BU608" s="516"/>
      <c r="BV608" s="516"/>
      <c r="BW608" s="516"/>
      <c r="BX608" s="516"/>
      <c r="BY608" s="516"/>
      <c r="BZ608" s="516"/>
      <c r="CA608" s="516"/>
      <c r="CB608" s="516"/>
      <c r="CC608" s="516"/>
      <c r="CD608" s="516"/>
      <c r="CE608" s="516"/>
      <c r="CF608" s="516"/>
      <c r="CG608" s="516"/>
      <c r="CH608" s="516"/>
      <c r="CI608" s="516"/>
      <c r="CJ608" s="516"/>
      <c r="CK608" s="516"/>
      <c r="CL608" s="516"/>
      <c r="CM608" s="516"/>
      <c r="CN608" s="516"/>
      <c r="CO608" s="516"/>
      <c r="CP608" s="515"/>
      <c r="CQ608" s="515"/>
      <c r="CR608" s="515"/>
      <c r="CS608" s="515"/>
      <c r="CT608" s="515"/>
      <c r="CU608" s="515"/>
      <c r="CV608" s="515"/>
      <c r="CW608" s="515"/>
      <c r="CX608" s="516"/>
      <c r="CY608" s="516"/>
      <c r="CZ608" s="516"/>
      <c r="DA608" s="516"/>
      <c r="DB608" s="515"/>
      <c r="DC608" s="515"/>
      <c r="DD608" s="515"/>
      <c r="DE608" s="515"/>
      <c r="DF608" s="515"/>
      <c r="DG608" s="515"/>
      <c r="DH608" s="515"/>
      <c r="DI608" s="515"/>
      <c r="DJ608" s="515"/>
      <c r="DK608" s="515"/>
      <c r="DL608" s="515"/>
      <c r="DM608" s="515"/>
      <c r="DN608" s="513" t="s">
        <v>2317</v>
      </c>
      <c r="DO608" s="513"/>
      <c r="DP608" s="513" t="s">
        <v>2318</v>
      </c>
      <c r="DQ608" s="494"/>
      <c r="DR608" s="494"/>
    </row>
    <row r="609" spans="1:16317" s="613" customFormat="1" ht="194.1" customHeight="1" x14ac:dyDescent="0.2">
      <c r="A609" s="232" t="s">
        <v>3031</v>
      </c>
      <c r="B609" s="643" t="s">
        <v>2330</v>
      </c>
      <c r="C609" s="494" t="s">
        <v>2319</v>
      </c>
      <c r="D609" s="511">
        <v>93</v>
      </c>
      <c r="E609" s="511"/>
      <c r="F609" s="511" t="s">
        <v>2182</v>
      </c>
      <c r="G609" s="512" t="s">
        <v>1385</v>
      </c>
      <c r="H609" s="511" t="s">
        <v>238</v>
      </c>
      <c r="I609" s="515" t="s">
        <v>1352</v>
      </c>
      <c r="J609" s="515" t="s">
        <v>2331</v>
      </c>
      <c r="K609" s="513" t="s">
        <v>2332</v>
      </c>
      <c r="L609" s="609" t="s">
        <v>2333</v>
      </c>
      <c r="M609" s="513" t="s">
        <v>2217</v>
      </c>
      <c r="N609" s="351" t="s">
        <v>63</v>
      </c>
      <c r="O609" s="484" t="s">
        <v>2996</v>
      </c>
      <c r="P609" s="513" t="s">
        <v>81</v>
      </c>
      <c r="Q609" s="669" t="s">
        <v>242</v>
      </c>
      <c r="R609" s="484" t="s">
        <v>242</v>
      </c>
      <c r="S609" s="515" t="s">
        <v>2258</v>
      </c>
      <c r="T609" s="515"/>
      <c r="U609" s="629">
        <v>2500000</v>
      </c>
      <c r="V609" s="629">
        <v>3000000</v>
      </c>
      <c r="W609" s="525">
        <v>2750000</v>
      </c>
      <c r="X609" s="525"/>
      <c r="Y609" s="516" t="s">
        <v>242</v>
      </c>
      <c r="Z609" s="516"/>
      <c r="AA609" s="516">
        <v>2750000</v>
      </c>
      <c r="AB609" s="646" t="s">
        <v>245</v>
      </c>
      <c r="AC609" s="516"/>
      <c r="AD609" s="516"/>
      <c r="AE609" s="516"/>
      <c r="AF609" s="516"/>
      <c r="AG609" s="516"/>
      <c r="AH609" s="516"/>
      <c r="AI609" s="516"/>
      <c r="AJ609" s="516"/>
      <c r="AK609" s="516"/>
      <c r="AL609" s="516"/>
      <c r="AM609" s="516"/>
      <c r="AN609" s="516"/>
      <c r="AO609" s="516"/>
      <c r="AP609" s="516"/>
      <c r="AQ609" s="516"/>
      <c r="AR609" s="516"/>
      <c r="AS609" s="516"/>
      <c r="AT609" s="516"/>
      <c r="AU609" s="516"/>
      <c r="AV609" s="516"/>
      <c r="AW609" s="516"/>
      <c r="AX609" s="516"/>
      <c r="AY609" s="516"/>
      <c r="AZ609" s="516"/>
      <c r="BA609" s="516"/>
      <c r="BB609" s="516"/>
      <c r="BC609" s="516"/>
      <c r="BD609" s="516"/>
      <c r="BE609" s="516"/>
      <c r="BF609" s="516"/>
      <c r="BG609" s="516"/>
      <c r="BH609" s="516"/>
      <c r="BI609" s="516"/>
      <c r="BJ609" s="516"/>
      <c r="BK609" s="516"/>
      <c r="BL609" s="516"/>
      <c r="BM609" s="516"/>
      <c r="BN609" s="516"/>
      <c r="BO609" s="516"/>
      <c r="BP609" s="516"/>
      <c r="BQ609" s="516"/>
      <c r="BR609" s="516"/>
      <c r="BS609" s="516"/>
      <c r="BT609" s="516"/>
      <c r="BU609" s="516"/>
      <c r="BV609" s="516"/>
      <c r="BW609" s="516"/>
      <c r="BX609" s="516"/>
      <c r="BY609" s="516"/>
      <c r="BZ609" s="516"/>
      <c r="CA609" s="516"/>
      <c r="CB609" s="516"/>
      <c r="CC609" s="516"/>
      <c r="CD609" s="516"/>
      <c r="CE609" s="516"/>
      <c r="CF609" s="516"/>
      <c r="CG609" s="516"/>
      <c r="CH609" s="516"/>
      <c r="CI609" s="516"/>
      <c r="CJ609" s="516"/>
      <c r="CK609" s="516"/>
      <c r="CL609" s="516"/>
      <c r="CM609" s="516"/>
      <c r="CN609" s="516"/>
      <c r="CO609" s="516"/>
      <c r="CP609" s="516"/>
      <c r="CQ609" s="515"/>
      <c r="CR609" s="515"/>
      <c r="CS609" s="516"/>
      <c r="CT609" s="516"/>
      <c r="CU609" s="515"/>
      <c r="CV609" s="515"/>
      <c r="CW609" s="515"/>
      <c r="CX609" s="515"/>
      <c r="CY609" s="515"/>
      <c r="CZ609" s="515"/>
      <c r="DA609" s="515"/>
      <c r="DB609" s="515"/>
      <c r="DC609" s="515"/>
      <c r="DD609" s="515"/>
      <c r="DE609" s="515"/>
      <c r="DF609" s="515"/>
      <c r="DG609" s="515"/>
      <c r="DH609" s="515"/>
      <c r="DI609" s="515"/>
      <c r="DJ609" s="515"/>
      <c r="DK609" s="516"/>
      <c r="DL609" s="516"/>
      <c r="DM609" s="516"/>
      <c r="DN609" s="513"/>
      <c r="DO609" s="513"/>
      <c r="DP609" s="513"/>
      <c r="DQ609" s="494"/>
      <c r="DR609" s="494"/>
    </row>
    <row r="610" spans="1:16317" ht="56.1" customHeight="1" x14ac:dyDescent="0.2">
      <c r="A610" s="494"/>
      <c r="B610" s="494"/>
      <c r="C610" s="644" t="s">
        <v>3035</v>
      </c>
      <c r="D610" s="686">
        <v>10</v>
      </c>
      <c r="E610" s="511"/>
      <c r="F610" s="687" t="s">
        <v>2182</v>
      </c>
      <c r="G610" s="512" t="s">
        <v>1385</v>
      </c>
      <c r="H610" s="511" t="s">
        <v>54</v>
      </c>
      <c r="I610" s="685" t="s">
        <v>55</v>
      </c>
      <c r="J610" s="515" t="s">
        <v>2203</v>
      </c>
      <c r="K610" s="513" t="s">
        <v>3036</v>
      </c>
      <c r="L610" s="513" t="s">
        <v>254</v>
      </c>
      <c r="M610" s="350" t="s">
        <v>1377</v>
      </c>
      <c r="N610" s="501" t="s">
        <v>2993</v>
      </c>
      <c r="O610" s="513" t="s">
        <v>543</v>
      </c>
      <c r="P610" s="667" t="s">
        <v>3037</v>
      </c>
      <c r="Q610" s="484" t="s">
        <v>61</v>
      </c>
      <c r="R610" s="515" t="s">
        <v>2202</v>
      </c>
      <c r="S610" s="626" t="s">
        <v>63</v>
      </c>
      <c r="T610" s="626" t="s">
        <v>63</v>
      </c>
      <c r="U610" s="516">
        <v>29532938</v>
      </c>
      <c r="V610" s="516"/>
      <c r="W610" s="484" t="s">
        <v>64</v>
      </c>
      <c r="X610" s="516"/>
      <c r="Y610" s="516">
        <v>29532938</v>
      </c>
      <c r="Z610" s="651" t="s">
        <v>65</v>
      </c>
      <c r="AA610" s="651"/>
      <c r="AB610" s="516"/>
      <c r="AC610" s="516"/>
      <c r="AD610" s="516"/>
      <c r="AE610" s="516"/>
      <c r="AF610" s="516"/>
      <c r="AG610" s="516"/>
      <c r="AH610" s="516"/>
      <c r="AI610" s="516"/>
      <c r="AJ610" s="516"/>
      <c r="AK610" s="516"/>
      <c r="AL610" s="516"/>
      <c r="AM610" s="516"/>
      <c r="AN610" s="516"/>
      <c r="AO610" s="516"/>
      <c r="AP610" s="516"/>
      <c r="AQ610" s="516"/>
      <c r="AR610" s="516"/>
      <c r="AS610" s="516"/>
      <c r="AT610" s="516"/>
      <c r="AU610" s="516" t="s">
        <v>2190</v>
      </c>
      <c r="AV610" s="516"/>
      <c r="AW610" s="516"/>
      <c r="AX610" s="516"/>
      <c r="AY610" s="513" t="s">
        <v>2196</v>
      </c>
      <c r="AZ610" s="516"/>
      <c r="BA610" s="522" t="s">
        <v>2197</v>
      </c>
      <c r="BB610" s="494"/>
      <c r="BC610" s="494"/>
      <c r="BD610" s="137"/>
      <c r="BE610" s="137"/>
      <c r="BF610" s="137"/>
      <c r="BG610" s="137"/>
      <c r="BH610" s="137"/>
      <c r="BI610" s="137"/>
      <c r="BJ610" s="137"/>
      <c r="BK610" s="137"/>
      <c r="BL610" s="137"/>
      <c r="BM610" s="137"/>
      <c r="BN610" s="137"/>
      <c r="BO610" s="137"/>
      <c r="BP610" s="137"/>
      <c r="BQ610" s="137"/>
      <c r="BR610" s="137"/>
      <c r="BS610" s="137"/>
      <c r="BT610" s="137"/>
      <c r="BU610" s="137"/>
      <c r="BV610" s="137"/>
      <c r="BW610" s="137"/>
      <c r="BX610" s="137"/>
      <c r="BY610" s="137"/>
      <c r="BZ610" s="137"/>
      <c r="CA610" s="137"/>
      <c r="CB610" s="137"/>
      <c r="CC610" s="137"/>
      <c r="CD610" s="137"/>
      <c r="CE610" s="137"/>
      <c r="CF610" s="137"/>
      <c r="CG610" s="137"/>
      <c r="CH610" s="137"/>
      <c r="CI610" s="137"/>
      <c r="CJ610" s="137"/>
      <c r="CK610" s="137"/>
      <c r="CL610" s="137"/>
      <c r="CM610" s="137"/>
      <c r="CN610" s="137"/>
      <c r="CO610" s="137"/>
      <c r="CP610" s="137"/>
      <c r="CQ610" s="137"/>
      <c r="CR610" s="137"/>
      <c r="CS610" s="137"/>
      <c r="CT610" s="137"/>
      <c r="CU610" s="137"/>
      <c r="CV610" s="137"/>
      <c r="CW610" s="137"/>
      <c r="CX610" s="137"/>
      <c r="CY610" s="137"/>
      <c r="CZ610" s="137"/>
      <c r="DA610" s="137"/>
      <c r="DB610" s="137"/>
      <c r="DC610" s="137"/>
      <c r="DD610" s="137"/>
      <c r="DE610" s="137"/>
      <c r="DF610" s="137"/>
      <c r="DG610" s="137"/>
      <c r="DH610" s="137"/>
      <c r="DI610" s="137"/>
      <c r="DJ610" s="137"/>
      <c r="DK610" s="137"/>
      <c r="DL610" s="137"/>
      <c r="DM610" s="137"/>
      <c r="DN610" s="137"/>
      <c r="DO610" s="137"/>
      <c r="DP610" s="137"/>
      <c r="DQ610" s="137"/>
      <c r="DR610" s="137"/>
      <c r="DS610" s="137"/>
      <c r="DT610" s="137"/>
      <c r="DU610" s="137"/>
      <c r="DV610" s="137"/>
      <c r="DW610" s="137"/>
      <c r="DX610" s="137"/>
      <c r="DY610" s="137"/>
      <c r="DZ610" s="137"/>
      <c r="EA610" s="137"/>
      <c r="EB610" s="137"/>
      <c r="EC610" s="137"/>
      <c r="ED610" s="137"/>
      <c r="EE610" s="137"/>
      <c r="EF610" s="137"/>
      <c r="EG610" s="137"/>
      <c r="EH610" s="137"/>
      <c r="EI610" s="137"/>
      <c r="EJ610" s="137"/>
      <c r="EK610" s="137"/>
      <c r="EL610" s="137"/>
      <c r="EM610" s="137"/>
      <c r="EN610" s="137"/>
      <c r="EO610" s="137"/>
      <c r="EP610" s="137"/>
      <c r="EQ610" s="137"/>
      <c r="ER610" s="137"/>
      <c r="ES610" s="137"/>
      <c r="ET610" s="137"/>
      <c r="EU610" s="137"/>
      <c r="EV610" s="137"/>
      <c r="EW610" s="137"/>
      <c r="EX610" s="137"/>
      <c r="EY610" s="137"/>
      <c r="EZ610" s="137"/>
      <c r="FA610" s="137"/>
      <c r="FB610" s="137"/>
      <c r="FC610" s="137"/>
      <c r="FD610" s="137"/>
      <c r="FE610" s="137"/>
      <c r="FF610" s="137"/>
      <c r="FG610" s="137"/>
      <c r="FH610" s="137"/>
      <c r="FI610" s="137"/>
      <c r="FJ610" s="137"/>
      <c r="FK610" s="137"/>
      <c r="FL610" s="137"/>
      <c r="FM610" s="137"/>
      <c r="FN610" s="137"/>
      <c r="FO610" s="137"/>
      <c r="FP610" s="137"/>
      <c r="FQ610" s="137"/>
      <c r="FR610" s="137"/>
      <c r="FS610" s="137"/>
      <c r="FT610" s="137"/>
      <c r="FU610" s="137"/>
      <c r="FV610" s="137"/>
      <c r="FW610" s="137"/>
      <c r="FX610" s="137"/>
      <c r="FY610" s="137"/>
      <c r="FZ610" s="137"/>
      <c r="GA610" s="137"/>
      <c r="GB610" s="137"/>
      <c r="GC610" s="137"/>
      <c r="GD610" s="137"/>
      <c r="GE610" s="137"/>
      <c r="GF610" s="137"/>
      <c r="GG610" s="137"/>
      <c r="GH610" s="137"/>
      <c r="GI610" s="137"/>
      <c r="GJ610" s="137"/>
      <c r="GK610" s="137"/>
      <c r="GL610" s="137"/>
      <c r="GM610" s="137"/>
      <c r="GN610" s="137"/>
      <c r="GO610" s="137"/>
      <c r="GP610" s="137"/>
      <c r="GQ610" s="137"/>
      <c r="GR610" s="137"/>
      <c r="GS610" s="137"/>
      <c r="GT610" s="137"/>
      <c r="GU610" s="137"/>
      <c r="GV610" s="137"/>
      <c r="GW610" s="137"/>
      <c r="GX610" s="137"/>
      <c r="GY610" s="137"/>
      <c r="GZ610" s="137"/>
      <c r="HA610" s="137"/>
      <c r="HB610" s="137"/>
      <c r="HC610" s="137"/>
      <c r="HD610" s="137"/>
      <c r="HE610" s="137"/>
      <c r="HF610" s="137"/>
      <c r="HG610" s="137"/>
      <c r="HH610" s="137"/>
      <c r="HI610" s="137"/>
      <c r="HJ610" s="137"/>
      <c r="HK610" s="137"/>
      <c r="HL610" s="137"/>
      <c r="HM610" s="137"/>
      <c r="HN610" s="137"/>
      <c r="HO610" s="137"/>
      <c r="HP610" s="137"/>
      <c r="HQ610" s="137"/>
      <c r="HR610" s="137"/>
      <c r="HS610" s="137"/>
      <c r="HT610" s="137"/>
      <c r="HU610" s="137"/>
      <c r="HV610" s="137"/>
      <c r="HW610" s="137"/>
      <c r="HX610" s="137"/>
      <c r="HY610" s="137"/>
      <c r="HZ610" s="137"/>
      <c r="IA610" s="137"/>
      <c r="IB610" s="137"/>
      <c r="IC610" s="137"/>
      <c r="ID610" s="137"/>
      <c r="IE610" s="137"/>
      <c r="IF610" s="137"/>
      <c r="IG610" s="137"/>
      <c r="IH610" s="137"/>
      <c r="II610" s="137"/>
      <c r="IJ610" s="137"/>
      <c r="IK610" s="137"/>
      <c r="IL610" s="137"/>
      <c r="IM610" s="137"/>
      <c r="IN610" s="137"/>
      <c r="IO610" s="137"/>
      <c r="IP610" s="137"/>
      <c r="IQ610" s="137"/>
      <c r="IR610" s="137"/>
      <c r="IS610" s="137"/>
      <c r="IT610" s="137"/>
      <c r="IU610" s="137"/>
      <c r="IV610" s="137"/>
      <c r="IW610" s="137"/>
      <c r="IX610" s="137"/>
      <c r="IY610" s="137"/>
      <c r="IZ610" s="137"/>
      <c r="JA610" s="137"/>
      <c r="JB610" s="137"/>
      <c r="JC610" s="137"/>
      <c r="JD610" s="137"/>
      <c r="JE610" s="137"/>
      <c r="JF610" s="137"/>
      <c r="JG610" s="137"/>
      <c r="JH610" s="137"/>
      <c r="JI610" s="137"/>
      <c r="JJ610" s="137"/>
      <c r="JK610" s="137"/>
      <c r="JL610" s="137"/>
      <c r="JM610" s="137"/>
      <c r="JN610" s="137"/>
      <c r="JO610" s="137"/>
      <c r="JP610" s="137"/>
      <c r="JQ610" s="137"/>
      <c r="JR610" s="137"/>
      <c r="JS610" s="137"/>
      <c r="JT610" s="137"/>
      <c r="JU610" s="137"/>
      <c r="JV610" s="137"/>
      <c r="JW610" s="137"/>
      <c r="JX610" s="137"/>
      <c r="JY610" s="137"/>
      <c r="JZ610" s="137"/>
      <c r="KA610" s="137"/>
      <c r="KB610" s="137"/>
      <c r="KC610" s="137"/>
      <c r="KD610" s="137"/>
      <c r="KE610" s="137"/>
      <c r="KF610" s="137"/>
      <c r="KG610" s="137"/>
      <c r="KH610" s="137"/>
      <c r="KI610" s="137"/>
      <c r="KJ610" s="137"/>
      <c r="KK610" s="137"/>
      <c r="KL610" s="137"/>
      <c r="KM610" s="137"/>
      <c r="KN610" s="137"/>
      <c r="KO610" s="137"/>
      <c r="KP610" s="137"/>
      <c r="KQ610" s="137"/>
      <c r="KR610" s="137"/>
      <c r="KS610" s="137"/>
      <c r="KT610" s="137"/>
      <c r="KU610" s="137"/>
      <c r="KV610" s="137"/>
      <c r="KW610" s="137"/>
      <c r="KX610" s="137"/>
      <c r="KY610" s="137"/>
      <c r="KZ610" s="137"/>
      <c r="LA610" s="137"/>
      <c r="LB610" s="137"/>
      <c r="LC610" s="137"/>
      <c r="LD610" s="137"/>
      <c r="LE610" s="137"/>
      <c r="LF610" s="137"/>
      <c r="LG610" s="137"/>
      <c r="LH610" s="137"/>
      <c r="LI610" s="137"/>
      <c r="LJ610" s="137"/>
      <c r="LK610" s="137"/>
      <c r="LL610" s="137"/>
      <c r="LM610" s="137"/>
      <c r="LN610" s="137"/>
      <c r="LO610" s="137"/>
      <c r="LP610" s="137"/>
      <c r="LQ610" s="137"/>
      <c r="LR610" s="137"/>
      <c r="LS610" s="137"/>
      <c r="LT610" s="137"/>
      <c r="LU610" s="137"/>
      <c r="LV610" s="137"/>
      <c r="LW610" s="137"/>
      <c r="LX610" s="137"/>
      <c r="LY610" s="137"/>
      <c r="LZ610" s="137"/>
      <c r="MA610" s="137"/>
      <c r="MB610" s="137"/>
      <c r="MC610" s="137"/>
      <c r="MD610" s="137"/>
      <c r="ME610" s="137"/>
      <c r="MF610" s="137"/>
      <c r="MG610" s="137"/>
      <c r="MH610" s="137"/>
      <c r="MI610" s="137"/>
      <c r="MJ610" s="137"/>
      <c r="MK610" s="137"/>
      <c r="ML610" s="137"/>
      <c r="MM610" s="137"/>
      <c r="MN610" s="137"/>
      <c r="MO610" s="137"/>
      <c r="MP610" s="137"/>
      <c r="MQ610" s="137"/>
      <c r="MR610" s="137"/>
      <c r="MS610" s="137"/>
      <c r="MT610" s="137"/>
      <c r="MU610" s="137"/>
      <c r="MV610" s="137"/>
      <c r="MW610" s="137"/>
      <c r="MX610" s="137"/>
      <c r="MY610" s="137"/>
      <c r="MZ610" s="137"/>
      <c r="NA610" s="137"/>
      <c r="NB610" s="137"/>
      <c r="NC610" s="137"/>
      <c r="ND610" s="137"/>
      <c r="NE610" s="137"/>
      <c r="NF610" s="137"/>
      <c r="NG610" s="137"/>
      <c r="NH610" s="137"/>
      <c r="NI610" s="137"/>
      <c r="NJ610" s="137"/>
      <c r="NK610" s="137"/>
      <c r="NL610" s="137"/>
      <c r="NM610" s="137"/>
      <c r="NN610" s="137"/>
      <c r="NO610" s="137"/>
      <c r="NP610" s="137"/>
      <c r="NQ610" s="137"/>
      <c r="NR610" s="137"/>
      <c r="NS610" s="137"/>
      <c r="NT610" s="137"/>
      <c r="NU610" s="137"/>
      <c r="NV610" s="137"/>
      <c r="NW610" s="137"/>
      <c r="NX610" s="137"/>
      <c r="NY610" s="137"/>
      <c r="NZ610" s="137"/>
      <c r="OA610" s="137"/>
      <c r="OB610" s="137"/>
      <c r="OC610" s="137"/>
      <c r="OD610" s="137"/>
      <c r="OE610" s="137"/>
      <c r="OF610" s="137"/>
      <c r="OG610" s="137"/>
      <c r="OH610" s="137"/>
      <c r="OI610" s="137"/>
      <c r="OJ610" s="137"/>
      <c r="OK610" s="137"/>
      <c r="OL610" s="137"/>
      <c r="OM610" s="137"/>
      <c r="ON610" s="137"/>
      <c r="OO610" s="137"/>
      <c r="OP610" s="137"/>
      <c r="OQ610" s="137"/>
      <c r="OR610" s="137"/>
      <c r="OS610" s="137"/>
      <c r="OT610" s="137"/>
      <c r="OU610" s="137"/>
      <c r="OV610" s="137"/>
      <c r="OW610" s="137"/>
      <c r="OX610" s="137"/>
      <c r="OY610" s="137"/>
      <c r="OZ610" s="137"/>
      <c r="PA610" s="137"/>
      <c r="PB610" s="137"/>
      <c r="PC610" s="137"/>
      <c r="PD610" s="137"/>
      <c r="PE610" s="137"/>
      <c r="PF610" s="137"/>
      <c r="PG610" s="137"/>
      <c r="PH610" s="137"/>
      <c r="PI610" s="137"/>
      <c r="PJ610" s="137"/>
      <c r="PK610" s="137"/>
      <c r="PL610" s="137"/>
      <c r="PM610" s="137"/>
      <c r="PN610" s="137"/>
      <c r="PO610" s="137"/>
      <c r="PP610" s="137"/>
      <c r="PQ610" s="137"/>
      <c r="PR610" s="137"/>
      <c r="PS610" s="137"/>
      <c r="PT610" s="137"/>
      <c r="PU610" s="137"/>
      <c r="PV610" s="137"/>
      <c r="PW610" s="137"/>
      <c r="PX610" s="137"/>
      <c r="PY610" s="137"/>
      <c r="PZ610" s="137"/>
      <c r="QA610" s="137"/>
      <c r="QB610" s="137"/>
      <c r="QC610" s="137"/>
      <c r="QD610" s="137"/>
      <c r="QE610" s="137"/>
      <c r="QF610" s="137"/>
      <c r="QG610" s="137"/>
      <c r="QH610" s="137"/>
      <c r="QI610" s="137"/>
      <c r="QJ610" s="137"/>
      <c r="QK610" s="137"/>
      <c r="QL610" s="137"/>
      <c r="QM610" s="137"/>
      <c r="QN610" s="137"/>
      <c r="QO610" s="137"/>
      <c r="QP610" s="137"/>
      <c r="QQ610" s="137"/>
      <c r="QR610" s="137"/>
      <c r="QS610" s="137"/>
      <c r="QT610" s="137"/>
      <c r="QU610" s="137"/>
      <c r="QV610" s="137"/>
      <c r="QW610" s="137"/>
      <c r="QX610" s="137"/>
      <c r="QY610" s="137"/>
      <c r="QZ610" s="137"/>
      <c r="RA610" s="137"/>
      <c r="RB610" s="137"/>
      <c r="RC610" s="137"/>
      <c r="RD610" s="137"/>
      <c r="RE610" s="137"/>
      <c r="RF610" s="137"/>
      <c r="RG610" s="137"/>
      <c r="RH610" s="137"/>
      <c r="RI610" s="137"/>
      <c r="RJ610" s="137"/>
      <c r="RK610" s="137"/>
      <c r="RL610" s="137"/>
      <c r="RM610" s="137"/>
      <c r="RN610" s="137"/>
      <c r="RO610" s="137"/>
      <c r="RP610" s="137"/>
      <c r="RQ610" s="137"/>
      <c r="RR610" s="137"/>
      <c r="RS610" s="137"/>
      <c r="RT610" s="137"/>
      <c r="RU610" s="137"/>
      <c r="RV610" s="137"/>
      <c r="RW610" s="137"/>
      <c r="RX610" s="137"/>
      <c r="RY610" s="137"/>
      <c r="RZ610" s="137"/>
      <c r="SA610" s="137"/>
      <c r="SB610" s="137"/>
      <c r="SC610" s="137"/>
      <c r="SD610" s="137"/>
      <c r="SE610" s="137"/>
      <c r="SF610" s="137"/>
      <c r="SG610" s="137"/>
      <c r="SH610" s="137"/>
      <c r="SI610" s="137"/>
      <c r="SJ610" s="137"/>
      <c r="SK610" s="137"/>
      <c r="SL610" s="137"/>
      <c r="SM610" s="137"/>
      <c r="SN610" s="137"/>
      <c r="SO610" s="137"/>
      <c r="SP610" s="137"/>
      <c r="SQ610" s="137"/>
      <c r="SR610" s="137"/>
      <c r="SS610" s="137"/>
      <c r="ST610" s="137"/>
      <c r="SU610" s="137"/>
      <c r="SV610" s="137"/>
      <c r="SW610" s="137"/>
      <c r="SX610" s="137"/>
      <c r="SY610" s="137"/>
      <c r="SZ610" s="137"/>
      <c r="TA610" s="137"/>
      <c r="TB610" s="137"/>
      <c r="TC610" s="137"/>
      <c r="TD610" s="137"/>
      <c r="TE610" s="137"/>
      <c r="TF610" s="137"/>
      <c r="TG610" s="137"/>
      <c r="TH610" s="137"/>
      <c r="TI610" s="137"/>
      <c r="TJ610" s="137"/>
      <c r="TK610" s="137"/>
      <c r="TL610" s="137"/>
      <c r="TM610" s="137"/>
      <c r="TN610" s="137"/>
      <c r="TO610" s="137"/>
      <c r="TP610" s="137"/>
      <c r="TQ610" s="137"/>
      <c r="TR610" s="137"/>
      <c r="TS610" s="137"/>
      <c r="TT610" s="137"/>
      <c r="TU610" s="137"/>
      <c r="TV610" s="137"/>
      <c r="TW610" s="137"/>
      <c r="TX610" s="137"/>
      <c r="TY610" s="137"/>
      <c r="TZ610" s="137"/>
      <c r="UA610" s="137"/>
      <c r="UB610" s="137"/>
      <c r="UC610" s="137"/>
      <c r="UD610" s="137"/>
      <c r="UE610" s="137"/>
      <c r="UF610" s="137"/>
      <c r="UG610" s="137"/>
      <c r="UH610" s="137"/>
      <c r="UI610" s="137"/>
      <c r="UJ610" s="137"/>
      <c r="UK610" s="137"/>
      <c r="UL610" s="137"/>
      <c r="UM610" s="137"/>
      <c r="UN610" s="137"/>
      <c r="UO610" s="137"/>
      <c r="UP610" s="137"/>
      <c r="UQ610" s="137"/>
      <c r="UR610" s="137"/>
      <c r="US610" s="137"/>
      <c r="UT610" s="137"/>
      <c r="UU610" s="137"/>
      <c r="UV610" s="137"/>
      <c r="UW610" s="137"/>
      <c r="UX610" s="137"/>
      <c r="UY610" s="137"/>
      <c r="UZ610" s="137"/>
      <c r="VA610" s="137"/>
      <c r="VB610" s="137"/>
      <c r="VC610" s="137"/>
      <c r="VD610" s="137"/>
      <c r="VE610" s="137"/>
      <c r="VF610" s="137"/>
      <c r="VG610" s="137"/>
      <c r="VH610" s="137"/>
      <c r="VI610" s="137"/>
      <c r="VJ610" s="137"/>
      <c r="VK610" s="137"/>
      <c r="VL610" s="137"/>
      <c r="VM610" s="137"/>
      <c r="VN610" s="137"/>
      <c r="VO610" s="137"/>
      <c r="VP610" s="137"/>
      <c r="VQ610" s="137"/>
      <c r="VR610" s="137"/>
      <c r="VS610" s="137"/>
      <c r="VT610" s="137"/>
      <c r="VU610" s="137"/>
      <c r="VV610" s="137"/>
      <c r="VW610" s="137"/>
      <c r="VX610" s="137"/>
      <c r="VY610" s="137"/>
      <c r="VZ610" s="137"/>
      <c r="WA610" s="137"/>
      <c r="WB610" s="137"/>
      <c r="WC610" s="137"/>
      <c r="WD610" s="137"/>
      <c r="WE610" s="137"/>
      <c r="WF610" s="137"/>
      <c r="WG610" s="137"/>
      <c r="WH610" s="137"/>
      <c r="WI610" s="137"/>
      <c r="WJ610" s="137"/>
      <c r="WK610" s="137"/>
      <c r="WL610" s="137"/>
      <c r="WM610" s="137"/>
      <c r="WN610" s="137"/>
      <c r="WO610" s="137"/>
      <c r="WP610" s="137"/>
      <c r="WQ610" s="137"/>
      <c r="WR610" s="137"/>
      <c r="WS610" s="137"/>
      <c r="WT610" s="137"/>
      <c r="WU610" s="137"/>
      <c r="WV610" s="137"/>
      <c r="WW610" s="137"/>
      <c r="WX610" s="137"/>
      <c r="WY610" s="137"/>
      <c r="WZ610" s="137"/>
      <c r="XA610" s="137"/>
      <c r="XB610" s="137"/>
      <c r="XC610" s="137"/>
      <c r="XD610" s="137"/>
      <c r="XE610" s="137"/>
      <c r="XF610" s="137"/>
      <c r="XG610" s="137"/>
      <c r="XH610" s="137"/>
      <c r="XI610" s="137"/>
      <c r="XJ610" s="137"/>
      <c r="XK610" s="137"/>
      <c r="XL610" s="137"/>
      <c r="XM610" s="137"/>
      <c r="XN610" s="137"/>
      <c r="XO610" s="137"/>
      <c r="XP610" s="137"/>
      <c r="XQ610" s="137"/>
      <c r="XR610" s="137"/>
      <c r="XS610" s="137"/>
      <c r="XT610" s="137"/>
      <c r="XU610" s="137"/>
      <c r="XV610" s="137"/>
      <c r="XW610" s="137"/>
      <c r="XX610" s="137"/>
      <c r="XY610" s="137"/>
      <c r="XZ610" s="137"/>
      <c r="YA610" s="137"/>
      <c r="YB610" s="137"/>
      <c r="YC610" s="137"/>
      <c r="YD610" s="137"/>
      <c r="YE610" s="137"/>
      <c r="YF610" s="137"/>
      <c r="YG610" s="137"/>
      <c r="YH610" s="137"/>
      <c r="YI610" s="137"/>
      <c r="YJ610" s="137"/>
      <c r="YK610" s="137"/>
      <c r="YL610" s="137"/>
      <c r="YM610" s="137"/>
      <c r="YN610" s="137"/>
      <c r="YO610" s="137"/>
      <c r="YP610" s="137"/>
      <c r="YQ610" s="137"/>
      <c r="YR610" s="137"/>
      <c r="YS610" s="137"/>
      <c r="YT610" s="137"/>
      <c r="YU610" s="137"/>
      <c r="YV610" s="137"/>
      <c r="YW610" s="137"/>
      <c r="YX610" s="137"/>
      <c r="YY610" s="137"/>
      <c r="YZ610" s="137"/>
      <c r="ZA610" s="137"/>
      <c r="ZB610" s="137"/>
      <c r="ZC610" s="137"/>
      <c r="ZD610" s="137"/>
      <c r="ZE610" s="137"/>
      <c r="ZF610" s="137"/>
      <c r="ZG610" s="137"/>
      <c r="ZH610" s="137"/>
      <c r="ZI610" s="137"/>
      <c r="ZJ610" s="137"/>
      <c r="ZK610" s="137"/>
      <c r="ZL610" s="137"/>
      <c r="ZM610" s="137"/>
      <c r="ZN610" s="137"/>
      <c r="ZO610" s="137"/>
      <c r="ZP610" s="137"/>
      <c r="ZQ610" s="137"/>
      <c r="ZR610" s="137"/>
      <c r="ZS610" s="137"/>
      <c r="ZT610" s="137"/>
      <c r="ZU610" s="137"/>
      <c r="ZV610" s="137"/>
      <c r="ZW610" s="137"/>
      <c r="ZX610" s="137"/>
      <c r="ZY610" s="137"/>
      <c r="ZZ610" s="137"/>
      <c r="AAA610" s="137"/>
      <c r="AAB610" s="137"/>
      <c r="AAC610" s="137"/>
      <c r="AAD610" s="137"/>
      <c r="AAE610" s="137"/>
      <c r="AAF610" s="137"/>
      <c r="AAG610" s="137"/>
      <c r="AAH610" s="137"/>
      <c r="AAI610" s="137"/>
      <c r="AAJ610" s="137"/>
      <c r="AAK610" s="137"/>
      <c r="AAL610" s="137"/>
      <c r="AAM610" s="137"/>
      <c r="AAN610" s="137"/>
      <c r="AAO610" s="137"/>
      <c r="AAP610" s="137"/>
      <c r="AAQ610" s="137"/>
      <c r="AAR610" s="137"/>
      <c r="AAS610" s="137"/>
      <c r="AAT610" s="137"/>
      <c r="AAU610" s="137"/>
      <c r="AAV610" s="137"/>
      <c r="AAW610" s="137"/>
      <c r="AAX610" s="137"/>
      <c r="AAY610" s="137"/>
      <c r="AAZ610" s="137"/>
      <c r="ABA610" s="137"/>
      <c r="ABB610" s="137"/>
      <c r="ABC610" s="137"/>
      <c r="ABD610" s="137"/>
      <c r="ABE610" s="137"/>
      <c r="ABF610" s="137"/>
      <c r="ABG610" s="137"/>
      <c r="ABH610" s="137"/>
      <c r="ABI610" s="137"/>
      <c r="ABJ610" s="137"/>
      <c r="ABK610" s="137"/>
      <c r="ABL610" s="137"/>
      <c r="ABM610" s="137"/>
      <c r="ABN610" s="137"/>
      <c r="ABO610" s="137"/>
      <c r="ABP610" s="137"/>
      <c r="ABQ610" s="137"/>
      <c r="ABR610" s="137"/>
      <c r="ABS610" s="137"/>
      <c r="ABT610" s="137"/>
      <c r="ABU610" s="137"/>
      <c r="ABV610" s="137"/>
      <c r="ABW610" s="137"/>
      <c r="ABX610" s="137"/>
      <c r="ABY610" s="137"/>
      <c r="ABZ610" s="137"/>
      <c r="ACA610" s="137"/>
      <c r="ACB610" s="137"/>
      <c r="ACC610" s="137"/>
      <c r="ACD610" s="137"/>
      <c r="ACE610" s="137"/>
      <c r="ACF610" s="137"/>
      <c r="ACG610" s="137"/>
      <c r="ACH610" s="137"/>
      <c r="ACI610" s="137"/>
      <c r="ACJ610" s="137"/>
      <c r="ACK610" s="137"/>
      <c r="ACL610" s="137"/>
      <c r="ACM610" s="137"/>
      <c r="ACN610" s="137"/>
      <c r="ACO610" s="137"/>
      <c r="ACP610" s="137"/>
      <c r="ACQ610" s="137"/>
      <c r="ACR610" s="137"/>
      <c r="ACS610" s="137"/>
      <c r="ACT610" s="137"/>
      <c r="ACU610" s="137"/>
      <c r="ACV610" s="137"/>
      <c r="ACW610" s="137"/>
      <c r="ACX610" s="137"/>
      <c r="ACY610" s="137"/>
      <c r="ACZ610" s="137"/>
      <c r="ADA610" s="137"/>
      <c r="ADB610" s="137"/>
      <c r="ADC610" s="137"/>
      <c r="ADD610" s="137"/>
      <c r="ADE610" s="137"/>
      <c r="ADF610" s="137"/>
      <c r="ADG610" s="137"/>
      <c r="ADH610" s="137"/>
      <c r="ADI610" s="137"/>
      <c r="ADJ610" s="137"/>
      <c r="ADK610" s="137"/>
      <c r="ADL610" s="137"/>
      <c r="ADM610" s="137"/>
      <c r="ADN610" s="137"/>
      <c r="ADO610" s="137"/>
      <c r="ADP610" s="137"/>
      <c r="ADQ610" s="137"/>
      <c r="ADR610" s="137"/>
      <c r="ADS610" s="137"/>
      <c r="ADT610" s="137"/>
      <c r="ADU610" s="137"/>
      <c r="ADV610" s="137"/>
      <c r="ADW610" s="137"/>
      <c r="ADX610" s="137"/>
      <c r="ADY610" s="137"/>
      <c r="ADZ610" s="137"/>
      <c r="AEA610" s="137"/>
      <c r="AEB610" s="137"/>
      <c r="AEC610" s="137"/>
      <c r="AED610" s="137"/>
      <c r="AEE610" s="137"/>
      <c r="AEF610" s="137"/>
      <c r="AEG610" s="137"/>
      <c r="AEH610" s="137"/>
      <c r="AEI610" s="137"/>
      <c r="AEJ610" s="137"/>
      <c r="AEK610" s="137"/>
      <c r="AEL610" s="137"/>
      <c r="AEM610" s="137"/>
      <c r="AEN610" s="137"/>
      <c r="AEO610" s="137"/>
      <c r="AEP610" s="137"/>
      <c r="AEQ610" s="137"/>
      <c r="AER610" s="137"/>
      <c r="AES610" s="137"/>
      <c r="AET610" s="137"/>
      <c r="AEU610" s="137"/>
      <c r="AEV610" s="137"/>
      <c r="AEW610" s="137"/>
      <c r="AEX610" s="137"/>
      <c r="AEY610" s="137"/>
      <c r="AEZ610" s="137"/>
      <c r="AFA610" s="137"/>
      <c r="AFB610" s="137"/>
      <c r="AFC610" s="137"/>
      <c r="AFD610" s="137"/>
      <c r="AFE610" s="137"/>
      <c r="AFF610" s="137"/>
      <c r="AFG610" s="137"/>
      <c r="AFH610" s="137"/>
      <c r="AFI610" s="137"/>
      <c r="AFJ610" s="137"/>
      <c r="AFK610" s="137"/>
      <c r="AFL610" s="137"/>
      <c r="AFM610" s="137"/>
      <c r="AFN610" s="137"/>
      <c r="AFO610" s="137"/>
      <c r="AFP610" s="137"/>
      <c r="AFQ610" s="137"/>
      <c r="AFR610" s="137"/>
      <c r="AFS610" s="137"/>
      <c r="AFT610" s="137"/>
      <c r="AFU610" s="137"/>
      <c r="AFV610" s="137"/>
      <c r="AFW610" s="137"/>
      <c r="AFX610" s="137"/>
      <c r="AFY610" s="137"/>
      <c r="AFZ610" s="137"/>
      <c r="AGA610" s="137"/>
      <c r="AGB610" s="137"/>
      <c r="AGC610" s="137"/>
      <c r="AGD610" s="137"/>
      <c r="AGE610" s="137"/>
      <c r="AGF610" s="137"/>
      <c r="AGG610" s="137"/>
      <c r="AGH610" s="137"/>
      <c r="AGI610" s="137"/>
      <c r="AGJ610" s="137"/>
      <c r="AGK610" s="137"/>
      <c r="AGL610" s="137"/>
      <c r="AGM610" s="137"/>
      <c r="AGN610" s="137"/>
      <c r="AGO610" s="137"/>
      <c r="AGP610" s="137"/>
      <c r="AGQ610" s="137"/>
      <c r="AGR610" s="137"/>
      <c r="AGS610" s="137"/>
      <c r="AGT610" s="137"/>
      <c r="AGU610" s="137"/>
      <c r="AGV610" s="137"/>
      <c r="AGW610" s="137"/>
      <c r="AGX610" s="137"/>
      <c r="AGY610" s="137"/>
      <c r="AGZ610" s="137"/>
      <c r="AHA610" s="137"/>
      <c r="AHB610" s="137"/>
      <c r="AHC610" s="137"/>
      <c r="AHD610" s="137"/>
      <c r="AHE610" s="137"/>
      <c r="AHF610" s="137"/>
      <c r="AHG610" s="137"/>
      <c r="AHH610" s="137"/>
      <c r="AHI610" s="137"/>
      <c r="AHJ610" s="137"/>
      <c r="AHK610" s="137"/>
      <c r="AHL610" s="137"/>
      <c r="AHM610" s="137"/>
      <c r="AHN610" s="137"/>
      <c r="AHO610" s="137"/>
      <c r="AHP610" s="137"/>
      <c r="AHQ610" s="137"/>
      <c r="AHR610" s="137"/>
      <c r="AHS610" s="137"/>
      <c r="AHT610" s="137"/>
      <c r="AHU610" s="137"/>
      <c r="AHV610" s="137"/>
      <c r="AHW610" s="137"/>
      <c r="AHX610" s="137"/>
      <c r="AHY610" s="137"/>
      <c r="AHZ610" s="137"/>
      <c r="AIA610" s="137"/>
      <c r="AIB610" s="137"/>
      <c r="AIC610" s="137"/>
      <c r="AID610" s="137"/>
      <c r="AIE610" s="137"/>
      <c r="AIF610" s="137"/>
      <c r="AIG610" s="137"/>
      <c r="AIH610" s="137"/>
      <c r="AII610" s="137"/>
      <c r="AIJ610" s="137"/>
      <c r="AIK610" s="137"/>
      <c r="AIL610" s="137"/>
      <c r="AIM610" s="137"/>
      <c r="AIN610" s="137"/>
      <c r="AIO610" s="137"/>
      <c r="AIP610" s="137"/>
      <c r="AIQ610" s="137"/>
      <c r="AIR610" s="137"/>
      <c r="AIS610" s="137"/>
      <c r="AIT610" s="137"/>
      <c r="AIU610" s="137"/>
      <c r="AIV610" s="137"/>
      <c r="AIW610" s="137"/>
      <c r="AIX610" s="137"/>
      <c r="AIY610" s="137"/>
      <c r="AIZ610" s="137"/>
      <c r="AJA610" s="137"/>
      <c r="AJB610" s="137"/>
      <c r="AJC610" s="137"/>
      <c r="AJD610" s="137"/>
      <c r="AJE610" s="137"/>
      <c r="AJF610" s="137"/>
      <c r="AJG610" s="137"/>
      <c r="AJH610" s="137"/>
      <c r="AJI610" s="137"/>
      <c r="AJJ610" s="137"/>
      <c r="AJK610" s="137"/>
      <c r="AJL610" s="137"/>
      <c r="AJM610" s="137"/>
      <c r="AJN610" s="137"/>
      <c r="AJO610" s="137"/>
      <c r="AJP610" s="137"/>
      <c r="AJQ610" s="137"/>
      <c r="AJR610" s="137"/>
      <c r="AJS610" s="137"/>
      <c r="AJT610" s="137"/>
      <c r="AJU610" s="137"/>
      <c r="AJV610" s="137"/>
      <c r="AJW610" s="137"/>
      <c r="AJX610" s="137"/>
      <c r="AJY610" s="137"/>
      <c r="AJZ610" s="137"/>
      <c r="AKA610" s="137"/>
      <c r="AKB610" s="137"/>
      <c r="AKC610" s="137"/>
      <c r="AKD610" s="137"/>
      <c r="AKE610" s="137"/>
      <c r="AKF610" s="137"/>
      <c r="AKG610" s="137"/>
      <c r="AKH610" s="137"/>
      <c r="AKI610" s="137"/>
      <c r="AKJ610" s="137"/>
      <c r="AKK610" s="137"/>
      <c r="AKL610" s="137"/>
      <c r="AKM610" s="137"/>
      <c r="AKN610" s="137"/>
      <c r="AKO610" s="137"/>
      <c r="AKP610" s="137"/>
      <c r="AKQ610" s="137"/>
      <c r="AKR610" s="137"/>
      <c r="AKS610" s="137"/>
      <c r="AKT610" s="137"/>
      <c r="AKU610" s="137"/>
      <c r="AKV610" s="137"/>
      <c r="AKW610" s="137"/>
      <c r="AKX610" s="137"/>
      <c r="AKY610" s="137"/>
      <c r="AKZ610" s="137"/>
      <c r="ALA610" s="137"/>
      <c r="ALB610" s="137"/>
      <c r="ALC610" s="137"/>
      <c r="ALD610" s="137"/>
      <c r="ALE610" s="137"/>
      <c r="ALF610" s="137"/>
      <c r="ALG610" s="137"/>
      <c r="ALH610" s="137"/>
      <c r="ALI610" s="137"/>
      <c r="ALJ610" s="137"/>
      <c r="ALK610" s="137"/>
      <c r="ALL610" s="137"/>
      <c r="ALM610" s="137"/>
      <c r="ALN610" s="137"/>
      <c r="ALO610" s="137"/>
      <c r="ALP610" s="137"/>
      <c r="ALQ610" s="137"/>
      <c r="ALR610" s="137"/>
      <c r="ALS610" s="137"/>
      <c r="ALT610" s="137"/>
      <c r="ALU610" s="137"/>
      <c r="ALV610" s="137"/>
      <c r="ALW610" s="137"/>
      <c r="ALX610" s="137"/>
      <c r="ALY610" s="137"/>
      <c r="ALZ610" s="137"/>
      <c r="AMA610" s="137"/>
      <c r="AMB610" s="137"/>
      <c r="AMC610" s="137"/>
      <c r="AMD610" s="137"/>
      <c r="AME610" s="137"/>
      <c r="AMF610" s="137"/>
      <c r="AMG610" s="137"/>
      <c r="AMH610" s="137"/>
      <c r="AMI610" s="137"/>
      <c r="AMJ610" s="137"/>
      <c r="AMK610" s="137"/>
      <c r="AML610" s="137"/>
      <c r="AMM610" s="137"/>
      <c r="AMN610" s="137"/>
      <c r="AMO610" s="137"/>
      <c r="AMP610" s="137"/>
      <c r="AMQ610" s="137"/>
      <c r="AMR610" s="137"/>
      <c r="AMS610" s="137"/>
      <c r="AMT610" s="137"/>
      <c r="AMU610" s="137"/>
      <c r="AMV610" s="137"/>
      <c r="AMW610" s="137"/>
      <c r="AMX610" s="137"/>
      <c r="AMY610" s="137"/>
      <c r="AMZ610" s="137"/>
      <c r="ANA610" s="137"/>
      <c r="ANB610" s="137"/>
      <c r="ANC610" s="137"/>
      <c r="AND610" s="137"/>
      <c r="ANE610" s="137"/>
      <c r="ANF610" s="137"/>
      <c r="ANG610" s="137"/>
      <c r="ANH610" s="137"/>
      <c r="ANI610" s="137"/>
      <c r="ANJ610" s="137"/>
      <c r="ANK610" s="137"/>
      <c r="ANL610" s="137"/>
      <c r="ANM610" s="137"/>
      <c r="ANN610" s="137"/>
      <c r="ANO610" s="137"/>
      <c r="ANP610" s="137"/>
      <c r="ANQ610" s="137"/>
      <c r="ANR610" s="137"/>
      <c r="ANS610" s="137"/>
      <c r="ANT610" s="137"/>
      <c r="ANU610" s="137"/>
      <c r="ANV610" s="137"/>
      <c r="ANW610" s="137"/>
      <c r="ANX610" s="137"/>
      <c r="ANY610" s="137"/>
      <c r="ANZ610" s="137"/>
      <c r="AOA610" s="137"/>
      <c r="AOB610" s="137"/>
      <c r="AOC610" s="137"/>
      <c r="AOD610" s="137"/>
      <c r="AOE610" s="137"/>
      <c r="AOF610" s="137"/>
      <c r="AOG610" s="137"/>
      <c r="AOH610" s="137"/>
      <c r="AOI610" s="137"/>
      <c r="AOJ610" s="137"/>
      <c r="AOK610" s="137"/>
      <c r="AOL610" s="137"/>
      <c r="AOM610" s="137"/>
      <c r="AON610" s="137"/>
      <c r="AOO610" s="137"/>
      <c r="AOP610" s="137"/>
      <c r="AOQ610" s="137"/>
      <c r="AOR610" s="137"/>
      <c r="AOS610" s="137"/>
      <c r="AOT610" s="137"/>
      <c r="AOU610" s="137"/>
      <c r="AOV610" s="137"/>
      <c r="AOW610" s="137"/>
      <c r="AOX610" s="137"/>
      <c r="AOY610" s="137"/>
      <c r="AOZ610" s="137"/>
      <c r="APA610" s="137"/>
      <c r="APB610" s="137"/>
      <c r="APC610" s="137"/>
      <c r="APD610" s="137"/>
      <c r="APE610" s="137"/>
      <c r="APF610" s="137"/>
      <c r="APG610" s="137"/>
      <c r="APH610" s="137"/>
      <c r="API610" s="137"/>
      <c r="APJ610" s="137"/>
      <c r="APK610" s="137"/>
      <c r="APL610" s="137"/>
      <c r="APM610" s="137"/>
      <c r="APN610" s="137"/>
      <c r="APO610" s="137"/>
      <c r="APP610" s="137"/>
      <c r="APQ610" s="137"/>
      <c r="APR610" s="137"/>
      <c r="APS610" s="137"/>
      <c r="APT610" s="137"/>
      <c r="APU610" s="137"/>
      <c r="APV610" s="137"/>
      <c r="APW610" s="137"/>
      <c r="APX610" s="137"/>
      <c r="APY610" s="137"/>
      <c r="APZ610" s="137"/>
      <c r="AQA610" s="137"/>
      <c r="AQB610" s="137"/>
      <c r="AQC610" s="137"/>
      <c r="AQD610" s="137"/>
      <c r="AQE610" s="137"/>
      <c r="AQF610" s="137"/>
      <c r="AQG610" s="137"/>
      <c r="AQH610" s="137"/>
      <c r="AQI610" s="137"/>
      <c r="AQJ610" s="137"/>
      <c r="AQK610" s="137"/>
      <c r="AQL610" s="137"/>
      <c r="AQM610" s="137"/>
      <c r="AQN610" s="137"/>
      <c r="AQO610" s="137"/>
      <c r="AQP610" s="137"/>
      <c r="AQQ610" s="137"/>
      <c r="AQR610" s="137"/>
      <c r="AQS610" s="137"/>
      <c r="AQT610" s="137"/>
      <c r="AQU610" s="137"/>
      <c r="AQV610" s="137"/>
      <c r="AQW610" s="137"/>
      <c r="AQX610" s="137"/>
      <c r="AQY610" s="137"/>
      <c r="AQZ610" s="137"/>
      <c r="ARA610" s="137"/>
      <c r="ARB610" s="137"/>
      <c r="ARC610" s="137"/>
      <c r="ARD610" s="137"/>
      <c r="ARE610" s="137"/>
      <c r="ARF610" s="137"/>
      <c r="ARG610" s="137"/>
      <c r="ARH610" s="137"/>
      <c r="ARI610" s="137"/>
      <c r="ARJ610" s="137"/>
      <c r="ARK610" s="137"/>
      <c r="ARL610" s="137"/>
      <c r="ARM610" s="137"/>
      <c r="ARN610" s="137"/>
      <c r="ARO610" s="137"/>
      <c r="ARP610" s="137"/>
      <c r="ARQ610" s="137"/>
      <c r="ARR610" s="137"/>
      <c r="ARS610" s="137"/>
      <c r="ART610" s="137"/>
      <c r="ARU610" s="137"/>
      <c r="ARV610" s="137"/>
      <c r="ARW610" s="137"/>
      <c r="ARX610" s="137"/>
      <c r="ARY610" s="137"/>
      <c r="ARZ610" s="137"/>
      <c r="ASA610" s="137"/>
      <c r="ASB610" s="137"/>
      <c r="ASC610" s="137"/>
      <c r="ASD610" s="137"/>
      <c r="ASE610" s="137"/>
      <c r="ASF610" s="137"/>
      <c r="ASG610" s="137"/>
      <c r="ASH610" s="137"/>
      <c r="ASI610" s="137"/>
      <c r="ASJ610" s="137"/>
      <c r="ASK610" s="137"/>
      <c r="ASL610" s="137"/>
      <c r="ASM610" s="137"/>
      <c r="ASN610" s="137"/>
      <c r="ASO610" s="137"/>
      <c r="ASP610" s="137"/>
      <c r="ASQ610" s="137"/>
      <c r="ASR610" s="137"/>
      <c r="ASS610" s="137"/>
      <c r="AST610" s="137"/>
      <c r="ASU610" s="137"/>
      <c r="ASV610" s="137"/>
      <c r="ASW610" s="137"/>
      <c r="ASX610" s="137"/>
      <c r="ASY610" s="137"/>
      <c r="ASZ610" s="137"/>
      <c r="ATA610" s="137"/>
      <c r="ATB610" s="137"/>
      <c r="ATC610" s="137"/>
      <c r="ATD610" s="137"/>
      <c r="ATE610" s="137"/>
      <c r="ATF610" s="137"/>
      <c r="ATG610" s="137"/>
      <c r="ATH610" s="137"/>
      <c r="ATI610" s="137"/>
      <c r="ATJ610" s="137"/>
      <c r="ATK610" s="137"/>
      <c r="ATL610" s="137"/>
      <c r="ATM610" s="137"/>
      <c r="ATN610" s="137"/>
      <c r="ATO610" s="137"/>
      <c r="ATP610" s="137"/>
      <c r="ATQ610" s="137"/>
      <c r="ATR610" s="137"/>
      <c r="ATS610" s="137"/>
      <c r="ATT610" s="137"/>
      <c r="ATU610" s="137"/>
      <c r="ATV610" s="137"/>
      <c r="ATW610" s="137"/>
      <c r="ATX610" s="137"/>
      <c r="ATY610" s="137"/>
      <c r="ATZ610" s="137"/>
      <c r="AUA610" s="137"/>
      <c r="AUB610" s="137"/>
      <c r="AUC610" s="137"/>
      <c r="AUD610" s="137"/>
      <c r="AUE610" s="137"/>
      <c r="AUF610" s="137"/>
      <c r="AUG610" s="137"/>
      <c r="AUH610" s="137"/>
      <c r="AUI610" s="137"/>
      <c r="AUJ610" s="137"/>
      <c r="AUK610" s="137"/>
      <c r="AUL610" s="137"/>
      <c r="AUM610" s="137"/>
      <c r="AUN610" s="137"/>
      <c r="AUO610" s="137"/>
      <c r="AUP610" s="137"/>
      <c r="AUQ610" s="137"/>
      <c r="AUR610" s="137"/>
      <c r="AUS610" s="137"/>
      <c r="AUT610" s="137"/>
      <c r="AUU610" s="137"/>
      <c r="AUV610" s="137"/>
      <c r="AUW610" s="137"/>
      <c r="AUX610" s="137"/>
      <c r="AUY610" s="137"/>
      <c r="AUZ610" s="137"/>
      <c r="AVA610" s="137"/>
      <c r="AVB610" s="137"/>
      <c r="AVC610" s="137"/>
      <c r="AVD610" s="137"/>
      <c r="AVE610" s="137"/>
      <c r="AVF610" s="137"/>
      <c r="AVG610" s="137"/>
      <c r="AVH610" s="137"/>
      <c r="AVI610" s="137"/>
      <c r="AVJ610" s="137"/>
      <c r="AVK610" s="137"/>
      <c r="AVL610" s="137"/>
      <c r="AVM610" s="137"/>
      <c r="AVN610" s="137"/>
      <c r="AVO610" s="137"/>
      <c r="AVP610" s="137"/>
      <c r="AVQ610" s="137"/>
      <c r="AVR610" s="137"/>
      <c r="AVS610" s="137"/>
      <c r="AVT610" s="137"/>
      <c r="AVU610" s="137"/>
      <c r="AVV610" s="137"/>
      <c r="AVW610" s="137"/>
      <c r="AVX610" s="137"/>
      <c r="AVY610" s="137"/>
      <c r="AVZ610" s="137"/>
      <c r="AWA610" s="137"/>
      <c r="AWB610" s="137"/>
      <c r="AWC610" s="137"/>
      <c r="AWD610" s="137"/>
      <c r="AWE610" s="137"/>
      <c r="AWF610" s="137"/>
      <c r="AWG610" s="137"/>
      <c r="AWH610" s="137"/>
      <c r="AWI610" s="137"/>
      <c r="AWJ610" s="137"/>
      <c r="AWK610" s="137"/>
      <c r="AWL610" s="137"/>
      <c r="AWM610" s="137"/>
      <c r="AWN610" s="137"/>
      <c r="AWO610" s="137"/>
      <c r="AWP610" s="137"/>
      <c r="AWQ610" s="137"/>
      <c r="AWR610" s="137"/>
      <c r="AWS610" s="137"/>
      <c r="AWT610" s="137"/>
      <c r="AWU610" s="137"/>
      <c r="AWV610" s="137"/>
      <c r="AWW610" s="137"/>
      <c r="AWX610" s="137"/>
      <c r="AWY610" s="137"/>
      <c r="AWZ610" s="137"/>
      <c r="AXA610" s="137"/>
      <c r="AXB610" s="137"/>
      <c r="AXC610" s="137"/>
      <c r="AXD610" s="137"/>
      <c r="AXE610" s="137"/>
      <c r="AXF610" s="137"/>
      <c r="AXG610" s="137"/>
      <c r="AXH610" s="137"/>
      <c r="AXI610" s="137"/>
      <c r="AXJ610" s="137"/>
      <c r="AXK610" s="137"/>
      <c r="AXL610" s="137"/>
      <c r="AXM610" s="137"/>
      <c r="AXN610" s="137"/>
      <c r="AXO610" s="137"/>
      <c r="AXP610" s="137"/>
      <c r="AXQ610" s="137"/>
      <c r="AXR610" s="137"/>
      <c r="AXS610" s="137"/>
      <c r="AXT610" s="137"/>
      <c r="AXU610" s="137"/>
      <c r="AXV610" s="137"/>
      <c r="AXW610" s="137"/>
      <c r="AXX610" s="137"/>
      <c r="AXY610" s="137"/>
      <c r="AXZ610" s="137"/>
      <c r="AYA610" s="137"/>
      <c r="AYB610" s="137"/>
      <c r="AYC610" s="137"/>
      <c r="AYD610" s="137"/>
      <c r="AYE610" s="137"/>
      <c r="AYF610" s="137"/>
      <c r="AYG610" s="137"/>
      <c r="AYH610" s="137"/>
      <c r="AYI610" s="137"/>
      <c r="AYJ610" s="137"/>
      <c r="AYK610" s="137"/>
      <c r="AYL610" s="137"/>
      <c r="AYM610" s="137"/>
      <c r="AYN610" s="137"/>
      <c r="AYO610" s="137"/>
      <c r="AYP610" s="137"/>
      <c r="AYQ610" s="137"/>
      <c r="AYR610" s="137"/>
      <c r="AYS610" s="137"/>
      <c r="AYT610" s="137"/>
      <c r="AYU610" s="137"/>
      <c r="AYV610" s="137"/>
      <c r="AYW610" s="137"/>
      <c r="AYX610" s="137"/>
      <c r="AYY610" s="137"/>
      <c r="AYZ610" s="137"/>
      <c r="AZA610" s="137"/>
      <c r="AZB610" s="137"/>
      <c r="AZC610" s="137"/>
      <c r="AZD610" s="137"/>
      <c r="AZE610" s="137"/>
      <c r="AZF610" s="137"/>
      <c r="AZG610" s="137"/>
      <c r="AZH610" s="137"/>
      <c r="AZI610" s="137"/>
      <c r="AZJ610" s="137"/>
      <c r="AZK610" s="137"/>
      <c r="AZL610" s="137"/>
      <c r="AZM610" s="137"/>
      <c r="AZN610" s="137"/>
      <c r="AZO610" s="137"/>
      <c r="AZP610" s="137"/>
      <c r="AZQ610" s="137"/>
      <c r="AZR610" s="137"/>
      <c r="AZS610" s="137"/>
      <c r="AZT610" s="137"/>
      <c r="AZU610" s="137"/>
      <c r="AZV610" s="137"/>
      <c r="AZW610" s="137"/>
      <c r="AZX610" s="137"/>
      <c r="AZY610" s="137"/>
      <c r="AZZ610" s="137"/>
      <c r="BAA610" s="137"/>
      <c r="BAB610" s="137"/>
      <c r="BAC610" s="137"/>
      <c r="BAD610" s="137"/>
      <c r="BAE610" s="137"/>
      <c r="BAF610" s="137"/>
      <c r="BAG610" s="137"/>
      <c r="BAH610" s="137"/>
      <c r="BAI610" s="137"/>
      <c r="BAJ610" s="137"/>
      <c r="BAK610" s="137"/>
      <c r="BAL610" s="137"/>
      <c r="BAM610" s="137"/>
      <c r="BAN610" s="137"/>
      <c r="BAO610" s="137"/>
      <c r="BAP610" s="137"/>
      <c r="BAQ610" s="137"/>
      <c r="BAR610" s="137"/>
      <c r="BAS610" s="137"/>
      <c r="BAT610" s="137"/>
      <c r="BAU610" s="137"/>
      <c r="BAV610" s="137"/>
      <c r="BAW610" s="137"/>
      <c r="BAX610" s="137"/>
      <c r="BAY610" s="137"/>
      <c r="BAZ610" s="137"/>
      <c r="BBA610" s="137"/>
      <c r="BBB610" s="137"/>
      <c r="BBC610" s="137"/>
      <c r="BBD610" s="137"/>
      <c r="BBE610" s="137"/>
      <c r="BBF610" s="137"/>
      <c r="BBG610" s="137"/>
      <c r="BBH610" s="137"/>
      <c r="BBI610" s="137"/>
      <c r="BBJ610" s="137"/>
      <c r="BBK610" s="137"/>
      <c r="BBL610" s="137"/>
      <c r="BBM610" s="137"/>
      <c r="BBN610" s="137"/>
      <c r="BBO610" s="137"/>
      <c r="BBP610" s="137"/>
      <c r="BBQ610" s="137"/>
      <c r="BBR610" s="137"/>
      <c r="BBS610" s="137"/>
      <c r="BBT610" s="137"/>
      <c r="BBU610" s="137"/>
      <c r="BBV610" s="137"/>
      <c r="BBW610" s="137"/>
      <c r="BBX610" s="137"/>
      <c r="BBY610" s="137"/>
      <c r="BBZ610" s="137"/>
      <c r="BCA610" s="137"/>
      <c r="BCB610" s="137"/>
      <c r="BCC610" s="137"/>
      <c r="BCD610" s="137"/>
      <c r="BCE610" s="137"/>
      <c r="BCF610" s="137"/>
      <c r="BCG610" s="137"/>
      <c r="BCH610" s="137"/>
      <c r="BCI610" s="137"/>
      <c r="BCJ610" s="137"/>
      <c r="BCK610" s="137"/>
      <c r="BCL610" s="137"/>
      <c r="BCM610" s="137"/>
      <c r="BCN610" s="137"/>
      <c r="BCO610" s="137"/>
      <c r="BCP610" s="137"/>
      <c r="BCQ610" s="137"/>
      <c r="BCR610" s="137"/>
      <c r="BCS610" s="137"/>
      <c r="BCT610" s="137"/>
      <c r="BCU610" s="137"/>
      <c r="BCV610" s="137"/>
      <c r="BCW610" s="137"/>
      <c r="BCX610" s="137"/>
      <c r="BCY610" s="137"/>
      <c r="BCZ610" s="137"/>
      <c r="BDA610" s="137"/>
      <c r="BDB610" s="137"/>
      <c r="BDC610" s="137"/>
      <c r="BDD610" s="137"/>
      <c r="BDE610" s="137"/>
      <c r="BDF610" s="137"/>
      <c r="BDG610" s="137"/>
      <c r="BDH610" s="137"/>
      <c r="BDI610" s="137"/>
      <c r="BDJ610" s="137"/>
      <c r="BDK610" s="137"/>
      <c r="BDL610" s="137"/>
      <c r="BDM610" s="137"/>
      <c r="BDN610" s="137"/>
      <c r="BDO610" s="137"/>
      <c r="BDP610" s="137"/>
      <c r="BDQ610" s="137"/>
      <c r="BDR610" s="137"/>
      <c r="BDS610" s="137"/>
      <c r="BDT610" s="137"/>
      <c r="BDU610" s="137"/>
      <c r="BDV610" s="137"/>
      <c r="BDW610" s="137"/>
      <c r="BDX610" s="137"/>
      <c r="BDY610" s="137"/>
      <c r="BDZ610" s="137"/>
      <c r="BEA610" s="137"/>
      <c r="BEB610" s="137"/>
      <c r="BEC610" s="137"/>
      <c r="BED610" s="137"/>
      <c r="BEE610" s="137"/>
      <c r="BEF610" s="137"/>
      <c r="BEG610" s="137"/>
      <c r="BEH610" s="137"/>
      <c r="BEI610" s="137"/>
      <c r="BEJ610" s="137"/>
      <c r="BEK610" s="137"/>
      <c r="BEL610" s="137"/>
      <c r="BEM610" s="137"/>
      <c r="BEN610" s="137"/>
      <c r="BEO610" s="137"/>
      <c r="BEP610" s="137"/>
      <c r="BEQ610" s="137"/>
      <c r="BER610" s="137"/>
      <c r="BES610" s="137"/>
      <c r="BET610" s="137"/>
      <c r="BEU610" s="137"/>
      <c r="BEV610" s="137"/>
      <c r="BEW610" s="137"/>
      <c r="BEX610" s="137"/>
      <c r="BEY610" s="137"/>
      <c r="BEZ610" s="137"/>
      <c r="BFA610" s="137"/>
      <c r="BFB610" s="137"/>
      <c r="BFC610" s="137"/>
      <c r="BFD610" s="137"/>
      <c r="BFE610" s="137"/>
      <c r="BFF610" s="137"/>
      <c r="BFG610" s="137"/>
      <c r="BFH610" s="137"/>
      <c r="BFI610" s="137"/>
      <c r="BFJ610" s="137"/>
      <c r="BFK610" s="137"/>
      <c r="BFL610" s="137"/>
      <c r="BFM610" s="137"/>
      <c r="BFN610" s="137"/>
      <c r="BFO610" s="137"/>
      <c r="BFP610" s="137"/>
      <c r="BFQ610" s="137"/>
      <c r="BFR610" s="137"/>
      <c r="BFS610" s="137"/>
      <c r="BFT610" s="137"/>
      <c r="BFU610" s="137"/>
      <c r="BFV610" s="137"/>
      <c r="BFW610" s="137"/>
      <c r="BFX610" s="137"/>
      <c r="BFY610" s="137"/>
      <c r="BFZ610" s="137"/>
      <c r="BGA610" s="137"/>
      <c r="BGB610" s="137"/>
      <c r="BGC610" s="137"/>
      <c r="BGD610" s="137"/>
      <c r="BGE610" s="137"/>
      <c r="BGF610" s="137"/>
      <c r="BGG610" s="137"/>
      <c r="BGH610" s="137"/>
      <c r="BGI610" s="137"/>
      <c r="BGJ610" s="137"/>
      <c r="BGK610" s="137"/>
      <c r="BGL610" s="137"/>
      <c r="BGM610" s="137"/>
      <c r="BGN610" s="137"/>
      <c r="BGO610" s="137"/>
      <c r="BGP610" s="137"/>
      <c r="BGQ610" s="137"/>
      <c r="BGR610" s="137"/>
      <c r="BGS610" s="137"/>
      <c r="BGT610" s="137"/>
      <c r="BGU610" s="137"/>
      <c r="BGV610" s="137"/>
      <c r="BGW610" s="137"/>
      <c r="BGX610" s="137"/>
      <c r="BGY610" s="137"/>
      <c r="BGZ610" s="137"/>
      <c r="BHA610" s="137"/>
      <c r="BHB610" s="137"/>
      <c r="BHC610" s="137"/>
      <c r="BHD610" s="137"/>
      <c r="BHE610" s="137"/>
      <c r="BHF610" s="137"/>
      <c r="BHG610" s="137"/>
      <c r="BHH610" s="137"/>
      <c r="BHI610" s="137"/>
      <c r="BHJ610" s="137"/>
      <c r="BHK610" s="137"/>
      <c r="BHL610" s="137"/>
      <c r="BHM610" s="137"/>
      <c r="BHN610" s="137"/>
      <c r="BHO610" s="137"/>
      <c r="BHP610" s="137"/>
      <c r="BHQ610" s="137"/>
      <c r="BHR610" s="137"/>
      <c r="BHS610" s="137"/>
      <c r="BHT610" s="137"/>
      <c r="BHU610" s="137"/>
      <c r="BHV610" s="137"/>
      <c r="BHW610" s="137"/>
      <c r="BHX610" s="137"/>
      <c r="BHY610" s="137"/>
      <c r="BHZ610" s="137"/>
      <c r="BIA610" s="137"/>
      <c r="BIB610" s="137"/>
      <c r="BIC610" s="137"/>
      <c r="BID610" s="137"/>
      <c r="BIE610" s="137"/>
      <c r="BIF610" s="137"/>
      <c r="BIG610" s="137"/>
      <c r="BIH610" s="137"/>
      <c r="BII610" s="137"/>
      <c r="BIJ610" s="137"/>
      <c r="BIK610" s="137"/>
      <c r="BIL610" s="137"/>
      <c r="BIM610" s="137"/>
      <c r="BIN610" s="137"/>
      <c r="BIO610" s="137"/>
      <c r="BIP610" s="137"/>
      <c r="BIQ610" s="137"/>
      <c r="BIR610" s="137"/>
      <c r="BIS610" s="137"/>
      <c r="BIT610" s="137"/>
      <c r="BIU610" s="137"/>
      <c r="BIV610" s="137"/>
      <c r="BIW610" s="137"/>
      <c r="BIX610" s="137"/>
      <c r="BIY610" s="137"/>
      <c r="BIZ610" s="137"/>
      <c r="BJA610" s="137"/>
      <c r="BJB610" s="137"/>
      <c r="BJC610" s="137"/>
      <c r="BJD610" s="137"/>
      <c r="BJE610" s="137"/>
      <c r="BJF610" s="137"/>
      <c r="BJG610" s="137"/>
      <c r="BJH610" s="137"/>
      <c r="BJI610" s="137"/>
      <c r="BJJ610" s="137"/>
      <c r="BJK610" s="137"/>
      <c r="BJL610" s="137"/>
      <c r="BJM610" s="137"/>
      <c r="BJN610" s="137"/>
      <c r="BJO610" s="137"/>
      <c r="BJP610" s="137"/>
      <c r="BJQ610" s="137"/>
      <c r="BJR610" s="137"/>
      <c r="BJS610" s="137"/>
      <c r="BJT610" s="137"/>
      <c r="BJU610" s="137"/>
      <c r="BJV610" s="137"/>
      <c r="BJW610" s="137"/>
      <c r="BJX610" s="137"/>
      <c r="BJY610" s="137"/>
      <c r="BJZ610" s="137"/>
      <c r="BKA610" s="137"/>
      <c r="BKB610" s="137"/>
      <c r="BKC610" s="137"/>
      <c r="BKD610" s="137"/>
      <c r="BKE610" s="137"/>
      <c r="BKF610" s="137"/>
      <c r="BKG610" s="137"/>
      <c r="BKH610" s="137"/>
      <c r="BKI610" s="137"/>
      <c r="BKJ610" s="137"/>
      <c r="BKK610" s="137"/>
      <c r="BKL610" s="137"/>
      <c r="BKM610" s="137"/>
      <c r="BKN610" s="137"/>
      <c r="BKO610" s="137"/>
      <c r="BKP610" s="137"/>
      <c r="BKQ610" s="137"/>
      <c r="BKR610" s="137"/>
      <c r="BKS610" s="137"/>
      <c r="BKT610" s="137"/>
      <c r="BKU610" s="137"/>
      <c r="BKV610" s="137"/>
      <c r="BKW610" s="137"/>
      <c r="BKX610" s="137"/>
      <c r="BKY610" s="137"/>
      <c r="BKZ610" s="137"/>
      <c r="BLA610" s="137"/>
      <c r="BLB610" s="137"/>
      <c r="BLC610" s="137"/>
      <c r="BLD610" s="137"/>
      <c r="BLE610" s="137"/>
      <c r="BLF610" s="137"/>
      <c r="BLG610" s="137"/>
      <c r="BLH610" s="137"/>
      <c r="BLI610" s="137"/>
      <c r="BLJ610" s="137"/>
      <c r="BLK610" s="137"/>
      <c r="BLL610" s="137"/>
      <c r="BLM610" s="137"/>
      <c r="BLN610" s="137"/>
      <c r="BLO610" s="137"/>
      <c r="BLP610" s="137"/>
      <c r="BLQ610" s="137"/>
      <c r="BLR610" s="137"/>
      <c r="BLS610" s="137"/>
      <c r="BLT610" s="137"/>
      <c r="BLU610" s="137"/>
      <c r="BLV610" s="137"/>
      <c r="BLW610" s="137"/>
      <c r="BLX610" s="137"/>
      <c r="BLY610" s="137"/>
      <c r="BLZ610" s="137"/>
      <c r="BMA610" s="137"/>
      <c r="BMB610" s="137"/>
      <c r="BMC610" s="137"/>
      <c r="BMD610" s="137"/>
      <c r="BME610" s="137"/>
      <c r="BMF610" s="137"/>
      <c r="BMG610" s="137"/>
      <c r="BMH610" s="137"/>
      <c r="BMI610" s="137"/>
      <c r="BMJ610" s="137"/>
      <c r="BMK610" s="137"/>
      <c r="BML610" s="137"/>
      <c r="BMM610" s="137"/>
      <c r="BMN610" s="137"/>
      <c r="BMO610" s="137"/>
      <c r="BMP610" s="137"/>
      <c r="BMQ610" s="137"/>
      <c r="BMR610" s="137"/>
      <c r="BMS610" s="137"/>
      <c r="BMT610" s="137"/>
      <c r="BMU610" s="137"/>
      <c r="BMV610" s="137"/>
      <c r="BMW610" s="137"/>
      <c r="BMX610" s="137"/>
      <c r="BMY610" s="137"/>
      <c r="BMZ610" s="137"/>
      <c r="BNA610" s="137"/>
      <c r="BNB610" s="137"/>
      <c r="BNC610" s="137"/>
      <c r="BND610" s="137"/>
      <c r="BNE610" s="137"/>
      <c r="BNF610" s="137"/>
      <c r="BNG610" s="137"/>
      <c r="BNH610" s="137"/>
      <c r="BNI610" s="137"/>
      <c r="BNJ610" s="137"/>
      <c r="BNK610" s="137"/>
      <c r="BNL610" s="137"/>
      <c r="BNM610" s="137"/>
      <c r="BNN610" s="137"/>
      <c r="BNO610" s="137"/>
      <c r="BNP610" s="137"/>
      <c r="BNQ610" s="137"/>
      <c r="BNR610" s="137"/>
      <c r="BNS610" s="137"/>
      <c r="BNT610" s="137"/>
      <c r="BNU610" s="137"/>
      <c r="BNV610" s="137"/>
      <c r="BNW610" s="137"/>
      <c r="BNX610" s="137"/>
      <c r="BNY610" s="137"/>
      <c r="BNZ610" s="137"/>
      <c r="BOA610" s="137"/>
      <c r="BOB610" s="137"/>
      <c r="BOC610" s="137"/>
      <c r="BOD610" s="137"/>
      <c r="BOE610" s="137"/>
      <c r="BOF610" s="137"/>
      <c r="BOG610" s="137"/>
      <c r="BOH610" s="137"/>
      <c r="BOI610" s="137"/>
      <c r="BOJ610" s="137"/>
      <c r="BOK610" s="137"/>
      <c r="BOL610" s="137"/>
      <c r="BOM610" s="137"/>
      <c r="BON610" s="137"/>
      <c r="BOO610" s="137"/>
      <c r="BOP610" s="137"/>
      <c r="BOQ610" s="137"/>
      <c r="BOR610" s="137"/>
      <c r="BOS610" s="137"/>
      <c r="BOT610" s="137"/>
      <c r="BOU610" s="137"/>
      <c r="BOV610" s="137"/>
      <c r="BOW610" s="137"/>
      <c r="BOX610" s="137"/>
      <c r="BOY610" s="137"/>
      <c r="BOZ610" s="137"/>
      <c r="BPA610" s="137"/>
      <c r="BPB610" s="137"/>
      <c r="BPC610" s="137"/>
      <c r="BPD610" s="137"/>
      <c r="BPE610" s="137"/>
      <c r="BPF610" s="137"/>
      <c r="BPG610" s="137"/>
      <c r="BPH610" s="137"/>
      <c r="BPI610" s="137"/>
      <c r="BPJ610" s="137"/>
      <c r="BPK610" s="137"/>
      <c r="BPL610" s="137"/>
      <c r="BPM610" s="137"/>
      <c r="BPN610" s="137"/>
      <c r="BPO610" s="137"/>
      <c r="BPP610" s="137"/>
      <c r="BPQ610" s="137"/>
      <c r="BPR610" s="137"/>
      <c r="BPS610" s="137"/>
      <c r="BPT610" s="137"/>
      <c r="BPU610" s="137"/>
      <c r="BPV610" s="137"/>
      <c r="BPW610" s="137"/>
      <c r="BPX610" s="137"/>
      <c r="BPY610" s="137"/>
      <c r="BPZ610" s="137"/>
      <c r="BQA610" s="137"/>
      <c r="BQB610" s="137"/>
      <c r="BQC610" s="137"/>
      <c r="BQD610" s="137"/>
      <c r="BQE610" s="137"/>
      <c r="BQF610" s="137"/>
      <c r="BQG610" s="137"/>
      <c r="BQH610" s="137"/>
      <c r="BQI610" s="137"/>
      <c r="BQJ610" s="137"/>
      <c r="BQK610" s="137"/>
      <c r="BQL610" s="137"/>
      <c r="BQM610" s="137"/>
      <c r="BQN610" s="137"/>
      <c r="BQO610" s="137"/>
      <c r="BQP610" s="137"/>
      <c r="BQQ610" s="137"/>
      <c r="BQR610" s="137"/>
      <c r="BQS610" s="137"/>
      <c r="BQT610" s="137"/>
      <c r="BQU610" s="137"/>
      <c r="BQV610" s="137"/>
      <c r="BQW610" s="137"/>
      <c r="BQX610" s="137"/>
      <c r="BQY610" s="137"/>
      <c r="BQZ610" s="137"/>
      <c r="BRA610" s="137"/>
      <c r="BRB610" s="137"/>
      <c r="BRC610" s="137"/>
      <c r="BRD610" s="137"/>
      <c r="BRE610" s="137"/>
      <c r="BRF610" s="137"/>
      <c r="BRG610" s="137"/>
      <c r="BRH610" s="137"/>
      <c r="BRI610" s="137"/>
      <c r="BRJ610" s="137"/>
      <c r="BRK610" s="137"/>
      <c r="BRL610" s="137"/>
      <c r="BRM610" s="137"/>
      <c r="BRN610" s="137"/>
      <c r="BRO610" s="137"/>
      <c r="BRP610" s="137"/>
      <c r="BRQ610" s="137"/>
      <c r="BRR610" s="137"/>
      <c r="BRS610" s="137"/>
      <c r="BRT610" s="137"/>
      <c r="BRU610" s="137"/>
      <c r="BRV610" s="137"/>
      <c r="BRW610" s="137"/>
      <c r="BRX610" s="137"/>
      <c r="BRY610" s="137"/>
      <c r="BRZ610" s="137"/>
      <c r="BSA610" s="137"/>
      <c r="BSB610" s="137"/>
      <c r="BSC610" s="137"/>
      <c r="BSD610" s="137"/>
      <c r="BSE610" s="137"/>
      <c r="BSF610" s="137"/>
      <c r="BSG610" s="137"/>
      <c r="BSH610" s="137"/>
      <c r="BSI610" s="137"/>
      <c r="BSJ610" s="137"/>
      <c r="BSK610" s="137"/>
      <c r="BSL610" s="137"/>
      <c r="BSM610" s="137"/>
      <c r="BSN610" s="137"/>
      <c r="BSO610" s="137"/>
      <c r="BSP610" s="137"/>
      <c r="BSQ610" s="137"/>
      <c r="BSR610" s="137"/>
      <c r="BSS610" s="137"/>
      <c r="BST610" s="137"/>
      <c r="BSU610" s="137"/>
      <c r="BSV610" s="137"/>
      <c r="BSW610" s="137"/>
      <c r="BSX610" s="137"/>
      <c r="BSY610" s="137"/>
      <c r="BSZ610" s="137"/>
      <c r="BTA610" s="137"/>
      <c r="BTB610" s="137"/>
      <c r="BTC610" s="137"/>
      <c r="BTD610" s="137"/>
      <c r="BTE610" s="137"/>
      <c r="BTF610" s="137"/>
      <c r="BTG610" s="137"/>
      <c r="BTH610" s="137"/>
      <c r="BTI610" s="137"/>
      <c r="BTJ610" s="137"/>
      <c r="BTK610" s="137"/>
      <c r="BTL610" s="137"/>
      <c r="BTM610" s="137"/>
      <c r="BTN610" s="137"/>
      <c r="BTO610" s="137"/>
      <c r="BTP610" s="137"/>
      <c r="BTQ610" s="137"/>
      <c r="BTR610" s="137"/>
      <c r="BTS610" s="137"/>
      <c r="BTT610" s="137"/>
      <c r="BTU610" s="137"/>
      <c r="BTV610" s="137"/>
      <c r="BTW610" s="137"/>
      <c r="BTX610" s="137"/>
      <c r="BTY610" s="137"/>
      <c r="BTZ610" s="137"/>
      <c r="BUA610" s="137"/>
      <c r="BUB610" s="137"/>
      <c r="BUC610" s="137"/>
      <c r="BUD610" s="137"/>
      <c r="BUE610" s="137"/>
      <c r="BUF610" s="137"/>
      <c r="BUG610" s="137"/>
      <c r="BUH610" s="137"/>
      <c r="BUI610" s="137"/>
      <c r="BUJ610" s="137"/>
      <c r="BUK610" s="137"/>
      <c r="BUL610" s="137"/>
      <c r="BUM610" s="137"/>
      <c r="BUN610" s="137"/>
      <c r="BUO610" s="137"/>
      <c r="BUP610" s="137"/>
      <c r="BUQ610" s="137"/>
      <c r="BUR610" s="137"/>
      <c r="BUS610" s="137"/>
      <c r="BUT610" s="137"/>
      <c r="BUU610" s="137"/>
      <c r="BUV610" s="137"/>
      <c r="BUW610" s="137"/>
      <c r="BUX610" s="137"/>
      <c r="BUY610" s="137"/>
      <c r="BUZ610" s="137"/>
      <c r="BVA610" s="137"/>
      <c r="BVB610" s="137"/>
      <c r="BVC610" s="137"/>
      <c r="BVD610" s="137"/>
      <c r="BVE610" s="137"/>
      <c r="BVF610" s="137"/>
      <c r="BVG610" s="137"/>
      <c r="BVH610" s="137"/>
      <c r="BVI610" s="137"/>
      <c r="BVJ610" s="137"/>
      <c r="BVK610" s="137"/>
      <c r="BVL610" s="137"/>
      <c r="BVM610" s="137"/>
      <c r="BVN610" s="137"/>
      <c r="BVO610" s="137"/>
      <c r="BVP610" s="137"/>
      <c r="BVQ610" s="137"/>
      <c r="BVR610" s="137"/>
      <c r="BVS610" s="137"/>
      <c r="BVT610" s="137"/>
      <c r="BVU610" s="137"/>
      <c r="BVV610" s="137"/>
      <c r="BVW610" s="137"/>
      <c r="BVX610" s="137"/>
      <c r="BVY610" s="137"/>
      <c r="BVZ610" s="137"/>
      <c r="BWA610" s="137"/>
      <c r="BWB610" s="137"/>
      <c r="BWC610" s="137"/>
      <c r="BWD610" s="137"/>
      <c r="BWE610" s="137"/>
      <c r="BWF610" s="137"/>
      <c r="BWG610" s="137"/>
      <c r="BWH610" s="137"/>
      <c r="BWI610" s="137"/>
      <c r="BWJ610" s="137"/>
      <c r="BWK610" s="137"/>
      <c r="BWL610" s="137"/>
      <c r="BWM610" s="137"/>
      <c r="BWN610" s="137"/>
      <c r="BWO610" s="137"/>
      <c r="BWP610" s="137"/>
      <c r="BWQ610" s="137"/>
      <c r="BWR610" s="137"/>
      <c r="BWS610" s="137"/>
      <c r="BWT610" s="137"/>
      <c r="BWU610" s="137"/>
      <c r="BWV610" s="137"/>
      <c r="BWW610" s="137"/>
      <c r="BWX610" s="137"/>
      <c r="BWY610" s="137"/>
      <c r="BWZ610" s="137"/>
      <c r="BXA610" s="137"/>
      <c r="BXB610" s="137"/>
      <c r="BXC610" s="137"/>
      <c r="BXD610" s="137"/>
      <c r="BXE610" s="137"/>
      <c r="BXF610" s="137"/>
      <c r="BXG610" s="137"/>
      <c r="BXH610" s="137"/>
      <c r="BXI610" s="137"/>
      <c r="BXJ610" s="137"/>
      <c r="BXK610" s="137"/>
      <c r="BXL610" s="137"/>
      <c r="BXM610" s="137"/>
      <c r="BXN610" s="137"/>
      <c r="BXO610" s="137"/>
      <c r="BXP610" s="137"/>
      <c r="BXQ610" s="137"/>
      <c r="BXR610" s="137"/>
      <c r="BXS610" s="137"/>
      <c r="BXT610" s="137"/>
      <c r="BXU610" s="137"/>
      <c r="BXV610" s="137"/>
      <c r="BXW610" s="137"/>
      <c r="BXX610" s="137"/>
      <c r="BXY610" s="137"/>
      <c r="BXZ610" s="137"/>
      <c r="BYA610" s="137"/>
      <c r="BYB610" s="137"/>
      <c r="BYC610" s="137"/>
      <c r="BYD610" s="137"/>
      <c r="BYE610" s="137"/>
      <c r="BYF610" s="137"/>
      <c r="BYG610" s="137"/>
      <c r="BYH610" s="137"/>
      <c r="BYI610" s="137"/>
      <c r="BYJ610" s="137"/>
      <c r="BYK610" s="137"/>
      <c r="BYL610" s="137"/>
      <c r="BYM610" s="137"/>
      <c r="BYN610" s="137"/>
      <c r="BYO610" s="137"/>
      <c r="BYP610" s="137"/>
      <c r="BYQ610" s="137"/>
      <c r="BYR610" s="137"/>
      <c r="BYS610" s="137"/>
      <c r="BYT610" s="137"/>
      <c r="BYU610" s="137"/>
      <c r="BYV610" s="137"/>
      <c r="BYW610" s="137"/>
      <c r="BYX610" s="137"/>
      <c r="BYY610" s="137"/>
      <c r="BYZ610" s="137"/>
      <c r="BZA610" s="137"/>
      <c r="BZB610" s="137"/>
      <c r="BZC610" s="137"/>
      <c r="BZD610" s="137"/>
      <c r="BZE610" s="137"/>
      <c r="BZF610" s="137"/>
      <c r="BZG610" s="137"/>
      <c r="BZH610" s="137"/>
      <c r="BZI610" s="137"/>
      <c r="BZJ610" s="137"/>
      <c r="BZK610" s="137"/>
      <c r="BZL610" s="137"/>
      <c r="BZM610" s="137"/>
      <c r="BZN610" s="137"/>
      <c r="BZO610" s="137"/>
      <c r="BZP610" s="137"/>
      <c r="BZQ610" s="137"/>
      <c r="BZR610" s="137"/>
      <c r="BZS610" s="137"/>
      <c r="BZT610" s="137"/>
      <c r="BZU610" s="137"/>
      <c r="BZV610" s="137"/>
      <c r="BZW610" s="137"/>
      <c r="BZX610" s="137"/>
      <c r="BZY610" s="137"/>
      <c r="BZZ610" s="137"/>
      <c r="CAA610" s="137"/>
      <c r="CAB610" s="137"/>
      <c r="CAC610" s="137"/>
      <c r="CAD610" s="137"/>
      <c r="CAE610" s="137"/>
      <c r="CAF610" s="137"/>
      <c r="CAG610" s="137"/>
      <c r="CAH610" s="137"/>
      <c r="CAI610" s="137"/>
      <c r="CAJ610" s="137"/>
      <c r="CAK610" s="137"/>
      <c r="CAL610" s="137"/>
      <c r="CAM610" s="137"/>
      <c r="CAN610" s="137"/>
      <c r="CAO610" s="137"/>
      <c r="CAP610" s="137"/>
      <c r="CAQ610" s="137"/>
      <c r="CAR610" s="137"/>
      <c r="CAS610" s="137"/>
      <c r="CAT610" s="137"/>
      <c r="CAU610" s="137"/>
      <c r="CAV610" s="137"/>
      <c r="CAW610" s="137"/>
      <c r="CAX610" s="137"/>
      <c r="CAY610" s="137"/>
      <c r="CAZ610" s="137"/>
      <c r="CBA610" s="137"/>
      <c r="CBB610" s="137"/>
      <c r="CBC610" s="137"/>
      <c r="CBD610" s="137"/>
      <c r="CBE610" s="137"/>
      <c r="CBF610" s="137"/>
      <c r="CBG610" s="137"/>
      <c r="CBH610" s="137"/>
      <c r="CBI610" s="137"/>
      <c r="CBJ610" s="137"/>
      <c r="CBK610" s="137"/>
      <c r="CBL610" s="137"/>
      <c r="CBM610" s="137"/>
      <c r="CBN610" s="137"/>
      <c r="CBO610" s="137"/>
      <c r="CBP610" s="137"/>
      <c r="CBQ610" s="137"/>
      <c r="CBR610" s="137"/>
      <c r="CBS610" s="137"/>
      <c r="CBT610" s="137"/>
      <c r="CBU610" s="137"/>
      <c r="CBV610" s="137"/>
      <c r="CBW610" s="137"/>
      <c r="CBX610" s="137"/>
      <c r="CBY610" s="137"/>
      <c r="CBZ610" s="137"/>
      <c r="CCA610" s="137"/>
      <c r="CCB610" s="137"/>
      <c r="CCC610" s="137"/>
      <c r="CCD610" s="137"/>
      <c r="CCE610" s="137"/>
      <c r="CCF610" s="137"/>
      <c r="CCG610" s="137"/>
      <c r="CCH610" s="137"/>
      <c r="CCI610" s="137"/>
      <c r="CCJ610" s="137"/>
      <c r="CCK610" s="137"/>
      <c r="CCL610" s="137"/>
      <c r="CCM610" s="137"/>
      <c r="CCN610" s="137"/>
      <c r="CCO610" s="137"/>
      <c r="CCP610" s="137"/>
      <c r="CCQ610" s="137"/>
      <c r="CCR610" s="137"/>
      <c r="CCS610" s="137"/>
      <c r="CCT610" s="137"/>
      <c r="CCU610" s="137"/>
      <c r="CCV610" s="137"/>
      <c r="CCW610" s="137"/>
      <c r="CCX610" s="137"/>
      <c r="CCY610" s="137"/>
      <c r="CCZ610" s="137"/>
      <c r="CDA610" s="137"/>
      <c r="CDB610" s="137"/>
      <c r="CDC610" s="137"/>
      <c r="CDD610" s="137"/>
      <c r="CDE610" s="137"/>
      <c r="CDF610" s="137"/>
      <c r="CDG610" s="137"/>
      <c r="CDH610" s="137"/>
      <c r="CDI610" s="137"/>
      <c r="CDJ610" s="137"/>
      <c r="CDK610" s="137"/>
      <c r="CDL610" s="137"/>
      <c r="CDM610" s="137"/>
      <c r="CDN610" s="137"/>
      <c r="CDO610" s="137"/>
      <c r="CDP610" s="137"/>
      <c r="CDQ610" s="137"/>
      <c r="CDR610" s="137"/>
      <c r="CDS610" s="137"/>
      <c r="CDT610" s="137"/>
      <c r="CDU610" s="137"/>
      <c r="CDV610" s="137"/>
      <c r="CDW610" s="137"/>
      <c r="CDX610" s="137"/>
      <c r="CDY610" s="137"/>
      <c r="CDZ610" s="137"/>
      <c r="CEA610" s="137"/>
      <c r="CEB610" s="137"/>
      <c r="CEC610" s="137"/>
      <c r="CED610" s="137"/>
      <c r="CEE610" s="137"/>
      <c r="CEF610" s="137"/>
      <c r="CEG610" s="137"/>
      <c r="CEH610" s="137"/>
      <c r="CEI610" s="137"/>
      <c r="CEJ610" s="137"/>
      <c r="CEK610" s="137"/>
      <c r="CEL610" s="137"/>
      <c r="CEM610" s="137"/>
      <c r="CEN610" s="137"/>
      <c r="CEO610" s="137"/>
      <c r="CEP610" s="137"/>
      <c r="CEQ610" s="137"/>
      <c r="CER610" s="137"/>
      <c r="CES610" s="137"/>
      <c r="CET610" s="137"/>
      <c r="CEU610" s="137"/>
      <c r="CEV610" s="137"/>
      <c r="CEW610" s="137"/>
      <c r="CEX610" s="137"/>
      <c r="CEY610" s="137"/>
      <c r="CEZ610" s="137"/>
      <c r="CFA610" s="137"/>
      <c r="CFB610" s="137"/>
      <c r="CFC610" s="137"/>
      <c r="CFD610" s="137"/>
      <c r="CFE610" s="137"/>
      <c r="CFF610" s="137"/>
      <c r="CFG610" s="137"/>
      <c r="CFH610" s="137"/>
      <c r="CFI610" s="137"/>
      <c r="CFJ610" s="137"/>
      <c r="CFK610" s="137"/>
      <c r="CFL610" s="137"/>
      <c r="CFM610" s="137"/>
      <c r="CFN610" s="137"/>
      <c r="CFO610" s="137"/>
      <c r="CFP610" s="137"/>
      <c r="CFQ610" s="137"/>
      <c r="CFR610" s="137"/>
      <c r="CFS610" s="137"/>
      <c r="CFT610" s="137"/>
      <c r="CFU610" s="137"/>
      <c r="CFV610" s="137"/>
      <c r="CFW610" s="137"/>
      <c r="CFX610" s="137"/>
      <c r="CFY610" s="137"/>
      <c r="CFZ610" s="137"/>
      <c r="CGA610" s="137"/>
      <c r="CGB610" s="137"/>
      <c r="CGC610" s="137"/>
      <c r="CGD610" s="137"/>
      <c r="CGE610" s="137"/>
      <c r="CGF610" s="137"/>
      <c r="CGG610" s="137"/>
      <c r="CGH610" s="137"/>
      <c r="CGI610" s="137"/>
      <c r="CGJ610" s="137"/>
      <c r="CGK610" s="137"/>
      <c r="CGL610" s="137"/>
      <c r="CGM610" s="137"/>
      <c r="CGN610" s="137"/>
      <c r="CGO610" s="137"/>
      <c r="CGP610" s="137"/>
      <c r="CGQ610" s="137"/>
      <c r="CGR610" s="137"/>
      <c r="CGS610" s="137"/>
      <c r="CGT610" s="137"/>
      <c r="CGU610" s="137"/>
      <c r="CGV610" s="137"/>
      <c r="CGW610" s="137"/>
      <c r="CGX610" s="137"/>
      <c r="CGY610" s="137"/>
      <c r="CGZ610" s="137"/>
      <c r="CHA610" s="137"/>
      <c r="CHB610" s="137"/>
      <c r="CHC610" s="137"/>
      <c r="CHD610" s="137"/>
      <c r="CHE610" s="137"/>
      <c r="CHF610" s="137"/>
      <c r="CHG610" s="137"/>
      <c r="CHH610" s="137"/>
      <c r="CHI610" s="137"/>
      <c r="CHJ610" s="137"/>
      <c r="CHK610" s="137"/>
      <c r="CHL610" s="137"/>
      <c r="CHM610" s="137"/>
      <c r="CHN610" s="137"/>
      <c r="CHO610" s="137"/>
      <c r="CHP610" s="137"/>
      <c r="CHQ610" s="137"/>
      <c r="CHR610" s="137"/>
      <c r="CHS610" s="137"/>
      <c r="CHT610" s="137"/>
      <c r="CHU610" s="137"/>
      <c r="CHV610" s="137"/>
      <c r="CHW610" s="137"/>
      <c r="CHX610" s="137"/>
      <c r="CHY610" s="137"/>
      <c r="CHZ610" s="137"/>
      <c r="CIA610" s="137"/>
      <c r="CIB610" s="137"/>
      <c r="CIC610" s="137"/>
      <c r="CID610" s="137"/>
      <c r="CIE610" s="137"/>
      <c r="CIF610" s="137"/>
      <c r="CIG610" s="137"/>
      <c r="CIH610" s="137"/>
      <c r="CII610" s="137"/>
      <c r="CIJ610" s="137"/>
      <c r="CIK610" s="137"/>
      <c r="CIL610" s="137"/>
      <c r="CIM610" s="137"/>
      <c r="CIN610" s="137"/>
      <c r="CIO610" s="137"/>
      <c r="CIP610" s="137"/>
      <c r="CIQ610" s="137"/>
      <c r="CIR610" s="137"/>
      <c r="CIS610" s="137"/>
      <c r="CIT610" s="137"/>
      <c r="CIU610" s="137"/>
      <c r="CIV610" s="137"/>
      <c r="CIW610" s="137"/>
      <c r="CIX610" s="137"/>
      <c r="CIY610" s="137"/>
      <c r="CIZ610" s="137"/>
      <c r="CJA610" s="137"/>
      <c r="CJB610" s="137"/>
      <c r="CJC610" s="137"/>
      <c r="CJD610" s="137"/>
      <c r="CJE610" s="137"/>
      <c r="CJF610" s="137"/>
      <c r="CJG610" s="137"/>
      <c r="CJH610" s="137"/>
      <c r="CJI610" s="137"/>
      <c r="CJJ610" s="137"/>
      <c r="CJK610" s="137"/>
      <c r="CJL610" s="137"/>
      <c r="CJM610" s="137"/>
      <c r="CJN610" s="137"/>
      <c r="CJO610" s="137"/>
      <c r="CJP610" s="137"/>
      <c r="CJQ610" s="137"/>
      <c r="CJR610" s="137"/>
      <c r="CJS610" s="137"/>
      <c r="CJT610" s="137"/>
      <c r="CJU610" s="137"/>
      <c r="CJV610" s="137"/>
      <c r="CJW610" s="137"/>
      <c r="CJX610" s="137"/>
      <c r="CJY610" s="137"/>
      <c r="CJZ610" s="137"/>
      <c r="CKA610" s="137"/>
      <c r="CKB610" s="137"/>
      <c r="CKC610" s="137"/>
      <c r="CKD610" s="137"/>
      <c r="CKE610" s="137"/>
      <c r="CKF610" s="137"/>
      <c r="CKG610" s="137"/>
      <c r="CKH610" s="137"/>
      <c r="CKI610" s="137"/>
      <c r="CKJ610" s="137"/>
      <c r="CKK610" s="137"/>
      <c r="CKL610" s="137"/>
      <c r="CKM610" s="137"/>
      <c r="CKN610" s="137"/>
      <c r="CKO610" s="137"/>
      <c r="CKP610" s="137"/>
      <c r="CKQ610" s="137"/>
      <c r="CKR610" s="137"/>
      <c r="CKS610" s="137"/>
      <c r="CKT610" s="137"/>
      <c r="CKU610" s="137"/>
      <c r="CKV610" s="137"/>
      <c r="CKW610" s="137"/>
      <c r="CKX610" s="137"/>
      <c r="CKY610" s="137"/>
      <c r="CKZ610" s="137"/>
      <c r="CLA610" s="137"/>
      <c r="CLB610" s="137"/>
      <c r="CLC610" s="137"/>
      <c r="CLD610" s="137"/>
      <c r="CLE610" s="137"/>
      <c r="CLF610" s="137"/>
      <c r="CLG610" s="137"/>
      <c r="CLH610" s="137"/>
      <c r="CLI610" s="137"/>
      <c r="CLJ610" s="137"/>
      <c r="CLK610" s="137"/>
      <c r="CLL610" s="137"/>
      <c r="CLM610" s="137"/>
      <c r="CLN610" s="137"/>
      <c r="CLO610" s="137"/>
      <c r="CLP610" s="137"/>
      <c r="CLQ610" s="137"/>
      <c r="CLR610" s="137"/>
      <c r="CLS610" s="137"/>
      <c r="CLT610" s="137"/>
      <c r="CLU610" s="137"/>
      <c r="CLV610" s="137"/>
      <c r="CLW610" s="137"/>
      <c r="CLX610" s="137"/>
      <c r="CLY610" s="137"/>
      <c r="CLZ610" s="137"/>
      <c r="CMA610" s="137"/>
      <c r="CMB610" s="137"/>
      <c r="CMC610" s="137"/>
      <c r="CMD610" s="137"/>
      <c r="CME610" s="137"/>
      <c r="CMF610" s="137"/>
      <c r="CMG610" s="137"/>
      <c r="CMH610" s="137"/>
      <c r="CMI610" s="137"/>
      <c r="CMJ610" s="137"/>
      <c r="CMK610" s="137"/>
      <c r="CML610" s="137"/>
      <c r="CMM610" s="137"/>
      <c r="CMN610" s="137"/>
      <c r="CMO610" s="137"/>
      <c r="CMP610" s="137"/>
      <c r="CMQ610" s="137"/>
      <c r="CMR610" s="137"/>
      <c r="CMS610" s="137"/>
      <c r="CMT610" s="137"/>
      <c r="CMU610" s="137"/>
      <c r="CMV610" s="137"/>
      <c r="CMW610" s="137"/>
      <c r="CMX610" s="137"/>
      <c r="CMY610" s="137"/>
      <c r="CMZ610" s="137"/>
      <c r="CNA610" s="137"/>
      <c r="CNB610" s="137"/>
      <c r="CNC610" s="137"/>
      <c r="CND610" s="137"/>
      <c r="CNE610" s="137"/>
      <c r="CNF610" s="137"/>
      <c r="CNG610" s="137"/>
      <c r="CNH610" s="137"/>
      <c r="CNI610" s="137"/>
      <c r="CNJ610" s="137"/>
      <c r="CNK610" s="137"/>
      <c r="CNL610" s="137"/>
      <c r="CNM610" s="137"/>
      <c r="CNN610" s="137"/>
      <c r="CNO610" s="137"/>
      <c r="CNP610" s="137"/>
      <c r="CNQ610" s="137"/>
      <c r="CNR610" s="137"/>
      <c r="CNS610" s="137"/>
      <c r="CNT610" s="137"/>
      <c r="CNU610" s="137"/>
      <c r="CNV610" s="137"/>
      <c r="CNW610" s="137"/>
      <c r="CNX610" s="137"/>
      <c r="CNY610" s="137"/>
      <c r="CNZ610" s="137"/>
      <c r="COA610" s="137"/>
      <c r="COB610" s="137"/>
      <c r="COC610" s="137"/>
      <c r="COD610" s="137"/>
      <c r="COE610" s="137"/>
      <c r="COF610" s="137"/>
      <c r="COG610" s="137"/>
      <c r="COH610" s="137"/>
      <c r="COI610" s="137"/>
      <c r="COJ610" s="137"/>
      <c r="COK610" s="137"/>
      <c r="COL610" s="137"/>
      <c r="COM610" s="137"/>
      <c r="CON610" s="137"/>
      <c r="COO610" s="137"/>
      <c r="COP610" s="137"/>
      <c r="COQ610" s="137"/>
      <c r="COR610" s="137"/>
      <c r="COS610" s="137"/>
      <c r="COT610" s="137"/>
      <c r="COU610" s="137"/>
      <c r="COV610" s="137"/>
      <c r="COW610" s="137"/>
      <c r="COX610" s="137"/>
      <c r="COY610" s="137"/>
      <c r="COZ610" s="137"/>
      <c r="CPA610" s="137"/>
      <c r="CPB610" s="137"/>
      <c r="CPC610" s="137"/>
      <c r="CPD610" s="137"/>
      <c r="CPE610" s="137"/>
      <c r="CPF610" s="137"/>
      <c r="CPG610" s="137"/>
      <c r="CPH610" s="137"/>
      <c r="CPI610" s="137"/>
      <c r="CPJ610" s="137"/>
      <c r="CPK610" s="137"/>
      <c r="CPL610" s="137"/>
      <c r="CPM610" s="137"/>
      <c r="CPN610" s="137"/>
      <c r="CPO610" s="137"/>
      <c r="CPP610" s="137"/>
      <c r="CPQ610" s="137"/>
      <c r="CPR610" s="137"/>
      <c r="CPS610" s="137"/>
      <c r="CPT610" s="137"/>
      <c r="CPU610" s="137"/>
      <c r="CPV610" s="137"/>
      <c r="CPW610" s="137"/>
      <c r="CPX610" s="137"/>
      <c r="CPY610" s="137"/>
      <c r="CPZ610" s="137"/>
      <c r="CQA610" s="137"/>
      <c r="CQB610" s="137"/>
      <c r="CQC610" s="137"/>
      <c r="CQD610" s="137"/>
      <c r="CQE610" s="137"/>
      <c r="CQF610" s="137"/>
      <c r="CQG610" s="137"/>
      <c r="CQH610" s="137"/>
      <c r="CQI610" s="137"/>
      <c r="CQJ610" s="137"/>
      <c r="CQK610" s="137"/>
      <c r="CQL610" s="137"/>
      <c r="CQM610" s="137"/>
      <c r="CQN610" s="137"/>
      <c r="CQO610" s="137"/>
      <c r="CQP610" s="137"/>
      <c r="CQQ610" s="137"/>
      <c r="CQR610" s="137"/>
      <c r="CQS610" s="137"/>
      <c r="CQT610" s="137"/>
      <c r="CQU610" s="137"/>
      <c r="CQV610" s="137"/>
      <c r="CQW610" s="137"/>
      <c r="CQX610" s="137"/>
      <c r="CQY610" s="137"/>
      <c r="CQZ610" s="137"/>
      <c r="CRA610" s="137"/>
      <c r="CRB610" s="137"/>
      <c r="CRC610" s="137"/>
      <c r="CRD610" s="137"/>
      <c r="CRE610" s="137"/>
      <c r="CRF610" s="137"/>
      <c r="CRG610" s="137"/>
      <c r="CRH610" s="137"/>
      <c r="CRI610" s="137"/>
      <c r="CRJ610" s="137"/>
      <c r="CRK610" s="137"/>
      <c r="CRL610" s="137"/>
      <c r="CRM610" s="137"/>
      <c r="CRN610" s="137"/>
      <c r="CRO610" s="137"/>
      <c r="CRP610" s="137"/>
      <c r="CRQ610" s="137"/>
      <c r="CRR610" s="137"/>
      <c r="CRS610" s="137"/>
      <c r="CRT610" s="137"/>
      <c r="CRU610" s="137"/>
      <c r="CRV610" s="137"/>
      <c r="CRW610" s="137"/>
      <c r="CRX610" s="137"/>
      <c r="CRY610" s="137"/>
      <c r="CRZ610" s="137"/>
      <c r="CSA610" s="137"/>
      <c r="CSB610" s="137"/>
      <c r="CSC610" s="137"/>
      <c r="CSD610" s="137"/>
      <c r="CSE610" s="137"/>
      <c r="CSF610" s="137"/>
      <c r="CSG610" s="137"/>
      <c r="CSH610" s="137"/>
      <c r="CSI610" s="137"/>
      <c r="CSJ610" s="137"/>
      <c r="CSK610" s="137"/>
      <c r="CSL610" s="137"/>
      <c r="CSM610" s="137"/>
      <c r="CSN610" s="137"/>
      <c r="CSO610" s="137"/>
      <c r="CSP610" s="137"/>
      <c r="CSQ610" s="137"/>
      <c r="CSR610" s="137"/>
      <c r="CSS610" s="137"/>
      <c r="CST610" s="137"/>
      <c r="CSU610" s="137"/>
      <c r="CSV610" s="137"/>
      <c r="CSW610" s="137"/>
      <c r="CSX610" s="137"/>
      <c r="CSY610" s="137"/>
      <c r="CSZ610" s="137"/>
      <c r="CTA610" s="137"/>
      <c r="CTB610" s="137"/>
      <c r="CTC610" s="137"/>
      <c r="CTD610" s="137"/>
      <c r="CTE610" s="137"/>
      <c r="CTF610" s="137"/>
      <c r="CTG610" s="137"/>
      <c r="CTH610" s="137"/>
      <c r="CTI610" s="137"/>
      <c r="CTJ610" s="137"/>
      <c r="CTK610" s="137"/>
      <c r="CTL610" s="137"/>
      <c r="CTM610" s="137"/>
      <c r="CTN610" s="137"/>
      <c r="CTO610" s="137"/>
      <c r="CTP610" s="137"/>
      <c r="CTQ610" s="137"/>
      <c r="CTR610" s="137"/>
      <c r="CTS610" s="137"/>
      <c r="CTT610" s="137"/>
      <c r="CTU610" s="137"/>
      <c r="CTV610" s="137"/>
      <c r="CTW610" s="137"/>
      <c r="CTX610" s="137"/>
      <c r="CTY610" s="137"/>
      <c r="CTZ610" s="137"/>
      <c r="CUA610" s="137"/>
      <c r="CUB610" s="137"/>
      <c r="CUC610" s="137"/>
      <c r="CUD610" s="137"/>
      <c r="CUE610" s="137"/>
      <c r="CUF610" s="137"/>
      <c r="CUG610" s="137"/>
      <c r="CUH610" s="137"/>
      <c r="CUI610" s="137"/>
      <c r="CUJ610" s="137"/>
      <c r="CUK610" s="137"/>
      <c r="CUL610" s="137"/>
      <c r="CUM610" s="137"/>
      <c r="CUN610" s="137"/>
      <c r="CUO610" s="137"/>
      <c r="CUP610" s="137"/>
      <c r="CUQ610" s="137"/>
      <c r="CUR610" s="137"/>
      <c r="CUS610" s="137"/>
      <c r="CUT610" s="137"/>
      <c r="CUU610" s="137"/>
      <c r="CUV610" s="137"/>
      <c r="CUW610" s="137"/>
      <c r="CUX610" s="137"/>
      <c r="CUY610" s="137"/>
      <c r="CUZ610" s="137"/>
      <c r="CVA610" s="137"/>
      <c r="CVB610" s="137"/>
      <c r="CVC610" s="137"/>
      <c r="CVD610" s="137"/>
      <c r="CVE610" s="137"/>
      <c r="CVF610" s="137"/>
      <c r="CVG610" s="137"/>
      <c r="CVH610" s="137"/>
      <c r="CVI610" s="137"/>
      <c r="CVJ610" s="137"/>
      <c r="CVK610" s="137"/>
      <c r="CVL610" s="137"/>
      <c r="CVM610" s="137"/>
      <c r="CVN610" s="137"/>
      <c r="CVO610" s="137"/>
      <c r="CVP610" s="137"/>
      <c r="CVQ610" s="137"/>
      <c r="CVR610" s="137"/>
      <c r="CVS610" s="137"/>
      <c r="CVT610" s="137"/>
      <c r="CVU610" s="137"/>
      <c r="CVV610" s="137"/>
      <c r="CVW610" s="137"/>
      <c r="CVX610" s="137"/>
      <c r="CVY610" s="137"/>
      <c r="CVZ610" s="137"/>
      <c r="CWA610" s="137"/>
      <c r="CWB610" s="137"/>
      <c r="CWC610" s="137"/>
      <c r="CWD610" s="137"/>
      <c r="CWE610" s="137"/>
      <c r="CWF610" s="137"/>
      <c r="CWG610" s="137"/>
      <c r="CWH610" s="137"/>
      <c r="CWI610" s="137"/>
      <c r="CWJ610" s="137"/>
      <c r="CWK610" s="137"/>
      <c r="CWL610" s="137"/>
      <c r="CWM610" s="137"/>
      <c r="CWN610" s="137"/>
      <c r="CWO610" s="137"/>
      <c r="CWP610" s="137"/>
      <c r="CWQ610" s="137"/>
      <c r="CWR610" s="137"/>
      <c r="CWS610" s="137"/>
      <c r="CWT610" s="137"/>
      <c r="CWU610" s="137"/>
      <c r="CWV610" s="137"/>
      <c r="CWW610" s="137"/>
      <c r="CWX610" s="137"/>
      <c r="CWY610" s="137"/>
      <c r="CWZ610" s="137"/>
      <c r="CXA610" s="137"/>
      <c r="CXB610" s="137"/>
      <c r="CXC610" s="137"/>
      <c r="CXD610" s="137"/>
      <c r="CXE610" s="137"/>
      <c r="CXF610" s="137"/>
      <c r="CXG610" s="137"/>
      <c r="CXH610" s="137"/>
      <c r="CXI610" s="137"/>
      <c r="CXJ610" s="137"/>
      <c r="CXK610" s="137"/>
      <c r="CXL610" s="137"/>
      <c r="CXM610" s="137"/>
      <c r="CXN610" s="137"/>
      <c r="CXO610" s="137"/>
      <c r="CXP610" s="137"/>
      <c r="CXQ610" s="137"/>
      <c r="CXR610" s="137"/>
      <c r="CXS610" s="137"/>
      <c r="CXT610" s="137"/>
      <c r="CXU610" s="137"/>
      <c r="CXV610" s="137"/>
      <c r="CXW610" s="137"/>
      <c r="CXX610" s="137"/>
      <c r="CXY610" s="137"/>
      <c r="CXZ610" s="137"/>
      <c r="CYA610" s="137"/>
      <c r="CYB610" s="137"/>
      <c r="CYC610" s="137"/>
      <c r="CYD610" s="137"/>
      <c r="CYE610" s="137"/>
      <c r="CYF610" s="137"/>
      <c r="CYG610" s="137"/>
      <c r="CYH610" s="137"/>
      <c r="CYI610" s="137"/>
      <c r="CYJ610" s="137"/>
      <c r="CYK610" s="137"/>
      <c r="CYL610" s="137"/>
      <c r="CYM610" s="137"/>
      <c r="CYN610" s="137"/>
      <c r="CYO610" s="137"/>
      <c r="CYP610" s="137"/>
      <c r="CYQ610" s="137"/>
      <c r="CYR610" s="137"/>
      <c r="CYS610" s="137"/>
      <c r="CYT610" s="137"/>
      <c r="CYU610" s="137"/>
      <c r="CYV610" s="137"/>
      <c r="CYW610" s="137"/>
      <c r="CYX610" s="137"/>
      <c r="CYY610" s="137"/>
      <c r="CYZ610" s="137"/>
      <c r="CZA610" s="137"/>
      <c r="CZB610" s="137"/>
      <c r="CZC610" s="137"/>
      <c r="CZD610" s="137"/>
      <c r="CZE610" s="137"/>
      <c r="CZF610" s="137"/>
      <c r="CZG610" s="137"/>
      <c r="CZH610" s="137"/>
      <c r="CZI610" s="137"/>
      <c r="CZJ610" s="137"/>
      <c r="CZK610" s="137"/>
      <c r="CZL610" s="137"/>
      <c r="CZM610" s="137"/>
      <c r="CZN610" s="137"/>
      <c r="CZO610" s="137"/>
      <c r="CZP610" s="137"/>
      <c r="CZQ610" s="137"/>
      <c r="CZR610" s="137"/>
      <c r="CZS610" s="137"/>
      <c r="CZT610" s="137"/>
      <c r="CZU610" s="137"/>
      <c r="CZV610" s="137"/>
      <c r="CZW610" s="137"/>
      <c r="CZX610" s="137"/>
      <c r="CZY610" s="137"/>
      <c r="CZZ610" s="137"/>
      <c r="DAA610" s="137"/>
      <c r="DAB610" s="137"/>
      <c r="DAC610" s="137"/>
      <c r="DAD610" s="137"/>
      <c r="DAE610" s="137"/>
      <c r="DAF610" s="137"/>
      <c r="DAG610" s="137"/>
      <c r="DAH610" s="137"/>
      <c r="DAI610" s="137"/>
      <c r="DAJ610" s="137"/>
      <c r="DAK610" s="137"/>
      <c r="DAL610" s="137"/>
      <c r="DAM610" s="137"/>
      <c r="DAN610" s="137"/>
      <c r="DAO610" s="137"/>
      <c r="DAP610" s="137"/>
      <c r="DAQ610" s="137"/>
      <c r="DAR610" s="137"/>
      <c r="DAS610" s="137"/>
      <c r="DAT610" s="137"/>
      <c r="DAU610" s="137"/>
      <c r="DAV610" s="137"/>
      <c r="DAW610" s="137"/>
      <c r="DAX610" s="137"/>
      <c r="DAY610" s="137"/>
      <c r="DAZ610" s="137"/>
      <c r="DBA610" s="137"/>
      <c r="DBB610" s="137"/>
      <c r="DBC610" s="137"/>
      <c r="DBD610" s="137"/>
      <c r="DBE610" s="137"/>
      <c r="DBF610" s="137"/>
      <c r="DBG610" s="137"/>
      <c r="DBH610" s="137"/>
      <c r="DBI610" s="137"/>
      <c r="DBJ610" s="137"/>
      <c r="DBK610" s="137"/>
      <c r="DBL610" s="137"/>
      <c r="DBM610" s="137"/>
      <c r="DBN610" s="137"/>
      <c r="DBO610" s="137"/>
      <c r="DBP610" s="137"/>
      <c r="DBQ610" s="137"/>
      <c r="DBR610" s="137"/>
      <c r="DBS610" s="137"/>
      <c r="DBT610" s="137"/>
      <c r="DBU610" s="137"/>
      <c r="DBV610" s="137"/>
      <c r="DBW610" s="137"/>
      <c r="DBX610" s="137"/>
      <c r="DBY610" s="137"/>
      <c r="DBZ610" s="137"/>
      <c r="DCA610" s="137"/>
      <c r="DCB610" s="137"/>
      <c r="DCC610" s="137"/>
      <c r="DCD610" s="137"/>
      <c r="DCE610" s="137"/>
      <c r="DCF610" s="137"/>
      <c r="DCG610" s="137"/>
      <c r="DCH610" s="137"/>
      <c r="DCI610" s="137"/>
      <c r="DCJ610" s="137"/>
      <c r="DCK610" s="137"/>
      <c r="DCL610" s="137"/>
      <c r="DCM610" s="137"/>
      <c r="DCN610" s="137"/>
      <c r="DCO610" s="137"/>
      <c r="DCP610" s="137"/>
      <c r="DCQ610" s="137"/>
      <c r="DCR610" s="137"/>
      <c r="DCS610" s="137"/>
      <c r="DCT610" s="137"/>
      <c r="DCU610" s="137"/>
      <c r="DCV610" s="137"/>
      <c r="DCW610" s="137"/>
      <c r="DCX610" s="137"/>
      <c r="DCY610" s="137"/>
      <c r="DCZ610" s="137"/>
      <c r="DDA610" s="137"/>
      <c r="DDB610" s="137"/>
      <c r="DDC610" s="137"/>
      <c r="DDD610" s="137"/>
      <c r="DDE610" s="137"/>
      <c r="DDF610" s="137"/>
      <c r="DDG610" s="137"/>
      <c r="DDH610" s="137"/>
      <c r="DDI610" s="137"/>
      <c r="DDJ610" s="137"/>
      <c r="DDK610" s="137"/>
      <c r="DDL610" s="137"/>
      <c r="DDM610" s="137"/>
      <c r="DDN610" s="137"/>
      <c r="DDO610" s="137"/>
      <c r="DDP610" s="137"/>
      <c r="DDQ610" s="137"/>
      <c r="DDR610" s="137"/>
      <c r="DDS610" s="137"/>
      <c r="DDT610" s="137"/>
      <c r="DDU610" s="137"/>
      <c r="DDV610" s="137"/>
      <c r="DDW610" s="137"/>
      <c r="DDX610" s="137"/>
      <c r="DDY610" s="137"/>
      <c r="DDZ610" s="137"/>
      <c r="DEA610" s="137"/>
      <c r="DEB610" s="137"/>
      <c r="DEC610" s="137"/>
      <c r="DED610" s="137"/>
      <c r="DEE610" s="137"/>
      <c r="DEF610" s="137"/>
      <c r="DEG610" s="137"/>
      <c r="DEH610" s="137"/>
      <c r="DEI610" s="137"/>
      <c r="DEJ610" s="137"/>
      <c r="DEK610" s="137"/>
      <c r="DEL610" s="137"/>
      <c r="DEM610" s="137"/>
      <c r="DEN610" s="137"/>
      <c r="DEO610" s="137"/>
      <c r="DEP610" s="137"/>
      <c r="DEQ610" s="137"/>
      <c r="DER610" s="137"/>
      <c r="DES610" s="137"/>
      <c r="DET610" s="137"/>
      <c r="DEU610" s="137"/>
      <c r="DEV610" s="137"/>
      <c r="DEW610" s="137"/>
      <c r="DEX610" s="137"/>
      <c r="DEY610" s="137"/>
      <c r="DEZ610" s="137"/>
      <c r="DFA610" s="137"/>
      <c r="DFB610" s="137"/>
      <c r="DFC610" s="137"/>
      <c r="DFD610" s="137"/>
      <c r="DFE610" s="137"/>
      <c r="DFF610" s="137"/>
      <c r="DFG610" s="137"/>
      <c r="DFH610" s="137"/>
      <c r="DFI610" s="137"/>
      <c r="DFJ610" s="137"/>
      <c r="DFK610" s="137"/>
      <c r="DFL610" s="137"/>
      <c r="DFM610" s="137"/>
      <c r="DFN610" s="137"/>
      <c r="DFO610" s="137"/>
      <c r="DFP610" s="137"/>
      <c r="DFQ610" s="137"/>
      <c r="DFR610" s="137"/>
      <c r="DFS610" s="137"/>
      <c r="DFT610" s="137"/>
      <c r="DFU610" s="137"/>
      <c r="DFV610" s="137"/>
      <c r="DFW610" s="137"/>
      <c r="DFX610" s="137"/>
      <c r="DFY610" s="137"/>
      <c r="DFZ610" s="137"/>
      <c r="DGA610" s="137"/>
      <c r="DGB610" s="137"/>
      <c r="DGC610" s="137"/>
      <c r="DGD610" s="137"/>
      <c r="DGE610" s="137"/>
      <c r="DGF610" s="137"/>
      <c r="DGG610" s="137"/>
      <c r="DGH610" s="137"/>
      <c r="DGI610" s="137"/>
      <c r="DGJ610" s="137"/>
      <c r="DGK610" s="137"/>
      <c r="DGL610" s="137"/>
      <c r="DGM610" s="137"/>
      <c r="DGN610" s="137"/>
      <c r="DGO610" s="137"/>
      <c r="DGP610" s="137"/>
      <c r="DGQ610" s="137"/>
      <c r="DGR610" s="137"/>
      <c r="DGS610" s="137"/>
      <c r="DGT610" s="137"/>
      <c r="DGU610" s="137"/>
      <c r="DGV610" s="137"/>
      <c r="DGW610" s="137"/>
      <c r="DGX610" s="137"/>
      <c r="DGY610" s="137"/>
      <c r="DGZ610" s="137"/>
      <c r="DHA610" s="137"/>
      <c r="DHB610" s="137"/>
      <c r="DHC610" s="137"/>
      <c r="DHD610" s="137"/>
      <c r="DHE610" s="137"/>
      <c r="DHF610" s="137"/>
      <c r="DHG610" s="137"/>
      <c r="DHH610" s="137"/>
      <c r="DHI610" s="137"/>
      <c r="DHJ610" s="137"/>
      <c r="DHK610" s="137"/>
      <c r="DHL610" s="137"/>
      <c r="DHM610" s="137"/>
      <c r="DHN610" s="137"/>
      <c r="DHO610" s="137"/>
      <c r="DHP610" s="137"/>
      <c r="DHQ610" s="137"/>
      <c r="DHR610" s="137"/>
      <c r="DHS610" s="137"/>
      <c r="DHT610" s="137"/>
      <c r="DHU610" s="137"/>
      <c r="DHV610" s="137"/>
      <c r="DHW610" s="137"/>
      <c r="DHX610" s="137"/>
      <c r="DHY610" s="137"/>
      <c r="DHZ610" s="137"/>
      <c r="DIA610" s="137"/>
      <c r="DIB610" s="137"/>
      <c r="DIC610" s="137"/>
      <c r="DID610" s="137"/>
      <c r="DIE610" s="137"/>
      <c r="DIF610" s="137"/>
      <c r="DIG610" s="137"/>
      <c r="DIH610" s="137"/>
      <c r="DII610" s="137"/>
      <c r="DIJ610" s="137"/>
      <c r="DIK610" s="137"/>
      <c r="DIL610" s="137"/>
      <c r="DIM610" s="137"/>
      <c r="DIN610" s="137"/>
      <c r="DIO610" s="137"/>
      <c r="DIP610" s="137"/>
      <c r="DIQ610" s="137"/>
      <c r="DIR610" s="137"/>
      <c r="DIS610" s="137"/>
      <c r="DIT610" s="137"/>
      <c r="DIU610" s="137"/>
      <c r="DIV610" s="137"/>
      <c r="DIW610" s="137"/>
      <c r="DIX610" s="137"/>
      <c r="DIY610" s="137"/>
      <c r="DIZ610" s="137"/>
      <c r="DJA610" s="137"/>
      <c r="DJB610" s="137"/>
      <c r="DJC610" s="137"/>
      <c r="DJD610" s="137"/>
      <c r="DJE610" s="137"/>
      <c r="DJF610" s="137"/>
      <c r="DJG610" s="137"/>
      <c r="DJH610" s="137"/>
      <c r="DJI610" s="137"/>
      <c r="DJJ610" s="137"/>
      <c r="DJK610" s="137"/>
      <c r="DJL610" s="137"/>
      <c r="DJM610" s="137"/>
      <c r="DJN610" s="137"/>
      <c r="DJO610" s="137"/>
      <c r="DJP610" s="137"/>
      <c r="DJQ610" s="137"/>
      <c r="DJR610" s="137"/>
      <c r="DJS610" s="137"/>
      <c r="DJT610" s="137"/>
      <c r="DJU610" s="137"/>
      <c r="DJV610" s="137"/>
      <c r="DJW610" s="137"/>
      <c r="DJX610" s="137"/>
      <c r="DJY610" s="137"/>
      <c r="DJZ610" s="137"/>
      <c r="DKA610" s="137"/>
      <c r="DKB610" s="137"/>
      <c r="DKC610" s="137"/>
      <c r="DKD610" s="137"/>
      <c r="DKE610" s="137"/>
      <c r="DKF610" s="137"/>
      <c r="DKG610" s="137"/>
      <c r="DKH610" s="137"/>
      <c r="DKI610" s="137"/>
      <c r="DKJ610" s="137"/>
      <c r="DKK610" s="137"/>
      <c r="DKL610" s="137"/>
      <c r="DKM610" s="137"/>
      <c r="DKN610" s="137"/>
      <c r="DKO610" s="137"/>
      <c r="DKP610" s="137"/>
      <c r="DKQ610" s="137"/>
      <c r="DKR610" s="137"/>
      <c r="DKS610" s="137"/>
      <c r="DKT610" s="137"/>
      <c r="DKU610" s="137"/>
      <c r="DKV610" s="137"/>
      <c r="DKW610" s="137"/>
      <c r="DKX610" s="137"/>
      <c r="DKY610" s="137"/>
      <c r="DKZ610" s="137"/>
      <c r="DLA610" s="137"/>
      <c r="DLB610" s="137"/>
      <c r="DLC610" s="137"/>
      <c r="DLD610" s="137"/>
      <c r="DLE610" s="137"/>
      <c r="DLF610" s="137"/>
      <c r="DLG610" s="137"/>
      <c r="DLH610" s="137"/>
      <c r="DLI610" s="137"/>
      <c r="DLJ610" s="137"/>
      <c r="DLK610" s="137"/>
      <c r="DLL610" s="137"/>
      <c r="DLM610" s="137"/>
      <c r="DLN610" s="137"/>
      <c r="DLO610" s="137"/>
      <c r="DLP610" s="137"/>
      <c r="DLQ610" s="137"/>
      <c r="DLR610" s="137"/>
      <c r="DLS610" s="137"/>
      <c r="DLT610" s="137"/>
      <c r="DLU610" s="137"/>
      <c r="DLV610" s="137"/>
      <c r="DLW610" s="137"/>
      <c r="DLX610" s="137"/>
      <c r="DLY610" s="137"/>
      <c r="DLZ610" s="137"/>
      <c r="DMA610" s="137"/>
      <c r="DMB610" s="137"/>
      <c r="DMC610" s="137"/>
      <c r="DMD610" s="137"/>
      <c r="DME610" s="137"/>
      <c r="DMF610" s="137"/>
      <c r="DMG610" s="137"/>
      <c r="DMH610" s="137"/>
      <c r="DMI610" s="137"/>
      <c r="DMJ610" s="137"/>
      <c r="DMK610" s="137"/>
      <c r="DML610" s="137"/>
      <c r="DMM610" s="137"/>
      <c r="DMN610" s="137"/>
      <c r="DMO610" s="137"/>
      <c r="DMP610" s="137"/>
      <c r="DMQ610" s="137"/>
      <c r="DMR610" s="137"/>
      <c r="DMS610" s="137"/>
      <c r="DMT610" s="137"/>
      <c r="DMU610" s="137"/>
      <c r="DMV610" s="137"/>
      <c r="DMW610" s="137"/>
      <c r="DMX610" s="137"/>
      <c r="DMY610" s="137"/>
      <c r="DMZ610" s="137"/>
      <c r="DNA610" s="137"/>
      <c r="DNB610" s="137"/>
      <c r="DNC610" s="137"/>
      <c r="DND610" s="137"/>
      <c r="DNE610" s="137"/>
      <c r="DNF610" s="137"/>
      <c r="DNG610" s="137"/>
      <c r="DNH610" s="137"/>
      <c r="DNI610" s="137"/>
      <c r="DNJ610" s="137"/>
      <c r="DNK610" s="137"/>
      <c r="DNL610" s="137"/>
      <c r="DNM610" s="137"/>
      <c r="DNN610" s="137"/>
      <c r="DNO610" s="137"/>
      <c r="DNP610" s="137"/>
      <c r="DNQ610" s="137"/>
      <c r="DNR610" s="137"/>
      <c r="DNS610" s="137"/>
      <c r="DNT610" s="137"/>
      <c r="DNU610" s="137"/>
      <c r="DNV610" s="137"/>
      <c r="DNW610" s="137"/>
      <c r="DNX610" s="137"/>
      <c r="DNY610" s="137"/>
      <c r="DNZ610" s="137"/>
      <c r="DOA610" s="137"/>
      <c r="DOB610" s="137"/>
      <c r="DOC610" s="137"/>
      <c r="DOD610" s="137"/>
      <c r="DOE610" s="137"/>
      <c r="DOF610" s="137"/>
      <c r="DOG610" s="137"/>
      <c r="DOH610" s="137"/>
      <c r="DOI610" s="137"/>
      <c r="DOJ610" s="137"/>
      <c r="DOK610" s="137"/>
      <c r="DOL610" s="137"/>
      <c r="DOM610" s="137"/>
      <c r="DON610" s="137"/>
      <c r="DOO610" s="137"/>
      <c r="DOP610" s="137"/>
      <c r="DOQ610" s="137"/>
      <c r="DOR610" s="137"/>
      <c r="DOS610" s="137"/>
      <c r="DOT610" s="137"/>
      <c r="DOU610" s="137"/>
      <c r="DOV610" s="137"/>
      <c r="DOW610" s="137"/>
      <c r="DOX610" s="137"/>
      <c r="DOY610" s="137"/>
      <c r="DOZ610" s="137"/>
      <c r="DPA610" s="137"/>
      <c r="DPB610" s="137"/>
      <c r="DPC610" s="137"/>
      <c r="DPD610" s="137"/>
      <c r="DPE610" s="137"/>
      <c r="DPF610" s="137"/>
      <c r="DPG610" s="137"/>
      <c r="DPH610" s="137"/>
      <c r="DPI610" s="137"/>
      <c r="DPJ610" s="137"/>
      <c r="DPK610" s="137"/>
      <c r="DPL610" s="137"/>
      <c r="DPM610" s="137"/>
      <c r="DPN610" s="137"/>
      <c r="DPO610" s="137"/>
      <c r="DPP610" s="137"/>
      <c r="DPQ610" s="137"/>
      <c r="DPR610" s="137"/>
      <c r="DPS610" s="137"/>
      <c r="DPT610" s="137"/>
      <c r="DPU610" s="137"/>
      <c r="DPV610" s="137"/>
      <c r="DPW610" s="137"/>
      <c r="DPX610" s="137"/>
      <c r="DPY610" s="137"/>
      <c r="DPZ610" s="137"/>
      <c r="DQA610" s="137"/>
      <c r="DQB610" s="137"/>
      <c r="DQC610" s="137"/>
      <c r="DQD610" s="137"/>
      <c r="DQE610" s="137"/>
      <c r="DQF610" s="137"/>
      <c r="DQG610" s="137"/>
      <c r="DQH610" s="137"/>
      <c r="DQI610" s="137"/>
      <c r="DQJ610" s="137"/>
      <c r="DQK610" s="137"/>
      <c r="DQL610" s="137"/>
      <c r="DQM610" s="137"/>
      <c r="DQN610" s="137"/>
      <c r="DQO610" s="137"/>
      <c r="DQP610" s="137"/>
      <c r="DQQ610" s="137"/>
      <c r="DQR610" s="137"/>
      <c r="DQS610" s="137"/>
      <c r="DQT610" s="137"/>
      <c r="DQU610" s="137"/>
      <c r="DQV610" s="137"/>
      <c r="DQW610" s="137"/>
      <c r="DQX610" s="137"/>
      <c r="DQY610" s="137"/>
      <c r="DQZ610" s="137"/>
      <c r="DRA610" s="137"/>
      <c r="DRB610" s="137"/>
      <c r="DRC610" s="137"/>
      <c r="DRD610" s="137"/>
      <c r="DRE610" s="137"/>
      <c r="DRF610" s="137"/>
      <c r="DRG610" s="137"/>
      <c r="DRH610" s="137"/>
      <c r="DRI610" s="137"/>
      <c r="DRJ610" s="137"/>
      <c r="DRK610" s="137"/>
      <c r="DRL610" s="137"/>
      <c r="DRM610" s="137"/>
      <c r="DRN610" s="137"/>
      <c r="DRO610" s="137"/>
      <c r="DRP610" s="137"/>
      <c r="DRQ610" s="137"/>
      <c r="DRR610" s="137"/>
      <c r="DRS610" s="137"/>
      <c r="DRT610" s="137"/>
      <c r="DRU610" s="137"/>
      <c r="DRV610" s="137"/>
      <c r="DRW610" s="137"/>
      <c r="DRX610" s="137"/>
      <c r="DRY610" s="137"/>
      <c r="DRZ610" s="137"/>
      <c r="DSA610" s="137"/>
      <c r="DSB610" s="137"/>
      <c r="DSC610" s="137"/>
      <c r="DSD610" s="137"/>
      <c r="DSE610" s="137"/>
      <c r="DSF610" s="137"/>
      <c r="DSG610" s="137"/>
      <c r="DSH610" s="137"/>
      <c r="DSI610" s="137"/>
      <c r="DSJ610" s="137"/>
      <c r="DSK610" s="137"/>
      <c r="DSL610" s="137"/>
      <c r="DSM610" s="137"/>
      <c r="DSN610" s="137"/>
      <c r="DSO610" s="137"/>
      <c r="DSP610" s="137"/>
      <c r="DSQ610" s="137"/>
      <c r="DSR610" s="137"/>
      <c r="DSS610" s="137"/>
      <c r="DST610" s="137"/>
      <c r="DSU610" s="137"/>
      <c r="DSV610" s="137"/>
      <c r="DSW610" s="137"/>
      <c r="DSX610" s="137"/>
      <c r="DSY610" s="137"/>
      <c r="DSZ610" s="137"/>
      <c r="DTA610" s="137"/>
      <c r="DTB610" s="137"/>
      <c r="DTC610" s="137"/>
      <c r="DTD610" s="137"/>
      <c r="DTE610" s="137"/>
      <c r="DTF610" s="137"/>
      <c r="DTG610" s="137"/>
      <c r="DTH610" s="137"/>
      <c r="DTI610" s="137"/>
      <c r="DTJ610" s="137"/>
      <c r="DTK610" s="137"/>
      <c r="DTL610" s="137"/>
      <c r="DTM610" s="137"/>
      <c r="DTN610" s="137"/>
      <c r="DTO610" s="137"/>
      <c r="DTP610" s="137"/>
      <c r="DTQ610" s="137"/>
      <c r="DTR610" s="137"/>
      <c r="DTS610" s="137"/>
      <c r="DTT610" s="137"/>
      <c r="DTU610" s="137"/>
      <c r="DTV610" s="137"/>
      <c r="DTW610" s="137"/>
      <c r="DTX610" s="137"/>
      <c r="DTY610" s="137"/>
      <c r="DTZ610" s="137"/>
      <c r="DUA610" s="137"/>
      <c r="DUB610" s="137"/>
      <c r="DUC610" s="137"/>
      <c r="DUD610" s="137"/>
      <c r="DUE610" s="137"/>
      <c r="DUF610" s="137"/>
      <c r="DUG610" s="137"/>
      <c r="DUH610" s="137"/>
      <c r="DUI610" s="137"/>
      <c r="DUJ610" s="137"/>
      <c r="DUK610" s="137"/>
      <c r="DUL610" s="137"/>
      <c r="DUM610" s="137"/>
      <c r="DUN610" s="137"/>
      <c r="DUO610" s="137"/>
      <c r="DUP610" s="137"/>
      <c r="DUQ610" s="137"/>
      <c r="DUR610" s="137"/>
      <c r="DUS610" s="137"/>
      <c r="DUT610" s="137"/>
      <c r="DUU610" s="137"/>
      <c r="DUV610" s="137"/>
      <c r="DUW610" s="137"/>
      <c r="DUX610" s="137"/>
      <c r="DUY610" s="137"/>
      <c r="DUZ610" s="137"/>
      <c r="DVA610" s="137"/>
      <c r="DVB610" s="137"/>
      <c r="DVC610" s="137"/>
      <c r="DVD610" s="137"/>
      <c r="DVE610" s="137"/>
      <c r="DVF610" s="137"/>
      <c r="DVG610" s="137"/>
      <c r="DVH610" s="137"/>
      <c r="DVI610" s="137"/>
      <c r="DVJ610" s="137"/>
      <c r="DVK610" s="137"/>
      <c r="DVL610" s="137"/>
      <c r="DVM610" s="137"/>
      <c r="DVN610" s="137"/>
      <c r="DVO610" s="137"/>
      <c r="DVP610" s="137"/>
      <c r="DVQ610" s="137"/>
      <c r="DVR610" s="137"/>
      <c r="DVS610" s="137"/>
      <c r="DVT610" s="137"/>
      <c r="DVU610" s="137"/>
      <c r="DVV610" s="137"/>
      <c r="DVW610" s="137"/>
      <c r="DVX610" s="137"/>
      <c r="DVY610" s="137"/>
      <c r="DVZ610" s="137"/>
      <c r="DWA610" s="137"/>
      <c r="DWB610" s="137"/>
      <c r="DWC610" s="137"/>
      <c r="DWD610" s="137"/>
      <c r="DWE610" s="137"/>
      <c r="DWF610" s="137"/>
      <c r="DWG610" s="137"/>
      <c r="DWH610" s="137"/>
      <c r="DWI610" s="137"/>
      <c r="DWJ610" s="137"/>
      <c r="DWK610" s="137"/>
      <c r="DWL610" s="137"/>
      <c r="DWM610" s="137"/>
      <c r="DWN610" s="137"/>
      <c r="DWO610" s="137"/>
      <c r="DWP610" s="137"/>
      <c r="DWQ610" s="137"/>
      <c r="DWR610" s="137"/>
      <c r="DWS610" s="137"/>
      <c r="DWT610" s="137"/>
      <c r="DWU610" s="137"/>
      <c r="DWV610" s="137"/>
      <c r="DWW610" s="137"/>
      <c r="DWX610" s="137"/>
      <c r="DWY610" s="137"/>
      <c r="DWZ610" s="137"/>
      <c r="DXA610" s="137"/>
      <c r="DXB610" s="137"/>
      <c r="DXC610" s="137"/>
      <c r="DXD610" s="137"/>
      <c r="DXE610" s="137"/>
      <c r="DXF610" s="137"/>
      <c r="DXG610" s="137"/>
      <c r="DXH610" s="137"/>
      <c r="DXI610" s="137"/>
      <c r="DXJ610" s="137"/>
      <c r="DXK610" s="137"/>
      <c r="DXL610" s="137"/>
      <c r="DXM610" s="137"/>
      <c r="DXN610" s="137"/>
      <c r="DXO610" s="137"/>
      <c r="DXP610" s="137"/>
      <c r="DXQ610" s="137"/>
      <c r="DXR610" s="137"/>
      <c r="DXS610" s="137"/>
      <c r="DXT610" s="137"/>
      <c r="DXU610" s="137"/>
      <c r="DXV610" s="137"/>
      <c r="DXW610" s="137"/>
      <c r="DXX610" s="137"/>
      <c r="DXY610" s="137"/>
      <c r="DXZ610" s="137"/>
      <c r="DYA610" s="137"/>
      <c r="DYB610" s="137"/>
      <c r="DYC610" s="137"/>
      <c r="DYD610" s="137"/>
      <c r="DYE610" s="137"/>
      <c r="DYF610" s="137"/>
      <c r="DYG610" s="137"/>
      <c r="DYH610" s="137"/>
      <c r="DYI610" s="137"/>
      <c r="DYJ610" s="137"/>
      <c r="DYK610" s="137"/>
      <c r="DYL610" s="137"/>
      <c r="DYM610" s="137"/>
      <c r="DYN610" s="137"/>
      <c r="DYO610" s="137"/>
      <c r="DYP610" s="137"/>
      <c r="DYQ610" s="137"/>
      <c r="DYR610" s="137"/>
      <c r="DYS610" s="137"/>
      <c r="DYT610" s="137"/>
      <c r="DYU610" s="137"/>
      <c r="DYV610" s="137"/>
      <c r="DYW610" s="137"/>
      <c r="DYX610" s="137"/>
      <c r="DYY610" s="137"/>
      <c r="DYZ610" s="137"/>
      <c r="DZA610" s="137"/>
      <c r="DZB610" s="137"/>
      <c r="DZC610" s="137"/>
      <c r="DZD610" s="137"/>
      <c r="DZE610" s="137"/>
      <c r="DZF610" s="137"/>
      <c r="DZG610" s="137"/>
      <c r="DZH610" s="137"/>
      <c r="DZI610" s="137"/>
      <c r="DZJ610" s="137"/>
      <c r="DZK610" s="137"/>
      <c r="DZL610" s="137"/>
      <c r="DZM610" s="137"/>
      <c r="DZN610" s="137"/>
      <c r="DZO610" s="137"/>
      <c r="DZP610" s="137"/>
      <c r="DZQ610" s="137"/>
      <c r="DZR610" s="137"/>
      <c r="DZS610" s="137"/>
      <c r="DZT610" s="137"/>
      <c r="DZU610" s="137"/>
      <c r="DZV610" s="137"/>
      <c r="DZW610" s="137"/>
      <c r="DZX610" s="137"/>
      <c r="DZY610" s="137"/>
      <c r="DZZ610" s="137"/>
      <c r="EAA610" s="137"/>
      <c r="EAB610" s="137"/>
      <c r="EAC610" s="137"/>
      <c r="EAD610" s="137"/>
      <c r="EAE610" s="137"/>
      <c r="EAF610" s="137"/>
      <c r="EAG610" s="137"/>
      <c r="EAH610" s="137"/>
      <c r="EAI610" s="137"/>
      <c r="EAJ610" s="137"/>
      <c r="EAK610" s="137"/>
      <c r="EAL610" s="137"/>
      <c r="EAM610" s="137"/>
      <c r="EAN610" s="137"/>
      <c r="EAO610" s="137"/>
      <c r="EAP610" s="137"/>
      <c r="EAQ610" s="137"/>
      <c r="EAR610" s="137"/>
      <c r="EAS610" s="137"/>
      <c r="EAT610" s="137"/>
      <c r="EAU610" s="137"/>
      <c r="EAV610" s="137"/>
      <c r="EAW610" s="137"/>
      <c r="EAX610" s="137"/>
      <c r="EAY610" s="137"/>
      <c r="EAZ610" s="137"/>
      <c r="EBA610" s="137"/>
      <c r="EBB610" s="137"/>
      <c r="EBC610" s="137"/>
      <c r="EBD610" s="137"/>
      <c r="EBE610" s="137"/>
      <c r="EBF610" s="137"/>
      <c r="EBG610" s="137"/>
      <c r="EBH610" s="137"/>
      <c r="EBI610" s="137"/>
      <c r="EBJ610" s="137"/>
      <c r="EBK610" s="137"/>
      <c r="EBL610" s="137"/>
      <c r="EBM610" s="137"/>
      <c r="EBN610" s="137"/>
      <c r="EBO610" s="137"/>
      <c r="EBP610" s="137"/>
      <c r="EBQ610" s="137"/>
      <c r="EBR610" s="137"/>
      <c r="EBS610" s="137"/>
      <c r="EBT610" s="137"/>
      <c r="EBU610" s="137"/>
      <c r="EBV610" s="137"/>
      <c r="EBW610" s="137"/>
      <c r="EBX610" s="137"/>
      <c r="EBY610" s="137"/>
      <c r="EBZ610" s="137"/>
      <c r="ECA610" s="137"/>
      <c r="ECB610" s="137"/>
      <c r="ECC610" s="137"/>
      <c r="ECD610" s="137"/>
      <c r="ECE610" s="137"/>
      <c r="ECF610" s="137"/>
      <c r="ECG610" s="137"/>
      <c r="ECH610" s="137"/>
      <c r="ECI610" s="137"/>
      <c r="ECJ610" s="137"/>
      <c r="ECK610" s="137"/>
      <c r="ECL610" s="137"/>
      <c r="ECM610" s="137"/>
      <c r="ECN610" s="137"/>
      <c r="ECO610" s="137"/>
      <c r="ECP610" s="137"/>
      <c r="ECQ610" s="137"/>
      <c r="ECR610" s="137"/>
      <c r="ECS610" s="137"/>
      <c r="ECT610" s="137"/>
      <c r="ECU610" s="137"/>
      <c r="ECV610" s="137"/>
      <c r="ECW610" s="137"/>
      <c r="ECX610" s="137"/>
      <c r="ECY610" s="137"/>
      <c r="ECZ610" s="137"/>
      <c r="EDA610" s="137"/>
      <c r="EDB610" s="137"/>
      <c r="EDC610" s="137"/>
      <c r="EDD610" s="137"/>
      <c r="EDE610" s="137"/>
      <c r="EDF610" s="137"/>
      <c r="EDG610" s="137"/>
      <c r="EDH610" s="137"/>
      <c r="EDI610" s="137"/>
      <c r="EDJ610" s="137"/>
      <c r="EDK610" s="137"/>
      <c r="EDL610" s="137"/>
      <c r="EDM610" s="137"/>
      <c r="EDN610" s="137"/>
      <c r="EDO610" s="137"/>
      <c r="EDP610" s="137"/>
      <c r="EDQ610" s="137"/>
      <c r="EDR610" s="137"/>
      <c r="EDS610" s="137"/>
      <c r="EDT610" s="137"/>
      <c r="EDU610" s="137"/>
      <c r="EDV610" s="137"/>
      <c r="EDW610" s="137"/>
      <c r="EDX610" s="137"/>
      <c r="EDY610" s="137"/>
      <c r="EDZ610" s="137"/>
      <c r="EEA610" s="137"/>
      <c r="EEB610" s="137"/>
      <c r="EEC610" s="137"/>
      <c r="EED610" s="137"/>
      <c r="EEE610" s="137"/>
      <c r="EEF610" s="137"/>
      <c r="EEG610" s="137"/>
      <c r="EEH610" s="137"/>
      <c r="EEI610" s="137"/>
      <c r="EEJ610" s="137"/>
      <c r="EEK610" s="137"/>
      <c r="EEL610" s="137"/>
      <c r="EEM610" s="137"/>
      <c r="EEN610" s="137"/>
      <c r="EEO610" s="137"/>
      <c r="EEP610" s="137"/>
      <c r="EEQ610" s="137"/>
      <c r="EER610" s="137"/>
      <c r="EES610" s="137"/>
      <c r="EET610" s="137"/>
      <c r="EEU610" s="137"/>
      <c r="EEV610" s="137"/>
      <c r="EEW610" s="137"/>
      <c r="EEX610" s="137"/>
      <c r="EEY610" s="137"/>
      <c r="EEZ610" s="137"/>
      <c r="EFA610" s="137"/>
      <c r="EFB610" s="137"/>
      <c r="EFC610" s="137"/>
      <c r="EFD610" s="137"/>
      <c r="EFE610" s="137"/>
      <c r="EFF610" s="137"/>
      <c r="EFG610" s="137"/>
      <c r="EFH610" s="137"/>
      <c r="EFI610" s="137"/>
      <c r="EFJ610" s="137"/>
      <c r="EFK610" s="137"/>
      <c r="EFL610" s="137"/>
      <c r="EFM610" s="137"/>
      <c r="EFN610" s="137"/>
      <c r="EFO610" s="137"/>
      <c r="EFP610" s="137"/>
      <c r="EFQ610" s="137"/>
      <c r="EFR610" s="137"/>
      <c r="EFS610" s="137"/>
      <c r="EFT610" s="137"/>
      <c r="EFU610" s="137"/>
      <c r="EFV610" s="137"/>
      <c r="EFW610" s="137"/>
      <c r="EFX610" s="137"/>
      <c r="EFY610" s="137"/>
      <c r="EFZ610" s="137"/>
      <c r="EGA610" s="137"/>
      <c r="EGB610" s="137"/>
      <c r="EGC610" s="137"/>
      <c r="EGD610" s="137"/>
      <c r="EGE610" s="137"/>
      <c r="EGF610" s="137"/>
      <c r="EGG610" s="137"/>
      <c r="EGH610" s="137"/>
      <c r="EGI610" s="137"/>
      <c r="EGJ610" s="137"/>
      <c r="EGK610" s="137"/>
      <c r="EGL610" s="137"/>
      <c r="EGM610" s="137"/>
      <c r="EGN610" s="137"/>
      <c r="EGO610" s="137"/>
      <c r="EGP610" s="137"/>
      <c r="EGQ610" s="137"/>
      <c r="EGR610" s="137"/>
      <c r="EGS610" s="137"/>
      <c r="EGT610" s="137"/>
      <c r="EGU610" s="137"/>
      <c r="EGV610" s="137"/>
      <c r="EGW610" s="137"/>
      <c r="EGX610" s="137"/>
      <c r="EGY610" s="137"/>
      <c r="EGZ610" s="137"/>
      <c r="EHA610" s="137"/>
      <c r="EHB610" s="137"/>
      <c r="EHC610" s="137"/>
      <c r="EHD610" s="137"/>
      <c r="EHE610" s="137"/>
      <c r="EHF610" s="137"/>
      <c r="EHG610" s="137"/>
      <c r="EHH610" s="137"/>
      <c r="EHI610" s="137"/>
      <c r="EHJ610" s="137"/>
      <c r="EHK610" s="137"/>
      <c r="EHL610" s="137"/>
      <c r="EHM610" s="137"/>
      <c r="EHN610" s="137"/>
      <c r="EHO610" s="137"/>
      <c r="EHP610" s="137"/>
      <c r="EHQ610" s="137"/>
      <c r="EHR610" s="137"/>
      <c r="EHS610" s="137"/>
      <c r="EHT610" s="137"/>
      <c r="EHU610" s="137"/>
      <c r="EHV610" s="137"/>
      <c r="EHW610" s="137"/>
      <c r="EHX610" s="137"/>
      <c r="EHY610" s="137"/>
      <c r="EHZ610" s="137"/>
      <c r="EIA610" s="137"/>
      <c r="EIB610" s="137"/>
      <c r="EIC610" s="137"/>
      <c r="EID610" s="137"/>
      <c r="EIE610" s="137"/>
      <c r="EIF610" s="137"/>
      <c r="EIG610" s="137"/>
      <c r="EIH610" s="137"/>
      <c r="EII610" s="137"/>
      <c r="EIJ610" s="137"/>
      <c r="EIK610" s="137"/>
      <c r="EIL610" s="137"/>
      <c r="EIM610" s="137"/>
      <c r="EIN610" s="137"/>
      <c r="EIO610" s="137"/>
      <c r="EIP610" s="137"/>
      <c r="EIQ610" s="137"/>
      <c r="EIR610" s="137"/>
      <c r="EIS610" s="137"/>
      <c r="EIT610" s="137"/>
      <c r="EIU610" s="137"/>
      <c r="EIV610" s="137"/>
      <c r="EIW610" s="137"/>
      <c r="EIX610" s="137"/>
      <c r="EIY610" s="137"/>
      <c r="EIZ610" s="137"/>
      <c r="EJA610" s="137"/>
      <c r="EJB610" s="137"/>
      <c r="EJC610" s="137"/>
      <c r="EJD610" s="137"/>
      <c r="EJE610" s="137"/>
      <c r="EJF610" s="137"/>
      <c r="EJG610" s="137"/>
      <c r="EJH610" s="137"/>
      <c r="EJI610" s="137"/>
      <c r="EJJ610" s="137"/>
      <c r="EJK610" s="137"/>
      <c r="EJL610" s="137"/>
      <c r="EJM610" s="137"/>
      <c r="EJN610" s="137"/>
      <c r="EJO610" s="137"/>
      <c r="EJP610" s="137"/>
      <c r="EJQ610" s="137"/>
      <c r="EJR610" s="137"/>
      <c r="EJS610" s="137"/>
      <c r="EJT610" s="137"/>
      <c r="EJU610" s="137"/>
      <c r="EJV610" s="137"/>
      <c r="EJW610" s="137"/>
      <c r="EJX610" s="137"/>
      <c r="EJY610" s="137"/>
      <c r="EJZ610" s="137"/>
      <c r="EKA610" s="137"/>
      <c r="EKB610" s="137"/>
      <c r="EKC610" s="137"/>
      <c r="EKD610" s="137"/>
      <c r="EKE610" s="137"/>
      <c r="EKF610" s="137"/>
      <c r="EKG610" s="137"/>
      <c r="EKH610" s="137"/>
      <c r="EKI610" s="137"/>
      <c r="EKJ610" s="137"/>
      <c r="EKK610" s="137"/>
      <c r="EKL610" s="137"/>
      <c r="EKM610" s="137"/>
      <c r="EKN610" s="137"/>
      <c r="EKO610" s="137"/>
      <c r="EKP610" s="137"/>
      <c r="EKQ610" s="137"/>
      <c r="EKR610" s="137"/>
      <c r="EKS610" s="137"/>
      <c r="EKT610" s="137"/>
      <c r="EKU610" s="137"/>
      <c r="EKV610" s="137"/>
      <c r="EKW610" s="137"/>
      <c r="EKX610" s="137"/>
      <c r="EKY610" s="137"/>
      <c r="EKZ610" s="137"/>
      <c r="ELA610" s="137"/>
      <c r="ELB610" s="137"/>
      <c r="ELC610" s="137"/>
      <c r="ELD610" s="137"/>
      <c r="ELE610" s="137"/>
      <c r="ELF610" s="137"/>
      <c r="ELG610" s="137"/>
      <c r="ELH610" s="137"/>
      <c r="ELI610" s="137"/>
      <c r="ELJ610" s="137"/>
      <c r="ELK610" s="137"/>
      <c r="ELL610" s="137"/>
      <c r="ELM610" s="137"/>
      <c r="ELN610" s="137"/>
      <c r="ELO610" s="137"/>
      <c r="ELP610" s="137"/>
      <c r="ELQ610" s="137"/>
      <c r="ELR610" s="137"/>
      <c r="ELS610" s="137"/>
      <c r="ELT610" s="137"/>
      <c r="ELU610" s="137"/>
      <c r="ELV610" s="137"/>
      <c r="ELW610" s="137"/>
      <c r="ELX610" s="137"/>
      <c r="ELY610" s="137"/>
      <c r="ELZ610" s="137"/>
      <c r="EMA610" s="137"/>
      <c r="EMB610" s="137"/>
      <c r="EMC610" s="137"/>
      <c r="EMD610" s="137"/>
      <c r="EME610" s="137"/>
      <c r="EMF610" s="137"/>
      <c r="EMG610" s="137"/>
      <c r="EMH610" s="137"/>
      <c r="EMI610" s="137"/>
      <c r="EMJ610" s="137"/>
      <c r="EMK610" s="137"/>
      <c r="EML610" s="137"/>
      <c r="EMM610" s="137"/>
      <c r="EMN610" s="137"/>
      <c r="EMO610" s="137"/>
      <c r="EMP610" s="137"/>
      <c r="EMQ610" s="137"/>
      <c r="EMR610" s="137"/>
      <c r="EMS610" s="137"/>
      <c r="EMT610" s="137"/>
      <c r="EMU610" s="137"/>
      <c r="EMV610" s="137"/>
      <c r="EMW610" s="137"/>
      <c r="EMX610" s="137"/>
      <c r="EMY610" s="137"/>
      <c r="EMZ610" s="137"/>
      <c r="ENA610" s="137"/>
      <c r="ENB610" s="137"/>
      <c r="ENC610" s="137"/>
      <c r="END610" s="137"/>
      <c r="ENE610" s="137"/>
      <c r="ENF610" s="137"/>
      <c r="ENG610" s="137"/>
      <c r="ENH610" s="137"/>
      <c r="ENI610" s="137"/>
      <c r="ENJ610" s="137"/>
      <c r="ENK610" s="137"/>
      <c r="ENL610" s="137"/>
      <c r="ENM610" s="137"/>
      <c r="ENN610" s="137"/>
      <c r="ENO610" s="137"/>
      <c r="ENP610" s="137"/>
      <c r="ENQ610" s="137"/>
      <c r="ENR610" s="137"/>
      <c r="ENS610" s="137"/>
      <c r="ENT610" s="137"/>
      <c r="ENU610" s="137"/>
      <c r="ENV610" s="137"/>
      <c r="ENW610" s="137"/>
      <c r="ENX610" s="137"/>
      <c r="ENY610" s="137"/>
      <c r="ENZ610" s="137"/>
      <c r="EOA610" s="137"/>
      <c r="EOB610" s="137"/>
      <c r="EOC610" s="137"/>
      <c r="EOD610" s="137"/>
      <c r="EOE610" s="137"/>
      <c r="EOF610" s="137"/>
      <c r="EOG610" s="137"/>
      <c r="EOH610" s="137"/>
      <c r="EOI610" s="137"/>
      <c r="EOJ610" s="137"/>
      <c r="EOK610" s="137"/>
      <c r="EOL610" s="137"/>
      <c r="EOM610" s="137"/>
      <c r="EON610" s="137"/>
      <c r="EOO610" s="137"/>
      <c r="EOP610" s="137"/>
      <c r="EOQ610" s="137"/>
      <c r="EOR610" s="137"/>
      <c r="EOS610" s="137"/>
      <c r="EOT610" s="137"/>
      <c r="EOU610" s="137"/>
      <c r="EOV610" s="137"/>
      <c r="EOW610" s="137"/>
      <c r="EOX610" s="137"/>
      <c r="EOY610" s="137"/>
      <c r="EOZ610" s="137"/>
      <c r="EPA610" s="137"/>
      <c r="EPB610" s="137"/>
      <c r="EPC610" s="137"/>
      <c r="EPD610" s="137"/>
      <c r="EPE610" s="137"/>
      <c r="EPF610" s="137"/>
      <c r="EPG610" s="137"/>
      <c r="EPH610" s="137"/>
      <c r="EPI610" s="137"/>
      <c r="EPJ610" s="137"/>
      <c r="EPK610" s="137"/>
      <c r="EPL610" s="137"/>
      <c r="EPM610" s="137"/>
      <c r="EPN610" s="137"/>
      <c r="EPO610" s="137"/>
      <c r="EPP610" s="137"/>
      <c r="EPQ610" s="137"/>
      <c r="EPR610" s="137"/>
      <c r="EPS610" s="137"/>
      <c r="EPT610" s="137"/>
      <c r="EPU610" s="137"/>
      <c r="EPV610" s="137"/>
      <c r="EPW610" s="137"/>
      <c r="EPX610" s="137"/>
      <c r="EPY610" s="137"/>
      <c r="EPZ610" s="137"/>
      <c r="EQA610" s="137"/>
      <c r="EQB610" s="137"/>
      <c r="EQC610" s="137"/>
      <c r="EQD610" s="137"/>
      <c r="EQE610" s="137"/>
      <c r="EQF610" s="137"/>
      <c r="EQG610" s="137"/>
      <c r="EQH610" s="137"/>
      <c r="EQI610" s="137"/>
      <c r="EQJ610" s="137"/>
      <c r="EQK610" s="137"/>
      <c r="EQL610" s="137"/>
      <c r="EQM610" s="137"/>
      <c r="EQN610" s="137"/>
      <c r="EQO610" s="137"/>
      <c r="EQP610" s="137"/>
      <c r="EQQ610" s="137"/>
      <c r="EQR610" s="137"/>
      <c r="EQS610" s="137"/>
      <c r="EQT610" s="137"/>
      <c r="EQU610" s="137"/>
      <c r="EQV610" s="137"/>
      <c r="EQW610" s="137"/>
      <c r="EQX610" s="137"/>
      <c r="EQY610" s="137"/>
      <c r="EQZ610" s="137"/>
      <c r="ERA610" s="137"/>
      <c r="ERB610" s="137"/>
      <c r="ERC610" s="137"/>
      <c r="ERD610" s="137"/>
      <c r="ERE610" s="137"/>
      <c r="ERF610" s="137"/>
      <c r="ERG610" s="137"/>
      <c r="ERH610" s="137"/>
      <c r="ERI610" s="137"/>
      <c r="ERJ610" s="137"/>
      <c r="ERK610" s="137"/>
      <c r="ERL610" s="137"/>
      <c r="ERM610" s="137"/>
      <c r="ERN610" s="137"/>
      <c r="ERO610" s="137"/>
      <c r="ERP610" s="137"/>
      <c r="ERQ610" s="137"/>
      <c r="ERR610" s="137"/>
      <c r="ERS610" s="137"/>
      <c r="ERT610" s="137"/>
      <c r="ERU610" s="137"/>
      <c r="ERV610" s="137"/>
      <c r="ERW610" s="137"/>
      <c r="ERX610" s="137"/>
      <c r="ERY610" s="137"/>
      <c r="ERZ610" s="137"/>
      <c r="ESA610" s="137"/>
      <c r="ESB610" s="137"/>
      <c r="ESC610" s="137"/>
      <c r="ESD610" s="137"/>
      <c r="ESE610" s="137"/>
      <c r="ESF610" s="137"/>
      <c r="ESG610" s="137"/>
      <c r="ESH610" s="137"/>
      <c r="ESI610" s="137"/>
      <c r="ESJ610" s="137"/>
      <c r="ESK610" s="137"/>
      <c r="ESL610" s="137"/>
      <c r="ESM610" s="137"/>
      <c r="ESN610" s="137"/>
      <c r="ESO610" s="137"/>
      <c r="ESP610" s="137"/>
      <c r="ESQ610" s="137"/>
      <c r="ESR610" s="137"/>
      <c r="ESS610" s="137"/>
      <c r="EST610" s="137"/>
      <c r="ESU610" s="137"/>
      <c r="ESV610" s="137"/>
      <c r="ESW610" s="137"/>
      <c r="ESX610" s="137"/>
      <c r="ESY610" s="137"/>
      <c r="ESZ610" s="137"/>
      <c r="ETA610" s="137"/>
      <c r="ETB610" s="137"/>
      <c r="ETC610" s="137"/>
      <c r="ETD610" s="137"/>
      <c r="ETE610" s="137"/>
      <c r="ETF610" s="137"/>
      <c r="ETG610" s="137"/>
      <c r="ETH610" s="137"/>
      <c r="ETI610" s="137"/>
      <c r="ETJ610" s="137"/>
      <c r="ETK610" s="137"/>
      <c r="ETL610" s="137"/>
      <c r="ETM610" s="137"/>
      <c r="ETN610" s="137"/>
      <c r="ETO610" s="137"/>
      <c r="ETP610" s="137"/>
      <c r="ETQ610" s="137"/>
      <c r="ETR610" s="137"/>
      <c r="ETS610" s="137"/>
      <c r="ETT610" s="137"/>
      <c r="ETU610" s="137"/>
      <c r="ETV610" s="137"/>
      <c r="ETW610" s="137"/>
      <c r="ETX610" s="137"/>
      <c r="ETY610" s="137"/>
      <c r="ETZ610" s="137"/>
      <c r="EUA610" s="137"/>
      <c r="EUB610" s="137"/>
      <c r="EUC610" s="137"/>
      <c r="EUD610" s="137"/>
      <c r="EUE610" s="137"/>
      <c r="EUF610" s="137"/>
      <c r="EUG610" s="137"/>
      <c r="EUH610" s="137"/>
      <c r="EUI610" s="137"/>
      <c r="EUJ610" s="137"/>
      <c r="EUK610" s="137"/>
      <c r="EUL610" s="137"/>
      <c r="EUM610" s="137"/>
      <c r="EUN610" s="137"/>
      <c r="EUO610" s="137"/>
      <c r="EUP610" s="137"/>
      <c r="EUQ610" s="137"/>
      <c r="EUR610" s="137"/>
      <c r="EUS610" s="137"/>
      <c r="EUT610" s="137"/>
      <c r="EUU610" s="137"/>
      <c r="EUV610" s="137"/>
      <c r="EUW610" s="137"/>
      <c r="EUX610" s="137"/>
      <c r="EUY610" s="137"/>
      <c r="EUZ610" s="137"/>
      <c r="EVA610" s="137"/>
      <c r="EVB610" s="137"/>
      <c r="EVC610" s="137"/>
      <c r="EVD610" s="137"/>
      <c r="EVE610" s="137"/>
      <c r="EVF610" s="137"/>
      <c r="EVG610" s="137"/>
      <c r="EVH610" s="137"/>
      <c r="EVI610" s="137"/>
      <c r="EVJ610" s="137"/>
      <c r="EVK610" s="137"/>
      <c r="EVL610" s="137"/>
      <c r="EVM610" s="137"/>
      <c r="EVN610" s="137"/>
      <c r="EVO610" s="137"/>
      <c r="EVP610" s="137"/>
      <c r="EVQ610" s="137"/>
      <c r="EVR610" s="137"/>
      <c r="EVS610" s="137"/>
      <c r="EVT610" s="137"/>
      <c r="EVU610" s="137"/>
      <c r="EVV610" s="137"/>
      <c r="EVW610" s="137"/>
      <c r="EVX610" s="137"/>
      <c r="EVY610" s="137"/>
      <c r="EVZ610" s="137"/>
      <c r="EWA610" s="137"/>
      <c r="EWB610" s="137"/>
      <c r="EWC610" s="137"/>
      <c r="EWD610" s="137"/>
      <c r="EWE610" s="137"/>
      <c r="EWF610" s="137"/>
      <c r="EWG610" s="137"/>
      <c r="EWH610" s="137"/>
      <c r="EWI610" s="137"/>
      <c r="EWJ610" s="137"/>
      <c r="EWK610" s="137"/>
      <c r="EWL610" s="137"/>
      <c r="EWM610" s="137"/>
      <c r="EWN610" s="137"/>
      <c r="EWO610" s="137"/>
      <c r="EWP610" s="137"/>
      <c r="EWQ610" s="137"/>
      <c r="EWR610" s="137"/>
      <c r="EWS610" s="137"/>
      <c r="EWT610" s="137"/>
      <c r="EWU610" s="137"/>
      <c r="EWV610" s="137"/>
      <c r="EWW610" s="137"/>
      <c r="EWX610" s="137"/>
      <c r="EWY610" s="137"/>
      <c r="EWZ610" s="137"/>
      <c r="EXA610" s="137"/>
      <c r="EXB610" s="137"/>
      <c r="EXC610" s="137"/>
      <c r="EXD610" s="137"/>
      <c r="EXE610" s="137"/>
      <c r="EXF610" s="137"/>
      <c r="EXG610" s="137"/>
      <c r="EXH610" s="137"/>
      <c r="EXI610" s="137"/>
      <c r="EXJ610" s="137"/>
      <c r="EXK610" s="137"/>
      <c r="EXL610" s="137"/>
      <c r="EXM610" s="137"/>
      <c r="EXN610" s="137"/>
      <c r="EXO610" s="137"/>
      <c r="EXP610" s="137"/>
      <c r="EXQ610" s="137"/>
      <c r="EXR610" s="137"/>
      <c r="EXS610" s="137"/>
      <c r="EXT610" s="137"/>
      <c r="EXU610" s="137"/>
      <c r="EXV610" s="137"/>
      <c r="EXW610" s="137"/>
      <c r="EXX610" s="137"/>
      <c r="EXY610" s="137"/>
      <c r="EXZ610" s="137"/>
      <c r="EYA610" s="137"/>
      <c r="EYB610" s="137"/>
      <c r="EYC610" s="137"/>
      <c r="EYD610" s="137"/>
      <c r="EYE610" s="137"/>
      <c r="EYF610" s="137"/>
      <c r="EYG610" s="137"/>
      <c r="EYH610" s="137"/>
      <c r="EYI610" s="137"/>
      <c r="EYJ610" s="137"/>
      <c r="EYK610" s="137"/>
      <c r="EYL610" s="137"/>
      <c r="EYM610" s="137"/>
      <c r="EYN610" s="137"/>
      <c r="EYO610" s="137"/>
      <c r="EYP610" s="137"/>
      <c r="EYQ610" s="137"/>
      <c r="EYR610" s="137"/>
      <c r="EYS610" s="137"/>
      <c r="EYT610" s="137"/>
      <c r="EYU610" s="137"/>
      <c r="EYV610" s="137"/>
      <c r="EYW610" s="137"/>
      <c r="EYX610" s="137"/>
      <c r="EYY610" s="137"/>
      <c r="EYZ610" s="137"/>
      <c r="EZA610" s="137"/>
      <c r="EZB610" s="137"/>
      <c r="EZC610" s="137"/>
      <c r="EZD610" s="137"/>
      <c r="EZE610" s="137"/>
      <c r="EZF610" s="137"/>
      <c r="EZG610" s="137"/>
      <c r="EZH610" s="137"/>
      <c r="EZI610" s="137"/>
      <c r="EZJ610" s="137"/>
      <c r="EZK610" s="137"/>
      <c r="EZL610" s="137"/>
      <c r="EZM610" s="137"/>
      <c r="EZN610" s="137"/>
      <c r="EZO610" s="137"/>
      <c r="EZP610" s="137"/>
      <c r="EZQ610" s="137"/>
      <c r="EZR610" s="137"/>
      <c r="EZS610" s="137"/>
      <c r="EZT610" s="137"/>
      <c r="EZU610" s="137"/>
      <c r="EZV610" s="137"/>
      <c r="EZW610" s="137"/>
      <c r="EZX610" s="137"/>
      <c r="EZY610" s="137"/>
      <c r="EZZ610" s="137"/>
      <c r="FAA610" s="137"/>
      <c r="FAB610" s="137"/>
      <c r="FAC610" s="137"/>
      <c r="FAD610" s="137"/>
      <c r="FAE610" s="137"/>
      <c r="FAF610" s="137"/>
      <c r="FAG610" s="137"/>
      <c r="FAH610" s="137"/>
      <c r="FAI610" s="137"/>
      <c r="FAJ610" s="137"/>
      <c r="FAK610" s="137"/>
      <c r="FAL610" s="137"/>
      <c r="FAM610" s="137"/>
      <c r="FAN610" s="137"/>
      <c r="FAO610" s="137"/>
      <c r="FAP610" s="137"/>
      <c r="FAQ610" s="137"/>
      <c r="FAR610" s="137"/>
      <c r="FAS610" s="137"/>
      <c r="FAT610" s="137"/>
      <c r="FAU610" s="137"/>
      <c r="FAV610" s="137"/>
      <c r="FAW610" s="137"/>
      <c r="FAX610" s="137"/>
      <c r="FAY610" s="137"/>
      <c r="FAZ610" s="137"/>
      <c r="FBA610" s="137"/>
      <c r="FBB610" s="137"/>
      <c r="FBC610" s="137"/>
      <c r="FBD610" s="137"/>
      <c r="FBE610" s="137"/>
      <c r="FBF610" s="137"/>
      <c r="FBG610" s="137"/>
      <c r="FBH610" s="137"/>
      <c r="FBI610" s="137"/>
      <c r="FBJ610" s="137"/>
      <c r="FBK610" s="137"/>
      <c r="FBL610" s="137"/>
      <c r="FBM610" s="137"/>
      <c r="FBN610" s="137"/>
      <c r="FBO610" s="137"/>
      <c r="FBP610" s="137"/>
      <c r="FBQ610" s="137"/>
      <c r="FBR610" s="137"/>
      <c r="FBS610" s="137"/>
      <c r="FBT610" s="137"/>
      <c r="FBU610" s="137"/>
      <c r="FBV610" s="137"/>
      <c r="FBW610" s="137"/>
      <c r="FBX610" s="137"/>
      <c r="FBY610" s="137"/>
      <c r="FBZ610" s="137"/>
      <c r="FCA610" s="137"/>
      <c r="FCB610" s="137"/>
      <c r="FCC610" s="137"/>
      <c r="FCD610" s="137"/>
      <c r="FCE610" s="137"/>
      <c r="FCF610" s="137"/>
      <c r="FCG610" s="137"/>
      <c r="FCH610" s="137"/>
      <c r="FCI610" s="137"/>
      <c r="FCJ610" s="137"/>
      <c r="FCK610" s="137"/>
      <c r="FCL610" s="137"/>
      <c r="FCM610" s="137"/>
      <c r="FCN610" s="137"/>
      <c r="FCO610" s="137"/>
      <c r="FCP610" s="137"/>
      <c r="FCQ610" s="137"/>
      <c r="FCR610" s="137"/>
      <c r="FCS610" s="137"/>
      <c r="FCT610" s="137"/>
      <c r="FCU610" s="137"/>
      <c r="FCV610" s="137"/>
      <c r="FCW610" s="137"/>
      <c r="FCX610" s="137"/>
      <c r="FCY610" s="137"/>
      <c r="FCZ610" s="137"/>
      <c r="FDA610" s="137"/>
      <c r="FDB610" s="137"/>
      <c r="FDC610" s="137"/>
      <c r="FDD610" s="137"/>
      <c r="FDE610" s="137"/>
      <c r="FDF610" s="137"/>
      <c r="FDG610" s="137"/>
      <c r="FDH610" s="137"/>
      <c r="FDI610" s="137"/>
      <c r="FDJ610" s="137"/>
      <c r="FDK610" s="137"/>
      <c r="FDL610" s="137"/>
      <c r="FDM610" s="137"/>
      <c r="FDN610" s="137"/>
      <c r="FDO610" s="137"/>
      <c r="FDP610" s="137"/>
      <c r="FDQ610" s="137"/>
      <c r="FDR610" s="137"/>
      <c r="FDS610" s="137"/>
      <c r="FDT610" s="137"/>
      <c r="FDU610" s="137"/>
      <c r="FDV610" s="137"/>
      <c r="FDW610" s="137"/>
      <c r="FDX610" s="137"/>
      <c r="FDY610" s="137"/>
      <c r="FDZ610" s="137"/>
      <c r="FEA610" s="137"/>
      <c r="FEB610" s="137"/>
      <c r="FEC610" s="137"/>
      <c r="FED610" s="137"/>
      <c r="FEE610" s="137"/>
      <c r="FEF610" s="137"/>
      <c r="FEG610" s="137"/>
      <c r="FEH610" s="137"/>
      <c r="FEI610" s="137"/>
      <c r="FEJ610" s="137"/>
      <c r="FEK610" s="137"/>
      <c r="FEL610" s="137"/>
      <c r="FEM610" s="137"/>
      <c r="FEN610" s="137"/>
      <c r="FEO610" s="137"/>
      <c r="FEP610" s="137"/>
      <c r="FEQ610" s="137"/>
      <c r="FER610" s="137"/>
      <c r="FES610" s="137"/>
      <c r="FET610" s="137"/>
      <c r="FEU610" s="137"/>
      <c r="FEV610" s="137"/>
      <c r="FEW610" s="137"/>
      <c r="FEX610" s="137"/>
      <c r="FEY610" s="137"/>
      <c r="FEZ610" s="137"/>
      <c r="FFA610" s="137"/>
      <c r="FFB610" s="137"/>
      <c r="FFC610" s="137"/>
      <c r="FFD610" s="137"/>
      <c r="FFE610" s="137"/>
      <c r="FFF610" s="137"/>
      <c r="FFG610" s="137"/>
      <c r="FFH610" s="137"/>
      <c r="FFI610" s="137"/>
      <c r="FFJ610" s="137"/>
      <c r="FFK610" s="137"/>
      <c r="FFL610" s="137"/>
      <c r="FFM610" s="137"/>
      <c r="FFN610" s="137"/>
      <c r="FFO610" s="137"/>
      <c r="FFP610" s="137"/>
      <c r="FFQ610" s="137"/>
      <c r="FFR610" s="137"/>
      <c r="FFS610" s="137"/>
      <c r="FFT610" s="137"/>
      <c r="FFU610" s="137"/>
      <c r="FFV610" s="137"/>
      <c r="FFW610" s="137"/>
      <c r="FFX610" s="137"/>
      <c r="FFY610" s="137"/>
      <c r="FFZ610" s="137"/>
      <c r="FGA610" s="137"/>
      <c r="FGB610" s="137"/>
      <c r="FGC610" s="137"/>
      <c r="FGD610" s="137"/>
      <c r="FGE610" s="137"/>
      <c r="FGF610" s="137"/>
      <c r="FGG610" s="137"/>
      <c r="FGH610" s="137"/>
      <c r="FGI610" s="137"/>
      <c r="FGJ610" s="137"/>
      <c r="FGK610" s="137"/>
      <c r="FGL610" s="137"/>
      <c r="FGM610" s="137"/>
      <c r="FGN610" s="137"/>
      <c r="FGO610" s="137"/>
      <c r="FGP610" s="137"/>
      <c r="FGQ610" s="137"/>
      <c r="FGR610" s="137"/>
      <c r="FGS610" s="137"/>
      <c r="FGT610" s="137"/>
      <c r="FGU610" s="137"/>
      <c r="FGV610" s="137"/>
      <c r="FGW610" s="137"/>
      <c r="FGX610" s="137"/>
      <c r="FGY610" s="137"/>
      <c r="FGZ610" s="137"/>
      <c r="FHA610" s="137"/>
      <c r="FHB610" s="137"/>
      <c r="FHC610" s="137"/>
      <c r="FHD610" s="137"/>
      <c r="FHE610" s="137"/>
      <c r="FHF610" s="137"/>
      <c r="FHG610" s="137"/>
      <c r="FHH610" s="137"/>
      <c r="FHI610" s="137"/>
      <c r="FHJ610" s="137"/>
      <c r="FHK610" s="137"/>
      <c r="FHL610" s="137"/>
      <c r="FHM610" s="137"/>
      <c r="FHN610" s="137"/>
      <c r="FHO610" s="137"/>
      <c r="FHP610" s="137"/>
      <c r="FHQ610" s="137"/>
      <c r="FHR610" s="137"/>
      <c r="FHS610" s="137"/>
      <c r="FHT610" s="137"/>
      <c r="FHU610" s="137"/>
      <c r="FHV610" s="137"/>
      <c r="FHW610" s="137"/>
      <c r="FHX610" s="137"/>
      <c r="FHY610" s="137"/>
      <c r="FHZ610" s="137"/>
      <c r="FIA610" s="137"/>
      <c r="FIB610" s="137"/>
      <c r="FIC610" s="137"/>
      <c r="FID610" s="137"/>
      <c r="FIE610" s="137"/>
      <c r="FIF610" s="137"/>
      <c r="FIG610" s="137"/>
      <c r="FIH610" s="137"/>
      <c r="FII610" s="137"/>
      <c r="FIJ610" s="137"/>
      <c r="FIK610" s="137"/>
      <c r="FIL610" s="137"/>
      <c r="FIM610" s="137"/>
      <c r="FIN610" s="137"/>
      <c r="FIO610" s="137"/>
      <c r="FIP610" s="137"/>
      <c r="FIQ610" s="137"/>
      <c r="FIR610" s="137"/>
      <c r="FIS610" s="137"/>
      <c r="FIT610" s="137"/>
      <c r="FIU610" s="137"/>
      <c r="FIV610" s="137"/>
      <c r="FIW610" s="137"/>
      <c r="FIX610" s="137"/>
      <c r="FIY610" s="137"/>
      <c r="FIZ610" s="137"/>
      <c r="FJA610" s="137"/>
      <c r="FJB610" s="137"/>
      <c r="FJC610" s="137"/>
      <c r="FJD610" s="137"/>
      <c r="FJE610" s="137"/>
      <c r="FJF610" s="137"/>
      <c r="FJG610" s="137"/>
      <c r="FJH610" s="137"/>
      <c r="FJI610" s="137"/>
      <c r="FJJ610" s="137"/>
      <c r="FJK610" s="137"/>
      <c r="FJL610" s="137"/>
      <c r="FJM610" s="137"/>
      <c r="FJN610" s="137"/>
      <c r="FJO610" s="137"/>
      <c r="FJP610" s="137"/>
      <c r="FJQ610" s="137"/>
      <c r="FJR610" s="137"/>
      <c r="FJS610" s="137"/>
      <c r="FJT610" s="137"/>
      <c r="FJU610" s="137"/>
      <c r="FJV610" s="137"/>
      <c r="FJW610" s="137"/>
      <c r="FJX610" s="137"/>
      <c r="FJY610" s="137"/>
      <c r="FJZ610" s="137"/>
      <c r="FKA610" s="137"/>
      <c r="FKB610" s="137"/>
      <c r="FKC610" s="137"/>
      <c r="FKD610" s="137"/>
      <c r="FKE610" s="137"/>
      <c r="FKF610" s="137"/>
      <c r="FKG610" s="137"/>
      <c r="FKH610" s="137"/>
      <c r="FKI610" s="137"/>
      <c r="FKJ610" s="137"/>
      <c r="FKK610" s="137"/>
      <c r="FKL610" s="137"/>
      <c r="FKM610" s="137"/>
      <c r="FKN610" s="137"/>
      <c r="FKO610" s="137"/>
      <c r="FKP610" s="137"/>
      <c r="FKQ610" s="137"/>
      <c r="FKR610" s="137"/>
      <c r="FKS610" s="137"/>
      <c r="FKT610" s="137"/>
      <c r="FKU610" s="137"/>
      <c r="FKV610" s="137"/>
      <c r="FKW610" s="137"/>
      <c r="FKX610" s="137"/>
      <c r="FKY610" s="137"/>
      <c r="FKZ610" s="137"/>
      <c r="FLA610" s="137"/>
      <c r="FLB610" s="137"/>
      <c r="FLC610" s="137"/>
      <c r="FLD610" s="137"/>
      <c r="FLE610" s="137"/>
      <c r="FLF610" s="137"/>
      <c r="FLG610" s="137"/>
      <c r="FLH610" s="137"/>
      <c r="FLI610" s="137"/>
      <c r="FLJ610" s="137"/>
      <c r="FLK610" s="137"/>
      <c r="FLL610" s="137"/>
      <c r="FLM610" s="137"/>
      <c r="FLN610" s="137"/>
      <c r="FLO610" s="137"/>
      <c r="FLP610" s="137"/>
      <c r="FLQ610" s="137"/>
      <c r="FLR610" s="137"/>
      <c r="FLS610" s="137"/>
      <c r="FLT610" s="137"/>
      <c r="FLU610" s="137"/>
      <c r="FLV610" s="137"/>
      <c r="FLW610" s="137"/>
      <c r="FLX610" s="137"/>
      <c r="FLY610" s="137"/>
      <c r="FLZ610" s="137"/>
      <c r="FMA610" s="137"/>
      <c r="FMB610" s="137"/>
      <c r="FMC610" s="137"/>
      <c r="FMD610" s="137"/>
      <c r="FME610" s="137"/>
      <c r="FMF610" s="137"/>
      <c r="FMG610" s="137"/>
      <c r="FMH610" s="137"/>
      <c r="FMI610" s="137"/>
      <c r="FMJ610" s="137"/>
      <c r="FMK610" s="137"/>
      <c r="FML610" s="137"/>
      <c r="FMM610" s="137"/>
      <c r="FMN610" s="137"/>
      <c r="FMO610" s="137"/>
      <c r="FMP610" s="137"/>
      <c r="FMQ610" s="137"/>
      <c r="FMR610" s="137"/>
      <c r="FMS610" s="137"/>
      <c r="FMT610" s="137"/>
      <c r="FMU610" s="137"/>
      <c r="FMV610" s="137"/>
      <c r="FMW610" s="137"/>
      <c r="FMX610" s="137"/>
      <c r="FMY610" s="137"/>
      <c r="FMZ610" s="137"/>
      <c r="FNA610" s="137"/>
      <c r="FNB610" s="137"/>
      <c r="FNC610" s="137"/>
      <c r="FND610" s="137"/>
      <c r="FNE610" s="137"/>
      <c r="FNF610" s="137"/>
      <c r="FNG610" s="137"/>
      <c r="FNH610" s="137"/>
      <c r="FNI610" s="137"/>
      <c r="FNJ610" s="137"/>
      <c r="FNK610" s="137"/>
      <c r="FNL610" s="137"/>
      <c r="FNM610" s="137"/>
      <c r="FNN610" s="137"/>
      <c r="FNO610" s="137"/>
      <c r="FNP610" s="137"/>
      <c r="FNQ610" s="137"/>
      <c r="FNR610" s="137"/>
      <c r="FNS610" s="137"/>
      <c r="FNT610" s="137"/>
      <c r="FNU610" s="137"/>
      <c r="FNV610" s="137"/>
      <c r="FNW610" s="137"/>
      <c r="FNX610" s="137"/>
      <c r="FNY610" s="137"/>
      <c r="FNZ610" s="137"/>
      <c r="FOA610" s="137"/>
      <c r="FOB610" s="137"/>
      <c r="FOC610" s="137"/>
      <c r="FOD610" s="137"/>
      <c r="FOE610" s="137"/>
      <c r="FOF610" s="137"/>
      <c r="FOG610" s="137"/>
      <c r="FOH610" s="137"/>
      <c r="FOI610" s="137"/>
      <c r="FOJ610" s="137"/>
      <c r="FOK610" s="137"/>
      <c r="FOL610" s="137"/>
      <c r="FOM610" s="137"/>
      <c r="FON610" s="137"/>
      <c r="FOO610" s="137"/>
      <c r="FOP610" s="137"/>
      <c r="FOQ610" s="137"/>
      <c r="FOR610" s="137"/>
      <c r="FOS610" s="137"/>
      <c r="FOT610" s="137"/>
      <c r="FOU610" s="137"/>
      <c r="FOV610" s="137"/>
      <c r="FOW610" s="137"/>
      <c r="FOX610" s="137"/>
      <c r="FOY610" s="137"/>
      <c r="FOZ610" s="137"/>
      <c r="FPA610" s="137"/>
      <c r="FPB610" s="137"/>
      <c r="FPC610" s="137"/>
      <c r="FPD610" s="137"/>
      <c r="FPE610" s="137"/>
      <c r="FPF610" s="137"/>
      <c r="FPG610" s="137"/>
      <c r="FPH610" s="137"/>
      <c r="FPI610" s="137"/>
      <c r="FPJ610" s="137"/>
      <c r="FPK610" s="137"/>
      <c r="FPL610" s="137"/>
      <c r="FPM610" s="137"/>
      <c r="FPN610" s="137"/>
      <c r="FPO610" s="137"/>
      <c r="FPP610" s="137"/>
      <c r="FPQ610" s="137"/>
      <c r="FPR610" s="137"/>
      <c r="FPS610" s="137"/>
      <c r="FPT610" s="137"/>
      <c r="FPU610" s="137"/>
      <c r="FPV610" s="137"/>
      <c r="FPW610" s="137"/>
      <c r="FPX610" s="137"/>
      <c r="FPY610" s="137"/>
      <c r="FPZ610" s="137"/>
      <c r="FQA610" s="137"/>
      <c r="FQB610" s="137"/>
      <c r="FQC610" s="137"/>
      <c r="FQD610" s="137"/>
      <c r="FQE610" s="137"/>
      <c r="FQF610" s="137"/>
      <c r="FQG610" s="137"/>
      <c r="FQH610" s="137"/>
      <c r="FQI610" s="137"/>
      <c r="FQJ610" s="137"/>
      <c r="FQK610" s="137"/>
      <c r="FQL610" s="137"/>
      <c r="FQM610" s="137"/>
      <c r="FQN610" s="137"/>
      <c r="FQO610" s="137"/>
      <c r="FQP610" s="137"/>
      <c r="FQQ610" s="137"/>
      <c r="FQR610" s="137"/>
      <c r="FQS610" s="137"/>
      <c r="FQT610" s="137"/>
      <c r="FQU610" s="137"/>
      <c r="FQV610" s="137"/>
      <c r="FQW610" s="137"/>
      <c r="FQX610" s="137"/>
      <c r="FQY610" s="137"/>
      <c r="FQZ610" s="137"/>
      <c r="FRA610" s="137"/>
      <c r="FRB610" s="137"/>
      <c r="FRC610" s="137"/>
      <c r="FRD610" s="137"/>
      <c r="FRE610" s="137"/>
      <c r="FRF610" s="137"/>
      <c r="FRG610" s="137"/>
      <c r="FRH610" s="137"/>
      <c r="FRI610" s="137"/>
      <c r="FRJ610" s="137"/>
      <c r="FRK610" s="137"/>
      <c r="FRL610" s="137"/>
      <c r="FRM610" s="137"/>
      <c r="FRN610" s="137"/>
      <c r="FRO610" s="137"/>
      <c r="FRP610" s="137"/>
      <c r="FRQ610" s="137"/>
      <c r="FRR610" s="137"/>
      <c r="FRS610" s="137"/>
      <c r="FRT610" s="137"/>
      <c r="FRU610" s="137"/>
      <c r="FRV610" s="137"/>
      <c r="FRW610" s="137"/>
      <c r="FRX610" s="137"/>
      <c r="FRY610" s="137"/>
      <c r="FRZ610" s="137"/>
      <c r="FSA610" s="137"/>
      <c r="FSB610" s="137"/>
      <c r="FSC610" s="137"/>
      <c r="FSD610" s="137"/>
      <c r="FSE610" s="137"/>
      <c r="FSF610" s="137"/>
      <c r="FSG610" s="137"/>
      <c r="FSH610" s="137"/>
      <c r="FSI610" s="137"/>
      <c r="FSJ610" s="137"/>
      <c r="FSK610" s="137"/>
      <c r="FSL610" s="137"/>
      <c r="FSM610" s="137"/>
      <c r="FSN610" s="137"/>
      <c r="FSO610" s="137"/>
      <c r="FSP610" s="137"/>
      <c r="FSQ610" s="137"/>
      <c r="FSR610" s="137"/>
      <c r="FSS610" s="137"/>
      <c r="FST610" s="137"/>
      <c r="FSU610" s="137"/>
      <c r="FSV610" s="137"/>
      <c r="FSW610" s="137"/>
      <c r="FSX610" s="137"/>
      <c r="FSY610" s="137"/>
      <c r="FSZ610" s="137"/>
      <c r="FTA610" s="137"/>
      <c r="FTB610" s="137"/>
      <c r="FTC610" s="137"/>
      <c r="FTD610" s="137"/>
      <c r="FTE610" s="137"/>
      <c r="FTF610" s="137"/>
      <c r="FTG610" s="137"/>
      <c r="FTH610" s="137"/>
      <c r="FTI610" s="137"/>
      <c r="FTJ610" s="137"/>
      <c r="FTK610" s="137"/>
      <c r="FTL610" s="137"/>
      <c r="FTM610" s="137"/>
      <c r="FTN610" s="137"/>
      <c r="FTO610" s="137"/>
      <c r="FTP610" s="137"/>
      <c r="FTQ610" s="137"/>
      <c r="FTR610" s="137"/>
      <c r="FTS610" s="137"/>
      <c r="FTT610" s="137"/>
      <c r="FTU610" s="137"/>
      <c r="FTV610" s="137"/>
      <c r="FTW610" s="137"/>
      <c r="FTX610" s="137"/>
      <c r="FTY610" s="137"/>
      <c r="FTZ610" s="137"/>
      <c r="FUA610" s="137"/>
      <c r="FUB610" s="137"/>
      <c r="FUC610" s="137"/>
      <c r="FUD610" s="137"/>
      <c r="FUE610" s="137"/>
      <c r="FUF610" s="137"/>
      <c r="FUG610" s="137"/>
      <c r="FUH610" s="137"/>
      <c r="FUI610" s="137"/>
      <c r="FUJ610" s="137"/>
      <c r="FUK610" s="137"/>
      <c r="FUL610" s="137"/>
      <c r="FUM610" s="137"/>
      <c r="FUN610" s="137"/>
      <c r="FUO610" s="137"/>
      <c r="FUP610" s="137"/>
      <c r="FUQ610" s="137"/>
      <c r="FUR610" s="137"/>
      <c r="FUS610" s="137"/>
      <c r="FUT610" s="137"/>
      <c r="FUU610" s="137"/>
      <c r="FUV610" s="137"/>
      <c r="FUW610" s="137"/>
      <c r="FUX610" s="137"/>
      <c r="FUY610" s="137"/>
      <c r="FUZ610" s="137"/>
      <c r="FVA610" s="137"/>
      <c r="FVB610" s="137"/>
      <c r="FVC610" s="137"/>
      <c r="FVD610" s="137"/>
      <c r="FVE610" s="137"/>
      <c r="FVF610" s="137"/>
      <c r="FVG610" s="137"/>
      <c r="FVH610" s="137"/>
      <c r="FVI610" s="137"/>
      <c r="FVJ610" s="137"/>
      <c r="FVK610" s="137"/>
      <c r="FVL610" s="137"/>
      <c r="FVM610" s="137"/>
      <c r="FVN610" s="137"/>
      <c r="FVO610" s="137"/>
      <c r="FVP610" s="137"/>
      <c r="FVQ610" s="137"/>
      <c r="FVR610" s="137"/>
      <c r="FVS610" s="137"/>
      <c r="FVT610" s="137"/>
      <c r="FVU610" s="137"/>
      <c r="FVV610" s="137"/>
      <c r="FVW610" s="137"/>
      <c r="FVX610" s="137"/>
      <c r="FVY610" s="137"/>
      <c r="FVZ610" s="137"/>
      <c r="FWA610" s="137"/>
      <c r="FWB610" s="137"/>
      <c r="FWC610" s="137"/>
      <c r="FWD610" s="137"/>
      <c r="FWE610" s="137"/>
      <c r="FWF610" s="137"/>
      <c r="FWG610" s="137"/>
      <c r="FWH610" s="137"/>
      <c r="FWI610" s="137"/>
      <c r="FWJ610" s="137"/>
      <c r="FWK610" s="137"/>
      <c r="FWL610" s="137"/>
      <c r="FWM610" s="137"/>
      <c r="FWN610" s="137"/>
      <c r="FWO610" s="137"/>
      <c r="FWP610" s="137"/>
      <c r="FWQ610" s="137"/>
      <c r="FWR610" s="137"/>
      <c r="FWS610" s="137"/>
      <c r="FWT610" s="137"/>
      <c r="FWU610" s="137"/>
      <c r="FWV610" s="137"/>
      <c r="FWW610" s="137"/>
      <c r="FWX610" s="137"/>
      <c r="FWY610" s="137"/>
      <c r="FWZ610" s="137"/>
      <c r="FXA610" s="137"/>
      <c r="FXB610" s="137"/>
      <c r="FXC610" s="137"/>
      <c r="FXD610" s="137"/>
      <c r="FXE610" s="137"/>
      <c r="FXF610" s="137"/>
      <c r="FXG610" s="137"/>
      <c r="FXH610" s="137"/>
      <c r="FXI610" s="137"/>
      <c r="FXJ610" s="137"/>
      <c r="FXK610" s="137"/>
      <c r="FXL610" s="137"/>
      <c r="FXM610" s="137"/>
      <c r="FXN610" s="137"/>
      <c r="FXO610" s="137"/>
      <c r="FXP610" s="137"/>
      <c r="FXQ610" s="137"/>
      <c r="FXR610" s="137"/>
      <c r="FXS610" s="137"/>
      <c r="FXT610" s="137"/>
      <c r="FXU610" s="137"/>
      <c r="FXV610" s="137"/>
      <c r="FXW610" s="137"/>
      <c r="FXX610" s="137"/>
      <c r="FXY610" s="137"/>
      <c r="FXZ610" s="137"/>
      <c r="FYA610" s="137"/>
      <c r="FYB610" s="137"/>
      <c r="FYC610" s="137"/>
      <c r="FYD610" s="137"/>
      <c r="FYE610" s="137"/>
      <c r="FYF610" s="137"/>
      <c r="FYG610" s="137"/>
      <c r="FYH610" s="137"/>
      <c r="FYI610" s="137"/>
      <c r="FYJ610" s="137"/>
      <c r="FYK610" s="137"/>
      <c r="FYL610" s="137"/>
      <c r="FYM610" s="137"/>
      <c r="FYN610" s="137"/>
      <c r="FYO610" s="137"/>
      <c r="FYP610" s="137"/>
      <c r="FYQ610" s="137"/>
      <c r="FYR610" s="137"/>
      <c r="FYS610" s="137"/>
      <c r="FYT610" s="137"/>
      <c r="FYU610" s="137"/>
      <c r="FYV610" s="137"/>
      <c r="FYW610" s="137"/>
      <c r="FYX610" s="137"/>
      <c r="FYY610" s="137"/>
      <c r="FYZ610" s="137"/>
      <c r="FZA610" s="137"/>
      <c r="FZB610" s="137"/>
      <c r="FZC610" s="137"/>
      <c r="FZD610" s="137"/>
      <c r="FZE610" s="137"/>
      <c r="FZF610" s="137"/>
      <c r="FZG610" s="137"/>
      <c r="FZH610" s="137"/>
      <c r="FZI610" s="137"/>
      <c r="FZJ610" s="137"/>
      <c r="FZK610" s="137"/>
      <c r="FZL610" s="137"/>
      <c r="FZM610" s="137"/>
      <c r="FZN610" s="137"/>
      <c r="FZO610" s="137"/>
      <c r="FZP610" s="137"/>
      <c r="FZQ610" s="137"/>
      <c r="FZR610" s="137"/>
      <c r="FZS610" s="137"/>
      <c r="FZT610" s="137"/>
      <c r="FZU610" s="137"/>
      <c r="FZV610" s="137"/>
      <c r="FZW610" s="137"/>
      <c r="FZX610" s="137"/>
      <c r="FZY610" s="137"/>
      <c r="FZZ610" s="137"/>
      <c r="GAA610" s="137"/>
      <c r="GAB610" s="137"/>
      <c r="GAC610" s="137"/>
      <c r="GAD610" s="137"/>
      <c r="GAE610" s="137"/>
      <c r="GAF610" s="137"/>
      <c r="GAG610" s="137"/>
      <c r="GAH610" s="137"/>
      <c r="GAI610" s="137"/>
      <c r="GAJ610" s="137"/>
      <c r="GAK610" s="137"/>
      <c r="GAL610" s="137"/>
      <c r="GAM610" s="137"/>
      <c r="GAN610" s="137"/>
      <c r="GAO610" s="137"/>
      <c r="GAP610" s="137"/>
      <c r="GAQ610" s="137"/>
      <c r="GAR610" s="137"/>
      <c r="GAS610" s="137"/>
      <c r="GAT610" s="137"/>
      <c r="GAU610" s="137"/>
      <c r="GAV610" s="137"/>
      <c r="GAW610" s="137"/>
      <c r="GAX610" s="137"/>
      <c r="GAY610" s="137"/>
      <c r="GAZ610" s="137"/>
      <c r="GBA610" s="137"/>
      <c r="GBB610" s="137"/>
      <c r="GBC610" s="137"/>
      <c r="GBD610" s="137"/>
      <c r="GBE610" s="137"/>
      <c r="GBF610" s="137"/>
      <c r="GBG610" s="137"/>
      <c r="GBH610" s="137"/>
      <c r="GBI610" s="137"/>
      <c r="GBJ610" s="137"/>
      <c r="GBK610" s="137"/>
      <c r="GBL610" s="137"/>
      <c r="GBM610" s="137"/>
      <c r="GBN610" s="137"/>
      <c r="GBO610" s="137"/>
      <c r="GBP610" s="137"/>
      <c r="GBQ610" s="137"/>
      <c r="GBR610" s="137"/>
      <c r="GBS610" s="137"/>
      <c r="GBT610" s="137"/>
      <c r="GBU610" s="137"/>
      <c r="GBV610" s="137"/>
      <c r="GBW610" s="137"/>
      <c r="GBX610" s="137"/>
      <c r="GBY610" s="137"/>
      <c r="GBZ610" s="137"/>
      <c r="GCA610" s="137"/>
      <c r="GCB610" s="137"/>
      <c r="GCC610" s="137"/>
      <c r="GCD610" s="137"/>
      <c r="GCE610" s="137"/>
      <c r="GCF610" s="137"/>
      <c r="GCG610" s="137"/>
      <c r="GCH610" s="137"/>
      <c r="GCI610" s="137"/>
      <c r="GCJ610" s="137"/>
      <c r="GCK610" s="137"/>
      <c r="GCL610" s="137"/>
      <c r="GCM610" s="137"/>
      <c r="GCN610" s="137"/>
      <c r="GCO610" s="137"/>
      <c r="GCP610" s="137"/>
      <c r="GCQ610" s="137"/>
      <c r="GCR610" s="137"/>
      <c r="GCS610" s="137"/>
      <c r="GCT610" s="137"/>
      <c r="GCU610" s="137"/>
      <c r="GCV610" s="137"/>
      <c r="GCW610" s="137"/>
      <c r="GCX610" s="137"/>
      <c r="GCY610" s="137"/>
      <c r="GCZ610" s="137"/>
      <c r="GDA610" s="137"/>
      <c r="GDB610" s="137"/>
      <c r="GDC610" s="137"/>
      <c r="GDD610" s="137"/>
      <c r="GDE610" s="137"/>
      <c r="GDF610" s="137"/>
      <c r="GDG610" s="137"/>
      <c r="GDH610" s="137"/>
      <c r="GDI610" s="137"/>
      <c r="GDJ610" s="137"/>
      <c r="GDK610" s="137"/>
      <c r="GDL610" s="137"/>
      <c r="GDM610" s="137"/>
      <c r="GDN610" s="137"/>
      <c r="GDO610" s="137"/>
      <c r="GDP610" s="137"/>
      <c r="GDQ610" s="137"/>
      <c r="GDR610" s="137"/>
      <c r="GDS610" s="137"/>
      <c r="GDT610" s="137"/>
      <c r="GDU610" s="137"/>
      <c r="GDV610" s="137"/>
      <c r="GDW610" s="137"/>
      <c r="GDX610" s="137"/>
      <c r="GDY610" s="137"/>
      <c r="GDZ610" s="137"/>
      <c r="GEA610" s="137"/>
      <c r="GEB610" s="137"/>
      <c r="GEC610" s="137"/>
      <c r="GED610" s="137"/>
      <c r="GEE610" s="137"/>
      <c r="GEF610" s="137"/>
      <c r="GEG610" s="137"/>
      <c r="GEH610" s="137"/>
      <c r="GEI610" s="137"/>
      <c r="GEJ610" s="137"/>
      <c r="GEK610" s="137"/>
      <c r="GEL610" s="137"/>
      <c r="GEM610" s="137"/>
      <c r="GEN610" s="137"/>
      <c r="GEO610" s="137"/>
      <c r="GEP610" s="137"/>
      <c r="GEQ610" s="137"/>
      <c r="GER610" s="137"/>
      <c r="GES610" s="137"/>
      <c r="GET610" s="137"/>
      <c r="GEU610" s="137"/>
      <c r="GEV610" s="137"/>
      <c r="GEW610" s="137"/>
      <c r="GEX610" s="137"/>
      <c r="GEY610" s="137"/>
      <c r="GEZ610" s="137"/>
      <c r="GFA610" s="137"/>
      <c r="GFB610" s="137"/>
      <c r="GFC610" s="137"/>
      <c r="GFD610" s="137"/>
      <c r="GFE610" s="137"/>
      <c r="GFF610" s="137"/>
      <c r="GFG610" s="137"/>
      <c r="GFH610" s="137"/>
      <c r="GFI610" s="137"/>
      <c r="GFJ610" s="137"/>
      <c r="GFK610" s="137"/>
      <c r="GFL610" s="137"/>
      <c r="GFM610" s="137"/>
      <c r="GFN610" s="137"/>
      <c r="GFO610" s="137"/>
      <c r="GFP610" s="137"/>
      <c r="GFQ610" s="137"/>
      <c r="GFR610" s="137"/>
      <c r="GFS610" s="137"/>
      <c r="GFT610" s="137"/>
      <c r="GFU610" s="137"/>
      <c r="GFV610" s="137"/>
      <c r="GFW610" s="137"/>
      <c r="GFX610" s="137"/>
      <c r="GFY610" s="137"/>
      <c r="GFZ610" s="137"/>
      <c r="GGA610" s="137"/>
      <c r="GGB610" s="137"/>
      <c r="GGC610" s="137"/>
      <c r="GGD610" s="137"/>
      <c r="GGE610" s="137"/>
      <c r="GGF610" s="137"/>
      <c r="GGG610" s="137"/>
      <c r="GGH610" s="137"/>
      <c r="GGI610" s="137"/>
      <c r="GGJ610" s="137"/>
      <c r="GGK610" s="137"/>
      <c r="GGL610" s="137"/>
      <c r="GGM610" s="137"/>
      <c r="GGN610" s="137"/>
      <c r="GGO610" s="137"/>
      <c r="GGP610" s="137"/>
      <c r="GGQ610" s="137"/>
      <c r="GGR610" s="137"/>
      <c r="GGS610" s="137"/>
      <c r="GGT610" s="137"/>
      <c r="GGU610" s="137"/>
      <c r="GGV610" s="137"/>
      <c r="GGW610" s="137"/>
      <c r="GGX610" s="137"/>
      <c r="GGY610" s="137"/>
      <c r="GGZ610" s="137"/>
      <c r="GHA610" s="137"/>
      <c r="GHB610" s="137"/>
      <c r="GHC610" s="137"/>
      <c r="GHD610" s="137"/>
      <c r="GHE610" s="137"/>
      <c r="GHF610" s="137"/>
      <c r="GHG610" s="137"/>
      <c r="GHH610" s="137"/>
      <c r="GHI610" s="137"/>
      <c r="GHJ610" s="137"/>
      <c r="GHK610" s="137"/>
      <c r="GHL610" s="137"/>
      <c r="GHM610" s="137"/>
      <c r="GHN610" s="137"/>
      <c r="GHO610" s="137"/>
      <c r="GHP610" s="137"/>
      <c r="GHQ610" s="137"/>
      <c r="GHR610" s="137"/>
      <c r="GHS610" s="137"/>
      <c r="GHT610" s="137"/>
      <c r="GHU610" s="137"/>
      <c r="GHV610" s="137"/>
      <c r="GHW610" s="137"/>
      <c r="GHX610" s="137"/>
      <c r="GHY610" s="137"/>
      <c r="GHZ610" s="137"/>
      <c r="GIA610" s="137"/>
      <c r="GIB610" s="137"/>
      <c r="GIC610" s="137"/>
      <c r="GID610" s="137"/>
      <c r="GIE610" s="137"/>
      <c r="GIF610" s="137"/>
      <c r="GIG610" s="137"/>
      <c r="GIH610" s="137"/>
      <c r="GII610" s="137"/>
      <c r="GIJ610" s="137"/>
      <c r="GIK610" s="137"/>
      <c r="GIL610" s="137"/>
      <c r="GIM610" s="137"/>
      <c r="GIN610" s="137"/>
      <c r="GIO610" s="137"/>
      <c r="GIP610" s="137"/>
      <c r="GIQ610" s="137"/>
      <c r="GIR610" s="137"/>
      <c r="GIS610" s="137"/>
      <c r="GIT610" s="137"/>
      <c r="GIU610" s="137"/>
      <c r="GIV610" s="137"/>
      <c r="GIW610" s="137"/>
      <c r="GIX610" s="137"/>
      <c r="GIY610" s="137"/>
      <c r="GIZ610" s="137"/>
      <c r="GJA610" s="137"/>
      <c r="GJB610" s="137"/>
      <c r="GJC610" s="137"/>
      <c r="GJD610" s="137"/>
      <c r="GJE610" s="137"/>
      <c r="GJF610" s="137"/>
      <c r="GJG610" s="137"/>
      <c r="GJH610" s="137"/>
      <c r="GJI610" s="137"/>
      <c r="GJJ610" s="137"/>
      <c r="GJK610" s="137"/>
      <c r="GJL610" s="137"/>
      <c r="GJM610" s="137"/>
      <c r="GJN610" s="137"/>
      <c r="GJO610" s="137"/>
      <c r="GJP610" s="137"/>
      <c r="GJQ610" s="137"/>
      <c r="GJR610" s="137"/>
      <c r="GJS610" s="137"/>
      <c r="GJT610" s="137"/>
      <c r="GJU610" s="137"/>
      <c r="GJV610" s="137"/>
      <c r="GJW610" s="137"/>
      <c r="GJX610" s="137"/>
      <c r="GJY610" s="137"/>
      <c r="GJZ610" s="137"/>
      <c r="GKA610" s="137"/>
      <c r="GKB610" s="137"/>
      <c r="GKC610" s="137"/>
      <c r="GKD610" s="137"/>
      <c r="GKE610" s="137"/>
      <c r="GKF610" s="137"/>
      <c r="GKG610" s="137"/>
      <c r="GKH610" s="137"/>
      <c r="GKI610" s="137"/>
      <c r="GKJ610" s="137"/>
      <c r="GKK610" s="137"/>
      <c r="GKL610" s="137"/>
      <c r="GKM610" s="137"/>
      <c r="GKN610" s="137"/>
      <c r="GKO610" s="137"/>
      <c r="GKP610" s="137"/>
      <c r="GKQ610" s="137"/>
      <c r="GKR610" s="137"/>
      <c r="GKS610" s="137"/>
      <c r="GKT610" s="137"/>
      <c r="GKU610" s="137"/>
      <c r="GKV610" s="137"/>
      <c r="GKW610" s="137"/>
      <c r="GKX610" s="137"/>
      <c r="GKY610" s="137"/>
      <c r="GKZ610" s="137"/>
      <c r="GLA610" s="137"/>
      <c r="GLB610" s="137"/>
      <c r="GLC610" s="137"/>
      <c r="GLD610" s="137"/>
      <c r="GLE610" s="137"/>
      <c r="GLF610" s="137"/>
      <c r="GLG610" s="137"/>
      <c r="GLH610" s="137"/>
      <c r="GLI610" s="137"/>
      <c r="GLJ610" s="137"/>
      <c r="GLK610" s="137"/>
      <c r="GLL610" s="137"/>
      <c r="GLM610" s="137"/>
      <c r="GLN610" s="137"/>
      <c r="GLO610" s="137"/>
      <c r="GLP610" s="137"/>
      <c r="GLQ610" s="137"/>
      <c r="GLR610" s="137"/>
      <c r="GLS610" s="137"/>
      <c r="GLT610" s="137"/>
      <c r="GLU610" s="137"/>
      <c r="GLV610" s="137"/>
      <c r="GLW610" s="137"/>
      <c r="GLX610" s="137"/>
      <c r="GLY610" s="137"/>
      <c r="GLZ610" s="137"/>
      <c r="GMA610" s="137"/>
      <c r="GMB610" s="137"/>
      <c r="GMC610" s="137"/>
      <c r="GMD610" s="137"/>
      <c r="GME610" s="137"/>
      <c r="GMF610" s="137"/>
      <c r="GMG610" s="137"/>
      <c r="GMH610" s="137"/>
      <c r="GMI610" s="137"/>
      <c r="GMJ610" s="137"/>
      <c r="GMK610" s="137"/>
      <c r="GML610" s="137"/>
      <c r="GMM610" s="137"/>
      <c r="GMN610" s="137"/>
      <c r="GMO610" s="137"/>
      <c r="GMP610" s="137"/>
      <c r="GMQ610" s="137"/>
      <c r="GMR610" s="137"/>
      <c r="GMS610" s="137"/>
      <c r="GMT610" s="137"/>
      <c r="GMU610" s="137"/>
      <c r="GMV610" s="137"/>
      <c r="GMW610" s="137"/>
      <c r="GMX610" s="137"/>
      <c r="GMY610" s="137"/>
      <c r="GMZ610" s="137"/>
      <c r="GNA610" s="137"/>
      <c r="GNB610" s="137"/>
      <c r="GNC610" s="137"/>
      <c r="GND610" s="137"/>
      <c r="GNE610" s="137"/>
      <c r="GNF610" s="137"/>
      <c r="GNG610" s="137"/>
      <c r="GNH610" s="137"/>
      <c r="GNI610" s="137"/>
      <c r="GNJ610" s="137"/>
      <c r="GNK610" s="137"/>
      <c r="GNL610" s="137"/>
      <c r="GNM610" s="137"/>
      <c r="GNN610" s="137"/>
      <c r="GNO610" s="137"/>
      <c r="GNP610" s="137"/>
      <c r="GNQ610" s="137"/>
      <c r="GNR610" s="137"/>
      <c r="GNS610" s="137"/>
      <c r="GNT610" s="137"/>
      <c r="GNU610" s="137"/>
      <c r="GNV610" s="137"/>
      <c r="GNW610" s="137"/>
      <c r="GNX610" s="137"/>
      <c r="GNY610" s="137"/>
      <c r="GNZ610" s="137"/>
      <c r="GOA610" s="137"/>
      <c r="GOB610" s="137"/>
      <c r="GOC610" s="137"/>
      <c r="GOD610" s="137"/>
      <c r="GOE610" s="137"/>
      <c r="GOF610" s="137"/>
      <c r="GOG610" s="137"/>
      <c r="GOH610" s="137"/>
      <c r="GOI610" s="137"/>
      <c r="GOJ610" s="137"/>
      <c r="GOK610" s="137"/>
      <c r="GOL610" s="137"/>
      <c r="GOM610" s="137"/>
      <c r="GON610" s="137"/>
      <c r="GOO610" s="137"/>
      <c r="GOP610" s="137"/>
      <c r="GOQ610" s="137"/>
      <c r="GOR610" s="137"/>
      <c r="GOS610" s="137"/>
      <c r="GOT610" s="137"/>
      <c r="GOU610" s="137"/>
      <c r="GOV610" s="137"/>
      <c r="GOW610" s="137"/>
      <c r="GOX610" s="137"/>
      <c r="GOY610" s="137"/>
      <c r="GOZ610" s="137"/>
      <c r="GPA610" s="137"/>
      <c r="GPB610" s="137"/>
      <c r="GPC610" s="137"/>
      <c r="GPD610" s="137"/>
      <c r="GPE610" s="137"/>
      <c r="GPF610" s="137"/>
      <c r="GPG610" s="137"/>
      <c r="GPH610" s="137"/>
      <c r="GPI610" s="137"/>
      <c r="GPJ610" s="137"/>
      <c r="GPK610" s="137"/>
      <c r="GPL610" s="137"/>
      <c r="GPM610" s="137"/>
      <c r="GPN610" s="137"/>
      <c r="GPO610" s="137"/>
      <c r="GPP610" s="137"/>
      <c r="GPQ610" s="137"/>
      <c r="GPR610" s="137"/>
      <c r="GPS610" s="137"/>
      <c r="GPT610" s="137"/>
      <c r="GPU610" s="137"/>
      <c r="GPV610" s="137"/>
      <c r="GPW610" s="137"/>
      <c r="GPX610" s="137"/>
      <c r="GPY610" s="137"/>
      <c r="GPZ610" s="137"/>
      <c r="GQA610" s="137"/>
      <c r="GQB610" s="137"/>
      <c r="GQC610" s="137"/>
      <c r="GQD610" s="137"/>
      <c r="GQE610" s="137"/>
      <c r="GQF610" s="137"/>
      <c r="GQG610" s="137"/>
      <c r="GQH610" s="137"/>
      <c r="GQI610" s="137"/>
      <c r="GQJ610" s="137"/>
      <c r="GQK610" s="137"/>
      <c r="GQL610" s="137"/>
      <c r="GQM610" s="137"/>
      <c r="GQN610" s="137"/>
      <c r="GQO610" s="137"/>
      <c r="GQP610" s="137"/>
      <c r="GQQ610" s="137"/>
      <c r="GQR610" s="137"/>
      <c r="GQS610" s="137"/>
      <c r="GQT610" s="137"/>
      <c r="GQU610" s="137"/>
      <c r="GQV610" s="137"/>
      <c r="GQW610" s="137"/>
      <c r="GQX610" s="137"/>
      <c r="GQY610" s="137"/>
      <c r="GQZ610" s="137"/>
      <c r="GRA610" s="137"/>
      <c r="GRB610" s="137"/>
      <c r="GRC610" s="137"/>
      <c r="GRD610" s="137"/>
      <c r="GRE610" s="137"/>
      <c r="GRF610" s="137"/>
      <c r="GRG610" s="137"/>
      <c r="GRH610" s="137"/>
      <c r="GRI610" s="137"/>
      <c r="GRJ610" s="137"/>
      <c r="GRK610" s="137"/>
      <c r="GRL610" s="137"/>
      <c r="GRM610" s="137"/>
      <c r="GRN610" s="137"/>
      <c r="GRO610" s="137"/>
      <c r="GRP610" s="137"/>
      <c r="GRQ610" s="137"/>
      <c r="GRR610" s="137"/>
      <c r="GRS610" s="137"/>
      <c r="GRT610" s="137"/>
      <c r="GRU610" s="137"/>
      <c r="GRV610" s="137"/>
      <c r="GRW610" s="137"/>
      <c r="GRX610" s="137"/>
      <c r="GRY610" s="137"/>
      <c r="GRZ610" s="137"/>
      <c r="GSA610" s="137"/>
      <c r="GSB610" s="137"/>
      <c r="GSC610" s="137"/>
      <c r="GSD610" s="137"/>
      <c r="GSE610" s="137"/>
      <c r="GSF610" s="137"/>
      <c r="GSG610" s="137"/>
      <c r="GSH610" s="137"/>
      <c r="GSI610" s="137"/>
      <c r="GSJ610" s="137"/>
      <c r="GSK610" s="137"/>
      <c r="GSL610" s="137"/>
      <c r="GSM610" s="137"/>
      <c r="GSN610" s="137"/>
      <c r="GSO610" s="137"/>
      <c r="GSP610" s="137"/>
      <c r="GSQ610" s="137"/>
      <c r="GSR610" s="137"/>
      <c r="GSS610" s="137"/>
      <c r="GST610" s="137"/>
      <c r="GSU610" s="137"/>
      <c r="GSV610" s="137"/>
      <c r="GSW610" s="137"/>
      <c r="GSX610" s="137"/>
      <c r="GSY610" s="137"/>
      <c r="GSZ610" s="137"/>
      <c r="GTA610" s="137"/>
      <c r="GTB610" s="137"/>
      <c r="GTC610" s="137"/>
      <c r="GTD610" s="137"/>
      <c r="GTE610" s="137"/>
      <c r="GTF610" s="137"/>
      <c r="GTG610" s="137"/>
      <c r="GTH610" s="137"/>
      <c r="GTI610" s="137"/>
      <c r="GTJ610" s="137"/>
      <c r="GTK610" s="137"/>
      <c r="GTL610" s="137"/>
      <c r="GTM610" s="137"/>
      <c r="GTN610" s="137"/>
      <c r="GTO610" s="137"/>
      <c r="GTP610" s="137"/>
      <c r="GTQ610" s="137"/>
      <c r="GTR610" s="137"/>
      <c r="GTS610" s="137"/>
      <c r="GTT610" s="137"/>
      <c r="GTU610" s="137"/>
      <c r="GTV610" s="137"/>
      <c r="GTW610" s="137"/>
      <c r="GTX610" s="137"/>
      <c r="GTY610" s="137"/>
      <c r="GTZ610" s="137"/>
      <c r="GUA610" s="137"/>
      <c r="GUB610" s="137"/>
      <c r="GUC610" s="137"/>
      <c r="GUD610" s="137"/>
      <c r="GUE610" s="137"/>
      <c r="GUF610" s="137"/>
      <c r="GUG610" s="137"/>
      <c r="GUH610" s="137"/>
      <c r="GUI610" s="137"/>
      <c r="GUJ610" s="137"/>
      <c r="GUK610" s="137"/>
      <c r="GUL610" s="137"/>
      <c r="GUM610" s="137"/>
      <c r="GUN610" s="137"/>
      <c r="GUO610" s="137"/>
      <c r="GUP610" s="137"/>
      <c r="GUQ610" s="137"/>
      <c r="GUR610" s="137"/>
      <c r="GUS610" s="137"/>
      <c r="GUT610" s="137"/>
      <c r="GUU610" s="137"/>
      <c r="GUV610" s="137"/>
      <c r="GUW610" s="137"/>
      <c r="GUX610" s="137"/>
      <c r="GUY610" s="137"/>
      <c r="GUZ610" s="137"/>
      <c r="GVA610" s="137"/>
      <c r="GVB610" s="137"/>
      <c r="GVC610" s="137"/>
      <c r="GVD610" s="137"/>
      <c r="GVE610" s="137"/>
      <c r="GVF610" s="137"/>
      <c r="GVG610" s="137"/>
      <c r="GVH610" s="137"/>
      <c r="GVI610" s="137"/>
      <c r="GVJ610" s="137"/>
      <c r="GVK610" s="137"/>
      <c r="GVL610" s="137"/>
      <c r="GVM610" s="137"/>
      <c r="GVN610" s="137"/>
      <c r="GVO610" s="137"/>
      <c r="GVP610" s="137"/>
      <c r="GVQ610" s="137"/>
      <c r="GVR610" s="137"/>
      <c r="GVS610" s="137"/>
      <c r="GVT610" s="137"/>
      <c r="GVU610" s="137"/>
      <c r="GVV610" s="137"/>
      <c r="GVW610" s="137"/>
      <c r="GVX610" s="137"/>
      <c r="GVY610" s="137"/>
      <c r="GVZ610" s="137"/>
      <c r="GWA610" s="137"/>
      <c r="GWB610" s="137"/>
      <c r="GWC610" s="137"/>
      <c r="GWD610" s="137"/>
      <c r="GWE610" s="137"/>
      <c r="GWF610" s="137"/>
      <c r="GWG610" s="137"/>
      <c r="GWH610" s="137"/>
      <c r="GWI610" s="137"/>
      <c r="GWJ610" s="137"/>
      <c r="GWK610" s="137"/>
      <c r="GWL610" s="137"/>
      <c r="GWM610" s="137"/>
      <c r="GWN610" s="137"/>
      <c r="GWO610" s="137"/>
      <c r="GWP610" s="137"/>
      <c r="GWQ610" s="137"/>
      <c r="GWR610" s="137"/>
      <c r="GWS610" s="137"/>
      <c r="GWT610" s="137"/>
      <c r="GWU610" s="137"/>
      <c r="GWV610" s="137"/>
      <c r="GWW610" s="137"/>
      <c r="GWX610" s="137"/>
      <c r="GWY610" s="137"/>
      <c r="GWZ610" s="137"/>
      <c r="GXA610" s="137"/>
      <c r="GXB610" s="137"/>
      <c r="GXC610" s="137"/>
      <c r="GXD610" s="137"/>
      <c r="GXE610" s="137"/>
      <c r="GXF610" s="137"/>
      <c r="GXG610" s="137"/>
      <c r="GXH610" s="137"/>
      <c r="GXI610" s="137"/>
      <c r="GXJ610" s="137"/>
      <c r="GXK610" s="137"/>
      <c r="GXL610" s="137"/>
      <c r="GXM610" s="137"/>
      <c r="GXN610" s="137"/>
      <c r="GXO610" s="137"/>
      <c r="GXP610" s="137"/>
      <c r="GXQ610" s="137"/>
      <c r="GXR610" s="137"/>
      <c r="GXS610" s="137"/>
      <c r="GXT610" s="137"/>
      <c r="GXU610" s="137"/>
      <c r="GXV610" s="137"/>
      <c r="GXW610" s="137"/>
      <c r="GXX610" s="137"/>
      <c r="GXY610" s="137"/>
      <c r="GXZ610" s="137"/>
      <c r="GYA610" s="137"/>
      <c r="GYB610" s="137"/>
      <c r="GYC610" s="137"/>
      <c r="GYD610" s="137"/>
      <c r="GYE610" s="137"/>
      <c r="GYF610" s="137"/>
      <c r="GYG610" s="137"/>
      <c r="GYH610" s="137"/>
      <c r="GYI610" s="137"/>
      <c r="GYJ610" s="137"/>
      <c r="GYK610" s="137"/>
      <c r="GYL610" s="137"/>
      <c r="GYM610" s="137"/>
      <c r="GYN610" s="137"/>
      <c r="GYO610" s="137"/>
      <c r="GYP610" s="137"/>
      <c r="GYQ610" s="137"/>
      <c r="GYR610" s="137"/>
      <c r="GYS610" s="137"/>
      <c r="GYT610" s="137"/>
      <c r="GYU610" s="137"/>
      <c r="GYV610" s="137"/>
      <c r="GYW610" s="137"/>
      <c r="GYX610" s="137"/>
      <c r="GYY610" s="137"/>
      <c r="GYZ610" s="137"/>
      <c r="GZA610" s="137"/>
      <c r="GZB610" s="137"/>
      <c r="GZC610" s="137"/>
      <c r="GZD610" s="137"/>
      <c r="GZE610" s="137"/>
      <c r="GZF610" s="137"/>
      <c r="GZG610" s="137"/>
      <c r="GZH610" s="137"/>
      <c r="GZI610" s="137"/>
      <c r="GZJ610" s="137"/>
      <c r="GZK610" s="137"/>
      <c r="GZL610" s="137"/>
      <c r="GZM610" s="137"/>
      <c r="GZN610" s="137"/>
      <c r="GZO610" s="137"/>
      <c r="GZP610" s="137"/>
      <c r="GZQ610" s="137"/>
      <c r="GZR610" s="137"/>
      <c r="GZS610" s="137"/>
      <c r="GZT610" s="137"/>
      <c r="GZU610" s="137"/>
      <c r="GZV610" s="137"/>
      <c r="GZW610" s="137"/>
      <c r="GZX610" s="137"/>
      <c r="GZY610" s="137"/>
      <c r="GZZ610" s="137"/>
      <c r="HAA610" s="137"/>
      <c r="HAB610" s="137"/>
      <c r="HAC610" s="137"/>
      <c r="HAD610" s="137"/>
      <c r="HAE610" s="137"/>
      <c r="HAF610" s="137"/>
      <c r="HAG610" s="137"/>
      <c r="HAH610" s="137"/>
      <c r="HAI610" s="137"/>
      <c r="HAJ610" s="137"/>
      <c r="HAK610" s="137"/>
      <c r="HAL610" s="137"/>
      <c r="HAM610" s="137"/>
      <c r="HAN610" s="137"/>
      <c r="HAO610" s="137"/>
      <c r="HAP610" s="137"/>
      <c r="HAQ610" s="137"/>
      <c r="HAR610" s="137"/>
      <c r="HAS610" s="137"/>
      <c r="HAT610" s="137"/>
      <c r="HAU610" s="137"/>
      <c r="HAV610" s="137"/>
      <c r="HAW610" s="137"/>
      <c r="HAX610" s="137"/>
      <c r="HAY610" s="137"/>
      <c r="HAZ610" s="137"/>
      <c r="HBA610" s="137"/>
      <c r="HBB610" s="137"/>
      <c r="HBC610" s="137"/>
      <c r="HBD610" s="137"/>
      <c r="HBE610" s="137"/>
      <c r="HBF610" s="137"/>
      <c r="HBG610" s="137"/>
      <c r="HBH610" s="137"/>
      <c r="HBI610" s="137"/>
      <c r="HBJ610" s="137"/>
      <c r="HBK610" s="137"/>
      <c r="HBL610" s="137"/>
      <c r="HBM610" s="137"/>
      <c r="HBN610" s="137"/>
      <c r="HBO610" s="137"/>
      <c r="HBP610" s="137"/>
      <c r="HBQ610" s="137"/>
      <c r="HBR610" s="137"/>
      <c r="HBS610" s="137"/>
      <c r="HBT610" s="137"/>
      <c r="HBU610" s="137"/>
      <c r="HBV610" s="137"/>
      <c r="HBW610" s="137"/>
      <c r="HBX610" s="137"/>
      <c r="HBY610" s="137"/>
      <c r="HBZ610" s="137"/>
      <c r="HCA610" s="137"/>
      <c r="HCB610" s="137"/>
      <c r="HCC610" s="137"/>
      <c r="HCD610" s="137"/>
      <c r="HCE610" s="137"/>
      <c r="HCF610" s="137"/>
      <c r="HCG610" s="137"/>
      <c r="HCH610" s="137"/>
      <c r="HCI610" s="137"/>
      <c r="HCJ610" s="137"/>
      <c r="HCK610" s="137"/>
      <c r="HCL610" s="137"/>
      <c r="HCM610" s="137"/>
      <c r="HCN610" s="137"/>
      <c r="HCO610" s="137"/>
      <c r="HCP610" s="137"/>
      <c r="HCQ610" s="137"/>
      <c r="HCR610" s="137"/>
      <c r="HCS610" s="137"/>
      <c r="HCT610" s="137"/>
      <c r="HCU610" s="137"/>
      <c r="HCV610" s="137"/>
      <c r="HCW610" s="137"/>
      <c r="HCX610" s="137"/>
      <c r="HCY610" s="137"/>
      <c r="HCZ610" s="137"/>
      <c r="HDA610" s="137"/>
      <c r="HDB610" s="137"/>
      <c r="HDC610" s="137"/>
      <c r="HDD610" s="137"/>
      <c r="HDE610" s="137"/>
      <c r="HDF610" s="137"/>
      <c r="HDG610" s="137"/>
      <c r="HDH610" s="137"/>
      <c r="HDI610" s="137"/>
      <c r="HDJ610" s="137"/>
      <c r="HDK610" s="137"/>
      <c r="HDL610" s="137"/>
      <c r="HDM610" s="137"/>
      <c r="HDN610" s="137"/>
      <c r="HDO610" s="137"/>
      <c r="HDP610" s="137"/>
      <c r="HDQ610" s="137"/>
      <c r="HDR610" s="137"/>
      <c r="HDS610" s="137"/>
      <c r="HDT610" s="137"/>
      <c r="HDU610" s="137"/>
      <c r="HDV610" s="137"/>
      <c r="HDW610" s="137"/>
      <c r="HDX610" s="137"/>
      <c r="HDY610" s="137"/>
      <c r="HDZ610" s="137"/>
      <c r="HEA610" s="137"/>
      <c r="HEB610" s="137"/>
      <c r="HEC610" s="137"/>
      <c r="HED610" s="137"/>
      <c r="HEE610" s="137"/>
      <c r="HEF610" s="137"/>
      <c r="HEG610" s="137"/>
      <c r="HEH610" s="137"/>
      <c r="HEI610" s="137"/>
      <c r="HEJ610" s="137"/>
      <c r="HEK610" s="137"/>
      <c r="HEL610" s="137"/>
      <c r="HEM610" s="137"/>
      <c r="HEN610" s="137"/>
      <c r="HEO610" s="137"/>
      <c r="HEP610" s="137"/>
      <c r="HEQ610" s="137"/>
      <c r="HER610" s="137"/>
      <c r="HES610" s="137"/>
      <c r="HET610" s="137"/>
      <c r="HEU610" s="137"/>
      <c r="HEV610" s="137"/>
      <c r="HEW610" s="137"/>
      <c r="HEX610" s="137"/>
      <c r="HEY610" s="137"/>
      <c r="HEZ610" s="137"/>
      <c r="HFA610" s="137"/>
      <c r="HFB610" s="137"/>
      <c r="HFC610" s="137"/>
      <c r="HFD610" s="137"/>
      <c r="HFE610" s="137"/>
      <c r="HFF610" s="137"/>
      <c r="HFG610" s="137"/>
      <c r="HFH610" s="137"/>
      <c r="HFI610" s="137"/>
      <c r="HFJ610" s="137"/>
      <c r="HFK610" s="137"/>
      <c r="HFL610" s="137"/>
      <c r="HFM610" s="137"/>
      <c r="HFN610" s="137"/>
      <c r="HFO610" s="137"/>
      <c r="HFP610" s="137"/>
      <c r="HFQ610" s="137"/>
      <c r="HFR610" s="137"/>
      <c r="HFS610" s="137"/>
      <c r="HFT610" s="137"/>
      <c r="HFU610" s="137"/>
      <c r="HFV610" s="137"/>
      <c r="HFW610" s="137"/>
      <c r="HFX610" s="137"/>
      <c r="HFY610" s="137"/>
      <c r="HFZ610" s="137"/>
      <c r="HGA610" s="137"/>
      <c r="HGB610" s="137"/>
      <c r="HGC610" s="137"/>
      <c r="HGD610" s="137"/>
      <c r="HGE610" s="137"/>
      <c r="HGF610" s="137"/>
      <c r="HGG610" s="137"/>
      <c r="HGH610" s="137"/>
      <c r="HGI610" s="137"/>
      <c r="HGJ610" s="137"/>
      <c r="HGK610" s="137"/>
      <c r="HGL610" s="137"/>
      <c r="HGM610" s="137"/>
      <c r="HGN610" s="137"/>
      <c r="HGO610" s="137"/>
      <c r="HGP610" s="137"/>
      <c r="HGQ610" s="137"/>
      <c r="HGR610" s="137"/>
      <c r="HGS610" s="137"/>
      <c r="HGT610" s="137"/>
      <c r="HGU610" s="137"/>
      <c r="HGV610" s="137"/>
      <c r="HGW610" s="137"/>
      <c r="HGX610" s="137"/>
      <c r="HGY610" s="137"/>
      <c r="HGZ610" s="137"/>
      <c r="HHA610" s="137"/>
      <c r="HHB610" s="137"/>
      <c r="HHC610" s="137"/>
      <c r="HHD610" s="137"/>
      <c r="HHE610" s="137"/>
      <c r="HHF610" s="137"/>
      <c r="HHG610" s="137"/>
      <c r="HHH610" s="137"/>
      <c r="HHI610" s="137"/>
      <c r="HHJ610" s="137"/>
      <c r="HHK610" s="137"/>
      <c r="HHL610" s="137"/>
      <c r="HHM610" s="137"/>
      <c r="HHN610" s="137"/>
      <c r="HHO610" s="137"/>
      <c r="HHP610" s="137"/>
      <c r="HHQ610" s="137"/>
      <c r="HHR610" s="137"/>
      <c r="HHS610" s="137"/>
      <c r="HHT610" s="137"/>
      <c r="HHU610" s="137"/>
      <c r="HHV610" s="137"/>
      <c r="HHW610" s="137"/>
      <c r="HHX610" s="137"/>
      <c r="HHY610" s="137"/>
      <c r="HHZ610" s="137"/>
      <c r="HIA610" s="137"/>
      <c r="HIB610" s="137"/>
      <c r="HIC610" s="137"/>
      <c r="HID610" s="137"/>
      <c r="HIE610" s="137"/>
      <c r="HIF610" s="137"/>
      <c r="HIG610" s="137"/>
      <c r="HIH610" s="137"/>
      <c r="HII610" s="137"/>
      <c r="HIJ610" s="137"/>
      <c r="HIK610" s="137"/>
      <c r="HIL610" s="137"/>
      <c r="HIM610" s="137"/>
      <c r="HIN610" s="137"/>
      <c r="HIO610" s="137"/>
      <c r="HIP610" s="137"/>
      <c r="HIQ610" s="137"/>
      <c r="HIR610" s="137"/>
      <c r="HIS610" s="137"/>
      <c r="HIT610" s="137"/>
      <c r="HIU610" s="137"/>
      <c r="HIV610" s="137"/>
      <c r="HIW610" s="137"/>
      <c r="HIX610" s="137"/>
      <c r="HIY610" s="137"/>
      <c r="HIZ610" s="137"/>
      <c r="HJA610" s="137"/>
      <c r="HJB610" s="137"/>
      <c r="HJC610" s="137"/>
      <c r="HJD610" s="137"/>
      <c r="HJE610" s="137"/>
      <c r="HJF610" s="137"/>
      <c r="HJG610" s="137"/>
      <c r="HJH610" s="137"/>
      <c r="HJI610" s="137"/>
      <c r="HJJ610" s="137"/>
      <c r="HJK610" s="137"/>
      <c r="HJL610" s="137"/>
      <c r="HJM610" s="137"/>
      <c r="HJN610" s="137"/>
      <c r="HJO610" s="137"/>
      <c r="HJP610" s="137"/>
      <c r="HJQ610" s="137"/>
      <c r="HJR610" s="137"/>
      <c r="HJS610" s="137"/>
      <c r="HJT610" s="137"/>
      <c r="HJU610" s="137"/>
      <c r="HJV610" s="137"/>
      <c r="HJW610" s="137"/>
      <c r="HJX610" s="137"/>
      <c r="HJY610" s="137"/>
      <c r="HJZ610" s="137"/>
      <c r="HKA610" s="137"/>
      <c r="HKB610" s="137"/>
      <c r="HKC610" s="137"/>
      <c r="HKD610" s="137"/>
      <c r="HKE610" s="137"/>
      <c r="HKF610" s="137"/>
      <c r="HKG610" s="137"/>
      <c r="HKH610" s="137"/>
      <c r="HKI610" s="137"/>
      <c r="HKJ610" s="137"/>
      <c r="HKK610" s="137"/>
      <c r="HKL610" s="137"/>
      <c r="HKM610" s="137"/>
      <c r="HKN610" s="137"/>
      <c r="HKO610" s="137"/>
      <c r="HKP610" s="137"/>
      <c r="HKQ610" s="137"/>
      <c r="HKR610" s="137"/>
      <c r="HKS610" s="137"/>
      <c r="HKT610" s="137"/>
      <c r="HKU610" s="137"/>
      <c r="HKV610" s="137"/>
      <c r="HKW610" s="137"/>
      <c r="HKX610" s="137"/>
      <c r="HKY610" s="137"/>
      <c r="HKZ610" s="137"/>
      <c r="HLA610" s="137"/>
      <c r="HLB610" s="137"/>
      <c r="HLC610" s="137"/>
      <c r="HLD610" s="137"/>
      <c r="HLE610" s="137"/>
      <c r="HLF610" s="137"/>
      <c r="HLG610" s="137"/>
      <c r="HLH610" s="137"/>
      <c r="HLI610" s="137"/>
      <c r="HLJ610" s="137"/>
      <c r="HLK610" s="137"/>
      <c r="HLL610" s="137"/>
      <c r="HLM610" s="137"/>
      <c r="HLN610" s="137"/>
      <c r="HLO610" s="137"/>
      <c r="HLP610" s="137"/>
      <c r="HLQ610" s="137"/>
      <c r="HLR610" s="137"/>
      <c r="HLS610" s="137"/>
      <c r="HLT610" s="137"/>
      <c r="HLU610" s="137"/>
      <c r="HLV610" s="137"/>
      <c r="HLW610" s="137"/>
      <c r="HLX610" s="137"/>
      <c r="HLY610" s="137"/>
      <c r="HLZ610" s="137"/>
      <c r="HMA610" s="137"/>
      <c r="HMB610" s="137"/>
      <c r="HMC610" s="137"/>
      <c r="HMD610" s="137"/>
      <c r="HME610" s="137"/>
      <c r="HMF610" s="137"/>
      <c r="HMG610" s="137"/>
      <c r="HMH610" s="137"/>
      <c r="HMI610" s="137"/>
      <c r="HMJ610" s="137"/>
      <c r="HMK610" s="137"/>
      <c r="HML610" s="137"/>
      <c r="HMM610" s="137"/>
      <c r="HMN610" s="137"/>
      <c r="HMO610" s="137"/>
      <c r="HMP610" s="137"/>
      <c r="HMQ610" s="137"/>
      <c r="HMR610" s="137"/>
      <c r="HMS610" s="137"/>
      <c r="HMT610" s="137"/>
      <c r="HMU610" s="137"/>
      <c r="HMV610" s="137"/>
      <c r="HMW610" s="137"/>
      <c r="HMX610" s="137"/>
      <c r="HMY610" s="137"/>
      <c r="HMZ610" s="137"/>
      <c r="HNA610" s="137"/>
      <c r="HNB610" s="137"/>
      <c r="HNC610" s="137"/>
      <c r="HND610" s="137"/>
      <c r="HNE610" s="137"/>
      <c r="HNF610" s="137"/>
      <c r="HNG610" s="137"/>
      <c r="HNH610" s="137"/>
      <c r="HNI610" s="137"/>
      <c r="HNJ610" s="137"/>
      <c r="HNK610" s="137"/>
      <c r="HNL610" s="137"/>
      <c r="HNM610" s="137"/>
      <c r="HNN610" s="137"/>
      <c r="HNO610" s="137"/>
      <c r="HNP610" s="137"/>
      <c r="HNQ610" s="137"/>
      <c r="HNR610" s="137"/>
      <c r="HNS610" s="137"/>
      <c r="HNT610" s="137"/>
      <c r="HNU610" s="137"/>
      <c r="HNV610" s="137"/>
      <c r="HNW610" s="137"/>
      <c r="HNX610" s="137"/>
      <c r="HNY610" s="137"/>
      <c r="HNZ610" s="137"/>
      <c r="HOA610" s="137"/>
      <c r="HOB610" s="137"/>
      <c r="HOC610" s="137"/>
      <c r="HOD610" s="137"/>
      <c r="HOE610" s="137"/>
      <c r="HOF610" s="137"/>
      <c r="HOG610" s="137"/>
      <c r="HOH610" s="137"/>
      <c r="HOI610" s="137"/>
      <c r="HOJ610" s="137"/>
      <c r="HOK610" s="137"/>
      <c r="HOL610" s="137"/>
      <c r="HOM610" s="137"/>
      <c r="HON610" s="137"/>
      <c r="HOO610" s="137"/>
      <c r="HOP610" s="137"/>
      <c r="HOQ610" s="137"/>
      <c r="HOR610" s="137"/>
      <c r="HOS610" s="137"/>
      <c r="HOT610" s="137"/>
      <c r="HOU610" s="137"/>
      <c r="HOV610" s="137"/>
      <c r="HOW610" s="137"/>
      <c r="HOX610" s="137"/>
      <c r="HOY610" s="137"/>
      <c r="HOZ610" s="137"/>
      <c r="HPA610" s="137"/>
      <c r="HPB610" s="137"/>
      <c r="HPC610" s="137"/>
      <c r="HPD610" s="137"/>
      <c r="HPE610" s="137"/>
      <c r="HPF610" s="137"/>
      <c r="HPG610" s="137"/>
      <c r="HPH610" s="137"/>
      <c r="HPI610" s="137"/>
      <c r="HPJ610" s="137"/>
      <c r="HPK610" s="137"/>
      <c r="HPL610" s="137"/>
      <c r="HPM610" s="137"/>
      <c r="HPN610" s="137"/>
      <c r="HPO610" s="137"/>
      <c r="HPP610" s="137"/>
      <c r="HPQ610" s="137"/>
      <c r="HPR610" s="137"/>
      <c r="HPS610" s="137"/>
      <c r="HPT610" s="137"/>
      <c r="HPU610" s="137"/>
      <c r="HPV610" s="137"/>
      <c r="HPW610" s="137"/>
      <c r="HPX610" s="137"/>
      <c r="HPY610" s="137"/>
      <c r="HPZ610" s="137"/>
      <c r="HQA610" s="137"/>
      <c r="HQB610" s="137"/>
      <c r="HQC610" s="137"/>
      <c r="HQD610" s="137"/>
      <c r="HQE610" s="137"/>
      <c r="HQF610" s="137"/>
      <c r="HQG610" s="137"/>
      <c r="HQH610" s="137"/>
      <c r="HQI610" s="137"/>
      <c r="HQJ610" s="137"/>
      <c r="HQK610" s="137"/>
      <c r="HQL610" s="137"/>
      <c r="HQM610" s="137"/>
      <c r="HQN610" s="137"/>
      <c r="HQO610" s="137"/>
      <c r="HQP610" s="137"/>
      <c r="HQQ610" s="137"/>
      <c r="HQR610" s="137"/>
      <c r="HQS610" s="137"/>
      <c r="HQT610" s="137"/>
      <c r="HQU610" s="137"/>
      <c r="HQV610" s="137"/>
      <c r="HQW610" s="137"/>
      <c r="HQX610" s="137"/>
      <c r="HQY610" s="137"/>
      <c r="HQZ610" s="137"/>
      <c r="HRA610" s="137"/>
      <c r="HRB610" s="137"/>
      <c r="HRC610" s="137"/>
      <c r="HRD610" s="137"/>
      <c r="HRE610" s="137"/>
      <c r="HRF610" s="137"/>
      <c r="HRG610" s="137"/>
      <c r="HRH610" s="137"/>
      <c r="HRI610" s="137"/>
      <c r="HRJ610" s="137"/>
      <c r="HRK610" s="137"/>
      <c r="HRL610" s="137"/>
      <c r="HRM610" s="137"/>
      <c r="HRN610" s="137"/>
      <c r="HRO610" s="137"/>
      <c r="HRP610" s="137"/>
      <c r="HRQ610" s="137"/>
      <c r="HRR610" s="137"/>
      <c r="HRS610" s="137"/>
      <c r="HRT610" s="137"/>
      <c r="HRU610" s="137"/>
      <c r="HRV610" s="137"/>
      <c r="HRW610" s="137"/>
      <c r="HRX610" s="137"/>
      <c r="HRY610" s="137"/>
      <c r="HRZ610" s="137"/>
      <c r="HSA610" s="137"/>
      <c r="HSB610" s="137"/>
      <c r="HSC610" s="137"/>
      <c r="HSD610" s="137"/>
      <c r="HSE610" s="137"/>
      <c r="HSF610" s="137"/>
      <c r="HSG610" s="137"/>
      <c r="HSH610" s="137"/>
      <c r="HSI610" s="137"/>
      <c r="HSJ610" s="137"/>
      <c r="HSK610" s="137"/>
      <c r="HSL610" s="137"/>
      <c r="HSM610" s="137"/>
      <c r="HSN610" s="137"/>
      <c r="HSO610" s="137"/>
      <c r="HSP610" s="137"/>
      <c r="HSQ610" s="137"/>
      <c r="HSR610" s="137"/>
      <c r="HSS610" s="137"/>
      <c r="HST610" s="137"/>
      <c r="HSU610" s="137"/>
      <c r="HSV610" s="137"/>
      <c r="HSW610" s="137"/>
      <c r="HSX610" s="137"/>
      <c r="HSY610" s="137"/>
      <c r="HSZ610" s="137"/>
      <c r="HTA610" s="137"/>
      <c r="HTB610" s="137"/>
      <c r="HTC610" s="137"/>
      <c r="HTD610" s="137"/>
      <c r="HTE610" s="137"/>
      <c r="HTF610" s="137"/>
      <c r="HTG610" s="137"/>
      <c r="HTH610" s="137"/>
      <c r="HTI610" s="137"/>
      <c r="HTJ610" s="137"/>
      <c r="HTK610" s="137"/>
      <c r="HTL610" s="137"/>
      <c r="HTM610" s="137"/>
      <c r="HTN610" s="137"/>
      <c r="HTO610" s="137"/>
      <c r="HTP610" s="137"/>
      <c r="HTQ610" s="137"/>
      <c r="HTR610" s="137"/>
      <c r="HTS610" s="137"/>
      <c r="HTT610" s="137"/>
      <c r="HTU610" s="137"/>
      <c r="HTV610" s="137"/>
      <c r="HTW610" s="137"/>
      <c r="HTX610" s="137"/>
      <c r="HTY610" s="137"/>
      <c r="HTZ610" s="137"/>
      <c r="HUA610" s="137"/>
      <c r="HUB610" s="137"/>
      <c r="HUC610" s="137"/>
      <c r="HUD610" s="137"/>
      <c r="HUE610" s="137"/>
      <c r="HUF610" s="137"/>
      <c r="HUG610" s="137"/>
      <c r="HUH610" s="137"/>
      <c r="HUI610" s="137"/>
      <c r="HUJ610" s="137"/>
      <c r="HUK610" s="137"/>
      <c r="HUL610" s="137"/>
      <c r="HUM610" s="137"/>
      <c r="HUN610" s="137"/>
      <c r="HUO610" s="137"/>
      <c r="HUP610" s="137"/>
      <c r="HUQ610" s="137"/>
      <c r="HUR610" s="137"/>
      <c r="HUS610" s="137"/>
      <c r="HUT610" s="137"/>
      <c r="HUU610" s="137"/>
      <c r="HUV610" s="137"/>
      <c r="HUW610" s="137"/>
      <c r="HUX610" s="137"/>
      <c r="HUY610" s="137"/>
      <c r="HUZ610" s="137"/>
      <c r="HVA610" s="137"/>
      <c r="HVB610" s="137"/>
      <c r="HVC610" s="137"/>
      <c r="HVD610" s="137"/>
      <c r="HVE610" s="137"/>
      <c r="HVF610" s="137"/>
      <c r="HVG610" s="137"/>
      <c r="HVH610" s="137"/>
      <c r="HVI610" s="137"/>
      <c r="HVJ610" s="137"/>
      <c r="HVK610" s="137"/>
      <c r="HVL610" s="137"/>
      <c r="HVM610" s="137"/>
      <c r="HVN610" s="137"/>
      <c r="HVO610" s="137"/>
      <c r="HVP610" s="137"/>
      <c r="HVQ610" s="137"/>
      <c r="HVR610" s="137"/>
      <c r="HVS610" s="137"/>
      <c r="HVT610" s="137"/>
      <c r="HVU610" s="137"/>
      <c r="HVV610" s="137"/>
      <c r="HVW610" s="137"/>
      <c r="HVX610" s="137"/>
      <c r="HVY610" s="137"/>
      <c r="HVZ610" s="137"/>
      <c r="HWA610" s="137"/>
      <c r="HWB610" s="137"/>
      <c r="HWC610" s="137"/>
      <c r="HWD610" s="137"/>
      <c r="HWE610" s="137"/>
      <c r="HWF610" s="137"/>
      <c r="HWG610" s="137"/>
      <c r="HWH610" s="137"/>
      <c r="HWI610" s="137"/>
      <c r="HWJ610" s="137"/>
      <c r="HWK610" s="137"/>
      <c r="HWL610" s="137"/>
      <c r="HWM610" s="137"/>
      <c r="HWN610" s="137"/>
      <c r="HWO610" s="137"/>
      <c r="HWP610" s="137"/>
      <c r="HWQ610" s="137"/>
      <c r="HWR610" s="137"/>
      <c r="HWS610" s="137"/>
      <c r="HWT610" s="137"/>
      <c r="HWU610" s="137"/>
      <c r="HWV610" s="137"/>
      <c r="HWW610" s="137"/>
      <c r="HWX610" s="137"/>
      <c r="HWY610" s="137"/>
      <c r="HWZ610" s="137"/>
      <c r="HXA610" s="137"/>
      <c r="HXB610" s="137"/>
      <c r="HXC610" s="137"/>
      <c r="HXD610" s="137"/>
      <c r="HXE610" s="137"/>
      <c r="HXF610" s="137"/>
      <c r="HXG610" s="137"/>
      <c r="HXH610" s="137"/>
      <c r="HXI610" s="137"/>
      <c r="HXJ610" s="137"/>
      <c r="HXK610" s="137"/>
      <c r="HXL610" s="137"/>
      <c r="HXM610" s="137"/>
      <c r="HXN610" s="137"/>
      <c r="HXO610" s="137"/>
      <c r="HXP610" s="137"/>
      <c r="HXQ610" s="137"/>
      <c r="HXR610" s="137"/>
      <c r="HXS610" s="137"/>
      <c r="HXT610" s="137"/>
      <c r="HXU610" s="137"/>
      <c r="HXV610" s="137"/>
      <c r="HXW610" s="137"/>
      <c r="HXX610" s="137"/>
      <c r="HXY610" s="137"/>
      <c r="HXZ610" s="137"/>
      <c r="HYA610" s="137"/>
      <c r="HYB610" s="137"/>
      <c r="HYC610" s="137"/>
      <c r="HYD610" s="137"/>
      <c r="HYE610" s="137"/>
      <c r="HYF610" s="137"/>
      <c r="HYG610" s="137"/>
      <c r="HYH610" s="137"/>
      <c r="HYI610" s="137"/>
      <c r="HYJ610" s="137"/>
      <c r="HYK610" s="137"/>
      <c r="HYL610" s="137"/>
      <c r="HYM610" s="137"/>
      <c r="HYN610" s="137"/>
      <c r="HYO610" s="137"/>
      <c r="HYP610" s="137"/>
      <c r="HYQ610" s="137"/>
      <c r="HYR610" s="137"/>
      <c r="HYS610" s="137"/>
      <c r="HYT610" s="137"/>
      <c r="HYU610" s="137"/>
      <c r="HYV610" s="137"/>
      <c r="HYW610" s="137"/>
      <c r="HYX610" s="137"/>
      <c r="HYY610" s="137"/>
      <c r="HYZ610" s="137"/>
      <c r="HZA610" s="137"/>
      <c r="HZB610" s="137"/>
      <c r="HZC610" s="137"/>
      <c r="HZD610" s="137"/>
      <c r="HZE610" s="137"/>
      <c r="HZF610" s="137"/>
      <c r="HZG610" s="137"/>
      <c r="HZH610" s="137"/>
      <c r="HZI610" s="137"/>
      <c r="HZJ610" s="137"/>
      <c r="HZK610" s="137"/>
      <c r="HZL610" s="137"/>
      <c r="HZM610" s="137"/>
      <c r="HZN610" s="137"/>
      <c r="HZO610" s="137"/>
      <c r="HZP610" s="137"/>
      <c r="HZQ610" s="137"/>
      <c r="HZR610" s="137"/>
      <c r="HZS610" s="137"/>
      <c r="HZT610" s="137"/>
      <c r="HZU610" s="137"/>
      <c r="HZV610" s="137"/>
      <c r="HZW610" s="137"/>
      <c r="HZX610" s="137"/>
      <c r="HZY610" s="137"/>
      <c r="HZZ610" s="137"/>
      <c r="IAA610" s="137"/>
      <c r="IAB610" s="137"/>
      <c r="IAC610" s="137"/>
      <c r="IAD610" s="137"/>
      <c r="IAE610" s="137"/>
      <c r="IAF610" s="137"/>
      <c r="IAG610" s="137"/>
      <c r="IAH610" s="137"/>
      <c r="IAI610" s="137"/>
      <c r="IAJ610" s="137"/>
      <c r="IAK610" s="137"/>
      <c r="IAL610" s="137"/>
      <c r="IAM610" s="137"/>
      <c r="IAN610" s="137"/>
      <c r="IAO610" s="137"/>
      <c r="IAP610" s="137"/>
      <c r="IAQ610" s="137"/>
      <c r="IAR610" s="137"/>
      <c r="IAS610" s="137"/>
      <c r="IAT610" s="137"/>
      <c r="IAU610" s="137"/>
      <c r="IAV610" s="137"/>
      <c r="IAW610" s="137"/>
      <c r="IAX610" s="137"/>
      <c r="IAY610" s="137"/>
      <c r="IAZ610" s="137"/>
      <c r="IBA610" s="137"/>
      <c r="IBB610" s="137"/>
      <c r="IBC610" s="137"/>
      <c r="IBD610" s="137"/>
      <c r="IBE610" s="137"/>
      <c r="IBF610" s="137"/>
      <c r="IBG610" s="137"/>
      <c r="IBH610" s="137"/>
      <c r="IBI610" s="137"/>
      <c r="IBJ610" s="137"/>
      <c r="IBK610" s="137"/>
      <c r="IBL610" s="137"/>
      <c r="IBM610" s="137"/>
      <c r="IBN610" s="137"/>
      <c r="IBO610" s="137"/>
      <c r="IBP610" s="137"/>
      <c r="IBQ610" s="137"/>
      <c r="IBR610" s="137"/>
      <c r="IBS610" s="137"/>
      <c r="IBT610" s="137"/>
      <c r="IBU610" s="137"/>
      <c r="IBV610" s="137"/>
      <c r="IBW610" s="137"/>
      <c r="IBX610" s="137"/>
      <c r="IBY610" s="137"/>
      <c r="IBZ610" s="137"/>
      <c r="ICA610" s="137"/>
      <c r="ICB610" s="137"/>
      <c r="ICC610" s="137"/>
      <c r="ICD610" s="137"/>
      <c r="ICE610" s="137"/>
      <c r="ICF610" s="137"/>
      <c r="ICG610" s="137"/>
      <c r="ICH610" s="137"/>
      <c r="ICI610" s="137"/>
      <c r="ICJ610" s="137"/>
      <c r="ICK610" s="137"/>
      <c r="ICL610" s="137"/>
      <c r="ICM610" s="137"/>
      <c r="ICN610" s="137"/>
      <c r="ICO610" s="137"/>
      <c r="ICP610" s="137"/>
      <c r="ICQ610" s="137"/>
      <c r="ICR610" s="137"/>
      <c r="ICS610" s="137"/>
      <c r="ICT610" s="137"/>
      <c r="ICU610" s="137"/>
      <c r="ICV610" s="137"/>
      <c r="ICW610" s="137"/>
      <c r="ICX610" s="137"/>
      <c r="ICY610" s="137"/>
      <c r="ICZ610" s="137"/>
      <c r="IDA610" s="137"/>
      <c r="IDB610" s="137"/>
      <c r="IDC610" s="137"/>
      <c r="IDD610" s="137"/>
      <c r="IDE610" s="137"/>
      <c r="IDF610" s="137"/>
      <c r="IDG610" s="137"/>
      <c r="IDH610" s="137"/>
      <c r="IDI610" s="137"/>
      <c r="IDJ610" s="137"/>
      <c r="IDK610" s="137"/>
      <c r="IDL610" s="137"/>
      <c r="IDM610" s="137"/>
      <c r="IDN610" s="137"/>
      <c r="IDO610" s="137"/>
      <c r="IDP610" s="137"/>
      <c r="IDQ610" s="137"/>
      <c r="IDR610" s="137"/>
      <c r="IDS610" s="137"/>
      <c r="IDT610" s="137"/>
      <c r="IDU610" s="137"/>
      <c r="IDV610" s="137"/>
      <c r="IDW610" s="137"/>
      <c r="IDX610" s="137"/>
      <c r="IDY610" s="137"/>
      <c r="IDZ610" s="137"/>
      <c r="IEA610" s="137"/>
      <c r="IEB610" s="137"/>
      <c r="IEC610" s="137"/>
      <c r="IED610" s="137"/>
      <c r="IEE610" s="137"/>
      <c r="IEF610" s="137"/>
      <c r="IEG610" s="137"/>
      <c r="IEH610" s="137"/>
      <c r="IEI610" s="137"/>
      <c r="IEJ610" s="137"/>
      <c r="IEK610" s="137"/>
      <c r="IEL610" s="137"/>
      <c r="IEM610" s="137"/>
      <c r="IEN610" s="137"/>
      <c r="IEO610" s="137"/>
      <c r="IEP610" s="137"/>
      <c r="IEQ610" s="137"/>
      <c r="IER610" s="137"/>
      <c r="IES610" s="137"/>
      <c r="IET610" s="137"/>
      <c r="IEU610" s="137"/>
      <c r="IEV610" s="137"/>
      <c r="IEW610" s="137"/>
      <c r="IEX610" s="137"/>
      <c r="IEY610" s="137"/>
      <c r="IEZ610" s="137"/>
      <c r="IFA610" s="137"/>
      <c r="IFB610" s="137"/>
      <c r="IFC610" s="137"/>
      <c r="IFD610" s="137"/>
      <c r="IFE610" s="137"/>
      <c r="IFF610" s="137"/>
      <c r="IFG610" s="137"/>
      <c r="IFH610" s="137"/>
      <c r="IFI610" s="137"/>
      <c r="IFJ610" s="137"/>
      <c r="IFK610" s="137"/>
      <c r="IFL610" s="137"/>
      <c r="IFM610" s="137"/>
      <c r="IFN610" s="137"/>
      <c r="IFO610" s="137"/>
      <c r="IFP610" s="137"/>
      <c r="IFQ610" s="137"/>
      <c r="IFR610" s="137"/>
      <c r="IFS610" s="137"/>
      <c r="IFT610" s="137"/>
      <c r="IFU610" s="137"/>
      <c r="IFV610" s="137"/>
      <c r="IFW610" s="137"/>
      <c r="IFX610" s="137"/>
      <c r="IFY610" s="137"/>
      <c r="IFZ610" s="137"/>
      <c r="IGA610" s="137"/>
      <c r="IGB610" s="137"/>
      <c r="IGC610" s="137"/>
      <c r="IGD610" s="137"/>
      <c r="IGE610" s="137"/>
      <c r="IGF610" s="137"/>
      <c r="IGG610" s="137"/>
      <c r="IGH610" s="137"/>
      <c r="IGI610" s="137"/>
      <c r="IGJ610" s="137"/>
      <c r="IGK610" s="137"/>
      <c r="IGL610" s="137"/>
      <c r="IGM610" s="137"/>
      <c r="IGN610" s="137"/>
      <c r="IGO610" s="137"/>
      <c r="IGP610" s="137"/>
      <c r="IGQ610" s="137"/>
      <c r="IGR610" s="137"/>
      <c r="IGS610" s="137"/>
      <c r="IGT610" s="137"/>
      <c r="IGU610" s="137"/>
      <c r="IGV610" s="137"/>
      <c r="IGW610" s="137"/>
      <c r="IGX610" s="137"/>
      <c r="IGY610" s="137"/>
      <c r="IGZ610" s="137"/>
      <c r="IHA610" s="137"/>
      <c r="IHB610" s="137"/>
      <c r="IHC610" s="137"/>
      <c r="IHD610" s="137"/>
      <c r="IHE610" s="137"/>
      <c r="IHF610" s="137"/>
      <c r="IHG610" s="137"/>
      <c r="IHH610" s="137"/>
      <c r="IHI610" s="137"/>
      <c r="IHJ610" s="137"/>
      <c r="IHK610" s="137"/>
      <c r="IHL610" s="137"/>
      <c r="IHM610" s="137"/>
      <c r="IHN610" s="137"/>
      <c r="IHO610" s="137"/>
      <c r="IHP610" s="137"/>
      <c r="IHQ610" s="137"/>
      <c r="IHR610" s="137"/>
      <c r="IHS610" s="137"/>
      <c r="IHT610" s="137"/>
      <c r="IHU610" s="137"/>
      <c r="IHV610" s="137"/>
      <c r="IHW610" s="137"/>
      <c r="IHX610" s="137"/>
      <c r="IHY610" s="137"/>
      <c r="IHZ610" s="137"/>
      <c r="IIA610" s="137"/>
      <c r="IIB610" s="137"/>
      <c r="IIC610" s="137"/>
      <c r="IID610" s="137"/>
      <c r="IIE610" s="137"/>
      <c r="IIF610" s="137"/>
      <c r="IIG610" s="137"/>
      <c r="IIH610" s="137"/>
      <c r="III610" s="137"/>
      <c r="IIJ610" s="137"/>
      <c r="IIK610" s="137"/>
      <c r="IIL610" s="137"/>
      <c r="IIM610" s="137"/>
      <c r="IIN610" s="137"/>
      <c r="IIO610" s="137"/>
      <c r="IIP610" s="137"/>
      <c r="IIQ610" s="137"/>
      <c r="IIR610" s="137"/>
      <c r="IIS610" s="137"/>
      <c r="IIT610" s="137"/>
      <c r="IIU610" s="137"/>
      <c r="IIV610" s="137"/>
      <c r="IIW610" s="137"/>
      <c r="IIX610" s="137"/>
      <c r="IIY610" s="137"/>
      <c r="IIZ610" s="137"/>
      <c r="IJA610" s="137"/>
      <c r="IJB610" s="137"/>
      <c r="IJC610" s="137"/>
      <c r="IJD610" s="137"/>
      <c r="IJE610" s="137"/>
      <c r="IJF610" s="137"/>
      <c r="IJG610" s="137"/>
      <c r="IJH610" s="137"/>
      <c r="IJI610" s="137"/>
      <c r="IJJ610" s="137"/>
      <c r="IJK610" s="137"/>
      <c r="IJL610" s="137"/>
      <c r="IJM610" s="137"/>
      <c r="IJN610" s="137"/>
      <c r="IJO610" s="137"/>
      <c r="IJP610" s="137"/>
      <c r="IJQ610" s="137"/>
      <c r="IJR610" s="137"/>
      <c r="IJS610" s="137"/>
      <c r="IJT610" s="137"/>
      <c r="IJU610" s="137"/>
      <c r="IJV610" s="137"/>
      <c r="IJW610" s="137"/>
      <c r="IJX610" s="137"/>
      <c r="IJY610" s="137"/>
      <c r="IJZ610" s="137"/>
      <c r="IKA610" s="137"/>
      <c r="IKB610" s="137"/>
      <c r="IKC610" s="137"/>
      <c r="IKD610" s="137"/>
      <c r="IKE610" s="137"/>
      <c r="IKF610" s="137"/>
      <c r="IKG610" s="137"/>
      <c r="IKH610" s="137"/>
      <c r="IKI610" s="137"/>
      <c r="IKJ610" s="137"/>
      <c r="IKK610" s="137"/>
      <c r="IKL610" s="137"/>
      <c r="IKM610" s="137"/>
      <c r="IKN610" s="137"/>
      <c r="IKO610" s="137"/>
      <c r="IKP610" s="137"/>
      <c r="IKQ610" s="137"/>
      <c r="IKR610" s="137"/>
      <c r="IKS610" s="137"/>
      <c r="IKT610" s="137"/>
      <c r="IKU610" s="137"/>
      <c r="IKV610" s="137"/>
      <c r="IKW610" s="137"/>
      <c r="IKX610" s="137"/>
      <c r="IKY610" s="137"/>
      <c r="IKZ610" s="137"/>
      <c r="ILA610" s="137"/>
      <c r="ILB610" s="137"/>
      <c r="ILC610" s="137"/>
      <c r="ILD610" s="137"/>
      <c r="ILE610" s="137"/>
      <c r="ILF610" s="137"/>
      <c r="ILG610" s="137"/>
      <c r="ILH610" s="137"/>
      <c r="ILI610" s="137"/>
      <c r="ILJ610" s="137"/>
      <c r="ILK610" s="137"/>
      <c r="ILL610" s="137"/>
      <c r="ILM610" s="137"/>
      <c r="ILN610" s="137"/>
      <c r="ILO610" s="137"/>
      <c r="ILP610" s="137"/>
      <c r="ILQ610" s="137"/>
      <c r="ILR610" s="137"/>
      <c r="ILS610" s="137"/>
      <c r="ILT610" s="137"/>
      <c r="ILU610" s="137"/>
      <c r="ILV610" s="137"/>
      <c r="ILW610" s="137"/>
      <c r="ILX610" s="137"/>
      <c r="ILY610" s="137"/>
      <c r="ILZ610" s="137"/>
      <c r="IMA610" s="137"/>
      <c r="IMB610" s="137"/>
      <c r="IMC610" s="137"/>
      <c r="IMD610" s="137"/>
      <c r="IME610" s="137"/>
      <c r="IMF610" s="137"/>
      <c r="IMG610" s="137"/>
      <c r="IMH610" s="137"/>
      <c r="IMI610" s="137"/>
      <c r="IMJ610" s="137"/>
      <c r="IMK610" s="137"/>
      <c r="IML610" s="137"/>
      <c r="IMM610" s="137"/>
      <c r="IMN610" s="137"/>
      <c r="IMO610" s="137"/>
      <c r="IMP610" s="137"/>
      <c r="IMQ610" s="137"/>
      <c r="IMR610" s="137"/>
      <c r="IMS610" s="137"/>
      <c r="IMT610" s="137"/>
      <c r="IMU610" s="137"/>
      <c r="IMV610" s="137"/>
      <c r="IMW610" s="137"/>
      <c r="IMX610" s="137"/>
      <c r="IMY610" s="137"/>
      <c r="IMZ610" s="137"/>
      <c r="INA610" s="137"/>
      <c r="INB610" s="137"/>
      <c r="INC610" s="137"/>
      <c r="IND610" s="137"/>
      <c r="INE610" s="137"/>
      <c r="INF610" s="137"/>
      <c r="ING610" s="137"/>
      <c r="INH610" s="137"/>
      <c r="INI610" s="137"/>
      <c r="INJ610" s="137"/>
      <c r="INK610" s="137"/>
      <c r="INL610" s="137"/>
      <c r="INM610" s="137"/>
      <c r="INN610" s="137"/>
      <c r="INO610" s="137"/>
      <c r="INP610" s="137"/>
      <c r="INQ610" s="137"/>
      <c r="INR610" s="137"/>
      <c r="INS610" s="137"/>
      <c r="INT610" s="137"/>
      <c r="INU610" s="137"/>
      <c r="INV610" s="137"/>
      <c r="INW610" s="137"/>
      <c r="INX610" s="137"/>
      <c r="INY610" s="137"/>
      <c r="INZ610" s="137"/>
      <c r="IOA610" s="137"/>
      <c r="IOB610" s="137"/>
      <c r="IOC610" s="137"/>
      <c r="IOD610" s="137"/>
      <c r="IOE610" s="137"/>
      <c r="IOF610" s="137"/>
      <c r="IOG610" s="137"/>
      <c r="IOH610" s="137"/>
      <c r="IOI610" s="137"/>
      <c r="IOJ610" s="137"/>
      <c r="IOK610" s="137"/>
      <c r="IOL610" s="137"/>
      <c r="IOM610" s="137"/>
      <c r="ION610" s="137"/>
      <c r="IOO610" s="137"/>
      <c r="IOP610" s="137"/>
      <c r="IOQ610" s="137"/>
      <c r="IOR610" s="137"/>
      <c r="IOS610" s="137"/>
      <c r="IOT610" s="137"/>
      <c r="IOU610" s="137"/>
      <c r="IOV610" s="137"/>
      <c r="IOW610" s="137"/>
      <c r="IOX610" s="137"/>
      <c r="IOY610" s="137"/>
      <c r="IOZ610" s="137"/>
      <c r="IPA610" s="137"/>
      <c r="IPB610" s="137"/>
      <c r="IPC610" s="137"/>
      <c r="IPD610" s="137"/>
      <c r="IPE610" s="137"/>
      <c r="IPF610" s="137"/>
      <c r="IPG610" s="137"/>
      <c r="IPH610" s="137"/>
      <c r="IPI610" s="137"/>
      <c r="IPJ610" s="137"/>
      <c r="IPK610" s="137"/>
      <c r="IPL610" s="137"/>
      <c r="IPM610" s="137"/>
      <c r="IPN610" s="137"/>
      <c r="IPO610" s="137"/>
      <c r="IPP610" s="137"/>
      <c r="IPQ610" s="137"/>
      <c r="IPR610" s="137"/>
      <c r="IPS610" s="137"/>
      <c r="IPT610" s="137"/>
      <c r="IPU610" s="137"/>
      <c r="IPV610" s="137"/>
      <c r="IPW610" s="137"/>
      <c r="IPX610" s="137"/>
      <c r="IPY610" s="137"/>
      <c r="IPZ610" s="137"/>
      <c r="IQA610" s="137"/>
      <c r="IQB610" s="137"/>
      <c r="IQC610" s="137"/>
      <c r="IQD610" s="137"/>
      <c r="IQE610" s="137"/>
      <c r="IQF610" s="137"/>
      <c r="IQG610" s="137"/>
      <c r="IQH610" s="137"/>
      <c r="IQI610" s="137"/>
      <c r="IQJ610" s="137"/>
      <c r="IQK610" s="137"/>
      <c r="IQL610" s="137"/>
      <c r="IQM610" s="137"/>
      <c r="IQN610" s="137"/>
      <c r="IQO610" s="137"/>
      <c r="IQP610" s="137"/>
      <c r="IQQ610" s="137"/>
      <c r="IQR610" s="137"/>
      <c r="IQS610" s="137"/>
      <c r="IQT610" s="137"/>
      <c r="IQU610" s="137"/>
      <c r="IQV610" s="137"/>
      <c r="IQW610" s="137"/>
      <c r="IQX610" s="137"/>
      <c r="IQY610" s="137"/>
      <c r="IQZ610" s="137"/>
      <c r="IRA610" s="137"/>
      <c r="IRB610" s="137"/>
      <c r="IRC610" s="137"/>
      <c r="IRD610" s="137"/>
      <c r="IRE610" s="137"/>
      <c r="IRF610" s="137"/>
      <c r="IRG610" s="137"/>
      <c r="IRH610" s="137"/>
      <c r="IRI610" s="137"/>
      <c r="IRJ610" s="137"/>
      <c r="IRK610" s="137"/>
      <c r="IRL610" s="137"/>
      <c r="IRM610" s="137"/>
      <c r="IRN610" s="137"/>
      <c r="IRO610" s="137"/>
      <c r="IRP610" s="137"/>
      <c r="IRQ610" s="137"/>
      <c r="IRR610" s="137"/>
      <c r="IRS610" s="137"/>
      <c r="IRT610" s="137"/>
      <c r="IRU610" s="137"/>
      <c r="IRV610" s="137"/>
      <c r="IRW610" s="137"/>
      <c r="IRX610" s="137"/>
      <c r="IRY610" s="137"/>
      <c r="IRZ610" s="137"/>
      <c r="ISA610" s="137"/>
      <c r="ISB610" s="137"/>
      <c r="ISC610" s="137"/>
      <c r="ISD610" s="137"/>
      <c r="ISE610" s="137"/>
      <c r="ISF610" s="137"/>
      <c r="ISG610" s="137"/>
      <c r="ISH610" s="137"/>
      <c r="ISI610" s="137"/>
      <c r="ISJ610" s="137"/>
      <c r="ISK610" s="137"/>
      <c r="ISL610" s="137"/>
      <c r="ISM610" s="137"/>
      <c r="ISN610" s="137"/>
      <c r="ISO610" s="137"/>
      <c r="ISP610" s="137"/>
      <c r="ISQ610" s="137"/>
      <c r="ISR610" s="137"/>
      <c r="ISS610" s="137"/>
      <c r="IST610" s="137"/>
      <c r="ISU610" s="137"/>
      <c r="ISV610" s="137"/>
      <c r="ISW610" s="137"/>
      <c r="ISX610" s="137"/>
      <c r="ISY610" s="137"/>
      <c r="ISZ610" s="137"/>
      <c r="ITA610" s="137"/>
      <c r="ITB610" s="137"/>
      <c r="ITC610" s="137"/>
      <c r="ITD610" s="137"/>
      <c r="ITE610" s="137"/>
      <c r="ITF610" s="137"/>
      <c r="ITG610" s="137"/>
      <c r="ITH610" s="137"/>
      <c r="ITI610" s="137"/>
      <c r="ITJ610" s="137"/>
      <c r="ITK610" s="137"/>
      <c r="ITL610" s="137"/>
      <c r="ITM610" s="137"/>
      <c r="ITN610" s="137"/>
      <c r="ITO610" s="137"/>
      <c r="ITP610" s="137"/>
      <c r="ITQ610" s="137"/>
      <c r="ITR610" s="137"/>
      <c r="ITS610" s="137"/>
      <c r="ITT610" s="137"/>
      <c r="ITU610" s="137"/>
      <c r="ITV610" s="137"/>
      <c r="ITW610" s="137"/>
      <c r="ITX610" s="137"/>
      <c r="ITY610" s="137"/>
      <c r="ITZ610" s="137"/>
      <c r="IUA610" s="137"/>
      <c r="IUB610" s="137"/>
      <c r="IUC610" s="137"/>
      <c r="IUD610" s="137"/>
      <c r="IUE610" s="137"/>
      <c r="IUF610" s="137"/>
      <c r="IUG610" s="137"/>
      <c r="IUH610" s="137"/>
      <c r="IUI610" s="137"/>
      <c r="IUJ610" s="137"/>
      <c r="IUK610" s="137"/>
      <c r="IUL610" s="137"/>
      <c r="IUM610" s="137"/>
      <c r="IUN610" s="137"/>
      <c r="IUO610" s="137"/>
      <c r="IUP610" s="137"/>
      <c r="IUQ610" s="137"/>
      <c r="IUR610" s="137"/>
      <c r="IUS610" s="137"/>
      <c r="IUT610" s="137"/>
      <c r="IUU610" s="137"/>
      <c r="IUV610" s="137"/>
      <c r="IUW610" s="137"/>
      <c r="IUX610" s="137"/>
      <c r="IUY610" s="137"/>
      <c r="IUZ610" s="137"/>
      <c r="IVA610" s="137"/>
      <c r="IVB610" s="137"/>
      <c r="IVC610" s="137"/>
      <c r="IVD610" s="137"/>
      <c r="IVE610" s="137"/>
      <c r="IVF610" s="137"/>
      <c r="IVG610" s="137"/>
      <c r="IVH610" s="137"/>
      <c r="IVI610" s="137"/>
      <c r="IVJ610" s="137"/>
      <c r="IVK610" s="137"/>
      <c r="IVL610" s="137"/>
      <c r="IVM610" s="137"/>
      <c r="IVN610" s="137"/>
      <c r="IVO610" s="137"/>
      <c r="IVP610" s="137"/>
      <c r="IVQ610" s="137"/>
      <c r="IVR610" s="137"/>
      <c r="IVS610" s="137"/>
      <c r="IVT610" s="137"/>
      <c r="IVU610" s="137"/>
      <c r="IVV610" s="137"/>
      <c r="IVW610" s="137"/>
      <c r="IVX610" s="137"/>
      <c r="IVY610" s="137"/>
      <c r="IVZ610" s="137"/>
      <c r="IWA610" s="137"/>
      <c r="IWB610" s="137"/>
      <c r="IWC610" s="137"/>
      <c r="IWD610" s="137"/>
      <c r="IWE610" s="137"/>
      <c r="IWF610" s="137"/>
      <c r="IWG610" s="137"/>
      <c r="IWH610" s="137"/>
      <c r="IWI610" s="137"/>
      <c r="IWJ610" s="137"/>
      <c r="IWK610" s="137"/>
      <c r="IWL610" s="137"/>
      <c r="IWM610" s="137"/>
      <c r="IWN610" s="137"/>
      <c r="IWO610" s="137"/>
      <c r="IWP610" s="137"/>
      <c r="IWQ610" s="137"/>
      <c r="IWR610" s="137"/>
      <c r="IWS610" s="137"/>
      <c r="IWT610" s="137"/>
      <c r="IWU610" s="137"/>
      <c r="IWV610" s="137"/>
      <c r="IWW610" s="137"/>
      <c r="IWX610" s="137"/>
      <c r="IWY610" s="137"/>
      <c r="IWZ610" s="137"/>
      <c r="IXA610" s="137"/>
      <c r="IXB610" s="137"/>
      <c r="IXC610" s="137"/>
      <c r="IXD610" s="137"/>
      <c r="IXE610" s="137"/>
      <c r="IXF610" s="137"/>
      <c r="IXG610" s="137"/>
      <c r="IXH610" s="137"/>
      <c r="IXI610" s="137"/>
      <c r="IXJ610" s="137"/>
      <c r="IXK610" s="137"/>
      <c r="IXL610" s="137"/>
      <c r="IXM610" s="137"/>
      <c r="IXN610" s="137"/>
      <c r="IXO610" s="137"/>
      <c r="IXP610" s="137"/>
      <c r="IXQ610" s="137"/>
      <c r="IXR610" s="137"/>
      <c r="IXS610" s="137"/>
      <c r="IXT610" s="137"/>
      <c r="IXU610" s="137"/>
      <c r="IXV610" s="137"/>
      <c r="IXW610" s="137"/>
      <c r="IXX610" s="137"/>
      <c r="IXY610" s="137"/>
      <c r="IXZ610" s="137"/>
      <c r="IYA610" s="137"/>
      <c r="IYB610" s="137"/>
      <c r="IYC610" s="137"/>
      <c r="IYD610" s="137"/>
      <c r="IYE610" s="137"/>
      <c r="IYF610" s="137"/>
      <c r="IYG610" s="137"/>
      <c r="IYH610" s="137"/>
      <c r="IYI610" s="137"/>
      <c r="IYJ610" s="137"/>
      <c r="IYK610" s="137"/>
      <c r="IYL610" s="137"/>
      <c r="IYM610" s="137"/>
      <c r="IYN610" s="137"/>
      <c r="IYO610" s="137"/>
      <c r="IYP610" s="137"/>
      <c r="IYQ610" s="137"/>
      <c r="IYR610" s="137"/>
      <c r="IYS610" s="137"/>
      <c r="IYT610" s="137"/>
      <c r="IYU610" s="137"/>
      <c r="IYV610" s="137"/>
      <c r="IYW610" s="137"/>
      <c r="IYX610" s="137"/>
      <c r="IYY610" s="137"/>
      <c r="IYZ610" s="137"/>
      <c r="IZA610" s="137"/>
      <c r="IZB610" s="137"/>
      <c r="IZC610" s="137"/>
      <c r="IZD610" s="137"/>
      <c r="IZE610" s="137"/>
      <c r="IZF610" s="137"/>
      <c r="IZG610" s="137"/>
      <c r="IZH610" s="137"/>
      <c r="IZI610" s="137"/>
      <c r="IZJ610" s="137"/>
      <c r="IZK610" s="137"/>
      <c r="IZL610" s="137"/>
      <c r="IZM610" s="137"/>
      <c r="IZN610" s="137"/>
      <c r="IZO610" s="137"/>
      <c r="IZP610" s="137"/>
      <c r="IZQ610" s="137"/>
      <c r="IZR610" s="137"/>
      <c r="IZS610" s="137"/>
      <c r="IZT610" s="137"/>
      <c r="IZU610" s="137"/>
      <c r="IZV610" s="137"/>
      <c r="IZW610" s="137"/>
      <c r="IZX610" s="137"/>
      <c r="IZY610" s="137"/>
      <c r="IZZ610" s="137"/>
      <c r="JAA610" s="137"/>
      <c r="JAB610" s="137"/>
      <c r="JAC610" s="137"/>
      <c r="JAD610" s="137"/>
      <c r="JAE610" s="137"/>
      <c r="JAF610" s="137"/>
      <c r="JAG610" s="137"/>
      <c r="JAH610" s="137"/>
      <c r="JAI610" s="137"/>
      <c r="JAJ610" s="137"/>
      <c r="JAK610" s="137"/>
      <c r="JAL610" s="137"/>
      <c r="JAM610" s="137"/>
      <c r="JAN610" s="137"/>
      <c r="JAO610" s="137"/>
      <c r="JAP610" s="137"/>
      <c r="JAQ610" s="137"/>
      <c r="JAR610" s="137"/>
      <c r="JAS610" s="137"/>
      <c r="JAT610" s="137"/>
      <c r="JAU610" s="137"/>
      <c r="JAV610" s="137"/>
      <c r="JAW610" s="137"/>
      <c r="JAX610" s="137"/>
      <c r="JAY610" s="137"/>
      <c r="JAZ610" s="137"/>
      <c r="JBA610" s="137"/>
      <c r="JBB610" s="137"/>
      <c r="JBC610" s="137"/>
      <c r="JBD610" s="137"/>
      <c r="JBE610" s="137"/>
      <c r="JBF610" s="137"/>
      <c r="JBG610" s="137"/>
      <c r="JBH610" s="137"/>
      <c r="JBI610" s="137"/>
      <c r="JBJ610" s="137"/>
      <c r="JBK610" s="137"/>
      <c r="JBL610" s="137"/>
      <c r="JBM610" s="137"/>
      <c r="JBN610" s="137"/>
      <c r="JBO610" s="137"/>
      <c r="JBP610" s="137"/>
      <c r="JBQ610" s="137"/>
      <c r="JBR610" s="137"/>
      <c r="JBS610" s="137"/>
      <c r="JBT610" s="137"/>
      <c r="JBU610" s="137"/>
      <c r="JBV610" s="137"/>
      <c r="JBW610" s="137"/>
      <c r="JBX610" s="137"/>
      <c r="JBY610" s="137"/>
      <c r="JBZ610" s="137"/>
      <c r="JCA610" s="137"/>
      <c r="JCB610" s="137"/>
      <c r="JCC610" s="137"/>
      <c r="JCD610" s="137"/>
      <c r="JCE610" s="137"/>
      <c r="JCF610" s="137"/>
      <c r="JCG610" s="137"/>
      <c r="JCH610" s="137"/>
      <c r="JCI610" s="137"/>
      <c r="JCJ610" s="137"/>
      <c r="JCK610" s="137"/>
      <c r="JCL610" s="137"/>
      <c r="JCM610" s="137"/>
      <c r="JCN610" s="137"/>
      <c r="JCO610" s="137"/>
      <c r="JCP610" s="137"/>
      <c r="JCQ610" s="137"/>
      <c r="JCR610" s="137"/>
      <c r="JCS610" s="137"/>
      <c r="JCT610" s="137"/>
      <c r="JCU610" s="137"/>
      <c r="JCV610" s="137"/>
      <c r="JCW610" s="137"/>
      <c r="JCX610" s="137"/>
      <c r="JCY610" s="137"/>
      <c r="JCZ610" s="137"/>
      <c r="JDA610" s="137"/>
      <c r="JDB610" s="137"/>
      <c r="JDC610" s="137"/>
      <c r="JDD610" s="137"/>
      <c r="JDE610" s="137"/>
      <c r="JDF610" s="137"/>
      <c r="JDG610" s="137"/>
      <c r="JDH610" s="137"/>
      <c r="JDI610" s="137"/>
      <c r="JDJ610" s="137"/>
      <c r="JDK610" s="137"/>
      <c r="JDL610" s="137"/>
      <c r="JDM610" s="137"/>
      <c r="JDN610" s="137"/>
      <c r="JDO610" s="137"/>
      <c r="JDP610" s="137"/>
      <c r="JDQ610" s="137"/>
      <c r="JDR610" s="137"/>
      <c r="JDS610" s="137"/>
      <c r="JDT610" s="137"/>
      <c r="JDU610" s="137"/>
      <c r="JDV610" s="137"/>
      <c r="JDW610" s="137"/>
      <c r="JDX610" s="137"/>
      <c r="JDY610" s="137"/>
      <c r="JDZ610" s="137"/>
      <c r="JEA610" s="137"/>
      <c r="JEB610" s="137"/>
      <c r="JEC610" s="137"/>
      <c r="JED610" s="137"/>
      <c r="JEE610" s="137"/>
      <c r="JEF610" s="137"/>
      <c r="JEG610" s="137"/>
      <c r="JEH610" s="137"/>
      <c r="JEI610" s="137"/>
      <c r="JEJ610" s="137"/>
      <c r="JEK610" s="137"/>
      <c r="JEL610" s="137"/>
      <c r="JEM610" s="137"/>
      <c r="JEN610" s="137"/>
      <c r="JEO610" s="137"/>
      <c r="JEP610" s="137"/>
      <c r="JEQ610" s="137"/>
      <c r="JER610" s="137"/>
      <c r="JES610" s="137"/>
      <c r="JET610" s="137"/>
      <c r="JEU610" s="137"/>
      <c r="JEV610" s="137"/>
      <c r="JEW610" s="137"/>
      <c r="JEX610" s="137"/>
      <c r="JEY610" s="137"/>
      <c r="JEZ610" s="137"/>
      <c r="JFA610" s="137"/>
      <c r="JFB610" s="137"/>
      <c r="JFC610" s="137"/>
      <c r="JFD610" s="137"/>
      <c r="JFE610" s="137"/>
      <c r="JFF610" s="137"/>
      <c r="JFG610" s="137"/>
      <c r="JFH610" s="137"/>
      <c r="JFI610" s="137"/>
      <c r="JFJ610" s="137"/>
      <c r="JFK610" s="137"/>
      <c r="JFL610" s="137"/>
      <c r="JFM610" s="137"/>
      <c r="JFN610" s="137"/>
      <c r="JFO610" s="137"/>
      <c r="JFP610" s="137"/>
      <c r="JFQ610" s="137"/>
      <c r="JFR610" s="137"/>
      <c r="JFS610" s="137"/>
      <c r="JFT610" s="137"/>
      <c r="JFU610" s="137"/>
      <c r="JFV610" s="137"/>
      <c r="JFW610" s="137"/>
      <c r="JFX610" s="137"/>
      <c r="JFY610" s="137"/>
      <c r="JFZ610" s="137"/>
      <c r="JGA610" s="137"/>
      <c r="JGB610" s="137"/>
      <c r="JGC610" s="137"/>
      <c r="JGD610" s="137"/>
      <c r="JGE610" s="137"/>
      <c r="JGF610" s="137"/>
      <c r="JGG610" s="137"/>
      <c r="JGH610" s="137"/>
      <c r="JGI610" s="137"/>
      <c r="JGJ610" s="137"/>
      <c r="JGK610" s="137"/>
      <c r="JGL610" s="137"/>
      <c r="JGM610" s="137"/>
      <c r="JGN610" s="137"/>
      <c r="JGO610" s="137"/>
      <c r="JGP610" s="137"/>
      <c r="JGQ610" s="137"/>
      <c r="JGR610" s="137"/>
      <c r="JGS610" s="137"/>
      <c r="JGT610" s="137"/>
      <c r="JGU610" s="137"/>
      <c r="JGV610" s="137"/>
      <c r="JGW610" s="137"/>
      <c r="JGX610" s="137"/>
      <c r="JGY610" s="137"/>
      <c r="JGZ610" s="137"/>
      <c r="JHA610" s="137"/>
      <c r="JHB610" s="137"/>
      <c r="JHC610" s="137"/>
      <c r="JHD610" s="137"/>
      <c r="JHE610" s="137"/>
      <c r="JHF610" s="137"/>
      <c r="JHG610" s="137"/>
      <c r="JHH610" s="137"/>
      <c r="JHI610" s="137"/>
      <c r="JHJ610" s="137"/>
      <c r="JHK610" s="137"/>
      <c r="JHL610" s="137"/>
      <c r="JHM610" s="137"/>
      <c r="JHN610" s="137"/>
      <c r="JHO610" s="137"/>
      <c r="JHP610" s="137"/>
      <c r="JHQ610" s="137"/>
      <c r="JHR610" s="137"/>
      <c r="JHS610" s="137"/>
      <c r="JHT610" s="137"/>
      <c r="JHU610" s="137"/>
      <c r="JHV610" s="137"/>
      <c r="JHW610" s="137"/>
      <c r="JHX610" s="137"/>
      <c r="JHY610" s="137"/>
      <c r="JHZ610" s="137"/>
      <c r="JIA610" s="137"/>
      <c r="JIB610" s="137"/>
      <c r="JIC610" s="137"/>
      <c r="JID610" s="137"/>
      <c r="JIE610" s="137"/>
      <c r="JIF610" s="137"/>
      <c r="JIG610" s="137"/>
      <c r="JIH610" s="137"/>
      <c r="JII610" s="137"/>
      <c r="JIJ610" s="137"/>
      <c r="JIK610" s="137"/>
      <c r="JIL610" s="137"/>
      <c r="JIM610" s="137"/>
      <c r="JIN610" s="137"/>
      <c r="JIO610" s="137"/>
      <c r="JIP610" s="137"/>
      <c r="JIQ610" s="137"/>
      <c r="JIR610" s="137"/>
      <c r="JIS610" s="137"/>
      <c r="JIT610" s="137"/>
      <c r="JIU610" s="137"/>
      <c r="JIV610" s="137"/>
      <c r="JIW610" s="137"/>
      <c r="JIX610" s="137"/>
      <c r="JIY610" s="137"/>
      <c r="JIZ610" s="137"/>
      <c r="JJA610" s="137"/>
      <c r="JJB610" s="137"/>
      <c r="JJC610" s="137"/>
      <c r="JJD610" s="137"/>
      <c r="JJE610" s="137"/>
      <c r="JJF610" s="137"/>
      <c r="JJG610" s="137"/>
      <c r="JJH610" s="137"/>
      <c r="JJI610" s="137"/>
      <c r="JJJ610" s="137"/>
      <c r="JJK610" s="137"/>
      <c r="JJL610" s="137"/>
      <c r="JJM610" s="137"/>
      <c r="JJN610" s="137"/>
      <c r="JJO610" s="137"/>
      <c r="JJP610" s="137"/>
      <c r="JJQ610" s="137"/>
      <c r="JJR610" s="137"/>
      <c r="JJS610" s="137"/>
      <c r="JJT610" s="137"/>
      <c r="JJU610" s="137"/>
      <c r="JJV610" s="137"/>
      <c r="JJW610" s="137"/>
      <c r="JJX610" s="137"/>
      <c r="JJY610" s="137"/>
      <c r="JJZ610" s="137"/>
      <c r="JKA610" s="137"/>
      <c r="JKB610" s="137"/>
      <c r="JKC610" s="137"/>
      <c r="JKD610" s="137"/>
      <c r="JKE610" s="137"/>
      <c r="JKF610" s="137"/>
      <c r="JKG610" s="137"/>
      <c r="JKH610" s="137"/>
      <c r="JKI610" s="137"/>
      <c r="JKJ610" s="137"/>
      <c r="JKK610" s="137"/>
      <c r="JKL610" s="137"/>
      <c r="JKM610" s="137"/>
      <c r="JKN610" s="137"/>
      <c r="JKO610" s="137"/>
      <c r="JKP610" s="137"/>
      <c r="JKQ610" s="137"/>
      <c r="JKR610" s="137"/>
      <c r="JKS610" s="137"/>
      <c r="JKT610" s="137"/>
      <c r="JKU610" s="137"/>
      <c r="JKV610" s="137"/>
      <c r="JKW610" s="137"/>
      <c r="JKX610" s="137"/>
      <c r="JKY610" s="137"/>
      <c r="JKZ610" s="137"/>
      <c r="JLA610" s="137"/>
      <c r="JLB610" s="137"/>
      <c r="JLC610" s="137"/>
      <c r="JLD610" s="137"/>
      <c r="JLE610" s="137"/>
      <c r="JLF610" s="137"/>
      <c r="JLG610" s="137"/>
      <c r="JLH610" s="137"/>
      <c r="JLI610" s="137"/>
      <c r="JLJ610" s="137"/>
      <c r="JLK610" s="137"/>
      <c r="JLL610" s="137"/>
      <c r="JLM610" s="137"/>
      <c r="JLN610" s="137"/>
      <c r="JLO610" s="137"/>
      <c r="JLP610" s="137"/>
      <c r="JLQ610" s="137"/>
      <c r="JLR610" s="137"/>
      <c r="JLS610" s="137"/>
      <c r="JLT610" s="137"/>
      <c r="JLU610" s="137"/>
      <c r="JLV610" s="137"/>
      <c r="JLW610" s="137"/>
      <c r="JLX610" s="137"/>
      <c r="JLY610" s="137"/>
      <c r="JLZ610" s="137"/>
      <c r="JMA610" s="137"/>
      <c r="JMB610" s="137"/>
      <c r="JMC610" s="137"/>
      <c r="JMD610" s="137"/>
      <c r="JME610" s="137"/>
      <c r="JMF610" s="137"/>
      <c r="JMG610" s="137"/>
      <c r="JMH610" s="137"/>
      <c r="JMI610" s="137"/>
      <c r="JMJ610" s="137"/>
      <c r="JMK610" s="137"/>
      <c r="JML610" s="137"/>
      <c r="JMM610" s="137"/>
      <c r="JMN610" s="137"/>
      <c r="JMO610" s="137"/>
      <c r="JMP610" s="137"/>
      <c r="JMQ610" s="137"/>
      <c r="JMR610" s="137"/>
      <c r="JMS610" s="137"/>
      <c r="JMT610" s="137"/>
      <c r="JMU610" s="137"/>
      <c r="JMV610" s="137"/>
      <c r="JMW610" s="137"/>
      <c r="JMX610" s="137"/>
      <c r="JMY610" s="137"/>
      <c r="JMZ610" s="137"/>
      <c r="JNA610" s="137"/>
      <c r="JNB610" s="137"/>
      <c r="JNC610" s="137"/>
      <c r="JND610" s="137"/>
      <c r="JNE610" s="137"/>
      <c r="JNF610" s="137"/>
      <c r="JNG610" s="137"/>
      <c r="JNH610" s="137"/>
      <c r="JNI610" s="137"/>
      <c r="JNJ610" s="137"/>
      <c r="JNK610" s="137"/>
      <c r="JNL610" s="137"/>
      <c r="JNM610" s="137"/>
      <c r="JNN610" s="137"/>
      <c r="JNO610" s="137"/>
      <c r="JNP610" s="137"/>
      <c r="JNQ610" s="137"/>
      <c r="JNR610" s="137"/>
      <c r="JNS610" s="137"/>
      <c r="JNT610" s="137"/>
      <c r="JNU610" s="137"/>
      <c r="JNV610" s="137"/>
      <c r="JNW610" s="137"/>
      <c r="JNX610" s="137"/>
      <c r="JNY610" s="137"/>
      <c r="JNZ610" s="137"/>
      <c r="JOA610" s="137"/>
      <c r="JOB610" s="137"/>
      <c r="JOC610" s="137"/>
      <c r="JOD610" s="137"/>
      <c r="JOE610" s="137"/>
      <c r="JOF610" s="137"/>
      <c r="JOG610" s="137"/>
      <c r="JOH610" s="137"/>
      <c r="JOI610" s="137"/>
      <c r="JOJ610" s="137"/>
      <c r="JOK610" s="137"/>
      <c r="JOL610" s="137"/>
      <c r="JOM610" s="137"/>
      <c r="JON610" s="137"/>
      <c r="JOO610" s="137"/>
      <c r="JOP610" s="137"/>
      <c r="JOQ610" s="137"/>
      <c r="JOR610" s="137"/>
      <c r="JOS610" s="137"/>
      <c r="JOT610" s="137"/>
      <c r="JOU610" s="137"/>
      <c r="JOV610" s="137"/>
      <c r="JOW610" s="137"/>
      <c r="JOX610" s="137"/>
      <c r="JOY610" s="137"/>
      <c r="JOZ610" s="137"/>
      <c r="JPA610" s="137"/>
      <c r="JPB610" s="137"/>
      <c r="JPC610" s="137"/>
      <c r="JPD610" s="137"/>
      <c r="JPE610" s="137"/>
      <c r="JPF610" s="137"/>
      <c r="JPG610" s="137"/>
      <c r="JPH610" s="137"/>
      <c r="JPI610" s="137"/>
      <c r="JPJ610" s="137"/>
      <c r="JPK610" s="137"/>
      <c r="JPL610" s="137"/>
      <c r="JPM610" s="137"/>
      <c r="JPN610" s="137"/>
      <c r="JPO610" s="137"/>
      <c r="JPP610" s="137"/>
      <c r="JPQ610" s="137"/>
      <c r="JPR610" s="137"/>
      <c r="JPS610" s="137"/>
      <c r="JPT610" s="137"/>
      <c r="JPU610" s="137"/>
      <c r="JPV610" s="137"/>
      <c r="JPW610" s="137"/>
      <c r="JPX610" s="137"/>
      <c r="JPY610" s="137"/>
      <c r="JPZ610" s="137"/>
      <c r="JQA610" s="137"/>
      <c r="JQB610" s="137"/>
      <c r="JQC610" s="137"/>
      <c r="JQD610" s="137"/>
      <c r="JQE610" s="137"/>
      <c r="JQF610" s="137"/>
      <c r="JQG610" s="137"/>
      <c r="JQH610" s="137"/>
      <c r="JQI610" s="137"/>
      <c r="JQJ610" s="137"/>
      <c r="JQK610" s="137"/>
      <c r="JQL610" s="137"/>
      <c r="JQM610" s="137"/>
      <c r="JQN610" s="137"/>
      <c r="JQO610" s="137"/>
      <c r="JQP610" s="137"/>
      <c r="JQQ610" s="137"/>
      <c r="JQR610" s="137"/>
      <c r="JQS610" s="137"/>
      <c r="JQT610" s="137"/>
      <c r="JQU610" s="137"/>
      <c r="JQV610" s="137"/>
      <c r="JQW610" s="137"/>
      <c r="JQX610" s="137"/>
      <c r="JQY610" s="137"/>
      <c r="JQZ610" s="137"/>
      <c r="JRA610" s="137"/>
      <c r="JRB610" s="137"/>
      <c r="JRC610" s="137"/>
      <c r="JRD610" s="137"/>
      <c r="JRE610" s="137"/>
      <c r="JRF610" s="137"/>
      <c r="JRG610" s="137"/>
      <c r="JRH610" s="137"/>
      <c r="JRI610" s="137"/>
      <c r="JRJ610" s="137"/>
      <c r="JRK610" s="137"/>
      <c r="JRL610" s="137"/>
      <c r="JRM610" s="137"/>
      <c r="JRN610" s="137"/>
      <c r="JRO610" s="137"/>
      <c r="JRP610" s="137"/>
      <c r="JRQ610" s="137"/>
      <c r="JRR610" s="137"/>
      <c r="JRS610" s="137"/>
      <c r="JRT610" s="137"/>
      <c r="JRU610" s="137"/>
      <c r="JRV610" s="137"/>
      <c r="JRW610" s="137"/>
      <c r="JRX610" s="137"/>
      <c r="JRY610" s="137"/>
      <c r="JRZ610" s="137"/>
      <c r="JSA610" s="137"/>
      <c r="JSB610" s="137"/>
      <c r="JSC610" s="137"/>
      <c r="JSD610" s="137"/>
      <c r="JSE610" s="137"/>
      <c r="JSF610" s="137"/>
      <c r="JSG610" s="137"/>
      <c r="JSH610" s="137"/>
      <c r="JSI610" s="137"/>
      <c r="JSJ610" s="137"/>
      <c r="JSK610" s="137"/>
      <c r="JSL610" s="137"/>
      <c r="JSM610" s="137"/>
      <c r="JSN610" s="137"/>
      <c r="JSO610" s="137"/>
      <c r="JSP610" s="137"/>
      <c r="JSQ610" s="137"/>
      <c r="JSR610" s="137"/>
      <c r="JSS610" s="137"/>
      <c r="JST610" s="137"/>
      <c r="JSU610" s="137"/>
      <c r="JSV610" s="137"/>
      <c r="JSW610" s="137"/>
      <c r="JSX610" s="137"/>
      <c r="JSY610" s="137"/>
      <c r="JSZ610" s="137"/>
      <c r="JTA610" s="137"/>
      <c r="JTB610" s="137"/>
      <c r="JTC610" s="137"/>
      <c r="JTD610" s="137"/>
      <c r="JTE610" s="137"/>
      <c r="JTF610" s="137"/>
      <c r="JTG610" s="137"/>
      <c r="JTH610" s="137"/>
      <c r="JTI610" s="137"/>
      <c r="JTJ610" s="137"/>
      <c r="JTK610" s="137"/>
      <c r="JTL610" s="137"/>
      <c r="JTM610" s="137"/>
      <c r="JTN610" s="137"/>
      <c r="JTO610" s="137"/>
      <c r="JTP610" s="137"/>
      <c r="JTQ610" s="137"/>
      <c r="JTR610" s="137"/>
      <c r="JTS610" s="137"/>
      <c r="JTT610" s="137"/>
      <c r="JTU610" s="137"/>
      <c r="JTV610" s="137"/>
      <c r="JTW610" s="137"/>
      <c r="JTX610" s="137"/>
      <c r="JTY610" s="137"/>
      <c r="JTZ610" s="137"/>
      <c r="JUA610" s="137"/>
      <c r="JUB610" s="137"/>
      <c r="JUC610" s="137"/>
      <c r="JUD610" s="137"/>
      <c r="JUE610" s="137"/>
      <c r="JUF610" s="137"/>
      <c r="JUG610" s="137"/>
      <c r="JUH610" s="137"/>
      <c r="JUI610" s="137"/>
      <c r="JUJ610" s="137"/>
      <c r="JUK610" s="137"/>
      <c r="JUL610" s="137"/>
      <c r="JUM610" s="137"/>
      <c r="JUN610" s="137"/>
      <c r="JUO610" s="137"/>
      <c r="JUP610" s="137"/>
      <c r="JUQ610" s="137"/>
      <c r="JUR610" s="137"/>
      <c r="JUS610" s="137"/>
      <c r="JUT610" s="137"/>
      <c r="JUU610" s="137"/>
      <c r="JUV610" s="137"/>
      <c r="JUW610" s="137"/>
      <c r="JUX610" s="137"/>
      <c r="JUY610" s="137"/>
      <c r="JUZ610" s="137"/>
      <c r="JVA610" s="137"/>
      <c r="JVB610" s="137"/>
      <c r="JVC610" s="137"/>
      <c r="JVD610" s="137"/>
      <c r="JVE610" s="137"/>
      <c r="JVF610" s="137"/>
      <c r="JVG610" s="137"/>
      <c r="JVH610" s="137"/>
      <c r="JVI610" s="137"/>
      <c r="JVJ610" s="137"/>
      <c r="JVK610" s="137"/>
      <c r="JVL610" s="137"/>
      <c r="JVM610" s="137"/>
      <c r="JVN610" s="137"/>
      <c r="JVO610" s="137"/>
      <c r="JVP610" s="137"/>
      <c r="JVQ610" s="137"/>
      <c r="JVR610" s="137"/>
      <c r="JVS610" s="137"/>
      <c r="JVT610" s="137"/>
      <c r="JVU610" s="137"/>
      <c r="JVV610" s="137"/>
      <c r="JVW610" s="137"/>
      <c r="JVX610" s="137"/>
      <c r="JVY610" s="137"/>
      <c r="JVZ610" s="137"/>
      <c r="JWA610" s="137"/>
      <c r="JWB610" s="137"/>
      <c r="JWC610" s="137"/>
      <c r="JWD610" s="137"/>
      <c r="JWE610" s="137"/>
      <c r="JWF610" s="137"/>
      <c r="JWG610" s="137"/>
      <c r="JWH610" s="137"/>
      <c r="JWI610" s="137"/>
      <c r="JWJ610" s="137"/>
      <c r="JWK610" s="137"/>
      <c r="JWL610" s="137"/>
      <c r="JWM610" s="137"/>
      <c r="JWN610" s="137"/>
      <c r="JWO610" s="137"/>
      <c r="JWP610" s="137"/>
      <c r="JWQ610" s="137"/>
      <c r="JWR610" s="137"/>
      <c r="JWS610" s="137"/>
      <c r="JWT610" s="137"/>
      <c r="JWU610" s="137"/>
      <c r="JWV610" s="137"/>
      <c r="JWW610" s="137"/>
      <c r="JWX610" s="137"/>
      <c r="JWY610" s="137"/>
      <c r="JWZ610" s="137"/>
      <c r="JXA610" s="137"/>
      <c r="JXB610" s="137"/>
      <c r="JXC610" s="137"/>
      <c r="JXD610" s="137"/>
      <c r="JXE610" s="137"/>
      <c r="JXF610" s="137"/>
      <c r="JXG610" s="137"/>
      <c r="JXH610" s="137"/>
      <c r="JXI610" s="137"/>
      <c r="JXJ610" s="137"/>
      <c r="JXK610" s="137"/>
      <c r="JXL610" s="137"/>
      <c r="JXM610" s="137"/>
      <c r="JXN610" s="137"/>
      <c r="JXO610" s="137"/>
      <c r="JXP610" s="137"/>
      <c r="JXQ610" s="137"/>
      <c r="JXR610" s="137"/>
      <c r="JXS610" s="137"/>
      <c r="JXT610" s="137"/>
      <c r="JXU610" s="137"/>
      <c r="JXV610" s="137"/>
      <c r="JXW610" s="137"/>
      <c r="JXX610" s="137"/>
      <c r="JXY610" s="137"/>
      <c r="JXZ610" s="137"/>
      <c r="JYA610" s="137"/>
      <c r="JYB610" s="137"/>
      <c r="JYC610" s="137"/>
      <c r="JYD610" s="137"/>
      <c r="JYE610" s="137"/>
      <c r="JYF610" s="137"/>
      <c r="JYG610" s="137"/>
      <c r="JYH610" s="137"/>
      <c r="JYI610" s="137"/>
      <c r="JYJ610" s="137"/>
      <c r="JYK610" s="137"/>
      <c r="JYL610" s="137"/>
      <c r="JYM610" s="137"/>
      <c r="JYN610" s="137"/>
      <c r="JYO610" s="137"/>
      <c r="JYP610" s="137"/>
      <c r="JYQ610" s="137"/>
      <c r="JYR610" s="137"/>
      <c r="JYS610" s="137"/>
      <c r="JYT610" s="137"/>
      <c r="JYU610" s="137"/>
      <c r="JYV610" s="137"/>
      <c r="JYW610" s="137"/>
      <c r="JYX610" s="137"/>
      <c r="JYY610" s="137"/>
      <c r="JYZ610" s="137"/>
      <c r="JZA610" s="137"/>
      <c r="JZB610" s="137"/>
      <c r="JZC610" s="137"/>
      <c r="JZD610" s="137"/>
      <c r="JZE610" s="137"/>
      <c r="JZF610" s="137"/>
      <c r="JZG610" s="137"/>
      <c r="JZH610" s="137"/>
      <c r="JZI610" s="137"/>
      <c r="JZJ610" s="137"/>
      <c r="JZK610" s="137"/>
      <c r="JZL610" s="137"/>
      <c r="JZM610" s="137"/>
      <c r="JZN610" s="137"/>
      <c r="JZO610" s="137"/>
      <c r="JZP610" s="137"/>
      <c r="JZQ610" s="137"/>
      <c r="JZR610" s="137"/>
      <c r="JZS610" s="137"/>
      <c r="JZT610" s="137"/>
      <c r="JZU610" s="137"/>
      <c r="JZV610" s="137"/>
      <c r="JZW610" s="137"/>
      <c r="JZX610" s="137"/>
      <c r="JZY610" s="137"/>
      <c r="JZZ610" s="137"/>
      <c r="KAA610" s="137"/>
      <c r="KAB610" s="137"/>
      <c r="KAC610" s="137"/>
      <c r="KAD610" s="137"/>
      <c r="KAE610" s="137"/>
      <c r="KAF610" s="137"/>
      <c r="KAG610" s="137"/>
      <c r="KAH610" s="137"/>
      <c r="KAI610" s="137"/>
      <c r="KAJ610" s="137"/>
      <c r="KAK610" s="137"/>
      <c r="KAL610" s="137"/>
      <c r="KAM610" s="137"/>
      <c r="KAN610" s="137"/>
      <c r="KAO610" s="137"/>
      <c r="KAP610" s="137"/>
      <c r="KAQ610" s="137"/>
      <c r="KAR610" s="137"/>
      <c r="KAS610" s="137"/>
      <c r="KAT610" s="137"/>
      <c r="KAU610" s="137"/>
      <c r="KAV610" s="137"/>
      <c r="KAW610" s="137"/>
      <c r="KAX610" s="137"/>
      <c r="KAY610" s="137"/>
      <c r="KAZ610" s="137"/>
      <c r="KBA610" s="137"/>
      <c r="KBB610" s="137"/>
      <c r="KBC610" s="137"/>
      <c r="KBD610" s="137"/>
      <c r="KBE610" s="137"/>
      <c r="KBF610" s="137"/>
      <c r="KBG610" s="137"/>
      <c r="KBH610" s="137"/>
      <c r="KBI610" s="137"/>
      <c r="KBJ610" s="137"/>
      <c r="KBK610" s="137"/>
      <c r="KBL610" s="137"/>
      <c r="KBM610" s="137"/>
      <c r="KBN610" s="137"/>
      <c r="KBO610" s="137"/>
      <c r="KBP610" s="137"/>
      <c r="KBQ610" s="137"/>
      <c r="KBR610" s="137"/>
      <c r="KBS610" s="137"/>
      <c r="KBT610" s="137"/>
      <c r="KBU610" s="137"/>
      <c r="KBV610" s="137"/>
      <c r="KBW610" s="137"/>
      <c r="KBX610" s="137"/>
      <c r="KBY610" s="137"/>
      <c r="KBZ610" s="137"/>
      <c r="KCA610" s="137"/>
      <c r="KCB610" s="137"/>
      <c r="KCC610" s="137"/>
      <c r="KCD610" s="137"/>
      <c r="KCE610" s="137"/>
      <c r="KCF610" s="137"/>
      <c r="KCG610" s="137"/>
      <c r="KCH610" s="137"/>
      <c r="KCI610" s="137"/>
      <c r="KCJ610" s="137"/>
      <c r="KCK610" s="137"/>
      <c r="KCL610" s="137"/>
      <c r="KCM610" s="137"/>
      <c r="KCN610" s="137"/>
      <c r="KCO610" s="137"/>
      <c r="KCP610" s="137"/>
      <c r="KCQ610" s="137"/>
      <c r="KCR610" s="137"/>
      <c r="KCS610" s="137"/>
      <c r="KCT610" s="137"/>
      <c r="KCU610" s="137"/>
      <c r="KCV610" s="137"/>
      <c r="KCW610" s="137"/>
      <c r="KCX610" s="137"/>
      <c r="KCY610" s="137"/>
      <c r="KCZ610" s="137"/>
      <c r="KDA610" s="137"/>
      <c r="KDB610" s="137"/>
      <c r="KDC610" s="137"/>
      <c r="KDD610" s="137"/>
      <c r="KDE610" s="137"/>
      <c r="KDF610" s="137"/>
      <c r="KDG610" s="137"/>
      <c r="KDH610" s="137"/>
      <c r="KDI610" s="137"/>
      <c r="KDJ610" s="137"/>
      <c r="KDK610" s="137"/>
      <c r="KDL610" s="137"/>
      <c r="KDM610" s="137"/>
      <c r="KDN610" s="137"/>
      <c r="KDO610" s="137"/>
      <c r="KDP610" s="137"/>
      <c r="KDQ610" s="137"/>
      <c r="KDR610" s="137"/>
      <c r="KDS610" s="137"/>
      <c r="KDT610" s="137"/>
      <c r="KDU610" s="137"/>
      <c r="KDV610" s="137"/>
      <c r="KDW610" s="137"/>
      <c r="KDX610" s="137"/>
      <c r="KDY610" s="137"/>
      <c r="KDZ610" s="137"/>
      <c r="KEA610" s="137"/>
      <c r="KEB610" s="137"/>
      <c r="KEC610" s="137"/>
      <c r="KED610" s="137"/>
      <c r="KEE610" s="137"/>
      <c r="KEF610" s="137"/>
      <c r="KEG610" s="137"/>
      <c r="KEH610" s="137"/>
      <c r="KEI610" s="137"/>
      <c r="KEJ610" s="137"/>
      <c r="KEK610" s="137"/>
      <c r="KEL610" s="137"/>
      <c r="KEM610" s="137"/>
      <c r="KEN610" s="137"/>
      <c r="KEO610" s="137"/>
      <c r="KEP610" s="137"/>
      <c r="KEQ610" s="137"/>
      <c r="KER610" s="137"/>
      <c r="KES610" s="137"/>
      <c r="KET610" s="137"/>
      <c r="KEU610" s="137"/>
      <c r="KEV610" s="137"/>
      <c r="KEW610" s="137"/>
      <c r="KEX610" s="137"/>
      <c r="KEY610" s="137"/>
      <c r="KEZ610" s="137"/>
      <c r="KFA610" s="137"/>
      <c r="KFB610" s="137"/>
      <c r="KFC610" s="137"/>
      <c r="KFD610" s="137"/>
      <c r="KFE610" s="137"/>
      <c r="KFF610" s="137"/>
      <c r="KFG610" s="137"/>
      <c r="KFH610" s="137"/>
      <c r="KFI610" s="137"/>
      <c r="KFJ610" s="137"/>
      <c r="KFK610" s="137"/>
      <c r="KFL610" s="137"/>
      <c r="KFM610" s="137"/>
      <c r="KFN610" s="137"/>
      <c r="KFO610" s="137"/>
      <c r="KFP610" s="137"/>
      <c r="KFQ610" s="137"/>
      <c r="KFR610" s="137"/>
      <c r="KFS610" s="137"/>
      <c r="KFT610" s="137"/>
      <c r="KFU610" s="137"/>
      <c r="KFV610" s="137"/>
      <c r="KFW610" s="137"/>
      <c r="KFX610" s="137"/>
      <c r="KFY610" s="137"/>
      <c r="KFZ610" s="137"/>
      <c r="KGA610" s="137"/>
      <c r="KGB610" s="137"/>
      <c r="KGC610" s="137"/>
      <c r="KGD610" s="137"/>
      <c r="KGE610" s="137"/>
      <c r="KGF610" s="137"/>
      <c r="KGG610" s="137"/>
      <c r="KGH610" s="137"/>
      <c r="KGI610" s="137"/>
      <c r="KGJ610" s="137"/>
      <c r="KGK610" s="137"/>
      <c r="KGL610" s="137"/>
      <c r="KGM610" s="137"/>
      <c r="KGN610" s="137"/>
      <c r="KGO610" s="137"/>
      <c r="KGP610" s="137"/>
      <c r="KGQ610" s="137"/>
      <c r="KGR610" s="137"/>
      <c r="KGS610" s="137"/>
      <c r="KGT610" s="137"/>
      <c r="KGU610" s="137"/>
      <c r="KGV610" s="137"/>
      <c r="KGW610" s="137"/>
      <c r="KGX610" s="137"/>
      <c r="KGY610" s="137"/>
      <c r="KGZ610" s="137"/>
      <c r="KHA610" s="137"/>
      <c r="KHB610" s="137"/>
      <c r="KHC610" s="137"/>
      <c r="KHD610" s="137"/>
      <c r="KHE610" s="137"/>
      <c r="KHF610" s="137"/>
      <c r="KHG610" s="137"/>
      <c r="KHH610" s="137"/>
      <c r="KHI610" s="137"/>
      <c r="KHJ610" s="137"/>
      <c r="KHK610" s="137"/>
      <c r="KHL610" s="137"/>
      <c r="KHM610" s="137"/>
      <c r="KHN610" s="137"/>
      <c r="KHO610" s="137"/>
      <c r="KHP610" s="137"/>
      <c r="KHQ610" s="137"/>
      <c r="KHR610" s="137"/>
      <c r="KHS610" s="137"/>
      <c r="KHT610" s="137"/>
      <c r="KHU610" s="137"/>
      <c r="KHV610" s="137"/>
      <c r="KHW610" s="137"/>
      <c r="KHX610" s="137"/>
      <c r="KHY610" s="137"/>
      <c r="KHZ610" s="137"/>
      <c r="KIA610" s="137"/>
      <c r="KIB610" s="137"/>
      <c r="KIC610" s="137"/>
      <c r="KID610" s="137"/>
      <c r="KIE610" s="137"/>
      <c r="KIF610" s="137"/>
      <c r="KIG610" s="137"/>
      <c r="KIH610" s="137"/>
      <c r="KII610" s="137"/>
      <c r="KIJ610" s="137"/>
      <c r="KIK610" s="137"/>
      <c r="KIL610" s="137"/>
      <c r="KIM610" s="137"/>
      <c r="KIN610" s="137"/>
      <c r="KIO610" s="137"/>
      <c r="KIP610" s="137"/>
      <c r="KIQ610" s="137"/>
      <c r="KIR610" s="137"/>
      <c r="KIS610" s="137"/>
      <c r="KIT610" s="137"/>
      <c r="KIU610" s="137"/>
      <c r="KIV610" s="137"/>
      <c r="KIW610" s="137"/>
      <c r="KIX610" s="137"/>
      <c r="KIY610" s="137"/>
      <c r="KIZ610" s="137"/>
      <c r="KJA610" s="137"/>
      <c r="KJB610" s="137"/>
      <c r="KJC610" s="137"/>
      <c r="KJD610" s="137"/>
      <c r="KJE610" s="137"/>
      <c r="KJF610" s="137"/>
      <c r="KJG610" s="137"/>
      <c r="KJH610" s="137"/>
      <c r="KJI610" s="137"/>
      <c r="KJJ610" s="137"/>
      <c r="KJK610" s="137"/>
      <c r="KJL610" s="137"/>
      <c r="KJM610" s="137"/>
      <c r="KJN610" s="137"/>
      <c r="KJO610" s="137"/>
      <c r="KJP610" s="137"/>
      <c r="KJQ610" s="137"/>
      <c r="KJR610" s="137"/>
      <c r="KJS610" s="137"/>
      <c r="KJT610" s="137"/>
      <c r="KJU610" s="137"/>
      <c r="KJV610" s="137"/>
      <c r="KJW610" s="137"/>
      <c r="KJX610" s="137"/>
      <c r="KJY610" s="137"/>
      <c r="KJZ610" s="137"/>
      <c r="KKA610" s="137"/>
      <c r="KKB610" s="137"/>
      <c r="KKC610" s="137"/>
      <c r="KKD610" s="137"/>
      <c r="KKE610" s="137"/>
      <c r="KKF610" s="137"/>
      <c r="KKG610" s="137"/>
      <c r="KKH610" s="137"/>
      <c r="KKI610" s="137"/>
      <c r="KKJ610" s="137"/>
      <c r="KKK610" s="137"/>
      <c r="KKL610" s="137"/>
      <c r="KKM610" s="137"/>
      <c r="KKN610" s="137"/>
      <c r="KKO610" s="137"/>
      <c r="KKP610" s="137"/>
      <c r="KKQ610" s="137"/>
      <c r="KKR610" s="137"/>
      <c r="KKS610" s="137"/>
      <c r="KKT610" s="137"/>
      <c r="KKU610" s="137"/>
      <c r="KKV610" s="137"/>
      <c r="KKW610" s="137"/>
      <c r="KKX610" s="137"/>
      <c r="KKY610" s="137"/>
      <c r="KKZ610" s="137"/>
      <c r="KLA610" s="137"/>
      <c r="KLB610" s="137"/>
      <c r="KLC610" s="137"/>
      <c r="KLD610" s="137"/>
      <c r="KLE610" s="137"/>
      <c r="KLF610" s="137"/>
      <c r="KLG610" s="137"/>
      <c r="KLH610" s="137"/>
      <c r="KLI610" s="137"/>
      <c r="KLJ610" s="137"/>
      <c r="KLK610" s="137"/>
      <c r="KLL610" s="137"/>
      <c r="KLM610" s="137"/>
      <c r="KLN610" s="137"/>
      <c r="KLO610" s="137"/>
      <c r="KLP610" s="137"/>
      <c r="KLQ610" s="137"/>
      <c r="KLR610" s="137"/>
      <c r="KLS610" s="137"/>
      <c r="KLT610" s="137"/>
      <c r="KLU610" s="137"/>
      <c r="KLV610" s="137"/>
      <c r="KLW610" s="137"/>
      <c r="KLX610" s="137"/>
      <c r="KLY610" s="137"/>
      <c r="KLZ610" s="137"/>
      <c r="KMA610" s="137"/>
      <c r="KMB610" s="137"/>
      <c r="KMC610" s="137"/>
      <c r="KMD610" s="137"/>
      <c r="KME610" s="137"/>
      <c r="KMF610" s="137"/>
      <c r="KMG610" s="137"/>
      <c r="KMH610" s="137"/>
      <c r="KMI610" s="137"/>
      <c r="KMJ610" s="137"/>
      <c r="KMK610" s="137"/>
      <c r="KML610" s="137"/>
      <c r="KMM610" s="137"/>
      <c r="KMN610" s="137"/>
      <c r="KMO610" s="137"/>
      <c r="KMP610" s="137"/>
      <c r="KMQ610" s="137"/>
      <c r="KMR610" s="137"/>
      <c r="KMS610" s="137"/>
      <c r="KMT610" s="137"/>
      <c r="KMU610" s="137"/>
      <c r="KMV610" s="137"/>
      <c r="KMW610" s="137"/>
      <c r="KMX610" s="137"/>
      <c r="KMY610" s="137"/>
      <c r="KMZ610" s="137"/>
      <c r="KNA610" s="137"/>
      <c r="KNB610" s="137"/>
      <c r="KNC610" s="137"/>
      <c r="KND610" s="137"/>
      <c r="KNE610" s="137"/>
      <c r="KNF610" s="137"/>
      <c r="KNG610" s="137"/>
      <c r="KNH610" s="137"/>
      <c r="KNI610" s="137"/>
      <c r="KNJ610" s="137"/>
      <c r="KNK610" s="137"/>
      <c r="KNL610" s="137"/>
      <c r="KNM610" s="137"/>
      <c r="KNN610" s="137"/>
      <c r="KNO610" s="137"/>
      <c r="KNP610" s="137"/>
      <c r="KNQ610" s="137"/>
      <c r="KNR610" s="137"/>
      <c r="KNS610" s="137"/>
      <c r="KNT610" s="137"/>
      <c r="KNU610" s="137"/>
      <c r="KNV610" s="137"/>
      <c r="KNW610" s="137"/>
      <c r="KNX610" s="137"/>
      <c r="KNY610" s="137"/>
      <c r="KNZ610" s="137"/>
      <c r="KOA610" s="137"/>
      <c r="KOB610" s="137"/>
      <c r="KOC610" s="137"/>
      <c r="KOD610" s="137"/>
      <c r="KOE610" s="137"/>
      <c r="KOF610" s="137"/>
      <c r="KOG610" s="137"/>
      <c r="KOH610" s="137"/>
      <c r="KOI610" s="137"/>
      <c r="KOJ610" s="137"/>
      <c r="KOK610" s="137"/>
      <c r="KOL610" s="137"/>
      <c r="KOM610" s="137"/>
      <c r="KON610" s="137"/>
      <c r="KOO610" s="137"/>
      <c r="KOP610" s="137"/>
      <c r="KOQ610" s="137"/>
      <c r="KOR610" s="137"/>
      <c r="KOS610" s="137"/>
      <c r="KOT610" s="137"/>
      <c r="KOU610" s="137"/>
      <c r="KOV610" s="137"/>
      <c r="KOW610" s="137"/>
      <c r="KOX610" s="137"/>
      <c r="KOY610" s="137"/>
      <c r="KOZ610" s="137"/>
      <c r="KPA610" s="137"/>
      <c r="KPB610" s="137"/>
      <c r="KPC610" s="137"/>
      <c r="KPD610" s="137"/>
      <c r="KPE610" s="137"/>
      <c r="KPF610" s="137"/>
      <c r="KPG610" s="137"/>
      <c r="KPH610" s="137"/>
      <c r="KPI610" s="137"/>
      <c r="KPJ610" s="137"/>
      <c r="KPK610" s="137"/>
      <c r="KPL610" s="137"/>
      <c r="KPM610" s="137"/>
      <c r="KPN610" s="137"/>
      <c r="KPO610" s="137"/>
      <c r="KPP610" s="137"/>
      <c r="KPQ610" s="137"/>
      <c r="KPR610" s="137"/>
      <c r="KPS610" s="137"/>
      <c r="KPT610" s="137"/>
      <c r="KPU610" s="137"/>
      <c r="KPV610" s="137"/>
      <c r="KPW610" s="137"/>
      <c r="KPX610" s="137"/>
      <c r="KPY610" s="137"/>
      <c r="KPZ610" s="137"/>
      <c r="KQA610" s="137"/>
      <c r="KQB610" s="137"/>
      <c r="KQC610" s="137"/>
      <c r="KQD610" s="137"/>
      <c r="KQE610" s="137"/>
      <c r="KQF610" s="137"/>
      <c r="KQG610" s="137"/>
      <c r="KQH610" s="137"/>
      <c r="KQI610" s="137"/>
      <c r="KQJ610" s="137"/>
      <c r="KQK610" s="137"/>
      <c r="KQL610" s="137"/>
      <c r="KQM610" s="137"/>
      <c r="KQN610" s="137"/>
      <c r="KQO610" s="137"/>
      <c r="KQP610" s="137"/>
      <c r="KQQ610" s="137"/>
      <c r="KQR610" s="137"/>
      <c r="KQS610" s="137"/>
      <c r="KQT610" s="137"/>
      <c r="KQU610" s="137"/>
      <c r="KQV610" s="137"/>
      <c r="KQW610" s="137"/>
      <c r="KQX610" s="137"/>
      <c r="KQY610" s="137"/>
      <c r="KQZ610" s="137"/>
      <c r="KRA610" s="137"/>
      <c r="KRB610" s="137"/>
      <c r="KRC610" s="137"/>
      <c r="KRD610" s="137"/>
      <c r="KRE610" s="137"/>
      <c r="KRF610" s="137"/>
      <c r="KRG610" s="137"/>
      <c r="KRH610" s="137"/>
      <c r="KRI610" s="137"/>
      <c r="KRJ610" s="137"/>
      <c r="KRK610" s="137"/>
      <c r="KRL610" s="137"/>
      <c r="KRM610" s="137"/>
      <c r="KRN610" s="137"/>
      <c r="KRO610" s="137"/>
      <c r="KRP610" s="137"/>
      <c r="KRQ610" s="137"/>
      <c r="KRR610" s="137"/>
      <c r="KRS610" s="137"/>
      <c r="KRT610" s="137"/>
      <c r="KRU610" s="137"/>
      <c r="KRV610" s="137"/>
      <c r="KRW610" s="137"/>
      <c r="KRX610" s="137"/>
      <c r="KRY610" s="137"/>
      <c r="KRZ610" s="137"/>
      <c r="KSA610" s="137"/>
      <c r="KSB610" s="137"/>
      <c r="KSC610" s="137"/>
      <c r="KSD610" s="137"/>
      <c r="KSE610" s="137"/>
      <c r="KSF610" s="137"/>
      <c r="KSG610" s="137"/>
      <c r="KSH610" s="137"/>
      <c r="KSI610" s="137"/>
      <c r="KSJ610" s="137"/>
      <c r="KSK610" s="137"/>
      <c r="KSL610" s="137"/>
      <c r="KSM610" s="137"/>
      <c r="KSN610" s="137"/>
      <c r="KSO610" s="137"/>
      <c r="KSP610" s="137"/>
      <c r="KSQ610" s="137"/>
      <c r="KSR610" s="137"/>
      <c r="KSS610" s="137"/>
      <c r="KST610" s="137"/>
      <c r="KSU610" s="137"/>
      <c r="KSV610" s="137"/>
      <c r="KSW610" s="137"/>
      <c r="KSX610" s="137"/>
      <c r="KSY610" s="137"/>
      <c r="KSZ610" s="137"/>
      <c r="KTA610" s="137"/>
      <c r="KTB610" s="137"/>
      <c r="KTC610" s="137"/>
      <c r="KTD610" s="137"/>
      <c r="KTE610" s="137"/>
      <c r="KTF610" s="137"/>
      <c r="KTG610" s="137"/>
      <c r="KTH610" s="137"/>
      <c r="KTI610" s="137"/>
      <c r="KTJ610" s="137"/>
      <c r="KTK610" s="137"/>
      <c r="KTL610" s="137"/>
      <c r="KTM610" s="137"/>
      <c r="KTN610" s="137"/>
      <c r="KTO610" s="137"/>
      <c r="KTP610" s="137"/>
      <c r="KTQ610" s="137"/>
      <c r="KTR610" s="137"/>
      <c r="KTS610" s="137"/>
      <c r="KTT610" s="137"/>
      <c r="KTU610" s="137"/>
      <c r="KTV610" s="137"/>
      <c r="KTW610" s="137"/>
      <c r="KTX610" s="137"/>
      <c r="KTY610" s="137"/>
      <c r="KTZ610" s="137"/>
      <c r="KUA610" s="137"/>
      <c r="KUB610" s="137"/>
      <c r="KUC610" s="137"/>
      <c r="KUD610" s="137"/>
      <c r="KUE610" s="137"/>
      <c r="KUF610" s="137"/>
      <c r="KUG610" s="137"/>
      <c r="KUH610" s="137"/>
      <c r="KUI610" s="137"/>
      <c r="KUJ610" s="137"/>
      <c r="KUK610" s="137"/>
      <c r="KUL610" s="137"/>
      <c r="KUM610" s="137"/>
      <c r="KUN610" s="137"/>
      <c r="KUO610" s="137"/>
      <c r="KUP610" s="137"/>
      <c r="KUQ610" s="137"/>
      <c r="KUR610" s="137"/>
      <c r="KUS610" s="137"/>
      <c r="KUT610" s="137"/>
      <c r="KUU610" s="137"/>
      <c r="KUV610" s="137"/>
      <c r="KUW610" s="137"/>
      <c r="KUX610" s="137"/>
      <c r="KUY610" s="137"/>
      <c r="KUZ610" s="137"/>
      <c r="KVA610" s="137"/>
      <c r="KVB610" s="137"/>
      <c r="KVC610" s="137"/>
      <c r="KVD610" s="137"/>
      <c r="KVE610" s="137"/>
      <c r="KVF610" s="137"/>
      <c r="KVG610" s="137"/>
      <c r="KVH610" s="137"/>
      <c r="KVI610" s="137"/>
      <c r="KVJ610" s="137"/>
      <c r="KVK610" s="137"/>
      <c r="KVL610" s="137"/>
      <c r="KVM610" s="137"/>
      <c r="KVN610" s="137"/>
      <c r="KVO610" s="137"/>
      <c r="KVP610" s="137"/>
      <c r="KVQ610" s="137"/>
      <c r="KVR610" s="137"/>
      <c r="KVS610" s="137"/>
      <c r="KVT610" s="137"/>
      <c r="KVU610" s="137"/>
      <c r="KVV610" s="137"/>
      <c r="KVW610" s="137"/>
      <c r="KVX610" s="137"/>
      <c r="KVY610" s="137"/>
      <c r="KVZ610" s="137"/>
      <c r="KWA610" s="137"/>
      <c r="KWB610" s="137"/>
      <c r="KWC610" s="137"/>
      <c r="KWD610" s="137"/>
      <c r="KWE610" s="137"/>
      <c r="KWF610" s="137"/>
      <c r="KWG610" s="137"/>
      <c r="KWH610" s="137"/>
      <c r="KWI610" s="137"/>
      <c r="KWJ610" s="137"/>
      <c r="KWK610" s="137"/>
      <c r="KWL610" s="137"/>
      <c r="KWM610" s="137"/>
      <c r="KWN610" s="137"/>
      <c r="KWO610" s="137"/>
      <c r="KWP610" s="137"/>
      <c r="KWQ610" s="137"/>
      <c r="KWR610" s="137"/>
      <c r="KWS610" s="137"/>
      <c r="KWT610" s="137"/>
      <c r="KWU610" s="137"/>
      <c r="KWV610" s="137"/>
      <c r="KWW610" s="137"/>
      <c r="KWX610" s="137"/>
      <c r="KWY610" s="137"/>
      <c r="KWZ610" s="137"/>
      <c r="KXA610" s="137"/>
      <c r="KXB610" s="137"/>
      <c r="KXC610" s="137"/>
      <c r="KXD610" s="137"/>
      <c r="KXE610" s="137"/>
      <c r="KXF610" s="137"/>
      <c r="KXG610" s="137"/>
      <c r="KXH610" s="137"/>
      <c r="KXI610" s="137"/>
      <c r="KXJ610" s="137"/>
      <c r="KXK610" s="137"/>
      <c r="KXL610" s="137"/>
      <c r="KXM610" s="137"/>
      <c r="KXN610" s="137"/>
      <c r="KXO610" s="137"/>
      <c r="KXP610" s="137"/>
      <c r="KXQ610" s="137"/>
      <c r="KXR610" s="137"/>
      <c r="KXS610" s="137"/>
      <c r="KXT610" s="137"/>
      <c r="KXU610" s="137"/>
      <c r="KXV610" s="137"/>
      <c r="KXW610" s="137"/>
      <c r="KXX610" s="137"/>
      <c r="KXY610" s="137"/>
      <c r="KXZ610" s="137"/>
      <c r="KYA610" s="137"/>
      <c r="KYB610" s="137"/>
      <c r="KYC610" s="137"/>
      <c r="KYD610" s="137"/>
      <c r="KYE610" s="137"/>
      <c r="KYF610" s="137"/>
      <c r="KYG610" s="137"/>
      <c r="KYH610" s="137"/>
      <c r="KYI610" s="137"/>
      <c r="KYJ610" s="137"/>
      <c r="KYK610" s="137"/>
      <c r="KYL610" s="137"/>
      <c r="KYM610" s="137"/>
      <c r="KYN610" s="137"/>
      <c r="KYO610" s="137"/>
      <c r="KYP610" s="137"/>
      <c r="KYQ610" s="137"/>
      <c r="KYR610" s="137"/>
      <c r="KYS610" s="137"/>
      <c r="KYT610" s="137"/>
      <c r="KYU610" s="137"/>
      <c r="KYV610" s="137"/>
      <c r="KYW610" s="137"/>
      <c r="KYX610" s="137"/>
      <c r="KYY610" s="137"/>
      <c r="KYZ610" s="137"/>
      <c r="KZA610" s="137"/>
      <c r="KZB610" s="137"/>
      <c r="KZC610" s="137"/>
      <c r="KZD610" s="137"/>
      <c r="KZE610" s="137"/>
      <c r="KZF610" s="137"/>
      <c r="KZG610" s="137"/>
      <c r="KZH610" s="137"/>
      <c r="KZI610" s="137"/>
      <c r="KZJ610" s="137"/>
      <c r="KZK610" s="137"/>
      <c r="KZL610" s="137"/>
      <c r="KZM610" s="137"/>
      <c r="KZN610" s="137"/>
      <c r="KZO610" s="137"/>
      <c r="KZP610" s="137"/>
      <c r="KZQ610" s="137"/>
      <c r="KZR610" s="137"/>
      <c r="KZS610" s="137"/>
      <c r="KZT610" s="137"/>
      <c r="KZU610" s="137"/>
      <c r="KZV610" s="137"/>
      <c r="KZW610" s="137"/>
      <c r="KZX610" s="137"/>
      <c r="KZY610" s="137"/>
      <c r="KZZ610" s="137"/>
      <c r="LAA610" s="137"/>
      <c r="LAB610" s="137"/>
      <c r="LAC610" s="137"/>
      <c r="LAD610" s="137"/>
      <c r="LAE610" s="137"/>
      <c r="LAF610" s="137"/>
      <c r="LAG610" s="137"/>
      <c r="LAH610" s="137"/>
      <c r="LAI610" s="137"/>
      <c r="LAJ610" s="137"/>
      <c r="LAK610" s="137"/>
      <c r="LAL610" s="137"/>
      <c r="LAM610" s="137"/>
      <c r="LAN610" s="137"/>
      <c r="LAO610" s="137"/>
      <c r="LAP610" s="137"/>
      <c r="LAQ610" s="137"/>
      <c r="LAR610" s="137"/>
      <c r="LAS610" s="137"/>
      <c r="LAT610" s="137"/>
      <c r="LAU610" s="137"/>
      <c r="LAV610" s="137"/>
      <c r="LAW610" s="137"/>
      <c r="LAX610" s="137"/>
      <c r="LAY610" s="137"/>
      <c r="LAZ610" s="137"/>
      <c r="LBA610" s="137"/>
      <c r="LBB610" s="137"/>
      <c r="LBC610" s="137"/>
      <c r="LBD610" s="137"/>
      <c r="LBE610" s="137"/>
      <c r="LBF610" s="137"/>
      <c r="LBG610" s="137"/>
      <c r="LBH610" s="137"/>
      <c r="LBI610" s="137"/>
      <c r="LBJ610" s="137"/>
      <c r="LBK610" s="137"/>
      <c r="LBL610" s="137"/>
      <c r="LBM610" s="137"/>
      <c r="LBN610" s="137"/>
      <c r="LBO610" s="137"/>
      <c r="LBP610" s="137"/>
      <c r="LBQ610" s="137"/>
      <c r="LBR610" s="137"/>
      <c r="LBS610" s="137"/>
      <c r="LBT610" s="137"/>
      <c r="LBU610" s="137"/>
      <c r="LBV610" s="137"/>
      <c r="LBW610" s="137"/>
      <c r="LBX610" s="137"/>
      <c r="LBY610" s="137"/>
      <c r="LBZ610" s="137"/>
      <c r="LCA610" s="137"/>
      <c r="LCB610" s="137"/>
      <c r="LCC610" s="137"/>
      <c r="LCD610" s="137"/>
      <c r="LCE610" s="137"/>
      <c r="LCF610" s="137"/>
      <c r="LCG610" s="137"/>
      <c r="LCH610" s="137"/>
      <c r="LCI610" s="137"/>
      <c r="LCJ610" s="137"/>
      <c r="LCK610" s="137"/>
      <c r="LCL610" s="137"/>
      <c r="LCM610" s="137"/>
      <c r="LCN610" s="137"/>
      <c r="LCO610" s="137"/>
      <c r="LCP610" s="137"/>
      <c r="LCQ610" s="137"/>
      <c r="LCR610" s="137"/>
      <c r="LCS610" s="137"/>
      <c r="LCT610" s="137"/>
      <c r="LCU610" s="137"/>
      <c r="LCV610" s="137"/>
      <c r="LCW610" s="137"/>
      <c r="LCX610" s="137"/>
      <c r="LCY610" s="137"/>
      <c r="LCZ610" s="137"/>
      <c r="LDA610" s="137"/>
      <c r="LDB610" s="137"/>
      <c r="LDC610" s="137"/>
      <c r="LDD610" s="137"/>
      <c r="LDE610" s="137"/>
      <c r="LDF610" s="137"/>
      <c r="LDG610" s="137"/>
      <c r="LDH610" s="137"/>
      <c r="LDI610" s="137"/>
      <c r="LDJ610" s="137"/>
      <c r="LDK610" s="137"/>
      <c r="LDL610" s="137"/>
      <c r="LDM610" s="137"/>
      <c r="LDN610" s="137"/>
      <c r="LDO610" s="137"/>
      <c r="LDP610" s="137"/>
      <c r="LDQ610" s="137"/>
      <c r="LDR610" s="137"/>
      <c r="LDS610" s="137"/>
      <c r="LDT610" s="137"/>
      <c r="LDU610" s="137"/>
      <c r="LDV610" s="137"/>
      <c r="LDW610" s="137"/>
      <c r="LDX610" s="137"/>
      <c r="LDY610" s="137"/>
      <c r="LDZ610" s="137"/>
      <c r="LEA610" s="137"/>
      <c r="LEB610" s="137"/>
      <c r="LEC610" s="137"/>
      <c r="LED610" s="137"/>
      <c r="LEE610" s="137"/>
      <c r="LEF610" s="137"/>
      <c r="LEG610" s="137"/>
      <c r="LEH610" s="137"/>
      <c r="LEI610" s="137"/>
      <c r="LEJ610" s="137"/>
      <c r="LEK610" s="137"/>
      <c r="LEL610" s="137"/>
      <c r="LEM610" s="137"/>
      <c r="LEN610" s="137"/>
      <c r="LEO610" s="137"/>
      <c r="LEP610" s="137"/>
      <c r="LEQ610" s="137"/>
      <c r="LER610" s="137"/>
      <c r="LES610" s="137"/>
      <c r="LET610" s="137"/>
      <c r="LEU610" s="137"/>
      <c r="LEV610" s="137"/>
      <c r="LEW610" s="137"/>
      <c r="LEX610" s="137"/>
      <c r="LEY610" s="137"/>
      <c r="LEZ610" s="137"/>
      <c r="LFA610" s="137"/>
      <c r="LFB610" s="137"/>
      <c r="LFC610" s="137"/>
      <c r="LFD610" s="137"/>
      <c r="LFE610" s="137"/>
      <c r="LFF610" s="137"/>
      <c r="LFG610" s="137"/>
      <c r="LFH610" s="137"/>
      <c r="LFI610" s="137"/>
      <c r="LFJ610" s="137"/>
      <c r="LFK610" s="137"/>
      <c r="LFL610" s="137"/>
      <c r="LFM610" s="137"/>
      <c r="LFN610" s="137"/>
      <c r="LFO610" s="137"/>
      <c r="LFP610" s="137"/>
      <c r="LFQ610" s="137"/>
      <c r="LFR610" s="137"/>
      <c r="LFS610" s="137"/>
      <c r="LFT610" s="137"/>
      <c r="LFU610" s="137"/>
      <c r="LFV610" s="137"/>
      <c r="LFW610" s="137"/>
      <c r="LFX610" s="137"/>
      <c r="LFY610" s="137"/>
      <c r="LFZ610" s="137"/>
      <c r="LGA610" s="137"/>
      <c r="LGB610" s="137"/>
      <c r="LGC610" s="137"/>
      <c r="LGD610" s="137"/>
      <c r="LGE610" s="137"/>
      <c r="LGF610" s="137"/>
      <c r="LGG610" s="137"/>
      <c r="LGH610" s="137"/>
      <c r="LGI610" s="137"/>
      <c r="LGJ610" s="137"/>
      <c r="LGK610" s="137"/>
      <c r="LGL610" s="137"/>
      <c r="LGM610" s="137"/>
      <c r="LGN610" s="137"/>
      <c r="LGO610" s="137"/>
      <c r="LGP610" s="137"/>
      <c r="LGQ610" s="137"/>
      <c r="LGR610" s="137"/>
      <c r="LGS610" s="137"/>
      <c r="LGT610" s="137"/>
      <c r="LGU610" s="137"/>
      <c r="LGV610" s="137"/>
      <c r="LGW610" s="137"/>
      <c r="LGX610" s="137"/>
      <c r="LGY610" s="137"/>
      <c r="LGZ610" s="137"/>
      <c r="LHA610" s="137"/>
      <c r="LHB610" s="137"/>
      <c r="LHC610" s="137"/>
      <c r="LHD610" s="137"/>
      <c r="LHE610" s="137"/>
      <c r="LHF610" s="137"/>
      <c r="LHG610" s="137"/>
      <c r="LHH610" s="137"/>
      <c r="LHI610" s="137"/>
      <c r="LHJ610" s="137"/>
      <c r="LHK610" s="137"/>
      <c r="LHL610" s="137"/>
      <c r="LHM610" s="137"/>
      <c r="LHN610" s="137"/>
      <c r="LHO610" s="137"/>
      <c r="LHP610" s="137"/>
      <c r="LHQ610" s="137"/>
      <c r="LHR610" s="137"/>
      <c r="LHS610" s="137"/>
      <c r="LHT610" s="137"/>
      <c r="LHU610" s="137"/>
      <c r="LHV610" s="137"/>
      <c r="LHW610" s="137"/>
      <c r="LHX610" s="137"/>
      <c r="LHY610" s="137"/>
      <c r="LHZ610" s="137"/>
      <c r="LIA610" s="137"/>
      <c r="LIB610" s="137"/>
      <c r="LIC610" s="137"/>
      <c r="LID610" s="137"/>
      <c r="LIE610" s="137"/>
      <c r="LIF610" s="137"/>
      <c r="LIG610" s="137"/>
      <c r="LIH610" s="137"/>
      <c r="LII610" s="137"/>
      <c r="LIJ610" s="137"/>
      <c r="LIK610" s="137"/>
      <c r="LIL610" s="137"/>
      <c r="LIM610" s="137"/>
      <c r="LIN610" s="137"/>
      <c r="LIO610" s="137"/>
      <c r="LIP610" s="137"/>
      <c r="LIQ610" s="137"/>
      <c r="LIR610" s="137"/>
      <c r="LIS610" s="137"/>
      <c r="LIT610" s="137"/>
      <c r="LIU610" s="137"/>
      <c r="LIV610" s="137"/>
      <c r="LIW610" s="137"/>
      <c r="LIX610" s="137"/>
      <c r="LIY610" s="137"/>
      <c r="LIZ610" s="137"/>
      <c r="LJA610" s="137"/>
      <c r="LJB610" s="137"/>
      <c r="LJC610" s="137"/>
      <c r="LJD610" s="137"/>
      <c r="LJE610" s="137"/>
      <c r="LJF610" s="137"/>
      <c r="LJG610" s="137"/>
      <c r="LJH610" s="137"/>
      <c r="LJI610" s="137"/>
      <c r="LJJ610" s="137"/>
      <c r="LJK610" s="137"/>
      <c r="LJL610" s="137"/>
      <c r="LJM610" s="137"/>
      <c r="LJN610" s="137"/>
      <c r="LJO610" s="137"/>
      <c r="LJP610" s="137"/>
      <c r="LJQ610" s="137"/>
      <c r="LJR610" s="137"/>
      <c r="LJS610" s="137"/>
      <c r="LJT610" s="137"/>
      <c r="LJU610" s="137"/>
      <c r="LJV610" s="137"/>
      <c r="LJW610" s="137"/>
      <c r="LJX610" s="137"/>
      <c r="LJY610" s="137"/>
      <c r="LJZ610" s="137"/>
      <c r="LKA610" s="137"/>
      <c r="LKB610" s="137"/>
      <c r="LKC610" s="137"/>
      <c r="LKD610" s="137"/>
      <c r="LKE610" s="137"/>
      <c r="LKF610" s="137"/>
      <c r="LKG610" s="137"/>
      <c r="LKH610" s="137"/>
      <c r="LKI610" s="137"/>
      <c r="LKJ610" s="137"/>
      <c r="LKK610" s="137"/>
      <c r="LKL610" s="137"/>
      <c r="LKM610" s="137"/>
      <c r="LKN610" s="137"/>
      <c r="LKO610" s="137"/>
      <c r="LKP610" s="137"/>
      <c r="LKQ610" s="137"/>
      <c r="LKR610" s="137"/>
      <c r="LKS610" s="137"/>
      <c r="LKT610" s="137"/>
      <c r="LKU610" s="137"/>
      <c r="LKV610" s="137"/>
      <c r="LKW610" s="137"/>
      <c r="LKX610" s="137"/>
      <c r="LKY610" s="137"/>
      <c r="LKZ610" s="137"/>
      <c r="LLA610" s="137"/>
      <c r="LLB610" s="137"/>
      <c r="LLC610" s="137"/>
      <c r="LLD610" s="137"/>
      <c r="LLE610" s="137"/>
      <c r="LLF610" s="137"/>
      <c r="LLG610" s="137"/>
      <c r="LLH610" s="137"/>
      <c r="LLI610" s="137"/>
      <c r="LLJ610" s="137"/>
      <c r="LLK610" s="137"/>
      <c r="LLL610" s="137"/>
      <c r="LLM610" s="137"/>
      <c r="LLN610" s="137"/>
      <c r="LLO610" s="137"/>
      <c r="LLP610" s="137"/>
      <c r="LLQ610" s="137"/>
      <c r="LLR610" s="137"/>
      <c r="LLS610" s="137"/>
      <c r="LLT610" s="137"/>
      <c r="LLU610" s="137"/>
      <c r="LLV610" s="137"/>
      <c r="LLW610" s="137"/>
      <c r="LLX610" s="137"/>
      <c r="LLY610" s="137"/>
      <c r="LLZ610" s="137"/>
      <c r="LMA610" s="137"/>
      <c r="LMB610" s="137"/>
      <c r="LMC610" s="137"/>
      <c r="LMD610" s="137"/>
      <c r="LME610" s="137"/>
      <c r="LMF610" s="137"/>
      <c r="LMG610" s="137"/>
      <c r="LMH610" s="137"/>
      <c r="LMI610" s="137"/>
      <c r="LMJ610" s="137"/>
      <c r="LMK610" s="137"/>
      <c r="LML610" s="137"/>
      <c r="LMM610" s="137"/>
      <c r="LMN610" s="137"/>
      <c r="LMO610" s="137"/>
      <c r="LMP610" s="137"/>
      <c r="LMQ610" s="137"/>
      <c r="LMR610" s="137"/>
      <c r="LMS610" s="137"/>
      <c r="LMT610" s="137"/>
      <c r="LMU610" s="137"/>
      <c r="LMV610" s="137"/>
      <c r="LMW610" s="137"/>
      <c r="LMX610" s="137"/>
      <c r="LMY610" s="137"/>
      <c r="LMZ610" s="137"/>
      <c r="LNA610" s="137"/>
      <c r="LNB610" s="137"/>
      <c r="LNC610" s="137"/>
      <c r="LND610" s="137"/>
      <c r="LNE610" s="137"/>
      <c r="LNF610" s="137"/>
      <c r="LNG610" s="137"/>
      <c r="LNH610" s="137"/>
      <c r="LNI610" s="137"/>
      <c r="LNJ610" s="137"/>
      <c r="LNK610" s="137"/>
      <c r="LNL610" s="137"/>
      <c r="LNM610" s="137"/>
      <c r="LNN610" s="137"/>
      <c r="LNO610" s="137"/>
      <c r="LNP610" s="137"/>
      <c r="LNQ610" s="137"/>
      <c r="LNR610" s="137"/>
      <c r="LNS610" s="137"/>
      <c r="LNT610" s="137"/>
      <c r="LNU610" s="137"/>
      <c r="LNV610" s="137"/>
      <c r="LNW610" s="137"/>
      <c r="LNX610" s="137"/>
      <c r="LNY610" s="137"/>
      <c r="LNZ610" s="137"/>
      <c r="LOA610" s="137"/>
      <c r="LOB610" s="137"/>
      <c r="LOC610" s="137"/>
      <c r="LOD610" s="137"/>
      <c r="LOE610" s="137"/>
      <c r="LOF610" s="137"/>
      <c r="LOG610" s="137"/>
      <c r="LOH610" s="137"/>
      <c r="LOI610" s="137"/>
      <c r="LOJ610" s="137"/>
      <c r="LOK610" s="137"/>
      <c r="LOL610" s="137"/>
      <c r="LOM610" s="137"/>
      <c r="LON610" s="137"/>
      <c r="LOO610" s="137"/>
      <c r="LOP610" s="137"/>
      <c r="LOQ610" s="137"/>
      <c r="LOR610" s="137"/>
      <c r="LOS610" s="137"/>
      <c r="LOT610" s="137"/>
      <c r="LOU610" s="137"/>
      <c r="LOV610" s="137"/>
      <c r="LOW610" s="137"/>
      <c r="LOX610" s="137"/>
      <c r="LOY610" s="137"/>
      <c r="LOZ610" s="137"/>
      <c r="LPA610" s="137"/>
      <c r="LPB610" s="137"/>
      <c r="LPC610" s="137"/>
      <c r="LPD610" s="137"/>
      <c r="LPE610" s="137"/>
      <c r="LPF610" s="137"/>
      <c r="LPG610" s="137"/>
      <c r="LPH610" s="137"/>
      <c r="LPI610" s="137"/>
      <c r="LPJ610" s="137"/>
      <c r="LPK610" s="137"/>
      <c r="LPL610" s="137"/>
      <c r="LPM610" s="137"/>
      <c r="LPN610" s="137"/>
      <c r="LPO610" s="137"/>
      <c r="LPP610" s="137"/>
      <c r="LPQ610" s="137"/>
      <c r="LPR610" s="137"/>
      <c r="LPS610" s="137"/>
      <c r="LPT610" s="137"/>
      <c r="LPU610" s="137"/>
      <c r="LPV610" s="137"/>
      <c r="LPW610" s="137"/>
      <c r="LPX610" s="137"/>
      <c r="LPY610" s="137"/>
      <c r="LPZ610" s="137"/>
      <c r="LQA610" s="137"/>
      <c r="LQB610" s="137"/>
      <c r="LQC610" s="137"/>
      <c r="LQD610" s="137"/>
      <c r="LQE610" s="137"/>
      <c r="LQF610" s="137"/>
      <c r="LQG610" s="137"/>
      <c r="LQH610" s="137"/>
      <c r="LQI610" s="137"/>
      <c r="LQJ610" s="137"/>
      <c r="LQK610" s="137"/>
      <c r="LQL610" s="137"/>
      <c r="LQM610" s="137"/>
      <c r="LQN610" s="137"/>
      <c r="LQO610" s="137"/>
      <c r="LQP610" s="137"/>
      <c r="LQQ610" s="137"/>
      <c r="LQR610" s="137"/>
      <c r="LQS610" s="137"/>
      <c r="LQT610" s="137"/>
      <c r="LQU610" s="137"/>
      <c r="LQV610" s="137"/>
      <c r="LQW610" s="137"/>
      <c r="LQX610" s="137"/>
      <c r="LQY610" s="137"/>
      <c r="LQZ610" s="137"/>
      <c r="LRA610" s="137"/>
      <c r="LRB610" s="137"/>
      <c r="LRC610" s="137"/>
      <c r="LRD610" s="137"/>
      <c r="LRE610" s="137"/>
      <c r="LRF610" s="137"/>
      <c r="LRG610" s="137"/>
      <c r="LRH610" s="137"/>
      <c r="LRI610" s="137"/>
      <c r="LRJ610" s="137"/>
      <c r="LRK610" s="137"/>
      <c r="LRL610" s="137"/>
      <c r="LRM610" s="137"/>
      <c r="LRN610" s="137"/>
      <c r="LRO610" s="137"/>
      <c r="LRP610" s="137"/>
      <c r="LRQ610" s="137"/>
      <c r="LRR610" s="137"/>
      <c r="LRS610" s="137"/>
      <c r="LRT610" s="137"/>
      <c r="LRU610" s="137"/>
      <c r="LRV610" s="137"/>
      <c r="LRW610" s="137"/>
      <c r="LRX610" s="137"/>
      <c r="LRY610" s="137"/>
      <c r="LRZ610" s="137"/>
      <c r="LSA610" s="137"/>
      <c r="LSB610" s="137"/>
      <c r="LSC610" s="137"/>
      <c r="LSD610" s="137"/>
      <c r="LSE610" s="137"/>
      <c r="LSF610" s="137"/>
      <c r="LSG610" s="137"/>
      <c r="LSH610" s="137"/>
      <c r="LSI610" s="137"/>
      <c r="LSJ610" s="137"/>
      <c r="LSK610" s="137"/>
      <c r="LSL610" s="137"/>
      <c r="LSM610" s="137"/>
      <c r="LSN610" s="137"/>
      <c r="LSO610" s="137"/>
      <c r="LSP610" s="137"/>
      <c r="LSQ610" s="137"/>
      <c r="LSR610" s="137"/>
      <c r="LSS610" s="137"/>
      <c r="LST610" s="137"/>
      <c r="LSU610" s="137"/>
      <c r="LSV610" s="137"/>
      <c r="LSW610" s="137"/>
      <c r="LSX610" s="137"/>
      <c r="LSY610" s="137"/>
      <c r="LSZ610" s="137"/>
      <c r="LTA610" s="137"/>
      <c r="LTB610" s="137"/>
      <c r="LTC610" s="137"/>
      <c r="LTD610" s="137"/>
      <c r="LTE610" s="137"/>
      <c r="LTF610" s="137"/>
      <c r="LTG610" s="137"/>
      <c r="LTH610" s="137"/>
      <c r="LTI610" s="137"/>
      <c r="LTJ610" s="137"/>
      <c r="LTK610" s="137"/>
      <c r="LTL610" s="137"/>
      <c r="LTM610" s="137"/>
      <c r="LTN610" s="137"/>
      <c r="LTO610" s="137"/>
      <c r="LTP610" s="137"/>
      <c r="LTQ610" s="137"/>
      <c r="LTR610" s="137"/>
      <c r="LTS610" s="137"/>
      <c r="LTT610" s="137"/>
      <c r="LTU610" s="137"/>
      <c r="LTV610" s="137"/>
      <c r="LTW610" s="137"/>
      <c r="LTX610" s="137"/>
      <c r="LTY610" s="137"/>
      <c r="LTZ610" s="137"/>
      <c r="LUA610" s="137"/>
      <c r="LUB610" s="137"/>
      <c r="LUC610" s="137"/>
      <c r="LUD610" s="137"/>
      <c r="LUE610" s="137"/>
      <c r="LUF610" s="137"/>
      <c r="LUG610" s="137"/>
      <c r="LUH610" s="137"/>
      <c r="LUI610" s="137"/>
      <c r="LUJ610" s="137"/>
      <c r="LUK610" s="137"/>
      <c r="LUL610" s="137"/>
      <c r="LUM610" s="137"/>
      <c r="LUN610" s="137"/>
      <c r="LUO610" s="137"/>
      <c r="LUP610" s="137"/>
      <c r="LUQ610" s="137"/>
      <c r="LUR610" s="137"/>
      <c r="LUS610" s="137"/>
      <c r="LUT610" s="137"/>
      <c r="LUU610" s="137"/>
      <c r="LUV610" s="137"/>
      <c r="LUW610" s="137"/>
      <c r="LUX610" s="137"/>
      <c r="LUY610" s="137"/>
      <c r="LUZ610" s="137"/>
      <c r="LVA610" s="137"/>
      <c r="LVB610" s="137"/>
      <c r="LVC610" s="137"/>
      <c r="LVD610" s="137"/>
      <c r="LVE610" s="137"/>
      <c r="LVF610" s="137"/>
      <c r="LVG610" s="137"/>
      <c r="LVH610" s="137"/>
      <c r="LVI610" s="137"/>
      <c r="LVJ610" s="137"/>
      <c r="LVK610" s="137"/>
      <c r="LVL610" s="137"/>
      <c r="LVM610" s="137"/>
      <c r="LVN610" s="137"/>
      <c r="LVO610" s="137"/>
      <c r="LVP610" s="137"/>
      <c r="LVQ610" s="137"/>
      <c r="LVR610" s="137"/>
      <c r="LVS610" s="137"/>
      <c r="LVT610" s="137"/>
      <c r="LVU610" s="137"/>
      <c r="LVV610" s="137"/>
      <c r="LVW610" s="137"/>
      <c r="LVX610" s="137"/>
      <c r="LVY610" s="137"/>
      <c r="LVZ610" s="137"/>
      <c r="LWA610" s="137"/>
      <c r="LWB610" s="137"/>
      <c r="LWC610" s="137"/>
      <c r="LWD610" s="137"/>
      <c r="LWE610" s="137"/>
      <c r="LWF610" s="137"/>
      <c r="LWG610" s="137"/>
      <c r="LWH610" s="137"/>
      <c r="LWI610" s="137"/>
      <c r="LWJ610" s="137"/>
      <c r="LWK610" s="137"/>
      <c r="LWL610" s="137"/>
      <c r="LWM610" s="137"/>
      <c r="LWN610" s="137"/>
      <c r="LWO610" s="137"/>
      <c r="LWP610" s="137"/>
      <c r="LWQ610" s="137"/>
      <c r="LWR610" s="137"/>
      <c r="LWS610" s="137"/>
      <c r="LWT610" s="137"/>
      <c r="LWU610" s="137"/>
      <c r="LWV610" s="137"/>
      <c r="LWW610" s="137"/>
      <c r="LWX610" s="137"/>
      <c r="LWY610" s="137"/>
      <c r="LWZ610" s="137"/>
      <c r="LXA610" s="137"/>
      <c r="LXB610" s="137"/>
      <c r="LXC610" s="137"/>
      <c r="LXD610" s="137"/>
      <c r="LXE610" s="137"/>
      <c r="LXF610" s="137"/>
      <c r="LXG610" s="137"/>
      <c r="LXH610" s="137"/>
      <c r="LXI610" s="137"/>
      <c r="LXJ610" s="137"/>
      <c r="LXK610" s="137"/>
      <c r="LXL610" s="137"/>
      <c r="LXM610" s="137"/>
      <c r="LXN610" s="137"/>
      <c r="LXO610" s="137"/>
      <c r="LXP610" s="137"/>
      <c r="LXQ610" s="137"/>
      <c r="LXR610" s="137"/>
      <c r="LXS610" s="137"/>
      <c r="LXT610" s="137"/>
      <c r="LXU610" s="137"/>
      <c r="LXV610" s="137"/>
      <c r="LXW610" s="137"/>
      <c r="LXX610" s="137"/>
      <c r="LXY610" s="137"/>
      <c r="LXZ610" s="137"/>
      <c r="LYA610" s="137"/>
      <c r="LYB610" s="137"/>
      <c r="LYC610" s="137"/>
      <c r="LYD610" s="137"/>
      <c r="LYE610" s="137"/>
      <c r="LYF610" s="137"/>
      <c r="LYG610" s="137"/>
      <c r="LYH610" s="137"/>
      <c r="LYI610" s="137"/>
      <c r="LYJ610" s="137"/>
      <c r="LYK610" s="137"/>
      <c r="LYL610" s="137"/>
      <c r="LYM610" s="137"/>
      <c r="LYN610" s="137"/>
      <c r="LYO610" s="137"/>
      <c r="LYP610" s="137"/>
      <c r="LYQ610" s="137"/>
      <c r="LYR610" s="137"/>
      <c r="LYS610" s="137"/>
      <c r="LYT610" s="137"/>
      <c r="LYU610" s="137"/>
      <c r="LYV610" s="137"/>
      <c r="LYW610" s="137"/>
      <c r="LYX610" s="137"/>
      <c r="LYY610" s="137"/>
      <c r="LYZ610" s="137"/>
      <c r="LZA610" s="137"/>
      <c r="LZB610" s="137"/>
      <c r="LZC610" s="137"/>
      <c r="LZD610" s="137"/>
      <c r="LZE610" s="137"/>
      <c r="LZF610" s="137"/>
      <c r="LZG610" s="137"/>
      <c r="LZH610" s="137"/>
      <c r="LZI610" s="137"/>
      <c r="LZJ610" s="137"/>
      <c r="LZK610" s="137"/>
      <c r="LZL610" s="137"/>
      <c r="LZM610" s="137"/>
      <c r="LZN610" s="137"/>
      <c r="LZO610" s="137"/>
      <c r="LZP610" s="137"/>
      <c r="LZQ610" s="137"/>
      <c r="LZR610" s="137"/>
      <c r="LZS610" s="137"/>
      <c r="LZT610" s="137"/>
      <c r="LZU610" s="137"/>
      <c r="LZV610" s="137"/>
      <c r="LZW610" s="137"/>
      <c r="LZX610" s="137"/>
      <c r="LZY610" s="137"/>
      <c r="LZZ610" s="137"/>
      <c r="MAA610" s="137"/>
      <c r="MAB610" s="137"/>
      <c r="MAC610" s="137"/>
      <c r="MAD610" s="137"/>
      <c r="MAE610" s="137"/>
      <c r="MAF610" s="137"/>
      <c r="MAG610" s="137"/>
      <c r="MAH610" s="137"/>
      <c r="MAI610" s="137"/>
      <c r="MAJ610" s="137"/>
      <c r="MAK610" s="137"/>
      <c r="MAL610" s="137"/>
      <c r="MAM610" s="137"/>
      <c r="MAN610" s="137"/>
      <c r="MAO610" s="137"/>
      <c r="MAP610" s="137"/>
      <c r="MAQ610" s="137"/>
      <c r="MAR610" s="137"/>
      <c r="MAS610" s="137"/>
      <c r="MAT610" s="137"/>
      <c r="MAU610" s="137"/>
      <c r="MAV610" s="137"/>
      <c r="MAW610" s="137"/>
      <c r="MAX610" s="137"/>
      <c r="MAY610" s="137"/>
      <c r="MAZ610" s="137"/>
      <c r="MBA610" s="137"/>
      <c r="MBB610" s="137"/>
      <c r="MBC610" s="137"/>
      <c r="MBD610" s="137"/>
      <c r="MBE610" s="137"/>
      <c r="MBF610" s="137"/>
      <c r="MBG610" s="137"/>
      <c r="MBH610" s="137"/>
      <c r="MBI610" s="137"/>
      <c r="MBJ610" s="137"/>
      <c r="MBK610" s="137"/>
      <c r="MBL610" s="137"/>
      <c r="MBM610" s="137"/>
      <c r="MBN610" s="137"/>
      <c r="MBO610" s="137"/>
      <c r="MBP610" s="137"/>
      <c r="MBQ610" s="137"/>
      <c r="MBR610" s="137"/>
      <c r="MBS610" s="137"/>
      <c r="MBT610" s="137"/>
      <c r="MBU610" s="137"/>
      <c r="MBV610" s="137"/>
      <c r="MBW610" s="137"/>
      <c r="MBX610" s="137"/>
      <c r="MBY610" s="137"/>
      <c r="MBZ610" s="137"/>
      <c r="MCA610" s="137"/>
      <c r="MCB610" s="137"/>
      <c r="MCC610" s="137"/>
      <c r="MCD610" s="137"/>
      <c r="MCE610" s="137"/>
      <c r="MCF610" s="137"/>
      <c r="MCG610" s="137"/>
      <c r="MCH610" s="137"/>
      <c r="MCI610" s="137"/>
      <c r="MCJ610" s="137"/>
      <c r="MCK610" s="137"/>
      <c r="MCL610" s="137"/>
      <c r="MCM610" s="137"/>
      <c r="MCN610" s="137"/>
      <c r="MCO610" s="137"/>
      <c r="MCP610" s="137"/>
      <c r="MCQ610" s="137"/>
      <c r="MCR610" s="137"/>
      <c r="MCS610" s="137"/>
      <c r="MCT610" s="137"/>
      <c r="MCU610" s="137"/>
      <c r="MCV610" s="137"/>
      <c r="MCW610" s="137"/>
      <c r="MCX610" s="137"/>
      <c r="MCY610" s="137"/>
      <c r="MCZ610" s="137"/>
      <c r="MDA610" s="137"/>
      <c r="MDB610" s="137"/>
      <c r="MDC610" s="137"/>
      <c r="MDD610" s="137"/>
      <c r="MDE610" s="137"/>
      <c r="MDF610" s="137"/>
      <c r="MDG610" s="137"/>
      <c r="MDH610" s="137"/>
      <c r="MDI610" s="137"/>
      <c r="MDJ610" s="137"/>
      <c r="MDK610" s="137"/>
      <c r="MDL610" s="137"/>
      <c r="MDM610" s="137"/>
      <c r="MDN610" s="137"/>
      <c r="MDO610" s="137"/>
      <c r="MDP610" s="137"/>
      <c r="MDQ610" s="137"/>
      <c r="MDR610" s="137"/>
      <c r="MDS610" s="137"/>
      <c r="MDT610" s="137"/>
      <c r="MDU610" s="137"/>
      <c r="MDV610" s="137"/>
      <c r="MDW610" s="137"/>
      <c r="MDX610" s="137"/>
      <c r="MDY610" s="137"/>
      <c r="MDZ610" s="137"/>
      <c r="MEA610" s="137"/>
      <c r="MEB610" s="137"/>
      <c r="MEC610" s="137"/>
      <c r="MED610" s="137"/>
      <c r="MEE610" s="137"/>
      <c r="MEF610" s="137"/>
      <c r="MEG610" s="137"/>
      <c r="MEH610" s="137"/>
      <c r="MEI610" s="137"/>
      <c r="MEJ610" s="137"/>
      <c r="MEK610" s="137"/>
      <c r="MEL610" s="137"/>
      <c r="MEM610" s="137"/>
      <c r="MEN610" s="137"/>
      <c r="MEO610" s="137"/>
      <c r="MEP610" s="137"/>
      <c r="MEQ610" s="137"/>
      <c r="MER610" s="137"/>
      <c r="MES610" s="137"/>
      <c r="MET610" s="137"/>
      <c r="MEU610" s="137"/>
      <c r="MEV610" s="137"/>
      <c r="MEW610" s="137"/>
      <c r="MEX610" s="137"/>
      <c r="MEY610" s="137"/>
      <c r="MEZ610" s="137"/>
      <c r="MFA610" s="137"/>
      <c r="MFB610" s="137"/>
      <c r="MFC610" s="137"/>
      <c r="MFD610" s="137"/>
      <c r="MFE610" s="137"/>
      <c r="MFF610" s="137"/>
      <c r="MFG610" s="137"/>
      <c r="MFH610" s="137"/>
      <c r="MFI610" s="137"/>
      <c r="MFJ610" s="137"/>
      <c r="MFK610" s="137"/>
      <c r="MFL610" s="137"/>
      <c r="MFM610" s="137"/>
      <c r="MFN610" s="137"/>
      <c r="MFO610" s="137"/>
      <c r="MFP610" s="137"/>
      <c r="MFQ610" s="137"/>
      <c r="MFR610" s="137"/>
      <c r="MFS610" s="137"/>
      <c r="MFT610" s="137"/>
      <c r="MFU610" s="137"/>
      <c r="MFV610" s="137"/>
      <c r="MFW610" s="137"/>
      <c r="MFX610" s="137"/>
      <c r="MFY610" s="137"/>
      <c r="MFZ610" s="137"/>
      <c r="MGA610" s="137"/>
      <c r="MGB610" s="137"/>
      <c r="MGC610" s="137"/>
      <c r="MGD610" s="137"/>
      <c r="MGE610" s="137"/>
      <c r="MGF610" s="137"/>
      <c r="MGG610" s="137"/>
      <c r="MGH610" s="137"/>
      <c r="MGI610" s="137"/>
      <c r="MGJ610" s="137"/>
      <c r="MGK610" s="137"/>
      <c r="MGL610" s="137"/>
      <c r="MGM610" s="137"/>
      <c r="MGN610" s="137"/>
      <c r="MGO610" s="137"/>
      <c r="MGP610" s="137"/>
      <c r="MGQ610" s="137"/>
      <c r="MGR610" s="137"/>
      <c r="MGS610" s="137"/>
      <c r="MGT610" s="137"/>
      <c r="MGU610" s="137"/>
      <c r="MGV610" s="137"/>
      <c r="MGW610" s="137"/>
      <c r="MGX610" s="137"/>
      <c r="MGY610" s="137"/>
      <c r="MGZ610" s="137"/>
      <c r="MHA610" s="137"/>
      <c r="MHB610" s="137"/>
      <c r="MHC610" s="137"/>
      <c r="MHD610" s="137"/>
      <c r="MHE610" s="137"/>
      <c r="MHF610" s="137"/>
      <c r="MHG610" s="137"/>
      <c r="MHH610" s="137"/>
      <c r="MHI610" s="137"/>
      <c r="MHJ610" s="137"/>
      <c r="MHK610" s="137"/>
      <c r="MHL610" s="137"/>
      <c r="MHM610" s="137"/>
      <c r="MHN610" s="137"/>
      <c r="MHO610" s="137"/>
      <c r="MHP610" s="137"/>
      <c r="MHQ610" s="137"/>
      <c r="MHR610" s="137"/>
      <c r="MHS610" s="137"/>
      <c r="MHT610" s="137"/>
      <c r="MHU610" s="137"/>
      <c r="MHV610" s="137"/>
      <c r="MHW610" s="137"/>
      <c r="MHX610" s="137"/>
      <c r="MHY610" s="137"/>
      <c r="MHZ610" s="137"/>
      <c r="MIA610" s="137"/>
      <c r="MIB610" s="137"/>
      <c r="MIC610" s="137"/>
      <c r="MID610" s="137"/>
      <c r="MIE610" s="137"/>
      <c r="MIF610" s="137"/>
      <c r="MIG610" s="137"/>
      <c r="MIH610" s="137"/>
      <c r="MII610" s="137"/>
      <c r="MIJ610" s="137"/>
      <c r="MIK610" s="137"/>
      <c r="MIL610" s="137"/>
      <c r="MIM610" s="137"/>
      <c r="MIN610" s="137"/>
      <c r="MIO610" s="137"/>
      <c r="MIP610" s="137"/>
      <c r="MIQ610" s="137"/>
      <c r="MIR610" s="137"/>
      <c r="MIS610" s="137"/>
      <c r="MIT610" s="137"/>
      <c r="MIU610" s="137"/>
      <c r="MIV610" s="137"/>
      <c r="MIW610" s="137"/>
      <c r="MIX610" s="137"/>
      <c r="MIY610" s="137"/>
      <c r="MIZ610" s="137"/>
      <c r="MJA610" s="137"/>
      <c r="MJB610" s="137"/>
      <c r="MJC610" s="137"/>
      <c r="MJD610" s="137"/>
      <c r="MJE610" s="137"/>
      <c r="MJF610" s="137"/>
      <c r="MJG610" s="137"/>
      <c r="MJH610" s="137"/>
      <c r="MJI610" s="137"/>
      <c r="MJJ610" s="137"/>
      <c r="MJK610" s="137"/>
      <c r="MJL610" s="137"/>
      <c r="MJM610" s="137"/>
      <c r="MJN610" s="137"/>
      <c r="MJO610" s="137"/>
      <c r="MJP610" s="137"/>
      <c r="MJQ610" s="137"/>
      <c r="MJR610" s="137"/>
      <c r="MJS610" s="137"/>
      <c r="MJT610" s="137"/>
      <c r="MJU610" s="137"/>
      <c r="MJV610" s="137"/>
      <c r="MJW610" s="137"/>
      <c r="MJX610" s="137"/>
      <c r="MJY610" s="137"/>
      <c r="MJZ610" s="137"/>
      <c r="MKA610" s="137"/>
      <c r="MKB610" s="137"/>
      <c r="MKC610" s="137"/>
      <c r="MKD610" s="137"/>
      <c r="MKE610" s="137"/>
      <c r="MKF610" s="137"/>
      <c r="MKG610" s="137"/>
      <c r="MKH610" s="137"/>
      <c r="MKI610" s="137"/>
      <c r="MKJ610" s="137"/>
      <c r="MKK610" s="137"/>
      <c r="MKL610" s="137"/>
      <c r="MKM610" s="137"/>
      <c r="MKN610" s="137"/>
      <c r="MKO610" s="137"/>
      <c r="MKP610" s="137"/>
      <c r="MKQ610" s="137"/>
      <c r="MKR610" s="137"/>
      <c r="MKS610" s="137"/>
      <c r="MKT610" s="137"/>
      <c r="MKU610" s="137"/>
      <c r="MKV610" s="137"/>
      <c r="MKW610" s="137"/>
      <c r="MKX610" s="137"/>
      <c r="MKY610" s="137"/>
      <c r="MKZ610" s="137"/>
      <c r="MLA610" s="137"/>
      <c r="MLB610" s="137"/>
      <c r="MLC610" s="137"/>
      <c r="MLD610" s="137"/>
      <c r="MLE610" s="137"/>
      <c r="MLF610" s="137"/>
      <c r="MLG610" s="137"/>
      <c r="MLH610" s="137"/>
      <c r="MLI610" s="137"/>
      <c r="MLJ610" s="137"/>
      <c r="MLK610" s="137"/>
      <c r="MLL610" s="137"/>
      <c r="MLM610" s="137"/>
      <c r="MLN610" s="137"/>
      <c r="MLO610" s="137"/>
      <c r="MLP610" s="137"/>
      <c r="MLQ610" s="137"/>
      <c r="MLR610" s="137"/>
      <c r="MLS610" s="137"/>
      <c r="MLT610" s="137"/>
      <c r="MLU610" s="137"/>
      <c r="MLV610" s="137"/>
      <c r="MLW610" s="137"/>
      <c r="MLX610" s="137"/>
      <c r="MLY610" s="137"/>
      <c r="MLZ610" s="137"/>
      <c r="MMA610" s="137"/>
      <c r="MMB610" s="137"/>
      <c r="MMC610" s="137"/>
      <c r="MMD610" s="137"/>
      <c r="MME610" s="137"/>
      <c r="MMF610" s="137"/>
      <c r="MMG610" s="137"/>
      <c r="MMH610" s="137"/>
      <c r="MMI610" s="137"/>
      <c r="MMJ610" s="137"/>
      <c r="MMK610" s="137"/>
      <c r="MML610" s="137"/>
      <c r="MMM610" s="137"/>
      <c r="MMN610" s="137"/>
      <c r="MMO610" s="137"/>
      <c r="MMP610" s="137"/>
      <c r="MMQ610" s="137"/>
      <c r="MMR610" s="137"/>
      <c r="MMS610" s="137"/>
      <c r="MMT610" s="137"/>
      <c r="MMU610" s="137"/>
      <c r="MMV610" s="137"/>
      <c r="MMW610" s="137"/>
      <c r="MMX610" s="137"/>
      <c r="MMY610" s="137"/>
      <c r="MMZ610" s="137"/>
      <c r="MNA610" s="137"/>
      <c r="MNB610" s="137"/>
      <c r="MNC610" s="137"/>
      <c r="MND610" s="137"/>
      <c r="MNE610" s="137"/>
      <c r="MNF610" s="137"/>
      <c r="MNG610" s="137"/>
      <c r="MNH610" s="137"/>
      <c r="MNI610" s="137"/>
      <c r="MNJ610" s="137"/>
      <c r="MNK610" s="137"/>
      <c r="MNL610" s="137"/>
      <c r="MNM610" s="137"/>
      <c r="MNN610" s="137"/>
      <c r="MNO610" s="137"/>
      <c r="MNP610" s="137"/>
      <c r="MNQ610" s="137"/>
      <c r="MNR610" s="137"/>
      <c r="MNS610" s="137"/>
      <c r="MNT610" s="137"/>
      <c r="MNU610" s="137"/>
      <c r="MNV610" s="137"/>
      <c r="MNW610" s="137"/>
      <c r="MNX610" s="137"/>
      <c r="MNY610" s="137"/>
      <c r="MNZ610" s="137"/>
      <c r="MOA610" s="137"/>
      <c r="MOB610" s="137"/>
      <c r="MOC610" s="137"/>
      <c r="MOD610" s="137"/>
      <c r="MOE610" s="137"/>
      <c r="MOF610" s="137"/>
      <c r="MOG610" s="137"/>
      <c r="MOH610" s="137"/>
      <c r="MOI610" s="137"/>
      <c r="MOJ610" s="137"/>
      <c r="MOK610" s="137"/>
      <c r="MOL610" s="137"/>
      <c r="MOM610" s="137"/>
      <c r="MON610" s="137"/>
      <c r="MOO610" s="137"/>
      <c r="MOP610" s="137"/>
      <c r="MOQ610" s="137"/>
      <c r="MOR610" s="137"/>
      <c r="MOS610" s="137"/>
      <c r="MOT610" s="137"/>
      <c r="MOU610" s="137"/>
      <c r="MOV610" s="137"/>
      <c r="MOW610" s="137"/>
      <c r="MOX610" s="137"/>
      <c r="MOY610" s="137"/>
      <c r="MOZ610" s="137"/>
      <c r="MPA610" s="137"/>
      <c r="MPB610" s="137"/>
      <c r="MPC610" s="137"/>
      <c r="MPD610" s="137"/>
      <c r="MPE610" s="137"/>
      <c r="MPF610" s="137"/>
      <c r="MPG610" s="137"/>
      <c r="MPH610" s="137"/>
      <c r="MPI610" s="137"/>
      <c r="MPJ610" s="137"/>
      <c r="MPK610" s="137"/>
      <c r="MPL610" s="137"/>
      <c r="MPM610" s="137"/>
      <c r="MPN610" s="137"/>
      <c r="MPO610" s="137"/>
      <c r="MPP610" s="137"/>
      <c r="MPQ610" s="137"/>
      <c r="MPR610" s="137"/>
      <c r="MPS610" s="137"/>
      <c r="MPT610" s="137"/>
      <c r="MPU610" s="137"/>
      <c r="MPV610" s="137"/>
      <c r="MPW610" s="137"/>
      <c r="MPX610" s="137"/>
      <c r="MPY610" s="137"/>
      <c r="MPZ610" s="137"/>
      <c r="MQA610" s="137"/>
      <c r="MQB610" s="137"/>
      <c r="MQC610" s="137"/>
      <c r="MQD610" s="137"/>
      <c r="MQE610" s="137"/>
      <c r="MQF610" s="137"/>
      <c r="MQG610" s="137"/>
      <c r="MQH610" s="137"/>
      <c r="MQI610" s="137"/>
      <c r="MQJ610" s="137"/>
      <c r="MQK610" s="137"/>
      <c r="MQL610" s="137"/>
      <c r="MQM610" s="137"/>
      <c r="MQN610" s="137"/>
      <c r="MQO610" s="137"/>
      <c r="MQP610" s="137"/>
      <c r="MQQ610" s="137"/>
      <c r="MQR610" s="137"/>
      <c r="MQS610" s="137"/>
      <c r="MQT610" s="137"/>
      <c r="MQU610" s="137"/>
      <c r="MQV610" s="137"/>
      <c r="MQW610" s="137"/>
      <c r="MQX610" s="137"/>
      <c r="MQY610" s="137"/>
      <c r="MQZ610" s="137"/>
      <c r="MRA610" s="137"/>
      <c r="MRB610" s="137"/>
      <c r="MRC610" s="137"/>
      <c r="MRD610" s="137"/>
      <c r="MRE610" s="137"/>
      <c r="MRF610" s="137"/>
      <c r="MRG610" s="137"/>
      <c r="MRH610" s="137"/>
      <c r="MRI610" s="137"/>
      <c r="MRJ610" s="137"/>
      <c r="MRK610" s="137"/>
      <c r="MRL610" s="137"/>
      <c r="MRM610" s="137"/>
      <c r="MRN610" s="137"/>
      <c r="MRO610" s="137"/>
      <c r="MRP610" s="137"/>
      <c r="MRQ610" s="137"/>
      <c r="MRR610" s="137"/>
      <c r="MRS610" s="137"/>
      <c r="MRT610" s="137"/>
      <c r="MRU610" s="137"/>
      <c r="MRV610" s="137"/>
      <c r="MRW610" s="137"/>
      <c r="MRX610" s="137"/>
      <c r="MRY610" s="137"/>
      <c r="MRZ610" s="137"/>
      <c r="MSA610" s="137"/>
      <c r="MSB610" s="137"/>
      <c r="MSC610" s="137"/>
      <c r="MSD610" s="137"/>
      <c r="MSE610" s="137"/>
      <c r="MSF610" s="137"/>
      <c r="MSG610" s="137"/>
      <c r="MSH610" s="137"/>
      <c r="MSI610" s="137"/>
      <c r="MSJ610" s="137"/>
      <c r="MSK610" s="137"/>
      <c r="MSL610" s="137"/>
      <c r="MSM610" s="137"/>
      <c r="MSN610" s="137"/>
      <c r="MSO610" s="137"/>
      <c r="MSP610" s="137"/>
      <c r="MSQ610" s="137"/>
      <c r="MSR610" s="137"/>
      <c r="MSS610" s="137"/>
      <c r="MST610" s="137"/>
      <c r="MSU610" s="137"/>
      <c r="MSV610" s="137"/>
      <c r="MSW610" s="137"/>
      <c r="MSX610" s="137"/>
      <c r="MSY610" s="137"/>
      <c r="MSZ610" s="137"/>
      <c r="MTA610" s="137"/>
      <c r="MTB610" s="137"/>
      <c r="MTC610" s="137"/>
      <c r="MTD610" s="137"/>
      <c r="MTE610" s="137"/>
      <c r="MTF610" s="137"/>
      <c r="MTG610" s="137"/>
      <c r="MTH610" s="137"/>
      <c r="MTI610" s="137"/>
      <c r="MTJ610" s="137"/>
      <c r="MTK610" s="137"/>
      <c r="MTL610" s="137"/>
      <c r="MTM610" s="137"/>
      <c r="MTN610" s="137"/>
      <c r="MTO610" s="137"/>
      <c r="MTP610" s="137"/>
      <c r="MTQ610" s="137"/>
      <c r="MTR610" s="137"/>
      <c r="MTS610" s="137"/>
      <c r="MTT610" s="137"/>
      <c r="MTU610" s="137"/>
      <c r="MTV610" s="137"/>
      <c r="MTW610" s="137"/>
      <c r="MTX610" s="137"/>
      <c r="MTY610" s="137"/>
      <c r="MTZ610" s="137"/>
      <c r="MUA610" s="137"/>
      <c r="MUB610" s="137"/>
      <c r="MUC610" s="137"/>
      <c r="MUD610" s="137"/>
      <c r="MUE610" s="137"/>
      <c r="MUF610" s="137"/>
      <c r="MUG610" s="137"/>
      <c r="MUH610" s="137"/>
      <c r="MUI610" s="137"/>
      <c r="MUJ610" s="137"/>
      <c r="MUK610" s="137"/>
      <c r="MUL610" s="137"/>
      <c r="MUM610" s="137"/>
      <c r="MUN610" s="137"/>
      <c r="MUO610" s="137"/>
      <c r="MUP610" s="137"/>
      <c r="MUQ610" s="137"/>
      <c r="MUR610" s="137"/>
      <c r="MUS610" s="137"/>
      <c r="MUT610" s="137"/>
      <c r="MUU610" s="137"/>
      <c r="MUV610" s="137"/>
      <c r="MUW610" s="137"/>
      <c r="MUX610" s="137"/>
      <c r="MUY610" s="137"/>
      <c r="MUZ610" s="137"/>
      <c r="MVA610" s="137"/>
      <c r="MVB610" s="137"/>
      <c r="MVC610" s="137"/>
      <c r="MVD610" s="137"/>
      <c r="MVE610" s="137"/>
      <c r="MVF610" s="137"/>
      <c r="MVG610" s="137"/>
      <c r="MVH610" s="137"/>
      <c r="MVI610" s="137"/>
      <c r="MVJ610" s="137"/>
      <c r="MVK610" s="137"/>
      <c r="MVL610" s="137"/>
      <c r="MVM610" s="137"/>
      <c r="MVN610" s="137"/>
      <c r="MVO610" s="137"/>
      <c r="MVP610" s="137"/>
      <c r="MVQ610" s="137"/>
      <c r="MVR610" s="137"/>
      <c r="MVS610" s="137"/>
      <c r="MVT610" s="137"/>
      <c r="MVU610" s="137"/>
      <c r="MVV610" s="137"/>
      <c r="MVW610" s="137"/>
      <c r="MVX610" s="137"/>
      <c r="MVY610" s="137"/>
      <c r="MVZ610" s="137"/>
      <c r="MWA610" s="137"/>
      <c r="MWB610" s="137"/>
      <c r="MWC610" s="137"/>
      <c r="MWD610" s="137"/>
      <c r="MWE610" s="137"/>
      <c r="MWF610" s="137"/>
      <c r="MWG610" s="137"/>
      <c r="MWH610" s="137"/>
      <c r="MWI610" s="137"/>
      <c r="MWJ610" s="137"/>
      <c r="MWK610" s="137"/>
      <c r="MWL610" s="137"/>
      <c r="MWM610" s="137"/>
      <c r="MWN610" s="137"/>
      <c r="MWO610" s="137"/>
      <c r="MWP610" s="137"/>
      <c r="MWQ610" s="137"/>
      <c r="MWR610" s="137"/>
      <c r="MWS610" s="137"/>
      <c r="MWT610" s="137"/>
      <c r="MWU610" s="137"/>
      <c r="MWV610" s="137"/>
      <c r="MWW610" s="137"/>
      <c r="MWX610" s="137"/>
      <c r="MWY610" s="137"/>
      <c r="MWZ610" s="137"/>
      <c r="MXA610" s="137"/>
      <c r="MXB610" s="137"/>
      <c r="MXC610" s="137"/>
      <c r="MXD610" s="137"/>
      <c r="MXE610" s="137"/>
      <c r="MXF610" s="137"/>
      <c r="MXG610" s="137"/>
      <c r="MXH610" s="137"/>
      <c r="MXI610" s="137"/>
      <c r="MXJ610" s="137"/>
      <c r="MXK610" s="137"/>
      <c r="MXL610" s="137"/>
      <c r="MXM610" s="137"/>
      <c r="MXN610" s="137"/>
      <c r="MXO610" s="137"/>
      <c r="MXP610" s="137"/>
      <c r="MXQ610" s="137"/>
      <c r="MXR610" s="137"/>
      <c r="MXS610" s="137"/>
      <c r="MXT610" s="137"/>
      <c r="MXU610" s="137"/>
      <c r="MXV610" s="137"/>
      <c r="MXW610" s="137"/>
      <c r="MXX610" s="137"/>
      <c r="MXY610" s="137"/>
      <c r="MXZ610" s="137"/>
      <c r="MYA610" s="137"/>
      <c r="MYB610" s="137"/>
      <c r="MYC610" s="137"/>
      <c r="MYD610" s="137"/>
      <c r="MYE610" s="137"/>
      <c r="MYF610" s="137"/>
      <c r="MYG610" s="137"/>
      <c r="MYH610" s="137"/>
      <c r="MYI610" s="137"/>
      <c r="MYJ610" s="137"/>
      <c r="MYK610" s="137"/>
      <c r="MYL610" s="137"/>
      <c r="MYM610" s="137"/>
      <c r="MYN610" s="137"/>
      <c r="MYO610" s="137"/>
      <c r="MYP610" s="137"/>
      <c r="MYQ610" s="137"/>
      <c r="MYR610" s="137"/>
      <c r="MYS610" s="137"/>
      <c r="MYT610" s="137"/>
      <c r="MYU610" s="137"/>
      <c r="MYV610" s="137"/>
      <c r="MYW610" s="137"/>
      <c r="MYX610" s="137"/>
      <c r="MYY610" s="137"/>
      <c r="MYZ610" s="137"/>
      <c r="MZA610" s="137"/>
      <c r="MZB610" s="137"/>
      <c r="MZC610" s="137"/>
      <c r="MZD610" s="137"/>
      <c r="MZE610" s="137"/>
      <c r="MZF610" s="137"/>
      <c r="MZG610" s="137"/>
      <c r="MZH610" s="137"/>
      <c r="MZI610" s="137"/>
      <c r="MZJ610" s="137"/>
      <c r="MZK610" s="137"/>
      <c r="MZL610" s="137"/>
      <c r="MZM610" s="137"/>
      <c r="MZN610" s="137"/>
      <c r="MZO610" s="137"/>
      <c r="MZP610" s="137"/>
      <c r="MZQ610" s="137"/>
      <c r="MZR610" s="137"/>
      <c r="MZS610" s="137"/>
      <c r="MZT610" s="137"/>
      <c r="MZU610" s="137"/>
      <c r="MZV610" s="137"/>
      <c r="MZW610" s="137"/>
      <c r="MZX610" s="137"/>
      <c r="MZY610" s="137"/>
      <c r="MZZ610" s="137"/>
      <c r="NAA610" s="137"/>
      <c r="NAB610" s="137"/>
      <c r="NAC610" s="137"/>
      <c r="NAD610" s="137"/>
      <c r="NAE610" s="137"/>
      <c r="NAF610" s="137"/>
      <c r="NAG610" s="137"/>
      <c r="NAH610" s="137"/>
      <c r="NAI610" s="137"/>
      <c r="NAJ610" s="137"/>
      <c r="NAK610" s="137"/>
      <c r="NAL610" s="137"/>
      <c r="NAM610" s="137"/>
      <c r="NAN610" s="137"/>
      <c r="NAO610" s="137"/>
      <c r="NAP610" s="137"/>
      <c r="NAQ610" s="137"/>
      <c r="NAR610" s="137"/>
      <c r="NAS610" s="137"/>
      <c r="NAT610" s="137"/>
      <c r="NAU610" s="137"/>
      <c r="NAV610" s="137"/>
      <c r="NAW610" s="137"/>
      <c r="NAX610" s="137"/>
      <c r="NAY610" s="137"/>
      <c r="NAZ610" s="137"/>
      <c r="NBA610" s="137"/>
      <c r="NBB610" s="137"/>
      <c r="NBC610" s="137"/>
      <c r="NBD610" s="137"/>
      <c r="NBE610" s="137"/>
      <c r="NBF610" s="137"/>
      <c r="NBG610" s="137"/>
      <c r="NBH610" s="137"/>
      <c r="NBI610" s="137"/>
      <c r="NBJ610" s="137"/>
      <c r="NBK610" s="137"/>
      <c r="NBL610" s="137"/>
      <c r="NBM610" s="137"/>
      <c r="NBN610" s="137"/>
      <c r="NBO610" s="137"/>
      <c r="NBP610" s="137"/>
      <c r="NBQ610" s="137"/>
      <c r="NBR610" s="137"/>
      <c r="NBS610" s="137"/>
      <c r="NBT610" s="137"/>
      <c r="NBU610" s="137"/>
      <c r="NBV610" s="137"/>
      <c r="NBW610" s="137"/>
      <c r="NBX610" s="137"/>
      <c r="NBY610" s="137"/>
      <c r="NBZ610" s="137"/>
      <c r="NCA610" s="137"/>
      <c r="NCB610" s="137"/>
      <c r="NCC610" s="137"/>
      <c r="NCD610" s="137"/>
      <c r="NCE610" s="137"/>
      <c r="NCF610" s="137"/>
      <c r="NCG610" s="137"/>
      <c r="NCH610" s="137"/>
      <c r="NCI610" s="137"/>
      <c r="NCJ610" s="137"/>
      <c r="NCK610" s="137"/>
      <c r="NCL610" s="137"/>
      <c r="NCM610" s="137"/>
      <c r="NCN610" s="137"/>
      <c r="NCO610" s="137"/>
      <c r="NCP610" s="137"/>
      <c r="NCQ610" s="137"/>
      <c r="NCR610" s="137"/>
      <c r="NCS610" s="137"/>
      <c r="NCT610" s="137"/>
      <c r="NCU610" s="137"/>
      <c r="NCV610" s="137"/>
      <c r="NCW610" s="137"/>
      <c r="NCX610" s="137"/>
      <c r="NCY610" s="137"/>
      <c r="NCZ610" s="137"/>
      <c r="NDA610" s="137"/>
      <c r="NDB610" s="137"/>
      <c r="NDC610" s="137"/>
      <c r="NDD610" s="137"/>
      <c r="NDE610" s="137"/>
      <c r="NDF610" s="137"/>
      <c r="NDG610" s="137"/>
      <c r="NDH610" s="137"/>
      <c r="NDI610" s="137"/>
      <c r="NDJ610" s="137"/>
      <c r="NDK610" s="137"/>
      <c r="NDL610" s="137"/>
      <c r="NDM610" s="137"/>
      <c r="NDN610" s="137"/>
      <c r="NDO610" s="137"/>
      <c r="NDP610" s="137"/>
      <c r="NDQ610" s="137"/>
      <c r="NDR610" s="137"/>
      <c r="NDS610" s="137"/>
      <c r="NDT610" s="137"/>
      <c r="NDU610" s="137"/>
      <c r="NDV610" s="137"/>
      <c r="NDW610" s="137"/>
      <c r="NDX610" s="137"/>
      <c r="NDY610" s="137"/>
      <c r="NDZ610" s="137"/>
      <c r="NEA610" s="137"/>
      <c r="NEB610" s="137"/>
      <c r="NEC610" s="137"/>
      <c r="NED610" s="137"/>
      <c r="NEE610" s="137"/>
      <c r="NEF610" s="137"/>
      <c r="NEG610" s="137"/>
      <c r="NEH610" s="137"/>
      <c r="NEI610" s="137"/>
      <c r="NEJ610" s="137"/>
      <c r="NEK610" s="137"/>
      <c r="NEL610" s="137"/>
      <c r="NEM610" s="137"/>
      <c r="NEN610" s="137"/>
      <c r="NEO610" s="137"/>
      <c r="NEP610" s="137"/>
      <c r="NEQ610" s="137"/>
      <c r="NER610" s="137"/>
      <c r="NES610" s="137"/>
      <c r="NET610" s="137"/>
      <c r="NEU610" s="137"/>
      <c r="NEV610" s="137"/>
      <c r="NEW610" s="137"/>
      <c r="NEX610" s="137"/>
      <c r="NEY610" s="137"/>
      <c r="NEZ610" s="137"/>
      <c r="NFA610" s="137"/>
      <c r="NFB610" s="137"/>
      <c r="NFC610" s="137"/>
      <c r="NFD610" s="137"/>
      <c r="NFE610" s="137"/>
      <c r="NFF610" s="137"/>
      <c r="NFG610" s="137"/>
      <c r="NFH610" s="137"/>
      <c r="NFI610" s="137"/>
      <c r="NFJ610" s="137"/>
      <c r="NFK610" s="137"/>
      <c r="NFL610" s="137"/>
      <c r="NFM610" s="137"/>
      <c r="NFN610" s="137"/>
      <c r="NFO610" s="137"/>
      <c r="NFP610" s="137"/>
      <c r="NFQ610" s="137"/>
      <c r="NFR610" s="137"/>
      <c r="NFS610" s="137"/>
      <c r="NFT610" s="137"/>
      <c r="NFU610" s="137"/>
      <c r="NFV610" s="137"/>
      <c r="NFW610" s="137"/>
      <c r="NFX610" s="137"/>
      <c r="NFY610" s="137"/>
      <c r="NFZ610" s="137"/>
      <c r="NGA610" s="137"/>
      <c r="NGB610" s="137"/>
      <c r="NGC610" s="137"/>
      <c r="NGD610" s="137"/>
      <c r="NGE610" s="137"/>
      <c r="NGF610" s="137"/>
      <c r="NGG610" s="137"/>
      <c r="NGH610" s="137"/>
      <c r="NGI610" s="137"/>
      <c r="NGJ610" s="137"/>
      <c r="NGK610" s="137"/>
      <c r="NGL610" s="137"/>
      <c r="NGM610" s="137"/>
      <c r="NGN610" s="137"/>
      <c r="NGO610" s="137"/>
      <c r="NGP610" s="137"/>
      <c r="NGQ610" s="137"/>
      <c r="NGR610" s="137"/>
      <c r="NGS610" s="137"/>
      <c r="NGT610" s="137"/>
      <c r="NGU610" s="137"/>
      <c r="NGV610" s="137"/>
      <c r="NGW610" s="137"/>
      <c r="NGX610" s="137"/>
      <c r="NGY610" s="137"/>
      <c r="NGZ610" s="137"/>
      <c r="NHA610" s="137"/>
      <c r="NHB610" s="137"/>
      <c r="NHC610" s="137"/>
      <c r="NHD610" s="137"/>
      <c r="NHE610" s="137"/>
      <c r="NHF610" s="137"/>
      <c r="NHG610" s="137"/>
      <c r="NHH610" s="137"/>
      <c r="NHI610" s="137"/>
      <c r="NHJ610" s="137"/>
      <c r="NHK610" s="137"/>
      <c r="NHL610" s="137"/>
      <c r="NHM610" s="137"/>
      <c r="NHN610" s="137"/>
      <c r="NHO610" s="137"/>
      <c r="NHP610" s="137"/>
      <c r="NHQ610" s="137"/>
      <c r="NHR610" s="137"/>
      <c r="NHS610" s="137"/>
      <c r="NHT610" s="137"/>
      <c r="NHU610" s="137"/>
      <c r="NHV610" s="137"/>
      <c r="NHW610" s="137"/>
      <c r="NHX610" s="137"/>
      <c r="NHY610" s="137"/>
      <c r="NHZ610" s="137"/>
      <c r="NIA610" s="137"/>
      <c r="NIB610" s="137"/>
      <c r="NIC610" s="137"/>
      <c r="NID610" s="137"/>
      <c r="NIE610" s="137"/>
      <c r="NIF610" s="137"/>
      <c r="NIG610" s="137"/>
      <c r="NIH610" s="137"/>
      <c r="NII610" s="137"/>
      <c r="NIJ610" s="137"/>
      <c r="NIK610" s="137"/>
      <c r="NIL610" s="137"/>
      <c r="NIM610" s="137"/>
      <c r="NIN610" s="137"/>
      <c r="NIO610" s="137"/>
      <c r="NIP610" s="137"/>
      <c r="NIQ610" s="137"/>
      <c r="NIR610" s="137"/>
      <c r="NIS610" s="137"/>
      <c r="NIT610" s="137"/>
      <c r="NIU610" s="137"/>
      <c r="NIV610" s="137"/>
      <c r="NIW610" s="137"/>
      <c r="NIX610" s="137"/>
      <c r="NIY610" s="137"/>
      <c r="NIZ610" s="137"/>
      <c r="NJA610" s="137"/>
      <c r="NJB610" s="137"/>
      <c r="NJC610" s="137"/>
      <c r="NJD610" s="137"/>
      <c r="NJE610" s="137"/>
      <c r="NJF610" s="137"/>
      <c r="NJG610" s="137"/>
      <c r="NJH610" s="137"/>
      <c r="NJI610" s="137"/>
      <c r="NJJ610" s="137"/>
      <c r="NJK610" s="137"/>
      <c r="NJL610" s="137"/>
      <c r="NJM610" s="137"/>
      <c r="NJN610" s="137"/>
      <c r="NJO610" s="137"/>
      <c r="NJP610" s="137"/>
      <c r="NJQ610" s="137"/>
      <c r="NJR610" s="137"/>
      <c r="NJS610" s="137"/>
      <c r="NJT610" s="137"/>
      <c r="NJU610" s="137"/>
      <c r="NJV610" s="137"/>
      <c r="NJW610" s="137"/>
      <c r="NJX610" s="137"/>
      <c r="NJY610" s="137"/>
      <c r="NJZ610" s="137"/>
      <c r="NKA610" s="137"/>
      <c r="NKB610" s="137"/>
      <c r="NKC610" s="137"/>
      <c r="NKD610" s="137"/>
      <c r="NKE610" s="137"/>
      <c r="NKF610" s="137"/>
      <c r="NKG610" s="137"/>
      <c r="NKH610" s="137"/>
      <c r="NKI610" s="137"/>
      <c r="NKJ610" s="137"/>
      <c r="NKK610" s="137"/>
      <c r="NKL610" s="137"/>
      <c r="NKM610" s="137"/>
      <c r="NKN610" s="137"/>
      <c r="NKO610" s="137"/>
      <c r="NKP610" s="137"/>
      <c r="NKQ610" s="137"/>
      <c r="NKR610" s="137"/>
      <c r="NKS610" s="137"/>
      <c r="NKT610" s="137"/>
      <c r="NKU610" s="137"/>
      <c r="NKV610" s="137"/>
      <c r="NKW610" s="137"/>
      <c r="NKX610" s="137"/>
      <c r="NKY610" s="137"/>
      <c r="NKZ610" s="137"/>
      <c r="NLA610" s="137"/>
      <c r="NLB610" s="137"/>
      <c r="NLC610" s="137"/>
      <c r="NLD610" s="137"/>
      <c r="NLE610" s="137"/>
      <c r="NLF610" s="137"/>
      <c r="NLG610" s="137"/>
      <c r="NLH610" s="137"/>
      <c r="NLI610" s="137"/>
      <c r="NLJ610" s="137"/>
      <c r="NLK610" s="137"/>
      <c r="NLL610" s="137"/>
      <c r="NLM610" s="137"/>
      <c r="NLN610" s="137"/>
      <c r="NLO610" s="137"/>
      <c r="NLP610" s="137"/>
      <c r="NLQ610" s="137"/>
      <c r="NLR610" s="137"/>
      <c r="NLS610" s="137"/>
      <c r="NLT610" s="137"/>
      <c r="NLU610" s="137"/>
      <c r="NLV610" s="137"/>
      <c r="NLW610" s="137"/>
      <c r="NLX610" s="137"/>
      <c r="NLY610" s="137"/>
      <c r="NLZ610" s="137"/>
      <c r="NMA610" s="137"/>
      <c r="NMB610" s="137"/>
      <c r="NMC610" s="137"/>
      <c r="NMD610" s="137"/>
      <c r="NME610" s="137"/>
      <c r="NMF610" s="137"/>
      <c r="NMG610" s="137"/>
      <c r="NMH610" s="137"/>
      <c r="NMI610" s="137"/>
      <c r="NMJ610" s="137"/>
      <c r="NMK610" s="137"/>
      <c r="NML610" s="137"/>
      <c r="NMM610" s="137"/>
      <c r="NMN610" s="137"/>
      <c r="NMO610" s="137"/>
      <c r="NMP610" s="137"/>
      <c r="NMQ610" s="137"/>
      <c r="NMR610" s="137"/>
      <c r="NMS610" s="137"/>
      <c r="NMT610" s="137"/>
      <c r="NMU610" s="137"/>
      <c r="NMV610" s="137"/>
      <c r="NMW610" s="137"/>
      <c r="NMX610" s="137"/>
      <c r="NMY610" s="137"/>
      <c r="NMZ610" s="137"/>
      <c r="NNA610" s="137"/>
      <c r="NNB610" s="137"/>
      <c r="NNC610" s="137"/>
      <c r="NND610" s="137"/>
      <c r="NNE610" s="137"/>
      <c r="NNF610" s="137"/>
      <c r="NNG610" s="137"/>
      <c r="NNH610" s="137"/>
      <c r="NNI610" s="137"/>
      <c r="NNJ610" s="137"/>
      <c r="NNK610" s="137"/>
      <c r="NNL610" s="137"/>
      <c r="NNM610" s="137"/>
      <c r="NNN610" s="137"/>
      <c r="NNO610" s="137"/>
      <c r="NNP610" s="137"/>
      <c r="NNQ610" s="137"/>
      <c r="NNR610" s="137"/>
      <c r="NNS610" s="137"/>
      <c r="NNT610" s="137"/>
      <c r="NNU610" s="137"/>
      <c r="NNV610" s="137"/>
      <c r="NNW610" s="137"/>
      <c r="NNX610" s="137"/>
      <c r="NNY610" s="137"/>
      <c r="NNZ610" s="137"/>
      <c r="NOA610" s="137"/>
      <c r="NOB610" s="137"/>
      <c r="NOC610" s="137"/>
      <c r="NOD610" s="137"/>
      <c r="NOE610" s="137"/>
      <c r="NOF610" s="137"/>
      <c r="NOG610" s="137"/>
      <c r="NOH610" s="137"/>
      <c r="NOI610" s="137"/>
      <c r="NOJ610" s="137"/>
      <c r="NOK610" s="137"/>
      <c r="NOL610" s="137"/>
      <c r="NOM610" s="137"/>
      <c r="NON610" s="137"/>
      <c r="NOO610" s="137"/>
      <c r="NOP610" s="137"/>
      <c r="NOQ610" s="137"/>
      <c r="NOR610" s="137"/>
      <c r="NOS610" s="137"/>
      <c r="NOT610" s="137"/>
      <c r="NOU610" s="137"/>
      <c r="NOV610" s="137"/>
      <c r="NOW610" s="137"/>
      <c r="NOX610" s="137"/>
      <c r="NOY610" s="137"/>
      <c r="NOZ610" s="137"/>
      <c r="NPA610" s="137"/>
      <c r="NPB610" s="137"/>
      <c r="NPC610" s="137"/>
      <c r="NPD610" s="137"/>
      <c r="NPE610" s="137"/>
      <c r="NPF610" s="137"/>
      <c r="NPG610" s="137"/>
      <c r="NPH610" s="137"/>
      <c r="NPI610" s="137"/>
      <c r="NPJ610" s="137"/>
      <c r="NPK610" s="137"/>
      <c r="NPL610" s="137"/>
      <c r="NPM610" s="137"/>
      <c r="NPN610" s="137"/>
      <c r="NPO610" s="137"/>
      <c r="NPP610" s="137"/>
      <c r="NPQ610" s="137"/>
      <c r="NPR610" s="137"/>
      <c r="NPS610" s="137"/>
      <c r="NPT610" s="137"/>
      <c r="NPU610" s="137"/>
      <c r="NPV610" s="137"/>
      <c r="NPW610" s="137"/>
      <c r="NPX610" s="137"/>
      <c r="NPY610" s="137"/>
      <c r="NPZ610" s="137"/>
      <c r="NQA610" s="137"/>
      <c r="NQB610" s="137"/>
      <c r="NQC610" s="137"/>
      <c r="NQD610" s="137"/>
      <c r="NQE610" s="137"/>
      <c r="NQF610" s="137"/>
      <c r="NQG610" s="137"/>
      <c r="NQH610" s="137"/>
      <c r="NQI610" s="137"/>
      <c r="NQJ610" s="137"/>
      <c r="NQK610" s="137"/>
      <c r="NQL610" s="137"/>
      <c r="NQM610" s="137"/>
      <c r="NQN610" s="137"/>
      <c r="NQO610" s="137"/>
      <c r="NQP610" s="137"/>
      <c r="NQQ610" s="137"/>
      <c r="NQR610" s="137"/>
      <c r="NQS610" s="137"/>
      <c r="NQT610" s="137"/>
      <c r="NQU610" s="137"/>
      <c r="NQV610" s="137"/>
      <c r="NQW610" s="137"/>
      <c r="NQX610" s="137"/>
      <c r="NQY610" s="137"/>
      <c r="NQZ610" s="137"/>
      <c r="NRA610" s="137"/>
      <c r="NRB610" s="137"/>
      <c r="NRC610" s="137"/>
      <c r="NRD610" s="137"/>
      <c r="NRE610" s="137"/>
      <c r="NRF610" s="137"/>
      <c r="NRG610" s="137"/>
      <c r="NRH610" s="137"/>
      <c r="NRI610" s="137"/>
      <c r="NRJ610" s="137"/>
      <c r="NRK610" s="137"/>
      <c r="NRL610" s="137"/>
      <c r="NRM610" s="137"/>
      <c r="NRN610" s="137"/>
      <c r="NRO610" s="137"/>
      <c r="NRP610" s="137"/>
      <c r="NRQ610" s="137"/>
      <c r="NRR610" s="137"/>
      <c r="NRS610" s="137"/>
      <c r="NRT610" s="137"/>
      <c r="NRU610" s="137"/>
      <c r="NRV610" s="137"/>
      <c r="NRW610" s="137"/>
      <c r="NRX610" s="137"/>
      <c r="NRY610" s="137"/>
      <c r="NRZ610" s="137"/>
      <c r="NSA610" s="137"/>
      <c r="NSB610" s="137"/>
      <c r="NSC610" s="137"/>
      <c r="NSD610" s="137"/>
      <c r="NSE610" s="137"/>
      <c r="NSF610" s="137"/>
      <c r="NSG610" s="137"/>
      <c r="NSH610" s="137"/>
      <c r="NSI610" s="137"/>
      <c r="NSJ610" s="137"/>
      <c r="NSK610" s="137"/>
      <c r="NSL610" s="137"/>
      <c r="NSM610" s="137"/>
      <c r="NSN610" s="137"/>
      <c r="NSO610" s="137"/>
      <c r="NSP610" s="137"/>
      <c r="NSQ610" s="137"/>
      <c r="NSR610" s="137"/>
      <c r="NSS610" s="137"/>
      <c r="NST610" s="137"/>
      <c r="NSU610" s="137"/>
      <c r="NSV610" s="137"/>
      <c r="NSW610" s="137"/>
      <c r="NSX610" s="137"/>
      <c r="NSY610" s="137"/>
      <c r="NSZ610" s="137"/>
      <c r="NTA610" s="137"/>
      <c r="NTB610" s="137"/>
      <c r="NTC610" s="137"/>
      <c r="NTD610" s="137"/>
      <c r="NTE610" s="137"/>
      <c r="NTF610" s="137"/>
      <c r="NTG610" s="137"/>
      <c r="NTH610" s="137"/>
      <c r="NTI610" s="137"/>
      <c r="NTJ610" s="137"/>
      <c r="NTK610" s="137"/>
      <c r="NTL610" s="137"/>
      <c r="NTM610" s="137"/>
      <c r="NTN610" s="137"/>
      <c r="NTO610" s="137"/>
      <c r="NTP610" s="137"/>
      <c r="NTQ610" s="137"/>
      <c r="NTR610" s="137"/>
      <c r="NTS610" s="137"/>
      <c r="NTT610" s="137"/>
      <c r="NTU610" s="137"/>
      <c r="NTV610" s="137"/>
      <c r="NTW610" s="137"/>
      <c r="NTX610" s="137"/>
      <c r="NTY610" s="137"/>
      <c r="NTZ610" s="137"/>
      <c r="NUA610" s="137"/>
      <c r="NUB610" s="137"/>
      <c r="NUC610" s="137"/>
      <c r="NUD610" s="137"/>
      <c r="NUE610" s="137"/>
      <c r="NUF610" s="137"/>
      <c r="NUG610" s="137"/>
      <c r="NUH610" s="137"/>
      <c r="NUI610" s="137"/>
      <c r="NUJ610" s="137"/>
      <c r="NUK610" s="137"/>
      <c r="NUL610" s="137"/>
      <c r="NUM610" s="137"/>
      <c r="NUN610" s="137"/>
      <c r="NUO610" s="137"/>
      <c r="NUP610" s="137"/>
      <c r="NUQ610" s="137"/>
      <c r="NUR610" s="137"/>
      <c r="NUS610" s="137"/>
      <c r="NUT610" s="137"/>
      <c r="NUU610" s="137"/>
      <c r="NUV610" s="137"/>
      <c r="NUW610" s="137"/>
      <c r="NUX610" s="137"/>
      <c r="NUY610" s="137"/>
      <c r="NUZ610" s="137"/>
      <c r="NVA610" s="137"/>
      <c r="NVB610" s="137"/>
      <c r="NVC610" s="137"/>
      <c r="NVD610" s="137"/>
      <c r="NVE610" s="137"/>
      <c r="NVF610" s="137"/>
      <c r="NVG610" s="137"/>
      <c r="NVH610" s="137"/>
      <c r="NVI610" s="137"/>
      <c r="NVJ610" s="137"/>
      <c r="NVK610" s="137"/>
      <c r="NVL610" s="137"/>
      <c r="NVM610" s="137"/>
      <c r="NVN610" s="137"/>
      <c r="NVO610" s="137"/>
      <c r="NVP610" s="137"/>
      <c r="NVQ610" s="137"/>
      <c r="NVR610" s="137"/>
      <c r="NVS610" s="137"/>
      <c r="NVT610" s="137"/>
      <c r="NVU610" s="137"/>
      <c r="NVV610" s="137"/>
      <c r="NVW610" s="137"/>
      <c r="NVX610" s="137"/>
      <c r="NVY610" s="137"/>
      <c r="NVZ610" s="137"/>
      <c r="NWA610" s="137"/>
      <c r="NWB610" s="137"/>
      <c r="NWC610" s="137"/>
      <c r="NWD610" s="137"/>
      <c r="NWE610" s="137"/>
      <c r="NWF610" s="137"/>
      <c r="NWG610" s="137"/>
      <c r="NWH610" s="137"/>
      <c r="NWI610" s="137"/>
      <c r="NWJ610" s="137"/>
      <c r="NWK610" s="137"/>
      <c r="NWL610" s="137"/>
      <c r="NWM610" s="137"/>
      <c r="NWN610" s="137"/>
      <c r="NWO610" s="137"/>
      <c r="NWP610" s="137"/>
      <c r="NWQ610" s="137"/>
      <c r="NWR610" s="137"/>
      <c r="NWS610" s="137"/>
      <c r="NWT610" s="137"/>
      <c r="NWU610" s="137"/>
      <c r="NWV610" s="137"/>
      <c r="NWW610" s="137"/>
      <c r="NWX610" s="137"/>
      <c r="NWY610" s="137"/>
      <c r="NWZ610" s="137"/>
      <c r="NXA610" s="137"/>
      <c r="NXB610" s="137"/>
      <c r="NXC610" s="137"/>
      <c r="NXD610" s="137"/>
      <c r="NXE610" s="137"/>
      <c r="NXF610" s="137"/>
      <c r="NXG610" s="137"/>
      <c r="NXH610" s="137"/>
      <c r="NXI610" s="137"/>
      <c r="NXJ610" s="137"/>
      <c r="NXK610" s="137"/>
      <c r="NXL610" s="137"/>
      <c r="NXM610" s="137"/>
      <c r="NXN610" s="137"/>
      <c r="NXO610" s="137"/>
      <c r="NXP610" s="137"/>
      <c r="NXQ610" s="137"/>
      <c r="NXR610" s="137"/>
      <c r="NXS610" s="137"/>
      <c r="NXT610" s="137"/>
      <c r="NXU610" s="137"/>
      <c r="NXV610" s="137"/>
      <c r="NXW610" s="137"/>
      <c r="NXX610" s="137"/>
      <c r="NXY610" s="137"/>
      <c r="NXZ610" s="137"/>
      <c r="NYA610" s="137"/>
      <c r="NYB610" s="137"/>
      <c r="NYC610" s="137"/>
      <c r="NYD610" s="137"/>
      <c r="NYE610" s="137"/>
      <c r="NYF610" s="137"/>
      <c r="NYG610" s="137"/>
      <c r="NYH610" s="137"/>
      <c r="NYI610" s="137"/>
      <c r="NYJ610" s="137"/>
      <c r="NYK610" s="137"/>
      <c r="NYL610" s="137"/>
      <c r="NYM610" s="137"/>
      <c r="NYN610" s="137"/>
      <c r="NYO610" s="137"/>
      <c r="NYP610" s="137"/>
      <c r="NYQ610" s="137"/>
      <c r="NYR610" s="137"/>
      <c r="NYS610" s="137"/>
      <c r="NYT610" s="137"/>
      <c r="NYU610" s="137"/>
      <c r="NYV610" s="137"/>
      <c r="NYW610" s="137"/>
      <c r="NYX610" s="137"/>
      <c r="NYY610" s="137"/>
      <c r="NYZ610" s="137"/>
      <c r="NZA610" s="137"/>
      <c r="NZB610" s="137"/>
      <c r="NZC610" s="137"/>
      <c r="NZD610" s="137"/>
      <c r="NZE610" s="137"/>
      <c r="NZF610" s="137"/>
      <c r="NZG610" s="137"/>
      <c r="NZH610" s="137"/>
      <c r="NZI610" s="137"/>
      <c r="NZJ610" s="137"/>
      <c r="NZK610" s="137"/>
      <c r="NZL610" s="137"/>
      <c r="NZM610" s="137"/>
      <c r="NZN610" s="137"/>
      <c r="NZO610" s="137"/>
      <c r="NZP610" s="137"/>
      <c r="NZQ610" s="137"/>
      <c r="NZR610" s="137"/>
      <c r="NZS610" s="137"/>
      <c r="NZT610" s="137"/>
      <c r="NZU610" s="137"/>
      <c r="NZV610" s="137"/>
      <c r="NZW610" s="137"/>
      <c r="NZX610" s="137"/>
      <c r="NZY610" s="137"/>
      <c r="NZZ610" s="137"/>
      <c r="OAA610" s="137"/>
      <c r="OAB610" s="137"/>
      <c r="OAC610" s="137"/>
      <c r="OAD610" s="137"/>
      <c r="OAE610" s="137"/>
      <c r="OAF610" s="137"/>
      <c r="OAG610" s="137"/>
      <c r="OAH610" s="137"/>
      <c r="OAI610" s="137"/>
      <c r="OAJ610" s="137"/>
      <c r="OAK610" s="137"/>
      <c r="OAL610" s="137"/>
      <c r="OAM610" s="137"/>
      <c r="OAN610" s="137"/>
      <c r="OAO610" s="137"/>
      <c r="OAP610" s="137"/>
      <c r="OAQ610" s="137"/>
      <c r="OAR610" s="137"/>
      <c r="OAS610" s="137"/>
      <c r="OAT610" s="137"/>
      <c r="OAU610" s="137"/>
      <c r="OAV610" s="137"/>
      <c r="OAW610" s="137"/>
      <c r="OAX610" s="137"/>
      <c r="OAY610" s="137"/>
      <c r="OAZ610" s="137"/>
      <c r="OBA610" s="137"/>
      <c r="OBB610" s="137"/>
      <c r="OBC610" s="137"/>
      <c r="OBD610" s="137"/>
      <c r="OBE610" s="137"/>
      <c r="OBF610" s="137"/>
      <c r="OBG610" s="137"/>
      <c r="OBH610" s="137"/>
      <c r="OBI610" s="137"/>
      <c r="OBJ610" s="137"/>
      <c r="OBK610" s="137"/>
      <c r="OBL610" s="137"/>
      <c r="OBM610" s="137"/>
      <c r="OBN610" s="137"/>
      <c r="OBO610" s="137"/>
      <c r="OBP610" s="137"/>
      <c r="OBQ610" s="137"/>
      <c r="OBR610" s="137"/>
      <c r="OBS610" s="137"/>
      <c r="OBT610" s="137"/>
      <c r="OBU610" s="137"/>
      <c r="OBV610" s="137"/>
      <c r="OBW610" s="137"/>
      <c r="OBX610" s="137"/>
      <c r="OBY610" s="137"/>
      <c r="OBZ610" s="137"/>
      <c r="OCA610" s="137"/>
      <c r="OCB610" s="137"/>
      <c r="OCC610" s="137"/>
      <c r="OCD610" s="137"/>
      <c r="OCE610" s="137"/>
      <c r="OCF610" s="137"/>
      <c r="OCG610" s="137"/>
      <c r="OCH610" s="137"/>
      <c r="OCI610" s="137"/>
      <c r="OCJ610" s="137"/>
      <c r="OCK610" s="137"/>
      <c r="OCL610" s="137"/>
      <c r="OCM610" s="137"/>
      <c r="OCN610" s="137"/>
      <c r="OCO610" s="137"/>
      <c r="OCP610" s="137"/>
      <c r="OCQ610" s="137"/>
      <c r="OCR610" s="137"/>
      <c r="OCS610" s="137"/>
      <c r="OCT610" s="137"/>
      <c r="OCU610" s="137"/>
      <c r="OCV610" s="137"/>
      <c r="OCW610" s="137"/>
      <c r="OCX610" s="137"/>
      <c r="OCY610" s="137"/>
      <c r="OCZ610" s="137"/>
      <c r="ODA610" s="137"/>
      <c r="ODB610" s="137"/>
      <c r="ODC610" s="137"/>
      <c r="ODD610" s="137"/>
      <c r="ODE610" s="137"/>
      <c r="ODF610" s="137"/>
      <c r="ODG610" s="137"/>
      <c r="ODH610" s="137"/>
      <c r="ODI610" s="137"/>
      <c r="ODJ610" s="137"/>
      <c r="ODK610" s="137"/>
      <c r="ODL610" s="137"/>
      <c r="ODM610" s="137"/>
      <c r="ODN610" s="137"/>
      <c r="ODO610" s="137"/>
      <c r="ODP610" s="137"/>
      <c r="ODQ610" s="137"/>
      <c r="ODR610" s="137"/>
      <c r="ODS610" s="137"/>
      <c r="ODT610" s="137"/>
      <c r="ODU610" s="137"/>
      <c r="ODV610" s="137"/>
      <c r="ODW610" s="137"/>
      <c r="ODX610" s="137"/>
      <c r="ODY610" s="137"/>
      <c r="ODZ610" s="137"/>
      <c r="OEA610" s="137"/>
      <c r="OEB610" s="137"/>
      <c r="OEC610" s="137"/>
      <c r="OED610" s="137"/>
      <c r="OEE610" s="137"/>
      <c r="OEF610" s="137"/>
      <c r="OEG610" s="137"/>
      <c r="OEH610" s="137"/>
      <c r="OEI610" s="137"/>
      <c r="OEJ610" s="137"/>
      <c r="OEK610" s="137"/>
      <c r="OEL610" s="137"/>
      <c r="OEM610" s="137"/>
      <c r="OEN610" s="137"/>
      <c r="OEO610" s="137"/>
      <c r="OEP610" s="137"/>
      <c r="OEQ610" s="137"/>
      <c r="OER610" s="137"/>
      <c r="OES610" s="137"/>
      <c r="OET610" s="137"/>
      <c r="OEU610" s="137"/>
      <c r="OEV610" s="137"/>
      <c r="OEW610" s="137"/>
      <c r="OEX610" s="137"/>
      <c r="OEY610" s="137"/>
      <c r="OEZ610" s="137"/>
      <c r="OFA610" s="137"/>
      <c r="OFB610" s="137"/>
      <c r="OFC610" s="137"/>
      <c r="OFD610" s="137"/>
      <c r="OFE610" s="137"/>
      <c r="OFF610" s="137"/>
      <c r="OFG610" s="137"/>
      <c r="OFH610" s="137"/>
      <c r="OFI610" s="137"/>
      <c r="OFJ610" s="137"/>
      <c r="OFK610" s="137"/>
      <c r="OFL610" s="137"/>
      <c r="OFM610" s="137"/>
      <c r="OFN610" s="137"/>
      <c r="OFO610" s="137"/>
      <c r="OFP610" s="137"/>
      <c r="OFQ610" s="137"/>
      <c r="OFR610" s="137"/>
      <c r="OFS610" s="137"/>
      <c r="OFT610" s="137"/>
      <c r="OFU610" s="137"/>
      <c r="OFV610" s="137"/>
      <c r="OFW610" s="137"/>
      <c r="OFX610" s="137"/>
      <c r="OFY610" s="137"/>
      <c r="OFZ610" s="137"/>
      <c r="OGA610" s="137"/>
      <c r="OGB610" s="137"/>
      <c r="OGC610" s="137"/>
      <c r="OGD610" s="137"/>
      <c r="OGE610" s="137"/>
      <c r="OGF610" s="137"/>
      <c r="OGG610" s="137"/>
      <c r="OGH610" s="137"/>
      <c r="OGI610" s="137"/>
      <c r="OGJ610" s="137"/>
      <c r="OGK610" s="137"/>
      <c r="OGL610" s="137"/>
      <c r="OGM610" s="137"/>
      <c r="OGN610" s="137"/>
      <c r="OGO610" s="137"/>
      <c r="OGP610" s="137"/>
      <c r="OGQ610" s="137"/>
      <c r="OGR610" s="137"/>
      <c r="OGS610" s="137"/>
      <c r="OGT610" s="137"/>
      <c r="OGU610" s="137"/>
      <c r="OGV610" s="137"/>
      <c r="OGW610" s="137"/>
      <c r="OGX610" s="137"/>
      <c r="OGY610" s="137"/>
      <c r="OGZ610" s="137"/>
      <c r="OHA610" s="137"/>
      <c r="OHB610" s="137"/>
      <c r="OHC610" s="137"/>
      <c r="OHD610" s="137"/>
      <c r="OHE610" s="137"/>
      <c r="OHF610" s="137"/>
      <c r="OHG610" s="137"/>
      <c r="OHH610" s="137"/>
      <c r="OHI610" s="137"/>
      <c r="OHJ610" s="137"/>
      <c r="OHK610" s="137"/>
      <c r="OHL610" s="137"/>
      <c r="OHM610" s="137"/>
      <c r="OHN610" s="137"/>
      <c r="OHO610" s="137"/>
      <c r="OHP610" s="137"/>
      <c r="OHQ610" s="137"/>
      <c r="OHR610" s="137"/>
      <c r="OHS610" s="137"/>
      <c r="OHT610" s="137"/>
      <c r="OHU610" s="137"/>
      <c r="OHV610" s="137"/>
      <c r="OHW610" s="137"/>
      <c r="OHX610" s="137"/>
      <c r="OHY610" s="137"/>
      <c r="OHZ610" s="137"/>
      <c r="OIA610" s="137"/>
      <c r="OIB610" s="137"/>
      <c r="OIC610" s="137"/>
      <c r="OID610" s="137"/>
      <c r="OIE610" s="137"/>
      <c r="OIF610" s="137"/>
      <c r="OIG610" s="137"/>
      <c r="OIH610" s="137"/>
      <c r="OII610" s="137"/>
      <c r="OIJ610" s="137"/>
      <c r="OIK610" s="137"/>
      <c r="OIL610" s="137"/>
      <c r="OIM610" s="137"/>
      <c r="OIN610" s="137"/>
      <c r="OIO610" s="137"/>
      <c r="OIP610" s="137"/>
      <c r="OIQ610" s="137"/>
      <c r="OIR610" s="137"/>
      <c r="OIS610" s="137"/>
      <c r="OIT610" s="137"/>
      <c r="OIU610" s="137"/>
      <c r="OIV610" s="137"/>
      <c r="OIW610" s="137"/>
      <c r="OIX610" s="137"/>
      <c r="OIY610" s="137"/>
      <c r="OIZ610" s="137"/>
      <c r="OJA610" s="137"/>
      <c r="OJB610" s="137"/>
      <c r="OJC610" s="137"/>
      <c r="OJD610" s="137"/>
      <c r="OJE610" s="137"/>
      <c r="OJF610" s="137"/>
      <c r="OJG610" s="137"/>
      <c r="OJH610" s="137"/>
      <c r="OJI610" s="137"/>
      <c r="OJJ610" s="137"/>
      <c r="OJK610" s="137"/>
      <c r="OJL610" s="137"/>
      <c r="OJM610" s="137"/>
      <c r="OJN610" s="137"/>
      <c r="OJO610" s="137"/>
      <c r="OJP610" s="137"/>
      <c r="OJQ610" s="137"/>
      <c r="OJR610" s="137"/>
      <c r="OJS610" s="137"/>
      <c r="OJT610" s="137"/>
      <c r="OJU610" s="137"/>
      <c r="OJV610" s="137"/>
      <c r="OJW610" s="137"/>
      <c r="OJX610" s="137"/>
      <c r="OJY610" s="137"/>
      <c r="OJZ610" s="137"/>
      <c r="OKA610" s="137"/>
      <c r="OKB610" s="137"/>
      <c r="OKC610" s="137"/>
      <c r="OKD610" s="137"/>
      <c r="OKE610" s="137"/>
      <c r="OKF610" s="137"/>
      <c r="OKG610" s="137"/>
      <c r="OKH610" s="137"/>
      <c r="OKI610" s="137"/>
      <c r="OKJ610" s="137"/>
      <c r="OKK610" s="137"/>
      <c r="OKL610" s="137"/>
      <c r="OKM610" s="137"/>
      <c r="OKN610" s="137"/>
      <c r="OKO610" s="137"/>
      <c r="OKP610" s="137"/>
      <c r="OKQ610" s="137"/>
      <c r="OKR610" s="137"/>
      <c r="OKS610" s="137"/>
      <c r="OKT610" s="137"/>
      <c r="OKU610" s="137"/>
      <c r="OKV610" s="137"/>
      <c r="OKW610" s="137"/>
      <c r="OKX610" s="137"/>
      <c r="OKY610" s="137"/>
      <c r="OKZ610" s="137"/>
      <c r="OLA610" s="137"/>
      <c r="OLB610" s="137"/>
      <c r="OLC610" s="137"/>
      <c r="OLD610" s="137"/>
      <c r="OLE610" s="137"/>
      <c r="OLF610" s="137"/>
      <c r="OLG610" s="137"/>
      <c r="OLH610" s="137"/>
      <c r="OLI610" s="137"/>
      <c r="OLJ610" s="137"/>
      <c r="OLK610" s="137"/>
      <c r="OLL610" s="137"/>
      <c r="OLM610" s="137"/>
      <c r="OLN610" s="137"/>
      <c r="OLO610" s="137"/>
      <c r="OLP610" s="137"/>
      <c r="OLQ610" s="137"/>
      <c r="OLR610" s="137"/>
      <c r="OLS610" s="137"/>
      <c r="OLT610" s="137"/>
      <c r="OLU610" s="137"/>
      <c r="OLV610" s="137"/>
      <c r="OLW610" s="137"/>
      <c r="OLX610" s="137"/>
      <c r="OLY610" s="137"/>
      <c r="OLZ610" s="137"/>
      <c r="OMA610" s="137"/>
      <c r="OMB610" s="137"/>
      <c r="OMC610" s="137"/>
      <c r="OMD610" s="137"/>
      <c r="OME610" s="137"/>
      <c r="OMF610" s="137"/>
      <c r="OMG610" s="137"/>
      <c r="OMH610" s="137"/>
      <c r="OMI610" s="137"/>
      <c r="OMJ610" s="137"/>
      <c r="OMK610" s="137"/>
      <c r="OML610" s="137"/>
      <c r="OMM610" s="137"/>
      <c r="OMN610" s="137"/>
      <c r="OMO610" s="137"/>
      <c r="OMP610" s="137"/>
      <c r="OMQ610" s="137"/>
      <c r="OMR610" s="137"/>
      <c r="OMS610" s="137"/>
      <c r="OMT610" s="137"/>
      <c r="OMU610" s="137"/>
      <c r="OMV610" s="137"/>
      <c r="OMW610" s="137"/>
      <c r="OMX610" s="137"/>
      <c r="OMY610" s="137"/>
      <c r="OMZ610" s="137"/>
      <c r="ONA610" s="137"/>
      <c r="ONB610" s="137"/>
      <c r="ONC610" s="137"/>
      <c r="OND610" s="137"/>
      <c r="ONE610" s="137"/>
      <c r="ONF610" s="137"/>
      <c r="ONG610" s="137"/>
      <c r="ONH610" s="137"/>
      <c r="ONI610" s="137"/>
      <c r="ONJ610" s="137"/>
      <c r="ONK610" s="137"/>
      <c r="ONL610" s="137"/>
      <c r="ONM610" s="137"/>
      <c r="ONN610" s="137"/>
      <c r="ONO610" s="137"/>
      <c r="ONP610" s="137"/>
      <c r="ONQ610" s="137"/>
      <c r="ONR610" s="137"/>
      <c r="ONS610" s="137"/>
      <c r="ONT610" s="137"/>
      <c r="ONU610" s="137"/>
      <c r="ONV610" s="137"/>
      <c r="ONW610" s="137"/>
      <c r="ONX610" s="137"/>
      <c r="ONY610" s="137"/>
      <c r="ONZ610" s="137"/>
      <c r="OOA610" s="137"/>
      <c r="OOB610" s="137"/>
      <c r="OOC610" s="137"/>
      <c r="OOD610" s="137"/>
      <c r="OOE610" s="137"/>
      <c r="OOF610" s="137"/>
      <c r="OOG610" s="137"/>
      <c r="OOH610" s="137"/>
      <c r="OOI610" s="137"/>
      <c r="OOJ610" s="137"/>
      <c r="OOK610" s="137"/>
      <c r="OOL610" s="137"/>
      <c r="OOM610" s="137"/>
      <c r="OON610" s="137"/>
      <c r="OOO610" s="137"/>
      <c r="OOP610" s="137"/>
      <c r="OOQ610" s="137"/>
      <c r="OOR610" s="137"/>
      <c r="OOS610" s="137"/>
      <c r="OOT610" s="137"/>
      <c r="OOU610" s="137"/>
      <c r="OOV610" s="137"/>
      <c r="OOW610" s="137"/>
      <c r="OOX610" s="137"/>
      <c r="OOY610" s="137"/>
      <c r="OOZ610" s="137"/>
      <c r="OPA610" s="137"/>
      <c r="OPB610" s="137"/>
      <c r="OPC610" s="137"/>
      <c r="OPD610" s="137"/>
      <c r="OPE610" s="137"/>
      <c r="OPF610" s="137"/>
      <c r="OPG610" s="137"/>
      <c r="OPH610" s="137"/>
      <c r="OPI610" s="137"/>
      <c r="OPJ610" s="137"/>
      <c r="OPK610" s="137"/>
      <c r="OPL610" s="137"/>
      <c r="OPM610" s="137"/>
      <c r="OPN610" s="137"/>
      <c r="OPO610" s="137"/>
      <c r="OPP610" s="137"/>
      <c r="OPQ610" s="137"/>
      <c r="OPR610" s="137"/>
      <c r="OPS610" s="137"/>
      <c r="OPT610" s="137"/>
      <c r="OPU610" s="137"/>
      <c r="OPV610" s="137"/>
      <c r="OPW610" s="137"/>
      <c r="OPX610" s="137"/>
      <c r="OPY610" s="137"/>
      <c r="OPZ610" s="137"/>
      <c r="OQA610" s="137"/>
      <c r="OQB610" s="137"/>
      <c r="OQC610" s="137"/>
      <c r="OQD610" s="137"/>
      <c r="OQE610" s="137"/>
      <c r="OQF610" s="137"/>
      <c r="OQG610" s="137"/>
      <c r="OQH610" s="137"/>
      <c r="OQI610" s="137"/>
      <c r="OQJ610" s="137"/>
      <c r="OQK610" s="137"/>
      <c r="OQL610" s="137"/>
      <c r="OQM610" s="137"/>
      <c r="OQN610" s="137"/>
      <c r="OQO610" s="137"/>
      <c r="OQP610" s="137"/>
      <c r="OQQ610" s="137"/>
      <c r="OQR610" s="137"/>
      <c r="OQS610" s="137"/>
      <c r="OQT610" s="137"/>
      <c r="OQU610" s="137"/>
      <c r="OQV610" s="137"/>
      <c r="OQW610" s="137"/>
      <c r="OQX610" s="137"/>
      <c r="OQY610" s="137"/>
      <c r="OQZ610" s="137"/>
      <c r="ORA610" s="137"/>
      <c r="ORB610" s="137"/>
      <c r="ORC610" s="137"/>
      <c r="ORD610" s="137"/>
      <c r="ORE610" s="137"/>
      <c r="ORF610" s="137"/>
      <c r="ORG610" s="137"/>
      <c r="ORH610" s="137"/>
      <c r="ORI610" s="137"/>
      <c r="ORJ610" s="137"/>
      <c r="ORK610" s="137"/>
      <c r="ORL610" s="137"/>
      <c r="ORM610" s="137"/>
      <c r="ORN610" s="137"/>
      <c r="ORO610" s="137"/>
      <c r="ORP610" s="137"/>
      <c r="ORQ610" s="137"/>
      <c r="ORR610" s="137"/>
      <c r="ORS610" s="137"/>
      <c r="ORT610" s="137"/>
      <c r="ORU610" s="137"/>
      <c r="ORV610" s="137"/>
      <c r="ORW610" s="137"/>
      <c r="ORX610" s="137"/>
      <c r="ORY610" s="137"/>
      <c r="ORZ610" s="137"/>
      <c r="OSA610" s="137"/>
      <c r="OSB610" s="137"/>
      <c r="OSC610" s="137"/>
      <c r="OSD610" s="137"/>
      <c r="OSE610" s="137"/>
      <c r="OSF610" s="137"/>
      <c r="OSG610" s="137"/>
      <c r="OSH610" s="137"/>
      <c r="OSI610" s="137"/>
      <c r="OSJ610" s="137"/>
      <c r="OSK610" s="137"/>
      <c r="OSL610" s="137"/>
      <c r="OSM610" s="137"/>
      <c r="OSN610" s="137"/>
      <c r="OSO610" s="137"/>
      <c r="OSP610" s="137"/>
      <c r="OSQ610" s="137"/>
      <c r="OSR610" s="137"/>
      <c r="OSS610" s="137"/>
      <c r="OST610" s="137"/>
      <c r="OSU610" s="137"/>
      <c r="OSV610" s="137"/>
      <c r="OSW610" s="137"/>
      <c r="OSX610" s="137"/>
      <c r="OSY610" s="137"/>
      <c r="OSZ610" s="137"/>
      <c r="OTA610" s="137"/>
      <c r="OTB610" s="137"/>
      <c r="OTC610" s="137"/>
      <c r="OTD610" s="137"/>
      <c r="OTE610" s="137"/>
      <c r="OTF610" s="137"/>
      <c r="OTG610" s="137"/>
      <c r="OTH610" s="137"/>
      <c r="OTI610" s="137"/>
      <c r="OTJ610" s="137"/>
      <c r="OTK610" s="137"/>
      <c r="OTL610" s="137"/>
      <c r="OTM610" s="137"/>
      <c r="OTN610" s="137"/>
      <c r="OTO610" s="137"/>
      <c r="OTP610" s="137"/>
      <c r="OTQ610" s="137"/>
      <c r="OTR610" s="137"/>
      <c r="OTS610" s="137"/>
      <c r="OTT610" s="137"/>
      <c r="OTU610" s="137"/>
      <c r="OTV610" s="137"/>
      <c r="OTW610" s="137"/>
      <c r="OTX610" s="137"/>
      <c r="OTY610" s="137"/>
      <c r="OTZ610" s="137"/>
      <c r="OUA610" s="137"/>
      <c r="OUB610" s="137"/>
      <c r="OUC610" s="137"/>
      <c r="OUD610" s="137"/>
      <c r="OUE610" s="137"/>
      <c r="OUF610" s="137"/>
      <c r="OUG610" s="137"/>
      <c r="OUH610" s="137"/>
      <c r="OUI610" s="137"/>
      <c r="OUJ610" s="137"/>
      <c r="OUK610" s="137"/>
      <c r="OUL610" s="137"/>
      <c r="OUM610" s="137"/>
      <c r="OUN610" s="137"/>
      <c r="OUO610" s="137"/>
      <c r="OUP610" s="137"/>
      <c r="OUQ610" s="137"/>
      <c r="OUR610" s="137"/>
      <c r="OUS610" s="137"/>
      <c r="OUT610" s="137"/>
      <c r="OUU610" s="137"/>
      <c r="OUV610" s="137"/>
      <c r="OUW610" s="137"/>
      <c r="OUX610" s="137"/>
      <c r="OUY610" s="137"/>
      <c r="OUZ610" s="137"/>
      <c r="OVA610" s="137"/>
      <c r="OVB610" s="137"/>
      <c r="OVC610" s="137"/>
      <c r="OVD610" s="137"/>
      <c r="OVE610" s="137"/>
      <c r="OVF610" s="137"/>
      <c r="OVG610" s="137"/>
      <c r="OVH610" s="137"/>
      <c r="OVI610" s="137"/>
      <c r="OVJ610" s="137"/>
      <c r="OVK610" s="137"/>
      <c r="OVL610" s="137"/>
      <c r="OVM610" s="137"/>
      <c r="OVN610" s="137"/>
      <c r="OVO610" s="137"/>
      <c r="OVP610" s="137"/>
      <c r="OVQ610" s="137"/>
      <c r="OVR610" s="137"/>
      <c r="OVS610" s="137"/>
      <c r="OVT610" s="137"/>
      <c r="OVU610" s="137"/>
      <c r="OVV610" s="137"/>
      <c r="OVW610" s="137"/>
      <c r="OVX610" s="137"/>
      <c r="OVY610" s="137"/>
      <c r="OVZ610" s="137"/>
      <c r="OWA610" s="137"/>
      <c r="OWB610" s="137"/>
      <c r="OWC610" s="137"/>
      <c r="OWD610" s="137"/>
      <c r="OWE610" s="137"/>
      <c r="OWF610" s="137"/>
      <c r="OWG610" s="137"/>
      <c r="OWH610" s="137"/>
      <c r="OWI610" s="137"/>
      <c r="OWJ610" s="137"/>
      <c r="OWK610" s="137"/>
      <c r="OWL610" s="137"/>
      <c r="OWM610" s="137"/>
      <c r="OWN610" s="137"/>
      <c r="OWO610" s="137"/>
      <c r="OWP610" s="137"/>
      <c r="OWQ610" s="137"/>
      <c r="OWR610" s="137"/>
      <c r="OWS610" s="137"/>
      <c r="OWT610" s="137"/>
      <c r="OWU610" s="137"/>
      <c r="OWV610" s="137"/>
      <c r="OWW610" s="137"/>
      <c r="OWX610" s="137"/>
      <c r="OWY610" s="137"/>
      <c r="OWZ610" s="137"/>
      <c r="OXA610" s="137"/>
      <c r="OXB610" s="137"/>
      <c r="OXC610" s="137"/>
      <c r="OXD610" s="137"/>
      <c r="OXE610" s="137"/>
      <c r="OXF610" s="137"/>
      <c r="OXG610" s="137"/>
      <c r="OXH610" s="137"/>
      <c r="OXI610" s="137"/>
      <c r="OXJ610" s="137"/>
      <c r="OXK610" s="137"/>
      <c r="OXL610" s="137"/>
      <c r="OXM610" s="137"/>
      <c r="OXN610" s="137"/>
      <c r="OXO610" s="137"/>
      <c r="OXP610" s="137"/>
      <c r="OXQ610" s="137"/>
      <c r="OXR610" s="137"/>
      <c r="OXS610" s="137"/>
      <c r="OXT610" s="137"/>
      <c r="OXU610" s="137"/>
      <c r="OXV610" s="137"/>
      <c r="OXW610" s="137"/>
      <c r="OXX610" s="137"/>
      <c r="OXY610" s="137"/>
      <c r="OXZ610" s="137"/>
      <c r="OYA610" s="137"/>
      <c r="OYB610" s="137"/>
      <c r="OYC610" s="137"/>
      <c r="OYD610" s="137"/>
      <c r="OYE610" s="137"/>
      <c r="OYF610" s="137"/>
      <c r="OYG610" s="137"/>
      <c r="OYH610" s="137"/>
      <c r="OYI610" s="137"/>
      <c r="OYJ610" s="137"/>
      <c r="OYK610" s="137"/>
      <c r="OYL610" s="137"/>
      <c r="OYM610" s="137"/>
      <c r="OYN610" s="137"/>
      <c r="OYO610" s="137"/>
      <c r="OYP610" s="137"/>
      <c r="OYQ610" s="137"/>
      <c r="OYR610" s="137"/>
      <c r="OYS610" s="137"/>
      <c r="OYT610" s="137"/>
      <c r="OYU610" s="137"/>
      <c r="OYV610" s="137"/>
      <c r="OYW610" s="137"/>
      <c r="OYX610" s="137"/>
      <c r="OYY610" s="137"/>
      <c r="OYZ610" s="137"/>
      <c r="OZA610" s="137"/>
      <c r="OZB610" s="137"/>
      <c r="OZC610" s="137"/>
      <c r="OZD610" s="137"/>
      <c r="OZE610" s="137"/>
      <c r="OZF610" s="137"/>
      <c r="OZG610" s="137"/>
      <c r="OZH610" s="137"/>
      <c r="OZI610" s="137"/>
      <c r="OZJ610" s="137"/>
      <c r="OZK610" s="137"/>
      <c r="OZL610" s="137"/>
      <c r="OZM610" s="137"/>
      <c r="OZN610" s="137"/>
      <c r="OZO610" s="137"/>
      <c r="OZP610" s="137"/>
      <c r="OZQ610" s="137"/>
      <c r="OZR610" s="137"/>
      <c r="OZS610" s="137"/>
      <c r="OZT610" s="137"/>
      <c r="OZU610" s="137"/>
      <c r="OZV610" s="137"/>
      <c r="OZW610" s="137"/>
      <c r="OZX610" s="137"/>
      <c r="OZY610" s="137"/>
      <c r="OZZ610" s="137"/>
      <c r="PAA610" s="137"/>
      <c r="PAB610" s="137"/>
      <c r="PAC610" s="137"/>
      <c r="PAD610" s="137"/>
      <c r="PAE610" s="137"/>
      <c r="PAF610" s="137"/>
      <c r="PAG610" s="137"/>
      <c r="PAH610" s="137"/>
      <c r="PAI610" s="137"/>
      <c r="PAJ610" s="137"/>
      <c r="PAK610" s="137"/>
      <c r="PAL610" s="137"/>
      <c r="PAM610" s="137"/>
      <c r="PAN610" s="137"/>
      <c r="PAO610" s="137"/>
      <c r="PAP610" s="137"/>
      <c r="PAQ610" s="137"/>
      <c r="PAR610" s="137"/>
      <c r="PAS610" s="137"/>
      <c r="PAT610" s="137"/>
      <c r="PAU610" s="137"/>
      <c r="PAV610" s="137"/>
      <c r="PAW610" s="137"/>
      <c r="PAX610" s="137"/>
      <c r="PAY610" s="137"/>
      <c r="PAZ610" s="137"/>
      <c r="PBA610" s="137"/>
      <c r="PBB610" s="137"/>
      <c r="PBC610" s="137"/>
      <c r="PBD610" s="137"/>
      <c r="PBE610" s="137"/>
      <c r="PBF610" s="137"/>
      <c r="PBG610" s="137"/>
      <c r="PBH610" s="137"/>
      <c r="PBI610" s="137"/>
      <c r="PBJ610" s="137"/>
      <c r="PBK610" s="137"/>
      <c r="PBL610" s="137"/>
      <c r="PBM610" s="137"/>
      <c r="PBN610" s="137"/>
      <c r="PBO610" s="137"/>
      <c r="PBP610" s="137"/>
      <c r="PBQ610" s="137"/>
      <c r="PBR610" s="137"/>
      <c r="PBS610" s="137"/>
      <c r="PBT610" s="137"/>
      <c r="PBU610" s="137"/>
      <c r="PBV610" s="137"/>
      <c r="PBW610" s="137"/>
      <c r="PBX610" s="137"/>
      <c r="PBY610" s="137"/>
      <c r="PBZ610" s="137"/>
      <c r="PCA610" s="137"/>
      <c r="PCB610" s="137"/>
      <c r="PCC610" s="137"/>
      <c r="PCD610" s="137"/>
      <c r="PCE610" s="137"/>
      <c r="PCF610" s="137"/>
      <c r="PCG610" s="137"/>
      <c r="PCH610" s="137"/>
      <c r="PCI610" s="137"/>
      <c r="PCJ610" s="137"/>
      <c r="PCK610" s="137"/>
      <c r="PCL610" s="137"/>
      <c r="PCM610" s="137"/>
      <c r="PCN610" s="137"/>
      <c r="PCO610" s="137"/>
      <c r="PCP610" s="137"/>
      <c r="PCQ610" s="137"/>
      <c r="PCR610" s="137"/>
      <c r="PCS610" s="137"/>
      <c r="PCT610" s="137"/>
      <c r="PCU610" s="137"/>
      <c r="PCV610" s="137"/>
      <c r="PCW610" s="137"/>
      <c r="PCX610" s="137"/>
      <c r="PCY610" s="137"/>
      <c r="PCZ610" s="137"/>
      <c r="PDA610" s="137"/>
      <c r="PDB610" s="137"/>
      <c r="PDC610" s="137"/>
      <c r="PDD610" s="137"/>
      <c r="PDE610" s="137"/>
      <c r="PDF610" s="137"/>
      <c r="PDG610" s="137"/>
      <c r="PDH610" s="137"/>
      <c r="PDI610" s="137"/>
      <c r="PDJ610" s="137"/>
      <c r="PDK610" s="137"/>
      <c r="PDL610" s="137"/>
      <c r="PDM610" s="137"/>
      <c r="PDN610" s="137"/>
      <c r="PDO610" s="137"/>
      <c r="PDP610" s="137"/>
      <c r="PDQ610" s="137"/>
      <c r="PDR610" s="137"/>
      <c r="PDS610" s="137"/>
      <c r="PDT610" s="137"/>
      <c r="PDU610" s="137"/>
      <c r="PDV610" s="137"/>
      <c r="PDW610" s="137"/>
      <c r="PDX610" s="137"/>
      <c r="PDY610" s="137"/>
      <c r="PDZ610" s="137"/>
      <c r="PEA610" s="137"/>
      <c r="PEB610" s="137"/>
      <c r="PEC610" s="137"/>
      <c r="PED610" s="137"/>
      <c r="PEE610" s="137"/>
      <c r="PEF610" s="137"/>
      <c r="PEG610" s="137"/>
      <c r="PEH610" s="137"/>
      <c r="PEI610" s="137"/>
      <c r="PEJ610" s="137"/>
      <c r="PEK610" s="137"/>
      <c r="PEL610" s="137"/>
      <c r="PEM610" s="137"/>
      <c r="PEN610" s="137"/>
      <c r="PEO610" s="137"/>
      <c r="PEP610" s="137"/>
      <c r="PEQ610" s="137"/>
      <c r="PER610" s="137"/>
      <c r="PES610" s="137"/>
      <c r="PET610" s="137"/>
      <c r="PEU610" s="137"/>
      <c r="PEV610" s="137"/>
      <c r="PEW610" s="137"/>
      <c r="PEX610" s="137"/>
      <c r="PEY610" s="137"/>
      <c r="PEZ610" s="137"/>
      <c r="PFA610" s="137"/>
      <c r="PFB610" s="137"/>
      <c r="PFC610" s="137"/>
      <c r="PFD610" s="137"/>
      <c r="PFE610" s="137"/>
      <c r="PFF610" s="137"/>
      <c r="PFG610" s="137"/>
      <c r="PFH610" s="137"/>
      <c r="PFI610" s="137"/>
      <c r="PFJ610" s="137"/>
      <c r="PFK610" s="137"/>
      <c r="PFL610" s="137"/>
      <c r="PFM610" s="137"/>
      <c r="PFN610" s="137"/>
      <c r="PFO610" s="137"/>
      <c r="PFP610" s="137"/>
      <c r="PFQ610" s="137"/>
      <c r="PFR610" s="137"/>
      <c r="PFS610" s="137"/>
      <c r="PFT610" s="137"/>
      <c r="PFU610" s="137"/>
      <c r="PFV610" s="137"/>
      <c r="PFW610" s="137"/>
      <c r="PFX610" s="137"/>
      <c r="PFY610" s="137"/>
      <c r="PFZ610" s="137"/>
      <c r="PGA610" s="137"/>
      <c r="PGB610" s="137"/>
      <c r="PGC610" s="137"/>
      <c r="PGD610" s="137"/>
      <c r="PGE610" s="137"/>
      <c r="PGF610" s="137"/>
      <c r="PGG610" s="137"/>
      <c r="PGH610" s="137"/>
      <c r="PGI610" s="137"/>
      <c r="PGJ610" s="137"/>
      <c r="PGK610" s="137"/>
      <c r="PGL610" s="137"/>
      <c r="PGM610" s="137"/>
      <c r="PGN610" s="137"/>
      <c r="PGO610" s="137"/>
      <c r="PGP610" s="137"/>
      <c r="PGQ610" s="137"/>
      <c r="PGR610" s="137"/>
      <c r="PGS610" s="137"/>
      <c r="PGT610" s="137"/>
      <c r="PGU610" s="137"/>
      <c r="PGV610" s="137"/>
      <c r="PGW610" s="137"/>
      <c r="PGX610" s="137"/>
      <c r="PGY610" s="137"/>
      <c r="PGZ610" s="137"/>
      <c r="PHA610" s="137"/>
      <c r="PHB610" s="137"/>
      <c r="PHC610" s="137"/>
      <c r="PHD610" s="137"/>
      <c r="PHE610" s="137"/>
      <c r="PHF610" s="137"/>
      <c r="PHG610" s="137"/>
      <c r="PHH610" s="137"/>
      <c r="PHI610" s="137"/>
      <c r="PHJ610" s="137"/>
      <c r="PHK610" s="137"/>
      <c r="PHL610" s="137"/>
      <c r="PHM610" s="137"/>
      <c r="PHN610" s="137"/>
      <c r="PHO610" s="137"/>
      <c r="PHP610" s="137"/>
      <c r="PHQ610" s="137"/>
      <c r="PHR610" s="137"/>
      <c r="PHS610" s="137"/>
      <c r="PHT610" s="137"/>
      <c r="PHU610" s="137"/>
      <c r="PHV610" s="137"/>
      <c r="PHW610" s="137"/>
      <c r="PHX610" s="137"/>
      <c r="PHY610" s="137"/>
      <c r="PHZ610" s="137"/>
      <c r="PIA610" s="137"/>
      <c r="PIB610" s="137"/>
      <c r="PIC610" s="137"/>
      <c r="PID610" s="137"/>
      <c r="PIE610" s="137"/>
      <c r="PIF610" s="137"/>
      <c r="PIG610" s="137"/>
      <c r="PIH610" s="137"/>
      <c r="PII610" s="137"/>
      <c r="PIJ610" s="137"/>
      <c r="PIK610" s="137"/>
      <c r="PIL610" s="137"/>
      <c r="PIM610" s="137"/>
      <c r="PIN610" s="137"/>
      <c r="PIO610" s="137"/>
      <c r="PIP610" s="137"/>
      <c r="PIQ610" s="137"/>
      <c r="PIR610" s="137"/>
      <c r="PIS610" s="137"/>
      <c r="PIT610" s="137"/>
      <c r="PIU610" s="137"/>
      <c r="PIV610" s="137"/>
      <c r="PIW610" s="137"/>
      <c r="PIX610" s="137"/>
      <c r="PIY610" s="137"/>
      <c r="PIZ610" s="137"/>
      <c r="PJA610" s="137"/>
      <c r="PJB610" s="137"/>
      <c r="PJC610" s="137"/>
      <c r="PJD610" s="137"/>
      <c r="PJE610" s="137"/>
      <c r="PJF610" s="137"/>
      <c r="PJG610" s="137"/>
      <c r="PJH610" s="137"/>
      <c r="PJI610" s="137"/>
      <c r="PJJ610" s="137"/>
      <c r="PJK610" s="137"/>
      <c r="PJL610" s="137"/>
      <c r="PJM610" s="137"/>
      <c r="PJN610" s="137"/>
      <c r="PJO610" s="137"/>
      <c r="PJP610" s="137"/>
      <c r="PJQ610" s="137"/>
      <c r="PJR610" s="137"/>
      <c r="PJS610" s="137"/>
      <c r="PJT610" s="137"/>
      <c r="PJU610" s="137"/>
      <c r="PJV610" s="137"/>
      <c r="PJW610" s="137"/>
      <c r="PJX610" s="137"/>
      <c r="PJY610" s="137"/>
      <c r="PJZ610" s="137"/>
      <c r="PKA610" s="137"/>
      <c r="PKB610" s="137"/>
      <c r="PKC610" s="137"/>
      <c r="PKD610" s="137"/>
      <c r="PKE610" s="137"/>
      <c r="PKF610" s="137"/>
      <c r="PKG610" s="137"/>
      <c r="PKH610" s="137"/>
      <c r="PKI610" s="137"/>
      <c r="PKJ610" s="137"/>
      <c r="PKK610" s="137"/>
      <c r="PKL610" s="137"/>
      <c r="PKM610" s="137"/>
      <c r="PKN610" s="137"/>
      <c r="PKO610" s="137"/>
      <c r="PKP610" s="137"/>
      <c r="PKQ610" s="137"/>
      <c r="PKR610" s="137"/>
      <c r="PKS610" s="137"/>
      <c r="PKT610" s="137"/>
      <c r="PKU610" s="137"/>
      <c r="PKV610" s="137"/>
      <c r="PKW610" s="137"/>
      <c r="PKX610" s="137"/>
      <c r="PKY610" s="137"/>
      <c r="PKZ610" s="137"/>
      <c r="PLA610" s="137"/>
      <c r="PLB610" s="137"/>
      <c r="PLC610" s="137"/>
      <c r="PLD610" s="137"/>
      <c r="PLE610" s="137"/>
      <c r="PLF610" s="137"/>
      <c r="PLG610" s="137"/>
      <c r="PLH610" s="137"/>
      <c r="PLI610" s="137"/>
      <c r="PLJ610" s="137"/>
      <c r="PLK610" s="137"/>
      <c r="PLL610" s="137"/>
      <c r="PLM610" s="137"/>
      <c r="PLN610" s="137"/>
      <c r="PLO610" s="137"/>
      <c r="PLP610" s="137"/>
      <c r="PLQ610" s="137"/>
      <c r="PLR610" s="137"/>
      <c r="PLS610" s="137"/>
      <c r="PLT610" s="137"/>
      <c r="PLU610" s="137"/>
      <c r="PLV610" s="137"/>
      <c r="PLW610" s="137"/>
      <c r="PLX610" s="137"/>
      <c r="PLY610" s="137"/>
      <c r="PLZ610" s="137"/>
      <c r="PMA610" s="137"/>
      <c r="PMB610" s="137"/>
      <c r="PMC610" s="137"/>
      <c r="PMD610" s="137"/>
      <c r="PME610" s="137"/>
      <c r="PMF610" s="137"/>
      <c r="PMG610" s="137"/>
      <c r="PMH610" s="137"/>
      <c r="PMI610" s="137"/>
      <c r="PMJ610" s="137"/>
      <c r="PMK610" s="137"/>
      <c r="PML610" s="137"/>
      <c r="PMM610" s="137"/>
      <c r="PMN610" s="137"/>
      <c r="PMO610" s="137"/>
      <c r="PMP610" s="137"/>
      <c r="PMQ610" s="137"/>
      <c r="PMR610" s="137"/>
      <c r="PMS610" s="137"/>
      <c r="PMT610" s="137"/>
      <c r="PMU610" s="137"/>
      <c r="PMV610" s="137"/>
      <c r="PMW610" s="137"/>
      <c r="PMX610" s="137"/>
      <c r="PMY610" s="137"/>
      <c r="PMZ610" s="137"/>
      <c r="PNA610" s="137"/>
      <c r="PNB610" s="137"/>
      <c r="PNC610" s="137"/>
      <c r="PND610" s="137"/>
      <c r="PNE610" s="137"/>
      <c r="PNF610" s="137"/>
      <c r="PNG610" s="137"/>
      <c r="PNH610" s="137"/>
      <c r="PNI610" s="137"/>
      <c r="PNJ610" s="137"/>
      <c r="PNK610" s="137"/>
      <c r="PNL610" s="137"/>
      <c r="PNM610" s="137"/>
      <c r="PNN610" s="137"/>
      <c r="PNO610" s="137"/>
      <c r="PNP610" s="137"/>
      <c r="PNQ610" s="137"/>
      <c r="PNR610" s="137"/>
      <c r="PNS610" s="137"/>
      <c r="PNT610" s="137"/>
      <c r="PNU610" s="137"/>
      <c r="PNV610" s="137"/>
      <c r="PNW610" s="137"/>
      <c r="PNX610" s="137"/>
      <c r="PNY610" s="137"/>
      <c r="PNZ610" s="137"/>
      <c r="POA610" s="137"/>
      <c r="POB610" s="137"/>
      <c r="POC610" s="137"/>
      <c r="POD610" s="137"/>
      <c r="POE610" s="137"/>
      <c r="POF610" s="137"/>
      <c r="POG610" s="137"/>
      <c r="POH610" s="137"/>
      <c r="POI610" s="137"/>
      <c r="POJ610" s="137"/>
      <c r="POK610" s="137"/>
      <c r="POL610" s="137"/>
      <c r="POM610" s="137"/>
      <c r="PON610" s="137"/>
      <c r="POO610" s="137"/>
      <c r="POP610" s="137"/>
      <c r="POQ610" s="137"/>
      <c r="POR610" s="137"/>
      <c r="POS610" s="137"/>
      <c r="POT610" s="137"/>
      <c r="POU610" s="137"/>
      <c r="POV610" s="137"/>
      <c r="POW610" s="137"/>
      <c r="POX610" s="137"/>
      <c r="POY610" s="137"/>
      <c r="POZ610" s="137"/>
      <c r="PPA610" s="137"/>
      <c r="PPB610" s="137"/>
      <c r="PPC610" s="137"/>
      <c r="PPD610" s="137"/>
      <c r="PPE610" s="137"/>
      <c r="PPF610" s="137"/>
      <c r="PPG610" s="137"/>
      <c r="PPH610" s="137"/>
      <c r="PPI610" s="137"/>
      <c r="PPJ610" s="137"/>
      <c r="PPK610" s="137"/>
      <c r="PPL610" s="137"/>
      <c r="PPM610" s="137"/>
      <c r="PPN610" s="137"/>
      <c r="PPO610" s="137"/>
      <c r="PPP610" s="137"/>
      <c r="PPQ610" s="137"/>
      <c r="PPR610" s="137"/>
      <c r="PPS610" s="137"/>
      <c r="PPT610" s="137"/>
      <c r="PPU610" s="137"/>
      <c r="PPV610" s="137"/>
      <c r="PPW610" s="137"/>
      <c r="PPX610" s="137"/>
      <c r="PPY610" s="137"/>
      <c r="PPZ610" s="137"/>
      <c r="PQA610" s="137"/>
      <c r="PQB610" s="137"/>
      <c r="PQC610" s="137"/>
      <c r="PQD610" s="137"/>
      <c r="PQE610" s="137"/>
      <c r="PQF610" s="137"/>
      <c r="PQG610" s="137"/>
      <c r="PQH610" s="137"/>
      <c r="PQI610" s="137"/>
      <c r="PQJ610" s="137"/>
      <c r="PQK610" s="137"/>
      <c r="PQL610" s="137"/>
      <c r="PQM610" s="137"/>
      <c r="PQN610" s="137"/>
      <c r="PQO610" s="137"/>
      <c r="PQP610" s="137"/>
      <c r="PQQ610" s="137"/>
      <c r="PQR610" s="137"/>
      <c r="PQS610" s="137"/>
      <c r="PQT610" s="137"/>
      <c r="PQU610" s="137"/>
      <c r="PQV610" s="137"/>
      <c r="PQW610" s="137"/>
      <c r="PQX610" s="137"/>
      <c r="PQY610" s="137"/>
      <c r="PQZ610" s="137"/>
      <c r="PRA610" s="137"/>
      <c r="PRB610" s="137"/>
      <c r="PRC610" s="137"/>
      <c r="PRD610" s="137"/>
      <c r="PRE610" s="137"/>
      <c r="PRF610" s="137"/>
      <c r="PRG610" s="137"/>
      <c r="PRH610" s="137"/>
      <c r="PRI610" s="137"/>
      <c r="PRJ610" s="137"/>
      <c r="PRK610" s="137"/>
      <c r="PRL610" s="137"/>
      <c r="PRM610" s="137"/>
      <c r="PRN610" s="137"/>
      <c r="PRO610" s="137"/>
      <c r="PRP610" s="137"/>
      <c r="PRQ610" s="137"/>
      <c r="PRR610" s="137"/>
      <c r="PRS610" s="137"/>
      <c r="PRT610" s="137"/>
      <c r="PRU610" s="137"/>
      <c r="PRV610" s="137"/>
      <c r="PRW610" s="137"/>
      <c r="PRX610" s="137"/>
      <c r="PRY610" s="137"/>
      <c r="PRZ610" s="137"/>
      <c r="PSA610" s="137"/>
      <c r="PSB610" s="137"/>
      <c r="PSC610" s="137"/>
      <c r="PSD610" s="137"/>
      <c r="PSE610" s="137"/>
      <c r="PSF610" s="137"/>
      <c r="PSG610" s="137"/>
      <c r="PSH610" s="137"/>
      <c r="PSI610" s="137"/>
      <c r="PSJ610" s="137"/>
      <c r="PSK610" s="137"/>
      <c r="PSL610" s="137"/>
      <c r="PSM610" s="137"/>
      <c r="PSN610" s="137"/>
      <c r="PSO610" s="137"/>
      <c r="PSP610" s="137"/>
      <c r="PSQ610" s="137"/>
      <c r="PSR610" s="137"/>
      <c r="PSS610" s="137"/>
      <c r="PST610" s="137"/>
      <c r="PSU610" s="137"/>
      <c r="PSV610" s="137"/>
      <c r="PSW610" s="137"/>
      <c r="PSX610" s="137"/>
      <c r="PSY610" s="137"/>
      <c r="PSZ610" s="137"/>
      <c r="PTA610" s="137"/>
      <c r="PTB610" s="137"/>
      <c r="PTC610" s="137"/>
      <c r="PTD610" s="137"/>
      <c r="PTE610" s="137"/>
      <c r="PTF610" s="137"/>
      <c r="PTG610" s="137"/>
      <c r="PTH610" s="137"/>
      <c r="PTI610" s="137"/>
      <c r="PTJ610" s="137"/>
      <c r="PTK610" s="137"/>
      <c r="PTL610" s="137"/>
      <c r="PTM610" s="137"/>
      <c r="PTN610" s="137"/>
      <c r="PTO610" s="137"/>
      <c r="PTP610" s="137"/>
      <c r="PTQ610" s="137"/>
      <c r="PTR610" s="137"/>
      <c r="PTS610" s="137"/>
      <c r="PTT610" s="137"/>
      <c r="PTU610" s="137"/>
      <c r="PTV610" s="137"/>
      <c r="PTW610" s="137"/>
      <c r="PTX610" s="137"/>
      <c r="PTY610" s="137"/>
      <c r="PTZ610" s="137"/>
      <c r="PUA610" s="137"/>
      <c r="PUB610" s="137"/>
      <c r="PUC610" s="137"/>
      <c r="PUD610" s="137"/>
      <c r="PUE610" s="137"/>
      <c r="PUF610" s="137"/>
      <c r="PUG610" s="137"/>
      <c r="PUH610" s="137"/>
      <c r="PUI610" s="137"/>
      <c r="PUJ610" s="137"/>
      <c r="PUK610" s="137"/>
      <c r="PUL610" s="137"/>
      <c r="PUM610" s="137"/>
      <c r="PUN610" s="137"/>
      <c r="PUO610" s="137"/>
      <c r="PUP610" s="137"/>
      <c r="PUQ610" s="137"/>
      <c r="PUR610" s="137"/>
      <c r="PUS610" s="137"/>
      <c r="PUT610" s="137"/>
      <c r="PUU610" s="137"/>
      <c r="PUV610" s="137"/>
      <c r="PUW610" s="137"/>
      <c r="PUX610" s="137"/>
      <c r="PUY610" s="137"/>
      <c r="PUZ610" s="137"/>
      <c r="PVA610" s="137"/>
      <c r="PVB610" s="137"/>
      <c r="PVC610" s="137"/>
      <c r="PVD610" s="137"/>
      <c r="PVE610" s="137"/>
      <c r="PVF610" s="137"/>
      <c r="PVG610" s="137"/>
      <c r="PVH610" s="137"/>
      <c r="PVI610" s="137"/>
      <c r="PVJ610" s="137"/>
      <c r="PVK610" s="137"/>
      <c r="PVL610" s="137"/>
      <c r="PVM610" s="137"/>
      <c r="PVN610" s="137"/>
      <c r="PVO610" s="137"/>
      <c r="PVP610" s="137"/>
      <c r="PVQ610" s="137"/>
      <c r="PVR610" s="137"/>
      <c r="PVS610" s="137"/>
      <c r="PVT610" s="137"/>
      <c r="PVU610" s="137"/>
      <c r="PVV610" s="137"/>
      <c r="PVW610" s="137"/>
      <c r="PVX610" s="137"/>
      <c r="PVY610" s="137"/>
      <c r="PVZ610" s="137"/>
      <c r="PWA610" s="137"/>
      <c r="PWB610" s="137"/>
      <c r="PWC610" s="137"/>
      <c r="PWD610" s="137"/>
      <c r="PWE610" s="137"/>
      <c r="PWF610" s="137"/>
      <c r="PWG610" s="137"/>
      <c r="PWH610" s="137"/>
      <c r="PWI610" s="137"/>
      <c r="PWJ610" s="137"/>
      <c r="PWK610" s="137"/>
      <c r="PWL610" s="137"/>
      <c r="PWM610" s="137"/>
      <c r="PWN610" s="137"/>
      <c r="PWO610" s="137"/>
      <c r="PWP610" s="137"/>
      <c r="PWQ610" s="137"/>
      <c r="PWR610" s="137"/>
      <c r="PWS610" s="137"/>
      <c r="PWT610" s="137"/>
      <c r="PWU610" s="137"/>
      <c r="PWV610" s="137"/>
      <c r="PWW610" s="137"/>
      <c r="PWX610" s="137"/>
      <c r="PWY610" s="137"/>
      <c r="PWZ610" s="137"/>
      <c r="PXA610" s="137"/>
      <c r="PXB610" s="137"/>
      <c r="PXC610" s="137"/>
      <c r="PXD610" s="137"/>
      <c r="PXE610" s="137"/>
      <c r="PXF610" s="137"/>
      <c r="PXG610" s="137"/>
      <c r="PXH610" s="137"/>
      <c r="PXI610" s="137"/>
      <c r="PXJ610" s="137"/>
      <c r="PXK610" s="137"/>
      <c r="PXL610" s="137"/>
      <c r="PXM610" s="137"/>
      <c r="PXN610" s="137"/>
      <c r="PXO610" s="137"/>
      <c r="PXP610" s="137"/>
      <c r="PXQ610" s="137"/>
      <c r="PXR610" s="137"/>
      <c r="PXS610" s="137"/>
      <c r="PXT610" s="137"/>
      <c r="PXU610" s="137"/>
      <c r="PXV610" s="137"/>
      <c r="PXW610" s="137"/>
      <c r="PXX610" s="137"/>
      <c r="PXY610" s="137"/>
      <c r="PXZ610" s="137"/>
      <c r="PYA610" s="137"/>
      <c r="PYB610" s="137"/>
      <c r="PYC610" s="137"/>
      <c r="PYD610" s="137"/>
      <c r="PYE610" s="137"/>
      <c r="PYF610" s="137"/>
      <c r="PYG610" s="137"/>
      <c r="PYH610" s="137"/>
      <c r="PYI610" s="137"/>
      <c r="PYJ610" s="137"/>
      <c r="PYK610" s="137"/>
      <c r="PYL610" s="137"/>
      <c r="PYM610" s="137"/>
      <c r="PYN610" s="137"/>
      <c r="PYO610" s="137"/>
      <c r="PYP610" s="137"/>
      <c r="PYQ610" s="137"/>
      <c r="PYR610" s="137"/>
      <c r="PYS610" s="137"/>
      <c r="PYT610" s="137"/>
      <c r="PYU610" s="137"/>
      <c r="PYV610" s="137"/>
      <c r="PYW610" s="137"/>
      <c r="PYX610" s="137"/>
      <c r="PYY610" s="137"/>
      <c r="PYZ610" s="137"/>
      <c r="PZA610" s="137"/>
      <c r="PZB610" s="137"/>
      <c r="PZC610" s="137"/>
      <c r="PZD610" s="137"/>
      <c r="PZE610" s="137"/>
      <c r="PZF610" s="137"/>
      <c r="PZG610" s="137"/>
      <c r="PZH610" s="137"/>
      <c r="PZI610" s="137"/>
      <c r="PZJ610" s="137"/>
      <c r="PZK610" s="137"/>
      <c r="PZL610" s="137"/>
      <c r="PZM610" s="137"/>
      <c r="PZN610" s="137"/>
      <c r="PZO610" s="137"/>
      <c r="PZP610" s="137"/>
      <c r="PZQ610" s="137"/>
      <c r="PZR610" s="137"/>
      <c r="PZS610" s="137"/>
      <c r="PZT610" s="137"/>
      <c r="PZU610" s="137"/>
      <c r="PZV610" s="137"/>
      <c r="PZW610" s="137"/>
      <c r="PZX610" s="137"/>
      <c r="PZY610" s="137"/>
      <c r="PZZ610" s="137"/>
      <c r="QAA610" s="137"/>
      <c r="QAB610" s="137"/>
      <c r="QAC610" s="137"/>
      <c r="QAD610" s="137"/>
      <c r="QAE610" s="137"/>
      <c r="QAF610" s="137"/>
      <c r="QAG610" s="137"/>
      <c r="QAH610" s="137"/>
      <c r="QAI610" s="137"/>
      <c r="QAJ610" s="137"/>
      <c r="QAK610" s="137"/>
      <c r="QAL610" s="137"/>
      <c r="QAM610" s="137"/>
      <c r="QAN610" s="137"/>
      <c r="QAO610" s="137"/>
      <c r="QAP610" s="137"/>
      <c r="QAQ610" s="137"/>
      <c r="QAR610" s="137"/>
      <c r="QAS610" s="137"/>
      <c r="QAT610" s="137"/>
      <c r="QAU610" s="137"/>
      <c r="QAV610" s="137"/>
      <c r="QAW610" s="137"/>
      <c r="QAX610" s="137"/>
      <c r="QAY610" s="137"/>
      <c r="QAZ610" s="137"/>
      <c r="QBA610" s="137"/>
      <c r="QBB610" s="137"/>
      <c r="QBC610" s="137"/>
      <c r="QBD610" s="137"/>
      <c r="QBE610" s="137"/>
      <c r="QBF610" s="137"/>
      <c r="QBG610" s="137"/>
      <c r="QBH610" s="137"/>
      <c r="QBI610" s="137"/>
      <c r="QBJ610" s="137"/>
      <c r="QBK610" s="137"/>
      <c r="QBL610" s="137"/>
      <c r="QBM610" s="137"/>
      <c r="QBN610" s="137"/>
      <c r="QBO610" s="137"/>
      <c r="QBP610" s="137"/>
      <c r="QBQ610" s="137"/>
      <c r="QBR610" s="137"/>
      <c r="QBS610" s="137"/>
      <c r="QBT610" s="137"/>
      <c r="QBU610" s="137"/>
      <c r="QBV610" s="137"/>
      <c r="QBW610" s="137"/>
      <c r="QBX610" s="137"/>
      <c r="QBY610" s="137"/>
      <c r="QBZ610" s="137"/>
      <c r="QCA610" s="137"/>
      <c r="QCB610" s="137"/>
      <c r="QCC610" s="137"/>
      <c r="QCD610" s="137"/>
      <c r="QCE610" s="137"/>
      <c r="QCF610" s="137"/>
      <c r="QCG610" s="137"/>
      <c r="QCH610" s="137"/>
      <c r="QCI610" s="137"/>
      <c r="QCJ610" s="137"/>
      <c r="QCK610" s="137"/>
      <c r="QCL610" s="137"/>
      <c r="QCM610" s="137"/>
      <c r="QCN610" s="137"/>
      <c r="QCO610" s="137"/>
      <c r="QCP610" s="137"/>
      <c r="QCQ610" s="137"/>
      <c r="QCR610" s="137"/>
      <c r="QCS610" s="137"/>
      <c r="QCT610" s="137"/>
      <c r="QCU610" s="137"/>
      <c r="QCV610" s="137"/>
      <c r="QCW610" s="137"/>
      <c r="QCX610" s="137"/>
      <c r="QCY610" s="137"/>
      <c r="QCZ610" s="137"/>
      <c r="QDA610" s="137"/>
      <c r="QDB610" s="137"/>
      <c r="QDC610" s="137"/>
      <c r="QDD610" s="137"/>
      <c r="QDE610" s="137"/>
      <c r="QDF610" s="137"/>
      <c r="QDG610" s="137"/>
      <c r="QDH610" s="137"/>
      <c r="QDI610" s="137"/>
      <c r="QDJ610" s="137"/>
      <c r="QDK610" s="137"/>
      <c r="QDL610" s="137"/>
      <c r="QDM610" s="137"/>
      <c r="QDN610" s="137"/>
      <c r="QDO610" s="137"/>
      <c r="QDP610" s="137"/>
      <c r="QDQ610" s="137"/>
      <c r="QDR610" s="137"/>
      <c r="QDS610" s="137"/>
      <c r="QDT610" s="137"/>
      <c r="QDU610" s="137"/>
      <c r="QDV610" s="137"/>
      <c r="QDW610" s="137"/>
      <c r="QDX610" s="137"/>
      <c r="QDY610" s="137"/>
      <c r="QDZ610" s="137"/>
      <c r="QEA610" s="137"/>
      <c r="QEB610" s="137"/>
      <c r="QEC610" s="137"/>
      <c r="QED610" s="137"/>
      <c r="QEE610" s="137"/>
      <c r="QEF610" s="137"/>
      <c r="QEG610" s="137"/>
      <c r="QEH610" s="137"/>
      <c r="QEI610" s="137"/>
      <c r="QEJ610" s="137"/>
      <c r="QEK610" s="137"/>
      <c r="QEL610" s="137"/>
      <c r="QEM610" s="137"/>
      <c r="QEN610" s="137"/>
      <c r="QEO610" s="137"/>
      <c r="QEP610" s="137"/>
      <c r="QEQ610" s="137"/>
      <c r="QER610" s="137"/>
      <c r="QES610" s="137"/>
      <c r="QET610" s="137"/>
      <c r="QEU610" s="137"/>
      <c r="QEV610" s="137"/>
      <c r="QEW610" s="137"/>
      <c r="QEX610" s="137"/>
      <c r="QEY610" s="137"/>
      <c r="QEZ610" s="137"/>
      <c r="QFA610" s="137"/>
      <c r="QFB610" s="137"/>
      <c r="QFC610" s="137"/>
      <c r="QFD610" s="137"/>
      <c r="QFE610" s="137"/>
      <c r="QFF610" s="137"/>
      <c r="QFG610" s="137"/>
      <c r="QFH610" s="137"/>
      <c r="QFI610" s="137"/>
      <c r="QFJ610" s="137"/>
      <c r="QFK610" s="137"/>
      <c r="QFL610" s="137"/>
      <c r="QFM610" s="137"/>
      <c r="QFN610" s="137"/>
      <c r="QFO610" s="137"/>
      <c r="QFP610" s="137"/>
      <c r="QFQ610" s="137"/>
      <c r="QFR610" s="137"/>
      <c r="QFS610" s="137"/>
      <c r="QFT610" s="137"/>
      <c r="QFU610" s="137"/>
      <c r="QFV610" s="137"/>
      <c r="QFW610" s="137"/>
      <c r="QFX610" s="137"/>
      <c r="QFY610" s="137"/>
      <c r="QFZ610" s="137"/>
      <c r="QGA610" s="137"/>
      <c r="QGB610" s="137"/>
      <c r="QGC610" s="137"/>
      <c r="QGD610" s="137"/>
      <c r="QGE610" s="137"/>
      <c r="QGF610" s="137"/>
      <c r="QGG610" s="137"/>
      <c r="QGH610" s="137"/>
      <c r="QGI610" s="137"/>
      <c r="QGJ610" s="137"/>
      <c r="QGK610" s="137"/>
      <c r="QGL610" s="137"/>
      <c r="QGM610" s="137"/>
      <c r="QGN610" s="137"/>
      <c r="QGO610" s="137"/>
      <c r="QGP610" s="137"/>
      <c r="QGQ610" s="137"/>
      <c r="QGR610" s="137"/>
      <c r="QGS610" s="137"/>
      <c r="QGT610" s="137"/>
      <c r="QGU610" s="137"/>
      <c r="QGV610" s="137"/>
      <c r="QGW610" s="137"/>
      <c r="QGX610" s="137"/>
      <c r="QGY610" s="137"/>
      <c r="QGZ610" s="137"/>
      <c r="QHA610" s="137"/>
      <c r="QHB610" s="137"/>
      <c r="QHC610" s="137"/>
      <c r="QHD610" s="137"/>
      <c r="QHE610" s="137"/>
      <c r="QHF610" s="137"/>
      <c r="QHG610" s="137"/>
      <c r="QHH610" s="137"/>
      <c r="QHI610" s="137"/>
      <c r="QHJ610" s="137"/>
      <c r="QHK610" s="137"/>
      <c r="QHL610" s="137"/>
      <c r="QHM610" s="137"/>
      <c r="QHN610" s="137"/>
      <c r="QHO610" s="137"/>
      <c r="QHP610" s="137"/>
      <c r="QHQ610" s="137"/>
      <c r="QHR610" s="137"/>
      <c r="QHS610" s="137"/>
      <c r="QHT610" s="137"/>
      <c r="QHU610" s="137"/>
      <c r="QHV610" s="137"/>
      <c r="QHW610" s="137"/>
      <c r="QHX610" s="137"/>
      <c r="QHY610" s="137"/>
      <c r="QHZ610" s="137"/>
      <c r="QIA610" s="137"/>
      <c r="QIB610" s="137"/>
      <c r="QIC610" s="137"/>
      <c r="QID610" s="137"/>
      <c r="QIE610" s="137"/>
      <c r="QIF610" s="137"/>
      <c r="QIG610" s="137"/>
      <c r="QIH610" s="137"/>
      <c r="QII610" s="137"/>
      <c r="QIJ610" s="137"/>
      <c r="QIK610" s="137"/>
      <c r="QIL610" s="137"/>
      <c r="QIM610" s="137"/>
      <c r="QIN610" s="137"/>
      <c r="QIO610" s="137"/>
      <c r="QIP610" s="137"/>
      <c r="QIQ610" s="137"/>
      <c r="QIR610" s="137"/>
      <c r="QIS610" s="137"/>
      <c r="QIT610" s="137"/>
      <c r="QIU610" s="137"/>
      <c r="QIV610" s="137"/>
      <c r="QIW610" s="137"/>
      <c r="QIX610" s="137"/>
      <c r="QIY610" s="137"/>
      <c r="QIZ610" s="137"/>
      <c r="QJA610" s="137"/>
      <c r="QJB610" s="137"/>
      <c r="QJC610" s="137"/>
      <c r="QJD610" s="137"/>
      <c r="QJE610" s="137"/>
      <c r="QJF610" s="137"/>
      <c r="QJG610" s="137"/>
      <c r="QJH610" s="137"/>
      <c r="QJI610" s="137"/>
      <c r="QJJ610" s="137"/>
      <c r="QJK610" s="137"/>
      <c r="QJL610" s="137"/>
      <c r="QJM610" s="137"/>
      <c r="QJN610" s="137"/>
      <c r="QJO610" s="137"/>
      <c r="QJP610" s="137"/>
      <c r="QJQ610" s="137"/>
      <c r="QJR610" s="137"/>
      <c r="QJS610" s="137"/>
      <c r="QJT610" s="137"/>
      <c r="QJU610" s="137"/>
      <c r="QJV610" s="137"/>
      <c r="QJW610" s="137"/>
      <c r="QJX610" s="137"/>
      <c r="QJY610" s="137"/>
      <c r="QJZ610" s="137"/>
      <c r="QKA610" s="137"/>
      <c r="QKB610" s="137"/>
      <c r="QKC610" s="137"/>
      <c r="QKD610" s="137"/>
      <c r="QKE610" s="137"/>
      <c r="QKF610" s="137"/>
      <c r="QKG610" s="137"/>
      <c r="QKH610" s="137"/>
      <c r="QKI610" s="137"/>
      <c r="QKJ610" s="137"/>
      <c r="QKK610" s="137"/>
      <c r="QKL610" s="137"/>
      <c r="QKM610" s="137"/>
      <c r="QKN610" s="137"/>
      <c r="QKO610" s="137"/>
      <c r="QKP610" s="137"/>
      <c r="QKQ610" s="137"/>
      <c r="QKR610" s="137"/>
      <c r="QKS610" s="137"/>
      <c r="QKT610" s="137"/>
      <c r="QKU610" s="137"/>
      <c r="QKV610" s="137"/>
      <c r="QKW610" s="137"/>
      <c r="QKX610" s="137"/>
      <c r="QKY610" s="137"/>
      <c r="QKZ610" s="137"/>
      <c r="QLA610" s="137"/>
      <c r="QLB610" s="137"/>
      <c r="QLC610" s="137"/>
      <c r="QLD610" s="137"/>
      <c r="QLE610" s="137"/>
      <c r="QLF610" s="137"/>
      <c r="QLG610" s="137"/>
      <c r="QLH610" s="137"/>
      <c r="QLI610" s="137"/>
      <c r="QLJ610" s="137"/>
      <c r="QLK610" s="137"/>
      <c r="QLL610" s="137"/>
      <c r="QLM610" s="137"/>
      <c r="QLN610" s="137"/>
      <c r="QLO610" s="137"/>
      <c r="QLP610" s="137"/>
      <c r="QLQ610" s="137"/>
      <c r="QLR610" s="137"/>
      <c r="QLS610" s="137"/>
      <c r="QLT610" s="137"/>
      <c r="QLU610" s="137"/>
      <c r="QLV610" s="137"/>
      <c r="QLW610" s="137"/>
      <c r="QLX610" s="137"/>
      <c r="QLY610" s="137"/>
      <c r="QLZ610" s="137"/>
      <c r="QMA610" s="137"/>
      <c r="QMB610" s="137"/>
      <c r="QMC610" s="137"/>
      <c r="QMD610" s="137"/>
      <c r="QME610" s="137"/>
      <c r="QMF610" s="137"/>
      <c r="QMG610" s="137"/>
      <c r="QMH610" s="137"/>
      <c r="QMI610" s="137"/>
      <c r="QMJ610" s="137"/>
      <c r="QMK610" s="137"/>
      <c r="QML610" s="137"/>
      <c r="QMM610" s="137"/>
      <c r="QMN610" s="137"/>
      <c r="QMO610" s="137"/>
      <c r="QMP610" s="137"/>
      <c r="QMQ610" s="137"/>
      <c r="QMR610" s="137"/>
      <c r="QMS610" s="137"/>
      <c r="QMT610" s="137"/>
      <c r="QMU610" s="137"/>
      <c r="QMV610" s="137"/>
      <c r="QMW610" s="137"/>
      <c r="QMX610" s="137"/>
      <c r="QMY610" s="137"/>
      <c r="QMZ610" s="137"/>
      <c r="QNA610" s="137"/>
      <c r="QNB610" s="137"/>
      <c r="QNC610" s="137"/>
      <c r="QND610" s="137"/>
      <c r="QNE610" s="137"/>
      <c r="QNF610" s="137"/>
      <c r="QNG610" s="137"/>
      <c r="QNH610" s="137"/>
      <c r="QNI610" s="137"/>
      <c r="QNJ610" s="137"/>
      <c r="QNK610" s="137"/>
      <c r="QNL610" s="137"/>
      <c r="QNM610" s="137"/>
      <c r="QNN610" s="137"/>
      <c r="QNO610" s="137"/>
      <c r="QNP610" s="137"/>
      <c r="QNQ610" s="137"/>
      <c r="QNR610" s="137"/>
      <c r="QNS610" s="137"/>
      <c r="QNT610" s="137"/>
      <c r="QNU610" s="137"/>
      <c r="QNV610" s="137"/>
      <c r="QNW610" s="137"/>
      <c r="QNX610" s="137"/>
      <c r="QNY610" s="137"/>
      <c r="QNZ610" s="137"/>
      <c r="QOA610" s="137"/>
      <c r="QOB610" s="137"/>
      <c r="QOC610" s="137"/>
      <c r="QOD610" s="137"/>
      <c r="QOE610" s="137"/>
      <c r="QOF610" s="137"/>
      <c r="QOG610" s="137"/>
      <c r="QOH610" s="137"/>
      <c r="QOI610" s="137"/>
      <c r="QOJ610" s="137"/>
      <c r="QOK610" s="137"/>
      <c r="QOL610" s="137"/>
      <c r="QOM610" s="137"/>
      <c r="QON610" s="137"/>
      <c r="QOO610" s="137"/>
      <c r="QOP610" s="137"/>
      <c r="QOQ610" s="137"/>
      <c r="QOR610" s="137"/>
      <c r="QOS610" s="137"/>
      <c r="QOT610" s="137"/>
      <c r="QOU610" s="137"/>
      <c r="QOV610" s="137"/>
      <c r="QOW610" s="137"/>
      <c r="QOX610" s="137"/>
      <c r="QOY610" s="137"/>
      <c r="QOZ610" s="137"/>
      <c r="QPA610" s="137"/>
      <c r="QPB610" s="137"/>
      <c r="QPC610" s="137"/>
      <c r="QPD610" s="137"/>
      <c r="QPE610" s="137"/>
      <c r="QPF610" s="137"/>
      <c r="QPG610" s="137"/>
      <c r="QPH610" s="137"/>
      <c r="QPI610" s="137"/>
      <c r="QPJ610" s="137"/>
      <c r="QPK610" s="137"/>
      <c r="QPL610" s="137"/>
      <c r="QPM610" s="137"/>
      <c r="QPN610" s="137"/>
      <c r="QPO610" s="137"/>
      <c r="QPP610" s="137"/>
      <c r="QPQ610" s="137"/>
      <c r="QPR610" s="137"/>
      <c r="QPS610" s="137"/>
      <c r="QPT610" s="137"/>
      <c r="QPU610" s="137"/>
      <c r="QPV610" s="137"/>
      <c r="QPW610" s="137"/>
      <c r="QPX610" s="137"/>
      <c r="QPY610" s="137"/>
      <c r="QPZ610" s="137"/>
      <c r="QQA610" s="137"/>
      <c r="QQB610" s="137"/>
      <c r="QQC610" s="137"/>
      <c r="QQD610" s="137"/>
      <c r="QQE610" s="137"/>
      <c r="QQF610" s="137"/>
      <c r="QQG610" s="137"/>
      <c r="QQH610" s="137"/>
      <c r="QQI610" s="137"/>
      <c r="QQJ610" s="137"/>
      <c r="QQK610" s="137"/>
      <c r="QQL610" s="137"/>
      <c r="QQM610" s="137"/>
      <c r="QQN610" s="137"/>
      <c r="QQO610" s="137"/>
      <c r="QQP610" s="137"/>
      <c r="QQQ610" s="137"/>
      <c r="QQR610" s="137"/>
      <c r="QQS610" s="137"/>
      <c r="QQT610" s="137"/>
      <c r="QQU610" s="137"/>
      <c r="QQV610" s="137"/>
      <c r="QQW610" s="137"/>
      <c r="QQX610" s="137"/>
      <c r="QQY610" s="137"/>
      <c r="QQZ610" s="137"/>
      <c r="QRA610" s="137"/>
      <c r="QRB610" s="137"/>
      <c r="QRC610" s="137"/>
      <c r="QRD610" s="137"/>
      <c r="QRE610" s="137"/>
      <c r="QRF610" s="137"/>
      <c r="QRG610" s="137"/>
      <c r="QRH610" s="137"/>
      <c r="QRI610" s="137"/>
      <c r="QRJ610" s="137"/>
      <c r="QRK610" s="137"/>
      <c r="QRL610" s="137"/>
      <c r="QRM610" s="137"/>
      <c r="QRN610" s="137"/>
      <c r="QRO610" s="137"/>
      <c r="QRP610" s="137"/>
      <c r="QRQ610" s="137"/>
      <c r="QRR610" s="137"/>
      <c r="QRS610" s="137"/>
      <c r="QRT610" s="137"/>
      <c r="QRU610" s="137"/>
      <c r="QRV610" s="137"/>
      <c r="QRW610" s="137"/>
      <c r="QRX610" s="137"/>
      <c r="QRY610" s="137"/>
      <c r="QRZ610" s="137"/>
      <c r="QSA610" s="137"/>
      <c r="QSB610" s="137"/>
      <c r="QSC610" s="137"/>
      <c r="QSD610" s="137"/>
      <c r="QSE610" s="137"/>
      <c r="QSF610" s="137"/>
      <c r="QSG610" s="137"/>
      <c r="QSH610" s="137"/>
      <c r="QSI610" s="137"/>
      <c r="QSJ610" s="137"/>
      <c r="QSK610" s="137"/>
      <c r="QSL610" s="137"/>
      <c r="QSM610" s="137"/>
      <c r="QSN610" s="137"/>
      <c r="QSO610" s="137"/>
      <c r="QSP610" s="137"/>
      <c r="QSQ610" s="137"/>
      <c r="QSR610" s="137"/>
      <c r="QSS610" s="137"/>
      <c r="QST610" s="137"/>
      <c r="QSU610" s="137"/>
      <c r="QSV610" s="137"/>
      <c r="QSW610" s="137"/>
      <c r="QSX610" s="137"/>
      <c r="QSY610" s="137"/>
      <c r="QSZ610" s="137"/>
      <c r="QTA610" s="137"/>
      <c r="QTB610" s="137"/>
      <c r="QTC610" s="137"/>
      <c r="QTD610" s="137"/>
      <c r="QTE610" s="137"/>
      <c r="QTF610" s="137"/>
      <c r="QTG610" s="137"/>
      <c r="QTH610" s="137"/>
      <c r="QTI610" s="137"/>
      <c r="QTJ610" s="137"/>
      <c r="QTK610" s="137"/>
      <c r="QTL610" s="137"/>
      <c r="QTM610" s="137"/>
      <c r="QTN610" s="137"/>
      <c r="QTO610" s="137"/>
      <c r="QTP610" s="137"/>
      <c r="QTQ610" s="137"/>
      <c r="QTR610" s="137"/>
      <c r="QTS610" s="137"/>
      <c r="QTT610" s="137"/>
      <c r="QTU610" s="137"/>
      <c r="QTV610" s="137"/>
      <c r="QTW610" s="137"/>
      <c r="QTX610" s="137"/>
      <c r="QTY610" s="137"/>
      <c r="QTZ610" s="137"/>
      <c r="QUA610" s="137"/>
      <c r="QUB610" s="137"/>
      <c r="QUC610" s="137"/>
      <c r="QUD610" s="137"/>
      <c r="QUE610" s="137"/>
      <c r="QUF610" s="137"/>
      <c r="QUG610" s="137"/>
      <c r="QUH610" s="137"/>
      <c r="QUI610" s="137"/>
      <c r="QUJ610" s="137"/>
      <c r="QUK610" s="137"/>
      <c r="QUL610" s="137"/>
      <c r="QUM610" s="137"/>
      <c r="QUN610" s="137"/>
      <c r="QUO610" s="137"/>
      <c r="QUP610" s="137"/>
      <c r="QUQ610" s="137"/>
      <c r="QUR610" s="137"/>
      <c r="QUS610" s="137"/>
      <c r="QUT610" s="137"/>
      <c r="QUU610" s="137"/>
      <c r="QUV610" s="137"/>
      <c r="QUW610" s="137"/>
      <c r="QUX610" s="137"/>
      <c r="QUY610" s="137"/>
      <c r="QUZ610" s="137"/>
      <c r="QVA610" s="137"/>
      <c r="QVB610" s="137"/>
      <c r="QVC610" s="137"/>
      <c r="QVD610" s="137"/>
      <c r="QVE610" s="137"/>
      <c r="QVF610" s="137"/>
      <c r="QVG610" s="137"/>
      <c r="QVH610" s="137"/>
      <c r="QVI610" s="137"/>
      <c r="QVJ610" s="137"/>
      <c r="QVK610" s="137"/>
      <c r="QVL610" s="137"/>
      <c r="QVM610" s="137"/>
      <c r="QVN610" s="137"/>
      <c r="QVO610" s="137"/>
      <c r="QVP610" s="137"/>
      <c r="QVQ610" s="137"/>
      <c r="QVR610" s="137"/>
      <c r="QVS610" s="137"/>
      <c r="QVT610" s="137"/>
      <c r="QVU610" s="137"/>
      <c r="QVV610" s="137"/>
      <c r="QVW610" s="137"/>
      <c r="QVX610" s="137"/>
      <c r="QVY610" s="137"/>
      <c r="QVZ610" s="137"/>
      <c r="QWA610" s="137"/>
      <c r="QWB610" s="137"/>
      <c r="QWC610" s="137"/>
      <c r="QWD610" s="137"/>
      <c r="QWE610" s="137"/>
      <c r="QWF610" s="137"/>
      <c r="QWG610" s="137"/>
      <c r="QWH610" s="137"/>
      <c r="QWI610" s="137"/>
      <c r="QWJ610" s="137"/>
      <c r="QWK610" s="137"/>
      <c r="QWL610" s="137"/>
      <c r="QWM610" s="137"/>
      <c r="QWN610" s="137"/>
      <c r="QWO610" s="137"/>
      <c r="QWP610" s="137"/>
      <c r="QWQ610" s="137"/>
      <c r="QWR610" s="137"/>
      <c r="QWS610" s="137"/>
      <c r="QWT610" s="137"/>
      <c r="QWU610" s="137"/>
      <c r="QWV610" s="137"/>
      <c r="QWW610" s="137"/>
      <c r="QWX610" s="137"/>
      <c r="QWY610" s="137"/>
      <c r="QWZ610" s="137"/>
      <c r="QXA610" s="137"/>
      <c r="QXB610" s="137"/>
      <c r="QXC610" s="137"/>
      <c r="QXD610" s="137"/>
      <c r="QXE610" s="137"/>
      <c r="QXF610" s="137"/>
      <c r="QXG610" s="137"/>
      <c r="QXH610" s="137"/>
      <c r="QXI610" s="137"/>
      <c r="QXJ610" s="137"/>
      <c r="QXK610" s="137"/>
      <c r="QXL610" s="137"/>
      <c r="QXM610" s="137"/>
      <c r="QXN610" s="137"/>
      <c r="QXO610" s="137"/>
      <c r="QXP610" s="137"/>
      <c r="QXQ610" s="137"/>
      <c r="QXR610" s="137"/>
      <c r="QXS610" s="137"/>
      <c r="QXT610" s="137"/>
      <c r="QXU610" s="137"/>
      <c r="QXV610" s="137"/>
      <c r="QXW610" s="137"/>
      <c r="QXX610" s="137"/>
      <c r="QXY610" s="137"/>
      <c r="QXZ610" s="137"/>
      <c r="QYA610" s="137"/>
      <c r="QYB610" s="137"/>
      <c r="QYC610" s="137"/>
      <c r="QYD610" s="137"/>
      <c r="QYE610" s="137"/>
      <c r="QYF610" s="137"/>
      <c r="QYG610" s="137"/>
      <c r="QYH610" s="137"/>
      <c r="QYI610" s="137"/>
      <c r="QYJ610" s="137"/>
      <c r="QYK610" s="137"/>
      <c r="QYL610" s="137"/>
      <c r="QYM610" s="137"/>
      <c r="QYN610" s="137"/>
      <c r="QYO610" s="137"/>
      <c r="QYP610" s="137"/>
      <c r="QYQ610" s="137"/>
      <c r="QYR610" s="137"/>
      <c r="QYS610" s="137"/>
      <c r="QYT610" s="137"/>
      <c r="QYU610" s="137"/>
      <c r="QYV610" s="137"/>
      <c r="QYW610" s="137"/>
      <c r="QYX610" s="137"/>
      <c r="QYY610" s="137"/>
      <c r="QYZ610" s="137"/>
      <c r="QZA610" s="137"/>
      <c r="QZB610" s="137"/>
      <c r="QZC610" s="137"/>
      <c r="QZD610" s="137"/>
      <c r="QZE610" s="137"/>
      <c r="QZF610" s="137"/>
      <c r="QZG610" s="137"/>
      <c r="QZH610" s="137"/>
      <c r="QZI610" s="137"/>
      <c r="QZJ610" s="137"/>
      <c r="QZK610" s="137"/>
      <c r="QZL610" s="137"/>
      <c r="QZM610" s="137"/>
      <c r="QZN610" s="137"/>
      <c r="QZO610" s="137"/>
      <c r="QZP610" s="137"/>
      <c r="QZQ610" s="137"/>
      <c r="QZR610" s="137"/>
      <c r="QZS610" s="137"/>
      <c r="QZT610" s="137"/>
      <c r="QZU610" s="137"/>
      <c r="QZV610" s="137"/>
      <c r="QZW610" s="137"/>
      <c r="QZX610" s="137"/>
      <c r="QZY610" s="137"/>
      <c r="QZZ610" s="137"/>
      <c r="RAA610" s="137"/>
      <c r="RAB610" s="137"/>
      <c r="RAC610" s="137"/>
      <c r="RAD610" s="137"/>
      <c r="RAE610" s="137"/>
      <c r="RAF610" s="137"/>
      <c r="RAG610" s="137"/>
      <c r="RAH610" s="137"/>
      <c r="RAI610" s="137"/>
      <c r="RAJ610" s="137"/>
      <c r="RAK610" s="137"/>
      <c r="RAL610" s="137"/>
      <c r="RAM610" s="137"/>
      <c r="RAN610" s="137"/>
      <c r="RAO610" s="137"/>
      <c r="RAP610" s="137"/>
      <c r="RAQ610" s="137"/>
      <c r="RAR610" s="137"/>
      <c r="RAS610" s="137"/>
      <c r="RAT610" s="137"/>
      <c r="RAU610" s="137"/>
      <c r="RAV610" s="137"/>
      <c r="RAW610" s="137"/>
      <c r="RAX610" s="137"/>
      <c r="RAY610" s="137"/>
      <c r="RAZ610" s="137"/>
      <c r="RBA610" s="137"/>
      <c r="RBB610" s="137"/>
      <c r="RBC610" s="137"/>
      <c r="RBD610" s="137"/>
      <c r="RBE610" s="137"/>
      <c r="RBF610" s="137"/>
      <c r="RBG610" s="137"/>
      <c r="RBH610" s="137"/>
      <c r="RBI610" s="137"/>
      <c r="RBJ610" s="137"/>
      <c r="RBK610" s="137"/>
      <c r="RBL610" s="137"/>
      <c r="RBM610" s="137"/>
      <c r="RBN610" s="137"/>
      <c r="RBO610" s="137"/>
      <c r="RBP610" s="137"/>
      <c r="RBQ610" s="137"/>
      <c r="RBR610" s="137"/>
      <c r="RBS610" s="137"/>
      <c r="RBT610" s="137"/>
      <c r="RBU610" s="137"/>
      <c r="RBV610" s="137"/>
      <c r="RBW610" s="137"/>
      <c r="RBX610" s="137"/>
      <c r="RBY610" s="137"/>
      <c r="RBZ610" s="137"/>
      <c r="RCA610" s="137"/>
      <c r="RCB610" s="137"/>
      <c r="RCC610" s="137"/>
      <c r="RCD610" s="137"/>
      <c r="RCE610" s="137"/>
      <c r="RCF610" s="137"/>
      <c r="RCG610" s="137"/>
      <c r="RCH610" s="137"/>
      <c r="RCI610" s="137"/>
      <c r="RCJ610" s="137"/>
      <c r="RCK610" s="137"/>
      <c r="RCL610" s="137"/>
      <c r="RCM610" s="137"/>
      <c r="RCN610" s="137"/>
      <c r="RCO610" s="137"/>
      <c r="RCP610" s="137"/>
      <c r="RCQ610" s="137"/>
      <c r="RCR610" s="137"/>
      <c r="RCS610" s="137"/>
      <c r="RCT610" s="137"/>
      <c r="RCU610" s="137"/>
      <c r="RCV610" s="137"/>
      <c r="RCW610" s="137"/>
      <c r="RCX610" s="137"/>
      <c r="RCY610" s="137"/>
      <c r="RCZ610" s="137"/>
      <c r="RDA610" s="137"/>
      <c r="RDB610" s="137"/>
      <c r="RDC610" s="137"/>
      <c r="RDD610" s="137"/>
      <c r="RDE610" s="137"/>
      <c r="RDF610" s="137"/>
      <c r="RDG610" s="137"/>
      <c r="RDH610" s="137"/>
      <c r="RDI610" s="137"/>
      <c r="RDJ610" s="137"/>
      <c r="RDK610" s="137"/>
      <c r="RDL610" s="137"/>
      <c r="RDM610" s="137"/>
      <c r="RDN610" s="137"/>
      <c r="RDO610" s="137"/>
      <c r="RDP610" s="137"/>
      <c r="RDQ610" s="137"/>
      <c r="RDR610" s="137"/>
      <c r="RDS610" s="137"/>
      <c r="RDT610" s="137"/>
      <c r="RDU610" s="137"/>
      <c r="RDV610" s="137"/>
      <c r="RDW610" s="137"/>
      <c r="RDX610" s="137"/>
      <c r="RDY610" s="137"/>
      <c r="RDZ610" s="137"/>
      <c r="REA610" s="137"/>
      <c r="REB610" s="137"/>
      <c r="REC610" s="137"/>
      <c r="RED610" s="137"/>
      <c r="REE610" s="137"/>
      <c r="REF610" s="137"/>
      <c r="REG610" s="137"/>
      <c r="REH610" s="137"/>
      <c r="REI610" s="137"/>
      <c r="REJ610" s="137"/>
      <c r="REK610" s="137"/>
      <c r="REL610" s="137"/>
      <c r="REM610" s="137"/>
      <c r="REN610" s="137"/>
      <c r="REO610" s="137"/>
      <c r="REP610" s="137"/>
      <c r="REQ610" s="137"/>
      <c r="RER610" s="137"/>
      <c r="RES610" s="137"/>
      <c r="RET610" s="137"/>
      <c r="REU610" s="137"/>
      <c r="REV610" s="137"/>
      <c r="REW610" s="137"/>
      <c r="REX610" s="137"/>
      <c r="REY610" s="137"/>
      <c r="REZ610" s="137"/>
      <c r="RFA610" s="137"/>
      <c r="RFB610" s="137"/>
      <c r="RFC610" s="137"/>
      <c r="RFD610" s="137"/>
      <c r="RFE610" s="137"/>
      <c r="RFF610" s="137"/>
      <c r="RFG610" s="137"/>
      <c r="RFH610" s="137"/>
      <c r="RFI610" s="137"/>
      <c r="RFJ610" s="137"/>
      <c r="RFK610" s="137"/>
      <c r="RFL610" s="137"/>
      <c r="RFM610" s="137"/>
      <c r="RFN610" s="137"/>
      <c r="RFO610" s="137"/>
      <c r="RFP610" s="137"/>
      <c r="RFQ610" s="137"/>
      <c r="RFR610" s="137"/>
      <c r="RFS610" s="137"/>
      <c r="RFT610" s="137"/>
      <c r="RFU610" s="137"/>
      <c r="RFV610" s="137"/>
      <c r="RFW610" s="137"/>
      <c r="RFX610" s="137"/>
      <c r="RFY610" s="137"/>
      <c r="RFZ610" s="137"/>
      <c r="RGA610" s="137"/>
      <c r="RGB610" s="137"/>
      <c r="RGC610" s="137"/>
      <c r="RGD610" s="137"/>
      <c r="RGE610" s="137"/>
      <c r="RGF610" s="137"/>
      <c r="RGG610" s="137"/>
      <c r="RGH610" s="137"/>
      <c r="RGI610" s="137"/>
      <c r="RGJ610" s="137"/>
      <c r="RGK610" s="137"/>
      <c r="RGL610" s="137"/>
      <c r="RGM610" s="137"/>
      <c r="RGN610" s="137"/>
      <c r="RGO610" s="137"/>
      <c r="RGP610" s="137"/>
      <c r="RGQ610" s="137"/>
      <c r="RGR610" s="137"/>
      <c r="RGS610" s="137"/>
      <c r="RGT610" s="137"/>
      <c r="RGU610" s="137"/>
      <c r="RGV610" s="137"/>
      <c r="RGW610" s="137"/>
      <c r="RGX610" s="137"/>
      <c r="RGY610" s="137"/>
      <c r="RGZ610" s="137"/>
      <c r="RHA610" s="137"/>
      <c r="RHB610" s="137"/>
      <c r="RHC610" s="137"/>
      <c r="RHD610" s="137"/>
      <c r="RHE610" s="137"/>
      <c r="RHF610" s="137"/>
      <c r="RHG610" s="137"/>
      <c r="RHH610" s="137"/>
      <c r="RHI610" s="137"/>
      <c r="RHJ610" s="137"/>
      <c r="RHK610" s="137"/>
      <c r="RHL610" s="137"/>
      <c r="RHM610" s="137"/>
      <c r="RHN610" s="137"/>
      <c r="RHO610" s="137"/>
      <c r="RHP610" s="137"/>
      <c r="RHQ610" s="137"/>
      <c r="RHR610" s="137"/>
      <c r="RHS610" s="137"/>
      <c r="RHT610" s="137"/>
      <c r="RHU610" s="137"/>
      <c r="RHV610" s="137"/>
      <c r="RHW610" s="137"/>
      <c r="RHX610" s="137"/>
      <c r="RHY610" s="137"/>
      <c r="RHZ610" s="137"/>
      <c r="RIA610" s="137"/>
      <c r="RIB610" s="137"/>
      <c r="RIC610" s="137"/>
      <c r="RID610" s="137"/>
      <c r="RIE610" s="137"/>
      <c r="RIF610" s="137"/>
      <c r="RIG610" s="137"/>
      <c r="RIH610" s="137"/>
      <c r="RII610" s="137"/>
      <c r="RIJ610" s="137"/>
      <c r="RIK610" s="137"/>
      <c r="RIL610" s="137"/>
      <c r="RIM610" s="137"/>
      <c r="RIN610" s="137"/>
      <c r="RIO610" s="137"/>
      <c r="RIP610" s="137"/>
      <c r="RIQ610" s="137"/>
      <c r="RIR610" s="137"/>
      <c r="RIS610" s="137"/>
      <c r="RIT610" s="137"/>
      <c r="RIU610" s="137"/>
      <c r="RIV610" s="137"/>
      <c r="RIW610" s="137"/>
      <c r="RIX610" s="137"/>
      <c r="RIY610" s="137"/>
      <c r="RIZ610" s="137"/>
      <c r="RJA610" s="137"/>
      <c r="RJB610" s="137"/>
      <c r="RJC610" s="137"/>
      <c r="RJD610" s="137"/>
      <c r="RJE610" s="137"/>
      <c r="RJF610" s="137"/>
      <c r="RJG610" s="137"/>
      <c r="RJH610" s="137"/>
      <c r="RJI610" s="137"/>
      <c r="RJJ610" s="137"/>
      <c r="RJK610" s="137"/>
      <c r="RJL610" s="137"/>
      <c r="RJM610" s="137"/>
      <c r="RJN610" s="137"/>
      <c r="RJO610" s="137"/>
      <c r="RJP610" s="137"/>
      <c r="RJQ610" s="137"/>
      <c r="RJR610" s="137"/>
      <c r="RJS610" s="137"/>
      <c r="RJT610" s="137"/>
      <c r="RJU610" s="137"/>
      <c r="RJV610" s="137"/>
      <c r="RJW610" s="137"/>
      <c r="RJX610" s="137"/>
      <c r="RJY610" s="137"/>
      <c r="RJZ610" s="137"/>
      <c r="RKA610" s="137"/>
      <c r="RKB610" s="137"/>
      <c r="RKC610" s="137"/>
      <c r="RKD610" s="137"/>
      <c r="RKE610" s="137"/>
      <c r="RKF610" s="137"/>
      <c r="RKG610" s="137"/>
      <c r="RKH610" s="137"/>
      <c r="RKI610" s="137"/>
      <c r="RKJ610" s="137"/>
      <c r="RKK610" s="137"/>
      <c r="RKL610" s="137"/>
      <c r="RKM610" s="137"/>
      <c r="RKN610" s="137"/>
      <c r="RKO610" s="137"/>
      <c r="RKP610" s="137"/>
      <c r="RKQ610" s="137"/>
      <c r="RKR610" s="137"/>
      <c r="RKS610" s="137"/>
      <c r="RKT610" s="137"/>
      <c r="RKU610" s="137"/>
      <c r="RKV610" s="137"/>
      <c r="RKW610" s="137"/>
      <c r="RKX610" s="137"/>
      <c r="RKY610" s="137"/>
      <c r="RKZ610" s="137"/>
      <c r="RLA610" s="137"/>
      <c r="RLB610" s="137"/>
      <c r="RLC610" s="137"/>
      <c r="RLD610" s="137"/>
      <c r="RLE610" s="137"/>
      <c r="RLF610" s="137"/>
      <c r="RLG610" s="137"/>
      <c r="RLH610" s="137"/>
      <c r="RLI610" s="137"/>
      <c r="RLJ610" s="137"/>
      <c r="RLK610" s="137"/>
      <c r="RLL610" s="137"/>
      <c r="RLM610" s="137"/>
      <c r="RLN610" s="137"/>
      <c r="RLO610" s="137"/>
      <c r="RLP610" s="137"/>
      <c r="RLQ610" s="137"/>
      <c r="RLR610" s="137"/>
      <c r="RLS610" s="137"/>
      <c r="RLT610" s="137"/>
      <c r="RLU610" s="137"/>
      <c r="RLV610" s="137"/>
      <c r="RLW610" s="137"/>
      <c r="RLX610" s="137"/>
      <c r="RLY610" s="137"/>
      <c r="RLZ610" s="137"/>
      <c r="RMA610" s="137"/>
      <c r="RMB610" s="137"/>
      <c r="RMC610" s="137"/>
      <c r="RMD610" s="137"/>
      <c r="RME610" s="137"/>
      <c r="RMF610" s="137"/>
      <c r="RMG610" s="137"/>
      <c r="RMH610" s="137"/>
      <c r="RMI610" s="137"/>
      <c r="RMJ610" s="137"/>
      <c r="RMK610" s="137"/>
      <c r="RML610" s="137"/>
      <c r="RMM610" s="137"/>
      <c r="RMN610" s="137"/>
      <c r="RMO610" s="137"/>
      <c r="RMP610" s="137"/>
      <c r="RMQ610" s="137"/>
      <c r="RMR610" s="137"/>
      <c r="RMS610" s="137"/>
      <c r="RMT610" s="137"/>
      <c r="RMU610" s="137"/>
      <c r="RMV610" s="137"/>
      <c r="RMW610" s="137"/>
      <c r="RMX610" s="137"/>
      <c r="RMY610" s="137"/>
      <c r="RMZ610" s="137"/>
      <c r="RNA610" s="137"/>
      <c r="RNB610" s="137"/>
      <c r="RNC610" s="137"/>
      <c r="RND610" s="137"/>
      <c r="RNE610" s="137"/>
      <c r="RNF610" s="137"/>
      <c r="RNG610" s="137"/>
      <c r="RNH610" s="137"/>
      <c r="RNI610" s="137"/>
      <c r="RNJ610" s="137"/>
      <c r="RNK610" s="137"/>
      <c r="RNL610" s="137"/>
      <c r="RNM610" s="137"/>
      <c r="RNN610" s="137"/>
      <c r="RNO610" s="137"/>
      <c r="RNP610" s="137"/>
      <c r="RNQ610" s="137"/>
      <c r="RNR610" s="137"/>
      <c r="RNS610" s="137"/>
      <c r="RNT610" s="137"/>
      <c r="RNU610" s="137"/>
      <c r="RNV610" s="137"/>
      <c r="RNW610" s="137"/>
      <c r="RNX610" s="137"/>
      <c r="RNY610" s="137"/>
      <c r="RNZ610" s="137"/>
      <c r="ROA610" s="137"/>
      <c r="ROB610" s="137"/>
      <c r="ROC610" s="137"/>
      <c r="ROD610" s="137"/>
      <c r="ROE610" s="137"/>
      <c r="ROF610" s="137"/>
      <c r="ROG610" s="137"/>
      <c r="ROH610" s="137"/>
      <c r="ROI610" s="137"/>
      <c r="ROJ610" s="137"/>
      <c r="ROK610" s="137"/>
      <c r="ROL610" s="137"/>
      <c r="ROM610" s="137"/>
      <c r="RON610" s="137"/>
      <c r="ROO610" s="137"/>
      <c r="ROP610" s="137"/>
      <c r="ROQ610" s="137"/>
      <c r="ROR610" s="137"/>
      <c r="ROS610" s="137"/>
      <c r="ROT610" s="137"/>
      <c r="ROU610" s="137"/>
      <c r="ROV610" s="137"/>
      <c r="ROW610" s="137"/>
      <c r="ROX610" s="137"/>
      <c r="ROY610" s="137"/>
      <c r="ROZ610" s="137"/>
      <c r="RPA610" s="137"/>
      <c r="RPB610" s="137"/>
      <c r="RPC610" s="137"/>
      <c r="RPD610" s="137"/>
      <c r="RPE610" s="137"/>
      <c r="RPF610" s="137"/>
      <c r="RPG610" s="137"/>
      <c r="RPH610" s="137"/>
      <c r="RPI610" s="137"/>
      <c r="RPJ610" s="137"/>
      <c r="RPK610" s="137"/>
      <c r="RPL610" s="137"/>
      <c r="RPM610" s="137"/>
      <c r="RPN610" s="137"/>
      <c r="RPO610" s="137"/>
      <c r="RPP610" s="137"/>
      <c r="RPQ610" s="137"/>
      <c r="RPR610" s="137"/>
      <c r="RPS610" s="137"/>
      <c r="RPT610" s="137"/>
      <c r="RPU610" s="137"/>
      <c r="RPV610" s="137"/>
      <c r="RPW610" s="137"/>
      <c r="RPX610" s="137"/>
      <c r="RPY610" s="137"/>
      <c r="RPZ610" s="137"/>
      <c r="RQA610" s="137"/>
      <c r="RQB610" s="137"/>
      <c r="RQC610" s="137"/>
      <c r="RQD610" s="137"/>
      <c r="RQE610" s="137"/>
      <c r="RQF610" s="137"/>
      <c r="RQG610" s="137"/>
      <c r="RQH610" s="137"/>
      <c r="RQI610" s="137"/>
      <c r="RQJ610" s="137"/>
      <c r="RQK610" s="137"/>
      <c r="RQL610" s="137"/>
      <c r="RQM610" s="137"/>
      <c r="RQN610" s="137"/>
      <c r="RQO610" s="137"/>
      <c r="RQP610" s="137"/>
      <c r="RQQ610" s="137"/>
      <c r="RQR610" s="137"/>
      <c r="RQS610" s="137"/>
      <c r="RQT610" s="137"/>
      <c r="RQU610" s="137"/>
      <c r="RQV610" s="137"/>
      <c r="RQW610" s="137"/>
      <c r="RQX610" s="137"/>
      <c r="RQY610" s="137"/>
      <c r="RQZ610" s="137"/>
      <c r="RRA610" s="137"/>
      <c r="RRB610" s="137"/>
      <c r="RRC610" s="137"/>
      <c r="RRD610" s="137"/>
      <c r="RRE610" s="137"/>
      <c r="RRF610" s="137"/>
      <c r="RRG610" s="137"/>
      <c r="RRH610" s="137"/>
      <c r="RRI610" s="137"/>
      <c r="RRJ610" s="137"/>
      <c r="RRK610" s="137"/>
      <c r="RRL610" s="137"/>
      <c r="RRM610" s="137"/>
      <c r="RRN610" s="137"/>
      <c r="RRO610" s="137"/>
      <c r="RRP610" s="137"/>
      <c r="RRQ610" s="137"/>
      <c r="RRR610" s="137"/>
      <c r="RRS610" s="137"/>
      <c r="RRT610" s="137"/>
      <c r="RRU610" s="137"/>
      <c r="RRV610" s="137"/>
      <c r="RRW610" s="137"/>
      <c r="RRX610" s="137"/>
      <c r="RRY610" s="137"/>
      <c r="RRZ610" s="137"/>
      <c r="RSA610" s="137"/>
      <c r="RSB610" s="137"/>
      <c r="RSC610" s="137"/>
      <c r="RSD610" s="137"/>
      <c r="RSE610" s="137"/>
      <c r="RSF610" s="137"/>
      <c r="RSG610" s="137"/>
      <c r="RSH610" s="137"/>
      <c r="RSI610" s="137"/>
      <c r="RSJ610" s="137"/>
      <c r="RSK610" s="137"/>
      <c r="RSL610" s="137"/>
      <c r="RSM610" s="137"/>
      <c r="RSN610" s="137"/>
      <c r="RSO610" s="137"/>
      <c r="RSP610" s="137"/>
      <c r="RSQ610" s="137"/>
      <c r="RSR610" s="137"/>
      <c r="RSS610" s="137"/>
      <c r="RST610" s="137"/>
      <c r="RSU610" s="137"/>
      <c r="RSV610" s="137"/>
      <c r="RSW610" s="137"/>
      <c r="RSX610" s="137"/>
      <c r="RSY610" s="137"/>
      <c r="RSZ610" s="137"/>
      <c r="RTA610" s="137"/>
      <c r="RTB610" s="137"/>
      <c r="RTC610" s="137"/>
      <c r="RTD610" s="137"/>
      <c r="RTE610" s="137"/>
      <c r="RTF610" s="137"/>
      <c r="RTG610" s="137"/>
      <c r="RTH610" s="137"/>
      <c r="RTI610" s="137"/>
      <c r="RTJ610" s="137"/>
      <c r="RTK610" s="137"/>
      <c r="RTL610" s="137"/>
      <c r="RTM610" s="137"/>
      <c r="RTN610" s="137"/>
      <c r="RTO610" s="137"/>
      <c r="RTP610" s="137"/>
      <c r="RTQ610" s="137"/>
      <c r="RTR610" s="137"/>
      <c r="RTS610" s="137"/>
      <c r="RTT610" s="137"/>
      <c r="RTU610" s="137"/>
      <c r="RTV610" s="137"/>
      <c r="RTW610" s="137"/>
      <c r="RTX610" s="137"/>
      <c r="RTY610" s="137"/>
      <c r="RTZ610" s="137"/>
      <c r="RUA610" s="137"/>
      <c r="RUB610" s="137"/>
      <c r="RUC610" s="137"/>
      <c r="RUD610" s="137"/>
      <c r="RUE610" s="137"/>
      <c r="RUF610" s="137"/>
      <c r="RUG610" s="137"/>
      <c r="RUH610" s="137"/>
      <c r="RUI610" s="137"/>
      <c r="RUJ610" s="137"/>
      <c r="RUK610" s="137"/>
      <c r="RUL610" s="137"/>
      <c r="RUM610" s="137"/>
      <c r="RUN610" s="137"/>
      <c r="RUO610" s="137"/>
      <c r="RUP610" s="137"/>
      <c r="RUQ610" s="137"/>
      <c r="RUR610" s="137"/>
      <c r="RUS610" s="137"/>
      <c r="RUT610" s="137"/>
      <c r="RUU610" s="137"/>
      <c r="RUV610" s="137"/>
      <c r="RUW610" s="137"/>
      <c r="RUX610" s="137"/>
      <c r="RUY610" s="137"/>
      <c r="RUZ610" s="137"/>
      <c r="RVA610" s="137"/>
      <c r="RVB610" s="137"/>
      <c r="RVC610" s="137"/>
      <c r="RVD610" s="137"/>
      <c r="RVE610" s="137"/>
      <c r="RVF610" s="137"/>
      <c r="RVG610" s="137"/>
      <c r="RVH610" s="137"/>
      <c r="RVI610" s="137"/>
      <c r="RVJ610" s="137"/>
      <c r="RVK610" s="137"/>
      <c r="RVL610" s="137"/>
      <c r="RVM610" s="137"/>
      <c r="RVN610" s="137"/>
      <c r="RVO610" s="137"/>
      <c r="RVP610" s="137"/>
      <c r="RVQ610" s="137"/>
      <c r="RVR610" s="137"/>
      <c r="RVS610" s="137"/>
      <c r="RVT610" s="137"/>
      <c r="RVU610" s="137"/>
      <c r="RVV610" s="137"/>
      <c r="RVW610" s="137"/>
      <c r="RVX610" s="137"/>
      <c r="RVY610" s="137"/>
      <c r="RVZ610" s="137"/>
      <c r="RWA610" s="137"/>
      <c r="RWB610" s="137"/>
      <c r="RWC610" s="137"/>
      <c r="RWD610" s="137"/>
      <c r="RWE610" s="137"/>
      <c r="RWF610" s="137"/>
      <c r="RWG610" s="137"/>
      <c r="RWH610" s="137"/>
      <c r="RWI610" s="137"/>
      <c r="RWJ610" s="137"/>
      <c r="RWK610" s="137"/>
      <c r="RWL610" s="137"/>
      <c r="RWM610" s="137"/>
      <c r="RWN610" s="137"/>
      <c r="RWO610" s="137"/>
      <c r="RWP610" s="137"/>
      <c r="RWQ610" s="137"/>
      <c r="RWR610" s="137"/>
      <c r="RWS610" s="137"/>
      <c r="RWT610" s="137"/>
      <c r="RWU610" s="137"/>
      <c r="RWV610" s="137"/>
      <c r="RWW610" s="137"/>
      <c r="RWX610" s="137"/>
      <c r="RWY610" s="137"/>
      <c r="RWZ610" s="137"/>
      <c r="RXA610" s="137"/>
      <c r="RXB610" s="137"/>
      <c r="RXC610" s="137"/>
      <c r="RXD610" s="137"/>
      <c r="RXE610" s="137"/>
      <c r="RXF610" s="137"/>
      <c r="RXG610" s="137"/>
      <c r="RXH610" s="137"/>
      <c r="RXI610" s="137"/>
      <c r="RXJ610" s="137"/>
      <c r="RXK610" s="137"/>
      <c r="RXL610" s="137"/>
      <c r="RXM610" s="137"/>
      <c r="RXN610" s="137"/>
      <c r="RXO610" s="137"/>
      <c r="RXP610" s="137"/>
      <c r="RXQ610" s="137"/>
      <c r="RXR610" s="137"/>
      <c r="RXS610" s="137"/>
      <c r="RXT610" s="137"/>
      <c r="RXU610" s="137"/>
      <c r="RXV610" s="137"/>
      <c r="RXW610" s="137"/>
      <c r="RXX610" s="137"/>
      <c r="RXY610" s="137"/>
      <c r="RXZ610" s="137"/>
      <c r="RYA610" s="137"/>
      <c r="RYB610" s="137"/>
      <c r="RYC610" s="137"/>
      <c r="RYD610" s="137"/>
      <c r="RYE610" s="137"/>
      <c r="RYF610" s="137"/>
      <c r="RYG610" s="137"/>
      <c r="RYH610" s="137"/>
      <c r="RYI610" s="137"/>
      <c r="RYJ610" s="137"/>
      <c r="RYK610" s="137"/>
      <c r="RYL610" s="137"/>
      <c r="RYM610" s="137"/>
      <c r="RYN610" s="137"/>
      <c r="RYO610" s="137"/>
      <c r="RYP610" s="137"/>
      <c r="RYQ610" s="137"/>
      <c r="RYR610" s="137"/>
      <c r="RYS610" s="137"/>
      <c r="RYT610" s="137"/>
      <c r="RYU610" s="137"/>
      <c r="RYV610" s="137"/>
      <c r="RYW610" s="137"/>
      <c r="RYX610" s="137"/>
      <c r="RYY610" s="137"/>
      <c r="RYZ610" s="137"/>
      <c r="RZA610" s="137"/>
      <c r="RZB610" s="137"/>
      <c r="RZC610" s="137"/>
      <c r="RZD610" s="137"/>
      <c r="RZE610" s="137"/>
      <c r="RZF610" s="137"/>
      <c r="RZG610" s="137"/>
      <c r="RZH610" s="137"/>
      <c r="RZI610" s="137"/>
      <c r="RZJ610" s="137"/>
      <c r="RZK610" s="137"/>
      <c r="RZL610" s="137"/>
      <c r="RZM610" s="137"/>
      <c r="RZN610" s="137"/>
      <c r="RZO610" s="137"/>
      <c r="RZP610" s="137"/>
      <c r="RZQ610" s="137"/>
      <c r="RZR610" s="137"/>
      <c r="RZS610" s="137"/>
      <c r="RZT610" s="137"/>
      <c r="RZU610" s="137"/>
      <c r="RZV610" s="137"/>
      <c r="RZW610" s="137"/>
      <c r="RZX610" s="137"/>
      <c r="RZY610" s="137"/>
      <c r="RZZ610" s="137"/>
      <c r="SAA610" s="137"/>
      <c r="SAB610" s="137"/>
      <c r="SAC610" s="137"/>
      <c r="SAD610" s="137"/>
      <c r="SAE610" s="137"/>
      <c r="SAF610" s="137"/>
      <c r="SAG610" s="137"/>
      <c r="SAH610" s="137"/>
      <c r="SAI610" s="137"/>
      <c r="SAJ610" s="137"/>
      <c r="SAK610" s="137"/>
      <c r="SAL610" s="137"/>
      <c r="SAM610" s="137"/>
      <c r="SAN610" s="137"/>
      <c r="SAO610" s="137"/>
      <c r="SAP610" s="137"/>
      <c r="SAQ610" s="137"/>
      <c r="SAR610" s="137"/>
      <c r="SAS610" s="137"/>
      <c r="SAT610" s="137"/>
      <c r="SAU610" s="137"/>
      <c r="SAV610" s="137"/>
      <c r="SAW610" s="137"/>
      <c r="SAX610" s="137"/>
      <c r="SAY610" s="137"/>
      <c r="SAZ610" s="137"/>
      <c r="SBA610" s="137"/>
      <c r="SBB610" s="137"/>
      <c r="SBC610" s="137"/>
      <c r="SBD610" s="137"/>
      <c r="SBE610" s="137"/>
      <c r="SBF610" s="137"/>
      <c r="SBG610" s="137"/>
      <c r="SBH610" s="137"/>
      <c r="SBI610" s="137"/>
      <c r="SBJ610" s="137"/>
      <c r="SBK610" s="137"/>
      <c r="SBL610" s="137"/>
      <c r="SBM610" s="137"/>
      <c r="SBN610" s="137"/>
      <c r="SBO610" s="137"/>
      <c r="SBP610" s="137"/>
      <c r="SBQ610" s="137"/>
      <c r="SBR610" s="137"/>
      <c r="SBS610" s="137"/>
      <c r="SBT610" s="137"/>
      <c r="SBU610" s="137"/>
      <c r="SBV610" s="137"/>
      <c r="SBW610" s="137"/>
      <c r="SBX610" s="137"/>
      <c r="SBY610" s="137"/>
      <c r="SBZ610" s="137"/>
      <c r="SCA610" s="137"/>
      <c r="SCB610" s="137"/>
      <c r="SCC610" s="137"/>
      <c r="SCD610" s="137"/>
      <c r="SCE610" s="137"/>
      <c r="SCF610" s="137"/>
      <c r="SCG610" s="137"/>
      <c r="SCH610" s="137"/>
      <c r="SCI610" s="137"/>
      <c r="SCJ610" s="137"/>
      <c r="SCK610" s="137"/>
      <c r="SCL610" s="137"/>
      <c r="SCM610" s="137"/>
      <c r="SCN610" s="137"/>
      <c r="SCO610" s="137"/>
      <c r="SCP610" s="137"/>
      <c r="SCQ610" s="137"/>
      <c r="SCR610" s="137"/>
      <c r="SCS610" s="137"/>
      <c r="SCT610" s="137"/>
      <c r="SCU610" s="137"/>
      <c r="SCV610" s="137"/>
      <c r="SCW610" s="137"/>
      <c r="SCX610" s="137"/>
      <c r="SCY610" s="137"/>
      <c r="SCZ610" s="137"/>
      <c r="SDA610" s="137"/>
      <c r="SDB610" s="137"/>
      <c r="SDC610" s="137"/>
      <c r="SDD610" s="137"/>
      <c r="SDE610" s="137"/>
      <c r="SDF610" s="137"/>
      <c r="SDG610" s="137"/>
      <c r="SDH610" s="137"/>
      <c r="SDI610" s="137"/>
      <c r="SDJ610" s="137"/>
      <c r="SDK610" s="137"/>
      <c r="SDL610" s="137"/>
      <c r="SDM610" s="137"/>
      <c r="SDN610" s="137"/>
      <c r="SDO610" s="137"/>
      <c r="SDP610" s="137"/>
      <c r="SDQ610" s="137"/>
      <c r="SDR610" s="137"/>
      <c r="SDS610" s="137"/>
      <c r="SDT610" s="137"/>
      <c r="SDU610" s="137"/>
      <c r="SDV610" s="137"/>
      <c r="SDW610" s="137"/>
      <c r="SDX610" s="137"/>
      <c r="SDY610" s="137"/>
      <c r="SDZ610" s="137"/>
      <c r="SEA610" s="137"/>
      <c r="SEB610" s="137"/>
      <c r="SEC610" s="137"/>
      <c r="SED610" s="137"/>
      <c r="SEE610" s="137"/>
      <c r="SEF610" s="137"/>
      <c r="SEG610" s="137"/>
      <c r="SEH610" s="137"/>
      <c r="SEI610" s="137"/>
      <c r="SEJ610" s="137"/>
      <c r="SEK610" s="137"/>
      <c r="SEL610" s="137"/>
      <c r="SEM610" s="137"/>
      <c r="SEN610" s="137"/>
      <c r="SEO610" s="137"/>
      <c r="SEP610" s="137"/>
      <c r="SEQ610" s="137"/>
      <c r="SER610" s="137"/>
      <c r="SES610" s="137"/>
      <c r="SET610" s="137"/>
      <c r="SEU610" s="137"/>
      <c r="SEV610" s="137"/>
      <c r="SEW610" s="137"/>
      <c r="SEX610" s="137"/>
      <c r="SEY610" s="137"/>
      <c r="SEZ610" s="137"/>
      <c r="SFA610" s="137"/>
      <c r="SFB610" s="137"/>
      <c r="SFC610" s="137"/>
      <c r="SFD610" s="137"/>
      <c r="SFE610" s="137"/>
      <c r="SFF610" s="137"/>
      <c r="SFG610" s="137"/>
      <c r="SFH610" s="137"/>
      <c r="SFI610" s="137"/>
      <c r="SFJ610" s="137"/>
      <c r="SFK610" s="137"/>
      <c r="SFL610" s="137"/>
      <c r="SFM610" s="137"/>
      <c r="SFN610" s="137"/>
      <c r="SFO610" s="137"/>
      <c r="SFP610" s="137"/>
      <c r="SFQ610" s="137"/>
      <c r="SFR610" s="137"/>
      <c r="SFS610" s="137"/>
      <c r="SFT610" s="137"/>
      <c r="SFU610" s="137"/>
      <c r="SFV610" s="137"/>
      <c r="SFW610" s="137"/>
      <c r="SFX610" s="137"/>
      <c r="SFY610" s="137"/>
      <c r="SFZ610" s="137"/>
      <c r="SGA610" s="137"/>
      <c r="SGB610" s="137"/>
      <c r="SGC610" s="137"/>
      <c r="SGD610" s="137"/>
      <c r="SGE610" s="137"/>
      <c r="SGF610" s="137"/>
      <c r="SGG610" s="137"/>
      <c r="SGH610" s="137"/>
      <c r="SGI610" s="137"/>
      <c r="SGJ610" s="137"/>
      <c r="SGK610" s="137"/>
      <c r="SGL610" s="137"/>
      <c r="SGM610" s="137"/>
      <c r="SGN610" s="137"/>
      <c r="SGO610" s="137"/>
      <c r="SGP610" s="137"/>
      <c r="SGQ610" s="137"/>
      <c r="SGR610" s="137"/>
      <c r="SGS610" s="137"/>
      <c r="SGT610" s="137"/>
      <c r="SGU610" s="137"/>
      <c r="SGV610" s="137"/>
      <c r="SGW610" s="137"/>
      <c r="SGX610" s="137"/>
      <c r="SGY610" s="137"/>
      <c r="SGZ610" s="137"/>
      <c r="SHA610" s="137"/>
      <c r="SHB610" s="137"/>
      <c r="SHC610" s="137"/>
      <c r="SHD610" s="137"/>
      <c r="SHE610" s="137"/>
      <c r="SHF610" s="137"/>
      <c r="SHG610" s="137"/>
      <c r="SHH610" s="137"/>
      <c r="SHI610" s="137"/>
      <c r="SHJ610" s="137"/>
      <c r="SHK610" s="137"/>
      <c r="SHL610" s="137"/>
      <c r="SHM610" s="137"/>
      <c r="SHN610" s="137"/>
      <c r="SHO610" s="137"/>
      <c r="SHP610" s="137"/>
      <c r="SHQ610" s="137"/>
      <c r="SHR610" s="137"/>
      <c r="SHS610" s="137"/>
      <c r="SHT610" s="137"/>
      <c r="SHU610" s="137"/>
      <c r="SHV610" s="137"/>
      <c r="SHW610" s="137"/>
      <c r="SHX610" s="137"/>
      <c r="SHY610" s="137"/>
      <c r="SHZ610" s="137"/>
      <c r="SIA610" s="137"/>
      <c r="SIB610" s="137"/>
      <c r="SIC610" s="137"/>
      <c r="SID610" s="137"/>
      <c r="SIE610" s="137"/>
      <c r="SIF610" s="137"/>
      <c r="SIG610" s="137"/>
      <c r="SIH610" s="137"/>
      <c r="SII610" s="137"/>
      <c r="SIJ610" s="137"/>
      <c r="SIK610" s="137"/>
      <c r="SIL610" s="137"/>
      <c r="SIM610" s="137"/>
      <c r="SIN610" s="137"/>
      <c r="SIO610" s="137"/>
      <c r="SIP610" s="137"/>
      <c r="SIQ610" s="137"/>
      <c r="SIR610" s="137"/>
      <c r="SIS610" s="137"/>
      <c r="SIT610" s="137"/>
      <c r="SIU610" s="137"/>
      <c r="SIV610" s="137"/>
      <c r="SIW610" s="137"/>
      <c r="SIX610" s="137"/>
      <c r="SIY610" s="137"/>
      <c r="SIZ610" s="137"/>
      <c r="SJA610" s="137"/>
      <c r="SJB610" s="137"/>
      <c r="SJC610" s="137"/>
      <c r="SJD610" s="137"/>
      <c r="SJE610" s="137"/>
      <c r="SJF610" s="137"/>
      <c r="SJG610" s="137"/>
      <c r="SJH610" s="137"/>
      <c r="SJI610" s="137"/>
      <c r="SJJ610" s="137"/>
      <c r="SJK610" s="137"/>
      <c r="SJL610" s="137"/>
      <c r="SJM610" s="137"/>
      <c r="SJN610" s="137"/>
      <c r="SJO610" s="137"/>
      <c r="SJP610" s="137"/>
      <c r="SJQ610" s="137"/>
      <c r="SJR610" s="137"/>
      <c r="SJS610" s="137"/>
      <c r="SJT610" s="137"/>
      <c r="SJU610" s="137"/>
      <c r="SJV610" s="137"/>
      <c r="SJW610" s="137"/>
      <c r="SJX610" s="137"/>
      <c r="SJY610" s="137"/>
      <c r="SJZ610" s="137"/>
      <c r="SKA610" s="137"/>
      <c r="SKB610" s="137"/>
      <c r="SKC610" s="137"/>
      <c r="SKD610" s="137"/>
      <c r="SKE610" s="137"/>
      <c r="SKF610" s="137"/>
      <c r="SKG610" s="137"/>
      <c r="SKH610" s="137"/>
      <c r="SKI610" s="137"/>
      <c r="SKJ610" s="137"/>
      <c r="SKK610" s="137"/>
      <c r="SKL610" s="137"/>
      <c r="SKM610" s="137"/>
      <c r="SKN610" s="137"/>
      <c r="SKO610" s="137"/>
      <c r="SKP610" s="137"/>
      <c r="SKQ610" s="137"/>
      <c r="SKR610" s="137"/>
      <c r="SKS610" s="137"/>
      <c r="SKT610" s="137"/>
      <c r="SKU610" s="137"/>
      <c r="SKV610" s="137"/>
      <c r="SKW610" s="137"/>
      <c r="SKX610" s="137"/>
      <c r="SKY610" s="137"/>
      <c r="SKZ610" s="137"/>
      <c r="SLA610" s="137"/>
      <c r="SLB610" s="137"/>
      <c r="SLC610" s="137"/>
      <c r="SLD610" s="137"/>
      <c r="SLE610" s="137"/>
      <c r="SLF610" s="137"/>
      <c r="SLG610" s="137"/>
      <c r="SLH610" s="137"/>
      <c r="SLI610" s="137"/>
      <c r="SLJ610" s="137"/>
      <c r="SLK610" s="137"/>
      <c r="SLL610" s="137"/>
      <c r="SLM610" s="137"/>
      <c r="SLN610" s="137"/>
      <c r="SLO610" s="137"/>
      <c r="SLP610" s="137"/>
      <c r="SLQ610" s="137"/>
      <c r="SLR610" s="137"/>
      <c r="SLS610" s="137"/>
      <c r="SLT610" s="137"/>
      <c r="SLU610" s="137"/>
      <c r="SLV610" s="137"/>
      <c r="SLW610" s="137"/>
      <c r="SLX610" s="137"/>
      <c r="SLY610" s="137"/>
      <c r="SLZ610" s="137"/>
      <c r="SMA610" s="137"/>
      <c r="SMB610" s="137"/>
      <c r="SMC610" s="137"/>
      <c r="SMD610" s="137"/>
      <c r="SME610" s="137"/>
      <c r="SMF610" s="137"/>
      <c r="SMG610" s="137"/>
      <c r="SMH610" s="137"/>
      <c r="SMI610" s="137"/>
      <c r="SMJ610" s="137"/>
      <c r="SMK610" s="137"/>
      <c r="SML610" s="137"/>
      <c r="SMM610" s="137"/>
      <c r="SMN610" s="137"/>
      <c r="SMO610" s="137"/>
      <c r="SMP610" s="137"/>
      <c r="SMQ610" s="137"/>
      <c r="SMR610" s="137"/>
      <c r="SMS610" s="137"/>
      <c r="SMT610" s="137"/>
      <c r="SMU610" s="137"/>
      <c r="SMV610" s="137"/>
      <c r="SMW610" s="137"/>
      <c r="SMX610" s="137"/>
      <c r="SMY610" s="137"/>
      <c r="SMZ610" s="137"/>
      <c r="SNA610" s="137"/>
      <c r="SNB610" s="137"/>
      <c r="SNC610" s="137"/>
      <c r="SND610" s="137"/>
      <c r="SNE610" s="137"/>
      <c r="SNF610" s="137"/>
      <c r="SNG610" s="137"/>
      <c r="SNH610" s="137"/>
      <c r="SNI610" s="137"/>
      <c r="SNJ610" s="137"/>
      <c r="SNK610" s="137"/>
      <c r="SNL610" s="137"/>
      <c r="SNM610" s="137"/>
      <c r="SNN610" s="137"/>
      <c r="SNO610" s="137"/>
      <c r="SNP610" s="137"/>
      <c r="SNQ610" s="137"/>
      <c r="SNR610" s="137"/>
      <c r="SNS610" s="137"/>
      <c r="SNT610" s="137"/>
      <c r="SNU610" s="137"/>
      <c r="SNV610" s="137"/>
      <c r="SNW610" s="137"/>
      <c r="SNX610" s="137"/>
      <c r="SNY610" s="137"/>
      <c r="SNZ610" s="137"/>
      <c r="SOA610" s="137"/>
      <c r="SOB610" s="137"/>
      <c r="SOC610" s="137"/>
      <c r="SOD610" s="137"/>
      <c r="SOE610" s="137"/>
      <c r="SOF610" s="137"/>
      <c r="SOG610" s="137"/>
      <c r="SOH610" s="137"/>
      <c r="SOI610" s="137"/>
      <c r="SOJ610" s="137"/>
      <c r="SOK610" s="137"/>
      <c r="SOL610" s="137"/>
      <c r="SOM610" s="137"/>
      <c r="SON610" s="137"/>
      <c r="SOO610" s="137"/>
      <c r="SOP610" s="137"/>
      <c r="SOQ610" s="137"/>
      <c r="SOR610" s="137"/>
      <c r="SOS610" s="137"/>
      <c r="SOT610" s="137"/>
      <c r="SOU610" s="137"/>
      <c r="SOV610" s="137"/>
      <c r="SOW610" s="137"/>
      <c r="SOX610" s="137"/>
      <c r="SOY610" s="137"/>
      <c r="SOZ610" s="137"/>
      <c r="SPA610" s="137"/>
      <c r="SPB610" s="137"/>
      <c r="SPC610" s="137"/>
      <c r="SPD610" s="137"/>
      <c r="SPE610" s="137"/>
      <c r="SPF610" s="137"/>
      <c r="SPG610" s="137"/>
      <c r="SPH610" s="137"/>
      <c r="SPI610" s="137"/>
      <c r="SPJ610" s="137"/>
      <c r="SPK610" s="137"/>
      <c r="SPL610" s="137"/>
      <c r="SPM610" s="137"/>
      <c r="SPN610" s="137"/>
      <c r="SPO610" s="137"/>
      <c r="SPP610" s="137"/>
      <c r="SPQ610" s="137"/>
      <c r="SPR610" s="137"/>
      <c r="SPS610" s="137"/>
      <c r="SPT610" s="137"/>
      <c r="SPU610" s="137"/>
      <c r="SPV610" s="137"/>
      <c r="SPW610" s="137"/>
      <c r="SPX610" s="137"/>
      <c r="SPY610" s="137"/>
      <c r="SPZ610" s="137"/>
      <c r="SQA610" s="137"/>
      <c r="SQB610" s="137"/>
      <c r="SQC610" s="137"/>
      <c r="SQD610" s="137"/>
      <c r="SQE610" s="137"/>
      <c r="SQF610" s="137"/>
      <c r="SQG610" s="137"/>
      <c r="SQH610" s="137"/>
      <c r="SQI610" s="137"/>
      <c r="SQJ610" s="137"/>
      <c r="SQK610" s="137"/>
      <c r="SQL610" s="137"/>
      <c r="SQM610" s="137"/>
      <c r="SQN610" s="137"/>
      <c r="SQO610" s="137"/>
      <c r="SQP610" s="137"/>
      <c r="SQQ610" s="137"/>
      <c r="SQR610" s="137"/>
      <c r="SQS610" s="137"/>
      <c r="SQT610" s="137"/>
      <c r="SQU610" s="137"/>
      <c r="SQV610" s="137"/>
      <c r="SQW610" s="137"/>
      <c r="SQX610" s="137"/>
      <c r="SQY610" s="137"/>
      <c r="SQZ610" s="137"/>
      <c r="SRA610" s="137"/>
      <c r="SRB610" s="137"/>
      <c r="SRC610" s="137"/>
      <c r="SRD610" s="137"/>
      <c r="SRE610" s="137"/>
      <c r="SRF610" s="137"/>
      <c r="SRG610" s="137"/>
      <c r="SRH610" s="137"/>
      <c r="SRI610" s="137"/>
      <c r="SRJ610" s="137"/>
      <c r="SRK610" s="137"/>
      <c r="SRL610" s="137"/>
      <c r="SRM610" s="137"/>
      <c r="SRN610" s="137"/>
      <c r="SRO610" s="137"/>
      <c r="SRP610" s="137"/>
      <c r="SRQ610" s="137"/>
      <c r="SRR610" s="137"/>
      <c r="SRS610" s="137"/>
      <c r="SRT610" s="137"/>
      <c r="SRU610" s="137"/>
      <c r="SRV610" s="137"/>
      <c r="SRW610" s="137"/>
      <c r="SRX610" s="137"/>
      <c r="SRY610" s="137"/>
      <c r="SRZ610" s="137"/>
      <c r="SSA610" s="137"/>
      <c r="SSB610" s="137"/>
      <c r="SSC610" s="137"/>
      <c r="SSD610" s="137"/>
      <c r="SSE610" s="137"/>
      <c r="SSF610" s="137"/>
      <c r="SSG610" s="137"/>
      <c r="SSH610" s="137"/>
      <c r="SSI610" s="137"/>
      <c r="SSJ610" s="137"/>
      <c r="SSK610" s="137"/>
      <c r="SSL610" s="137"/>
      <c r="SSM610" s="137"/>
      <c r="SSN610" s="137"/>
      <c r="SSO610" s="137"/>
      <c r="SSP610" s="137"/>
      <c r="SSQ610" s="137"/>
      <c r="SSR610" s="137"/>
      <c r="SSS610" s="137"/>
      <c r="SST610" s="137"/>
      <c r="SSU610" s="137"/>
      <c r="SSV610" s="137"/>
      <c r="SSW610" s="137"/>
      <c r="SSX610" s="137"/>
      <c r="SSY610" s="137"/>
      <c r="SSZ610" s="137"/>
      <c r="STA610" s="137"/>
      <c r="STB610" s="137"/>
      <c r="STC610" s="137"/>
      <c r="STD610" s="137"/>
      <c r="STE610" s="137"/>
      <c r="STF610" s="137"/>
      <c r="STG610" s="137"/>
      <c r="STH610" s="137"/>
      <c r="STI610" s="137"/>
      <c r="STJ610" s="137"/>
      <c r="STK610" s="137"/>
      <c r="STL610" s="137"/>
      <c r="STM610" s="137"/>
      <c r="STN610" s="137"/>
      <c r="STO610" s="137"/>
      <c r="STP610" s="137"/>
      <c r="STQ610" s="137"/>
      <c r="STR610" s="137"/>
      <c r="STS610" s="137"/>
      <c r="STT610" s="137"/>
      <c r="STU610" s="137"/>
      <c r="STV610" s="137"/>
      <c r="STW610" s="137"/>
      <c r="STX610" s="137"/>
      <c r="STY610" s="137"/>
      <c r="STZ610" s="137"/>
      <c r="SUA610" s="137"/>
      <c r="SUB610" s="137"/>
      <c r="SUC610" s="137"/>
      <c r="SUD610" s="137"/>
      <c r="SUE610" s="137"/>
      <c r="SUF610" s="137"/>
      <c r="SUG610" s="137"/>
      <c r="SUH610" s="137"/>
      <c r="SUI610" s="137"/>
      <c r="SUJ610" s="137"/>
      <c r="SUK610" s="137"/>
      <c r="SUL610" s="137"/>
      <c r="SUM610" s="137"/>
      <c r="SUN610" s="137"/>
      <c r="SUO610" s="137"/>
      <c r="SUP610" s="137"/>
      <c r="SUQ610" s="137"/>
      <c r="SUR610" s="137"/>
      <c r="SUS610" s="137"/>
      <c r="SUT610" s="137"/>
      <c r="SUU610" s="137"/>
      <c r="SUV610" s="137"/>
      <c r="SUW610" s="137"/>
      <c r="SUX610" s="137"/>
      <c r="SUY610" s="137"/>
      <c r="SUZ610" s="137"/>
      <c r="SVA610" s="137"/>
      <c r="SVB610" s="137"/>
      <c r="SVC610" s="137"/>
      <c r="SVD610" s="137"/>
      <c r="SVE610" s="137"/>
      <c r="SVF610" s="137"/>
      <c r="SVG610" s="137"/>
      <c r="SVH610" s="137"/>
      <c r="SVI610" s="137"/>
      <c r="SVJ610" s="137"/>
      <c r="SVK610" s="137"/>
      <c r="SVL610" s="137"/>
      <c r="SVM610" s="137"/>
      <c r="SVN610" s="137"/>
      <c r="SVO610" s="137"/>
      <c r="SVP610" s="137"/>
      <c r="SVQ610" s="137"/>
      <c r="SVR610" s="137"/>
      <c r="SVS610" s="137"/>
      <c r="SVT610" s="137"/>
      <c r="SVU610" s="137"/>
      <c r="SVV610" s="137"/>
      <c r="SVW610" s="137"/>
      <c r="SVX610" s="137"/>
      <c r="SVY610" s="137"/>
      <c r="SVZ610" s="137"/>
      <c r="SWA610" s="137"/>
      <c r="SWB610" s="137"/>
      <c r="SWC610" s="137"/>
      <c r="SWD610" s="137"/>
      <c r="SWE610" s="137"/>
      <c r="SWF610" s="137"/>
      <c r="SWG610" s="137"/>
      <c r="SWH610" s="137"/>
      <c r="SWI610" s="137"/>
      <c r="SWJ610" s="137"/>
      <c r="SWK610" s="137"/>
      <c r="SWL610" s="137"/>
      <c r="SWM610" s="137"/>
      <c r="SWN610" s="137"/>
      <c r="SWO610" s="137"/>
      <c r="SWP610" s="137"/>
      <c r="SWQ610" s="137"/>
      <c r="SWR610" s="137"/>
      <c r="SWS610" s="137"/>
      <c r="SWT610" s="137"/>
      <c r="SWU610" s="137"/>
      <c r="SWV610" s="137"/>
      <c r="SWW610" s="137"/>
      <c r="SWX610" s="137"/>
      <c r="SWY610" s="137"/>
      <c r="SWZ610" s="137"/>
      <c r="SXA610" s="137"/>
      <c r="SXB610" s="137"/>
      <c r="SXC610" s="137"/>
      <c r="SXD610" s="137"/>
      <c r="SXE610" s="137"/>
      <c r="SXF610" s="137"/>
      <c r="SXG610" s="137"/>
      <c r="SXH610" s="137"/>
      <c r="SXI610" s="137"/>
      <c r="SXJ610" s="137"/>
      <c r="SXK610" s="137"/>
      <c r="SXL610" s="137"/>
      <c r="SXM610" s="137"/>
      <c r="SXN610" s="137"/>
      <c r="SXO610" s="137"/>
      <c r="SXP610" s="137"/>
      <c r="SXQ610" s="137"/>
      <c r="SXR610" s="137"/>
      <c r="SXS610" s="137"/>
      <c r="SXT610" s="137"/>
      <c r="SXU610" s="137"/>
      <c r="SXV610" s="137"/>
      <c r="SXW610" s="137"/>
      <c r="SXX610" s="137"/>
      <c r="SXY610" s="137"/>
      <c r="SXZ610" s="137"/>
      <c r="SYA610" s="137"/>
      <c r="SYB610" s="137"/>
      <c r="SYC610" s="137"/>
      <c r="SYD610" s="137"/>
      <c r="SYE610" s="137"/>
      <c r="SYF610" s="137"/>
      <c r="SYG610" s="137"/>
      <c r="SYH610" s="137"/>
      <c r="SYI610" s="137"/>
      <c r="SYJ610" s="137"/>
      <c r="SYK610" s="137"/>
      <c r="SYL610" s="137"/>
      <c r="SYM610" s="137"/>
      <c r="SYN610" s="137"/>
      <c r="SYO610" s="137"/>
      <c r="SYP610" s="137"/>
      <c r="SYQ610" s="137"/>
      <c r="SYR610" s="137"/>
      <c r="SYS610" s="137"/>
      <c r="SYT610" s="137"/>
      <c r="SYU610" s="137"/>
      <c r="SYV610" s="137"/>
      <c r="SYW610" s="137"/>
      <c r="SYX610" s="137"/>
      <c r="SYY610" s="137"/>
      <c r="SYZ610" s="137"/>
      <c r="SZA610" s="137"/>
      <c r="SZB610" s="137"/>
      <c r="SZC610" s="137"/>
      <c r="SZD610" s="137"/>
      <c r="SZE610" s="137"/>
      <c r="SZF610" s="137"/>
      <c r="SZG610" s="137"/>
      <c r="SZH610" s="137"/>
      <c r="SZI610" s="137"/>
      <c r="SZJ610" s="137"/>
      <c r="SZK610" s="137"/>
      <c r="SZL610" s="137"/>
      <c r="SZM610" s="137"/>
      <c r="SZN610" s="137"/>
      <c r="SZO610" s="137"/>
      <c r="SZP610" s="137"/>
      <c r="SZQ610" s="137"/>
      <c r="SZR610" s="137"/>
      <c r="SZS610" s="137"/>
      <c r="SZT610" s="137"/>
      <c r="SZU610" s="137"/>
      <c r="SZV610" s="137"/>
      <c r="SZW610" s="137"/>
      <c r="SZX610" s="137"/>
      <c r="SZY610" s="137"/>
      <c r="SZZ610" s="137"/>
      <c r="TAA610" s="137"/>
      <c r="TAB610" s="137"/>
      <c r="TAC610" s="137"/>
      <c r="TAD610" s="137"/>
      <c r="TAE610" s="137"/>
      <c r="TAF610" s="137"/>
      <c r="TAG610" s="137"/>
      <c r="TAH610" s="137"/>
      <c r="TAI610" s="137"/>
      <c r="TAJ610" s="137"/>
      <c r="TAK610" s="137"/>
      <c r="TAL610" s="137"/>
      <c r="TAM610" s="137"/>
      <c r="TAN610" s="137"/>
      <c r="TAO610" s="137"/>
      <c r="TAP610" s="137"/>
      <c r="TAQ610" s="137"/>
      <c r="TAR610" s="137"/>
      <c r="TAS610" s="137"/>
      <c r="TAT610" s="137"/>
      <c r="TAU610" s="137"/>
      <c r="TAV610" s="137"/>
      <c r="TAW610" s="137"/>
      <c r="TAX610" s="137"/>
      <c r="TAY610" s="137"/>
      <c r="TAZ610" s="137"/>
      <c r="TBA610" s="137"/>
      <c r="TBB610" s="137"/>
      <c r="TBC610" s="137"/>
      <c r="TBD610" s="137"/>
      <c r="TBE610" s="137"/>
      <c r="TBF610" s="137"/>
      <c r="TBG610" s="137"/>
      <c r="TBH610" s="137"/>
      <c r="TBI610" s="137"/>
      <c r="TBJ610" s="137"/>
      <c r="TBK610" s="137"/>
      <c r="TBL610" s="137"/>
      <c r="TBM610" s="137"/>
      <c r="TBN610" s="137"/>
      <c r="TBO610" s="137"/>
      <c r="TBP610" s="137"/>
      <c r="TBQ610" s="137"/>
      <c r="TBR610" s="137"/>
      <c r="TBS610" s="137"/>
      <c r="TBT610" s="137"/>
      <c r="TBU610" s="137"/>
      <c r="TBV610" s="137"/>
      <c r="TBW610" s="137"/>
      <c r="TBX610" s="137"/>
      <c r="TBY610" s="137"/>
      <c r="TBZ610" s="137"/>
      <c r="TCA610" s="137"/>
      <c r="TCB610" s="137"/>
      <c r="TCC610" s="137"/>
      <c r="TCD610" s="137"/>
      <c r="TCE610" s="137"/>
      <c r="TCF610" s="137"/>
      <c r="TCG610" s="137"/>
      <c r="TCH610" s="137"/>
      <c r="TCI610" s="137"/>
      <c r="TCJ610" s="137"/>
      <c r="TCK610" s="137"/>
      <c r="TCL610" s="137"/>
      <c r="TCM610" s="137"/>
      <c r="TCN610" s="137"/>
      <c r="TCO610" s="137"/>
      <c r="TCP610" s="137"/>
      <c r="TCQ610" s="137"/>
      <c r="TCR610" s="137"/>
      <c r="TCS610" s="137"/>
      <c r="TCT610" s="137"/>
      <c r="TCU610" s="137"/>
      <c r="TCV610" s="137"/>
      <c r="TCW610" s="137"/>
      <c r="TCX610" s="137"/>
      <c r="TCY610" s="137"/>
      <c r="TCZ610" s="137"/>
      <c r="TDA610" s="137"/>
      <c r="TDB610" s="137"/>
      <c r="TDC610" s="137"/>
      <c r="TDD610" s="137"/>
      <c r="TDE610" s="137"/>
      <c r="TDF610" s="137"/>
      <c r="TDG610" s="137"/>
      <c r="TDH610" s="137"/>
      <c r="TDI610" s="137"/>
      <c r="TDJ610" s="137"/>
      <c r="TDK610" s="137"/>
      <c r="TDL610" s="137"/>
      <c r="TDM610" s="137"/>
      <c r="TDN610" s="137"/>
      <c r="TDO610" s="137"/>
      <c r="TDP610" s="137"/>
      <c r="TDQ610" s="137"/>
      <c r="TDR610" s="137"/>
      <c r="TDS610" s="137"/>
      <c r="TDT610" s="137"/>
      <c r="TDU610" s="137"/>
      <c r="TDV610" s="137"/>
      <c r="TDW610" s="137"/>
      <c r="TDX610" s="137"/>
      <c r="TDY610" s="137"/>
      <c r="TDZ610" s="137"/>
      <c r="TEA610" s="137"/>
      <c r="TEB610" s="137"/>
      <c r="TEC610" s="137"/>
      <c r="TED610" s="137"/>
      <c r="TEE610" s="137"/>
      <c r="TEF610" s="137"/>
      <c r="TEG610" s="137"/>
      <c r="TEH610" s="137"/>
      <c r="TEI610" s="137"/>
      <c r="TEJ610" s="137"/>
      <c r="TEK610" s="137"/>
      <c r="TEL610" s="137"/>
      <c r="TEM610" s="137"/>
      <c r="TEN610" s="137"/>
      <c r="TEO610" s="137"/>
      <c r="TEP610" s="137"/>
      <c r="TEQ610" s="137"/>
      <c r="TER610" s="137"/>
      <c r="TES610" s="137"/>
      <c r="TET610" s="137"/>
      <c r="TEU610" s="137"/>
      <c r="TEV610" s="137"/>
      <c r="TEW610" s="137"/>
      <c r="TEX610" s="137"/>
      <c r="TEY610" s="137"/>
      <c r="TEZ610" s="137"/>
      <c r="TFA610" s="137"/>
      <c r="TFB610" s="137"/>
      <c r="TFC610" s="137"/>
      <c r="TFD610" s="137"/>
      <c r="TFE610" s="137"/>
      <c r="TFF610" s="137"/>
      <c r="TFG610" s="137"/>
      <c r="TFH610" s="137"/>
      <c r="TFI610" s="137"/>
      <c r="TFJ610" s="137"/>
      <c r="TFK610" s="137"/>
      <c r="TFL610" s="137"/>
      <c r="TFM610" s="137"/>
      <c r="TFN610" s="137"/>
      <c r="TFO610" s="137"/>
      <c r="TFP610" s="137"/>
      <c r="TFQ610" s="137"/>
      <c r="TFR610" s="137"/>
      <c r="TFS610" s="137"/>
      <c r="TFT610" s="137"/>
      <c r="TFU610" s="137"/>
      <c r="TFV610" s="137"/>
      <c r="TFW610" s="137"/>
      <c r="TFX610" s="137"/>
      <c r="TFY610" s="137"/>
      <c r="TFZ610" s="137"/>
      <c r="TGA610" s="137"/>
      <c r="TGB610" s="137"/>
      <c r="TGC610" s="137"/>
      <c r="TGD610" s="137"/>
      <c r="TGE610" s="137"/>
      <c r="TGF610" s="137"/>
      <c r="TGG610" s="137"/>
      <c r="TGH610" s="137"/>
      <c r="TGI610" s="137"/>
      <c r="TGJ610" s="137"/>
      <c r="TGK610" s="137"/>
      <c r="TGL610" s="137"/>
      <c r="TGM610" s="137"/>
      <c r="TGN610" s="137"/>
      <c r="TGO610" s="137"/>
      <c r="TGP610" s="137"/>
      <c r="TGQ610" s="137"/>
      <c r="TGR610" s="137"/>
      <c r="TGS610" s="137"/>
      <c r="TGT610" s="137"/>
      <c r="TGU610" s="137"/>
      <c r="TGV610" s="137"/>
      <c r="TGW610" s="137"/>
      <c r="TGX610" s="137"/>
      <c r="TGY610" s="137"/>
      <c r="TGZ610" s="137"/>
      <c r="THA610" s="137"/>
      <c r="THB610" s="137"/>
      <c r="THC610" s="137"/>
      <c r="THD610" s="137"/>
      <c r="THE610" s="137"/>
      <c r="THF610" s="137"/>
      <c r="THG610" s="137"/>
      <c r="THH610" s="137"/>
      <c r="THI610" s="137"/>
      <c r="THJ610" s="137"/>
      <c r="THK610" s="137"/>
      <c r="THL610" s="137"/>
      <c r="THM610" s="137"/>
      <c r="THN610" s="137"/>
      <c r="THO610" s="137"/>
      <c r="THP610" s="137"/>
      <c r="THQ610" s="137"/>
      <c r="THR610" s="137"/>
      <c r="THS610" s="137"/>
      <c r="THT610" s="137"/>
      <c r="THU610" s="137"/>
      <c r="THV610" s="137"/>
      <c r="THW610" s="137"/>
      <c r="THX610" s="137"/>
      <c r="THY610" s="137"/>
      <c r="THZ610" s="137"/>
      <c r="TIA610" s="137"/>
      <c r="TIB610" s="137"/>
      <c r="TIC610" s="137"/>
      <c r="TID610" s="137"/>
      <c r="TIE610" s="137"/>
      <c r="TIF610" s="137"/>
      <c r="TIG610" s="137"/>
      <c r="TIH610" s="137"/>
      <c r="TII610" s="137"/>
      <c r="TIJ610" s="137"/>
      <c r="TIK610" s="137"/>
      <c r="TIL610" s="137"/>
      <c r="TIM610" s="137"/>
      <c r="TIN610" s="137"/>
      <c r="TIO610" s="137"/>
      <c r="TIP610" s="137"/>
      <c r="TIQ610" s="137"/>
      <c r="TIR610" s="137"/>
      <c r="TIS610" s="137"/>
      <c r="TIT610" s="137"/>
      <c r="TIU610" s="137"/>
      <c r="TIV610" s="137"/>
      <c r="TIW610" s="137"/>
      <c r="TIX610" s="137"/>
      <c r="TIY610" s="137"/>
      <c r="TIZ610" s="137"/>
      <c r="TJA610" s="137"/>
      <c r="TJB610" s="137"/>
      <c r="TJC610" s="137"/>
      <c r="TJD610" s="137"/>
      <c r="TJE610" s="137"/>
      <c r="TJF610" s="137"/>
      <c r="TJG610" s="137"/>
      <c r="TJH610" s="137"/>
      <c r="TJI610" s="137"/>
      <c r="TJJ610" s="137"/>
      <c r="TJK610" s="137"/>
      <c r="TJL610" s="137"/>
      <c r="TJM610" s="137"/>
      <c r="TJN610" s="137"/>
      <c r="TJO610" s="137"/>
      <c r="TJP610" s="137"/>
      <c r="TJQ610" s="137"/>
      <c r="TJR610" s="137"/>
      <c r="TJS610" s="137"/>
      <c r="TJT610" s="137"/>
      <c r="TJU610" s="137"/>
      <c r="TJV610" s="137"/>
      <c r="TJW610" s="137"/>
      <c r="TJX610" s="137"/>
      <c r="TJY610" s="137"/>
      <c r="TJZ610" s="137"/>
      <c r="TKA610" s="137"/>
      <c r="TKB610" s="137"/>
      <c r="TKC610" s="137"/>
      <c r="TKD610" s="137"/>
      <c r="TKE610" s="137"/>
      <c r="TKF610" s="137"/>
      <c r="TKG610" s="137"/>
      <c r="TKH610" s="137"/>
      <c r="TKI610" s="137"/>
      <c r="TKJ610" s="137"/>
      <c r="TKK610" s="137"/>
      <c r="TKL610" s="137"/>
      <c r="TKM610" s="137"/>
      <c r="TKN610" s="137"/>
      <c r="TKO610" s="137"/>
      <c r="TKP610" s="137"/>
      <c r="TKQ610" s="137"/>
      <c r="TKR610" s="137"/>
      <c r="TKS610" s="137"/>
      <c r="TKT610" s="137"/>
      <c r="TKU610" s="137"/>
      <c r="TKV610" s="137"/>
      <c r="TKW610" s="137"/>
      <c r="TKX610" s="137"/>
      <c r="TKY610" s="137"/>
      <c r="TKZ610" s="137"/>
      <c r="TLA610" s="137"/>
      <c r="TLB610" s="137"/>
      <c r="TLC610" s="137"/>
      <c r="TLD610" s="137"/>
      <c r="TLE610" s="137"/>
      <c r="TLF610" s="137"/>
      <c r="TLG610" s="137"/>
      <c r="TLH610" s="137"/>
      <c r="TLI610" s="137"/>
      <c r="TLJ610" s="137"/>
      <c r="TLK610" s="137"/>
      <c r="TLL610" s="137"/>
      <c r="TLM610" s="137"/>
      <c r="TLN610" s="137"/>
      <c r="TLO610" s="137"/>
      <c r="TLP610" s="137"/>
      <c r="TLQ610" s="137"/>
      <c r="TLR610" s="137"/>
      <c r="TLS610" s="137"/>
      <c r="TLT610" s="137"/>
      <c r="TLU610" s="137"/>
      <c r="TLV610" s="137"/>
      <c r="TLW610" s="137"/>
      <c r="TLX610" s="137"/>
      <c r="TLY610" s="137"/>
      <c r="TLZ610" s="137"/>
      <c r="TMA610" s="137"/>
      <c r="TMB610" s="137"/>
      <c r="TMC610" s="137"/>
      <c r="TMD610" s="137"/>
      <c r="TME610" s="137"/>
      <c r="TMF610" s="137"/>
      <c r="TMG610" s="137"/>
      <c r="TMH610" s="137"/>
      <c r="TMI610" s="137"/>
      <c r="TMJ610" s="137"/>
      <c r="TMK610" s="137"/>
      <c r="TML610" s="137"/>
      <c r="TMM610" s="137"/>
      <c r="TMN610" s="137"/>
      <c r="TMO610" s="137"/>
      <c r="TMP610" s="137"/>
      <c r="TMQ610" s="137"/>
      <c r="TMR610" s="137"/>
      <c r="TMS610" s="137"/>
      <c r="TMT610" s="137"/>
      <c r="TMU610" s="137"/>
      <c r="TMV610" s="137"/>
      <c r="TMW610" s="137"/>
      <c r="TMX610" s="137"/>
      <c r="TMY610" s="137"/>
      <c r="TMZ610" s="137"/>
      <c r="TNA610" s="137"/>
      <c r="TNB610" s="137"/>
      <c r="TNC610" s="137"/>
      <c r="TND610" s="137"/>
      <c r="TNE610" s="137"/>
      <c r="TNF610" s="137"/>
      <c r="TNG610" s="137"/>
      <c r="TNH610" s="137"/>
      <c r="TNI610" s="137"/>
      <c r="TNJ610" s="137"/>
      <c r="TNK610" s="137"/>
      <c r="TNL610" s="137"/>
      <c r="TNM610" s="137"/>
      <c r="TNN610" s="137"/>
      <c r="TNO610" s="137"/>
      <c r="TNP610" s="137"/>
      <c r="TNQ610" s="137"/>
      <c r="TNR610" s="137"/>
      <c r="TNS610" s="137"/>
      <c r="TNT610" s="137"/>
      <c r="TNU610" s="137"/>
      <c r="TNV610" s="137"/>
      <c r="TNW610" s="137"/>
      <c r="TNX610" s="137"/>
      <c r="TNY610" s="137"/>
      <c r="TNZ610" s="137"/>
      <c r="TOA610" s="137"/>
      <c r="TOB610" s="137"/>
      <c r="TOC610" s="137"/>
      <c r="TOD610" s="137"/>
      <c r="TOE610" s="137"/>
      <c r="TOF610" s="137"/>
      <c r="TOG610" s="137"/>
      <c r="TOH610" s="137"/>
      <c r="TOI610" s="137"/>
      <c r="TOJ610" s="137"/>
      <c r="TOK610" s="137"/>
      <c r="TOL610" s="137"/>
      <c r="TOM610" s="137"/>
      <c r="TON610" s="137"/>
      <c r="TOO610" s="137"/>
      <c r="TOP610" s="137"/>
      <c r="TOQ610" s="137"/>
      <c r="TOR610" s="137"/>
      <c r="TOS610" s="137"/>
      <c r="TOT610" s="137"/>
      <c r="TOU610" s="137"/>
      <c r="TOV610" s="137"/>
      <c r="TOW610" s="137"/>
      <c r="TOX610" s="137"/>
      <c r="TOY610" s="137"/>
      <c r="TOZ610" s="137"/>
      <c r="TPA610" s="137"/>
      <c r="TPB610" s="137"/>
      <c r="TPC610" s="137"/>
      <c r="TPD610" s="137"/>
      <c r="TPE610" s="137"/>
      <c r="TPF610" s="137"/>
      <c r="TPG610" s="137"/>
      <c r="TPH610" s="137"/>
      <c r="TPI610" s="137"/>
      <c r="TPJ610" s="137"/>
      <c r="TPK610" s="137"/>
      <c r="TPL610" s="137"/>
      <c r="TPM610" s="137"/>
      <c r="TPN610" s="137"/>
      <c r="TPO610" s="137"/>
      <c r="TPP610" s="137"/>
      <c r="TPQ610" s="137"/>
      <c r="TPR610" s="137"/>
      <c r="TPS610" s="137"/>
      <c r="TPT610" s="137"/>
      <c r="TPU610" s="137"/>
      <c r="TPV610" s="137"/>
      <c r="TPW610" s="137"/>
      <c r="TPX610" s="137"/>
      <c r="TPY610" s="137"/>
      <c r="TPZ610" s="137"/>
      <c r="TQA610" s="137"/>
      <c r="TQB610" s="137"/>
      <c r="TQC610" s="137"/>
      <c r="TQD610" s="137"/>
      <c r="TQE610" s="137"/>
      <c r="TQF610" s="137"/>
      <c r="TQG610" s="137"/>
      <c r="TQH610" s="137"/>
      <c r="TQI610" s="137"/>
      <c r="TQJ610" s="137"/>
      <c r="TQK610" s="137"/>
      <c r="TQL610" s="137"/>
      <c r="TQM610" s="137"/>
      <c r="TQN610" s="137"/>
      <c r="TQO610" s="137"/>
      <c r="TQP610" s="137"/>
      <c r="TQQ610" s="137"/>
      <c r="TQR610" s="137"/>
      <c r="TQS610" s="137"/>
      <c r="TQT610" s="137"/>
      <c r="TQU610" s="137"/>
      <c r="TQV610" s="137"/>
      <c r="TQW610" s="137"/>
      <c r="TQX610" s="137"/>
      <c r="TQY610" s="137"/>
      <c r="TQZ610" s="137"/>
      <c r="TRA610" s="137"/>
      <c r="TRB610" s="137"/>
      <c r="TRC610" s="137"/>
      <c r="TRD610" s="137"/>
      <c r="TRE610" s="137"/>
      <c r="TRF610" s="137"/>
      <c r="TRG610" s="137"/>
      <c r="TRH610" s="137"/>
      <c r="TRI610" s="137"/>
      <c r="TRJ610" s="137"/>
      <c r="TRK610" s="137"/>
      <c r="TRL610" s="137"/>
      <c r="TRM610" s="137"/>
      <c r="TRN610" s="137"/>
      <c r="TRO610" s="137"/>
      <c r="TRP610" s="137"/>
      <c r="TRQ610" s="137"/>
      <c r="TRR610" s="137"/>
      <c r="TRS610" s="137"/>
      <c r="TRT610" s="137"/>
      <c r="TRU610" s="137"/>
      <c r="TRV610" s="137"/>
      <c r="TRW610" s="137"/>
      <c r="TRX610" s="137"/>
      <c r="TRY610" s="137"/>
      <c r="TRZ610" s="137"/>
      <c r="TSA610" s="137"/>
      <c r="TSB610" s="137"/>
      <c r="TSC610" s="137"/>
      <c r="TSD610" s="137"/>
      <c r="TSE610" s="137"/>
      <c r="TSF610" s="137"/>
      <c r="TSG610" s="137"/>
      <c r="TSH610" s="137"/>
      <c r="TSI610" s="137"/>
      <c r="TSJ610" s="137"/>
      <c r="TSK610" s="137"/>
      <c r="TSL610" s="137"/>
      <c r="TSM610" s="137"/>
      <c r="TSN610" s="137"/>
      <c r="TSO610" s="137"/>
      <c r="TSP610" s="137"/>
      <c r="TSQ610" s="137"/>
      <c r="TSR610" s="137"/>
      <c r="TSS610" s="137"/>
      <c r="TST610" s="137"/>
      <c r="TSU610" s="137"/>
      <c r="TSV610" s="137"/>
      <c r="TSW610" s="137"/>
      <c r="TSX610" s="137"/>
      <c r="TSY610" s="137"/>
      <c r="TSZ610" s="137"/>
      <c r="TTA610" s="137"/>
      <c r="TTB610" s="137"/>
      <c r="TTC610" s="137"/>
      <c r="TTD610" s="137"/>
      <c r="TTE610" s="137"/>
      <c r="TTF610" s="137"/>
      <c r="TTG610" s="137"/>
      <c r="TTH610" s="137"/>
      <c r="TTI610" s="137"/>
      <c r="TTJ610" s="137"/>
      <c r="TTK610" s="137"/>
      <c r="TTL610" s="137"/>
      <c r="TTM610" s="137"/>
      <c r="TTN610" s="137"/>
      <c r="TTO610" s="137"/>
      <c r="TTP610" s="137"/>
      <c r="TTQ610" s="137"/>
      <c r="TTR610" s="137"/>
      <c r="TTS610" s="137"/>
      <c r="TTT610" s="137"/>
      <c r="TTU610" s="137"/>
      <c r="TTV610" s="137"/>
      <c r="TTW610" s="137"/>
      <c r="TTX610" s="137"/>
      <c r="TTY610" s="137"/>
      <c r="TTZ610" s="137"/>
      <c r="TUA610" s="137"/>
      <c r="TUB610" s="137"/>
      <c r="TUC610" s="137"/>
      <c r="TUD610" s="137"/>
      <c r="TUE610" s="137"/>
      <c r="TUF610" s="137"/>
      <c r="TUG610" s="137"/>
      <c r="TUH610" s="137"/>
      <c r="TUI610" s="137"/>
      <c r="TUJ610" s="137"/>
      <c r="TUK610" s="137"/>
      <c r="TUL610" s="137"/>
      <c r="TUM610" s="137"/>
      <c r="TUN610" s="137"/>
      <c r="TUO610" s="137"/>
      <c r="TUP610" s="137"/>
      <c r="TUQ610" s="137"/>
      <c r="TUR610" s="137"/>
      <c r="TUS610" s="137"/>
      <c r="TUT610" s="137"/>
      <c r="TUU610" s="137"/>
      <c r="TUV610" s="137"/>
      <c r="TUW610" s="137"/>
      <c r="TUX610" s="137"/>
      <c r="TUY610" s="137"/>
      <c r="TUZ610" s="137"/>
      <c r="TVA610" s="137"/>
      <c r="TVB610" s="137"/>
      <c r="TVC610" s="137"/>
      <c r="TVD610" s="137"/>
      <c r="TVE610" s="137"/>
      <c r="TVF610" s="137"/>
      <c r="TVG610" s="137"/>
      <c r="TVH610" s="137"/>
      <c r="TVI610" s="137"/>
      <c r="TVJ610" s="137"/>
      <c r="TVK610" s="137"/>
      <c r="TVL610" s="137"/>
      <c r="TVM610" s="137"/>
      <c r="TVN610" s="137"/>
      <c r="TVO610" s="137"/>
      <c r="TVP610" s="137"/>
      <c r="TVQ610" s="137"/>
      <c r="TVR610" s="137"/>
      <c r="TVS610" s="137"/>
      <c r="TVT610" s="137"/>
      <c r="TVU610" s="137"/>
      <c r="TVV610" s="137"/>
      <c r="TVW610" s="137"/>
      <c r="TVX610" s="137"/>
      <c r="TVY610" s="137"/>
      <c r="TVZ610" s="137"/>
      <c r="TWA610" s="137"/>
      <c r="TWB610" s="137"/>
      <c r="TWC610" s="137"/>
      <c r="TWD610" s="137"/>
      <c r="TWE610" s="137"/>
      <c r="TWF610" s="137"/>
      <c r="TWG610" s="137"/>
      <c r="TWH610" s="137"/>
      <c r="TWI610" s="137"/>
      <c r="TWJ610" s="137"/>
      <c r="TWK610" s="137"/>
      <c r="TWL610" s="137"/>
      <c r="TWM610" s="137"/>
      <c r="TWN610" s="137"/>
      <c r="TWO610" s="137"/>
      <c r="TWP610" s="137"/>
      <c r="TWQ610" s="137"/>
      <c r="TWR610" s="137"/>
      <c r="TWS610" s="137"/>
      <c r="TWT610" s="137"/>
      <c r="TWU610" s="137"/>
      <c r="TWV610" s="137"/>
      <c r="TWW610" s="137"/>
      <c r="TWX610" s="137"/>
      <c r="TWY610" s="137"/>
      <c r="TWZ610" s="137"/>
      <c r="TXA610" s="137"/>
      <c r="TXB610" s="137"/>
      <c r="TXC610" s="137"/>
      <c r="TXD610" s="137"/>
      <c r="TXE610" s="137"/>
      <c r="TXF610" s="137"/>
      <c r="TXG610" s="137"/>
      <c r="TXH610" s="137"/>
      <c r="TXI610" s="137"/>
      <c r="TXJ610" s="137"/>
      <c r="TXK610" s="137"/>
      <c r="TXL610" s="137"/>
      <c r="TXM610" s="137"/>
      <c r="TXN610" s="137"/>
      <c r="TXO610" s="137"/>
      <c r="TXP610" s="137"/>
      <c r="TXQ610" s="137"/>
      <c r="TXR610" s="137"/>
      <c r="TXS610" s="137"/>
      <c r="TXT610" s="137"/>
      <c r="TXU610" s="137"/>
      <c r="TXV610" s="137"/>
      <c r="TXW610" s="137"/>
      <c r="TXX610" s="137"/>
      <c r="TXY610" s="137"/>
      <c r="TXZ610" s="137"/>
      <c r="TYA610" s="137"/>
      <c r="TYB610" s="137"/>
      <c r="TYC610" s="137"/>
      <c r="TYD610" s="137"/>
      <c r="TYE610" s="137"/>
      <c r="TYF610" s="137"/>
      <c r="TYG610" s="137"/>
      <c r="TYH610" s="137"/>
      <c r="TYI610" s="137"/>
      <c r="TYJ610" s="137"/>
      <c r="TYK610" s="137"/>
      <c r="TYL610" s="137"/>
      <c r="TYM610" s="137"/>
      <c r="TYN610" s="137"/>
      <c r="TYO610" s="137"/>
      <c r="TYP610" s="137"/>
      <c r="TYQ610" s="137"/>
      <c r="TYR610" s="137"/>
      <c r="TYS610" s="137"/>
      <c r="TYT610" s="137"/>
      <c r="TYU610" s="137"/>
      <c r="TYV610" s="137"/>
      <c r="TYW610" s="137"/>
      <c r="TYX610" s="137"/>
      <c r="TYY610" s="137"/>
      <c r="TYZ610" s="137"/>
      <c r="TZA610" s="137"/>
      <c r="TZB610" s="137"/>
      <c r="TZC610" s="137"/>
      <c r="TZD610" s="137"/>
      <c r="TZE610" s="137"/>
      <c r="TZF610" s="137"/>
      <c r="TZG610" s="137"/>
      <c r="TZH610" s="137"/>
      <c r="TZI610" s="137"/>
      <c r="TZJ610" s="137"/>
      <c r="TZK610" s="137"/>
      <c r="TZL610" s="137"/>
      <c r="TZM610" s="137"/>
      <c r="TZN610" s="137"/>
      <c r="TZO610" s="137"/>
      <c r="TZP610" s="137"/>
      <c r="TZQ610" s="137"/>
      <c r="TZR610" s="137"/>
      <c r="TZS610" s="137"/>
      <c r="TZT610" s="137"/>
      <c r="TZU610" s="137"/>
      <c r="TZV610" s="137"/>
      <c r="TZW610" s="137"/>
      <c r="TZX610" s="137"/>
      <c r="TZY610" s="137"/>
      <c r="TZZ610" s="137"/>
      <c r="UAA610" s="137"/>
      <c r="UAB610" s="137"/>
      <c r="UAC610" s="137"/>
      <c r="UAD610" s="137"/>
      <c r="UAE610" s="137"/>
      <c r="UAF610" s="137"/>
      <c r="UAG610" s="137"/>
      <c r="UAH610" s="137"/>
      <c r="UAI610" s="137"/>
      <c r="UAJ610" s="137"/>
      <c r="UAK610" s="137"/>
      <c r="UAL610" s="137"/>
      <c r="UAM610" s="137"/>
      <c r="UAN610" s="137"/>
      <c r="UAO610" s="137"/>
      <c r="UAP610" s="137"/>
      <c r="UAQ610" s="137"/>
      <c r="UAR610" s="137"/>
      <c r="UAS610" s="137"/>
      <c r="UAT610" s="137"/>
      <c r="UAU610" s="137"/>
      <c r="UAV610" s="137"/>
      <c r="UAW610" s="137"/>
      <c r="UAX610" s="137"/>
      <c r="UAY610" s="137"/>
      <c r="UAZ610" s="137"/>
      <c r="UBA610" s="137"/>
      <c r="UBB610" s="137"/>
      <c r="UBC610" s="137"/>
      <c r="UBD610" s="137"/>
      <c r="UBE610" s="137"/>
      <c r="UBF610" s="137"/>
      <c r="UBG610" s="137"/>
      <c r="UBH610" s="137"/>
      <c r="UBI610" s="137"/>
      <c r="UBJ610" s="137"/>
      <c r="UBK610" s="137"/>
      <c r="UBL610" s="137"/>
      <c r="UBM610" s="137"/>
      <c r="UBN610" s="137"/>
      <c r="UBO610" s="137"/>
      <c r="UBP610" s="137"/>
      <c r="UBQ610" s="137"/>
      <c r="UBR610" s="137"/>
      <c r="UBS610" s="137"/>
      <c r="UBT610" s="137"/>
      <c r="UBU610" s="137"/>
      <c r="UBV610" s="137"/>
      <c r="UBW610" s="137"/>
      <c r="UBX610" s="137"/>
      <c r="UBY610" s="137"/>
      <c r="UBZ610" s="137"/>
      <c r="UCA610" s="137"/>
      <c r="UCB610" s="137"/>
      <c r="UCC610" s="137"/>
      <c r="UCD610" s="137"/>
      <c r="UCE610" s="137"/>
      <c r="UCF610" s="137"/>
      <c r="UCG610" s="137"/>
      <c r="UCH610" s="137"/>
      <c r="UCI610" s="137"/>
      <c r="UCJ610" s="137"/>
      <c r="UCK610" s="137"/>
      <c r="UCL610" s="137"/>
      <c r="UCM610" s="137"/>
      <c r="UCN610" s="137"/>
      <c r="UCO610" s="137"/>
      <c r="UCP610" s="137"/>
      <c r="UCQ610" s="137"/>
      <c r="UCR610" s="137"/>
      <c r="UCS610" s="137"/>
      <c r="UCT610" s="137"/>
      <c r="UCU610" s="137"/>
      <c r="UCV610" s="137"/>
      <c r="UCW610" s="137"/>
      <c r="UCX610" s="137"/>
      <c r="UCY610" s="137"/>
      <c r="UCZ610" s="137"/>
      <c r="UDA610" s="137"/>
      <c r="UDB610" s="137"/>
      <c r="UDC610" s="137"/>
      <c r="UDD610" s="137"/>
      <c r="UDE610" s="137"/>
      <c r="UDF610" s="137"/>
      <c r="UDG610" s="137"/>
      <c r="UDH610" s="137"/>
      <c r="UDI610" s="137"/>
      <c r="UDJ610" s="137"/>
      <c r="UDK610" s="137"/>
      <c r="UDL610" s="137"/>
      <c r="UDM610" s="137"/>
      <c r="UDN610" s="137"/>
      <c r="UDO610" s="137"/>
      <c r="UDP610" s="137"/>
      <c r="UDQ610" s="137"/>
      <c r="UDR610" s="137"/>
      <c r="UDS610" s="137"/>
      <c r="UDT610" s="137"/>
      <c r="UDU610" s="137"/>
      <c r="UDV610" s="137"/>
      <c r="UDW610" s="137"/>
      <c r="UDX610" s="137"/>
      <c r="UDY610" s="137"/>
      <c r="UDZ610" s="137"/>
      <c r="UEA610" s="137"/>
      <c r="UEB610" s="137"/>
      <c r="UEC610" s="137"/>
      <c r="UED610" s="137"/>
      <c r="UEE610" s="137"/>
      <c r="UEF610" s="137"/>
      <c r="UEG610" s="137"/>
      <c r="UEH610" s="137"/>
      <c r="UEI610" s="137"/>
      <c r="UEJ610" s="137"/>
      <c r="UEK610" s="137"/>
      <c r="UEL610" s="137"/>
      <c r="UEM610" s="137"/>
      <c r="UEN610" s="137"/>
      <c r="UEO610" s="137"/>
      <c r="UEP610" s="137"/>
      <c r="UEQ610" s="137"/>
      <c r="UER610" s="137"/>
      <c r="UES610" s="137"/>
      <c r="UET610" s="137"/>
      <c r="UEU610" s="137"/>
      <c r="UEV610" s="137"/>
      <c r="UEW610" s="137"/>
      <c r="UEX610" s="137"/>
      <c r="UEY610" s="137"/>
      <c r="UEZ610" s="137"/>
      <c r="UFA610" s="137"/>
      <c r="UFB610" s="137"/>
      <c r="UFC610" s="137"/>
      <c r="UFD610" s="137"/>
      <c r="UFE610" s="137"/>
      <c r="UFF610" s="137"/>
      <c r="UFG610" s="137"/>
      <c r="UFH610" s="137"/>
      <c r="UFI610" s="137"/>
      <c r="UFJ610" s="137"/>
      <c r="UFK610" s="137"/>
      <c r="UFL610" s="137"/>
      <c r="UFM610" s="137"/>
      <c r="UFN610" s="137"/>
      <c r="UFO610" s="137"/>
      <c r="UFP610" s="137"/>
      <c r="UFQ610" s="137"/>
      <c r="UFR610" s="137"/>
      <c r="UFS610" s="137"/>
      <c r="UFT610" s="137"/>
      <c r="UFU610" s="137"/>
      <c r="UFV610" s="137"/>
      <c r="UFW610" s="137"/>
      <c r="UFX610" s="137"/>
      <c r="UFY610" s="137"/>
      <c r="UFZ610" s="137"/>
      <c r="UGA610" s="137"/>
      <c r="UGB610" s="137"/>
      <c r="UGC610" s="137"/>
      <c r="UGD610" s="137"/>
      <c r="UGE610" s="137"/>
      <c r="UGF610" s="137"/>
      <c r="UGG610" s="137"/>
      <c r="UGH610" s="137"/>
      <c r="UGI610" s="137"/>
      <c r="UGJ610" s="137"/>
      <c r="UGK610" s="137"/>
      <c r="UGL610" s="137"/>
      <c r="UGM610" s="137"/>
      <c r="UGN610" s="137"/>
      <c r="UGO610" s="137"/>
      <c r="UGP610" s="137"/>
      <c r="UGQ610" s="137"/>
      <c r="UGR610" s="137"/>
      <c r="UGS610" s="137"/>
      <c r="UGT610" s="137"/>
      <c r="UGU610" s="137"/>
      <c r="UGV610" s="137"/>
      <c r="UGW610" s="137"/>
      <c r="UGX610" s="137"/>
      <c r="UGY610" s="137"/>
      <c r="UGZ610" s="137"/>
      <c r="UHA610" s="137"/>
      <c r="UHB610" s="137"/>
      <c r="UHC610" s="137"/>
      <c r="UHD610" s="137"/>
      <c r="UHE610" s="137"/>
      <c r="UHF610" s="137"/>
      <c r="UHG610" s="137"/>
      <c r="UHH610" s="137"/>
      <c r="UHI610" s="137"/>
      <c r="UHJ610" s="137"/>
      <c r="UHK610" s="137"/>
      <c r="UHL610" s="137"/>
      <c r="UHM610" s="137"/>
      <c r="UHN610" s="137"/>
      <c r="UHO610" s="137"/>
      <c r="UHP610" s="137"/>
      <c r="UHQ610" s="137"/>
      <c r="UHR610" s="137"/>
      <c r="UHS610" s="137"/>
      <c r="UHT610" s="137"/>
      <c r="UHU610" s="137"/>
      <c r="UHV610" s="137"/>
      <c r="UHW610" s="137"/>
      <c r="UHX610" s="137"/>
      <c r="UHY610" s="137"/>
      <c r="UHZ610" s="137"/>
      <c r="UIA610" s="137"/>
      <c r="UIB610" s="137"/>
      <c r="UIC610" s="137"/>
      <c r="UID610" s="137"/>
      <c r="UIE610" s="137"/>
      <c r="UIF610" s="137"/>
      <c r="UIG610" s="137"/>
      <c r="UIH610" s="137"/>
      <c r="UII610" s="137"/>
      <c r="UIJ610" s="137"/>
      <c r="UIK610" s="137"/>
      <c r="UIL610" s="137"/>
      <c r="UIM610" s="137"/>
      <c r="UIN610" s="137"/>
      <c r="UIO610" s="137"/>
      <c r="UIP610" s="137"/>
      <c r="UIQ610" s="137"/>
      <c r="UIR610" s="137"/>
      <c r="UIS610" s="137"/>
      <c r="UIT610" s="137"/>
      <c r="UIU610" s="137"/>
      <c r="UIV610" s="137"/>
      <c r="UIW610" s="137"/>
      <c r="UIX610" s="137"/>
      <c r="UIY610" s="137"/>
      <c r="UIZ610" s="137"/>
      <c r="UJA610" s="137"/>
      <c r="UJB610" s="137"/>
      <c r="UJC610" s="137"/>
      <c r="UJD610" s="137"/>
      <c r="UJE610" s="137"/>
      <c r="UJF610" s="137"/>
      <c r="UJG610" s="137"/>
      <c r="UJH610" s="137"/>
      <c r="UJI610" s="137"/>
      <c r="UJJ610" s="137"/>
      <c r="UJK610" s="137"/>
      <c r="UJL610" s="137"/>
      <c r="UJM610" s="137"/>
      <c r="UJN610" s="137"/>
      <c r="UJO610" s="137"/>
      <c r="UJP610" s="137"/>
      <c r="UJQ610" s="137"/>
      <c r="UJR610" s="137"/>
      <c r="UJS610" s="137"/>
      <c r="UJT610" s="137"/>
      <c r="UJU610" s="137"/>
      <c r="UJV610" s="137"/>
      <c r="UJW610" s="137"/>
      <c r="UJX610" s="137"/>
      <c r="UJY610" s="137"/>
      <c r="UJZ610" s="137"/>
      <c r="UKA610" s="137"/>
      <c r="UKB610" s="137"/>
      <c r="UKC610" s="137"/>
      <c r="UKD610" s="137"/>
      <c r="UKE610" s="137"/>
      <c r="UKF610" s="137"/>
      <c r="UKG610" s="137"/>
      <c r="UKH610" s="137"/>
      <c r="UKI610" s="137"/>
      <c r="UKJ610" s="137"/>
      <c r="UKK610" s="137"/>
      <c r="UKL610" s="137"/>
      <c r="UKM610" s="137"/>
      <c r="UKN610" s="137"/>
      <c r="UKO610" s="137"/>
      <c r="UKP610" s="137"/>
      <c r="UKQ610" s="137"/>
      <c r="UKR610" s="137"/>
      <c r="UKS610" s="137"/>
      <c r="UKT610" s="137"/>
      <c r="UKU610" s="137"/>
      <c r="UKV610" s="137"/>
      <c r="UKW610" s="137"/>
      <c r="UKX610" s="137"/>
      <c r="UKY610" s="137"/>
      <c r="UKZ610" s="137"/>
      <c r="ULA610" s="137"/>
      <c r="ULB610" s="137"/>
      <c r="ULC610" s="137"/>
      <c r="ULD610" s="137"/>
      <c r="ULE610" s="137"/>
      <c r="ULF610" s="137"/>
      <c r="ULG610" s="137"/>
      <c r="ULH610" s="137"/>
      <c r="ULI610" s="137"/>
      <c r="ULJ610" s="137"/>
      <c r="ULK610" s="137"/>
      <c r="ULL610" s="137"/>
      <c r="ULM610" s="137"/>
      <c r="ULN610" s="137"/>
      <c r="ULO610" s="137"/>
      <c r="ULP610" s="137"/>
      <c r="ULQ610" s="137"/>
      <c r="ULR610" s="137"/>
      <c r="ULS610" s="137"/>
      <c r="ULT610" s="137"/>
      <c r="ULU610" s="137"/>
      <c r="ULV610" s="137"/>
      <c r="ULW610" s="137"/>
      <c r="ULX610" s="137"/>
      <c r="ULY610" s="137"/>
      <c r="ULZ610" s="137"/>
      <c r="UMA610" s="137"/>
      <c r="UMB610" s="137"/>
      <c r="UMC610" s="137"/>
      <c r="UMD610" s="137"/>
      <c r="UME610" s="137"/>
      <c r="UMF610" s="137"/>
      <c r="UMG610" s="137"/>
      <c r="UMH610" s="137"/>
      <c r="UMI610" s="137"/>
      <c r="UMJ610" s="137"/>
      <c r="UMK610" s="137"/>
      <c r="UML610" s="137"/>
      <c r="UMM610" s="137"/>
      <c r="UMN610" s="137"/>
      <c r="UMO610" s="137"/>
      <c r="UMP610" s="137"/>
      <c r="UMQ610" s="137"/>
      <c r="UMR610" s="137"/>
      <c r="UMS610" s="137"/>
      <c r="UMT610" s="137"/>
      <c r="UMU610" s="137"/>
      <c r="UMV610" s="137"/>
      <c r="UMW610" s="137"/>
      <c r="UMX610" s="137"/>
      <c r="UMY610" s="137"/>
      <c r="UMZ610" s="137"/>
      <c r="UNA610" s="137"/>
      <c r="UNB610" s="137"/>
      <c r="UNC610" s="137"/>
      <c r="UND610" s="137"/>
      <c r="UNE610" s="137"/>
      <c r="UNF610" s="137"/>
      <c r="UNG610" s="137"/>
      <c r="UNH610" s="137"/>
      <c r="UNI610" s="137"/>
      <c r="UNJ610" s="137"/>
      <c r="UNK610" s="137"/>
      <c r="UNL610" s="137"/>
      <c r="UNM610" s="137"/>
      <c r="UNN610" s="137"/>
      <c r="UNO610" s="137"/>
      <c r="UNP610" s="137"/>
      <c r="UNQ610" s="137"/>
      <c r="UNR610" s="137"/>
      <c r="UNS610" s="137"/>
      <c r="UNT610" s="137"/>
      <c r="UNU610" s="137"/>
      <c r="UNV610" s="137"/>
      <c r="UNW610" s="137"/>
      <c r="UNX610" s="137"/>
      <c r="UNY610" s="137"/>
      <c r="UNZ610" s="137"/>
      <c r="UOA610" s="137"/>
      <c r="UOB610" s="137"/>
      <c r="UOC610" s="137"/>
      <c r="UOD610" s="137"/>
      <c r="UOE610" s="137"/>
      <c r="UOF610" s="137"/>
      <c r="UOG610" s="137"/>
      <c r="UOH610" s="137"/>
      <c r="UOI610" s="137"/>
      <c r="UOJ610" s="137"/>
      <c r="UOK610" s="137"/>
      <c r="UOL610" s="137"/>
      <c r="UOM610" s="137"/>
      <c r="UON610" s="137"/>
      <c r="UOO610" s="137"/>
      <c r="UOP610" s="137"/>
      <c r="UOQ610" s="137"/>
      <c r="UOR610" s="137"/>
      <c r="UOS610" s="137"/>
      <c r="UOT610" s="137"/>
      <c r="UOU610" s="137"/>
      <c r="UOV610" s="137"/>
      <c r="UOW610" s="137"/>
      <c r="UOX610" s="137"/>
      <c r="UOY610" s="137"/>
      <c r="UOZ610" s="137"/>
      <c r="UPA610" s="137"/>
      <c r="UPB610" s="137"/>
      <c r="UPC610" s="137"/>
      <c r="UPD610" s="137"/>
      <c r="UPE610" s="137"/>
      <c r="UPF610" s="137"/>
      <c r="UPG610" s="137"/>
      <c r="UPH610" s="137"/>
      <c r="UPI610" s="137"/>
      <c r="UPJ610" s="137"/>
      <c r="UPK610" s="137"/>
      <c r="UPL610" s="137"/>
      <c r="UPM610" s="137"/>
      <c r="UPN610" s="137"/>
      <c r="UPO610" s="137"/>
      <c r="UPP610" s="137"/>
      <c r="UPQ610" s="137"/>
      <c r="UPR610" s="137"/>
      <c r="UPS610" s="137"/>
      <c r="UPT610" s="137"/>
      <c r="UPU610" s="137"/>
      <c r="UPV610" s="137"/>
      <c r="UPW610" s="137"/>
      <c r="UPX610" s="137"/>
      <c r="UPY610" s="137"/>
      <c r="UPZ610" s="137"/>
      <c r="UQA610" s="137"/>
      <c r="UQB610" s="137"/>
      <c r="UQC610" s="137"/>
      <c r="UQD610" s="137"/>
      <c r="UQE610" s="137"/>
      <c r="UQF610" s="137"/>
      <c r="UQG610" s="137"/>
      <c r="UQH610" s="137"/>
      <c r="UQI610" s="137"/>
      <c r="UQJ610" s="137"/>
      <c r="UQK610" s="137"/>
      <c r="UQL610" s="137"/>
      <c r="UQM610" s="137"/>
      <c r="UQN610" s="137"/>
      <c r="UQO610" s="137"/>
      <c r="UQP610" s="137"/>
      <c r="UQQ610" s="137"/>
      <c r="UQR610" s="137"/>
      <c r="UQS610" s="137"/>
      <c r="UQT610" s="137"/>
      <c r="UQU610" s="137"/>
      <c r="UQV610" s="137"/>
      <c r="UQW610" s="137"/>
      <c r="UQX610" s="137"/>
      <c r="UQY610" s="137"/>
      <c r="UQZ610" s="137"/>
      <c r="URA610" s="137"/>
      <c r="URB610" s="137"/>
      <c r="URC610" s="137"/>
      <c r="URD610" s="137"/>
      <c r="URE610" s="137"/>
      <c r="URF610" s="137"/>
      <c r="URG610" s="137"/>
      <c r="URH610" s="137"/>
      <c r="URI610" s="137"/>
      <c r="URJ610" s="137"/>
      <c r="URK610" s="137"/>
      <c r="URL610" s="137"/>
      <c r="URM610" s="137"/>
      <c r="URN610" s="137"/>
      <c r="URO610" s="137"/>
      <c r="URP610" s="137"/>
      <c r="URQ610" s="137"/>
      <c r="URR610" s="137"/>
      <c r="URS610" s="137"/>
      <c r="URT610" s="137"/>
      <c r="URU610" s="137"/>
      <c r="URV610" s="137"/>
      <c r="URW610" s="137"/>
      <c r="URX610" s="137"/>
      <c r="URY610" s="137"/>
      <c r="URZ610" s="137"/>
      <c r="USA610" s="137"/>
      <c r="USB610" s="137"/>
      <c r="USC610" s="137"/>
      <c r="USD610" s="137"/>
      <c r="USE610" s="137"/>
      <c r="USF610" s="137"/>
      <c r="USG610" s="137"/>
      <c r="USH610" s="137"/>
      <c r="USI610" s="137"/>
      <c r="USJ610" s="137"/>
      <c r="USK610" s="137"/>
      <c r="USL610" s="137"/>
      <c r="USM610" s="137"/>
      <c r="USN610" s="137"/>
      <c r="USO610" s="137"/>
      <c r="USP610" s="137"/>
      <c r="USQ610" s="137"/>
      <c r="USR610" s="137"/>
      <c r="USS610" s="137"/>
      <c r="UST610" s="137"/>
      <c r="USU610" s="137"/>
      <c r="USV610" s="137"/>
      <c r="USW610" s="137"/>
      <c r="USX610" s="137"/>
      <c r="USY610" s="137"/>
      <c r="USZ610" s="137"/>
      <c r="UTA610" s="137"/>
      <c r="UTB610" s="137"/>
      <c r="UTC610" s="137"/>
      <c r="UTD610" s="137"/>
      <c r="UTE610" s="137"/>
      <c r="UTF610" s="137"/>
      <c r="UTG610" s="137"/>
      <c r="UTH610" s="137"/>
      <c r="UTI610" s="137"/>
      <c r="UTJ610" s="137"/>
      <c r="UTK610" s="137"/>
      <c r="UTL610" s="137"/>
      <c r="UTM610" s="137"/>
      <c r="UTN610" s="137"/>
      <c r="UTO610" s="137"/>
      <c r="UTP610" s="137"/>
      <c r="UTQ610" s="137"/>
      <c r="UTR610" s="137"/>
      <c r="UTS610" s="137"/>
      <c r="UTT610" s="137"/>
      <c r="UTU610" s="137"/>
      <c r="UTV610" s="137"/>
      <c r="UTW610" s="137"/>
      <c r="UTX610" s="137"/>
      <c r="UTY610" s="137"/>
      <c r="UTZ610" s="137"/>
      <c r="UUA610" s="137"/>
      <c r="UUB610" s="137"/>
      <c r="UUC610" s="137"/>
      <c r="UUD610" s="137"/>
      <c r="UUE610" s="137"/>
      <c r="UUF610" s="137"/>
      <c r="UUG610" s="137"/>
      <c r="UUH610" s="137"/>
      <c r="UUI610" s="137"/>
      <c r="UUJ610" s="137"/>
      <c r="UUK610" s="137"/>
      <c r="UUL610" s="137"/>
      <c r="UUM610" s="137"/>
      <c r="UUN610" s="137"/>
      <c r="UUO610" s="137"/>
      <c r="UUP610" s="137"/>
      <c r="UUQ610" s="137"/>
      <c r="UUR610" s="137"/>
      <c r="UUS610" s="137"/>
      <c r="UUT610" s="137"/>
      <c r="UUU610" s="137"/>
      <c r="UUV610" s="137"/>
      <c r="UUW610" s="137"/>
      <c r="UUX610" s="137"/>
      <c r="UUY610" s="137"/>
      <c r="UUZ610" s="137"/>
      <c r="UVA610" s="137"/>
      <c r="UVB610" s="137"/>
      <c r="UVC610" s="137"/>
      <c r="UVD610" s="137"/>
      <c r="UVE610" s="137"/>
      <c r="UVF610" s="137"/>
      <c r="UVG610" s="137"/>
      <c r="UVH610" s="137"/>
      <c r="UVI610" s="137"/>
      <c r="UVJ610" s="137"/>
      <c r="UVK610" s="137"/>
      <c r="UVL610" s="137"/>
      <c r="UVM610" s="137"/>
      <c r="UVN610" s="137"/>
      <c r="UVO610" s="137"/>
      <c r="UVP610" s="137"/>
      <c r="UVQ610" s="137"/>
      <c r="UVR610" s="137"/>
      <c r="UVS610" s="137"/>
      <c r="UVT610" s="137"/>
      <c r="UVU610" s="137"/>
      <c r="UVV610" s="137"/>
      <c r="UVW610" s="137"/>
      <c r="UVX610" s="137"/>
      <c r="UVY610" s="137"/>
      <c r="UVZ610" s="137"/>
      <c r="UWA610" s="137"/>
      <c r="UWB610" s="137"/>
      <c r="UWC610" s="137"/>
      <c r="UWD610" s="137"/>
      <c r="UWE610" s="137"/>
      <c r="UWF610" s="137"/>
      <c r="UWG610" s="137"/>
      <c r="UWH610" s="137"/>
      <c r="UWI610" s="137"/>
      <c r="UWJ610" s="137"/>
      <c r="UWK610" s="137"/>
      <c r="UWL610" s="137"/>
      <c r="UWM610" s="137"/>
      <c r="UWN610" s="137"/>
      <c r="UWO610" s="137"/>
      <c r="UWP610" s="137"/>
      <c r="UWQ610" s="137"/>
      <c r="UWR610" s="137"/>
      <c r="UWS610" s="137"/>
      <c r="UWT610" s="137"/>
      <c r="UWU610" s="137"/>
      <c r="UWV610" s="137"/>
      <c r="UWW610" s="137"/>
      <c r="UWX610" s="137"/>
      <c r="UWY610" s="137"/>
      <c r="UWZ610" s="137"/>
      <c r="UXA610" s="137"/>
      <c r="UXB610" s="137"/>
      <c r="UXC610" s="137"/>
      <c r="UXD610" s="137"/>
      <c r="UXE610" s="137"/>
      <c r="UXF610" s="137"/>
      <c r="UXG610" s="137"/>
      <c r="UXH610" s="137"/>
      <c r="UXI610" s="137"/>
      <c r="UXJ610" s="137"/>
      <c r="UXK610" s="137"/>
      <c r="UXL610" s="137"/>
      <c r="UXM610" s="137"/>
      <c r="UXN610" s="137"/>
      <c r="UXO610" s="137"/>
      <c r="UXP610" s="137"/>
      <c r="UXQ610" s="137"/>
      <c r="UXR610" s="137"/>
      <c r="UXS610" s="137"/>
      <c r="UXT610" s="137"/>
      <c r="UXU610" s="137"/>
      <c r="UXV610" s="137"/>
      <c r="UXW610" s="137"/>
      <c r="UXX610" s="137"/>
      <c r="UXY610" s="137"/>
      <c r="UXZ610" s="137"/>
      <c r="UYA610" s="137"/>
      <c r="UYB610" s="137"/>
      <c r="UYC610" s="137"/>
      <c r="UYD610" s="137"/>
      <c r="UYE610" s="137"/>
      <c r="UYF610" s="137"/>
      <c r="UYG610" s="137"/>
      <c r="UYH610" s="137"/>
      <c r="UYI610" s="137"/>
      <c r="UYJ610" s="137"/>
      <c r="UYK610" s="137"/>
      <c r="UYL610" s="137"/>
      <c r="UYM610" s="137"/>
      <c r="UYN610" s="137"/>
      <c r="UYO610" s="137"/>
      <c r="UYP610" s="137"/>
      <c r="UYQ610" s="137"/>
      <c r="UYR610" s="137"/>
      <c r="UYS610" s="137"/>
      <c r="UYT610" s="137"/>
      <c r="UYU610" s="137"/>
      <c r="UYV610" s="137"/>
      <c r="UYW610" s="137"/>
      <c r="UYX610" s="137"/>
      <c r="UYY610" s="137"/>
      <c r="UYZ610" s="137"/>
      <c r="UZA610" s="137"/>
      <c r="UZB610" s="137"/>
      <c r="UZC610" s="137"/>
      <c r="UZD610" s="137"/>
      <c r="UZE610" s="137"/>
      <c r="UZF610" s="137"/>
      <c r="UZG610" s="137"/>
      <c r="UZH610" s="137"/>
      <c r="UZI610" s="137"/>
      <c r="UZJ610" s="137"/>
      <c r="UZK610" s="137"/>
      <c r="UZL610" s="137"/>
      <c r="UZM610" s="137"/>
      <c r="UZN610" s="137"/>
      <c r="UZO610" s="137"/>
      <c r="UZP610" s="137"/>
      <c r="UZQ610" s="137"/>
      <c r="UZR610" s="137"/>
      <c r="UZS610" s="137"/>
      <c r="UZT610" s="137"/>
      <c r="UZU610" s="137"/>
      <c r="UZV610" s="137"/>
      <c r="UZW610" s="137"/>
      <c r="UZX610" s="137"/>
      <c r="UZY610" s="137"/>
      <c r="UZZ610" s="137"/>
      <c r="VAA610" s="137"/>
      <c r="VAB610" s="137"/>
      <c r="VAC610" s="137"/>
      <c r="VAD610" s="137"/>
      <c r="VAE610" s="137"/>
      <c r="VAF610" s="137"/>
      <c r="VAG610" s="137"/>
      <c r="VAH610" s="137"/>
      <c r="VAI610" s="137"/>
      <c r="VAJ610" s="137"/>
      <c r="VAK610" s="137"/>
      <c r="VAL610" s="137"/>
      <c r="VAM610" s="137"/>
      <c r="VAN610" s="137"/>
      <c r="VAO610" s="137"/>
      <c r="VAP610" s="137"/>
      <c r="VAQ610" s="137"/>
      <c r="VAR610" s="137"/>
      <c r="VAS610" s="137"/>
      <c r="VAT610" s="137"/>
      <c r="VAU610" s="137"/>
      <c r="VAV610" s="137"/>
      <c r="VAW610" s="137"/>
      <c r="VAX610" s="137"/>
      <c r="VAY610" s="137"/>
      <c r="VAZ610" s="137"/>
      <c r="VBA610" s="137"/>
      <c r="VBB610" s="137"/>
      <c r="VBC610" s="137"/>
      <c r="VBD610" s="137"/>
      <c r="VBE610" s="137"/>
      <c r="VBF610" s="137"/>
      <c r="VBG610" s="137"/>
      <c r="VBH610" s="137"/>
      <c r="VBI610" s="137"/>
      <c r="VBJ610" s="137"/>
      <c r="VBK610" s="137"/>
      <c r="VBL610" s="137"/>
      <c r="VBM610" s="137"/>
      <c r="VBN610" s="137"/>
      <c r="VBO610" s="137"/>
      <c r="VBP610" s="137"/>
      <c r="VBQ610" s="137"/>
      <c r="VBR610" s="137"/>
      <c r="VBS610" s="137"/>
      <c r="VBT610" s="137"/>
      <c r="VBU610" s="137"/>
      <c r="VBV610" s="137"/>
      <c r="VBW610" s="137"/>
      <c r="VBX610" s="137"/>
      <c r="VBY610" s="137"/>
      <c r="VBZ610" s="137"/>
      <c r="VCA610" s="137"/>
      <c r="VCB610" s="137"/>
      <c r="VCC610" s="137"/>
      <c r="VCD610" s="137"/>
      <c r="VCE610" s="137"/>
      <c r="VCF610" s="137"/>
      <c r="VCG610" s="137"/>
      <c r="VCH610" s="137"/>
      <c r="VCI610" s="137"/>
      <c r="VCJ610" s="137"/>
      <c r="VCK610" s="137"/>
      <c r="VCL610" s="137"/>
      <c r="VCM610" s="137"/>
      <c r="VCN610" s="137"/>
      <c r="VCO610" s="137"/>
      <c r="VCP610" s="137"/>
      <c r="VCQ610" s="137"/>
      <c r="VCR610" s="137"/>
      <c r="VCS610" s="137"/>
      <c r="VCT610" s="137"/>
      <c r="VCU610" s="137"/>
      <c r="VCV610" s="137"/>
      <c r="VCW610" s="137"/>
      <c r="VCX610" s="137"/>
      <c r="VCY610" s="137"/>
      <c r="VCZ610" s="137"/>
      <c r="VDA610" s="137"/>
      <c r="VDB610" s="137"/>
      <c r="VDC610" s="137"/>
      <c r="VDD610" s="137"/>
      <c r="VDE610" s="137"/>
      <c r="VDF610" s="137"/>
      <c r="VDG610" s="137"/>
      <c r="VDH610" s="137"/>
      <c r="VDI610" s="137"/>
      <c r="VDJ610" s="137"/>
      <c r="VDK610" s="137"/>
      <c r="VDL610" s="137"/>
      <c r="VDM610" s="137"/>
      <c r="VDN610" s="137"/>
      <c r="VDO610" s="137"/>
      <c r="VDP610" s="137"/>
      <c r="VDQ610" s="137"/>
      <c r="VDR610" s="137"/>
      <c r="VDS610" s="137"/>
      <c r="VDT610" s="137"/>
      <c r="VDU610" s="137"/>
      <c r="VDV610" s="137"/>
      <c r="VDW610" s="137"/>
      <c r="VDX610" s="137"/>
      <c r="VDY610" s="137"/>
      <c r="VDZ610" s="137"/>
      <c r="VEA610" s="137"/>
      <c r="VEB610" s="137"/>
      <c r="VEC610" s="137"/>
      <c r="VED610" s="137"/>
      <c r="VEE610" s="137"/>
      <c r="VEF610" s="137"/>
      <c r="VEG610" s="137"/>
      <c r="VEH610" s="137"/>
      <c r="VEI610" s="137"/>
      <c r="VEJ610" s="137"/>
      <c r="VEK610" s="137"/>
      <c r="VEL610" s="137"/>
      <c r="VEM610" s="137"/>
      <c r="VEN610" s="137"/>
      <c r="VEO610" s="137"/>
      <c r="VEP610" s="137"/>
      <c r="VEQ610" s="137"/>
      <c r="VER610" s="137"/>
      <c r="VES610" s="137"/>
      <c r="VET610" s="137"/>
      <c r="VEU610" s="137"/>
      <c r="VEV610" s="137"/>
      <c r="VEW610" s="137"/>
      <c r="VEX610" s="137"/>
      <c r="VEY610" s="137"/>
      <c r="VEZ610" s="137"/>
      <c r="VFA610" s="137"/>
      <c r="VFB610" s="137"/>
      <c r="VFC610" s="137"/>
      <c r="VFD610" s="137"/>
      <c r="VFE610" s="137"/>
      <c r="VFF610" s="137"/>
      <c r="VFG610" s="137"/>
      <c r="VFH610" s="137"/>
      <c r="VFI610" s="137"/>
      <c r="VFJ610" s="137"/>
      <c r="VFK610" s="137"/>
      <c r="VFL610" s="137"/>
      <c r="VFM610" s="137"/>
      <c r="VFN610" s="137"/>
      <c r="VFO610" s="137"/>
      <c r="VFP610" s="137"/>
      <c r="VFQ610" s="137"/>
      <c r="VFR610" s="137"/>
      <c r="VFS610" s="137"/>
      <c r="VFT610" s="137"/>
      <c r="VFU610" s="137"/>
      <c r="VFV610" s="137"/>
      <c r="VFW610" s="137"/>
      <c r="VFX610" s="137"/>
      <c r="VFY610" s="137"/>
      <c r="VFZ610" s="137"/>
      <c r="VGA610" s="137"/>
      <c r="VGB610" s="137"/>
      <c r="VGC610" s="137"/>
      <c r="VGD610" s="137"/>
      <c r="VGE610" s="137"/>
      <c r="VGF610" s="137"/>
      <c r="VGG610" s="137"/>
      <c r="VGH610" s="137"/>
      <c r="VGI610" s="137"/>
      <c r="VGJ610" s="137"/>
      <c r="VGK610" s="137"/>
      <c r="VGL610" s="137"/>
      <c r="VGM610" s="137"/>
      <c r="VGN610" s="137"/>
      <c r="VGO610" s="137"/>
      <c r="VGP610" s="137"/>
      <c r="VGQ610" s="137"/>
      <c r="VGR610" s="137"/>
      <c r="VGS610" s="137"/>
      <c r="VGT610" s="137"/>
      <c r="VGU610" s="137"/>
      <c r="VGV610" s="137"/>
      <c r="VGW610" s="137"/>
      <c r="VGX610" s="137"/>
      <c r="VGY610" s="137"/>
      <c r="VGZ610" s="137"/>
      <c r="VHA610" s="137"/>
      <c r="VHB610" s="137"/>
      <c r="VHC610" s="137"/>
      <c r="VHD610" s="137"/>
      <c r="VHE610" s="137"/>
      <c r="VHF610" s="137"/>
      <c r="VHG610" s="137"/>
      <c r="VHH610" s="137"/>
      <c r="VHI610" s="137"/>
      <c r="VHJ610" s="137"/>
      <c r="VHK610" s="137"/>
      <c r="VHL610" s="137"/>
      <c r="VHM610" s="137"/>
      <c r="VHN610" s="137"/>
      <c r="VHO610" s="137"/>
      <c r="VHP610" s="137"/>
      <c r="VHQ610" s="137"/>
      <c r="VHR610" s="137"/>
      <c r="VHS610" s="137"/>
      <c r="VHT610" s="137"/>
      <c r="VHU610" s="137"/>
      <c r="VHV610" s="137"/>
      <c r="VHW610" s="137"/>
      <c r="VHX610" s="137"/>
      <c r="VHY610" s="137"/>
      <c r="VHZ610" s="137"/>
      <c r="VIA610" s="137"/>
      <c r="VIB610" s="137"/>
      <c r="VIC610" s="137"/>
      <c r="VID610" s="137"/>
      <c r="VIE610" s="137"/>
      <c r="VIF610" s="137"/>
      <c r="VIG610" s="137"/>
      <c r="VIH610" s="137"/>
      <c r="VII610" s="137"/>
      <c r="VIJ610" s="137"/>
      <c r="VIK610" s="137"/>
      <c r="VIL610" s="137"/>
      <c r="VIM610" s="137"/>
      <c r="VIN610" s="137"/>
      <c r="VIO610" s="137"/>
      <c r="VIP610" s="137"/>
      <c r="VIQ610" s="137"/>
      <c r="VIR610" s="137"/>
      <c r="VIS610" s="137"/>
      <c r="VIT610" s="137"/>
      <c r="VIU610" s="137"/>
      <c r="VIV610" s="137"/>
      <c r="VIW610" s="137"/>
      <c r="VIX610" s="137"/>
      <c r="VIY610" s="137"/>
      <c r="VIZ610" s="137"/>
      <c r="VJA610" s="137"/>
      <c r="VJB610" s="137"/>
      <c r="VJC610" s="137"/>
      <c r="VJD610" s="137"/>
      <c r="VJE610" s="137"/>
      <c r="VJF610" s="137"/>
      <c r="VJG610" s="137"/>
      <c r="VJH610" s="137"/>
      <c r="VJI610" s="137"/>
      <c r="VJJ610" s="137"/>
      <c r="VJK610" s="137"/>
      <c r="VJL610" s="137"/>
      <c r="VJM610" s="137"/>
      <c r="VJN610" s="137"/>
      <c r="VJO610" s="137"/>
      <c r="VJP610" s="137"/>
      <c r="VJQ610" s="137"/>
      <c r="VJR610" s="137"/>
      <c r="VJS610" s="137"/>
      <c r="VJT610" s="137"/>
      <c r="VJU610" s="137"/>
      <c r="VJV610" s="137"/>
      <c r="VJW610" s="137"/>
      <c r="VJX610" s="137"/>
      <c r="VJY610" s="137"/>
      <c r="VJZ610" s="137"/>
      <c r="VKA610" s="137"/>
      <c r="VKB610" s="137"/>
      <c r="VKC610" s="137"/>
      <c r="VKD610" s="137"/>
      <c r="VKE610" s="137"/>
      <c r="VKF610" s="137"/>
      <c r="VKG610" s="137"/>
      <c r="VKH610" s="137"/>
      <c r="VKI610" s="137"/>
      <c r="VKJ610" s="137"/>
      <c r="VKK610" s="137"/>
      <c r="VKL610" s="137"/>
      <c r="VKM610" s="137"/>
      <c r="VKN610" s="137"/>
      <c r="VKO610" s="137"/>
      <c r="VKP610" s="137"/>
      <c r="VKQ610" s="137"/>
      <c r="VKR610" s="137"/>
      <c r="VKS610" s="137"/>
      <c r="VKT610" s="137"/>
      <c r="VKU610" s="137"/>
      <c r="VKV610" s="137"/>
      <c r="VKW610" s="137"/>
      <c r="VKX610" s="137"/>
      <c r="VKY610" s="137"/>
      <c r="VKZ610" s="137"/>
      <c r="VLA610" s="137"/>
      <c r="VLB610" s="137"/>
      <c r="VLC610" s="137"/>
      <c r="VLD610" s="137"/>
      <c r="VLE610" s="137"/>
      <c r="VLF610" s="137"/>
      <c r="VLG610" s="137"/>
      <c r="VLH610" s="137"/>
      <c r="VLI610" s="137"/>
      <c r="VLJ610" s="137"/>
      <c r="VLK610" s="137"/>
      <c r="VLL610" s="137"/>
      <c r="VLM610" s="137"/>
      <c r="VLN610" s="137"/>
      <c r="VLO610" s="137"/>
      <c r="VLP610" s="137"/>
      <c r="VLQ610" s="137"/>
      <c r="VLR610" s="137"/>
      <c r="VLS610" s="137"/>
      <c r="VLT610" s="137"/>
      <c r="VLU610" s="137"/>
      <c r="VLV610" s="137"/>
      <c r="VLW610" s="137"/>
      <c r="VLX610" s="137"/>
      <c r="VLY610" s="137"/>
      <c r="VLZ610" s="137"/>
      <c r="VMA610" s="137"/>
      <c r="VMB610" s="137"/>
      <c r="VMC610" s="137"/>
      <c r="VMD610" s="137"/>
      <c r="VME610" s="137"/>
      <c r="VMF610" s="137"/>
      <c r="VMG610" s="137"/>
      <c r="VMH610" s="137"/>
      <c r="VMI610" s="137"/>
      <c r="VMJ610" s="137"/>
      <c r="VMK610" s="137"/>
      <c r="VML610" s="137"/>
      <c r="VMM610" s="137"/>
      <c r="VMN610" s="137"/>
      <c r="VMO610" s="137"/>
      <c r="VMP610" s="137"/>
      <c r="VMQ610" s="137"/>
      <c r="VMR610" s="137"/>
      <c r="VMS610" s="137"/>
      <c r="VMT610" s="137"/>
      <c r="VMU610" s="137"/>
      <c r="VMV610" s="137"/>
      <c r="VMW610" s="137"/>
      <c r="VMX610" s="137"/>
      <c r="VMY610" s="137"/>
      <c r="VMZ610" s="137"/>
      <c r="VNA610" s="137"/>
      <c r="VNB610" s="137"/>
      <c r="VNC610" s="137"/>
      <c r="VND610" s="137"/>
      <c r="VNE610" s="137"/>
      <c r="VNF610" s="137"/>
      <c r="VNG610" s="137"/>
      <c r="VNH610" s="137"/>
      <c r="VNI610" s="137"/>
      <c r="VNJ610" s="137"/>
      <c r="VNK610" s="137"/>
      <c r="VNL610" s="137"/>
      <c r="VNM610" s="137"/>
      <c r="VNN610" s="137"/>
      <c r="VNO610" s="137"/>
      <c r="VNP610" s="137"/>
      <c r="VNQ610" s="137"/>
      <c r="VNR610" s="137"/>
      <c r="VNS610" s="137"/>
      <c r="VNT610" s="137"/>
      <c r="VNU610" s="137"/>
      <c r="VNV610" s="137"/>
      <c r="VNW610" s="137"/>
      <c r="VNX610" s="137"/>
      <c r="VNY610" s="137"/>
      <c r="VNZ610" s="137"/>
      <c r="VOA610" s="137"/>
      <c r="VOB610" s="137"/>
      <c r="VOC610" s="137"/>
      <c r="VOD610" s="137"/>
      <c r="VOE610" s="137"/>
      <c r="VOF610" s="137"/>
      <c r="VOG610" s="137"/>
      <c r="VOH610" s="137"/>
      <c r="VOI610" s="137"/>
      <c r="VOJ610" s="137"/>
      <c r="VOK610" s="137"/>
      <c r="VOL610" s="137"/>
      <c r="VOM610" s="137"/>
      <c r="VON610" s="137"/>
      <c r="VOO610" s="137"/>
      <c r="VOP610" s="137"/>
      <c r="VOQ610" s="137"/>
      <c r="VOR610" s="137"/>
      <c r="VOS610" s="137"/>
      <c r="VOT610" s="137"/>
      <c r="VOU610" s="137"/>
      <c r="VOV610" s="137"/>
      <c r="VOW610" s="137"/>
      <c r="VOX610" s="137"/>
      <c r="VOY610" s="137"/>
      <c r="VOZ610" s="137"/>
      <c r="VPA610" s="137"/>
      <c r="VPB610" s="137"/>
      <c r="VPC610" s="137"/>
      <c r="VPD610" s="137"/>
      <c r="VPE610" s="137"/>
      <c r="VPF610" s="137"/>
      <c r="VPG610" s="137"/>
      <c r="VPH610" s="137"/>
      <c r="VPI610" s="137"/>
      <c r="VPJ610" s="137"/>
      <c r="VPK610" s="137"/>
      <c r="VPL610" s="137"/>
      <c r="VPM610" s="137"/>
      <c r="VPN610" s="137"/>
      <c r="VPO610" s="137"/>
      <c r="VPP610" s="137"/>
      <c r="VPQ610" s="137"/>
      <c r="VPR610" s="137"/>
      <c r="VPS610" s="137"/>
      <c r="VPT610" s="137"/>
      <c r="VPU610" s="137"/>
      <c r="VPV610" s="137"/>
      <c r="VPW610" s="137"/>
      <c r="VPX610" s="137"/>
      <c r="VPY610" s="137"/>
      <c r="VPZ610" s="137"/>
      <c r="VQA610" s="137"/>
      <c r="VQB610" s="137"/>
      <c r="VQC610" s="137"/>
      <c r="VQD610" s="137"/>
      <c r="VQE610" s="137"/>
      <c r="VQF610" s="137"/>
      <c r="VQG610" s="137"/>
      <c r="VQH610" s="137"/>
      <c r="VQI610" s="137"/>
      <c r="VQJ610" s="137"/>
      <c r="VQK610" s="137"/>
      <c r="VQL610" s="137"/>
      <c r="VQM610" s="137"/>
      <c r="VQN610" s="137"/>
      <c r="VQO610" s="137"/>
      <c r="VQP610" s="137"/>
      <c r="VQQ610" s="137"/>
      <c r="VQR610" s="137"/>
      <c r="VQS610" s="137"/>
      <c r="VQT610" s="137"/>
      <c r="VQU610" s="137"/>
      <c r="VQV610" s="137"/>
      <c r="VQW610" s="137"/>
      <c r="VQX610" s="137"/>
      <c r="VQY610" s="137"/>
      <c r="VQZ610" s="137"/>
      <c r="VRA610" s="137"/>
      <c r="VRB610" s="137"/>
      <c r="VRC610" s="137"/>
      <c r="VRD610" s="137"/>
      <c r="VRE610" s="137"/>
      <c r="VRF610" s="137"/>
      <c r="VRG610" s="137"/>
      <c r="VRH610" s="137"/>
      <c r="VRI610" s="137"/>
      <c r="VRJ610" s="137"/>
      <c r="VRK610" s="137"/>
      <c r="VRL610" s="137"/>
      <c r="VRM610" s="137"/>
      <c r="VRN610" s="137"/>
      <c r="VRO610" s="137"/>
      <c r="VRP610" s="137"/>
      <c r="VRQ610" s="137"/>
      <c r="VRR610" s="137"/>
      <c r="VRS610" s="137"/>
      <c r="VRT610" s="137"/>
      <c r="VRU610" s="137"/>
      <c r="VRV610" s="137"/>
      <c r="VRW610" s="137"/>
      <c r="VRX610" s="137"/>
      <c r="VRY610" s="137"/>
      <c r="VRZ610" s="137"/>
      <c r="VSA610" s="137"/>
      <c r="VSB610" s="137"/>
      <c r="VSC610" s="137"/>
      <c r="VSD610" s="137"/>
      <c r="VSE610" s="137"/>
      <c r="VSF610" s="137"/>
      <c r="VSG610" s="137"/>
      <c r="VSH610" s="137"/>
      <c r="VSI610" s="137"/>
      <c r="VSJ610" s="137"/>
      <c r="VSK610" s="137"/>
      <c r="VSL610" s="137"/>
      <c r="VSM610" s="137"/>
      <c r="VSN610" s="137"/>
      <c r="VSO610" s="137"/>
      <c r="VSP610" s="137"/>
      <c r="VSQ610" s="137"/>
      <c r="VSR610" s="137"/>
      <c r="VSS610" s="137"/>
      <c r="VST610" s="137"/>
      <c r="VSU610" s="137"/>
      <c r="VSV610" s="137"/>
      <c r="VSW610" s="137"/>
      <c r="VSX610" s="137"/>
      <c r="VSY610" s="137"/>
      <c r="VSZ610" s="137"/>
      <c r="VTA610" s="137"/>
      <c r="VTB610" s="137"/>
      <c r="VTC610" s="137"/>
      <c r="VTD610" s="137"/>
      <c r="VTE610" s="137"/>
      <c r="VTF610" s="137"/>
      <c r="VTG610" s="137"/>
      <c r="VTH610" s="137"/>
      <c r="VTI610" s="137"/>
      <c r="VTJ610" s="137"/>
      <c r="VTK610" s="137"/>
      <c r="VTL610" s="137"/>
      <c r="VTM610" s="137"/>
      <c r="VTN610" s="137"/>
      <c r="VTO610" s="137"/>
      <c r="VTP610" s="137"/>
      <c r="VTQ610" s="137"/>
      <c r="VTR610" s="137"/>
      <c r="VTS610" s="137"/>
      <c r="VTT610" s="137"/>
      <c r="VTU610" s="137"/>
      <c r="VTV610" s="137"/>
      <c r="VTW610" s="137"/>
      <c r="VTX610" s="137"/>
      <c r="VTY610" s="137"/>
      <c r="VTZ610" s="137"/>
      <c r="VUA610" s="137"/>
      <c r="VUB610" s="137"/>
      <c r="VUC610" s="137"/>
      <c r="VUD610" s="137"/>
      <c r="VUE610" s="137"/>
      <c r="VUF610" s="137"/>
      <c r="VUG610" s="137"/>
      <c r="VUH610" s="137"/>
      <c r="VUI610" s="137"/>
      <c r="VUJ610" s="137"/>
      <c r="VUK610" s="137"/>
      <c r="VUL610" s="137"/>
      <c r="VUM610" s="137"/>
      <c r="VUN610" s="137"/>
      <c r="VUO610" s="137"/>
      <c r="VUP610" s="137"/>
      <c r="VUQ610" s="137"/>
      <c r="VUR610" s="137"/>
      <c r="VUS610" s="137"/>
      <c r="VUT610" s="137"/>
      <c r="VUU610" s="137"/>
      <c r="VUV610" s="137"/>
      <c r="VUW610" s="137"/>
      <c r="VUX610" s="137"/>
      <c r="VUY610" s="137"/>
      <c r="VUZ610" s="137"/>
      <c r="VVA610" s="137"/>
      <c r="VVB610" s="137"/>
      <c r="VVC610" s="137"/>
      <c r="VVD610" s="137"/>
      <c r="VVE610" s="137"/>
      <c r="VVF610" s="137"/>
      <c r="VVG610" s="137"/>
      <c r="VVH610" s="137"/>
      <c r="VVI610" s="137"/>
      <c r="VVJ610" s="137"/>
      <c r="VVK610" s="137"/>
      <c r="VVL610" s="137"/>
      <c r="VVM610" s="137"/>
      <c r="VVN610" s="137"/>
      <c r="VVO610" s="137"/>
      <c r="VVP610" s="137"/>
      <c r="VVQ610" s="137"/>
      <c r="VVR610" s="137"/>
      <c r="VVS610" s="137"/>
      <c r="VVT610" s="137"/>
      <c r="VVU610" s="137"/>
      <c r="VVV610" s="137"/>
      <c r="VVW610" s="137"/>
      <c r="VVX610" s="137"/>
      <c r="VVY610" s="137"/>
      <c r="VVZ610" s="137"/>
      <c r="VWA610" s="137"/>
      <c r="VWB610" s="137"/>
      <c r="VWC610" s="137"/>
      <c r="VWD610" s="137"/>
      <c r="VWE610" s="137"/>
      <c r="VWF610" s="137"/>
      <c r="VWG610" s="137"/>
      <c r="VWH610" s="137"/>
      <c r="VWI610" s="137"/>
      <c r="VWJ610" s="137"/>
      <c r="VWK610" s="137"/>
      <c r="VWL610" s="137"/>
      <c r="VWM610" s="137"/>
      <c r="VWN610" s="137"/>
      <c r="VWO610" s="137"/>
      <c r="VWP610" s="137"/>
      <c r="VWQ610" s="137"/>
      <c r="VWR610" s="137"/>
      <c r="VWS610" s="137"/>
      <c r="VWT610" s="137"/>
      <c r="VWU610" s="137"/>
      <c r="VWV610" s="137"/>
      <c r="VWW610" s="137"/>
      <c r="VWX610" s="137"/>
      <c r="VWY610" s="137"/>
      <c r="VWZ610" s="137"/>
      <c r="VXA610" s="137"/>
      <c r="VXB610" s="137"/>
      <c r="VXC610" s="137"/>
      <c r="VXD610" s="137"/>
      <c r="VXE610" s="137"/>
      <c r="VXF610" s="137"/>
      <c r="VXG610" s="137"/>
      <c r="VXH610" s="137"/>
      <c r="VXI610" s="137"/>
      <c r="VXJ610" s="137"/>
      <c r="VXK610" s="137"/>
      <c r="VXL610" s="137"/>
      <c r="VXM610" s="137"/>
      <c r="VXN610" s="137"/>
      <c r="VXO610" s="137"/>
      <c r="VXP610" s="137"/>
      <c r="VXQ610" s="137"/>
      <c r="VXR610" s="137"/>
      <c r="VXS610" s="137"/>
      <c r="VXT610" s="137"/>
      <c r="VXU610" s="137"/>
      <c r="VXV610" s="137"/>
      <c r="VXW610" s="137"/>
      <c r="VXX610" s="137"/>
      <c r="VXY610" s="137"/>
      <c r="VXZ610" s="137"/>
      <c r="VYA610" s="137"/>
      <c r="VYB610" s="137"/>
      <c r="VYC610" s="137"/>
      <c r="VYD610" s="137"/>
      <c r="VYE610" s="137"/>
      <c r="VYF610" s="137"/>
      <c r="VYG610" s="137"/>
      <c r="VYH610" s="137"/>
      <c r="VYI610" s="137"/>
      <c r="VYJ610" s="137"/>
      <c r="VYK610" s="137"/>
      <c r="VYL610" s="137"/>
      <c r="VYM610" s="137"/>
      <c r="VYN610" s="137"/>
      <c r="VYO610" s="137"/>
      <c r="VYP610" s="137"/>
      <c r="VYQ610" s="137"/>
      <c r="VYR610" s="137"/>
      <c r="VYS610" s="137"/>
      <c r="VYT610" s="137"/>
      <c r="VYU610" s="137"/>
      <c r="VYV610" s="137"/>
      <c r="VYW610" s="137"/>
      <c r="VYX610" s="137"/>
      <c r="VYY610" s="137"/>
      <c r="VYZ610" s="137"/>
      <c r="VZA610" s="137"/>
      <c r="VZB610" s="137"/>
      <c r="VZC610" s="137"/>
      <c r="VZD610" s="137"/>
      <c r="VZE610" s="137"/>
      <c r="VZF610" s="137"/>
      <c r="VZG610" s="137"/>
      <c r="VZH610" s="137"/>
      <c r="VZI610" s="137"/>
      <c r="VZJ610" s="137"/>
      <c r="VZK610" s="137"/>
      <c r="VZL610" s="137"/>
      <c r="VZM610" s="137"/>
      <c r="VZN610" s="137"/>
      <c r="VZO610" s="137"/>
      <c r="VZP610" s="137"/>
      <c r="VZQ610" s="137"/>
      <c r="VZR610" s="137"/>
      <c r="VZS610" s="137"/>
      <c r="VZT610" s="137"/>
      <c r="VZU610" s="137"/>
      <c r="VZV610" s="137"/>
      <c r="VZW610" s="137"/>
      <c r="VZX610" s="137"/>
      <c r="VZY610" s="137"/>
      <c r="VZZ610" s="137"/>
      <c r="WAA610" s="137"/>
      <c r="WAB610" s="137"/>
      <c r="WAC610" s="137"/>
      <c r="WAD610" s="137"/>
      <c r="WAE610" s="137"/>
      <c r="WAF610" s="137"/>
      <c r="WAG610" s="137"/>
      <c r="WAH610" s="137"/>
      <c r="WAI610" s="137"/>
      <c r="WAJ610" s="137"/>
      <c r="WAK610" s="137"/>
      <c r="WAL610" s="137"/>
      <c r="WAM610" s="137"/>
      <c r="WAN610" s="137"/>
      <c r="WAO610" s="137"/>
      <c r="WAP610" s="137"/>
      <c r="WAQ610" s="137"/>
      <c r="WAR610" s="137"/>
      <c r="WAS610" s="137"/>
      <c r="WAT610" s="137"/>
      <c r="WAU610" s="137"/>
      <c r="WAV610" s="137"/>
      <c r="WAW610" s="137"/>
      <c r="WAX610" s="137"/>
      <c r="WAY610" s="137"/>
      <c r="WAZ610" s="137"/>
      <c r="WBA610" s="137"/>
      <c r="WBB610" s="137"/>
      <c r="WBC610" s="137"/>
      <c r="WBD610" s="137"/>
      <c r="WBE610" s="137"/>
      <c r="WBF610" s="137"/>
      <c r="WBG610" s="137"/>
      <c r="WBH610" s="137"/>
      <c r="WBI610" s="137"/>
      <c r="WBJ610" s="137"/>
      <c r="WBK610" s="137"/>
      <c r="WBL610" s="137"/>
      <c r="WBM610" s="137"/>
      <c r="WBN610" s="137"/>
      <c r="WBO610" s="137"/>
      <c r="WBP610" s="137"/>
      <c r="WBQ610" s="137"/>
      <c r="WBR610" s="137"/>
      <c r="WBS610" s="137"/>
      <c r="WBT610" s="137"/>
      <c r="WBU610" s="137"/>
      <c r="WBV610" s="137"/>
      <c r="WBW610" s="137"/>
      <c r="WBX610" s="137"/>
      <c r="WBY610" s="137"/>
      <c r="WBZ610" s="137"/>
      <c r="WCA610" s="137"/>
      <c r="WCB610" s="137"/>
      <c r="WCC610" s="137"/>
      <c r="WCD610" s="137"/>
      <c r="WCE610" s="137"/>
      <c r="WCF610" s="137"/>
      <c r="WCG610" s="137"/>
      <c r="WCH610" s="137"/>
      <c r="WCI610" s="137"/>
      <c r="WCJ610" s="137"/>
      <c r="WCK610" s="137"/>
      <c r="WCL610" s="137"/>
      <c r="WCM610" s="137"/>
      <c r="WCN610" s="137"/>
      <c r="WCO610" s="137"/>
      <c r="WCP610" s="137"/>
      <c r="WCQ610" s="137"/>
      <c r="WCR610" s="137"/>
      <c r="WCS610" s="137"/>
      <c r="WCT610" s="137"/>
      <c r="WCU610" s="137"/>
      <c r="WCV610" s="137"/>
      <c r="WCW610" s="137"/>
      <c r="WCX610" s="137"/>
      <c r="WCY610" s="137"/>
      <c r="WCZ610" s="137"/>
      <c r="WDA610" s="137"/>
      <c r="WDB610" s="137"/>
      <c r="WDC610" s="137"/>
      <c r="WDD610" s="137"/>
      <c r="WDE610" s="137"/>
      <c r="WDF610" s="137"/>
      <c r="WDG610" s="137"/>
      <c r="WDH610" s="137"/>
      <c r="WDI610" s="137"/>
      <c r="WDJ610" s="137"/>
      <c r="WDK610" s="137"/>
      <c r="WDL610" s="137"/>
      <c r="WDM610" s="137"/>
      <c r="WDN610" s="137"/>
      <c r="WDO610" s="137"/>
      <c r="WDP610" s="137"/>
      <c r="WDQ610" s="137"/>
      <c r="WDR610" s="137"/>
      <c r="WDS610" s="137"/>
      <c r="WDT610" s="137"/>
      <c r="WDU610" s="137"/>
      <c r="WDV610" s="137"/>
      <c r="WDW610" s="137"/>
      <c r="WDX610" s="137"/>
      <c r="WDY610" s="137"/>
      <c r="WDZ610" s="137"/>
      <c r="WEA610" s="137"/>
      <c r="WEB610" s="137"/>
      <c r="WEC610" s="137"/>
      <c r="WED610" s="137"/>
      <c r="WEE610" s="137"/>
      <c r="WEF610" s="137"/>
      <c r="WEG610" s="137"/>
      <c r="WEH610" s="137"/>
      <c r="WEI610" s="137"/>
      <c r="WEJ610" s="137"/>
      <c r="WEK610" s="137"/>
      <c r="WEL610" s="137"/>
      <c r="WEM610" s="137"/>
      <c r="WEN610" s="137"/>
      <c r="WEO610" s="137"/>
      <c r="WEP610" s="137"/>
      <c r="WEQ610" s="137"/>
      <c r="WER610" s="137"/>
      <c r="WES610" s="137"/>
      <c r="WET610" s="137"/>
      <c r="WEU610" s="137"/>
      <c r="WEV610" s="137"/>
      <c r="WEW610" s="137"/>
      <c r="WEX610" s="137"/>
      <c r="WEY610" s="137"/>
      <c r="WEZ610" s="137"/>
      <c r="WFA610" s="137"/>
      <c r="WFB610" s="137"/>
      <c r="WFC610" s="137"/>
      <c r="WFD610" s="137"/>
      <c r="WFE610" s="137"/>
      <c r="WFF610" s="137"/>
      <c r="WFG610" s="137"/>
      <c r="WFH610" s="137"/>
      <c r="WFI610" s="137"/>
      <c r="WFJ610" s="137"/>
      <c r="WFK610" s="137"/>
      <c r="WFL610" s="137"/>
      <c r="WFM610" s="137"/>
      <c r="WFN610" s="137"/>
      <c r="WFO610" s="137"/>
      <c r="WFP610" s="137"/>
      <c r="WFQ610" s="137"/>
      <c r="WFR610" s="137"/>
      <c r="WFS610" s="137"/>
      <c r="WFT610" s="137"/>
      <c r="WFU610" s="137"/>
      <c r="WFV610" s="137"/>
      <c r="WFW610" s="137"/>
      <c r="WFX610" s="137"/>
      <c r="WFY610" s="137"/>
      <c r="WFZ610" s="137"/>
      <c r="WGA610" s="137"/>
      <c r="WGB610" s="137"/>
      <c r="WGC610" s="137"/>
      <c r="WGD610" s="137"/>
      <c r="WGE610" s="137"/>
      <c r="WGF610" s="137"/>
      <c r="WGG610" s="137"/>
      <c r="WGH610" s="137"/>
      <c r="WGI610" s="137"/>
      <c r="WGJ610" s="137"/>
      <c r="WGK610" s="137"/>
      <c r="WGL610" s="137"/>
      <c r="WGM610" s="137"/>
      <c r="WGN610" s="137"/>
      <c r="WGO610" s="137"/>
      <c r="WGP610" s="137"/>
      <c r="WGQ610" s="137"/>
      <c r="WGR610" s="137"/>
      <c r="WGS610" s="137"/>
      <c r="WGT610" s="137"/>
      <c r="WGU610" s="137"/>
      <c r="WGV610" s="137"/>
      <c r="WGW610" s="137"/>
      <c r="WGX610" s="137"/>
      <c r="WGY610" s="137"/>
      <c r="WGZ610" s="137"/>
      <c r="WHA610" s="137"/>
      <c r="WHB610" s="137"/>
      <c r="WHC610" s="137"/>
      <c r="WHD610" s="137"/>
      <c r="WHE610" s="137"/>
      <c r="WHF610" s="137"/>
      <c r="WHG610" s="137"/>
      <c r="WHH610" s="137"/>
      <c r="WHI610" s="137"/>
      <c r="WHJ610" s="137"/>
      <c r="WHK610" s="137"/>
      <c r="WHL610" s="137"/>
      <c r="WHM610" s="137"/>
      <c r="WHN610" s="137"/>
      <c r="WHO610" s="137"/>
      <c r="WHP610" s="137"/>
      <c r="WHQ610" s="137"/>
      <c r="WHR610" s="137"/>
      <c r="WHS610" s="137"/>
      <c r="WHT610" s="137"/>
      <c r="WHU610" s="137"/>
      <c r="WHV610" s="137"/>
      <c r="WHW610" s="137"/>
      <c r="WHX610" s="137"/>
      <c r="WHY610" s="137"/>
      <c r="WHZ610" s="137"/>
      <c r="WIA610" s="137"/>
      <c r="WIB610" s="137"/>
      <c r="WIC610" s="137"/>
      <c r="WID610" s="137"/>
      <c r="WIE610" s="137"/>
      <c r="WIF610" s="137"/>
      <c r="WIG610" s="137"/>
      <c r="WIH610" s="137"/>
      <c r="WII610" s="137"/>
      <c r="WIJ610" s="137"/>
      <c r="WIK610" s="137"/>
      <c r="WIL610" s="137"/>
      <c r="WIM610" s="137"/>
      <c r="WIN610" s="137"/>
      <c r="WIO610" s="137"/>
      <c r="WIP610" s="137"/>
      <c r="WIQ610" s="137"/>
      <c r="WIR610" s="137"/>
      <c r="WIS610" s="137"/>
      <c r="WIT610" s="137"/>
      <c r="WIU610" s="137"/>
      <c r="WIV610" s="137"/>
      <c r="WIW610" s="137"/>
      <c r="WIX610" s="137"/>
      <c r="WIY610" s="137"/>
      <c r="WIZ610" s="137"/>
      <c r="WJA610" s="137"/>
      <c r="WJB610" s="137"/>
      <c r="WJC610" s="137"/>
      <c r="WJD610" s="137"/>
      <c r="WJE610" s="137"/>
      <c r="WJF610" s="137"/>
      <c r="WJG610" s="137"/>
      <c r="WJH610" s="137"/>
      <c r="WJI610" s="137"/>
      <c r="WJJ610" s="137"/>
      <c r="WJK610" s="137"/>
      <c r="WJL610" s="137"/>
      <c r="WJM610" s="137"/>
      <c r="WJN610" s="137"/>
      <c r="WJO610" s="137"/>
      <c r="WJP610" s="137"/>
      <c r="WJQ610" s="137"/>
      <c r="WJR610" s="137"/>
      <c r="WJS610" s="137"/>
      <c r="WJT610" s="137"/>
      <c r="WJU610" s="137"/>
      <c r="WJV610" s="137"/>
      <c r="WJW610" s="137"/>
      <c r="WJX610" s="137"/>
      <c r="WJY610" s="137"/>
      <c r="WJZ610" s="137"/>
      <c r="WKA610" s="137"/>
      <c r="WKB610" s="137"/>
      <c r="WKC610" s="137"/>
      <c r="WKD610" s="137"/>
      <c r="WKE610" s="137"/>
      <c r="WKF610" s="137"/>
      <c r="WKG610" s="137"/>
      <c r="WKH610" s="137"/>
      <c r="WKI610" s="137"/>
      <c r="WKJ610" s="137"/>
      <c r="WKK610" s="137"/>
      <c r="WKL610" s="137"/>
      <c r="WKM610" s="137"/>
      <c r="WKN610" s="137"/>
      <c r="WKO610" s="137"/>
      <c r="WKP610" s="137"/>
      <c r="WKQ610" s="137"/>
      <c r="WKR610" s="137"/>
      <c r="WKS610" s="137"/>
      <c r="WKT610" s="137"/>
      <c r="WKU610" s="137"/>
      <c r="WKV610" s="137"/>
      <c r="WKW610" s="137"/>
      <c r="WKX610" s="137"/>
      <c r="WKY610" s="137"/>
      <c r="WKZ610" s="137"/>
      <c r="WLA610" s="137"/>
      <c r="WLB610" s="137"/>
      <c r="WLC610" s="137"/>
      <c r="WLD610" s="137"/>
      <c r="WLE610" s="137"/>
      <c r="WLF610" s="137"/>
      <c r="WLG610" s="137"/>
      <c r="WLH610" s="137"/>
      <c r="WLI610" s="137"/>
      <c r="WLJ610" s="137"/>
      <c r="WLK610" s="137"/>
      <c r="WLL610" s="137"/>
      <c r="WLM610" s="137"/>
      <c r="WLN610" s="137"/>
      <c r="WLO610" s="137"/>
      <c r="WLP610" s="137"/>
      <c r="WLQ610" s="137"/>
      <c r="WLR610" s="137"/>
      <c r="WLS610" s="137"/>
      <c r="WLT610" s="137"/>
      <c r="WLU610" s="137"/>
      <c r="WLV610" s="137"/>
      <c r="WLW610" s="137"/>
      <c r="WLX610" s="137"/>
      <c r="WLY610" s="137"/>
      <c r="WLZ610" s="137"/>
      <c r="WMA610" s="137"/>
      <c r="WMB610" s="137"/>
      <c r="WMC610" s="137"/>
      <c r="WMD610" s="137"/>
      <c r="WME610" s="137"/>
      <c r="WMF610" s="137"/>
      <c r="WMG610" s="137"/>
      <c r="WMH610" s="137"/>
      <c r="WMI610" s="137"/>
      <c r="WMJ610" s="137"/>
      <c r="WMK610" s="137"/>
      <c r="WML610" s="137"/>
      <c r="WMM610" s="137"/>
      <c r="WMN610" s="137"/>
      <c r="WMO610" s="137"/>
      <c r="WMP610" s="137"/>
      <c r="WMQ610" s="137"/>
      <c r="WMR610" s="137"/>
      <c r="WMS610" s="137"/>
      <c r="WMT610" s="137"/>
      <c r="WMU610" s="137"/>
      <c r="WMV610" s="137"/>
      <c r="WMW610" s="137"/>
      <c r="WMX610" s="137"/>
      <c r="WMY610" s="137"/>
      <c r="WMZ610" s="137"/>
      <c r="WNA610" s="137"/>
      <c r="WNB610" s="137"/>
      <c r="WNC610" s="137"/>
      <c r="WND610" s="137"/>
      <c r="WNE610" s="137"/>
      <c r="WNF610" s="137"/>
      <c r="WNG610" s="137"/>
      <c r="WNH610" s="137"/>
      <c r="WNI610" s="137"/>
      <c r="WNJ610" s="137"/>
      <c r="WNK610" s="137"/>
      <c r="WNL610" s="137"/>
      <c r="WNM610" s="137"/>
      <c r="WNN610" s="137"/>
      <c r="WNO610" s="137"/>
      <c r="WNP610" s="137"/>
      <c r="WNQ610" s="137"/>
      <c r="WNR610" s="137"/>
      <c r="WNS610" s="137"/>
      <c r="WNT610" s="137"/>
      <c r="WNU610" s="137"/>
      <c r="WNV610" s="137"/>
      <c r="WNW610" s="137"/>
      <c r="WNX610" s="137"/>
      <c r="WNY610" s="137"/>
      <c r="WNZ610" s="137"/>
      <c r="WOA610" s="137"/>
      <c r="WOB610" s="137"/>
      <c r="WOC610" s="137"/>
      <c r="WOD610" s="137"/>
      <c r="WOE610" s="137"/>
      <c r="WOF610" s="137"/>
      <c r="WOG610" s="137"/>
      <c r="WOH610" s="137"/>
      <c r="WOI610" s="137"/>
      <c r="WOJ610" s="137"/>
      <c r="WOK610" s="137"/>
      <c r="WOL610" s="137"/>
      <c r="WOM610" s="137"/>
      <c r="WON610" s="137"/>
      <c r="WOO610" s="137"/>
      <c r="WOP610" s="137"/>
      <c r="WOQ610" s="137"/>
      <c r="WOR610" s="137"/>
      <c r="WOS610" s="137"/>
      <c r="WOT610" s="137"/>
      <c r="WOU610" s="137"/>
      <c r="WOV610" s="137"/>
      <c r="WOW610" s="137"/>
      <c r="WOX610" s="137"/>
      <c r="WOY610" s="137"/>
      <c r="WOZ610" s="137"/>
      <c r="WPA610" s="137"/>
      <c r="WPB610" s="137"/>
      <c r="WPC610" s="137"/>
      <c r="WPD610" s="137"/>
      <c r="WPE610" s="137"/>
      <c r="WPF610" s="137"/>
      <c r="WPG610" s="137"/>
      <c r="WPH610" s="137"/>
      <c r="WPI610" s="137"/>
      <c r="WPJ610" s="137"/>
      <c r="WPK610" s="137"/>
      <c r="WPL610" s="137"/>
      <c r="WPM610" s="137"/>
      <c r="WPN610" s="137"/>
      <c r="WPO610" s="137"/>
      <c r="WPP610" s="137"/>
      <c r="WPQ610" s="137"/>
      <c r="WPR610" s="137"/>
      <c r="WPS610" s="137"/>
      <c r="WPT610" s="137"/>
      <c r="WPU610" s="137"/>
      <c r="WPV610" s="137"/>
      <c r="WPW610" s="137"/>
      <c r="WPX610" s="137"/>
      <c r="WPY610" s="137"/>
      <c r="WPZ610" s="137"/>
      <c r="WQA610" s="137"/>
      <c r="WQB610" s="137"/>
      <c r="WQC610" s="137"/>
      <c r="WQD610" s="137"/>
      <c r="WQE610" s="137"/>
      <c r="WQF610" s="137"/>
      <c r="WQG610" s="137"/>
      <c r="WQH610" s="137"/>
      <c r="WQI610" s="137"/>
      <c r="WQJ610" s="137"/>
      <c r="WQK610" s="137"/>
      <c r="WQL610" s="137"/>
      <c r="WQM610" s="137"/>
      <c r="WQN610" s="137"/>
      <c r="WQO610" s="137"/>
      <c r="WQP610" s="137"/>
      <c r="WQQ610" s="137"/>
      <c r="WQR610" s="137"/>
      <c r="WQS610" s="137"/>
      <c r="WQT610" s="137"/>
      <c r="WQU610" s="137"/>
      <c r="WQV610" s="137"/>
      <c r="WQW610" s="137"/>
      <c r="WQX610" s="137"/>
      <c r="WQY610" s="137"/>
      <c r="WQZ610" s="137"/>
      <c r="WRA610" s="137"/>
      <c r="WRB610" s="137"/>
      <c r="WRC610" s="137"/>
      <c r="WRD610" s="137"/>
      <c r="WRE610" s="137"/>
      <c r="WRF610" s="137"/>
      <c r="WRG610" s="137"/>
      <c r="WRH610" s="137"/>
      <c r="WRI610" s="137"/>
      <c r="WRJ610" s="137"/>
      <c r="WRK610" s="137"/>
      <c r="WRL610" s="137"/>
      <c r="WRM610" s="137"/>
      <c r="WRN610" s="137"/>
      <c r="WRO610" s="137"/>
      <c r="WRP610" s="137"/>
      <c r="WRQ610" s="137"/>
      <c r="WRR610" s="137"/>
      <c r="WRS610" s="137"/>
      <c r="WRT610" s="137"/>
      <c r="WRU610" s="137"/>
      <c r="WRV610" s="137"/>
      <c r="WRW610" s="137"/>
      <c r="WRX610" s="137"/>
      <c r="WRY610" s="137"/>
      <c r="WRZ610" s="137"/>
      <c r="WSA610" s="137"/>
      <c r="WSB610" s="137"/>
      <c r="WSC610" s="137"/>
      <c r="WSD610" s="137"/>
      <c r="WSE610" s="137"/>
      <c r="WSF610" s="137"/>
      <c r="WSG610" s="137"/>
      <c r="WSH610" s="137"/>
      <c r="WSI610" s="137"/>
      <c r="WSJ610" s="137"/>
      <c r="WSK610" s="137"/>
      <c r="WSL610" s="137"/>
      <c r="WSM610" s="137"/>
      <c r="WSN610" s="137"/>
      <c r="WSO610" s="137"/>
      <c r="WSP610" s="137"/>
      <c r="WSQ610" s="137"/>
      <c r="WSR610" s="137"/>
      <c r="WSS610" s="137"/>
      <c r="WST610" s="137"/>
      <c r="WSU610" s="137"/>
      <c r="WSV610" s="137"/>
      <c r="WSW610" s="137"/>
      <c r="WSX610" s="137"/>
      <c r="WSY610" s="137"/>
      <c r="WSZ610" s="137"/>
      <c r="WTA610" s="137"/>
      <c r="WTB610" s="137"/>
      <c r="WTC610" s="137"/>
      <c r="WTD610" s="137"/>
      <c r="WTE610" s="137"/>
      <c r="WTF610" s="137"/>
      <c r="WTG610" s="137"/>
      <c r="WTH610" s="137"/>
      <c r="WTI610" s="137"/>
      <c r="WTJ610" s="137"/>
      <c r="WTK610" s="137"/>
      <c r="WTL610" s="137"/>
      <c r="WTM610" s="137"/>
      <c r="WTN610" s="137"/>
      <c r="WTO610" s="137"/>
      <c r="WTP610" s="137"/>
      <c r="WTQ610" s="137"/>
      <c r="WTR610" s="137"/>
      <c r="WTS610" s="137"/>
      <c r="WTT610" s="137"/>
      <c r="WTU610" s="137"/>
      <c r="WTV610" s="137"/>
      <c r="WTW610" s="137"/>
      <c r="WTX610" s="137"/>
      <c r="WTY610" s="137"/>
      <c r="WTZ610" s="137"/>
      <c r="WUA610" s="137"/>
      <c r="WUB610" s="137"/>
      <c r="WUC610" s="137"/>
      <c r="WUD610" s="137"/>
      <c r="WUE610" s="137"/>
      <c r="WUF610" s="137"/>
      <c r="WUG610" s="137"/>
      <c r="WUH610" s="137"/>
      <c r="WUI610" s="137"/>
      <c r="WUJ610" s="137"/>
      <c r="WUK610" s="137"/>
      <c r="WUL610" s="137"/>
      <c r="WUM610" s="137"/>
      <c r="WUN610" s="137"/>
      <c r="WUO610" s="137"/>
      <c r="WUP610" s="137"/>
      <c r="WUQ610" s="137"/>
      <c r="WUR610" s="137"/>
      <c r="WUS610" s="137"/>
      <c r="WUT610" s="137"/>
      <c r="WUU610" s="137"/>
      <c r="WUV610" s="137"/>
      <c r="WUW610" s="137"/>
      <c r="WUX610" s="137"/>
      <c r="WUY610" s="137"/>
      <c r="WUZ610" s="137"/>
      <c r="WVA610" s="137"/>
      <c r="WVB610" s="137"/>
      <c r="WVC610" s="137"/>
      <c r="WVD610" s="137"/>
      <c r="WVE610" s="137"/>
      <c r="WVF610" s="137"/>
      <c r="WVG610" s="137"/>
      <c r="WVH610" s="137"/>
      <c r="WVI610" s="137"/>
      <c r="WVJ610" s="137"/>
      <c r="WVK610" s="137"/>
      <c r="WVL610" s="137"/>
      <c r="WVM610" s="137"/>
      <c r="WVN610" s="137"/>
      <c r="WVO610" s="137"/>
      <c r="WVP610" s="137"/>
      <c r="WVQ610" s="137"/>
      <c r="WVR610" s="137"/>
      <c r="WVS610" s="137"/>
      <c r="WVT610" s="137"/>
      <c r="WVU610" s="137"/>
      <c r="WVV610" s="137"/>
      <c r="WVW610" s="137"/>
      <c r="WVX610" s="137"/>
      <c r="WVY610" s="137"/>
      <c r="WVZ610" s="137"/>
      <c r="WWA610" s="137"/>
      <c r="WWB610" s="137"/>
      <c r="WWC610" s="137"/>
      <c r="WWD610" s="137"/>
      <c r="WWE610" s="137"/>
      <c r="WWF610" s="137"/>
      <c r="WWG610" s="137"/>
      <c r="WWH610" s="137"/>
      <c r="WWI610" s="137"/>
      <c r="WWJ610" s="137"/>
      <c r="WWK610" s="137"/>
      <c r="WWL610" s="137"/>
      <c r="WWM610" s="137"/>
      <c r="WWN610" s="137"/>
      <c r="WWO610" s="137"/>
      <c r="WWP610" s="137"/>
      <c r="WWQ610" s="137"/>
      <c r="WWR610" s="137"/>
      <c r="WWS610" s="137"/>
      <c r="WWT610" s="137"/>
      <c r="WWU610" s="137"/>
      <c r="WWV610" s="137"/>
      <c r="WWW610" s="137"/>
      <c r="WWX610" s="137"/>
      <c r="WWY610" s="137"/>
      <c r="WWZ610" s="137"/>
      <c r="WXA610" s="137"/>
      <c r="WXB610" s="137"/>
      <c r="WXC610" s="137"/>
      <c r="WXD610" s="137"/>
      <c r="WXE610" s="137"/>
      <c r="WXF610" s="137"/>
      <c r="WXG610" s="137"/>
      <c r="WXH610" s="137"/>
      <c r="WXI610" s="137"/>
      <c r="WXJ610" s="137"/>
      <c r="WXK610" s="137"/>
      <c r="WXL610" s="137"/>
      <c r="WXM610" s="137"/>
      <c r="WXN610" s="137"/>
      <c r="WXO610" s="137"/>
      <c r="WXP610" s="137"/>
      <c r="WXQ610" s="137"/>
      <c r="WXR610" s="137"/>
      <c r="WXS610" s="137"/>
      <c r="WXT610" s="137"/>
      <c r="WXU610" s="137"/>
      <c r="WXV610" s="137"/>
      <c r="WXW610" s="137"/>
      <c r="WXX610" s="137"/>
      <c r="WXY610" s="137"/>
      <c r="WXZ610" s="137"/>
      <c r="WYA610" s="137"/>
      <c r="WYB610" s="137"/>
      <c r="WYC610" s="137"/>
      <c r="WYD610" s="137"/>
      <c r="WYE610" s="137"/>
      <c r="WYF610" s="137"/>
      <c r="WYG610" s="137"/>
      <c r="WYH610" s="137"/>
      <c r="WYI610" s="137"/>
      <c r="WYJ610" s="137"/>
      <c r="WYK610" s="137"/>
      <c r="WYL610" s="137"/>
      <c r="WYM610" s="137"/>
      <c r="WYN610" s="137"/>
      <c r="WYO610" s="137"/>
      <c r="WYP610" s="137"/>
      <c r="WYQ610" s="137"/>
      <c r="WYR610" s="137"/>
      <c r="WYS610" s="137"/>
      <c r="WYT610" s="137"/>
      <c r="WYU610" s="137"/>
      <c r="WYV610" s="137"/>
      <c r="WYW610" s="137"/>
      <c r="WYX610" s="137"/>
      <c r="WYY610" s="137"/>
      <c r="WYZ610" s="137"/>
      <c r="WZA610" s="137"/>
      <c r="WZB610" s="137"/>
      <c r="WZC610" s="137"/>
      <c r="WZD610" s="137"/>
      <c r="WZE610" s="137"/>
      <c r="WZF610" s="137"/>
      <c r="WZG610" s="137"/>
      <c r="WZH610" s="137"/>
      <c r="WZI610" s="137"/>
      <c r="WZJ610" s="137"/>
      <c r="WZK610" s="137"/>
      <c r="WZL610" s="137"/>
      <c r="WZM610" s="137"/>
      <c r="WZN610" s="137"/>
      <c r="WZO610" s="137"/>
      <c r="WZP610" s="137"/>
      <c r="WZQ610" s="137"/>
      <c r="WZR610" s="137"/>
      <c r="WZS610" s="137"/>
      <c r="WZT610" s="137"/>
      <c r="WZU610" s="137"/>
      <c r="WZV610" s="137"/>
      <c r="WZW610" s="137"/>
      <c r="WZX610" s="137"/>
      <c r="WZY610" s="137"/>
      <c r="WZZ610" s="137"/>
      <c r="XAA610" s="137"/>
      <c r="XAB610" s="137"/>
      <c r="XAC610" s="137"/>
      <c r="XAD610" s="137"/>
      <c r="XAE610" s="137"/>
      <c r="XAF610" s="137"/>
      <c r="XAG610" s="137"/>
      <c r="XAH610" s="137"/>
      <c r="XAI610" s="137"/>
      <c r="XAJ610" s="137"/>
      <c r="XAK610" s="137"/>
      <c r="XAL610" s="137"/>
      <c r="XAM610" s="137"/>
      <c r="XAN610" s="137"/>
      <c r="XAO610" s="137"/>
      <c r="XAP610" s="137"/>
      <c r="XAQ610" s="137"/>
      <c r="XAR610" s="137"/>
      <c r="XAS610" s="137"/>
      <c r="XAT610" s="137"/>
      <c r="XAU610" s="137"/>
      <c r="XAV610" s="137"/>
      <c r="XAW610" s="137"/>
      <c r="XAX610" s="137"/>
      <c r="XAY610" s="137"/>
      <c r="XAZ610" s="137"/>
      <c r="XBA610" s="137"/>
      <c r="XBB610" s="137"/>
      <c r="XBC610" s="137"/>
      <c r="XBD610" s="137"/>
      <c r="XBE610" s="137"/>
      <c r="XBF610" s="137"/>
      <c r="XBG610" s="137"/>
      <c r="XBH610" s="137"/>
      <c r="XBI610" s="137"/>
      <c r="XBJ610" s="137"/>
      <c r="XBK610" s="137"/>
      <c r="XBL610" s="137"/>
      <c r="XBM610" s="137"/>
      <c r="XBN610" s="137"/>
      <c r="XBO610" s="137"/>
      <c r="XBP610" s="137"/>
      <c r="XBQ610" s="137"/>
      <c r="XBR610" s="137"/>
      <c r="XBS610" s="137"/>
      <c r="XBT610" s="137"/>
      <c r="XBU610" s="137"/>
      <c r="XBV610" s="137"/>
      <c r="XBW610" s="137"/>
      <c r="XBX610" s="137"/>
      <c r="XBY610" s="137"/>
      <c r="XBZ610" s="137"/>
      <c r="XCA610" s="137"/>
      <c r="XCB610" s="137"/>
      <c r="XCC610" s="137"/>
      <c r="XCD610" s="137"/>
      <c r="XCE610" s="137"/>
      <c r="XCF610" s="137"/>
      <c r="XCG610" s="137"/>
      <c r="XCH610" s="137"/>
      <c r="XCI610" s="137"/>
      <c r="XCJ610" s="137"/>
      <c r="XCK610" s="137"/>
      <c r="XCL610" s="137"/>
      <c r="XCM610" s="137"/>
      <c r="XCN610" s="137"/>
      <c r="XCO610" s="137"/>
    </row>
    <row r="611" spans="1:16317" s="613" customFormat="1" ht="56.25" customHeight="1" x14ac:dyDescent="0.2">
      <c r="A611" s="658" t="s">
        <v>3038</v>
      </c>
      <c r="B611" s="499"/>
      <c r="C611" s="677" t="s">
        <v>3039</v>
      </c>
      <c r="D611" s="666">
        <v>709</v>
      </c>
      <c r="E611" s="481"/>
      <c r="F611" s="481" t="s">
        <v>2481</v>
      </c>
      <c r="G611" s="482" t="s">
        <v>869</v>
      </c>
      <c r="H611" s="481" t="s">
        <v>655</v>
      </c>
      <c r="I611" s="663" t="s">
        <v>900</v>
      </c>
      <c r="J611" s="665" t="s">
        <v>907</v>
      </c>
      <c r="K611" s="673" t="s">
        <v>908</v>
      </c>
      <c r="L611" s="622"/>
      <c r="M611" s="77" t="s">
        <v>58</v>
      </c>
      <c r="N611" s="679" t="s">
        <v>2992</v>
      </c>
      <c r="O611" s="501" t="s">
        <v>2993</v>
      </c>
      <c r="P611" s="501" t="s">
        <v>909</v>
      </c>
      <c r="Q611" s="77" t="s">
        <v>2987</v>
      </c>
      <c r="R611" s="484" t="s">
        <v>2988</v>
      </c>
      <c r="S611" s="501" t="s">
        <v>834</v>
      </c>
      <c r="T611" s="501"/>
      <c r="U611" s="625" t="s">
        <v>63</v>
      </c>
      <c r="V611" s="625" t="s">
        <v>63</v>
      </c>
      <c r="W611" s="502">
        <v>22000000</v>
      </c>
      <c r="X611" s="502"/>
      <c r="Y611" s="654" t="s">
        <v>3009</v>
      </c>
      <c r="Z611" s="494"/>
      <c r="AA611" s="485">
        <f>W611</f>
        <v>22000000</v>
      </c>
      <c r="AB611" s="648" t="s">
        <v>853</v>
      </c>
      <c r="AC611" s="709" t="s">
        <v>3040</v>
      </c>
      <c r="AD611" s="76"/>
      <c r="AE611" s="76"/>
      <c r="AF611" s="76"/>
      <c r="AG611" s="76"/>
      <c r="AH611" s="76"/>
      <c r="AI611" s="76"/>
      <c r="AJ611" s="76"/>
      <c r="AK611" s="76"/>
      <c r="AL611" s="76"/>
      <c r="AM611" s="76"/>
      <c r="AN611" s="76"/>
      <c r="AO611" s="76"/>
      <c r="AP611" s="76"/>
      <c r="AQ611" s="76"/>
      <c r="AR611" s="76"/>
      <c r="AS611" s="76"/>
      <c r="AT611" s="76"/>
      <c r="AU611" s="76"/>
      <c r="AV611" s="76"/>
      <c r="AW611" s="76"/>
      <c r="AX611" s="76"/>
      <c r="AY611" s="76"/>
      <c r="AZ611" s="76"/>
      <c r="BA611" s="76"/>
      <c r="BB611" s="76"/>
      <c r="BC611" s="76"/>
      <c r="BD611" s="76"/>
      <c r="BE611" s="76"/>
      <c r="BF611" s="76"/>
      <c r="BG611" s="76"/>
      <c r="BH611" s="76"/>
      <c r="BI611" s="80">
        <f>SUMIF(AD611:BH611,"YES",'DRAFT - HGC Schemes'!$AB$5:$BF$5)</f>
        <v>0</v>
      </c>
      <c r="BJ611" s="76"/>
      <c r="BK611" s="487" t="str">
        <f>IF(AD611="yes",('DRAFT - HGC Schemes'!AB$5*$BJ611),"")</f>
        <v/>
      </c>
      <c r="BL611" s="487" t="str">
        <f>IF(AE611="yes",('DRAFT - HGC Schemes'!AC$5*$BJ611),"")</f>
        <v/>
      </c>
      <c r="BM611" s="487" t="str">
        <f>IF(AF611="yes",('DRAFT - HGC Schemes'!AD$5*$BJ611),"")</f>
        <v/>
      </c>
      <c r="BN611" s="487" t="str">
        <f>IF(AG611="yes",('DRAFT - HGC Schemes'!AE$5*$BJ611),"")</f>
        <v/>
      </c>
      <c r="BO611" s="487" t="str">
        <f>IF(AH611="yes",('DRAFT - HGC Schemes'!AF$5*$BJ611),"")</f>
        <v/>
      </c>
      <c r="BP611" s="487" t="str">
        <f>IF(AI611="yes",('DRAFT - HGC Schemes'!AG$5*$BJ611),"")</f>
        <v/>
      </c>
      <c r="BQ611" s="487" t="str">
        <f>IF(AJ611="yes",('DRAFT - HGC Schemes'!AH$5*$BJ611),"")</f>
        <v/>
      </c>
      <c r="BR611" s="487" t="str">
        <f>IF(AK611="yes",('DRAFT - HGC Schemes'!AI$5*$BJ611),"")</f>
        <v/>
      </c>
      <c r="BS611" s="487" t="str">
        <f>IF(AL611="yes",('DRAFT - HGC Schemes'!AJ$5*$BJ611),"")</f>
        <v/>
      </c>
      <c r="BT611" s="487" t="str">
        <f>IF(AM611="yes",('DRAFT - HGC Schemes'!AK$5*$BJ611),"")</f>
        <v/>
      </c>
      <c r="BU611" s="487" t="str">
        <f>IF(AN611="yes",('DRAFT - HGC Schemes'!AL$5*$BJ611),"")</f>
        <v/>
      </c>
      <c r="BV611" s="487" t="str">
        <f>IF(AO611="yes",('DRAFT - HGC Schemes'!AM$5*$BJ611),"")</f>
        <v/>
      </c>
      <c r="BW611" s="487" t="str">
        <f>IF(AP611="yes",('DRAFT - HGC Schemes'!AN$5*$BJ611),"")</f>
        <v/>
      </c>
      <c r="BX611" s="487" t="str">
        <f>IF(AQ611="yes",('DRAFT - HGC Schemes'!AO$5*$BJ611),"")</f>
        <v/>
      </c>
      <c r="BY611" s="487" t="str">
        <f>IF(AR611="yes",('DRAFT - HGC Schemes'!AP$5*$BJ611),"")</f>
        <v/>
      </c>
      <c r="BZ611" s="487" t="str">
        <f>IF(AS611="yes",('DRAFT - HGC Schemes'!AQ$5*$BJ611),"")</f>
        <v/>
      </c>
      <c r="CA611" s="487" t="str">
        <f>IF(AT611="yes",('DRAFT - HGC Schemes'!AR$5*$BJ611),"")</f>
        <v/>
      </c>
      <c r="CB611" s="487" t="str">
        <f>IF(AU611="yes",('DRAFT - HGC Schemes'!AS$5*$BJ611),"")</f>
        <v/>
      </c>
      <c r="CC611" s="487" t="str">
        <f>IF(AV611="yes",('DRAFT - HGC Schemes'!AT$5*$BJ611),"")</f>
        <v/>
      </c>
      <c r="CD611" s="487" t="str">
        <f>IF(AW611="yes",('DRAFT - HGC Schemes'!AU$5*$BJ611),"")</f>
        <v/>
      </c>
      <c r="CE611" s="487" t="str">
        <f>IF(AX611="yes",('DRAFT - HGC Schemes'!AV$5*$BJ611),"")</f>
        <v/>
      </c>
      <c r="CF611" s="487" t="str">
        <f>IF(AY611="yes",('DRAFT - HGC Schemes'!AW$5*$BJ611),"")</f>
        <v/>
      </c>
      <c r="CG611" s="487" t="str">
        <f>IF(AZ611="yes",('DRAFT - HGC Schemes'!AX$5*$BJ611),"")</f>
        <v/>
      </c>
      <c r="CH611" s="487" t="str">
        <f>IF(BA611="yes",('DRAFT - HGC Schemes'!AY$5*$BJ611),"")</f>
        <v/>
      </c>
      <c r="CI611" s="487" t="str">
        <f>IF(BB611="yes",('DRAFT - HGC Schemes'!AZ$5*$BJ611),"")</f>
        <v/>
      </c>
      <c r="CJ611" s="487" t="str">
        <f>IF(BC611="yes",('DRAFT - HGC Schemes'!BA$5*$BJ611),"")</f>
        <v/>
      </c>
      <c r="CK611" s="487" t="str">
        <f>IF(BD611="yes",('DRAFT - HGC Schemes'!BB$5*$BJ611),"")</f>
        <v/>
      </c>
      <c r="CL611" s="487" t="str">
        <f>IF(BE611="yes",('DRAFT - HGC Schemes'!BC$5*$BJ611),"")</f>
        <v/>
      </c>
      <c r="CM611" s="487" t="str">
        <f>IF(BF611="yes",('DRAFT - HGC Schemes'!BD$5*$BJ611),"")</f>
        <v/>
      </c>
      <c r="CN611" s="487" t="str">
        <f>IF(BG611="yes",('DRAFT - HGC Schemes'!BE$5*$BJ611),"")</f>
        <v/>
      </c>
      <c r="CO611" s="487" t="str">
        <f>IF(BH611="yes",('DRAFT - HGC Schemes'!BF$5*$BJ611),"")</f>
        <v/>
      </c>
      <c r="CP611" s="487"/>
      <c r="CQ611" s="487"/>
      <c r="CR611" s="487"/>
      <c r="CS611" s="487"/>
      <c r="CT611" s="487"/>
      <c r="CU611" s="487"/>
      <c r="CV611" s="487"/>
      <c r="CW611" s="487"/>
      <c r="CX611" s="487"/>
      <c r="CY611" s="516" t="s">
        <v>66</v>
      </c>
      <c r="CZ611" s="516" t="s">
        <v>66</v>
      </c>
      <c r="DA611" s="487"/>
      <c r="DB611" s="487"/>
      <c r="DC611" s="487"/>
      <c r="DD611" s="487"/>
      <c r="DE611" s="487"/>
      <c r="DF611" s="487"/>
      <c r="DG611" s="487"/>
      <c r="DH611" s="487"/>
      <c r="DI611" s="487"/>
      <c r="DJ611" s="487"/>
      <c r="DK611" s="487"/>
      <c r="DL611" s="487"/>
      <c r="DM611" s="487"/>
      <c r="DN611" s="76"/>
      <c r="DO611" s="76"/>
      <c r="DP611" s="504" t="s">
        <v>3010</v>
      </c>
      <c r="DQ611" s="494"/>
      <c r="DR611" s="494"/>
    </row>
    <row r="612" spans="1:16317" s="137" customFormat="1" ht="56.1" customHeight="1" x14ac:dyDescent="0.2">
      <c r="A612" s="499"/>
      <c r="B612" s="499"/>
      <c r="C612" s="499"/>
      <c r="D612" s="481">
        <v>189</v>
      </c>
      <c r="E612" s="481"/>
      <c r="F612" s="481" t="s">
        <v>2481</v>
      </c>
      <c r="G612" s="482" t="s">
        <v>53</v>
      </c>
      <c r="H612" s="481" t="s">
        <v>329</v>
      </c>
      <c r="I612" s="657" t="s">
        <v>428</v>
      </c>
      <c r="J612" s="657" t="s">
        <v>369</v>
      </c>
      <c r="K612" s="495" t="s">
        <v>452</v>
      </c>
      <c r="L612" s="621"/>
      <c r="M612" s="78" t="s">
        <v>58</v>
      </c>
      <c r="N612" s="156" t="s">
        <v>3018</v>
      </c>
      <c r="O612" s="78" t="s">
        <v>2996</v>
      </c>
      <c r="P612" s="78" t="s">
        <v>81</v>
      </c>
      <c r="Q612" s="717" t="s">
        <v>334</v>
      </c>
      <c r="R612" s="78" t="s">
        <v>334</v>
      </c>
      <c r="S612" s="78" t="s">
        <v>208</v>
      </c>
      <c r="T612" s="78"/>
      <c r="U612" s="716" t="s">
        <v>63</v>
      </c>
      <c r="V612" s="716" t="s">
        <v>63</v>
      </c>
      <c r="W612" s="89">
        <v>116115.15377720933</v>
      </c>
      <c r="X612" s="89"/>
      <c r="Y612" s="78" t="s">
        <v>226</v>
      </c>
      <c r="Z612" s="78"/>
      <c r="AA612" s="89">
        <v>116115.15377720933</v>
      </c>
      <c r="AB612" s="736" t="s">
        <v>82</v>
      </c>
      <c r="AC612" s="736"/>
      <c r="AD612" s="737"/>
      <c r="AE612" s="737"/>
      <c r="AF612" s="737"/>
      <c r="AG612" s="737"/>
      <c r="AH612" s="737"/>
      <c r="AI612" s="151"/>
      <c r="AJ612" s="737"/>
      <c r="AK612" s="737"/>
      <c r="AL612" s="737" t="s">
        <v>66</v>
      </c>
      <c r="AM612" s="737"/>
      <c r="AN612" s="737"/>
      <c r="AO612" s="737"/>
      <c r="AP612" s="737"/>
      <c r="AQ612" s="737"/>
      <c r="AR612" s="737"/>
      <c r="AS612" s="737"/>
      <c r="AT612" s="737"/>
      <c r="AU612" s="737"/>
      <c r="AV612" s="737"/>
      <c r="AW612" s="737"/>
      <c r="AX612" s="737"/>
      <c r="AY612" s="737"/>
      <c r="AZ612" s="737"/>
      <c r="BA612" s="737"/>
      <c r="BB612" s="737"/>
      <c r="BC612" s="737"/>
      <c r="BD612" s="737"/>
      <c r="BE612" s="737"/>
      <c r="BF612" s="737"/>
      <c r="BG612" s="737"/>
      <c r="BH612" s="737"/>
      <c r="BI612" s="80">
        <v>0</v>
      </c>
      <c r="BJ612" s="76" t="e">
        <v>#DIV/0!</v>
      </c>
      <c r="BK612" s="151" t="s">
        <v>1487</v>
      </c>
      <c r="BL612" s="151" t="s">
        <v>1487</v>
      </c>
      <c r="BM612" s="151" t="s">
        <v>1487</v>
      </c>
      <c r="BN612" s="151" t="s">
        <v>1487</v>
      </c>
      <c r="BO612" s="151" t="s">
        <v>1487</v>
      </c>
      <c r="BP612" s="151" t="s">
        <v>1487</v>
      </c>
      <c r="BQ612" s="151" t="s">
        <v>1487</v>
      </c>
      <c r="BR612" s="151" t="s">
        <v>1487</v>
      </c>
      <c r="BS612" s="151" t="e">
        <v>#DIV/0!</v>
      </c>
      <c r="BT612" s="151" t="s">
        <v>1487</v>
      </c>
      <c r="BU612" s="151" t="s">
        <v>1487</v>
      </c>
      <c r="BV612" s="151" t="s">
        <v>1487</v>
      </c>
      <c r="BW612" s="151" t="s">
        <v>1487</v>
      </c>
      <c r="BX612" s="151" t="s">
        <v>1487</v>
      </c>
      <c r="BY612" s="151" t="s">
        <v>1487</v>
      </c>
      <c r="BZ612" s="151" t="s">
        <v>1487</v>
      </c>
      <c r="CA612" s="151" t="s">
        <v>1487</v>
      </c>
      <c r="CB612" s="151" t="s">
        <v>1487</v>
      </c>
      <c r="CC612" s="151" t="s">
        <v>1487</v>
      </c>
      <c r="CD612" s="151" t="s">
        <v>1487</v>
      </c>
      <c r="CE612" s="151" t="s">
        <v>1487</v>
      </c>
      <c r="CF612" s="151" t="s">
        <v>1487</v>
      </c>
      <c r="CG612" s="151" t="s">
        <v>1487</v>
      </c>
      <c r="CH612" s="151" t="s">
        <v>1487</v>
      </c>
      <c r="CI612" s="151" t="s">
        <v>1487</v>
      </c>
      <c r="CJ612" s="151" t="s">
        <v>1487</v>
      </c>
      <c r="CK612" s="151" t="s">
        <v>1487</v>
      </c>
      <c r="CL612" s="151" t="s">
        <v>1487</v>
      </c>
      <c r="CM612" s="151" t="s">
        <v>1487</v>
      </c>
      <c r="CN612" s="151" t="s">
        <v>1487</v>
      </c>
      <c r="CO612" s="151" t="s">
        <v>1487</v>
      </c>
      <c r="CP612" s="151"/>
      <c r="CQ612" s="151"/>
      <c r="CR612" s="151"/>
      <c r="CS612" s="151"/>
      <c r="CT612" s="151"/>
      <c r="CU612" s="151"/>
      <c r="CV612" s="151"/>
      <c r="CW612" s="151"/>
      <c r="CX612" s="151"/>
      <c r="CY612" s="151"/>
      <c r="CZ612" s="151"/>
      <c r="DA612" s="151"/>
      <c r="DB612" s="151"/>
      <c r="DC612" s="151"/>
      <c r="DD612" s="151"/>
      <c r="DE612" s="151"/>
      <c r="DF612" s="151"/>
      <c r="DG612" s="151"/>
      <c r="DH612" s="151"/>
      <c r="DI612" s="151"/>
      <c r="DJ612" s="151"/>
      <c r="DK612" s="151"/>
      <c r="DL612" s="151"/>
      <c r="DM612" s="151"/>
      <c r="DN612" s="78"/>
      <c r="DO612" s="78"/>
      <c r="DP612" s="78"/>
      <c r="DQ612" s="499"/>
      <c r="DR612" s="499"/>
      <c r="DS612" s="733"/>
    </row>
    <row r="613" spans="1:16317" s="137" customFormat="1" ht="56.1" customHeight="1" x14ac:dyDescent="0.2">
      <c r="A613" s="499"/>
      <c r="B613" s="77"/>
      <c r="C613" s="499"/>
      <c r="D613" s="481">
        <v>220</v>
      </c>
      <c r="E613" s="481"/>
      <c r="F613" s="481" t="s">
        <v>2481</v>
      </c>
      <c r="G613" s="482" t="s">
        <v>53</v>
      </c>
      <c r="H613" s="481" t="s">
        <v>329</v>
      </c>
      <c r="I613" s="657" t="s">
        <v>456</v>
      </c>
      <c r="J613" s="657" t="s">
        <v>369</v>
      </c>
      <c r="K613" s="495" t="s">
        <v>479</v>
      </c>
      <c r="L613" s="621"/>
      <c r="M613" s="78" t="s">
        <v>58</v>
      </c>
      <c r="N613" s="156" t="s">
        <v>3018</v>
      </c>
      <c r="O613" s="78" t="s">
        <v>2996</v>
      </c>
      <c r="P613" s="78" t="s">
        <v>81</v>
      </c>
      <c r="Q613" s="717" t="s">
        <v>334</v>
      </c>
      <c r="R613" s="78" t="s">
        <v>334</v>
      </c>
      <c r="S613" s="78" t="s">
        <v>208</v>
      </c>
      <c r="T613" s="78"/>
      <c r="U613" s="716" t="s">
        <v>63</v>
      </c>
      <c r="V613" s="716" t="s">
        <v>63</v>
      </c>
      <c r="W613" s="89">
        <v>40877.249544133752</v>
      </c>
      <c r="X613" s="89"/>
      <c r="Y613" s="78" t="s">
        <v>226</v>
      </c>
      <c r="Z613" s="78"/>
      <c r="AA613" s="89">
        <v>40877.249544133752</v>
      </c>
      <c r="AB613" s="736" t="s">
        <v>82</v>
      </c>
      <c r="AC613" s="736"/>
      <c r="AD613" s="737"/>
      <c r="AE613" s="737"/>
      <c r="AF613" s="737"/>
      <c r="AG613" s="737"/>
      <c r="AH613" s="737"/>
      <c r="AI613" s="151"/>
      <c r="AJ613" s="737"/>
      <c r="AK613" s="737"/>
      <c r="AL613" s="737" t="s">
        <v>66</v>
      </c>
      <c r="AM613" s="737"/>
      <c r="AN613" s="737"/>
      <c r="AO613" s="737"/>
      <c r="AP613" s="737"/>
      <c r="AQ613" s="737"/>
      <c r="AR613" s="737"/>
      <c r="AS613" s="737"/>
      <c r="AT613" s="737"/>
      <c r="AU613" s="737"/>
      <c r="AV613" s="737"/>
      <c r="AW613" s="737"/>
      <c r="AX613" s="737"/>
      <c r="AY613" s="737"/>
      <c r="AZ613" s="737"/>
      <c r="BA613" s="737"/>
      <c r="BB613" s="737"/>
      <c r="BC613" s="737"/>
      <c r="BD613" s="737"/>
      <c r="BE613" s="737"/>
      <c r="BF613" s="737"/>
      <c r="BG613" s="737"/>
      <c r="BH613" s="737"/>
      <c r="BI613" s="80">
        <v>0</v>
      </c>
      <c r="BJ613" s="76" t="e">
        <v>#DIV/0!</v>
      </c>
      <c r="BK613" s="151" t="s">
        <v>1487</v>
      </c>
      <c r="BL613" s="151" t="s">
        <v>1487</v>
      </c>
      <c r="BM613" s="151" t="s">
        <v>1487</v>
      </c>
      <c r="BN613" s="151" t="s">
        <v>1487</v>
      </c>
      <c r="BO613" s="151" t="s">
        <v>1487</v>
      </c>
      <c r="BP613" s="151" t="s">
        <v>1487</v>
      </c>
      <c r="BQ613" s="151" t="s">
        <v>1487</v>
      </c>
      <c r="BR613" s="151" t="s">
        <v>1487</v>
      </c>
      <c r="BS613" s="151" t="e">
        <v>#DIV/0!</v>
      </c>
      <c r="BT613" s="151" t="s">
        <v>1487</v>
      </c>
      <c r="BU613" s="151" t="s">
        <v>1487</v>
      </c>
      <c r="BV613" s="151" t="s">
        <v>1487</v>
      </c>
      <c r="BW613" s="151" t="s">
        <v>1487</v>
      </c>
      <c r="BX613" s="151" t="s">
        <v>1487</v>
      </c>
      <c r="BY613" s="151" t="s">
        <v>1487</v>
      </c>
      <c r="BZ613" s="151" t="s">
        <v>1487</v>
      </c>
      <c r="CA613" s="151" t="s">
        <v>1487</v>
      </c>
      <c r="CB613" s="151" t="s">
        <v>1487</v>
      </c>
      <c r="CC613" s="151" t="s">
        <v>1487</v>
      </c>
      <c r="CD613" s="151" t="s">
        <v>1487</v>
      </c>
      <c r="CE613" s="151" t="s">
        <v>1487</v>
      </c>
      <c r="CF613" s="151" t="s">
        <v>1487</v>
      </c>
      <c r="CG613" s="151" t="s">
        <v>1487</v>
      </c>
      <c r="CH613" s="151" t="s">
        <v>1487</v>
      </c>
      <c r="CI613" s="151" t="s">
        <v>1487</v>
      </c>
      <c r="CJ613" s="151" t="s">
        <v>1487</v>
      </c>
      <c r="CK613" s="151" t="s">
        <v>1487</v>
      </c>
      <c r="CL613" s="151" t="s">
        <v>1487</v>
      </c>
      <c r="CM613" s="151" t="s">
        <v>1487</v>
      </c>
      <c r="CN613" s="151" t="s">
        <v>1487</v>
      </c>
      <c r="CO613" s="151" t="s">
        <v>1487</v>
      </c>
      <c r="CP613" s="151"/>
      <c r="CQ613" s="151"/>
      <c r="CR613" s="151"/>
      <c r="CS613" s="151"/>
      <c r="CT613" s="151"/>
      <c r="CU613" s="151"/>
      <c r="CV613" s="151"/>
      <c r="CW613" s="151"/>
      <c r="CX613" s="151"/>
      <c r="CY613" s="151"/>
      <c r="CZ613" s="151"/>
      <c r="DA613" s="151"/>
      <c r="DB613" s="151"/>
      <c r="DC613" s="151"/>
      <c r="DD613" s="151"/>
      <c r="DE613" s="151"/>
      <c r="DF613" s="151"/>
      <c r="DG613" s="151"/>
      <c r="DH613" s="151"/>
      <c r="DI613" s="151"/>
      <c r="DJ613" s="151"/>
      <c r="DK613" s="151"/>
      <c r="DL613" s="151"/>
      <c r="DM613" s="151"/>
      <c r="DN613" s="78"/>
      <c r="DO613" s="78"/>
      <c r="DP613" s="78"/>
      <c r="DQ613" s="499"/>
      <c r="DR613" s="499"/>
      <c r="DS613" s="733"/>
    </row>
    <row r="614" spans="1:16317" s="137" customFormat="1" ht="56.1" customHeight="1" x14ac:dyDescent="0.2">
      <c r="A614" s="499"/>
      <c r="B614" s="77"/>
      <c r="C614" s="499"/>
      <c r="D614" s="481">
        <v>158</v>
      </c>
      <c r="E614" s="481"/>
      <c r="F614" s="481" t="s">
        <v>2481</v>
      </c>
      <c r="G614" s="482" t="s">
        <v>53</v>
      </c>
      <c r="H614" s="481" t="s">
        <v>329</v>
      </c>
      <c r="I614" s="657" t="s">
        <v>396</v>
      </c>
      <c r="J614" s="657" t="s">
        <v>369</v>
      </c>
      <c r="K614" s="495" t="s">
        <v>423</v>
      </c>
      <c r="L614" s="621"/>
      <c r="M614" s="78" t="s">
        <v>58</v>
      </c>
      <c r="N614" s="156" t="s">
        <v>3018</v>
      </c>
      <c r="O614" s="78" t="s">
        <v>2996</v>
      </c>
      <c r="P614" s="78" t="s">
        <v>81</v>
      </c>
      <c r="Q614" s="717" t="s">
        <v>334</v>
      </c>
      <c r="R614" s="78" t="s">
        <v>334</v>
      </c>
      <c r="S614" s="78" t="s">
        <v>208</v>
      </c>
      <c r="T614" s="78"/>
      <c r="U614" s="716" t="s">
        <v>63</v>
      </c>
      <c r="V614" s="716" t="s">
        <v>63</v>
      </c>
      <c r="W614" s="89">
        <v>426826.81814821647</v>
      </c>
      <c r="X614" s="89"/>
      <c r="Y614" s="78" t="s">
        <v>226</v>
      </c>
      <c r="Z614" s="78"/>
      <c r="AA614" s="89">
        <v>426826.81814821647</v>
      </c>
      <c r="AB614" s="736" t="s">
        <v>82</v>
      </c>
      <c r="AC614" s="736"/>
      <c r="AD614" s="737"/>
      <c r="AE614" s="737"/>
      <c r="AF614" s="737"/>
      <c r="AG614" s="737"/>
      <c r="AH614" s="737"/>
      <c r="AI614" s="151"/>
      <c r="AJ614" s="737"/>
      <c r="AK614" s="737"/>
      <c r="AL614" s="737" t="s">
        <v>66</v>
      </c>
      <c r="AM614" s="737"/>
      <c r="AN614" s="737"/>
      <c r="AO614" s="737"/>
      <c r="AP614" s="737"/>
      <c r="AQ614" s="737"/>
      <c r="AR614" s="737"/>
      <c r="AS614" s="737"/>
      <c r="AT614" s="737"/>
      <c r="AU614" s="737"/>
      <c r="AV614" s="737"/>
      <c r="AW614" s="737"/>
      <c r="AX614" s="737"/>
      <c r="AY614" s="737"/>
      <c r="AZ614" s="737"/>
      <c r="BA614" s="737"/>
      <c r="BB614" s="737"/>
      <c r="BC614" s="737"/>
      <c r="BD614" s="737"/>
      <c r="BE614" s="737"/>
      <c r="BF614" s="737"/>
      <c r="BG614" s="737"/>
      <c r="BH614" s="737"/>
      <c r="BI614" s="80">
        <v>0</v>
      </c>
      <c r="BJ614" s="76" t="e">
        <v>#DIV/0!</v>
      </c>
      <c r="BK614" s="151" t="s">
        <v>1487</v>
      </c>
      <c r="BL614" s="151" t="s">
        <v>1487</v>
      </c>
      <c r="BM614" s="151" t="s">
        <v>1487</v>
      </c>
      <c r="BN614" s="151" t="s">
        <v>1487</v>
      </c>
      <c r="BO614" s="151" t="s">
        <v>1487</v>
      </c>
      <c r="BP614" s="151" t="s">
        <v>1487</v>
      </c>
      <c r="BQ614" s="151" t="s">
        <v>1487</v>
      </c>
      <c r="BR614" s="151" t="s">
        <v>1487</v>
      </c>
      <c r="BS614" s="151" t="e">
        <v>#DIV/0!</v>
      </c>
      <c r="BT614" s="151" t="s">
        <v>1487</v>
      </c>
      <c r="BU614" s="151" t="s">
        <v>1487</v>
      </c>
      <c r="BV614" s="151" t="s">
        <v>1487</v>
      </c>
      <c r="BW614" s="151" t="s">
        <v>1487</v>
      </c>
      <c r="BX614" s="151" t="s">
        <v>1487</v>
      </c>
      <c r="BY614" s="151" t="s">
        <v>1487</v>
      </c>
      <c r="BZ614" s="151" t="s">
        <v>1487</v>
      </c>
      <c r="CA614" s="151" t="s">
        <v>1487</v>
      </c>
      <c r="CB614" s="151" t="s">
        <v>1487</v>
      </c>
      <c r="CC614" s="151" t="s">
        <v>1487</v>
      </c>
      <c r="CD614" s="151" t="s">
        <v>1487</v>
      </c>
      <c r="CE614" s="151" t="s">
        <v>1487</v>
      </c>
      <c r="CF614" s="151" t="s">
        <v>1487</v>
      </c>
      <c r="CG614" s="151" t="s">
        <v>1487</v>
      </c>
      <c r="CH614" s="151" t="s">
        <v>1487</v>
      </c>
      <c r="CI614" s="151" t="s">
        <v>1487</v>
      </c>
      <c r="CJ614" s="151" t="s">
        <v>1487</v>
      </c>
      <c r="CK614" s="151" t="s">
        <v>1487</v>
      </c>
      <c r="CL614" s="151" t="s">
        <v>1487</v>
      </c>
      <c r="CM614" s="151" t="s">
        <v>1487</v>
      </c>
      <c r="CN614" s="151" t="s">
        <v>1487</v>
      </c>
      <c r="CO614" s="151" t="s">
        <v>1487</v>
      </c>
      <c r="CP614" s="151"/>
      <c r="CQ614" s="151"/>
      <c r="CR614" s="151"/>
      <c r="CS614" s="151"/>
      <c r="CT614" s="151"/>
      <c r="CU614" s="151"/>
      <c r="CV614" s="151"/>
      <c r="CW614" s="151"/>
      <c r="CX614" s="151"/>
      <c r="CY614" s="151"/>
      <c r="CZ614" s="151"/>
      <c r="DA614" s="151"/>
      <c r="DB614" s="151"/>
      <c r="DC614" s="151"/>
      <c r="DD614" s="151"/>
      <c r="DE614" s="151"/>
      <c r="DF614" s="151"/>
      <c r="DG614" s="151"/>
      <c r="DH614" s="151"/>
      <c r="DI614" s="151"/>
      <c r="DJ614" s="151"/>
      <c r="DK614" s="151"/>
      <c r="DL614" s="151"/>
      <c r="DM614" s="151"/>
      <c r="DN614" s="78"/>
      <c r="DO614" s="78"/>
      <c r="DP614" s="78"/>
      <c r="DQ614" s="499"/>
      <c r="DR614" s="499"/>
      <c r="DS614" s="733"/>
    </row>
    <row r="615" spans="1:16317" s="733" customFormat="1" ht="56.1" customHeight="1" x14ac:dyDescent="0.2">
      <c r="A615" s="499"/>
      <c r="B615" s="499"/>
      <c r="C615" s="499"/>
      <c r="D615" s="481">
        <v>251</v>
      </c>
      <c r="E615" s="481"/>
      <c r="F615" s="481" t="s">
        <v>2481</v>
      </c>
      <c r="G615" s="482" t="s">
        <v>53</v>
      </c>
      <c r="H615" s="481" t="s">
        <v>329</v>
      </c>
      <c r="I615" s="657" t="s">
        <v>482</v>
      </c>
      <c r="J615" s="657" t="s">
        <v>483</v>
      </c>
      <c r="K615" s="495" t="s">
        <v>497</v>
      </c>
      <c r="L615" s="621"/>
      <c r="M615" s="78" t="s">
        <v>58</v>
      </c>
      <c r="N615" s="156" t="s">
        <v>3018</v>
      </c>
      <c r="O615" s="78" t="s">
        <v>2996</v>
      </c>
      <c r="P615" s="78" t="s">
        <v>81</v>
      </c>
      <c r="Q615" s="717" t="s">
        <v>334</v>
      </c>
      <c r="R615" s="78" t="s">
        <v>334</v>
      </c>
      <c r="S615" s="78" t="s">
        <v>225</v>
      </c>
      <c r="T615" s="78"/>
      <c r="U615" s="716" t="s">
        <v>63</v>
      </c>
      <c r="V615" s="716" t="s">
        <v>63</v>
      </c>
      <c r="W615" s="89">
        <v>281926</v>
      </c>
      <c r="X615" s="89"/>
      <c r="Y615" s="78" t="s">
        <v>226</v>
      </c>
      <c r="Z615" s="78"/>
      <c r="AA615" s="89">
        <v>281926</v>
      </c>
      <c r="AB615" s="736" t="s">
        <v>82</v>
      </c>
      <c r="AC615" s="736"/>
      <c r="AD615" s="737"/>
      <c r="AE615" s="737"/>
      <c r="AF615" s="737"/>
      <c r="AG615" s="737"/>
      <c r="AH615" s="737"/>
      <c r="AI615" s="151"/>
      <c r="AJ615" s="737"/>
      <c r="AK615" s="737"/>
      <c r="AL615" s="737" t="s">
        <v>66</v>
      </c>
      <c r="AM615" s="737"/>
      <c r="AN615" s="737"/>
      <c r="AO615" s="737"/>
      <c r="AP615" s="737"/>
      <c r="AQ615" s="737"/>
      <c r="AR615" s="737"/>
      <c r="AS615" s="737"/>
      <c r="AT615" s="737"/>
      <c r="AU615" s="737"/>
      <c r="AV615" s="737"/>
      <c r="AW615" s="737"/>
      <c r="AX615" s="737"/>
      <c r="AY615" s="737"/>
      <c r="AZ615" s="737"/>
      <c r="BA615" s="737"/>
      <c r="BB615" s="737"/>
      <c r="BC615" s="737"/>
      <c r="BD615" s="737"/>
      <c r="BE615" s="737"/>
      <c r="BF615" s="737"/>
      <c r="BG615" s="737"/>
      <c r="BH615" s="737"/>
      <c r="BI615" s="80">
        <v>0</v>
      </c>
      <c r="BJ615" s="76" t="e">
        <v>#DIV/0!</v>
      </c>
      <c r="BK615" s="151" t="s">
        <v>1487</v>
      </c>
      <c r="BL615" s="151" t="s">
        <v>1487</v>
      </c>
      <c r="BM615" s="151" t="s">
        <v>1487</v>
      </c>
      <c r="BN615" s="151" t="s">
        <v>1487</v>
      </c>
      <c r="BO615" s="151" t="s">
        <v>1487</v>
      </c>
      <c r="BP615" s="151" t="s">
        <v>1487</v>
      </c>
      <c r="BQ615" s="151" t="s">
        <v>1487</v>
      </c>
      <c r="BR615" s="151" t="s">
        <v>1487</v>
      </c>
      <c r="BS615" s="151" t="e">
        <v>#DIV/0!</v>
      </c>
      <c r="BT615" s="151" t="s">
        <v>1487</v>
      </c>
      <c r="BU615" s="151" t="s">
        <v>1487</v>
      </c>
      <c r="BV615" s="151" t="s">
        <v>1487</v>
      </c>
      <c r="BW615" s="151" t="s">
        <v>1487</v>
      </c>
      <c r="BX615" s="151" t="s">
        <v>1487</v>
      </c>
      <c r="BY615" s="151" t="s">
        <v>1487</v>
      </c>
      <c r="BZ615" s="151" t="s">
        <v>1487</v>
      </c>
      <c r="CA615" s="151" t="s">
        <v>1487</v>
      </c>
      <c r="CB615" s="151" t="s">
        <v>1487</v>
      </c>
      <c r="CC615" s="151" t="s">
        <v>1487</v>
      </c>
      <c r="CD615" s="151" t="s">
        <v>1487</v>
      </c>
      <c r="CE615" s="151" t="s">
        <v>1487</v>
      </c>
      <c r="CF615" s="151" t="s">
        <v>1487</v>
      </c>
      <c r="CG615" s="151" t="s">
        <v>1487</v>
      </c>
      <c r="CH615" s="151" t="s">
        <v>1487</v>
      </c>
      <c r="CI615" s="151" t="s">
        <v>1487</v>
      </c>
      <c r="CJ615" s="151" t="s">
        <v>1487</v>
      </c>
      <c r="CK615" s="151" t="s">
        <v>1487</v>
      </c>
      <c r="CL615" s="151" t="s">
        <v>1487</v>
      </c>
      <c r="CM615" s="151" t="s">
        <v>1487</v>
      </c>
      <c r="CN615" s="151" t="s">
        <v>1487</v>
      </c>
      <c r="CO615" s="151" t="s">
        <v>1487</v>
      </c>
      <c r="CP615" s="151"/>
      <c r="CQ615" s="151"/>
      <c r="CR615" s="151"/>
      <c r="CS615" s="151"/>
      <c r="CT615" s="151"/>
      <c r="CU615" s="151"/>
      <c r="CV615" s="151"/>
      <c r="CW615" s="151"/>
      <c r="CX615" s="151"/>
      <c r="CY615" s="151"/>
      <c r="CZ615" s="151"/>
      <c r="DA615" s="151"/>
      <c r="DB615" s="151"/>
      <c r="DC615" s="151"/>
      <c r="DD615" s="151"/>
      <c r="DE615" s="151"/>
      <c r="DF615" s="151"/>
      <c r="DG615" s="151"/>
      <c r="DH615" s="151"/>
      <c r="DI615" s="151"/>
      <c r="DJ615" s="151"/>
      <c r="DK615" s="151"/>
      <c r="DL615" s="151"/>
      <c r="DM615" s="151"/>
      <c r="DN615" s="78"/>
      <c r="DO615" s="78"/>
      <c r="DP615" s="78"/>
      <c r="DQ615" s="499"/>
      <c r="DR615" s="499"/>
    </row>
    <row r="616" spans="1:16317" s="733" customFormat="1" ht="56.1" customHeight="1" x14ac:dyDescent="0.2">
      <c r="A616" s="499"/>
      <c r="B616" s="499"/>
      <c r="C616" s="499"/>
      <c r="D616" s="481">
        <v>127</v>
      </c>
      <c r="E616" s="481"/>
      <c r="F616" s="481" t="s">
        <v>2481</v>
      </c>
      <c r="G616" s="482" t="s">
        <v>53</v>
      </c>
      <c r="H616" s="481" t="s">
        <v>329</v>
      </c>
      <c r="I616" s="657" t="s">
        <v>330</v>
      </c>
      <c r="J616" s="657" t="s">
        <v>369</v>
      </c>
      <c r="K616" s="495" t="s">
        <v>385</v>
      </c>
      <c r="L616" s="621"/>
      <c r="M616" s="78" t="s">
        <v>58</v>
      </c>
      <c r="N616" s="156" t="s">
        <v>3018</v>
      </c>
      <c r="O616" s="78" t="s">
        <v>2996</v>
      </c>
      <c r="P616" s="78" t="s">
        <v>81</v>
      </c>
      <c r="Q616" s="717" t="s">
        <v>334</v>
      </c>
      <c r="R616" s="78" t="s">
        <v>334</v>
      </c>
      <c r="S616" s="78" t="s">
        <v>208</v>
      </c>
      <c r="T616" s="78"/>
      <c r="U616" s="716" t="s">
        <v>63</v>
      </c>
      <c r="V616" s="716" t="s">
        <v>63</v>
      </c>
      <c r="W616" s="89">
        <v>216143.73045718172</v>
      </c>
      <c r="X616" s="89"/>
      <c r="Y616" s="78" t="s">
        <v>226</v>
      </c>
      <c r="Z616" s="78"/>
      <c r="AA616" s="89">
        <v>216143.73045718172</v>
      </c>
      <c r="AB616" s="736" t="s">
        <v>82</v>
      </c>
      <c r="AC616" s="736"/>
      <c r="AD616" s="737"/>
      <c r="AE616" s="737"/>
      <c r="AF616" s="737"/>
      <c r="AG616" s="737"/>
      <c r="AH616" s="737"/>
      <c r="AI616" s="151"/>
      <c r="AJ616" s="737"/>
      <c r="AK616" s="737"/>
      <c r="AL616" s="737" t="s">
        <v>66</v>
      </c>
      <c r="AM616" s="737"/>
      <c r="AN616" s="737"/>
      <c r="AO616" s="737"/>
      <c r="AP616" s="737"/>
      <c r="AQ616" s="737"/>
      <c r="AR616" s="737"/>
      <c r="AS616" s="737"/>
      <c r="AT616" s="737"/>
      <c r="AU616" s="737"/>
      <c r="AV616" s="737"/>
      <c r="AW616" s="737"/>
      <c r="AX616" s="737"/>
      <c r="AY616" s="737"/>
      <c r="AZ616" s="737"/>
      <c r="BA616" s="737"/>
      <c r="BB616" s="737"/>
      <c r="BC616" s="737"/>
      <c r="BD616" s="737"/>
      <c r="BE616" s="737"/>
      <c r="BF616" s="737"/>
      <c r="BG616" s="737"/>
      <c r="BH616" s="737"/>
      <c r="BI616" s="80">
        <v>0</v>
      </c>
      <c r="BJ616" s="76" t="e">
        <v>#DIV/0!</v>
      </c>
      <c r="BK616" s="151" t="s">
        <v>1487</v>
      </c>
      <c r="BL616" s="151" t="s">
        <v>1487</v>
      </c>
      <c r="BM616" s="151" t="s">
        <v>1487</v>
      </c>
      <c r="BN616" s="151" t="s">
        <v>1487</v>
      </c>
      <c r="BO616" s="151" t="s">
        <v>1487</v>
      </c>
      <c r="BP616" s="151" t="s">
        <v>1487</v>
      </c>
      <c r="BQ616" s="151" t="s">
        <v>1487</v>
      </c>
      <c r="BR616" s="151" t="s">
        <v>1487</v>
      </c>
      <c r="BS616" s="151" t="e">
        <v>#DIV/0!</v>
      </c>
      <c r="BT616" s="151" t="s">
        <v>1487</v>
      </c>
      <c r="BU616" s="151" t="s">
        <v>1487</v>
      </c>
      <c r="BV616" s="151" t="s">
        <v>1487</v>
      </c>
      <c r="BW616" s="151" t="s">
        <v>1487</v>
      </c>
      <c r="BX616" s="151" t="s">
        <v>1487</v>
      </c>
      <c r="BY616" s="151" t="s">
        <v>1487</v>
      </c>
      <c r="BZ616" s="151" t="s">
        <v>1487</v>
      </c>
      <c r="CA616" s="151" t="s">
        <v>1487</v>
      </c>
      <c r="CB616" s="151" t="s">
        <v>1487</v>
      </c>
      <c r="CC616" s="151" t="s">
        <v>1487</v>
      </c>
      <c r="CD616" s="151" t="s">
        <v>1487</v>
      </c>
      <c r="CE616" s="151" t="s">
        <v>1487</v>
      </c>
      <c r="CF616" s="151" t="s">
        <v>1487</v>
      </c>
      <c r="CG616" s="151" t="s">
        <v>1487</v>
      </c>
      <c r="CH616" s="151" t="s">
        <v>1487</v>
      </c>
      <c r="CI616" s="151" t="s">
        <v>1487</v>
      </c>
      <c r="CJ616" s="151" t="s">
        <v>1487</v>
      </c>
      <c r="CK616" s="151" t="s">
        <v>1487</v>
      </c>
      <c r="CL616" s="151" t="s">
        <v>1487</v>
      </c>
      <c r="CM616" s="151" t="s">
        <v>1487</v>
      </c>
      <c r="CN616" s="151" t="s">
        <v>1487</v>
      </c>
      <c r="CO616" s="151" t="s">
        <v>1487</v>
      </c>
      <c r="CP616" s="151"/>
      <c r="CQ616" s="151"/>
      <c r="CR616" s="151"/>
      <c r="CS616" s="151"/>
      <c r="CT616" s="151"/>
      <c r="CU616" s="151"/>
      <c r="CV616" s="151"/>
      <c r="CW616" s="151"/>
      <c r="CX616" s="151"/>
      <c r="CY616" s="151"/>
      <c r="CZ616" s="151"/>
      <c r="DA616" s="151"/>
      <c r="DB616" s="151"/>
      <c r="DC616" s="151"/>
      <c r="DD616" s="151"/>
      <c r="DE616" s="151"/>
      <c r="DF616" s="151"/>
      <c r="DG616" s="151"/>
      <c r="DH616" s="151"/>
      <c r="DI616" s="151"/>
      <c r="DJ616" s="151"/>
      <c r="DK616" s="151"/>
      <c r="DL616" s="151"/>
      <c r="DM616" s="151"/>
      <c r="DN616" s="78"/>
      <c r="DO616" s="78"/>
      <c r="DP616" s="78"/>
      <c r="DQ616" s="499"/>
      <c r="DR616" s="499"/>
    </row>
    <row r="617" spans="1:16317" s="733" customFormat="1" ht="56.1" customHeight="1" x14ac:dyDescent="0.2">
      <c r="A617" s="499"/>
      <c r="B617" s="499"/>
      <c r="C617" s="499"/>
      <c r="D617" s="481">
        <v>282</v>
      </c>
      <c r="E617" s="481"/>
      <c r="F617" s="481" t="s">
        <v>2481</v>
      </c>
      <c r="G617" s="482" t="s">
        <v>53</v>
      </c>
      <c r="H617" s="481" t="s">
        <v>329</v>
      </c>
      <c r="I617" s="657" t="s">
        <v>500</v>
      </c>
      <c r="J617" s="657" t="s">
        <v>501</v>
      </c>
      <c r="K617" s="495" t="s">
        <v>514</v>
      </c>
      <c r="L617" s="621"/>
      <c r="M617" s="78" t="s">
        <v>58</v>
      </c>
      <c r="N617" s="156" t="s">
        <v>3018</v>
      </c>
      <c r="O617" s="78" t="s">
        <v>2996</v>
      </c>
      <c r="P617" s="78" t="s">
        <v>81</v>
      </c>
      <c r="Q617" s="717" t="s">
        <v>334</v>
      </c>
      <c r="R617" s="78" t="s">
        <v>334</v>
      </c>
      <c r="S617" s="78" t="s">
        <v>208</v>
      </c>
      <c r="T617" s="78"/>
      <c r="U617" s="716" t="s">
        <v>63</v>
      </c>
      <c r="V617" s="716" t="s">
        <v>63</v>
      </c>
      <c r="W617" s="89">
        <v>254263</v>
      </c>
      <c r="X617" s="89"/>
      <c r="Y617" s="78" t="s">
        <v>226</v>
      </c>
      <c r="Z617" s="78"/>
      <c r="AA617" s="89">
        <v>254263</v>
      </c>
      <c r="AB617" s="736" t="s">
        <v>82</v>
      </c>
      <c r="AC617" s="736"/>
      <c r="AD617" s="737"/>
      <c r="AE617" s="737"/>
      <c r="AF617" s="737"/>
      <c r="AG617" s="737"/>
      <c r="AH617" s="737"/>
      <c r="AI617" s="151"/>
      <c r="AJ617" s="737"/>
      <c r="AK617" s="737"/>
      <c r="AL617" s="737" t="s">
        <v>66</v>
      </c>
      <c r="AM617" s="737"/>
      <c r="AN617" s="737"/>
      <c r="AO617" s="737"/>
      <c r="AP617" s="737"/>
      <c r="AQ617" s="737"/>
      <c r="AR617" s="737"/>
      <c r="AS617" s="737"/>
      <c r="AT617" s="737"/>
      <c r="AU617" s="737"/>
      <c r="AV617" s="737"/>
      <c r="AW617" s="737"/>
      <c r="AX617" s="737"/>
      <c r="AY617" s="737"/>
      <c r="AZ617" s="737"/>
      <c r="BA617" s="737"/>
      <c r="BB617" s="737"/>
      <c r="BC617" s="737"/>
      <c r="BD617" s="737"/>
      <c r="BE617" s="737"/>
      <c r="BF617" s="737"/>
      <c r="BG617" s="737"/>
      <c r="BH617" s="737"/>
      <c r="BI617" s="80">
        <v>0</v>
      </c>
      <c r="BJ617" s="76" t="e">
        <v>#DIV/0!</v>
      </c>
      <c r="BK617" s="151" t="s">
        <v>1487</v>
      </c>
      <c r="BL617" s="151" t="s">
        <v>1487</v>
      </c>
      <c r="BM617" s="151" t="s">
        <v>1487</v>
      </c>
      <c r="BN617" s="151" t="s">
        <v>1487</v>
      </c>
      <c r="BO617" s="151" t="s">
        <v>1487</v>
      </c>
      <c r="BP617" s="151" t="s">
        <v>1487</v>
      </c>
      <c r="BQ617" s="151" t="s">
        <v>1487</v>
      </c>
      <c r="BR617" s="151" t="s">
        <v>1487</v>
      </c>
      <c r="BS617" s="151" t="e">
        <v>#DIV/0!</v>
      </c>
      <c r="BT617" s="151" t="s">
        <v>1487</v>
      </c>
      <c r="BU617" s="151" t="s">
        <v>1487</v>
      </c>
      <c r="BV617" s="151" t="s">
        <v>1487</v>
      </c>
      <c r="BW617" s="151" t="s">
        <v>1487</v>
      </c>
      <c r="BX617" s="151" t="s">
        <v>1487</v>
      </c>
      <c r="BY617" s="151" t="s">
        <v>1487</v>
      </c>
      <c r="BZ617" s="151" t="s">
        <v>1487</v>
      </c>
      <c r="CA617" s="151" t="s">
        <v>1487</v>
      </c>
      <c r="CB617" s="151" t="s">
        <v>1487</v>
      </c>
      <c r="CC617" s="151" t="s">
        <v>1487</v>
      </c>
      <c r="CD617" s="151" t="s">
        <v>1487</v>
      </c>
      <c r="CE617" s="151" t="s">
        <v>1487</v>
      </c>
      <c r="CF617" s="151" t="s">
        <v>1487</v>
      </c>
      <c r="CG617" s="151" t="s">
        <v>1487</v>
      </c>
      <c r="CH617" s="151" t="s">
        <v>1487</v>
      </c>
      <c r="CI617" s="151" t="s">
        <v>1487</v>
      </c>
      <c r="CJ617" s="151" t="s">
        <v>1487</v>
      </c>
      <c r="CK617" s="151" t="s">
        <v>1487</v>
      </c>
      <c r="CL617" s="151" t="s">
        <v>1487</v>
      </c>
      <c r="CM617" s="151" t="s">
        <v>1487</v>
      </c>
      <c r="CN617" s="151" t="s">
        <v>1487</v>
      </c>
      <c r="CO617" s="151" t="s">
        <v>1487</v>
      </c>
      <c r="CP617" s="151"/>
      <c r="CQ617" s="151"/>
      <c r="CR617" s="151"/>
      <c r="CS617" s="151"/>
      <c r="CT617" s="151"/>
      <c r="CU617" s="151"/>
      <c r="CV617" s="151"/>
      <c r="CW617" s="151"/>
      <c r="CX617" s="151"/>
      <c r="CY617" s="151"/>
      <c r="CZ617" s="151"/>
      <c r="DA617" s="151"/>
      <c r="DB617" s="151"/>
      <c r="DC617" s="151"/>
      <c r="DD617" s="151"/>
      <c r="DE617" s="151"/>
      <c r="DF617" s="151"/>
      <c r="DG617" s="151"/>
      <c r="DH617" s="151"/>
      <c r="DI617" s="151"/>
      <c r="DJ617" s="151"/>
      <c r="DK617" s="151"/>
      <c r="DL617" s="151"/>
      <c r="DM617" s="151"/>
      <c r="DN617" s="78"/>
      <c r="DO617" s="78"/>
      <c r="DP617" s="78"/>
      <c r="DQ617" s="499"/>
      <c r="DR617" s="499"/>
    </row>
    <row r="618" spans="1:16317" s="733" customFormat="1" ht="56.1" customHeight="1" x14ac:dyDescent="0.2">
      <c r="A618" s="499"/>
      <c r="B618" s="610"/>
      <c r="C618" s="499"/>
      <c r="D618" s="481">
        <v>185</v>
      </c>
      <c r="E618" s="481"/>
      <c r="F618" s="481" t="s">
        <v>2481</v>
      </c>
      <c r="G618" s="482" t="s">
        <v>53</v>
      </c>
      <c r="H618" s="481" t="s">
        <v>329</v>
      </c>
      <c r="I618" s="657" t="s">
        <v>428</v>
      </c>
      <c r="J618" s="657" t="s">
        <v>369</v>
      </c>
      <c r="K618" s="495" t="s">
        <v>449</v>
      </c>
      <c r="L618" s="621"/>
      <c r="M618" s="78" t="s">
        <v>58</v>
      </c>
      <c r="N618" s="156" t="s">
        <v>1364</v>
      </c>
      <c r="O618" s="78" t="s">
        <v>2996</v>
      </c>
      <c r="P618" s="78" t="s">
        <v>81</v>
      </c>
      <c r="Q618" s="717" t="s">
        <v>334</v>
      </c>
      <c r="R618" s="78" t="s">
        <v>334</v>
      </c>
      <c r="S618" s="78" t="s">
        <v>204</v>
      </c>
      <c r="T618" s="78"/>
      <c r="U618" s="716" t="s">
        <v>63</v>
      </c>
      <c r="V618" s="716" t="s">
        <v>63</v>
      </c>
      <c r="W618" s="89">
        <v>69671</v>
      </c>
      <c r="X618" s="89"/>
      <c r="Y618" s="78" t="s">
        <v>226</v>
      </c>
      <c r="Z618" s="78"/>
      <c r="AA618" s="89">
        <v>69671</v>
      </c>
      <c r="AB618" s="736" t="s">
        <v>82</v>
      </c>
      <c r="AC618" s="736"/>
      <c r="AD618" s="737"/>
      <c r="AE618" s="737"/>
      <c r="AF618" s="737"/>
      <c r="AG618" s="737"/>
      <c r="AH618" s="151" t="s">
        <v>66</v>
      </c>
      <c r="AI618" s="737"/>
      <c r="AJ618" s="737"/>
      <c r="AK618" s="737"/>
      <c r="AL618" s="737"/>
      <c r="AM618" s="737"/>
      <c r="AN618" s="737"/>
      <c r="AO618" s="737"/>
      <c r="AP618" s="737"/>
      <c r="AQ618" s="737"/>
      <c r="AR618" s="737"/>
      <c r="AS618" s="737"/>
      <c r="AT618" s="737"/>
      <c r="AU618" s="737"/>
      <c r="AV618" s="737"/>
      <c r="AW618" s="737"/>
      <c r="AX618" s="737"/>
      <c r="AY618" s="737"/>
      <c r="AZ618" s="737"/>
      <c r="BA618" s="737"/>
      <c r="BB618" s="737"/>
      <c r="BC618" s="737"/>
      <c r="BD618" s="737"/>
      <c r="BE618" s="737"/>
      <c r="BF618" s="737"/>
      <c r="BG618" s="737"/>
      <c r="BH618" s="737"/>
      <c r="BI618" s="80">
        <v>0</v>
      </c>
      <c r="BJ618" s="76" t="e">
        <v>#DIV/0!</v>
      </c>
      <c r="BK618" s="151" t="s">
        <v>1487</v>
      </c>
      <c r="BL618" s="151" t="s">
        <v>1487</v>
      </c>
      <c r="BM618" s="151" t="s">
        <v>1487</v>
      </c>
      <c r="BN618" s="151" t="s">
        <v>1487</v>
      </c>
      <c r="BO618" s="151" t="e">
        <v>#DIV/0!</v>
      </c>
      <c r="BP618" s="151" t="s">
        <v>1487</v>
      </c>
      <c r="BQ618" s="151" t="s">
        <v>1487</v>
      </c>
      <c r="BR618" s="151" t="s">
        <v>1487</v>
      </c>
      <c r="BS618" s="151" t="s">
        <v>1487</v>
      </c>
      <c r="BT618" s="151" t="s">
        <v>1487</v>
      </c>
      <c r="BU618" s="151" t="s">
        <v>1487</v>
      </c>
      <c r="BV618" s="151" t="s">
        <v>1487</v>
      </c>
      <c r="BW618" s="151" t="s">
        <v>1487</v>
      </c>
      <c r="BX618" s="151" t="s">
        <v>1487</v>
      </c>
      <c r="BY618" s="151" t="s">
        <v>1487</v>
      </c>
      <c r="BZ618" s="151" t="s">
        <v>1487</v>
      </c>
      <c r="CA618" s="151" t="s">
        <v>1487</v>
      </c>
      <c r="CB618" s="151" t="s">
        <v>1487</v>
      </c>
      <c r="CC618" s="151" t="s">
        <v>1487</v>
      </c>
      <c r="CD618" s="151" t="s">
        <v>1487</v>
      </c>
      <c r="CE618" s="151" t="s">
        <v>1487</v>
      </c>
      <c r="CF618" s="151" t="s">
        <v>1487</v>
      </c>
      <c r="CG618" s="151" t="s">
        <v>1487</v>
      </c>
      <c r="CH618" s="151" t="s">
        <v>1487</v>
      </c>
      <c r="CI618" s="151" t="s">
        <v>1487</v>
      </c>
      <c r="CJ618" s="151" t="s">
        <v>1487</v>
      </c>
      <c r="CK618" s="151" t="s">
        <v>1487</v>
      </c>
      <c r="CL618" s="151" t="s">
        <v>1487</v>
      </c>
      <c r="CM618" s="151" t="s">
        <v>1487</v>
      </c>
      <c r="CN618" s="151" t="s">
        <v>1487</v>
      </c>
      <c r="CO618" s="151" t="s">
        <v>1487</v>
      </c>
      <c r="CP618" s="151"/>
      <c r="CQ618" s="151"/>
      <c r="CR618" s="151"/>
      <c r="CS618" s="151"/>
      <c r="CT618" s="151"/>
      <c r="CU618" s="151"/>
      <c r="CV618" s="151"/>
      <c r="CW618" s="151"/>
      <c r="CX618" s="151"/>
      <c r="CY618" s="151"/>
      <c r="CZ618" s="151"/>
      <c r="DA618" s="151"/>
      <c r="DB618" s="151"/>
      <c r="DC618" s="151"/>
      <c r="DD618" s="151"/>
      <c r="DE618" s="151"/>
      <c r="DF618" s="151"/>
      <c r="DG618" s="151"/>
      <c r="DH618" s="151"/>
      <c r="DI618" s="151"/>
      <c r="DJ618" s="151"/>
      <c r="DK618" s="151"/>
      <c r="DL618" s="151"/>
      <c r="DM618" s="151"/>
      <c r="DN618" s="78"/>
      <c r="DO618" s="78" t="s">
        <v>340</v>
      </c>
      <c r="DP618" s="78" t="s">
        <v>3041</v>
      </c>
      <c r="DQ618" s="499"/>
      <c r="DR618" s="499"/>
    </row>
    <row r="619" spans="1:16317" s="733" customFormat="1" ht="56.1" customHeight="1" x14ac:dyDescent="0.2">
      <c r="A619" s="499"/>
      <c r="B619" s="77"/>
      <c r="C619" s="499"/>
      <c r="D619" s="481">
        <v>216</v>
      </c>
      <c r="E619" s="481"/>
      <c r="F619" s="481" t="s">
        <v>2481</v>
      </c>
      <c r="G619" s="482" t="s">
        <v>53</v>
      </c>
      <c r="H619" s="481" t="s">
        <v>329</v>
      </c>
      <c r="I619" s="657" t="s">
        <v>456</v>
      </c>
      <c r="J619" s="657" t="s">
        <v>369</v>
      </c>
      <c r="K619" s="495" t="s">
        <v>469</v>
      </c>
      <c r="L619" s="621"/>
      <c r="M619" s="78" t="s">
        <v>58</v>
      </c>
      <c r="N619" s="156" t="s">
        <v>1364</v>
      </c>
      <c r="O619" s="78" t="s">
        <v>2996</v>
      </c>
      <c r="P619" s="78" t="s">
        <v>81</v>
      </c>
      <c r="Q619" s="717" t="s">
        <v>334</v>
      </c>
      <c r="R619" s="78" t="s">
        <v>334</v>
      </c>
      <c r="S619" s="78" t="s">
        <v>204</v>
      </c>
      <c r="T619" s="78"/>
      <c r="U619" s="716" t="s">
        <v>63</v>
      </c>
      <c r="V619" s="716" t="s">
        <v>63</v>
      </c>
      <c r="W619" s="89">
        <v>24527</v>
      </c>
      <c r="X619" s="89"/>
      <c r="Y619" s="78" t="s">
        <v>226</v>
      </c>
      <c r="Z619" s="78"/>
      <c r="AA619" s="89">
        <v>24527</v>
      </c>
      <c r="AB619" s="736" t="s">
        <v>82</v>
      </c>
      <c r="AC619" s="736"/>
      <c r="AD619" s="737"/>
      <c r="AE619" s="737"/>
      <c r="AF619" s="737"/>
      <c r="AG619" s="737"/>
      <c r="AH619" s="151" t="s">
        <v>66</v>
      </c>
      <c r="AI619" s="737"/>
      <c r="AJ619" s="737"/>
      <c r="AK619" s="737"/>
      <c r="AL619" s="737"/>
      <c r="AM619" s="737"/>
      <c r="AN619" s="737"/>
      <c r="AO619" s="737"/>
      <c r="AP619" s="737"/>
      <c r="AQ619" s="737"/>
      <c r="AR619" s="737"/>
      <c r="AS619" s="737"/>
      <c r="AT619" s="737"/>
      <c r="AU619" s="737"/>
      <c r="AV619" s="737"/>
      <c r="AW619" s="737"/>
      <c r="AX619" s="737"/>
      <c r="AY619" s="737"/>
      <c r="AZ619" s="737"/>
      <c r="BA619" s="737"/>
      <c r="BB619" s="737"/>
      <c r="BC619" s="737"/>
      <c r="BD619" s="737"/>
      <c r="BE619" s="737"/>
      <c r="BF619" s="737"/>
      <c r="BG619" s="737"/>
      <c r="BH619" s="737"/>
      <c r="BI619" s="80">
        <v>0</v>
      </c>
      <c r="BJ619" s="76" t="e">
        <v>#DIV/0!</v>
      </c>
      <c r="BK619" s="151" t="s">
        <v>1487</v>
      </c>
      <c r="BL619" s="151" t="s">
        <v>1487</v>
      </c>
      <c r="BM619" s="151" t="s">
        <v>1487</v>
      </c>
      <c r="BN619" s="151" t="s">
        <v>1487</v>
      </c>
      <c r="BO619" s="151" t="e">
        <v>#DIV/0!</v>
      </c>
      <c r="BP619" s="151" t="s">
        <v>1487</v>
      </c>
      <c r="BQ619" s="151" t="s">
        <v>1487</v>
      </c>
      <c r="BR619" s="151" t="s">
        <v>1487</v>
      </c>
      <c r="BS619" s="151" t="s">
        <v>1487</v>
      </c>
      <c r="BT619" s="151" t="s">
        <v>1487</v>
      </c>
      <c r="BU619" s="151" t="s">
        <v>1487</v>
      </c>
      <c r="BV619" s="151" t="s">
        <v>1487</v>
      </c>
      <c r="BW619" s="151" t="s">
        <v>1487</v>
      </c>
      <c r="BX619" s="151" t="s">
        <v>1487</v>
      </c>
      <c r="BY619" s="151" t="s">
        <v>1487</v>
      </c>
      <c r="BZ619" s="151" t="s">
        <v>1487</v>
      </c>
      <c r="CA619" s="151" t="s">
        <v>1487</v>
      </c>
      <c r="CB619" s="151" t="s">
        <v>1487</v>
      </c>
      <c r="CC619" s="151" t="s">
        <v>1487</v>
      </c>
      <c r="CD619" s="151" t="s">
        <v>1487</v>
      </c>
      <c r="CE619" s="151" t="s">
        <v>1487</v>
      </c>
      <c r="CF619" s="151" t="s">
        <v>1487</v>
      </c>
      <c r="CG619" s="151" t="s">
        <v>1487</v>
      </c>
      <c r="CH619" s="151" t="s">
        <v>1487</v>
      </c>
      <c r="CI619" s="151" t="s">
        <v>1487</v>
      </c>
      <c r="CJ619" s="151" t="s">
        <v>1487</v>
      </c>
      <c r="CK619" s="151" t="s">
        <v>1487</v>
      </c>
      <c r="CL619" s="151" t="s">
        <v>1487</v>
      </c>
      <c r="CM619" s="151" t="s">
        <v>1487</v>
      </c>
      <c r="CN619" s="151" t="s">
        <v>1487</v>
      </c>
      <c r="CO619" s="151" t="s">
        <v>1487</v>
      </c>
      <c r="CP619" s="151"/>
      <c r="CQ619" s="151"/>
      <c r="CR619" s="151"/>
      <c r="CS619" s="151"/>
      <c r="CT619" s="151"/>
      <c r="CU619" s="151"/>
      <c r="CV619" s="151"/>
      <c r="CW619" s="151"/>
      <c r="CX619" s="151"/>
      <c r="CY619" s="151"/>
      <c r="CZ619" s="151"/>
      <c r="DA619" s="151"/>
      <c r="DB619" s="151"/>
      <c r="DC619" s="151"/>
      <c r="DD619" s="151"/>
      <c r="DE619" s="151"/>
      <c r="DF619" s="151"/>
      <c r="DG619" s="151"/>
      <c r="DH619" s="151"/>
      <c r="DI619" s="151"/>
      <c r="DJ619" s="151"/>
      <c r="DK619" s="151"/>
      <c r="DL619" s="151"/>
      <c r="DM619" s="151"/>
      <c r="DN619" s="78"/>
      <c r="DO619" s="78" t="s">
        <v>462</v>
      </c>
      <c r="DP619" s="78" t="s">
        <v>3041</v>
      </c>
      <c r="DQ619" s="499"/>
      <c r="DR619" s="499"/>
    </row>
    <row r="620" spans="1:16317" s="733" customFormat="1" ht="56.1" customHeight="1" x14ac:dyDescent="0.2">
      <c r="A620" s="499"/>
      <c r="B620" s="77"/>
      <c r="C620" s="499"/>
      <c r="D620" s="481">
        <v>154</v>
      </c>
      <c r="E620" s="481"/>
      <c r="F620" s="481" t="s">
        <v>2481</v>
      </c>
      <c r="G620" s="482" t="s">
        <v>53</v>
      </c>
      <c r="H620" s="481" t="s">
        <v>329</v>
      </c>
      <c r="I620" s="657" t="s">
        <v>396</v>
      </c>
      <c r="J620" s="657" t="s">
        <v>369</v>
      </c>
      <c r="K620" s="495" t="s">
        <v>420</v>
      </c>
      <c r="L620" s="621"/>
      <c r="M620" s="78" t="s">
        <v>58</v>
      </c>
      <c r="N620" s="156" t="s">
        <v>1364</v>
      </c>
      <c r="O620" s="78" t="s">
        <v>2996</v>
      </c>
      <c r="P620" s="78" t="s">
        <v>81</v>
      </c>
      <c r="Q620" s="717" t="s">
        <v>334</v>
      </c>
      <c r="R620" s="78" t="s">
        <v>334</v>
      </c>
      <c r="S620" s="78" t="s">
        <v>204</v>
      </c>
      <c r="T620" s="78"/>
      <c r="U620" s="716" t="s">
        <v>63</v>
      </c>
      <c r="V620" s="716" t="s">
        <v>63</v>
      </c>
      <c r="W620" s="89">
        <v>256055</v>
      </c>
      <c r="X620" s="89"/>
      <c r="Y620" s="78" t="s">
        <v>226</v>
      </c>
      <c r="Z620" s="78"/>
      <c r="AA620" s="89">
        <v>256055</v>
      </c>
      <c r="AB620" s="736" t="s">
        <v>82</v>
      </c>
      <c r="AC620" s="736"/>
      <c r="AD620" s="737"/>
      <c r="AE620" s="737"/>
      <c r="AF620" s="737"/>
      <c r="AG620" s="737"/>
      <c r="AH620" s="151" t="s">
        <v>66</v>
      </c>
      <c r="AI620" s="737"/>
      <c r="AJ620" s="737"/>
      <c r="AK620" s="737"/>
      <c r="AL620" s="737"/>
      <c r="AM620" s="737"/>
      <c r="AN620" s="737"/>
      <c r="AO620" s="737"/>
      <c r="AP620" s="737"/>
      <c r="AQ620" s="737"/>
      <c r="AR620" s="737"/>
      <c r="AS620" s="737"/>
      <c r="AT620" s="737"/>
      <c r="AU620" s="737"/>
      <c r="AV620" s="737"/>
      <c r="AW620" s="737"/>
      <c r="AX620" s="737"/>
      <c r="AY620" s="737"/>
      <c r="AZ620" s="737"/>
      <c r="BA620" s="737"/>
      <c r="BB620" s="737"/>
      <c r="BC620" s="737"/>
      <c r="BD620" s="737"/>
      <c r="BE620" s="737"/>
      <c r="BF620" s="737"/>
      <c r="BG620" s="737"/>
      <c r="BH620" s="737"/>
      <c r="BI620" s="80">
        <v>0</v>
      </c>
      <c r="BJ620" s="76" t="e">
        <v>#DIV/0!</v>
      </c>
      <c r="BK620" s="151" t="s">
        <v>1487</v>
      </c>
      <c r="BL620" s="151" t="s">
        <v>1487</v>
      </c>
      <c r="BM620" s="151" t="s">
        <v>1487</v>
      </c>
      <c r="BN620" s="151" t="s">
        <v>1487</v>
      </c>
      <c r="BO620" s="151" t="e">
        <v>#DIV/0!</v>
      </c>
      <c r="BP620" s="151" t="s">
        <v>1487</v>
      </c>
      <c r="BQ620" s="151" t="s">
        <v>1487</v>
      </c>
      <c r="BR620" s="151" t="s">
        <v>1487</v>
      </c>
      <c r="BS620" s="151" t="s">
        <v>1487</v>
      </c>
      <c r="BT620" s="151" t="s">
        <v>1487</v>
      </c>
      <c r="BU620" s="151" t="s">
        <v>1487</v>
      </c>
      <c r="BV620" s="151" t="s">
        <v>1487</v>
      </c>
      <c r="BW620" s="151" t="s">
        <v>1487</v>
      </c>
      <c r="BX620" s="151" t="s">
        <v>1487</v>
      </c>
      <c r="BY620" s="151" t="s">
        <v>1487</v>
      </c>
      <c r="BZ620" s="151" t="s">
        <v>1487</v>
      </c>
      <c r="CA620" s="151" t="s">
        <v>1487</v>
      </c>
      <c r="CB620" s="151" t="s">
        <v>1487</v>
      </c>
      <c r="CC620" s="151" t="s">
        <v>1487</v>
      </c>
      <c r="CD620" s="151" t="s">
        <v>1487</v>
      </c>
      <c r="CE620" s="151" t="s">
        <v>1487</v>
      </c>
      <c r="CF620" s="151" t="s">
        <v>1487</v>
      </c>
      <c r="CG620" s="151" t="s">
        <v>1487</v>
      </c>
      <c r="CH620" s="151" t="s">
        <v>1487</v>
      </c>
      <c r="CI620" s="151" t="s">
        <v>1487</v>
      </c>
      <c r="CJ620" s="151" t="s">
        <v>1487</v>
      </c>
      <c r="CK620" s="151" t="s">
        <v>1487</v>
      </c>
      <c r="CL620" s="151" t="s">
        <v>1487</v>
      </c>
      <c r="CM620" s="151" t="s">
        <v>1487</v>
      </c>
      <c r="CN620" s="151" t="s">
        <v>1487</v>
      </c>
      <c r="CO620" s="151" t="s">
        <v>1487</v>
      </c>
      <c r="CP620" s="151"/>
      <c r="CQ620" s="151"/>
      <c r="CR620" s="151"/>
      <c r="CS620" s="151"/>
      <c r="CT620" s="151"/>
      <c r="CU620" s="151"/>
      <c r="CV620" s="151"/>
      <c r="CW620" s="151"/>
      <c r="CX620" s="151"/>
      <c r="CY620" s="151"/>
      <c r="CZ620" s="151"/>
      <c r="DA620" s="151"/>
      <c r="DB620" s="151"/>
      <c r="DC620" s="151"/>
      <c r="DD620" s="151"/>
      <c r="DE620" s="151"/>
      <c r="DF620" s="151"/>
      <c r="DG620" s="151"/>
      <c r="DH620" s="151"/>
      <c r="DI620" s="151"/>
      <c r="DJ620" s="151"/>
      <c r="DK620" s="151"/>
      <c r="DL620" s="151"/>
      <c r="DM620" s="151"/>
      <c r="DN620" s="78"/>
      <c r="DO620" s="78" t="s">
        <v>399</v>
      </c>
      <c r="DP620" s="78" t="s">
        <v>3041</v>
      </c>
      <c r="DQ620" s="499"/>
      <c r="DR620" s="499"/>
    </row>
    <row r="621" spans="1:16317" s="733" customFormat="1" ht="56.1" customHeight="1" x14ac:dyDescent="0.2">
      <c r="A621" s="499"/>
      <c r="B621" s="499"/>
      <c r="C621" s="499"/>
      <c r="D621" s="481">
        <v>247</v>
      </c>
      <c r="E621" s="481"/>
      <c r="F621" s="481" t="s">
        <v>2481</v>
      </c>
      <c r="G621" s="482" t="s">
        <v>53</v>
      </c>
      <c r="H621" s="481" t="s">
        <v>329</v>
      </c>
      <c r="I621" s="657" t="s">
        <v>482</v>
      </c>
      <c r="J621" s="657" t="s">
        <v>483</v>
      </c>
      <c r="K621" s="495" t="s">
        <v>492</v>
      </c>
      <c r="L621" s="621"/>
      <c r="M621" s="78" t="s">
        <v>58</v>
      </c>
      <c r="N621" s="156" t="s">
        <v>1364</v>
      </c>
      <c r="O621" s="78" t="s">
        <v>2996</v>
      </c>
      <c r="P621" s="78" t="s">
        <v>81</v>
      </c>
      <c r="Q621" s="717" t="s">
        <v>334</v>
      </c>
      <c r="R621" s="78" t="s">
        <v>334</v>
      </c>
      <c r="S621" s="78" t="s">
        <v>225</v>
      </c>
      <c r="T621" s="78"/>
      <c r="U621" s="716" t="s">
        <v>63</v>
      </c>
      <c r="V621" s="716" t="s">
        <v>63</v>
      </c>
      <c r="W621" s="89">
        <v>169155</v>
      </c>
      <c r="X621" s="89"/>
      <c r="Y621" s="78" t="s">
        <v>226</v>
      </c>
      <c r="Z621" s="78"/>
      <c r="AA621" s="89">
        <v>169155</v>
      </c>
      <c r="AB621" s="736" t="s">
        <v>82</v>
      </c>
      <c r="AC621" s="736"/>
      <c r="AD621" s="737"/>
      <c r="AE621" s="737"/>
      <c r="AF621" s="737"/>
      <c r="AG621" s="737"/>
      <c r="AH621" s="151" t="s">
        <v>66</v>
      </c>
      <c r="AI621" s="737"/>
      <c r="AJ621" s="737"/>
      <c r="AK621" s="737"/>
      <c r="AL621" s="737"/>
      <c r="AM621" s="737"/>
      <c r="AN621" s="737"/>
      <c r="AO621" s="737"/>
      <c r="AP621" s="737"/>
      <c r="AQ621" s="737"/>
      <c r="AR621" s="737"/>
      <c r="AS621" s="737"/>
      <c r="AT621" s="737"/>
      <c r="AU621" s="737"/>
      <c r="AV621" s="737"/>
      <c r="AW621" s="737"/>
      <c r="AX621" s="737"/>
      <c r="AY621" s="737"/>
      <c r="AZ621" s="737"/>
      <c r="BA621" s="737"/>
      <c r="BB621" s="737"/>
      <c r="BC621" s="737"/>
      <c r="BD621" s="737"/>
      <c r="BE621" s="737"/>
      <c r="BF621" s="737"/>
      <c r="BG621" s="737"/>
      <c r="BH621" s="737"/>
      <c r="BI621" s="80">
        <v>0</v>
      </c>
      <c r="BJ621" s="76" t="e">
        <v>#DIV/0!</v>
      </c>
      <c r="BK621" s="151" t="s">
        <v>1487</v>
      </c>
      <c r="BL621" s="151" t="s">
        <v>1487</v>
      </c>
      <c r="BM621" s="151" t="s">
        <v>1487</v>
      </c>
      <c r="BN621" s="151" t="s">
        <v>1487</v>
      </c>
      <c r="BO621" s="151" t="e">
        <v>#DIV/0!</v>
      </c>
      <c r="BP621" s="151" t="s">
        <v>1487</v>
      </c>
      <c r="BQ621" s="151" t="s">
        <v>1487</v>
      </c>
      <c r="BR621" s="151" t="s">
        <v>1487</v>
      </c>
      <c r="BS621" s="151" t="s">
        <v>1487</v>
      </c>
      <c r="BT621" s="151" t="s">
        <v>1487</v>
      </c>
      <c r="BU621" s="151" t="s">
        <v>1487</v>
      </c>
      <c r="BV621" s="151" t="s">
        <v>1487</v>
      </c>
      <c r="BW621" s="151" t="s">
        <v>1487</v>
      </c>
      <c r="BX621" s="151" t="s">
        <v>1487</v>
      </c>
      <c r="BY621" s="151" t="s">
        <v>1487</v>
      </c>
      <c r="BZ621" s="151" t="s">
        <v>1487</v>
      </c>
      <c r="CA621" s="151" t="s">
        <v>1487</v>
      </c>
      <c r="CB621" s="151" t="s">
        <v>1487</v>
      </c>
      <c r="CC621" s="151" t="s">
        <v>1487</v>
      </c>
      <c r="CD621" s="151" t="s">
        <v>1487</v>
      </c>
      <c r="CE621" s="151" t="s">
        <v>1487</v>
      </c>
      <c r="CF621" s="151" t="s">
        <v>1487</v>
      </c>
      <c r="CG621" s="151" t="s">
        <v>1487</v>
      </c>
      <c r="CH621" s="151" t="s">
        <v>1487</v>
      </c>
      <c r="CI621" s="151" t="s">
        <v>1487</v>
      </c>
      <c r="CJ621" s="151" t="s">
        <v>1487</v>
      </c>
      <c r="CK621" s="151" t="s">
        <v>1487</v>
      </c>
      <c r="CL621" s="151" t="s">
        <v>1487</v>
      </c>
      <c r="CM621" s="151" t="s">
        <v>1487</v>
      </c>
      <c r="CN621" s="151" t="s">
        <v>1487</v>
      </c>
      <c r="CO621" s="151" t="s">
        <v>1487</v>
      </c>
      <c r="CP621" s="151"/>
      <c r="CQ621" s="151"/>
      <c r="CR621" s="151"/>
      <c r="CS621" s="151"/>
      <c r="CT621" s="151"/>
      <c r="CU621" s="151"/>
      <c r="CV621" s="151"/>
      <c r="CW621" s="151"/>
      <c r="CX621" s="151"/>
      <c r="CY621" s="151"/>
      <c r="CZ621" s="151"/>
      <c r="DA621" s="151"/>
      <c r="DB621" s="151"/>
      <c r="DC621" s="151"/>
      <c r="DD621" s="151"/>
      <c r="DE621" s="151"/>
      <c r="DF621" s="151"/>
      <c r="DG621" s="151"/>
      <c r="DH621" s="151"/>
      <c r="DI621" s="151"/>
      <c r="DJ621" s="151"/>
      <c r="DK621" s="151"/>
      <c r="DL621" s="151"/>
      <c r="DM621" s="151"/>
      <c r="DN621" s="78"/>
      <c r="DO621" s="78" t="s">
        <v>485</v>
      </c>
      <c r="DP621" s="78" t="s">
        <v>3041</v>
      </c>
      <c r="DQ621" s="499"/>
      <c r="DR621" s="499"/>
    </row>
    <row r="622" spans="1:16317" s="733" customFormat="1" ht="56.1" customHeight="1" x14ac:dyDescent="0.2">
      <c r="A622" s="499"/>
      <c r="B622" s="610"/>
      <c r="C622" s="499"/>
      <c r="D622" s="481">
        <v>123</v>
      </c>
      <c r="E622" s="481"/>
      <c r="F622" s="481" t="s">
        <v>2481</v>
      </c>
      <c r="G622" s="482" t="s">
        <v>53</v>
      </c>
      <c r="H622" s="481" t="s">
        <v>329</v>
      </c>
      <c r="I622" s="657" t="s">
        <v>330</v>
      </c>
      <c r="J622" s="657" t="s">
        <v>369</v>
      </c>
      <c r="K622" s="495" t="s">
        <v>378</v>
      </c>
      <c r="L622" s="621"/>
      <c r="M622" s="78" t="s">
        <v>58</v>
      </c>
      <c r="N622" s="156" t="s">
        <v>1364</v>
      </c>
      <c r="O622" s="78" t="s">
        <v>2996</v>
      </c>
      <c r="P622" s="78" t="s">
        <v>81</v>
      </c>
      <c r="Q622" s="717" t="s">
        <v>334</v>
      </c>
      <c r="R622" s="78" t="s">
        <v>334</v>
      </c>
      <c r="S622" s="78" t="s">
        <v>204</v>
      </c>
      <c r="T622" s="78"/>
      <c r="U622" s="716" t="s">
        <v>63</v>
      </c>
      <c r="V622" s="716" t="s">
        <v>63</v>
      </c>
      <c r="W622" s="89">
        <v>129681</v>
      </c>
      <c r="X622" s="89"/>
      <c r="Y622" s="78" t="s">
        <v>226</v>
      </c>
      <c r="Z622" s="78"/>
      <c r="AA622" s="89">
        <v>129681</v>
      </c>
      <c r="AB622" s="736" t="s">
        <v>82</v>
      </c>
      <c r="AC622" s="736"/>
      <c r="AD622" s="737"/>
      <c r="AE622" s="737"/>
      <c r="AF622" s="737"/>
      <c r="AG622" s="737"/>
      <c r="AH622" s="151" t="s">
        <v>66</v>
      </c>
      <c r="AI622" s="737"/>
      <c r="AJ622" s="737"/>
      <c r="AK622" s="737"/>
      <c r="AL622" s="737"/>
      <c r="AM622" s="737"/>
      <c r="AN622" s="737"/>
      <c r="AO622" s="737"/>
      <c r="AP622" s="737"/>
      <c r="AQ622" s="737"/>
      <c r="AR622" s="737"/>
      <c r="AS622" s="737"/>
      <c r="AT622" s="737"/>
      <c r="AU622" s="737"/>
      <c r="AV622" s="737"/>
      <c r="AW622" s="737"/>
      <c r="AX622" s="737"/>
      <c r="AY622" s="737"/>
      <c r="AZ622" s="737"/>
      <c r="BA622" s="737"/>
      <c r="BB622" s="737"/>
      <c r="BC622" s="737"/>
      <c r="BD622" s="737"/>
      <c r="BE622" s="737"/>
      <c r="BF622" s="737"/>
      <c r="BG622" s="737"/>
      <c r="BH622" s="737"/>
      <c r="BI622" s="80">
        <v>0</v>
      </c>
      <c r="BJ622" s="76" t="e">
        <v>#DIV/0!</v>
      </c>
      <c r="BK622" s="151" t="s">
        <v>1487</v>
      </c>
      <c r="BL622" s="151" t="s">
        <v>1487</v>
      </c>
      <c r="BM622" s="151" t="s">
        <v>1487</v>
      </c>
      <c r="BN622" s="151" t="s">
        <v>1487</v>
      </c>
      <c r="BO622" s="151" t="e">
        <v>#DIV/0!</v>
      </c>
      <c r="BP622" s="151" t="s">
        <v>1487</v>
      </c>
      <c r="BQ622" s="151" t="s">
        <v>1487</v>
      </c>
      <c r="BR622" s="151" t="s">
        <v>1487</v>
      </c>
      <c r="BS622" s="151" t="s">
        <v>1487</v>
      </c>
      <c r="BT622" s="151" t="s">
        <v>1487</v>
      </c>
      <c r="BU622" s="151" t="s">
        <v>1487</v>
      </c>
      <c r="BV622" s="151" t="s">
        <v>1487</v>
      </c>
      <c r="BW622" s="151" t="s">
        <v>1487</v>
      </c>
      <c r="BX622" s="151" t="s">
        <v>1487</v>
      </c>
      <c r="BY622" s="151" t="s">
        <v>1487</v>
      </c>
      <c r="BZ622" s="151" t="s">
        <v>1487</v>
      </c>
      <c r="CA622" s="151" t="s">
        <v>1487</v>
      </c>
      <c r="CB622" s="151" t="s">
        <v>1487</v>
      </c>
      <c r="CC622" s="151" t="s">
        <v>1487</v>
      </c>
      <c r="CD622" s="151" t="s">
        <v>1487</v>
      </c>
      <c r="CE622" s="151" t="s">
        <v>1487</v>
      </c>
      <c r="CF622" s="151" t="s">
        <v>1487</v>
      </c>
      <c r="CG622" s="151" t="s">
        <v>1487</v>
      </c>
      <c r="CH622" s="151" t="s">
        <v>1487</v>
      </c>
      <c r="CI622" s="151" t="s">
        <v>1487</v>
      </c>
      <c r="CJ622" s="151" t="s">
        <v>1487</v>
      </c>
      <c r="CK622" s="151" t="s">
        <v>1487</v>
      </c>
      <c r="CL622" s="151" t="s">
        <v>1487</v>
      </c>
      <c r="CM622" s="151" t="s">
        <v>1487</v>
      </c>
      <c r="CN622" s="151" t="s">
        <v>1487</v>
      </c>
      <c r="CO622" s="151" t="s">
        <v>1487</v>
      </c>
      <c r="CP622" s="151"/>
      <c r="CQ622" s="151"/>
      <c r="CR622" s="151"/>
      <c r="CS622" s="151"/>
      <c r="CT622" s="151"/>
      <c r="CU622" s="151"/>
      <c r="CV622" s="151"/>
      <c r="CW622" s="151"/>
      <c r="CX622" s="151"/>
      <c r="CY622" s="151"/>
      <c r="CZ622" s="151"/>
      <c r="DA622" s="151"/>
      <c r="DB622" s="151"/>
      <c r="DC622" s="151"/>
      <c r="DD622" s="151"/>
      <c r="DE622" s="151"/>
      <c r="DF622" s="151"/>
      <c r="DG622" s="151"/>
      <c r="DH622" s="151"/>
      <c r="DI622" s="151"/>
      <c r="DJ622" s="151"/>
      <c r="DK622" s="151"/>
      <c r="DL622" s="151"/>
      <c r="DM622" s="151"/>
      <c r="DN622" s="78"/>
      <c r="DO622" s="78" t="s">
        <v>340</v>
      </c>
      <c r="DP622" s="78" t="s">
        <v>3041</v>
      </c>
      <c r="DQ622" s="499"/>
      <c r="DR622" s="499"/>
    </row>
    <row r="623" spans="1:16317" s="733" customFormat="1" ht="56.1" customHeight="1" x14ac:dyDescent="0.2">
      <c r="A623" s="499"/>
      <c r="B623" s="499"/>
      <c r="C623" s="499"/>
      <c r="D623" s="481">
        <v>278</v>
      </c>
      <c r="E623" s="481"/>
      <c r="F623" s="481" t="s">
        <v>2481</v>
      </c>
      <c r="G623" s="482" t="s">
        <v>53</v>
      </c>
      <c r="H623" s="481" t="s">
        <v>329</v>
      </c>
      <c r="I623" s="657" t="s">
        <v>500</v>
      </c>
      <c r="J623" s="657" t="s">
        <v>501</v>
      </c>
      <c r="K623" s="495" t="s">
        <v>508</v>
      </c>
      <c r="L623" s="621"/>
      <c r="M623" s="78" t="s">
        <v>58</v>
      </c>
      <c r="N623" s="156" t="s">
        <v>1364</v>
      </c>
      <c r="O623" s="78" t="s">
        <v>2996</v>
      </c>
      <c r="P623" s="78" t="s">
        <v>81</v>
      </c>
      <c r="Q623" s="717" t="s">
        <v>334</v>
      </c>
      <c r="R623" s="78" t="s">
        <v>334</v>
      </c>
      <c r="S623" s="78" t="s">
        <v>204</v>
      </c>
      <c r="T623" s="78"/>
      <c r="U623" s="716" t="s">
        <v>63</v>
      </c>
      <c r="V623" s="716" t="s">
        <v>63</v>
      </c>
      <c r="W623" s="89">
        <v>152558</v>
      </c>
      <c r="X623" s="89"/>
      <c r="Y623" s="78" t="s">
        <v>226</v>
      </c>
      <c r="Z623" s="78"/>
      <c r="AA623" s="89">
        <v>152558</v>
      </c>
      <c r="AB623" s="736" t="s">
        <v>82</v>
      </c>
      <c r="AC623" s="736"/>
      <c r="AD623" s="737"/>
      <c r="AE623" s="737"/>
      <c r="AF623" s="737"/>
      <c r="AG623" s="737"/>
      <c r="AH623" s="151" t="s">
        <v>66</v>
      </c>
      <c r="AI623" s="737"/>
      <c r="AJ623" s="737"/>
      <c r="AK623" s="737"/>
      <c r="AL623" s="737"/>
      <c r="AM623" s="737"/>
      <c r="AN623" s="737"/>
      <c r="AO623" s="737"/>
      <c r="AP623" s="737"/>
      <c r="AQ623" s="737"/>
      <c r="AR623" s="737"/>
      <c r="AS623" s="737"/>
      <c r="AT623" s="737"/>
      <c r="AU623" s="737"/>
      <c r="AV623" s="737"/>
      <c r="AW623" s="737"/>
      <c r="AX623" s="737"/>
      <c r="AY623" s="737"/>
      <c r="AZ623" s="737"/>
      <c r="BA623" s="737"/>
      <c r="BB623" s="737"/>
      <c r="BC623" s="737"/>
      <c r="BD623" s="737"/>
      <c r="BE623" s="737"/>
      <c r="BF623" s="737"/>
      <c r="BG623" s="737"/>
      <c r="BH623" s="737"/>
      <c r="BI623" s="80">
        <v>0</v>
      </c>
      <c r="BJ623" s="76" t="e">
        <v>#DIV/0!</v>
      </c>
      <c r="BK623" s="151" t="s">
        <v>1487</v>
      </c>
      <c r="BL623" s="151" t="s">
        <v>1487</v>
      </c>
      <c r="BM623" s="151" t="s">
        <v>1487</v>
      </c>
      <c r="BN623" s="151" t="s">
        <v>1487</v>
      </c>
      <c r="BO623" s="151" t="e">
        <v>#DIV/0!</v>
      </c>
      <c r="BP623" s="151" t="s">
        <v>1487</v>
      </c>
      <c r="BQ623" s="151" t="s">
        <v>1487</v>
      </c>
      <c r="BR623" s="151" t="s">
        <v>1487</v>
      </c>
      <c r="BS623" s="151" t="s">
        <v>1487</v>
      </c>
      <c r="BT623" s="151" t="s">
        <v>1487</v>
      </c>
      <c r="BU623" s="151" t="s">
        <v>1487</v>
      </c>
      <c r="BV623" s="151" t="s">
        <v>1487</v>
      </c>
      <c r="BW623" s="151" t="s">
        <v>1487</v>
      </c>
      <c r="BX623" s="151" t="s">
        <v>1487</v>
      </c>
      <c r="BY623" s="151" t="s">
        <v>1487</v>
      </c>
      <c r="BZ623" s="151" t="s">
        <v>1487</v>
      </c>
      <c r="CA623" s="151" t="s">
        <v>1487</v>
      </c>
      <c r="CB623" s="151" t="s">
        <v>1487</v>
      </c>
      <c r="CC623" s="151" t="s">
        <v>1487</v>
      </c>
      <c r="CD623" s="151" t="s">
        <v>1487</v>
      </c>
      <c r="CE623" s="151" t="s">
        <v>1487</v>
      </c>
      <c r="CF623" s="151" t="s">
        <v>1487</v>
      </c>
      <c r="CG623" s="151" t="s">
        <v>1487</v>
      </c>
      <c r="CH623" s="151" t="s">
        <v>1487</v>
      </c>
      <c r="CI623" s="151" t="s">
        <v>1487</v>
      </c>
      <c r="CJ623" s="151" t="s">
        <v>1487</v>
      </c>
      <c r="CK623" s="151" t="s">
        <v>1487</v>
      </c>
      <c r="CL623" s="151" t="s">
        <v>1487</v>
      </c>
      <c r="CM623" s="151" t="s">
        <v>1487</v>
      </c>
      <c r="CN623" s="151" t="s">
        <v>1487</v>
      </c>
      <c r="CO623" s="151" t="s">
        <v>1487</v>
      </c>
      <c r="CP623" s="151"/>
      <c r="CQ623" s="151"/>
      <c r="CR623" s="151"/>
      <c r="CS623" s="151"/>
      <c r="CT623" s="151"/>
      <c r="CU623" s="151"/>
      <c r="CV623" s="151"/>
      <c r="CW623" s="151"/>
      <c r="CX623" s="151"/>
      <c r="CY623" s="151"/>
      <c r="CZ623" s="151"/>
      <c r="DA623" s="151"/>
      <c r="DB623" s="151"/>
      <c r="DC623" s="151"/>
      <c r="DD623" s="151"/>
      <c r="DE623" s="151"/>
      <c r="DF623" s="151"/>
      <c r="DG623" s="151"/>
      <c r="DH623" s="151"/>
      <c r="DI623" s="151"/>
      <c r="DJ623" s="151"/>
      <c r="DK623" s="151"/>
      <c r="DL623" s="151"/>
      <c r="DM623" s="151"/>
      <c r="DN623" s="78"/>
      <c r="DO623" s="78"/>
      <c r="DP623" s="78"/>
      <c r="DQ623" s="499"/>
      <c r="DR623" s="499"/>
    </row>
    <row r="624" spans="1:16317" s="733" customFormat="1" ht="56.1" customHeight="1" x14ac:dyDescent="0.2">
      <c r="A624" s="499"/>
      <c r="B624" s="610"/>
      <c r="C624" s="499"/>
      <c r="D624" s="481">
        <v>191</v>
      </c>
      <c r="E624" s="481"/>
      <c r="F624" s="481" t="s">
        <v>2481</v>
      </c>
      <c r="G624" s="482" t="s">
        <v>53</v>
      </c>
      <c r="H624" s="481" t="s">
        <v>329</v>
      </c>
      <c r="I624" s="657" t="s">
        <v>428</v>
      </c>
      <c r="J624" s="657" t="s">
        <v>369</v>
      </c>
      <c r="K624" s="495" t="s">
        <v>454</v>
      </c>
      <c r="L624" s="621"/>
      <c r="M624" s="78" t="s">
        <v>58</v>
      </c>
      <c r="N624" s="156" t="s">
        <v>1369</v>
      </c>
      <c r="O624" s="78" t="s">
        <v>2996</v>
      </c>
      <c r="P624" s="78" t="s">
        <v>81</v>
      </c>
      <c r="Q624" s="717" t="s">
        <v>334</v>
      </c>
      <c r="R624" s="78" t="s">
        <v>334</v>
      </c>
      <c r="S624" s="78" t="s">
        <v>159</v>
      </c>
      <c r="T624" s="78"/>
      <c r="U624" s="716" t="s">
        <v>63</v>
      </c>
      <c r="V624" s="716" t="s">
        <v>63</v>
      </c>
      <c r="W624" s="89">
        <v>116115.15377720933</v>
      </c>
      <c r="X624" s="89"/>
      <c r="Y624" s="78" t="s">
        <v>226</v>
      </c>
      <c r="Z624" s="78"/>
      <c r="AA624" s="89">
        <v>116115.15377720933</v>
      </c>
      <c r="AB624" s="736" t="s">
        <v>82</v>
      </c>
      <c r="AC624" s="736"/>
      <c r="AD624" s="737"/>
      <c r="AE624" s="737"/>
      <c r="AF624" s="737"/>
      <c r="AG624" s="737"/>
      <c r="AH624" s="737"/>
      <c r="AI624" s="151"/>
      <c r="AJ624" s="737"/>
      <c r="AK624" s="737"/>
      <c r="AL624" s="737"/>
      <c r="AM624" s="737"/>
      <c r="AN624" s="737"/>
      <c r="AO624" s="737"/>
      <c r="AP624" s="737"/>
      <c r="AQ624" s="737"/>
      <c r="AR624" s="737"/>
      <c r="AS624" s="737"/>
      <c r="AT624" s="737"/>
      <c r="AU624" s="737"/>
      <c r="AV624" s="737"/>
      <c r="AW624" s="737"/>
      <c r="AX624" s="737"/>
      <c r="AY624" s="737"/>
      <c r="AZ624" s="737"/>
      <c r="BA624" s="737"/>
      <c r="BB624" s="737"/>
      <c r="BC624" s="737"/>
      <c r="BD624" s="737"/>
      <c r="BE624" s="737"/>
      <c r="BF624" s="737"/>
      <c r="BG624" s="737"/>
      <c r="BH624" s="737"/>
      <c r="BI624" s="80">
        <v>0</v>
      </c>
      <c r="BJ624" s="76"/>
      <c r="BK624" s="151" t="s">
        <v>1487</v>
      </c>
      <c r="BL624" s="151" t="s">
        <v>1487</v>
      </c>
      <c r="BM624" s="151" t="s">
        <v>1487</v>
      </c>
      <c r="BN624" s="151" t="s">
        <v>1487</v>
      </c>
      <c r="BO624" s="151" t="s">
        <v>1487</v>
      </c>
      <c r="BP624" s="151" t="s">
        <v>1487</v>
      </c>
      <c r="BQ624" s="151" t="s">
        <v>1487</v>
      </c>
      <c r="BR624" s="151" t="s">
        <v>1487</v>
      </c>
      <c r="BS624" s="151" t="s">
        <v>1487</v>
      </c>
      <c r="BT624" s="151" t="s">
        <v>1487</v>
      </c>
      <c r="BU624" s="151" t="s">
        <v>1487</v>
      </c>
      <c r="BV624" s="151" t="s">
        <v>1487</v>
      </c>
      <c r="BW624" s="151" t="s">
        <v>1487</v>
      </c>
      <c r="BX624" s="151" t="s">
        <v>1487</v>
      </c>
      <c r="BY624" s="151" t="s">
        <v>1487</v>
      </c>
      <c r="BZ624" s="151" t="s">
        <v>1487</v>
      </c>
      <c r="CA624" s="151" t="s">
        <v>1487</v>
      </c>
      <c r="CB624" s="151" t="s">
        <v>1487</v>
      </c>
      <c r="CC624" s="151" t="s">
        <v>1487</v>
      </c>
      <c r="CD624" s="151" t="s">
        <v>1487</v>
      </c>
      <c r="CE624" s="151" t="s">
        <v>1487</v>
      </c>
      <c r="CF624" s="151" t="s">
        <v>1487</v>
      </c>
      <c r="CG624" s="151" t="s">
        <v>1487</v>
      </c>
      <c r="CH624" s="151" t="s">
        <v>1487</v>
      </c>
      <c r="CI624" s="151" t="s">
        <v>1487</v>
      </c>
      <c r="CJ624" s="151" t="s">
        <v>1487</v>
      </c>
      <c r="CK624" s="151" t="s">
        <v>1487</v>
      </c>
      <c r="CL624" s="151" t="s">
        <v>1487</v>
      </c>
      <c r="CM624" s="151" t="s">
        <v>1487</v>
      </c>
      <c r="CN624" s="151" t="s">
        <v>1487</v>
      </c>
      <c r="CO624" s="151" t="s">
        <v>1487</v>
      </c>
      <c r="CP624" s="151"/>
      <c r="CQ624" s="151"/>
      <c r="CR624" s="151"/>
      <c r="CS624" s="151"/>
      <c r="CT624" s="151"/>
      <c r="CU624" s="151"/>
      <c r="CV624" s="151"/>
      <c r="CW624" s="151"/>
      <c r="CX624" s="151"/>
      <c r="CY624" s="151"/>
      <c r="CZ624" s="151"/>
      <c r="DA624" s="151"/>
      <c r="DB624" s="151"/>
      <c r="DC624" s="151"/>
      <c r="DD624" s="151"/>
      <c r="DE624" s="151"/>
      <c r="DF624" s="151"/>
      <c r="DG624" s="151"/>
      <c r="DH624" s="151"/>
      <c r="DI624" s="151"/>
      <c r="DJ624" s="151"/>
      <c r="DK624" s="151"/>
      <c r="DL624" s="151"/>
      <c r="DM624" s="151"/>
      <c r="DN624" s="78"/>
      <c r="DO624" s="78"/>
      <c r="DP624" s="78"/>
      <c r="DQ624" s="499"/>
      <c r="DR624" s="499"/>
    </row>
    <row r="625" spans="1:122" s="733" customFormat="1" ht="56.1" customHeight="1" x14ac:dyDescent="0.2">
      <c r="A625" s="499"/>
      <c r="B625" s="77"/>
      <c r="C625" s="499"/>
      <c r="D625" s="481">
        <v>222</v>
      </c>
      <c r="E625" s="481"/>
      <c r="F625" s="481" t="s">
        <v>2481</v>
      </c>
      <c r="G625" s="482" t="s">
        <v>53</v>
      </c>
      <c r="H625" s="481" t="s">
        <v>329</v>
      </c>
      <c r="I625" s="657" t="s">
        <v>456</v>
      </c>
      <c r="J625" s="657" t="s">
        <v>369</v>
      </c>
      <c r="K625" s="495" t="s">
        <v>479</v>
      </c>
      <c r="L625" s="621"/>
      <c r="M625" s="78" t="s">
        <v>58</v>
      </c>
      <c r="N625" s="156" t="s">
        <v>1369</v>
      </c>
      <c r="O625" s="78" t="s">
        <v>2996</v>
      </c>
      <c r="P625" s="78" t="s">
        <v>81</v>
      </c>
      <c r="Q625" s="717" t="s">
        <v>334</v>
      </c>
      <c r="R625" s="78" t="s">
        <v>334</v>
      </c>
      <c r="S625" s="78" t="s">
        <v>159</v>
      </c>
      <c r="T625" s="78"/>
      <c r="U625" s="716" t="s">
        <v>63</v>
      </c>
      <c r="V625" s="716" t="s">
        <v>63</v>
      </c>
      <c r="W625" s="89">
        <v>40877.249544133752</v>
      </c>
      <c r="X625" s="89"/>
      <c r="Y625" s="78" t="s">
        <v>226</v>
      </c>
      <c r="Z625" s="78"/>
      <c r="AA625" s="89">
        <v>40877.249544133752</v>
      </c>
      <c r="AB625" s="736" t="s">
        <v>82</v>
      </c>
      <c r="AC625" s="736"/>
      <c r="AD625" s="737"/>
      <c r="AE625" s="737"/>
      <c r="AF625" s="737"/>
      <c r="AG625" s="737"/>
      <c r="AH625" s="737"/>
      <c r="AI625" s="151"/>
      <c r="AJ625" s="737"/>
      <c r="AK625" s="737"/>
      <c r="AL625" s="737"/>
      <c r="AM625" s="737" t="s">
        <v>66</v>
      </c>
      <c r="AN625" s="737"/>
      <c r="AO625" s="737"/>
      <c r="AP625" s="737"/>
      <c r="AQ625" s="737"/>
      <c r="AR625" s="737"/>
      <c r="AS625" s="737"/>
      <c r="AT625" s="737"/>
      <c r="AU625" s="737"/>
      <c r="AV625" s="737"/>
      <c r="AW625" s="737"/>
      <c r="AX625" s="737"/>
      <c r="AY625" s="737"/>
      <c r="AZ625" s="737"/>
      <c r="BA625" s="737"/>
      <c r="BB625" s="737"/>
      <c r="BC625" s="737"/>
      <c r="BD625" s="737"/>
      <c r="BE625" s="737"/>
      <c r="BF625" s="737"/>
      <c r="BG625" s="737"/>
      <c r="BH625" s="737"/>
      <c r="BI625" s="80">
        <v>0</v>
      </c>
      <c r="BJ625" s="76" t="e">
        <v>#DIV/0!</v>
      </c>
      <c r="BK625" s="151" t="s">
        <v>1487</v>
      </c>
      <c r="BL625" s="151" t="s">
        <v>1487</v>
      </c>
      <c r="BM625" s="151" t="s">
        <v>1487</v>
      </c>
      <c r="BN625" s="151" t="s">
        <v>1487</v>
      </c>
      <c r="BO625" s="151" t="s">
        <v>1487</v>
      </c>
      <c r="BP625" s="151" t="s">
        <v>1487</v>
      </c>
      <c r="BQ625" s="151" t="s">
        <v>1487</v>
      </c>
      <c r="BR625" s="151" t="s">
        <v>1487</v>
      </c>
      <c r="BS625" s="151" t="s">
        <v>1487</v>
      </c>
      <c r="BT625" s="151" t="e">
        <v>#DIV/0!</v>
      </c>
      <c r="BU625" s="151" t="s">
        <v>1487</v>
      </c>
      <c r="BV625" s="151" t="s">
        <v>1487</v>
      </c>
      <c r="BW625" s="151" t="s">
        <v>1487</v>
      </c>
      <c r="BX625" s="151" t="s">
        <v>1487</v>
      </c>
      <c r="BY625" s="151" t="s">
        <v>1487</v>
      </c>
      <c r="BZ625" s="151" t="s">
        <v>1487</v>
      </c>
      <c r="CA625" s="151" t="s">
        <v>1487</v>
      </c>
      <c r="CB625" s="151" t="s">
        <v>1487</v>
      </c>
      <c r="CC625" s="151" t="s">
        <v>1487</v>
      </c>
      <c r="CD625" s="151" t="s">
        <v>1487</v>
      </c>
      <c r="CE625" s="151" t="s">
        <v>1487</v>
      </c>
      <c r="CF625" s="151" t="s">
        <v>1487</v>
      </c>
      <c r="CG625" s="151" t="s">
        <v>1487</v>
      </c>
      <c r="CH625" s="151" t="s">
        <v>1487</v>
      </c>
      <c r="CI625" s="151" t="s">
        <v>1487</v>
      </c>
      <c r="CJ625" s="151" t="s">
        <v>1487</v>
      </c>
      <c r="CK625" s="151" t="s">
        <v>1487</v>
      </c>
      <c r="CL625" s="151" t="s">
        <v>1487</v>
      </c>
      <c r="CM625" s="151" t="s">
        <v>1487</v>
      </c>
      <c r="CN625" s="151" t="s">
        <v>1487</v>
      </c>
      <c r="CO625" s="151" t="s">
        <v>1487</v>
      </c>
      <c r="CP625" s="151"/>
      <c r="CQ625" s="151"/>
      <c r="CR625" s="151"/>
      <c r="CS625" s="151"/>
      <c r="CT625" s="151"/>
      <c r="CU625" s="151"/>
      <c r="CV625" s="151"/>
      <c r="CW625" s="151"/>
      <c r="CX625" s="151"/>
      <c r="CY625" s="151"/>
      <c r="CZ625" s="151"/>
      <c r="DA625" s="151"/>
      <c r="DB625" s="151"/>
      <c r="DC625" s="151"/>
      <c r="DD625" s="151"/>
      <c r="DE625" s="151"/>
      <c r="DF625" s="151"/>
      <c r="DG625" s="151"/>
      <c r="DH625" s="151"/>
      <c r="DI625" s="151"/>
      <c r="DJ625" s="151"/>
      <c r="DK625" s="151"/>
      <c r="DL625" s="151"/>
      <c r="DM625" s="151"/>
      <c r="DN625" s="78"/>
      <c r="DO625" s="78"/>
      <c r="DP625" s="78"/>
      <c r="DQ625" s="499"/>
      <c r="DR625" s="499"/>
    </row>
    <row r="626" spans="1:122" s="733" customFormat="1" ht="56.1" customHeight="1" x14ac:dyDescent="0.2">
      <c r="A626" s="499"/>
      <c r="B626" s="77"/>
      <c r="C626" s="499"/>
      <c r="D626" s="481">
        <v>160</v>
      </c>
      <c r="E626" s="481"/>
      <c r="F626" s="481" t="s">
        <v>2481</v>
      </c>
      <c r="G626" s="482" t="s">
        <v>53</v>
      </c>
      <c r="H626" s="481" t="s">
        <v>329</v>
      </c>
      <c r="I626" s="657" t="s">
        <v>396</v>
      </c>
      <c r="J626" s="657" t="s">
        <v>369</v>
      </c>
      <c r="K626" s="495" t="s">
        <v>423</v>
      </c>
      <c r="L626" s="621"/>
      <c r="M626" s="78" t="s">
        <v>58</v>
      </c>
      <c r="N626" s="156" t="s">
        <v>1369</v>
      </c>
      <c r="O626" s="78" t="s">
        <v>2996</v>
      </c>
      <c r="P626" s="78" t="s">
        <v>60</v>
      </c>
      <c r="Q626" s="717" t="s">
        <v>334</v>
      </c>
      <c r="R626" s="78" t="s">
        <v>334</v>
      </c>
      <c r="S626" s="78" t="s">
        <v>159</v>
      </c>
      <c r="T626" s="78"/>
      <c r="U626" s="716" t="s">
        <v>63</v>
      </c>
      <c r="V626" s="716" t="s">
        <v>63</v>
      </c>
      <c r="W626" s="89">
        <v>426826.81814821647</v>
      </c>
      <c r="X626" s="89"/>
      <c r="Y626" s="78" t="s">
        <v>226</v>
      </c>
      <c r="Z626" s="78"/>
      <c r="AA626" s="89">
        <v>426826.81814821647</v>
      </c>
      <c r="AB626" s="736" t="s">
        <v>82</v>
      </c>
      <c r="AC626" s="736"/>
      <c r="AD626" s="737"/>
      <c r="AE626" s="737"/>
      <c r="AF626" s="737"/>
      <c r="AG626" s="737"/>
      <c r="AH626" s="737"/>
      <c r="AI626" s="151"/>
      <c r="AJ626" s="737"/>
      <c r="AK626" s="737"/>
      <c r="AL626" s="737"/>
      <c r="AM626" s="737" t="s">
        <v>66</v>
      </c>
      <c r="AN626" s="737"/>
      <c r="AO626" s="737"/>
      <c r="AP626" s="737"/>
      <c r="AQ626" s="737"/>
      <c r="AR626" s="737"/>
      <c r="AS626" s="737"/>
      <c r="AT626" s="737"/>
      <c r="AU626" s="737"/>
      <c r="AV626" s="737"/>
      <c r="AW626" s="737"/>
      <c r="AX626" s="737"/>
      <c r="AY626" s="737"/>
      <c r="AZ626" s="737"/>
      <c r="BA626" s="737"/>
      <c r="BB626" s="737"/>
      <c r="BC626" s="737"/>
      <c r="BD626" s="737"/>
      <c r="BE626" s="737"/>
      <c r="BF626" s="737"/>
      <c r="BG626" s="737"/>
      <c r="BH626" s="737"/>
      <c r="BI626" s="80">
        <v>0</v>
      </c>
      <c r="BJ626" s="76" t="e">
        <v>#DIV/0!</v>
      </c>
      <c r="BK626" s="151" t="s">
        <v>1487</v>
      </c>
      <c r="BL626" s="151" t="s">
        <v>1487</v>
      </c>
      <c r="BM626" s="151" t="s">
        <v>1487</v>
      </c>
      <c r="BN626" s="151" t="s">
        <v>1487</v>
      </c>
      <c r="BO626" s="151" t="s">
        <v>1487</v>
      </c>
      <c r="BP626" s="151" t="s">
        <v>1487</v>
      </c>
      <c r="BQ626" s="151" t="s">
        <v>1487</v>
      </c>
      <c r="BR626" s="151" t="s">
        <v>1487</v>
      </c>
      <c r="BS626" s="151" t="s">
        <v>1487</v>
      </c>
      <c r="BT626" s="151" t="e">
        <v>#DIV/0!</v>
      </c>
      <c r="BU626" s="151" t="s">
        <v>1487</v>
      </c>
      <c r="BV626" s="151" t="s">
        <v>1487</v>
      </c>
      <c r="BW626" s="151" t="s">
        <v>1487</v>
      </c>
      <c r="BX626" s="151" t="s">
        <v>1487</v>
      </c>
      <c r="BY626" s="151" t="s">
        <v>1487</v>
      </c>
      <c r="BZ626" s="151" t="s">
        <v>1487</v>
      </c>
      <c r="CA626" s="151" t="s">
        <v>1487</v>
      </c>
      <c r="CB626" s="151" t="s">
        <v>1487</v>
      </c>
      <c r="CC626" s="151" t="s">
        <v>1487</v>
      </c>
      <c r="CD626" s="151" t="s">
        <v>1487</v>
      </c>
      <c r="CE626" s="151" t="s">
        <v>1487</v>
      </c>
      <c r="CF626" s="151" t="s">
        <v>1487</v>
      </c>
      <c r="CG626" s="151" t="s">
        <v>1487</v>
      </c>
      <c r="CH626" s="151" t="s">
        <v>1487</v>
      </c>
      <c r="CI626" s="151" t="s">
        <v>1487</v>
      </c>
      <c r="CJ626" s="151" t="s">
        <v>1487</v>
      </c>
      <c r="CK626" s="151" t="s">
        <v>1487</v>
      </c>
      <c r="CL626" s="151" t="s">
        <v>1487</v>
      </c>
      <c r="CM626" s="151" t="s">
        <v>1487</v>
      </c>
      <c r="CN626" s="151" t="s">
        <v>1487</v>
      </c>
      <c r="CO626" s="151" t="s">
        <v>1487</v>
      </c>
      <c r="CP626" s="151"/>
      <c r="CQ626" s="151"/>
      <c r="CR626" s="151"/>
      <c r="CS626" s="151"/>
      <c r="CT626" s="151"/>
      <c r="CU626" s="151"/>
      <c r="CV626" s="151"/>
      <c r="CW626" s="151"/>
      <c r="CX626" s="151"/>
      <c r="CY626" s="151"/>
      <c r="CZ626" s="151"/>
      <c r="DA626" s="151"/>
      <c r="DB626" s="151"/>
      <c r="DC626" s="151"/>
      <c r="DD626" s="151"/>
      <c r="DE626" s="151"/>
      <c r="DF626" s="151"/>
      <c r="DG626" s="151"/>
      <c r="DH626" s="151"/>
      <c r="DI626" s="151"/>
      <c r="DJ626" s="151"/>
      <c r="DK626" s="151"/>
      <c r="DL626" s="151"/>
      <c r="DM626" s="151"/>
      <c r="DN626" s="78"/>
      <c r="DO626" s="78"/>
      <c r="DP626" s="78"/>
      <c r="DQ626" s="499"/>
      <c r="DR626" s="499"/>
    </row>
    <row r="627" spans="1:122" s="733" customFormat="1" ht="56.1" customHeight="1" x14ac:dyDescent="0.2">
      <c r="A627" s="499"/>
      <c r="B627" s="499"/>
      <c r="C627" s="499"/>
      <c r="D627" s="481">
        <v>253</v>
      </c>
      <c r="E627" s="481"/>
      <c r="F627" s="481" t="s">
        <v>2481</v>
      </c>
      <c r="G627" s="482" t="s">
        <v>53</v>
      </c>
      <c r="H627" s="481" t="s">
        <v>329</v>
      </c>
      <c r="I627" s="657" t="s">
        <v>482</v>
      </c>
      <c r="J627" s="657" t="s">
        <v>483</v>
      </c>
      <c r="K627" s="495" t="s">
        <v>497</v>
      </c>
      <c r="L627" s="621"/>
      <c r="M627" s="78" t="s">
        <v>58</v>
      </c>
      <c r="N627" s="156" t="s">
        <v>1369</v>
      </c>
      <c r="O627" s="78" t="s">
        <v>2996</v>
      </c>
      <c r="P627" s="78" t="s">
        <v>81</v>
      </c>
      <c r="Q627" s="717" t="s">
        <v>334</v>
      </c>
      <c r="R627" s="78" t="s">
        <v>334</v>
      </c>
      <c r="S627" s="78" t="s">
        <v>225</v>
      </c>
      <c r="T627" s="78"/>
      <c r="U627" s="716" t="s">
        <v>63</v>
      </c>
      <c r="V627" s="716" t="s">
        <v>63</v>
      </c>
      <c r="W627" s="89">
        <v>281926</v>
      </c>
      <c r="X627" s="89"/>
      <c r="Y627" s="78" t="s">
        <v>226</v>
      </c>
      <c r="Z627" s="78"/>
      <c r="AA627" s="89">
        <v>281926</v>
      </c>
      <c r="AB627" s="736" t="s">
        <v>82</v>
      </c>
      <c r="AC627" s="736"/>
      <c r="AD627" s="737"/>
      <c r="AE627" s="737"/>
      <c r="AF627" s="737"/>
      <c r="AG627" s="737"/>
      <c r="AH627" s="737"/>
      <c r="AI627" s="151"/>
      <c r="AJ627" s="737"/>
      <c r="AK627" s="737"/>
      <c r="AL627" s="737"/>
      <c r="AM627" s="737" t="s">
        <v>66</v>
      </c>
      <c r="AN627" s="737"/>
      <c r="AO627" s="737"/>
      <c r="AP627" s="737"/>
      <c r="AQ627" s="737"/>
      <c r="AR627" s="737"/>
      <c r="AS627" s="737"/>
      <c r="AT627" s="737"/>
      <c r="AU627" s="737"/>
      <c r="AV627" s="737"/>
      <c r="AW627" s="737"/>
      <c r="AX627" s="737"/>
      <c r="AY627" s="737"/>
      <c r="AZ627" s="737"/>
      <c r="BA627" s="737"/>
      <c r="BB627" s="737"/>
      <c r="BC627" s="737"/>
      <c r="BD627" s="737"/>
      <c r="BE627" s="737"/>
      <c r="BF627" s="737"/>
      <c r="BG627" s="737"/>
      <c r="BH627" s="737"/>
      <c r="BI627" s="80">
        <v>0</v>
      </c>
      <c r="BJ627" s="76" t="e">
        <v>#DIV/0!</v>
      </c>
      <c r="BK627" s="151" t="s">
        <v>1487</v>
      </c>
      <c r="BL627" s="151" t="s">
        <v>1487</v>
      </c>
      <c r="BM627" s="151" t="s">
        <v>1487</v>
      </c>
      <c r="BN627" s="151" t="s">
        <v>1487</v>
      </c>
      <c r="BO627" s="151" t="s">
        <v>1487</v>
      </c>
      <c r="BP627" s="151" t="s">
        <v>1487</v>
      </c>
      <c r="BQ627" s="151" t="s">
        <v>1487</v>
      </c>
      <c r="BR627" s="151" t="s">
        <v>1487</v>
      </c>
      <c r="BS627" s="151" t="s">
        <v>1487</v>
      </c>
      <c r="BT627" s="151" t="e">
        <v>#DIV/0!</v>
      </c>
      <c r="BU627" s="151" t="s">
        <v>1487</v>
      </c>
      <c r="BV627" s="151" t="s">
        <v>1487</v>
      </c>
      <c r="BW627" s="151" t="s">
        <v>1487</v>
      </c>
      <c r="BX627" s="151" t="s">
        <v>1487</v>
      </c>
      <c r="BY627" s="151" t="s">
        <v>1487</v>
      </c>
      <c r="BZ627" s="151" t="s">
        <v>1487</v>
      </c>
      <c r="CA627" s="151" t="s">
        <v>1487</v>
      </c>
      <c r="CB627" s="151" t="s">
        <v>1487</v>
      </c>
      <c r="CC627" s="151" t="s">
        <v>1487</v>
      </c>
      <c r="CD627" s="151" t="s">
        <v>1487</v>
      </c>
      <c r="CE627" s="151" t="s">
        <v>1487</v>
      </c>
      <c r="CF627" s="151" t="s">
        <v>1487</v>
      </c>
      <c r="CG627" s="151" t="s">
        <v>1487</v>
      </c>
      <c r="CH627" s="151" t="s">
        <v>1487</v>
      </c>
      <c r="CI627" s="151" t="s">
        <v>1487</v>
      </c>
      <c r="CJ627" s="151" t="s">
        <v>1487</v>
      </c>
      <c r="CK627" s="151" t="s">
        <v>1487</v>
      </c>
      <c r="CL627" s="151" t="s">
        <v>1487</v>
      </c>
      <c r="CM627" s="151" t="s">
        <v>1487</v>
      </c>
      <c r="CN627" s="151" t="s">
        <v>1487</v>
      </c>
      <c r="CO627" s="151" t="s">
        <v>1487</v>
      </c>
      <c r="CP627" s="151"/>
      <c r="CQ627" s="151"/>
      <c r="CR627" s="151"/>
      <c r="CS627" s="151"/>
      <c r="CT627" s="151"/>
      <c r="CU627" s="151"/>
      <c r="CV627" s="151"/>
      <c r="CW627" s="151"/>
      <c r="CX627" s="151"/>
      <c r="CY627" s="151"/>
      <c r="CZ627" s="151"/>
      <c r="DA627" s="151"/>
      <c r="DB627" s="151"/>
      <c r="DC627" s="151"/>
      <c r="DD627" s="151"/>
      <c r="DE627" s="151"/>
      <c r="DF627" s="151"/>
      <c r="DG627" s="151"/>
      <c r="DH627" s="151"/>
      <c r="DI627" s="151"/>
      <c r="DJ627" s="151"/>
      <c r="DK627" s="151"/>
      <c r="DL627" s="151"/>
      <c r="DM627" s="151"/>
      <c r="DN627" s="78"/>
      <c r="DO627" s="78"/>
      <c r="DP627" s="78"/>
      <c r="DQ627" s="499"/>
      <c r="DR627" s="499"/>
    </row>
    <row r="628" spans="1:122" s="733" customFormat="1" ht="56.1" customHeight="1" x14ac:dyDescent="0.2">
      <c r="A628" s="499"/>
      <c r="B628" s="77"/>
      <c r="C628" s="499"/>
      <c r="D628" s="481">
        <v>129</v>
      </c>
      <c r="E628" s="481"/>
      <c r="F628" s="481" t="s">
        <v>2481</v>
      </c>
      <c r="G628" s="482" t="s">
        <v>53</v>
      </c>
      <c r="H628" s="481" t="s">
        <v>329</v>
      </c>
      <c r="I628" s="657" t="s">
        <v>330</v>
      </c>
      <c r="J628" s="657" t="s">
        <v>369</v>
      </c>
      <c r="K628" s="495" t="s">
        <v>387</v>
      </c>
      <c r="L628" s="621"/>
      <c r="M628" s="78" t="s">
        <v>58</v>
      </c>
      <c r="N628" s="156" t="s">
        <v>1369</v>
      </c>
      <c r="O628" s="78" t="s">
        <v>2996</v>
      </c>
      <c r="P628" s="78" t="s">
        <v>388</v>
      </c>
      <c r="Q628" s="717" t="s">
        <v>334</v>
      </c>
      <c r="R628" s="78" t="s">
        <v>334</v>
      </c>
      <c r="S628" s="78" t="s">
        <v>159</v>
      </c>
      <c r="T628" s="78"/>
      <c r="U628" s="716" t="s">
        <v>63</v>
      </c>
      <c r="V628" s="716" t="s">
        <v>63</v>
      </c>
      <c r="W628" s="89">
        <v>216143.73045718172</v>
      </c>
      <c r="X628" s="89"/>
      <c r="Y628" s="78" t="s">
        <v>226</v>
      </c>
      <c r="Z628" s="78"/>
      <c r="AA628" s="89">
        <v>216143.73045718172</v>
      </c>
      <c r="AB628" s="736" t="s">
        <v>82</v>
      </c>
      <c r="AC628" s="736"/>
      <c r="AD628" s="737"/>
      <c r="AE628" s="737"/>
      <c r="AF628" s="737"/>
      <c r="AG628" s="737"/>
      <c r="AH628" s="737"/>
      <c r="AI628" s="151"/>
      <c r="AJ628" s="737"/>
      <c r="AK628" s="737"/>
      <c r="AL628" s="737"/>
      <c r="AM628" s="737" t="s">
        <v>66</v>
      </c>
      <c r="AN628" s="737"/>
      <c r="AO628" s="737"/>
      <c r="AP628" s="737"/>
      <c r="AQ628" s="737"/>
      <c r="AR628" s="737"/>
      <c r="AS628" s="737"/>
      <c r="AT628" s="737"/>
      <c r="AU628" s="737"/>
      <c r="AV628" s="737"/>
      <c r="AW628" s="737"/>
      <c r="AX628" s="737"/>
      <c r="AY628" s="737"/>
      <c r="AZ628" s="737"/>
      <c r="BA628" s="737"/>
      <c r="BB628" s="737"/>
      <c r="BC628" s="737"/>
      <c r="BD628" s="737"/>
      <c r="BE628" s="737"/>
      <c r="BF628" s="737"/>
      <c r="BG628" s="737"/>
      <c r="BH628" s="737"/>
      <c r="BI628" s="80">
        <v>0</v>
      </c>
      <c r="BJ628" s="76" t="e">
        <v>#DIV/0!</v>
      </c>
      <c r="BK628" s="151" t="s">
        <v>1487</v>
      </c>
      <c r="BL628" s="151" t="s">
        <v>1487</v>
      </c>
      <c r="BM628" s="151" t="s">
        <v>1487</v>
      </c>
      <c r="BN628" s="151" t="s">
        <v>1487</v>
      </c>
      <c r="BO628" s="151" t="s">
        <v>1487</v>
      </c>
      <c r="BP628" s="151" t="s">
        <v>1487</v>
      </c>
      <c r="BQ628" s="151" t="s">
        <v>1487</v>
      </c>
      <c r="BR628" s="151" t="s">
        <v>1487</v>
      </c>
      <c r="BS628" s="151" t="s">
        <v>1487</v>
      </c>
      <c r="BT628" s="151" t="e">
        <v>#DIV/0!</v>
      </c>
      <c r="BU628" s="151" t="s">
        <v>1487</v>
      </c>
      <c r="BV628" s="151" t="s">
        <v>1487</v>
      </c>
      <c r="BW628" s="151" t="s">
        <v>1487</v>
      </c>
      <c r="BX628" s="151" t="s">
        <v>1487</v>
      </c>
      <c r="BY628" s="151" t="s">
        <v>1487</v>
      </c>
      <c r="BZ628" s="151" t="s">
        <v>1487</v>
      </c>
      <c r="CA628" s="151" t="s">
        <v>1487</v>
      </c>
      <c r="CB628" s="151" t="s">
        <v>1487</v>
      </c>
      <c r="CC628" s="151" t="s">
        <v>1487</v>
      </c>
      <c r="CD628" s="151" t="s">
        <v>1487</v>
      </c>
      <c r="CE628" s="151" t="s">
        <v>1487</v>
      </c>
      <c r="CF628" s="151" t="s">
        <v>1487</v>
      </c>
      <c r="CG628" s="151" t="s">
        <v>1487</v>
      </c>
      <c r="CH628" s="151" t="s">
        <v>1487</v>
      </c>
      <c r="CI628" s="151" t="s">
        <v>1487</v>
      </c>
      <c r="CJ628" s="151" t="s">
        <v>1487</v>
      </c>
      <c r="CK628" s="151" t="s">
        <v>1487</v>
      </c>
      <c r="CL628" s="151" t="s">
        <v>1487</v>
      </c>
      <c r="CM628" s="151" t="s">
        <v>1487</v>
      </c>
      <c r="CN628" s="151" t="s">
        <v>1487</v>
      </c>
      <c r="CO628" s="151" t="s">
        <v>1487</v>
      </c>
      <c r="CP628" s="151"/>
      <c r="CQ628" s="151"/>
      <c r="CR628" s="151"/>
      <c r="CS628" s="151"/>
      <c r="CT628" s="151"/>
      <c r="CU628" s="151"/>
      <c r="CV628" s="151"/>
      <c r="CW628" s="151"/>
      <c r="CX628" s="151"/>
      <c r="CY628" s="151"/>
      <c r="CZ628" s="151"/>
      <c r="DA628" s="151"/>
      <c r="DB628" s="151"/>
      <c r="DC628" s="151"/>
      <c r="DD628" s="151"/>
      <c r="DE628" s="151"/>
      <c r="DF628" s="151"/>
      <c r="DG628" s="151"/>
      <c r="DH628" s="151"/>
      <c r="DI628" s="151"/>
      <c r="DJ628" s="151"/>
      <c r="DK628" s="151"/>
      <c r="DL628" s="151"/>
      <c r="DM628" s="151"/>
      <c r="DN628" s="78"/>
      <c r="DO628" s="78"/>
      <c r="DP628" s="78"/>
      <c r="DQ628" s="499"/>
      <c r="DR628" s="499"/>
    </row>
    <row r="629" spans="1:122" s="733" customFormat="1" ht="56.1" customHeight="1" x14ac:dyDescent="0.2">
      <c r="A629" s="499"/>
      <c r="B629" s="499"/>
      <c r="C629" s="499"/>
      <c r="D629" s="481">
        <v>284</v>
      </c>
      <c r="E629" s="481"/>
      <c r="F629" s="481" t="s">
        <v>2481</v>
      </c>
      <c r="G629" s="482" t="s">
        <v>53</v>
      </c>
      <c r="H629" s="481" t="s">
        <v>329</v>
      </c>
      <c r="I629" s="657" t="s">
        <v>500</v>
      </c>
      <c r="J629" s="657" t="s">
        <v>501</v>
      </c>
      <c r="K629" s="495" t="s">
        <v>514</v>
      </c>
      <c r="L629" s="621"/>
      <c r="M629" s="78" t="s">
        <v>58</v>
      </c>
      <c r="N629" s="156" t="s">
        <v>1369</v>
      </c>
      <c r="O629" s="78" t="s">
        <v>2996</v>
      </c>
      <c r="P629" s="78" t="s">
        <v>60</v>
      </c>
      <c r="Q629" s="717" t="s">
        <v>334</v>
      </c>
      <c r="R629" s="78" t="s">
        <v>334</v>
      </c>
      <c r="S629" s="78" t="s">
        <v>159</v>
      </c>
      <c r="T629" s="78"/>
      <c r="U629" s="716" t="s">
        <v>63</v>
      </c>
      <c r="V629" s="716" t="s">
        <v>63</v>
      </c>
      <c r="W629" s="89">
        <v>254263</v>
      </c>
      <c r="X629" s="89"/>
      <c r="Y629" s="78" t="s">
        <v>226</v>
      </c>
      <c r="Z629" s="78"/>
      <c r="AA629" s="89">
        <v>254263</v>
      </c>
      <c r="AB629" s="736" t="s">
        <v>82</v>
      </c>
      <c r="AC629" s="736"/>
      <c r="AD629" s="737"/>
      <c r="AE629" s="737"/>
      <c r="AF629" s="737"/>
      <c r="AG629" s="737"/>
      <c r="AH629" s="737"/>
      <c r="AI629" s="151"/>
      <c r="AJ629" s="737"/>
      <c r="AK629" s="737"/>
      <c r="AL629" s="737"/>
      <c r="AM629" s="737" t="s">
        <v>66</v>
      </c>
      <c r="AN629" s="737"/>
      <c r="AO629" s="737"/>
      <c r="AP629" s="737"/>
      <c r="AQ629" s="737"/>
      <c r="AR629" s="737"/>
      <c r="AS629" s="737"/>
      <c r="AT629" s="737"/>
      <c r="AU629" s="737"/>
      <c r="AV629" s="737"/>
      <c r="AW629" s="737"/>
      <c r="AX629" s="737"/>
      <c r="AY629" s="737"/>
      <c r="AZ629" s="737"/>
      <c r="BA629" s="737"/>
      <c r="BB629" s="737"/>
      <c r="BC629" s="737"/>
      <c r="BD629" s="737"/>
      <c r="BE629" s="737"/>
      <c r="BF629" s="737"/>
      <c r="BG629" s="737"/>
      <c r="BH629" s="737"/>
      <c r="BI629" s="80">
        <v>0</v>
      </c>
      <c r="BJ629" s="76" t="e">
        <v>#DIV/0!</v>
      </c>
      <c r="BK629" s="151" t="s">
        <v>1487</v>
      </c>
      <c r="BL629" s="151" t="s">
        <v>1487</v>
      </c>
      <c r="BM629" s="151" t="s">
        <v>1487</v>
      </c>
      <c r="BN629" s="151" t="s">
        <v>1487</v>
      </c>
      <c r="BO629" s="151" t="s">
        <v>1487</v>
      </c>
      <c r="BP629" s="151" t="s">
        <v>1487</v>
      </c>
      <c r="BQ629" s="151" t="s">
        <v>1487</v>
      </c>
      <c r="BR629" s="151" t="s">
        <v>1487</v>
      </c>
      <c r="BS629" s="151" t="s">
        <v>1487</v>
      </c>
      <c r="BT629" s="151" t="e">
        <v>#DIV/0!</v>
      </c>
      <c r="BU629" s="151" t="s">
        <v>1487</v>
      </c>
      <c r="BV629" s="151" t="s">
        <v>1487</v>
      </c>
      <c r="BW629" s="151" t="s">
        <v>1487</v>
      </c>
      <c r="BX629" s="151" t="s">
        <v>1487</v>
      </c>
      <c r="BY629" s="151" t="s">
        <v>1487</v>
      </c>
      <c r="BZ629" s="151" t="s">
        <v>1487</v>
      </c>
      <c r="CA629" s="151" t="s">
        <v>1487</v>
      </c>
      <c r="CB629" s="151" t="s">
        <v>1487</v>
      </c>
      <c r="CC629" s="151" t="s">
        <v>1487</v>
      </c>
      <c r="CD629" s="151" t="s">
        <v>1487</v>
      </c>
      <c r="CE629" s="151" t="s">
        <v>1487</v>
      </c>
      <c r="CF629" s="151" t="s">
        <v>1487</v>
      </c>
      <c r="CG629" s="151" t="s">
        <v>1487</v>
      </c>
      <c r="CH629" s="151" t="s">
        <v>1487</v>
      </c>
      <c r="CI629" s="151" t="s">
        <v>1487</v>
      </c>
      <c r="CJ629" s="151" t="s">
        <v>1487</v>
      </c>
      <c r="CK629" s="151" t="s">
        <v>1487</v>
      </c>
      <c r="CL629" s="151" t="s">
        <v>1487</v>
      </c>
      <c r="CM629" s="151" t="s">
        <v>1487</v>
      </c>
      <c r="CN629" s="151" t="s">
        <v>1487</v>
      </c>
      <c r="CO629" s="151" t="s">
        <v>1487</v>
      </c>
      <c r="CP629" s="151"/>
      <c r="CQ629" s="151"/>
      <c r="CR629" s="151"/>
      <c r="CS629" s="151"/>
      <c r="CT629" s="151"/>
      <c r="CU629" s="151"/>
      <c r="CV629" s="151"/>
      <c r="CW629" s="151"/>
      <c r="CX629" s="151"/>
      <c r="CY629" s="151"/>
      <c r="CZ629" s="151"/>
      <c r="DA629" s="151"/>
      <c r="DB629" s="151"/>
      <c r="DC629" s="151"/>
      <c r="DD629" s="151"/>
      <c r="DE629" s="151"/>
      <c r="DF629" s="151"/>
      <c r="DG629" s="151"/>
      <c r="DH629" s="151"/>
      <c r="DI629" s="151"/>
      <c r="DJ629" s="151"/>
      <c r="DK629" s="151"/>
      <c r="DL629" s="151"/>
      <c r="DM629" s="151"/>
      <c r="DN629" s="78"/>
      <c r="DO629" s="78"/>
      <c r="DP629" s="78"/>
      <c r="DQ629" s="499"/>
      <c r="DR629" s="499"/>
    </row>
    <row r="630" spans="1:122" s="613" customFormat="1" ht="56.1" customHeight="1" x14ac:dyDescent="0.2">
      <c r="A630" s="658" t="s">
        <v>2494</v>
      </c>
      <c r="B630" s="499"/>
      <c r="C630" s="499" t="s">
        <v>3042</v>
      </c>
      <c r="D630" s="481">
        <v>736</v>
      </c>
      <c r="E630" s="481"/>
      <c r="F630" s="481" t="s">
        <v>2481</v>
      </c>
      <c r="G630" s="482" t="s">
        <v>53</v>
      </c>
      <c r="H630" s="481" t="s">
        <v>655</v>
      </c>
      <c r="I630" s="663" t="s">
        <v>1350</v>
      </c>
      <c r="J630" s="665" t="s">
        <v>965</v>
      </c>
      <c r="K630" s="673" t="s">
        <v>966</v>
      </c>
      <c r="L630" s="622"/>
      <c r="M630" s="77" t="s">
        <v>58</v>
      </c>
      <c r="N630" s="243" t="s">
        <v>833</v>
      </c>
      <c r="O630" s="484" t="s">
        <v>2996</v>
      </c>
      <c r="P630" s="501" t="s">
        <v>81</v>
      </c>
      <c r="Q630" s="77" t="s">
        <v>3043</v>
      </c>
      <c r="R630" s="484" t="s">
        <v>77</v>
      </c>
      <c r="S630" s="501" t="s">
        <v>722</v>
      </c>
      <c r="T630" s="501"/>
      <c r="U630" s="625" t="s">
        <v>63</v>
      </c>
      <c r="V630" s="625" t="s">
        <v>63</v>
      </c>
      <c r="W630" s="485"/>
      <c r="X630" s="485"/>
      <c r="Y630" s="654" t="s">
        <v>2997</v>
      </c>
      <c r="Z630" s="494"/>
      <c r="AA630" s="485"/>
      <c r="AB630" s="650" t="s">
        <v>65</v>
      </c>
      <c r="AC630" s="661"/>
      <c r="AD630" s="487"/>
      <c r="AE630" s="487"/>
      <c r="AF630" s="487"/>
      <c r="AG630" s="487"/>
      <c r="AH630" s="487"/>
      <c r="AI630" s="487"/>
      <c r="AJ630" s="487"/>
      <c r="AK630" s="487"/>
      <c r="AL630" s="487"/>
      <c r="AM630" s="487"/>
      <c r="AN630" s="487"/>
      <c r="AO630" s="487"/>
      <c r="AP630" s="487"/>
      <c r="AQ630" s="487"/>
      <c r="AR630" s="487"/>
      <c r="AS630" s="487"/>
      <c r="AT630" s="76"/>
      <c r="AU630" s="487"/>
      <c r="AV630" s="487"/>
      <c r="AW630" s="487"/>
      <c r="AX630" s="76"/>
      <c r="AY630" s="487"/>
      <c r="AZ630" s="487"/>
      <c r="BA630" s="487"/>
      <c r="BB630" s="76"/>
      <c r="BC630" s="487"/>
      <c r="BD630" s="76"/>
      <c r="BE630" s="76"/>
      <c r="BF630" s="487"/>
      <c r="BG630" s="76"/>
      <c r="BH630" s="76"/>
      <c r="BI630" s="80">
        <f>SUMIF(AD630:BH630,"YES",'DRAFT - HGC Schemes'!$AB$5:$BF$5)</f>
        <v>0</v>
      </c>
      <c r="BJ630" s="76"/>
      <c r="BK630" s="487" t="str">
        <f>IF(AD630="yes",('DRAFT - HGC Schemes'!AB$5*$BJ630),"")</f>
        <v/>
      </c>
      <c r="BL630" s="487" t="str">
        <f>IF(AE630="yes",('DRAFT - HGC Schemes'!AC$5*$BJ630),"")</f>
        <v/>
      </c>
      <c r="BM630" s="487" t="str">
        <f>IF(AF630="yes",('DRAFT - HGC Schemes'!AD$5*$BJ630),"")</f>
        <v/>
      </c>
      <c r="BN630" s="487" t="str">
        <f>IF(AG630="yes",('DRAFT - HGC Schemes'!AE$5*$BJ630),"")</f>
        <v/>
      </c>
      <c r="BO630" s="487" t="str">
        <f>IF(AH630="yes",('DRAFT - HGC Schemes'!AF$5*$BJ630),"")</f>
        <v/>
      </c>
      <c r="BP630" s="487" t="str">
        <f>IF(AI630="yes",('DRAFT - HGC Schemes'!AG$5*$BJ630),"")</f>
        <v/>
      </c>
      <c r="BQ630" s="487" t="str">
        <f>IF(AJ630="yes",('DRAFT - HGC Schemes'!AH$5*$BJ630),"")</f>
        <v/>
      </c>
      <c r="BR630" s="487" t="str">
        <f>IF(AK630="yes",('DRAFT - HGC Schemes'!AI$5*$BJ630),"")</f>
        <v/>
      </c>
      <c r="BS630" s="487" t="str">
        <f>IF(AL630="yes",('DRAFT - HGC Schemes'!AJ$5*$BJ630),"")</f>
        <v/>
      </c>
      <c r="BT630" s="487" t="str">
        <f>IF(AM630="yes",('DRAFT - HGC Schemes'!AK$5*$BJ630),"")</f>
        <v/>
      </c>
      <c r="BU630" s="487" t="str">
        <f>IF(AN630="yes",('DRAFT - HGC Schemes'!AL$5*$BJ630),"")</f>
        <v/>
      </c>
      <c r="BV630" s="487" t="str">
        <f>IF(AO630="yes",('DRAFT - HGC Schemes'!AM$5*$BJ630),"")</f>
        <v/>
      </c>
      <c r="BW630" s="487" t="str">
        <f>IF(AP630="yes",('DRAFT - HGC Schemes'!AN$5*$BJ630),"")</f>
        <v/>
      </c>
      <c r="BX630" s="487" t="str">
        <f>IF(AQ630="yes",('DRAFT - HGC Schemes'!AO$5*$BJ630),"")</f>
        <v/>
      </c>
      <c r="BY630" s="487" t="str">
        <f>IF(AR630="yes",('DRAFT - HGC Schemes'!AP$5*$BJ630),"")</f>
        <v/>
      </c>
      <c r="BZ630" s="487" t="str">
        <f>IF(AS630="yes",('DRAFT - HGC Schemes'!AQ$5*$BJ630),"")</f>
        <v/>
      </c>
      <c r="CA630" s="487" t="str">
        <f>IF(AT630="yes",('DRAFT - HGC Schemes'!AR$5*$BJ630),"")</f>
        <v/>
      </c>
      <c r="CB630" s="487" t="str">
        <f>IF(AU630="yes",('DRAFT - HGC Schemes'!AS$5*$BJ630),"")</f>
        <v/>
      </c>
      <c r="CC630" s="487" t="str">
        <f>IF(AV630="yes",('DRAFT - HGC Schemes'!AT$5*$BJ630),"")</f>
        <v/>
      </c>
      <c r="CD630" s="487" t="str">
        <f>IF(AW630="yes",('DRAFT - HGC Schemes'!AU$5*$BJ630),"")</f>
        <v/>
      </c>
      <c r="CE630" s="487" t="str">
        <f>IF(AX630="yes",('DRAFT - HGC Schemes'!AV$5*$BJ630),"")</f>
        <v/>
      </c>
      <c r="CF630" s="487" t="str">
        <f>IF(AY630="yes",('DRAFT - HGC Schemes'!AW$5*$BJ630),"")</f>
        <v/>
      </c>
      <c r="CG630" s="487" t="str">
        <f>IF(AZ630="yes",('DRAFT - HGC Schemes'!AX$5*$BJ630),"")</f>
        <v/>
      </c>
      <c r="CH630" s="487" t="str">
        <f>IF(BA630="yes",('DRAFT - HGC Schemes'!AY$5*$BJ630),"")</f>
        <v/>
      </c>
      <c r="CI630" s="487" t="str">
        <f>IF(BB630="yes",('DRAFT - HGC Schemes'!AZ$5*$BJ630),"")</f>
        <v/>
      </c>
      <c r="CJ630" s="487" t="str">
        <f>IF(BC630="yes",('DRAFT - HGC Schemes'!BA$5*$BJ630),"")</f>
        <v/>
      </c>
      <c r="CK630" s="487" t="str">
        <f>IF(BD630="yes",('DRAFT - HGC Schemes'!BB$5*$BJ630),"")</f>
        <v/>
      </c>
      <c r="CL630" s="487" t="str">
        <f>IF(BE630="yes",('DRAFT - HGC Schemes'!BC$5*$BJ630),"")</f>
        <v/>
      </c>
      <c r="CM630" s="487" t="str">
        <f>IF(BF630="yes",('DRAFT - HGC Schemes'!BD$5*$BJ630),"")</f>
        <v/>
      </c>
      <c r="CN630" s="487" t="str">
        <f>IF(BG630="yes",('DRAFT - HGC Schemes'!BE$5*$BJ630),"")</f>
        <v/>
      </c>
      <c r="CO630" s="487" t="str">
        <f>IF(BH630="yes",('DRAFT - HGC Schemes'!BF$5*$BJ630),"")</f>
        <v/>
      </c>
      <c r="CP630" s="487"/>
      <c r="CQ630" s="487"/>
      <c r="CR630" s="487"/>
      <c r="CS630" s="487"/>
      <c r="CT630" s="487"/>
      <c r="CU630" s="487"/>
      <c r="CV630" s="487"/>
      <c r="CW630" s="487"/>
      <c r="CX630" s="487"/>
      <c r="CY630" s="487"/>
      <c r="CZ630" s="487"/>
      <c r="DA630" s="487"/>
      <c r="DB630" s="487"/>
      <c r="DC630" s="487"/>
      <c r="DD630" s="487"/>
      <c r="DE630" s="487"/>
      <c r="DF630" s="487"/>
      <c r="DG630" s="487"/>
      <c r="DH630" s="487"/>
      <c r="DI630" s="487"/>
      <c r="DJ630" s="487"/>
      <c r="DK630" s="487"/>
      <c r="DL630" s="487"/>
      <c r="DM630" s="487"/>
      <c r="DN630" s="76"/>
      <c r="DO630" s="76"/>
      <c r="DP630" s="504" t="s">
        <v>2998</v>
      </c>
      <c r="DQ630" s="494"/>
      <c r="DR630" s="494"/>
    </row>
    <row r="631" spans="1:122" s="613" customFormat="1" ht="56.1" customHeight="1" x14ac:dyDescent="0.2">
      <c r="A631" s="658" t="s">
        <v>2494</v>
      </c>
      <c r="B631" s="499"/>
      <c r="C631" s="499" t="s">
        <v>3042</v>
      </c>
      <c r="D631" s="481">
        <v>737</v>
      </c>
      <c r="E631" s="481"/>
      <c r="F631" s="481" t="s">
        <v>2481</v>
      </c>
      <c r="G631" s="482" t="s">
        <v>53</v>
      </c>
      <c r="H631" s="481" t="s">
        <v>655</v>
      </c>
      <c r="I631" s="663" t="s">
        <v>900</v>
      </c>
      <c r="J631" s="665" t="s">
        <v>967</v>
      </c>
      <c r="K631" s="673" t="s">
        <v>968</v>
      </c>
      <c r="L631" s="622"/>
      <c r="M631" s="77" t="s">
        <v>58</v>
      </c>
      <c r="N631" s="243" t="s">
        <v>833</v>
      </c>
      <c r="O631" s="484" t="s">
        <v>2996</v>
      </c>
      <c r="P631" s="501" t="s">
        <v>81</v>
      </c>
      <c r="Q631" s="708" t="s">
        <v>191</v>
      </c>
      <c r="R631" s="484" t="s">
        <v>77</v>
      </c>
      <c r="S631" s="501" t="s">
        <v>722</v>
      </c>
      <c r="T631" s="501"/>
      <c r="U631" s="625" t="s">
        <v>63</v>
      </c>
      <c r="V631" s="625" t="s">
        <v>63</v>
      </c>
      <c r="W631" s="485"/>
      <c r="X631" s="485"/>
      <c r="Y631" s="654" t="s">
        <v>2997</v>
      </c>
      <c r="Z631" s="494"/>
      <c r="AA631" s="485"/>
      <c r="AB631" s="650" t="s">
        <v>65</v>
      </c>
      <c r="AC631" s="661"/>
      <c r="AD631" s="76"/>
      <c r="AE631" s="76"/>
      <c r="AF631" s="76"/>
      <c r="AG631" s="76"/>
      <c r="AH631" s="76"/>
      <c r="AI631" s="76"/>
      <c r="AJ631" s="76"/>
      <c r="AK631" s="76"/>
      <c r="AL631" s="487"/>
      <c r="AM631" s="76"/>
      <c r="AN631" s="487"/>
      <c r="AO631" s="76"/>
      <c r="AP631" s="76"/>
      <c r="AQ631" s="76"/>
      <c r="AR631" s="76"/>
      <c r="AS631" s="76"/>
      <c r="AT631" s="76"/>
      <c r="AU631" s="76"/>
      <c r="AV631" s="76"/>
      <c r="AW631" s="76"/>
      <c r="AX631" s="76"/>
      <c r="AY631" s="76"/>
      <c r="AZ631" s="76"/>
      <c r="BA631" s="76"/>
      <c r="BB631" s="76"/>
      <c r="BC631" s="76"/>
      <c r="BD631" s="76"/>
      <c r="BE631" s="76"/>
      <c r="BF631" s="76"/>
      <c r="BG631" s="76"/>
      <c r="BH631" s="76"/>
      <c r="BI631" s="80">
        <f>SUMIF(AD631:BH631,"YES",'DRAFT - HGC Schemes'!$AB$5:$BF$5)</f>
        <v>0</v>
      </c>
      <c r="BJ631" s="76"/>
      <c r="BK631" s="487" t="str">
        <f>IF(AD631="yes",('DRAFT - HGC Schemes'!AB$5*$BJ631),"")</f>
        <v/>
      </c>
      <c r="BL631" s="487" t="str">
        <f>IF(AE631="yes",('DRAFT - HGC Schemes'!AC$5*$BJ631),"")</f>
        <v/>
      </c>
      <c r="BM631" s="487" t="str">
        <f>IF(AF631="yes",('DRAFT - HGC Schemes'!AD$5*$BJ631),"")</f>
        <v/>
      </c>
      <c r="BN631" s="487" t="str">
        <f>IF(AG631="yes",('DRAFT - HGC Schemes'!AE$5*$BJ631),"")</f>
        <v/>
      </c>
      <c r="BO631" s="487" t="str">
        <f>IF(AH631="yes",('DRAFT - HGC Schemes'!AF$5*$BJ631),"")</f>
        <v/>
      </c>
      <c r="BP631" s="487" t="str">
        <f>IF(AI631="yes",('DRAFT - HGC Schemes'!AG$5*$BJ631),"")</f>
        <v/>
      </c>
      <c r="BQ631" s="487" t="str">
        <f>IF(AJ631="yes",('DRAFT - HGC Schemes'!AH$5*$BJ631),"")</f>
        <v/>
      </c>
      <c r="BR631" s="487" t="str">
        <f>IF(AK631="yes",('DRAFT - HGC Schemes'!AI$5*$BJ631),"")</f>
        <v/>
      </c>
      <c r="BS631" s="487" t="str">
        <f>IF(AL631="yes",('DRAFT - HGC Schemes'!AJ$5*$BJ631),"")</f>
        <v/>
      </c>
      <c r="BT631" s="487" t="str">
        <f>IF(AM631="yes",('DRAFT - HGC Schemes'!AK$5*$BJ631),"")</f>
        <v/>
      </c>
      <c r="BU631" s="487" t="str">
        <f>IF(AN631="yes",('DRAFT - HGC Schemes'!AL$5*$BJ631),"")</f>
        <v/>
      </c>
      <c r="BV631" s="487" t="str">
        <f>IF(AO631="yes",('DRAFT - HGC Schemes'!AM$5*$BJ631),"")</f>
        <v/>
      </c>
      <c r="BW631" s="487" t="str">
        <f>IF(AP631="yes",('DRAFT - HGC Schemes'!AN$5*$BJ631),"")</f>
        <v/>
      </c>
      <c r="BX631" s="487" t="str">
        <f>IF(AQ631="yes",('DRAFT - HGC Schemes'!AO$5*$BJ631),"")</f>
        <v/>
      </c>
      <c r="BY631" s="487" t="str">
        <f>IF(AR631="yes",('DRAFT - HGC Schemes'!AP$5*$BJ631),"")</f>
        <v/>
      </c>
      <c r="BZ631" s="487" t="str">
        <f>IF(AS631="yes",('DRAFT - HGC Schemes'!AQ$5*$BJ631),"")</f>
        <v/>
      </c>
      <c r="CA631" s="487" t="str">
        <f>IF(AT631="yes",('DRAFT - HGC Schemes'!AR$5*$BJ631),"")</f>
        <v/>
      </c>
      <c r="CB631" s="487" t="str">
        <f>IF(AU631="yes",('DRAFT - HGC Schemes'!AS$5*$BJ631),"")</f>
        <v/>
      </c>
      <c r="CC631" s="487" t="str">
        <f>IF(AV631="yes",('DRAFT - HGC Schemes'!AT$5*$BJ631),"")</f>
        <v/>
      </c>
      <c r="CD631" s="487" t="str">
        <f>IF(AW631="yes",('DRAFT - HGC Schemes'!AU$5*$BJ631),"")</f>
        <v/>
      </c>
      <c r="CE631" s="487" t="str">
        <f>IF(AX631="yes",('DRAFT - HGC Schemes'!AV$5*$BJ631),"")</f>
        <v/>
      </c>
      <c r="CF631" s="487" t="str">
        <f>IF(AY631="yes",('DRAFT - HGC Schemes'!AW$5*$BJ631),"")</f>
        <v/>
      </c>
      <c r="CG631" s="487" t="str">
        <f>IF(AZ631="yes",('DRAFT - HGC Schemes'!AX$5*$BJ631),"")</f>
        <v/>
      </c>
      <c r="CH631" s="487" t="str">
        <f>IF(BA631="yes",('DRAFT - HGC Schemes'!AY$5*$BJ631),"")</f>
        <v/>
      </c>
      <c r="CI631" s="487" t="str">
        <f>IF(BB631="yes",('DRAFT - HGC Schemes'!AZ$5*$BJ631),"")</f>
        <v/>
      </c>
      <c r="CJ631" s="487" t="str">
        <f>IF(BC631="yes",('DRAFT - HGC Schemes'!BA$5*$BJ631),"")</f>
        <v/>
      </c>
      <c r="CK631" s="487" t="str">
        <f>IF(BD631="yes",('DRAFT - HGC Schemes'!BB$5*$BJ631),"")</f>
        <v/>
      </c>
      <c r="CL631" s="487" t="str">
        <f>IF(BE631="yes",('DRAFT - HGC Schemes'!BC$5*$BJ631),"")</f>
        <v/>
      </c>
      <c r="CM631" s="487" t="str">
        <f>IF(BF631="yes",('DRAFT - HGC Schemes'!BD$5*$BJ631),"")</f>
        <v/>
      </c>
      <c r="CN631" s="487" t="str">
        <f>IF(BG631="yes",('DRAFT - HGC Schemes'!BE$5*$BJ631),"")</f>
        <v/>
      </c>
      <c r="CO631" s="487" t="str">
        <f>IF(BH631="yes",('DRAFT - HGC Schemes'!BF$5*$BJ631),"")</f>
        <v/>
      </c>
      <c r="CP631" s="487"/>
      <c r="CQ631" s="487"/>
      <c r="CR631" s="487"/>
      <c r="CS631" s="487"/>
      <c r="CT631" s="487"/>
      <c r="CU631" s="487"/>
      <c r="CV631" s="487"/>
      <c r="CW631" s="487"/>
      <c r="CX631" s="487"/>
      <c r="CY631" s="487"/>
      <c r="CZ631" s="487"/>
      <c r="DA631" s="487"/>
      <c r="DB631" s="487"/>
      <c r="DC631" s="487"/>
      <c r="DD631" s="487"/>
      <c r="DE631" s="487"/>
      <c r="DF631" s="487"/>
      <c r="DG631" s="487"/>
      <c r="DH631" s="487"/>
      <c r="DI631" s="487"/>
      <c r="DJ631" s="487"/>
      <c r="DK631" s="487"/>
      <c r="DL631" s="487"/>
      <c r="DM631" s="487"/>
      <c r="DN631" s="76"/>
      <c r="DO631" s="76"/>
      <c r="DP631" s="504" t="s">
        <v>2998</v>
      </c>
      <c r="DQ631" s="494"/>
      <c r="DR631" s="494"/>
    </row>
    <row r="632" spans="1:122" s="613" customFormat="1" ht="56.1" customHeight="1" x14ac:dyDescent="0.2">
      <c r="A632" s="658" t="s">
        <v>3038</v>
      </c>
      <c r="B632" s="77"/>
      <c r="C632" s="494"/>
      <c r="D632" s="706">
        <v>741</v>
      </c>
      <c r="E632" s="481"/>
      <c r="F632" s="481" t="s">
        <v>2481</v>
      </c>
      <c r="G632" s="482" t="s">
        <v>912</v>
      </c>
      <c r="H632" s="481" t="s">
        <v>655</v>
      </c>
      <c r="I632" s="665" t="s">
        <v>1350</v>
      </c>
      <c r="J632" s="665" t="s">
        <v>975</v>
      </c>
      <c r="K632" s="673" t="s">
        <v>976</v>
      </c>
      <c r="L632" s="622"/>
      <c r="M632" s="77" t="s">
        <v>58</v>
      </c>
      <c r="N632" s="703" t="s">
        <v>3044</v>
      </c>
      <c r="O632" s="538" t="s">
        <v>3005</v>
      </c>
      <c r="P632" s="501" t="s">
        <v>81</v>
      </c>
      <c r="Q632" s="484" t="s">
        <v>3045</v>
      </c>
      <c r="R632" s="484" t="s">
        <v>77</v>
      </c>
      <c r="S632" s="501" t="s">
        <v>904</v>
      </c>
      <c r="T632" s="501"/>
      <c r="U632" s="625" t="s">
        <v>63</v>
      </c>
      <c r="V632" s="625" t="s">
        <v>63</v>
      </c>
      <c r="W632" s="502">
        <v>1235967.1431250002</v>
      </c>
      <c r="X632" s="502"/>
      <c r="Y632" s="656" t="s">
        <v>64</v>
      </c>
      <c r="Z632" s="494"/>
      <c r="AA632" s="485">
        <f t="shared" ref="AA632:AA641" si="231">W632</f>
        <v>1235967.1431250002</v>
      </c>
      <c r="AB632" s="650" t="s">
        <v>65</v>
      </c>
      <c r="AC632" s="661"/>
      <c r="AD632" s="76" t="s">
        <v>66</v>
      </c>
      <c r="AE632" s="76" t="s">
        <v>66</v>
      </c>
      <c r="AF632" s="76" t="s">
        <v>66</v>
      </c>
      <c r="AG632" s="76" t="s">
        <v>66</v>
      </c>
      <c r="AH632" s="76" t="s">
        <v>66</v>
      </c>
      <c r="AI632" s="76" t="s">
        <v>66</v>
      </c>
      <c r="AJ632" s="76" t="s">
        <v>66</v>
      </c>
      <c r="AK632" s="76" t="s">
        <v>66</v>
      </c>
      <c r="AL632" s="76" t="s">
        <v>66</v>
      </c>
      <c r="AM632" s="76" t="s">
        <v>66</v>
      </c>
      <c r="AN632" s="76" t="s">
        <v>66</v>
      </c>
      <c r="AO632" s="76" t="s">
        <v>66</v>
      </c>
      <c r="AP632" s="76" t="s">
        <v>66</v>
      </c>
      <c r="AQ632" s="76" t="s">
        <v>66</v>
      </c>
      <c r="AR632" s="76" t="s">
        <v>66</v>
      </c>
      <c r="AS632" s="76" t="s">
        <v>66</v>
      </c>
      <c r="AT632" s="76" t="s">
        <v>66</v>
      </c>
      <c r="AU632" s="76" t="s">
        <v>66</v>
      </c>
      <c r="AV632" s="76" t="s">
        <v>66</v>
      </c>
      <c r="AW632" s="76" t="s">
        <v>66</v>
      </c>
      <c r="AX632" s="76" t="s">
        <v>66</v>
      </c>
      <c r="AY632" s="76" t="s">
        <v>66</v>
      </c>
      <c r="AZ632" s="76" t="s">
        <v>66</v>
      </c>
      <c r="BA632" s="76" t="s">
        <v>66</v>
      </c>
      <c r="BB632" s="76" t="s">
        <v>66</v>
      </c>
      <c r="BC632" s="76" t="s">
        <v>66</v>
      </c>
      <c r="BD632" s="76" t="s">
        <v>66</v>
      </c>
      <c r="BE632" s="76" t="s">
        <v>66</v>
      </c>
      <c r="BF632" s="76" t="s">
        <v>66</v>
      </c>
      <c r="BG632" s="76" t="s">
        <v>66</v>
      </c>
      <c r="BH632" s="76" t="s">
        <v>66</v>
      </c>
      <c r="BI632" s="76" t="s">
        <v>66</v>
      </c>
      <c r="BJ632" s="76" t="s">
        <v>66</v>
      </c>
      <c r="BK632" s="76" t="s">
        <v>66</v>
      </c>
      <c r="BL632" s="76" t="s">
        <v>66</v>
      </c>
      <c r="BM632" s="76" t="s">
        <v>66</v>
      </c>
      <c r="BN632" s="76" t="s">
        <v>66</v>
      </c>
      <c r="BO632" s="76" t="s">
        <v>66</v>
      </c>
      <c r="BP632" s="76" t="s">
        <v>66</v>
      </c>
      <c r="BQ632" s="76" t="s">
        <v>66</v>
      </c>
      <c r="BR632" s="76" t="s">
        <v>66</v>
      </c>
      <c r="BS632" s="76" t="s">
        <v>66</v>
      </c>
      <c r="BT632" s="76" t="s">
        <v>66</v>
      </c>
      <c r="BU632" s="76" t="s">
        <v>66</v>
      </c>
      <c r="BV632" s="76" t="s">
        <v>66</v>
      </c>
      <c r="BW632" s="76" t="s">
        <v>66</v>
      </c>
      <c r="BX632" s="76" t="s">
        <v>66</v>
      </c>
      <c r="BY632" s="76" t="s">
        <v>66</v>
      </c>
      <c r="BZ632" s="76" t="s">
        <v>66</v>
      </c>
      <c r="CA632" s="76" t="s">
        <v>66</v>
      </c>
      <c r="CB632" s="76" t="s">
        <v>66</v>
      </c>
      <c r="CC632" s="76" t="s">
        <v>66</v>
      </c>
      <c r="CD632" s="76" t="s">
        <v>66</v>
      </c>
      <c r="CE632" s="76" t="s">
        <v>66</v>
      </c>
      <c r="CF632" s="76" t="s">
        <v>66</v>
      </c>
      <c r="CG632" s="76" t="s">
        <v>66</v>
      </c>
      <c r="CH632" s="76" t="s">
        <v>66</v>
      </c>
      <c r="CI632" s="76" t="s">
        <v>66</v>
      </c>
      <c r="CJ632" s="76" t="s">
        <v>66</v>
      </c>
      <c r="CK632" s="76" t="s">
        <v>66</v>
      </c>
      <c r="CL632" s="76" t="s">
        <v>66</v>
      </c>
      <c r="CM632" s="76" t="s">
        <v>66</v>
      </c>
      <c r="CN632" s="76" t="s">
        <v>66</v>
      </c>
      <c r="CO632" s="76" t="s">
        <v>66</v>
      </c>
      <c r="CP632" s="76" t="s">
        <v>66</v>
      </c>
      <c r="CQ632" s="76" t="s">
        <v>66</v>
      </c>
      <c r="CR632" s="76" t="s">
        <v>66</v>
      </c>
      <c r="CS632" s="76" t="s">
        <v>66</v>
      </c>
      <c r="CT632" s="76" t="s">
        <v>66</v>
      </c>
      <c r="CU632" s="76" t="s">
        <v>66</v>
      </c>
      <c r="CV632" s="76" t="s">
        <v>66</v>
      </c>
      <c r="CW632" s="76" t="s">
        <v>66</v>
      </c>
      <c r="CX632" s="76" t="s">
        <v>66</v>
      </c>
      <c r="CY632" s="76" t="s">
        <v>66</v>
      </c>
      <c r="CZ632" s="76" t="s">
        <v>66</v>
      </c>
      <c r="DA632" s="76" t="s">
        <v>66</v>
      </c>
      <c r="DB632" s="487"/>
      <c r="DC632" s="487"/>
      <c r="DD632" s="487"/>
      <c r="DE632" s="487"/>
      <c r="DF632" s="487"/>
      <c r="DG632" s="487"/>
      <c r="DH632" s="487"/>
      <c r="DI632" s="487"/>
      <c r="DJ632" s="487"/>
      <c r="DK632" s="487"/>
      <c r="DL632" s="487"/>
      <c r="DM632" s="487"/>
      <c r="DN632" s="76"/>
      <c r="DO632" s="76"/>
      <c r="DP632" s="504" t="s">
        <v>3010</v>
      </c>
      <c r="DQ632" s="494"/>
      <c r="DR632" s="494"/>
    </row>
    <row r="633" spans="1:122" s="613" customFormat="1" ht="56.1" customHeight="1" x14ac:dyDescent="0.2">
      <c r="A633" s="494"/>
      <c r="B633" s="499"/>
      <c r="C633" s="494" t="s">
        <v>3046</v>
      </c>
      <c r="D633" s="666">
        <v>749</v>
      </c>
      <c r="E633" s="481"/>
      <c r="F633" s="481" t="s">
        <v>2481</v>
      </c>
      <c r="G633" s="482" t="s">
        <v>53</v>
      </c>
      <c r="H633" s="481" t="s">
        <v>655</v>
      </c>
      <c r="I633" s="663" t="s">
        <v>900</v>
      </c>
      <c r="J633" s="665" t="s">
        <v>991</v>
      </c>
      <c r="K633" s="672" t="s">
        <v>992</v>
      </c>
      <c r="L633" s="608"/>
      <c r="M633" s="77" t="s">
        <v>58</v>
      </c>
      <c r="N633" s="682" t="s">
        <v>861</v>
      </c>
      <c r="O633" s="506"/>
      <c r="P633" s="501" t="s">
        <v>81</v>
      </c>
      <c r="Q633" s="484" t="s">
        <v>3037</v>
      </c>
      <c r="R633" s="484" t="s">
        <v>77</v>
      </c>
      <c r="S633" s="501" t="s">
        <v>722</v>
      </c>
      <c r="T633" s="501"/>
      <c r="U633" s="625" t="s">
        <v>63</v>
      </c>
      <c r="V633" s="625" t="s">
        <v>63</v>
      </c>
      <c r="W633" s="502">
        <v>37001.25</v>
      </c>
      <c r="X633" s="502"/>
      <c r="Y633" s="654" t="s">
        <v>3009</v>
      </c>
      <c r="Z633" s="494"/>
      <c r="AA633" s="485">
        <f t="shared" si="231"/>
        <v>37001.25</v>
      </c>
      <c r="AB633" s="650" t="s">
        <v>65</v>
      </c>
      <c r="AC633" s="709" t="s">
        <v>3047</v>
      </c>
      <c r="AD633" s="487"/>
      <c r="AE633" s="487"/>
      <c r="AF633" s="487"/>
      <c r="AG633" s="487"/>
      <c r="AH633" s="487"/>
      <c r="AI633" s="487"/>
      <c r="AJ633" s="487"/>
      <c r="AK633" s="487"/>
      <c r="AL633" s="487"/>
      <c r="AM633" s="487"/>
      <c r="AN633" s="487"/>
      <c r="AO633" s="487"/>
      <c r="AP633" s="487"/>
      <c r="AQ633" s="487"/>
      <c r="AR633" s="487"/>
      <c r="AS633" s="487"/>
      <c r="AT633" s="76"/>
      <c r="AU633" s="487"/>
      <c r="AV633" s="487"/>
      <c r="AW633" s="487"/>
      <c r="AX633" s="76"/>
      <c r="AY633" s="487"/>
      <c r="AZ633" s="487"/>
      <c r="BA633" s="487"/>
      <c r="BB633" s="76"/>
      <c r="BC633" s="487"/>
      <c r="BD633" s="76"/>
      <c r="BE633" s="76"/>
      <c r="BF633" s="487"/>
      <c r="BG633" s="76"/>
      <c r="BH633" s="76"/>
      <c r="BI633" s="80">
        <f>SUMIF(AD633:BH633,"YES",'DRAFT - HGC Schemes'!$AB$5:$BF$5)</f>
        <v>0</v>
      </c>
      <c r="BJ633" s="76"/>
      <c r="BK633" s="487" t="str">
        <f>IF(AD633="yes",('DRAFT - HGC Schemes'!AB$5*$BJ633),"")</f>
        <v/>
      </c>
      <c r="BL633" s="487" t="str">
        <f>IF(AE633="yes",('DRAFT - HGC Schemes'!AC$5*$BJ633),"")</f>
        <v/>
      </c>
      <c r="BM633" s="487" t="str">
        <f>IF(AF633="yes",('DRAFT - HGC Schemes'!AD$5*$BJ633),"")</f>
        <v/>
      </c>
      <c r="BN633" s="487" t="str">
        <f>IF(AG633="yes",('DRAFT - HGC Schemes'!AE$5*$BJ633),"")</f>
        <v/>
      </c>
      <c r="BO633" s="487" t="str">
        <f>IF(AH633="yes",('DRAFT - HGC Schemes'!AF$5*$BJ633),"")</f>
        <v/>
      </c>
      <c r="BP633" s="487" t="str">
        <f>IF(AI633="yes",('DRAFT - HGC Schemes'!AG$5*$BJ633),"")</f>
        <v/>
      </c>
      <c r="BQ633" s="487" t="str">
        <f>IF(AJ633="yes",('DRAFT - HGC Schemes'!AH$5*$BJ633),"")</f>
        <v/>
      </c>
      <c r="BR633" s="487" t="str">
        <f>IF(AK633="yes",('DRAFT - HGC Schemes'!AI$5*$BJ633),"")</f>
        <v/>
      </c>
      <c r="BS633" s="487" t="str">
        <f>IF(AL633="yes",('DRAFT - HGC Schemes'!AJ$5*$BJ633),"")</f>
        <v/>
      </c>
      <c r="BT633" s="487" t="str">
        <f>IF(AM633="yes",('DRAFT - HGC Schemes'!AK$5*$BJ633),"")</f>
        <v/>
      </c>
      <c r="BU633" s="487" t="str">
        <f>IF(AN633="yes",('DRAFT - HGC Schemes'!AL$5*$BJ633),"")</f>
        <v/>
      </c>
      <c r="BV633" s="487" t="str">
        <f>IF(AO633="yes",('DRAFT - HGC Schemes'!AM$5*$BJ633),"")</f>
        <v/>
      </c>
      <c r="BW633" s="487" t="str">
        <f>IF(AP633="yes",('DRAFT - HGC Schemes'!AN$5*$BJ633),"")</f>
        <v/>
      </c>
      <c r="BX633" s="487" t="str">
        <f>IF(AQ633="yes",('DRAFT - HGC Schemes'!AO$5*$BJ633),"")</f>
        <v/>
      </c>
      <c r="BY633" s="487" t="str">
        <f>IF(AR633="yes",('DRAFT - HGC Schemes'!AP$5*$BJ633),"")</f>
        <v/>
      </c>
      <c r="BZ633" s="487" t="str">
        <f>IF(AS633="yes",('DRAFT - HGC Schemes'!AQ$5*$BJ633),"")</f>
        <v/>
      </c>
      <c r="CA633" s="487" t="str">
        <f>IF(AT633="yes",('DRAFT - HGC Schemes'!AR$5*$BJ633),"")</f>
        <v/>
      </c>
      <c r="CB633" s="487" t="str">
        <f>IF(AU633="yes",('DRAFT - HGC Schemes'!AS$5*$BJ633),"")</f>
        <v/>
      </c>
      <c r="CC633" s="487" t="str">
        <f>IF(AV633="yes",('DRAFT - HGC Schemes'!AT$5*$BJ633),"")</f>
        <v/>
      </c>
      <c r="CD633" s="487" t="str">
        <f>IF(AW633="yes",('DRAFT - HGC Schemes'!AU$5*$BJ633),"")</f>
        <v/>
      </c>
      <c r="CE633" s="487" t="str">
        <f>IF(AX633="yes",('DRAFT - HGC Schemes'!AV$5*$BJ633),"")</f>
        <v/>
      </c>
      <c r="CF633" s="487" t="str">
        <f>IF(AY633="yes",('DRAFT - HGC Schemes'!AW$5*$BJ633),"")</f>
        <v/>
      </c>
      <c r="CG633" s="487" t="str">
        <f>IF(AZ633="yes",('DRAFT - HGC Schemes'!AX$5*$BJ633),"")</f>
        <v/>
      </c>
      <c r="CH633" s="487" t="str">
        <f>IF(BA633="yes",('DRAFT - HGC Schemes'!AY$5*$BJ633),"")</f>
        <v/>
      </c>
      <c r="CI633" s="487" t="str">
        <f>IF(BB633="yes",('DRAFT - HGC Schemes'!AZ$5*$BJ633),"")</f>
        <v/>
      </c>
      <c r="CJ633" s="487" t="str">
        <f>IF(BC633="yes",('DRAFT - HGC Schemes'!BA$5*$BJ633),"")</f>
        <v/>
      </c>
      <c r="CK633" s="487" t="str">
        <f>IF(BD633="yes",('DRAFT - HGC Schemes'!BB$5*$BJ633),"")</f>
        <v/>
      </c>
      <c r="CL633" s="487" t="str">
        <f>IF(BE633="yes",('DRAFT - HGC Schemes'!BC$5*$BJ633),"")</f>
        <v/>
      </c>
      <c r="CM633" s="487" t="str">
        <f>IF(BF633="yes",('DRAFT - HGC Schemes'!BD$5*$BJ633),"")</f>
        <v/>
      </c>
      <c r="CN633" s="487" t="str">
        <f>IF(BG633="yes",('DRAFT - HGC Schemes'!BE$5*$BJ633),"")</f>
        <v/>
      </c>
      <c r="CO633" s="487" t="str">
        <f>IF(BH633="yes",('DRAFT - HGC Schemes'!BF$5*$BJ633),"")</f>
        <v/>
      </c>
      <c r="CP633" s="487"/>
      <c r="CQ633" s="487"/>
      <c r="CR633" s="487"/>
      <c r="CS633" s="487"/>
      <c r="CT633" s="487"/>
      <c r="CU633" s="487"/>
      <c r="CV633" s="487"/>
      <c r="CW633" s="487"/>
      <c r="CX633" s="487"/>
      <c r="CY633" s="487"/>
      <c r="CZ633" s="487"/>
      <c r="DA633" s="487"/>
      <c r="DB633" s="487"/>
      <c r="DC633" s="487"/>
      <c r="DD633" s="487"/>
      <c r="DE633" s="487"/>
      <c r="DF633" s="487"/>
      <c r="DG633" s="487"/>
      <c r="DH633" s="487"/>
      <c r="DI633" s="487"/>
      <c r="DJ633" s="487"/>
      <c r="DK633" s="487"/>
      <c r="DL633" s="487"/>
      <c r="DM633" s="487"/>
      <c r="DN633" s="484"/>
      <c r="DO633" s="484"/>
      <c r="DP633" s="83" t="s">
        <v>3010</v>
      </c>
      <c r="DQ633" s="494"/>
      <c r="DR633" s="494"/>
    </row>
    <row r="634" spans="1:122" s="613" customFormat="1" ht="56.1" customHeight="1" x14ac:dyDescent="0.2">
      <c r="A634" s="658" t="s">
        <v>2494</v>
      </c>
      <c r="B634" s="499"/>
      <c r="C634" s="499" t="s">
        <v>3042</v>
      </c>
      <c r="D634" s="481">
        <v>756</v>
      </c>
      <c r="E634" s="481"/>
      <c r="F634" s="481" t="s">
        <v>2481</v>
      </c>
      <c r="G634" s="482" t="s">
        <v>53</v>
      </c>
      <c r="H634" s="481" t="s">
        <v>655</v>
      </c>
      <c r="I634" s="663" t="s">
        <v>900</v>
      </c>
      <c r="J634" s="665" t="s">
        <v>1005</v>
      </c>
      <c r="K634" s="673" t="s">
        <v>1006</v>
      </c>
      <c r="L634" s="622"/>
      <c r="M634" s="77" t="s">
        <v>58</v>
      </c>
      <c r="N634" s="243" t="s">
        <v>833</v>
      </c>
      <c r="O634" s="484" t="s">
        <v>2996</v>
      </c>
      <c r="P634" s="501" t="s">
        <v>81</v>
      </c>
      <c r="Q634" s="484"/>
      <c r="R634" s="484" t="s">
        <v>77</v>
      </c>
      <c r="S634" s="501" t="s">
        <v>722</v>
      </c>
      <c r="T634" s="501"/>
      <c r="U634" s="625" t="s">
        <v>63</v>
      </c>
      <c r="V634" s="625" t="s">
        <v>63</v>
      </c>
      <c r="W634" s="502">
        <v>24667.5</v>
      </c>
      <c r="X634" s="502"/>
      <c r="Y634" s="654" t="s">
        <v>2997</v>
      </c>
      <c r="Z634" s="494"/>
      <c r="AA634" s="485">
        <f t="shared" si="231"/>
        <v>24667.5</v>
      </c>
      <c r="AB634" s="650" t="s">
        <v>65</v>
      </c>
      <c r="AC634" s="661"/>
      <c r="AD634" s="487"/>
      <c r="AE634" s="487"/>
      <c r="AF634" s="487"/>
      <c r="AG634" s="487"/>
      <c r="AH634" s="487"/>
      <c r="AI634" s="487"/>
      <c r="AJ634" s="487"/>
      <c r="AK634" s="487"/>
      <c r="AL634" s="487"/>
      <c r="AM634" s="487"/>
      <c r="AN634" s="487"/>
      <c r="AO634" s="487"/>
      <c r="AP634" s="487"/>
      <c r="AQ634" s="487"/>
      <c r="AR634" s="487"/>
      <c r="AS634" s="487"/>
      <c r="AT634" s="76"/>
      <c r="AU634" s="487"/>
      <c r="AV634" s="487"/>
      <c r="AW634" s="487"/>
      <c r="AX634" s="76"/>
      <c r="AY634" s="487"/>
      <c r="AZ634" s="487"/>
      <c r="BA634" s="487"/>
      <c r="BB634" s="76"/>
      <c r="BC634" s="487"/>
      <c r="BD634" s="76"/>
      <c r="BE634" s="76"/>
      <c r="BF634" s="487"/>
      <c r="BG634" s="76"/>
      <c r="BH634" s="76"/>
      <c r="BI634" s="80">
        <f>SUMIF(AD634:BH634,"YES",'DRAFT - HGC Schemes'!$AB$5:$BF$5)</f>
        <v>0</v>
      </c>
      <c r="BJ634" s="76"/>
      <c r="BK634" s="487" t="str">
        <f>IF(AD634="yes",('DRAFT - HGC Schemes'!AB$5*$BJ634),"")</f>
        <v/>
      </c>
      <c r="BL634" s="487" t="str">
        <f>IF(AE634="yes",('DRAFT - HGC Schemes'!AC$5*$BJ634),"")</f>
        <v/>
      </c>
      <c r="BM634" s="487" t="str">
        <f>IF(AF634="yes",('DRAFT - HGC Schemes'!AD$5*$BJ634),"")</f>
        <v/>
      </c>
      <c r="BN634" s="487" t="str">
        <f>IF(AG634="yes",('DRAFT - HGC Schemes'!AE$5*$BJ634),"")</f>
        <v/>
      </c>
      <c r="BO634" s="487" t="str">
        <f>IF(AH634="yes",('DRAFT - HGC Schemes'!AF$5*$BJ634),"")</f>
        <v/>
      </c>
      <c r="BP634" s="487" t="str">
        <f>IF(AI634="yes",('DRAFT - HGC Schemes'!AG$5*$BJ634),"")</f>
        <v/>
      </c>
      <c r="BQ634" s="487" t="str">
        <f>IF(AJ634="yes",('DRAFT - HGC Schemes'!AH$5*$BJ634),"")</f>
        <v/>
      </c>
      <c r="BR634" s="487" t="str">
        <f>IF(AK634="yes",('DRAFT - HGC Schemes'!AI$5*$BJ634),"")</f>
        <v/>
      </c>
      <c r="BS634" s="487" t="str">
        <f>IF(AL634="yes",('DRAFT - HGC Schemes'!AJ$5*$BJ634),"")</f>
        <v/>
      </c>
      <c r="BT634" s="487" t="str">
        <f>IF(AM634="yes",('DRAFT - HGC Schemes'!AK$5*$BJ634),"")</f>
        <v/>
      </c>
      <c r="BU634" s="487" t="str">
        <f>IF(AN634="yes",('DRAFT - HGC Schemes'!AL$5*$BJ634),"")</f>
        <v/>
      </c>
      <c r="BV634" s="487" t="str">
        <f>IF(AO634="yes",('DRAFT - HGC Schemes'!AM$5*$BJ634),"")</f>
        <v/>
      </c>
      <c r="BW634" s="487" t="str">
        <f>IF(AP634="yes",('DRAFT - HGC Schemes'!AN$5*$BJ634),"")</f>
        <v/>
      </c>
      <c r="BX634" s="487" t="str">
        <f>IF(AQ634="yes",('DRAFT - HGC Schemes'!AO$5*$BJ634),"")</f>
        <v/>
      </c>
      <c r="BY634" s="487" t="str">
        <f>IF(AR634="yes",('DRAFT - HGC Schemes'!AP$5*$BJ634),"")</f>
        <v/>
      </c>
      <c r="BZ634" s="487" t="str">
        <f>IF(AS634="yes",('DRAFT - HGC Schemes'!AQ$5*$BJ634),"")</f>
        <v/>
      </c>
      <c r="CA634" s="487" t="str">
        <f>IF(AT634="yes",('DRAFT - HGC Schemes'!AR$5*$BJ634),"")</f>
        <v/>
      </c>
      <c r="CB634" s="487" t="str">
        <f>IF(AU634="yes",('DRAFT - HGC Schemes'!AS$5*$BJ634),"")</f>
        <v/>
      </c>
      <c r="CC634" s="487" t="str">
        <f>IF(AV634="yes",('DRAFT - HGC Schemes'!AT$5*$BJ634),"")</f>
        <v/>
      </c>
      <c r="CD634" s="487" t="str">
        <f>IF(AW634="yes",('DRAFT - HGC Schemes'!AU$5*$BJ634),"")</f>
        <v/>
      </c>
      <c r="CE634" s="487" t="str">
        <f>IF(AX634="yes",('DRAFT - HGC Schemes'!AV$5*$BJ634),"")</f>
        <v/>
      </c>
      <c r="CF634" s="487" t="str">
        <f>IF(AY634="yes",('DRAFT - HGC Schemes'!AW$5*$BJ634),"")</f>
        <v/>
      </c>
      <c r="CG634" s="487" t="str">
        <f>IF(AZ634="yes",('DRAFT - HGC Schemes'!AX$5*$BJ634),"")</f>
        <v/>
      </c>
      <c r="CH634" s="487" t="str">
        <f>IF(BA634="yes",('DRAFT - HGC Schemes'!AY$5*$BJ634),"")</f>
        <v/>
      </c>
      <c r="CI634" s="487" t="str">
        <f>IF(BB634="yes",('DRAFT - HGC Schemes'!AZ$5*$BJ634),"")</f>
        <v/>
      </c>
      <c r="CJ634" s="487" t="str">
        <f>IF(BC634="yes",('DRAFT - HGC Schemes'!BA$5*$BJ634),"")</f>
        <v/>
      </c>
      <c r="CK634" s="487" t="str">
        <f>IF(BD634="yes",('DRAFT - HGC Schemes'!BB$5*$BJ634),"")</f>
        <v/>
      </c>
      <c r="CL634" s="487" t="str">
        <f>IF(BE634="yes",('DRAFT - HGC Schemes'!BC$5*$BJ634),"")</f>
        <v/>
      </c>
      <c r="CM634" s="487" t="str">
        <f>IF(BF634="yes",('DRAFT - HGC Schemes'!BD$5*$BJ634),"")</f>
        <v/>
      </c>
      <c r="CN634" s="487" t="str">
        <f>IF(BG634="yes",('DRAFT - HGC Schemes'!BE$5*$BJ634),"")</f>
        <v/>
      </c>
      <c r="CO634" s="487" t="str">
        <f>IF(BH634="yes",('DRAFT - HGC Schemes'!BF$5*$BJ634),"")</f>
        <v/>
      </c>
      <c r="CP634" s="487"/>
      <c r="CQ634" s="487"/>
      <c r="CR634" s="487"/>
      <c r="CS634" s="487"/>
      <c r="CT634" s="487"/>
      <c r="CU634" s="487"/>
      <c r="CV634" s="487"/>
      <c r="CW634" s="487"/>
      <c r="CX634" s="487"/>
      <c r="CY634" s="487"/>
      <c r="CZ634" s="487"/>
      <c r="DA634" s="487"/>
      <c r="DB634" s="487"/>
      <c r="DC634" s="487"/>
      <c r="DD634" s="487"/>
      <c r="DE634" s="487"/>
      <c r="DF634" s="487"/>
      <c r="DG634" s="487"/>
      <c r="DH634" s="487"/>
      <c r="DI634" s="487"/>
      <c r="DJ634" s="487"/>
      <c r="DK634" s="487"/>
      <c r="DL634" s="487"/>
      <c r="DM634" s="487"/>
      <c r="DN634" s="484"/>
      <c r="DO634" s="484"/>
      <c r="DP634" s="83" t="s">
        <v>2998</v>
      </c>
      <c r="DQ634" s="494"/>
      <c r="DR634" s="494"/>
    </row>
    <row r="635" spans="1:122" s="613" customFormat="1" ht="56.1" customHeight="1" x14ac:dyDescent="0.2">
      <c r="A635" s="494"/>
      <c r="B635" s="77"/>
      <c r="C635" s="678" t="s">
        <v>3048</v>
      </c>
      <c r="D635" s="666">
        <v>775</v>
      </c>
      <c r="E635" s="481"/>
      <c r="F635" s="481" t="s">
        <v>2481</v>
      </c>
      <c r="G635" s="482" t="s">
        <v>53</v>
      </c>
      <c r="H635" s="481" t="s">
        <v>655</v>
      </c>
      <c r="I635" s="663" t="s">
        <v>900</v>
      </c>
      <c r="J635" s="665" t="s">
        <v>1045</v>
      </c>
      <c r="K635" s="673" t="s">
        <v>1046</v>
      </c>
      <c r="L635" s="622"/>
      <c r="M635" s="77" t="s">
        <v>58</v>
      </c>
      <c r="N635" s="683" t="s">
        <v>3049</v>
      </c>
      <c r="O635" s="484" t="s">
        <v>2996</v>
      </c>
      <c r="P635" s="501" t="s">
        <v>81</v>
      </c>
      <c r="Q635" s="77" t="s">
        <v>525</v>
      </c>
      <c r="R635" s="484" t="s">
        <v>77</v>
      </c>
      <c r="S635" s="501" t="s">
        <v>722</v>
      </c>
      <c r="T635" s="501"/>
      <c r="U635" s="625" t="s">
        <v>63</v>
      </c>
      <c r="V635" s="625" t="s">
        <v>63</v>
      </c>
      <c r="W635" s="502">
        <v>24667.5</v>
      </c>
      <c r="X635" s="502"/>
      <c r="Y635" s="654" t="s">
        <v>3009</v>
      </c>
      <c r="Z635" s="494"/>
      <c r="AA635" s="485">
        <f t="shared" si="231"/>
        <v>24667.5</v>
      </c>
      <c r="AB635" s="650" t="s">
        <v>65</v>
      </c>
      <c r="AC635" s="654"/>
      <c r="AD635" s="484"/>
      <c r="AE635" s="484"/>
      <c r="AF635" s="484"/>
      <c r="AG635" s="484"/>
      <c r="AH635" s="484"/>
      <c r="AI635" s="516" t="s">
        <v>66</v>
      </c>
      <c r="AJ635" s="516" t="s">
        <v>66</v>
      </c>
      <c r="AK635" s="487"/>
      <c r="AL635" s="516" t="s">
        <v>66</v>
      </c>
      <c r="AM635" s="484"/>
      <c r="AN635" s="484"/>
      <c r="AO635" s="484"/>
      <c r="AP635" s="484"/>
      <c r="AQ635" s="484"/>
      <c r="AR635" s="484"/>
      <c r="AS635" s="484"/>
      <c r="AT635" s="484"/>
      <c r="AU635" s="484"/>
      <c r="AV635" s="484"/>
      <c r="AW635" s="484"/>
      <c r="AX635" s="484"/>
      <c r="AY635" s="484"/>
      <c r="AZ635" s="484"/>
      <c r="BA635" s="484"/>
      <c r="BB635" s="484"/>
      <c r="BC635" s="484"/>
      <c r="BD635" s="484"/>
      <c r="BE635" s="484"/>
      <c r="BF635" s="484"/>
      <c r="BG635" s="484"/>
      <c r="BH635" s="484"/>
      <c r="BI635" s="80">
        <f>SUMIF(AD635:BH635,"YES",'DRAFT - HGC Schemes'!$AB$5:$BF$5)</f>
        <v>0</v>
      </c>
      <c r="BJ635" s="76"/>
      <c r="BK635" s="487" t="str">
        <f>IF(AD635="yes",('DRAFT - HGC Schemes'!AB$5*$BJ635),"")</f>
        <v/>
      </c>
      <c r="BL635" s="487" t="str">
        <f>IF(AE635="yes",('DRAFT - HGC Schemes'!AC$5*$BJ635),"")</f>
        <v/>
      </c>
      <c r="BM635" s="487" t="str">
        <f>IF(AF635="yes",('DRAFT - HGC Schemes'!AD$5*$BJ635),"")</f>
        <v/>
      </c>
      <c r="BN635" s="487" t="str">
        <f>IF(AG635="yes",('DRAFT - HGC Schemes'!AE$5*$BJ635),"")</f>
        <v/>
      </c>
      <c r="BO635" s="487" t="str">
        <f>IF(AH635="yes",('DRAFT - HGC Schemes'!AF$5*$BJ635),"")</f>
        <v/>
      </c>
      <c r="BP635" s="487">
        <f>IF(AI635="yes",('DRAFT - HGC Schemes'!AG$5*$BJ635),"")</f>
        <v>0</v>
      </c>
      <c r="BQ635" s="487">
        <f>IF(AJ635="yes",('DRAFT - HGC Schemes'!AH$5*$BJ635),"")</f>
        <v>0</v>
      </c>
      <c r="BR635" s="487" t="str">
        <f>IF(AK635="yes",('DRAFT - HGC Schemes'!AI$5*$BJ635),"")</f>
        <v/>
      </c>
      <c r="BS635" s="487">
        <f>IF(AL635="yes",('DRAFT - HGC Schemes'!AJ$5*$BJ635),"")</f>
        <v>0</v>
      </c>
      <c r="BT635" s="487" t="str">
        <f>IF(AM635="yes",('DRAFT - HGC Schemes'!AK$5*$BJ635),"")</f>
        <v/>
      </c>
      <c r="BU635" s="487" t="str">
        <f>IF(AN635="yes",('DRAFT - HGC Schemes'!AL$5*$BJ635),"")</f>
        <v/>
      </c>
      <c r="BV635" s="487" t="str">
        <f>IF(AO635="yes",('DRAFT - HGC Schemes'!AM$5*$BJ635),"")</f>
        <v/>
      </c>
      <c r="BW635" s="487" t="str">
        <f>IF(AP635="yes",('DRAFT - HGC Schemes'!AN$5*$BJ635),"")</f>
        <v/>
      </c>
      <c r="BX635" s="487" t="str">
        <f>IF(AQ635="yes",('DRAFT - HGC Schemes'!AO$5*$BJ635),"")</f>
        <v/>
      </c>
      <c r="BY635" s="487" t="str">
        <f>IF(AR635="yes",('DRAFT - HGC Schemes'!AP$5*$BJ635),"")</f>
        <v/>
      </c>
      <c r="BZ635" s="487" t="str">
        <f>IF(AS635="yes",('DRAFT - HGC Schemes'!AQ$5*$BJ635),"")</f>
        <v/>
      </c>
      <c r="CA635" s="487" t="str">
        <f>IF(AT635="yes",('DRAFT - HGC Schemes'!AR$5*$BJ635),"")</f>
        <v/>
      </c>
      <c r="CB635" s="487" t="str">
        <f>IF(AU635="yes",('DRAFT - HGC Schemes'!AS$5*$BJ635),"")</f>
        <v/>
      </c>
      <c r="CC635" s="487" t="str">
        <f>IF(AV635="yes",('DRAFT - HGC Schemes'!AT$5*$BJ635),"")</f>
        <v/>
      </c>
      <c r="CD635" s="487" t="str">
        <f>IF(AW635="yes",('DRAFT - HGC Schemes'!AU$5*$BJ635),"")</f>
        <v/>
      </c>
      <c r="CE635" s="487" t="str">
        <f>IF(AX635="yes",('DRAFT - HGC Schemes'!AV$5*$BJ635),"")</f>
        <v/>
      </c>
      <c r="CF635" s="487" t="str">
        <f>IF(AY635="yes",('DRAFT - HGC Schemes'!AW$5*$BJ635),"")</f>
        <v/>
      </c>
      <c r="CG635" s="487" t="str">
        <f>IF(AZ635="yes",('DRAFT - HGC Schemes'!AX$5*$BJ635),"")</f>
        <v/>
      </c>
      <c r="CH635" s="487" t="str">
        <f>IF(BA635="yes",('DRAFT - HGC Schemes'!AY$5*$BJ635),"")</f>
        <v/>
      </c>
      <c r="CI635" s="487" t="str">
        <f>IF(BB635="yes",('DRAFT - HGC Schemes'!AZ$5*$BJ635),"")</f>
        <v/>
      </c>
      <c r="CJ635" s="487" t="str">
        <f>IF(BC635="yes",('DRAFT - HGC Schemes'!BA$5*$BJ635),"")</f>
        <v/>
      </c>
      <c r="CK635" s="487" t="str">
        <f>IF(BD635="yes",('DRAFT - HGC Schemes'!BB$5*$BJ635),"")</f>
        <v/>
      </c>
      <c r="CL635" s="487" t="str">
        <f>IF(BE635="yes",('DRAFT - HGC Schemes'!BC$5*$BJ635),"")</f>
        <v/>
      </c>
      <c r="CM635" s="487" t="str">
        <f>IF(BF635="yes",('DRAFT - HGC Schemes'!BD$5*$BJ635),"")</f>
        <v/>
      </c>
      <c r="CN635" s="487" t="str">
        <f>IF(BG635="yes",('DRAFT - HGC Schemes'!BE$5*$BJ635),"")</f>
        <v/>
      </c>
      <c r="CO635" s="487" t="str">
        <f>IF(BH635="yes",('DRAFT - HGC Schemes'!BF$5*$BJ635),"")</f>
        <v/>
      </c>
      <c r="CP635" s="487"/>
      <c r="CQ635" s="487"/>
      <c r="CR635" s="487"/>
      <c r="CS635" s="487"/>
      <c r="CT635" s="487"/>
      <c r="CU635" s="487"/>
      <c r="CV635" s="487"/>
      <c r="CW635" s="487"/>
      <c r="CX635" s="487"/>
      <c r="CY635" s="487"/>
      <c r="CZ635" s="487"/>
      <c r="DA635" s="487"/>
      <c r="DB635" s="487"/>
      <c r="DC635" s="487"/>
      <c r="DD635" s="487"/>
      <c r="DE635" s="487"/>
      <c r="DF635" s="487"/>
      <c r="DG635" s="487"/>
      <c r="DH635" s="487"/>
      <c r="DI635" s="487"/>
      <c r="DJ635" s="487"/>
      <c r="DK635" s="487"/>
      <c r="DL635" s="487"/>
      <c r="DM635" s="487"/>
      <c r="DN635" s="484"/>
      <c r="DO635" s="484"/>
      <c r="DP635" s="83" t="s">
        <v>3010</v>
      </c>
      <c r="DQ635" s="494"/>
      <c r="DR635" s="494"/>
    </row>
    <row r="636" spans="1:122" s="613" customFormat="1" ht="56.1" customHeight="1" x14ac:dyDescent="0.2">
      <c r="A636" s="658" t="s">
        <v>2494</v>
      </c>
      <c r="B636" s="499"/>
      <c r="C636" s="499" t="s">
        <v>3042</v>
      </c>
      <c r="D636" s="481">
        <v>792</v>
      </c>
      <c r="E636" s="481"/>
      <c r="F636" s="481" t="s">
        <v>2481</v>
      </c>
      <c r="G636" s="482" t="s">
        <v>53</v>
      </c>
      <c r="H636" s="481" t="s">
        <v>655</v>
      </c>
      <c r="I636" s="663" t="s">
        <v>932</v>
      </c>
      <c r="J636" s="665" t="s">
        <v>1079</v>
      </c>
      <c r="K636" s="673" t="s">
        <v>1080</v>
      </c>
      <c r="L636" s="622"/>
      <c r="M636" s="77" t="s">
        <v>58</v>
      </c>
      <c r="N636" s="288" t="s">
        <v>833</v>
      </c>
      <c r="O636" s="513" t="s">
        <v>2986</v>
      </c>
      <c r="P636" s="506" t="s">
        <v>81</v>
      </c>
      <c r="Q636" s="484"/>
      <c r="R636" s="484" t="s">
        <v>77</v>
      </c>
      <c r="S636" s="501" t="s">
        <v>722</v>
      </c>
      <c r="T636" s="501"/>
      <c r="U636" s="625" t="s">
        <v>63</v>
      </c>
      <c r="V636" s="625" t="s">
        <v>63</v>
      </c>
      <c r="W636" s="502">
        <v>37001.25</v>
      </c>
      <c r="X636" s="502"/>
      <c r="Y636" s="654" t="s">
        <v>2997</v>
      </c>
      <c r="Z636" s="494"/>
      <c r="AA636" s="485">
        <f t="shared" si="231"/>
        <v>37001.25</v>
      </c>
      <c r="AB636" s="650" t="s">
        <v>65</v>
      </c>
      <c r="AC636" s="661"/>
      <c r="AD636" s="487"/>
      <c r="AE636" s="487"/>
      <c r="AF636" s="487"/>
      <c r="AG636" s="487"/>
      <c r="AH636" s="487"/>
      <c r="AI636" s="487"/>
      <c r="AJ636" s="487"/>
      <c r="AK636" s="487"/>
      <c r="AL636" s="487"/>
      <c r="AM636" s="487"/>
      <c r="AN636" s="487"/>
      <c r="AO636" s="487"/>
      <c r="AP636" s="487"/>
      <c r="AQ636" s="487"/>
      <c r="AR636" s="487"/>
      <c r="AS636" s="487"/>
      <c r="AT636" s="76"/>
      <c r="AU636" s="487"/>
      <c r="AV636" s="487"/>
      <c r="AW636" s="487"/>
      <c r="AX636" s="76"/>
      <c r="AY636" s="487"/>
      <c r="AZ636" s="487"/>
      <c r="BA636" s="487"/>
      <c r="BB636" s="76"/>
      <c r="BC636" s="487"/>
      <c r="BD636" s="76"/>
      <c r="BE636" s="76"/>
      <c r="BF636" s="487"/>
      <c r="BG636" s="76"/>
      <c r="BH636" s="76"/>
      <c r="BI636" s="80">
        <f>SUMIF(AD636:BH636,"YES",'DRAFT - HGC Schemes'!$AB$5:$BF$5)</f>
        <v>0</v>
      </c>
      <c r="BJ636" s="76"/>
      <c r="BK636" s="487" t="str">
        <f>IF(AD636="yes",('DRAFT - HGC Schemes'!AB$5*$BJ636),"")</f>
        <v/>
      </c>
      <c r="BL636" s="487" t="str">
        <f>IF(AE636="yes",('DRAFT - HGC Schemes'!AC$5*$BJ636),"")</f>
        <v/>
      </c>
      <c r="BM636" s="487" t="str">
        <f>IF(AF636="yes",('DRAFT - HGC Schemes'!AD$5*$BJ636),"")</f>
        <v/>
      </c>
      <c r="BN636" s="487" t="str">
        <f>IF(AG636="yes",('DRAFT - HGC Schemes'!AE$5*$BJ636),"")</f>
        <v/>
      </c>
      <c r="BO636" s="487" t="str">
        <f>IF(AH636="yes",('DRAFT - HGC Schemes'!AF$5*$BJ636),"")</f>
        <v/>
      </c>
      <c r="BP636" s="487" t="str">
        <f>IF(AI636="yes",('DRAFT - HGC Schemes'!AG$5*$BJ636),"")</f>
        <v/>
      </c>
      <c r="BQ636" s="487" t="str">
        <f>IF(AJ636="yes",('DRAFT - HGC Schemes'!AH$5*$BJ636),"")</f>
        <v/>
      </c>
      <c r="BR636" s="487" t="str">
        <f>IF(AK636="yes",('DRAFT - HGC Schemes'!AI$5*$BJ636),"")</f>
        <v/>
      </c>
      <c r="BS636" s="487" t="str">
        <f>IF(AL636="yes",('DRAFT - HGC Schemes'!AJ$5*$BJ636),"")</f>
        <v/>
      </c>
      <c r="BT636" s="487" t="str">
        <f>IF(AM636="yes",('DRAFT - HGC Schemes'!AK$5*$BJ636),"")</f>
        <v/>
      </c>
      <c r="BU636" s="487" t="str">
        <f>IF(AN636="yes",('DRAFT - HGC Schemes'!AL$5*$BJ636),"")</f>
        <v/>
      </c>
      <c r="BV636" s="487" t="str">
        <f>IF(AO636="yes",('DRAFT - HGC Schemes'!AM$5*$BJ636),"")</f>
        <v/>
      </c>
      <c r="BW636" s="487" t="str">
        <f>IF(AP636="yes",('DRAFT - HGC Schemes'!AN$5*$BJ636),"")</f>
        <v/>
      </c>
      <c r="BX636" s="487" t="str">
        <f>IF(AQ636="yes",('DRAFT - HGC Schemes'!AO$5*$BJ636),"")</f>
        <v/>
      </c>
      <c r="BY636" s="487" t="str">
        <f>IF(AR636="yes",('DRAFT - HGC Schemes'!AP$5*$BJ636),"")</f>
        <v/>
      </c>
      <c r="BZ636" s="487" t="str">
        <f>IF(AS636="yes",('DRAFT - HGC Schemes'!AQ$5*$BJ636),"")</f>
        <v/>
      </c>
      <c r="CA636" s="487" t="str">
        <f>IF(AT636="yes",('DRAFT - HGC Schemes'!AR$5*$BJ636),"")</f>
        <v/>
      </c>
      <c r="CB636" s="487" t="str">
        <f>IF(AU636="yes",('DRAFT - HGC Schemes'!AS$5*$BJ636),"")</f>
        <v/>
      </c>
      <c r="CC636" s="487" t="str">
        <f>IF(AV636="yes",('DRAFT - HGC Schemes'!AT$5*$BJ636),"")</f>
        <v/>
      </c>
      <c r="CD636" s="487" t="str">
        <f>IF(AW636="yes",('DRAFT - HGC Schemes'!AU$5*$BJ636),"")</f>
        <v/>
      </c>
      <c r="CE636" s="487" t="str">
        <f>IF(AX636="yes",('DRAFT - HGC Schemes'!AV$5*$BJ636),"")</f>
        <v/>
      </c>
      <c r="CF636" s="487" t="str">
        <f>IF(AY636="yes",('DRAFT - HGC Schemes'!AW$5*$BJ636),"")</f>
        <v/>
      </c>
      <c r="CG636" s="487" t="str">
        <f>IF(AZ636="yes",('DRAFT - HGC Schemes'!AX$5*$BJ636),"")</f>
        <v/>
      </c>
      <c r="CH636" s="487" t="str">
        <f>IF(BA636="yes",('DRAFT - HGC Schemes'!AY$5*$BJ636),"")</f>
        <v/>
      </c>
      <c r="CI636" s="487" t="str">
        <f>IF(BB636="yes",('DRAFT - HGC Schemes'!AZ$5*$BJ636),"")</f>
        <v/>
      </c>
      <c r="CJ636" s="487" t="str">
        <f>IF(BC636="yes",('DRAFT - HGC Schemes'!BA$5*$BJ636),"")</f>
        <v/>
      </c>
      <c r="CK636" s="487" t="str">
        <f>IF(BD636="yes",('DRAFT - HGC Schemes'!BB$5*$BJ636),"")</f>
        <v/>
      </c>
      <c r="CL636" s="487" t="str">
        <f>IF(BE636="yes",('DRAFT - HGC Schemes'!BC$5*$BJ636),"")</f>
        <v/>
      </c>
      <c r="CM636" s="487" t="str">
        <f>IF(BF636="yes",('DRAFT - HGC Schemes'!BD$5*$BJ636),"")</f>
        <v/>
      </c>
      <c r="CN636" s="487" t="str">
        <f>IF(BG636="yes",('DRAFT - HGC Schemes'!BE$5*$BJ636),"")</f>
        <v/>
      </c>
      <c r="CO636" s="487" t="str">
        <f>IF(BH636="yes",('DRAFT - HGC Schemes'!BF$5*$BJ636),"")</f>
        <v/>
      </c>
      <c r="CP636" s="487"/>
      <c r="CQ636" s="487"/>
      <c r="CR636" s="487"/>
      <c r="CS636" s="487"/>
      <c r="CT636" s="487"/>
      <c r="CU636" s="487"/>
      <c r="CV636" s="487"/>
      <c r="CW636" s="487"/>
      <c r="CX636" s="487"/>
      <c r="CY636" s="487"/>
      <c r="CZ636" s="487"/>
      <c r="DA636" s="487"/>
      <c r="DB636" s="487"/>
      <c r="DC636" s="487"/>
      <c r="DD636" s="487"/>
      <c r="DE636" s="487"/>
      <c r="DF636" s="487"/>
      <c r="DG636" s="487"/>
      <c r="DH636" s="487"/>
      <c r="DI636" s="487"/>
      <c r="DJ636" s="487"/>
      <c r="DK636" s="487"/>
      <c r="DL636" s="487"/>
      <c r="DM636" s="487"/>
      <c r="DN636" s="484"/>
      <c r="DO636" s="484"/>
      <c r="DP636" s="83" t="s">
        <v>2998</v>
      </c>
      <c r="DQ636" s="494"/>
      <c r="DR636" s="494"/>
    </row>
    <row r="637" spans="1:122" s="613" customFormat="1" ht="56.1" customHeight="1" x14ac:dyDescent="0.2">
      <c r="A637" s="658" t="s">
        <v>2991</v>
      </c>
      <c r="B637" s="499"/>
      <c r="C637" s="494"/>
      <c r="D637" s="666">
        <v>802</v>
      </c>
      <c r="E637" s="481"/>
      <c r="F637" s="481" t="s">
        <v>2481</v>
      </c>
      <c r="G637" s="482" t="s">
        <v>53</v>
      </c>
      <c r="H637" s="481" t="s">
        <v>655</v>
      </c>
      <c r="I637" s="663" t="s">
        <v>932</v>
      </c>
      <c r="J637" s="665" t="s">
        <v>1102</v>
      </c>
      <c r="K637" s="673" t="s">
        <v>1103</v>
      </c>
      <c r="L637" s="622"/>
      <c r="M637" s="77" t="s">
        <v>58</v>
      </c>
      <c r="N637" s="683" t="s">
        <v>3050</v>
      </c>
      <c r="O637" s="538" t="s">
        <v>3005</v>
      </c>
      <c r="P637" s="506" t="s">
        <v>81</v>
      </c>
      <c r="Q637" s="484" t="s">
        <v>61</v>
      </c>
      <c r="R637" s="484" t="s">
        <v>77</v>
      </c>
      <c r="S637" s="501" t="s">
        <v>722</v>
      </c>
      <c r="T637" s="501"/>
      <c r="U637" s="625" t="s">
        <v>63</v>
      </c>
      <c r="V637" s="625" t="s">
        <v>63</v>
      </c>
      <c r="W637" s="502">
        <v>1013423.125</v>
      </c>
      <c r="X637" s="502"/>
      <c r="Y637" s="654" t="s">
        <v>64</v>
      </c>
      <c r="Z637" s="494"/>
      <c r="AA637" s="485">
        <f t="shared" si="231"/>
        <v>1013423.125</v>
      </c>
      <c r="AB637" s="650" t="s">
        <v>65</v>
      </c>
      <c r="AC637" s="487"/>
      <c r="AD637" s="484"/>
      <c r="AE637" s="484"/>
      <c r="AF637" s="484"/>
      <c r="AG637" s="484"/>
      <c r="AH637" s="484"/>
      <c r="AI637" s="484"/>
      <c r="AJ637" s="484"/>
      <c r="AK637" s="484"/>
      <c r="AL637" s="484"/>
      <c r="AM637" s="484"/>
      <c r="AN637" s="484"/>
      <c r="AO637" s="484"/>
      <c r="AP637" s="484"/>
      <c r="AQ637" s="484"/>
      <c r="AR637" s="484"/>
      <c r="AS637" s="516" t="s">
        <v>66</v>
      </c>
      <c r="AT637" s="484"/>
      <c r="AU637" s="484"/>
      <c r="AV637" s="484"/>
      <c r="AW637" s="484"/>
      <c r="AX637" s="484"/>
      <c r="AY637" s="484"/>
      <c r="AZ637" s="484"/>
      <c r="BA637" s="484"/>
      <c r="BB637" s="484"/>
      <c r="BC637" s="484"/>
      <c r="BD637" s="484"/>
      <c r="BE637" s="484"/>
      <c r="BF637" s="484"/>
      <c r="BG637" s="484"/>
      <c r="BH637" s="484"/>
      <c r="BI637" s="80">
        <f>SUMIF(AD637:BH637,"YES",'DRAFT - HGC Schemes'!$AB$5:$BF$5)</f>
        <v>0</v>
      </c>
      <c r="BJ637" s="76"/>
      <c r="BK637" s="487" t="str">
        <f>IF(AD637="yes",('DRAFT - HGC Schemes'!AB$5*$BJ637),"")</f>
        <v/>
      </c>
      <c r="BL637" s="487" t="str">
        <f>IF(AE637="yes",('DRAFT - HGC Schemes'!AC$5*$BJ637),"")</f>
        <v/>
      </c>
      <c r="BM637" s="487" t="str">
        <f>IF(AF637="yes",('DRAFT - HGC Schemes'!AD$5*$BJ637),"")</f>
        <v/>
      </c>
      <c r="BN637" s="487" t="str">
        <f>IF(AG637="yes",('DRAFT - HGC Schemes'!AE$5*$BJ637),"")</f>
        <v/>
      </c>
      <c r="BO637" s="487" t="str">
        <f>IF(AH637="yes",('DRAFT - HGC Schemes'!AF$5*$BJ637),"")</f>
        <v/>
      </c>
      <c r="BP637" s="487" t="str">
        <f>IF(AI637="yes",('DRAFT - HGC Schemes'!AG$5*$BJ637),"")</f>
        <v/>
      </c>
      <c r="BQ637" s="487" t="str">
        <f>IF(AJ637="yes",('DRAFT - HGC Schemes'!AH$5*$BJ637),"")</f>
        <v/>
      </c>
      <c r="BR637" s="487" t="str">
        <f>IF(AK637="yes",('DRAFT - HGC Schemes'!AI$5*$BJ637),"")</f>
        <v/>
      </c>
      <c r="BS637" s="487" t="str">
        <f>IF(AL637="yes",('DRAFT - HGC Schemes'!AJ$5*$BJ637),"")</f>
        <v/>
      </c>
      <c r="BT637" s="487" t="str">
        <f>IF(AM637="yes",('DRAFT - HGC Schemes'!AK$5*$BJ637),"")</f>
        <v/>
      </c>
      <c r="BU637" s="487" t="str">
        <f>IF(AN637="yes",('DRAFT - HGC Schemes'!AL$5*$BJ637),"")</f>
        <v/>
      </c>
      <c r="BV637" s="487" t="str">
        <f>IF(AO637="yes",('DRAFT - HGC Schemes'!AM$5*$BJ637),"")</f>
        <v/>
      </c>
      <c r="BW637" s="487" t="str">
        <f>IF(AP637="yes",('DRAFT - HGC Schemes'!AN$5*$BJ637),"")</f>
        <v/>
      </c>
      <c r="BX637" s="487" t="str">
        <f>IF(AQ637="yes",('DRAFT - HGC Schemes'!AO$5*$BJ637),"")</f>
        <v/>
      </c>
      <c r="BY637" s="487" t="str">
        <f>IF(AR637="yes",('DRAFT - HGC Schemes'!AP$5*$BJ637),"")</f>
        <v/>
      </c>
      <c r="BZ637" s="487">
        <f>IF(AS637="yes",('DRAFT - HGC Schemes'!AQ$5*$BJ637),"")</f>
        <v>0</v>
      </c>
      <c r="CA637" s="487" t="str">
        <f>IF(AT637="yes",('DRAFT - HGC Schemes'!AR$5*$BJ637),"")</f>
        <v/>
      </c>
      <c r="CB637" s="487" t="str">
        <f>IF(AU637="yes",('DRAFT - HGC Schemes'!AS$5*$BJ637),"")</f>
        <v/>
      </c>
      <c r="CC637" s="487" t="str">
        <f>IF(AV637="yes",('DRAFT - HGC Schemes'!AT$5*$BJ637),"")</f>
        <v/>
      </c>
      <c r="CD637" s="487" t="str">
        <f>IF(AW637="yes",('DRAFT - HGC Schemes'!AU$5*$BJ637),"")</f>
        <v/>
      </c>
      <c r="CE637" s="487" t="str">
        <f>IF(AX637="yes",('DRAFT - HGC Schemes'!AV$5*$BJ637),"")</f>
        <v/>
      </c>
      <c r="CF637" s="487" t="str">
        <f>IF(AY637="yes",('DRAFT - HGC Schemes'!AW$5*$BJ637),"")</f>
        <v/>
      </c>
      <c r="CG637" s="487" t="str">
        <f>IF(AZ637="yes",('DRAFT - HGC Schemes'!AX$5*$BJ637),"")</f>
        <v/>
      </c>
      <c r="CH637" s="487" t="str">
        <f>IF(BA637="yes",('DRAFT - HGC Schemes'!AY$5*$BJ637),"")</f>
        <v/>
      </c>
      <c r="CI637" s="487" t="str">
        <f>IF(BB637="yes",('DRAFT - HGC Schemes'!AZ$5*$BJ637),"")</f>
        <v/>
      </c>
      <c r="CJ637" s="487" t="str">
        <f>IF(BC637="yes",('DRAFT - HGC Schemes'!BA$5*$BJ637),"")</f>
        <v/>
      </c>
      <c r="CK637" s="487" t="str">
        <f>IF(BD637="yes",('DRAFT - HGC Schemes'!BB$5*$BJ637),"")</f>
        <v/>
      </c>
      <c r="CL637" s="487" t="str">
        <f>IF(BE637="yes",('DRAFT - HGC Schemes'!BC$5*$BJ637),"")</f>
        <v/>
      </c>
      <c r="CM637" s="487" t="str">
        <f>IF(BF637="yes",('DRAFT - HGC Schemes'!BD$5*$BJ637),"")</f>
        <v/>
      </c>
      <c r="CN637" s="487" t="str">
        <f>IF(BG637="yes",('DRAFT - HGC Schemes'!BE$5*$BJ637),"")</f>
        <v/>
      </c>
      <c r="CO637" s="487" t="str">
        <f>IF(BH637="yes",('DRAFT - HGC Schemes'!BF$5*$BJ637),"")</f>
        <v/>
      </c>
      <c r="CP637" s="487"/>
      <c r="CQ637" s="487"/>
      <c r="CR637" s="487"/>
      <c r="CS637" s="487"/>
      <c r="CT637" s="487"/>
      <c r="CU637" s="487"/>
      <c r="CV637" s="487"/>
      <c r="CW637" s="487"/>
      <c r="CX637" s="516" t="s">
        <v>66</v>
      </c>
      <c r="CY637" s="516" t="s">
        <v>66</v>
      </c>
      <c r="CZ637" s="487"/>
      <c r="DA637" s="487"/>
      <c r="DB637" s="487"/>
      <c r="DC637" s="487"/>
      <c r="DD637" s="487"/>
      <c r="DE637" s="487"/>
      <c r="DF637" s="487"/>
      <c r="DG637" s="487"/>
      <c r="DH637" s="487"/>
      <c r="DI637" s="487"/>
      <c r="DJ637" s="487"/>
      <c r="DK637" s="487"/>
      <c r="DL637" s="487"/>
      <c r="DM637" s="487"/>
      <c r="DN637" s="484"/>
      <c r="DO637" s="484"/>
      <c r="DP637" s="83" t="s">
        <v>3010</v>
      </c>
      <c r="DQ637" s="494"/>
      <c r="DR637" s="494"/>
    </row>
    <row r="638" spans="1:122" s="613" customFormat="1" ht="56.25" customHeight="1" x14ac:dyDescent="0.2">
      <c r="A638" s="658" t="s">
        <v>2494</v>
      </c>
      <c r="B638" s="499"/>
      <c r="C638" s="499" t="s">
        <v>3042</v>
      </c>
      <c r="D638" s="481">
        <v>830</v>
      </c>
      <c r="E638" s="481"/>
      <c r="F638" s="481" t="s">
        <v>2481</v>
      </c>
      <c r="G638" s="482" t="s">
        <v>53</v>
      </c>
      <c r="H638" s="481" t="s">
        <v>655</v>
      </c>
      <c r="I638" s="663" t="s">
        <v>1350</v>
      </c>
      <c r="J638" s="663" t="s">
        <v>1159</v>
      </c>
      <c r="K638" s="673" t="s">
        <v>1160</v>
      </c>
      <c r="L638" s="622"/>
      <c r="M638" s="77" t="s">
        <v>58</v>
      </c>
      <c r="N638" s="243" t="s">
        <v>948</v>
      </c>
      <c r="O638" s="484" t="s">
        <v>2996</v>
      </c>
      <c r="P638" s="501" t="s">
        <v>81</v>
      </c>
      <c r="Q638" s="77" t="s">
        <v>3043</v>
      </c>
      <c r="R638" s="484" t="s">
        <v>77</v>
      </c>
      <c r="S638" s="501" t="s">
        <v>722</v>
      </c>
      <c r="T638" s="501"/>
      <c r="U638" s="625" t="s">
        <v>63</v>
      </c>
      <c r="V638" s="625" t="s">
        <v>63</v>
      </c>
      <c r="W638" s="502">
        <v>3668.6739374999997</v>
      </c>
      <c r="X638" s="502"/>
      <c r="Y638" s="654" t="s">
        <v>2997</v>
      </c>
      <c r="Z638" s="494"/>
      <c r="AA638" s="485">
        <f t="shared" si="231"/>
        <v>3668.6739374999997</v>
      </c>
      <c r="AB638" s="650" t="s">
        <v>65</v>
      </c>
      <c r="AC638" s="661"/>
      <c r="AD638" s="487"/>
      <c r="AE638" s="487"/>
      <c r="AF638" s="487"/>
      <c r="AG638" s="487"/>
      <c r="AH638" s="487"/>
      <c r="AI638" s="487"/>
      <c r="AJ638" s="487"/>
      <c r="AK638" s="487"/>
      <c r="AL638" s="487"/>
      <c r="AM638" s="487"/>
      <c r="AN638" s="487"/>
      <c r="AO638" s="487"/>
      <c r="AP638" s="487"/>
      <c r="AQ638" s="487"/>
      <c r="AR638" s="487"/>
      <c r="AS638" s="487"/>
      <c r="AT638" s="76"/>
      <c r="AU638" s="487"/>
      <c r="AV638" s="487"/>
      <c r="AW638" s="487"/>
      <c r="AX638" s="76"/>
      <c r="AY638" s="487"/>
      <c r="AZ638" s="487"/>
      <c r="BA638" s="487"/>
      <c r="BB638" s="76"/>
      <c r="BC638" s="487"/>
      <c r="BD638" s="76"/>
      <c r="BE638" s="76"/>
      <c r="BF638" s="487"/>
      <c r="BG638" s="76"/>
      <c r="BH638" s="76"/>
      <c r="BI638" s="80">
        <f>SUMIF(AD638:BH638,"YES",'DRAFT - HGC Schemes'!$AB$5:$BF$5)</f>
        <v>0</v>
      </c>
      <c r="BJ638" s="76"/>
      <c r="BK638" s="487" t="str">
        <f>IF(AD638="yes",('DRAFT - HGC Schemes'!AB$5*$BJ638),"")</f>
        <v/>
      </c>
      <c r="BL638" s="487" t="str">
        <f>IF(AE638="yes",('DRAFT - HGC Schemes'!AC$5*$BJ638),"")</f>
        <v/>
      </c>
      <c r="BM638" s="487" t="str">
        <f>IF(AF638="yes",('DRAFT - HGC Schemes'!AD$5*$BJ638),"")</f>
        <v/>
      </c>
      <c r="BN638" s="487" t="str">
        <f>IF(AG638="yes",('DRAFT - HGC Schemes'!AE$5*$BJ638),"")</f>
        <v/>
      </c>
      <c r="BO638" s="487" t="str">
        <f>IF(AH638="yes",('DRAFT - HGC Schemes'!AF$5*$BJ638),"")</f>
        <v/>
      </c>
      <c r="BP638" s="487" t="str">
        <f>IF(AI638="yes",('DRAFT - HGC Schemes'!AG$5*$BJ638),"")</f>
        <v/>
      </c>
      <c r="BQ638" s="487" t="str">
        <f>IF(AJ638="yes",('DRAFT - HGC Schemes'!AH$5*$BJ638),"")</f>
        <v/>
      </c>
      <c r="BR638" s="487" t="str">
        <f>IF(AK638="yes",('DRAFT - HGC Schemes'!AI$5*$BJ638),"")</f>
        <v/>
      </c>
      <c r="BS638" s="487" t="str">
        <f>IF(AL638="yes",('DRAFT - HGC Schemes'!AJ$5*$BJ638),"")</f>
        <v/>
      </c>
      <c r="BT638" s="487" t="str">
        <f>IF(AM638="yes",('DRAFT - HGC Schemes'!AK$5*$BJ638),"")</f>
        <v/>
      </c>
      <c r="BU638" s="487" t="str">
        <f>IF(AN638="yes",('DRAFT - HGC Schemes'!AL$5*$BJ638),"")</f>
        <v/>
      </c>
      <c r="BV638" s="487" t="str">
        <f>IF(AO638="yes",('DRAFT - HGC Schemes'!AM$5*$BJ638),"")</f>
        <v/>
      </c>
      <c r="BW638" s="487" t="str">
        <f>IF(AP638="yes",('DRAFT - HGC Schemes'!AN$5*$BJ638),"")</f>
        <v/>
      </c>
      <c r="BX638" s="487" t="str">
        <f>IF(AQ638="yes",('DRAFT - HGC Schemes'!AO$5*$BJ638),"")</f>
        <v/>
      </c>
      <c r="BY638" s="487" t="str">
        <f>IF(AR638="yes",('DRAFT - HGC Schemes'!AP$5*$BJ638),"")</f>
        <v/>
      </c>
      <c r="BZ638" s="487" t="str">
        <f>IF(AS638="yes",('DRAFT - HGC Schemes'!AQ$5*$BJ638),"")</f>
        <v/>
      </c>
      <c r="CA638" s="487" t="str">
        <f>IF(AT638="yes",('DRAFT - HGC Schemes'!AR$5*$BJ638),"")</f>
        <v/>
      </c>
      <c r="CB638" s="487" t="str">
        <f>IF(AU638="yes",('DRAFT - HGC Schemes'!AS$5*$BJ638),"")</f>
        <v/>
      </c>
      <c r="CC638" s="487" t="str">
        <f>IF(AV638="yes",('DRAFT - HGC Schemes'!AT$5*$BJ638),"")</f>
        <v/>
      </c>
      <c r="CD638" s="487" t="str">
        <f>IF(AW638="yes",('DRAFT - HGC Schemes'!AU$5*$BJ638),"")</f>
        <v/>
      </c>
      <c r="CE638" s="487" t="str">
        <f>IF(AX638="yes",('DRAFT - HGC Schemes'!AV$5*$BJ638),"")</f>
        <v/>
      </c>
      <c r="CF638" s="487" t="str">
        <f>IF(AY638="yes",('DRAFT - HGC Schemes'!AW$5*$BJ638),"")</f>
        <v/>
      </c>
      <c r="CG638" s="487" t="str">
        <f>IF(AZ638="yes",('DRAFT - HGC Schemes'!AX$5*$BJ638),"")</f>
        <v/>
      </c>
      <c r="CH638" s="487" t="str">
        <f>IF(BA638="yes",('DRAFT - HGC Schemes'!AY$5*$BJ638),"")</f>
        <v/>
      </c>
      <c r="CI638" s="487" t="str">
        <f>IF(BB638="yes",('DRAFT - HGC Schemes'!AZ$5*$BJ638),"")</f>
        <v/>
      </c>
      <c r="CJ638" s="487" t="str">
        <f>IF(BC638="yes",('DRAFT - HGC Schemes'!BA$5*$BJ638),"")</f>
        <v/>
      </c>
      <c r="CK638" s="487" t="str">
        <f>IF(BD638="yes",('DRAFT - HGC Schemes'!BB$5*$BJ638),"")</f>
        <v/>
      </c>
      <c r="CL638" s="487" t="str">
        <f>IF(BE638="yes",('DRAFT - HGC Schemes'!BC$5*$BJ638),"")</f>
        <v/>
      </c>
      <c r="CM638" s="487" t="str">
        <f>IF(BF638="yes",('DRAFT - HGC Schemes'!BD$5*$BJ638),"")</f>
        <v/>
      </c>
      <c r="CN638" s="487" t="str">
        <f>IF(BG638="yes",('DRAFT - HGC Schemes'!BE$5*$BJ638),"")</f>
        <v/>
      </c>
      <c r="CO638" s="487" t="str">
        <f>IF(BH638="yes",('DRAFT - HGC Schemes'!BF$5*$BJ638),"")</f>
        <v/>
      </c>
      <c r="CP638" s="487"/>
      <c r="CQ638" s="487"/>
      <c r="CR638" s="487"/>
      <c r="CS638" s="487"/>
      <c r="CT638" s="487"/>
      <c r="CU638" s="487"/>
      <c r="CV638" s="487"/>
      <c r="CW638" s="487"/>
      <c r="CX638" s="487"/>
      <c r="CY638" s="487"/>
      <c r="CZ638" s="487"/>
      <c r="DA638" s="487"/>
      <c r="DB638" s="487"/>
      <c r="DC638" s="487"/>
      <c r="DD638" s="487"/>
      <c r="DE638" s="487"/>
      <c r="DF638" s="487"/>
      <c r="DG638" s="487"/>
      <c r="DH638" s="487"/>
      <c r="DI638" s="487"/>
      <c r="DJ638" s="487"/>
      <c r="DK638" s="487"/>
      <c r="DL638" s="487"/>
      <c r="DM638" s="487"/>
      <c r="DN638" s="484"/>
      <c r="DO638" s="484"/>
      <c r="DP638" s="83" t="s">
        <v>2998</v>
      </c>
      <c r="DQ638" s="494"/>
      <c r="DR638" s="494"/>
    </row>
    <row r="639" spans="1:122" s="613" customFormat="1" ht="56.1" customHeight="1" x14ac:dyDescent="0.2">
      <c r="A639" s="494"/>
      <c r="B639" s="77"/>
      <c r="C639" s="494"/>
      <c r="D639" s="706">
        <v>839</v>
      </c>
      <c r="E639" s="481"/>
      <c r="F639" s="481" t="s">
        <v>2481</v>
      </c>
      <c r="G639" s="482" t="s">
        <v>53</v>
      </c>
      <c r="H639" s="481" t="s">
        <v>655</v>
      </c>
      <c r="I639" s="663" t="s">
        <v>900</v>
      </c>
      <c r="J639" s="663" t="s">
        <v>1179</v>
      </c>
      <c r="K639" s="673" t="s">
        <v>1180</v>
      </c>
      <c r="L639" s="622"/>
      <c r="M639" s="77" t="s">
        <v>58</v>
      </c>
      <c r="N639" s="679" t="s">
        <v>1361</v>
      </c>
      <c r="O639" s="484" t="s">
        <v>2996</v>
      </c>
      <c r="P639" s="501" t="s">
        <v>81</v>
      </c>
      <c r="Q639" s="77" t="s">
        <v>3051</v>
      </c>
      <c r="R639" s="484" t="s">
        <v>77</v>
      </c>
      <c r="S639" s="501" t="s">
        <v>722</v>
      </c>
      <c r="T639" s="501"/>
      <c r="U639" s="625" t="s">
        <v>63</v>
      </c>
      <c r="V639" s="625" t="s">
        <v>63</v>
      </c>
      <c r="W639" s="502">
        <v>86336.25</v>
      </c>
      <c r="X639" s="502"/>
      <c r="Y639" s="656" t="s">
        <v>64</v>
      </c>
      <c r="Z639" s="494"/>
      <c r="AA639" s="485">
        <f t="shared" si="231"/>
        <v>86336.25</v>
      </c>
      <c r="AB639" s="650" t="s">
        <v>65</v>
      </c>
      <c r="AC639" s="661"/>
      <c r="AD639" s="487"/>
      <c r="AE639" s="76" t="s">
        <v>66</v>
      </c>
      <c r="AF639" s="484"/>
      <c r="AG639" s="484"/>
      <c r="AH639" s="484"/>
      <c r="AI639" s="484"/>
      <c r="AJ639" s="484"/>
      <c r="AK639" s="484"/>
      <c r="AL639" s="484"/>
      <c r="AM639" s="484"/>
      <c r="AN639" s="484"/>
      <c r="AO639" s="484"/>
      <c r="AP639" s="484"/>
      <c r="AQ639" s="487"/>
      <c r="AR639" s="484"/>
      <c r="AS639" s="484"/>
      <c r="AT639" s="484"/>
      <c r="AU639" s="484"/>
      <c r="AV639" s="484"/>
      <c r="AW639" s="484"/>
      <c r="AX639" s="484"/>
      <c r="AY639" s="484"/>
      <c r="AZ639" s="484"/>
      <c r="BA639" s="484"/>
      <c r="BB639" s="484"/>
      <c r="BC639" s="484"/>
      <c r="BD639" s="484"/>
      <c r="BE639" s="484"/>
      <c r="BF639" s="484"/>
      <c r="BG639" s="484"/>
      <c r="BH639" s="484"/>
      <c r="BI639" s="80">
        <f>SUMIF(AD639:BH639,"YES",'DRAFT - HGC Schemes'!$AB$5:$BF$5)</f>
        <v>0</v>
      </c>
      <c r="BJ639" s="76"/>
      <c r="BK639" s="487" t="str">
        <f>IF(AD639="yes",('DRAFT - HGC Schemes'!AB$5*$BJ639),"")</f>
        <v/>
      </c>
      <c r="BL639" s="487">
        <f>IF(AE639="yes",('DRAFT - HGC Schemes'!AC$5*$BJ639),"")</f>
        <v>0</v>
      </c>
      <c r="BM639" s="487" t="str">
        <f>IF(AF639="yes",('DRAFT - HGC Schemes'!AD$5*$BJ639),"")</f>
        <v/>
      </c>
      <c r="BN639" s="487" t="str">
        <f>IF(AG639="yes",('DRAFT - HGC Schemes'!AE$5*$BJ639),"")</f>
        <v/>
      </c>
      <c r="BO639" s="487" t="str">
        <f>IF(AH639="yes",('DRAFT - HGC Schemes'!AF$5*$BJ639),"")</f>
        <v/>
      </c>
      <c r="BP639" s="487" t="str">
        <f>IF(AI639="yes",('DRAFT - HGC Schemes'!AG$5*$BJ639),"")</f>
        <v/>
      </c>
      <c r="BQ639" s="487" t="str">
        <f>IF(AJ639="yes",('DRAFT - HGC Schemes'!AH$5*$BJ639),"")</f>
        <v/>
      </c>
      <c r="BR639" s="487" t="str">
        <f>IF(AK639="yes",('DRAFT - HGC Schemes'!AI$5*$BJ639),"")</f>
        <v/>
      </c>
      <c r="BS639" s="487" t="str">
        <f>IF(AL639="yes",('DRAFT - HGC Schemes'!AJ$5*$BJ639),"")</f>
        <v/>
      </c>
      <c r="BT639" s="487" t="str">
        <f>IF(AM639="yes",('DRAFT - HGC Schemes'!AK$5*$BJ639),"")</f>
        <v/>
      </c>
      <c r="BU639" s="487" t="str">
        <f>IF(AN639="yes",('DRAFT - HGC Schemes'!AL$5*$BJ639),"")</f>
        <v/>
      </c>
      <c r="BV639" s="487" t="str">
        <f>IF(AO639="yes",('DRAFT - HGC Schemes'!AM$5*$BJ639),"")</f>
        <v/>
      </c>
      <c r="BW639" s="487" t="str">
        <f>IF(AP639="yes",('DRAFT - HGC Schemes'!AN$5*$BJ639),"")</f>
        <v/>
      </c>
      <c r="BX639" s="487" t="str">
        <f>IF(AQ639="yes",('DRAFT - HGC Schemes'!AO$5*$BJ639),"")</f>
        <v/>
      </c>
      <c r="BY639" s="487" t="str">
        <f>IF(AR639="yes",('DRAFT - HGC Schemes'!AP$5*$BJ639),"")</f>
        <v/>
      </c>
      <c r="BZ639" s="487" t="str">
        <f>IF(AS639="yes",('DRAFT - HGC Schemes'!AQ$5*$BJ639),"")</f>
        <v/>
      </c>
      <c r="CA639" s="487" t="str">
        <f>IF(AT639="yes",('DRAFT - HGC Schemes'!AR$5*$BJ639),"")</f>
        <v/>
      </c>
      <c r="CB639" s="487" t="str">
        <f>IF(AU639="yes",('DRAFT - HGC Schemes'!AS$5*$BJ639),"")</f>
        <v/>
      </c>
      <c r="CC639" s="487" t="str">
        <f>IF(AV639="yes",('DRAFT - HGC Schemes'!AT$5*$BJ639),"")</f>
        <v/>
      </c>
      <c r="CD639" s="487" t="str">
        <f>IF(AW639="yes",('DRAFT - HGC Schemes'!AU$5*$BJ639),"")</f>
        <v/>
      </c>
      <c r="CE639" s="487" t="str">
        <f>IF(AX639="yes",('DRAFT - HGC Schemes'!AV$5*$BJ639),"")</f>
        <v/>
      </c>
      <c r="CF639" s="487" t="str">
        <f>IF(AY639="yes",('DRAFT - HGC Schemes'!AW$5*$BJ639),"")</f>
        <v/>
      </c>
      <c r="CG639" s="487" t="str">
        <f>IF(AZ639="yes",('DRAFT - HGC Schemes'!AX$5*$BJ639),"")</f>
        <v/>
      </c>
      <c r="CH639" s="487" t="str">
        <f>IF(BA639="yes",('DRAFT - HGC Schemes'!AY$5*$BJ639),"")</f>
        <v/>
      </c>
      <c r="CI639" s="487" t="str">
        <f>IF(BB639="yes",('DRAFT - HGC Schemes'!AZ$5*$BJ639),"")</f>
        <v/>
      </c>
      <c r="CJ639" s="487" t="str">
        <f>IF(BC639="yes",('DRAFT - HGC Schemes'!BA$5*$BJ639),"")</f>
        <v/>
      </c>
      <c r="CK639" s="487" t="str">
        <f>IF(BD639="yes",('DRAFT - HGC Schemes'!BB$5*$BJ639),"")</f>
        <v/>
      </c>
      <c r="CL639" s="487" t="str">
        <f>IF(BE639="yes",('DRAFT - HGC Schemes'!BC$5*$BJ639),"")</f>
        <v/>
      </c>
      <c r="CM639" s="487" t="str">
        <f>IF(BF639="yes",('DRAFT - HGC Schemes'!BD$5*$BJ639),"")</f>
        <v/>
      </c>
      <c r="CN639" s="487" t="str">
        <f>IF(BG639="yes",('DRAFT - HGC Schemes'!BE$5*$BJ639),"")</f>
        <v/>
      </c>
      <c r="CO639" s="487" t="str">
        <f>IF(BH639="yes",('DRAFT - HGC Schemes'!BF$5*$BJ639),"")</f>
        <v/>
      </c>
      <c r="CP639" s="487"/>
      <c r="CQ639" s="487"/>
      <c r="CR639" s="487"/>
      <c r="CS639" s="487"/>
      <c r="CT639" s="487"/>
      <c r="CU639" s="487"/>
      <c r="CV639" s="487"/>
      <c r="CW639" s="487"/>
      <c r="CX639" s="487"/>
      <c r="CY639" s="487"/>
      <c r="CZ639" s="487"/>
      <c r="DA639" s="487"/>
      <c r="DB639" s="487"/>
      <c r="DC639" s="487"/>
      <c r="DD639" s="487"/>
      <c r="DE639" s="487"/>
      <c r="DF639" s="487"/>
      <c r="DG639" s="487"/>
      <c r="DH639" s="487"/>
      <c r="DI639" s="487"/>
      <c r="DJ639" s="487"/>
      <c r="DK639" s="487"/>
      <c r="DL639" s="487"/>
      <c r="DM639" s="487"/>
      <c r="DN639" s="484"/>
      <c r="DO639" s="484"/>
      <c r="DP639" s="504" t="s">
        <v>3010</v>
      </c>
      <c r="DQ639" s="494"/>
      <c r="DR639" s="494"/>
    </row>
    <row r="640" spans="1:122" s="613" customFormat="1" ht="56.25" customHeight="1" x14ac:dyDescent="0.2">
      <c r="A640" s="494"/>
      <c r="B640" s="610"/>
      <c r="C640" s="285" t="s">
        <v>3052</v>
      </c>
      <c r="D640" s="666">
        <v>846</v>
      </c>
      <c r="E640" s="481"/>
      <c r="F640" s="481" t="s">
        <v>2481</v>
      </c>
      <c r="G640" s="482" t="s">
        <v>53</v>
      </c>
      <c r="H640" s="481" t="s">
        <v>655</v>
      </c>
      <c r="I640" s="663" t="s">
        <v>932</v>
      </c>
      <c r="J640" s="663" t="s">
        <v>1195</v>
      </c>
      <c r="K640" s="673" t="s">
        <v>1196</v>
      </c>
      <c r="L640" s="622"/>
      <c r="M640" s="77" t="s">
        <v>58</v>
      </c>
      <c r="N640" s="680" t="s">
        <v>3053</v>
      </c>
      <c r="O640" s="513" t="s">
        <v>2986</v>
      </c>
      <c r="P640" s="501" t="s">
        <v>81</v>
      </c>
      <c r="Q640" s="77" t="s">
        <v>2987</v>
      </c>
      <c r="R640" s="484" t="s">
        <v>2988</v>
      </c>
      <c r="S640" s="501" t="s">
        <v>722</v>
      </c>
      <c r="T640" s="501"/>
      <c r="U640" s="625" t="s">
        <v>63</v>
      </c>
      <c r="V640" s="625" t="s">
        <v>63</v>
      </c>
      <c r="W640" s="502">
        <v>12333.75</v>
      </c>
      <c r="X640" s="502"/>
      <c r="Y640" s="654" t="s">
        <v>3009</v>
      </c>
      <c r="Z640" s="494"/>
      <c r="AA640" s="485">
        <f t="shared" si="231"/>
        <v>12333.75</v>
      </c>
      <c r="AB640" s="650" t="s">
        <v>65</v>
      </c>
      <c r="AC640" s="661"/>
      <c r="AD640" s="487"/>
      <c r="AE640" s="487"/>
      <c r="AF640" s="516" t="s">
        <v>66</v>
      </c>
      <c r="AG640" s="516" t="s">
        <v>66</v>
      </c>
      <c r="AH640" s="516" t="s">
        <v>66</v>
      </c>
      <c r="AI640" s="487"/>
      <c r="AJ640" s="516" t="s">
        <v>66</v>
      </c>
      <c r="AK640" s="487"/>
      <c r="AL640" s="487"/>
      <c r="AM640" s="487"/>
      <c r="AN640" s="487"/>
      <c r="AO640" s="487"/>
      <c r="AP640" s="487"/>
      <c r="AQ640" s="487"/>
      <c r="AR640" s="487"/>
      <c r="AS640" s="487"/>
      <c r="AT640" s="76"/>
      <c r="AU640" s="487"/>
      <c r="AV640" s="487"/>
      <c r="AW640" s="487"/>
      <c r="AX640" s="76"/>
      <c r="AY640" s="487"/>
      <c r="AZ640" s="487"/>
      <c r="BA640" s="487"/>
      <c r="BB640" s="76"/>
      <c r="BC640" s="487"/>
      <c r="BD640" s="76"/>
      <c r="BE640" s="76"/>
      <c r="BF640" s="487"/>
      <c r="BG640" s="76"/>
      <c r="BH640" s="76"/>
      <c r="BI640" s="80">
        <f>SUMIF(AD640:BH640,"YES",'DRAFT - HGC Schemes'!$AB$5:$BF$5)</f>
        <v>0</v>
      </c>
      <c r="BJ640" s="76"/>
      <c r="BK640" s="487" t="str">
        <f>IF(AD640="yes",('DRAFT - HGC Schemes'!AB$5*$BJ640),"")</f>
        <v/>
      </c>
      <c r="BL640" s="487" t="str">
        <f>IF(AE640="yes",('DRAFT - HGC Schemes'!AC$5*$BJ640),"")</f>
        <v/>
      </c>
      <c r="BM640" s="487">
        <f>IF(AF640="yes",('DRAFT - HGC Schemes'!AD$5*$BJ640),"")</f>
        <v>0</v>
      </c>
      <c r="BN640" s="487">
        <f>IF(AG640="yes",('DRAFT - HGC Schemes'!AE$5*$BJ640),"")</f>
        <v>0</v>
      </c>
      <c r="BO640" s="487">
        <f>IF(AH640="yes",('DRAFT - HGC Schemes'!AF$5*$BJ640),"")</f>
        <v>0</v>
      </c>
      <c r="BP640" s="487" t="str">
        <f>IF(AI640="yes",('DRAFT - HGC Schemes'!AG$5*$BJ640),"")</f>
        <v/>
      </c>
      <c r="BQ640" s="487">
        <f>IF(AJ640="yes",('DRAFT - HGC Schemes'!AH$5*$BJ640),"")</f>
        <v>0</v>
      </c>
      <c r="BR640" s="487" t="str">
        <f>IF(AK640="yes",('DRAFT - HGC Schemes'!AI$5*$BJ640),"")</f>
        <v/>
      </c>
      <c r="BS640" s="487" t="str">
        <f>IF(AL640="yes",('DRAFT - HGC Schemes'!AJ$5*$BJ640),"")</f>
        <v/>
      </c>
      <c r="BT640" s="487" t="str">
        <f>IF(AM640="yes",('DRAFT - HGC Schemes'!AK$5*$BJ640),"")</f>
        <v/>
      </c>
      <c r="BU640" s="487" t="str">
        <f>IF(AN640="yes",('DRAFT - HGC Schemes'!AL$5*$BJ640),"")</f>
        <v/>
      </c>
      <c r="BV640" s="487" t="str">
        <f>IF(AO640="yes",('DRAFT - HGC Schemes'!AM$5*$BJ640),"")</f>
        <v/>
      </c>
      <c r="BW640" s="487" t="str">
        <f>IF(AP640="yes",('DRAFT - HGC Schemes'!AN$5*$BJ640),"")</f>
        <v/>
      </c>
      <c r="BX640" s="487" t="str">
        <f>IF(AQ640="yes",('DRAFT - HGC Schemes'!AO$5*$BJ640),"")</f>
        <v/>
      </c>
      <c r="BY640" s="487" t="str">
        <f>IF(AR640="yes",('DRAFT - HGC Schemes'!AP$5*$BJ640),"")</f>
        <v/>
      </c>
      <c r="BZ640" s="487" t="str">
        <f>IF(AS640="yes",('DRAFT - HGC Schemes'!AQ$5*$BJ640),"")</f>
        <v/>
      </c>
      <c r="CA640" s="487" t="str">
        <f>IF(AT640="yes",('DRAFT - HGC Schemes'!AR$5*$BJ640),"")</f>
        <v/>
      </c>
      <c r="CB640" s="487" t="str">
        <f>IF(AU640="yes",('DRAFT - HGC Schemes'!AS$5*$BJ640),"")</f>
        <v/>
      </c>
      <c r="CC640" s="487" t="str">
        <f>IF(AV640="yes",('DRAFT - HGC Schemes'!AT$5*$BJ640),"")</f>
        <v/>
      </c>
      <c r="CD640" s="487" t="str">
        <f>IF(AW640="yes",('DRAFT - HGC Schemes'!AU$5*$BJ640),"")</f>
        <v/>
      </c>
      <c r="CE640" s="487" t="str">
        <f>IF(AX640="yes",('DRAFT - HGC Schemes'!AV$5*$BJ640),"")</f>
        <v/>
      </c>
      <c r="CF640" s="487" t="str">
        <f>IF(AY640="yes",('DRAFT - HGC Schemes'!AW$5*$BJ640),"")</f>
        <v/>
      </c>
      <c r="CG640" s="487" t="str">
        <f>IF(AZ640="yes",('DRAFT - HGC Schemes'!AX$5*$BJ640),"")</f>
        <v/>
      </c>
      <c r="CH640" s="487" t="str">
        <f>IF(BA640="yes",('DRAFT - HGC Schemes'!AY$5*$BJ640),"")</f>
        <v/>
      </c>
      <c r="CI640" s="487" t="str">
        <f>IF(BB640="yes",('DRAFT - HGC Schemes'!AZ$5*$BJ640),"")</f>
        <v/>
      </c>
      <c r="CJ640" s="487" t="str">
        <f>IF(BC640="yes",('DRAFT - HGC Schemes'!BA$5*$BJ640),"")</f>
        <v/>
      </c>
      <c r="CK640" s="487" t="str">
        <f>IF(BD640="yes",('DRAFT - HGC Schemes'!BB$5*$BJ640),"")</f>
        <v/>
      </c>
      <c r="CL640" s="487" t="str">
        <f>IF(BE640="yes",('DRAFT - HGC Schemes'!BC$5*$BJ640),"")</f>
        <v/>
      </c>
      <c r="CM640" s="487" t="str">
        <f>IF(BF640="yes",('DRAFT - HGC Schemes'!BD$5*$BJ640),"")</f>
        <v/>
      </c>
      <c r="CN640" s="487" t="str">
        <f>IF(BG640="yes",('DRAFT - HGC Schemes'!BE$5*$BJ640),"")</f>
        <v/>
      </c>
      <c r="CO640" s="487" t="str">
        <f>IF(BH640="yes",('DRAFT - HGC Schemes'!BF$5*$BJ640),"")</f>
        <v/>
      </c>
      <c r="CP640" s="487"/>
      <c r="CQ640" s="487"/>
      <c r="CR640" s="487"/>
      <c r="CS640" s="487"/>
      <c r="CT640" s="487"/>
      <c r="CU640" s="487"/>
      <c r="CV640" s="487"/>
      <c r="CW640" s="487"/>
      <c r="CX640" s="487"/>
      <c r="CY640" s="487"/>
      <c r="CZ640" s="487"/>
      <c r="DA640" s="487"/>
      <c r="DB640" s="487"/>
      <c r="DC640" s="487"/>
      <c r="DD640" s="487"/>
      <c r="DE640" s="487"/>
      <c r="DF640" s="487"/>
      <c r="DG640" s="487"/>
      <c r="DH640" s="487"/>
      <c r="DI640" s="487"/>
      <c r="DJ640" s="487"/>
      <c r="DK640" s="487"/>
      <c r="DL640" s="487"/>
      <c r="DM640" s="487"/>
      <c r="DN640" s="484"/>
      <c r="DO640" s="484"/>
      <c r="DP640" s="83" t="s">
        <v>3010</v>
      </c>
      <c r="DQ640" s="494"/>
      <c r="DR640" s="494"/>
    </row>
    <row r="641" spans="1:16319" s="613" customFormat="1" ht="56.25" customHeight="1" x14ac:dyDescent="0.2">
      <c r="A641" s="659" t="s">
        <v>3054</v>
      </c>
      <c r="B641" s="77"/>
      <c r="C641" s="499" t="s">
        <v>3042</v>
      </c>
      <c r="D641" s="481">
        <v>893</v>
      </c>
      <c r="E641" s="481"/>
      <c r="F641" s="481" t="s">
        <v>2481</v>
      </c>
      <c r="G641" s="482" t="s">
        <v>53</v>
      </c>
      <c r="H641" s="481" t="s">
        <v>655</v>
      </c>
      <c r="I641" s="663" t="s">
        <v>932</v>
      </c>
      <c r="J641" s="664" t="s">
        <v>1289</v>
      </c>
      <c r="K641" s="77" t="s">
        <v>1290</v>
      </c>
      <c r="L641" s="623"/>
      <c r="M641" s="77" t="s">
        <v>215</v>
      </c>
      <c r="N641" s="206" t="s">
        <v>833</v>
      </c>
      <c r="O641" s="513" t="s">
        <v>2986</v>
      </c>
      <c r="P641" s="484" t="s">
        <v>81</v>
      </c>
      <c r="Q641" s="77"/>
      <c r="R641" s="484" t="s">
        <v>77</v>
      </c>
      <c r="S641" s="77" t="s">
        <v>1291</v>
      </c>
      <c r="T641" s="77"/>
      <c r="U641" s="625" t="s">
        <v>63</v>
      </c>
      <c r="V641" s="625" t="s">
        <v>63</v>
      </c>
      <c r="W641" s="76">
        <v>1000000</v>
      </c>
      <c r="X641" s="76"/>
      <c r="Y641" s="654" t="s">
        <v>2997</v>
      </c>
      <c r="Z641" s="494"/>
      <c r="AA641" s="485">
        <f t="shared" si="231"/>
        <v>1000000</v>
      </c>
      <c r="AB641" s="650" t="s">
        <v>65</v>
      </c>
      <c r="AC641" s="661"/>
      <c r="AD641" s="487"/>
      <c r="AE641" s="487"/>
      <c r="AF641" s="487"/>
      <c r="AG641" s="487"/>
      <c r="AH641" s="487"/>
      <c r="AI641" s="487"/>
      <c r="AJ641" s="487"/>
      <c r="AK641" s="487"/>
      <c r="AL641" s="487"/>
      <c r="AM641" s="487"/>
      <c r="AN641" s="487"/>
      <c r="AO641" s="487"/>
      <c r="AP641" s="487"/>
      <c r="AQ641" s="487"/>
      <c r="AR641" s="487"/>
      <c r="AS641" s="487"/>
      <c r="AT641" s="76"/>
      <c r="AU641" s="487"/>
      <c r="AV641" s="487"/>
      <c r="AW641" s="487"/>
      <c r="AX641" s="76"/>
      <c r="AY641" s="487"/>
      <c r="AZ641" s="487"/>
      <c r="BA641" s="487"/>
      <c r="BB641" s="76"/>
      <c r="BC641" s="487"/>
      <c r="BD641" s="76"/>
      <c r="BE641" s="76"/>
      <c r="BF641" s="487"/>
      <c r="BG641" s="76"/>
      <c r="BH641" s="76"/>
      <c r="BI641" s="80">
        <f>SUMIF(AD641:BH641,"YES",'DRAFT - HGC Schemes'!$AB$5:$BF$5)</f>
        <v>0</v>
      </c>
      <c r="BJ641" s="76"/>
      <c r="BK641" s="487" t="str">
        <f>IF(AD641="yes",('DRAFT - HGC Schemes'!AB$5*$BJ641),"")</f>
        <v/>
      </c>
      <c r="BL641" s="487" t="str">
        <f>IF(AE641="yes",('DRAFT - HGC Schemes'!AC$5*$BJ641),"")</f>
        <v/>
      </c>
      <c r="BM641" s="487" t="str">
        <f>IF(AF641="yes",('DRAFT - HGC Schemes'!AD$5*$BJ641),"")</f>
        <v/>
      </c>
      <c r="BN641" s="487" t="str">
        <f>IF(AG641="yes",('DRAFT - HGC Schemes'!AE$5*$BJ641),"")</f>
        <v/>
      </c>
      <c r="BO641" s="487" t="str">
        <f>IF(AH641="yes",('DRAFT - HGC Schemes'!AF$5*$BJ641),"")</f>
        <v/>
      </c>
      <c r="BP641" s="487" t="str">
        <f>IF(AI641="yes",('DRAFT - HGC Schemes'!AG$5*$BJ641),"")</f>
        <v/>
      </c>
      <c r="BQ641" s="487" t="str">
        <f>IF(AJ641="yes",('DRAFT - HGC Schemes'!AH$5*$BJ641),"")</f>
        <v/>
      </c>
      <c r="BR641" s="487" t="str">
        <f>IF(AK641="yes",('DRAFT - HGC Schemes'!AI$5*$BJ641),"")</f>
        <v/>
      </c>
      <c r="BS641" s="487" t="str">
        <f>IF(AL641="yes",('DRAFT - HGC Schemes'!AJ$5*$BJ641),"")</f>
        <v/>
      </c>
      <c r="BT641" s="487" t="str">
        <f>IF(AM641="yes",('DRAFT - HGC Schemes'!AK$5*$BJ641),"")</f>
        <v/>
      </c>
      <c r="BU641" s="487" t="str">
        <f>IF(AN641="yes",('DRAFT - HGC Schemes'!AL$5*$BJ641),"")</f>
        <v/>
      </c>
      <c r="BV641" s="487" t="str">
        <f>IF(AO641="yes",('DRAFT - HGC Schemes'!AM$5*$BJ641),"")</f>
        <v/>
      </c>
      <c r="BW641" s="487" t="str">
        <f>IF(AP641="yes",('DRAFT - HGC Schemes'!AN$5*$BJ641),"")</f>
        <v/>
      </c>
      <c r="BX641" s="487" t="str">
        <f>IF(AQ641="yes",('DRAFT - HGC Schemes'!AO$5*$BJ641),"")</f>
        <v/>
      </c>
      <c r="BY641" s="487" t="str">
        <f>IF(AR641="yes",('DRAFT - HGC Schemes'!AP$5*$BJ641),"")</f>
        <v/>
      </c>
      <c r="BZ641" s="487" t="str">
        <f>IF(AS641="yes",('DRAFT - HGC Schemes'!AQ$5*$BJ641),"")</f>
        <v/>
      </c>
      <c r="CA641" s="487" t="str">
        <f>IF(AT641="yes",('DRAFT - HGC Schemes'!AR$5*$BJ641),"")</f>
        <v/>
      </c>
      <c r="CB641" s="487" t="str">
        <f>IF(AU641="yes",('DRAFT - HGC Schemes'!AS$5*$BJ641),"")</f>
        <v/>
      </c>
      <c r="CC641" s="487" t="str">
        <f>IF(AV641="yes",('DRAFT - HGC Schemes'!AT$5*$BJ641),"")</f>
        <v/>
      </c>
      <c r="CD641" s="487" t="str">
        <f>IF(AW641="yes",('DRAFT - HGC Schemes'!AU$5*$BJ641),"")</f>
        <v/>
      </c>
      <c r="CE641" s="487" t="str">
        <f>IF(AX641="yes",('DRAFT - HGC Schemes'!AV$5*$BJ641),"")</f>
        <v/>
      </c>
      <c r="CF641" s="487" t="str">
        <f>IF(AY641="yes",('DRAFT - HGC Schemes'!AW$5*$BJ641),"")</f>
        <v/>
      </c>
      <c r="CG641" s="487" t="str">
        <f>IF(AZ641="yes",('DRAFT - HGC Schemes'!AX$5*$BJ641),"")</f>
        <v/>
      </c>
      <c r="CH641" s="487" t="str">
        <f>IF(BA641="yes",('DRAFT - HGC Schemes'!AY$5*$BJ641),"")</f>
        <v/>
      </c>
      <c r="CI641" s="487" t="str">
        <f>IF(BB641="yes",('DRAFT - HGC Schemes'!AZ$5*$BJ641),"")</f>
        <v/>
      </c>
      <c r="CJ641" s="487" t="str">
        <f>IF(BC641="yes",('DRAFT - HGC Schemes'!BA$5*$BJ641),"")</f>
        <v/>
      </c>
      <c r="CK641" s="487" t="str">
        <f>IF(BD641="yes",('DRAFT - HGC Schemes'!BB$5*$BJ641),"")</f>
        <v/>
      </c>
      <c r="CL641" s="487" t="str">
        <f>IF(BE641="yes",('DRAFT - HGC Schemes'!BC$5*$BJ641),"")</f>
        <v/>
      </c>
      <c r="CM641" s="487" t="str">
        <f>IF(BF641="yes",('DRAFT - HGC Schemes'!BD$5*$BJ641),"")</f>
        <v/>
      </c>
      <c r="CN641" s="487" t="str">
        <f>IF(BG641="yes",('DRAFT - HGC Schemes'!BE$5*$BJ641),"")</f>
        <v/>
      </c>
      <c r="CO641" s="487" t="str">
        <f>IF(BH641="yes",('DRAFT - HGC Schemes'!BF$5*$BJ641),"")</f>
        <v/>
      </c>
      <c r="CP641" s="487"/>
      <c r="CQ641" s="487"/>
      <c r="CR641" s="487"/>
      <c r="CS641" s="487"/>
      <c r="CT641" s="487"/>
      <c r="CU641" s="487"/>
      <c r="CV641" s="487"/>
      <c r="CW641" s="487"/>
      <c r="CX641" s="487"/>
      <c r="CY641" s="487"/>
      <c r="CZ641" s="487"/>
      <c r="DA641" s="487"/>
      <c r="DB641" s="487"/>
      <c r="DC641" s="487"/>
      <c r="DD641" s="487"/>
      <c r="DE641" s="487"/>
      <c r="DF641" s="487"/>
      <c r="DG641" s="487"/>
      <c r="DH641" s="487"/>
      <c r="DI641" s="487"/>
      <c r="DJ641" s="487"/>
      <c r="DK641" s="487"/>
      <c r="DL641" s="487"/>
      <c r="DM641" s="487"/>
      <c r="DN641" s="484"/>
      <c r="DO641" s="484"/>
      <c r="DP641" s="484"/>
      <c r="DQ641" s="494"/>
      <c r="DR641" s="494"/>
    </row>
    <row r="642" spans="1:16319" s="613" customFormat="1" ht="328.5" x14ac:dyDescent="0.25">
      <c r="A642" s="615"/>
      <c r="B642" s="499" t="s">
        <v>3055</v>
      </c>
      <c r="C642" s="538" t="s">
        <v>3056</v>
      </c>
      <c r="D642" s="707" t="s">
        <v>2459</v>
      </c>
      <c r="E642" s="538"/>
      <c r="F642" s="550" t="s">
        <v>2445</v>
      </c>
      <c r="G642" s="538"/>
      <c r="H642" s="671" t="s">
        <v>655</v>
      </c>
      <c r="I642" s="543" t="s">
        <v>900</v>
      </c>
      <c r="J642" s="543" t="s">
        <v>2460</v>
      </c>
      <c r="K642" s="495" t="s">
        <v>3057</v>
      </c>
      <c r="L642" s="634"/>
      <c r="M642" s="538"/>
      <c r="N642" s="684"/>
      <c r="O642" s="513" t="s">
        <v>2986</v>
      </c>
      <c r="P642" s="543"/>
      <c r="Q642" s="513" t="s">
        <v>525</v>
      </c>
      <c r="R642" s="484" t="s">
        <v>61</v>
      </c>
      <c r="S642" s="543"/>
      <c r="T642" s="543"/>
      <c r="U642" s="638">
        <f>3560000-2227750</f>
        <v>1332250</v>
      </c>
      <c r="V642" s="628">
        <f>5340000-2227750</f>
        <v>3112250</v>
      </c>
      <c r="W642" s="543"/>
      <c r="X642" s="543"/>
      <c r="Y642" s="543"/>
      <c r="Z642" s="543"/>
      <c r="AA642" s="543"/>
      <c r="AB642" s="543"/>
      <c r="AC642" s="543"/>
      <c r="AD642" s="543"/>
      <c r="AE642" s="543"/>
      <c r="AF642" s="543"/>
      <c r="AG642" s="543"/>
      <c r="AH642" s="543"/>
      <c r="AI642" s="543"/>
      <c r="AJ642" s="543"/>
      <c r="AK642" s="543"/>
      <c r="AL642" s="543"/>
      <c r="AM642" s="543"/>
      <c r="AN642" s="543"/>
      <c r="AO642" s="543"/>
      <c r="AP642" s="543"/>
      <c r="AQ642" s="543"/>
      <c r="AR642" s="543"/>
      <c r="AS642" s="543"/>
      <c r="AT642" s="543"/>
      <c r="AU642" s="543"/>
      <c r="AV642" s="543"/>
      <c r="AW642" s="543"/>
      <c r="AX642" s="543"/>
      <c r="AY642" s="543"/>
      <c r="AZ642" s="543"/>
      <c r="BA642" s="543"/>
      <c r="BB642" s="543"/>
      <c r="BC642" s="543"/>
      <c r="BD642" s="543"/>
      <c r="BE642" s="543"/>
      <c r="BF642" s="543"/>
      <c r="BG642" s="543"/>
      <c r="BH642" s="543"/>
      <c r="BI642" s="543"/>
      <c r="BJ642" s="543"/>
      <c r="BK642" s="543"/>
      <c r="BL642" s="543"/>
      <c r="BM642" s="543"/>
      <c r="BN642" s="543"/>
      <c r="BO642" s="543"/>
      <c r="BP642" s="543"/>
      <c r="BQ642" s="543"/>
      <c r="BR642" s="543"/>
      <c r="BS642" s="543"/>
      <c r="BT642" s="543"/>
      <c r="BU642" s="543"/>
      <c r="BV642" s="543"/>
      <c r="BW642" s="543"/>
      <c r="BX642" s="543"/>
      <c r="BY642" s="543"/>
      <c r="BZ642" s="543"/>
      <c r="CA642" s="543"/>
      <c r="CB642" s="543"/>
      <c r="CC642" s="543"/>
      <c r="CD642" s="543"/>
      <c r="CE642" s="543"/>
      <c r="CF642" s="543"/>
      <c r="CG642" s="543"/>
      <c r="CH642" s="543"/>
      <c r="CI642" s="543"/>
      <c r="CJ642" s="543"/>
      <c r="CK642" s="543"/>
      <c r="CL642" s="543"/>
      <c r="CM642" s="543"/>
      <c r="CN642" s="543"/>
      <c r="CO642" s="543"/>
      <c r="CP642" s="543"/>
      <c r="CQ642" s="543"/>
      <c r="CR642" s="543"/>
      <c r="CS642" s="543"/>
      <c r="CT642" s="543"/>
      <c r="CU642" s="543"/>
      <c r="CV642" s="543"/>
      <c r="CW642" s="543"/>
      <c r="CX642" s="543"/>
      <c r="CY642" s="543"/>
      <c r="CZ642" s="543"/>
      <c r="DA642" s="543"/>
      <c r="DB642" s="543"/>
      <c r="DC642" s="543"/>
      <c r="DD642" s="543"/>
      <c r="DE642" s="543"/>
      <c r="DF642" s="543"/>
      <c r="DG642" s="543"/>
      <c r="DH642" s="543"/>
      <c r="DI642" s="543"/>
      <c r="DJ642" s="543"/>
      <c r="DK642" s="543"/>
      <c r="DL642" s="543"/>
      <c r="DM642" s="543"/>
      <c r="DN642" s="494"/>
      <c r="DO642" s="495" t="s">
        <v>2449</v>
      </c>
      <c r="DP642" s="494"/>
      <c r="DQ642" s="545">
        <v>0.5</v>
      </c>
      <c r="DR642" s="545">
        <v>0.5</v>
      </c>
    </row>
    <row r="643" spans="1:16319" ht="56.1" customHeight="1" x14ac:dyDescent="0.2">
      <c r="A643" s="273" t="s">
        <v>3016</v>
      </c>
      <c r="B643" s="610"/>
      <c r="C643" s="77"/>
      <c r="D643" s="481">
        <v>184</v>
      </c>
      <c r="E643" s="481"/>
      <c r="F643" s="481" t="s">
        <v>2481</v>
      </c>
      <c r="G643" s="482" t="s">
        <v>53</v>
      </c>
      <c r="H643" s="481" t="s">
        <v>329</v>
      </c>
      <c r="I643" s="654" t="s">
        <v>428</v>
      </c>
      <c r="J643" s="654" t="s">
        <v>369</v>
      </c>
      <c r="K643" s="495" t="s">
        <v>447</v>
      </c>
      <c r="L643" s="621"/>
      <c r="M643" s="484" t="s">
        <v>58</v>
      </c>
      <c r="N643" s="329" t="s">
        <v>1361</v>
      </c>
      <c r="O643" s="484" t="s">
        <v>2996</v>
      </c>
      <c r="P643" s="484" t="s">
        <v>81</v>
      </c>
      <c r="Q643" s="667" t="s">
        <v>334</v>
      </c>
      <c r="R643" s="484" t="s">
        <v>334</v>
      </c>
      <c r="S643" s="484" t="s">
        <v>377</v>
      </c>
      <c r="T643" s="484"/>
      <c r="U643" s="620" t="s">
        <v>63</v>
      </c>
      <c r="V643" s="620" t="s">
        <v>63</v>
      </c>
      <c r="W643" s="723">
        <v>46443</v>
      </c>
      <c r="X643" s="723"/>
      <c r="Y643" s="654" t="s">
        <v>226</v>
      </c>
      <c r="Z643" s="654"/>
      <c r="AA643" s="723">
        <v>46443</v>
      </c>
      <c r="AB643" s="652" t="s">
        <v>82</v>
      </c>
      <c r="AC643" s="652"/>
      <c r="AD643" s="496"/>
      <c r="AE643" s="487" t="s">
        <v>66</v>
      </c>
      <c r="AF643" s="496"/>
      <c r="AG643" s="496"/>
      <c r="AH643" s="496"/>
      <c r="AI643" s="496"/>
      <c r="AJ643" s="496"/>
      <c r="AK643" s="496"/>
      <c r="AL643" s="496"/>
      <c r="AM643" s="496"/>
      <c r="AN643" s="496"/>
      <c r="AO643" s="496"/>
      <c r="AP643" s="496"/>
      <c r="AQ643" s="496"/>
      <c r="AR643" s="496"/>
      <c r="AS643" s="496"/>
      <c r="AT643" s="496"/>
      <c r="AU643" s="487"/>
      <c r="AV643" s="487"/>
      <c r="AW643" s="487"/>
      <c r="AX643" s="487"/>
      <c r="AY643" s="487"/>
      <c r="AZ643" s="487"/>
      <c r="BA643" s="484"/>
      <c r="BB643" s="484" t="s">
        <v>340</v>
      </c>
      <c r="BC643" s="484" t="s">
        <v>3041</v>
      </c>
      <c r="BD643" s="494"/>
      <c r="BE643" s="494"/>
      <c r="BF643" s="613"/>
      <c r="BG643" s="613"/>
      <c r="BH643" s="613"/>
      <c r="BI643" s="613"/>
      <c r="BJ643" s="613"/>
      <c r="BK643" s="613"/>
      <c r="BL643" s="613"/>
      <c r="BM643" s="613"/>
      <c r="BN643" s="613"/>
      <c r="BO643" s="613"/>
      <c r="BP643" s="613"/>
      <c r="BQ643" s="613"/>
      <c r="BR643" s="613"/>
      <c r="BS643" s="613"/>
      <c r="BT643" s="613"/>
      <c r="BU643" s="613"/>
      <c r="BV643" s="613"/>
      <c r="BW643" s="613"/>
      <c r="BX643" s="613"/>
      <c r="BY643" s="613"/>
      <c r="BZ643" s="613"/>
      <c r="CA643" s="613"/>
      <c r="CB643" s="613"/>
      <c r="CC643" s="613"/>
      <c r="CD643" s="613"/>
      <c r="CE643" s="613"/>
      <c r="CF643" s="613"/>
      <c r="CG643" s="613"/>
      <c r="CH643" s="613"/>
      <c r="CI643" s="613"/>
      <c r="CJ643" s="613"/>
      <c r="CK643" s="613"/>
      <c r="CL643" s="613"/>
      <c r="CM643" s="613"/>
      <c r="CN643" s="613"/>
      <c r="CO643" s="613"/>
      <c r="CP643" s="613"/>
      <c r="CQ643" s="613"/>
      <c r="CR643" s="613"/>
      <c r="CS643" s="613"/>
      <c r="CT643" s="613"/>
      <c r="CU643" s="613"/>
      <c r="CV643" s="613"/>
      <c r="CW643" s="613"/>
      <c r="CX643" s="613"/>
      <c r="CY643" s="613"/>
      <c r="CZ643" s="613"/>
      <c r="DA643" s="613"/>
      <c r="DB643" s="613"/>
      <c r="DC643" s="613"/>
      <c r="DD643" s="613"/>
      <c r="DE643" s="613"/>
      <c r="DF643" s="613"/>
      <c r="DG643" s="613"/>
      <c r="DH643" s="613"/>
      <c r="DI643" s="613"/>
      <c r="DJ643" s="613"/>
      <c r="DK643" s="613"/>
      <c r="DL643" s="613"/>
      <c r="DM643" s="613"/>
      <c r="DN643" s="613"/>
      <c r="DO643" s="613"/>
      <c r="DP643" s="613"/>
      <c r="DQ643" s="613"/>
      <c r="DR643" s="613"/>
      <c r="DS643" s="613"/>
      <c r="DT643" s="613"/>
      <c r="DU643" s="613"/>
      <c r="DV643" s="613"/>
      <c r="DW643" s="613"/>
      <c r="DX643" s="613"/>
      <c r="DY643" s="613"/>
      <c r="DZ643" s="613"/>
      <c r="EA643" s="613"/>
      <c r="EB643" s="613"/>
      <c r="EC643" s="613"/>
      <c r="ED643" s="613"/>
      <c r="EE643" s="613"/>
      <c r="EF643" s="613"/>
      <c r="EG643" s="613"/>
      <c r="EH643" s="613"/>
      <c r="EI643" s="613"/>
      <c r="EJ643" s="613"/>
      <c r="EK643" s="613"/>
      <c r="EL643" s="613"/>
      <c r="EM643" s="613"/>
      <c r="EN643" s="613"/>
      <c r="EO643" s="613"/>
      <c r="EP643" s="613"/>
      <c r="EQ643" s="613"/>
      <c r="ER643" s="613"/>
      <c r="ES643" s="613"/>
      <c r="ET643" s="613"/>
      <c r="EU643" s="613"/>
      <c r="EV643" s="613"/>
      <c r="EW643" s="613"/>
      <c r="EX643" s="613"/>
      <c r="EY643" s="613"/>
      <c r="EZ643" s="613"/>
      <c r="FA643" s="613"/>
      <c r="FB643" s="613"/>
      <c r="FC643" s="613"/>
      <c r="FD643" s="613"/>
      <c r="FE643" s="613"/>
      <c r="FF643" s="613"/>
      <c r="FG643" s="613"/>
      <c r="FH643" s="613"/>
      <c r="FI643" s="613"/>
      <c r="FJ643" s="613"/>
      <c r="FK643" s="613"/>
      <c r="FL643" s="613"/>
      <c r="FM643" s="613"/>
      <c r="FN643" s="613"/>
      <c r="FO643" s="613"/>
      <c r="FP643" s="613"/>
      <c r="FQ643" s="613"/>
      <c r="FR643" s="613"/>
      <c r="FS643" s="613"/>
      <c r="FT643" s="613"/>
      <c r="FU643" s="613"/>
      <c r="FV643" s="613"/>
      <c r="FW643" s="613"/>
      <c r="FX643" s="613"/>
      <c r="FY643" s="613"/>
      <c r="FZ643" s="613"/>
      <c r="GA643" s="613"/>
      <c r="GB643" s="613"/>
      <c r="GC643" s="613"/>
      <c r="GD643" s="613"/>
      <c r="GE643" s="613"/>
      <c r="GF643" s="613"/>
      <c r="GG643" s="613"/>
      <c r="GH643" s="613"/>
      <c r="GI643" s="613"/>
      <c r="GJ643" s="613"/>
      <c r="GK643" s="613"/>
      <c r="GL643" s="613"/>
      <c r="GM643" s="613"/>
      <c r="GN643" s="613"/>
      <c r="GO643" s="613"/>
      <c r="GP643" s="613"/>
      <c r="GQ643" s="613"/>
      <c r="GR643" s="613"/>
      <c r="GS643" s="613"/>
      <c r="GT643" s="613"/>
      <c r="GU643" s="613"/>
      <c r="GV643" s="613"/>
      <c r="GW643" s="613"/>
      <c r="GX643" s="613"/>
      <c r="GY643" s="613"/>
      <c r="GZ643" s="613"/>
      <c r="HA643" s="613"/>
      <c r="HB643" s="613"/>
      <c r="HC643" s="613"/>
      <c r="HD643" s="613"/>
      <c r="HE643" s="613"/>
      <c r="HF643" s="613"/>
      <c r="HG643" s="613"/>
      <c r="HH643" s="613"/>
      <c r="HI643" s="613"/>
      <c r="HJ643" s="613"/>
      <c r="HK643" s="613"/>
      <c r="HL643" s="613"/>
      <c r="HM643" s="613"/>
      <c r="HN643" s="613"/>
      <c r="HO643" s="613"/>
      <c r="HP643" s="613"/>
      <c r="HQ643" s="613"/>
      <c r="HR643" s="613"/>
      <c r="HS643" s="613"/>
      <c r="HT643" s="613"/>
      <c r="HU643" s="613"/>
      <c r="HV643" s="613"/>
      <c r="HW643" s="613"/>
      <c r="HX643" s="613"/>
      <c r="HY643" s="613"/>
      <c r="HZ643" s="613"/>
      <c r="IA643" s="613"/>
      <c r="IB643" s="613"/>
      <c r="IC643" s="613"/>
      <c r="ID643" s="613"/>
      <c r="IE643" s="613"/>
      <c r="IF643" s="613"/>
      <c r="IG643" s="613"/>
      <c r="IH643" s="613"/>
      <c r="II643" s="613"/>
      <c r="IJ643" s="613"/>
      <c r="IK643" s="613"/>
      <c r="IL643" s="613"/>
      <c r="IM643" s="613"/>
      <c r="IN643" s="613"/>
      <c r="IO643" s="613"/>
      <c r="IP643" s="613"/>
      <c r="IQ643" s="613"/>
      <c r="IR643" s="613"/>
      <c r="IS643" s="613"/>
      <c r="IT643" s="613"/>
      <c r="IU643" s="613"/>
      <c r="IV643" s="613"/>
      <c r="IW643" s="613"/>
      <c r="IX643" s="613"/>
      <c r="IY643" s="613"/>
      <c r="IZ643" s="613"/>
      <c r="JA643" s="613"/>
      <c r="JB643" s="613"/>
      <c r="JC643" s="613"/>
      <c r="JD643" s="613"/>
      <c r="JE643" s="613"/>
      <c r="JF643" s="613"/>
      <c r="JG643" s="613"/>
      <c r="JH643" s="613"/>
      <c r="JI643" s="613"/>
      <c r="JJ643" s="613"/>
      <c r="JK643" s="613"/>
      <c r="JL643" s="613"/>
      <c r="JM643" s="613"/>
      <c r="JN643" s="613"/>
      <c r="JO643" s="613"/>
      <c r="JP643" s="613"/>
      <c r="JQ643" s="613"/>
      <c r="JR643" s="613"/>
      <c r="JS643" s="613"/>
      <c r="JT643" s="613"/>
      <c r="JU643" s="613"/>
      <c r="JV643" s="613"/>
      <c r="JW643" s="613"/>
      <c r="JX643" s="613"/>
      <c r="JY643" s="613"/>
      <c r="JZ643" s="613"/>
      <c r="KA643" s="613"/>
      <c r="KB643" s="613"/>
      <c r="KC643" s="613"/>
      <c r="KD643" s="613"/>
      <c r="KE643" s="613"/>
      <c r="KF643" s="613"/>
      <c r="KG643" s="613"/>
      <c r="KH643" s="613"/>
      <c r="KI643" s="613"/>
      <c r="KJ643" s="613"/>
      <c r="KK643" s="613"/>
      <c r="KL643" s="613"/>
      <c r="KM643" s="613"/>
      <c r="KN643" s="613"/>
      <c r="KO643" s="613"/>
      <c r="KP643" s="613"/>
      <c r="KQ643" s="613"/>
      <c r="KR643" s="613"/>
      <c r="KS643" s="613"/>
      <c r="KT643" s="613"/>
      <c r="KU643" s="613"/>
      <c r="KV643" s="613"/>
      <c r="KW643" s="613"/>
      <c r="KX643" s="613"/>
      <c r="KY643" s="613"/>
      <c r="KZ643" s="613"/>
      <c r="LA643" s="613"/>
      <c r="LB643" s="613"/>
      <c r="LC643" s="613"/>
      <c r="LD643" s="613"/>
      <c r="LE643" s="613"/>
      <c r="LF643" s="613"/>
      <c r="LG643" s="613"/>
      <c r="LH643" s="613"/>
      <c r="LI643" s="613"/>
      <c r="LJ643" s="613"/>
      <c r="LK643" s="613"/>
      <c r="LL643" s="613"/>
      <c r="LM643" s="613"/>
      <c r="LN643" s="613"/>
      <c r="LO643" s="613"/>
      <c r="LP643" s="613"/>
      <c r="LQ643" s="613"/>
      <c r="LR643" s="613"/>
      <c r="LS643" s="613"/>
      <c r="LT643" s="613"/>
      <c r="LU643" s="613"/>
      <c r="LV643" s="613"/>
      <c r="LW643" s="613"/>
      <c r="LX643" s="613"/>
      <c r="LY643" s="613"/>
      <c r="LZ643" s="613"/>
      <c r="MA643" s="613"/>
      <c r="MB643" s="613"/>
      <c r="MC643" s="613"/>
      <c r="MD643" s="613"/>
      <c r="ME643" s="613"/>
      <c r="MF643" s="613"/>
      <c r="MG643" s="613"/>
      <c r="MH643" s="613"/>
      <c r="MI643" s="613"/>
      <c r="MJ643" s="613"/>
      <c r="MK643" s="613"/>
      <c r="ML643" s="613"/>
      <c r="MM643" s="613"/>
      <c r="MN643" s="613"/>
      <c r="MO643" s="613"/>
      <c r="MP643" s="613"/>
      <c r="MQ643" s="613"/>
      <c r="MR643" s="613"/>
      <c r="MS643" s="613"/>
      <c r="MT643" s="613"/>
      <c r="MU643" s="613"/>
      <c r="MV643" s="613"/>
      <c r="MW643" s="613"/>
      <c r="MX643" s="613"/>
      <c r="MY643" s="613"/>
      <c r="MZ643" s="613"/>
      <c r="NA643" s="613"/>
      <c r="NB643" s="613"/>
      <c r="NC643" s="613"/>
      <c r="ND643" s="613"/>
      <c r="NE643" s="613"/>
      <c r="NF643" s="613"/>
      <c r="NG643" s="613"/>
      <c r="NH643" s="613"/>
      <c r="NI643" s="613"/>
      <c r="NJ643" s="613"/>
      <c r="NK643" s="613"/>
      <c r="NL643" s="613"/>
      <c r="NM643" s="613"/>
      <c r="NN643" s="613"/>
      <c r="NO643" s="613"/>
      <c r="NP643" s="613"/>
      <c r="NQ643" s="613"/>
      <c r="NR643" s="613"/>
      <c r="NS643" s="613"/>
      <c r="NT643" s="613"/>
      <c r="NU643" s="613"/>
      <c r="NV643" s="613"/>
      <c r="NW643" s="613"/>
      <c r="NX643" s="613"/>
      <c r="NY643" s="613"/>
      <c r="NZ643" s="613"/>
      <c r="OA643" s="613"/>
      <c r="OB643" s="613"/>
      <c r="OC643" s="613"/>
      <c r="OD643" s="613"/>
      <c r="OE643" s="613"/>
      <c r="OF643" s="613"/>
      <c r="OG643" s="613"/>
      <c r="OH643" s="613"/>
      <c r="OI643" s="613"/>
      <c r="OJ643" s="613"/>
      <c r="OK643" s="613"/>
      <c r="OL643" s="613"/>
      <c r="OM643" s="613"/>
      <c r="ON643" s="613"/>
      <c r="OO643" s="613"/>
      <c r="OP643" s="613"/>
      <c r="OQ643" s="613"/>
      <c r="OR643" s="613"/>
      <c r="OS643" s="613"/>
      <c r="OT643" s="613"/>
      <c r="OU643" s="613"/>
      <c r="OV643" s="613"/>
      <c r="OW643" s="613"/>
      <c r="OX643" s="613"/>
      <c r="OY643" s="613"/>
      <c r="OZ643" s="613"/>
      <c r="PA643" s="613"/>
      <c r="PB643" s="613"/>
      <c r="PC643" s="613"/>
      <c r="PD643" s="613"/>
      <c r="PE643" s="613"/>
      <c r="PF643" s="613"/>
      <c r="PG643" s="613"/>
      <c r="PH643" s="613"/>
      <c r="PI643" s="613"/>
      <c r="PJ643" s="613"/>
      <c r="PK643" s="613"/>
      <c r="PL643" s="613"/>
      <c r="PM643" s="613"/>
      <c r="PN643" s="613"/>
      <c r="PO643" s="613"/>
      <c r="PP643" s="613"/>
      <c r="PQ643" s="613"/>
      <c r="PR643" s="613"/>
      <c r="PS643" s="613"/>
      <c r="PT643" s="613"/>
      <c r="PU643" s="613"/>
      <c r="PV643" s="613"/>
      <c r="PW643" s="613"/>
      <c r="PX643" s="613"/>
      <c r="PY643" s="613"/>
      <c r="PZ643" s="613"/>
      <c r="QA643" s="613"/>
      <c r="QB643" s="613"/>
      <c r="QC643" s="613"/>
      <c r="QD643" s="613"/>
      <c r="QE643" s="613"/>
      <c r="QF643" s="613"/>
      <c r="QG643" s="613"/>
      <c r="QH643" s="613"/>
      <c r="QI643" s="613"/>
      <c r="QJ643" s="613"/>
      <c r="QK643" s="613"/>
      <c r="QL643" s="613"/>
      <c r="QM643" s="613"/>
      <c r="QN643" s="613"/>
      <c r="QO643" s="613"/>
      <c r="QP643" s="613"/>
      <c r="QQ643" s="613"/>
      <c r="QR643" s="613"/>
      <c r="QS643" s="613"/>
      <c r="QT643" s="613"/>
      <c r="QU643" s="613"/>
      <c r="QV643" s="613"/>
      <c r="QW643" s="613"/>
      <c r="QX643" s="613"/>
      <c r="QY643" s="613"/>
      <c r="QZ643" s="613"/>
      <c r="RA643" s="613"/>
      <c r="RB643" s="613"/>
      <c r="RC643" s="613"/>
      <c r="RD643" s="613"/>
      <c r="RE643" s="613"/>
      <c r="RF643" s="613"/>
      <c r="RG643" s="613"/>
      <c r="RH643" s="613"/>
      <c r="RI643" s="613"/>
      <c r="RJ643" s="613"/>
      <c r="RK643" s="613"/>
      <c r="RL643" s="613"/>
      <c r="RM643" s="613"/>
      <c r="RN643" s="613"/>
      <c r="RO643" s="613"/>
      <c r="RP643" s="613"/>
      <c r="RQ643" s="613"/>
      <c r="RR643" s="613"/>
      <c r="RS643" s="613"/>
      <c r="RT643" s="613"/>
      <c r="RU643" s="613"/>
      <c r="RV643" s="613"/>
      <c r="RW643" s="613"/>
      <c r="RX643" s="613"/>
      <c r="RY643" s="613"/>
      <c r="RZ643" s="613"/>
      <c r="SA643" s="613"/>
      <c r="SB643" s="613"/>
      <c r="SC643" s="613"/>
      <c r="SD643" s="613"/>
      <c r="SE643" s="613"/>
      <c r="SF643" s="613"/>
      <c r="SG643" s="613"/>
      <c r="SH643" s="613"/>
      <c r="SI643" s="613"/>
      <c r="SJ643" s="613"/>
      <c r="SK643" s="613"/>
      <c r="SL643" s="613"/>
      <c r="SM643" s="613"/>
      <c r="SN643" s="613"/>
      <c r="SO643" s="613"/>
      <c r="SP643" s="613"/>
      <c r="SQ643" s="613"/>
      <c r="SR643" s="613"/>
      <c r="SS643" s="613"/>
      <c r="ST643" s="613"/>
      <c r="SU643" s="613"/>
      <c r="SV643" s="613"/>
      <c r="SW643" s="613"/>
      <c r="SX643" s="613"/>
      <c r="SY643" s="613"/>
      <c r="SZ643" s="613"/>
      <c r="TA643" s="613"/>
      <c r="TB643" s="613"/>
      <c r="TC643" s="613"/>
      <c r="TD643" s="613"/>
      <c r="TE643" s="613"/>
      <c r="TF643" s="613"/>
      <c r="TG643" s="613"/>
      <c r="TH643" s="613"/>
      <c r="TI643" s="613"/>
      <c r="TJ643" s="613"/>
      <c r="TK643" s="613"/>
      <c r="TL643" s="613"/>
      <c r="TM643" s="613"/>
      <c r="TN643" s="613"/>
      <c r="TO643" s="613"/>
      <c r="TP643" s="613"/>
      <c r="TQ643" s="613"/>
      <c r="TR643" s="613"/>
      <c r="TS643" s="613"/>
      <c r="TT643" s="613"/>
      <c r="TU643" s="613"/>
      <c r="TV643" s="613"/>
      <c r="TW643" s="613"/>
      <c r="TX643" s="613"/>
      <c r="TY643" s="613"/>
      <c r="TZ643" s="613"/>
      <c r="UA643" s="613"/>
      <c r="UB643" s="613"/>
      <c r="UC643" s="613"/>
      <c r="UD643" s="613"/>
      <c r="UE643" s="613"/>
      <c r="UF643" s="613"/>
      <c r="UG643" s="613"/>
      <c r="UH643" s="613"/>
      <c r="UI643" s="613"/>
      <c r="UJ643" s="613"/>
      <c r="UK643" s="613"/>
      <c r="UL643" s="613"/>
      <c r="UM643" s="613"/>
      <c r="UN643" s="613"/>
      <c r="UO643" s="613"/>
      <c r="UP643" s="613"/>
      <c r="UQ643" s="613"/>
      <c r="UR643" s="613"/>
      <c r="US643" s="613"/>
      <c r="UT643" s="613"/>
      <c r="UU643" s="613"/>
      <c r="UV643" s="613"/>
      <c r="UW643" s="613"/>
      <c r="UX643" s="613"/>
      <c r="UY643" s="613"/>
      <c r="UZ643" s="613"/>
      <c r="VA643" s="613"/>
      <c r="VB643" s="613"/>
      <c r="VC643" s="613"/>
      <c r="VD643" s="613"/>
      <c r="VE643" s="613"/>
      <c r="VF643" s="613"/>
      <c r="VG643" s="613"/>
      <c r="VH643" s="613"/>
      <c r="VI643" s="613"/>
      <c r="VJ643" s="613"/>
      <c r="VK643" s="613"/>
      <c r="VL643" s="613"/>
      <c r="VM643" s="613"/>
      <c r="VN643" s="613"/>
      <c r="VO643" s="613"/>
      <c r="VP643" s="613"/>
      <c r="VQ643" s="613"/>
      <c r="VR643" s="613"/>
      <c r="VS643" s="613"/>
      <c r="VT643" s="613"/>
      <c r="VU643" s="613"/>
      <c r="VV643" s="613"/>
      <c r="VW643" s="613"/>
      <c r="VX643" s="613"/>
      <c r="VY643" s="613"/>
      <c r="VZ643" s="613"/>
      <c r="WA643" s="613"/>
      <c r="WB643" s="613"/>
      <c r="WC643" s="613"/>
      <c r="WD643" s="613"/>
      <c r="WE643" s="613"/>
      <c r="WF643" s="613"/>
      <c r="WG643" s="613"/>
      <c r="WH643" s="613"/>
      <c r="WI643" s="613"/>
      <c r="WJ643" s="613"/>
      <c r="WK643" s="613"/>
      <c r="WL643" s="613"/>
      <c r="WM643" s="613"/>
      <c r="WN643" s="613"/>
      <c r="WO643" s="613"/>
      <c r="WP643" s="613"/>
      <c r="WQ643" s="613"/>
      <c r="WR643" s="613"/>
      <c r="WS643" s="613"/>
      <c r="WT643" s="613"/>
      <c r="WU643" s="613"/>
      <c r="WV643" s="613"/>
      <c r="WW643" s="613"/>
      <c r="WX643" s="613"/>
      <c r="WY643" s="613"/>
      <c r="WZ643" s="613"/>
      <c r="XA643" s="613"/>
      <c r="XB643" s="613"/>
      <c r="XC643" s="613"/>
      <c r="XD643" s="613"/>
      <c r="XE643" s="613"/>
      <c r="XF643" s="613"/>
      <c r="XG643" s="613"/>
      <c r="XH643" s="613"/>
      <c r="XI643" s="613"/>
      <c r="XJ643" s="613"/>
      <c r="XK643" s="613"/>
      <c r="XL643" s="613"/>
      <c r="XM643" s="613"/>
      <c r="XN643" s="613"/>
      <c r="XO643" s="613"/>
      <c r="XP643" s="613"/>
      <c r="XQ643" s="613"/>
      <c r="XR643" s="613"/>
      <c r="XS643" s="613"/>
      <c r="XT643" s="613"/>
      <c r="XU643" s="613"/>
      <c r="XV643" s="613"/>
      <c r="XW643" s="613"/>
      <c r="XX643" s="613"/>
      <c r="XY643" s="613"/>
      <c r="XZ643" s="613"/>
      <c r="YA643" s="613"/>
      <c r="YB643" s="613"/>
      <c r="YC643" s="613"/>
      <c r="YD643" s="613"/>
      <c r="YE643" s="613"/>
      <c r="YF643" s="613"/>
      <c r="YG643" s="613"/>
      <c r="YH643" s="613"/>
      <c r="YI643" s="613"/>
      <c r="YJ643" s="613"/>
      <c r="YK643" s="613"/>
      <c r="YL643" s="613"/>
      <c r="YM643" s="613"/>
      <c r="YN643" s="613"/>
      <c r="YO643" s="613"/>
      <c r="YP643" s="613"/>
      <c r="YQ643" s="613"/>
      <c r="YR643" s="613"/>
      <c r="YS643" s="613"/>
      <c r="YT643" s="613"/>
      <c r="YU643" s="613"/>
      <c r="YV643" s="613"/>
      <c r="YW643" s="613"/>
      <c r="YX643" s="613"/>
      <c r="YY643" s="613"/>
      <c r="YZ643" s="613"/>
      <c r="ZA643" s="613"/>
      <c r="ZB643" s="613"/>
      <c r="ZC643" s="613"/>
      <c r="ZD643" s="613"/>
      <c r="ZE643" s="613"/>
      <c r="ZF643" s="613"/>
      <c r="ZG643" s="613"/>
      <c r="ZH643" s="613"/>
      <c r="ZI643" s="613"/>
      <c r="ZJ643" s="613"/>
      <c r="ZK643" s="613"/>
      <c r="ZL643" s="613"/>
      <c r="ZM643" s="613"/>
      <c r="ZN643" s="613"/>
      <c r="ZO643" s="613"/>
      <c r="ZP643" s="613"/>
      <c r="ZQ643" s="613"/>
      <c r="ZR643" s="613"/>
      <c r="ZS643" s="613"/>
      <c r="ZT643" s="613"/>
      <c r="ZU643" s="613"/>
      <c r="ZV643" s="613"/>
      <c r="ZW643" s="613"/>
      <c r="ZX643" s="613"/>
      <c r="ZY643" s="613"/>
      <c r="ZZ643" s="613"/>
      <c r="AAA643" s="613"/>
      <c r="AAB643" s="613"/>
      <c r="AAC643" s="613"/>
      <c r="AAD643" s="613"/>
      <c r="AAE643" s="613"/>
      <c r="AAF643" s="613"/>
      <c r="AAG643" s="613"/>
      <c r="AAH643" s="613"/>
      <c r="AAI643" s="613"/>
      <c r="AAJ643" s="613"/>
      <c r="AAK643" s="613"/>
      <c r="AAL643" s="613"/>
      <c r="AAM643" s="613"/>
      <c r="AAN643" s="613"/>
      <c r="AAO643" s="613"/>
      <c r="AAP643" s="613"/>
      <c r="AAQ643" s="613"/>
      <c r="AAR643" s="613"/>
      <c r="AAS643" s="613"/>
      <c r="AAT643" s="613"/>
      <c r="AAU643" s="613"/>
      <c r="AAV643" s="613"/>
      <c r="AAW643" s="613"/>
      <c r="AAX643" s="613"/>
      <c r="AAY643" s="613"/>
      <c r="AAZ643" s="613"/>
      <c r="ABA643" s="613"/>
      <c r="ABB643" s="613"/>
      <c r="ABC643" s="613"/>
      <c r="ABD643" s="613"/>
      <c r="ABE643" s="613"/>
      <c r="ABF643" s="613"/>
      <c r="ABG643" s="613"/>
      <c r="ABH643" s="613"/>
      <c r="ABI643" s="613"/>
      <c r="ABJ643" s="613"/>
      <c r="ABK643" s="613"/>
      <c r="ABL643" s="613"/>
      <c r="ABM643" s="613"/>
      <c r="ABN643" s="613"/>
      <c r="ABO643" s="613"/>
      <c r="ABP643" s="613"/>
      <c r="ABQ643" s="613"/>
      <c r="ABR643" s="613"/>
      <c r="ABS643" s="613"/>
      <c r="ABT643" s="613"/>
      <c r="ABU643" s="613"/>
      <c r="ABV643" s="613"/>
      <c r="ABW643" s="613"/>
      <c r="ABX643" s="613"/>
      <c r="ABY643" s="613"/>
      <c r="ABZ643" s="613"/>
      <c r="ACA643" s="613"/>
      <c r="ACB643" s="613"/>
      <c r="ACC643" s="613"/>
      <c r="ACD643" s="613"/>
      <c r="ACE643" s="613"/>
      <c r="ACF643" s="613"/>
      <c r="ACG643" s="613"/>
      <c r="ACH643" s="613"/>
      <c r="ACI643" s="613"/>
      <c r="ACJ643" s="613"/>
      <c r="ACK643" s="613"/>
      <c r="ACL643" s="613"/>
      <c r="ACM643" s="613"/>
      <c r="ACN643" s="613"/>
      <c r="ACO643" s="613"/>
      <c r="ACP643" s="613"/>
      <c r="ACQ643" s="613"/>
      <c r="ACR643" s="613"/>
      <c r="ACS643" s="613"/>
      <c r="ACT643" s="613"/>
      <c r="ACU643" s="613"/>
      <c r="ACV643" s="613"/>
      <c r="ACW643" s="613"/>
      <c r="ACX643" s="613"/>
      <c r="ACY643" s="613"/>
      <c r="ACZ643" s="613"/>
      <c r="ADA643" s="613"/>
      <c r="ADB643" s="613"/>
      <c r="ADC643" s="613"/>
      <c r="ADD643" s="613"/>
      <c r="ADE643" s="613"/>
      <c r="ADF643" s="613"/>
      <c r="ADG643" s="613"/>
      <c r="ADH643" s="613"/>
      <c r="ADI643" s="613"/>
      <c r="ADJ643" s="613"/>
      <c r="ADK643" s="613"/>
      <c r="ADL643" s="613"/>
      <c r="ADM643" s="613"/>
      <c r="ADN643" s="613"/>
      <c r="ADO643" s="613"/>
      <c r="ADP643" s="613"/>
      <c r="ADQ643" s="613"/>
      <c r="ADR643" s="613"/>
      <c r="ADS643" s="613"/>
      <c r="ADT643" s="613"/>
      <c r="ADU643" s="613"/>
      <c r="ADV643" s="613"/>
      <c r="ADW643" s="613"/>
      <c r="ADX643" s="613"/>
      <c r="ADY643" s="613"/>
      <c r="ADZ643" s="613"/>
      <c r="AEA643" s="613"/>
      <c r="AEB643" s="613"/>
      <c r="AEC643" s="613"/>
      <c r="AED643" s="613"/>
      <c r="AEE643" s="613"/>
      <c r="AEF643" s="613"/>
      <c r="AEG643" s="613"/>
      <c r="AEH643" s="613"/>
      <c r="AEI643" s="613"/>
      <c r="AEJ643" s="613"/>
      <c r="AEK643" s="613"/>
      <c r="AEL643" s="613"/>
      <c r="AEM643" s="613"/>
      <c r="AEN643" s="613"/>
      <c r="AEO643" s="613"/>
      <c r="AEP643" s="613"/>
      <c r="AEQ643" s="613"/>
      <c r="AER643" s="613"/>
      <c r="AES643" s="613"/>
      <c r="AET643" s="613"/>
      <c r="AEU643" s="613"/>
      <c r="AEV643" s="613"/>
      <c r="AEW643" s="613"/>
      <c r="AEX643" s="613"/>
      <c r="AEY643" s="613"/>
      <c r="AEZ643" s="613"/>
      <c r="AFA643" s="613"/>
      <c r="AFB643" s="613"/>
      <c r="AFC643" s="613"/>
      <c r="AFD643" s="613"/>
      <c r="AFE643" s="613"/>
      <c r="AFF643" s="613"/>
      <c r="AFG643" s="613"/>
      <c r="AFH643" s="613"/>
      <c r="AFI643" s="613"/>
      <c r="AFJ643" s="613"/>
      <c r="AFK643" s="613"/>
      <c r="AFL643" s="613"/>
      <c r="AFM643" s="613"/>
      <c r="AFN643" s="613"/>
      <c r="AFO643" s="613"/>
      <c r="AFP643" s="613"/>
      <c r="AFQ643" s="613"/>
      <c r="AFR643" s="613"/>
      <c r="AFS643" s="613"/>
      <c r="AFT643" s="613"/>
      <c r="AFU643" s="613"/>
      <c r="AFV643" s="613"/>
      <c r="AFW643" s="613"/>
      <c r="AFX643" s="613"/>
      <c r="AFY643" s="613"/>
      <c r="AFZ643" s="613"/>
      <c r="AGA643" s="613"/>
      <c r="AGB643" s="613"/>
      <c r="AGC643" s="613"/>
      <c r="AGD643" s="613"/>
      <c r="AGE643" s="613"/>
      <c r="AGF643" s="613"/>
      <c r="AGG643" s="613"/>
      <c r="AGH643" s="613"/>
      <c r="AGI643" s="613"/>
      <c r="AGJ643" s="613"/>
      <c r="AGK643" s="613"/>
      <c r="AGL643" s="613"/>
      <c r="AGM643" s="613"/>
      <c r="AGN643" s="613"/>
      <c r="AGO643" s="613"/>
      <c r="AGP643" s="613"/>
      <c r="AGQ643" s="613"/>
      <c r="AGR643" s="613"/>
      <c r="AGS643" s="613"/>
      <c r="AGT643" s="613"/>
      <c r="AGU643" s="613"/>
      <c r="AGV643" s="613"/>
      <c r="AGW643" s="613"/>
      <c r="AGX643" s="613"/>
      <c r="AGY643" s="613"/>
      <c r="AGZ643" s="613"/>
      <c r="AHA643" s="613"/>
      <c r="AHB643" s="613"/>
      <c r="AHC643" s="613"/>
      <c r="AHD643" s="613"/>
      <c r="AHE643" s="613"/>
      <c r="AHF643" s="613"/>
      <c r="AHG643" s="613"/>
      <c r="AHH643" s="613"/>
      <c r="AHI643" s="613"/>
      <c r="AHJ643" s="613"/>
      <c r="AHK643" s="613"/>
      <c r="AHL643" s="613"/>
      <c r="AHM643" s="613"/>
      <c r="AHN643" s="613"/>
      <c r="AHO643" s="613"/>
      <c r="AHP643" s="613"/>
      <c r="AHQ643" s="613"/>
      <c r="AHR643" s="613"/>
      <c r="AHS643" s="613"/>
      <c r="AHT643" s="613"/>
      <c r="AHU643" s="613"/>
      <c r="AHV643" s="613"/>
      <c r="AHW643" s="613"/>
      <c r="AHX643" s="613"/>
      <c r="AHY643" s="613"/>
      <c r="AHZ643" s="613"/>
      <c r="AIA643" s="613"/>
      <c r="AIB643" s="613"/>
      <c r="AIC643" s="613"/>
      <c r="AID643" s="613"/>
      <c r="AIE643" s="613"/>
      <c r="AIF643" s="613"/>
      <c r="AIG643" s="613"/>
      <c r="AIH643" s="613"/>
      <c r="AII643" s="613"/>
      <c r="AIJ643" s="613"/>
      <c r="AIK643" s="613"/>
      <c r="AIL643" s="613"/>
      <c r="AIM643" s="613"/>
      <c r="AIN643" s="613"/>
      <c r="AIO643" s="613"/>
      <c r="AIP643" s="613"/>
      <c r="AIQ643" s="613"/>
      <c r="AIR643" s="613"/>
      <c r="AIS643" s="613"/>
      <c r="AIT643" s="613"/>
      <c r="AIU643" s="613"/>
      <c r="AIV643" s="613"/>
      <c r="AIW643" s="613"/>
      <c r="AIX643" s="613"/>
      <c r="AIY643" s="613"/>
      <c r="AIZ643" s="613"/>
      <c r="AJA643" s="613"/>
      <c r="AJB643" s="613"/>
      <c r="AJC643" s="613"/>
      <c r="AJD643" s="613"/>
      <c r="AJE643" s="613"/>
      <c r="AJF643" s="613"/>
      <c r="AJG643" s="613"/>
      <c r="AJH643" s="613"/>
      <c r="AJI643" s="613"/>
      <c r="AJJ643" s="613"/>
      <c r="AJK643" s="613"/>
      <c r="AJL643" s="613"/>
      <c r="AJM643" s="613"/>
      <c r="AJN643" s="613"/>
      <c r="AJO643" s="613"/>
      <c r="AJP643" s="613"/>
      <c r="AJQ643" s="613"/>
      <c r="AJR643" s="613"/>
      <c r="AJS643" s="613"/>
      <c r="AJT643" s="613"/>
      <c r="AJU643" s="613"/>
      <c r="AJV643" s="613"/>
      <c r="AJW643" s="613"/>
      <c r="AJX643" s="613"/>
      <c r="AJY643" s="613"/>
      <c r="AJZ643" s="613"/>
      <c r="AKA643" s="613"/>
      <c r="AKB643" s="613"/>
      <c r="AKC643" s="613"/>
      <c r="AKD643" s="613"/>
      <c r="AKE643" s="613"/>
      <c r="AKF643" s="613"/>
      <c r="AKG643" s="613"/>
      <c r="AKH643" s="613"/>
      <c r="AKI643" s="613"/>
      <c r="AKJ643" s="613"/>
      <c r="AKK643" s="613"/>
      <c r="AKL643" s="613"/>
      <c r="AKM643" s="613"/>
      <c r="AKN643" s="613"/>
      <c r="AKO643" s="613"/>
      <c r="AKP643" s="613"/>
      <c r="AKQ643" s="613"/>
      <c r="AKR643" s="613"/>
      <c r="AKS643" s="613"/>
      <c r="AKT643" s="613"/>
      <c r="AKU643" s="613"/>
      <c r="AKV643" s="613"/>
      <c r="AKW643" s="613"/>
      <c r="AKX643" s="613"/>
      <c r="AKY643" s="613"/>
      <c r="AKZ643" s="613"/>
      <c r="ALA643" s="613"/>
      <c r="ALB643" s="613"/>
      <c r="ALC643" s="613"/>
      <c r="ALD643" s="613"/>
      <c r="ALE643" s="613"/>
      <c r="ALF643" s="613"/>
      <c r="ALG643" s="613"/>
      <c r="ALH643" s="613"/>
      <c r="ALI643" s="613"/>
      <c r="ALJ643" s="613"/>
      <c r="ALK643" s="613"/>
      <c r="ALL643" s="613"/>
      <c r="ALM643" s="613"/>
      <c r="ALN643" s="613"/>
      <c r="ALO643" s="613"/>
      <c r="ALP643" s="613"/>
      <c r="ALQ643" s="613"/>
      <c r="ALR643" s="613"/>
      <c r="ALS643" s="613"/>
      <c r="ALT643" s="613"/>
      <c r="ALU643" s="613"/>
      <c r="ALV643" s="613"/>
      <c r="ALW643" s="613"/>
      <c r="ALX643" s="613"/>
      <c r="ALY643" s="613"/>
      <c r="ALZ643" s="613"/>
      <c r="AMA643" s="613"/>
      <c r="AMB643" s="613"/>
      <c r="AMC643" s="613"/>
      <c r="AMD643" s="613"/>
      <c r="AME643" s="613"/>
      <c r="AMF643" s="613"/>
      <c r="AMG643" s="613"/>
      <c r="AMH643" s="613"/>
      <c r="AMI643" s="613"/>
      <c r="AMJ643" s="613"/>
      <c r="AMK643" s="613"/>
      <c r="AML643" s="613"/>
      <c r="AMM643" s="613"/>
      <c r="AMN643" s="613"/>
      <c r="AMO643" s="613"/>
      <c r="AMP643" s="613"/>
      <c r="AMQ643" s="613"/>
      <c r="AMR643" s="613"/>
      <c r="AMS643" s="613"/>
      <c r="AMT643" s="613"/>
      <c r="AMU643" s="613"/>
      <c r="AMV643" s="613"/>
      <c r="AMW643" s="613"/>
      <c r="AMX643" s="613"/>
      <c r="AMY643" s="613"/>
      <c r="AMZ643" s="613"/>
      <c r="ANA643" s="613"/>
      <c r="ANB643" s="613"/>
      <c r="ANC643" s="613"/>
      <c r="AND643" s="613"/>
      <c r="ANE643" s="613"/>
      <c r="ANF643" s="613"/>
      <c r="ANG643" s="613"/>
      <c r="ANH643" s="613"/>
      <c r="ANI643" s="613"/>
      <c r="ANJ643" s="613"/>
      <c r="ANK643" s="613"/>
      <c r="ANL643" s="613"/>
      <c r="ANM643" s="613"/>
      <c r="ANN643" s="613"/>
      <c r="ANO643" s="613"/>
      <c r="ANP643" s="613"/>
      <c r="ANQ643" s="613"/>
      <c r="ANR643" s="613"/>
      <c r="ANS643" s="613"/>
      <c r="ANT643" s="613"/>
      <c r="ANU643" s="613"/>
      <c r="ANV643" s="613"/>
      <c r="ANW643" s="613"/>
      <c r="ANX643" s="613"/>
      <c r="ANY643" s="613"/>
      <c r="ANZ643" s="613"/>
      <c r="AOA643" s="613"/>
      <c r="AOB643" s="613"/>
      <c r="AOC643" s="613"/>
      <c r="AOD643" s="613"/>
      <c r="AOE643" s="613"/>
      <c r="AOF643" s="613"/>
      <c r="AOG643" s="613"/>
      <c r="AOH643" s="613"/>
      <c r="AOI643" s="613"/>
      <c r="AOJ643" s="613"/>
      <c r="AOK643" s="613"/>
      <c r="AOL643" s="613"/>
      <c r="AOM643" s="613"/>
      <c r="AON643" s="613"/>
      <c r="AOO643" s="613"/>
      <c r="AOP643" s="613"/>
      <c r="AOQ643" s="613"/>
      <c r="AOR643" s="613"/>
      <c r="AOS643" s="613"/>
      <c r="AOT643" s="613"/>
      <c r="AOU643" s="613"/>
      <c r="AOV643" s="613"/>
      <c r="AOW643" s="613"/>
      <c r="AOX643" s="613"/>
      <c r="AOY643" s="613"/>
      <c r="AOZ643" s="613"/>
      <c r="APA643" s="613"/>
      <c r="APB643" s="613"/>
      <c r="APC643" s="613"/>
      <c r="APD643" s="613"/>
      <c r="APE643" s="613"/>
      <c r="APF643" s="613"/>
      <c r="APG643" s="613"/>
      <c r="APH643" s="613"/>
      <c r="API643" s="613"/>
      <c r="APJ643" s="613"/>
      <c r="APK643" s="613"/>
      <c r="APL643" s="613"/>
      <c r="APM643" s="613"/>
      <c r="APN643" s="613"/>
      <c r="APO643" s="613"/>
      <c r="APP643" s="613"/>
      <c r="APQ643" s="613"/>
      <c r="APR643" s="613"/>
      <c r="APS643" s="613"/>
      <c r="APT643" s="613"/>
      <c r="APU643" s="613"/>
      <c r="APV643" s="613"/>
      <c r="APW643" s="613"/>
      <c r="APX643" s="613"/>
      <c r="APY643" s="613"/>
      <c r="APZ643" s="613"/>
      <c r="AQA643" s="613"/>
      <c r="AQB643" s="613"/>
      <c r="AQC643" s="613"/>
      <c r="AQD643" s="613"/>
      <c r="AQE643" s="613"/>
      <c r="AQF643" s="613"/>
      <c r="AQG643" s="613"/>
      <c r="AQH643" s="613"/>
      <c r="AQI643" s="613"/>
      <c r="AQJ643" s="613"/>
      <c r="AQK643" s="613"/>
      <c r="AQL643" s="613"/>
      <c r="AQM643" s="613"/>
      <c r="AQN643" s="613"/>
      <c r="AQO643" s="613"/>
      <c r="AQP643" s="613"/>
      <c r="AQQ643" s="613"/>
      <c r="AQR643" s="613"/>
      <c r="AQS643" s="613"/>
      <c r="AQT643" s="613"/>
      <c r="AQU643" s="613"/>
      <c r="AQV643" s="613"/>
      <c r="AQW643" s="613"/>
      <c r="AQX643" s="613"/>
      <c r="AQY643" s="613"/>
      <c r="AQZ643" s="613"/>
      <c r="ARA643" s="613"/>
      <c r="ARB643" s="613"/>
      <c r="ARC643" s="613"/>
      <c r="ARD643" s="613"/>
      <c r="ARE643" s="613"/>
      <c r="ARF643" s="613"/>
      <c r="ARG643" s="613"/>
      <c r="ARH643" s="613"/>
      <c r="ARI643" s="613"/>
      <c r="ARJ643" s="613"/>
      <c r="ARK643" s="613"/>
      <c r="ARL643" s="613"/>
      <c r="ARM643" s="613"/>
      <c r="ARN643" s="613"/>
      <c r="ARO643" s="613"/>
      <c r="ARP643" s="613"/>
      <c r="ARQ643" s="613"/>
      <c r="ARR643" s="613"/>
      <c r="ARS643" s="613"/>
      <c r="ART643" s="613"/>
      <c r="ARU643" s="613"/>
      <c r="ARV643" s="613"/>
      <c r="ARW643" s="613"/>
      <c r="ARX643" s="613"/>
      <c r="ARY643" s="613"/>
      <c r="ARZ643" s="613"/>
      <c r="ASA643" s="613"/>
      <c r="ASB643" s="613"/>
      <c r="ASC643" s="613"/>
      <c r="ASD643" s="613"/>
      <c r="ASE643" s="613"/>
      <c r="ASF643" s="613"/>
      <c r="ASG643" s="613"/>
      <c r="ASH643" s="613"/>
      <c r="ASI643" s="613"/>
      <c r="ASJ643" s="613"/>
      <c r="ASK643" s="613"/>
      <c r="ASL643" s="613"/>
      <c r="ASM643" s="613"/>
      <c r="ASN643" s="613"/>
      <c r="ASO643" s="613"/>
      <c r="ASP643" s="613"/>
      <c r="ASQ643" s="613"/>
      <c r="ASR643" s="613"/>
      <c r="ASS643" s="613"/>
      <c r="AST643" s="613"/>
      <c r="ASU643" s="613"/>
      <c r="ASV643" s="613"/>
      <c r="ASW643" s="613"/>
      <c r="ASX643" s="613"/>
      <c r="ASY643" s="613"/>
      <c r="ASZ643" s="613"/>
      <c r="ATA643" s="613"/>
      <c r="ATB643" s="613"/>
      <c r="ATC643" s="613"/>
      <c r="ATD643" s="613"/>
      <c r="ATE643" s="613"/>
      <c r="ATF643" s="613"/>
      <c r="ATG643" s="613"/>
      <c r="ATH643" s="613"/>
      <c r="ATI643" s="613"/>
      <c r="ATJ643" s="613"/>
      <c r="ATK643" s="613"/>
      <c r="ATL643" s="613"/>
      <c r="ATM643" s="613"/>
      <c r="ATN643" s="613"/>
      <c r="ATO643" s="613"/>
      <c r="ATP643" s="613"/>
      <c r="ATQ643" s="613"/>
      <c r="ATR643" s="613"/>
      <c r="ATS643" s="613"/>
      <c r="ATT643" s="613"/>
      <c r="ATU643" s="613"/>
      <c r="ATV643" s="613"/>
      <c r="ATW643" s="613"/>
      <c r="ATX643" s="613"/>
      <c r="ATY643" s="613"/>
      <c r="ATZ643" s="613"/>
      <c r="AUA643" s="613"/>
      <c r="AUB643" s="613"/>
      <c r="AUC643" s="613"/>
      <c r="AUD643" s="613"/>
      <c r="AUE643" s="613"/>
      <c r="AUF643" s="613"/>
      <c r="AUG643" s="613"/>
      <c r="AUH643" s="613"/>
      <c r="AUI643" s="613"/>
      <c r="AUJ643" s="613"/>
      <c r="AUK643" s="613"/>
      <c r="AUL643" s="613"/>
      <c r="AUM643" s="613"/>
      <c r="AUN643" s="613"/>
      <c r="AUO643" s="613"/>
      <c r="AUP643" s="613"/>
      <c r="AUQ643" s="613"/>
      <c r="AUR643" s="613"/>
      <c r="AUS643" s="613"/>
      <c r="AUT643" s="613"/>
      <c r="AUU643" s="613"/>
      <c r="AUV643" s="613"/>
      <c r="AUW643" s="613"/>
      <c r="AUX643" s="613"/>
      <c r="AUY643" s="613"/>
      <c r="AUZ643" s="613"/>
      <c r="AVA643" s="613"/>
      <c r="AVB643" s="613"/>
      <c r="AVC643" s="613"/>
      <c r="AVD643" s="613"/>
      <c r="AVE643" s="613"/>
      <c r="AVF643" s="613"/>
      <c r="AVG643" s="613"/>
      <c r="AVH643" s="613"/>
      <c r="AVI643" s="613"/>
      <c r="AVJ643" s="613"/>
      <c r="AVK643" s="613"/>
      <c r="AVL643" s="613"/>
      <c r="AVM643" s="613"/>
      <c r="AVN643" s="613"/>
      <c r="AVO643" s="613"/>
      <c r="AVP643" s="613"/>
      <c r="AVQ643" s="613"/>
      <c r="AVR643" s="613"/>
      <c r="AVS643" s="613"/>
      <c r="AVT643" s="613"/>
      <c r="AVU643" s="613"/>
      <c r="AVV643" s="613"/>
      <c r="AVW643" s="613"/>
      <c r="AVX643" s="613"/>
      <c r="AVY643" s="613"/>
      <c r="AVZ643" s="613"/>
      <c r="AWA643" s="613"/>
      <c r="AWB643" s="613"/>
      <c r="AWC643" s="613"/>
      <c r="AWD643" s="613"/>
      <c r="AWE643" s="613"/>
      <c r="AWF643" s="613"/>
      <c r="AWG643" s="613"/>
      <c r="AWH643" s="613"/>
      <c r="AWI643" s="613"/>
      <c r="AWJ643" s="613"/>
      <c r="AWK643" s="613"/>
      <c r="AWL643" s="613"/>
      <c r="AWM643" s="613"/>
      <c r="AWN643" s="613"/>
      <c r="AWO643" s="613"/>
      <c r="AWP643" s="613"/>
      <c r="AWQ643" s="613"/>
      <c r="AWR643" s="613"/>
      <c r="AWS643" s="613"/>
      <c r="AWT643" s="613"/>
      <c r="AWU643" s="613"/>
      <c r="AWV643" s="613"/>
      <c r="AWW643" s="613"/>
      <c r="AWX643" s="613"/>
      <c r="AWY643" s="613"/>
      <c r="AWZ643" s="613"/>
      <c r="AXA643" s="613"/>
      <c r="AXB643" s="613"/>
      <c r="AXC643" s="613"/>
      <c r="AXD643" s="613"/>
      <c r="AXE643" s="613"/>
      <c r="AXF643" s="613"/>
      <c r="AXG643" s="613"/>
      <c r="AXH643" s="613"/>
      <c r="AXI643" s="613"/>
      <c r="AXJ643" s="613"/>
      <c r="AXK643" s="613"/>
      <c r="AXL643" s="613"/>
      <c r="AXM643" s="613"/>
      <c r="AXN643" s="613"/>
      <c r="AXO643" s="613"/>
      <c r="AXP643" s="613"/>
      <c r="AXQ643" s="613"/>
      <c r="AXR643" s="613"/>
      <c r="AXS643" s="613"/>
      <c r="AXT643" s="613"/>
      <c r="AXU643" s="613"/>
      <c r="AXV643" s="613"/>
      <c r="AXW643" s="613"/>
      <c r="AXX643" s="613"/>
      <c r="AXY643" s="613"/>
      <c r="AXZ643" s="613"/>
      <c r="AYA643" s="613"/>
      <c r="AYB643" s="613"/>
      <c r="AYC643" s="613"/>
      <c r="AYD643" s="613"/>
      <c r="AYE643" s="613"/>
      <c r="AYF643" s="613"/>
      <c r="AYG643" s="613"/>
      <c r="AYH643" s="613"/>
      <c r="AYI643" s="613"/>
      <c r="AYJ643" s="613"/>
      <c r="AYK643" s="613"/>
      <c r="AYL643" s="613"/>
      <c r="AYM643" s="613"/>
      <c r="AYN643" s="613"/>
      <c r="AYO643" s="613"/>
      <c r="AYP643" s="613"/>
      <c r="AYQ643" s="613"/>
      <c r="AYR643" s="613"/>
      <c r="AYS643" s="613"/>
      <c r="AYT643" s="613"/>
      <c r="AYU643" s="613"/>
      <c r="AYV643" s="613"/>
      <c r="AYW643" s="613"/>
      <c r="AYX643" s="613"/>
      <c r="AYY643" s="613"/>
      <c r="AYZ643" s="613"/>
      <c r="AZA643" s="613"/>
      <c r="AZB643" s="613"/>
      <c r="AZC643" s="613"/>
      <c r="AZD643" s="613"/>
      <c r="AZE643" s="613"/>
      <c r="AZF643" s="613"/>
      <c r="AZG643" s="613"/>
      <c r="AZH643" s="613"/>
      <c r="AZI643" s="613"/>
      <c r="AZJ643" s="613"/>
      <c r="AZK643" s="613"/>
      <c r="AZL643" s="613"/>
      <c r="AZM643" s="613"/>
      <c r="AZN643" s="613"/>
      <c r="AZO643" s="613"/>
      <c r="AZP643" s="613"/>
      <c r="AZQ643" s="613"/>
      <c r="AZR643" s="613"/>
      <c r="AZS643" s="613"/>
      <c r="AZT643" s="613"/>
      <c r="AZU643" s="613"/>
      <c r="AZV643" s="613"/>
      <c r="AZW643" s="613"/>
      <c r="AZX643" s="613"/>
      <c r="AZY643" s="613"/>
      <c r="AZZ643" s="613"/>
      <c r="BAA643" s="613"/>
      <c r="BAB643" s="613"/>
      <c r="BAC643" s="613"/>
      <c r="BAD643" s="613"/>
      <c r="BAE643" s="613"/>
      <c r="BAF643" s="613"/>
      <c r="BAG643" s="613"/>
      <c r="BAH643" s="613"/>
      <c r="BAI643" s="613"/>
      <c r="BAJ643" s="613"/>
      <c r="BAK643" s="613"/>
      <c r="BAL643" s="613"/>
      <c r="BAM643" s="613"/>
      <c r="BAN643" s="613"/>
      <c r="BAO643" s="613"/>
      <c r="BAP643" s="613"/>
      <c r="BAQ643" s="613"/>
      <c r="BAR643" s="613"/>
      <c r="BAS643" s="613"/>
      <c r="BAT643" s="613"/>
      <c r="BAU643" s="613"/>
      <c r="BAV643" s="613"/>
      <c r="BAW643" s="613"/>
      <c r="BAX643" s="613"/>
      <c r="BAY643" s="613"/>
      <c r="BAZ643" s="613"/>
      <c r="BBA643" s="613"/>
      <c r="BBB643" s="613"/>
      <c r="BBC643" s="613"/>
      <c r="BBD643" s="613"/>
      <c r="BBE643" s="613"/>
      <c r="BBF643" s="613"/>
      <c r="BBG643" s="613"/>
      <c r="BBH643" s="613"/>
      <c r="BBI643" s="613"/>
      <c r="BBJ643" s="613"/>
      <c r="BBK643" s="613"/>
      <c r="BBL643" s="613"/>
      <c r="BBM643" s="613"/>
      <c r="BBN643" s="613"/>
      <c r="BBO643" s="613"/>
      <c r="BBP643" s="613"/>
      <c r="BBQ643" s="613"/>
      <c r="BBR643" s="613"/>
      <c r="BBS643" s="613"/>
      <c r="BBT643" s="613"/>
      <c r="BBU643" s="613"/>
      <c r="BBV643" s="613"/>
      <c r="BBW643" s="613"/>
      <c r="BBX643" s="613"/>
      <c r="BBY643" s="613"/>
      <c r="BBZ643" s="613"/>
      <c r="BCA643" s="613"/>
      <c r="BCB643" s="613"/>
      <c r="BCC643" s="613"/>
      <c r="BCD643" s="613"/>
      <c r="BCE643" s="613"/>
      <c r="BCF643" s="613"/>
      <c r="BCG643" s="613"/>
      <c r="BCH643" s="613"/>
      <c r="BCI643" s="613"/>
      <c r="BCJ643" s="613"/>
      <c r="BCK643" s="613"/>
      <c r="BCL643" s="613"/>
      <c r="BCM643" s="613"/>
      <c r="BCN643" s="613"/>
      <c r="BCO643" s="613"/>
      <c r="BCP643" s="613"/>
      <c r="BCQ643" s="613"/>
      <c r="BCR643" s="613"/>
      <c r="BCS643" s="613"/>
      <c r="BCT643" s="613"/>
      <c r="BCU643" s="613"/>
      <c r="BCV643" s="613"/>
      <c r="BCW643" s="613"/>
      <c r="BCX643" s="613"/>
      <c r="BCY643" s="613"/>
      <c r="BCZ643" s="613"/>
      <c r="BDA643" s="613"/>
      <c r="BDB643" s="613"/>
      <c r="BDC643" s="613"/>
      <c r="BDD643" s="613"/>
      <c r="BDE643" s="613"/>
      <c r="BDF643" s="613"/>
      <c r="BDG643" s="613"/>
      <c r="BDH643" s="613"/>
      <c r="BDI643" s="613"/>
      <c r="BDJ643" s="613"/>
      <c r="BDK643" s="613"/>
      <c r="BDL643" s="613"/>
      <c r="BDM643" s="613"/>
      <c r="BDN643" s="613"/>
      <c r="BDO643" s="613"/>
      <c r="BDP643" s="613"/>
      <c r="BDQ643" s="613"/>
      <c r="BDR643" s="613"/>
      <c r="BDS643" s="613"/>
      <c r="BDT643" s="613"/>
      <c r="BDU643" s="613"/>
      <c r="BDV643" s="613"/>
      <c r="BDW643" s="613"/>
      <c r="BDX643" s="613"/>
      <c r="BDY643" s="613"/>
      <c r="BDZ643" s="613"/>
      <c r="BEA643" s="613"/>
      <c r="BEB643" s="613"/>
      <c r="BEC643" s="613"/>
      <c r="BED643" s="613"/>
      <c r="BEE643" s="613"/>
      <c r="BEF643" s="613"/>
      <c r="BEG643" s="613"/>
      <c r="BEH643" s="613"/>
      <c r="BEI643" s="613"/>
      <c r="BEJ643" s="613"/>
      <c r="BEK643" s="613"/>
      <c r="BEL643" s="613"/>
      <c r="BEM643" s="613"/>
      <c r="BEN643" s="613"/>
      <c r="BEO643" s="613"/>
      <c r="BEP643" s="613"/>
      <c r="BEQ643" s="613"/>
      <c r="BER643" s="613"/>
      <c r="BES643" s="613"/>
      <c r="BET643" s="613"/>
      <c r="BEU643" s="613"/>
      <c r="BEV643" s="613"/>
      <c r="BEW643" s="613"/>
      <c r="BEX643" s="613"/>
      <c r="BEY643" s="613"/>
      <c r="BEZ643" s="613"/>
      <c r="BFA643" s="613"/>
      <c r="BFB643" s="613"/>
      <c r="BFC643" s="613"/>
      <c r="BFD643" s="613"/>
      <c r="BFE643" s="613"/>
      <c r="BFF643" s="613"/>
      <c r="BFG643" s="613"/>
      <c r="BFH643" s="613"/>
      <c r="BFI643" s="613"/>
      <c r="BFJ643" s="613"/>
      <c r="BFK643" s="613"/>
      <c r="BFL643" s="613"/>
      <c r="BFM643" s="613"/>
      <c r="BFN643" s="613"/>
      <c r="BFO643" s="613"/>
      <c r="BFP643" s="613"/>
      <c r="BFQ643" s="613"/>
      <c r="BFR643" s="613"/>
      <c r="BFS643" s="613"/>
      <c r="BFT643" s="613"/>
      <c r="BFU643" s="613"/>
      <c r="BFV643" s="613"/>
      <c r="BFW643" s="613"/>
      <c r="BFX643" s="613"/>
      <c r="BFY643" s="613"/>
      <c r="BFZ643" s="613"/>
      <c r="BGA643" s="613"/>
      <c r="BGB643" s="613"/>
      <c r="BGC643" s="613"/>
      <c r="BGD643" s="613"/>
      <c r="BGE643" s="613"/>
      <c r="BGF643" s="613"/>
      <c r="BGG643" s="613"/>
      <c r="BGH643" s="613"/>
      <c r="BGI643" s="613"/>
      <c r="BGJ643" s="613"/>
      <c r="BGK643" s="613"/>
      <c r="BGL643" s="613"/>
      <c r="BGM643" s="613"/>
      <c r="BGN643" s="613"/>
      <c r="BGO643" s="613"/>
      <c r="BGP643" s="613"/>
      <c r="BGQ643" s="613"/>
      <c r="BGR643" s="613"/>
      <c r="BGS643" s="613"/>
      <c r="BGT643" s="613"/>
      <c r="BGU643" s="613"/>
      <c r="BGV643" s="613"/>
      <c r="BGW643" s="613"/>
      <c r="BGX643" s="613"/>
      <c r="BGY643" s="613"/>
      <c r="BGZ643" s="613"/>
      <c r="BHA643" s="613"/>
      <c r="BHB643" s="613"/>
      <c r="BHC643" s="613"/>
      <c r="BHD643" s="613"/>
      <c r="BHE643" s="613"/>
      <c r="BHF643" s="613"/>
      <c r="BHG643" s="613"/>
      <c r="BHH643" s="613"/>
      <c r="BHI643" s="613"/>
      <c r="BHJ643" s="613"/>
      <c r="BHK643" s="613"/>
      <c r="BHL643" s="613"/>
      <c r="BHM643" s="613"/>
      <c r="BHN643" s="613"/>
      <c r="BHO643" s="613"/>
      <c r="BHP643" s="613"/>
      <c r="BHQ643" s="613"/>
      <c r="BHR643" s="613"/>
      <c r="BHS643" s="613"/>
      <c r="BHT643" s="613"/>
      <c r="BHU643" s="613"/>
      <c r="BHV643" s="613"/>
      <c r="BHW643" s="613"/>
      <c r="BHX643" s="613"/>
      <c r="BHY643" s="613"/>
      <c r="BHZ643" s="613"/>
      <c r="BIA643" s="613"/>
      <c r="BIB643" s="613"/>
      <c r="BIC643" s="613"/>
      <c r="BID643" s="613"/>
      <c r="BIE643" s="613"/>
      <c r="BIF643" s="613"/>
      <c r="BIG643" s="613"/>
      <c r="BIH643" s="613"/>
      <c r="BII643" s="613"/>
      <c r="BIJ643" s="613"/>
      <c r="BIK643" s="613"/>
      <c r="BIL643" s="613"/>
      <c r="BIM643" s="613"/>
      <c r="BIN643" s="613"/>
      <c r="BIO643" s="613"/>
      <c r="BIP643" s="613"/>
      <c r="BIQ643" s="613"/>
      <c r="BIR643" s="613"/>
      <c r="BIS643" s="613"/>
      <c r="BIT643" s="613"/>
      <c r="BIU643" s="613"/>
      <c r="BIV643" s="613"/>
      <c r="BIW643" s="613"/>
      <c r="BIX643" s="613"/>
      <c r="BIY643" s="613"/>
      <c r="BIZ643" s="613"/>
      <c r="BJA643" s="613"/>
      <c r="BJB643" s="613"/>
      <c r="BJC643" s="613"/>
      <c r="BJD643" s="613"/>
      <c r="BJE643" s="613"/>
      <c r="BJF643" s="613"/>
      <c r="BJG643" s="613"/>
      <c r="BJH643" s="613"/>
      <c r="BJI643" s="613"/>
      <c r="BJJ643" s="613"/>
      <c r="BJK643" s="613"/>
      <c r="BJL643" s="613"/>
      <c r="BJM643" s="613"/>
      <c r="BJN643" s="613"/>
      <c r="BJO643" s="613"/>
      <c r="BJP643" s="613"/>
      <c r="BJQ643" s="613"/>
      <c r="BJR643" s="613"/>
      <c r="BJS643" s="613"/>
      <c r="BJT643" s="613"/>
      <c r="BJU643" s="613"/>
      <c r="BJV643" s="613"/>
      <c r="BJW643" s="613"/>
      <c r="BJX643" s="613"/>
      <c r="BJY643" s="613"/>
      <c r="BJZ643" s="613"/>
      <c r="BKA643" s="613"/>
      <c r="BKB643" s="613"/>
      <c r="BKC643" s="613"/>
      <c r="BKD643" s="613"/>
      <c r="BKE643" s="613"/>
      <c r="BKF643" s="613"/>
      <c r="BKG643" s="613"/>
      <c r="BKH643" s="613"/>
      <c r="BKI643" s="613"/>
      <c r="BKJ643" s="613"/>
      <c r="BKK643" s="613"/>
      <c r="BKL643" s="613"/>
      <c r="BKM643" s="613"/>
      <c r="BKN643" s="613"/>
      <c r="BKO643" s="613"/>
      <c r="BKP643" s="613"/>
      <c r="BKQ643" s="613"/>
      <c r="BKR643" s="613"/>
      <c r="BKS643" s="613"/>
      <c r="BKT643" s="613"/>
      <c r="BKU643" s="613"/>
      <c r="BKV643" s="613"/>
      <c r="BKW643" s="613"/>
      <c r="BKX643" s="613"/>
      <c r="BKY643" s="613"/>
      <c r="BKZ643" s="613"/>
      <c r="BLA643" s="613"/>
      <c r="BLB643" s="613"/>
      <c r="BLC643" s="613"/>
      <c r="BLD643" s="613"/>
      <c r="BLE643" s="613"/>
      <c r="BLF643" s="613"/>
      <c r="BLG643" s="613"/>
      <c r="BLH643" s="613"/>
      <c r="BLI643" s="613"/>
      <c r="BLJ643" s="613"/>
      <c r="BLK643" s="613"/>
      <c r="BLL643" s="613"/>
      <c r="BLM643" s="613"/>
      <c r="BLN643" s="613"/>
      <c r="BLO643" s="613"/>
      <c r="BLP643" s="613"/>
      <c r="BLQ643" s="613"/>
      <c r="BLR643" s="613"/>
      <c r="BLS643" s="613"/>
      <c r="BLT643" s="613"/>
      <c r="BLU643" s="613"/>
      <c r="BLV643" s="613"/>
      <c r="BLW643" s="613"/>
      <c r="BLX643" s="613"/>
      <c r="BLY643" s="613"/>
      <c r="BLZ643" s="613"/>
      <c r="BMA643" s="613"/>
      <c r="BMB643" s="613"/>
      <c r="BMC643" s="613"/>
      <c r="BMD643" s="613"/>
      <c r="BME643" s="613"/>
      <c r="BMF643" s="613"/>
      <c r="BMG643" s="613"/>
      <c r="BMH643" s="613"/>
      <c r="BMI643" s="613"/>
      <c r="BMJ643" s="613"/>
      <c r="BMK643" s="613"/>
      <c r="BML643" s="613"/>
      <c r="BMM643" s="613"/>
      <c r="BMN643" s="613"/>
      <c r="BMO643" s="613"/>
      <c r="BMP643" s="613"/>
      <c r="BMQ643" s="613"/>
      <c r="BMR643" s="613"/>
      <c r="BMS643" s="613"/>
      <c r="BMT643" s="613"/>
      <c r="BMU643" s="613"/>
      <c r="BMV643" s="613"/>
      <c r="BMW643" s="613"/>
      <c r="BMX643" s="613"/>
      <c r="BMY643" s="613"/>
      <c r="BMZ643" s="613"/>
      <c r="BNA643" s="613"/>
      <c r="BNB643" s="613"/>
      <c r="BNC643" s="613"/>
      <c r="BND643" s="613"/>
      <c r="BNE643" s="613"/>
      <c r="BNF643" s="613"/>
      <c r="BNG643" s="613"/>
      <c r="BNH643" s="613"/>
      <c r="BNI643" s="613"/>
      <c r="BNJ643" s="613"/>
      <c r="BNK643" s="613"/>
      <c r="BNL643" s="613"/>
      <c r="BNM643" s="613"/>
      <c r="BNN643" s="613"/>
      <c r="BNO643" s="613"/>
      <c r="BNP643" s="613"/>
      <c r="BNQ643" s="613"/>
      <c r="BNR643" s="613"/>
      <c r="BNS643" s="613"/>
      <c r="BNT643" s="613"/>
      <c r="BNU643" s="613"/>
      <c r="BNV643" s="613"/>
      <c r="BNW643" s="613"/>
      <c r="BNX643" s="613"/>
      <c r="BNY643" s="613"/>
      <c r="BNZ643" s="613"/>
      <c r="BOA643" s="613"/>
      <c r="BOB643" s="613"/>
      <c r="BOC643" s="613"/>
      <c r="BOD643" s="613"/>
      <c r="BOE643" s="613"/>
      <c r="BOF643" s="613"/>
      <c r="BOG643" s="613"/>
      <c r="BOH643" s="613"/>
      <c r="BOI643" s="613"/>
      <c r="BOJ643" s="613"/>
      <c r="BOK643" s="613"/>
      <c r="BOL643" s="613"/>
      <c r="BOM643" s="613"/>
      <c r="BON643" s="613"/>
      <c r="BOO643" s="613"/>
      <c r="BOP643" s="613"/>
      <c r="BOQ643" s="613"/>
      <c r="BOR643" s="613"/>
      <c r="BOS643" s="613"/>
      <c r="BOT643" s="613"/>
      <c r="BOU643" s="613"/>
      <c r="BOV643" s="613"/>
      <c r="BOW643" s="613"/>
      <c r="BOX643" s="613"/>
      <c r="BOY643" s="613"/>
      <c r="BOZ643" s="613"/>
      <c r="BPA643" s="613"/>
      <c r="BPB643" s="613"/>
      <c r="BPC643" s="613"/>
      <c r="BPD643" s="613"/>
      <c r="BPE643" s="613"/>
      <c r="BPF643" s="613"/>
      <c r="BPG643" s="613"/>
      <c r="BPH643" s="613"/>
      <c r="BPI643" s="613"/>
      <c r="BPJ643" s="613"/>
      <c r="BPK643" s="613"/>
      <c r="BPL643" s="613"/>
      <c r="BPM643" s="613"/>
      <c r="BPN643" s="613"/>
      <c r="BPO643" s="613"/>
      <c r="BPP643" s="613"/>
      <c r="BPQ643" s="613"/>
      <c r="BPR643" s="613"/>
      <c r="BPS643" s="613"/>
      <c r="BPT643" s="613"/>
      <c r="BPU643" s="613"/>
      <c r="BPV643" s="613"/>
      <c r="BPW643" s="613"/>
      <c r="BPX643" s="613"/>
      <c r="BPY643" s="613"/>
      <c r="BPZ643" s="613"/>
      <c r="BQA643" s="613"/>
      <c r="BQB643" s="613"/>
      <c r="BQC643" s="613"/>
      <c r="BQD643" s="613"/>
      <c r="BQE643" s="613"/>
      <c r="BQF643" s="613"/>
      <c r="BQG643" s="613"/>
      <c r="BQH643" s="613"/>
      <c r="BQI643" s="613"/>
      <c r="BQJ643" s="613"/>
      <c r="BQK643" s="613"/>
      <c r="BQL643" s="613"/>
      <c r="BQM643" s="613"/>
      <c r="BQN643" s="613"/>
      <c r="BQO643" s="613"/>
      <c r="BQP643" s="613"/>
      <c r="BQQ643" s="613"/>
      <c r="BQR643" s="613"/>
      <c r="BQS643" s="613"/>
      <c r="BQT643" s="613"/>
      <c r="BQU643" s="613"/>
      <c r="BQV643" s="613"/>
      <c r="BQW643" s="613"/>
      <c r="BQX643" s="613"/>
      <c r="BQY643" s="613"/>
      <c r="BQZ643" s="613"/>
      <c r="BRA643" s="613"/>
      <c r="BRB643" s="613"/>
      <c r="BRC643" s="613"/>
      <c r="BRD643" s="613"/>
      <c r="BRE643" s="613"/>
      <c r="BRF643" s="613"/>
      <c r="BRG643" s="613"/>
      <c r="BRH643" s="613"/>
      <c r="BRI643" s="613"/>
      <c r="BRJ643" s="613"/>
      <c r="BRK643" s="613"/>
      <c r="BRL643" s="613"/>
      <c r="BRM643" s="613"/>
      <c r="BRN643" s="613"/>
      <c r="BRO643" s="613"/>
      <c r="BRP643" s="613"/>
      <c r="BRQ643" s="613"/>
      <c r="BRR643" s="613"/>
      <c r="BRS643" s="613"/>
      <c r="BRT643" s="613"/>
      <c r="BRU643" s="613"/>
      <c r="BRV643" s="613"/>
      <c r="BRW643" s="613"/>
      <c r="BRX643" s="613"/>
      <c r="BRY643" s="613"/>
      <c r="BRZ643" s="613"/>
      <c r="BSA643" s="613"/>
      <c r="BSB643" s="613"/>
      <c r="BSC643" s="613"/>
      <c r="BSD643" s="613"/>
      <c r="BSE643" s="613"/>
      <c r="BSF643" s="613"/>
      <c r="BSG643" s="613"/>
      <c r="BSH643" s="613"/>
      <c r="BSI643" s="613"/>
      <c r="BSJ643" s="613"/>
      <c r="BSK643" s="613"/>
      <c r="BSL643" s="613"/>
      <c r="BSM643" s="613"/>
      <c r="BSN643" s="613"/>
      <c r="BSO643" s="613"/>
      <c r="BSP643" s="613"/>
      <c r="BSQ643" s="613"/>
      <c r="BSR643" s="613"/>
      <c r="BSS643" s="613"/>
      <c r="BST643" s="613"/>
      <c r="BSU643" s="613"/>
      <c r="BSV643" s="613"/>
      <c r="BSW643" s="613"/>
      <c r="BSX643" s="613"/>
      <c r="BSY643" s="613"/>
      <c r="BSZ643" s="613"/>
      <c r="BTA643" s="613"/>
      <c r="BTB643" s="613"/>
      <c r="BTC643" s="613"/>
      <c r="BTD643" s="613"/>
      <c r="BTE643" s="613"/>
      <c r="BTF643" s="613"/>
      <c r="BTG643" s="613"/>
      <c r="BTH643" s="613"/>
      <c r="BTI643" s="613"/>
      <c r="BTJ643" s="613"/>
      <c r="BTK643" s="613"/>
      <c r="BTL643" s="613"/>
      <c r="BTM643" s="613"/>
      <c r="BTN643" s="613"/>
      <c r="BTO643" s="613"/>
      <c r="BTP643" s="613"/>
      <c r="BTQ643" s="613"/>
      <c r="BTR643" s="613"/>
      <c r="BTS643" s="613"/>
      <c r="BTT643" s="613"/>
      <c r="BTU643" s="613"/>
      <c r="BTV643" s="613"/>
      <c r="BTW643" s="613"/>
      <c r="BTX643" s="613"/>
      <c r="BTY643" s="613"/>
      <c r="BTZ643" s="613"/>
      <c r="BUA643" s="613"/>
      <c r="BUB643" s="613"/>
      <c r="BUC643" s="613"/>
      <c r="BUD643" s="613"/>
      <c r="BUE643" s="613"/>
      <c r="BUF643" s="613"/>
      <c r="BUG643" s="613"/>
      <c r="BUH643" s="613"/>
      <c r="BUI643" s="613"/>
      <c r="BUJ643" s="613"/>
      <c r="BUK643" s="613"/>
      <c r="BUL643" s="613"/>
      <c r="BUM643" s="613"/>
      <c r="BUN643" s="613"/>
      <c r="BUO643" s="613"/>
      <c r="BUP643" s="613"/>
      <c r="BUQ643" s="613"/>
      <c r="BUR643" s="613"/>
      <c r="BUS643" s="613"/>
      <c r="BUT643" s="613"/>
      <c r="BUU643" s="613"/>
      <c r="BUV643" s="613"/>
      <c r="BUW643" s="613"/>
      <c r="BUX643" s="613"/>
      <c r="BUY643" s="613"/>
      <c r="BUZ643" s="613"/>
      <c r="BVA643" s="613"/>
      <c r="BVB643" s="613"/>
      <c r="BVC643" s="613"/>
      <c r="BVD643" s="613"/>
      <c r="BVE643" s="613"/>
      <c r="BVF643" s="613"/>
      <c r="BVG643" s="613"/>
      <c r="BVH643" s="613"/>
      <c r="BVI643" s="613"/>
      <c r="BVJ643" s="613"/>
      <c r="BVK643" s="613"/>
      <c r="BVL643" s="613"/>
      <c r="BVM643" s="613"/>
      <c r="BVN643" s="613"/>
      <c r="BVO643" s="613"/>
      <c r="BVP643" s="613"/>
      <c r="BVQ643" s="613"/>
      <c r="BVR643" s="613"/>
      <c r="BVS643" s="613"/>
      <c r="BVT643" s="613"/>
      <c r="BVU643" s="613"/>
      <c r="BVV643" s="613"/>
      <c r="BVW643" s="613"/>
      <c r="BVX643" s="613"/>
      <c r="BVY643" s="613"/>
      <c r="BVZ643" s="613"/>
      <c r="BWA643" s="613"/>
      <c r="BWB643" s="613"/>
      <c r="BWC643" s="613"/>
      <c r="BWD643" s="613"/>
      <c r="BWE643" s="613"/>
      <c r="BWF643" s="613"/>
      <c r="BWG643" s="613"/>
      <c r="BWH643" s="613"/>
      <c r="BWI643" s="613"/>
      <c r="BWJ643" s="613"/>
      <c r="BWK643" s="613"/>
      <c r="BWL643" s="613"/>
      <c r="BWM643" s="613"/>
      <c r="BWN643" s="613"/>
      <c r="BWO643" s="613"/>
      <c r="BWP643" s="613"/>
      <c r="BWQ643" s="613"/>
      <c r="BWR643" s="613"/>
      <c r="BWS643" s="613"/>
      <c r="BWT643" s="613"/>
      <c r="BWU643" s="613"/>
      <c r="BWV643" s="613"/>
      <c r="BWW643" s="613"/>
      <c r="BWX643" s="613"/>
      <c r="BWY643" s="613"/>
      <c r="BWZ643" s="613"/>
      <c r="BXA643" s="613"/>
      <c r="BXB643" s="613"/>
      <c r="BXC643" s="613"/>
      <c r="BXD643" s="613"/>
      <c r="BXE643" s="613"/>
      <c r="BXF643" s="613"/>
      <c r="BXG643" s="613"/>
      <c r="BXH643" s="613"/>
      <c r="BXI643" s="613"/>
      <c r="BXJ643" s="613"/>
      <c r="BXK643" s="613"/>
      <c r="BXL643" s="613"/>
      <c r="BXM643" s="613"/>
      <c r="BXN643" s="613"/>
      <c r="BXO643" s="613"/>
      <c r="BXP643" s="613"/>
      <c r="BXQ643" s="613"/>
      <c r="BXR643" s="613"/>
      <c r="BXS643" s="613"/>
      <c r="BXT643" s="613"/>
      <c r="BXU643" s="613"/>
      <c r="BXV643" s="613"/>
      <c r="BXW643" s="613"/>
      <c r="BXX643" s="613"/>
      <c r="BXY643" s="613"/>
      <c r="BXZ643" s="613"/>
      <c r="BYA643" s="613"/>
      <c r="BYB643" s="613"/>
      <c r="BYC643" s="613"/>
      <c r="BYD643" s="613"/>
      <c r="BYE643" s="613"/>
      <c r="BYF643" s="613"/>
      <c r="BYG643" s="613"/>
      <c r="BYH643" s="613"/>
      <c r="BYI643" s="613"/>
      <c r="BYJ643" s="613"/>
      <c r="BYK643" s="613"/>
      <c r="BYL643" s="613"/>
      <c r="BYM643" s="613"/>
      <c r="BYN643" s="613"/>
      <c r="BYO643" s="613"/>
      <c r="BYP643" s="613"/>
      <c r="BYQ643" s="613"/>
      <c r="BYR643" s="613"/>
      <c r="BYS643" s="613"/>
      <c r="BYT643" s="613"/>
      <c r="BYU643" s="613"/>
      <c r="BYV643" s="613"/>
      <c r="BYW643" s="613"/>
      <c r="BYX643" s="613"/>
      <c r="BYY643" s="613"/>
      <c r="BYZ643" s="613"/>
      <c r="BZA643" s="613"/>
      <c r="BZB643" s="613"/>
      <c r="BZC643" s="613"/>
      <c r="BZD643" s="613"/>
      <c r="BZE643" s="613"/>
      <c r="BZF643" s="613"/>
      <c r="BZG643" s="613"/>
      <c r="BZH643" s="613"/>
      <c r="BZI643" s="613"/>
      <c r="BZJ643" s="613"/>
      <c r="BZK643" s="613"/>
      <c r="BZL643" s="613"/>
      <c r="BZM643" s="613"/>
      <c r="BZN643" s="613"/>
      <c r="BZO643" s="613"/>
      <c r="BZP643" s="613"/>
      <c r="BZQ643" s="613"/>
      <c r="BZR643" s="613"/>
      <c r="BZS643" s="613"/>
      <c r="BZT643" s="613"/>
      <c r="BZU643" s="613"/>
      <c r="BZV643" s="613"/>
      <c r="BZW643" s="613"/>
      <c r="BZX643" s="613"/>
      <c r="BZY643" s="613"/>
      <c r="BZZ643" s="613"/>
      <c r="CAA643" s="613"/>
      <c r="CAB643" s="613"/>
      <c r="CAC643" s="613"/>
      <c r="CAD643" s="613"/>
      <c r="CAE643" s="613"/>
      <c r="CAF643" s="613"/>
      <c r="CAG643" s="613"/>
      <c r="CAH643" s="613"/>
      <c r="CAI643" s="613"/>
      <c r="CAJ643" s="613"/>
      <c r="CAK643" s="613"/>
      <c r="CAL643" s="613"/>
      <c r="CAM643" s="613"/>
      <c r="CAN643" s="613"/>
      <c r="CAO643" s="613"/>
      <c r="CAP643" s="613"/>
      <c r="CAQ643" s="613"/>
      <c r="CAR643" s="613"/>
      <c r="CAS643" s="613"/>
      <c r="CAT643" s="613"/>
      <c r="CAU643" s="613"/>
      <c r="CAV643" s="613"/>
      <c r="CAW643" s="613"/>
      <c r="CAX643" s="613"/>
      <c r="CAY643" s="613"/>
      <c r="CAZ643" s="613"/>
      <c r="CBA643" s="613"/>
      <c r="CBB643" s="613"/>
      <c r="CBC643" s="613"/>
      <c r="CBD643" s="613"/>
      <c r="CBE643" s="613"/>
      <c r="CBF643" s="613"/>
      <c r="CBG643" s="613"/>
      <c r="CBH643" s="613"/>
      <c r="CBI643" s="613"/>
      <c r="CBJ643" s="613"/>
      <c r="CBK643" s="613"/>
      <c r="CBL643" s="613"/>
      <c r="CBM643" s="613"/>
      <c r="CBN643" s="613"/>
      <c r="CBO643" s="613"/>
      <c r="CBP643" s="613"/>
      <c r="CBQ643" s="613"/>
      <c r="CBR643" s="613"/>
      <c r="CBS643" s="613"/>
      <c r="CBT643" s="613"/>
      <c r="CBU643" s="613"/>
      <c r="CBV643" s="613"/>
      <c r="CBW643" s="613"/>
      <c r="CBX643" s="613"/>
      <c r="CBY643" s="613"/>
      <c r="CBZ643" s="613"/>
      <c r="CCA643" s="613"/>
      <c r="CCB643" s="613"/>
      <c r="CCC643" s="613"/>
      <c r="CCD643" s="613"/>
      <c r="CCE643" s="613"/>
      <c r="CCF643" s="613"/>
      <c r="CCG643" s="613"/>
      <c r="CCH643" s="613"/>
      <c r="CCI643" s="613"/>
      <c r="CCJ643" s="613"/>
      <c r="CCK643" s="613"/>
      <c r="CCL643" s="613"/>
      <c r="CCM643" s="613"/>
      <c r="CCN643" s="613"/>
      <c r="CCO643" s="613"/>
      <c r="CCP643" s="613"/>
      <c r="CCQ643" s="613"/>
      <c r="CCR643" s="613"/>
      <c r="CCS643" s="613"/>
      <c r="CCT643" s="613"/>
      <c r="CCU643" s="613"/>
      <c r="CCV643" s="613"/>
      <c r="CCW643" s="613"/>
      <c r="CCX643" s="613"/>
      <c r="CCY643" s="613"/>
      <c r="CCZ643" s="613"/>
      <c r="CDA643" s="613"/>
      <c r="CDB643" s="613"/>
      <c r="CDC643" s="613"/>
      <c r="CDD643" s="613"/>
      <c r="CDE643" s="613"/>
      <c r="CDF643" s="613"/>
      <c r="CDG643" s="613"/>
      <c r="CDH643" s="613"/>
      <c r="CDI643" s="613"/>
      <c r="CDJ643" s="613"/>
      <c r="CDK643" s="613"/>
      <c r="CDL643" s="613"/>
      <c r="CDM643" s="613"/>
      <c r="CDN643" s="613"/>
      <c r="CDO643" s="613"/>
      <c r="CDP643" s="613"/>
      <c r="CDQ643" s="613"/>
      <c r="CDR643" s="613"/>
      <c r="CDS643" s="613"/>
      <c r="CDT643" s="613"/>
      <c r="CDU643" s="613"/>
      <c r="CDV643" s="613"/>
      <c r="CDW643" s="613"/>
      <c r="CDX643" s="613"/>
      <c r="CDY643" s="613"/>
      <c r="CDZ643" s="613"/>
      <c r="CEA643" s="613"/>
      <c r="CEB643" s="613"/>
      <c r="CEC643" s="613"/>
      <c r="CED643" s="613"/>
      <c r="CEE643" s="613"/>
      <c r="CEF643" s="613"/>
      <c r="CEG643" s="613"/>
      <c r="CEH643" s="613"/>
      <c r="CEI643" s="613"/>
      <c r="CEJ643" s="613"/>
      <c r="CEK643" s="613"/>
      <c r="CEL643" s="613"/>
      <c r="CEM643" s="613"/>
      <c r="CEN643" s="613"/>
      <c r="CEO643" s="613"/>
      <c r="CEP643" s="613"/>
      <c r="CEQ643" s="613"/>
      <c r="CER643" s="613"/>
      <c r="CES643" s="613"/>
      <c r="CET643" s="613"/>
      <c r="CEU643" s="613"/>
      <c r="CEV643" s="613"/>
      <c r="CEW643" s="613"/>
      <c r="CEX643" s="613"/>
      <c r="CEY643" s="613"/>
      <c r="CEZ643" s="613"/>
      <c r="CFA643" s="613"/>
      <c r="CFB643" s="613"/>
      <c r="CFC643" s="613"/>
      <c r="CFD643" s="613"/>
      <c r="CFE643" s="613"/>
      <c r="CFF643" s="613"/>
      <c r="CFG643" s="613"/>
      <c r="CFH643" s="613"/>
      <c r="CFI643" s="613"/>
      <c r="CFJ643" s="613"/>
      <c r="CFK643" s="613"/>
      <c r="CFL643" s="613"/>
      <c r="CFM643" s="613"/>
      <c r="CFN643" s="613"/>
      <c r="CFO643" s="613"/>
      <c r="CFP643" s="613"/>
      <c r="CFQ643" s="613"/>
      <c r="CFR643" s="613"/>
      <c r="CFS643" s="613"/>
      <c r="CFT643" s="613"/>
      <c r="CFU643" s="613"/>
      <c r="CFV643" s="613"/>
      <c r="CFW643" s="613"/>
      <c r="CFX643" s="613"/>
      <c r="CFY643" s="613"/>
      <c r="CFZ643" s="613"/>
      <c r="CGA643" s="613"/>
      <c r="CGB643" s="613"/>
      <c r="CGC643" s="613"/>
      <c r="CGD643" s="613"/>
      <c r="CGE643" s="613"/>
      <c r="CGF643" s="613"/>
      <c r="CGG643" s="613"/>
      <c r="CGH643" s="613"/>
      <c r="CGI643" s="613"/>
      <c r="CGJ643" s="613"/>
      <c r="CGK643" s="613"/>
      <c r="CGL643" s="613"/>
      <c r="CGM643" s="613"/>
      <c r="CGN643" s="613"/>
      <c r="CGO643" s="613"/>
      <c r="CGP643" s="613"/>
      <c r="CGQ643" s="613"/>
      <c r="CGR643" s="613"/>
      <c r="CGS643" s="613"/>
      <c r="CGT643" s="613"/>
      <c r="CGU643" s="613"/>
      <c r="CGV643" s="613"/>
      <c r="CGW643" s="613"/>
      <c r="CGX643" s="613"/>
      <c r="CGY643" s="613"/>
      <c r="CGZ643" s="613"/>
      <c r="CHA643" s="613"/>
      <c r="CHB643" s="613"/>
      <c r="CHC643" s="613"/>
      <c r="CHD643" s="613"/>
      <c r="CHE643" s="613"/>
      <c r="CHF643" s="613"/>
      <c r="CHG643" s="613"/>
      <c r="CHH643" s="613"/>
      <c r="CHI643" s="613"/>
      <c r="CHJ643" s="613"/>
      <c r="CHK643" s="613"/>
      <c r="CHL643" s="613"/>
      <c r="CHM643" s="613"/>
      <c r="CHN643" s="613"/>
      <c r="CHO643" s="613"/>
      <c r="CHP643" s="613"/>
      <c r="CHQ643" s="613"/>
      <c r="CHR643" s="613"/>
      <c r="CHS643" s="613"/>
      <c r="CHT643" s="613"/>
      <c r="CHU643" s="613"/>
      <c r="CHV643" s="613"/>
      <c r="CHW643" s="613"/>
      <c r="CHX643" s="613"/>
      <c r="CHY643" s="613"/>
      <c r="CHZ643" s="613"/>
      <c r="CIA643" s="613"/>
      <c r="CIB643" s="613"/>
      <c r="CIC643" s="613"/>
      <c r="CID643" s="613"/>
      <c r="CIE643" s="613"/>
      <c r="CIF643" s="613"/>
      <c r="CIG643" s="613"/>
      <c r="CIH643" s="613"/>
      <c r="CII643" s="613"/>
      <c r="CIJ643" s="613"/>
      <c r="CIK643" s="613"/>
      <c r="CIL643" s="613"/>
      <c r="CIM643" s="613"/>
      <c r="CIN643" s="613"/>
      <c r="CIO643" s="613"/>
      <c r="CIP643" s="613"/>
      <c r="CIQ643" s="613"/>
      <c r="CIR643" s="613"/>
      <c r="CIS643" s="613"/>
      <c r="CIT643" s="613"/>
      <c r="CIU643" s="613"/>
      <c r="CIV643" s="613"/>
      <c r="CIW643" s="613"/>
      <c r="CIX643" s="613"/>
      <c r="CIY643" s="613"/>
      <c r="CIZ643" s="613"/>
      <c r="CJA643" s="613"/>
      <c r="CJB643" s="613"/>
      <c r="CJC643" s="613"/>
      <c r="CJD643" s="613"/>
      <c r="CJE643" s="613"/>
      <c r="CJF643" s="613"/>
      <c r="CJG643" s="613"/>
      <c r="CJH643" s="613"/>
      <c r="CJI643" s="613"/>
      <c r="CJJ643" s="613"/>
      <c r="CJK643" s="613"/>
      <c r="CJL643" s="613"/>
      <c r="CJM643" s="613"/>
      <c r="CJN643" s="613"/>
      <c r="CJO643" s="613"/>
      <c r="CJP643" s="613"/>
      <c r="CJQ643" s="613"/>
      <c r="CJR643" s="613"/>
      <c r="CJS643" s="613"/>
      <c r="CJT643" s="613"/>
      <c r="CJU643" s="613"/>
      <c r="CJV643" s="613"/>
      <c r="CJW643" s="613"/>
      <c r="CJX643" s="613"/>
      <c r="CJY643" s="613"/>
      <c r="CJZ643" s="613"/>
      <c r="CKA643" s="613"/>
      <c r="CKB643" s="613"/>
      <c r="CKC643" s="613"/>
      <c r="CKD643" s="613"/>
      <c r="CKE643" s="613"/>
      <c r="CKF643" s="613"/>
      <c r="CKG643" s="613"/>
      <c r="CKH643" s="613"/>
      <c r="CKI643" s="613"/>
      <c r="CKJ643" s="613"/>
      <c r="CKK643" s="613"/>
      <c r="CKL643" s="613"/>
      <c r="CKM643" s="613"/>
      <c r="CKN643" s="613"/>
      <c r="CKO643" s="613"/>
      <c r="CKP643" s="613"/>
      <c r="CKQ643" s="613"/>
      <c r="CKR643" s="613"/>
      <c r="CKS643" s="613"/>
      <c r="CKT643" s="613"/>
      <c r="CKU643" s="613"/>
      <c r="CKV643" s="613"/>
      <c r="CKW643" s="613"/>
      <c r="CKX643" s="613"/>
      <c r="CKY643" s="613"/>
      <c r="CKZ643" s="613"/>
      <c r="CLA643" s="613"/>
      <c r="CLB643" s="613"/>
      <c r="CLC643" s="613"/>
      <c r="CLD643" s="613"/>
      <c r="CLE643" s="613"/>
      <c r="CLF643" s="613"/>
      <c r="CLG643" s="613"/>
      <c r="CLH643" s="613"/>
      <c r="CLI643" s="613"/>
      <c r="CLJ643" s="613"/>
      <c r="CLK643" s="613"/>
      <c r="CLL643" s="613"/>
      <c r="CLM643" s="613"/>
      <c r="CLN643" s="613"/>
      <c r="CLO643" s="613"/>
      <c r="CLP643" s="613"/>
      <c r="CLQ643" s="613"/>
      <c r="CLR643" s="613"/>
      <c r="CLS643" s="613"/>
      <c r="CLT643" s="613"/>
      <c r="CLU643" s="613"/>
      <c r="CLV643" s="613"/>
      <c r="CLW643" s="613"/>
      <c r="CLX643" s="613"/>
      <c r="CLY643" s="613"/>
      <c r="CLZ643" s="613"/>
      <c r="CMA643" s="613"/>
      <c r="CMB643" s="613"/>
      <c r="CMC643" s="613"/>
      <c r="CMD643" s="613"/>
      <c r="CME643" s="613"/>
      <c r="CMF643" s="613"/>
      <c r="CMG643" s="613"/>
      <c r="CMH643" s="613"/>
      <c r="CMI643" s="613"/>
      <c r="CMJ643" s="613"/>
      <c r="CMK643" s="613"/>
      <c r="CML643" s="613"/>
      <c r="CMM643" s="613"/>
      <c r="CMN643" s="613"/>
      <c r="CMO643" s="613"/>
      <c r="CMP643" s="613"/>
      <c r="CMQ643" s="613"/>
      <c r="CMR643" s="613"/>
      <c r="CMS643" s="613"/>
      <c r="CMT643" s="613"/>
      <c r="CMU643" s="613"/>
      <c r="CMV643" s="613"/>
      <c r="CMW643" s="613"/>
      <c r="CMX643" s="613"/>
      <c r="CMY643" s="613"/>
      <c r="CMZ643" s="613"/>
      <c r="CNA643" s="613"/>
      <c r="CNB643" s="613"/>
      <c r="CNC643" s="613"/>
      <c r="CND643" s="613"/>
      <c r="CNE643" s="613"/>
      <c r="CNF643" s="613"/>
      <c r="CNG643" s="613"/>
      <c r="CNH643" s="613"/>
      <c r="CNI643" s="613"/>
      <c r="CNJ643" s="613"/>
      <c r="CNK643" s="613"/>
      <c r="CNL643" s="613"/>
      <c r="CNM643" s="613"/>
      <c r="CNN643" s="613"/>
      <c r="CNO643" s="613"/>
      <c r="CNP643" s="613"/>
      <c r="CNQ643" s="613"/>
      <c r="CNR643" s="613"/>
      <c r="CNS643" s="613"/>
      <c r="CNT643" s="613"/>
      <c r="CNU643" s="613"/>
      <c r="CNV643" s="613"/>
      <c r="CNW643" s="613"/>
      <c r="CNX643" s="613"/>
      <c r="CNY643" s="613"/>
      <c r="CNZ643" s="613"/>
      <c r="COA643" s="613"/>
      <c r="COB643" s="613"/>
      <c r="COC643" s="613"/>
      <c r="COD643" s="613"/>
      <c r="COE643" s="613"/>
      <c r="COF643" s="613"/>
      <c r="COG643" s="613"/>
      <c r="COH643" s="613"/>
      <c r="COI643" s="613"/>
      <c r="COJ643" s="613"/>
      <c r="COK643" s="613"/>
      <c r="COL643" s="613"/>
      <c r="COM643" s="613"/>
      <c r="CON643" s="613"/>
      <c r="COO643" s="613"/>
      <c r="COP643" s="613"/>
      <c r="COQ643" s="613"/>
      <c r="COR643" s="613"/>
      <c r="COS643" s="613"/>
      <c r="COT643" s="613"/>
      <c r="COU643" s="613"/>
      <c r="COV643" s="613"/>
      <c r="COW643" s="613"/>
      <c r="COX643" s="613"/>
      <c r="COY643" s="613"/>
      <c r="COZ643" s="613"/>
      <c r="CPA643" s="613"/>
      <c r="CPB643" s="613"/>
      <c r="CPC643" s="613"/>
      <c r="CPD643" s="613"/>
      <c r="CPE643" s="613"/>
      <c r="CPF643" s="613"/>
      <c r="CPG643" s="613"/>
      <c r="CPH643" s="613"/>
      <c r="CPI643" s="613"/>
      <c r="CPJ643" s="613"/>
      <c r="CPK643" s="613"/>
      <c r="CPL643" s="613"/>
      <c r="CPM643" s="613"/>
      <c r="CPN643" s="613"/>
      <c r="CPO643" s="613"/>
      <c r="CPP643" s="613"/>
      <c r="CPQ643" s="613"/>
      <c r="CPR643" s="613"/>
      <c r="CPS643" s="613"/>
      <c r="CPT643" s="613"/>
      <c r="CPU643" s="613"/>
      <c r="CPV643" s="613"/>
      <c r="CPW643" s="613"/>
      <c r="CPX643" s="613"/>
      <c r="CPY643" s="613"/>
      <c r="CPZ643" s="613"/>
      <c r="CQA643" s="613"/>
      <c r="CQB643" s="613"/>
      <c r="CQC643" s="613"/>
      <c r="CQD643" s="613"/>
      <c r="CQE643" s="613"/>
      <c r="CQF643" s="613"/>
      <c r="CQG643" s="613"/>
      <c r="CQH643" s="613"/>
      <c r="CQI643" s="613"/>
      <c r="CQJ643" s="613"/>
      <c r="CQK643" s="613"/>
      <c r="CQL643" s="613"/>
      <c r="CQM643" s="613"/>
      <c r="CQN643" s="613"/>
      <c r="CQO643" s="613"/>
      <c r="CQP643" s="613"/>
      <c r="CQQ643" s="613"/>
      <c r="CQR643" s="613"/>
      <c r="CQS643" s="613"/>
      <c r="CQT643" s="613"/>
      <c r="CQU643" s="613"/>
      <c r="CQV643" s="613"/>
      <c r="CQW643" s="613"/>
      <c r="CQX643" s="613"/>
      <c r="CQY643" s="613"/>
      <c r="CQZ643" s="613"/>
      <c r="CRA643" s="613"/>
      <c r="CRB643" s="613"/>
      <c r="CRC643" s="613"/>
      <c r="CRD643" s="613"/>
      <c r="CRE643" s="613"/>
      <c r="CRF643" s="613"/>
      <c r="CRG643" s="613"/>
      <c r="CRH643" s="613"/>
      <c r="CRI643" s="613"/>
      <c r="CRJ643" s="613"/>
      <c r="CRK643" s="613"/>
      <c r="CRL643" s="613"/>
      <c r="CRM643" s="613"/>
      <c r="CRN643" s="613"/>
      <c r="CRO643" s="613"/>
      <c r="CRP643" s="613"/>
      <c r="CRQ643" s="613"/>
      <c r="CRR643" s="613"/>
      <c r="CRS643" s="613"/>
      <c r="CRT643" s="613"/>
      <c r="CRU643" s="613"/>
      <c r="CRV643" s="613"/>
      <c r="CRW643" s="613"/>
      <c r="CRX643" s="613"/>
      <c r="CRY643" s="613"/>
      <c r="CRZ643" s="613"/>
      <c r="CSA643" s="613"/>
      <c r="CSB643" s="613"/>
      <c r="CSC643" s="613"/>
      <c r="CSD643" s="613"/>
      <c r="CSE643" s="613"/>
      <c r="CSF643" s="613"/>
      <c r="CSG643" s="613"/>
      <c r="CSH643" s="613"/>
      <c r="CSI643" s="613"/>
      <c r="CSJ643" s="613"/>
      <c r="CSK643" s="613"/>
      <c r="CSL643" s="613"/>
      <c r="CSM643" s="613"/>
      <c r="CSN643" s="613"/>
      <c r="CSO643" s="613"/>
      <c r="CSP643" s="613"/>
      <c r="CSQ643" s="613"/>
      <c r="CSR643" s="613"/>
      <c r="CSS643" s="613"/>
      <c r="CST643" s="613"/>
      <c r="CSU643" s="613"/>
      <c r="CSV643" s="613"/>
      <c r="CSW643" s="613"/>
      <c r="CSX643" s="613"/>
      <c r="CSY643" s="613"/>
      <c r="CSZ643" s="613"/>
      <c r="CTA643" s="613"/>
      <c r="CTB643" s="613"/>
      <c r="CTC643" s="613"/>
      <c r="CTD643" s="613"/>
      <c r="CTE643" s="613"/>
      <c r="CTF643" s="613"/>
      <c r="CTG643" s="613"/>
      <c r="CTH643" s="613"/>
      <c r="CTI643" s="613"/>
      <c r="CTJ643" s="613"/>
      <c r="CTK643" s="613"/>
      <c r="CTL643" s="613"/>
      <c r="CTM643" s="613"/>
      <c r="CTN643" s="613"/>
      <c r="CTO643" s="613"/>
      <c r="CTP643" s="613"/>
      <c r="CTQ643" s="613"/>
      <c r="CTR643" s="613"/>
      <c r="CTS643" s="613"/>
      <c r="CTT643" s="613"/>
      <c r="CTU643" s="613"/>
      <c r="CTV643" s="613"/>
      <c r="CTW643" s="613"/>
      <c r="CTX643" s="613"/>
      <c r="CTY643" s="613"/>
      <c r="CTZ643" s="613"/>
      <c r="CUA643" s="613"/>
      <c r="CUB643" s="613"/>
      <c r="CUC643" s="613"/>
      <c r="CUD643" s="613"/>
      <c r="CUE643" s="613"/>
      <c r="CUF643" s="613"/>
      <c r="CUG643" s="613"/>
      <c r="CUH643" s="613"/>
      <c r="CUI643" s="613"/>
      <c r="CUJ643" s="613"/>
      <c r="CUK643" s="613"/>
      <c r="CUL643" s="613"/>
      <c r="CUM643" s="613"/>
      <c r="CUN643" s="613"/>
      <c r="CUO643" s="613"/>
      <c r="CUP643" s="613"/>
      <c r="CUQ643" s="613"/>
      <c r="CUR643" s="613"/>
      <c r="CUS643" s="613"/>
      <c r="CUT643" s="613"/>
      <c r="CUU643" s="613"/>
      <c r="CUV643" s="613"/>
      <c r="CUW643" s="613"/>
      <c r="CUX643" s="613"/>
      <c r="CUY643" s="613"/>
      <c r="CUZ643" s="613"/>
      <c r="CVA643" s="613"/>
      <c r="CVB643" s="613"/>
      <c r="CVC643" s="613"/>
      <c r="CVD643" s="613"/>
      <c r="CVE643" s="613"/>
      <c r="CVF643" s="613"/>
      <c r="CVG643" s="613"/>
      <c r="CVH643" s="613"/>
      <c r="CVI643" s="613"/>
      <c r="CVJ643" s="613"/>
      <c r="CVK643" s="613"/>
      <c r="CVL643" s="613"/>
      <c r="CVM643" s="613"/>
      <c r="CVN643" s="613"/>
      <c r="CVO643" s="613"/>
      <c r="CVP643" s="613"/>
      <c r="CVQ643" s="613"/>
      <c r="CVR643" s="613"/>
      <c r="CVS643" s="613"/>
      <c r="CVT643" s="613"/>
      <c r="CVU643" s="613"/>
      <c r="CVV643" s="613"/>
      <c r="CVW643" s="613"/>
      <c r="CVX643" s="613"/>
      <c r="CVY643" s="613"/>
      <c r="CVZ643" s="613"/>
      <c r="CWA643" s="613"/>
      <c r="CWB643" s="613"/>
      <c r="CWC643" s="613"/>
      <c r="CWD643" s="613"/>
      <c r="CWE643" s="613"/>
      <c r="CWF643" s="613"/>
      <c r="CWG643" s="613"/>
      <c r="CWH643" s="613"/>
      <c r="CWI643" s="613"/>
      <c r="CWJ643" s="613"/>
      <c r="CWK643" s="613"/>
      <c r="CWL643" s="613"/>
      <c r="CWM643" s="613"/>
      <c r="CWN643" s="613"/>
      <c r="CWO643" s="613"/>
      <c r="CWP643" s="613"/>
      <c r="CWQ643" s="613"/>
      <c r="CWR643" s="613"/>
      <c r="CWS643" s="613"/>
      <c r="CWT643" s="613"/>
      <c r="CWU643" s="613"/>
      <c r="CWV643" s="613"/>
      <c r="CWW643" s="613"/>
      <c r="CWX643" s="613"/>
      <c r="CWY643" s="613"/>
      <c r="CWZ643" s="613"/>
      <c r="CXA643" s="613"/>
      <c r="CXB643" s="613"/>
      <c r="CXC643" s="613"/>
      <c r="CXD643" s="613"/>
      <c r="CXE643" s="613"/>
      <c r="CXF643" s="613"/>
      <c r="CXG643" s="613"/>
      <c r="CXH643" s="613"/>
      <c r="CXI643" s="613"/>
      <c r="CXJ643" s="613"/>
      <c r="CXK643" s="613"/>
      <c r="CXL643" s="613"/>
      <c r="CXM643" s="613"/>
      <c r="CXN643" s="613"/>
      <c r="CXO643" s="613"/>
      <c r="CXP643" s="613"/>
      <c r="CXQ643" s="613"/>
      <c r="CXR643" s="613"/>
      <c r="CXS643" s="613"/>
      <c r="CXT643" s="613"/>
      <c r="CXU643" s="613"/>
      <c r="CXV643" s="613"/>
      <c r="CXW643" s="613"/>
      <c r="CXX643" s="613"/>
      <c r="CXY643" s="613"/>
      <c r="CXZ643" s="613"/>
      <c r="CYA643" s="613"/>
      <c r="CYB643" s="613"/>
      <c r="CYC643" s="613"/>
      <c r="CYD643" s="613"/>
      <c r="CYE643" s="613"/>
      <c r="CYF643" s="613"/>
      <c r="CYG643" s="613"/>
      <c r="CYH643" s="613"/>
      <c r="CYI643" s="613"/>
      <c r="CYJ643" s="613"/>
      <c r="CYK643" s="613"/>
      <c r="CYL643" s="613"/>
      <c r="CYM643" s="613"/>
      <c r="CYN643" s="613"/>
      <c r="CYO643" s="613"/>
      <c r="CYP643" s="613"/>
      <c r="CYQ643" s="613"/>
      <c r="CYR643" s="613"/>
      <c r="CYS643" s="613"/>
      <c r="CYT643" s="613"/>
      <c r="CYU643" s="613"/>
      <c r="CYV643" s="613"/>
      <c r="CYW643" s="613"/>
      <c r="CYX643" s="613"/>
      <c r="CYY643" s="613"/>
      <c r="CYZ643" s="613"/>
      <c r="CZA643" s="613"/>
      <c r="CZB643" s="613"/>
      <c r="CZC643" s="613"/>
      <c r="CZD643" s="613"/>
      <c r="CZE643" s="613"/>
      <c r="CZF643" s="613"/>
      <c r="CZG643" s="613"/>
      <c r="CZH643" s="613"/>
      <c r="CZI643" s="613"/>
      <c r="CZJ643" s="613"/>
      <c r="CZK643" s="613"/>
      <c r="CZL643" s="613"/>
      <c r="CZM643" s="613"/>
      <c r="CZN643" s="613"/>
      <c r="CZO643" s="613"/>
      <c r="CZP643" s="613"/>
      <c r="CZQ643" s="613"/>
      <c r="CZR643" s="613"/>
      <c r="CZS643" s="613"/>
      <c r="CZT643" s="613"/>
      <c r="CZU643" s="613"/>
      <c r="CZV643" s="613"/>
      <c r="CZW643" s="613"/>
      <c r="CZX643" s="613"/>
      <c r="CZY643" s="613"/>
      <c r="CZZ643" s="613"/>
      <c r="DAA643" s="613"/>
      <c r="DAB643" s="613"/>
      <c r="DAC643" s="613"/>
      <c r="DAD643" s="613"/>
      <c r="DAE643" s="613"/>
      <c r="DAF643" s="613"/>
      <c r="DAG643" s="613"/>
      <c r="DAH643" s="613"/>
      <c r="DAI643" s="613"/>
      <c r="DAJ643" s="613"/>
      <c r="DAK643" s="613"/>
      <c r="DAL643" s="613"/>
      <c r="DAM643" s="613"/>
      <c r="DAN643" s="613"/>
      <c r="DAO643" s="613"/>
      <c r="DAP643" s="613"/>
      <c r="DAQ643" s="613"/>
      <c r="DAR643" s="613"/>
      <c r="DAS643" s="613"/>
      <c r="DAT643" s="613"/>
      <c r="DAU643" s="613"/>
      <c r="DAV643" s="613"/>
      <c r="DAW643" s="613"/>
      <c r="DAX643" s="613"/>
      <c r="DAY643" s="613"/>
      <c r="DAZ643" s="613"/>
      <c r="DBA643" s="613"/>
      <c r="DBB643" s="613"/>
      <c r="DBC643" s="613"/>
      <c r="DBD643" s="613"/>
      <c r="DBE643" s="613"/>
      <c r="DBF643" s="613"/>
      <c r="DBG643" s="613"/>
      <c r="DBH643" s="613"/>
      <c r="DBI643" s="613"/>
      <c r="DBJ643" s="613"/>
      <c r="DBK643" s="613"/>
      <c r="DBL643" s="613"/>
      <c r="DBM643" s="613"/>
      <c r="DBN643" s="613"/>
      <c r="DBO643" s="613"/>
      <c r="DBP643" s="613"/>
      <c r="DBQ643" s="613"/>
      <c r="DBR643" s="613"/>
      <c r="DBS643" s="613"/>
      <c r="DBT643" s="613"/>
      <c r="DBU643" s="613"/>
      <c r="DBV643" s="613"/>
      <c r="DBW643" s="613"/>
      <c r="DBX643" s="613"/>
      <c r="DBY643" s="613"/>
      <c r="DBZ643" s="613"/>
      <c r="DCA643" s="613"/>
      <c r="DCB643" s="613"/>
      <c r="DCC643" s="613"/>
      <c r="DCD643" s="613"/>
      <c r="DCE643" s="613"/>
      <c r="DCF643" s="613"/>
      <c r="DCG643" s="613"/>
      <c r="DCH643" s="613"/>
      <c r="DCI643" s="613"/>
      <c r="DCJ643" s="613"/>
      <c r="DCK643" s="613"/>
      <c r="DCL643" s="613"/>
      <c r="DCM643" s="613"/>
      <c r="DCN643" s="613"/>
      <c r="DCO643" s="613"/>
      <c r="DCP643" s="613"/>
      <c r="DCQ643" s="613"/>
      <c r="DCR643" s="613"/>
      <c r="DCS643" s="613"/>
      <c r="DCT643" s="613"/>
      <c r="DCU643" s="613"/>
      <c r="DCV643" s="613"/>
      <c r="DCW643" s="613"/>
      <c r="DCX643" s="613"/>
      <c r="DCY643" s="613"/>
      <c r="DCZ643" s="613"/>
      <c r="DDA643" s="613"/>
      <c r="DDB643" s="613"/>
      <c r="DDC643" s="613"/>
      <c r="DDD643" s="613"/>
      <c r="DDE643" s="613"/>
      <c r="DDF643" s="613"/>
      <c r="DDG643" s="613"/>
      <c r="DDH643" s="613"/>
      <c r="DDI643" s="613"/>
      <c r="DDJ643" s="613"/>
      <c r="DDK643" s="613"/>
      <c r="DDL643" s="613"/>
      <c r="DDM643" s="613"/>
      <c r="DDN643" s="613"/>
      <c r="DDO643" s="613"/>
      <c r="DDP643" s="613"/>
      <c r="DDQ643" s="613"/>
      <c r="DDR643" s="613"/>
      <c r="DDS643" s="613"/>
      <c r="DDT643" s="613"/>
      <c r="DDU643" s="613"/>
      <c r="DDV643" s="613"/>
      <c r="DDW643" s="613"/>
      <c r="DDX643" s="613"/>
      <c r="DDY643" s="613"/>
      <c r="DDZ643" s="613"/>
      <c r="DEA643" s="613"/>
      <c r="DEB643" s="613"/>
      <c r="DEC643" s="613"/>
      <c r="DED643" s="613"/>
      <c r="DEE643" s="613"/>
      <c r="DEF643" s="613"/>
      <c r="DEG643" s="613"/>
      <c r="DEH643" s="613"/>
      <c r="DEI643" s="613"/>
      <c r="DEJ643" s="613"/>
      <c r="DEK643" s="613"/>
      <c r="DEL643" s="613"/>
      <c r="DEM643" s="613"/>
      <c r="DEN643" s="613"/>
      <c r="DEO643" s="613"/>
      <c r="DEP643" s="613"/>
      <c r="DEQ643" s="613"/>
      <c r="DER643" s="613"/>
      <c r="DES643" s="613"/>
      <c r="DET643" s="613"/>
      <c r="DEU643" s="613"/>
      <c r="DEV643" s="613"/>
      <c r="DEW643" s="613"/>
      <c r="DEX643" s="613"/>
      <c r="DEY643" s="613"/>
      <c r="DEZ643" s="613"/>
      <c r="DFA643" s="613"/>
      <c r="DFB643" s="613"/>
      <c r="DFC643" s="613"/>
      <c r="DFD643" s="613"/>
      <c r="DFE643" s="613"/>
      <c r="DFF643" s="613"/>
      <c r="DFG643" s="613"/>
      <c r="DFH643" s="613"/>
      <c r="DFI643" s="613"/>
      <c r="DFJ643" s="613"/>
      <c r="DFK643" s="613"/>
      <c r="DFL643" s="613"/>
      <c r="DFM643" s="613"/>
      <c r="DFN643" s="613"/>
      <c r="DFO643" s="613"/>
      <c r="DFP643" s="613"/>
      <c r="DFQ643" s="613"/>
      <c r="DFR643" s="613"/>
      <c r="DFS643" s="613"/>
      <c r="DFT643" s="613"/>
      <c r="DFU643" s="613"/>
      <c r="DFV643" s="613"/>
      <c r="DFW643" s="613"/>
      <c r="DFX643" s="613"/>
      <c r="DFY643" s="613"/>
      <c r="DFZ643" s="613"/>
      <c r="DGA643" s="613"/>
      <c r="DGB643" s="613"/>
      <c r="DGC643" s="613"/>
      <c r="DGD643" s="613"/>
      <c r="DGE643" s="613"/>
      <c r="DGF643" s="613"/>
      <c r="DGG643" s="613"/>
      <c r="DGH643" s="613"/>
      <c r="DGI643" s="613"/>
      <c r="DGJ643" s="613"/>
      <c r="DGK643" s="613"/>
      <c r="DGL643" s="613"/>
      <c r="DGM643" s="613"/>
      <c r="DGN643" s="613"/>
      <c r="DGO643" s="613"/>
      <c r="DGP643" s="613"/>
      <c r="DGQ643" s="613"/>
      <c r="DGR643" s="613"/>
      <c r="DGS643" s="613"/>
      <c r="DGT643" s="613"/>
      <c r="DGU643" s="613"/>
      <c r="DGV643" s="613"/>
      <c r="DGW643" s="613"/>
      <c r="DGX643" s="613"/>
      <c r="DGY643" s="613"/>
      <c r="DGZ643" s="613"/>
      <c r="DHA643" s="613"/>
      <c r="DHB643" s="613"/>
      <c r="DHC643" s="613"/>
      <c r="DHD643" s="613"/>
      <c r="DHE643" s="613"/>
      <c r="DHF643" s="613"/>
      <c r="DHG643" s="613"/>
      <c r="DHH643" s="613"/>
      <c r="DHI643" s="613"/>
      <c r="DHJ643" s="613"/>
      <c r="DHK643" s="613"/>
      <c r="DHL643" s="613"/>
      <c r="DHM643" s="613"/>
      <c r="DHN643" s="613"/>
      <c r="DHO643" s="613"/>
      <c r="DHP643" s="613"/>
      <c r="DHQ643" s="613"/>
      <c r="DHR643" s="613"/>
      <c r="DHS643" s="613"/>
      <c r="DHT643" s="613"/>
      <c r="DHU643" s="613"/>
      <c r="DHV643" s="613"/>
      <c r="DHW643" s="613"/>
      <c r="DHX643" s="613"/>
      <c r="DHY643" s="613"/>
      <c r="DHZ643" s="613"/>
      <c r="DIA643" s="613"/>
      <c r="DIB643" s="613"/>
      <c r="DIC643" s="613"/>
      <c r="DID643" s="613"/>
      <c r="DIE643" s="613"/>
      <c r="DIF643" s="613"/>
      <c r="DIG643" s="613"/>
      <c r="DIH643" s="613"/>
      <c r="DII643" s="613"/>
      <c r="DIJ643" s="613"/>
      <c r="DIK643" s="613"/>
      <c r="DIL643" s="613"/>
      <c r="DIM643" s="613"/>
      <c r="DIN643" s="613"/>
      <c r="DIO643" s="613"/>
      <c r="DIP643" s="613"/>
      <c r="DIQ643" s="613"/>
      <c r="DIR643" s="613"/>
      <c r="DIS643" s="613"/>
      <c r="DIT643" s="613"/>
      <c r="DIU643" s="613"/>
      <c r="DIV643" s="613"/>
      <c r="DIW643" s="613"/>
      <c r="DIX643" s="613"/>
      <c r="DIY643" s="613"/>
      <c r="DIZ643" s="613"/>
      <c r="DJA643" s="613"/>
      <c r="DJB643" s="613"/>
      <c r="DJC643" s="613"/>
      <c r="DJD643" s="613"/>
      <c r="DJE643" s="613"/>
      <c r="DJF643" s="613"/>
      <c r="DJG643" s="613"/>
      <c r="DJH643" s="613"/>
      <c r="DJI643" s="613"/>
      <c r="DJJ643" s="613"/>
      <c r="DJK643" s="613"/>
      <c r="DJL643" s="613"/>
      <c r="DJM643" s="613"/>
      <c r="DJN643" s="613"/>
      <c r="DJO643" s="613"/>
      <c r="DJP643" s="613"/>
      <c r="DJQ643" s="613"/>
      <c r="DJR643" s="613"/>
      <c r="DJS643" s="613"/>
      <c r="DJT643" s="613"/>
      <c r="DJU643" s="613"/>
      <c r="DJV643" s="613"/>
      <c r="DJW643" s="613"/>
      <c r="DJX643" s="613"/>
      <c r="DJY643" s="613"/>
      <c r="DJZ643" s="613"/>
      <c r="DKA643" s="613"/>
      <c r="DKB643" s="613"/>
      <c r="DKC643" s="613"/>
      <c r="DKD643" s="613"/>
      <c r="DKE643" s="613"/>
      <c r="DKF643" s="613"/>
      <c r="DKG643" s="613"/>
      <c r="DKH643" s="613"/>
      <c r="DKI643" s="613"/>
      <c r="DKJ643" s="613"/>
      <c r="DKK643" s="613"/>
      <c r="DKL643" s="613"/>
      <c r="DKM643" s="613"/>
      <c r="DKN643" s="613"/>
      <c r="DKO643" s="613"/>
      <c r="DKP643" s="613"/>
      <c r="DKQ643" s="613"/>
      <c r="DKR643" s="613"/>
      <c r="DKS643" s="613"/>
      <c r="DKT643" s="613"/>
      <c r="DKU643" s="613"/>
      <c r="DKV643" s="613"/>
      <c r="DKW643" s="613"/>
      <c r="DKX643" s="613"/>
      <c r="DKY643" s="613"/>
      <c r="DKZ643" s="613"/>
      <c r="DLA643" s="613"/>
      <c r="DLB643" s="613"/>
      <c r="DLC643" s="613"/>
      <c r="DLD643" s="613"/>
      <c r="DLE643" s="613"/>
      <c r="DLF643" s="613"/>
      <c r="DLG643" s="613"/>
      <c r="DLH643" s="613"/>
      <c r="DLI643" s="613"/>
      <c r="DLJ643" s="613"/>
      <c r="DLK643" s="613"/>
      <c r="DLL643" s="613"/>
      <c r="DLM643" s="613"/>
      <c r="DLN643" s="613"/>
      <c r="DLO643" s="613"/>
      <c r="DLP643" s="613"/>
      <c r="DLQ643" s="613"/>
      <c r="DLR643" s="613"/>
      <c r="DLS643" s="613"/>
      <c r="DLT643" s="613"/>
      <c r="DLU643" s="613"/>
      <c r="DLV643" s="613"/>
      <c r="DLW643" s="613"/>
      <c r="DLX643" s="613"/>
      <c r="DLY643" s="613"/>
      <c r="DLZ643" s="613"/>
      <c r="DMA643" s="613"/>
      <c r="DMB643" s="613"/>
      <c r="DMC643" s="613"/>
      <c r="DMD643" s="613"/>
      <c r="DME643" s="613"/>
      <c r="DMF643" s="613"/>
      <c r="DMG643" s="613"/>
      <c r="DMH643" s="613"/>
      <c r="DMI643" s="613"/>
      <c r="DMJ643" s="613"/>
      <c r="DMK643" s="613"/>
      <c r="DML643" s="613"/>
      <c r="DMM643" s="613"/>
      <c r="DMN643" s="613"/>
      <c r="DMO643" s="613"/>
      <c r="DMP643" s="613"/>
      <c r="DMQ643" s="613"/>
      <c r="DMR643" s="613"/>
      <c r="DMS643" s="613"/>
      <c r="DMT643" s="613"/>
      <c r="DMU643" s="613"/>
      <c r="DMV643" s="613"/>
      <c r="DMW643" s="613"/>
      <c r="DMX643" s="613"/>
      <c r="DMY643" s="613"/>
      <c r="DMZ643" s="613"/>
      <c r="DNA643" s="613"/>
      <c r="DNB643" s="613"/>
      <c r="DNC643" s="613"/>
      <c r="DND643" s="613"/>
      <c r="DNE643" s="613"/>
      <c r="DNF643" s="613"/>
      <c r="DNG643" s="613"/>
      <c r="DNH643" s="613"/>
      <c r="DNI643" s="613"/>
      <c r="DNJ643" s="613"/>
      <c r="DNK643" s="613"/>
      <c r="DNL643" s="613"/>
      <c r="DNM643" s="613"/>
      <c r="DNN643" s="613"/>
      <c r="DNO643" s="613"/>
      <c r="DNP643" s="613"/>
      <c r="DNQ643" s="613"/>
      <c r="DNR643" s="613"/>
      <c r="DNS643" s="613"/>
      <c r="DNT643" s="613"/>
      <c r="DNU643" s="613"/>
      <c r="DNV643" s="613"/>
      <c r="DNW643" s="613"/>
      <c r="DNX643" s="613"/>
      <c r="DNY643" s="613"/>
      <c r="DNZ643" s="613"/>
      <c r="DOA643" s="613"/>
      <c r="DOB643" s="613"/>
      <c r="DOC643" s="613"/>
      <c r="DOD643" s="613"/>
      <c r="DOE643" s="613"/>
      <c r="DOF643" s="613"/>
      <c r="DOG643" s="613"/>
      <c r="DOH643" s="613"/>
      <c r="DOI643" s="613"/>
      <c r="DOJ643" s="613"/>
      <c r="DOK643" s="613"/>
      <c r="DOL643" s="613"/>
      <c r="DOM643" s="613"/>
      <c r="DON643" s="613"/>
      <c r="DOO643" s="613"/>
      <c r="DOP643" s="613"/>
      <c r="DOQ643" s="613"/>
      <c r="DOR643" s="613"/>
      <c r="DOS643" s="613"/>
      <c r="DOT643" s="613"/>
      <c r="DOU643" s="613"/>
      <c r="DOV643" s="613"/>
      <c r="DOW643" s="613"/>
      <c r="DOX643" s="613"/>
      <c r="DOY643" s="613"/>
      <c r="DOZ643" s="613"/>
      <c r="DPA643" s="613"/>
      <c r="DPB643" s="613"/>
      <c r="DPC643" s="613"/>
      <c r="DPD643" s="613"/>
      <c r="DPE643" s="613"/>
      <c r="DPF643" s="613"/>
      <c r="DPG643" s="613"/>
      <c r="DPH643" s="613"/>
      <c r="DPI643" s="613"/>
      <c r="DPJ643" s="613"/>
      <c r="DPK643" s="613"/>
      <c r="DPL643" s="613"/>
      <c r="DPM643" s="613"/>
      <c r="DPN643" s="613"/>
      <c r="DPO643" s="613"/>
      <c r="DPP643" s="613"/>
      <c r="DPQ643" s="613"/>
      <c r="DPR643" s="613"/>
      <c r="DPS643" s="613"/>
      <c r="DPT643" s="613"/>
      <c r="DPU643" s="613"/>
      <c r="DPV643" s="613"/>
      <c r="DPW643" s="613"/>
      <c r="DPX643" s="613"/>
      <c r="DPY643" s="613"/>
      <c r="DPZ643" s="613"/>
      <c r="DQA643" s="613"/>
      <c r="DQB643" s="613"/>
      <c r="DQC643" s="613"/>
      <c r="DQD643" s="613"/>
      <c r="DQE643" s="613"/>
      <c r="DQF643" s="613"/>
      <c r="DQG643" s="613"/>
      <c r="DQH643" s="613"/>
      <c r="DQI643" s="613"/>
      <c r="DQJ643" s="613"/>
      <c r="DQK643" s="613"/>
      <c r="DQL643" s="613"/>
      <c r="DQM643" s="613"/>
      <c r="DQN643" s="613"/>
      <c r="DQO643" s="613"/>
      <c r="DQP643" s="613"/>
      <c r="DQQ643" s="613"/>
      <c r="DQR643" s="613"/>
      <c r="DQS643" s="613"/>
      <c r="DQT643" s="613"/>
      <c r="DQU643" s="613"/>
      <c r="DQV643" s="613"/>
      <c r="DQW643" s="613"/>
      <c r="DQX643" s="613"/>
      <c r="DQY643" s="613"/>
      <c r="DQZ643" s="613"/>
      <c r="DRA643" s="613"/>
      <c r="DRB643" s="613"/>
      <c r="DRC643" s="613"/>
      <c r="DRD643" s="613"/>
      <c r="DRE643" s="613"/>
      <c r="DRF643" s="613"/>
      <c r="DRG643" s="613"/>
      <c r="DRH643" s="613"/>
      <c r="DRI643" s="613"/>
      <c r="DRJ643" s="613"/>
      <c r="DRK643" s="613"/>
      <c r="DRL643" s="613"/>
      <c r="DRM643" s="613"/>
      <c r="DRN643" s="613"/>
      <c r="DRO643" s="613"/>
      <c r="DRP643" s="613"/>
      <c r="DRQ643" s="613"/>
      <c r="DRR643" s="613"/>
      <c r="DRS643" s="613"/>
      <c r="DRT643" s="613"/>
      <c r="DRU643" s="613"/>
      <c r="DRV643" s="613"/>
      <c r="DRW643" s="613"/>
      <c r="DRX643" s="613"/>
      <c r="DRY643" s="613"/>
      <c r="DRZ643" s="613"/>
      <c r="DSA643" s="613"/>
      <c r="DSB643" s="613"/>
      <c r="DSC643" s="613"/>
      <c r="DSD643" s="613"/>
      <c r="DSE643" s="613"/>
      <c r="DSF643" s="613"/>
      <c r="DSG643" s="613"/>
      <c r="DSH643" s="613"/>
      <c r="DSI643" s="613"/>
      <c r="DSJ643" s="613"/>
      <c r="DSK643" s="613"/>
      <c r="DSL643" s="613"/>
      <c r="DSM643" s="613"/>
      <c r="DSN643" s="613"/>
      <c r="DSO643" s="613"/>
      <c r="DSP643" s="613"/>
      <c r="DSQ643" s="613"/>
      <c r="DSR643" s="613"/>
      <c r="DSS643" s="613"/>
      <c r="DST643" s="613"/>
      <c r="DSU643" s="613"/>
      <c r="DSV643" s="613"/>
      <c r="DSW643" s="613"/>
      <c r="DSX643" s="613"/>
      <c r="DSY643" s="613"/>
      <c r="DSZ643" s="613"/>
      <c r="DTA643" s="613"/>
      <c r="DTB643" s="613"/>
      <c r="DTC643" s="613"/>
      <c r="DTD643" s="613"/>
      <c r="DTE643" s="613"/>
      <c r="DTF643" s="613"/>
      <c r="DTG643" s="613"/>
      <c r="DTH643" s="613"/>
      <c r="DTI643" s="613"/>
      <c r="DTJ643" s="613"/>
      <c r="DTK643" s="613"/>
      <c r="DTL643" s="613"/>
      <c r="DTM643" s="613"/>
      <c r="DTN643" s="613"/>
      <c r="DTO643" s="613"/>
      <c r="DTP643" s="613"/>
      <c r="DTQ643" s="613"/>
      <c r="DTR643" s="613"/>
      <c r="DTS643" s="613"/>
      <c r="DTT643" s="613"/>
      <c r="DTU643" s="613"/>
      <c r="DTV643" s="613"/>
      <c r="DTW643" s="613"/>
      <c r="DTX643" s="613"/>
      <c r="DTY643" s="613"/>
      <c r="DTZ643" s="613"/>
      <c r="DUA643" s="613"/>
      <c r="DUB643" s="613"/>
      <c r="DUC643" s="613"/>
      <c r="DUD643" s="613"/>
      <c r="DUE643" s="613"/>
      <c r="DUF643" s="613"/>
      <c r="DUG643" s="613"/>
      <c r="DUH643" s="613"/>
      <c r="DUI643" s="613"/>
      <c r="DUJ643" s="613"/>
      <c r="DUK643" s="613"/>
      <c r="DUL643" s="613"/>
      <c r="DUM643" s="613"/>
      <c r="DUN643" s="613"/>
      <c r="DUO643" s="613"/>
      <c r="DUP643" s="613"/>
      <c r="DUQ643" s="613"/>
      <c r="DUR643" s="613"/>
      <c r="DUS643" s="613"/>
      <c r="DUT643" s="613"/>
      <c r="DUU643" s="613"/>
      <c r="DUV643" s="613"/>
      <c r="DUW643" s="613"/>
      <c r="DUX643" s="613"/>
      <c r="DUY643" s="613"/>
      <c r="DUZ643" s="613"/>
      <c r="DVA643" s="613"/>
      <c r="DVB643" s="613"/>
      <c r="DVC643" s="613"/>
      <c r="DVD643" s="613"/>
      <c r="DVE643" s="613"/>
      <c r="DVF643" s="613"/>
      <c r="DVG643" s="613"/>
      <c r="DVH643" s="613"/>
      <c r="DVI643" s="613"/>
      <c r="DVJ643" s="613"/>
      <c r="DVK643" s="613"/>
      <c r="DVL643" s="613"/>
      <c r="DVM643" s="613"/>
      <c r="DVN643" s="613"/>
      <c r="DVO643" s="613"/>
      <c r="DVP643" s="613"/>
      <c r="DVQ643" s="613"/>
      <c r="DVR643" s="613"/>
      <c r="DVS643" s="613"/>
      <c r="DVT643" s="613"/>
      <c r="DVU643" s="613"/>
      <c r="DVV643" s="613"/>
      <c r="DVW643" s="613"/>
      <c r="DVX643" s="613"/>
      <c r="DVY643" s="613"/>
      <c r="DVZ643" s="613"/>
      <c r="DWA643" s="613"/>
      <c r="DWB643" s="613"/>
      <c r="DWC643" s="613"/>
      <c r="DWD643" s="613"/>
      <c r="DWE643" s="613"/>
      <c r="DWF643" s="613"/>
      <c r="DWG643" s="613"/>
      <c r="DWH643" s="613"/>
      <c r="DWI643" s="613"/>
      <c r="DWJ643" s="613"/>
      <c r="DWK643" s="613"/>
      <c r="DWL643" s="613"/>
      <c r="DWM643" s="613"/>
      <c r="DWN643" s="613"/>
      <c r="DWO643" s="613"/>
      <c r="DWP643" s="613"/>
      <c r="DWQ643" s="613"/>
      <c r="DWR643" s="613"/>
      <c r="DWS643" s="613"/>
      <c r="DWT643" s="613"/>
      <c r="DWU643" s="613"/>
      <c r="DWV643" s="613"/>
      <c r="DWW643" s="613"/>
      <c r="DWX643" s="613"/>
      <c r="DWY643" s="613"/>
      <c r="DWZ643" s="613"/>
      <c r="DXA643" s="613"/>
      <c r="DXB643" s="613"/>
      <c r="DXC643" s="613"/>
      <c r="DXD643" s="613"/>
      <c r="DXE643" s="613"/>
      <c r="DXF643" s="613"/>
      <c r="DXG643" s="613"/>
      <c r="DXH643" s="613"/>
      <c r="DXI643" s="613"/>
      <c r="DXJ643" s="613"/>
      <c r="DXK643" s="613"/>
      <c r="DXL643" s="613"/>
      <c r="DXM643" s="613"/>
      <c r="DXN643" s="613"/>
      <c r="DXO643" s="613"/>
      <c r="DXP643" s="613"/>
      <c r="DXQ643" s="613"/>
      <c r="DXR643" s="613"/>
      <c r="DXS643" s="613"/>
      <c r="DXT643" s="613"/>
      <c r="DXU643" s="613"/>
      <c r="DXV643" s="613"/>
      <c r="DXW643" s="613"/>
      <c r="DXX643" s="613"/>
      <c r="DXY643" s="613"/>
      <c r="DXZ643" s="613"/>
      <c r="DYA643" s="613"/>
      <c r="DYB643" s="613"/>
      <c r="DYC643" s="613"/>
      <c r="DYD643" s="613"/>
      <c r="DYE643" s="613"/>
      <c r="DYF643" s="613"/>
      <c r="DYG643" s="613"/>
      <c r="DYH643" s="613"/>
      <c r="DYI643" s="613"/>
      <c r="DYJ643" s="613"/>
      <c r="DYK643" s="613"/>
      <c r="DYL643" s="613"/>
      <c r="DYM643" s="613"/>
      <c r="DYN643" s="613"/>
      <c r="DYO643" s="613"/>
      <c r="DYP643" s="613"/>
      <c r="DYQ643" s="613"/>
      <c r="DYR643" s="613"/>
      <c r="DYS643" s="613"/>
      <c r="DYT643" s="613"/>
      <c r="DYU643" s="613"/>
      <c r="DYV643" s="613"/>
      <c r="DYW643" s="613"/>
      <c r="DYX643" s="613"/>
      <c r="DYY643" s="613"/>
      <c r="DYZ643" s="613"/>
      <c r="DZA643" s="613"/>
      <c r="DZB643" s="613"/>
      <c r="DZC643" s="613"/>
      <c r="DZD643" s="613"/>
      <c r="DZE643" s="613"/>
      <c r="DZF643" s="613"/>
      <c r="DZG643" s="613"/>
      <c r="DZH643" s="613"/>
      <c r="DZI643" s="613"/>
      <c r="DZJ643" s="613"/>
      <c r="DZK643" s="613"/>
      <c r="DZL643" s="613"/>
      <c r="DZM643" s="613"/>
      <c r="DZN643" s="613"/>
      <c r="DZO643" s="613"/>
      <c r="DZP643" s="613"/>
      <c r="DZQ643" s="613"/>
      <c r="DZR643" s="613"/>
      <c r="DZS643" s="613"/>
      <c r="DZT643" s="613"/>
      <c r="DZU643" s="613"/>
      <c r="DZV643" s="613"/>
      <c r="DZW643" s="613"/>
      <c r="DZX643" s="613"/>
      <c r="DZY643" s="613"/>
      <c r="DZZ643" s="613"/>
      <c r="EAA643" s="613"/>
      <c r="EAB643" s="613"/>
      <c r="EAC643" s="613"/>
      <c r="EAD643" s="613"/>
      <c r="EAE643" s="613"/>
      <c r="EAF643" s="613"/>
      <c r="EAG643" s="613"/>
      <c r="EAH643" s="613"/>
      <c r="EAI643" s="613"/>
      <c r="EAJ643" s="613"/>
      <c r="EAK643" s="613"/>
      <c r="EAL643" s="613"/>
      <c r="EAM643" s="613"/>
      <c r="EAN643" s="613"/>
      <c r="EAO643" s="613"/>
      <c r="EAP643" s="613"/>
      <c r="EAQ643" s="613"/>
      <c r="EAR643" s="613"/>
      <c r="EAS643" s="613"/>
      <c r="EAT643" s="613"/>
      <c r="EAU643" s="613"/>
      <c r="EAV643" s="613"/>
      <c r="EAW643" s="613"/>
      <c r="EAX643" s="613"/>
      <c r="EAY643" s="613"/>
      <c r="EAZ643" s="613"/>
      <c r="EBA643" s="613"/>
      <c r="EBB643" s="613"/>
      <c r="EBC643" s="613"/>
      <c r="EBD643" s="613"/>
      <c r="EBE643" s="613"/>
      <c r="EBF643" s="613"/>
      <c r="EBG643" s="613"/>
      <c r="EBH643" s="613"/>
      <c r="EBI643" s="613"/>
      <c r="EBJ643" s="613"/>
      <c r="EBK643" s="613"/>
      <c r="EBL643" s="613"/>
      <c r="EBM643" s="613"/>
      <c r="EBN643" s="613"/>
      <c r="EBO643" s="613"/>
      <c r="EBP643" s="613"/>
      <c r="EBQ643" s="613"/>
      <c r="EBR643" s="613"/>
      <c r="EBS643" s="613"/>
      <c r="EBT643" s="613"/>
      <c r="EBU643" s="613"/>
      <c r="EBV643" s="613"/>
      <c r="EBW643" s="613"/>
      <c r="EBX643" s="613"/>
      <c r="EBY643" s="613"/>
      <c r="EBZ643" s="613"/>
      <c r="ECA643" s="613"/>
      <c r="ECB643" s="613"/>
      <c r="ECC643" s="613"/>
      <c r="ECD643" s="613"/>
      <c r="ECE643" s="613"/>
      <c r="ECF643" s="613"/>
      <c r="ECG643" s="613"/>
      <c r="ECH643" s="613"/>
      <c r="ECI643" s="613"/>
      <c r="ECJ643" s="613"/>
      <c r="ECK643" s="613"/>
      <c r="ECL643" s="613"/>
      <c r="ECM643" s="613"/>
      <c r="ECN643" s="613"/>
      <c r="ECO643" s="613"/>
      <c r="ECP643" s="613"/>
      <c r="ECQ643" s="613"/>
      <c r="ECR643" s="613"/>
      <c r="ECS643" s="613"/>
      <c r="ECT643" s="613"/>
      <c r="ECU643" s="613"/>
      <c r="ECV643" s="613"/>
      <c r="ECW643" s="613"/>
      <c r="ECX643" s="613"/>
      <c r="ECY643" s="613"/>
      <c r="ECZ643" s="613"/>
      <c r="EDA643" s="613"/>
      <c r="EDB643" s="613"/>
      <c r="EDC643" s="613"/>
      <c r="EDD643" s="613"/>
      <c r="EDE643" s="613"/>
      <c r="EDF643" s="613"/>
      <c r="EDG643" s="613"/>
      <c r="EDH643" s="613"/>
      <c r="EDI643" s="613"/>
      <c r="EDJ643" s="613"/>
      <c r="EDK643" s="613"/>
      <c r="EDL643" s="613"/>
      <c r="EDM643" s="613"/>
      <c r="EDN643" s="613"/>
      <c r="EDO643" s="613"/>
      <c r="EDP643" s="613"/>
      <c r="EDQ643" s="613"/>
      <c r="EDR643" s="613"/>
      <c r="EDS643" s="613"/>
      <c r="EDT643" s="613"/>
      <c r="EDU643" s="613"/>
      <c r="EDV643" s="613"/>
      <c r="EDW643" s="613"/>
      <c r="EDX643" s="613"/>
      <c r="EDY643" s="613"/>
      <c r="EDZ643" s="613"/>
      <c r="EEA643" s="613"/>
      <c r="EEB643" s="613"/>
      <c r="EEC643" s="613"/>
      <c r="EED643" s="613"/>
      <c r="EEE643" s="613"/>
      <c r="EEF643" s="613"/>
      <c r="EEG643" s="613"/>
      <c r="EEH643" s="613"/>
      <c r="EEI643" s="613"/>
      <c r="EEJ643" s="613"/>
      <c r="EEK643" s="613"/>
      <c r="EEL643" s="613"/>
      <c r="EEM643" s="613"/>
      <c r="EEN643" s="613"/>
      <c r="EEO643" s="613"/>
      <c r="EEP643" s="613"/>
      <c r="EEQ643" s="613"/>
      <c r="EER643" s="613"/>
      <c r="EES643" s="613"/>
      <c r="EET643" s="613"/>
      <c r="EEU643" s="613"/>
      <c r="EEV643" s="613"/>
      <c r="EEW643" s="613"/>
      <c r="EEX643" s="613"/>
      <c r="EEY643" s="613"/>
      <c r="EEZ643" s="613"/>
      <c r="EFA643" s="613"/>
      <c r="EFB643" s="613"/>
      <c r="EFC643" s="613"/>
      <c r="EFD643" s="613"/>
      <c r="EFE643" s="613"/>
      <c r="EFF643" s="613"/>
      <c r="EFG643" s="613"/>
      <c r="EFH643" s="613"/>
      <c r="EFI643" s="613"/>
      <c r="EFJ643" s="613"/>
      <c r="EFK643" s="613"/>
      <c r="EFL643" s="613"/>
      <c r="EFM643" s="613"/>
      <c r="EFN643" s="613"/>
      <c r="EFO643" s="613"/>
      <c r="EFP643" s="613"/>
      <c r="EFQ643" s="613"/>
      <c r="EFR643" s="613"/>
      <c r="EFS643" s="613"/>
      <c r="EFT643" s="613"/>
      <c r="EFU643" s="613"/>
      <c r="EFV643" s="613"/>
      <c r="EFW643" s="613"/>
      <c r="EFX643" s="613"/>
      <c r="EFY643" s="613"/>
      <c r="EFZ643" s="613"/>
      <c r="EGA643" s="613"/>
      <c r="EGB643" s="613"/>
      <c r="EGC643" s="613"/>
      <c r="EGD643" s="613"/>
      <c r="EGE643" s="613"/>
      <c r="EGF643" s="613"/>
      <c r="EGG643" s="613"/>
      <c r="EGH643" s="613"/>
      <c r="EGI643" s="613"/>
      <c r="EGJ643" s="613"/>
      <c r="EGK643" s="613"/>
      <c r="EGL643" s="613"/>
      <c r="EGM643" s="613"/>
      <c r="EGN643" s="613"/>
      <c r="EGO643" s="613"/>
      <c r="EGP643" s="613"/>
      <c r="EGQ643" s="613"/>
      <c r="EGR643" s="613"/>
      <c r="EGS643" s="613"/>
      <c r="EGT643" s="613"/>
      <c r="EGU643" s="613"/>
      <c r="EGV643" s="613"/>
      <c r="EGW643" s="613"/>
      <c r="EGX643" s="613"/>
      <c r="EGY643" s="613"/>
      <c r="EGZ643" s="613"/>
      <c r="EHA643" s="613"/>
      <c r="EHB643" s="613"/>
      <c r="EHC643" s="613"/>
      <c r="EHD643" s="613"/>
      <c r="EHE643" s="613"/>
      <c r="EHF643" s="613"/>
      <c r="EHG643" s="613"/>
      <c r="EHH643" s="613"/>
      <c r="EHI643" s="613"/>
      <c r="EHJ643" s="613"/>
      <c r="EHK643" s="613"/>
      <c r="EHL643" s="613"/>
      <c r="EHM643" s="613"/>
      <c r="EHN643" s="613"/>
      <c r="EHO643" s="613"/>
      <c r="EHP643" s="613"/>
      <c r="EHQ643" s="613"/>
      <c r="EHR643" s="613"/>
      <c r="EHS643" s="613"/>
      <c r="EHT643" s="613"/>
      <c r="EHU643" s="613"/>
      <c r="EHV643" s="613"/>
      <c r="EHW643" s="613"/>
      <c r="EHX643" s="613"/>
      <c r="EHY643" s="613"/>
      <c r="EHZ643" s="613"/>
      <c r="EIA643" s="613"/>
      <c r="EIB643" s="613"/>
      <c r="EIC643" s="613"/>
      <c r="EID643" s="613"/>
      <c r="EIE643" s="613"/>
      <c r="EIF643" s="613"/>
      <c r="EIG643" s="613"/>
      <c r="EIH643" s="613"/>
      <c r="EII643" s="613"/>
      <c r="EIJ643" s="613"/>
      <c r="EIK643" s="613"/>
      <c r="EIL643" s="613"/>
      <c r="EIM643" s="613"/>
      <c r="EIN643" s="613"/>
      <c r="EIO643" s="613"/>
      <c r="EIP643" s="613"/>
      <c r="EIQ643" s="613"/>
      <c r="EIR643" s="613"/>
      <c r="EIS643" s="613"/>
      <c r="EIT643" s="613"/>
      <c r="EIU643" s="613"/>
      <c r="EIV643" s="613"/>
      <c r="EIW643" s="613"/>
      <c r="EIX643" s="613"/>
      <c r="EIY643" s="613"/>
      <c r="EIZ643" s="613"/>
      <c r="EJA643" s="613"/>
      <c r="EJB643" s="613"/>
      <c r="EJC643" s="613"/>
      <c r="EJD643" s="613"/>
      <c r="EJE643" s="613"/>
      <c r="EJF643" s="613"/>
      <c r="EJG643" s="613"/>
      <c r="EJH643" s="613"/>
      <c r="EJI643" s="613"/>
      <c r="EJJ643" s="613"/>
      <c r="EJK643" s="613"/>
      <c r="EJL643" s="613"/>
      <c r="EJM643" s="613"/>
      <c r="EJN643" s="613"/>
      <c r="EJO643" s="613"/>
      <c r="EJP643" s="613"/>
      <c r="EJQ643" s="613"/>
      <c r="EJR643" s="613"/>
      <c r="EJS643" s="613"/>
      <c r="EJT643" s="613"/>
      <c r="EJU643" s="613"/>
      <c r="EJV643" s="613"/>
      <c r="EJW643" s="613"/>
      <c r="EJX643" s="613"/>
      <c r="EJY643" s="613"/>
      <c r="EJZ643" s="613"/>
      <c r="EKA643" s="613"/>
      <c r="EKB643" s="613"/>
      <c r="EKC643" s="613"/>
      <c r="EKD643" s="613"/>
      <c r="EKE643" s="613"/>
      <c r="EKF643" s="613"/>
      <c r="EKG643" s="613"/>
      <c r="EKH643" s="613"/>
      <c r="EKI643" s="613"/>
      <c r="EKJ643" s="613"/>
      <c r="EKK643" s="613"/>
      <c r="EKL643" s="613"/>
      <c r="EKM643" s="613"/>
      <c r="EKN643" s="613"/>
      <c r="EKO643" s="613"/>
      <c r="EKP643" s="613"/>
      <c r="EKQ643" s="613"/>
      <c r="EKR643" s="613"/>
      <c r="EKS643" s="613"/>
      <c r="EKT643" s="613"/>
      <c r="EKU643" s="613"/>
      <c r="EKV643" s="613"/>
      <c r="EKW643" s="613"/>
      <c r="EKX643" s="613"/>
      <c r="EKY643" s="613"/>
      <c r="EKZ643" s="613"/>
      <c r="ELA643" s="613"/>
      <c r="ELB643" s="613"/>
      <c r="ELC643" s="613"/>
      <c r="ELD643" s="613"/>
      <c r="ELE643" s="613"/>
      <c r="ELF643" s="613"/>
      <c r="ELG643" s="613"/>
      <c r="ELH643" s="613"/>
      <c r="ELI643" s="613"/>
      <c r="ELJ643" s="613"/>
      <c r="ELK643" s="613"/>
      <c r="ELL643" s="613"/>
      <c r="ELM643" s="613"/>
      <c r="ELN643" s="613"/>
      <c r="ELO643" s="613"/>
      <c r="ELP643" s="613"/>
      <c r="ELQ643" s="613"/>
      <c r="ELR643" s="613"/>
      <c r="ELS643" s="613"/>
      <c r="ELT643" s="613"/>
      <c r="ELU643" s="613"/>
      <c r="ELV643" s="613"/>
      <c r="ELW643" s="613"/>
      <c r="ELX643" s="613"/>
      <c r="ELY643" s="613"/>
      <c r="ELZ643" s="613"/>
      <c r="EMA643" s="613"/>
      <c r="EMB643" s="613"/>
      <c r="EMC643" s="613"/>
      <c r="EMD643" s="613"/>
      <c r="EME643" s="613"/>
      <c r="EMF643" s="613"/>
      <c r="EMG643" s="613"/>
      <c r="EMH643" s="613"/>
      <c r="EMI643" s="613"/>
      <c r="EMJ643" s="613"/>
      <c r="EMK643" s="613"/>
      <c r="EML643" s="613"/>
      <c r="EMM643" s="613"/>
      <c r="EMN643" s="613"/>
      <c r="EMO643" s="613"/>
      <c r="EMP643" s="613"/>
      <c r="EMQ643" s="613"/>
      <c r="EMR643" s="613"/>
      <c r="EMS643" s="613"/>
      <c r="EMT643" s="613"/>
      <c r="EMU643" s="613"/>
      <c r="EMV643" s="613"/>
      <c r="EMW643" s="613"/>
      <c r="EMX643" s="613"/>
      <c r="EMY643" s="613"/>
      <c r="EMZ643" s="613"/>
      <c r="ENA643" s="613"/>
      <c r="ENB643" s="613"/>
      <c r="ENC643" s="613"/>
      <c r="END643" s="613"/>
      <c r="ENE643" s="613"/>
      <c r="ENF643" s="613"/>
      <c r="ENG643" s="613"/>
      <c r="ENH643" s="613"/>
      <c r="ENI643" s="613"/>
      <c r="ENJ643" s="613"/>
      <c r="ENK643" s="613"/>
      <c r="ENL643" s="613"/>
      <c r="ENM643" s="613"/>
      <c r="ENN643" s="613"/>
      <c r="ENO643" s="613"/>
      <c r="ENP643" s="613"/>
      <c r="ENQ643" s="613"/>
      <c r="ENR643" s="613"/>
      <c r="ENS643" s="613"/>
      <c r="ENT643" s="613"/>
      <c r="ENU643" s="613"/>
      <c r="ENV643" s="613"/>
      <c r="ENW643" s="613"/>
      <c r="ENX643" s="613"/>
      <c r="ENY643" s="613"/>
      <c r="ENZ643" s="613"/>
      <c r="EOA643" s="613"/>
      <c r="EOB643" s="613"/>
      <c r="EOC643" s="613"/>
      <c r="EOD643" s="613"/>
      <c r="EOE643" s="613"/>
      <c r="EOF643" s="613"/>
      <c r="EOG643" s="613"/>
      <c r="EOH643" s="613"/>
      <c r="EOI643" s="613"/>
      <c r="EOJ643" s="613"/>
      <c r="EOK643" s="613"/>
      <c r="EOL643" s="613"/>
      <c r="EOM643" s="613"/>
      <c r="EON643" s="613"/>
      <c r="EOO643" s="613"/>
      <c r="EOP643" s="613"/>
      <c r="EOQ643" s="613"/>
      <c r="EOR643" s="613"/>
      <c r="EOS643" s="613"/>
      <c r="EOT643" s="613"/>
      <c r="EOU643" s="613"/>
      <c r="EOV643" s="613"/>
      <c r="EOW643" s="613"/>
      <c r="EOX643" s="613"/>
      <c r="EOY643" s="613"/>
      <c r="EOZ643" s="613"/>
      <c r="EPA643" s="613"/>
      <c r="EPB643" s="613"/>
      <c r="EPC643" s="613"/>
      <c r="EPD643" s="613"/>
      <c r="EPE643" s="613"/>
      <c r="EPF643" s="613"/>
      <c r="EPG643" s="613"/>
      <c r="EPH643" s="613"/>
      <c r="EPI643" s="613"/>
      <c r="EPJ643" s="613"/>
      <c r="EPK643" s="613"/>
      <c r="EPL643" s="613"/>
      <c r="EPM643" s="613"/>
      <c r="EPN643" s="613"/>
      <c r="EPO643" s="613"/>
      <c r="EPP643" s="613"/>
      <c r="EPQ643" s="613"/>
      <c r="EPR643" s="613"/>
      <c r="EPS643" s="613"/>
      <c r="EPT643" s="613"/>
      <c r="EPU643" s="613"/>
      <c r="EPV643" s="613"/>
      <c r="EPW643" s="613"/>
      <c r="EPX643" s="613"/>
      <c r="EPY643" s="613"/>
      <c r="EPZ643" s="613"/>
      <c r="EQA643" s="613"/>
      <c r="EQB643" s="613"/>
      <c r="EQC643" s="613"/>
      <c r="EQD643" s="613"/>
      <c r="EQE643" s="613"/>
      <c r="EQF643" s="613"/>
      <c r="EQG643" s="613"/>
      <c r="EQH643" s="613"/>
      <c r="EQI643" s="613"/>
      <c r="EQJ643" s="613"/>
      <c r="EQK643" s="613"/>
      <c r="EQL643" s="613"/>
      <c r="EQM643" s="613"/>
      <c r="EQN643" s="613"/>
      <c r="EQO643" s="613"/>
      <c r="EQP643" s="613"/>
      <c r="EQQ643" s="613"/>
      <c r="EQR643" s="613"/>
      <c r="EQS643" s="613"/>
      <c r="EQT643" s="613"/>
      <c r="EQU643" s="613"/>
      <c r="EQV643" s="613"/>
      <c r="EQW643" s="613"/>
      <c r="EQX643" s="613"/>
      <c r="EQY643" s="613"/>
      <c r="EQZ643" s="613"/>
      <c r="ERA643" s="613"/>
      <c r="ERB643" s="613"/>
      <c r="ERC643" s="613"/>
      <c r="ERD643" s="613"/>
      <c r="ERE643" s="613"/>
      <c r="ERF643" s="613"/>
      <c r="ERG643" s="613"/>
      <c r="ERH643" s="613"/>
      <c r="ERI643" s="613"/>
      <c r="ERJ643" s="613"/>
      <c r="ERK643" s="613"/>
      <c r="ERL643" s="613"/>
      <c r="ERM643" s="613"/>
      <c r="ERN643" s="613"/>
      <c r="ERO643" s="613"/>
      <c r="ERP643" s="613"/>
      <c r="ERQ643" s="613"/>
      <c r="ERR643" s="613"/>
      <c r="ERS643" s="613"/>
      <c r="ERT643" s="613"/>
      <c r="ERU643" s="613"/>
      <c r="ERV643" s="613"/>
      <c r="ERW643" s="613"/>
      <c r="ERX643" s="613"/>
      <c r="ERY643" s="613"/>
      <c r="ERZ643" s="613"/>
      <c r="ESA643" s="613"/>
      <c r="ESB643" s="613"/>
      <c r="ESC643" s="613"/>
      <c r="ESD643" s="613"/>
      <c r="ESE643" s="613"/>
      <c r="ESF643" s="613"/>
      <c r="ESG643" s="613"/>
      <c r="ESH643" s="613"/>
      <c r="ESI643" s="613"/>
      <c r="ESJ643" s="613"/>
      <c r="ESK643" s="613"/>
      <c r="ESL643" s="613"/>
      <c r="ESM643" s="613"/>
      <c r="ESN643" s="613"/>
      <c r="ESO643" s="613"/>
      <c r="ESP643" s="613"/>
      <c r="ESQ643" s="613"/>
      <c r="ESR643" s="613"/>
      <c r="ESS643" s="613"/>
      <c r="EST643" s="613"/>
      <c r="ESU643" s="613"/>
      <c r="ESV643" s="613"/>
      <c r="ESW643" s="613"/>
      <c r="ESX643" s="613"/>
      <c r="ESY643" s="613"/>
      <c r="ESZ643" s="613"/>
      <c r="ETA643" s="613"/>
      <c r="ETB643" s="613"/>
      <c r="ETC643" s="613"/>
      <c r="ETD643" s="613"/>
      <c r="ETE643" s="613"/>
      <c r="ETF643" s="613"/>
      <c r="ETG643" s="613"/>
      <c r="ETH643" s="613"/>
      <c r="ETI643" s="613"/>
      <c r="ETJ643" s="613"/>
      <c r="ETK643" s="613"/>
      <c r="ETL643" s="613"/>
      <c r="ETM643" s="613"/>
      <c r="ETN643" s="613"/>
      <c r="ETO643" s="613"/>
      <c r="ETP643" s="613"/>
      <c r="ETQ643" s="613"/>
      <c r="ETR643" s="613"/>
      <c r="ETS643" s="613"/>
      <c r="ETT643" s="613"/>
      <c r="ETU643" s="613"/>
      <c r="ETV643" s="613"/>
      <c r="ETW643" s="613"/>
      <c r="ETX643" s="613"/>
      <c r="ETY643" s="613"/>
      <c r="ETZ643" s="613"/>
      <c r="EUA643" s="613"/>
      <c r="EUB643" s="613"/>
      <c r="EUC643" s="613"/>
      <c r="EUD643" s="613"/>
      <c r="EUE643" s="613"/>
      <c r="EUF643" s="613"/>
      <c r="EUG643" s="613"/>
      <c r="EUH643" s="613"/>
      <c r="EUI643" s="613"/>
      <c r="EUJ643" s="613"/>
      <c r="EUK643" s="613"/>
      <c r="EUL643" s="613"/>
      <c r="EUM643" s="613"/>
      <c r="EUN643" s="613"/>
      <c r="EUO643" s="613"/>
      <c r="EUP643" s="613"/>
      <c r="EUQ643" s="613"/>
      <c r="EUR643" s="613"/>
      <c r="EUS643" s="613"/>
      <c r="EUT643" s="613"/>
      <c r="EUU643" s="613"/>
      <c r="EUV643" s="613"/>
      <c r="EUW643" s="613"/>
      <c r="EUX643" s="613"/>
      <c r="EUY643" s="613"/>
      <c r="EUZ643" s="613"/>
      <c r="EVA643" s="613"/>
      <c r="EVB643" s="613"/>
      <c r="EVC643" s="613"/>
      <c r="EVD643" s="613"/>
      <c r="EVE643" s="613"/>
      <c r="EVF643" s="613"/>
      <c r="EVG643" s="613"/>
      <c r="EVH643" s="613"/>
      <c r="EVI643" s="613"/>
      <c r="EVJ643" s="613"/>
      <c r="EVK643" s="613"/>
      <c r="EVL643" s="613"/>
      <c r="EVM643" s="613"/>
      <c r="EVN643" s="613"/>
      <c r="EVO643" s="613"/>
      <c r="EVP643" s="613"/>
      <c r="EVQ643" s="613"/>
      <c r="EVR643" s="613"/>
      <c r="EVS643" s="613"/>
      <c r="EVT643" s="613"/>
      <c r="EVU643" s="613"/>
      <c r="EVV643" s="613"/>
      <c r="EVW643" s="613"/>
      <c r="EVX643" s="613"/>
      <c r="EVY643" s="613"/>
      <c r="EVZ643" s="613"/>
      <c r="EWA643" s="613"/>
      <c r="EWB643" s="613"/>
      <c r="EWC643" s="613"/>
      <c r="EWD643" s="613"/>
      <c r="EWE643" s="613"/>
      <c r="EWF643" s="613"/>
      <c r="EWG643" s="613"/>
      <c r="EWH643" s="613"/>
      <c r="EWI643" s="613"/>
      <c r="EWJ643" s="613"/>
      <c r="EWK643" s="613"/>
      <c r="EWL643" s="613"/>
      <c r="EWM643" s="613"/>
      <c r="EWN643" s="613"/>
      <c r="EWO643" s="613"/>
      <c r="EWP643" s="613"/>
      <c r="EWQ643" s="613"/>
      <c r="EWR643" s="613"/>
      <c r="EWS643" s="613"/>
      <c r="EWT643" s="613"/>
      <c r="EWU643" s="613"/>
      <c r="EWV643" s="613"/>
      <c r="EWW643" s="613"/>
      <c r="EWX643" s="613"/>
      <c r="EWY643" s="613"/>
      <c r="EWZ643" s="613"/>
      <c r="EXA643" s="613"/>
      <c r="EXB643" s="613"/>
      <c r="EXC643" s="613"/>
      <c r="EXD643" s="613"/>
      <c r="EXE643" s="613"/>
      <c r="EXF643" s="613"/>
      <c r="EXG643" s="613"/>
      <c r="EXH643" s="613"/>
      <c r="EXI643" s="613"/>
      <c r="EXJ643" s="613"/>
      <c r="EXK643" s="613"/>
      <c r="EXL643" s="613"/>
      <c r="EXM643" s="613"/>
      <c r="EXN643" s="613"/>
      <c r="EXO643" s="613"/>
      <c r="EXP643" s="613"/>
      <c r="EXQ643" s="613"/>
      <c r="EXR643" s="613"/>
      <c r="EXS643" s="613"/>
      <c r="EXT643" s="613"/>
      <c r="EXU643" s="613"/>
      <c r="EXV643" s="613"/>
      <c r="EXW643" s="613"/>
      <c r="EXX643" s="613"/>
      <c r="EXY643" s="613"/>
      <c r="EXZ643" s="613"/>
      <c r="EYA643" s="613"/>
      <c r="EYB643" s="613"/>
      <c r="EYC643" s="613"/>
      <c r="EYD643" s="613"/>
      <c r="EYE643" s="613"/>
      <c r="EYF643" s="613"/>
      <c r="EYG643" s="613"/>
      <c r="EYH643" s="613"/>
      <c r="EYI643" s="613"/>
      <c r="EYJ643" s="613"/>
      <c r="EYK643" s="613"/>
      <c r="EYL643" s="613"/>
      <c r="EYM643" s="613"/>
      <c r="EYN643" s="613"/>
      <c r="EYO643" s="613"/>
      <c r="EYP643" s="613"/>
      <c r="EYQ643" s="613"/>
      <c r="EYR643" s="613"/>
      <c r="EYS643" s="613"/>
      <c r="EYT643" s="613"/>
      <c r="EYU643" s="613"/>
      <c r="EYV643" s="613"/>
      <c r="EYW643" s="613"/>
      <c r="EYX643" s="613"/>
      <c r="EYY643" s="613"/>
      <c r="EYZ643" s="613"/>
      <c r="EZA643" s="613"/>
      <c r="EZB643" s="613"/>
      <c r="EZC643" s="613"/>
      <c r="EZD643" s="613"/>
      <c r="EZE643" s="613"/>
      <c r="EZF643" s="613"/>
      <c r="EZG643" s="613"/>
      <c r="EZH643" s="613"/>
      <c r="EZI643" s="613"/>
      <c r="EZJ643" s="613"/>
      <c r="EZK643" s="613"/>
      <c r="EZL643" s="613"/>
      <c r="EZM643" s="613"/>
      <c r="EZN643" s="613"/>
      <c r="EZO643" s="613"/>
      <c r="EZP643" s="613"/>
      <c r="EZQ643" s="613"/>
      <c r="EZR643" s="613"/>
      <c r="EZS643" s="613"/>
      <c r="EZT643" s="613"/>
      <c r="EZU643" s="613"/>
      <c r="EZV643" s="613"/>
      <c r="EZW643" s="613"/>
      <c r="EZX643" s="613"/>
      <c r="EZY643" s="613"/>
      <c r="EZZ643" s="613"/>
      <c r="FAA643" s="613"/>
      <c r="FAB643" s="613"/>
      <c r="FAC643" s="613"/>
      <c r="FAD643" s="613"/>
      <c r="FAE643" s="613"/>
      <c r="FAF643" s="613"/>
      <c r="FAG643" s="613"/>
      <c r="FAH643" s="613"/>
      <c r="FAI643" s="613"/>
      <c r="FAJ643" s="613"/>
      <c r="FAK643" s="613"/>
      <c r="FAL643" s="613"/>
      <c r="FAM643" s="613"/>
      <c r="FAN643" s="613"/>
      <c r="FAO643" s="613"/>
      <c r="FAP643" s="613"/>
      <c r="FAQ643" s="613"/>
      <c r="FAR643" s="613"/>
      <c r="FAS643" s="613"/>
      <c r="FAT643" s="613"/>
      <c r="FAU643" s="613"/>
      <c r="FAV643" s="613"/>
      <c r="FAW643" s="613"/>
      <c r="FAX643" s="613"/>
      <c r="FAY643" s="613"/>
      <c r="FAZ643" s="613"/>
      <c r="FBA643" s="613"/>
      <c r="FBB643" s="613"/>
      <c r="FBC643" s="613"/>
      <c r="FBD643" s="613"/>
      <c r="FBE643" s="613"/>
      <c r="FBF643" s="613"/>
      <c r="FBG643" s="613"/>
      <c r="FBH643" s="613"/>
      <c r="FBI643" s="613"/>
      <c r="FBJ643" s="613"/>
      <c r="FBK643" s="613"/>
      <c r="FBL643" s="613"/>
      <c r="FBM643" s="613"/>
      <c r="FBN643" s="613"/>
      <c r="FBO643" s="613"/>
      <c r="FBP643" s="613"/>
      <c r="FBQ643" s="613"/>
      <c r="FBR643" s="613"/>
      <c r="FBS643" s="613"/>
      <c r="FBT643" s="613"/>
      <c r="FBU643" s="613"/>
      <c r="FBV643" s="613"/>
      <c r="FBW643" s="613"/>
      <c r="FBX643" s="613"/>
      <c r="FBY643" s="613"/>
      <c r="FBZ643" s="613"/>
      <c r="FCA643" s="613"/>
      <c r="FCB643" s="613"/>
      <c r="FCC643" s="613"/>
      <c r="FCD643" s="613"/>
      <c r="FCE643" s="613"/>
      <c r="FCF643" s="613"/>
      <c r="FCG643" s="613"/>
      <c r="FCH643" s="613"/>
      <c r="FCI643" s="613"/>
      <c r="FCJ643" s="613"/>
      <c r="FCK643" s="613"/>
      <c r="FCL643" s="613"/>
      <c r="FCM643" s="613"/>
      <c r="FCN643" s="613"/>
      <c r="FCO643" s="613"/>
      <c r="FCP643" s="613"/>
      <c r="FCQ643" s="613"/>
      <c r="FCR643" s="613"/>
      <c r="FCS643" s="613"/>
      <c r="FCT643" s="613"/>
      <c r="FCU643" s="613"/>
      <c r="FCV643" s="613"/>
      <c r="FCW643" s="613"/>
      <c r="FCX643" s="613"/>
      <c r="FCY643" s="613"/>
      <c r="FCZ643" s="613"/>
      <c r="FDA643" s="613"/>
      <c r="FDB643" s="613"/>
      <c r="FDC643" s="613"/>
      <c r="FDD643" s="613"/>
      <c r="FDE643" s="613"/>
      <c r="FDF643" s="613"/>
      <c r="FDG643" s="613"/>
      <c r="FDH643" s="613"/>
      <c r="FDI643" s="613"/>
      <c r="FDJ643" s="613"/>
      <c r="FDK643" s="613"/>
      <c r="FDL643" s="613"/>
      <c r="FDM643" s="613"/>
      <c r="FDN643" s="613"/>
      <c r="FDO643" s="613"/>
      <c r="FDP643" s="613"/>
      <c r="FDQ643" s="613"/>
      <c r="FDR643" s="613"/>
      <c r="FDS643" s="613"/>
      <c r="FDT643" s="613"/>
      <c r="FDU643" s="613"/>
      <c r="FDV643" s="613"/>
      <c r="FDW643" s="613"/>
      <c r="FDX643" s="613"/>
      <c r="FDY643" s="613"/>
      <c r="FDZ643" s="613"/>
      <c r="FEA643" s="613"/>
      <c r="FEB643" s="613"/>
      <c r="FEC643" s="613"/>
      <c r="FED643" s="613"/>
      <c r="FEE643" s="613"/>
      <c r="FEF643" s="613"/>
      <c r="FEG643" s="613"/>
      <c r="FEH643" s="613"/>
      <c r="FEI643" s="613"/>
      <c r="FEJ643" s="613"/>
      <c r="FEK643" s="613"/>
      <c r="FEL643" s="613"/>
      <c r="FEM643" s="613"/>
      <c r="FEN643" s="613"/>
      <c r="FEO643" s="613"/>
      <c r="FEP643" s="613"/>
      <c r="FEQ643" s="613"/>
      <c r="FER643" s="613"/>
      <c r="FES643" s="613"/>
      <c r="FET643" s="613"/>
      <c r="FEU643" s="613"/>
      <c r="FEV643" s="613"/>
      <c r="FEW643" s="613"/>
      <c r="FEX643" s="613"/>
      <c r="FEY643" s="613"/>
      <c r="FEZ643" s="613"/>
      <c r="FFA643" s="613"/>
      <c r="FFB643" s="613"/>
      <c r="FFC643" s="613"/>
      <c r="FFD643" s="613"/>
      <c r="FFE643" s="613"/>
      <c r="FFF643" s="613"/>
      <c r="FFG643" s="613"/>
      <c r="FFH643" s="613"/>
      <c r="FFI643" s="613"/>
      <c r="FFJ643" s="613"/>
      <c r="FFK643" s="613"/>
      <c r="FFL643" s="613"/>
      <c r="FFM643" s="613"/>
      <c r="FFN643" s="613"/>
      <c r="FFO643" s="613"/>
      <c r="FFP643" s="613"/>
      <c r="FFQ643" s="613"/>
      <c r="FFR643" s="613"/>
      <c r="FFS643" s="613"/>
      <c r="FFT643" s="613"/>
      <c r="FFU643" s="613"/>
      <c r="FFV643" s="613"/>
      <c r="FFW643" s="613"/>
      <c r="FFX643" s="613"/>
      <c r="FFY643" s="613"/>
      <c r="FFZ643" s="613"/>
      <c r="FGA643" s="613"/>
      <c r="FGB643" s="613"/>
      <c r="FGC643" s="613"/>
      <c r="FGD643" s="613"/>
      <c r="FGE643" s="613"/>
      <c r="FGF643" s="613"/>
      <c r="FGG643" s="613"/>
      <c r="FGH643" s="613"/>
      <c r="FGI643" s="613"/>
      <c r="FGJ643" s="613"/>
      <c r="FGK643" s="613"/>
      <c r="FGL643" s="613"/>
      <c r="FGM643" s="613"/>
      <c r="FGN643" s="613"/>
      <c r="FGO643" s="613"/>
      <c r="FGP643" s="613"/>
      <c r="FGQ643" s="613"/>
      <c r="FGR643" s="613"/>
      <c r="FGS643" s="613"/>
      <c r="FGT643" s="613"/>
      <c r="FGU643" s="613"/>
      <c r="FGV643" s="613"/>
      <c r="FGW643" s="613"/>
      <c r="FGX643" s="613"/>
      <c r="FGY643" s="613"/>
      <c r="FGZ643" s="613"/>
      <c r="FHA643" s="613"/>
      <c r="FHB643" s="613"/>
      <c r="FHC643" s="613"/>
      <c r="FHD643" s="613"/>
      <c r="FHE643" s="613"/>
      <c r="FHF643" s="613"/>
      <c r="FHG643" s="613"/>
      <c r="FHH643" s="613"/>
      <c r="FHI643" s="613"/>
      <c r="FHJ643" s="613"/>
      <c r="FHK643" s="613"/>
      <c r="FHL643" s="613"/>
      <c r="FHM643" s="613"/>
      <c r="FHN643" s="613"/>
      <c r="FHO643" s="613"/>
      <c r="FHP643" s="613"/>
      <c r="FHQ643" s="613"/>
      <c r="FHR643" s="613"/>
      <c r="FHS643" s="613"/>
      <c r="FHT643" s="613"/>
      <c r="FHU643" s="613"/>
      <c r="FHV643" s="613"/>
      <c r="FHW643" s="613"/>
      <c r="FHX643" s="613"/>
      <c r="FHY643" s="613"/>
      <c r="FHZ643" s="613"/>
      <c r="FIA643" s="613"/>
      <c r="FIB643" s="613"/>
      <c r="FIC643" s="613"/>
      <c r="FID643" s="613"/>
      <c r="FIE643" s="613"/>
      <c r="FIF643" s="613"/>
      <c r="FIG643" s="613"/>
      <c r="FIH643" s="613"/>
      <c r="FII643" s="613"/>
      <c r="FIJ643" s="613"/>
      <c r="FIK643" s="613"/>
      <c r="FIL643" s="613"/>
      <c r="FIM643" s="613"/>
      <c r="FIN643" s="613"/>
      <c r="FIO643" s="613"/>
      <c r="FIP643" s="613"/>
      <c r="FIQ643" s="613"/>
      <c r="FIR643" s="613"/>
      <c r="FIS643" s="613"/>
      <c r="FIT643" s="613"/>
      <c r="FIU643" s="613"/>
      <c r="FIV643" s="613"/>
      <c r="FIW643" s="613"/>
      <c r="FIX643" s="613"/>
      <c r="FIY643" s="613"/>
      <c r="FIZ643" s="613"/>
      <c r="FJA643" s="613"/>
      <c r="FJB643" s="613"/>
      <c r="FJC643" s="613"/>
      <c r="FJD643" s="613"/>
      <c r="FJE643" s="613"/>
      <c r="FJF643" s="613"/>
      <c r="FJG643" s="613"/>
      <c r="FJH643" s="613"/>
      <c r="FJI643" s="613"/>
      <c r="FJJ643" s="613"/>
      <c r="FJK643" s="613"/>
      <c r="FJL643" s="613"/>
      <c r="FJM643" s="613"/>
      <c r="FJN643" s="613"/>
      <c r="FJO643" s="613"/>
      <c r="FJP643" s="613"/>
      <c r="FJQ643" s="613"/>
      <c r="FJR643" s="613"/>
      <c r="FJS643" s="613"/>
      <c r="FJT643" s="613"/>
      <c r="FJU643" s="613"/>
      <c r="FJV643" s="613"/>
      <c r="FJW643" s="613"/>
      <c r="FJX643" s="613"/>
      <c r="FJY643" s="613"/>
      <c r="FJZ643" s="613"/>
      <c r="FKA643" s="613"/>
      <c r="FKB643" s="613"/>
      <c r="FKC643" s="613"/>
      <c r="FKD643" s="613"/>
      <c r="FKE643" s="613"/>
      <c r="FKF643" s="613"/>
      <c r="FKG643" s="613"/>
      <c r="FKH643" s="613"/>
      <c r="FKI643" s="613"/>
      <c r="FKJ643" s="613"/>
      <c r="FKK643" s="613"/>
      <c r="FKL643" s="613"/>
      <c r="FKM643" s="613"/>
      <c r="FKN643" s="613"/>
      <c r="FKO643" s="613"/>
      <c r="FKP643" s="613"/>
      <c r="FKQ643" s="613"/>
      <c r="FKR643" s="613"/>
      <c r="FKS643" s="613"/>
      <c r="FKT643" s="613"/>
      <c r="FKU643" s="613"/>
      <c r="FKV643" s="613"/>
      <c r="FKW643" s="613"/>
      <c r="FKX643" s="613"/>
      <c r="FKY643" s="613"/>
      <c r="FKZ643" s="613"/>
      <c r="FLA643" s="613"/>
      <c r="FLB643" s="613"/>
      <c r="FLC643" s="613"/>
      <c r="FLD643" s="613"/>
      <c r="FLE643" s="613"/>
      <c r="FLF643" s="613"/>
      <c r="FLG643" s="613"/>
      <c r="FLH643" s="613"/>
      <c r="FLI643" s="613"/>
      <c r="FLJ643" s="613"/>
      <c r="FLK643" s="613"/>
      <c r="FLL643" s="613"/>
      <c r="FLM643" s="613"/>
      <c r="FLN643" s="613"/>
      <c r="FLO643" s="613"/>
      <c r="FLP643" s="613"/>
      <c r="FLQ643" s="613"/>
      <c r="FLR643" s="613"/>
      <c r="FLS643" s="613"/>
      <c r="FLT643" s="613"/>
      <c r="FLU643" s="613"/>
      <c r="FLV643" s="613"/>
      <c r="FLW643" s="613"/>
      <c r="FLX643" s="613"/>
      <c r="FLY643" s="613"/>
      <c r="FLZ643" s="613"/>
      <c r="FMA643" s="613"/>
      <c r="FMB643" s="613"/>
      <c r="FMC643" s="613"/>
      <c r="FMD643" s="613"/>
      <c r="FME643" s="613"/>
      <c r="FMF643" s="613"/>
      <c r="FMG643" s="613"/>
      <c r="FMH643" s="613"/>
      <c r="FMI643" s="613"/>
      <c r="FMJ643" s="613"/>
      <c r="FMK643" s="613"/>
      <c r="FML643" s="613"/>
      <c r="FMM643" s="613"/>
      <c r="FMN643" s="613"/>
      <c r="FMO643" s="613"/>
      <c r="FMP643" s="613"/>
      <c r="FMQ643" s="613"/>
      <c r="FMR643" s="613"/>
      <c r="FMS643" s="613"/>
      <c r="FMT643" s="613"/>
      <c r="FMU643" s="613"/>
      <c r="FMV643" s="613"/>
      <c r="FMW643" s="613"/>
      <c r="FMX643" s="613"/>
      <c r="FMY643" s="613"/>
      <c r="FMZ643" s="613"/>
      <c r="FNA643" s="613"/>
      <c r="FNB643" s="613"/>
      <c r="FNC643" s="613"/>
      <c r="FND643" s="613"/>
      <c r="FNE643" s="613"/>
      <c r="FNF643" s="613"/>
      <c r="FNG643" s="613"/>
      <c r="FNH643" s="613"/>
      <c r="FNI643" s="613"/>
      <c r="FNJ643" s="613"/>
      <c r="FNK643" s="613"/>
      <c r="FNL643" s="613"/>
      <c r="FNM643" s="613"/>
      <c r="FNN643" s="613"/>
      <c r="FNO643" s="613"/>
      <c r="FNP643" s="613"/>
      <c r="FNQ643" s="613"/>
      <c r="FNR643" s="613"/>
      <c r="FNS643" s="613"/>
      <c r="FNT643" s="613"/>
      <c r="FNU643" s="613"/>
      <c r="FNV643" s="613"/>
      <c r="FNW643" s="613"/>
      <c r="FNX643" s="613"/>
      <c r="FNY643" s="613"/>
      <c r="FNZ643" s="613"/>
      <c r="FOA643" s="613"/>
      <c r="FOB643" s="613"/>
      <c r="FOC643" s="613"/>
      <c r="FOD643" s="613"/>
      <c r="FOE643" s="613"/>
      <c r="FOF643" s="613"/>
      <c r="FOG643" s="613"/>
      <c r="FOH643" s="613"/>
      <c r="FOI643" s="613"/>
      <c r="FOJ643" s="613"/>
      <c r="FOK643" s="613"/>
      <c r="FOL643" s="613"/>
      <c r="FOM643" s="613"/>
      <c r="FON643" s="613"/>
      <c r="FOO643" s="613"/>
      <c r="FOP643" s="613"/>
      <c r="FOQ643" s="613"/>
      <c r="FOR643" s="613"/>
      <c r="FOS643" s="613"/>
      <c r="FOT643" s="613"/>
      <c r="FOU643" s="613"/>
      <c r="FOV643" s="613"/>
      <c r="FOW643" s="613"/>
      <c r="FOX643" s="613"/>
      <c r="FOY643" s="613"/>
      <c r="FOZ643" s="613"/>
      <c r="FPA643" s="613"/>
      <c r="FPB643" s="613"/>
      <c r="FPC643" s="613"/>
      <c r="FPD643" s="613"/>
      <c r="FPE643" s="613"/>
      <c r="FPF643" s="613"/>
      <c r="FPG643" s="613"/>
      <c r="FPH643" s="613"/>
      <c r="FPI643" s="613"/>
      <c r="FPJ643" s="613"/>
      <c r="FPK643" s="613"/>
      <c r="FPL643" s="613"/>
      <c r="FPM643" s="613"/>
      <c r="FPN643" s="613"/>
      <c r="FPO643" s="613"/>
      <c r="FPP643" s="613"/>
      <c r="FPQ643" s="613"/>
      <c r="FPR643" s="613"/>
      <c r="FPS643" s="613"/>
      <c r="FPT643" s="613"/>
      <c r="FPU643" s="613"/>
      <c r="FPV643" s="613"/>
      <c r="FPW643" s="613"/>
      <c r="FPX643" s="613"/>
      <c r="FPY643" s="613"/>
      <c r="FPZ643" s="613"/>
      <c r="FQA643" s="613"/>
      <c r="FQB643" s="613"/>
      <c r="FQC643" s="613"/>
      <c r="FQD643" s="613"/>
      <c r="FQE643" s="613"/>
      <c r="FQF643" s="613"/>
      <c r="FQG643" s="613"/>
      <c r="FQH643" s="613"/>
      <c r="FQI643" s="613"/>
      <c r="FQJ643" s="613"/>
      <c r="FQK643" s="613"/>
      <c r="FQL643" s="613"/>
      <c r="FQM643" s="613"/>
      <c r="FQN643" s="613"/>
      <c r="FQO643" s="613"/>
      <c r="FQP643" s="613"/>
      <c r="FQQ643" s="613"/>
      <c r="FQR643" s="613"/>
      <c r="FQS643" s="613"/>
      <c r="FQT643" s="613"/>
      <c r="FQU643" s="613"/>
      <c r="FQV643" s="613"/>
      <c r="FQW643" s="613"/>
      <c r="FQX643" s="613"/>
      <c r="FQY643" s="613"/>
      <c r="FQZ643" s="613"/>
      <c r="FRA643" s="613"/>
      <c r="FRB643" s="613"/>
      <c r="FRC643" s="613"/>
      <c r="FRD643" s="613"/>
      <c r="FRE643" s="613"/>
      <c r="FRF643" s="613"/>
      <c r="FRG643" s="613"/>
      <c r="FRH643" s="613"/>
      <c r="FRI643" s="613"/>
      <c r="FRJ643" s="613"/>
      <c r="FRK643" s="613"/>
      <c r="FRL643" s="613"/>
      <c r="FRM643" s="613"/>
      <c r="FRN643" s="613"/>
      <c r="FRO643" s="613"/>
      <c r="FRP643" s="613"/>
      <c r="FRQ643" s="613"/>
      <c r="FRR643" s="613"/>
      <c r="FRS643" s="613"/>
      <c r="FRT643" s="613"/>
      <c r="FRU643" s="613"/>
      <c r="FRV643" s="613"/>
      <c r="FRW643" s="613"/>
      <c r="FRX643" s="613"/>
      <c r="FRY643" s="613"/>
      <c r="FRZ643" s="613"/>
      <c r="FSA643" s="613"/>
      <c r="FSB643" s="613"/>
      <c r="FSC643" s="613"/>
      <c r="FSD643" s="613"/>
      <c r="FSE643" s="613"/>
      <c r="FSF643" s="613"/>
      <c r="FSG643" s="613"/>
      <c r="FSH643" s="613"/>
      <c r="FSI643" s="613"/>
      <c r="FSJ643" s="613"/>
      <c r="FSK643" s="613"/>
      <c r="FSL643" s="613"/>
      <c r="FSM643" s="613"/>
      <c r="FSN643" s="613"/>
      <c r="FSO643" s="613"/>
      <c r="FSP643" s="613"/>
      <c r="FSQ643" s="613"/>
      <c r="FSR643" s="613"/>
      <c r="FSS643" s="613"/>
      <c r="FST643" s="613"/>
      <c r="FSU643" s="613"/>
      <c r="FSV643" s="613"/>
      <c r="FSW643" s="613"/>
      <c r="FSX643" s="613"/>
      <c r="FSY643" s="613"/>
      <c r="FSZ643" s="613"/>
      <c r="FTA643" s="613"/>
      <c r="FTB643" s="613"/>
      <c r="FTC643" s="613"/>
      <c r="FTD643" s="613"/>
      <c r="FTE643" s="613"/>
      <c r="FTF643" s="613"/>
      <c r="FTG643" s="613"/>
      <c r="FTH643" s="613"/>
      <c r="FTI643" s="613"/>
      <c r="FTJ643" s="613"/>
      <c r="FTK643" s="613"/>
      <c r="FTL643" s="613"/>
      <c r="FTM643" s="613"/>
      <c r="FTN643" s="613"/>
      <c r="FTO643" s="613"/>
      <c r="FTP643" s="613"/>
      <c r="FTQ643" s="613"/>
      <c r="FTR643" s="613"/>
      <c r="FTS643" s="613"/>
      <c r="FTT643" s="613"/>
      <c r="FTU643" s="613"/>
      <c r="FTV643" s="613"/>
      <c r="FTW643" s="613"/>
      <c r="FTX643" s="613"/>
      <c r="FTY643" s="613"/>
      <c r="FTZ643" s="613"/>
      <c r="FUA643" s="613"/>
      <c r="FUB643" s="613"/>
      <c r="FUC643" s="613"/>
      <c r="FUD643" s="613"/>
      <c r="FUE643" s="613"/>
      <c r="FUF643" s="613"/>
      <c r="FUG643" s="613"/>
      <c r="FUH643" s="613"/>
      <c r="FUI643" s="613"/>
      <c r="FUJ643" s="613"/>
      <c r="FUK643" s="613"/>
      <c r="FUL643" s="613"/>
      <c r="FUM643" s="613"/>
      <c r="FUN643" s="613"/>
      <c r="FUO643" s="613"/>
      <c r="FUP643" s="613"/>
      <c r="FUQ643" s="613"/>
      <c r="FUR643" s="613"/>
      <c r="FUS643" s="613"/>
      <c r="FUT643" s="613"/>
      <c r="FUU643" s="613"/>
      <c r="FUV643" s="613"/>
      <c r="FUW643" s="613"/>
      <c r="FUX643" s="613"/>
      <c r="FUY643" s="613"/>
      <c r="FUZ643" s="613"/>
      <c r="FVA643" s="613"/>
      <c r="FVB643" s="613"/>
      <c r="FVC643" s="613"/>
      <c r="FVD643" s="613"/>
      <c r="FVE643" s="613"/>
      <c r="FVF643" s="613"/>
      <c r="FVG643" s="613"/>
      <c r="FVH643" s="613"/>
      <c r="FVI643" s="613"/>
      <c r="FVJ643" s="613"/>
      <c r="FVK643" s="613"/>
      <c r="FVL643" s="613"/>
      <c r="FVM643" s="613"/>
      <c r="FVN643" s="613"/>
      <c r="FVO643" s="613"/>
      <c r="FVP643" s="613"/>
      <c r="FVQ643" s="613"/>
      <c r="FVR643" s="613"/>
      <c r="FVS643" s="613"/>
      <c r="FVT643" s="613"/>
      <c r="FVU643" s="613"/>
      <c r="FVV643" s="613"/>
      <c r="FVW643" s="613"/>
      <c r="FVX643" s="613"/>
      <c r="FVY643" s="613"/>
      <c r="FVZ643" s="613"/>
      <c r="FWA643" s="613"/>
      <c r="FWB643" s="613"/>
      <c r="FWC643" s="613"/>
      <c r="FWD643" s="613"/>
      <c r="FWE643" s="613"/>
      <c r="FWF643" s="613"/>
      <c r="FWG643" s="613"/>
      <c r="FWH643" s="613"/>
      <c r="FWI643" s="613"/>
      <c r="FWJ643" s="613"/>
      <c r="FWK643" s="613"/>
      <c r="FWL643" s="613"/>
      <c r="FWM643" s="613"/>
      <c r="FWN643" s="613"/>
      <c r="FWO643" s="613"/>
      <c r="FWP643" s="613"/>
      <c r="FWQ643" s="613"/>
      <c r="FWR643" s="613"/>
      <c r="FWS643" s="613"/>
      <c r="FWT643" s="613"/>
      <c r="FWU643" s="613"/>
      <c r="FWV643" s="613"/>
      <c r="FWW643" s="613"/>
      <c r="FWX643" s="613"/>
      <c r="FWY643" s="613"/>
      <c r="FWZ643" s="613"/>
      <c r="FXA643" s="613"/>
      <c r="FXB643" s="613"/>
      <c r="FXC643" s="613"/>
      <c r="FXD643" s="613"/>
      <c r="FXE643" s="613"/>
      <c r="FXF643" s="613"/>
      <c r="FXG643" s="613"/>
      <c r="FXH643" s="613"/>
      <c r="FXI643" s="613"/>
      <c r="FXJ643" s="613"/>
      <c r="FXK643" s="613"/>
      <c r="FXL643" s="613"/>
      <c r="FXM643" s="613"/>
      <c r="FXN643" s="613"/>
      <c r="FXO643" s="613"/>
      <c r="FXP643" s="613"/>
      <c r="FXQ643" s="613"/>
      <c r="FXR643" s="613"/>
      <c r="FXS643" s="613"/>
      <c r="FXT643" s="613"/>
      <c r="FXU643" s="613"/>
      <c r="FXV643" s="613"/>
      <c r="FXW643" s="613"/>
      <c r="FXX643" s="613"/>
      <c r="FXY643" s="613"/>
      <c r="FXZ643" s="613"/>
      <c r="FYA643" s="613"/>
      <c r="FYB643" s="613"/>
      <c r="FYC643" s="613"/>
      <c r="FYD643" s="613"/>
      <c r="FYE643" s="613"/>
      <c r="FYF643" s="613"/>
      <c r="FYG643" s="613"/>
      <c r="FYH643" s="613"/>
      <c r="FYI643" s="613"/>
      <c r="FYJ643" s="613"/>
      <c r="FYK643" s="613"/>
      <c r="FYL643" s="613"/>
      <c r="FYM643" s="613"/>
      <c r="FYN643" s="613"/>
      <c r="FYO643" s="613"/>
      <c r="FYP643" s="613"/>
      <c r="FYQ643" s="613"/>
      <c r="FYR643" s="613"/>
      <c r="FYS643" s="613"/>
      <c r="FYT643" s="613"/>
      <c r="FYU643" s="613"/>
      <c r="FYV643" s="613"/>
      <c r="FYW643" s="613"/>
      <c r="FYX643" s="613"/>
      <c r="FYY643" s="613"/>
      <c r="FYZ643" s="613"/>
      <c r="FZA643" s="613"/>
      <c r="FZB643" s="613"/>
      <c r="FZC643" s="613"/>
      <c r="FZD643" s="613"/>
      <c r="FZE643" s="613"/>
      <c r="FZF643" s="613"/>
      <c r="FZG643" s="613"/>
      <c r="FZH643" s="613"/>
      <c r="FZI643" s="613"/>
      <c r="FZJ643" s="613"/>
      <c r="FZK643" s="613"/>
      <c r="FZL643" s="613"/>
      <c r="FZM643" s="613"/>
      <c r="FZN643" s="613"/>
      <c r="FZO643" s="613"/>
      <c r="FZP643" s="613"/>
      <c r="FZQ643" s="613"/>
      <c r="FZR643" s="613"/>
      <c r="FZS643" s="613"/>
      <c r="FZT643" s="613"/>
      <c r="FZU643" s="613"/>
      <c r="FZV643" s="613"/>
      <c r="FZW643" s="613"/>
      <c r="FZX643" s="613"/>
      <c r="FZY643" s="613"/>
      <c r="FZZ643" s="613"/>
      <c r="GAA643" s="613"/>
      <c r="GAB643" s="613"/>
      <c r="GAC643" s="613"/>
      <c r="GAD643" s="613"/>
      <c r="GAE643" s="613"/>
      <c r="GAF643" s="613"/>
      <c r="GAG643" s="613"/>
      <c r="GAH643" s="613"/>
      <c r="GAI643" s="613"/>
      <c r="GAJ643" s="613"/>
      <c r="GAK643" s="613"/>
      <c r="GAL643" s="613"/>
      <c r="GAM643" s="613"/>
      <c r="GAN643" s="613"/>
      <c r="GAO643" s="613"/>
      <c r="GAP643" s="613"/>
      <c r="GAQ643" s="613"/>
      <c r="GAR643" s="613"/>
      <c r="GAS643" s="613"/>
      <c r="GAT643" s="613"/>
      <c r="GAU643" s="613"/>
      <c r="GAV643" s="613"/>
      <c r="GAW643" s="613"/>
      <c r="GAX643" s="613"/>
      <c r="GAY643" s="613"/>
      <c r="GAZ643" s="613"/>
      <c r="GBA643" s="613"/>
      <c r="GBB643" s="613"/>
      <c r="GBC643" s="613"/>
      <c r="GBD643" s="613"/>
      <c r="GBE643" s="613"/>
      <c r="GBF643" s="613"/>
      <c r="GBG643" s="613"/>
      <c r="GBH643" s="613"/>
      <c r="GBI643" s="613"/>
      <c r="GBJ643" s="613"/>
      <c r="GBK643" s="613"/>
      <c r="GBL643" s="613"/>
      <c r="GBM643" s="613"/>
      <c r="GBN643" s="613"/>
      <c r="GBO643" s="613"/>
      <c r="GBP643" s="613"/>
      <c r="GBQ643" s="613"/>
      <c r="GBR643" s="613"/>
      <c r="GBS643" s="613"/>
      <c r="GBT643" s="613"/>
      <c r="GBU643" s="613"/>
      <c r="GBV643" s="613"/>
      <c r="GBW643" s="613"/>
      <c r="GBX643" s="613"/>
      <c r="GBY643" s="613"/>
      <c r="GBZ643" s="613"/>
      <c r="GCA643" s="613"/>
      <c r="GCB643" s="613"/>
      <c r="GCC643" s="613"/>
      <c r="GCD643" s="613"/>
      <c r="GCE643" s="613"/>
      <c r="GCF643" s="613"/>
      <c r="GCG643" s="613"/>
      <c r="GCH643" s="613"/>
      <c r="GCI643" s="613"/>
      <c r="GCJ643" s="613"/>
      <c r="GCK643" s="613"/>
      <c r="GCL643" s="613"/>
      <c r="GCM643" s="613"/>
      <c r="GCN643" s="613"/>
      <c r="GCO643" s="613"/>
      <c r="GCP643" s="613"/>
      <c r="GCQ643" s="613"/>
      <c r="GCR643" s="613"/>
      <c r="GCS643" s="613"/>
      <c r="GCT643" s="613"/>
      <c r="GCU643" s="613"/>
      <c r="GCV643" s="613"/>
      <c r="GCW643" s="613"/>
      <c r="GCX643" s="613"/>
      <c r="GCY643" s="613"/>
      <c r="GCZ643" s="613"/>
      <c r="GDA643" s="613"/>
      <c r="GDB643" s="613"/>
      <c r="GDC643" s="613"/>
      <c r="GDD643" s="613"/>
      <c r="GDE643" s="613"/>
      <c r="GDF643" s="613"/>
      <c r="GDG643" s="613"/>
      <c r="GDH643" s="613"/>
      <c r="GDI643" s="613"/>
      <c r="GDJ643" s="613"/>
      <c r="GDK643" s="613"/>
      <c r="GDL643" s="613"/>
      <c r="GDM643" s="613"/>
      <c r="GDN643" s="613"/>
      <c r="GDO643" s="613"/>
      <c r="GDP643" s="613"/>
      <c r="GDQ643" s="613"/>
      <c r="GDR643" s="613"/>
      <c r="GDS643" s="613"/>
      <c r="GDT643" s="613"/>
      <c r="GDU643" s="613"/>
      <c r="GDV643" s="613"/>
      <c r="GDW643" s="613"/>
      <c r="GDX643" s="613"/>
      <c r="GDY643" s="613"/>
      <c r="GDZ643" s="613"/>
      <c r="GEA643" s="613"/>
      <c r="GEB643" s="613"/>
      <c r="GEC643" s="613"/>
      <c r="GED643" s="613"/>
      <c r="GEE643" s="613"/>
      <c r="GEF643" s="613"/>
      <c r="GEG643" s="613"/>
      <c r="GEH643" s="613"/>
      <c r="GEI643" s="613"/>
      <c r="GEJ643" s="613"/>
      <c r="GEK643" s="613"/>
      <c r="GEL643" s="613"/>
      <c r="GEM643" s="613"/>
      <c r="GEN643" s="613"/>
      <c r="GEO643" s="613"/>
      <c r="GEP643" s="613"/>
      <c r="GEQ643" s="613"/>
      <c r="GER643" s="613"/>
      <c r="GES643" s="613"/>
      <c r="GET643" s="613"/>
      <c r="GEU643" s="613"/>
      <c r="GEV643" s="613"/>
      <c r="GEW643" s="613"/>
      <c r="GEX643" s="613"/>
      <c r="GEY643" s="613"/>
      <c r="GEZ643" s="613"/>
      <c r="GFA643" s="613"/>
      <c r="GFB643" s="613"/>
      <c r="GFC643" s="613"/>
      <c r="GFD643" s="613"/>
      <c r="GFE643" s="613"/>
      <c r="GFF643" s="613"/>
      <c r="GFG643" s="613"/>
      <c r="GFH643" s="613"/>
      <c r="GFI643" s="613"/>
      <c r="GFJ643" s="613"/>
      <c r="GFK643" s="613"/>
      <c r="GFL643" s="613"/>
      <c r="GFM643" s="613"/>
      <c r="GFN643" s="613"/>
      <c r="GFO643" s="613"/>
      <c r="GFP643" s="613"/>
      <c r="GFQ643" s="613"/>
      <c r="GFR643" s="613"/>
      <c r="GFS643" s="613"/>
      <c r="GFT643" s="613"/>
      <c r="GFU643" s="613"/>
      <c r="GFV643" s="613"/>
      <c r="GFW643" s="613"/>
      <c r="GFX643" s="613"/>
      <c r="GFY643" s="613"/>
      <c r="GFZ643" s="613"/>
      <c r="GGA643" s="613"/>
      <c r="GGB643" s="613"/>
      <c r="GGC643" s="613"/>
      <c r="GGD643" s="613"/>
      <c r="GGE643" s="613"/>
      <c r="GGF643" s="613"/>
      <c r="GGG643" s="613"/>
      <c r="GGH643" s="613"/>
      <c r="GGI643" s="613"/>
      <c r="GGJ643" s="613"/>
      <c r="GGK643" s="613"/>
      <c r="GGL643" s="613"/>
      <c r="GGM643" s="613"/>
      <c r="GGN643" s="613"/>
      <c r="GGO643" s="613"/>
      <c r="GGP643" s="613"/>
      <c r="GGQ643" s="613"/>
      <c r="GGR643" s="613"/>
      <c r="GGS643" s="613"/>
      <c r="GGT643" s="613"/>
      <c r="GGU643" s="613"/>
      <c r="GGV643" s="613"/>
      <c r="GGW643" s="613"/>
      <c r="GGX643" s="613"/>
      <c r="GGY643" s="613"/>
      <c r="GGZ643" s="613"/>
      <c r="GHA643" s="613"/>
      <c r="GHB643" s="613"/>
      <c r="GHC643" s="613"/>
      <c r="GHD643" s="613"/>
      <c r="GHE643" s="613"/>
      <c r="GHF643" s="613"/>
      <c r="GHG643" s="613"/>
      <c r="GHH643" s="613"/>
      <c r="GHI643" s="613"/>
      <c r="GHJ643" s="613"/>
      <c r="GHK643" s="613"/>
      <c r="GHL643" s="613"/>
      <c r="GHM643" s="613"/>
      <c r="GHN643" s="613"/>
      <c r="GHO643" s="613"/>
      <c r="GHP643" s="613"/>
      <c r="GHQ643" s="613"/>
      <c r="GHR643" s="613"/>
      <c r="GHS643" s="613"/>
      <c r="GHT643" s="613"/>
      <c r="GHU643" s="613"/>
      <c r="GHV643" s="613"/>
      <c r="GHW643" s="613"/>
      <c r="GHX643" s="613"/>
      <c r="GHY643" s="613"/>
      <c r="GHZ643" s="613"/>
      <c r="GIA643" s="613"/>
      <c r="GIB643" s="613"/>
      <c r="GIC643" s="613"/>
      <c r="GID643" s="613"/>
      <c r="GIE643" s="613"/>
      <c r="GIF643" s="613"/>
      <c r="GIG643" s="613"/>
      <c r="GIH643" s="613"/>
      <c r="GII643" s="613"/>
      <c r="GIJ643" s="613"/>
      <c r="GIK643" s="613"/>
      <c r="GIL643" s="613"/>
      <c r="GIM643" s="613"/>
      <c r="GIN643" s="613"/>
      <c r="GIO643" s="613"/>
      <c r="GIP643" s="613"/>
      <c r="GIQ643" s="613"/>
      <c r="GIR643" s="613"/>
      <c r="GIS643" s="613"/>
      <c r="GIT643" s="613"/>
      <c r="GIU643" s="613"/>
      <c r="GIV643" s="613"/>
      <c r="GIW643" s="613"/>
      <c r="GIX643" s="613"/>
      <c r="GIY643" s="613"/>
      <c r="GIZ643" s="613"/>
      <c r="GJA643" s="613"/>
      <c r="GJB643" s="613"/>
      <c r="GJC643" s="613"/>
      <c r="GJD643" s="613"/>
      <c r="GJE643" s="613"/>
      <c r="GJF643" s="613"/>
      <c r="GJG643" s="613"/>
      <c r="GJH643" s="613"/>
      <c r="GJI643" s="613"/>
      <c r="GJJ643" s="613"/>
      <c r="GJK643" s="613"/>
      <c r="GJL643" s="613"/>
      <c r="GJM643" s="613"/>
      <c r="GJN643" s="613"/>
      <c r="GJO643" s="613"/>
      <c r="GJP643" s="613"/>
      <c r="GJQ643" s="613"/>
      <c r="GJR643" s="613"/>
      <c r="GJS643" s="613"/>
      <c r="GJT643" s="613"/>
      <c r="GJU643" s="613"/>
      <c r="GJV643" s="613"/>
      <c r="GJW643" s="613"/>
      <c r="GJX643" s="613"/>
      <c r="GJY643" s="613"/>
      <c r="GJZ643" s="613"/>
      <c r="GKA643" s="613"/>
      <c r="GKB643" s="613"/>
      <c r="GKC643" s="613"/>
      <c r="GKD643" s="613"/>
      <c r="GKE643" s="613"/>
      <c r="GKF643" s="613"/>
      <c r="GKG643" s="613"/>
      <c r="GKH643" s="613"/>
      <c r="GKI643" s="613"/>
      <c r="GKJ643" s="613"/>
      <c r="GKK643" s="613"/>
      <c r="GKL643" s="613"/>
      <c r="GKM643" s="613"/>
      <c r="GKN643" s="613"/>
      <c r="GKO643" s="613"/>
      <c r="GKP643" s="613"/>
      <c r="GKQ643" s="613"/>
      <c r="GKR643" s="613"/>
      <c r="GKS643" s="613"/>
      <c r="GKT643" s="613"/>
      <c r="GKU643" s="613"/>
      <c r="GKV643" s="613"/>
      <c r="GKW643" s="613"/>
      <c r="GKX643" s="613"/>
      <c r="GKY643" s="613"/>
      <c r="GKZ643" s="613"/>
      <c r="GLA643" s="613"/>
      <c r="GLB643" s="613"/>
      <c r="GLC643" s="613"/>
      <c r="GLD643" s="613"/>
      <c r="GLE643" s="613"/>
      <c r="GLF643" s="613"/>
      <c r="GLG643" s="613"/>
      <c r="GLH643" s="613"/>
      <c r="GLI643" s="613"/>
      <c r="GLJ643" s="613"/>
      <c r="GLK643" s="613"/>
      <c r="GLL643" s="613"/>
      <c r="GLM643" s="613"/>
      <c r="GLN643" s="613"/>
      <c r="GLO643" s="613"/>
      <c r="GLP643" s="613"/>
      <c r="GLQ643" s="613"/>
      <c r="GLR643" s="613"/>
      <c r="GLS643" s="613"/>
      <c r="GLT643" s="613"/>
      <c r="GLU643" s="613"/>
      <c r="GLV643" s="613"/>
      <c r="GLW643" s="613"/>
      <c r="GLX643" s="613"/>
      <c r="GLY643" s="613"/>
      <c r="GLZ643" s="613"/>
      <c r="GMA643" s="613"/>
      <c r="GMB643" s="613"/>
      <c r="GMC643" s="613"/>
      <c r="GMD643" s="613"/>
      <c r="GME643" s="613"/>
      <c r="GMF643" s="613"/>
      <c r="GMG643" s="613"/>
      <c r="GMH643" s="613"/>
      <c r="GMI643" s="613"/>
      <c r="GMJ643" s="613"/>
      <c r="GMK643" s="613"/>
      <c r="GML643" s="613"/>
      <c r="GMM643" s="613"/>
      <c r="GMN643" s="613"/>
      <c r="GMO643" s="613"/>
      <c r="GMP643" s="613"/>
      <c r="GMQ643" s="613"/>
      <c r="GMR643" s="613"/>
      <c r="GMS643" s="613"/>
      <c r="GMT643" s="613"/>
      <c r="GMU643" s="613"/>
      <c r="GMV643" s="613"/>
      <c r="GMW643" s="613"/>
      <c r="GMX643" s="613"/>
      <c r="GMY643" s="613"/>
      <c r="GMZ643" s="613"/>
      <c r="GNA643" s="613"/>
      <c r="GNB643" s="613"/>
      <c r="GNC643" s="613"/>
      <c r="GND643" s="613"/>
      <c r="GNE643" s="613"/>
      <c r="GNF643" s="613"/>
      <c r="GNG643" s="613"/>
      <c r="GNH643" s="613"/>
      <c r="GNI643" s="613"/>
      <c r="GNJ643" s="613"/>
      <c r="GNK643" s="613"/>
      <c r="GNL643" s="613"/>
      <c r="GNM643" s="613"/>
      <c r="GNN643" s="613"/>
      <c r="GNO643" s="613"/>
      <c r="GNP643" s="613"/>
      <c r="GNQ643" s="613"/>
      <c r="GNR643" s="613"/>
      <c r="GNS643" s="613"/>
      <c r="GNT643" s="613"/>
      <c r="GNU643" s="613"/>
      <c r="GNV643" s="613"/>
      <c r="GNW643" s="613"/>
      <c r="GNX643" s="613"/>
      <c r="GNY643" s="613"/>
      <c r="GNZ643" s="613"/>
      <c r="GOA643" s="613"/>
      <c r="GOB643" s="613"/>
      <c r="GOC643" s="613"/>
      <c r="GOD643" s="613"/>
      <c r="GOE643" s="613"/>
      <c r="GOF643" s="613"/>
      <c r="GOG643" s="613"/>
      <c r="GOH643" s="613"/>
      <c r="GOI643" s="613"/>
      <c r="GOJ643" s="613"/>
      <c r="GOK643" s="613"/>
      <c r="GOL643" s="613"/>
      <c r="GOM643" s="613"/>
      <c r="GON643" s="613"/>
      <c r="GOO643" s="613"/>
      <c r="GOP643" s="613"/>
      <c r="GOQ643" s="613"/>
      <c r="GOR643" s="613"/>
      <c r="GOS643" s="613"/>
      <c r="GOT643" s="613"/>
      <c r="GOU643" s="613"/>
      <c r="GOV643" s="613"/>
      <c r="GOW643" s="613"/>
      <c r="GOX643" s="613"/>
      <c r="GOY643" s="613"/>
      <c r="GOZ643" s="613"/>
      <c r="GPA643" s="613"/>
      <c r="GPB643" s="613"/>
      <c r="GPC643" s="613"/>
      <c r="GPD643" s="613"/>
      <c r="GPE643" s="613"/>
      <c r="GPF643" s="613"/>
      <c r="GPG643" s="613"/>
      <c r="GPH643" s="613"/>
      <c r="GPI643" s="613"/>
      <c r="GPJ643" s="613"/>
      <c r="GPK643" s="613"/>
      <c r="GPL643" s="613"/>
      <c r="GPM643" s="613"/>
      <c r="GPN643" s="613"/>
      <c r="GPO643" s="613"/>
      <c r="GPP643" s="613"/>
      <c r="GPQ643" s="613"/>
      <c r="GPR643" s="613"/>
      <c r="GPS643" s="613"/>
      <c r="GPT643" s="613"/>
      <c r="GPU643" s="613"/>
      <c r="GPV643" s="613"/>
      <c r="GPW643" s="613"/>
      <c r="GPX643" s="613"/>
      <c r="GPY643" s="613"/>
      <c r="GPZ643" s="613"/>
      <c r="GQA643" s="613"/>
      <c r="GQB643" s="613"/>
      <c r="GQC643" s="613"/>
      <c r="GQD643" s="613"/>
      <c r="GQE643" s="613"/>
      <c r="GQF643" s="613"/>
      <c r="GQG643" s="613"/>
      <c r="GQH643" s="613"/>
      <c r="GQI643" s="613"/>
      <c r="GQJ643" s="613"/>
      <c r="GQK643" s="613"/>
      <c r="GQL643" s="613"/>
      <c r="GQM643" s="613"/>
      <c r="GQN643" s="613"/>
      <c r="GQO643" s="613"/>
      <c r="GQP643" s="613"/>
      <c r="GQQ643" s="613"/>
      <c r="GQR643" s="613"/>
      <c r="GQS643" s="613"/>
      <c r="GQT643" s="613"/>
      <c r="GQU643" s="613"/>
      <c r="GQV643" s="613"/>
      <c r="GQW643" s="613"/>
      <c r="GQX643" s="613"/>
      <c r="GQY643" s="613"/>
      <c r="GQZ643" s="613"/>
      <c r="GRA643" s="613"/>
      <c r="GRB643" s="613"/>
      <c r="GRC643" s="613"/>
      <c r="GRD643" s="613"/>
      <c r="GRE643" s="613"/>
      <c r="GRF643" s="613"/>
      <c r="GRG643" s="613"/>
      <c r="GRH643" s="613"/>
      <c r="GRI643" s="613"/>
      <c r="GRJ643" s="613"/>
      <c r="GRK643" s="613"/>
      <c r="GRL643" s="613"/>
      <c r="GRM643" s="613"/>
      <c r="GRN643" s="613"/>
      <c r="GRO643" s="613"/>
      <c r="GRP643" s="613"/>
      <c r="GRQ643" s="613"/>
      <c r="GRR643" s="613"/>
      <c r="GRS643" s="613"/>
      <c r="GRT643" s="613"/>
      <c r="GRU643" s="613"/>
      <c r="GRV643" s="613"/>
      <c r="GRW643" s="613"/>
      <c r="GRX643" s="613"/>
      <c r="GRY643" s="613"/>
      <c r="GRZ643" s="613"/>
      <c r="GSA643" s="613"/>
      <c r="GSB643" s="613"/>
      <c r="GSC643" s="613"/>
      <c r="GSD643" s="613"/>
      <c r="GSE643" s="613"/>
      <c r="GSF643" s="613"/>
      <c r="GSG643" s="613"/>
      <c r="GSH643" s="613"/>
      <c r="GSI643" s="613"/>
      <c r="GSJ643" s="613"/>
      <c r="GSK643" s="613"/>
      <c r="GSL643" s="613"/>
      <c r="GSM643" s="613"/>
      <c r="GSN643" s="613"/>
      <c r="GSO643" s="613"/>
      <c r="GSP643" s="613"/>
      <c r="GSQ643" s="613"/>
      <c r="GSR643" s="613"/>
      <c r="GSS643" s="613"/>
      <c r="GST643" s="613"/>
      <c r="GSU643" s="613"/>
      <c r="GSV643" s="613"/>
      <c r="GSW643" s="613"/>
      <c r="GSX643" s="613"/>
      <c r="GSY643" s="613"/>
      <c r="GSZ643" s="613"/>
      <c r="GTA643" s="613"/>
      <c r="GTB643" s="613"/>
      <c r="GTC643" s="613"/>
      <c r="GTD643" s="613"/>
      <c r="GTE643" s="613"/>
      <c r="GTF643" s="613"/>
      <c r="GTG643" s="613"/>
      <c r="GTH643" s="613"/>
      <c r="GTI643" s="613"/>
      <c r="GTJ643" s="613"/>
      <c r="GTK643" s="613"/>
      <c r="GTL643" s="613"/>
      <c r="GTM643" s="613"/>
      <c r="GTN643" s="613"/>
      <c r="GTO643" s="613"/>
      <c r="GTP643" s="613"/>
      <c r="GTQ643" s="613"/>
      <c r="GTR643" s="613"/>
      <c r="GTS643" s="613"/>
      <c r="GTT643" s="613"/>
      <c r="GTU643" s="613"/>
      <c r="GTV643" s="613"/>
      <c r="GTW643" s="613"/>
      <c r="GTX643" s="613"/>
      <c r="GTY643" s="613"/>
      <c r="GTZ643" s="613"/>
      <c r="GUA643" s="613"/>
      <c r="GUB643" s="613"/>
      <c r="GUC643" s="613"/>
      <c r="GUD643" s="613"/>
      <c r="GUE643" s="613"/>
      <c r="GUF643" s="613"/>
      <c r="GUG643" s="613"/>
      <c r="GUH643" s="613"/>
      <c r="GUI643" s="613"/>
      <c r="GUJ643" s="613"/>
      <c r="GUK643" s="613"/>
      <c r="GUL643" s="613"/>
      <c r="GUM643" s="613"/>
      <c r="GUN643" s="613"/>
      <c r="GUO643" s="613"/>
      <c r="GUP643" s="613"/>
      <c r="GUQ643" s="613"/>
      <c r="GUR643" s="613"/>
      <c r="GUS643" s="613"/>
      <c r="GUT643" s="613"/>
      <c r="GUU643" s="613"/>
      <c r="GUV643" s="613"/>
      <c r="GUW643" s="613"/>
      <c r="GUX643" s="613"/>
      <c r="GUY643" s="613"/>
      <c r="GUZ643" s="613"/>
      <c r="GVA643" s="613"/>
      <c r="GVB643" s="613"/>
      <c r="GVC643" s="613"/>
      <c r="GVD643" s="613"/>
      <c r="GVE643" s="613"/>
      <c r="GVF643" s="613"/>
      <c r="GVG643" s="613"/>
      <c r="GVH643" s="613"/>
      <c r="GVI643" s="613"/>
      <c r="GVJ643" s="613"/>
      <c r="GVK643" s="613"/>
      <c r="GVL643" s="613"/>
      <c r="GVM643" s="613"/>
      <c r="GVN643" s="613"/>
      <c r="GVO643" s="613"/>
      <c r="GVP643" s="613"/>
      <c r="GVQ643" s="613"/>
      <c r="GVR643" s="613"/>
      <c r="GVS643" s="613"/>
      <c r="GVT643" s="613"/>
      <c r="GVU643" s="613"/>
      <c r="GVV643" s="613"/>
      <c r="GVW643" s="613"/>
      <c r="GVX643" s="613"/>
      <c r="GVY643" s="613"/>
      <c r="GVZ643" s="613"/>
      <c r="GWA643" s="613"/>
      <c r="GWB643" s="613"/>
      <c r="GWC643" s="613"/>
      <c r="GWD643" s="613"/>
      <c r="GWE643" s="613"/>
      <c r="GWF643" s="613"/>
      <c r="GWG643" s="613"/>
      <c r="GWH643" s="613"/>
      <c r="GWI643" s="613"/>
      <c r="GWJ643" s="613"/>
      <c r="GWK643" s="613"/>
      <c r="GWL643" s="613"/>
      <c r="GWM643" s="613"/>
      <c r="GWN643" s="613"/>
      <c r="GWO643" s="613"/>
      <c r="GWP643" s="613"/>
      <c r="GWQ643" s="613"/>
      <c r="GWR643" s="613"/>
      <c r="GWS643" s="613"/>
      <c r="GWT643" s="613"/>
      <c r="GWU643" s="613"/>
      <c r="GWV643" s="613"/>
      <c r="GWW643" s="613"/>
      <c r="GWX643" s="613"/>
      <c r="GWY643" s="613"/>
      <c r="GWZ643" s="613"/>
      <c r="GXA643" s="613"/>
      <c r="GXB643" s="613"/>
      <c r="GXC643" s="613"/>
      <c r="GXD643" s="613"/>
      <c r="GXE643" s="613"/>
      <c r="GXF643" s="613"/>
      <c r="GXG643" s="613"/>
      <c r="GXH643" s="613"/>
      <c r="GXI643" s="613"/>
      <c r="GXJ643" s="613"/>
      <c r="GXK643" s="613"/>
      <c r="GXL643" s="613"/>
      <c r="GXM643" s="613"/>
      <c r="GXN643" s="613"/>
      <c r="GXO643" s="613"/>
      <c r="GXP643" s="613"/>
      <c r="GXQ643" s="613"/>
      <c r="GXR643" s="613"/>
      <c r="GXS643" s="613"/>
      <c r="GXT643" s="613"/>
      <c r="GXU643" s="613"/>
      <c r="GXV643" s="613"/>
      <c r="GXW643" s="613"/>
      <c r="GXX643" s="613"/>
      <c r="GXY643" s="613"/>
      <c r="GXZ643" s="613"/>
      <c r="GYA643" s="613"/>
      <c r="GYB643" s="613"/>
      <c r="GYC643" s="613"/>
      <c r="GYD643" s="613"/>
      <c r="GYE643" s="613"/>
      <c r="GYF643" s="613"/>
      <c r="GYG643" s="613"/>
      <c r="GYH643" s="613"/>
      <c r="GYI643" s="613"/>
      <c r="GYJ643" s="613"/>
      <c r="GYK643" s="613"/>
      <c r="GYL643" s="613"/>
      <c r="GYM643" s="613"/>
      <c r="GYN643" s="613"/>
      <c r="GYO643" s="613"/>
      <c r="GYP643" s="613"/>
      <c r="GYQ643" s="613"/>
      <c r="GYR643" s="613"/>
      <c r="GYS643" s="613"/>
      <c r="GYT643" s="613"/>
      <c r="GYU643" s="613"/>
      <c r="GYV643" s="613"/>
      <c r="GYW643" s="613"/>
      <c r="GYX643" s="613"/>
      <c r="GYY643" s="613"/>
      <c r="GYZ643" s="613"/>
      <c r="GZA643" s="613"/>
      <c r="GZB643" s="613"/>
      <c r="GZC643" s="613"/>
      <c r="GZD643" s="613"/>
      <c r="GZE643" s="613"/>
      <c r="GZF643" s="613"/>
      <c r="GZG643" s="613"/>
      <c r="GZH643" s="613"/>
      <c r="GZI643" s="613"/>
      <c r="GZJ643" s="613"/>
      <c r="GZK643" s="613"/>
      <c r="GZL643" s="613"/>
      <c r="GZM643" s="613"/>
      <c r="GZN643" s="613"/>
      <c r="GZO643" s="613"/>
      <c r="GZP643" s="613"/>
      <c r="GZQ643" s="613"/>
      <c r="GZR643" s="613"/>
      <c r="GZS643" s="613"/>
      <c r="GZT643" s="613"/>
      <c r="GZU643" s="613"/>
      <c r="GZV643" s="613"/>
      <c r="GZW643" s="613"/>
      <c r="GZX643" s="613"/>
      <c r="GZY643" s="613"/>
      <c r="GZZ643" s="613"/>
      <c r="HAA643" s="613"/>
      <c r="HAB643" s="613"/>
      <c r="HAC643" s="613"/>
      <c r="HAD643" s="613"/>
      <c r="HAE643" s="613"/>
      <c r="HAF643" s="613"/>
      <c r="HAG643" s="613"/>
      <c r="HAH643" s="613"/>
      <c r="HAI643" s="613"/>
      <c r="HAJ643" s="613"/>
      <c r="HAK643" s="613"/>
      <c r="HAL643" s="613"/>
      <c r="HAM643" s="613"/>
      <c r="HAN643" s="613"/>
      <c r="HAO643" s="613"/>
      <c r="HAP643" s="613"/>
      <c r="HAQ643" s="613"/>
      <c r="HAR643" s="613"/>
      <c r="HAS643" s="613"/>
      <c r="HAT643" s="613"/>
      <c r="HAU643" s="613"/>
      <c r="HAV643" s="613"/>
      <c r="HAW643" s="613"/>
      <c r="HAX643" s="613"/>
      <c r="HAY643" s="613"/>
      <c r="HAZ643" s="613"/>
      <c r="HBA643" s="613"/>
      <c r="HBB643" s="613"/>
      <c r="HBC643" s="613"/>
      <c r="HBD643" s="613"/>
      <c r="HBE643" s="613"/>
      <c r="HBF643" s="613"/>
      <c r="HBG643" s="613"/>
      <c r="HBH643" s="613"/>
      <c r="HBI643" s="613"/>
      <c r="HBJ643" s="613"/>
      <c r="HBK643" s="613"/>
      <c r="HBL643" s="613"/>
      <c r="HBM643" s="613"/>
      <c r="HBN643" s="613"/>
      <c r="HBO643" s="613"/>
      <c r="HBP643" s="613"/>
      <c r="HBQ643" s="613"/>
      <c r="HBR643" s="613"/>
      <c r="HBS643" s="613"/>
      <c r="HBT643" s="613"/>
      <c r="HBU643" s="613"/>
      <c r="HBV643" s="613"/>
      <c r="HBW643" s="613"/>
      <c r="HBX643" s="613"/>
      <c r="HBY643" s="613"/>
      <c r="HBZ643" s="613"/>
      <c r="HCA643" s="613"/>
      <c r="HCB643" s="613"/>
      <c r="HCC643" s="613"/>
      <c r="HCD643" s="613"/>
      <c r="HCE643" s="613"/>
      <c r="HCF643" s="613"/>
      <c r="HCG643" s="613"/>
      <c r="HCH643" s="613"/>
      <c r="HCI643" s="613"/>
      <c r="HCJ643" s="613"/>
      <c r="HCK643" s="613"/>
      <c r="HCL643" s="613"/>
      <c r="HCM643" s="613"/>
      <c r="HCN643" s="613"/>
      <c r="HCO643" s="613"/>
      <c r="HCP643" s="613"/>
      <c r="HCQ643" s="613"/>
      <c r="HCR643" s="613"/>
      <c r="HCS643" s="613"/>
      <c r="HCT643" s="613"/>
      <c r="HCU643" s="613"/>
      <c r="HCV643" s="613"/>
      <c r="HCW643" s="613"/>
      <c r="HCX643" s="613"/>
      <c r="HCY643" s="613"/>
      <c r="HCZ643" s="613"/>
      <c r="HDA643" s="613"/>
      <c r="HDB643" s="613"/>
      <c r="HDC643" s="613"/>
      <c r="HDD643" s="613"/>
      <c r="HDE643" s="613"/>
      <c r="HDF643" s="613"/>
      <c r="HDG643" s="613"/>
      <c r="HDH643" s="613"/>
      <c r="HDI643" s="613"/>
      <c r="HDJ643" s="613"/>
      <c r="HDK643" s="613"/>
      <c r="HDL643" s="613"/>
      <c r="HDM643" s="613"/>
      <c r="HDN643" s="613"/>
      <c r="HDO643" s="613"/>
      <c r="HDP643" s="613"/>
      <c r="HDQ643" s="613"/>
      <c r="HDR643" s="613"/>
      <c r="HDS643" s="613"/>
      <c r="HDT643" s="613"/>
      <c r="HDU643" s="613"/>
      <c r="HDV643" s="613"/>
      <c r="HDW643" s="613"/>
      <c r="HDX643" s="613"/>
      <c r="HDY643" s="613"/>
      <c r="HDZ643" s="613"/>
      <c r="HEA643" s="613"/>
      <c r="HEB643" s="613"/>
      <c r="HEC643" s="613"/>
      <c r="HED643" s="613"/>
      <c r="HEE643" s="613"/>
      <c r="HEF643" s="613"/>
      <c r="HEG643" s="613"/>
      <c r="HEH643" s="613"/>
      <c r="HEI643" s="613"/>
      <c r="HEJ643" s="613"/>
      <c r="HEK643" s="613"/>
      <c r="HEL643" s="613"/>
      <c r="HEM643" s="613"/>
      <c r="HEN643" s="613"/>
      <c r="HEO643" s="613"/>
      <c r="HEP643" s="613"/>
      <c r="HEQ643" s="613"/>
      <c r="HER643" s="613"/>
      <c r="HES643" s="613"/>
      <c r="HET643" s="613"/>
      <c r="HEU643" s="613"/>
      <c r="HEV643" s="613"/>
      <c r="HEW643" s="613"/>
      <c r="HEX643" s="613"/>
      <c r="HEY643" s="613"/>
      <c r="HEZ643" s="613"/>
      <c r="HFA643" s="613"/>
      <c r="HFB643" s="613"/>
      <c r="HFC643" s="613"/>
      <c r="HFD643" s="613"/>
      <c r="HFE643" s="613"/>
      <c r="HFF643" s="613"/>
      <c r="HFG643" s="613"/>
      <c r="HFH643" s="613"/>
      <c r="HFI643" s="613"/>
      <c r="HFJ643" s="613"/>
      <c r="HFK643" s="613"/>
      <c r="HFL643" s="613"/>
      <c r="HFM643" s="613"/>
      <c r="HFN643" s="613"/>
      <c r="HFO643" s="613"/>
      <c r="HFP643" s="613"/>
      <c r="HFQ643" s="613"/>
      <c r="HFR643" s="613"/>
      <c r="HFS643" s="613"/>
      <c r="HFT643" s="613"/>
      <c r="HFU643" s="613"/>
      <c r="HFV643" s="613"/>
      <c r="HFW643" s="613"/>
      <c r="HFX643" s="613"/>
      <c r="HFY643" s="613"/>
      <c r="HFZ643" s="613"/>
      <c r="HGA643" s="613"/>
      <c r="HGB643" s="613"/>
      <c r="HGC643" s="613"/>
      <c r="HGD643" s="613"/>
      <c r="HGE643" s="613"/>
      <c r="HGF643" s="613"/>
      <c r="HGG643" s="613"/>
      <c r="HGH643" s="613"/>
      <c r="HGI643" s="613"/>
      <c r="HGJ643" s="613"/>
      <c r="HGK643" s="613"/>
      <c r="HGL643" s="613"/>
      <c r="HGM643" s="613"/>
      <c r="HGN643" s="613"/>
      <c r="HGO643" s="613"/>
      <c r="HGP643" s="613"/>
      <c r="HGQ643" s="613"/>
      <c r="HGR643" s="613"/>
      <c r="HGS643" s="613"/>
      <c r="HGT643" s="613"/>
      <c r="HGU643" s="613"/>
      <c r="HGV643" s="613"/>
      <c r="HGW643" s="613"/>
      <c r="HGX643" s="613"/>
      <c r="HGY643" s="613"/>
      <c r="HGZ643" s="613"/>
      <c r="HHA643" s="613"/>
      <c r="HHB643" s="613"/>
      <c r="HHC643" s="613"/>
      <c r="HHD643" s="613"/>
      <c r="HHE643" s="613"/>
      <c r="HHF643" s="613"/>
      <c r="HHG643" s="613"/>
      <c r="HHH643" s="613"/>
      <c r="HHI643" s="613"/>
      <c r="HHJ643" s="613"/>
      <c r="HHK643" s="613"/>
      <c r="HHL643" s="613"/>
      <c r="HHM643" s="613"/>
      <c r="HHN643" s="613"/>
      <c r="HHO643" s="613"/>
      <c r="HHP643" s="613"/>
      <c r="HHQ643" s="613"/>
      <c r="HHR643" s="613"/>
      <c r="HHS643" s="613"/>
      <c r="HHT643" s="613"/>
      <c r="HHU643" s="613"/>
      <c r="HHV643" s="613"/>
      <c r="HHW643" s="613"/>
      <c r="HHX643" s="613"/>
      <c r="HHY643" s="613"/>
      <c r="HHZ643" s="613"/>
      <c r="HIA643" s="613"/>
      <c r="HIB643" s="613"/>
      <c r="HIC643" s="613"/>
      <c r="HID643" s="613"/>
      <c r="HIE643" s="613"/>
      <c r="HIF643" s="613"/>
      <c r="HIG643" s="613"/>
      <c r="HIH643" s="613"/>
      <c r="HII643" s="613"/>
      <c r="HIJ643" s="613"/>
      <c r="HIK643" s="613"/>
      <c r="HIL643" s="613"/>
      <c r="HIM643" s="613"/>
      <c r="HIN643" s="613"/>
      <c r="HIO643" s="613"/>
      <c r="HIP643" s="613"/>
      <c r="HIQ643" s="613"/>
      <c r="HIR643" s="613"/>
      <c r="HIS643" s="613"/>
      <c r="HIT643" s="613"/>
      <c r="HIU643" s="613"/>
      <c r="HIV643" s="613"/>
      <c r="HIW643" s="613"/>
      <c r="HIX643" s="613"/>
      <c r="HIY643" s="613"/>
      <c r="HIZ643" s="613"/>
      <c r="HJA643" s="613"/>
      <c r="HJB643" s="613"/>
      <c r="HJC643" s="613"/>
      <c r="HJD643" s="613"/>
      <c r="HJE643" s="613"/>
      <c r="HJF643" s="613"/>
      <c r="HJG643" s="613"/>
      <c r="HJH643" s="613"/>
      <c r="HJI643" s="613"/>
      <c r="HJJ643" s="613"/>
      <c r="HJK643" s="613"/>
      <c r="HJL643" s="613"/>
      <c r="HJM643" s="613"/>
      <c r="HJN643" s="613"/>
      <c r="HJO643" s="613"/>
      <c r="HJP643" s="613"/>
      <c r="HJQ643" s="613"/>
      <c r="HJR643" s="613"/>
      <c r="HJS643" s="613"/>
      <c r="HJT643" s="613"/>
      <c r="HJU643" s="613"/>
      <c r="HJV643" s="613"/>
      <c r="HJW643" s="613"/>
      <c r="HJX643" s="613"/>
      <c r="HJY643" s="613"/>
      <c r="HJZ643" s="613"/>
      <c r="HKA643" s="613"/>
      <c r="HKB643" s="613"/>
      <c r="HKC643" s="613"/>
      <c r="HKD643" s="613"/>
      <c r="HKE643" s="613"/>
      <c r="HKF643" s="613"/>
      <c r="HKG643" s="613"/>
      <c r="HKH643" s="613"/>
      <c r="HKI643" s="613"/>
      <c r="HKJ643" s="613"/>
      <c r="HKK643" s="613"/>
      <c r="HKL643" s="613"/>
      <c r="HKM643" s="613"/>
      <c r="HKN643" s="613"/>
      <c r="HKO643" s="613"/>
      <c r="HKP643" s="613"/>
      <c r="HKQ643" s="613"/>
      <c r="HKR643" s="613"/>
      <c r="HKS643" s="613"/>
      <c r="HKT643" s="613"/>
      <c r="HKU643" s="613"/>
      <c r="HKV643" s="613"/>
      <c r="HKW643" s="613"/>
      <c r="HKX643" s="613"/>
      <c r="HKY643" s="613"/>
      <c r="HKZ643" s="613"/>
      <c r="HLA643" s="613"/>
      <c r="HLB643" s="613"/>
      <c r="HLC643" s="613"/>
      <c r="HLD643" s="613"/>
      <c r="HLE643" s="613"/>
      <c r="HLF643" s="613"/>
      <c r="HLG643" s="613"/>
      <c r="HLH643" s="613"/>
      <c r="HLI643" s="613"/>
      <c r="HLJ643" s="613"/>
      <c r="HLK643" s="613"/>
      <c r="HLL643" s="613"/>
      <c r="HLM643" s="613"/>
      <c r="HLN643" s="613"/>
      <c r="HLO643" s="613"/>
      <c r="HLP643" s="613"/>
      <c r="HLQ643" s="613"/>
      <c r="HLR643" s="613"/>
      <c r="HLS643" s="613"/>
      <c r="HLT643" s="613"/>
      <c r="HLU643" s="613"/>
      <c r="HLV643" s="613"/>
      <c r="HLW643" s="613"/>
      <c r="HLX643" s="613"/>
      <c r="HLY643" s="613"/>
      <c r="HLZ643" s="613"/>
      <c r="HMA643" s="613"/>
      <c r="HMB643" s="613"/>
      <c r="HMC643" s="613"/>
      <c r="HMD643" s="613"/>
      <c r="HME643" s="613"/>
      <c r="HMF643" s="613"/>
      <c r="HMG643" s="613"/>
      <c r="HMH643" s="613"/>
      <c r="HMI643" s="613"/>
      <c r="HMJ643" s="613"/>
      <c r="HMK643" s="613"/>
      <c r="HML643" s="613"/>
      <c r="HMM643" s="613"/>
      <c r="HMN643" s="613"/>
      <c r="HMO643" s="613"/>
      <c r="HMP643" s="613"/>
      <c r="HMQ643" s="613"/>
      <c r="HMR643" s="613"/>
      <c r="HMS643" s="613"/>
      <c r="HMT643" s="613"/>
      <c r="HMU643" s="613"/>
      <c r="HMV643" s="613"/>
      <c r="HMW643" s="613"/>
      <c r="HMX643" s="613"/>
      <c r="HMY643" s="613"/>
      <c r="HMZ643" s="613"/>
      <c r="HNA643" s="613"/>
      <c r="HNB643" s="613"/>
      <c r="HNC643" s="613"/>
      <c r="HND643" s="613"/>
      <c r="HNE643" s="613"/>
      <c r="HNF643" s="613"/>
      <c r="HNG643" s="613"/>
      <c r="HNH643" s="613"/>
      <c r="HNI643" s="613"/>
      <c r="HNJ643" s="613"/>
      <c r="HNK643" s="613"/>
      <c r="HNL643" s="613"/>
      <c r="HNM643" s="613"/>
      <c r="HNN643" s="613"/>
      <c r="HNO643" s="613"/>
      <c r="HNP643" s="613"/>
      <c r="HNQ643" s="613"/>
      <c r="HNR643" s="613"/>
      <c r="HNS643" s="613"/>
      <c r="HNT643" s="613"/>
      <c r="HNU643" s="613"/>
      <c r="HNV643" s="613"/>
      <c r="HNW643" s="613"/>
      <c r="HNX643" s="613"/>
      <c r="HNY643" s="613"/>
      <c r="HNZ643" s="613"/>
      <c r="HOA643" s="613"/>
      <c r="HOB643" s="613"/>
      <c r="HOC643" s="613"/>
      <c r="HOD643" s="613"/>
      <c r="HOE643" s="613"/>
      <c r="HOF643" s="613"/>
      <c r="HOG643" s="613"/>
      <c r="HOH643" s="613"/>
      <c r="HOI643" s="613"/>
      <c r="HOJ643" s="613"/>
      <c r="HOK643" s="613"/>
      <c r="HOL643" s="613"/>
      <c r="HOM643" s="613"/>
      <c r="HON643" s="613"/>
      <c r="HOO643" s="613"/>
      <c r="HOP643" s="613"/>
      <c r="HOQ643" s="613"/>
      <c r="HOR643" s="613"/>
      <c r="HOS643" s="613"/>
      <c r="HOT643" s="613"/>
      <c r="HOU643" s="613"/>
      <c r="HOV643" s="613"/>
      <c r="HOW643" s="613"/>
      <c r="HOX643" s="613"/>
      <c r="HOY643" s="613"/>
      <c r="HOZ643" s="613"/>
      <c r="HPA643" s="613"/>
      <c r="HPB643" s="613"/>
      <c r="HPC643" s="613"/>
      <c r="HPD643" s="613"/>
      <c r="HPE643" s="613"/>
      <c r="HPF643" s="613"/>
      <c r="HPG643" s="613"/>
      <c r="HPH643" s="613"/>
      <c r="HPI643" s="613"/>
      <c r="HPJ643" s="613"/>
      <c r="HPK643" s="613"/>
      <c r="HPL643" s="613"/>
      <c r="HPM643" s="613"/>
      <c r="HPN643" s="613"/>
      <c r="HPO643" s="613"/>
      <c r="HPP643" s="613"/>
      <c r="HPQ643" s="613"/>
      <c r="HPR643" s="613"/>
      <c r="HPS643" s="613"/>
      <c r="HPT643" s="613"/>
      <c r="HPU643" s="613"/>
      <c r="HPV643" s="613"/>
      <c r="HPW643" s="613"/>
      <c r="HPX643" s="613"/>
      <c r="HPY643" s="613"/>
      <c r="HPZ643" s="613"/>
      <c r="HQA643" s="613"/>
      <c r="HQB643" s="613"/>
      <c r="HQC643" s="613"/>
      <c r="HQD643" s="613"/>
      <c r="HQE643" s="613"/>
      <c r="HQF643" s="613"/>
      <c r="HQG643" s="613"/>
      <c r="HQH643" s="613"/>
      <c r="HQI643" s="613"/>
      <c r="HQJ643" s="613"/>
      <c r="HQK643" s="613"/>
      <c r="HQL643" s="613"/>
      <c r="HQM643" s="613"/>
      <c r="HQN643" s="613"/>
      <c r="HQO643" s="613"/>
      <c r="HQP643" s="613"/>
      <c r="HQQ643" s="613"/>
      <c r="HQR643" s="613"/>
      <c r="HQS643" s="613"/>
      <c r="HQT643" s="613"/>
      <c r="HQU643" s="613"/>
      <c r="HQV643" s="613"/>
      <c r="HQW643" s="613"/>
      <c r="HQX643" s="613"/>
      <c r="HQY643" s="613"/>
      <c r="HQZ643" s="613"/>
      <c r="HRA643" s="613"/>
      <c r="HRB643" s="613"/>
      <c r="HRC643" s="613"/>
      <c r="HRD643" s="613"/>
      <c r="HRE643" s="613"/>
      <c r="HRF643" s="613"/>
      <c r="HRG643" s="613"/>
      <c r="HRH643" s="613"/>
      <c r="HRI643" s="613"/>
      <c r="HRJ643" s="613"/>
      <c r="HRK643" s="613"/>
      <c r="HRL643" s="613"/>
      <c r="HRM643" s="613"/>
      <c r="HRN643" s="613"/>
      <c r="HRO643" s="613"/>
      <c r="HRP643" s="613"/>
      <c r="HRQ643" s="613"/>
      <c r="HRR643" s="613"/>
      <c r="HRS643" s="613"/>
      <c r="HRT643" s="613"/>
      <c r="HRU643" s="613"/>
      <c r="HRV643" s="613"/>
      <c r="HRW643" s="613"/>
      <c r="HRX643" s="613"/>
      <c r="HRY643" s="613"/>
      <c r="HRZ643" s="613"/>
      <c r="HSA643" s="613"/>
      <c r="HSB643" s="613"/>
      <c r="HSC643" s="613"/>
      <c r="HSD643" s="613"/>
      <c r="HSE643" s="613"/>
      <c r="HSF643" s="613"/>
      <c r="HSG643" s="613"/>
      <c r="HSH643" s="613"/>
      <c r="HSI643" s="613"/>
      <c r="HSJ643" s="613"/>
      <c r="HSK643" s="613"/>
      <c r="HSL643" s="613"/>
      <c r="HSM643" s="613"/>
      <c r="HSN643" s="613"/>
      <c r="HSO643" s="613"/>
      <c r="HSP643" s="613"/>
      <c r="HSQ643" s="613"/>
      <c r="HSR643" s="613"/>
      <c r="HSS643" s="613"/>
      <c r="HST643" s="613"/>
      <c r="HSU643" s="613"/>
      <c r="HSV643" s="613"/>
      <c r="HSW643" s="613"/>
      <c r="HSX643" s="613"/>
      <c r="HSY643" s="613"/>
      <c r="HSZ643" s="613"/>
      <c r="HTA643" s="613"/>
      <c r="HTB643" s="613"/>
      <c r="HTC643" s="613"/>
      <c r="HTD643" s="613"/>
      <c r="HTE643" s="613"/>
      <c r="HTF643" s="613"/>
      <c r="HTG643" s="613"/>
      <c r="HTH643" s="613"/>
      <c r="HTI643" s="613"/>
      <c r="HTJ643" s="613"/>
      <c r="HTK643" s="613"/>
      <c r="HTL643" s="613"/>
      <c r="HTM643" s="613"/>
      <c r="HTN643" s="613"/>
      <c r="HTO643" s="613"/>
      <c r="HTP643" s="613"/>
      <c r="HTQ643" s="613"/>
      <c r="HTR643" s="613"/>
      <c r="HTS643" s="613"/>
      <c r="HTT643" s="613"/>
      <c r="HTU643" s="613"/>
      <c r="HTV643" s="613"/>
      <c r="HTW643" s="613"/>
      <c r="HTX643" s="613"/>
      <c r="HTY643" s="613"/>
      <c r="HTZ643" s="613"/>
      <c r="HUA643" s="613"/>
      <c r="HUB643" s="613"/>
      <c r="HUC643" s="613"/>
      <c r="HUD643" s="613"/>
      <c r="HUE643" s="613"/>
      <c r="HUF643" s="613"/>
      <c r="HUG643" s="613"/>
      <c r="HUH643" s="613"/>
      <c r="HUI643" s="613"/>
      <c r="HUJ643" s="613"/>
      <c r="HUK643" s="613"/>
      <c r="HUL643" s="613"/>
      <c r="HUM643" s="613"/>
      <c r="HUN643" s="613"/>
      <c r="HUO643" s="613"/>
      <c r="HUP643" s="613"/>
      <c r="HUQ643" s="613"/>
      <c r="HUR643" s="613"/>
      <c r="HUS643" s="613"/>
      <c r="HUT643" s="613"/>
      <c r="HUU643" s="613"/>
      <c r="HUV643" s="613"/>
      <c r="HUW643" s="613"/>
      <c r="HUX643" s="613"/>
      <c r="HUY643" s="613"/>
      <c r="HUZ643" s="613"/>
      <c r="HVA643" s="613"/>
      <c r="HVB643" s="613"/>
      <c r="HVC643" s="613"/>
      <c r="HVD643" s="613"/>
      <c r="HVE643" s="613"/>
      <c r="HVF643" s="613"/>
      <c r="HVG643" s="613"/>
      <c r="HVH643" s="613"/>
      <c r="HVI643" s="613"/>
      <c r="HVJ643" s="613"/>
      <c r="HVK643" s="613"/>
      <c r="HVL643" s="613"/>
      <c r="HVM643" s="613"/>
      <c r="HVN643" s="613"/>
      <c r="HVO643" s="613"/>
      <c r="HVP643" s="613"/>
      <c r="HVQ643" s="613"/>
      <c r="HVR643" s="613"/>
      <c r="HVS643" s="613"/>
      <c r="HVT643" s="613"/>
      <c r="HVU643" s="613"/>
      <c r="HVV643" s="613"/>
      <c r="HVW643" s="613"/>
      <c r="HVX643" s="613"/>
      <c r="HVY643" s="613"/>
      <c r="HVZ643" s="613"/>
      <c r="HWA643" s="613"/>
      <c r="HWB643" s="613"/>
      <c r="HWC643" s="613"/>
      <c r="HWD643" s="613"/>
      <c r="HWE643" s="613"/>
      <c r="HWF643" s="613"/>
      <c r="HWG643" s="613"/>
      <c r="HWH643" s="613"/>
      <c r="HWI643" s="613"/>
      <c r="HWJ643" s="613"/>
      <c r="HWK643" s="613"/>
      <c r="HWL643" s="613"/>
      <c r="HWM643" s="613"/>
      <c r="HWN643" s="613"/>
      <c r="HWO643" s="613"/>
      <c r="HWP643" s="613"/>
      <c r="HWQ643" s="613"/>
      <c r="HWR643" s="613"/>
      <c r="HWS643" s="613"/>
      <c r="HWT643" s="613"/>
      <c r="HWU643" s="613"/>
      <c r="HWV643" s="613"/>
      <c r="HWW643" s="613"/>
      <c r="HWX643" s="613"/>
      <c r="HWY643" s="613"/>
      <c r="HWZ643" s="613"/>
      <c r="HXA643" s="613"/>
      <c r="HXB643" s="613"/>
      <c r="HXC643" s="613"/>
      <c r="HXD643" s="613"/>
      <c r="HXE643" s="613"/>
      <c r="HXF643" s="613"/>
      <c r="HXG643" s="613"/>
      <c r="HXH643" s="613"/>
      <c r="HXI643" s="613"/>
      <c r="HXJ643" s="613"/>
      <c r="HXK643" s="613"/>
      <c r="HXL643" s="613"/>
      <c r="HXM643" s="613"/>
      <c r="HXN643" s="613"/>
      <c r="HXO643" s="613"/>
      <c r="HXP643" s="613"/>
      <c r="HXQ643" s="613"/>
      <c r="HXR643" s="613"/>
      <c r="HXS643" s="613"/>
      <c r="HXT643" s="613"/>
      <c r="HXU643" s="613"/>
      <c r="HXV643" s="613"/>
      <c r="HXW643" s="613"/>
      <c r="HXX643" s="613"/>
      <c r="HXY643" s="613"/>
      <c r="HXZ643" s="613"/>
      <c r="HYA643" s="613"/>
      <c r="HYB643" s="613"/>
      <c r="HYC643" s="613"/>
      <c r="HYD643" s="613"/>
      <c r="HYE643" s="613"/>
      <c r="HYF643" s="613"/>
      <c r="HYG643" s="613"/>
      <c r="HYH643" s="613"/>
      <c r="HYI643" s="613"/>
      <c r="HYJ643" s="613"/>
      <c r="HYK643" s="613"/>
      <c r="HYL643" s="613"/>
      <c r="HYM643" s="613"/>
      <c r="HYN643" s="613"/>
      <c r="HYO643" s="613"/>
      <c r="HYP643" s="613"/>
      <c r="HYQ643" s="613"/>
      <c r="HYR643" s="613"/>
      <c r="HYS643" s="613"/>
      <c r="HYT643" s="613"/>
      <c r="HYU643" s="613"/>
      <c r="HYV643" s="613"/>
      <c r="HYW643" s="613"/>
      <c r="HYX643" s="613"/>
      <c r="HYY643" s="613"/>
      <c r="HYZ643" s="613"/>
      <c r="HZA643" s="613"/>
      <c r="HZB643" s="613"/>
      <c r="HZC643" s="613"/>
      <c r="HZD643" s="613"/>
      <c r="HZE643" s="613"/>
      <c r="HZF643" s="613"/>
      <c r="HZG643" s="613"/>
      <c r="HZH643" s="613"/>
      <c r="HZI643" s="613"/>
      <c r="HZJ643" s="613"/>
      <c r="HZK643" s="613"/>
      <c r="HZL643" s="613"/>
      <c r="HZM643" s="613"/>
      <c r="HZN643" s="613"/>
      <c r="HZO643" s="613"/>
      <c r="HZP643" s="613"/>
      <c r="HZQ643" s="613"/>
      <c r="HZR643" s="613"/>
      <c r="HZS643" s="613"/>
      <c r="HZT643" s="613"/>
      <c r="HZU643" s="613"/>
      <c r="HZV643" s="613"/>
      <c r="HZW643" s="613"/>
      <c r="HZX643" s="613"/>
      <c r="HZY643" s="613"/>
      <c r="HZZ643" s="613"/>
      <c r="IAA643" s="613"/>
      <c r="IAB643" s="613"/>
      <c r="IAC643" s="613"/>
      <c r="IAD643" s="613"/>
      <c r="IAE643" s="613"/>
      <c r="IAF643" s="613"/>
      <c r="IAG643" s="613"/>
      <c r="IAH643" s="613"/>
      <c r="IAI643" s="613"/>
      <c r="IAJ643" s="613"/>
      <c r="IAK643" s="613"/>
      <c r="IAL643" s="613"/>
      <c r="IAM643" s="613"/>
      <c r="IAN643" s="613"/>
      <c r="IAO643" s="613"/>
      <c r="IAP643" s="613"/>
      <c r="IAQ643" s="613"/>
      <c r="IAR643" s="613"/>
      <c r="IAS643" s="613"/>
      <c r="IAT643" s="613"/>
      <c r="IAU643" s="613"/>
      <c r="IAV643" s="613"/>
      <c r="IAW643" s="613"/>
      <c r="IAX643" s="613"/>
      <c r="IAY643" s="613"/>
      <c r="IAZ643" s="613"/>
      <c r="IBA643" s="613"/>
      <c r="IBB643" s="613"/>
      <c r="IBC643" s="613"/>
      <c r="IBD643" s="613"/>
      <c r="IBE643" s="613"/>
      <c r="IBF643" s="613"/>
      <c r="IBG643" s="613"/>
      <c r="IBH643" s="613"/>
      <c r="IBI643" s="613"/>
      <c r="IBJ643" s="613"/>
      <c r="IBK643" s="613"/>
      <c r="IBL643" s="613"/>
      <c r="IBM643" s="613"/>
      <c r="IBN643" s="613"/>
      <c r="IBO643" s="613"/>
      <c r="IBP643" s="613"/>
      <c r="IBQ643" s="613"/>
      <c r="IBR643" s="613"/>
      <c r="IBS643" s="613"/>
      <c r="IBT643" s="613"/>
      <c r="IBU643" s="613"/>
      <c r="IBV643" s="613"/>
      <c r="IBW643" s="613"/>
      <c r="IBX643" s="613"/>
      <c r="IBY643" s="613"/>
      <c r="IBZ643" s="613"/>
      <c r="ICA643" s="613"/>
      <c r="ICB643" s="613"/>
      <c r="ICC643" s="613"/>
      <c r="ICD643" s="613"/>
      <c r="ICE643" s="613"/>
      <c r="ICF643" s="613"/>
      <c r="ICG643" s="613"/>
      <c r="ICH643" s="613"/>
      <c r="ICI643" s="613"/>
      <c r="ICJ643" s="613"/>
      <c r="ICK643" s="613"/>
      <c r="ICL643" s="613"/>
      <c r="ICM643" s="613"/>
      <c r="ICN643" s="613"/>
      <c r="ICO643" s="613"/>
      <c r="ICP643" s="613"/>
      <c r="ICQ643" s="613"/>
      <c r="ICR643" s="613"/>
      <c r="ICS643" s="613"/>
      <c r="ICT643" s="613"/>
      <c r="ICU643" s="613"/>
      <c r="ICV643" s="613"/>
      <c r="ICW643" s="613"/>
      <c r="ICX643" s="613"/>
      <c r="ICY643" s="613"/>
      <c r="ICZ643" s="613"/>
      <c r="IDA643" s="613"/>
      <c r="IDB643" s="613"/>
      <c r="IDC643" s="613"/>
      <c r="IDD643" s="613"/>
      <c r="IDE643" s="613"/>
      <c r="IDF643" s="613"/>
      <c r="IDG643" s="613"/>
      <c r="IDH643" s="613"/>
      <c r="IDI643" s="613"/>
      <c r="IDJ643" s="613"/>
      <c r="IDK643" s="613"/>
      <c r="IDL643" s="613"/>
      <c r="IDM643" s="613"/>
      <c r="IDN643" s="613"/>
      <c r="IDO643" s="613"/>
      <c r="IDP643" s="613"/>
      <c r="IDQ643" s="613"/>
      <c r="IDR643" s="613"/>
      <c r="IDS643" s="613"/>
      <c r="IDT643" s="613"/>
      <c r="IDU643" s="613"/>
      <c r="IDV643" s="613"/>
      <c r="IDW643" s="613"/>
      <c r="IDX643" s="613"/>
      <c r="IDY643" s="613"/>
      <c r="IDZ643" s="613"/>
      <c r="IEA643" s="613"/>
      <c r="IEB643" s="613"/>
      <c r="IEC643" s="613"/>
      <c r="IED643" s="613"/>
      <c r="IEE643" s="613"/>
      <c r="IEF643" s="613"/>
      <c r="IEG643" s="613"/>
      <c r="IEH643" s="613"/>
      <c r="IEI643" s="613"/>
      <c r="IEJ643" s="613"/>
      <c r="IEK643" s="613"/>
      <c r="IEL643" s="613"/>
      <c r="IEM643" s="613"/>
      <c r="IEN643" s="613"/>
      <c r="IEO643" s="613"/>
      <c r="IEP643" s="613"/>
      <c r="IEQ643" s="613"/>
      <c r="IER643" s="613"/>
      <c r="IES643" s="613"/>
      <c r="IET643" s="613"/>
      <c r="IEU643" s="613"/>
      <c r="IEV643" s="613"/>
      <c r="IEW643" s="613"/>
      <c r="IEX643" s="613"/>
      <c r="IEY643" s="613"/>
      <c r="IEZ643" s="613"/>
      <c r="IFA643" s="613"/>
      <c r="IFB643" s="613"/>
      <c r="IFC643" s="613"/>
      <c r="IFD643" s="613"/>
      <c r="IFE643" s="613"/>
      <c r="IFF643" s="613"/>
      <c r="IFG643" s="613"/>
      <c r="IFH643" s="613"/>
      <c r="IFI643" s="613"/>
      <c r="IFJ643" s="613"/>
      <c r="IFK643" s="613"/>
      <c r="IFL643" s="613"/>
      <c r="IFM643" s="613"/>
      <c r="IFN643" s="613"/>
      <c r="IFO643" s="613"/>
      <c r="IFP643" s="613"/>
      <c r="IFQ643" s="613"/>
      <c r="IFR643" s="613"/>
      <c r="IFS643" s="613"/>
      <c r="IFT643" s="613"/>
      <c r="IFU643" s="613"/>
      <c r="IFV643" s="613"/>
      <c r="IFW643" s="613"/>
      <c r="IFX643" s="613"/>
      <c r="IFY643" s="613"/>
      <c r="IFZ643" s="613"/>
      <c r="IGA643" s="613"/>
      <c r="IGB643" s="613"/>
      <c r="IGC643" s="613"/>
      <c r="IGD643" s="613"/>
      <c r="IGE643" s="613"/>
      <c r="IGF643" s="613"/>
      <c r="IGG643" s="613"/>
      <c r="IGH643" s="613"/>
      <c r="IGI643" s="613"/>
      <c r="IGJ643" s="613"/>
      <c r="IGK643" s="613"/>
      <c r="IGL643" s="613"/>
      <c r="IGM643" s="613"/>
      <c r="IGN643" s="613"/>
      <c r="IGO643" s="613"/>
      <c r="IGP643" s="613"/>
      <c r="IGQ643" s="613"/>
      <c r="IGR643" s="613"/>
      <c r="IGS643" s="613"/>
      <c r="IGT643" s="613"/>
      <c r="IGU643" s="613"/>
      <c r="IGV643" s="613"/>
      <c r="IGW643" s="613"/>
      <c r="IGX643" s="613"/>
      <c r="IGY643" s="613"/>
      <c r="IGZ643" s="613"/>
      <c r="IHA643" s="613"/>
      <c r="IHB643" s="613"/>
      <c r="IHC643" s="613"/>
      <c r="IHD643" s="613"/>
      <c r="IHE643" s="613"/>
      <c r="IHF643" s="613"/>
      <c r="IHG643" s="613"/>
      <c r="IHH643" s="613"/>
      <c r="IHI643" s="613"/>
      <c r="IHJ643" s="613"/>
      <c r="IHK643" s="613"/>
      <c r="IHL643" s="613"/>
      <c r="IHM643" s="613"/>
      <c r="IHN643" s="613"/>
      <c r="IHO643" s="613"/>
      <c r="IHP643" s="613"/>
      <c r="IHQ643" s="613"/>
      <c r="IHR643" s="613"/>
      <c r="IHS643" s="613"/>
      <c r="IHT643" s="613"/>
      <c r="IHU643" s="613"/>
      <c r="IHV643" s="613"/>
      <c r="IHW643" s="613"/>
      <c r="IHX643" s="613"/>
      <c r="IHY643" s="613"/>
      <c r="IHZ643" s="613"/>
      <c r="IIA643" s="613"/>
      <c r="IIB643" s="613"/>
      <c r="IIC643" s="613"/>
      <c r="IID643" s="613"/>
      <c r="IIE643" s="613"/>
      <c r="IIF643" s="613"/>
      <c r="IIG643" s="613"/>
      <c r="IIH643" s="613"/>
      <c r="III643" s="613"/>
      <c r="IIJ643" s="613"/>
      <c r="IIK643" s="613"/>
      <c r="IIL643" s="613"/>
      <c r="IIM643" s="613"/>
      <c r="IIN643" s="613"/>
      <c r="IIO643" s="613"/>
      <c r="IIP643" s="613"/>
      <c r="IIQ643" s="613"/>
      <c r="IIR643" s="613"/>
      <c r="IIS643" s="613"/>
      <c r="IIT643" s="613"/>
      <c r="IIU643" s="613"/>
      <c r="IIV643" s="613"/>
      <c r="IIW643" s="613"/>
      <c r="IIX643" s="613"/>
      <c r="IIY643" s="613"/>
      <c r="IIZ643" s="613"/>
      <c r="IJA643" s="613"/>
      <c r="IJB643" s="613"/>
      <c r="IJC643" s="613"/>
      <c r="IJD643" s="613"/>
      <c r="IJE643" s="613"/>
      <c r="IJF643" s="613"/>
      <c r="IJG643" s="613"/>
      <c r="IJH643" s="613"/>
      <c r="IJI643" s="613"/>
      <c r="IJJ643" s="613"/>
      <c r="IJK643" s="613"/>
      <c r="IJL643" s="613"/>
      <c r="IJM643" s="613"/>
      <c r="IJN643" s="613"/>
      <c r="IJO643" s="613"/>
      <c r="IJP643" s="613"/>
      <c r="IJQ643" s="613"/>
      <c r="IJR643" s="613"/>
      <c r="IJS643" s="613"/>
      <c r="IJT643" s="613"/>
      <c r="IJU643" s="613"/>
      <c r="IJV643" s="613"/>
      <c r="IJW643" s="613"/>
      <c r="IJX643" s="613"/>
      <c r="IJY643" s="613"/>
      <c r="IJZ643" s="613"/>
      <c r="IKA643" s="613"/>
      <c r="IKB643" s="613"/>
      <c r="IKC643" s="613"/>
      <c r="IKD643" s="613"/>
      <c r="IKE643" s="613"/>
      <c r="IKF643" s="613"/>
      <c r="IKG643" s="613"/>
      <c r="IKH643" s="613"/>
      <c r="IKI643" s="613"/>
      <c r="IKJ643" s="613"/>
      <c r="IKK643" s="613"/>
      <c r="IKL643" s="613"/>
      <c r="IKM643" s="613"/>
      <c r="IKN643" s="613"/>
      <c r="IKO643" s="613"/>
      <c r="IKP643" s="613"/>
      <c r="IKQ643" s="613"/>
      <c r="IKR643" s="613"/>
      <c r="IKS643" s="613"/>
      <c r="IKT643" s="613"/>
      <c r="IKU643" s="613"/>
      <c r="IKV643" s="613"/>
      <c r="IKW643" s="613"/>
      <c r="IKX643" s="613"/>
      <c r="IKY643" s="613"/>
      <c r="IKZ643" s="613"/>
      <c r="ILA643" s="613"/>
      <c r="ILB643" s="613"/>
      <c r="ILC643" s="613"/>
      <c r="ILD643" s="613"/>
      <c r="ILE643" s="613"/>
      <c r="ILF643" s="613"/>
      <c r="ILG643" s="613"/>
      <c r="ILH643" s="613"/>
      <c r="ILI643" s="613"/>
      <c r="ILJ643" s="613"/>
      <c r="ILK643" s="613"/>
      <c r="ILL643" s="613"/>
      <c r="ILM643" s="613"/>
      <c r="ILN643" s="613"/>
      <c r="ILO643" s="613"/>
      <c r="ILP643" s="613"/>
      <c r="ILQ643" s="613"/>
      <c r="ILR643" s="613"/>
      <c r="ILS643" s="613"/>
      <c r="ILT643" s="613"/>
      <c r="ILU643" s="613"/>
      <c r="ILV643" s="613"/>
      <c r="ILW643" s="613"/>
      <c r="ILX643" s="613"/>
      <c r="ILY643" s="613"/>
      <c r="ILZ643" s="613"/>
      <c r="IMA643" s="613"/>
      <c r="IMB643" s="613"/>
      <c r="IMC643" s="613"/>
      <c r="IMD643" s="613"/>
      <c r="IME643" s="613"/>
      <c r="IMF643" s="613"/>
      <c r="IMG643" s="613"/>
      <c r="IMH643" s="613"/>
      <c r="IMI643" s="613"/>
      <c r="IMJ643" s="613"/>
      <c r="IMK643" s="613"/>
      <c r="IML643" s="613"/>
      <c r="IMM643" s="613"/>
      <c r="IMN643" s="613"/>
      <c r="IMO643" s="613"/>
      <c r="IMP643" s="613"/>
      <c r="IMQ643" s="613"/>
      <c r="IMR643" s="613"/>
      <c r="IMS643" s="613"/>
      <c r="IMT643" s="613"/>
      <c r="IMU643" s="613"/>
      <c r="IMV643" s="613"/>
      <c r="IMW643" s="613"/>
      <c r="IMX643" s="613"/>
      <c r="IMY643" s="613"/>
      <c r="IMZ643" s="613"/>
      <c r="INA643" s="613"/>
      <c r="INB643" s="613"/>
      <c r="INC643" s="613"/>
      <c r="IND643" s="613"/>
      <c r="INE643" s="613"/>
      <c r="INF643" s="613"/>
      <c r="ING643" s="613"/>
      <c r="INH643" s="613"/>
      <c r="INI643" s="613"/>
      <c r="INJ643" s="613"/>
      <c r="INK643" s="613"/>
      <c r="INL643" s="613"/>
      <c r="INM643" s="613"/>
      <c r="INN643" s="613"/>
      <c r="INO643" s="613"/>
      <c r="INP643" s="613"/>
      <c r="INQ643" s="613"/>
      <c r="INR643" s="613"/>
      <c r="INS643" s="613"/>
      <c r="INT643" s="613"/>
      <c r="INU643" s="613"/>
      <c r="INV643" s="613"/>
      <c r="INW643" s="613"/>
      <c r="INX643" s="613"/>
      <c r="INY643" s="613"/>
      <c r="INZ643" s="613"/>
      <c r="IOA643" s="613"/>
      <c r="IOB643" s="613"/>
      <c r="IOC643" s="613"/>
      <c r="IOD643" s="613"/>
      <c r="IOE643" s="613"/>
      <c r="IOF643" s="613"/>
      <c r="IOG643" s="613"/>
      <c r="IOH643" s="613"/>
      <c r="IOI643" s="613"/>
      <c r="IOJ643" s="613"/>
      <c r="IOK643" s="613"/>
      <c r="IOL643" s="613"/>
      <c r="IOM643" s="613"/>
      <c r="ION643" s="613"/>
      <c r="IOO643" s="613"/>
      <c r="IOP643" s="613"/>
      <c r="IOQ643" s="613"/>
      <c r="IOR643" s="613"/>
      <c r="IOS643" s="613"/>
      <c r="IOT643" s="613"/>
      <c r="IOU643" s="613"/>
      <c r="IOV643" s="613"/>
      <c r="IOW643" s="613"/>
      <c r="IOX643" s="613"/>
      <c r="IOY643" s="613"/>
      <c r="IOZ643" s="613"/>
      <c r="IPA643" s="613"/>
      <c r="IPB643" s="613"/>
      <c r="IPC643" s="613"/>
      <c r="IPD643" s="613"/>
      <c r="IPE643" s="613"/>
      <c r="IPF643" s="613"/>
      <c r="IPG643" s="613"/>
      <c r="IPH643" s="613"/>
      <c r="IPI643" s="613"/>
      <c r="IPJ643" s="613"/>
      <c r="IPK643" s="613"/>
      <c r="IPL643" s="613"/>
      <c r="IPM643" s="613"/>
      <c r="IPN643" s="613"/>
      <c r="IPO643" s="613"/>
      <c r="IPP643" s="613"/>
      <c r="IPQ643" s="613"/>
      <c r="IPR643" s="613"/>
      <c r="IPS643" s="613"/>
      <c r="IPT643" s="613"/>
      <c r="IPU643" s="613"/>
      <c r="IPV643" s="613"/>
      <c r="IPW643" s="613"/>
      <c r="IPX643" s="613"/>
      <c r="IPY643" s="613"/>
      <c r="IPZ643" s="613"/>
      <c r="IQA643" s="613"/>
      <c r="IQB643" s="613"/>
      <c r="IQC643" s="613"/>
      <c r="IQD643" s="613"/>
      <c r="IQE643" s="613"/>
      <c r="IQF643" s="613"/>
      <c r="IQG643" s="613"/>
      <c r="IQH643" s="613"/>
      <c r="IQI643" s="613"/>
      <c r="IQJ643" s="613"/>
      <c r="IQK643" s="613"/>
      <c r="IQL643" s="613"/>
      <c r="IQM643" s="613"/>
      <c r="IQN643" s="613"/>
      <c r="IQO643" s="613"/>
      <c r="IQP643" s="613"/>
      <c r="IQQ643" s="613"/>
      <c r="IQR643" s="613"/>
      <c r="IQS643" s="613"/>
      <c r="IQT643" s="613"/>
      <c r="IQU643" s="613"/>
      <c r="IQV643" s="613"/>
      <c r="IQW643" s="613"/>
      <c r="IQX643" s="613"/>
      <c r="IQY643" s="613"/>
      <c r="IQZ643" s="613"/>
      <c r="IRA643" s="613"/>
      <c r="IRB643" s="613"/>
      <c r="IRC643" s="613"/>
      <c r="IRD643" s="613"/>
      <c r="IRE643" s="613"/>
      <c r="IRF643" s="613"/>
      <c r="IRG643" s="613"/>
      <c r="IRH643" s="613"/>
      <c r="IRI643" s="613"/>
      <c r="IRJ643" s="613"/>
      <c r="IRK643" s="613"/>
      <c r="IRL643" s="613"/>
      <c r="IRM643" s="613"/>
      <c r="IRN643" s="613"/>
      <c r="IRO643" s="613"/>
      <c r="IRP643" s="613"/>
      <c r="IRQ643" s="613"/>
      <c r="IRR643" s="613"/>
      <c r="IRS643" s="613"/>
      <c r="IRT643" s="613"/>
      <c r="IRU643" s="613"/>
      <c r="IRV643" s="613"/>
      <c r="IRW643" s="613"/>
      <c r="IRX643" s="613"/>
      <c r="IRY643" s="613"/>
      <c r="IRZ643" s="613"/>
      <c r="ISA643" s="613"/>
      <c r="ISB643" s="613"/>
      <c r="ISC643" s="613"/>
      <c r="ISD643" s="613"/>
      <c r="ISE643" s="613"/>
      <c r="ISF643" s="613"/>
      <c r="ISG643" s="613"/>
      <c r="ISH643" s="613"/>
      <c r="ISI643" s="613"/>
      <c r="ISJ643" s="613"/>
      <c r="ISK643" s="613"/>
      <c r="ISL643" s="613"/>
      <c r="ISM643" s="613"/>
      <c r="ISN643" s="613"/>
      <c r="ISO643" s="613"/>
      <c r="ISP643" s="613"/>
      <c r="ISQ643" s="613"/>
      <c r="ISR643" s="613"/>
      <c r="ISS643" s="613"/>
      <c r="IST643" s="613"/>
      <c r="ISU643" s="613"/>
      <c r="ISV643" s="613"/>
      <c r="ISW643" s="613"/>
      <c r="ISX643" s="613"/>
      <c r="ISY643" s="613"/>
      <c r="ISZ643" s="613"/>
      <c r="ITA643" s="613"/>
      <c r="ITB643" s="613"/>
      <c r="ITC643" s="613"/>
      <c r="ITD643" s="613"/>
      <c r="ITE643" s="613"/>
      <c r="ITF643" s="613"/>
      <c r="ITG643" s="613"/>
      <c r="ITH643" s="613"/>
      <c r="ITI643" s="613"/>
      <c r="ITJ643" s="613"/>
      <c r="ITK643" s="613"/>
      <c r="ITL643" s="613"/>
      <c r="ITM643" s="613"/>
      <c r="ITN643" s="613"/>
      <c r="ITO643" s="613"/>
      <c r="ITP643" s="613"/>
      <c r="ITQ643" s="613"/>
      <c r="ITR643" s="613"/>
      <c r="ITS643" s="613"/>
      <c r="ITT643" s="613"/>
      <c r="ITU643" s="613"/>
      <c r="ITV643" s="613"/>
      <c r="ITW643" s="613"/>
      <c r="ITX643" s="613"/>
      <c r="ITY643" s="613"/>
      <c r="ITZ643" s="613"/>
      <c r="IUA643" s="613"/>
      <c r="IUB643" s="613"/>
      <c r="IUC643" s="613"/>
      <c r="IUD643" s="613"/>
      <c r="IUE643" s="613"/>
      <c r="IUF643" s="613"/>
      <c r="IUG643" s="613"/>
      <c r="IUH643" s="613"/>
      <c r="IUI643" s="613"/>
      <c r="IUJ643" s="613"/>
      <c r="IUK643" s="613"/>
      <c r="IUL643" s="613"/>
      <c r="IUM643" s="613"/>
      <c r="IUN643" s="613"/>
      <c r="IUO643" s="613"/>
      <c r="IUP643" s="613"/>
      <c r="IUQ643" s="613"/>
      <c r="IUR643" s="613"/>
      <c r="IUS643" s="613"/>
      <c r="IUT643" s="613"/>
      <c r="IUU643" s="613"/>
      <c r="IUV643" s="613"/>
      <c r="IUW643" s="613"/>
      <c r="IUX643" s="613"/>
      <c r="IUY643" s="613"/>
      <c r="IUZ643" s="613"/>
      <c r="IVA643" s="613"/>
      <c r="IVB643" s="613"/>
      <c r="IVC643" s="613"/>
      <c r="IVD643" s="613"/>
      <c r="IVE643" s="613"/>
      <c r="IVF643" s="613"/>
      <c r="IVG643" s="613"/>
      <c r="IVH643" s="613"/>
      <c r="IVI643" s="613"/>
      <c r="IVJ643" s="613"/>
      <c r="IVK643" s="613"/>
      <c r="IVL643" s="613"/>
      <c r="IVM643" s="613"/>
      <c r="IVN643" s="613"/>
      <c r="IVO643" s="613"/>
      <c r="IVP643" s="613"/>
      <c r="IVQ643" s="613"/>
      <c r="IVR643" s="613"/>
      <c r="IVS643" s="613"/>
      <c r="IVT643" s="613"/>
      <c r="IVU643" s="613"/>
      <c r="IVV643" s="613"/>
      <c r="IVW643" s="613"/>
      <c r="IVX643" s="613"/>
      <c r="IVY643" s="613"/>
      <c r="IVZ643" s="613"/>
      <c r="IWA643" s="613"/>
      <c r="IWB643" s="613"/>
      <c r="IWC643" s="613"/>
      <c r="IWD643" s="613"/>
      <c r="IWE643" s="613"/>
      <c r="IWF643" s="613"/>
      <c r="IWG643" s="613"/>
      <c r="IWH643" s="613"/>
      <c r="IWI643" s="613"/>
      <c r="IWJ643" s="613"/>
      <c r="IWK643" s="613"/>
      <c r="IWL643" s="613"/>
      <c r="IWM643" s="613"/>
      <c r="IWN643" s="613"/>
      <c r="IWO643" s="613"/>
      <c r="IWP643" s="613"/>
      <c r="IWQ643" s="613"/>
      <c r="IWR643" s="613"/>
      <c r="IWS643" s="613"/>
      <c r="IWT643" s="613"/>
      <c r="IWU643" s="613"/>
      <c r="IWV643" s="613"/>
      <c r="IWW643" s="613"/>
      <c r="IWX643" s="613"/>
      <c r="IWY643" s="613"/>
      <c r="IWZ643" s="613"/>
      <c r="IXA643" s="613"/>
      <c r="IXB643" s="613"/>
      <c r="IXC643" s="613"/>
      <c r="IXD643" s="613"/>
      <c r="IXE643" s="613"/>
      <c r="IXF643" s="613"/>
      <c r="IXG643" s="613"/>
      <c r="IXH643" s="613"/>
      <c r="IXI643" s="613"/>
      <c r="IXJ643" s="613"/>
      <c r="IXK643" s="613"/>
      <c r="IXL643" s="613"/>
      <c r="IXM643" s="613"/>
      <c r="IXN643" s="613"/>
      <c r="IXO643" s="613"/>
      <c r="IXP643" s="613"/>
      <c r="IXQ643" s="613"/>
      <c r="IXR643" s="613"/>
      <c r="IXS643" s="613"/>
      <c r="IXT643" s="613"/>
      <c r="IXU643" s="613"/>
      <c r="IXV643" s="613"/>
      <c r="IXW643" s="613"/>
      <c r="IXX643" s="613"/>
      <c r="IXY643" s="613"/>
      <c r="IXZ643" s="613"/>
      <c r="IYA643" s="613"/>
      <c r="IYB643" s="613"/>
      <c r="IYC643" s="613"/>
      <c r="IYD643" s="613"/>
      <c r="IYE643" s="613"/>
      <c r="IYF643" s="613"/>
      <c r="IYG643" s="613"/>
      <c r="IYH643" s="613"/>
      <c r="IYI643" s="613"/>
      <c r="IYJ643" s="613"/>
      <c r="IYK643" s="613"/>
      <c r="IYL643" s="613"/>
      <c r="IYM643" s="613"/>
      <c r="IYN643" s="613"/>
      <c r="IYO643" s="613"/>
      <c r="IYP643" s="613"/>
      <c r="IYQ643" s="613"/>
      <c r="IYR643" s="613"/>
      <c r="IYS643" s="613"/>
      <c r="IYT643" s="613"/>
      <c r="IYU643" s="613"/>
      <c r="IYV643" s="613"/>
      <c r="IYW643" s="613"/>
      <c r="IYX643" s="613"/>
      <c r="IYY643" s="613"/>
      <c r="IYZ643" s="613"/>
      <c r="IZA643" s="613"/>
      <c r="IZB643" s="613"/>
      <c r="IZC643" s="613"/>
      <c r="IZD643" s="613"/>
      <c r="IZE643" s="613"/>
      <c r="IZF643" s="613"/>
      <c r="IZG643" s="613"/>
      <c r="IZH643" s="613"/>
      <c r="IZI643" s="613"/>
      <c r="IZJ643" s="613"/>
      <c r="IZK643" s="613"/>
      <c r="IZL643" s="613"/>
      <c r="IZM643" s="613"/>
      <c r="IZN643" s="613"/>
      <c r="IZO643" s="613"/>
      <c r="IZP643" s="613"/>
      <c r="IZQ643" s="613"/>
      <c r="IZR643" s="613"/>
      <c r="IZS643" s="613"/>
      <c r="IZT643" s="613"/>
      <c r="IZU643" s="613"/>
      <c r="IZV643" s="613"/>
      <c r="IZW643" s="613"/>
      <c r="IZX643" s="613"/>
      <c r="IZY643" s="613"/>
      <c r="IZZ643" s="613"/>
      <c r="JAA643" s="613"/>
      <c r="JAB643" s="613"/>
      <c r="JAC643" s="613"/>
      <c r="JAD643" s="613"/>
      <c r="JAE643" s="613"/>
      <c r="JAF643" s="613"/>
      <c r="JAG643" s="613"/>
      <c r="JAH643" s="613"/>
      <c r="JAI643" s="613"/>
      <c r="JAJ643" s="613"/>
      <c r="JAK643" s="613"/>
      <c r="JAL643" s="613"/>
      <c r="JAM643" s="613"/>
      <c r="JAN643" s="613"/>
      <c r="JAO643" s="613"/>
      <c r="JAP643" s="613"/>
      <c r="JAQ643" s="613"/>
      <c r="JAR643" s="613"/>
      <c r="JAS643" s="613"/>
      <c r="JAT643" s="613"/>
      <c r="JAU643" s="613"/>
      <c r="JAV643" s="613"/>
      <c r="JAW643" s="613"/>
      <c r="JAX643" s="613"/>
      <c r="JAY643" s="613"/>
      <c r="JAZ643" s="613"/>
      <c r="JBA643" s="613"/>
      <c r="JBB643" s="613"/>
      <c r="JBC643" s="613"/>
      <c r="JBD643" s="613"/>
      <c r="JBE643" s="613"/>
      <c r="JBF643" s="613"/>
      <c r="JBG643" s="613"/>
      <c r="JBH643" s="613"/>
      <c r="JBI643" s="613"/>
      <c r="JBJ643" s="613"/>
      <c r="JBK643" s="613"/>
      <c r="JBL643" s="613"/>
      <c r="JBM643" s="613"/>
      <c r="JBN643" s="613"/>
      <c r="JBO643" s="613"/>
      <c r="JBP643" s="613"/>
      <c r="JBQ643" s="613"/>
      <c r="JBR643" s="613"/>
      <c r="JBS643" s="613"/>
      <c r="JBT643" s="613"/>
      <c r="JBU643" s="613"/>
      <c r="JBV643" s="613"/>
      <c r="JBW643" s="613"/>
      <c r="JBX643" s="613"/>
      <c r="JBY643" s="613"/>
      <c r="JBZ643" s="613"/>
      <c r="JCA643" s="613"/>
      <c r="JCB643" s="613"/>
      <c r="JCC643" s="613"/>
      <c r="JCD643" s="613"/>
      <c r="JCE643" s="613"/>
      <c r="JCF643" s="613"/>
      <c r="JCG643" s="613"/>
      <c r="JCH643" s="613"/>
      <c r="JCI643" s="613"/>
      <c r="JCJ643" s="613"/>
      <c r="JCK643" s="613"/>
      <c r="JCL643" s="613"/>
      <c r="JCM643" s="613"/>
      <c r="JCN643" s="613"/>
      <c r="JCO643" s="613"/>
      <c r="JCP643" s="613"/>
      <c r="JCQ643" s="613"/>
      <c r="JCR643" s="613"/>
      <c r="JCS643" s="613"/>
      <c r="JCT643" s="613"/>
      <c r="JCU643" s="613"/>
      <c r="JCV643" s="613"/>
      <c r="JCW643" s="613"/>
      <c r="JCX643" s="613"/>
      <c r="JCY643" s="613"/>
      <c r="JCZ643" s="613"/>
      <c r="JDA643" s="613"/>
      <c r="JDB643" s="613"/>
      <c r="JDC643" s="613"/>
      <c r="JDD643" s="613"/>
      <c r="JDE643" s="613"/>
      <c r="JDF643" s="613"/>
      <c r="JDG643" s="613"/>
      <c r="JDH643" s="613"/>
      <c r="JDI643" s="613"/>
      <c r="JDJ643" s="613"/>
      <c r="JDK643" s="613"/>
      <c r="JDL643" s="613"/>
      <c r="JDM643" s="613"/>
      <c r="JDN643" s="613"/>
      <c r="JDO643" s="613"/>
      <c r="JDP643" s="613"/>
      <c r="JDQ643" s="613"/>
      <c r="JDR643" s="613"/>
      <c r="JDS643" s="613"/>
      <c r="JDT643" s="613"/>
      <c r="JDU643" s="613"/>
      <c r="JDV643" s="613"/>
      <c r="JDW643" s="613"/>
      <c r="JDX643" s="613"/>
      <c r="JDY643" s="613"/>
      <c r="JDZ643" s="613"/>
      <c r="JEA643" s="613"/>
      <c r="JEB643" s="613"/>
      <c r="JEC643" s="613"/>
      <c r="JED643" s="613"/>
      <c r="JEE643" s="613"/>
      <c r="JEF643" s="613"/>
      <c r="JEG643" s="613"/>
      <c r="JEH643" s="613"/>
      <c r="JEI643" s="613"/>
      <c r="JEJ643" s="613"/>
      <c r="JEK643" s="613"/>
      <c r="JEL643" s="613"/>
      <c r="JEM643" s="613"/>
      <c r="JEN643" s="613"/>
      <c r="JEO643" s="613"/>
      <c r="JEP643" s="613"/>
      <c r="JEQ643" s="613"/>
      <c r="JER643" s="613"/>
      <c r="JES643" s="613"/>
      <c r="JET643" s="613"/>
      <c r="JEU643" s="613"/>
      <c r="JEV643" s="613"/>
      <c r="JEW643" s="613"/>
      <c r="JEX643" s="613"/>
      <c r="JEY643" s="613"/>
      <c r="JEZ643" s="613"/>
      <c r="JFA643" s="613"/>
      <c r="JFB643" s="613"/>
      <c r="JFC643" s="613"/>
      <c r="JFD643" s="613"/>
      <c r="JFE643" s="613"/>
      <c r="JFF643" s="613"/>
      <c r="JFG643" s="613"/>
      <c r="JFH643" s="613"/>
      <c r="JFI643" s="613"/>
      <c r="JFJ643" s="613"/>
      <c r="JFK643" s="613"/>
      <c r="JFL643" s="613"/>
      <c r="JFM643" s="613"/>
      <c r="JFN643" s="613"/>
      <c r="JFO643" s="613"/>
      <c r="JFP643" s="613"/>
      <c r="JFQ643" s="613"/>
      <c r="JFR643" s="613"/>
      <c r="JFS643" s="613"/>
      <c r="JFT643" s="613"/>
      <c r="JFU643" s="613"/>
      <c r="JFV643" s="613"/>
      <c r="JFW643" s="613"/>
      <c r="JFX643" s="613"/>
      <c r="JFY643" s="613"/>
      <c r="JFZ643" s="613"/>
      <c r="JGA643" s="613"/>
      <c r="JGB643" s="613"/>
      <c r="JGC643" s="613"/>
      <c r="JGD643" s="613"/>
      <c r="JGE643" s="613"/>
      <c r="JGF643" s="613"/>
      <c r="JGG643" s="613"/>
      <c r="JGH643" s="613"/>
      <c r="JGI643" s="613"/>
      <c r="JGJ643" s="613"/>
      <c r="JGK643" s="613"/>
      <c r="JGL643" s="613"/>
      <c r="JGM643" s="613"/>
      <c r="JGN643" s="613"/>
      <c r="JGO643" s="613"/>
      <c r="JGP643" s="613"/>
      <c r="JGQ643" s="613"/>
      <c r="JGR643" s="613"/>
      <c r="JGS643" s="613"/>
      <c r="JGT643" s="613"/>
      <c r="JGU643" s="613"/>
      <c r="JGV643" s="613"/>
      <c r="JGW643" s="613"/>
      <c r="JGX643" s="613"/>
      <c r="JGY643" s="613"/>
      <c r="JGZ643" s="613"/>
      <c r="JHA643" s="613"/>
      <c r="JHB643" s="613"/>
      <c r="JHC643" s="613"/>
      <c r="JHD643" s="613"/>
      <c r="JHE643" s="613"/>
      <c r="JHF643" s="613"/>
      <c r="JHG643" s="613"/>
      <c r="JHH643" s="613"/>
      <c r="JHI643" s="613"/>
      <c r="JHJ643" s="613"/>
      <c r="JHK643" s="613"/>
      <c r="JHL643" s="613"/>
      <c r="JHM643" s="613"/>
      <c r="JHN643" s="613"/>
      <c r="JHO643" s="613"/>
      <c r="JHP643" s="613"/>
      <c r="JHQ643" s="613"/>
      <c r="JHR643" s="613"/>
      <c r="JHS643" s="613"/>
      <c r="JHT643" s="613"/>
      <c r="JHU643" s="613"/>
      <c r="JHV643" s="613"/>
      <c r="JHW643" s="613"/>
      <c r="JHX643" s="613"/>
      <c r="JHY643" s="613"/>
      <c r="JHZ643" s="613"/>
      <c r="JIA643" s="613"/>
      <c r="JIB643" s="613"/>
      <c r="JIC643" s="613"/>
      <c r="JID643" s="613"/>
      <c r="JIE643" s="613"/>
      <c r="JIF643" s="613"/>
      <c r="JIG643" s="613"/>
      <c r="JIH643" s="613"/>
      <c r="JII643" s="613"/>
      <c r="JIJ643" s="613"/>
      <c r="JIK643" s="613"/>
      <c r="JIL643" s="613"/>
      <c r="JIM643" s="613"/>
      <c r="JIN643" s="613"/>
      <c r="JIO643" s="613"/>
      <c r="JIP643" s="613"/>
      <c r="JIQ643" s="613"/>
      <c r="JIR643" s="613"/>
      <c r="JIS643" s="613"/>
      <c r="JIT643" s="613"/>
      <c r="JIU643" s="613"/>
      <c r="JIV643" s="613"/>
      <c r="JIW643" s="613"/>
      <c r="JIX643" s="613"/>
      <c r="JIY643" s="613"/>
      <c r="JIZ643" s="613"/>
      <c r="JJA643" s="613"/>
      <c r="JJB643" s="613"/>
      <c r="JJC643" s="613"/>
      <c r="JJD643" s="613"/>
      <c r="JJE643" s="613"/>
      <c r="JJF643" s="613"/>
      <c r="JJG643" s="613"/>
      <c r="JJH643" s="613"/>
      <c r="JJI643" s="613"/>
      <c r="JJJ643" s="613"/>
      <c r="JJK643" s="613"/>
      <c r="JJL643" s="613"/>
      <c r="JJM643" s="613"/>
      <c r="JJN643" s="613"/>
      <c r="JJO643" s="613"/>
      <c r="JJP643" s="613"/>
      <c r="JJQ643" s="613"/>
      <c r="JJR643" s="613"/>
      <c r="JJS643" s="613"/>
      <c r="JJT643" s="613"/>
      <c r="JJU643" s="613"/>
      <c r="JJV643" s="613"/>
      <c r="JJW643" s="613"/>
      <c r="JJX643" s="613"/>
      <c r="JJY643" s="613"/>
      <c r="JJZ643" s="613"/>
      <c r="JKA643" s="613"/>
      <c r="JKB643" s="613"/>
      <c r="JKC643" s="613"/>
      <c r="JKD643" s="613"/>
      <c r="JKE643" s="613"/>
      <c r="JKF643" s="613"/>
      <c r="JKG643" s="613"/>
      <c r="JKH643" s="613"/>
      <c r="JKI643" s="613"/>
      <c r="JKJ643" s="613"/>
      <c r="JKK643" s="613"/>
      <c r="JKL643" s="613"/>
      <c r="JKM643" s="613"/>
      <c r="JKN643" s="613"/>
      <c r="JKO643" s="613"/>
      <c r="JKP643" s="613"/>
      <c r="JKQ643" s="613"/>
      <c r="JKR643" s="613"/>
      <c r="JKS643" s="613"/>
      <c r="JKT643" s="613"/>
      <c r="JKU643" s="613"/>
      <c r="JKV643" s="613"/>
      <c r="JKW643" s="613"/>
      <c r="JKX643" s="613"/>
      <c r="JKY643" s="613"/>
      <c r="JKZ643" s="613"/>
      <c r="JLA643" s="613"/>
      <c r="JLB643" s="613"/>
      <c r="JLC643" s="613"/>
      <c r="JLD643" s="613"/>
      <c r="JLE643" s="613"/>
      <c r="JLF643" s="613"/>
      <c r="JLG643" s="613"/>
      <c r="JLH643" s="613"/>
      <c r="JLI643" s="613"/>
      <c r="JLJ643" s="613"/>
      <c r="JLK643" s="613"/>
      <c r="JLL643" s="613"/>
      <c r="JLM643" s="613"/>
      <c r="JLN643" s="613"/>
      <c r="JLO643" s="613"/>
      <c r="JLP643" s="613"/>
      <c r="JLQ643" s="613"/>
      <c r="JLR643" s="613"/>
      <c r="JLS643" s="613"/>
      <c r="JLT643" s="613"/>
      <c r="JLU643" s="613"/>
      <c r="JLV643" s="613"/>
      <c r="JLW643" s="613"/>
      <c r="JLX643" s="613"/>
      <c r="JLY643" s="613"/>
      <c r="JLZ643" s="613"/>
      <c r="JMA643" s="613"/>
      <c r="JMB643" s="613"/>
      <c r="JMC643" s="613"/>
      <c r="JMD643" s="613"/>
      <c r="JME643" s="613"/>
      <c r="JMF643" s="613"/>
      <c r="JMG643" s="613"/>
      <c r="JMH643" s="613"/>
      <c r="JMI643" s="613"/>
      <c r="JMJ643" s="613"/>
      <c r="JMK643" s="613"/>
      <c r="JML643" s="613"/>
      <c r="JMM643" s="613"/>
      <c r="JMN643" s="613"/>
      <c r="JMO643" s="613"/>
      <c r="JMP643" s="613"/>
      <c r="JMQ643" s="613"/>
      <c r="JMR643" s="613"/>
      <c r="JMS643" s="613"/>
      <c r="JMT643" s="613"/>
      <c r="JMU643" s="613"/>
      <c r="JMV643" s="613"/>
      <c r="JMW643" s="613"/>
      <c r="JMX643" s="613"/>
      <c r="JMY643" s="613"/>
      <c r="JMZ643" s="613"/>
      <c r="JNA643" s="613"/>
      <c r="JNB643" s="613"/>
      <c r="JNC643" s="613"/>
      <c r="JND643" s="613"/>
      <c r="JNE643" s="613"/>
      <c r="JNF643" s="613"/>
      <c r="JNG643" s="613"/>
      <c r="JNH643" s="613"/>
      <c r="JNI643" s="613"/>
      <c r="JNJ643" s="613"/>
      <c r="JNK643" s="613"/>
      <c r="JNL643" s="613"/>
      <c r="JNM643" s="613"/>
      <c r="JNN643" s="613"/>
      <c r="JNO643" s="613"/>
      <c r="JNP643" s="613"/>
      <c r="JNQ643" s="613"/>
      <c r="JNR643" s="613"/>
      <c r="JNS643" s="613"/>
      <c r="JNT643" s="613"/>
      <c r="JNU643" s="613"/>
      <c r="JNV643" s="613"/>
      <c r="JNW643" s="613"/>
      <c r="JNX643" s="613"/>
      <c r="JNY643" s="613"/>
      <c r="JNZ643" s="613"/>
      <c r="JOA643" s="613"/>
      <c r="JOB643" s="613"/>
      <c r="JOC643" s="613"/>
      <c r="JOD643" s="613"/>
      <c r="JOE643" s="613"/>
      <c r="JOF643" s="613"/>
      <c r="JOG643" s="613"/>
      <c r="JOH643" s="613"/>
      <c r="JOI643" s="613"/>
      <c r="JOJ643" s="613"/>
      <c r="JOK643" s="613"/>
      <c r="JOL643" s="613"/>
      <c r="JOM643" s="613"/>
      <c r="JON643" s="613"/>
      <c r="JOO643" s="613"/>
      <c r="JOP643" s="613"/>
      <c r="JOQ643" s="613"/>
      <c r="JOR643" s="613"/>
      <c r="JOS643" s="613"/>
      <c r="JOT643" s="613"/>
      <c r="JOU643" s="613"/>
      <c r="JOV643" s="613"/>
      <c r="JOW643" s="613"/>
      <c r="JOX643" s="613"/>
      <c r="JOY643" s="613"/>
      <c r="JOZ643" s="613"/>
      <c r="JPA643" s="613"/>
      <c r="JPB643" s="613"/>
      <c r="JPC643" s="613"/>
      <c r="JPD643" s="613"/>
      <c r="JPE643" s="613"/>
      <c r="JPF643" s="613"/>
      <c r="JPG643" s="613"/>
      <c r="JPH643" s="613"/>
      <c r="JPI643" s="613"/>
      <c r="JPJ643" s="613"/>
      <c r="JPK643" s="613"/>
      <c r="JPL643" s="613"/>
      <c r="JPM643" s="613"/>
      <c r="JPN643" s="613"/>
      <c r="JPO643" s="613"/>
      <c r="JPP643" s="613"/>
      <c r="JPQ643" s="613"/>
      <c r="JPR643" s="613"/>
      <c r="JPS643" s="613"/>
      <c r="JPT643" s="613"/>
      <c r="JPU643" s="613"/>
      <c r="JPV643" s="613"/>
      <c r="JPW643" s="613"/>
      <c r="JPX643" s="613"/>
      <c r="JPY643" s="613"/>
      <c r="JPZ643" s="613"/>
      <c r="JQA643" s="613"/>
      <c r="JQB643" s="613"/>
      <c r="JQC643" s="613"/>
      <c r="JQD643" s="613"/>
      <c r="JQE643" s="613"/>
      <c r="JQF643" s="613"/>
      <c r="JQG643" s="613"/>
      <c r="JQH643" s="613"/>
      <c r="JQI643" s="613"/>
      <c r="JQJ643" s="613"/>
      <c r="JQK643" s="613"/>
      <c r="JQL643" s="613"/>
      <c r="JQM643" s="613"/>
      <c r="JQN643" s="613"/>
      <c r="JQO643" s="613"/>
      <c r="JQP643" s="613"/>
      <c r="JQQ643" s="613"/>
      <c r="JQR643" s="613"/>
      <c r="JQS643" s="613"/>
      <c r="JQT643" s="613"/>
      <c r="JQU643" s="613"/>
      <c r="JQV643" s="613"/>
      <c r="JQW643" s="613"/>
      <c r="JQX643" s="613"/>
      <c r="JQY643" s="613"/>
      <c r="JQZ643" s="613"/>
      <c r="JRA643" s="613"/>
      <c r="JRB643" s="613"/>
      <c r="JRC643" s="613"/>
      <c r="JRD643" s="613"/>
      <c r="JRE643" s="613"/>
      <c r="JRF643" s="613"/>
      <c r="JRG643" s="613"/>
      <c r="JRH643" s="613"/>
      <c r="JRI643" s="613"/>
      <c r="JRJ643" s="613"/>
      <c r="JRK643" s="613"/>
      <c r="JRL643" s="613"/>
      <c r="JRM643" s="613"/>
      <c r="JRN643" s="613"/>
      <c r="JRO643" s="613"/>
      <c r="JRP643" s="613"/>
      <c r="JRQ643" s="613"/>
      <c r="JRR643" s="613"/>
      <c r="JRS643" s="613"/>
      <c r="JRT643" s="613"/>
      <c r="JRU643" s="613"/>
      <c r="JRV643" s="613"/>
      <c r="JRW643" s="613"/>
      <c r="JRX643" s="613"/>
      <c r="JRY643" s="613"/>
      <c r="JRZ643" s="613"/>
      <c r="JSA643" s="613"/>
      <c r="JSB643" s="613"/>
      <c r="JSC643" s="613"/>
      <c r="JSD643" s="613"/>
      <c r="JSE643" s="613"/>
      <c r="JSF643" s="613"/>
      <c r="JSG643" s="613"/>
      <c r="JSH643" s="613"/>
      <c r="JSI643" s="613"/>
      <c r="JSJ643" s="613"/>
      <c r="JSK643" s="613"/>
      <c r="JSL643" s="613"/>
      <c r="JSM643" s="613"/>
      <c r="JSN643" s="613"/>
      <c r="JSO643" s="613"/>
      <c r="JSP643" s="613"/>
      <c r="JSQ643" s="613"/>
      <c r="JSR643" s="613"/>
      <c r="JSS643" s="613"/>
      <c r="JST643" s="613"/>
      <c r="JSU643" s="613"/>
      <c r="JSV643" s="613"/>
      <c r="JSW643" s="613"/>
      <c r="JSX643" s="613"/>
      <c r="JSY643" s="613"/>
      <c r="JSZ643" s="613"/>
      <c r="JTA643" s="613"/>
      <c r="JTB643" s="613"/>
      <c r="JTC643" s="613"/>
      <c r="JTD643" s="613"/>
      <c r="JTE643" s="613"/>
      <c r="JTF643" s="613"/>
      <c r="JTG643" s="613"/>
      <c r="JTH643" s="613"/>
      <c r="JTI643" s="613"/>
      <c r="JTJ643" s="613"/>
      <c r="JTK643" s="613"/>
      <c r="JTL643" s="613"/>
      <c r="JTM643" s="613"/>
      <c r="JTN643" s="613"/>
      <c r="JTO643" s="613"/>
      <c r="JTP643" s="613"/>
      <c r="JTQ643" s="613"/>
      <c r="JTR643" s="613"/>
      <c r="JTS643" s="613"/>
      <c r="JTT643" s="613"/>
      <c r="JTU643" s="613"/>
      <c r="JTV643" s="613"/>
      <c r="JTW643" s="613"/>
      <c r="JTX643" s="613"/>
      <c r="JTY643" s="613"/>
      <c r="JTZ643" s="613"/>
      <c r="JUA643" s="613"/>
      <c r="JUB643" s="613"/>
      <c r="JUC643" s="613"/>
      <c r="JUD643" s="613"/>
      <c r="JUE643" s="613"/>
      <c r="JUF643" s="613"/>
      <c r="JUG643" s="613"/>
      <c r="JUH643" s="613"/>
      <c r="JUI643" s="613"/>
      <c r="JUJ643" s="613"/>
      <c r="JUK643" s="613"/>
      <c r="JUL643" s="613"/>
      <c r="JUM643" s="613"/>
      <c r="JUN643" s="613"/>
      <c r="JUO643" s="613"/>
      <c r="JUP643" s="613"/>
      <c r="JUQ643" s="613"/>
      <c r="JUR643" s="613"/>
      <c r="JUS643" s="613"/>
      <c r="JUT643" s="613"/>
      <c r="JUU643" s="613"/>
      <c r="JUV643" s="613"/>
      <c r="JUW643" s="613"/>
      <c r="JUX643" s="613"/>
      <c r="JUY643" s="613"/>
      <c r="JUZ643" s="613"/>
      <c r="JVA643" s="613"/>
      <c r="JVB643" s="613"/>
      <c r="JVC643" s="613"/>
      <c r="JVD643" s="613"/>
      <c r="JVE643" s="613"/>
      <c r="JVF643" s="613"/>
      <c r="JVG643" s="613"/>
      <c r="JVH643" s="613"/>
      <c r="JVI643" s="613"/>
      <c r="JVJ643" s="613"/>
      <c r="JVK643" s="613"/>
      <c r="JVL643" s="613"/>
      <c r="JVM643" s="613"/>
      <c r="JVN643" s="613"/>
      <c r="JVO643" s="613"/>
      <c r="JVP643" s="613"/>
      <c r="JVQ643" s="613"/>
      <c r="JVR643" s="613"/>
      <c r="JVS643" s="613"/>
      <c r="JVT643" s="613"/>
      <c r="JVU643" s="613"/>
      <c r="JVV643" s="613"/>
      <c r="JVW643" s="613"/>
      <c r="JVX643" s="613"/>
      <c r="JVY643" s="613"/>
      <c r="JVZ643" s="613"/>
      <c r="JWA643" s="613"/>
      <c r="JWB643" s="613"/>
      <c r="JWC643" s="613"/>
      <c r="JWD643" s="613"/>
      <c r="JWE643" s="613"/>
      <c r="JWF643" s="613"/>
      <c r="JWG643" s="613"/>
      <c r="JWH643" s="613"/>
      <c r="JWI643" s="613"/>
      <c r="JWJ643" s="613"/>
      <c r="JWK643" s="613"/>
      <c r="JWL643" s="613"/>
      <c r="JWM643" s="613"/>
      <c r="JWN643" s="613"/>
      <c r="JWO643" s="613"/>
      <c r="JWP643" s="613"/>
      <c r="JWQ643" s="613"/>
      <c r="JWR643" s="613"/>
      <c r="JWS643" s="613"/>
      <c r="JWT643" s="613"/>
      <c r="JWU643" s="613"/>
      <c r="JWV643" s="613"/>
      <c r="JWW643" s="613"/>
      <c r="JWX643" s="613"/>
      <c r="JWY643" s="613"/>
      <c r="JWZ643" s="613"/>
      <c r="JXA643" s="613"/>
      <c r="JXB643" s="613"/>
      <c r="JXC643" s="613"/>
      <c r="JXD643" s="613"/>
      <c r="JXE643" s="613"/>
      <c r="JXF643" s="613"/>
      <c r="JXG643" s="613"/>
      <c r="JXH643" s="613"/>
      <c r="JXI643" s="613"/>
      <c r="JXJ643" s="613"/>
      <c r="JXK643" s="613"/>
      <c r="JXL643" s="613"/>
      <c r="JXM643" s="613"/>
      <c r="JXN643" s="613"/>
      <c r="JXO643" s="613"/>
      <c r="JXP643" s="613"/>
      <c r="JXQ643" s="613"/>
      <c r="JXR643" s="613"/>
      <c r="JXS643" s="613"/>
      <c r="JXT643" s="613"/>
      <c r="JXU643" s="613"/>
      <c r="JXV643" s="613"/>
      <c r="JXW643" s="613"/>
      <c r="JXX643" s="613"/>
      <c r="JXY643" s="613"/>
      <c r="JXZ643" s="613"/>
      <c r="JYA643" s="613"/>
      <c r="JYB643" s="613"/>
      <c r="JYC643" s="613"/>
      <c r="JYD643" s="613"/>
      <c r="JYE643" s="613"/>
      <c r="JYF643" s="613"/>
      <c r="JYG643" s="613"/>
      <c r="JYH643" s="613"/>
      <c r="JYI643" s="613"/>
      <c r="JYJ643" s="613"/>
      <c r="JYK643" s="613"/>
      <c r="JYL643" s="613"/>
      <c r="JYM643" s="613"/>
      <c r="JYN643" s="613"/>
      <c r="JYO643" s="613"/>
      <c r="JYP643" s="613"/>
      <c r="JYQ643" s="613"/>
      <c r="JYR643" s="613"/>
      <c r="JYS643" s="613"/>
      <c r="JYT643" s="613"/>
      <c r="JYU643" s="613"/>
      <c r="JYV643" s="613"/>
      <c r="JYW643" s="613"/>
      <c r="JYX643" s="613"/>
      <c r="JYY643" s="613"/>
      <c r="JYZ643" s="613"/>
      <c r="JZA643" s="613"/>
      <c r="JZB643" s="613"/>
      <c r="JZC643" s="613"/>
      <c r="JZD643" s="613"/>
      <c r="JZE643" s="613"/>
      <c r="JZF643" s="613"/>
      <c r="JZG643" s="613"/>
      <c r="JZH643" s="613"/>
      <c r="JZI643" s="613"/>
      <c r="JZJ643" s="613"/>
      <c r="JZK643" s="613"/>
      <c r="JZL643" s="613"/>
      <c r="JZM643" s="613"/>
      <c r="JZN643" s="613"/>
      <c r="JZO643" s="613"/>
      <c r="JZP643" s="613"/>
      <c r="JZQ643" s="613"/>
      <c r="JZR643" s="613"/>
      <c r="JZS643" s="613"/>
      <c r="JZT643" s="613"/>
      <c r="JZU643" s="613"/>
      <c r="JZV643" s="613"/>
      <c r="JZW643" s="613"/>
      <c r="JZX643" s="613"/>
      <c r="JZY643" s="613"/>
      <c r="JZZ643" s="613"/>
      <c r="KAA643" s="613"/>
      <c r="KAB643" s="613"/>
      <c r="KAC643" s="613"/>
      <c r="KAD643" s="613"/>
      <c r="KAE643" s="613"/>
      <c r="KAF643" s="613"/>
      <c r="KAG643" s="613"/>
      <c r="KAH643" s="613"/>
      <c r="KAI643" s="613"/>
      <c r="KAJ643" s="613"/>
      <c r="KAK643" s="613"/>
      <c r="KAL643" s="613"/>
      <c r="KAM643" s="613"/>
      <c r="KAN643" s="613"/>
      <c r="KAO643" s="613"/>
      <c r="KAP643" s="613"/>
      <c r="KAQ643" s="613"/>
      <c r="KAR643" s="613"/>
      <c r="KAS643" s="613"/>
      <c r="KAT643" s="613"/>
      <c r="KAU643" s="613"/>
      <c r="KAV643" s="613"/>
      <c r="KAW643" s="613"/>
      <c r="KAX643" s="613"/>
      <c r="KAY643" s="613"/>
      <c r="KAZ643" s="613"/>
      <c r="KBA643" s="613"/>
      <c r="KBB643" s="613"/>
      <c r="KBC643" s="613"/>
      <c r="KBD643" s="613"/>
      <c r="KBE643" s="613"/>
      <c r="KBF643" s="613"/>
      <c r="KBG643" s="613"/>
      <c r="KBH643" s="613"/>
      <c r="KBI643" s="613"/>
      <c r="KBJ643" s="613"/>
      <c r="KBK643" s="613"/>
      <c r="KBL643" s="613"/>
      <c r="KBM643" s="613"/>
      <c r="KBN643" s="613"/>
      <c r="KBO643" s="613"/>
      <c r="KBP643" s="613"/>
      <c r="KBQ643" s="613"/>
      <c r="KBR643" s="613"/>
      <c r="KBS643" s="613"/>
      <c r="KBT643" s="613"/>
      <c r="KBU643" s="613"/>
      <c r="KBV643" s="613"/>
      <c r="KBW643" s="613"/>
      <c r="KBX643" s="613"/>
      <c r="KBY643" s="613"/>
      <c r="KBZ643" s="613"/>
      <c r="KCA643" s="613"/>
      <c r="KCB643" s="613"/>
      <c r="KCC643" s="613"/>
      <c r="KCD643" s="613"/>
      <c r="KCE643" s="613"/>
      <c r="KCF643" s="613"/>
      <c r="KCG643" s="613"/>
      <c r="KCH643" s="613"/>
      <c r="KCI643" s="613"/>
      <c r="KCJ643" s="613"/>
      <c r="KCK643" s="613"/>
      <c r="KCL643" s="613"/>
      <c r="KCM643" s="613"/>
      <c r="KCN643" s="613"/>
      <c r="KCO643" s="613"/>
      <c r="KCP643" s="613"/>
      <c r="KCQ643" s="613"/>
      <c r="KCR643" s="613"/>
      <c r="KCS643" s="613"/>
      <c r="KCT643" s="613"/>
      <c r="KCU643" s="613"/>
      <c r="KCV643" s="613"/>
      <c r="KCW643" s="613"/>
      <c r="KCX643" s="613"/>
      <c r="KCY643" s="613"/>
      <c r="KCZ643" s="613"/>
      <c r="KDA643" s="613"/>
      <c r="KDB643" s="613"/>
      <c r="KDC643" s="613"/>
      <c r="KDD643" s="613"/>
      <c r="KDE643" s="613"/>
      <c r="KDF643" s="613"/>
      <c r="KDG643" s="613"/>
      <c r="KDH643" s="613"/>
      <c r="KDI643" s="613"/>
      <c r="KDJ643" s="613"/>
      <c r="KDK643" s="613"/>
      <c r="KDL643" s="613"/>
      <c r="KDM643" s="613"/>
      <c r="KDN643" s="613"/>
      <c r="KDO643" s="613"/>
      <c r="KDP643" s="613"/>
      <c r="KDQ643" s="613"/>
      <c r="KDR643" s="613"/>
      <c r="KDS643" s="613"/>
      <c r="KDT643" s="613"/>
      <c r="KDU643" s="613"/>
      <c r="KDV643" s="613"/>
      <c r="KDW643" s="613"/>
      <c r="KDX643" s="613"/>
      <c r="KDY643" s="613"/>
      <c r="KDZ643" s="613"/>
      <c r="KEA643" s="613"/>
      <c r="KEB643" s="613"/>
      <c r="KEC643" s="613"/>
      <c r="KED643" s="613"/>
      <c r="KEE643" s="613"/>
      <c r="KEF643" s="613"/>
      <c r="KEG643" s="613"/>
      <c r="KEH643" s="613"/>
      <c r="KEI643" s="613"/>
      <c r="KEJ643" s="613"/>
      <c r="KEK643" s="613"/>
      <c r="KEL643" s="613"/>
      <c r="KEM643" s="613"/>
      <c r="KEN643" s="613"/>
      <c r="KEO643" s="613"/>
      <c r="KEP643" s="613"/>
      <c r="KEQ643" s="613"/>
      <c r="KER643" s="613"/>
      <c r="KES643" s="613"/>
      <c r="KET643" s="613"/>
      <c r="KEU643" s="613"/>
      <c r="KEV643" s="613"/>
      <c r="KEW643" s="613"/>
      <c r="KEX643" s="613"/>
      <c r="KEY643" s="613"/>
      <c r="KEZ643" s="613"/>
      <c r="KFA643" s="613"/>
      <c r="KFB643" s="613"/>
      <c r="KFC643" s="613"/>
      <c r="KFD643" s="613"/>
      <c r="KFE643" s="613"/>
      <c r="KFF643" s="613"/>
      <c r="KFG643" s="613"/>
      <c r="KFH643" s="613"/>
      <c r="KFI643" s="613"/>
      <c r="KFJ643" s="613"/>
      <c r="KFK643" s="613"/>
      <c r="KFL643" s="613"/>
      <c r="KFM643" s="613"/>
      <c r="KFN643" s="613"/>
      <c r="KFO643" s="613"/>
      <c r="KFP643" s="613"/>
      <c r="KFQ643" s="613"/>
      <c r="KFR643" s="613"/>
      <c r="KFS643" s="613"/>
      <c r="KFT643" s="613"/>
      <c r="KFU643" s="613"/>
      <c r="KFV643" s="613"/>
      <c r="KFW643" s="613"/>
      <c r="KFX643" s="613"/>
      <c r="KFY643" s="613"/>
      <c r="KFZ643" s="613"/>
      <c r="KGA643" s="613"/>
      <c r="KGB643" s="613"/>
      <c r="KGC643" s="613"/>
      <c r="KGD643" s="613"/>
      <c r="KGE643" s="613"/>
      <c r="KGF643" s="613"/>
      <c r="KGG643" s="613"/>
      <c r="KGH643" s="613"/>
      <c r="KGI643" s="613"/>
      <c r="KGJ643" s="613"/>
      <c r="KGK643" s="613"/>
      <c r="KGL643" s="613"/>
      <c r="KGM643" s="613"/>
      <c r="KGN643" s="613"/>
      <c r="KGO643" s="613"/>
      <c r="KGP643" s="613"/>
      <c r="KGQ643" s="613"/>
      <c r="KGR643" s="613"/>
      <c r="KGS643" s="613"/>
      <c r="KGT643" s="613"/>
      <c r="KGU643" s="613"/>
      <c r="KGV643" s="613"/>
      <c r="KGW643" s="613"/>
      <c r="KGX643" s="613"/>
      <c r="KGY643" s="613"/>
      <c r="KGZ643" s="613"/>
      <c r="KHA643" s="613"/>
      <c r="KHB643" s="613"/>
      <c r="KHC643" s="613"/>
      <c r="KHD643" s="613"/>
      <c r="KHE643" s="613"/>
      <c r="KHF643" s="613"/>
      <c r="KHG643" s="613"/>
      <c r="KHH643" s="613"/>
      <c r="KHI643" s="613"/>
      <c r="KHJ643" s="613"/>
      <c r="KHK643" s="613"/>
      <c r="KHL643" s="613"/>
      <c r="KHM643" s="613"/>
      <c r="KHN643" s="613"/>
      <c r="KHO643" s="613"/>
      <c r="KHP643" s="613"/>
      <c r="KHQ643" s="613"/>
      <c r="KHR643" s="613"/>
      <c r="KHS643" s="613"/>
      <c r="KHT643" s="613"/>
      <c r="KHU643" s="613"/>
      <c r="KHV643" s="613"/>
      <c r="KHW643" s="613"/>
      <c r="KHX643" s="613"/>
      <c r="KHY643" s="613"/>
      <c r="KHZ643" s="613"/>
      <c r="KIA643" s="613"/>
      <c r="KIB643" s="613"/>
      <c r="KIC643" s="613"/>
      <c r="KID643" s="613"/>
      <c r="KIE643" s="613"/>
      <c r="KIF643" s="613"/>
      <c r="KIG643" s="613"/>
      <c r="KIH643" s="613"/>
      <c r="KII643" s="613"/>
      <c r="KIJ643" s="613"/>
      <c r="KIK643" s="613"/>
      <c r="KIL643" s="613"/>
      <c r="KIM643" s="613"/>
      <c r="KIN643" s="613"/>
      <c r="KIO643" s="613"/>
      <c r="KIP643" s="613"/>
      <c r="KIQ643" s="613"/>
      <c r="KIR643" s="613"/>
      <c r="KIS643" s="613"/>
      <c r="KIT643" s="613"/>
      <c r="KIU643" s="613"/>
      <c r="KIV643" s="613"/>
      <c r="KIW643" s="613"/>
      <c r="KIX643" s="613"/>
      <c r="KIY643" s="613"/>
      <c r="KIZ643" s="613"/>
      <c r="KJA643" s="613"/>
      <c r="KJB643" s="613"/>
      <c r="KJC643" s="613"/>
      <c r="KJD643" s="613"/>
      <c r="KJE643" s="613"/>
      <c r="KJF643" s="613"/>
      <c r="KJG643" s="613"/>
      <c r="KJH643" s="613"/>
      <c r="KJI643" s="613"/>
      <c r="KJJ643" s="613"/>
      <c r="KJK643" s="613"/>
      <c r="KJL643" s="613"/>
      <c r="KJM643" s="613"/>
      <c r="KJN643" s="613"/>
      <c r="KJO643" s="613"/>
      <c r="KJP643" s="613"/>
      <c r="KJQ643" s="613"/>
      <c r="KJR643" s="613"/>
      <c r="KJS643" s="613"/>
      <c r="KJT643" s="613"/>
      <c r="KJU643" s="613"/>
      <c r="KJV643" s="613"/>
      <c r="KJW643" s="613"/>
      <c r="KJX643" s="613"/>
      <c r="KJY643" s="613"/>
      <c r="KJZ643" s="613"/>
      <c r="KKA643" s="613"/>
      <c r="KKB643" s="613"/>
      <c r="KKC643" s="613"/>
      <c r="KKD643" s="613"/>
      <c r="KKE643" s="613"/>
      <c r="KKF643" s="613"/>
      <c r="KKG643" s="613"/>
      <c r="KKH643" s="613"/>
      <c r="KKI643" s="613"/>
      <c r="KKJ643" s="613"/>
      <c r="KKK643" s="613"/>
      <c r="KKL643" s="613"/>
      <c r="KKM643" s="613"/>
      <c r="KKN643" s="613"/>
      <c r="KKO643" s="613"/>
      <c r="KKP643" s="613"/>
      <c r="KKQ643" s="613"/>
      <c r="KKR643" s="613"/>
      <c r="KKS643" s="613"/>
      <c r="KKT643" s="613"/>
      <c r="KKU643" s="613"/>
      <c r="KKV643" s="613"/>
      <c r="KKW643" s="613"/>
      <c r="KKX643" s="613"/>
      <c r="KKY643" s="613"/>
      <c r="KKZ643" s="613"/>
      <c r="KLA643" s="613"/>
      <c r="KLB643" s="613"/>
      <c r="KLC643" s="613"/>
      <c r="KLD643" s="613"/>
      <c r="KLE643" s="613"/>
      <c r="KLF643" s="613"/>
      <c r="KLG643" s="613"/>
      <c r="KLH643" s="613"/>
      <c r="KLI643" s="613"/>
      <c r="KLJ643" s="613"/>
      <c r="KLK643" s="613"/>
      <c r="KLL643" s="613"/>
      <c r="KLM643" s="613"/>
      <c r="KLN643" s="613"/>
      <c r="KLO643" s="613"/>
      <c r="KLP643" s="613"/>
      <c r="KLQ643" s="613"/>
      <c r="KLR643" s="613"/>
      <c r="KLS643" s="613"/>
      <c r="KLT643" s="613"/>
      <c r="KLU643" s="613"/>
      <c r="KLV643" s="613"/>
      <c r="KLW643" s="613"/>
      <c r="KLX643" s="613"/>
      <c r="KLY643" s="613"/>
      <c r="KLZ643" s="613"/>
      <c r="KMA643" s="613"/>
      <c r="KMB643" s="613"/>
      <c r="KMC643" s="613"/>
      <c r="KMD643" s="613"/>
      <c r="KME643" s="613"/>
      <c r="KMF643" s="613"/>
      <c r="KMG643" s="613"/>
      <c r="KMH643" s="613"/>
      <c r="KMI643" s="613"/>
      <c r="KMJ643" s="613"/>
      <c r="KMK643" s="613"/>
      <c r="KML643" s="613"/>
      <c r="KMM643" s="613"/>
      <c r="KMN643" s="613"/>
      <c r="KMO643" s="613"/>
      <c r="KMP643" s="613"/>
      <c r="KMQ643" s="613"/>
      <c r="KMR643" s="613"/>
      <c r="KMS643" s="613"/>
      <c r="KMT643" s="613"/>
      <c r="KMU643" s="613"/>
      <c r="KMV643" s="613"/>
      <c r="KMW643" s="613"/>
      <c r="KMX643" s="613"/>
      <c r="KMY643" s="613"/>
      <c r="KMZ643" s="613"/>
      <c r="KNA643" s="613"/>
      <c r="KNB643" s="613"/>
      <c r="KNC643" s="613"/>
      <c r="KND643" s="613"/>
      <c r="KNE643" s="613"/>
      <c r="KNF643" s="613"/>
      <c r="KNG643" s="613"/>
      <c r="KNH643" s="613"/>
      <c r="KNI643" s="613"/>
      <c r="KNJ643" s="613"/>
      <c r="KNK643" s="613"/>
      <c r="KNL643" s="613"/>
      <c r="KNM643" s="613"/>
      <c r="KNN643" s="613"/>
      <c r="KNO643" s="613"/>
      <c r="KNP643" s="613"/>
      <c r="KNQ643" s="613"/>
      <c r="KNR643" s="613"/>
      <c r="KNS643" s="613"/>
      <c r="KNT643" s="613"/>
      <c r="KNU643" s="613"/>
      <c r="KNV643" s="613"/>
      <c r="KNW643" s="613"/>
      <c r="KNX643" s="613"/>
      <c r="KNY643" s="613"/>
      <c r="KNZ643" s="613"/>
      <c r="KOA643" s="613"/>
      <c r="KOB643" s="613"/>
      <c r="KOC643" s="613"/>
      <c r="KOD643" s="613"/>
      <c r="KOE643" s="613"/>
      <c r="KOF643" s="613"/>
      <c r="KOG643" s="613"/>
      <c r="KOH643" s="613"/>
      <c r="KOI643" s="613"/>
      <c r="KOJ643" s="613"/>
      <c r="KOK643" s="613"/>
      <c r="KOL643" s="613"/>
      <c r="KOM643" s="613"/>
      <c r="KON643" s="613"/>
      <c r="KOO643" s="613"/>
      <c r="KOP643" s="613"/>
      <c r="KOQ643" s="613"/>
      <c r="KOR643" s="613"/>
      <c r="KOS643" s="613"/>
      <c r="KOT643" s="613"/>
      <c r="KOU643" s="613"/>
      <c r="KOV643" s="613"/>
      <c r="KOW643" s="613"/>
      <c r="KOX643" s="613"/>
      <c r="KOY643" s="613"/>
      <c r="KOZ643" s="613"/>
      <c r="KPA643" s="613"/>
      <c r="KPB643" s="613"/>
      <c r="KPC643" s="613"/>
      <c r="KPD643" s="613"/>
      <c r="KPE643" s="613"/>
      <c r="KPF643" s="613"/>
      <c r="KPG643" s="613"/>
      <c r="KPH643" s="613"/>
      <c r="KPI643" s="613"/>
      <c r="KPJ643" s="613"/>
      <c r="KPK643" s="613"/>
      <c r="KPL643" s="613"/>
      <c r="KPM643" s="613"/>
      <c r="KPN643" s="613"/>
      <c r="KPO643" s="613"/>
      <c r="KPP643" s="613"/>
      <c r="KPQ643" s="613"/>
      <c r="KPR643" s="613"/>
      <c r="KPS643" s="613"/>
      <c r="KPT643" s="613"/>
      <c r="KPU643" s="613"/>
      <c r="KPV643" s="613"/>
      <c r="KPW643" s="613"/>
      <c r="KPX643" s="613"/>
      <c r="KPY643" s="613"/>
      <c r="KPZ643" s="613"/>
      <c r="KQA643" s="613"/>
      <c r="KQB643" s="613"/>
      <c r="KQC643" s="613"/>
      <c r="KQD643" s="613"/>
      <c r="KQE643" s="613"/>
      <c r="KQF643" s="613"/>
      <c r="KQG643" s="613"/>
      <c r="KQH643" s="613"/>
      <c r="KQI643" s="613"/>
      <c r="KQJ643" s="613"/>
      <c r="KQK643" s="613"/>
      <c r="KQL643" s="613"/>
      <c r="KQM643" s="613"/>
      <c r="KQN643" s="613"/>
      <c r="KQO643" s="613"/>
      <c r="KQP643" s="613"/>
      <c r="KQQ643" s="613"/>
      <c r="KQR643" s="613"/>
      <c r="KQS643" s="613"/>
      <c r="KQT643" s="613"/>
      <c r="KQU643" s="613"/>
      <c r="KQV643" s="613"/>
      <c r="KQW643" s="613"/>
      <c r="KQX643" s="613"/>
      <c r="KQY643" s="613"/>
      <c r="KQZ643" s="613"/>
      <c r="KRA643" s="613"/>
      <c r="KRB643" s="613"/>
      <c r="KRC643" s="613"/>
      <c r="KRD643" s="613"/>
      <c r="KRE643" s="613"/>
      <c r="KRF643" s="613"/>
      <c r="KRG643" s="613"/>
      <c r="KRH643" s="613"/>
      <c r="KRI643" s="613"/>
      <c r="KRJ643" s="613"/>
      <c r="KRK643" s="613"/>
      <c r="KRL643" s="613"/>
      <c r="KRM643" s="613"/>
      <c r="KRN643" s="613"/>
      <c r="KRO643" s="613"/>
      <c r="KRP643" s="613"/>
      <c r="KRQ643" s="613"/>
      <c r="KRR643" s="613"/>
      <c r="KRS643" s="613"/>
      <c r="KRT643" s="613"/>
      <c r="KRU643" s="613"/>
      <c r="KRV643" s="613"/>
      <c r="KRW643" s="613"/>
      <c r="KRX643" s="613"/>
      <c r="KRY643" s="613"/>
      <c r="KRZ643" s="613"/>
      <c r="KSA643" s="613"/>
      <c r="KSB643" s="613"/>
      <c r="KSC643" s="613"/>
      <c r="KSD643" s="613"/>
      <c r="KSE643" s="613"/>
      <c r="KSF643" s="613"/>
      <c r="KSG643" s="613"/>
      <c r="KSH643" s="613"/>
      <c r="KSI643" s="613"/>
      <c r="KSJ643" s="613"/>
      <c r="KSK643" s="613"/>
      <c r="KSL643" s="613"/>
      <c r="KSM643" s="613"/>
      <c r="KSN643" s="613"/>
      <c r="KSO643" s="613"/>
      <c r="KSP643" s="613"/>
      <c r="KSQ643" s="613"/>
      <c r="KSR643" s="613"/>
      <c r="KSS643" s="613"/>
      <c r="KST643" s="613"/>
      <c r="KSU643" s="613"/>
      <c r="KSV643" s="613"/>
      <c r="KSW643" s="613"/>
      <c r="KSX643" s="613"/>
      <c r="KSY643" s="613"/>
      <c r="KSZ643" s="613"/>
      <c r="KTA643" s="613"/>
      <c r="KTB643" s="613"/>
      <c r="KTC643" s="613"/>
      <c r="KTD643" s="613"/>
      <c r="KTE643" s="613"/>
      <c r="KTF643" s="613"/>
      <c r="KTG643" s="613"/>
      <c r="KTH643" s="613"/>
      <c r="KTI643" s="613"/>
      <c r="KTJ643" s="613"/>
      <c r="KTK643" s="613"/>
      <c r="KTL643" s="613"/>
      <c r="KTM643" s="613"/>
      <c r="KTN643" s="613"/>
      <c r="KTO643" s="613"/>
      <c r="KTP643" s="613"/>
      <c r="KTQ643" s="613"/>
      <c r="KTR643" s="613"/>
      <c r="KTS643" s="613"/>
      <c r="KTT643" s="613"/>
      <c r="KTU643" s="613"/>
      <c r="KTV643" s="613"/>
      <c r="KTW643" s="613"/>
      <c r="KTX643" s="613"/>
      <c r="KTY643" s="613"/>
      <c r="KTZ643" s="613"/>
      <c r="KUA643" s="613"/>
      <c r="KUB643" s="613"/>
      <c r="KUC643" s="613"/>
      <c r="KUD643" s="613"/>
      <c r="KUE643" s="613"/>
      <c r="KUF643" s="613"/>
      <c r="KUG643" s="613"/>
      <c r="KUH643" s="613"/>
      <c r="KUI643" s="613"/>
      <c r="KUJ643" s="613"/>
      <c r="KUK643" s="613"/>
      <c r="KUL643" s="613"/>
      <c r="KUM643" s="613"/>
      <c r="KUN643" s="613"/>
      <c r="KUO643" s="613"/>
      <c r="KUP643" s="613"/>
      <c r="KUQ643" s="613"/>
      <c r="KUR643" s="613"/>
      <c r="KUS643" s="613"/>
      <c r="KUT643" s="613"/>
      <c r="KUU643" s="613"/>
      <c r="KUV643" s="613"/>
      <c r="KUW643" s="613"/>
      <c r="KUX643" s="613"/>
      <c r="KUY643" s="613"/>
      <c r="KUZ643" s="613"/>
      <c r="KVA643" s="613"/>
      <c r="KVB643" s="613"/>
      <c r="KVC643" s="613"/>
      <c r="KVD643" s="613"/>
      <c r="KVE643" s="613"/>
      <c r="KVF643" s="613"/>
      <c r="KVG643" s="613"/>
      <c r="KVH643" s="613"/>
      <c r="KVI643" s="613"/>
      <c r="KVJ643" s="613"/>
      <c r="KVK643" s="613"/>
      <c r="KVL643" s="613"/>
      <c r="KVM643" s="613"/>
      <c r="KVN643" s="613"/>
      <c r="KVO643" s="613"/>
      <c r="KVP643" s="613"/>
      <c r="KVQ643" s="613"/>
      <c r="KVR643" s="613"/>
      <c r="KVS643" s="613"/>
      <c r="KVT643" s="613"/>
      <c r="KVU643" s="613"/>
      <c r="KVV643" s="613"/>
      <c r="KVW643" s="613"/>
      <c r="KVX643" s="613"/>
      <c r="KVY643" s="613"/>
      <c r="KVZ643" s="613"/>
      <c r="KWA643" s="613"/>
      <c r="KWB643" s="613"/>
      <c r="KWC643" s="613"/>
      <c r="KWD643" s="613"/>
      <c r="KWE643" s="613"/>
      <c r="KWF643" s="613"/>
      <c r="KWG643" s="613"/>
      <c r="KWH643" s="613"/>
      <c r="KWI643" s="613"/>
      <c r="KWJ643" s="613"/>
      <c r="KWK643" s="613"/>
      <c r="KWL643" s="613"/>
      <c r="KWM643" s="613"/>
      <c r="KWN643" s="613"/>
      <c r="KWO643" s="613"/>
      <c r="KWP643" s="613"/>
      <c r="KWQ643" s="613"/>
      <c r="KWR643" s="613"/>
      <c r="KWS643" s="613"/>
      <c r="KWT643" s="613"/>
      <c r="KWU643" s="613"/>
      <c r="KWV643" s="613"/>
      <c r="KWW643" s="613"/>
      <c r="KWX643" s="613"/>
      <c r="KWY643" s="613"/>
      <c r="KWZ643" s="613"/>
      <c r="KXA643" s="613"/>
      <c r="KXB643" s="613"/>
      <c r="KXC643" s="613"/>
      <c r="KXD643" s="613"/>
      <c r="KXE643" s="613"/>
      <c r="KXF643" s="613"/>
      <c r="KXG643" s="613"/>
      <c r="KXH643" s="613"/>
      <c r="KXI643" s="613"/>
      <c r="KXJ643" s="613"/>
      <c r="KXK643" s="613"/>
      <c r="KXL643" s="613"/>
      <c r="KXM643" s="613"/>
      <c r="KXN643" s="613"/>
      <c r="KXO643" s="613"/>
      <c r="KXP643" s="613"/>
      <c r="KXQ643" s="613"/>
      <c r="KXR643" s="613"/>
      <c r="KXS643" s="613"/>
      <c r="KXT643" s="613"/>
      <c r="KXU643" s="613"/>
      <c r="KXV643" s="613"/>
      <c r="KXW643" s="613"/>
      <c r="KXX643" s="613"/>
      <c r="KXY643" s="613"/>
      <c r="KXZ643" s="613"/>
      <c r="KYA643" s="613"/>
      <c r="KYB643" s="613"/>
      <c r="KYC643" s="613"/>
      <c r="KYD643" s="613"/>
      <c r="KYE643" s="613"/>
      <c r="KYF643" s="613"/>
      <c r="KYG643" s="613"/>
      <c r="KYH643" s="613"/>
      <c r="KYI643" s="613"/>
      <c r="KYJ643" s="613"/>
      <c r="KYK643" s="613"/>
      <c r="KYL643" s="613"/>
      <c r="KYM643" s="613"/>
      <c r="KYN643" s="613"/>
      <c r="KYO643" s="613"/>
      <c r="KYP643" s="613"/>
      <c r="KYQ643" s="613"/>
      <c r="KYR643" s="613"/>
      <c r="KYS643" s="613"/>
      <c r="KYT643" s="613"/>
      <c r="KYU643" s="613"/>
      <c r="KYV643" s="613"/>
      <c r="KYW643" s="613"/>
      <c r="KYX643" s="613"/>
      <c r="KYY643" s="613"/>
      <c r="KYZ643" s="613"/>
      <c r="KZA643" s="613"/>
      <c r="KZB643" s="613"/>
      <c r="KZC643" s="613"/>
      <c r="KZD643" s="613"/>
      <c r="KZE643" s="613"/>
      <c r="KZF643" s="613"/>
      <c r="KZG643" s="613"/>
      <c r="KZH643" s="613"/>
      <c r="KZI643" s="613"/>
      <c r="KZJ643" s="613"/>
      <c r="KZK643" s="613"/>
      <c r="KZL643" s="613"/>
      <c r="KZM643" s="613"/>
      <c r="KZN643" s="613"/>
      <c r="KZO643" s="613"/>
      <c r="KZP643" s="613"/>
      <c r="KZQ643" s="613"/>
      <c r="KZR643" s="613"/>
      <c r="KZS643" s="613"/>
      <c r="KZT643" s="613"/>
      <c r="KZU643" s="613"/>
      <c r="KZV643" s="613"/>
      <c r="KZW643" s="613"/>
      <c r="KZX643" s="613"/>
      <c r="KZY643" s="613"/>
      <c r="KZZ643" s="613"/>
      <c r="LAA643" s="613"/>
      <c r="LAB643" s="613"/>
      <c r="LAC643" s="613"/>
      <c r="LAD643" s="613"/>
      <c r="LAE643" s="613"/>
      <c r="LAF643" s="613"/>
      <c r="LAG643" s="613"/>
      <c r="LAH643" s="613"/>
      <c r="LAI643" s="613"/>
      <c r="LAJ643" s="613"/>
      <c r="LAK643" s="613"/>
      <c r="LAL643" s="613"/>
      <c r="LAM643" s="613"/>
      <c r="LAN643" s="613"/>
      <c r="LAO643" s="613"/>
      <c r="LAP643" s="613"/>
      <c r="LAQ643" s="613"/>
      <c r="LAR643" s="613"/>
      <c r="LAS643" s="613"/>
      <c r="LAT643" s="613"/>
      <c r="LAU643" s="613"/>
      <c r="LAV643" s="613"/>
      <c r="LAW643" s="613"/>
      <c r="LAX643" s="613"/>
      <c r="LAY643" s="613"/>
      <c r="LAZ643" s="613"/>
      <c r="LBA643" s="613"/>
      <c r="LBB643" s="613"/>
      <c r="LBC643" s="613"/>
      <c r="LBD643" s="613"/>
      <c r="LBE643" s="613"/>
      <c r="LBF643" s="613"/>
      <c r="LBG643" s="613"/>
      <c r="LBH643" s="613"/>
      <c r="LBI643" s="613"/>
      <c r="LBJ643" s="613"/>
      <c r="LBK643" s="613"/>
      <c r="LBL643" s="613"/>
      <c r="LBM643" s="613"/>
      <c r="LBN643" s="613"/>
      <c r="LBO643" s="613"/>
      <c r="LBP643" s="613"/>
      <c r="LBQ643" s="613"/>
      <c r="LBR643" s="613"/>
      <c r="LBS643" s="613"/>
      <c r="LBT643" s="613"/>
      <c r="LBU643" s="613"/>
      <c r="LBV643" s="613"/>
      <c r="LBW643" s="613"/>
      <c r="LBX643" s="613"/>
      <c r="LBY643" s="613"/>
      <c r="LBZ643" s="613"/>
      <c r="LCA643" s="613"/>
      <c r="LCB643" s="613"/>
      <c r="LCC643" s="613"/>
      <c r="LCD643" s="613"/>
      <c r="LCE643" s="613"/>
      <c r="LCF643" s="613"/>
      <c r="LCG643" s="613"/>
      <c r="LCH643" s="613"/>
      <c r="LCI643" s="613"/>
      <c r="LCJ643" s="613"/>
      <c r="LCK643" s="613"/>
      <c r="LCL643" s="613"/>
      <c r="LCM643" s="613"/>
      <c r="LCN643" s="613"/>
      <c r="LCO643" s="613"/>
      <c r="LCP643" s="613"/>
      <c r="LCQ643" s="613"/>
      <c r="LCR643" s="613"/>
      <c r="LCS643" s="613"/>
      <c r="LCT643" s="613"/>
      <c r="LCU643" s="613"/>
      <c r="LCV643" s="613"/>
      <c r="LCW643" s="613"/>
      <c r="LCX643" s="613"/>
      <c r="LCY643" s="613"/>
      <c r="LCZ643" s="613"/>
      <c r="LDA643" s="613"/>
      <c r="LDB643" s="613"/>
      <c r="LDC643" s="613"/>
      <c r="LDD643" s="613"/>
      <c r="LDE643" s="613"/>
      <c r="LDF643" s="613"/>
      <c r="LDG643" s="613"/>
      <c r="LDH643" s="613"/>
      <c r="LDI643" s="613"/>
      <c r="LDJ643" s="613"/>
      <c r="LDK643" s="613"/>
      <c r="LDL643" s="613"/>
      <c r="LDM643" s="613"/>
      <c r="LDN643" s="613"/>
      <c r="LDO643" s="613"/>
      <c r="LDP643" s="613"/>
      <c r="LDQ643" s="613"/>
      <c r="LDR643" s="613"/>
      <c r="LDS643" s="613"/>
      <c r="LDT643" s="613"/>
      <c r="LDU643" s="613"/>
      <c r="LDV643" s="613"/>
      <c r="LDW643" s="613"/>
      <c r="LDX643" s="613"/>
      <c r="LDY643" s="613"/>
      <c r="LDZ643" s="613"/>
      <c r="LEA643" s="613"/>
      <c r="LEB643" s="613"/>
      <c r="LEC643" s="613"/>
      <c r="LED643" s="613"/>
      <c r="LEE643" s="613"/>
      <c r="LEF643" s="613"/>
      <c r="LEG643" s="613"/>
      <c r="LEH643" s="613"/>
      <c r="LEI643" s="613"/>
      <c r="LEJ643" s="613"/>
      <c r="LEK643" s="613"/>
      <c r="LEL643" s="613"/>
      <c r="LEM643" s="613"/>
      <c r="LEN643" s="613"/>
      <c r="LEO643" s="613"/>
      <c r="LEP643" s="613"/>
      <c r="LEQ643" s="613"/>
      <c r="LER643" s="613"/>
      <c r="LES643" s="613"/>
      <c r="LET643" s="613"/>
      <c r="LEU643" s="613"/>
      <c r="LEV643" s="613"/>
      <c r="LEW643" s="613"/>
      <c r="LEX643" s="613"/>
      <c r="LEY643" s="613"/>
      <c r="LEZ643" s="613"/>
      <c r="LFA643" s="613"/>
      <c r="LFB643" s="613"/>
      <c r="LFC643" s="613"/>
      <c r="LFD643" s="613"/>
      <c r="LFE643" s="613"/>
      <c r="LFF643" s="613"/>
      <c r="LFG643" s="613"/>
      <c r="LFH643" s="613"/>
      <c r="LFI643" s="613"/>
      <c r="LFJ643" s="613"/>
      <c r="LFK643" s="613"/>
      <c r="LFL643" s="613"/>
      <c r="LFM643" s="613"/>
      <c r="LFN643" s="613"/>
      <c r="LFO643" s="613"/>
      <c r="LFP643" s="613"/>
      <c r="LFQ643" s="613"/>
      <c r="LFR643" s="613"/>
      <c r="LFS643" s="613"/>
      <c r="LFT643" s="613"/>
      <c r="LFU643" s="613"/>
      <c r="LFV643" s="613"/>
      <c r="LFW643" s="613"/>
      <c r="LFX643" s="613"/>
      <c r="LFY643" s="613"/>
      <c r="LFZ643" s="613"/>
      <c r="LGA643" s="613"/>
      <c r="LGB643" s="613"/>
      <c r="LGC643" s="613"/>
      <c r="LGD643" s="613"/>
      <c r="LGE643" s="613"/>
      <c r="LGF643" s="613"/>
      <c r="LGG643" s="613"/>
      <c r="LGH643" s="613"/>
      <c r="LGI643" s="613"/>
      <c r="LGJ643" s="613"/>
      <c r="LGK643" s="613"/>
      <c r="LGL643" s="613"/>
      <c r="LGM643" s="613"/>
      <c r="LGN643" s="613"/>
      <c r="LGO643" s="613"/>
      <c r="LGP643" s="613"/>
      <c r="LGQ643" s="613"/>
      <c r="LGR643" s="613"/>
      <c r="LGS643" s="613"/>
      <c r="LGT643" s="613"/>
      <c r="LGU643" s="613"/>
      <c r="LGV643" s="613"/>
      <c r="LGW643" s="613"/>
      <c r="LGX643" s="613"/>
      <c r="LGY643" s="613"/>
      <c r="LGZ643" s="613"/>
      <c r="LHA643" s="613"/>
      <c r="LHB643" s="613"/>
      <c r="LHC643" s="613"/>
      <c r="LHD643" s="613"/>
      <c r="LHE643" s="613"/>
      <c r="LHF643" s="613"/>
      <c r="LHG643" s="613"/>
      <c r="LHH643" s="613"/>
      <c r="LHI643" s="613"/>
      <c r="LHJ643" s="613"/>
      <c r="LHK643" s="613"/>
      <c r="LHL643" s="613"/>
      <c r="LHM643" s="613"/>
      <c r="LHN643" s="613"/>
      <c r="LHO643" s="613"/>
      <c r="LHP643" s="613"/>
      <c r="LHQ643" s="613"/>
      <c r="LHR643" s="613"/>
      <c r="LHS643" s="613"/>
      <c r="LHT643" s="613"/>
      <c r="LHU643" s="613"/>
      <c r="LHV643" s="613"/>
      <c r="LHW643" s="613"/>
      <c r="LHX643" s="613"/>
      <c r="LHY643" s="613"/>
      <c r="LHZ643" s="613"/>
      <c r="LIA643" s="613"/>
      <c r="LIB643" s="613"/>
      <c r="LIC643" s="613"/>
      <c r="LID643" s="613"/>
      <c r="LIE643" s="613"/>
      <c r="LIF643" s="613"/>
      <c r="LIG643" s="613"/>
      <c r="LIH643" s="613"/>
      <c r="LII643" s="613"/>
      <c r="LIJ643" s="613"/>
      <c r="LIK643" s="613"/>
      <c r="LIL643" s="613"/>
      <c r="LIM643" s="613"/>
      <c r="LIN643" s="613"/>
      <c r="LIO643" s="613"/>
      <c r="LIP643" s="613"/>
      <c r="LIQ643" s="613"/>
      <c r="LIR643" s="613"/>
      <c r="LIS643" s="613"/>
      <c r="LIT643" s="613"/>
      <c r="LIU643" s="613"/>
      <c r="LIV643" s="613"/>
      <c r="LIW643" s="613"/>
      <c r="LIX643" s="613"/>
      <c r="LIY643" s="613"/>
      <c r="LIZ643" s="613"/>
      <c r="LJA643" s="613"/>
      <c r="LJB643" s="613"/>
      <c r="LJC643" s="613"/>
      <c r="LJD643" s="613"/>
      <c r="LJE643" s="613"/>
      <c r="LJF643" s="613"/>
      <c r="LJG643" s="613"/>
      <c r="LJH643" s="613"/>
      <c r="LJI643" s="613"/>
      <c r="LJJ643" s="613"/>
      <c r="LJK643" s="613"/>
      <c r="LJL643" s="613"/>
      <c r="LJM643" s="613"/>
      <c r="LJN643" s="613"/>
      <c r="LJO643" s="613"/>
      <c r="LJP643" s="613"/>
      <c r="LJQ643" s="613"/>
      <c r="LJR643" s="613"/>
      <c r="LJS643" s="613"/>
      <c r="LJT643" s="613"/>
      <c r="LJU643" s="613"/>
      <c r="LJV643" s="613"/>
      <c r="LJW643" s="613"/>
      <c r="LJX643" s="613"/>
      <c r="LJY643" s="613"/>
      <c r="LJZ643" s="613"/>
      <c r="LKA643" s="613"/>
      <c r="LKB643" s="613"/>
      <c r="LKC643" s="613"/>
      <c r="LKD643" s="613"/>
      <c r="LKE643" s="613"/>
      <c r="LKF643" s="613"/>
      <c r="LKG643" s="613"/>
      <c r="LKH643" s="613"/>
      <c r="LKI643" s="613"/>
      <c r="LKJ643" s="613"/>
      <c r="LKK643" s="613"/>
      <c r="LKL643" s="613"/>
      <c r="LKM643" s="613"/>
      <c r="LKN643" s="613"/>
      <c r="LKO643" s="613"/>
      <c r="LKP643" s="613"/>
      <c r="LKQ643" s="613"/>
      <c r="LKR643" s="613"/>
      <c r="LKS643" s="613"/>
      <c r="LKT643" s="613"/>
      <c r="LKU643" s="613"/>
      <c r="LKV643" s="613"/>
      <c r="LKW643" s="613"/>
      <c r="LKX643" s="613"/>
      <c r="LKY643" s="613"/>
      <c r="LKZ643" s="613"/>
      <c r="LLA643" s="613"/>
      <c r="LLB643" s="613"/>
      <c r="LLC643" s="613"/>
      <c r="LLD643" s="613"/>
      <c r="LLE643" s="613"/>
      <c r="LLF643" s="613"/>
      <c r="LLG643" s="613"/>
      <c r="LLH643" s="613"/>
      <c r="LLI643" s="613"/>
      <c r="LLJ643" s="613"/>
      <c r="LLK643" s="613"/>
      <c r="LLL643" s="613"/>
      <c r="LLM643" s="613"/>
      <c r="LLN643" s="613"/>
      <c r="LLO643" s="613"/>
      <c r="LLP643" s="613"/>
      <c r="LLQ643" s="613"/>
      <c r="LLR643" s="613"/>
      <c r="LLS643" s="613"/>
      <c r="LLT643" s="613"/>
      <c r="LLU643" s="613"/>
      <c r="LLV643" s="613"/>
      <c r="LLW643" s="613"/>
      <c r="LLX643" s="613"/>
      <c r="LLY643" s="613"/>
      <c r="LLZ643" s="613"/>
      <c r="LMA643" s="613"/>
      <c r="LMB643" s="613"/>
      <c r="LMC643" s="613"/>
      <c r="LMD643" s="613"/>
      <c r="LME643" s="613"/>
      <c r="LMF643" s="613"/>
      <c r="LMG643" s="613"/>
      <c r="LMH643" s="613"/>
      <c r="LMI643" s="613"/>
      <c r="LMJ643" s="613"/>
      <c r="LMK643" s="613"/>
      <c r="LML643" s="613"/>
      <c r="LMM643" s="613"/>
      <c r="LMN643" s="613"/>
      <c r="LMO643" s="613"/>
      <c r="LMP643" s="613"/>
      <c r="LMQ643" s="613"/>
      <c r="LMR643" s="613"/>
      <c r="LMS643" s="613"/>
      <c r="LMT643" s="613"/>
      <c r="LMU643" s="613"/>
      <c r="LMV643" s="613"/>
      <c r="LMW643" s="613"/>
      <c r="LMX643" s="613"/>
      <c r="LMY643" s="613"/>
      <c r="LMZ643" s="613"/>
      <c r="LNA643" s="613"/>
      <c r="LNB643" s="613"/>
      <c r="LNC643" s="613"/>
      <c r="LND643" s="613"/>
      <c r="LNE643" s="613"/>
      <c r="LNF643" s="613"/>
      <c r="LNG643" s="613"/>
      <c r="LNH643" s="613"/>
      <c r="LNI643" s="613"/>
      <c r="LNJ643" s="613"/>
      <c r="LNK643" s="613"/>
      <c r="LNL643" s="613"/>
      <c r="LNM643" s="613"/>
      <c r="LNN643" s="613"/>
      <c r="LNO643" s="613"/>
      <c r="LNP643" s="613"/>
      <c r="LNQ643" s="613"/>
      <c r="LNR643" s="613"/>
      <c r="LNS643" s="613"/>
      <c r="LNT643" s="613"/>
      <c r="LNU643" s="613"/>
      <c r="LNV643" s="613"/>
      <c r="LNW643" s="613"/>
      <c r="LNX643" s="613"/>
      <c r="LNY643" s="613"/>
      <c r="LNZ643" s="613"/>
      <c r="LOA643" s="613"/>
      <c r="LOB643" s="613"/>
      <c r="LOC643" s="613"/>
      <c r="LOD643" s="613"/>
      <c r="LOE643" s="613"/>
      <c r="LOF643" s="613"/>
      <c r="LOG643" s="613"/>
      <c r="LOH643" s="613"/>
      <c r="LOI643" s="613"/>
      <c r="LOJ643" s="613"/>
      <c r="LOK643" s="613"/>
      <c r="LOL643" s="613"/>
      <c r="LOM643" s="613"/>
      <c r="LON643" s="613"/>
      <c r="LOO643" s="613"/>
      <c r="LOP643" s="613"/>
      <c r="LOQ643" s="613"/>
      <c r="LOR643" s="613"/>
      <c r="LOS643" s="613"/>
      <c r="LOT643" s="613"/>
      <c r="LOU643" s="613"/>
      <c r="LOV643" s="613"/>
      <c r="LOW643" s="613"/>
      <c r="LOX643" s="613"/>
      <c r="LOY643" s="613"/>
      <c r="LOZ643" s="613"/>
      <c r="LPA643" s="613"/>
      <c r="LPB643" s="613"/>
      <c r="LPC643" s="613"/>
      <c r="LPD643" s="613"/>
      <c r="LPE643" s="613"/>
      <c r="LPF643" s="613"/>
      <c r="LPG643" s="613"/>
      <c r="LPH643" s="613"/>
      <c r="LPI643" s="613"/>
      <c r="LPJ643" s="613"/>
      <c r="LPK643" s="613"/>
      <c r="LPL643" s="613"/>
      <c r="LPM643" s="613"/>
      <c r="LPN643" s="613"/>
      <c r="LPO643" s="613"/>
      <c r="LPP643" s="613"/>
      <c r="LPQ643" s="613"/>
      <c r="LPR643" s="613"/>
      <c r="LPS643" s="613"/>
      <c r="LPT643" s="613"/>
      <c r="LPU643" s="613"/>
      <c r="LPV643" s="613"/>
      <c r="LPW643" s="613"/>
      <c r="LPX643" s="613"/>
      <c r="LPY643" s="613"/>
      <c r="LPZ643" s="613"/>
      <c r="LQA643" s="613"/>
      <c r="LQB643" s="613"/>
      <c r="LQC643" s="613"/>
      <c r="LQD643" s="613"/>
      <c r="LQE643" s="613"/>
      <c r="LQF643" s="613"/>
      <c r="LQG643" s="613"/>
      <c r="LQH643" s="613"/>
      <c r="LQI643" s="613"/>
      <c r="LQJ643" s="613"/>
      <c r="LQK643" s="613"/>
      <c r="LQL643" s="613"/>
      <c r="LQM643" s="613"/>
      <c r="LQN643" s="613"/>
      <c r="LQO643" s="613"/>
      <c r="LQP643" s="613"/>
      <c r="LQQ643" s="613"/>
      <c r="LQR643" s="613"/>
      <c r="LQS643" s="613"/>
      <c r="LQT643" s="613"/>
      <c r="LQU643" s="613"/>
      <c r="LQV643" s="613"/>
      <c r="LQW643" s="613"/>
      <c r="LQX643" s="613"/>
      <c r="LQY643" s="613"/>
      <c r="LQZ643" s="613"/>
      <c r="LRA643" s="613"/>
      <c r="LRB643" s="613"/>
      <c r="LRC643" s="613"/>
      <c r="LRD643" s="613"/>
      <c r="LRE643" s="613"/>
      <c r="LRF643" s="613"/>
      <c r="LRG643" s="613"/>
      <c r="LRH643" s="613"/>
      <c r="LRI643" s="613"/>
      <c r="LRJ643" s="613"/>
      <c r="LRK643" s="613"/>
      <c r="LRL643" s="613"/>
      <c r="LRM643" s="613"/>
      <c r="LRN643" s="613"/>
      <c r="LRO643" s="613"/>
      <c r="LRP643" s="613"/>
      <c r="LRQ643" s="613"/>
      <c r="LRR643" s="613"/>
      <c r="LRS643" s="613"/>
      <c r="LRT643" s="613"/>
      <c r="LRU643" s="613"/>
      <c r="LRV643" s="613"/>
      <c r="LRW643" s="613"/>
      <c r="LRX643" s="613"/>
      <c r="LRY643" s="613"/>
      <c r="LRZ643" s="613"/>
      <c r="LSA643" s="613"/>
      <c r="LSB643" s="613"/>
      <c r="LSC643" s="613"/>
      <c r="LSD643" s="613"/>
      <c r="LSE643" s="613"/>
      <c r="LSF643" s="613"/>
      <c r="LSG643" s="613"/>
      <c r="LSH643" s="613"/>
      <c r="LSI643" s="613"/>
      <c r="LSJ643" s="613"/>
      <c r="LSK643" s="613"/>
      <c r="LSL643" s="613"/>
      <c r="LSM643" s="613"/>
      <c r="LSN643" s="613"/>
      <c r="LSO643" s="613"/>
      <c r="LSP643" s="613"/>
      <c r="LSQ643" s="613"/>
      <c r="LSR643" s="613"/>
      <c r="LSS643" s="613"/>
      <c r="LST643" s="613"/>
      <c r="LSU643" s="613"/>
      <c r="LSV643" s="613"/>
      <c r="LSW643" s="613"/>
      <c r="LSX643" s="613"/>
      <c r="LSY643" s="613"/>
      <c r="LSZ643" s="613"/>
      <c r="LTA643" s="613"/>
      <c r="LTB643" s="613"/>
      <c r="LTC643" s="613"/>
      <c r="LTD643" s="613"/>
      <c r="LTE643" s="613"/>
      <c r="LTF643" s="613"/>
      <c r="LTG643" s="613"/>
      <c r="LTH643" s="613"/>
      <c r="LTI643" s="613"/>
      <c r="LTJ643" s="613"/>
      <c r="LTK643" s="613"/>
      <c r="LTL643" s="613"/>
      <c r="LTM643" s="613"/>
      <c r="LTN643" s="613"/>
      <c r="LTO643" s="613"/>
      <c r="LTP643" s="613"/>
      <c r="LTQ643" s="613"/>
      <c r="LTR643" s="613"/>
      <c r="LTS643" s="613"/>
      <c r="LTT643" s="613"/>
      <c r="LTU643" s="613"/>
      <c r="LTV643" s="613"/>
      <c r="LTW643" s="613"/>
      <c r="LTX643" s="613"/>
      <c r="LTY643" s="613"/>
      <c r="LTZ643" s="613"/>
      <c r="LUA643" s="613"/>
      <c r="LUB643" s="613"/>
      <c r="LUC643" s="613"/>
      <c r="LUD643" s="613"/>
      <c r="LUE643" s="613"/>
      <c r="LUF643" s="613"/>
      <c r="LUG643" s="613"/>
      <c r="LUH643" s="613"/>
      <c r="LUI643" s="613"/>
      <c r="LUJ643" s="613"/>
      <c r="LUK643" s="613"/>
      <c r="LUL643" s="613"/>
      <c r="LUM643" s="613"/>
      <c r="LUN643" s="613"/>
      <c r="LUO643" s="613"/>
      <c r="LUP643" s="613"/>
      <c r="LUQ643" s="613"/>
      <c r="LUR643" s="613"/>
      <c r="LUS643" s="613"/>
      <c r="LUT643" s="613"/>
      <c r="LUU643" s="613"/>
      <c r="LUV643" s="613"/>
      <c r="LUW643" s="613"/>
      <c r="LUX643" s="613"/>
      <c r="LUY643" s="613"/>
      <c r="LUZ643" s="613"/>
      <c r="LVA643" s="613"/>
      <c r="LVB643" s="613"/>
      <c r="LVC643" s="613"/>
      <c r="LVD643" s="613"/>
      <c r="LVE643" s="613"/>
      <c r="LVF643" s="613"/>
      <c r="LVG643" s="613"/>
      <c r="LVH643" s="613"/>
      <c r="LVI643" s="613"/>
      <c r="LVJ643" s="613"/>
      <c r="LVK643" s="613"/>
      <c r="LVL643" s="613"/>
      <c r="LVM643" s="613"/>
      <c r="LVN643" s="613"/>
      <c r="LVO643" s="613"/>
      <c r="LVP643" s="613"/>
      <c r="LVQ643" s="613"/>
      <c r="LVR643" s="613"/>
      <c r="LVS643" s="613"/>
      <c r="LVT643" s="613"/>
      <c r="LVU643" s="613"/>
      <c r="LVV643" s="613"/>
      <c r="LVW643" s="613"/>
      <c r="LVX643" s="613"/>
      <c r="LVY643" s="613"/>
      <c r="LVZ643" s="613"/>
      <c r="LWA643" s="613"/>
      <c r="LWB643" s="613"/>
      <c r="LWC643" s="613"/>
      <c r="LWD643" s="613"/>
      <c r="LWE643" s="613"/>
      <c r="LWF643" s="613"/>
      <c r="LWG643" s="613"/>
      <c r="LWH643" s="613"/>
      <c r="LWI643" s="613"/>
      <c r="LWJ643" s="613"/>
      <c r="LWK643" s="613"/>
      <c r="LWL643" s="613"/>
      <c r="LWM643" s="613"/>
      <c r="LWN643" s="613"/>
      <c r="LWO643" s="613"/>
      <c r="LWP643" s="613"/>
      <c r="LWQ643" s="613"/>
      <c r="LWR643" s="613"/>
      <c r="LWS643" s="613"/>
      <c r="LWT643" s="613"/>
      <c r="LWU643" s="613"/>
      <c r="LWV643" s="613"/>
      <c r="LWW643" s="613"/>
      <c r="LWX643" s="613"/>
      <c r="LWY643" s="613"/>
      <c r="LWZ643" s="613"/>
      <c r="LXA643" s="613"/>
      <c r="LXB643" s="613"/>
      <c r="LXC643" s="613"/>
      <c r="LXD643" s="613"/>
      <c r="LXE643" s="613"/>
      <c r="LXF643" s="613"/>
      <c r="LXG643" s="613"/>
      <c r="LXH643" s="613"/>
      <c r="LXI643" s="613"/>
      <c r="LXJ643" s="613"/>
      <c r="LXK643" s="613"/>
      <c r="LXL643" s="613"/>
      <c r="LXM643" s="613"/>
      <c r="LXN643" s="613"/>
      <c r="LXO643" s="613"/>
      <c r="LXP643" s="613"/>
      <c r="LXQ643" s="613"/>
      <c r="LXR643" s="613"/>
      <c r="LXS643" s="613"/>
      <c r="LXT643" s="613"/>
      <c r="LXU643" s="613"/>
      <c r="LXV643" s="613"/>
      <c r="LXW643" s="613"/>
      <c r="LXX643" s="613"/>
      <c r="LXY643" s="613"/>
      <c r="LXZ643" s="613"/>
      <c r="LYA643" s="613"/>
      <c r="LYB643" s="613"/>
      <c r="LYC643" s="613"/>
      <c r="LYD643" s="613"/>
      <c r="LYE643" s="613"/>
      <c r="LYF643" s="613"/>
      <c r="LYG643" s="613"/>
      <c r="LYH643" s="613"/>
      <c r="LYI643" s="613"/>
      <c r="LYJ643" s="613"/>
      <c r="LYK643" s="613"/>
      <c r="LYL643" s="613"/>
      <c r="LYM643" s="613"/>
      <c r="LYN643" s="613"/>
      <c r="LYO643" s="613"/>
      <c r="LYP643" s="613"/>
      <c r="LYQ643" s="613"/>
      <c r="LYR643" s="613"/>
      <c r="LYS643" s="613"/>
      <c r="LYT643" s="613"/>
      <c r="LYU643" s="613"/>
      <c r="LYV643" s="613"/>
      <c r="LYW643" s="613"/>
      <c r="LYX643" s="613"/>
      <c r="LYY643" s="613"/>
      <c r="LYZ643" s="613"/>
      <c r="LZA643" s="613"/>
      <c r="LZB643" s="613"/>
      <c r="LZC643" s="613"/>
      <c r="LZD643" s="613"/>
      <c r="LZE643" s="613"/>
      <c r="LZF643" s="613"/>
      <c r="LZG643" s="613"/>
      <c r="LZH643" s="613"/>
      <c r="LZI643" s="613"/>
      <c r="LZJ643" s="613"/>
      <c r="LZK643" s="613"/>
      <c r="LZL643" s="613"/>
      <c r="LZM643" s="613"/>
      <c r="LZN643" s="613"/>
      <c r="LZO643" s="613"/>
      <c r="LZP643" s="613"/>
      <c r="LZQ643" s="613"/>
      <c r="LZR643" s="613"/>
      <c r="LZS643" s="613"/>
      <c r="LZT643" s="613"/>
      <c r="LZU643" s="613"/>
      <c r="LZV643" s="613"/>
      <c r="LZW643" s="613"/>
      <c r="LZX643" s="613"/>
      <c r="LZY643" s="613"/>
      <c r="LZZ643" s="613"/>
      <c r="MAA643" s="613"/>
      <c r="MAB643" s="613"/>
      <c r="MAC643" s="613"/>
      <c r="MAD643" s="613"/>
      <c r="MAE643" s="613"/>
      <c r="MAF643" s="613"/>
      <c r="MAG643" s="613"/>
      <c r="MAH643" s="613"/>
      <c r="MAI643" s="613"/>
      <c r="MAJ643" s="613"/>
      <c r="MAK643" s="613"/>
      <c r="MAL643" s="613"/>
      <c r="MAM643" s="613"/>
      <c r="MAN643" s="613"/>
      <c r="MAO643" s="613"/>
      <c r="MAP643" s="613"/>
      <c r="MAQ643" s="613"/>
      <c r="MAR643" s="613"/>
      <c r="MAS643" s="613"/>
      <c r="MAT643" s="613"/>
      <c r="MAU643" s="613"/>
      <c r="MAV643" s="613"/>
      <c r="MAW643" s="613"/>
      <c r="MAX643" s="613"/>
      <c r="MAY643" s="613"/>
      <c r="MAZ643" s="613"/>
      <c r="MBA643" s="613"/>
      <c r="MBB643" s="613"/>
      <c r="MBC643" s="613"/>
      <c r="MBD643" s="613"/>
      <c r="MBE643" s="613"/>
      <c r="MBF643" s="613"/>
      <c r="MBG643" s="613"/>
      <c r="MBH643" s="613"/>
      <c r="MBI643" s="613"/>
      <c r="MBJ643" s="613"/>
      <c r="MBK643" s="613"/>
      <c r="MBL643" s="613"/>
      <c r="MBM643" s="613"/>
      <c r="MBN643" s="613"/>
      <c r="MBO643" s="613"/>
      <c r="MBP643" s="613"/>
      <c r="MBQ643" s="613"/>
      <c r="MBR643" s="613"/>
      <c r="MBS643" s="613"/>
      <c r="MBT643" s="613"/>
      <c r="MBU643" s="613"/>
      <c r="MBV643" s="613"/>
      <c r="MBW643" s="613"/>
      <c r="MBX643" s="613"/>
      <c r="MBY643" s="613"/>
      <c r="MBZ643" s="613"/>
      <c r="MCA643" s="613"/>
      <c r="MCB643" s="613"/>
      <c r="MCC643" s="613"/>
      <c r="MCD643" s="613"/>
      <c r="MCE643" s="613"/>
      <c r="MCF643" s="613"/>
      <c r="MCG643" s="613"/>
      <c r="MCH643" s="613"/>
      <c r="MCI643" s="613"/>
      <c r="MCJ643" s="613"/>
      <c r="MCK643" s="613"/>
      <c r="MCL643" s="613"/>
      <c r="MCM643" s="613"/>
      <c r="MCN643" s="613"/>
      <c r="MCO643" s="613"/>
      <c r="MCP643" s="613"/>
      <c r="MCQ643" s="613"/>
      <c r="MCR643" s="613"/>
      <c r="MCS643" s="613"/>
      <c r="MCT643" s="613"/>
      <c r="MCU643" s="613"/>
      <c r="MCV643" s="613"/>
      <c r="MCW643" s="613"/>
      <c r="MCX643" s="613"/>
      <c r="MCY643" s="613"/>
      <c r="MCZ643" s="613"/>
      <c r="MDA643" s="613"/>
      <c r="MDB643" s="613"/>
      <c r="MDC643" s="613"/>
      <c r="MDD643" s="613"/>
      <c r="MDE643" s="613"/>
      <c r="MDF643" s="613"/>
      <c r="MDG643" s="613"/>
      <c r="MDH643" s="613"/>
      <c r="MDI643" s="613"/>
      <c r="MDJ643" s="613"/>
      <c r="MDK643" s="613"/>
      <c r="MDL643" s="613"/>
      <c r="MDM643" s="613"/>
      <c r="MDN643" s="613"/>
      <c r="MDO643" s="613"/>
      <c r="MDP643" s="613"/>
      <c r="MDQ643" s="613"/>
      <c r="MDR643" s="613"/>
      <c r="MDS643" s="613"/>
      <c r="MDT643" s="613"/>
      <c r="MDU643" s="613"/>
      <c r="MDV643" s="613"/>
      <c r="MDW643" s="613"/>
      <c r="MDX643" s="613"/>
      <c r="MDY643" s="613"/>
      <c r="MDZ643" s="613"/>
      <c r="MEA643" s="613"/>
      <c r="MEB643" s="613"/>
      <c r="MEC643" s="613"/>
      <c r="MED643" s="613"/>
      <c r="MEE643" s="613"/>
      <c r="MEF643" s="613"/>
      <c r="MEG643" s="613"/>
      <c r="MEH643" s="613"/>
      <c r="MEI643" s="613"/>
      <c r="MEJ643" s="613"/>
      <c r="MEK643" s="613"/>
      <c r="MEL643" s="613"/>
      <c r="MEM643" s="613"/>
      <c r="MEN643" s="613"/>
      <c r="MEO643" s="613"/>
      <c r="MEP643" s="613"/>
      <c r="MEQ643" s="613"/>
      <c r="MER643" s="613"/>
      <c r="MES643" s="613"/>
      <c r="MET643" s="613"/>
      <c r="MEU643" s="613"/>
      <c r="MEV643" s="613"/>
      <c r="MEW643" s="613"/>
      <c r="MEX643" s="613"/>
      <c r="MEY643" s="613"/>
      <c r="MEZ643" s="613"/>
      <c r="MFA643" s="613"/>
      <c r="MFB643" s="613"/>
      <c r="MFC643" s="613"/>
      <c r="MFD643" s="613"/>
      <c r="MFE643" s="613"/>
      <c r="MFF643" s="613"/>
      <c r="MFG643" s="613"/>
      <c r="MFH643" s="613"/>
      <c r="MFI643" s="613"/>
      <c r="MFJ643" s="613"/>
      <c r="MFK643" s="613"/>
      <c r="MFL643" s="613"/>
      <c r="MFM643" s="613"/>
      <c r="MFN643" s="613"/>
      <c r="MFO643" s="613"/>
      <c r="MFP643" s="613"/>
      <c r="MFQ643" s="613"/>
      <c r="MFR643" s="613"/>
      <c r="MFS643" s="613"/>
      <c r="MFT643" s="613"/>
      <c r="MFU643" s="613"/>
      <c r="MFV643" s="613"/>
      <c r="MFW643" s="613"/>
      <c r="MFX643" s="613"/>
      <c r="MFY643" s="613"/>
      <c r="MFZ643" s="613"/>
      <c r="MGA643" s="613"/>
      <c r="MGB643" s="613"/>
      <c r="MGC643" s="613"/>
      <c r="MGD643" s="613"/>
      <c r="MGE643" s="613"/>
      <c r="MGF643" s="613"/>
      <c r="MGG643" s="613"/>
      <c r="MGH643" s="613"/>
      <c r="MGI643" s="613"/>
      <c r="MGJ643" s="613"/>
      <c r="MGK643" s="613"/>
      <c r="MGL643" s="613"/>
      <c r="MGM643" s="613"/>
      <c r="MGN643" s="613"/>
      <c r="MGO643" s="613"/>
      <c r="MGP643" s="613"/>
      <c r="MGQ643" s="613"/>
      <c r="MGR643" s="613"/>
      <c r="MGS643" s="613"/>
      <c r="MGT643" s="613"/>
      <c r="MGU643" s="613"/>
      <c r="MGV643" s="613"/>
      <c r="MGW643" s="613"/>
      <c r="MGX643" s="613"/>
      <c r="MGY643" s="613"/>
      <c r="MGZ643" s="613"/>
      <c r="MHA643" s="613"/>
      <c r="MHB643" s="613"/>
      <c r="MHC643" s="613"/>
      <c r="MHD643" s="613"/>
      <c r="MHE643" s="613"/>
      <c r="MHF643" s="613"/>
      <c r="MHG643" s="613"/>
      <c r="MHH643" s="613"/>
      <c r="MHI643" s="613"/>
      <c r="MHJ643" s="613"/>
      <c r="MHK643" s="613"/>
      <c r="MHL643" s="613"/>
      <c r="MHM643" s="613"/>
      <c r="MHN643" s="613"/>
      <c r="MHO643" s="613"/>
      <c r="MHP643" s="613"/>
      <c r="MHQ643" s="613"/>
      <c r="MHR643" s="613"/>
      <c r="MHS643" s="613"/>
      <c r="MHT643" s="613"/>
      <c r="MHU643" s="613"/>
      <c r="MHV643" s="613"/>
      <c r="MHW643" s="613"/>
      <c r="MHX643" s="613"/>
      <c r="MHY643" s="613"/>
      <c r="MHZ643" s="613"/>
      <c r="MIA643" s="613"/>
      <c r="MIB643" s="613"/>
      <c r="MIC643" s="613"/>
      <c r="MID643" s="613"/>
      <c r="MIE643" s="613"/>
      <c r="MIF643" s="613"/>
      <c r="MIG643" s="613"/>
      <c r="MIH643" s="613"/>
      <c r="MII643" s="613"/>
      <c r="MIJ643" s="613"/>
      <c r="MIK643" s="613"/>
      <c r="MIL643" s="613"/>
      <c r="MIM643" s="613"/>
      <c r="MIN643" s="613"/>
      <c r="MIO643" s="613"/>
      <c r="MIP643" s="613"/>
      <c r="MIQ643" s="613"/>
      <c r="MIR643" s="613"/>
      <c r="MIS643" s="613"/>
      <c r="MIT643" s="613"/>
      <c r="MIU643" s="613"/>
      <c r="MIV643" s="613"/>
      <c r="MIW643" s="613"/>
      <c r="MIX643" s="613"/>
      <c r="MIY643" s="613"/>
      <c r="MIZ643" s="613"/>
      <c r="MJA643" s="613"/>
      <c r="MJB643" s="613"/>
      <c r="MJC643" s="613"/>
      <c r="MJD643" s="613"/>
      <c r="MJE643" s="613"/>
      <c r="MJF643" s="613"/>
      <c r="MJG643" s="613"/>
      <c r="MJH643" s="613"/>
      <c r="MJI643" s="613"/>
      <c r="MJJ643" s="613"/>
      <c r="MJK643" s="613"/>
      <c r="MJL643" s="613"/>
      <c r="MJM643" s="613"/>
      <c r="MJN643" s="613"/>
      <c r="MJO643" s="613"/>
      <c r="MJP643" s="613"/>
      <c r="MJQ643" s="613"/>
      <c r="MJR643" s="613"/>
      <c r="MJS643" s="613"/>
      <c r="MJT643" s="613"/>
      <c r="MJU643" s="613"/>
      <c r="MJV643" s="613"/>
      <c r="MJW643" s="613"/>
      <c r="MJX643" s="613"/>
      <c r="MJY643" s="613"/>
      <c r="MJZ643" s="613"/>
      <c r="MKA643" s="613"/>
      <c r="MKB643" s="613"/>
      <c r="MKC643" s="613"/>
      <c r="MKD643" s="613"/>
      <c r="MKE643" s="613"/>
      <c r="MKF643" s="613"/>
      <c r="MKG643" s="613"/>
      <c r="MKH643" s="613"/>
      <c r="MKI643" s="613"/>
      <c r="MKJ643" s="613"/>
      <c r="MKK643" s="613"/>
      <c r="MKL643" s="613"/>
      <c r="MKM643" s="613"/>
      <c r="MKN643" s="613"/>
      <c r="MKO643" s="613"/>
      <c r="MKP643" s="613"/>
      <c r="MKQ643" s="613"/>
      <c r="MKR643" s="613"/>
      <c r="MKS643" s="613"/>
      <c r="MKT643" s="613"/>
      <c r="MKU643" s="613"/>
      <c r="MKV643" s="613"/>
      <c r="MKW643" s="613"/>
      <c r="MKX643" s="613"/>
      <c r="MKY643" s="613"/>
      <c r="MKZ643" s="613"/>
      <c r="MLA643" s="613"/>
      <c r="MLB643" s="613"/>
      <c r="MLC643" s="613"/>
      <c r="MLD643" s="613"/>
      <c r="MLE643" s="613"/>
      <c r="MLF643" s="613"/>
      <c r="MLG643" s="613"/>
      <c r="MLH643" s="613"/>
      <c r="MLI643" s="613"/>
      <c r="MLJ643" s="613"/>
      <c r="MLK643" s="613"/>
      <c r="MLL643" s="613"/>
      <c r="MLM643" s="613"/>
      <c r="MLN643" s="613"/>
      <c r="MLO643" s="613"/>
      <c r="MLP643" s="613"/>
      <c r="MLQ643" s="613"/>
      <c r="MLR643" s="613"/>
      <c r="MLS643" s="613"/>
      <c r="MLT643" s="613"/>
      <c r="MLU643" s="613"/>
      <c r="MLV643" s="613"/>
      <c r="MLW643" s="613"/>
      <c r="MLX643" s="613"/>
      <c r="MLY643" s="613"/>
      <c r="MLZ643" s="613"/>
      <c r="MMA643" s="613"/>
      <c r="MMB643" s="613"/>
      <c r="MMC643" s="613"/>
      <c r="MMD643" s="613"/>
      <c r="MME643" s="613"/>
      <c r="MMF643" s="613"/>
      <c r="MMG643" s="613"/>
      <c r="MMH643" s="613"/>
      <c r="MMI643" s="613"/>
      <c r="MMJ643" s="613"/>
      <c r="MMK643" s="613"/>
      <c r="MML643" s="613"/>
      <c r="MMM643" s="613"/>
      <c r="MMN643" s="613"/>
      <c r="MMO643" s="613"/>
      <c r="MMP643" s="613"/>
      <c r="MMQ643" s="613"/>
      <c r="MMR643" s="613"/>
      <c r="MMS643" s="613"/>
      <c r="MMT643" s="613"/>
      <c r="MMU643" s="613"/>
      <c r="MMV643" s="613"/>
      <c r="MMW643" s="613"/>
      <c r="MMX643" s="613"/>
      <c r="MMY643" s="613"/>
      <c r="MMZ643" s="613"/>
      <c r="MNA643" s="613"/>
      <c r="MNB643" s="613"/>
      <c r="MNC643" s="613"/>
      <c r="MND643" s="613"/>
      <c r="MNE643" s="613"/>
      <c r="MNF643" s="613"/>
      <c r="MNG643" s="613"/>
      <c r="MNH643" s="613"/>
      <c r="MNI643" s="613"/>
      <c r="MNJ643" s="613"/>
      <c r="MNK643" s="613"/>
      <c r="MNL643" s="613"/>
      <c r="MNM643" s="613"/>
      <c r="MNN643" s="613"/>
      <c r="MNO643" s="613"/>
      <c r="MNP643" s="613"/>
      <c r="MNQ643" s="613"/>
      <c r="MNR643" s="613"/>
      <c r="MNS643" s="613"/>
      <c r="MNT643" s="613"/>
      <c r="MNU643" s="613"/>
      <c r="MNV643" s="613"/>
      <c r="MNW643" s="613"/>
      <c r="MNX643" s="613"/>
      <c r="MNY643" s="613"/>
      <c r="MNZ643" s="613"/>
      <c r="MOA643" s="613"/>
      <c r="MOB643" s="613"/>
      <c r="MOC643" s="613"/>
      <c r="MOD643" s="613"/>
      <c r="MOE643" s="613"/>
      <c r="MOF643" s="613"/>
      <c r="MOG643" s="613"/>
      <c r="MOH643" s="613"/>
      <c r="MOI643" s="613"/>
      <c r="MOJ643" s="613"/>
      <c r="MOK643" s="613"/>
      <c r="MOL643" s="613"/>
      <c r="MOM643" s="613"/>
      <c r="MON643" s="613"/>
      <c r="MOO643" s="613"/>
      <c r="MOP643" s="613"/>
      <c r="MOQ643" s="613"/>
      <c r="MOR643" s="613"/>
      <c r="MOS643" s="613"/>
      <c r="MOT643" s="613"/>
      <c r="MOU643" s="613"/>
      <c r="MOV643" s="613"/>
      <c r="MOW643" s="613"/>
      <c r="MOX643" s="613"/>
      <c r="MOY643" s="613"/>
      <c r="MOZ643" s="613"/>
      <c r="MPA643" s="613"/>
      <c r="MPB643" s="613"/>
      <c r="MPC643" s="613"/>
      <c r="MPD643" s="613"/>
      <c r="MPE643" s="613"/>
      <c r="MPF643" s="613"/>
      <c r="MPG643" s="613"/>
      <c r="MPH643" s="613"/>
      <c r="MPI643" s="613"/>
      <c r="MPJ643" s="613"/>
      <c r="MPK643" s="613"/>
      <c r="MPL643" s="613"/>
      <c r="MPM643" s="613"/>
      <c r="MPN643" s="613"/>
      <c r="MPO643" s="613"/>
      <c r="MPP643" s="613"/>
      <c r="MPQ643" s="613"/>
      <c r="MPR643" s="613"/>
      <c r="MPS643" s="613"/>
      <c r="MPT643" s="613"/>
      <c r="MPU643" s="613"/>
      <c r="MPV643" s="613"/>
      <c r="MPW643" s="613"/>
      <c r="MPX643" s="613"/>
      <c r="MPY643" s="613"/>
      <c r="MPZ643" s="613"/>
      <c r="MQA643" s="613"/>
      <c r="MQB643" s="613"/>
      <c r="MQC643" s="613"/>
      <c r="MQD643" s="613"/>
      <c r="MQE643" s="613"/>
      <c r="MQF643" s="613"/>
      <c r="MQG643" s="613"/>
      <c r="MQH643" s="613"/>
      <c r="MQI643" s="613"/>
      <c r="MQJ643" s="613"/>
      <c r="MQK643" s="613"/>
      <c r="MQL643" s="613"/>
      <c r="MQM643" s="613"/>
      <c r="MQN643" s="613"/>
      <c r="MQO643" s="613"/>
      <c r="MQP643" s="613"/>
      <c r="MQQ643" s="613"/>
      <c r="MQR643" s="613"/>
      <c r="MQS643" s="613"/>
      <c r="MQT643" s="613"/>
      <c r="MQU643" s="613"/>
      <c r="MQV643" s="613"/>
      <c r="MQW643" s="613"/>
      <c r="MQX643" s="613"/>
      <c r="MQY643" s="613"/>
      <c r="MQZ643" s="613"/>
      <c r="MRA643" s="613"/>
      <c r="MRB643" s="613"/>
      <c r="MRC643" s="613"/>
      <c r="MRD643" s="613"/>
      <c r="MRE643" s="613"/>
      <c r="MRF643" s="613"/>
      <c r="MRG643" s="613"/>
      <c r="MRH643" s="613"/>
      <c r="MRI643" s="613"/>
      <c r="MRJ643" s="613"/>
      <c r="MRK643" s="613"/>
      <c r="MRL643" s="613"/>
      <c r="MRM643" s="613"/>
      <c r="MRN643" s="613"/>
      <c r="MRO643" s="613"/>
      <c r="MRP643" s="613"/>
      <c r="MRQ643" s="613"/>
      <c r="MRR643" s="613"/>
      <c r="MRS643" s="613"/>
      <c r="MRT643" s="613"/>
      <c r="MRU643" s="613"/>
      <c r="MRV643" s="613"/>
      <c r="MRW643" s="613"/>
      <c r="MRX643" s="613"/>
      <c r="MRY643" s="613"/>
      <c r="MRZ643" s="613"/>
      <c r="MSA643" s="613"/>
      <c r="MSB643" s="613"/>
      <c r="MSC643" s="613"/>
      <c r="MSD643" s="613"/>
      <c r="MSE643" s="613"/>
      <c r="MSF643" s="613"/>
      <c r="MSG643" s="613"/>
      <c r="MSH643" s="613"/>
      <c r="MSI643" s="613"/>
      <c r="MSJ643" s="613"/>
      <c r="MSK643" s="613"/>
      <c r="MSL643" s="613"/>
      <c r="MSM643" s="613"/>
      <c r="MSN643" s="613"/>
      <c r="MSO643" s="613"/>
      <c r="MSP643" s="613"/>
      <c r="MSQ643" s="613"/>
      <c r="MSR643" s="613"/>
      <c r="MSS643" s="613"/>
      <c r="MST643" s="613"/>
      <c r="MSU643" s="613"/>
      <c r="MSV643" s="613"/>
      <c r="MSW643" s="613"/>
      <c r="MSX643" s="613"/>
      <c r="MSY643" s="613"/>
      <c r="MSZ643" s="613"/>
      <c r="MTA643" s="613"/>
      <c r="MTB643" s="613"/>
      <c r="MTC643" s="613"/>
      <c r="MTD643" s="613"/>
      <c r="MTE643" s="613"/>
      <c r="MTF643" s="613"/>
      <c r="MTG643" s="613"/>
      <c r="MTH643" s="613"/>
      <c r="MTI643" s="613"/>
      <c r="MTJ643" s="613"/>
      <c r="MTK643" s="613"/>
      <c r="MTL643" s="613"/>
      <c r="MTM643" s="613"/>
      <c r="MTN643" s="613"/>
      <c r="MTO643" s="613"/>
      <c r="MTP643" s="613"/>
      <c r="MTQ643" s="613"/>
      <c r="MTR643" s="613"/>
      <c r="MTS643" s="613"/>
      <c r="MTT643" s="613"/>
      <c r="MTU643" s="613"/>
      <c r="MTV643" s="613"/>
      <c r="MTW643" s="613"/>
      <c r="MTX643" s="613"/>
      <c r="MTY643" s="613"/>
      <c r="MTZ643" s="613"/>
      <c r="MUA643" s="613"/>
      <c r="MUB643" s="613"/>
      <c r="MUC643" s="613"/>
      <c r="MUD643" s="613"/>
      <c r="MUE643" s="613"/>
      <c r="MUF643" s="613"/>
      <c r="MUG643" s="613"/>
      <c r="MUH643" s="613"/>
      <c r="MUI643" s="613"/>
      <c r="MUJ643" s="613"/>
      <c r="MUK643" s="613"/>
      <c r="MUL643" s="613"/>
      <c r="MUM643" s="613"/>
      <c r="MUN643" s="613"/>
      <c r="MUO643" s="613"/>
      <c r="MUP643" s="613"/>
      <c r="MUQ643" s="613"/>
      <c r="MUR643" s="613"/>
      <c r="MUS643" s="613"/>
      <c r="MUT643" s="613"/>
      <c r="MUU643" s="613"/>
      <c r="MUV643" s="613"/>
      <c r="MUW643" s="613"/>
      <c r="MUX643" s="613"/>
      <c r="MUY643" s="613"/>
      <c r="MUZ643" s="613"/>
      <c r="MVA643" s="613"/>
      <c r="MVB643" s="613"/>
      <c r="MVC643" s="613"/>
      <c r="MVD643" s="613"/>
      <c r="MVE643" s="613"/>
      <c r="MVF643" s="613"/>
      <c r="MVG643" s="613"/>
      <c r="MVH643" s="613"/>
      <c r="MVI643" s="613"/>
      <c r="MVJ643" s="613"/>
      <c r="MVK643" s="613"/>
      <c r="MVL643" s="613"/>
      <c r="MVM643" s="613"/>
      <c r="MVN643" s="613"/>
      <c r="MVO643" s="613"/>
      <c r="MVP643" s="613"/>
      <c r="MVQ643" s="613"/>
      <c r="MVR643" s="613"/>
      <c r="MVS643" s="613"/>
      <c r="MVT643" s="613"/>
      <c r="MVU643" s="613"/>
      <c r="MVV643" s="613"/>
      <c r="MVW643" s="613"/>
      <c r="MVX643" s="613"/>
      <c r="MVY643" s="613"/>
      <c r="MVZ643" s="613"/>
      <c r="MWA643" s="613"/>
      <c r="MWB643" s="613"/>
      <c r="MWC643" s="613"/>
      <c r="MWD643" s="613"/>
      <c r="MWE643" s="613"/>
      <c r="MWF643" s="613"/>
      <c r="MWG643" s="613"/>
      <c r="MWH643" s="613"/>
      <c r="MWI643" s="613"/>
      <c r="MWJ643" s="613"/>
      <c r="MWK643" s="613"/>
      <c r="MWL643" s="613"/>
      <c r="MWM643" s="613"/>
      <c r="MWN643" s="613"/>
      <c r="MWO643" s="613"/>
      <c r="MWP643" s="613"/>
      <c r="MWQ643" s="613"/>
      <c r="MWR643" s="613"/>
      <c r="MWS643" s="613"/>
      <c r="MWT643" s="613"/>
      <c r="MWU643" s="613"/>
      <c r="MWV643" s="613"/>
      <c r="MWW643" s="613"/>
      <c r="MWX643" s="613"/>
      <c r="MWY643" s="613"/>
      <c r="MWZ643" s="613"/>
      <c r="MXA643" s="613"/>
      <c r="MXB643" s="613"/>
      <c r="MXC643" s="613"/>
      <c r="MXD643" s="613"/>
      <c r="MXE643" s="613"/>
      <c r="MXF643" s="613"/>
      <c r="MXG643" s="613"/>
      <c r="MXH643" s="613"/>
      <c r="MXI643" s="613"/>
      <c r="MXJ643" s="613"/>
      <c r="MXK643" s="613"/>
      <c r="MXL643" s="613"/>
      <c r="MXM643" s="613"/>
      <c r="MXN643" s="613"/>
      <c r="MXO643" s="613"/>
      <c r="MXP643" s="613"/>
      <c r="MXQ643" s="613"/>
      <c r="MXR643" s="613"/>
      <c r="MXS643" s="613"/>
      <c r="MXT643" s="613"/>
      <c r="MXU643" s="613"/>
      <c r="MXV643" s="613"/>
      <c r="MXW643" s="613"/>
      <c r="MXX643" s="613"/>
      <c r="MXY643" s="613"/>
      <c r="MXZ643" s="613"/>
      <c r="MYA643" s="613"/>
      <c r="MYB643" s="613"/>
      <c r="MYC643" s="613"/>
      <c r="MYD643" s="613"/>
      <c r="MYE643" s="613"/>
      <c r="MYF643" s="613"/>
      <c r="MYG643" s="613"/>
      <c r="MYH643" s="613"/>
      <c r="MYI643" s="613"/>
      <c r="MYJ643" s="613"/>
      <c r="MYK643" s="613"/>
      <c r="MYL643" s="613"/>
      <c r="MYM643" s="613"/>
      <c r="MYN643" s="613"/>
      <c r="MYO643" s="613"/>
      <c r="MYP643" s="613"/>
      <c r="MYQ643" s="613"/>
      <c r="MYR643" s="613"/>
      <c r="MYS643" s="613"/>
      <c r="MYT643" s="613"/>
      <c r="MYU643" s="613"/>
      <c r="MYV643" s="613"/>
      <c r="MYW643" s="613"/>
      <c r="MYX643" s="613"/>
      <c r="MYY643" s="613"/>
      <c r="MYZ643" s="613"/>
      <c r="MZA643" s="613"/>
      <c r="MZB643" s="613"/>
      <c r="MZC643" s="613"/>
      <c r="MZD643" s="613"/>
      <c r="MZE643" s="613"/>
      <c r="MZF643" s="613"/>
      <c r="MZG643" s="613"/>
      <c r="MZH643" s="613"/>
      <c r="MZI643" s="613"/>
      <c r="MZJ643" s="613"/>
      <c r="MZK643" s="613"/>
      <c r="MZL643" s="613"/>
      <c r="MZM643" s="613"/>
      <c r="MZN643" s="613"/>
      <c r="MZO643" s="613"/>
      <c r="MZP643" s="613"/>
      <c r="MZQ643" s="613"/>
      <c r="MZR643" s="613"/>
      <c r="MZS643" s="613"/>
      <c r="MZT643" s="613"/>
      <c r="MZU643" s="613"/>
      <c r="MZV643" s="613"/>
      <c r="MZW643" s="613"/>
      <c r="MZX643" s="613"/>
      <c r="MZY643" s="613"/>
      <c r="MZZ643" s="613"/>
      <c r="NAA643" s="613"/>
      <c r="NAB643" s="613"/>
      <c r="NAC643" s="613"/>
      <c r="NAD643" s="613"/>
      <c r="NAE643" s="613"/>
      <c r="NAF643" s="613"/>
      <c r="NAG643" s="613"/>
      <c r="NAH643" s="613"/>
      <c r="NAI643" s="613"/>
      <c r="NAJ643" s="613"/>
      <c r="NAK643" s="613"/>
      <c r="NAL643" s="613"/>
      <c r="NAM643" s="613"/>
      <c r="NAN643" s="613"/>
      <c r="NAO643" s="613"/>
      <c r="NAP643" s="613"/>
      <c r="NAQ643" s="613"/>
      <c r="NAR643" s="613"/>
      <c r="NAS643" s="613"/>
      <c r="NAT643" s="613"/>
      <c r="NAU643" s="613"/>
      <c r="NAV643" s="613"/>
      <c r="NAW643" s="613"/>
      <c r="NAX643" s="613"/>
      <c r="NAY643" s="613"/>
      <c r="NAZ643" s="613"/>
      <c r="NBA643" s="613"/>
      <c r="NBB643" s="613"/>
      <c r="NBC643" s="613"/>
      <c r="NBD643" s="613"/>
      <c r="NBE643" s="613"/>
      <c r="NBF643" s="613"/>
      <c r="NBG643" s="613"/>
      <c r="NBH643" s="613"/>
      <c r="NBI643" s="613"/>
      <c r="NBJ643" s="613"/>
      <c r="NBK643" s="613"/>
      <c r="NBL643" s="613"/>
      <c r="NBM643" s="613"/>
      <c r="NBN643" s="613"/>
      <c r="NBO643" s="613"/>
      <c r="NBP643" s="613"/>
      <c r="NBQ643" s="613"/>
      <c r="NBR643" s="613"/>
      <c r="NBS643" s="613"/>
      <c r="NBT643" s="613"/>
      <c r="NBU643" s="613"/>
      <c r="NBV643" s="613"/>
      <c r="NBW643" s="613"/>
      <c r="NBX643" s="613"/>
      <c r="NBY643" s="613"/>
      <c r="NBZ643" s="613"/>
      <c r="NCA643" s="613"/>
      <c r="NCB643" s="613"/>
      <c r="NCC643" s="613"/>
      <c r="NCD643" s="613"/>
      <c r="NCE643" s="613"/>
      <c r="NCF643" s="613"/>
      <c r="NCG643" s="613"/>
      <c r="NCH643" s="613"/>
      <c r="NCI643" s="613"/>
      <c r="NCJ643" s="613"/>
      <c r="NCK643" s="613"/>
      <c r="NCL643" s="613"/>
      <c r="NCM643" s="613"/>
      <c r="NCN643" s="613"/>
      <c r="NCO643" s="613"/>
      <c r="NCP643" s="613"/>
      <c r="NCQ643" s="613"/>
      <c r="NCR643" s="613"/>
      <c r="NCS643" s="613"/>
      <c r="NCT643" s="613"/>
      <c r="NCU643" s="613"/>
      <c r="NCV643" s="613"/>
      <c r="NCW643" s="613"/>
      <c r="NCX643" s="613"/>
      <c r="NCY643" s="613"/>
      <c r="NCZ643" s="613"/>
      <c r="NDA643" s="613"/>
      <c r="NDB643" s="613"/>
      <c r="NDC643" s="613"/>
      <c r="NDD643" s="613"/>
      <c r="NDE643" s="613"/>
      <c r="NDF643" s="613"/>
      <c r="NDG643" s="613"/>
      <c r="NDH643" s="613"/>
      <c r="NDI643" s="613"/>
      <c r="NDJ643" s="613"/>
      <c r="NDK643" s="613"/>
      <c r="NDL643" s="613"/>
      <c r="NDM643" s="613"/>
      <c r="NDN643" s="613"/>
      <c r="NDO643" s="613"/>
      <c r="NDP643" s="613"/>
      <c r="NDQ643" s="613"/>
      <c r="NDR643" s="613"/>
      <c r="NDS643" s="613"/>
      <c r="NDT643" s="613"/>
      <c r="NDU643" s="613"/>
      <c r="NDV643" s="613"/>
      <c r="NDW643" s="613"/>
      <c r="NDX643" s="613"/>
      <c r="NDY643" s="613"/>
      <c r="NDZ643" s="613"/>
      <c r="NEA643" s="613"/>
      <c r="NEB643" s="613"/>
      <c r="NEC643" s="613"/>
      <c r="NED643" s="613"/>
      <c r="NEE643" s="613"/>
      <c r="NEF643" s="613"/>
      <c r="NEG643" s="613"/>
      <c r="NEH643" s="613"/>
      <c r="NEI643" s="613"/>
      <c r="NEJ643" s="613"/>
      <c r="NEK643" s="613"/>
      <c r="NEL643" s="613"/>
      <c r="NEM643" s="613"/>
      <c r="NEN643" s="613"/>
      <c r="NEO643" s="613"/>
      <c r="NEP643" s="613"/>
      <c r="NEQ643" s="613"/>
      <c r="NER643" s="613"/>
      <c r="NES643" s="613"/>
      <c r="NET643" s="613"/>
      <c r="NEU643" s="613"/>
      <c r="NEV643" s="613"/>
      <c r="NEW643" s="613"/>
      <c r="NEX643" s="613"/>
      <c r="NEY643" s="613"/>
      <c r="NEZ643" s="613"/>
      <c r="NFA643" s="613"/>
      <c r="NFB643" s="613"/>
      <c r="NFC643" s="613"/>
      <c r="NFD643" s="613"/>
      <c r="NFE643" s="613"/>
      <c r="NFF643" s="613"/>
      <c r="NFG643" s="613"/>
      <c r="NFH643" s="613"/>
      <c r="NFI643" s="613"/>
      <c r="NFJ643" s="613"/>
      <c r="NFK643" s="613"/>
      <c r="NFL643" s="613"/>
      <c r="NFM643" s="613"/>
      <c r="NFN643" s="613"/>
      <c r="NFO643" s="613"/>
      <c r="NFP643" s="613"/>
      <c r="NFQ643" s="613"/>
      <c r="NFR643" s="613"/>
      <c r="NFS643" s="613"/>
      <c r="NFT643" s="613"/>
      <c r="NFU643" s="613"/>
      <c r="NFV643" s="613"/>
      <c r="NFW643" s="613"/>
      <c r="NFX643" s="613"/>
      <c r="NFY643" s="613"/>
      <c r="NFZ643" s="613"/>
      <c r="NGA643" s="613"/>
      <c r="NGB643" s="613"/>
      <c r="NGC643" s="613"/>
      <c r="NGD643" s="613"/>
      <c r="NGE643" s="613"/>
      <c r="NGF643" s="613"/>
      <c r="NGG643" s="613"/>
      <c r="NGH643" s="613"/>
      <c r="NGI643" s="613"/>
      <c r="NGJ643" s="613"/>
      <c r="NGK643" s="613"/>
      <c r="NGL643" s="613"/>
      <c r="NGM643" s="613"/>
      <c r="NGN643" s="613"/>
      <c r="NGO643" s="613"/>
      <c r="NGP643" s="613"/>
      <c r="NGQ643" s="613"/>
      <c r="NGR643" s="613"/>
      <c r="NGS643" s="613"/>
      <c r="NGT643" s="613"/>
      <c r="NGU643" s="613"/>
      <c r="NGV643" s="613"/>
      <c r="NGW643" s="613"/>
      <c r="NGX643" s="613"/>
      <c r="NGY643" s="613"/>
      <c r="NGZ643" s="613"/>
      <c r="NHA643" s="613"/>
      <c r="NHB643" s="613"/>
      <c r="NHC643" s="613"/>
      <c r="NHD643" s="613"/>
      <c r="NHE643" s="613"/>
      <c r="NHF643" s="613"/>
      <c r="NHG643" s="613"/>
      <c r="NHH643" s="613"/>
      <c r="NHI643" s="613"/>
      <c r="NHJ643" s="613"/>
      <c r="NHK643" s="613"/>
      <c r="NHL643" s="613"/>
      <c r="NHM643" s="613"/>
      <c r="NHN643" s="613"/>
      <c r="NHO643" s="613"/>
      <c r="NHP643" s="613"/>
      <c r="NHQ643" s="613"/>
      <c r="NHR643" s="613"/>
      <c r="NHS643" s="613"/>
      <c r="NHT643" s="613"/>
      <c r="NHU643" s="613"/>
      <c r="NHV643" s="613"/>
      <c r="NHW643" s="613"/>
      <c r="NHX643" s="613"/>
      <c r="NHY643" s="613"/>
      <c r="NHZ643" s="613"/>
      <c r="NIA643" s="613"/>
      <c r="NIB643" s="613"/>
      <c r="NIC643" s="613"/>
      <c r="NID643" s="613"/>
      <c r="NIE643" s="613"/>
      <c r="NIF643" s="613"/>
      <c r="NIG643" s="613"/>
      <c r="NIH643" s="613"/>
      <c r="NII643" s="613"/>
      <c r="NIJ643" s="613"/>
      <c r="NIK643" s="613"/>
      <c r="NIL643" s="613"/>
      <c r="NIM643" s="613"/>
      <c r="NIN643" s="613"/>
      <c r="NIO643" s="613"/>
      <c r="NIP643" s="613"/>
      <c r="NIQ643" s="613"/>
      <c r="NIR643" s="613"/>
      <c r="NIS643" s="613"/>
      <c r="NIT643" s="613"/>
      <c r="NIU643" s="613"/>
      <c r="NIV643" s="613"/>
      <c r="NIW643" s="613"/>
      <c r="NIX643" s="613"/>
      <c r="NIY643" s="613"/>
      <c r="NIZ643" s="613"/>
      <c r="NJA643" s="613"/>
      <c r="NJB643" s="613"/>
      <c r="NJC643" s="613"/>
      <c r="NJD643" s="613"/>
      <c r="NJE643" s="613"/>
      <c r="NJF643" s="613"/>
      <c r="NJG643" s="613"/>
      <c r="NJH643" s="613"/>
      <c r="NJI643" s="613"/>
      <c r="NJJ643" s="613"/>
      <c r="NJK643" s="613"/>
      <c r="NJL643" s="613"/>
      <c r="NJM643" s="613"/>
      <c r="NJN643" s="613"/>
      <c r="NJO643" s="613"/>
      <c r="NJP643" s="613"/>
      <c r="NJQ643" s="613"/>
      <c r="NJR643" s="613"/>
      <c r="NJS643" s="613"/>
      <c r="NJT643" s="613"/>
      <c r="NJU643" s="613"/>
      <c r="NJV643" s="613"/>
      <c r="NJW643" s="613"/>
      <c r="NJX643" s="613"/>
      <c r="NJY643" s="613"/>
      <c r="NJZ643" s="613"/>
      <c r="NKA643" s="613"/>
      <c r="NKB643" s="613"/>
      <c r="NKC643" s="613"/>
      <c r="NKD643" s="613"/>
      <c r="NKE643" s="613"/>
      <c r="NKF643" s="613"/>
      <c r="NKG643" s="613"/>
      <c r="NKH643" s="613"/>
      <c r="NKI643" s="613"/>
      <c r="NKJ643" s="613"/>
      <c r="NKK643" s="613"/>
      <c r="NKL643" s="613"/>
      <c r="NKM643" s="613"/>
      <c r="NKN643" s="613"/>
      <c r="NKO643" s="613"/>
      <c r="NKP643" s="613"/>
      <c r="NKQ643" s="613"/>
      <c r="NKR643" s="613"/>
      <c r="NKS643" s="613"/>
      <c r="NKT643" s="613"/>
      <c r="NKU643" s="613"/>
      <c r="NKV643" s="613"/>
      <c r="NKW643" s="613"/>
      <c r="NKX643" s="613"/>
      <c r="NKY643" s="613"/>
      <c r="NKZ643" s="613"/>
      <c r="NLA643" s="613"/>
      <c r="NLB643" s="613"/>
      <c r="NLC643" s="613"/>
      <c r="NLD643" s="613"/>
      <c r="NLE643" s="613"/>
      <c r="NLF643" s="613"/>
      <c r="NLG643" s="613"/>
      <c r="NLH643" s="613"/>
      <c r="NLI643" s="613"/>
      <c r="NLJ643" s="613"/>
      <c r="NLK643" s="613"/>
      <c r="NLL643" s="613"/>
      <c r="NLM643" s="613"/>
      <c r="NLN643" s="613"/>
      <c r="NLO643" s="613"/>
      <c r="NLP643" s="613"/>
      <c r="NLQ643" s="613"/>
      <c r="NLR643" s="613"/>
      <c r="NLS643" s="613"/>
      <c r="NLT643" s="613"/>
      <c r="NLU643" s="613"/>
      <c r="NLV643" s="613"/>
      <c r="NLW643" s="613"/>
      <c r="NLX643" s="613"/>
      <c r="NLY643" s="613"/>
      <c r="NLZ643" s="613"/>
      <c r="NMA643" s="613"/>
      <c r="NMB643" s="613"/>
      <c r="NMC643" s="613"/>
      <c r="NMD643" s="613"/>
      <c r="NME643" s="613"/>
      <c r="NMF643" s="613"/>
      <c r="NMG643" s="613"/>
      <c r="NMH643" s="613"/>
      <c r="NMI643" s="613"/>
      <c r="NMJ643" s="613"/>
      <c r="NMK643" s="613"/>
      <c r="NML643" s="613"/>
      <c r="NMM643" s="613"/>
      <c r="NMN643" s="613"/>
      <c r="NMO643" s="613"/>
      <c r="NMP643" s="613"/>
      <c r="NMQ643" s="613"/>
      <c r="NMR643" s="613"/>
      <c r="NMS643" s="613"/>
      <c r="NMT643" s="613"/>
      <c r="NMU643" s="613"/>
      <c r="NMV643" s="613"/>
      <c r="NMW643" s="613"/>
      <c r="NMX643" s="613"/>
      <c r="NMY643" s="613"/>
      <c r="NMZ643" s="613"/>
      <c r="NNA643" s="613"/>
      <c r="NNB643" s="613"/>
      <c r="NNC643" s="613"/>
      <c r="NND643" s="613"/>
      <c r="NNE643" s="613"/>
      <c r="NNF643" s="613"/>
      <c r="NNG643" s="613"/>
      <c r="NNH643" s="613"/>
      <c r="NNI643" s="613"/>
      <c r="NNJ643" s="613"/>
      <c r="NNK643" s="613"/>
      <c r="NNL643" s="613"/>
      <c r="NNM643" s="613"/>
      <c r="NNN643" s="613"/>
      <c r="NNO643" s="613"/>
      <c r="NNP643" s="613"/>
      <c r="NNQ643" s="613"/>
      <c r="NNR643" s="613"/>
      <c r="NNS643" s="613"/>
      <c r="NNT643" s="613"/>
      <c r="NNU643" s="613"/>
      <c r="NNV643" s="613"/>
      <c r="NNW643" s="613"/>
      <c r="NNX643" s="613"/>
      <c r="NNY643" s="613"/>
      <c r="NNZ643" s="613"/>
      <c r="NOA643" s="613"/>
      <c r="NOB643" s="613"/>
      <c r="NOC643" s="613"/>
      <c r="NOD643" s="613"/>
      <c r="NOE643" s="613"/>
      <c r="NOF643" s="613"/>
      <c r="NOG643" s="613"/>
      <c r="NOH643" s="613"/>
      <c r="NOI643" s="613"/>
      <c r="NOJ643" s="613"/>
      <c r="NOK643" s="613"/>
      <c r="NOL643" s="613"/>
      <c r="NOM643" s="613"/>
      <c r="NON643" s="613"/>
      <c r="NOO643" s="613"/>
      <c r="NOP643" s="613"/>
      <c r="NOQ643" s="613"/>
      <c r="NOR643" s="613"/>
      <c r="NOS643" s="613"/>
      <c r="NOT643" s="613"/>
      <c r="NOU643" s="613"/>
      <c r="NOV643" s="613"/>
      <c r="NOW643" s="613"/>
      <c r="NOX643" s="613"/>
      <c r="NOY643" s="613"/>
      <c r="NOZ643" s="613"/>
      <c r="NPA643" s="613"/>
      <c r="NPB643" s="613"/>
      <c r="NPC643" s="613"/>
      <c r="NPD643" s="613"/>
      <c r="NPE643" s="613"/>
      <c r="NPF643" s="613"/>
      <c r="NPG643" s="613"/>
      <c r="NPH643" s="613"/>
      <c r="NPI643" s="613"/>
      <c r="NPJ643" s="613"/>
      <c r="NPK643" s="613"/>
      <c r="NPL643" s="613"/>
      <c r="NPM643" s="613"/>
      <c r="NPN643" s="613"/>
      <c r="NPO643" s="613"/>
      <c r="NPP643" s="613"/>
      <c r="NPQ643" s="613"/>
      <c r="NPR643" s="613"/>
      <c r="NPS643" s="613"/>
      <c r="NPT643" s="613"/>
      <c r="NPU643" s="613"/>
      <c r="NPV643" s="613"/>
      <c r="NPW643" s="613"/>
      <c r="NPX643" s="613"/>
      <c r="NPY643" s="613"/>
      <c r="NPZ643" s="613"/>
      <c r="NQA643" s="613"/>
      <c r="NQB643" s="613"/>
      <c r="NQC643" s="613"/>
      <c r="NQD643" s="613"/>
      <c r="NQE643" s="613"/>
      <c r="NQF643" s="613"/>
      <c r="NQG643" s="613"/>
      <c r="NQH643" s="613"/>
      <c r="NQI643" s="613"/>
      <c r="NQJ643" s="613"/>
      <c r="NQK643" s="613"/>
      <c r="NQL643" s="613"/>
      <c r="NQM643" s="613"/>
      <c r="NQN643" s="613"/>
      <c r="NQO643" s="613"/>
      <c r="NQP643" s="613"/>
      <c r="NQQ643" s="613"/>
      <c r="NQR643" s="613"/>
      <c r="NQS643" s="613"/>
      <c r="NQT643" s="613"/>
      <c r="NQU643" s="613"/>
      <c r="NQV643" s="613"/>
      <c r="NQW643" s="613"/>
      <c r="NQX643" s="613"/>
      <c r="NQY643" s="613"/>
      <c r="NQZ643" s="613"/>
      <c r="NRA643" s="613"/>
      <c r="NRB643" s="613"/>
      <c r="NRC643" s="613"/>
      <c r="NRD643" s="613"/>
      <c r="NRE643" s="613"/>
      <c r="NRF643" s="613"/>
      <c r="NRG643" s="613"/>
      <c r="NRH643" s="613"/>
      <c r="NRI643" s="613"/>
      <c r="NRJ643" s="613"/>
      <c r="NRK643" s="613"/>
      <c r="NRL643" s="613"/>
      <c r="NRM643" s="613"/>
      <c r="NRN643" s="613"/>
      <c r="NRO643" s="613"/>
      <c r="NRP643" s="613"/>
      <c r="NRQ643" s="613"/>
      <c r="NRR643" s="613"/>
      <c r="NRS643" s="613"/>
      <c r="NRT643" s="613"/>
      <c r="NRU643" s="613"/>
      <c r="NRV643" s="613"/>
      <c r="NRW643" s="613"/>
      <c r="NRX643" s="613"/>
      <c r="NRY643" s="613"/>
      <c r="NRZ643" s="613"/>
      <c r="NSA643" s="613"/>
      <c r="NSB643" s="613"/>
      <c r="NSC643" s="613"/>
      <c r="NSD643" s="613"/>
      <c r="NSE643" s="613"/>
      <c r="NSF643" s="613"/>
      <c r="NSG643" s="613"/>
      <c r="NSH643" s="613"/>
      <c r="NSI643" s="613"/>
      <c r="NSJ643" s="613"/>
      <c r="NSK643" s="613"/>
      <c r="NSL643" s="613"/>
      <c r="NSM643" s="613"/>
      <c r="NSN643" s="613"/>
      <c r="NSO643" s="613"/>
      <c r="NSP643" s="613"/>
      <c r="NSQ643" s="613"/>
      <c r="NSR643" s="613"/>
      <c r="NSS643" s="613"/>
      <c r="NST643" s="613"/>
      <c r="NSU643" s="613"/>
      <c r="NSV643" s="613"/>
      <c r="NSW643" s="613"/>
      <c r="NSX643" s="613"/>
      <c r="NSY643" s="613"/>
      <c r="NSZ643" s="613"/>
      <c r="NTA643" s="613"/>
      <c r="NTB643" s="613"/>
      <c r="NTC643" s="613"/>
      <c r="NTD643" s="613"/>
      <c r="NTE643" s="613"/>
      <c r="NTF643" s="613"/>
      <c r="NTG643" s="613"/>
      <c r="NTH643" s="613"/>
      <c r="NTI643" s="613"/>
      <c r="NTJ643" s="613"/>
      <c r="NTK643" s="613"/>
      <c r="NTL643" s="613"/>
      <c r="NTM643" s="613"/>
      <c r="NTN643" s="613"/>
      <c r="NTO643" s="613"/>
      <c r="NTP643" s="613"/>
      <c r="NTQ643" s="613"/>
      <c r="NTR643" s="613"/>
      <c r="NTS643" s="613"/>
      <c r="NTT643" s="613"/>
      <c r="NTU643" s="613"/>
      <c r="NTV643" s="613"/>
      <c r="NTW643" s="613"/>
      <c r="NTX643" s="613"/>
      <c r="NTY643" s="613"/>
      <c r="NTZ643" s="613"/>
      <c r="NUA643" s="613"/>
      <c r="NUB643" s="613"/>
      <c r="NUC643" s="613"/>
      <c r="NUD643" s="613"/>
      <c r="NUE643" s="613"/>
      <c r="NUF643" s="613"/>
      <c r="NUG643" s="613"/>
      <c r="NUH643" s="613"/>
      <c r="NUI643" s="613"/>
      <c r="NUJ643" s="613"/>
      <c r="NUK643" s="613"/>
      <c r="NUL643" s="613"/>
      <c r="NUM643" s="613"/>
      <c r="NUN643" s="613"/>
      <c r="NUO643" s="613"/>
      <c r="NUP643" s="613"/>
      <c r="NUQ643" s="613"/>
      <c r="NUR643" s="613"/>
      <c r="NUS643" s="613"/>
      <c r="NUT643" s="613"/>
      <c r="NUU643" s="613"/>
      <c r="NUV643" s="613"/>
      <c r="NUW643" s="613"/>
      <c r="NUX643" s="613"/>
      <c r="NUY643" s="613"/>
      <c r="NUZ643" s="613"/>
      <c r="NVA643" s="613"/>
      <c r="NVB643" s="613"/>
      <c r="NVC643" s="613"/>
      <c r="NVD643" s="613"/>
      <c r="NVE643" s="613"/>
      <c r="NVF643" s="613"/>
      <c r="NVG643" s="613"/>
      <c r="NVH643" s="613"/>
      <c r="NVI643" s="613"/>
      <c r="NVJ643" s="613"/>
      <c r="NVK643" s="613"/>
      <c r="NVL643" s="613"/>
      <c r="NVM643" s="613"/>
      <c r="NVN643" s="613"/>
      <c r="NVO643" s="613"/>
      <c r="NVP643" s="613"/>
      <c r="NVQ643" s="613"/>
      <c r="NVR643" s="613"/>
      <c r="NVS643" s="613"/>
      <c r="NVT643" s="613"/>
      <c r="NVU643" s="613"/>
      <c r="NVV643" s="613"/>
      <c r="NVW643" s="613"/>
      <c r="NVX643" s="613"/>
      <c r="NVY643" s="613"/>
      <c r="NVZ643" s="613"/>
      <c r="NWA643" s="613"/>
      <c r="NWB643" s="613"/>
      <c r="NWC643" s="613"/>
      <c r="NWD643" s="613"/>
      <c r="NWE643" s="613"/>
      <c r="NWF643" s="613"/>
      <c r="NWG643" s="613"/>
      <c r="NWH643" s="613"/>
      <c r="NWI643" s="613"/>
      <c r="NWJ643" s="613"/>
      <c r="NWK643" s="613"/>
      <c r="NWL643" s="613"/>
      <c r="NWM643" s="613"/>
      <c r="NWN643" s="613"/>
      <c r="NWO643" s="613"/>
      <c r="NWP643" s="613"/>
      <c r="NWQ643" s="613"/>
      <c r="NWR643" s="613"/>
      <c r="NWS643" s="613"/>
      <c r="NWT643" s="613"/>
      <c r="NWU643" s="613"/>
      <c r="NWV643" s="613"/>
      <c r="NWW643" s="613"/>
      <c r="NWX643" s="613"/>
      <c r="NWY643" s="613"/>
      <c r="NWZ643" s="613"/>
      <c r="NXA643" s="613"/>
      <c r="NXB643" s="613"/>
      <c r="NXC643" s="613"/>
      <c r="NXD643" s="613"/>
      <c r="NXE643" s="613"/>
      <c r="NXF643" s="613"/>
      <c r="NXG643" s="613"/>
      <c r="NXH643" s="613"/>
      <c r="NXI643" s="613"/>
      <c r="NXJ643" s="613"/>
      <c r="NXK643" s="613"/>
      <c r="NXL643" s="613"/>
      <c r="NXM643" s="613"/>
      <c r="NXN643" s="613"/>
      <c r="NXO643" s="613"/>
      <c r="NXP643" s="613"/>
      <c r="NXQ643" s="613"/>
      <c r="NXR643" s="613"/>
      <c r="NXS643" s="613"/>
      <c r="NXT643" s="613"/>
      <c r="NXU643" s="613"/>
      <c r="NXV643" s="613"/>
      <c r="NXW643" s="613"/>
      <c r="NXX643" s="613"/>
      <c r="NXY643" s="613"/>
      <c r="NXZ643" s="613"/>
      <c r="NYA643" s="613"/>
      <c r="NYB643" s="613"/>
      <c r="NYC643" s="613"/>
      <c r="NYD643" s="613"/>
      <c r="NYE643" s="613"/>
      <c r="NYF643" s="613"/>
      <c r="NYG643" s="613"/>
      <c r="NYH643" s="613"/>
      <c r="NYI643" s="613"/>
      <c r="NYJ643" s="613"/>
      <c r="NYK643" s="613"/>
      <c r="NYL643" s="613"/>
      <c r="NYM643" s="613"/>
      <c r="NYN643" s="613"/>
      <c r="NYO643" s="613"/>
      <c r="NYP643" s="613"/>
      <c r="NYQ643" s="613"/>
      <c r="NYR643" s="613"/>
      <c r="NYS643" s="613"/>
      <c r="NYT643" s="613"/>
      <c r="NYU643" s="613"/>
      <c r="NYV643" s="613"/>
      <c r="NYW643" s="613"/>
      <c r="NYX643" s="613"/>
      <c r="NYY643" s="613"/>
      <c r="NYZ643" s="613"/>
      <c r="NZA643" s="613"/>
      <c r="NZB643" s="613"/>
      <c r="NZC643" s="613"/>
      <c r="NZD643" s="613"/>
      <c r="NZE643" s="613"/>
      <c r="NZF643" s="613"/>
      <c r="NZG643" s="613"/>
      <c r="NZH643" s="613"/>
      <c r="NZI643" s="613"/>
      <c r="NZJ643" s="613"/>
      <c r="NZK643" s="613"/>
      <c r="NZL643" s="613"/>
      <c r="NZM643" s="613"/>
      <c r="NZN643" s="613"/>
      <c r="NZO643" s="613"/>
      <c r="NZP643" s="613"/>
      <c r="NZQ643" s="613"/>
      <c r="NZR643" s="613"/>
      <c r="NZS643" s="613"/>
      <c r="NZT643" s="613"/>
      <c r="NZU643" s="613"/>
      <c r="NZV643" s="613"/>
      <c r="NZW643" s="613"/>
      <c r="NZX643" s="613"/>
      <c r="NZY643" s="613"/>
      <c r="NZZ643" s="613"/>
      <c r="OAA643" s="613"/>
      <c r="OAB643" s="613"/>
      <c r="OAC643" s="613"/>
      <c r="OAD643" s="613"/>
      <c r="OAE643" s="613"/>
      <c r="OAF643" s="613"/>
      <c r="OAG643" s="613"/>
      <c r="OAH643" s="613"/>
      <c r="OAI643" s="613"/>
      <c r="OAJ643" s="613"/>
      <c r="OAK643" s="613"/>
      <c r="OAL643" s="613"/>
      <c r="OAM643" s="613"/>
      <c r="OAN643" s="613"/>
      <c r="OAO643" s="613"/>
      <c r="OAP643" s="613"/>
      <c r="OAQ643" s="613"/>
      <c r="OAR643" s="613"/>
      <c r="OAS643" s="613"/>
      <c r="OAT643" s="613"/>
      <c r="OAU643" s="613"/>
      <c r="OAV643" s="613"/>
      <c r="OAW643" s="613"/>
      <c r="OAX643" s="613"/>
      <c r="OAY643" s="613"/>
      <c r="OAZ643" s="613"/>
      <c r="OBA643" s="613"/>
      <c r="OBB643" s="613"/>
      <c r="OBC643" s="613"/>
      <c r="OBD643" s="613"/>
      <c r="OBE643" s="613"/>
      <c r="OBF643" s="613"/>
      <c r="OBG643" s="613"/>
      <c r="OBH643" s="613"/>
      <c r="OBI643" s="613"/>
      <c r="OBJ643" s="613"/>
      <c r="OBK643" s="613"/>
      <c r="OBL643" s="613"/>
      <c r="OBM643" s="613"/>
      <c r="OBN643" s="613"/>
      <c r="OBO643" s="613"/>
      <c r="OBP643" s="613"/>
      <c r="OBQ643" s="613"/>
      <c r="OBR643" s="613"/>
      <c r="OBS643" s="613"/>
      <c r="OBT643" s="613"/>
      <c r="OBU643" s="613"/>
      <c r="OBV643" s="613"/>
      <c r="OBW643" s="613"/>
      <c r="OBX643" s="613"/>
      <c r="OBY643" s="613"/>
      <c r="OBZ643" s="613"/>
      <c r="OCA643" s="613"/>
      <c r="OCB643" s="613"/>
      <c r="OCC643" s="613"/>
      <c r="OCD643" s="613"/>
      <c r="OCE643" s="613"/>
      <c r="OCF643" s="613"/>
      <c r="OCG643" s="613"/>
      <c r="OCH643" s="613"/>
      <c r="OCI643" s="613"/>
      <c r="OCJ643" s="613"/>
      <c r="OCK643" s="613"/>
      <c r="OCL643" s="613"/>
      <c r="OCM643" s="613"/>
      <c r="OCN643" s="613"/>
      <c r="OCO643" s="613"/>
      <c r="OCP643" s="613"/>
      <c r="OCQ643" s="613"/>
      <c r="OCR643" s="613"/>
      <c r="OCS643" s="613"/>
      <c r="OCT643" s="613"/>
      <c r="OCU643" s="613"/>
      <c r="OCV643" s="613"/>
      <c r="OCW643" s="613"/>
      <c r="OCX643" s="613"/>
      <c r="OCY643" s="613"/>
      <c r="OCZ643" s="613"/>
      <c r="ODA643" s="613"/>
      <c r="ODB643" s="613"/>
      <c r="ODC643" s="613"/>
      <c r="ODD643" s="613"/>
      <c r="ODE643" s="613"/>
      <c r="ODF643" s="613"/>
      <c r="ODG643" s="613"/>
      <c r="ODH643" s="613"/>
      <c r="ODI643" s="613"/>
      <c r="ODJ643" s="613"/>
      <c r="ODK643" s="613"/>
      <c r="ODL643" s="613"/>
      <c r="ODM643" s="613"/>
      <c r="ODN643" s="613"/>
      <c r="ODO643" s="613"/>
      <c r="ODP643" s="613"/>
      <c r="ODQ643" s="613"/>
      <c r="ODR643" s="613"/>
      <c r="ODS643" s="613"/>
      <c r="ODT643" s="613"/>
      <c r="ODU643" s="613"/>
      <c r="ODV643" s="613"/>
      <c r="ODW643" s="613"/>
      <c r="ODX643" s="613"/>
      <c r="ODY643" s="613"/>
      <c r="ODZ643" s="613"/>
      <c r="OEA643" s="613"/>
      <c r="OEB643" s="613"/>
      <c r="OEC643" s="613"/>
      <c r="OED643" s="613"/>
      <c r="OEE643" s="613"/>
      <c r="OEF643" s="613"/>
      <c r="OEG643" s="613"/>
      <c r="OEH643" s="613"/>
      <c r="OEI643" s="613"/>
      <c r="OEJ643" s="613"/>
      <c r="OEK643" s="613"/>
      <c r="OEL643" s="613"/>
      <c r="OEM643" s="613"/>
      <c r="OEN643" s="613"/>
      <c r="OEO643" s="613"/>
      <c r="OEP643" s="613"/>
      <c r="OEQ643" s="613"/>
      <c r="OER643" s="613"/>
      <c r="OES643" s="613"/>
      <c r="OET643" s="613"/>
      <c r="OEU643" s="613"/>
      <c r="OEV643" s="613"/>
      <c r="OEW643" s="613"/>
      <c r="OEX643" s="613"/>
      <c r="OEY643" s="613"/>
      <c r="OEZ643" s="613"/>
      <c r="OFA643" s="613"/>
      <c r="OFB643" s="613"/>
      <c r="OFC643" s="613"/>
      <c r="OFD643" s="613"/>
      <c r="OFE643" s="613"/>
      <c r="OFF643" s="613"/>
      <c r="OFG643" s="613"/>
      <c r="OFH643" s="613"/>
      <c r="OFI643" s="613"/>
      <c r="OFJ643" s="613"/>
      <c r="OFK643" s="613"/>
      <c r="OFL643" s="613"/>
      <c r="OFM643" s="613"/>
      <c r="OFN643" s="613"/>
      <c r="OFO643" s="613"/>
      <c r="OFP643" s="613"/>
      <c r="OFQ643" s="613"/>
      <c r="OFR643" s="613"/>
      <c r="OFS643" s="613"/>
      <c r="OFT643" s="613"/>
      <c r="OFU643" s="613"/>
      <c r="OFV643" s="613"/>
      <c r="OFW643" s="613"/>
      <c r="OFX643" s="613"/>
      <c r="OFY643" s="613"/>
      <c r="OFZ643" s="613"/>
      <c r="OGA643" s="613"/>
      <c r="OGB643" s="613"/>
      <c r="OGC643" s="613"/>
      <c r="OGD643" s="613"/>
      <c r="OGE643" s="613"/>
      <c r="OGF643" s="613"/>
      <c r="OGG643" s="613"/>
      <c r="OGH643" s="613"/>
      <c r="OGI643" s="613"/>
      <c r="OGJ643" s="613"/>
      <c r="OGK643" s="613"/>
      <c r="OGL643" s="613"/>
      <c r="OGM643" s="613"/>
      <c r="OGN643" s="613"/>
      <c r="OGO643" s="613"/>
      <c r="OGP643" s="613"/>
      <c r="OGQ643" s="613"/>
      <c r="OGR643" s="613"/>
      <c r="OGS643" s="613"/>
      <c r="OGT643" s="613"/>
      <c r="OGU643" s="613"/>
      <c r="OGV643" s="613"/>
      <c r="OGW643" s="613"/>
      <c r="OGX643" s="613"/>
      <c r="OGY643" s="613"/>
      <c r="OGZ643" s="613"/>
      <c r="OHA643" s="613"/>
      <c r="OHB643" s="613"/>
      <c r="OHC643" s="613"/>
      <c r="OHD643" s="613"/>
      <c r="OHE643" s="613"/>
      <c r="OHF643" s="613"/>
      <c r="OHG643" s="613"/>
      <c r="OHH643" s="613"/>
      <c r="OHI643" s="613"/>
      <c r="OHJ643" s="613"/>
      <c r="OHK643" s="613"/>
      <c r="OHL643" s="613"/>
      <c r="OHM643" s="613"/>
      <c r="OHN643" s="613"/>
      <c r="OHO643" s="613"/>
      <c r="OHP643" s="613"/>
      <c r="OHQ643" s="613"/>
      <c r="OHR643" s="613"/>
      <c r="OHS643" s="613"/>
      <c r="OHT643" s="613"/>
      <c r="OHU643" s="613"/>
      <c r="OHV643" s="613"/>
      <c r="OHW643" s="613"/>
      <c r="OHX643" s="613"/>
      <c r="OHY643" s="613"/>
      <c r="OHZ643" s="613"/>
      <c r="OIA643" s="613"/>
      <c r="OIB643" s="613"/>
      <c r="OIC643" s="613"/>
      <c r="OID643" s="613"/>
      <c r="OIE643" s="613"/>
      <c r="OIF643" s="613"/>
      <c r="OIG643" s="613"/>
      <c r="OIH643" s="613"/>
      <c r="OII643" s="613"/>
      <c r="OIJ643" s="613"/>
      <c r="OIK643" s="613"/>
      <c r="OIL643" s="613"/>
      <c r="OIM643" s="613"/>
      <c r="OIN643" s="613"/>
      <c r="OIO643" s="613"/>
      <c r="OIP643" s="613"/>
      <c r="OIQ643" s="613"/>
      <c r="OIR643" s="613"/>
      <c r="OIS643" s="613"/>
      <c r="OIT643" s="613"/>
      <c r="OIU643" s="613"/>
      <c r="OIV643" s="613"/>
      <c r="OIW643" s="613"/>
      <c r="OIX643" s="613"/>
      <c r="OIY643" s="613"/>
      <c r="OIZ643" s="613"/>
      <c r="OJA643" s="613"/>
      <c r="OJB643" s="613"/>
      <c r="OJC643" s="613"/>
      <c r="OJD643" s="613"/>
      <c r="OJE643" s="613"/>
      <c r="OJF643" s="613"/>
      <c r="OJG643" s="613"/>
      <c r="OJH643" s="613"/>
      <c r="OJI643" s="613"/>
      <c r="OJJ643" s="613"/>
      <c r="OJK643" s="613"/>
      <c r="OJL643" s="613"/>
      <c r="OJM643" s="613"/>
      <c r="OJN643" s="613"/>
      <c r="OJO643" s="613"/>
      <c r="OJP643" s="613"/>
      <c r="OJQ643" s="613"/>
      <c r="OJR643" s="613"/>
      <c r="OJS643" s="613"/>
      <c r="OJT643" s="613"/>
      <c r="OJU643" s="613"/>
      <c r="OJV643" s="613"/>
      <c r="OJW643" s="613"/>
      <c r="OJX643" s="613"/>
      <c r="OJY643" s="613"/>
      <c r="OJZ643" s="613"/>
      <c r="OKA643" s="613"/>
      <c r="OKB643" s="613"/>
      <c r="OKC643" s="613"/>
      <c r="OKD643" s="613"/>
      <c r="OKE643" s="613"/>
      <c r="OKF643" s="613"/>
      <c r="OKG643" s="613"/>
      <c r="OKH643" s="613"/>
      <c r="OKI643" s="613"/>
      <c r="OKJ643" s="613"/>
      <c r="OKK643" s="613"/>
      <c r="OKL643" s="613"/>
      <c r="OKM643" s="613"/>
      <c r="OKN643" s="613"/>
      <c r="OKO643" s="613"/>
      <c r="OKP643" s="613"/>
      <c r="OKQ643" s="613"/>
      <c r="OKR643" s="613"/>
      <c r="OKS643" s="613"/>
      <c r="OKT643" s="613"/>
      <c r="OKU643" s="613"/>
      <c r="OKV643" s="613"/>
      <c r="OKW643" s="613"/>
      <c r="OKX643" s="613"/>
      <c r="OKY643" s="613"/>
      <c r="OKZ643" s="613"/>
      <c r="OLA643" s="613"/>
      <c r="OLB643" s="613"/>
      <c r="OLC643" s="613"/>
      <c r="OLD643" s="613"/>
      <c r="OLE643" s="613"/>
      <c r="OLF643" s="613"/>
      <c r="OLG643" s="613"/>
      <c r="OLH643" s="613"/>
      <c r="OLI643" s="613"/>
      <c r="OLJ643" s="613"/>
      <c r="OLK643" s="613"/>
      <c r="OLL643" s="613"/>
      <c r="OLM643" s="613"/>
      <c r="OLN643" s="613"/>
      <c r="OLO643" s="613"/>
      <c r="OLP643" s="613"/>
      <c r="OLQ643" s="613"/>
      <c r="OLR643" s="613"/>
      <c r="OLS643" s="613"/>
      <c r="OLT643" s="613"/>
      <c r="OLU643" s="613"/>
      <c r="OLV643" s="613"/>
      <c r="OLW643" s="613"/>
      <c r="OLX643" s="613"/>
      <c r="OLY643" s="613"/>
      <c r="OLZ643" s="613"/>
      <c r="OMA643" s="613"/>
      <c r="OMB643" s="613"/>
      <c r="OMC643" s="613"/>
      <c r="OMD643" s="613"/>
      <c r="OME643" s="613"/>
      <c r="OMF643" s="613"/>
      <c r="OMG643" s="613"/>
      <c r="OMH643" s="613"/>
      <c r="OMI643" s="613"/>
      <c r="OMJ643" s="613"/>
      <c r="OMK643" s="613"/>
      <c r="OML643" s="613"/>
      <c r="OMM643" s="613"/>
      <c r="OMN643" s="613"/>
      <c r="OMO643" s="613"/>
      <c r="OMP643" s="613"/>
      <c r="OMQ643" s="613"/>
      <c r="OMR643" s="613"/>
      <c r="OMS643" s="613"/>
      <c r="OMT643" s="613"/>
      <c r="OMU643" s="613"/>
      <c r="OMV643" s="613"/>
      <c r="OMW643" s="613"/>
      <c r="OMX643" s="613"/>
      <c r="OMY643" s="613"/>
      <c r="OMZ643" s="613"/>
      <c r="ONA643" s="613"/>
      <c r="ONB643" s="613"/>
      <c r="ONC643" s="613"/>
      <c r="OND643" s="613"/>
      <c r="ONE643" s="613"/>
      <c r="ONF643" s="613"/>
      <c r="ONG643" s="613"/>
      <c r="ONH643" s="613"/>
      <c r="ONI643" s="613"/>
      <c r="ONJ643" s="613"/>
      <c r="ONK643" s="613"/>
      <c r="ONL643" s="613"/>
      <c r="ONM643" s="613"/>
      <c r="ONN643" s="613"/>
      <c r="ONO643" s="613"/>
      <c r="ONP643" s="613"/>
      <c r="ONQ643" s="613"/>
      <c r="ONR643" s="613"/>
      <c r="ONS643" s="613"/>
      <c r="ONT643" s="613"/>
      <c r="ONU643" s="613"/>
      <c r="ONV643" s="613"/>
      <c r="ONW643" s="613"/>
      <c r="ONX643" s="613"/>
      <c r="ONY643" s="613"/>
      <c r="ONZ643" s="613"/>
      <c r="OOA643" s="613"/>
      <c r="OOB643" s="613"/>
      <c r="OOC643" s="613"/>
      <c r="OOD643" s="613"/>
      <c r="OOE643" s="613"/>
      <c r="OOF643" s="613"/>
      <c r="OOG643" s="613"/>
      <c r="OOH643" s="613"/>
      <c r="OOI643" s="613"/>
      <c r="OOJ643" s="613"/>
      <c r="OOK643" s="613"/>
      <c r="OOL643" s="613"/>
      <c r="OOM643" s="613"/>
      <c r="OON643" s="613"/>
      <c r="OOO643" s="613"/>
      <c r="OOP643" s="613"/>
      <c r="OOQ643" s="613"/>
      <c r="OOR643" s="613"/>
      <c r="OOS643" s="613"/>
      <c r="OOT643" s="613"/>
      <c r="OOU643" s="613"/>
      <c r="OOV643" s="613"/>
      <c r="OOW643" s="613"/>
      <c r="OOX643" s="613"/>
      <c r="OOY643" s="613"/>
      <c r="OOZ643" s="613"/>
      <c r="OPA643" s="613"/>
      <c r="OPB643" s="613"/>
      <c r="OPC643" s="613"/>
      <c r="OPD643" s="613"/>
      <c r="OPE643" s="613"/>
      <c r="OPF643" s="613"/>
      <c r="OPG643" s="613"/>
      <c r="OPH643" s="613"/>
      <c r="OPI643" s="613"/>
      <c r="OPJ643" s="613"/>
      <c r="OPK643" s="613"/>
      <c r="OPL643" s="613"/>
      <c r="OPM643" s="613"/>
      <c r="OPN643" s="613"/>
      <c r="OPO643" s="613"/>
      <c r="OPP643" s="613"/>
      <c r="OPQ643" s="613"/>
      <c r="OPR643" s="613"/>
      <c r="OPS643" s="613"/>
      <c r="OPT643" s="613"/>
      <c r="OPU643" s="613"/>
      <c r="OPV643" s="613"/>
      <c r="OPW643" s="613"/>
      <c r="OPX643" s="613"/>
      <c r="OPY643" s="613"/>
      <c r="OPZ643" s="613"/>
      <c r="OQA643" s="613"/>
      <c r="OQB643" s="613"/>
      <c r="OQC643" s="613"/>
      <c r="OQD643" s="613"/>
      <c r="OQE643" s="613"/>
      <c r="OQF643" s="613"/>
      <c r="OQG643" s="613"/>
      <c r="OQH643" s="613"/>
      <c r="OQI643" s="613"/>
      <c r="OQJ643" s="613"/>
      <c r="OQK643" s="613"/>
      <c r="OQL643" s="613"/>
      <c r="OQM643" s="613"/>
      <c r="OQN643" s="613"/>
      <c r="OQO643" s="613"/>
      <c r="OQP643" s="613"/>
      <c r="OQQ643" s="613"/>
      <c r="OQR643" s="613"/>
      <c r="OQS643" s="613"/>
      <c r="OQT643" s="613"/>
      <c r="OQU643" s="613"/>
      <c r="OQV643" s="613"/>
      <c r="OQW643" s="613"/>
      <c r="OQX643" s="613"/>
      <c r="OQY643" s="613"/>
      <c r="OQZ643" s="613"/>
      <c r="ORA643" s="613"/>
      <c r="ORB643" s="613"/>
      <c r="ORC643" s="613"/>
      <c r="ORD643" s="613"/>
      <c r="ORE643" s="613"/>
      <c r="ORF643" s="613"/>
      <c r="ORG643" s="613"/>
      <c r="ORH643" s="613"/>
      <c r="ORI643" s="613"/>
      <c r="ORJ643" s="613"/>
      <c r="ORK643" s="613"/>
      <c r="ORL643" s="613"/>
      <c r="ORM643" s="613"/>
      <c r="ORN643" s="613"/>
      <c r="ORO643" s="613"/>
      <c r="ORP643" s="613"/>
      <c r="ORQ643" s="613"/>
      <c r="ORR643" s="613"/>
      <c r="ORS643" s="613"/>
      <c r="ORT643" s="613"/>
      <c r="ORU643" s="613"/>
      <c r="ORV643" s="613"/>
      <c r="ORW643" s="613"/>
      <c r="ORX643" s="613"/>
      <c r="ORY643" s="613"/>
      <c r="ORZ643" s="613"/>
      <c r="OSA643" s="613"/>
      <c r="OSB643" s="613"/>
      <c r="OSC643" s="613"/>
      <c r="OSD643" s="613"/>
      <c r="OSE643" s="613"/>
      <c r="OSF643" s="613"/>
      <c r="OSG643" s="613"/>
      <c r="OSH643" s="613"/>
      <c r="OSI643" s="613"/>
      <c r="OSJ643" s="613"/>
      <c r="OSK643" s="613"/>
      <c r="OSL643" s="613"/>
      <c r="OSM643" s="613"/>
      <c r="OSN643" s="613"/>
      <c r="OSO643" s="613"/>
      <c r="OSP643" s="613"/>
      <c r="OSQ643" s="613"/>
      <c r="OSR643" s="613"/>
      <c r="OSS643" s="613"/>
      <c r="OST643" s="613"/>
      <c r="OSU643" s="613"/>
      <c r="OSV643" s="613"/>
      <c r="OSW643" s="613"/>
      <c r="OSX643" s="613"/>
      <c r="OSY643" s="613"/>
      <c r="OSZ643" s="613"/>
      <c r="OTA643" s="613"/>
      <c r="OTB643" s="613"/>
      <c r="OTC643" s="613"/>
      <c r="OTD643" s="613"/>
      <c r="OTE643" s="613"/>
      <c r="OTF643" s="613"/>
      <c r="OTG643" s="613"/>
      <c r="OTH643" s="613"/>
      <c r="OTI643" s="613"/>
      <c r="OTJ643" s="613"/>
      <c r="OTK643" s="613"/>
      <c r="OTL643" s="613"/>
      <c r="OTM643" s="613"/>
      <c r="OTN643" s="613"/>
      <c r="OTO643" s="613"/>
      <c r="OTP643" s="613"/>
      <c r="OTQ643" s="613"/>
      <c r="OTR643" s="613"/>
      <c r="OTS643" s="613"/>
      <c r="OTT643" s="613"/>
      <c r="OTU643" s="613"/>
      <c r="OTV643" s="613"/>
      <c r="OTW643" s="613"/>
      <c r="OTX643" s="613"/>
      <c r="OTY643" s="613"/>
      <c r="OTZ643" s="613"/>
      <c r="OUA643" s="613"/>
      <c r="OUB643" s="613"/>
      <c r="OUC643" s="613"/>
      <c r="OUD643" s="613"/>
      <c r="OUE643" s="613"/>
      <c r="OUF643" s="613"/>
      <c r="OUG643" s="613"/>
      <c r="OUH643" s="613"/>
      <c r="OUI643" s="613"/>
      <c r="OUJ643" s="613"/>
      <c r="OUK643" s="613"/>
      <c r="OUL643" s="613"/>
      <c r="OUM643" s="613"/>
      <c r="OUN643" s="613"/>
      <c r="OUO643" s="613"/>
      <c r="OUP643" s="613"/>
      <c r="OUQ643" s="613"/>
      <c r="OUR643" s="613"/>
      <c r="OUS643" s="613"/>
      <c r="OUT643" s="613"/>
      <c r="OUU643" s="613"/>
      <c r="OUV643" s="613"/>
      <c r="OUW643" s="613"/>
      <c r="OUX643" s="613"/>
      <c r="OUY643" s="613"/>
      <c r="OUZ643" s="613"/>
      <c r="OVA643" s="613"/>
      <c r="OVB643" s="613"/>
      <c r="OVC643" s="613"/>
      <c r="OVD643" s="613"/>
      <c r="OVE643" s="613"/>
      <c r="OVF643" s="613"/>
      <c r="OVG643" s="613"/>
      <c r="OVH643" s="613"/>
      <c r="OVI643" s="613"/>
      <c r="OVJ643" s="613"/>
      <c r="OVK643" s="613"/>
      <c r="OVL643" s="613"/>
      <c r="OVM643" s="613"/>
      <c r="OVN643" s="613"/>
      <c r="OVO643" s="613"/>
      <c r="OVP643" s="613"/>
      <c r="OVQ643" s="613"/>
      <c r="OVR643" s="613"/>
      <c r="OVS643" s="613"/>
      <c r="OVT643" s="613"/>
      <c r="OVU643" s="613"/>
      <c r="OVV643" s="613"/>
      <c r="OVW643" s="613"/>
      <c r="OVX643" s="613"/>
      <c r="OVY643" s="613"/>
      <c r="OVZ643" s="613"/>
      <c r="OWA643" s="613"/>
      <c r="OWB643" s="613"/>
      <c r="OWC643" s="613"/>
      <c r="OWD643" s="613"/>
      <c r="OWE643" s="613"/>
      <c r="OWF643" s="613"/>
      <c r="OWG643" s="613"/>
      <c r="OWH643" s="613"/>
      <c r="OWI643" s="613"/>
      <c r="OWJ643" s="613"/>
      <c r="OWK643" s="613"/>
      <c r="OWL643" s="613"/>
      <c r="OWM643" s="613"/>
      <c r="OWN643" s="613"/>
      <c r="OWO643" s="613"/>
      <c r="OWP643" s="613"/>
      <c r="OWQ643" s="613"/>
      <c r="OWR643" s="613"/>
      <c r="OWS643" s="613"/>
      <c r="OWT643" s="613"/>
      <c r="OWU643" s="613"/>
      <c r="OWV643" s="613"/>
      <c r="OWW643" s="613"/>
      <c r="OWX643" s="613"/>
      <c r="OWY643" s="613"/>
      <c r="OWZ643" s="613"/>
      <c r="OXA643" s="613"/>
      <c r="OXB643" s="613"/>
      <c r="OXC643" s="613"/>
      <c r="OXD643" s="613"/>
      <c r="OXE643" s="613"/>
      <c r="OXF643" s="613"/>
      <c r="OXG643" s="613"/>
      <c r="OXH643" s="613"/>
      <c r="OXI643" s="613"/>
      <c r="OXJ643" s="613"/>
      <c r="OXK643" s="613"/>
      <c r="OXL643" s="613"/>
      <c r="OXM643" s="613"/>
      <c r="OXN643" s="613"/>
      <c r="OXO643" s="613"/>
      <c r="OXP643" s="613"/>
      <c r="OXQ643" s="613"/>
      <c r="OXR643" s="613"/>
      <c r="OXS643" s="613"/>
      <c r="OXT643" s="613"/>
      <c r="OXU643" s="613"/>
      <c r="OXV643" s="613"/>
      <c r="OXW643" s="613"/>
      <c r="OXX643" s="613"/>
      <c r="OXY643" s="613"/>
      <c r="OXZ643" s="613"/>
      <c r="OYA643" s="613"/>
      <c r="OYB643" s="613"/>
      <c r="OYC643" s="613"/>
      <c r="OYD643" s="613"/>
      <c r="OYE643" s="613"/>
      <c r="OYF643" s="613"/>
      <c r="OYG643" s="613"/>
      <c r="OYH643" s="613"/>
      <c r="OYI643" s="613"/>
      <c r="OYJ643" s="613"/>
      <c r="OYK643" s="613"/>
      <c r="OYL643" s="613"/>
      <c r="OYM643" s="613"/>
      <c r="OYN643" s="613"/>
      <c r="OYO643" s="613"/>
      <c r="OYP643" s="613"/>
      <c r="OYQ643" s="613"/>
      <c r="OYR643" s="613"/>
      <c r="OYS643" s="613"/>
      <c r="OYT643" s="613"/>
      <c r="OYU643" s="613"/>
      <c r="OYV643" s="613"/>
      <c r="OYW643" s="613"/>
      <c r="OYX643" s="613"/>
      <c r="OYY643" s="613"/>
      <c r="OYZ643" s="613"/>
      <c r="OZA643" s="613"/>
      <c r="OZB643" s="613"/>
      <c r="OZC643" s="613"/>
      <c r="OZD643" s="613"/>
      <c r="OZE643" s="613"/>
      <c r="OZF643" s="613"/>
      <c r="OZG643" s="613"/>
      <c r="OZH643" s="613"/>
      <c r="OZI643" s="613"/>
      <c r="OZJ643" s="613"/>
      <c r="OZK643" s="613"/>
      <c r="OZL643" s="613"/>
      <c r="OZM643" s="613"/>
      <c r="OZN643" s="613"/>
      <c r="OZO643" s="613"/>
      <c r="OZP643" s="613"/>
      <c r="OZQ643" s="613"/>
      <c r="OZR643" s="613"/>
      <c r="OZS643" s="613"/>
      <c r="OZT643" s="613"/>
      <c r="OZU643" s="613"/>
      <c r="OZV643" s="613"/>
      <c r="OZW643" s="613"/>
      <c r="OZX643" s="613"/>
      <c r="OZY643" s="613"/>
      <c r="OZZ643" s="613"/>
      <c r="PAA643" s="613"/>
      <c r="PAB643" s="613"/>
      <c r="PAC643" s="613"/>
      <c r="PAD643" s="613"/>
      <c r="PAE643" s="613"/>
      <c r="PAF643" s="613"/>
      <c r="PAG643" s="613"/>
      <c r="PAH643" s="613"/>
      <c r="PAI643" s="613"/>
      <c r="PAJ643" s="613"/>
      <c r="PAK643" s="613"/>
      <c r="PAL643" s="613"/>
      <c r="PAM643" s="613"/>
      <c r="PAN643" s="613"/>
      <c r="PAO643" s="613"/>
      <c r="PAP643" s="613"/>
      <c r="PAQ643" s="613"/>
      <c r="PAR643" s="613"/>
      <c r="PAS643" s="613"/>
      <c r="PAT643" s="613"/>
      <c r="PAU643" s="613"/>
      <c r="PAV643" s="613"/>
      <c r="PAW643" s="613"/>
      <c r="PAX643" s="613"/>
      <c r="PAY643" s="613"/>
      <c r="PAZ643" s="613"/>
      <c r="PBA643" s="613"/>
      <c r="PBB643" s="613"/>
      <c r="PBC643" s="613"/>
      <c r="PBD643" s="613"/>
      <c r="PBE643" s="613"/>
      <c r="PBF643" s="613"/>
      <c r="PBG643" s="613"/>
      <c r="PBH643" s="613"/>
      <c r="PBI643" s="613"/>
      <c r="PBJ643" s="613"/>
      <c r="PBK643" s="613"/>
      <c r="PBL643" s="613"/>
      <c r="PBM643" s="613"/>
      <c r="PBN643" s="613"/>
      <c r="PBO643" s="613"/>
      <c r="PBP643" s="613"/>
      <c r="PBQ643" s="613"/>
      <c r="PBR643" s="613"/>
      <c r="PBS643" s="613"/>
      <c r="PBT643" s="613"/>
      <c r="PBU643" s="613"/>
      <c r="PBV643" s="613"/>
      <c r="PBW643" s="613"/>
      <c r="PBX643" s="613"/>
      <c r="PBY643" s="613"/>
      <c r="PBZ643" s="613"/>
      <c r="PCA643" s="613"/>
      <c r="PCB643" s="613"/>
      <c r="PCC643" s="613"/>
      <c r="PCD643" s="613"/>
      <c r="PCE643" s="613"/>
      <c r="PCF643" s="613"/>
      <c r="PCG643" s="613"/>
      <c r="PCH643" s="613"/>
      <c r="PCI643" s="613"/>
      <c r="PCJ643" s="613"/>
      <c r="PCK643" s="613"/>
      <c r="PCL643" s="613"/>
      <c r="PCM643" s="613"/>
      <c r="PCN643" s="613"/>
      <c r="PCO643" s="613"/>
      <c r="PCP643" s="613"/>
      <c r="PCQ643" s="613"/>
      <c r="PCR643" s="613"/>
      <c r="PCS643" s="613"/>
      <c r="PCT643" s="613"/>
      <c r="PCU643" s="613"/>
      <c r="PCV643" s="613"/>
      <c r="PCW643" s="613"/>
      <c r="PCX643" s="613"/>
      <c r="PCY643" s="613"/>
      <c r="PCZ643" s="613"/>
      <c r="PDA643" s="613"/>
      <c r="PDB643" s="613"/>
      <c r="PDC643" s="613"/>
      <c r="PDD643" s="613"/>
      <c r="PDE643" s="613"/>
      <c r="PDF643" s="613"/>
      <c r="PDG643" s="613"/>
      <c r="PDH643" s="613"/>
      <c r="PDI643" s="613"/>
      <c r="PDJ643" s="613"/>
      <c r="PDK643" s="613"/>
      <c r="PDL643" s="613"/>
      <c r="PDM643" s="613"/>
      <c r="PDN643" s="613"/>
      <c r="PDO643" s="613"/>
      <c r="PDP643" s="613"/>
      <c r="PDQ643" s="613"/>
      <c r="PDR643" s="613"/>
      <c r="PDS643" s="613"/>
      <c r="PDT643" s="613"/>
      <c r="PDU643" s="613"/>
      <c r="PDV643" s="613"/>
      <c r="PDW643" s="613"/>
      <c r="PDX643" s="613"/>
      <c r="PDY643" s="613"/>
      <c r="PDZ643" s="613"/>
      <c r="PEA643" s="613"/>
      <c r="PEB643" s="613"/>
      <c r="PEC643" s="613"/>
      <c r="PED643" s="613"/>
      <c r="PEE643" s="613"/>
      <c r="PEF643" s="613"/>
      <c r="PEG643" s="613"/>
      <c r="PEH643" s="613"/>
      <c r="PEI643" s="613"/>
      <c r="PEJ643" s="613"/>
      <c r="PEK643" s="613"/>
      <c r="PEL643" s="613"/>
      <c r="PEM643" s="613"/>
      <c r="PEN643" s="613"/>
      <c r="PEO643" s="613"/>
      <c r="PEP643" s="613"/>
      <c r="PEQ643" s="613"/>
      <c r="PER643" s="613"/>
      <c r="PES643" s="613"/>
      <c r="PET643" s="613"/>
      <c r="PEU643" s="613"/>
      <c r="PEV643" s="613"/>
      <c r="PEW643" s="613"/>
      <c r="PEX643" s="613"/>
      <c r="PEY643" s="613"/>
      <c r="PEZ643" s="613"/>
      <c r="PFA643" s="613"/>
      <c r="PFB643" s="613"/>
      <c r="PFC643" s="613"/>
      <c r="PFD643" s="613"/>
      <c r="PFE643" s="613"/>
      <c r="PFF643" s="613"/>
      <c r="PFG643" s="613"/>
      <c r="PFH643" s="613"/>
      <c r="PFI643" s="613"/>
      <c r="PFJ643" s="613"/>
      <c r="PFK643" s="613"/>
      <c r="PFL643" s="613"/>
      <c r="PFM643" s="613"/>
      <c r="PFN643" s="613"/>
      <c r="PFO643" s="613"/>
      <c r="PFP643" s="613"/>
      <c r="PFQ643" s="613"/>
      <c r="PFR643" s="613"/>
      <c r="PFS643" s="613"/>
      <c r="PFT643" s="613"/>
      <c r="PFU643" s="613"/>
      <c r="PFV643" s="613"/>
      <c r="PFW643" s="613"/>
      <c r="PFX643" s="613"/>
      <c r="PFY643" s="613"/>
      <c r="PFZ643" s="613"/>
      <c r="PGA643" s="613"/>
      <c r="PGB643" s="613"/>
      <c r="PGC643" s="613"/>
      <c r="PGD643" s="613"/>
      <c r="PGE643" s="613"/>
      <c r="PGF643" s="613"/>
      <c r="PGG643" s="613"/>
      <c r="PGH643" s="613"/>
      <c r="PGI643" s="613"/>
      <c r="PGJ643" s="613"/>
      <c r="PGK643" s="613"/>
      <c r="PGL643" s="613"/>
      <c r="PGM643" s="613"/>
      <c r="PGN643" s="613"/>
      <c r="PGO643" s="613"/>
      <c r="PGP643" s="613"/>
      <c r="PGQ643" s="613"/>
      <c r="PGR643" s="613"/>
      <c r="PGS643" s="613"/>
      <c r="PGT643" s="613"/>
      <c r="PGU643" s="613"/>
      <c r="PGV643" s="613"/>
      <c r="PGW643" s="613"/>
      <c r="PGX643" s="613"/>
      <c r="PGY643" s="613"/>
      <c r="PGZ643" s="613"/>
      <c r="PHA643" s="613"/>
      <c r="PHB643" s="613"/>
      <c r="PHC643" s="613"/>
      <c r="PHD643" s="613"/>
      <c r="PHE643" s="613"/>
      <c r="PHF643" s="613"/>
      <c r="PHG643" s="613"/>
      <c r="PHH643" s="613"/>
      <c r="PHI643" s="613"/>
      <c r="PHJ643" s="613"/>
      <c r="PHK643" s="613"/>
      <c r="PHL643" s="613"/>
      <c r="PHM643" s="613"/>
      <c r="PHN643" s="613"/>
      <c r="PHO643" s="613"/>
      <c r="PHP643" s="613"/>
      <c r="PHQ643" s="613"/>
      <c r="PHR643" s="613"/>
      <c r="PHS643" s="613"/>
      <c r="PHT643" s="613"/>
      <c r="PHU643" s="613"/>
      <c r="PHV643" s="613"/>
      <c r="PHW643" s="613"/>
      <c r="PHX643" s="613"/>
      <c r="PHY643" s="613"/>
      <c r="PHZ643" s="613"/>
      <c r="PIA643" s="613"/>
      <c r="PIB643" s="613"/>
      <c r="PIC643" s="613"/>
      <c r="PID643" s="613"/>
      <c r="PIE643" s="613"/>
      <c r="PIF643" s="613"/>
      <c r="PIG643" s="613"/>
      <c r="PIH643" s="613"/>
      <c r="PII643" s="613"/>
      <c r="PIJ643" s="613"/>
      <c r="PIK643" s="613"/>
      <c r="PIL643" s="613"/>
      <c r="PIM643" s="613"/>
      <c r="PIN643" s="613"/>
      <c r="PIO643" s="613"/>
      <c r="PIP643" s="613"/>
      <c r="PIQ643" s="613"/>
      <c r="PIR643" s="613"/>
      <c r="PIS643" s="613"/>
      <c r="PIT643" s="613"/>
      <c r="PIU643" s="613"/>
      <c r="PIV643" s="613"/>
      <c r="PIW643" s="613"/>
      <c r="PIX643" s="613"/>
      <c r="PIY643" s="613"/>
      <c r="PIZ643" s="613"/>
      <c r="PJA643" s="613"/>
      <c r="PJB643" s="613"/>
      <c r="PJC643" s="613"/>
      <c r="PJD643" s="613"/>
      <c r="PJE643" s="613"/>
      <c r="PJF643" s="613"/>
      <c r="PJG643" s="613"/>
      <c r="PJH643" s="613"/>
      <c r="PJI643" s="613"/>
      <c r="PJJ643" s="613"/>
      <c r="PJK643" s="613"/>
      <c r="PJL643" s="613"/>
      <c r="PJM643" s="613"/>
      <c r="PJN643" s="613"/>
      <c r="PJO643" s="613"/>
      <c r="PJP643" s="613"/>
      <c r="PJQ643" s="613"/>
      <c r="PJR643" s="613"/>
      <c r="PJS643" s="613"/>
      <c r="PJT643" s="613"/>
      <c r="PJU643" s="613"/>
      <c r="PJV643" s="613"/>
      <c r="PJW643" s="613"/>
      <c r="PJX643" s="613"/>
      <c r="PJY643" s="613"/>
      <c r="PJZ643" s="613"/>
      <c r="PKA643" s="613"/>
      <c r="PKB643" s="613"/>
      <c r="PKC643" s="613"/>
      <c r="PKD643" s="613"/>
      <c r="PKE643" s="613"/>
      <c r="PKF643" s="613"/>
      <c r="PKG643" s="613"/>
      <c r="PKH643" s="613"/>
      <c r="PKI643" s="613"/>
      <c r="PKJ643" s="613"/>
      <c r="PKK643" s="613"/>
      <c r="PKL643" s="613"/>
      <c r="PKM643" s="613"/>
      <c r="PKN643" s="613"/>
      <c r="PKO643" s="613"/>
      <c r="PKP643" s="613"/>
      <c r="PKQ643" s="613"/>
      <c r="PKR643" s="613"/>
      <c r="PKS643" s="613"/>
      <c r="PKT643" s="613"/>
      <c r="PKU643" s="613"/>
      <c r="PKV643" s="613"/>
      <c r="PKW643" s="613"/>
      <c r="PKX643" s="613"/>
      <c r="PKY643" s="613"/>
      <c r="PKZ643" s="613"/>
      <c r="PLA643" s="613"/>
      <c r="PLB643" s="613"/>
      <c r="PLC643" s="613"/>
      <c r="PLD643" s="613"/>
      <c r="PLE643" s="613"/>
      <c r="PLF643" s="613"/>
      <c r="PLG643" s="613"/>
      <c r="PLH643" s="613"/>
      <c r="PLI643" s="613"/>
      <c r="PLJ643" s="613"/>
      <c r="PLK643" s="613"/>
      <c r="PLL643" s="613"/>
      <c r="PLM643" s="613"/>
      <c r="PLN643" s="613"/>
      <c r="PLO643" s="613"/>
      <c r="PLP643" s="613"/>
      <c r="PLQ643" s="613"/>
      <c r="PLR643" s="613"/>
      <c r="PLS643" s="613"/>
      <c r="PLT643" s="613"/>
      <c r="PLU643" s="613"/>
      <c r="PLV643" s="613"/>
      <c r="PLW643" s="613"/>
      <c r="PLX643" s="613"/>
      <c r="PLY643" s="613"/>
      <c r="PLZ643" s="613"/>
      <c r="PMA643" s="613"/>
      <c r="PMB643" s="613"/>
      <c r="PMC643" s="613"/>
      <c r="PMD643" s="613"/>
      <c r="PME643" s="613"/>
      <c r="PMF643" s="613"/>
      <c r="PMG643" s="613"/>
      <c r="PMH643" s="613"/>
      <c r="PMI643" s="613"/>
      <c r="PMJ643" s="613"/>
      <c r="PMK643" s="613"/>
      <c r="PML643" s="613"/>
      <c r="PMM643" s="613"/>
      <c r="PMN643" s="613"/>
      <c r="PMO643" s="613"/>
      <c r="PMP643" s="613"/>
      <c r="PMQ643" s="613"/>
      <c r="PMR643" s="613"/>
      <c r="PMS643" s="613"/>
      <c r="PMT643" s="613"/>
      <c r="PMU643" s="613"/>
      <c r="PMV643" s="613"/>
      <c r="PMW643" s="613"/>
      <c r="PMX643" s="613"/>
      <c r="PMY643" s="613"/>
      <c r="PMZ643" s="613"/>
      <c r="PNA643" s="613"/>
      <c r="PNB643" s="613"/>
      <c r="PNC643" s="613"/>
      <c r="PND643" s="613"/>
      <c r="PNE643" s="613"/>
      <c r="PNF643" s="613"/>
      <c r="PNG643" s="613"/>
      <c r="PNH643" s="613"/>
      <c r="PNI643" s="613"/>
      <c r="PNJ643" s="613"/>
      <c r="PNK643" s="613"/>
      <c r="PNL643" s="613"/>
      <c r="PNM643" s="613"/>
      <c r="PNN643" s="613"/>
      <c r="PNO643" s="613"/>
      <c r="PNP643" s="613"/>
      <c r="PNQ643" s="613"/>
      <c r="PNR643" s="613"/>
      <c r="PNS643" s="613"/>
      <c r="PNT643" s="613"/>
      <c r="PNU643" s="613"/>
      <c r="PNV643" s="613"/>
      <c r="PNW643" s="613"/>
      <c r="PNX643" s="613"/>
      <c r="PNY643" s="613"/>
      <c r="PNZ643" s="613"/>
      <c r="POA643" s="613"/>
      <c r="POB643" s="613"/>
      <c r="POC643" s="613"/>
      <c r="POD643" s="613"/>
      <c r="POE643" s="613"/>
      <c r="POF643" s="613"/>
      <c r="POG643" s="613"/>
      <c r="POH643" s="613"/>
      <c r="POI643" s="613"/>
      <c r="POJ643" s="613"/>
      <c r="POK643" s="613"/>
      <c r="POL643" s="613"/>
      <c r="POM643" s="613"/>
      <c r="PON643" s="613"/>
      <c r="POO643" s="613"/>
      <c r="POP643" s="613"/>
      <c r="POQ643" s="613"/>
      <c r="POR643" s="613"/>
      <c r="POS643" s="613"/>
      <c r="POT643" s="613"/>
      <c r="POU643" s="613"/>
      <c r="POV643" s="613"/>
      <c r="POW643" s="613"/>
      <c r="POX643" s="613"/>
      <c r="POY643" s="613"/>
      <c r="POZ643" s="613"/>
      <c r="PPA643" s="613"/>
      <c r="PPB643" s="613"/>
      <c r="PPC643" s="613"/>
      <c r="PPD643" s="613"/>
      <c r="PPE643" s="613"/>
      <c r="PPF643" s="613"/>
      <c r="PPG643" s="613"/>
      <c r="PPH643" s="613"/>
      <c r="PPI643" s="613"/>
      <c r="PPJ643" s="613"/>
      <c r="PPK643" s="613"/>
      <c r="PPL643" s="613"/>
      <c r="PPM643" s="613"/>
      <c r="PPN643" s="613"/>
      <c r="PPO643" s="613"/>
      <c r="PPP643" s="613"/>
      <c r="PPQ643" s="613"/>
      <c r="PPR643" s="613"/>
      <c r="PPS643" s="613"/>
      <c r="PPT643" s="613"/>
      <c r="PPU643" s="613"/>
      <c r="PPV643" s="613"/>
      <c r="PPW643" s="613"/>
      <c r="PPX643" s="613"/>
      <c r="PPY643" s="613"/>
      <c r="PPZ643" s="613"/>
      <c r="PQA643" s="613"/>
      <c r="PQB643" s="613"/>
      <c r="PQC643" s="613"/>
      <c r="PQD643" s="613"/>
      <c r="PQE643" s="613"/>
      <c r="PQF643" s="613"/>
      <c r="PQG643" s="613"/>
      <c r="PQH643" s="613"/>
      <c r="PQI643" s="613"/>
      <c r="PQJ643" s="613"/>
      <c r="PQK643" s="613"/>
      <c r="PQL643" s="613"/>
      <c r="PQM643" s="613"/>
      <c r="PQN643" s="613"/>
      <c r="PQO643" s="613"/>
      <c r="PQP643" s="613"/>
      <c r="PQQ643" s="613"/>
      <c r="PQR643" s="613"/>
      <c r="PQS643" s="613"/>
      <c r="PQT643" s="613"/>
      <c r="PQU643" s="613"/>
      <c r="PQV643" s="613"/>
      <c r="PQW643" s="613"/>
      <c r="PQX643" s="613"/>
      <c r="PQY643" s="613"/>
      <c r="PQZ643" s="613"/>
      <c r="PRA643" s="613"/>
      <c r="PRB643" s="613"/>
      <c r="PRC643" s="613"/>
      <c r="PRD643" s="613"/>
      <c r="PRE643" s="613"/>
      <c r="PRF643" s="613"/>
      <c r="PRG643" s="613"/>
      <c r="PRH643" s="613"/>
      <c r="PRI643" s="613"/>
      <c r="PRJ643" s="613"/>
      <c r="PRK643" s="613"/>
      <c r="PRL643" s="613"/>
      <c r="PRM643" s="613"/>
      <c r="PRN643" s="613"/>
      <c r="PRO643" s="613"/>
      <c r="PRP643" s="613"/>
      <c r="PRQ643" s="613"/>
      <c r="PRR643" s="613"/>
      <c r="PRS643" s="613"/>
      <c r="PRT643" s="613"/>
      <c r="PRU643" s="613"/>
      <c r="PRV643" s="613"/>
      <c r="PRW643" s="613"/>
      <c r="PRX643" s="613"/>
      <c r="PRY643" s="613"/>
      <c r="PRZ643" s="613"/>
      <c r="PSA643" s="613"/>
      <c r="PSB643" s="613"/>
      <c r="PSC643" s="613"/>
      <c r="PSD643" s="613"/>
      <c r="PSE643" s="613"/>
      <c r="PSF643" s="613"/>
      <c r="PSG643" s="613"/>
      <c r="PSH643" s="613"/>
      <c r="PSI643" s="613"/>
      <c r="PSJ643" s="613"/>
      <c r="PSK643" s="613"/>
      <c r="PSL643" s="613"/>
      <c r="PSM643" s="613"/>
      <c r="PSN643" s="613"/>
      <c r="PSO643" s="613"/>
      <c r="PSP643" s="613"/>
      <c r="PSQ643" s="613"/>
      <c r="PSR643" s="613"/>
      <c r="PSS643" s="613"/>
      <c r="PST643" s="613"/>
      <c r="PSU643" s="613"/>
      <c r="PSV643" s="613"/>
      <c r="PSW643" s="613"/>
      <c r="PSX643" s="613"/>
      <c r="PSY643" s="613"/>
      <c r="PSZ643" s="613"/>
      <c r="PTA643" s="613"/>
      <c r="PTB643" s="613"/>
      <c r="PTC643" s="613"/>
      <c r="PTD643" s="613"/>
      <c r="PTE643" s="613"/>
      <c r="PTF643" s="613"/>
      <c r="PTG643" s="613"/>
      <c r="PTH643" s="613"/>
      <c r="PTI643" s="613"/>
      <c r="PTJ643" s="613"/>
      <c r="PTK643" s="613"/>
      <c r="PTL643" s="613"/>
      <c r="PTM643" s="613"/>
      <c r="PTN643" s="613"/>
      <c r="PTO643" s="613"/>
      <c r="PTP643" s="613"/>
      <c r="PTQ643" s="613"/>
      <c r="PTR643" s="613"/>
      <c r="PTS643" s="613"/>
      <c r="PTT643" s="613"/>
      <c r="PTU643" s="613"/>
      <c r="PTV643" s="613"/>
      <c r="PTW643" s="613"/>
      <c r="PTX643" s="613"/>
      <c r="PTY643" s="613"/>
      <c r="PTZ643" s="613"/>
      <c r="PUA643" s="613"/>
      <c r="PUB643" s="613"/>
      <c r="PUC643" s="613"/>
      <c r="PUD643" s="613"/>
      <c r="PUE643" s="613"/>
      <c r="PUF643" s="613"/>
      <c r="PUG643" s="613"/>
      <c r="PUH643" s="613"/>
      <c r="PUI643" s="613"/>
      <c r="PUJ643" s="613"/>
      <c r="PUK643" s="613"/>
      <c r="PUL643" s="613"/>
      <c r="PUM643" s="613"/>
      <c r="PUN643" s="613"/>
      <c r="PUO643" s="613"/>
      <c r="PUP643" s="613"/>
      <c r="PUQ643" s="613"/>
      <c r="PUR643" s="613"/>
      <c r="PUS643" s="613"/>
      <c r="PUT643" s="613"/>
      <c r="PUU643" s="613"/>
      <c r="PUV643" s="613"/>
      <c r="PUW643" s="613"/>
      <c r="PUX643" s="613"/>
      <c r="PUY643" s="613"/>
      <c r="PUZ643" s="613"/>
      <c r="PVA643" s="613"/>
      <c r="PVB643" s="613"/>
      <c r="PVC643" s="613"/>
      <c r="PVD643" s="613"/>
      <c r="PVE643" s="613"/>
      <c r="PVF643" s="613"/>
      <c r="PVG643" s="613"/>
      <c r="PVH643" s="613"/>
      <c r="PVI643" s="613"/>
      <c r="PVJ643" s="613"/>
      <c r="PVK643" s="613"/>
      <c r="PVL643" s="613"/>
      <c r="PVM643" s="613"/>
      <c r="PVN643" s="613"/>
      <c r="PVO643" s="613"/>
      <c r="PVP643" s="613"/>
      <c r="PVQ643" s="613"/>
      <c r="PVR643" s="613"/>
      <c r="PVS643" s="613"/>
      <c r="PVT643" s="613"/>
      <c r="PVU643" s="613"/>
      <c r="PVV643" s="613"/>
      <c r="PVW643" s="613"/>
      <c r="PVX643" s="613"/>
      <c r="PVY643" s="613"/>
      <c r="PVZ643" s="613"/>
      <c r="PWA643" s="613"/>
      <c r="PWB643" s="613"/>
      <c r="PWC643" s="613"/>
      <c r="PWD643" s="613"/>
      <c r="PWE643" s="613"/>
      <c r="PWF643" s="613"/>
      <c r="PWG643" s="613"/>
      <c r="PWH643" s="613"/>
      <c r="PWI643" s="613"/>
      <c r="PWJ643" s="613"/>
      <c r="PWK643" s="613"/>
      <c r="PWL643" s="613"/>
      <c r="PWM643" s="613"/>
      <c r="PWN643" s="613"/>
      <c r="PWO643" s="613"/>
      <c r="PWP643" s="613"/>
      <c r="PWQ643" s="613"/>
      <c r="PWR643" s="613"/>
      <c r="PWS643" s="613"/>
      <c r="PWT643" s="613"/>
      <c r="PWU643" s="613"/>
      <c r="PWV643" s="613"/>
      <c r="PWW643" s="613"/>
      <c r="PWX643" s="613"/>
      <c r="PWY643" s="613"/>
      <c r="PWZ643" s="613"/>
      <c r="PXA643" s="613"/>
      <c r="PXB643" s="613"/>
      <c r="PXC643" s="613"/>
      <c r="PXD643" s="613"/>
      <c r="PXE643" s="613"/>
      <c r="PXF643" s="613"/>
      <c r="PXG643" s="613"/>
      <c r="PXH643" s="613"/>
      <c r="PXI643" s="613"/>
      <c r="PXJ643" s="613"/>
      <c r="PXK643" s="613"/>
      <c r="PXL643" s="613"/>
      <c r="PXM643" s="613"/>
      <c r="PXN643" s="613"/>
      <c r="PXO643" s="613"/>
      <c r="PXP643" s="613"/>
      <c r="PXQ643" s="613"/>
      <c r="PXR643" s="613"/>
      <c r="PXS643" s="613"/>
      <c r="PXT643" s="613"/>
      <c r="PXU643" s="613"/>
      <c r="PXV643" s="613"/>
      <c r="PXW643" s="613"/>
      <c r="PXX643" s="613"/>
      <c r="PXY643" s="613"/>
      <c r="PXZ643" s="613"/>
      <c r="PYA643" s="613"/>
      <c r="PYB643" s="613"/>
      <c r="PYC643" s="613"/>
      <c r="PYD643" s="613"/>
      <c r="PYE643" s="613"/>
      <c r="PYF643" s="613"/>
      <c r="PYG643" s="613"/>
      <c r="PYH643" s="613"/>
      <c r="PYI643" s="613"/>
      <c r="PYJ643" s="613"/>
      <c r="PYK643" s="613"/>
      <c r="PYL643" s="613"/>
      <c r="PYM643" s="613"/>
      <c r="PYN643" s="613"/>
      <c r="PYO643" s="613"/>
      <c r="PYP643" s="613"/>
      <c r="PYQ643" s="613"/>
      <c r="PYR643" s="613"/>
      <c r="PYS643" s="613"/>
      <c r="PYT643" s="613"/>
      <c r="PYU643" s="613"/>
      <c r="PYV643" s="613"/>
      <c r="PYW643" s="613"/>
      <c r="PYX643" s="613"/>
      <c r="PYY643" s="613"/>
      <c r="PYZ643" s="613"/>
      <c r="PZA643" s="613"/>
      <c r="PZB643" s="613"/>
      <c r="PZC643" s="613"/>
      <c r="PZD643" s="613"/>
      <c r="PZE643" s="613"/>
      <c r="PZF643" s="613"/>
      <c r="PZG643" s="613"/>
      <c r="PZH643" s="613"/>
      <c r="PZI643" s="613"/>
      <c r="PZJ643" s="613"/>
      <c r="PZK643" s="613"/>
      <c r="PZL643" s="613"/>
      <c r="PZM643" s="613"/>
      <c r="PZN643" s="613"/>
      <c r="PZO643" s="613"/>
      <c r="PZP643" s="613"/>
      <c r="PZQ643" s="613"/>
      <c r="PZR643" s="613"/>
      <c r="PZS643" s="613"/>
      <c r="PZT643" s="613"/>
      <c r="PZU643" s="613"/>
      <c r="PZV643" s="613"/>
      <c r="PZW643" s="613"/>
      <c r="PZX643" s="613"/>
      <c r="PZY643" s="613"/>
      <c r="PZZ643" s="613"/>
      <c r="QAA643" s="613"/>
      <c r="QAB643" s="613"/>
      <c r="QAC643" s="613"/>
      <c r="QAD643" s="613"/>
      <c r="QAE643" s="613"/>
      <c r="QAF643" s="613"/>
      <c r="QAG643" s="613"/>
      <c r="QAH643" s="613"/>
      <c r="QAI643" s="613"/>
      <c r="QAJ643" s="613"/>
      <c r="QAK643" s="613"/>
      <c r="QAL643" s="613"/>
      <c r="QAM643" s="613"/>
      <c r="QAN643" s="613"/>
      <c r="QAO643" s="613"/>
      <c r="QAP643" s="613"/>
      <c r="QAQ643" s="613"/>
      <c r="QAR643" s="613"/>
      <c r="QAS643" s="613"/>
      <c r="QAT643" s="613"/>
      <c r="QAU643" s="613"/>
      <c r="QAV643" s="613"/>
      <c r="QAW643" s="613"/>
      <c r="QAX643" s="613"/>
      <c r="QAY643" s="613"/>
      <c r="QAZ643" s="613"/>
      <c r="QBA643" s="613"/>
      <c r="QBB643" s="613"/>
      <c r="QBC643" s="613"/>
      <c r="QBD643" s="613"/>
      <c r="QBE643" s="613"/>
      <c r="QBF643" s="613"/>
      <c r="QBG643" s="613"/>
      <c r="QBH643" s="613"/>
      <c r="QBI643" s="613"/>
      <c r="QBJ643" s="613"/>
      <c r="QBK643" s="613"/>
      <c r="QBL643" s="613"/>
      <c r="QBM643" s="613"/>
      <c r="QBN643" s="613"/>
      <c r="QBO643" s="613"/>
      <c r="QBP643" s="613"/>
      <c r="QBQ643" s="613"/>
      <c r="QBR643" s="613"/>
      <c r="QBS643" s="613"/>
      <c r="QBT643" s="613"/>
      <c r="QBU643" s="613"/>
      <c r="QBV643" s="613"/>
      <c r="QBW643" s="613"/>
      <c r="QBX643" s="613"/>
      <c r="QBY643" s="613"/>
      <c r="QBZ643" s="613"/>
      <c r="QCA643" s="613"/>
      <c r="QCB643" s="613"/>
      <c r="QCC643" s="613"/>
      <c r="QCD643" s="613"/>
      <c r="QCE643" s="613"/>
      <c r="QCF643" s="613"/>
      <c r="QCG643" s="613"/>
      <c r="QCH643" s="613"/>
      <c r="QCI643" s="613"/>
      <c r="QCJ643" s="613"/>
      <c r="QCK643" s="613"/>
      <c r="QCL643" s="613"/>
      <c r="QCM643" s="613"/>
      <c r="QCN643" s="613"/>
      <c r="QCO643" s="613"/>
      <c r="QCP643" s="613"/>
      <c r="QCQ643" s="613"/>
      <c r="QCR643" s="613"/>
      <c r="QCS643" s="613"/>
      <c r="QCT643" s="613"/>
      <c r="QCU643" s="613"/>
      <c r="QCV643" s="613"/>
      <c r="QCW643" s="613"/>
      <c r="QCX643" s="613"/>
      <c r="QCY643" s="613"/>
      <c r="QCZ643" s="613"/>
      <c r="QDA643" s="613"/>
      <c r="QDB643" s="613"/>
      <c r="QDC643" s="613"/>
      <c r="QDD643" s="613"/>
      <c r="QDE643" s="613"/>
      <c r="QDF643" s="613"/>
      <c r="QDG643" s="613"/>
      <c r="QDH643" s="613"/>
      <c r="QDI643" s="613"/>
      <c r="QDJ643" s="613"/>
      <c r="QDK643" s="613"/>
      <c r="QDL643" s="613"/>
      <c r="QDM643" s="613"/>
      <c r="QDN643" s="613"/>
      <c r="QDO643" s="613"/>
      <c r="QDP643" s="613"/>
      <c r="QDQ643" s="613"/>
      <c r="QDR643" s="613"/>
      <c r="QDS643" s="613"/>
      <c r="QDT643" s="613"/>
      <c r="QDU643" s="613"/>
      <c r="QDV643" s="613"/>
      <c r="QDW643" s="613"/>
      <c r="QDX643" s="613"/>
      <c r="QDY643" s="613"/>
      <c r="QDZ643" s="613"/>
      <c r="QEA643" s="613"/>
      <c r="QEB643" s="613"/>
      <c r="QEC643" s="613"/>
      <c r="QED643" s="613"/>
      <c r="QEE643" s="613"/>
      <c r="QEF643" s="613"/>
      <c r="QEG643" s="613"/>
      <c r="QEH643" s="613"/>
      <c r="QEI643" s="613"/>
      <c r="QEJ643" s="613"/>
      <c r="QEK643" s="613"/>
      <c r="QEL643" s="613"/>
      <c r="QEM643" s="613"/>
      <c r="QEN643" s="613"/>
      <c r="QEO643" s="613"/>
      <c r="QEP643" s="613"/>
      <c r="QEQ643" s="613"/>
      <c r="QER643" s="613"/>
      <c r="QES643" s="613"/>
      <c r="QET643" s="613"/>
      <c r="QEU643" s="613"/>
      <c r="QEV643" s="613"/>
      <c r="QEW643" s="613"/>
      <c r="QEX643" s="613"/>
      <c r="QEY643" s="613"/>
      <c r="QEZ643" s="613"/>
      <c r="QFA643" s="613"/>
      <c r="QFB643" s="613"/>
      <c r="QFC643" s="613"/>
      <c r="QFD643" s="613"/>
      <c r="QFE643" s="613"/>
      <c r="QFF643" s="613"/>
      <c r="QFG643" s="613"/>
      <c r="QFH643" s="613"/>
      <c r="QFI643" s="613"/>
      <c r="QFJ643" s="613"/>
      <c r="QFK643" s="613"/>
      <c r="QFL643" s="613"/>
      <c r="QFM643" s="613"/>
      <c r="QFN643" s="613"/>
      <c r="QFO643" s="613"/>
      <c r="QFP643" s="613"/>
      <c r="QFQ643" s="613"/>
      <c r="QFR643" s="613"/>
      <c r="QFS643" s="613"/>
      <c r="QFT643" s="613"/>
      <c r="QFU643" s="613"/>
      <c r="QFV643" s="613"/>
      <c r="QFW643" s="613"/>
      <c r="QFX643" s="613"/>
      <c r="QFY643" s="613"/>
      <c r="QFZ643" s="613"/>
      <c r="QGA643" s="613"/>
      <c r="QGB643" s="613"/>
      <c r="QGC643" s="613"/>
      <c r="QGD643" s="613"/>
      <c r="QGE643" s="613"/>
      <c r="QGF643" s="613"/>
      <c r="QGG643" s="613"/>
      <c r="QGH643" s="613"/>
      <c r="QGI643" s="613"/>
      <c r="QGJ643" s="613"/>
      <c r="QGK643" s="613"/>
      <c r="QGL643" s="613"/>
      <c r="QGM643" s="613"/>
      <c r="QGN643" s="613"/>
      <c r="QGO643" s="613"/>
      <c r="QGP643" s="613"/>
      <c r="QGQ643" s="613"/>
      <c r="QGR643" s="613"/>
      <c r="QGS643" s="613"/>
      <c r="QGT643" s="613"/>
      <c r="QGU643" s="613"/>
      <c r="QGV643" s="613"/>
      <c r="QGW643" s="613"/>
      <c r="QGX643" s="613"/>
      <c r="QGY643" s="613"/>
      <c r="QGZ643" s="613"/>
      <c r="QHA643" s="613"/>
      <c r="QHB643" s="613"/>
      <c r="QHC643" s="613"/>
      <c r="QHD643" s="613"/>
      <c r="QHE643" s="613"/>
      <c r="QHF643" s="613"/>
      <c r="QHG643" s="613"/>
      <c r="QHH643" s="613"/>
      <c r="QHI643" s="613"/>
      <c r="QHJ643" s="613"/>
      <c r="QHK643" s="613"/>
      <c r="QHL643" s="613"/>
      <c r="QHM643" s="613"/>
      <c r="QHN643" s="613"/>
      <c r="QHO643" s="613"/>
      <c r="QHP643" s="613"/>
      <c r="QHQ643" s="613"/>
      <c r="QHR643" s="613"/>
      <c r="QHS643" s="613"/>
      <c r="QHT643" s="613"/>
      <c r="QHU643" s="613"/>
      <c r="QHV643" s="613"/>
      <c r="QHW643" s="613"/>
      <c r="QHX643" s="613"/>
      <c r="QHY643" s="613"/>
      <c r="QHZ643" s="613"/>
      <c r="QIA643" s="613"/>
      <c r="QIB643" s="613"/>
      <c r="QIC643" s="613"/>
      <c r="QID643" s="613"/>
      <c r="QIE643" s="613"/>
      <c r="QIF643" s="613"/>
      <c r="QIG643" s="613"/>
      <c r="QIH643" s="613"/>
      <c r="QII643" s="613"/>
      <c r="QIJ643" s="613"/>
      <c r="QIK643" s="613"/>
      <c r="QIL643" s="613"/>
      <c r="QIM643" s="613"/>
      <c r="QIN643" s="613"/>
      <c r="QIO643" s="613"/>
      <c r="QIP643" s="613"/>
      <c r="QIQ643" s="613"/>
      <c r="QIR643" s="613"/>
      <c r="QIS643" s="613"/>
      <c r="QIT643" s="613"/>
      <c r="QIU643" s="613"/>
      <c r="QIV643" s="613"/>
      <c r="QIW643" s="613"/>
      <c r="QIX643" s="613"/>
      <c r="QIY643" s="613"/>
      <c r="QIZ643" s="613"/>
      <c r="QJA643" s="613"/>
      <c r="QJB643" s="613"/>
      <c r="QJC643" s="613"/>
      <c r="QJD643" s="613"/>
      <c r="QJE643" s="613"/>
      <c r="QJF643" s="613"/>
      <c r="QJG643" s="613"/>
      <c r="QJH643" s="613"/>
      <c r="QJI643" s="613"/>
      <c r="QJJ643" s="613"/>
      <c r="QJK643" s="613"/>
      <c r="QJL643" s="613"/>
      <c r="QJM643" s="613"/>
      <c r="QJN643" s="613"/>
      <c r="QJO643" s="613"/>
      <c r="QJP643" s="613"/>
      <c r="QJQ643" s="613"/>
      <c r="QJR643" s="613"/>
      <c r="QJS643" s="613"/>
      <c r="QJT643" s="613"/>
      <c r="QJU643" s="613"/>
      <c r="QJV643" s="613"/>
      <c r="QJW643" s="613"/>
      <c r="QJX643" s="613"/>
      <c r="QJY643" s="613"/>
      <c r="QJZ643" s="613"/>
      <c r="QKA643" s="613"/>
      <c r="QKB643" s="613"/>
      <c r="QKC643" s="613"/>
      <c r="QKD643" s="613"/>
      <c r="QKE643" s="613"/>
      <c r="QKF643" s="613"/>
      <c r="QKG643" s="613"/>
      <c r="QKH643" s="613"/>
      <c r="QKI643" s="613"/>
      <c r="QKJ643" s="613"/>
      <c r="QKK643" s="613"/>
      <c r="QKL643" s="613"/>
      <c r="QKM643" s="613"/>
      <c r="QKN643" s="613"/>
      <c r="QKO643" s="613"/>
      <c r="QKP643" s="613"/>
      <c r="QKQ643" s="613"/>
      <c r="QKR643" s="613"/>
      <c r="QKS643" s="613"/>
      <c r="QKT643" s="613"/>
      <c r="QKU643" s="613"/>
      <c r="QKV643" s="613"/>
      <c r="QKW643" s="613"/>
      <c r="QKX643" s="613"/>
      <c r="QKY643" s="613"/>
      <c r="QKZ643" s="613"/>
      <c r="QLA643" s="613"/>
      <c r="QLB643" s="613"/>
      <c r="QLC643" s="613"/>
      <c r="QLD643" s="613"/>
      <c r="QLE643" s="613"/>
      <c r="QLF643" s="613"/>
      <c r="QLG643" s="613"/>
      <c r="QLH643" s="613"/>
      <c r="QLI643" s="613"/>
      <c r="QLJ643" s="613"/>
      <c r="QLK643" s="613"/>
      <c r="QLL643" s="613"/>
      <c r="QLM643" s="613"/>
      <c r="QLN643" s="613"/>
      <c r="QLO643" s="613"/>
      <c r="QLP643" s="613"/>
      <c r="QLQ643" s="613"/>
      <c r="QLR643" s="613"/>
      <c r="QLS643" s="613"/>
      <c r="QLT643" s="613"/>
      <c r="QLU643" s="613"/>
      <c r="QLV643" s="613"/>
      <c r="QLW643" s="613"/>
      <c r="QLX643" s="613"/>
      <c r="QLY643" s="613"/>
      <c r="QLZ643" s="613"/>
      <c r="QMA643" s="613"/>
      <c r="QMB643" s="613"/>
      <c r="QMC643" s="613"/>
      <c r="QMD643" s="613"/>
      <c r="QME643" s="613"/>
      <c r="QMF643" s="613"/>
      <c r="QMG643" s="613"/>
      <c r="QMH643" s="613"/>
      <c r="QMI643" s="613"/>
      <c r="QMJ643" s="613"/>
      <c r="QMK643" s="613"/>
      <c r="QML643" s="613"/>
      <c r="QMM643" s="613"/>
      <c r="QMN643" s="613"/>
      <c r="QMO643" s="613"/>
      <c r="QMP643" s="613"/>
      <c r="QMQ643" s="613"/>
      <c r="QMR643" s="613"/>
      <c r="QMS643" s="613"/>
      <c r="QMT643" s="613"/>
      <c r="QMU643" s="613"/>
      <c r="QMV643" s="613"/>
      <c r="QMW643" s="613"/>
      <c r="QMX643" s="613"/>
      <c r="QMY643" s="613"/>
      <c r="QMZ643" s="613"/>
      <c r="QNA643" s="613"/>
      <c r="QNB643" s="613"/>
      <c r="QNC643" s="613"/>
      <c r="QND643" s="613"/>
      <c r="QNE643" s="613"/>
      <c r="QNF643" s="613"/>
      <c r="QNG643" s="613"/>
      <c r="QNH643" s="613"/>
      <c r="QNI643" s="613"/>
      <c r="QNJ643" s="613"/>
      <c r="QNK643" s="613"/>
      <c r="QNL643" s="613"/>
      <c r="QNM643" s="613"/>
      <c r="QNN643" s="613"/>
      <c r="QNO643" s="613"/>
      <c r="QNP643" s="613"/>
      <c r="QNQ643" s="613"/>
      <c r="QNR643" s="613"/>
      <c r="QNS643" s="613"/>
      <c r="QNT643" s="613"/>
      <c r="QNU643" s="613"/>
      <c r="QNV643" s="613"/>
      <c r="QNW643" s="613"/>
      <c r="QNX643" s="613"/>
      <c r="QNY643" s="613"/>
      <c r="QNZ643" s="613"/>
      <c r="QOA643" s="613"/>
      <c r="QOB643" s="613"/>
      <c r="QOC643" s="613"/>
      <c r="QOD643" s="613"/>
      <c r="QOE643" s="613"/>
      <c r="QOF643" s="613"/>
      <c r="QOG643" s="613"/>
      <c r="QOH643" s="613"/>
      <c r="QOI643" s="613"/>
      <c r="QOJ643" s="613"/>
      <c r="QOK643" s="613"/>
      <c r="QOL643" s="613"/>
      <c r="QOM643" s="613"/>
      <c r="QON643" s="613"/>
      <c r="QOO643" s="613"/>
      <c r="QOP643" s="613"/>
      <c r="QOQ643" s="613"/>
      <c r="QOR643" s="613"/>
      <c r="QOS643" s="613"/>
      <c r="QOT643" s="613"/>
      <c r="QOU643" s="613"/>
      <c r="QOV643" s="613"/>
      <c r="QOW643" s="613"/>
      <c r="QOX643" s="613"/>
      <c r="QOY643" s="613"/>
      <c r="QOZ643" s="613"/>
      <c r="QPA643" s="613"/>
      <c r="QPB643" s="613"/>
      <c r="QPC643" s="613"/>
      <c r="QPD643" s="613"/>
      <c r="QPE643" s="613"/>
      <c r="QPF643" s="613"/>
      <c r="QPG643" s="613"/>
      <c r="QPH643" s="613"/>
      <c r="QPI643" s="613"/>
      <c r="QPJ643" s="613"/>
      <c r="QPK643" s="613"/>
      <c r="QPL643" s="613"/>
      <c r="QPM643" s="613"/>
      <c r="QPN643" s="613"/>
      <c r="QPO643" s="613"/>
      <c r="QPP643" s="613"/>
      <c r="QPQ643" s="613"/>
      <c r="QPR643" s="613"/>
      <c r="QPS643" s="613"/>
      <c r="QPT643" s="613"/>
      <c r="QPU643" s="613"/>
      <c r="QPV643" s="613"/>
      <c r="QPW643" s="613"/>
      <c r="QPX643" s="613"/>
      <c r="QPY643" s="613"/>
      <c r="QPZ643" s="613"/>
      <c r="QQA643" s="613"/>
      <c r="QQB643" s="613"/>
      <c r="QQC643" s="613"/>
      <c r="QQD643" s="613"/>
      <c r="QQE643" s="613"/>
      <c r="QQF643" s="613"/>
      <c r="QQG643" s="613"/>
      <c r="QQH643" s="613"/>
      <c r="QQI643" s="613"/>
      <c r="QQJ643" s="613"/>
      <c r="QQK643" s="613"/>
      <c r="QQL643" s="613"/>
      <c r="QQM643" s="613"/>
      <c r="QQN643" s="613"/>
      <c r="QQO643" s="613"/>
      <c r="QQP643" s="613"/>
      <c r="QQQ643" s="613"/>
      <c r="QQR643" s="613"/>
      <c r="QQS643" s="613"/>
      <c r="QQT643" s="613"/>
      <c r="QQU643" s="613"/>
      <c r="QQV643" s="613"/>
      <c r="QQW643" s="613"/>
      <c r="QQX643" s="613"/>
      <c r="QQY643" s="613"/>
      <c r="QQZ643" s="613"/>
      <c r="QRA643" s="613"/>
      <c r="QRB643" s="613"/>
      <c r="QRC643" s="613"/>
      <c r="QRD643" s="613"/>
      <c r="QRE643" s="613"/>
      <c r="QRF643" s="613"/>
      <c r="QRG643" s="613"/>
      <c r="QRH643" s="613"/>
      <c r="QRI643" s="613"/>
      <c r="QRJ643" s="613"/>
      <c r="QRK643" s="613"/>
      <c r="QRL643" s="613"/>
      <c r="QRM643" s="613"/>
      <c r="QRN643" s="613"/>
      <c r="QRO643" s="613"/>
      <c r="QRP643" s="613"/>
      <c r="QRQ643" s="613"/>
      <c r="QRR643" s="613"/>
      <c r="QRS643" s="613"/>
      <c r="QRT643" s="613"/>
      <c r="QRU643" s="613"/>
      <c r="QRV643" s="613"/>
      <c r="QRW643" s="613"/>
      <c r="QRX643" s="613"/>
      <c r="QRY643" s="613"/>
      <c r="QRZ643" s="613"/>
      <c r="QSA643" s="613"/>
      <c r="QSB643" s="613"/>
      <c r="QSC643" s="613"/>
      <c r="QSD643" s="613"/>
      <c r="QSE643" s="613"/>
      <c r="QSF643" s="613"/>
      <c r="QSG643" s="613"/>
      <c r="QSH643" s="613"/>
      <c r="QSI643" s="613"/>
      <c r="QSJ643" s="613"/>
      <c r="QSK643" s="613"/>
      <c r="QSL643" s="613"/>
      <c r="QSM643" s="613"/>
      <c r="QSN643" s="613"/>
      <c r="QSO643" s="613"/>
      <c r="QSP643" s="613"/>
      <c r="QSQ643" s="613"/>
      <c r="QSR643" s="613"/>
      <c r="QSS643" s="613"/>
      <c r="QST643" s="613"/>
      <c r="QSU643" s="613"/>
      <c r="QSV643" s="613"/>
      <c r="QSW643" s="613"/>
      <c r="QSX643" s="613"/>
      <c r="QSY643" s="613"/>
      <c r="QSZ643" s="613"/>
      <c r="QTA643" s="613"/>
      <c r="QTB643" s="613"/>
      <c r="QTC643" s="613"/>
      <c r="QTD643" s="613"/>
      <c r="QTE643" s="613"/>
      <c r="QTF643" s="613"/>
      <c r="QTG643" s="613"/>
      <c r="QTH643" s="613"/>
      <c r="QTI643" s="613"/>
      <c r="QTJ643" s="613"/>
      <c r="QTK643" s="613"/>
      <c r="QTL643" s="613"/>
      <c r="QTM643" s="613"/>
      <c r="QTN643" s="613"/>
      <c r="QTO643" s="613"/>
      <c r="QTP643" s="613"/>
      <c r="QTQ643" s="613"/>
      <c r="QTR643" s="613"/>
      <c r="QTS643" s="613"/>
      <c r="QTT643" s="613"/>
      <c r="QTU643" s="613"/>
      <c r="QTV643" s="613"/>
      <c r="QTW643" s="613"/>
      <c r="QTX643" s="613"/>
      <c r="QTY643" s="613"/>
      <c r="QTZ643" s="613"/>
      <c r="QUA643" s="613"/>
      <c r="QUB643" s="613"/>
      <c r="QUC643" s="613"/>
      <c r="QUD643" s="613"/>
      <c r="QUE643" s="613"/>
      <c r="QUF643" s="613"/>
      <c r="QUG643" s="613"/>
      <c r="QUH643" s="613"/>
      <c r="QUI643" s="613"/>
      <c r="QUJ643" s="613"/>
      <c r="QUK643" s="613"/>
      <c r="QUL643" s="613"/>
      <c r="QUM643" s="613"/>
      <c r="QUN643" s="613"/>
      <c r="QUO643" s="613"/>
      <c r="QUP643" s="613"/>
      <c r="QUQ643" s="613"/>
      <c r="QUR643" s="613"/>
      <c r="QUS643" s="613"/>
      <c r="QUT643" s="613"/>
      <c r="QUU643" s="613"/>
      <c r="QUV643" s="613"/>
      <c r="QUW643" s="613"/>
      <c r="QUX643" s="613"/>
      <c r="QUY643" s="613"/>
      <c r="QUZ643" s="613"/>
      <c r="QVA643" s="613"/>
      <c r="QVB643" s="613"/>
      <c r="QVC643" s="613"/>
      <c r="QVD643" s="613"/>
      <c r="QVE643" s="613"/>
      <c r="QVF643" s="613"/>
      <c r="QVG643" s="613"/>
      <c r="QVH643" s="613"/>
      <c r="QVI643" s="613"/>
      <c r="QVJ643" s="613"/>
      <c r="QVK643" s="613"/>
      <c r="QVL643" s="613"/>
      <c r="QVM643" s="613"/>
      <c r="QVN643" s="613"/>
      <c r="QVO643" s="613"/>
      <c r="QVP643" s="613"/>
      <c r="QVQ643" s="613"/>
      <c r="QVR643" s="613"/>
      <c r="QVS643" s="613"/>
      <c r="QVT643" s="613"/>
      <c r="QVU643" s="613"/>
      <c r="QVV643" s="613"/>
      <c r="QVW643" s="613"/>
      <c r="QVX643" s="613"/>
      <c r="QVY643" s="613"/>
      <c r="QVZ643" s="613"/>
      <c r="QWA643" s="613"/>
      <c r="QWB643" s="613"/>
      <c r="QWC643" s="613"/>
      <c r="QWD643" s="613"/>
      <c r="QWE643" s="613"/>
      <c r="QWF643" s="613"/>
      <c r="QWG643" s="613"/>
      <c r="QWH643" s="613"/>
      <c r="QWI643" s="613"/>
      <c r="QWJ643" s="613"/>
      <c r="QWK643" s="613"/>
      <c r="QWL643" s="613"/>
      <c r="QWM643" s="613"/>
      <c r="QWN643" s="613"/>
      <c r="QWO643" s="613"/>
      <c r="QWP643" s="613"/>
      <c r="QWQ643" s="613"/>
      <c r="QWR643" s="613"/>
      <c r="QWS643" s="613"/>
      <c r="QWT643" s="613"/>
      <c r="QWU643" s="613"/>
      <c r="QWV643" s="613"/>
      <c r="QWW643" s="613"/>
      <c r="QWX643" s="613"/>
      <c r="QWY643" s="613"/>
      <c r="QWZ643" s="613"/>
      <c r="QXA643" s="613"/>
      <c r="QXB643" s="613"/>
      <c r="QXC643" s="613"/>
      <c r="QXD643" s="613"/>
      <c r="QXE643" s="613"/>
      <c r="QXF643" s="613"/>
      <c r="QXG643" s="613"/>
      <c r="QXH643" s="613"/>
      <c r="QXI643" s="613"/>
      <c r="QXJ643" s="613"/>
      <c r="QXK643" s="613"/>
      <c r="QXL643" s="613"/>
      <c r="QXM643" s="613"/>
      <c r="QXN643" s="613"/>
      <c r="QXO643" s="613"/>
      <c r="QXP643" s="613"/>
      <c r="QXQ643" s="613"/>
      <c r="QXR643" s="613"/>
      <c r="QXS643" s="613"/>
      <c r="QXT643" s="613"/>
      <c r="QXU643" s="613"/>
      <c r="QXV643" s="613"/>
      <c r="QXW643" s="613"/>
      <c r="QXX643" s="613"/>
      <c r="QXY643" s="613"/>
      <c r="QXZ643" s="613"/>
      <c r="QYA643" s="613"/>
      <c r="QYB643" s="613"/>
      <c r="QYC643" s="613"/>
      <c r="QYD643" s="613"/>
      <c r="QYE643" s="613"/>
      <c r="QYF643" s="613"/>
      <c r="QYG643" s="613"/>
      <c r="QYH643" s="613"/>
      <c r="QYI643" s="613"/>
      <c r="QYJ643" s="613"/>
      <c r="QYK643" s="613"/>
      <c r="QYL643" s="613"/>
      <c r="QYM643" s="613"/>
      <c r="QYN643" s="613"/>
      <c r="QYO643" s="613"/>
      <c r="QYP643" s="613"/>
      <c r="QYQ643" s="613"/>
      <c r="QYR643" s="613"/>
      <c r="QYS643" s="613"/>
      <c r="QYT643" s="613"/>
      <c r="QYU643" s="613"/>
      <c r="QYV643" s="613"/>
      <c r="QYW643" s="613"/>
      <c r="QYX643" s="613"/>
      <c r="QYY643" s="613"/>
      <c r="QYZ643" s="613"/>
      <c r="QZA643" s="613"/>
      <c r="QZB643" s="613"/>
      <c r="QZC643" s="613"/>
      <c r="QZD643" s="613"/>
      <c r="QZE643" s="613"/>
      <c r="QZF643" s="613"/>
      <c r="QZG643" s="613"/>
      <c r="QZH643" s="613"/>
      <c r="QZI643" s="613"/>
      <c r="QZJ643" s="613"/>
      <c r="QZK643" s="613"/>
      <c r="QZL643" s="613"/>
      <c r="QZM643" s="613"/>
      <c r="QZN643" s="613"/>
      <c r="QZO643" s="613"/>
      <c r="QZP643" s="613"/>
      <c r="QZQ643" s="613"/>
      <c r="QZR643" s="613"/>
      <c r="QZS643" s="613"/>
      <c r="QZT643" s="613"/>
      <c r="QZU643" s="613"/>
      <c r="QZV643" s="613"/>
      <c r="QZW643" s="613"/>
      <c r="QZX643" s="613"/>
      <c r="QZY643" s="613"/>
      <c r="QZZ643" s="613"/>
      <c r="RAA643" s="613"/>
      <c r="RAB643" s="613"/>
      <c r="RAC643" s="613"/>
      <c r="RAD643" s="613"/>
      <c r="RAE643" s="613"/>
      <c r="RAF643" s="613"/>
      <c r="RAG643" s="613"/>
      <c r="RAH643" s="613"/>
      <c r="RAI643" s="613"/>
      <c r="RAJ643" s="613"/>
      <c r="RAK643" s="613"/>
      <c r="RAL643" s="613"/>
      <c r="RAM643" s="613"/>
      <c r="RAN643" s="613"/>
      <c r="RAO643" s="613"/>
      <c r="RAP643" s="613"/>
      <c r="RAQ643" s="613"/>
      <c r="RAR643" s="613"/>
      <c r="RAS643" s="613"/>
      <c r="RAT643" s="613"/>
      <c r="RAU643" s="613"/>
      <c r="RAV643" s="613"/>
      <c r="RAW643" s="613"/>
      <c r="RAX643" s="613"/>
      <c r="RAY643" s="613"/>
      <c r="RAZ643" s="613"/>
      <c r="RBA643" s="613"/>
      <c r="RBB643" s="613"/>
      <c r="RBC643" s="613"/>
      <c r="RBD643" s="613"/>
      <c r="RBE643" s="613"/>
      <c r="RBF643" s="613"/>
      <c r="RBG643" s="613"/>
      <c r="RBH643" s="613"/>
      <c r="RBI643" s="613"/>
      <c r="RBJ643" s="613"/>
      <c r="RBK643" s="613"/>
      <c r="RBL643" s="613"/>
      <c r="RBM643" s="613"/>
      <c r="RBN643" s="613"/>
      <c r="RBO643" s="613"/>
      <c r="RBP643" s="613"/>
      <c r="RBQ643" s="613"/>
      <c r="RBR643" s="613"/>
      <c r="RBS643" s="613"/>
      <c r="RBT643" s="613"/>
      <c r="RBU643" s="613"/>
      <c r="RBV643" s="613"/>
      <c r="RBW643" s="613"/>
      <c r="RBX643" s="613"/>
      <c r="RBY643" s="613"/>
      <c r="RBZ643" s="613"/>
      <c r="RCA643" s="613"/>
      <c r="RCB643" s="613"/>
      <c r="RCC643" s="613"/>
      <c r="RCD643" s="613"/>
      <c r="RCE643" s="613"/>
      <c r="RCF643" s="613"/>
      <c r="RCG643" s="613"/>
      <c r="RCH643" s="613"/>
      <c r="RCI643" s="613"/>
      <c r="RCJ643" s="613"/>
      <c r="RCK643" s="613"/>
      <c r="RCL643" s="613"/>
      <c r="RCM643" s="613"/>
      <c r="RCN643" s="613"/>
      <c r="RCO643" s="613"/>
      <c r="RCP643" s="613"/>
      <c r="RCQ643" s="613"/>
      <c r="RCR643" s="613"/>
      <c r="RCS643" s="613"/>
      <c r="RCT643" s="613"/>
      <c r="RCU643" s="613"/>
      <c r="RCV643" s="613"/>
      <c r="RCW643" s="613"/>
      <c r="RCX643" s="613"/>
      <c r="RCY643" s="613"/>
      <c r="RCZ643" s="613"/>
      <c r="RDA643" s="613"/>
      <c r="RDB643" s="613"/>
      <c r="RDC643" s="613"/>
      <c r="RDD643" s="613"/>
      <c r="RDE643" s="613"/>
      <c r="RDF643" s="613"/>
      <c r="RDG643" s="613"/>
      <c r="RDH643" s="613"/>
      <c r="RDI643" s="613"/>
      <c r="RDJ643" s="613"/>
      <c r="RDK643" s="613"/>
      <c r="RDL643" s="613"/>
      <c r="RDM643" s="613"/>
      <c r="RDN643" s="613"/>
      <c r="RDO643" s="613"/>
      <c r="RDP643" s="613"/>
      <c r="RDQ643" s="613"/>
      <c r="RDR643" s="613"/>
      <c r="RDS643" s="613"/>
      <c r="RDT643" s="613"/>
      <c r="RDU643" s="613"/>
      <c r="RDV643" s="613"/>
      <c r="RDW643" s="613"/>
      <c r="RDX643" s="613"/>
      <c r="RDY643" s="613"/>
      <c r="RDZ643" s="613"/>
      <c r="REA643" s="613"/>
      <c r="REB643" s="613"/>
      <c r="REC643" s="613"/>
      <c r="RED643" s="613"/>
      <c r="REE643" s="613"/>
      <c r="REF643" s="613"/>
      <c r="REG643" s="613"/>
      <c r="REH643" s="613"/>
      <c r="REI643" s="613"/>
      <c r="REJ643" s="613"/>
      <c r="REK643" s="613"/>
      <c r="REL643" s="613"/>
      <c r="REM643" s="613"/>
      <c r="REN643" s="613"/>
      <c r="REO643" s="613"/>
      <c r="REP643" s="613"/>
      <c r="REQ643" s="613"/>
      <c r="RER643" s="613"/>
      <c r="RES643" s="613"/>
      <c r="RET643" s="613"/>
      <c r="REU643" s="613"/>
      <c r="REV643" s="613"/>
      <c r="REW643" s="613"/>
      <c r="REX643" s="613"/>
      <c r="REY643" s="613"/>
      <c r="REZ643" s="613"/>
      <c r="RFA643" s="613"/>
      <c r="RFB643" s="613"/>
      <c r="RFC643" s="613"/>
      <c r="RFD643" s="613"/>
      <c r="RFE643" s="613"/>
      <c r="RFF643" s="613"/>
      <c r="RFG643" s="613"/>
      <c r="RFH643" s="613"/>
      <c r="RFI643" s="613"/>
      <c r="RFJ643" s="613"/>
      <c r="RFK643" s="613"/>
      <c r="RFL643" s="613"/>
      <c r="RFM643" s="613"/>
      <c r="RFN643" s="613"/>
      <c r="RFO643" s="613"/>
      <c r="RFP643" s="613"/>
      <c r="RFQ643" s="613"/>
      <c r="RFR643" s="613"/>
      <c r="RFS643" s="613"/>
      <c r="RFT643" s="613"/>
      <c r="RFU643" s="613"/>
      <c r="RFV643" s="613"/>
      <c r="RFW643" s="613"/>
      <c r="RFX643" s="613"/>
      <c r="RFY643" s="613"/>
      <c r="RFZ643" s="613"/>
      <c r="RGA643" s="613"/>
      <c r="RGB643" s="613"/>
      <c r="RGC643" s="613"/>
      <c r="RGD643" s="613"/>
      <c r="RGE643" s="613"/>
      <c r="RGF643" s="613"/>
      <c r="RGG643" s="613"/>
      <c r="RGH643" s="613"/>
      <c r="RGI643" s="613"/>
      <c r="RGJ643" s="613"/>
      <c r="RGK643" s="613"/>
      <c r="RGL643" s="613"/>
      <c r="RGM643" s="613"/>
      <c r="RGN643" s="613"/>
      <c r="RGO643" s="613"/>
      <c r="RGP643" s="613"/>
      <c r="RGQ643" s="613"/>
      <c r="RGR643" s="613"/>
      <c r="RGS643" s="613"/>
      <c r="RGT643" s="613"/>
      <c r="RGU643" s="613"/>
      <c r="RGV643" s="613"/>
      <c r="RGW643" s="613"/>
      <c r="RGX643" s="613"/>
      <c r="RGY643" s="613"/>
      <c r="RGZ643" s="613"/>
      <c r="RHA643" s="613"/>
      <c r="RHB643" s="613"/>
      <c r="RHC643" s="613"/>
      <c r="RHD643" s="613"/>
      <c r="RHE643" s="613"/>
      <c r="RHF643" s="613"/>
      <c r="RHG643" s="613"/>
      <c r="RHH643" s="613"/>
      <c r="RHI643" s="613"/>
      <c r="RHJ643" s="613"/>
      <c r="RHK643" s="613"/>
      <c r="RHL643" s="613"/>
      <c r="RHM643" s="613"/>
      <c r="RHN643" s="613"/>
      <c r="RHO643" s="613"/>
      <c r="RHP643" s="613"/>
      <c r="RHQ643" s="613"/>
      <c r="RHR643" s="613"/>
      <c r="RHS643" s="613"/>
      <c r="RHT643" s="613"/>
      <c r="RHU643" s="613"/>
      <c r="RHV643" s="613"/>
      <c r="RHW643" s="613"/>
      <c r="RHX643" s="613"/>
      <c r="RHY643" s="613"/>
      <c r="RHZ643" s="613"/>
      <c r="RIA643" s="613"/>
      <c r="RIB643" s="613"/>
      <c r="RIC643" s="613"/>
      <c r="RID643" s="613"/>
      <c r="RIE643" s="613"/>
      <c r="RIF643" s="613"/>
      <c r="RIG643" s="613"/>
      <c r="RIH643" s="613"/>
      <c r="RII643" s="613"/>
      <c r="RIJ643" s="613"/>
      <c r="RIK643" s="613"/>
      <c r="RIL643" s="613"/>
      <c r="RIM643" s="613"/>
      <c r="RIN643" s="613"/>
      <c r="RIO643" s="613"/>
      <c r="RIP643" s="613"/>
      <c r="RIQ643" s="613"/>
      <c r="RIR643" s="613"/>
      <c r="RIS643" s="613"/>
      <c r="RIT643" s="613"/>
      <c r="RIU643" s="613"/>
      <c r="RIV643" s="613"/>
      <c r="RIW643" s="613"/>
      <c r="RIX643" s="613"/>
      <c r="RIY643" s="613"/>
      <c r="RIZ643" s="613"/>
      <c r="RJA643" s="613"/>
      <c r="RJB643" s="613"/>
      <c r="RJC643" s="613"/>
      <c r="RJD643" s="613"/>
      <c r="RJE643" s="613"/>
      <c r="RJF643" s="613"/>
      <c r="RJG643" s="613"/>
      <c r="RJH643" s="613"/>
      <c r="RJI643" s="613"/>
      <c r="RJJ643" s="613"/>
      <c r="RJK643" s="613"/>
      <c r="RJL643" s="613"/>
      <c r="RJM643" s="613"/>
      <c r="RJN643" s="613"/>
      <c r="RJO643" s="613"/>
      <c r="RJP643" s="613"/>
      <c r="RJQ643" s="613"/>
      <c r="RJR643" s="613"/>
      <c r="RJS643" s="613"/>
      <c r="RJT643" s="613"/>
      <c r="RJU643" s="613"/>
      <c r="RJV643" s="613"/>
      <c r="RJW643" s="613"/>
      <c r="RJX643" s="613"/>
      <c r="RJY643" s="613"/>
      <c r="RJZ643" s="613"/>
      <c r="RKA643" s="613"/>
      <c r="RKB643" s="613"/>
      <c r="RKC643" s="613"/>
      <c r="RKD643" s="613"/>
      <c r="RKE643" s="613"/>
      <c r="RKF643" s="613"/>
      <c r="RKG643" s="613"/>
      <c r="RKH643" s="613"/>
      <c r="RKI643" s="613"/>
      <c r="RKJ643" s="613"/>
      <c r="RKK643" s="613"/>
      <c r="RKL643" s="613"/>
      <c r="RKM643" s="613"/>
      <c r="RKN643" s="613"/>
      <c r="RKO643" s="613"/>
      <c r="RKP643" s="613"/>
      <c r="RKQ643" s="613"/>
      <c r="RKR643" s="613"/>
      <c r="RKS643" s="613"/>
      <c r="RKT643" s="613"/>
      <c r="RKU643" s="613"/>
      <c r="RKV643" s="613"/>
      <c r="RKW643" s="613"/>
      <c r="RKX643" s="613"/>
      <c r="RKY643" s="613"/>
      <c r="RKZ643" s="613"/>
      <c r="RLA643" s="613"/>
      <c r="RLB643" s="613"/>
      <c r="RLC643" s="613"/>
      <c r="RLD643" s="613"/>
      <c r="RLE643" s="613"/>
      <c r="RLF643" s="613"/>
      <c r="RLG643" s="613"/>
      <c r="RLH643" s="613"/>
      <c r="RLI643" s="613"/>
      <c r="RLJ643" s="613"/>
      <c r="RLK643" s="613"/>
      <c r="RLL643" s="613"/>
      <c r="RLM643" s="613"/>
      <c r="RLN643" s="613"/>
      <c r="RLO643" s="613"/>
      <c r="RLP643" s="613"/>
      <c r="RLQ643" s="613"/>
      <c r="RLR643" s="613"/>
      <c r="RLS643" s="613"/>
      <c r="RLT643" s="613"/>
      <c r="RLU643" s="613"/>
      <c r="RLV643" s="613"/>
      <c r="RLW643" s="613"/>
      <c r="RLX643" s="613"/>
      <c r="RLY643" s="613"/>
      <c r="RLZ643" s="613"/>
      <c r="RMA643" s="613"/>
      <c r="RMB643" s="613"/>
      <c r="RMC643" s="613"/>
      <c r="RMD643" s="613"/>
      <c r="RME643" s="613"/>
      <c r="RMF643" s="613"/>
      <c r="RMG643" s="613"/>
      <c r="RMH643" s="613"/>
      <c r="RMI643" s="613"/>
      <c r="RMJ643" s="613"/>
      <c r="RMK643" s="613"/>
      <c r="RML643" s="613"/>
      <c r="RMM643" s="613"/>
      <c r="RMN643" s="613"/>
      <c r="RMO643" s="613"/>
      <c r="RMP643" s="613"/>
      <c r="RMQ643" s="613"/>
      <c r="RMR643" s="613"/>
      <c r="RMS643" s="613"/>
      <c r="RMT643" s="613"/>
      <c r="RMU643" s="613"/>
      <c r="RMV643" s="613"/>
      <c r="RMW643" s="613"/>
      <c r="RMX643" s="613"/>
      <c r="RMY643" s="613"/>
      <c r="RMZ643" s="613"/>
      <c r="RNA643" s="613"/>
      <c r="RNB643" s="613"/>
      <c r="RNC643" s="613"/>
      <c r="RND643" s="613"/>
      <c r="RNE643" s="613"/>
      <c r="RNF643" s="613"/>
      <c r="RNG643" s="613"/>
      <c r="RNH643" s="613"/>
      <c r="RNI643" s="613"/>
      <c r="RNJ643" s="613"/>
      <c r="RNK643" s="613"/>
      <c r="RNL643" s="613"/>
      <c r="RNM643" s="613"/>
      <c r="RNN643" s="613"/>
      <c r="RNO643" s="613"/>
      <c r="RNP643" s="613"/>
      <c r="RNQ643" s="613"/>
      <c r="RNR643" s="613"/>
      <c r="RNS643" s="613"/>
      <c r="RNT643" s="613"/>
      <c r="RNU643" s="613"/>
      <c r="RNV643" s="613"/>
      <c r="RNW643" s="613"/>
      <c r="RNX643" s="613"/>
      <c r="RNY643" s="613"/>
      <c r="RNZ643" s="613"/>
      <c r="ROA643" s="613"/>
      <c r="ROB643" s="613"/>
      <c r="ROC643" s="613"/>
      <c r="ROD643" s="613"/>
      <c r="ROE643" s="613"/>
      <c r="ROF643" s="613"/>
      <c r="ROG643" s="613"/>
      <c r="ROH643" s="613"/>
      <c r="ROI643" s="613"/>
      <c r="ROJ643" s="613"/>
      <c r="ROK643" s="613"/>
      <c r="ROL643" s="613"/>
      <c r="ROM643" s="613"/>
      <c r="RON643" s="613"/>
      <c r="ROO643" s="613"/>
      <c r="ROP643" s="613"/>
      <c r="ROQ643" s="613"/>
      <c r="ROR643" s="613"/>
      <c r="ROS643" s="613"/>
      <c r="ROT643" s="613"/>
      <c r="ROU643" s="613"/>
      <c r="ROV643" s="613"/>
      <c r="ROW643" s="613"/>
      <c r="ROX643" s="613"/>
      <c r="ROY643" s="613"/>
      <c r="ROZ643" s="613"/>
      <c r="RPA643" s="613"/>
      <c r="RPB643" s="613"/>
      <c r="RPC643" s="613"/>
      <c r="RPD643" s="613"/>
      <c r="RPE643" s="613"/>
      <c r="RPF643" s="613"/>
      <c r="RPG643" s="613"/>
      <c r="RPH643" s="613"/>
      <c r="RPI643" s="613"/>
      <c r="RPJ643" s="613"/>
      <c r="RPK643" s="613"/>
      <c r="RPL643" s="613"/>
      <c r="RPM643" s="613"/>
      <c r="RPN643" s="613"/>
      <c r="RPO643" s="613"/>
      <c r="RPP643" s="613"/>
      <c r="RPQ643" s="613"/>
      <c r="RPR643" s="613"/>
      <c r="RPS643" s="613"/>
      <c r="RPT643" s="613"/>
      <c r="RPU643" s="613"/>
      <c r="RPV643" s="613"/>
      <c r="RPW643" s="613"/>
      <c r="RPX643" s="613"/>
      <c r="RPY643" s="613"/>
      <c r="RPZ643" s="613"/>
      <c r="RQA643" s="613"/>
      <c r="RQB643" s="613"/>
      <c r="RQC643" s="613"/>
      <c r="RQD643" s="613"/>
      <c r="RQE643" s="613"/>
      <c r="RQF643" s="613"/>
      <c r="RQG643" s="613"/>
      <c r="RQH643" s="613"/>
      <c r="RQI643" s="613"/>
      <c r="RQJ643" s="613"/>
      <c r="RQK643" s="613"/>
      <c r="RQL643" s="613"/>
      <c r="RQM643" s="613"/>
      <c r="RQN643" s="613"/>
      <c r="RQO643" s="613"/>
      <c r="RQP643" s="613"/>
      <c r="RQQ643" s="613"/>
      <c r="RQR643" s="613"/>
      <c r="RQS643" s="613"/>
      <c r="RQT643" s="613"/>
      <c r="RQU643" s="613"/>
      <c r="RQV643" s="613"/>
      <c r="RQW643" s="613"/>
      <c r="RQX643" s="613"/>
      <c r="RQY643" s="613"/>
      <c r="RQZ643" s="613"/>
      <c r="RRA643" s="613"/>
      <c r="RRB643" s="613"/>
      <c r="RRC643" s="613"/>
      <c r="RRD643" s="613"/>
      <c r="RRE643" s="613"/>
      <c r="RRF643" s="613"/>
      <c r="RRG643" s="613"/>
      <c r="RRH643" s="613"/>
      <c r="RRI643" s="613"/>
      <c r="RRJ643" s="613"/>
      <c r="RRK643" s="613"/>
      <c r="RRL643" s="613"/>
      <c r="RRM643" s="613"/>
      <c r="RRN643" s="613"/>
      <c r="RRO643" s="613"/>
      <c r="RRP643" s="613"/>
      <c r="RRQ643" s="613"/>
      <c r="RRR643" s="613"/>
      <c r="RRS643" s="613"/>
      <c r="RRT643" s="613"/>
      <c r="RRU643" s="613"/>
      <c r="RRV643" s="613"/>
      <c r="RRW643" s="613"/>
      <c r="RRX643" s="613"/>
      <c r="RRY643" s="613"/>
      <c r="RRZ643" s="613"/>
      <c r="RSA643" s="613"/>
      <c r="RSB643" s="613"/>
      <c r="RSC643" s="613"/>
      <c r="RSD643" s="613"/>
      <c r="RSE643" s="613"/>
      <c r="RSF643" s="613"/>
      <c r="RSG643" s="613"/>
      <c r="RSH643" s="613"/>
      <c r="RSI643" s="613"/>
      <c r="RSJ643" s="613"/>
      <c r="RSK643" s="613"/>
      <c r="RSL643" s="613"/>
      <c r="RSM643" s="613"/>
      <c r="RSN643" s="613"/>
      <c r="RSO643" s="613"/>
      <c r="RSP643" s="613"/>
      <c r="RSQ643" s="613"/>
      <c r="RSR643" s="613"/>
      <c r="RSS643" s="613"/>
      <c r="RST643" s="613"/>
      <c r="RSU643" s="613"/>
      <c r="RSV643" s="613"/>
      <c r="RSW643" s="613"/>
      <c r="RSX643" s="613"/>
      <c r="RSY643" s="613"/>
      <c r="RSZ643" s="613"/>
      <c r="RTA643" s="613"/>
      <c r="RTB643" s="613"/>
      <c r="RTC643" s="613"/>
      <c r="RTD643" s="613"/>
      <c r="RTE643" s="613"/>
      <c r="RTF643" s="613"/>
      <c r="RTG643" s="613"/>
      <c r="RTH643" s="613"/>
      <c r="RTI643" s="613"/>
      <c r="RTJ643" s="613"/>
      <c r="RTK643" s="613"/>
      <c r="RTL643" s="613"/>
      <c r="RTM643" s="613"/>
      <c r="RTN643" s="613"/>
      <c r="RTO643" s="613"/>
      <c r="RTP643" s="613"/>
      <c r="RTQ643" s="613"/>
      <c r="RTR643" s="613"/>
      <c r="RTS643" s="613"/>
      <c r="RTT643" s="613"/>
      <c r="RTU643" s="613"/>
      <c r="RTV643" s="613"/>
      <c r="RTW643" s="613"/>
      <c r="RTX643" s="613"/>
      <c r="RTY643" s="613"/>
      <c r="RTZ643" s="613"/>
      <c r="RUA643" s="613"/>
      <c r="RUB643" s="613"/>
      <c r="RUC643" s="613"/>
      <c r="RUD643" s="613"/>
      <c r="RUE643" s="613"/>
      <c r="RUF643" s="613"/>
      <c r="RUG643" s="613"/>
      <c r="RUH643" s="613"/>
      <c r="RUI643" s="613"/>
      <c r="RUJ643" s="613"/>
      <c r="RUK643" s="613"/>
      <c r="RUL643" s="613"/>
      <c r="RUM643" s="613"/>
      <c r="RUN643" s="613"/>
      <c r="RUO643" s="613"/>
      <c r="RUP643" s="613"/>
      <c r="RUQ643" s="613"/>
      <c r="RUR643" s="613"/>
      <c r="RUS643" s="613"/>
      <c r="RUT643" s="613"/>
      <c r="RUU643" s="613"/>
      <c r="RUV643" s="613"/>
      <c r="RUW643" s="613"/>
      <c r="RUX643" s="613"/>
      <c r="RUY643" s="613"/>
      <c r="RUZ643" s="613"/>
      <c r="RVA643" s="613"/>
      <c r="RVB643" s="613"/>
      <c r="RVC643" s="613"/>
      <c r="RVD643" s="613"/>
      <c r="RVE643" s="613"/>
      <c r="RVF643" s="613"/>
      <c r="RVG643" s="613"/>
      <c r="RVH643" s="613"/>
      <c r="RVI643" s="613"/>
      <c r="RVJ643" s="613"/>
      <c r="RVK643" s="613"/>
      <c r="RVL643" s="613"/>
      <c r="RVM643" s="613"/>
      <c r="RVN643" s="613"/>
      <c r="RVO643" s="613"/>
      <c r="RVP643" s="613"/>
      <c r="RVQ643" s="613"/>
      <c r="RVR643" s="613"/>
      <c r="RVS643" s="613"/>
      <c r="RVT643" s="613"/>
      <c r="RVU643" s="613"/>
      <c r="RVV643" s="613"/>
      <c r="RVW643" s="613"/>
      <c r="RVX643" s="613"/>
      <c r="RVY643" s="613"/>
      <c r="RVZ643" s="613"/>
      <c r="RWA643" s="613"/>
      <c r="RWB643" s="613"/>
      <c r="RWC643" s="613"/>
      <c r="RWD643" s="613"/>
      <c r="RWE643" s="613"/>
      <c r="RWF643" s="613"/>
      <c r="RWG643" s="613"/>
      <c r="RWH643" s="613"/>
      <c r="RWI643" s="613"/>
      <c r="RWJ643" s="613"/>
      <c r="RWK643" s="613"/>
      <c r="RWL643" s="613"/>
      <c r="RWM643" s="613"/>
      <c r="RWN643" s="613"/>
      <c r="RWO643" s="613"/>
      <c r="RWP643" s="613"/>
      <c r="RWQ643" s="613"/>
      <c r="RWR643" s="613"/>
      <c r="RWS643" s="613"/>
      <c r="RWT643" s="613"/>
      <c r="RWU643" s="613"/>
      <c r="RWV643" s="613"/>
      <c r="RWW643" s="613"/>
      <c r="RWX643" s="613"/>
      <c r="RWY643" s="613"/>
      <c r="RWZ643" s="613"/>
      <c r="RXA643" s="613"/>
      <c r="RXB643" s="613"/>
      <c r="RXC643" s="613"/>
      <c r="RXD643" s="613"/>
      <c r="RXE643" s="613"/>
      <c r="RXF643" s="613"/>
      <c r="RXG643" s="613"/>
      <c r="RXH643" s="613"/>
      <c r="RXI643" s="613"/>
      <c r="RXJ643" s="613"/>
      <c r="RXK643" s="613"/>
      <c r="RXL643" s="613"/>
      <c r="RXM643" s="613"/>
      <c r="RXN643" s="613"/>
      <c r="RXO643" s="613"/>
      <c r="RXP643" s="613"/>
      <c r="RXQ643" s="613"/>
      <c r="RXR643" s="613"/>
      <c r="RXS643" s="613"/>
      <c r="RXT643" s="613"/>
      <c r="RXU643" s="613"/>
      <c r="RXV643" s="613"/>
      <c r="RXW643" s="613"/>
      <c r="RXX643" s="613"/>
      <c r="RXY643" s="613"/>
      <c r="RXZ643" s="613"/>
      <c r="RYA643" s="613"/>
      <c r="RYB643" s="613"/>
      <c r="RYC643" s="613"/>
      <c r="RYD643" s="613"/>
      <c r="RYE643" s="613"/>
      <c r="RYF643" s="613"/>
      <c r="RYG643" s="613"/>
      <c r="RYH643" s="613"/>
      <c r="RYI643" s="613"/>
      <c r="RYJ643" s="613"/>
      <c r="RYK643" s="613"/>
      <c r="RYL643" s="613"/>
      <c r="RYM643" s="613"/>
      <c r="RYN643" s="613"/>
      <c r="RYO643" s="613"/>
      <c r="RYP643" s="613"/>
      <c r="RYQ643" s="613"/>
      <c r="RYR643" s="613"/>
      <c r="RYS643" s="613"/>
      <c r="RYT643" s="613"/>
      <c r="RYU643" s="613"/>
      <c r="RYV643" s="613"/>
      <c r="RYW643" s="613"/>
      <c r="RYX643" s="613"/>
      <c r="RYY643" s="613"/>
      <c r="RYZ643" s="613"/>
      <c r="RZA643" s="613"/>
      <c r="RZB643" s="613"/>
      <c r="RZC643" s="613"/>
      <c r="RZD643" s="613"/>
      <c r="RZE643" s="613"/>
      <c r="RZF643" s="613"/>
      <c r="RZG643" s="613"/>
      <c r="RZH643" s="613"/>
      <c r="RZI643" s="613"/>
      <c r="RZJ643" s="613"/>
      <c r="RZK643" s="613"/>
      <c r="RZL643" s="613"/>
      <c r="RZM643" s="613"/>
      <c r="RZN643" s="613"/>
      <c r="RZO643" s="613"/>
      <c r="RZP643" s="613"/>
      <c r="RZQ643" s="613"/>
      <c r="RZR643" s="613"/>
      <c r="RZS643" s="613"/>
      <c r="RZT643" s="613"/>
      <c r="RZU643" s="613"/>
      <c r="RZV643" s="613"/>
      <c r="RZW643" s="613"/>
      <c r="RZX643" s="613"/>
      <c r="RZY643" s="613"/>
      <c r="RZZ643" s="613"/>
      <c r="SAA643" s="613"/>
      <c r="SAB643" s="613"/>
      <c r="SAC643" s="613"/>
      <c r="SAD643" s="613"/>
      <c r="SAE643" s="613"/>
      <c r="SAF643" s="613"/>
      <c r="SAG643" s="613"/>
      <c r="SAH643" s="613"/>
      <c r="SAI643" s="613"/>
      <c r="SAJ643" s="613"/>
      <c r="SAK643" s="613"/>
      <c r="SAL643" s="613"/>
      <c r="SAM643" s="613"/>
      <c r="SAN643" s="613"/>
      <c r="SAO643" s="613"/>
      <c r="SAP643" s="613"/>
      <c r="SAQ643" s="613"/>
      <c r="SAR643" s="613"/>
      <c r="SAS643" s="613"/>
      <c r="SAT643" s="613"/>
      <c r="SAU643" s="613"/>
      <c r="SAV643" s="613"/>
      <c r="SAW643" s="613"/>
      <c r="SAX643" s="613"/>
      <c r="SAY643" s="613"/>
      <c r="SAZ643" s="613"/>
      <c r="SBA643" s="613"/>
      <c r="SBB643" s="613"/>
      <c r="SBC643" s="613"/>
      <c r="SBD643" s="613"/>
      <c r="SBE643" s="613"/>
      <c r="SBF643" s="613"/>
      <c r="SBG643" s="613"/>
      <c r="SBH643" s="613"/>
      <c r="SBI643" s="613"/>
      <c r="SBJ643" s="613"/>
      <c r="SBK643" s="613"/>
      <c r="SBL643" s="613"/>
      <c r="SBM643" s="613"/>
      <c r="SBN643" s="613"/>
      <c r="SBO643" s="613"/>
      <c r="SBP643" s="613"/>
      <c r="SBQ643" s="613"/>
      <c r="SBR643" s="613"/>
      <c r="SBS643" s="613"/>
      <c r="SBT643" s="613"/>
      <c r="SBU643" s="613"/>
      <c r="SBV643" s="613"/>
      <c r="SBW643" s="613"/>
      <c r="SBX643" s="613"/>
      <c r="SBY643" s="613"/>
      <c r="SBZ643" s="613"/>
      <c r="SCA643" s="613"/>
      <c r="SCB643" s="613"/>
      <c r="SCC643" s="613"/>
      <c r="SCD643" s="613"/>
      <c r="SCE643" s="613"/>
      <c r="SCF643" s="613"/>
      <c r="SCG643" s="613"/>
      <c r="SCH643" s="613"/>
      <c r="SCI643" s="613"/>
      <c r="SCJ643" s="613"/>
      <c r="SCK643" s="613"/>
      <c r="SCL643" s="613"/>
      <c r="SCM643" s="613"/>
      <c r="SCN643" s="613"/>
      <c r="SCO643" s="613"/>
      <c r="SCP643" s="613"/>
      <c r="SCQ643" s="613"/>
      <c r="SCR643" s="613"/>
      <c r="SCS643" s="613"/>
      <c r="SCT643" s="613"/>
      <c r="SCU643" s="613"/>
      <c r="SCV643" s="613"/>
      <c r="SCW643" s="613"/>
      <c r="SCX643" s="613"/>
      <c r="SCY643" s="613"/>
      <c r="SCZ643" s="613"/>
      <c r="SDA643" s="613"/>
      <c r="SDB643" s="613"/>
      <c r="SDC643" s="613"/>
      <c r="SDD643" s="613"/>
      <c r="SDE643" s="613"/>
      <c r="SDF643" s="613"/>
      <c r="SDG643" s="613"/>
      <c r="SDH643" s="613"/>
      <c r="SDI643" s="613"/>
      <c r="SDJ643" s="613"/>
      <c r="SDK643" s="613"/>
      <c r="SDL643" s="613"/>
      <c r="SDM643" s="613"/>
      <c r="SDN643" s="613"/>
      <c r="SDO643" s="613"/>
      <c r="SDP643" s="613"/>
      <c r="SDQ643" s="613"/>
      <c r="SDR643" s="613"/>
      <c r="SDS643" s="613"/>
      <c r="SDT643" s="613"/>
      <c r="SDU643" s="613"/>
      <c r="SDV643" s="613"/>
      <c r="SDW643" s="613"/>
      <c r="SDX643" s="613"/>
      <c r="SDY643" s="613"/>
      <c r="SDZ643" s="613"/>
      <c r="SEA643" s="613"/>
      <c r="SEB643" s="613"/>
      <c r="SEC643" s="613"/>
      <c r="SED643" s="613"/>
      <c r="SEE643" s="613"/>
      <c r="SEF643" s="613"/>
      <c r="SEG643" s="613"/>
      <c r="SEH643" s="613"/>
      <c r="SEI643" s="613"/>
      <c r="SEJ643" s="613"/>
      <c r="SEK643" s="613"/>
      <c r="SEL643" s="613"/>
      <c r="SEM643" s="613"/>
      <c r="SEN643" s="613"/>
      <c r="SEO643" s="613"/>
      <c r="SEP643" s="613"/>
      <c r="SEQ643" s="613"/>
      <c r="SER643" s="613"/>
      <c r="SES643" s="613"/>
      <c r="SET643" s="613"/>
      <c r="SEU643" s="613"/>
      <c r="SEV643" s="613"/>
      <c r="SEW643" s="613"/>
      <c r="SEX643" s="613"/>
      <c r="SEY643" s="613"/>
      <c r="SEZ643" s="613"/>
      <c r="SFA643" s="613"/>
      <c r="SFB643" s="613"/>
      <c r="SFC643" s="613"/>
      <c r="SFD643" s="613"/>
      <c r="SFE643" s="613"/>
      <c r="SFF643" s="613"/>
      <c r="SFG643" s="613"/>
      <c r="SFH643" s="613"/>
      <c r="SFI643" s="613"/>
      <c r="SFJ643" s="613"/>
      <c r="SFK643" s="613"/>
      <c r="SFL643" s="613"/>
      <c r="SFM643" s="613"/>
      <c r="SFN643" s="613"/>
      <c r="SFO643" s="613"/>
      <c r="SFP643" s="613"/>
      <c r="SFQ643" s="613"/>
      <c r="SFR643" s="613"/>
      <c r="SFS643" s="613"/>
      <c r="SFT643" s="613"/>
      <c r="SFU643" s="613"/>
      <c r="SFV643" s="613"/>
      <c r="SFW643" s="613"/>
      <c r="SFX643" s="613"/>
      <c r="SFY643" s="613"/>
      <c r="SFZ643" s="613"/>
      <c r="SGA643" s="613"/>
      <c r="SGB643" s="613"/>
      <c r="SGC643" s="613"/>
      <c r="SGD643" s="613"/>
      <c r="SGE643" s="613"/>
      <c r="SGF643" s="613"/>
      <c r="SGG643" s="613"/>
      <c r="SGH643" s="613"/>
      <c r="SGI643" s="613"/>
      <c r="SGJ643" s="613"/>
      <c r="SGK643" s="613"/>
      <c r="SGL643" s="613"/>
      <c r="SGM643" s="613"/>
      <c r="SGN643" s="613"/>
      <c r="SGO643" s="613"/>
      <c r="SGP643" s="613"/>
      <c r="SGQ643" s="613"/>
      <c r="SGR643" s="613"/>
      <c r="SGS643" s="613"/>
      <c r="SGT643" s="613"/>
      <c r="SGU643" s="613"/>
      <c r="SGV643" s="613"/>
      <c r="SGW643" s="613"/>
      <c r="SGX643" s="613"/>
      <c r="SGY643" s="613"/>
      <c r="SGZ643" s="613"/>
      <c r="SHA643" s="613"/>
      <c r="SHB643" s="613"/>
      <c r="SHC643" s="613"/>
      <c r="SHD643" s="613"/>
      <c r="SHE643" s="613"/>
      <c r="SHF643" s="613"/>
      <c r="SHG643" s="613"/>
      <c r="SHH643" s="613"/>
      <c r="SHI643" s="613"/>
      <c r="SHJ643" s="613"/>
      <c r="SHK643" s="613"/>
      <c r="SHL643" s="613"/>
      <c r="SHM643" s="613"/>
      <c r="SHN643" s="613"/>
      <c r="SHO643" s="613"/>
      <c r="SHP643" s="613"/>
      <c r="SHQ643" s="613"/>
      <c r="SHR643" s="613"/>
      <c r="SHS643" s="613"/>
      <c r="SHT643" s="613"/>
      <c r="SHU643" s="613"/>
      <c r="SHV643" s="613"/>
      <c r="SHW643" s="613"/>
      <c r="SHX643" s="613"/>
      <c r="SHY643" s="613"/>
      <c r="SHZ643" s="613"/>
      <c r="SIA643" s="613"/>
      <c r="SIB643" s="613"/>
      <c r="SIC643" s="613"/>
      <c r="SID643" s="613"/>
      <c r="SIE643" s="613"/>
      <c r="SIF643" s="613"/>
      <c r="SIG643" s="613"/>
      <c r="SIH643" s="613"/>
      <c r="SII643" s="613"/>
      <c r="SIJ643" s="613"/>
      <c r="SIK643" s="613"/>
      <c r="SIL643" s="613"/>
      <c r="SIM643" s="613"/>
      <c r="SIN643" s="613"/>
      <c r="SIO643" s="613"/>
      <c r="SIP643" s="613"/>
      <c r="SIQ643" s="613"/>
      <c r="SIR643" s="613"/>
      <c r="SIS643" s="613"/>
      <c r="SIT643" s="613"/>
      <c r="SIU643" s="613"/>
      <c r="SIV643" s="613"/>
      <c r="SIW643" s="613"/>
      <c r="SIX643" s="613"/>
      <c r="SIY643" s="613"/>
      <c r="SIZ643" s="613"/>
      <c r="SJA643" s="613"/>
      <c r="SJB643" s="613"/>
      <c r="SJC643" s="613"/>
      <c r="SJD643" s="613"/>
      <c r="SJE643" s="613"/>
      <c r="SJF643" s="613"/>
      <c r="SJG643" s="613"/>
      <c r="SJH643" s="613"/>
      <c r="SJI643" s="613"/>
      <c r="SJJ643" s="613"/>
      <c r="SJK643" s="613"/>
      <c r="SJL643" s="613"/>
      <c r="SJM643" s="613"/>
      <c r="SJN643" s="613"/>
      <c r="SJO643" s="613"/>
      <c r="SJP643" s="613"/>
      <c r="SJQ643" s="613"/>
      <c r="SJR643" s="613"/>
      <c r="SJS643" s="613"/>
      <c r="SJT643" s="613"/>
      <c r="SJU643" s="613"/>
      <c r="SJV643" s="613"/>
      <c r="SJW643" s="613"/>
      <c r="SJX643" s="613"/>
      <c r="SJY643" s="613"/>
      <c r="SJZ643" s="613"/>
      <c r="SKA643" s="613"/>
      <c r="SKB643" s="613"/>
      <c r="SKC643" s="613"/>
      <c r="SKD643" s="613"/>
      <c r="SKE643" s="613"/>
      <c r="SKF643" s="613"/>
      <c r="SKG643" s="613"/>
      <c r="SKH643" s="613"/>
      <c r="SKI643" s="613"/>
      <c r="SKJ643" s="613"/>
      <c r="SKK643" s="613"/>
      <c r="SKL643" s="613"/>
      <c r="SKM643" s="613"/>
      <c r="SKN643" s="613"/>
      <c r="SKO643" s="613"/>
      <c r="SKP643" s="613"/>
      <c r="SKQ643" s="613"/>
      <c r="SKR643" s="613"/>
      <c r="SKS643" s="613"/>
      <c r="SKT643" s="613"/>
      <c r="SKU643" s="613"/>
      <c r="SKV643" s="613"/>
      <c r="SKW643" s="613"/>
      <c r="SKX643" s="613"/>
      <c r="SKY643" s="613"/>
      <c r="SKZ643" s="613"/>
      <c r="SLA643" s="613"/>
      <c r="SLB643" s="613"/>
      <c r="SLC643" s="613"/>
      <c r="SLD643" s="613"/>
      <c r="SLE643" s="613"/>
      <c r="SLF643" s="613"/>
      <c r="SLG643" s="613"/>
      <c r="SLH643" s="613"/>
      <c r="SLI643" s="613"/>
      <c r="SLJ643" s="613"/>
      <c r="SLK643" s="613"/>
      <c r="SLL643" s="613"/>
      <c r="SLM643" s="613"/>
      <c r="SLN643" s="613"/>
      <c r="SLO643" s="613"/>
      <c r="SLP643" s="613"/>
      <c r="SLQ643" s="613"/>
      <c r="SLR643" s="613"/>
      <c r="SLS643" s="613"/>
      <c r="SLT643" s="613"/>
      <c r="SLU643" s="613"/>
      <c r="SLV643" s="613"/>
      <c r="SLW643" s="613"/>
      <c r="SLX643" s="613"/>
      <c r="SLY643" s="613"/>
      <c r="SLZ643" s="613"/>
      <c r="SMA643" s="613"/>
      <c r="SMB643" s="613"/>
      <c r="SMC643" s="613"/>
      <c r="SMD643" s="613"/>
      <c r="SME643" s="613"/>
      <c r="SMF643" s="613"/>
      <c r="SMG643" s="613"/>
      <c r="SMH643" s="613"/>
      <c r="SMI643" s="613"/>
      <c r="SMJ643" s="613"/>
      <c r="SMK643" s="613"/>
      <c r="SML643" s="613"/>
      <c r="SMM643" s="613"/>
      <c r="SMN643" s="613"/>
      <c r="SMO643" s="613"/>
      <c r="SMP643" s="613"/>
      <c r="SMQ643" s="613"/>
      <c r="SMR643" s="613"/>
      <c r="SMS643" s="613"/>
      <c r="SMT643" s="613"/>
      <c r="SMU643" s="613"/>
      <c r="SMV643" s="613"/>
      <c r="SMW643" s="613"/>
      <c r="SMX643" s="613"/>
      <c r="SMY643" s="613"/>
      <c r="SMZ643" s="613"/>
      <c r="SNA643" s="613"/>
      <c r="SNB643" s="613"/>
      <c r="SNC643" s="613"/>
      <c r="SND643" s="613"/>
      <c r="SNE643" s="613"/>
      <c r="SNF643" s="613"/>
      <c r="SNG643" s="613"/>
      <c r="SNH643" s="613"/>
      <c r="SNI643" s="613"/>
      <c r="SNJ643" s="613"/>
      <c r="SNK643" s="613"/>
      <c r="SNL643" s="613"/>
      <c r="SNM643" s="613"/>
      <c r="SNN643" s="613"/>
      <c r="SNO643" s="613"/>
      <c r="SNP643" s="613"/>
      <c r="SNQ643" s="613"/>
      <c r="SNR643" s="613"/>
      <c r="SNS643" s="613"/>
      <c r="SNT643" s="613"/>
      <c r="SNU643" s="613"/>
      <c r="SNV643" s="613"/>
      <c r="SNW643" s="613"/>
      <c r="SNX643" s="613"/>
      <c r="SNY643" s="613"/>
      <c r="SNZ643" s="613"/>
      <c r="SOA643" s="613"/>
      <c r="SOB643" s="613"/>
      <c r="SOC643" s="613"/>
      <c r="SOD643" s="613"/>
      <c r="SOE643" s="613"/>
      <c r="SOF643" s="613"/>
      <c r="SOG643" s="613"/>
      <c r="SOH643" s="613"/>
      <c r="SOI643" s="613"/>
      <c r="SOJ643" s="613"/>
      <c r="SOK643" s="613"/>
      <c r="SOL643" s="613"/>
      <c r="SOM643" s="613"/>
      <c r="SON643" s="613"/>
      <c r="SOO643" s="613"/>
      <c r="SOP643" s="613"/>
      <c r="SOQ643" s="613"/>
      <c r="SOR643" s="613"/>
      <c r="SOS643" s="613"/>
      <c r="SOT643" s="613"/>
      <c r="SOU643" s="613"/>
      <c r="SOV643" s="613"/>
      <c r="SOW643" s="613"/>
      <c r="SOX643" s="613"/>
      <c r="SOY643" s="613"/>
      <c r="SOZ643" s="613"/>
      <c r="SPA643" s="613"/>
      <c r="SPB643" s="613"/>
      <c r="SPC643" s="613"/>
      <c r="SPD643" s="613"/>
      <c r="SPE643" s="613"/>
      <c r="SPF643" s="613"/>
      <c r="SPG643" s="613"/>
      <c r="SPH643" s="613"/>
      <c r="SPI643" s="613"/>
      <c r="SPJ643" s="613"/>
      <c r="SPK643" s="613"/>
      <c r="SPL643" s="613"/>
      <c r="SPM643" s="613"/>
      <c r="SPN643" s="613"/>
      <c r="SPO643" s="613"/>
      <c r="SPP643" s="613"/>
      <c r="SPQ643" s="613"/>
      <c r="SPR643" s="613"/>
      <c r="SPS643" s="613"/>
      <c r="SPT643" s="613"/>
      <c r="SPU643" s="613"/>
      <c r="SPV643" s="613"/>
      <c r="SPW643" s="613"/>
      <c r="SPX643" s="613"/>
      <c r="SPY643" s="613"/>
      <c r="SPZ643" s="613"/>
      <c r="SQA643" s="613"/>
      <c r="SQB643" s="613"/>
      <c r="SQC643" s="613"/>
      <c r="SQD643" s="613"/>
      <c r="SQE643" s="613"/>
      <c r="SQF643" s="613"/>
      <c r="SQG643" s="613"/>
      <c r="SQH643" s="613"/>
      <c r="SQI643" s="613"/>
      <c r="SQJ643" s="613"/>
      <c r="SQK643" s="613"/>
      <c r="SQL643" s="613"/>
      <c r="SQM643" s="613"/>
      <c r="SQN643" s="613"/>
      <c r="SQO643" s="613"/>
      <c r="SQP643" s="613"/>
      <c r="SQQ643" s="613"/>
      <c r="SQR643" s="613"/>
      <c r="SQS643" s="613"/>
      <c r="SQT643" s="613"/>
      <c r="SQU643" s="613"/>
      <c r="SQV643" s="613"/>
      <c r="SQW643" s="613"/>
      <c r="SQX643" s="613"/>
      <c r="SQY643" s="613"/>
      <c r="SQZ643" s="613"/>
      <c r="SRA643" s="613"/>
      <c r="SRB643" s="613"/>
      <c r="SRC643" s="613"/>
      <c r="SRD643" s="613"/>
      <c r="SRE643" s="613"/>
      <c r="SRF643" s="613"/>
      <c r="SRG643" s="613"/>
      <c r="SRH643" s="613"/>
      <c r="SRI643" s="613"/>
      <c r="SRJ643" s="613"/>
      <c r="SRK643" s="613"/>
      <c r="SRL643" s="613"/>
      <c r="SRM643" s="613"/>
      <c r="SRN643" s="613"/>
      <c r="SRO643" s="613"/>
      <c r="SRP643" s="613"/>
      <c r="SRQ643" s="613"/>
      <c r="SRR643" s="613"/>
      <c r="SRS643" s="613"/>
      <c r="SRT643" s="613"/>
      <c r="SRU643" s="613"/>
      <c r="SRV643" s="613"/>
      <c r="SRW643" s="613"/>
      <c r="SRX643" s="613"/>
      <c r="SRY643" s="613"/>
      <c r="SRZ643" s="613"/>
      <c r="SSA643" s="613"/>
      <c r="SSB643" s="613"/>
      <c r="SSC643" s="613"/>
      <c r="SSD643" s="613"/>
      <c r="SSE643" s="613"/>
      <c r="SSF643" s="613"/>
      <c r="SSG643" s="613"/>
      <c r="SSH643" s="613"/>
      <c r="SSI643" s="613"/>
      <c r="SSJ643" s="613"/>
      <c r="SSK643" s="613"/>
      <c r="SSL643" s="613"/>
      <c r="SSM643" s="613"/>
      <c r="SSN643" s="613"/>
      <c r="SSO643" s="613"/>
      <c r="SSP643" s="613"/>
      <c r="SSQ643" s="613"/>
      <c r="SSR643" s="613"/>
      <c r="SSS643" s="613"/>
      <c r="SST643" s="613"/>
      <c r="SSU643" s="613"/>
      <c r="SSV643" s="613"/>
      <c r="SSW643" s="613"/>
      <c r="SSX643" s="613"/>
      <c r="SSY643" s="613"/>
      <c r="SSZ643" s="613"/>
      <c r="STA643" s="613"/>
      <c r="STB643" s="613"/>
      <c r="STC643" s="613"/>
      <c r="STD643" s="613"/>
      <c r="STE643" s="613"/>
      <c r="STF643" s="613"/>
      <c r="STG643" s="613"/>
      <c r="STH643" s="613"/>
      <c r="STI643" s="613"/>
      <c r="STJ643" s="613"/>
      <c r="STK643" s="613"/>
      <c r="STL643" s="613"/>
      <c r="STM643" s="613"/>
      <c r="STN643" s="613"/>
      <c r="STO643" s="613"/>
      <c r="STP643" s="613"/>
      <c r="STQ643" s="613"/>
      <c r="STR643" s="613"/>
      <c r="STS643" s="613"/>
      <c r="STT643" s="613"/>
      <c r="STU643" s="613"/>
      <c r="STV643" s="613"/>
      <c r="STW643" s="613"/>
      <c r="STX643" s="613"/>
      <c r="STY643" s="613"/>
      <c r="STZ643" s="613"/>
      <c r="SUA643" s="613"/>
      <c r="SUB643" s="613"/>
      <c r="SUC643" s="613"/>
      <c r="SUD643" s="613"/>
      <c r="SUE643" s="613"/>
      <c r="SUF643" s="613"/>
      <c r="SUG643" s="613"/>
      <c r="SUH643" s="613"/>
      <c r="SUI643" s="613"/>
      <c r="SUJ643" s="613"/>
      <c r="SUK643" s="613"/>
      <c r="SUL643" s="613"/>
      <c r="SUM643" s="613"/>
      <c r="SUN643" s="613"/>
      <c r="SUO643" s="613"/>
      <c r="SUP643" s="613"/>
      <c r="SUQ643" s="613"/>
      <c r="SUR643" s="613"/>
      <c r="SUS643" s="613"/>
      <c r="SUT643" s="613"/>
      <c r="SUU643" s="613"/>
      <c r="SUV643" s="613"/>
      <c r="SUW643" s="613"/>
      <c r="SUX643" s="613"/>
      <c r="SUY643" s="613"/>
      <c r="SUZ643" s="613"/>
      <c r="SVA643" s="613"/>
      <c r="SVB643" s="613"/>
      <c r="SVC643" s="613"/>
      <c r="SVD643" s="613"/>
      <c r="SVE643" s="613"/>
      <c r="SVF643" s="613"/>
      <c r="SVG643" s="613"/>
      <c r="SVH643" s="613"/>
      <c r="SVI643" s="613"/>
      <c r="SVJ643" s="613"/>
      <c r="SVK643" s="613"/>
      <c r="SVL643" s="613"/>
      <c r="SVM643" s="613"/>
      <c r="SVN643" s="613"/>
      <c r="SVO643" s="613"/>
      <c r="SVP643" s="613"/>
      <c r="SVQ643" s="613"/>
      <c r="SVR643" s="613"/>
      <c r="SVS643" s="613"/>
      <c r="SVT643" s="613"/>
      <c r="SVU643" s="613"/>
      <c r="SVV643" s="613"/>
      <c r="SVW643" s="613"/>
      <c r="SVX643" s="613"/>
      <c r="SVY643" s="613"/>
      <c r="SVZ643" s="613"/>
      <c r="SWA643" s="613"/>
      <c r="SWB643" s="613"/>
      <c r="SWC643" s="613"/>
      <c r="SWD643" s="613"/>
      <c r="SWE643" s="613"/>
      <c r="SWF643" s="613"/>
      <c r="SWG643" s="613"/>
      <c r="SWH643" s="613"/>
      <c r="SWI643" s="613"/>
      <c r="SWJ643" s="613"/>
      <c r="SWK643" s="613"/>
      <c r="SWL643" s="613"/>
      <c r="SWM643" s="613"/>
      <c r="SWN643" s="613"/>
      <c r="SWO643" s="613"/>
      <c r="SWP643" s="613"/>
      <c r="SWQ643" s="613"/>
      <c r="SWR643" s="613"/>
      <c r="SWS643" s="613"/>
      <c r="SWT643" s="613"/>
      <c r="SWU643" s="613"/>
      <c r="SWV643" s="613"/>
      <c r="SWW643" s="613"/>
      <c r="SWX643" s="613"/>
      <c r="SWY643" s="613"/>
      <c r="SWZ643" s="613"/>
      <c r="SXA643" s="613"/>
      <c r="SXB643" s="613"/>
      <c r="SXC643" s="613"/>
      <c r="SXD643" s="613"/>
      <c r="SXE643" s="613"/>
      <c r="SXF643" s="613"/>
      <c r="SXG643" s="613"/>
      <c r="SXH643" s="613"/>
      <c r="SXI643" s="613"/>
      <c r="SXJ643" s="613"/>
      <c r="SXK643" s="613"/>
      <c r="SXL643" s="613"/>
      <c r="SXM643" s="613"/>
      <c r="SXN643" s="613"/>
      <c r="SXO643" s="613"/>
      <c r="SXP643" s="613"/>
      <c r="SXQ643" s="613"/>
      <c r="SXR643" s="613"/>
      <c r="SXS643" s="613"/>
      <c r="SXT643" s="613"/>
      <c r="SXU643" s="613"/>
      <c r="SXV643" s="613"/>
      <c r="SXW643" s="613"/>
      <c r="SXX643" s="613"/>
      <c r="SXY643" s="613"/>
      <c r="SXZ643" s="613"/>
      <c r="SYA643" s="613"/>
      <c r="SYB643" s="613"/>
      <c r="SYC643" s="613"/>
      <c r="SYD643" s="613"/>
      <c r="SYE643" s="613"/>
      <c r="SYF643" s="613"/>
      <c r="SYG643" s="613"/>
      <c r="SYH643" s="613"/>
      <c r="SYI643" s="613"/>
      <c r="SYJ643" s="613"/>
      <c r="SYK643" s="613"/>
      <c r="SYL643" s="613"/>
      <c r="SYM643" s="613"/>
      <c r="SYN643" s="613"/>
      <c r="SYO643" s="613"/>
      <c r="SYP643" s="613"/>
      <c r="SYQ643" s="613"/>
      <c r="SYR643" s="613"/>
      <c r="SYS643" s="613"/>
      <c r="SYT643" s="613"/>
      <c r="SYU643" s="613"/>
      <c r="SYV643" s="613"/>
      <c r="SYW643" s="613"/>
      <c r="SYX643" s="613"/>
      <c r="SYY643" s="613"/>
      <c r="SYZ643" s="613"/>
      <c r="SZA643" s="613"/>
      <c r="SZB643" s="613"/>
      <c r="SZC643" s="613"/>
      <c r="SZD643" s="613"/>
      <c r="SZE643" s="613"/>
      <c r="SZF643" s="613"/>
      <c r="SZG643" s="613"/>
      <c r="SZH643" s="613"/>
      <c r="SZI643" s="613"/>
      <c r="SZJ643" s="613"/>
      <c r="SZK643" s="613"/>
      <c r="SZL643" s="613"/>
      <c r="SZM643" s="613"/>
      <c r="SZN643" s="613"/>
      <c r="SZO643" s="613"/>
      <c r="SZP643" s="613"/>
      <c r="SZQ643" s="613"/>
      <c r="SZR643" s="613"/>
      <c r="SZS643" s="613"/>
      <c r="SZT643" s="613"/>
      <c r="SZU643" s="613"/>
      <c r="SZV643" s="613"/>
      <c r="SZW643" s="613"/>
      <c r="SZX643" s="613"/>
      <c r="SZY643" s="613"/>
      <c r="SZZ643" s="613"/>
      <c r="TAA643" s="613"/>
      <c r="TAB643" s="613"/>
      <c r="TAC643" s="613"/>
      <c r="TAD643" s="613"/>
      <c r="TAE643" s="613"/>
      <c r="TAF643" s="613"/>
      <c r="TAG643" s="613"/>
      <c r="TAH643" s="613"/>
      <c r="TAI643" s="613"/>
      <c r="TAJ643" s="613"/>
      <c r="TAK643" s="613"/>
      <c r="TAL643" s="613"/>
      <c r="TAM643" s="613"/>
      <c r="TAN643" s="613"/>
      <c r="TAO643" s="613"/>
      <c r="TAP643" s="613"/>
      <c r="TAQ643" s="613"/>
      <c r="TAR643" s="613"/>
      <c r="TAS643" s="613"/>
      <c r="TAT643" s="613"/>
      <c r="TAU643" s="613"/>
      <c r="TAV643" s="613"/>
      <c r="TAW643" s="613"/>
      <c r="TAX643" s="613"/>
      <c r="TAY643" s="613"/>
      <c r="TAZ643" s="613"/>
      <c r="TBA643" s="613"/>
      <c r="TBB643" s="613"/>
      <c r="TBC643" s="613"/>
      <c r="TBD643" s="613"/>
      <c r="TBE643" s="613"/>
      <c r="TBF643" s="613"/>
      <c r="TBG643" s="613"/>
      <c r="TBH643" s="613"/>
      <c r="TBI643" s="613"/>
      <c r="TBJ643" s="613"/>
      <c r="TBK643" s="613"/>
      <c r="TBL643" s="613"/>
      <c r="TBM643" s="613"/>
      <c r="TBN643" s="613"/>
      <c r="TBO643" s="613"/>
      <c r="TBP643" s="613"/>
      <c r="TBQ643" s="613"/>
      <c r="TBR643" s="613"/>
      <c r="TBS643" s="613"/>
      <c r="TBT643" s="613"/>
      <c r="TBU643" s="613"/>
      <c r="TBV643" s="613"/>
      <c r="TBW643" s="613"/>
      <c r="TBX643" s="613"/>
      <c r="TBY643" s="613"/>
      <c r="TBZ643" s="613"/>
      <c r="TCA643" s="613"/>
      <c r="TCB643" s="613"/>
      <c r="TCC643" s="613"/>
      <c r="TCD643" s="613"/>
      <c r="TCE643" s="613"/>
      <c r="TCF643" s="613"/>
      <c r="TCG643" s="613"/>
      <c r="TCH643" s="613"/>
      <c r="TCI643" s="613"/>
      <c r="TCJ643" s="613"/>
      <c r="TCK643" s="613"/>
      <c r="TCL643" s="613"/>
      <c r="TCM643" s="613"/>
      <c r="TCN643" s="613"/>
      <c r="TCO643" s="613"/>
      <c r="TCP643" s="613"/>
      <c r="TCQ643" s="613"/>
      <c r="TCR643" s="613"/>
      <c r="TCS643" s="613"/>
      <c r="TCT643" s="613"/>
      <c r="TCU643" s="613"/>
      <c r="TCV643" s="613"/>
      <c r="TCW643" s="613"/>
      <c r="TCX643" s="613"/>
      <c r="TCY643" s="613"/>
      <c r="TCZ643" s="613"/>
      <c r="TDA643" s="613"/>
      <c r="TDB643" s="613"/>
      <c r="TDC643" s="613"/>
      <c r="TDD643" s="613"/>
      <c r="TDE643" s="613"/>
      <c r="TDF643" s="613"/>
      <c r="TDG643" s="613"/>
      <c r="TDH643" s="613"/>
      <c r="TDI643" s="613"/>
      <c r="TDJ643" s="613"/>
      <c r="TDK643" s="613"/>
      <c r="TDL643" s="613"/>
      <c r="TDM643" s="613"/>
      <c r="TDN643" s="613"/>
      <c r="TDO643" s="613"/>
      <c r="TDP643" s="613"/>
      <c r="TDQ643" s="613"/>
      <c r="TDR643" s="613"/>
      <c r="TDS643" s="613"/>
      <c r="TDT643" s="613"/>
      <c r="TDU643" s="613"/>
      <c r="TDV643" s="613"/>
      <c r="TDW643" s="613"/>
      <c r="TDX643" s="613"/>
      <c r="TDY643" s="613"/>
      <c r="TDZ643" s="613"/>
      <c r="TEA643" s="613"/>
      <c r="TEB643" s="613"/>
      <c r="TEC643" s="613"/>
      <c r="TED643" s="613"/>
      <c r="TEE643" s="613"/>
      <c r="TEF643" s="613"/>
      <c r="TEG643" s="613"/>
      <c r="TEH643" s="613"/>
      <c r="TEI643" s="613"/>
      <c r="TEJ643" s="613"/>
      <c r="TEK643" s="613"/>
      <c r="TEL643" s="613"/>
      <c r="TEM643" s="613"/>
      <c r="TEN643" s="613"/>
      <c r="TEO643" s="613"/>
      <c r="TEP643" s="613"/>
      <c r="TEQ643" s="613"/>
      <c r="TER643" s="613"/>
      <c r="TES643" s="613"/>
      <c r="TET643" s="613"/>
      <c r="TEU643" s="613"/>
      <c r="TEV643" s="613"/>
      <c r="TEW643" s="613"/>
      <c r="TEX643" s="613"/>
      <c r="TEY643" s="613"/>
      <c r="TEZ643" s="613"/>
      <c r="TFA643" s="613"/>
      <c r="TFB643" s="613"/>
      <c r="TFC643" s="613"/>
      <c r="TFD643" s="613"/>
      <c r="TFE643" s="613"/>
      <c r="TFF643" s="613"/>
      <c r="TFG643" s="613"/>
      <c r="TFH643" s="613"/>
      <c r="TFI643" s="613"/>
      <c r="TFJ643" s="613"/>
      <c r="TFK643" s="613"/>
      <c r="TFL643" s="613"/>
      <c r="TFM643" s="613"/>
      <c r="TFN643" s="613"/>
      <c r="TFO643" s="613"/>
      <c r="TFP643" s="613"/>
      <c r="TFQ643" s="613"/>
      <c r="TFR643" s="613"/>
      <c r="TFS643" s="613"/>
      <c r="TFT643" s="613"/>
      <c r="TFU643" s="613"/>
      <c r="TFV643" s="613"/>
      <c r="TFW643" s="613"/>
      <c r="TFX643" s="613"/>
      <c r="TFY643" s="613"/>
      <c r="TFZ643" s="613"/>
      <c r="TGA643" s="613"/>
      <c r="TGB643" s="613"/>
      <c r="TGC643" s="613"/>
      <c r="TGD643" s="613"/>
      <c r="TGE643" s="613"/>
      <c r="TGF643" s="613"/>
      <c r="TGG643" s="613"/>
      <c r="TGH643" s="613"/>
      <c r="TGI643" s="613"/>
      <c r="TGJ643" s="613"/>
      <c r="TGK643" s="613"/>
      <c r="TGL643" s="613"/>
      <c r="TGM643" s="613"/>
      <c r="TGN643" s="613"/>
      <c r="TGO643" s="613"/>
      <c r="TGP643" s="613"/>
      <c r="TGQ643" s="613"/>
      <c r="TGR643" s="613"/>
      <c r="TGS643" s="613"/>
      <c r="TGT643" s="613"/>
      <c r="TGU643" s="613"/>
      <c r="TGV643" s="613"/>
      <c r="TGW643" s="613"/>
      <c r="TGX643" s="613"/>
      <c r="TGY643" s="613"/>
      <c r="TGZ643" s="613"/>
      <c r="THA643" s="613"/>
      <c r="THB643" s="613"/>
      <c r="THC643" s="613"/>
      <c r="THD643" s="613"/>
      <c r="THE643" s="613"/>
      <c r="THF643" s="613"/>
      <c r="THG643" s="613"/>
      <c r="THH643" s="613"/>
      <c r="THI643" s="613"/>
      <c r="THJ643" s="613"/>
      <c r="THK643" s="613"/>
      <c r="THL643" s="613"/>
      <c r="THM643" s="613"/>
      <c r="THN643" s="613"/>
      <c r="THO643" s="613"/>
      <c r="THP643" s="613"/>
      <c r="THQ643" s="613"/>
      <c r="THR643" s="613"/>
      <c r="THS643" s="613"/>
      <c r="THT643" s="613"/>
      <c r="THU643" s="613"/>
      <c r="THV643" s="613"/>
      <c r="THW643" s="613"/>
      <c r="THX643" s="613"/>
      <c r="THY643" s="613"/>
      <c r="THZ643" s="613"/>
      <c r="TIA643" s="613"/>
      <c r="TIB643" s="613"/>
      <c r="TIC643" s="613"/>
      <c r="TID643" s="613"/>
      <c r="TIE643" s="613"/>
      <c r="TIF643" s="613"/>
      <c r="TIG643" s="613"/>
      <c r="TIH643" s="613"/>
      <c r="TII643" s="613"/>
      <c r="TIJ643" s="613"/>
      <c r="TIK643" s="613"/>
      <c r="TIL643" s="613"/>
      <c r="TIM643" s="613"/>
      <c r="TIN643" s="613"/>
      <c r="TIO643" s="613"/>
      <c r="TIP643" s="613"/>
      <c r="TIQ643" s="613"/>
      <c r="TIR643" s="613"/>
      <c r="TIS643" s="613"/>
      <c r="TIT643" s="613"/>
      <c r="TIU643" s="613"/>
      <c r="TIV643" s="613"/>
      <c r="TIW643" s="613"/>
      <c r="TIX643" s="613"/>
      <c r="TIY643" s="613"/>
      <c r="TIZ643" s="613"/>
      <c r="TJA643" s="613"/>
      <c r="TJB643" s="613"/>
      <c r="TJC643" s="613"/>
      <c r="TJD643" s="613"/>
      <c r="TJE643" s="613"/>
      <c r="TJF643" s="613"/>
      <c r="TJG643" s="613"/>
      <c r="TJH643" s="613"/>
      <c r="TJI643" s="613"/>
      <c r="TJJ643" s="613"/>
      <c r="TJK643" s="613"/>
      <c r="TJL643" s="613"/>
      <c r="TJM643" s="613"/>
      <c r="TJN643" s="613"/>
      <c r="TJO643" s="613"/>
      <c r="TJP643" s="613"/>
      <c r="TJQ643" s="613"/>
      <c r="TJR643" s="613"/>
      <c r="TJS643" s="613"/>
      <c r="TJT643" s="613"/>
      <c r="TJU643" s="613"/>
      <c r="TJV643" s="613"/>
      <c r="TJW643" s="613"/>
      <c r="TJX643" s="613"/>
      <c r="TJY643" s="613"/>
      <c r="TJZ643" s="613"/>
      <c r="TKA643" s="613"/>
      <c r="TKB643" s="613"/>
      <c r="TKC643" s="613"/>
      <c r="TKD643" s="613"/>
      <c r="TKE643" s="613"/>
      <c r="TKF643" s="613"/>
      <c r="TKG643" s="613"/>
      <c r="TKH643" s="613"/>
      <c r="TKI643" s="613"/>
      <c r="TKJ643" s="613"/>
      <c r="TKK643" s="613"/>
      <c r="TKL643" s="613"/>
      <c r="TKM643" s="613"/>
      <c r="TKN643" s="613"/>
      <c r="TKO643" s="613"/>
      <c r="TKP643" s="613"/>
      <c r="TKQ643" s="613"/>
      <c r="TKR643" s="613"/>
      <c r="TKS643" s="613"/>
      <c r="TKT643" s="613"/>
      <c r="TKU643" s="613"/>
      <c r="TKV643" s="613"/>
      <c r="TKW643" s="613"/>
      <c r="TKX643" s="613"/>
      <c r="TKY643" s="613"/>
      <c r="TKZ643" s="613"/>
      <c r="TLA643" s="613"/>
      <c r="TLB643" s="613"/>
      <c r="TLC643" s="613"/>
      <c r="TLD643" s="613"/>
      <c r="TLE643" s="613"/>
      <c r="TLF643" s="613"/>
      <c r="TLG643" s="613"/>
      <c r="TLH643" s="613"/>
      <c r="TLI643" s="613"/>
      <c r="TLJ643" s="613"/>
      <c r="TLK643" s="613"/>
      <c r="TLL643" s="613"/>
      <c r="TLM643" s="613"/>
      <c r="TLN643" s="613"/>
      <c r="TLO643" s="613"/>
      <c r="TLP643" s="613"/>
      <c r="TLQ643" s="613"/>
      <c r="TLR643" s="613"/>
      <c r="TLS643" s="613"/>
      <c r="TLT643" s="613"/>
      <c r="TLU643" s="613"/>
      <c r="TLV643" s="613"/>
      <c r="TLW643" s="613"/>
      <c r="TLX643" s="613"/>
      <c r="TLY643" s="613"/>
      <c r="TLZ643" s="613"/>
      <c r="TMA643" s="613"/>
      <c r="TMB643" s="613"/>
      <c r="TMC643" s="613"/>
      <c r="TMD643" s="613"/>
      <c r="TME643" s="613"/>
      <c r="TMF643" s="613"/>
      <c r="TMG643" s="613"/>
      <c r="TMH643" s="613"/>
      <c r="TMI643" s="613"/>
      <c r="TMJ643" s="613"/>
      <c r="TMK643" s="613"/>
      <c r="TML643" s="613"/>
      <c r="TMM643" s="613"/>
      <c r="TMN643" s="613"/>
      <c r="TMO643" s="613"/>
      <c r="TMP643" s="613"/>
      <c r="TMQ643" s="613"/>
      <c r="TMR643" s="613"/>
      <c r="TMS643" s="613"/>
      <c r="TMT643" s="613"/>
      <c r="TMU643" s="613"/>
      <c r="TMV643" s="613"/>
      <c r="TMW643" s="613"/>
      <c r="TMX643" s="613"/>
      <c r="TMY643" s="613"/>
      <c r="TMZ643" s="613"/>
      <c r="TNA643" s="613"/>
      <c r="TNB643" s="613"/>
      <c r="TNC643" s="613"/>
      <c r="TND643" s="613"/>
      <c r="TNE643" s="613"/>
      <c r="TNF643" s="613"/>
      <c r="TNG643" s="613"/>
      <c r="TNH643" s="613"/>
      <c r="TNI643" s="613"/>
      <c r="TNJ643" s="613"/>
      <c r="TNK643" s="613"/>
      <c r="TNL643" s="613"/>
      <c r="TNM643" s="613"/>
      <c r="TNN643" s="613"/>
      <c r="TNO643" s="613"/>
      <c r="TNP643" s="613"/>
      <c r="TNQ643" s="613"/>
      <c r="TNR643" s="613"/>
      <c r="TNS643" s="613"/>
      <c r="TNT643" s="613"/>
      <c r="TNU643" s="613"/>
      <c r="TNV643" s="613"/>
      <c r="TNW643" s="613"/>
      <c r="TNX643" s="613"/>
      <c r="TNY643" s="613"/>
      <c r="TNZ643" s="613"/>
      <c r="TOA643" s="613"/>
      <c r="TOB643" s="613"/>
      <c r="TOC643" s="613"/>
      <c r="TOD643" s="613"/>
      <c r="TOE643" s="613"/>
      <c r="TOF643" s="613"/>
      <c r="TOG643" s="613"/>
      <c r="TOH643" s="613"/>
      <c r="TOI643" s="613"/>
      <c r="TOJ643" s="613"/>
      <c r="TOK643" s="613"/>
      <c r="TOL643" s="613"/>
      <c r="TOM643" s="613"/>
      <c r="TON643" s="613"/>
      <c r="TOO643" s="613"/>
      <c r="TOP643" s="613"/>
      <c r="TOQ643" s="613"/>
      <c r="TOR643" s="613"/>
      <c r="TOS643" s="613"/>
      <c r="TOT643" s="613"/>
      <c r="TOU643" s="613"/>
      <c r="TOV643" s="613"/>
      <c r="TOW643" s="613"/>
      <c r="TOX643" s="613"/>
      <c r="TOY643" s="613"/>
      <c r="TOZ643" s="613"/>
      <c r="TPA643" s="613"/>
      <c r="TPB643" s="613"/>
      <c r="TPC643" s="613"/>
      <c r="TPD643" s="613"/>
      <c r="TPE643" s="613"/>
      <c r="TPF643" s="613"/>
      <c r="TPG643" s="613"/>
      <c r="TPH643" s="613"/>
      <c r="TPI643" s="613"/>
      <c r="TPJ643" s="613"/>
      <c r="TPK643" s="613"/>
      <c r="TPL643" s="613"/>
      <c r="TPM643" s="613"/>
      <c r="TPN643" s="613"/>
      <c r="TPO643" s="613"/>
      <c r="TPP643" s="613"/>
      <c r="TPQ643" s="613"/>
      <c r="TPR643" s="613"/>
      <c r="TPS643" s="613"/>
      <c r="TPT643" s="613"/>
      <c r="TPU643" s="613"/>
      <c r="TPV643" s="613"/>
      <c r="TPW643" s="613"/>
      <c r="TPX643" s="613"/>
      <c r="TPY643" s="613"/>
      <c r="TPZ643" s="613"/>
      <c r="TQA643" s="613"/>
      <c r="TQB643" s="613"/>
      <c r="TQC643" s="613"/>
      <c r="TQD643" s="613"/>
      <c r="TQE643" s="613"/>
      <c r="TQF643" s="613"/>
      <c r="TQG643" s="613"/>
      <c r="TQH643" s="613"/>
      <c r="TQI643" s="613"/>
      <c r="TQJ643" s="613"/>
      <c r="TQK643" s="613"/>
      <c r="TQL643" s="613"/>
      <c r="TQM643" s="613"/>
      <c r="TQN643" s="613"/>
      <c r="TQO643" s="613"/>
      <c r="TQP643" s="613"/>
      <c r="TQQ643" s="613"/>
      <c r="TQR643" s="613"/>
      <c r="TQS643" s="613"/>
      <c r="TQT643" s="613"/>
      <c r="TQU643" s="613"/>
      <c r="TQV643" s="613"/>
      <c r="TQW643" s="613"/>
      <c r="TQX643" s="613"/>
      <c r="TQY643" s="613"/>
      <c r="TQZ643" s="613"/>
      <c r="TRA643" s="613"/>
      <c r="TRB643" s="613"/>
      <c r="TRC643" s="613"/>
      <c r="TRD643" s="613"/>
      <c r="TRE643" s="613"/>
      <c r="TRF643" s="613"/>
      <c r="TRG643" s="613"/>
      <c r="TRH643" s="613"/>
      <c r="TRI643" s="613"/>
      <c r="TRJ643" s="613"/>
      <c r="TRK643" s="613"/>
      <c r="TRL643" s="613"/>
      <c r="TRM643" s="613"/>
      <c r="TRN643" s="613"/>
      <c r="TRO643" s="613"/>
      <c r="TRP643" s="613"/>
      <c r="TRQ643" s="613"/>
      <c r="TRR643" s="613"/>
      <c r="TRS643" s="613"/>
      <c r="TRT643" s="613"/>
      <c r="TRU643" s="613"/>
      <c r="TRV643" s="613"/>
      <c r="TRW643" s="613"/>
      <c r="TRX643" s="613"/>
      <c r="TRY643" s="613"/>
      <c r="TRZ643" s="613"/>
      <c r="TSA643" s="613"/>
      <c r="TSB643" s="613"/>
      <c r="TSC643" s="613"/>
      <c r="TSD643" s="613"/>
      <c r="TSE643" s="613"/>
      <c r="TSF643" s="613"/>
      <c r="TSG643" s="613"/>
      <c r="TSH643" s="613"/>
      <c r="TSI643" s="613"/>
      <c r="TSJ643" s="613"/>
      <c r="TSK643" s="613"/>
      <c r="TSL643" s="613"/>
      <c r="TSM643" s="613"/>
      <c r="TSN643" s="613"/>
      <c r="TSO643" s="613"/>
      <c r="TSP643" s="613"/>
      <c r="TSQ643" s="613"/>
      <c r="TSR643" s="613"/>
      <c r="TSS643" s="613"/>
      <c r="TST643" s="613"/>
      <c r="TSU643" s="613"/>
      <c r="TSV643" s="613"/>
      <c r="TSW643" s="613"/>
      <c r="TSX643" s="613"/>
      <c r="TSY643" s="613"/>
      <c r="TSZ643" s="613"/>
      <c r="TTA643" s="613"/>
      <c r="TTB643" s="613"/>
      <c r="TTC643" s="613"/>
      <c r="TTD643" s="613"/>
      <c r="TTE643" s="613"/>
      <c r="TTF643" s="613"/>
      <c r="TTG643" s="613"/>
      <c r="TTH643" s="613"/>
      <c r="TTI643" s="613"/>
      <c r="TTJ643" s="613"/>
      <c r="TTK643" s="613"/>
      <c r="TTL643" s="613"/>
      <c r="TTM643" s="613"/>
      <c r="TTN643" s="613"/>
      <c r="TTO643" s="613"/>
      <c r="TTP643" s="613"/>
      <c r="TTQ643" s="613"/>
      <c r="TTR643" s="613"/>
      <c r="TTS643" s="613"/>
      <c r="TTT643" s="613"/>
      <c r="TTU643" s="613"/>
      <c r="TTV643" s="613"/>
      <c r="TTW643" s="613"/>
      <c r="TTX643" s="613"/>
      <c r="TTY643" s="613"/>
      <c r="TTZ643" s="613"/>
      <c r="TUA643" s="613"/>
      <c r="TUB643" s="613"/>
      <c r="TUC643" s="613"/>
      <c r="TUD643" s="613"/>
      <c r="TUE643" s="613"/>
      <c r="TUF643" s="613"/>
      <c r="TUG643" s="613"/>
      <c r="TUH643" s="613"/>
      <c r="TUI643" s="613"/>
      <c r="TUJ643" s="613"/>
      <c r="TUK643" s="613"/>
      <c r="TUL643" s="613"/>
      <c r="TUM643" s="613"/>
      <c r="TUN643" s="613"/>
      <c r="TUO643" s="613"/>
      <c r="TUP643" s="613"/>
      <c r="TUQ643" s="613"/>
      <c r="TUR643" s="613"/>
      <c r="TUS643" s="613"/>
      <c r="TUT643" s="613"/>
      <c r="TUU643" s="613"/>
      <c r="TUV643" s="613"/>
      <c r="TUW643" s="613"/>
      <c r="TUX643" s="613"/>
      <c r="TUY643" s="613"/>
      <c r="TUZ643" s="613"/>
      <c r="TVA643" s="613"/>
      <c r="TVB643" s="613"/>
      <c r="TVC643" s="613"/>
      <c r="TVD643" s="613"/>
      <c r="TVE643" s="613"/>
      <c r="TVF643" s="613"/>
      <c r="TVG643" s="613"/>
      <c r="TVH643" s="613"/>
      <c r="TVI643" s="613"/>
      <c r="TVJ643" s="613"/>
      <c r="TVK643" s="613"/>
      <c r="TVL643" s="613"/>
      <c r="TVM643" s="613"/>
      <c r="TVN643" s="613"/>
      <c r="TVO643" s="613"/>
      <c r="TVP643" s="613"/>
      <c r="TVQ643" s="613"/>
      <c r="TVR643" s="613"/>
      <c r="TVS643" s="613"/>
      <c r="TVT643" s="613"/>
      <c r="TVU643" s="613"/>
      <c r="TVV643" s="613"/>
      <c r="TVW643" s="613"/>
      <c r="TVX643" s="613"/>
      <c r="TVY643" s="613"/>
      <c r="TVZ643" s="613"/>
      <c r="TWA643" s="613"/>
      <c r="TWB643" s="613"/>
      <c r="TWC643" s="613"/>
      <c r="TWD643" s="613"/>
      <c r="TWE643" s="613"/>
      <c r="TWF643" s="613"/>
      <c r="TWG643" s="613"/>
      <c r="TWH643" s="613"/>
      <c r="TWI643" s="613"/>
      <c r="TWJ643" s="613"/>
      <c r="TWK643" s="613"/>
      <c r="TWL643" s="613"/>
      <c r="TWM643" s="613"/>
      <c r="TWN643" s="613"/>
      <c r="TWO643" s="613"/>
      <c r="TWP643" s="613"/>
      <c r="TWQ643" s="613"/>
      <c r="TWR643" s="613"/>
      <c r="TWS643" s="613"/>
      <c r="TWT643" s="613"/>
      <c r="TWU643" s="613"/>
      <c r="TWV643" s="613"/>
      <c r="TWW643" s="613"/>
      <c r="TWX643" s="613"/>
      <c r="TWY643" s="613"/>
      <c r="TWZ643" s="613"/>
      <c r="TXA643" s="613"/>
      <c r="TXB643" s="613"/>
      <c r="TXC643" s="613"/>
      <c r="TXD643" s="613"/>
      <c r="TXE643" s="613"/>
      <c r="TXF643" s="613"/>
      <c r="TXG643" s="613"/>
      <c r="TXH643" s="613"/>
      <c r="TXI643" s="613"/>
      <c r="TXJ643" s="613"/>
      <c r="TXK643" s="613"/>
      <c r="TXL643" s="613"/>
      <c r="TXM643" s="613"/>
      <c r="TXN643" s="613"/>
      <c r="TXO643" s="613"/>
      <c r="TXP643" s="613"/>
      <c r="TXQ643" s="613"/>
      <c r="TXR643" s="613"/>
      <c r="TXS643" s="613"/>
      <c r="TXT643" s="613"/>
      <c r="TXU643" s="613"/>
      <c r="TXV643" s="613"/>
      <c r="TXW643" s="613"/>
      <c r="TXX643" s="613"/>
      <c r="TXY643" s="613"/>
      <c r="TXZ643" s="613"/>
      <c r="TYA643" s="613"/>
      <c r="TYB643" s="613"/>
      <c r="TYC643" s="613"/>
      <c r="TYD643" s="613"/>
      <c r="TYE643" s="613"/>
      <c r="TYF643" s="613"/>
      <c r="TYG643" s="613"/>
      <c r="TYH643" s="613"/>
      <c r="TYI643" s="613"/>
      <c r="TYJ643" s="613"/>
      <c r="TYK643" s="613"/>
      <c r="TYL643" s="613"/>
      <c r="TYM643" s="613"/>
      <c r="TYN643" s="613"/>
      <c r="TYO643" s="613"/>
      <c r="TYP643" s="613"/>
      <c r="TYQ643" s="613"/>
      <c r="TYR643" s="613"/>
      <c r="TYS643" s="613"/>
      <c r="TYT643" s="613"/>
      <c r="TYU643" s="613"/>
      <c r="TYV643" s="613"/>
      <c r="TYW643" s="613"/>
      <c r="TYX643" s="613"/>
      <c r="TYY643" s="613"/>
      <c r="TYZ643" s="613"/>
      <c r="TZA643" s="613"/>
      <c r="TZB643" s="613"/>
      <c r="TZC643" s="613"/>
      <c r="TZD643" s="613"/>
      <c r="TZE643" s="613"/>
      <c r="TZF643" s="613"/>
      <c r="TZG643" s="613"/>
      <c r="TZH643" s="613"/>
      <c r="TZI643" s="613"/>
      <c r="TZJ643" s="613"/>
      <c r="TZK643" s="613"/>
      <c r="TZL643" s="613"/>
      <c r="TZM643" s="613"/>
      <c r="TZN643" s="613"/>
      <c r="TZO643" s="613"/>
      <c r="TZP643" s="613"/>
      <c r="TZQ643" s="613"/>
      <c r="TZR643" s="613"/>
      <c r="TZS643" s="613"/>
      <c r="TZT643" s="613"/>
      <c r="TZU643" s="613"/>
      <c r="TZV643" s="613"/>
      <c r="TZW643" s="613"/>
      <c r="TZX643" s="613"/>
      <c r="TZY643" s="613"/>
      <c r="TZZ643" s="613"/>
      <c r="UAA643" s="613"/>
      <c r="UAB643" s="613"/>
      <c r="UAC643" s="613"/>
      <c r="UAD643" s="613"/>
      <c r="UAE643" s="613"/>
      <c r="UAF643" s="613"/>
      <c r="UAG643" s="613"/>
      <c r="UAH643" s="613"/>
      <c r="UAI643" s="613"/>
      <c r="UAJ643" s="613"/>
      <c r="UAK643" s="613"/>
      <c r="UAL643" s="613"/>
      <c r="UAM643" s="613"/>
      <c r="UAN643" s="613"/>
      <c r="UAO643" s="613"/>
      <c r="UAP643" s="613"/>
      <c r="UAQ643" s="613"/>
      <c r="UAR643" s="613"/>
      <c r="UAS643" s="613"/>
      <c r="UAT643" s="613"/>
      <c r="UAU643" s="613"/>
      <c r="UAV643" s="613"/>
      <c r="UAW643" s="613"/>
      <c r="UAX643" s="613"/>
      <c r="UAY643" s="613"/>
      <c r="UAZ643" s="613"/>
      <c r="UBA643" s="613"/>
      <c r="UBB643" s="613"/>
      <c r="UBC643" s="613"/>
      <c r="UBD643" s="613"/>
      <c r="UBE643" s="613"/>
      <c r="UBF643" s="613"/>
      <c r="UBG643" s="613"/>
      <c r="UBH643" s="613"/>
      <c r="UBI643" s="613"/>
      <c r="UBJ643" s="613"/>
      <c r="UBK643" s="613"/>
      <c r="UBL643" s="613"/>
      <c r="UBM643" s="613"/>
      <c r="UBN643" s="613"/>
      <c r="UBO643" s="613"/>
      <c r="UBP643" s="613"/>
      <c r="UBQ643" s="613"/>
      <c r="UBR643" s="613"/>
      <c r="UBS643" s="613"/>
      <c r="UBT643" s="613"/>
      <c r="UBU643" s="613"/>
      <c r="UBV643" s="613"/>
      <c r="UBW643" s="613"/>
      <c r="UBX643" s="613"/>
      <c r="UBY643" s="613"/>
      <c r="UBZ643" s="613"/>
      <c r="UCA643" s="613"/>
      <c r="UCB643" s="613"/>
      <c r="UCC643" s="613"/>
      <c r="UCD643" s="613"/>
      <c r="UCE643" s="613"/>
      <c r="UCF643" s="613"/>
      <c r="UCG643" s="613"/>
      <c r="UCH643" s="613"/>
      <c r="UCI643" s="613"/>
      <c r="UCJ643" s="613"/>
      <c r="UCK643" s="613"/>
      <c r="UCL643" s="613"/>
      <c r="UCM643" s="613"/>
      <c r="UCN643" s="613"/>
      <c r="UCO643" s="613"/>
      <c r="UCP643" s="613"/>
      <c r="UCQ643" s="613"/>
      <c r="UCR643" s="613"/>
      <c r="UCS643" s="613"/>
      <c r="UCT643" s="613"/>
      <c r="UCU643" s="613"/>
      <c r="UCV643" s="613"/>
      <c r="UCW643" s="613"/>
      <c r="UCX643" s="613"/>
      <c r="UCY643" s="613"/>
      <c r="UCZ643" s="613"/>
      <c r="UDA643" s="613"/>
      <c r="UDB643" s="613"/>
      <c r="UDC643" s="613"/>
      <c r="UDD643" s="613"/>
      <c r="UDE643" s="613"/>
      <c r="UDF643" s="613"/>
      <c r="UDG643" s="613"/>
      <c r="UDH643" s="613"/>
      <c r="UDI643" s="613"/>
      <c r="UDJ643" s="613"/>
      <c r="UDK643" s="613"/>
      <c r="UDL643" s="613"/>
      <c r="UDM643" s="613"/>
      <c r="UDN643" s="613"/>
      <c r="UDO643" s="613"/>
      <c r="UDP643" s="613"/>
      <c r="UDQ643" s="613"/>
      <c r="UDR643" s="613"/>
      <c r="UDS643" s="613"/>
      <c r="UDT643" s="613"/>
      <c r="UDU643" s="613"/>
      <c r="UDV643" s="613"/>
      <c r="UDW643" s="613"/>
      <c r="UDX643" s="613"/>
      <c r="UDY643" s="613"/>
      <c r="UDZ643" s="613"/>
      <c r="UEA643" s="613"/>
      <c r="UEB643" s="613"/>
      <c r="UEC643" s="613"/>
      <c r="UED643" s="613"/>
      <c r="UEE643" s="613"/>
      <c r="UEF643" s="613"/>
      <c r="UEG643" s="613"/>
      <c r="UEH643" s="613"/>
      <c r="UEI643" s="613"/>
      <c r="UEJ643" s="613"/>
      <c r="UEK643" s="613"/>
      <c r="UEL643" s="613"/>
      <c r="UEM643" s="613"/>
      <c r="UEN643" s="613"/>
      <c r="UEO643" s="613"/>
      <c r="UEP643" s="613"/>
      <c r="UEQ643" s="613"/>
      <c r="UER643" s="613"/>
      <c r="UES643" s="613"/>
      <c r="UET643" s="613"/>
      <c r="UEU643" s="613"/>
      <c r="UEV643" s="613"/>
      <c r="UEW643" s="613"/>
      <c r="UEX643" s="613"/>
      <c r="UEY643" s="613"/>
      <c r="UEZ643" s="613"/>
      <c r="UFA643" s="613"/>
      <c r="UFB643" s="613"/>
      <c r="UFC643" s="613"/>
      <c r="UFD643" s="613"/>
      <c r="UFE643" s="613"/>
      <c r="UFF643" s="613"/>
      <c r="UFG643" s="613"/>
      <c r="UFH643" s="613"/>
      <c r="UFI643" s="613"/>
      <c r="UFJ643" s="613"/>
      <c r="UFK643" s="613"/>
      <c r="UFL643" s="613"/>
      <c r="UFM643" s="613"/>
      <c r="UFN643" s="613"/>
      <c r="UFO643" s="613"/>
      <c r="UFP643" s="613"/>
      <c r="UFQ643" s="613"/>
      <c r="UFR643" s="613"/>
      <c r="UFS643" s="613"/>
      <c r="UFT643" s="613"/>
      <c r="UFU643" s="613"/>
      <c r="UFV643" s="613"/>
      <c r="UFW643" s="613"/>
      <c r="UFX643" s="613"/>
      <c r="UFY643" s="613"/>
      <c r="UFZ643" s="613"/>
      <c r="UGA643" s="613"/>
      <c r="UGB643" s="613"/>
      <c r="UGC643" s="613"/>
      <c r="UGD643" s="613"/>
      <c r="UGE643" s="613"/>
      <c r="UGF643" s="613"/>
      <c r="UGG643" s="613"/>
      <c r="UGH643" s="613"/>
      <c r="UGI643" s="613"/>
      <c r="UGJ643" s="613"/>
      <c r="UGK643" s="613"/>
      <c r="UGL643" s="613"/>
      <c r="UGM643" s="613"/>
      <c r="UGN643" s="613"/>
      <c r="UGO643" s="613"/>
      <c r="UGP643" s="613"/>
      <c r="UGQ643" s="613"/>
      <c r="UGR643" s="613"/>
      <c r="UGS643" s="613"/>
      <c r="UGT643" s="613"/>
      <c r="UGU643" s="613"/>
      <c r="UGV643" s="613"/>
      <c r="UGW643" s="613"/>
      <c r="UGX643" s="613"/>
      <c r="UGY643" s="613"/>
      <c r="UGZ643" s="613"/>
      <c r="UHA643" s="613"/>
      <c r="UHB643" s="613"/>
      <c r="UHC643" s="613"/>
      <c r="UHD643" s="613"/>
      <c r="UHE643" s="613"/>
      <c r="UHF643" s="613"/>
      <c r="UHG643" s="613"/>
      <c r="UHH643" s="613"/>
      <c r="UHI643" s="613"/>
      <c r="UHJ643" s="613"/>
      <c r="UHK643" s="613"/>
      <c r="UHL643" s="613"/>
      <c r="UHM643" s="613"/>
      <c r="UHN643" s="613"/>
      <c r="UHO643" s="613"/>
      <c r="UHP643" s="613"/>
      <c r="UHQ643" s="613"/>
      <c r="UHR643" s="613"/>
      <c r="UHS643" s="613"/>
      <c r="UHT643" s="613"/>
      <c r="UHU643" s="613"/>
      <c r="UHV643" s="613"/>
      <c r="UHW643" s="613"/>
      <c r="UHX643" s="613"/>
      <c r="UHY643" s="613"/>
      <c r="UHZ643" s="613"/>
      <c r="UIA643" s="613"/>
      <c r="UIB643" s="613"/>
      <c r="UIC643" s="613"/>
      <c r="UID643" s="613"/>
      <c r="UIE643" s="613"/>
      <c r="UIF643" s="613"/>
      <c r="UIG643" s="613"/>
      <c r="UIH643" s="613"/>
      <c r="UII643" s="613"/>
      <c r="UIJ643" s="613"/>
      <c r="UIK643" s="613"/>
      <c r="UIL643" s="613"/>
      <c r="UIM643" s="613"/>
      <c r="UIN643" s="613"/>
      <c r="UIO643" s="613"/>
      <c r="UIP643" s="613"/>
      <c r="UIQ643" s="613"/>
      <c r="UIR643" s="613"/>
      <c r="UIS643" s="613"/>
      <c r="UIT643" s="613"/>
      <c r="UIU643" s="613"/>
      <c r="UIV643" s="613"/>
      <c r="UIW643" s="613"/>
      <c r="UIX643" s="613"/>
      <c r="UIY643" s="613"/>
      <c r="UIZ643" s="613"/>
      <c r="UJA643" s="613"/>
      <c r="UJB643" s="613"/>
      <c r="UJC643" s="613"/>
      <c r="UJD643" s="613"/>
      <c r="UJE643" s="613"/>
      <c r="UJF643" s="613"/>
      <c r="UJG643" s="613"/>
      <c r="UJH643" s="613"/>
      <c r="UJI643" s="613"/>
      <c r="UJJ643" s="613"/>
      <c r="UJK643" s="613"/>
      <c r="UJL643" s="613"/>
      <c r="UJM643" s="613"/>
      <c r="UJN643" s="613"/>
      <c r="UJO643" s="613"/>
      <c r="UJP643" s="613"/>
      <c r="UJQ643" s="613"/>
      <c r="UJR643" s="613"/>
      <c r="UJS643" s="613"/>
      <c r="UJT643" s="613"/>
      <c r="UJU643" s="613"/>
      <c r="UJV643" s="613"/>
      <c r="UJW643" s="613"/>
      <c r="UJX643" s="613"/>
      <c r="UJY643" s="613"/>
      <c r="UJZ643" s="613"/>
      <c r="UKA643" s="613"/>
      <c r="UKB643" s="613"/>
      <c r="UKC643" s="613"/>
      <c r="UKD643" s="613"/>
      <c r="UKE643" s="613"/>
      <c r="UKF643" s="613"/>
      <c r="UKG643" s="613"/>
      <c r="UKH643" s="613"/>
      <c r="UKI643" s="613"/>
      <c r="UKJ643" s="613"/>
      <c r="UKK643" s="613"/>
      <c r="UKL643" s="613"/>
      <c r="UKM643" s="613"/>
      <c r="UKN643" s="613"/>
      <c r="UKO643" s="613"/>
      <c r="UKP643" s="613"/>
      <c r="UKQ643" s="613"/>
      <c r="UKR643" s="613"/>
      <c r="UKS643" s="613"/>
      <c r="UKT643" s="613"/>
      <c r="UKU643" s="613"/>
      <c r="UKV643" s="613"/>
      <c r="UKW643" s="613"/>
      <c r="UKX643" s="613"/>
      <c r="UKY643" s="613"/>
      <c r="UKZ643" s="613"/>
      <c r="ULA643" s="613"/>
      <c r="ULB643" s="613"/>
      <c r="ULC643" s="613"/>
      <c r="ULD643" s="613"/>
      <c r="ULE643" s="613"/>
      <c r="ULF643" s="613"/>
      <c r="ULG643" s="613"/>
      <c r="ULH643" s="613"/>
      <c r="ULI643" s="613"/>
      <c r="ULJ643" s="613"/>
      <c r="ULK643" s="613"/>
      <c r="ULL643" s="613"/>
      <c r="ULM643" s="613"/>
      <c r="ULN643" s="613"/>
      <c r="ULO643" s="613"/>
      <c r="ULP643" s="613"/>
      <c r="ULQ643" s="613"/>
      <c r="ULR643" s="613"/>
      <c r="ULS643" s="613"/>
      <c r="ULT643" s="613"/>
      <c r="ULU643" s="613"/>
      <c r="ULV643" s="613"/>
      <c r="ULW643" s="613"/>
      <c r="ULX643" s="613"/>
      <c r="ULY643" s="613"/>
      <c r="ULZ643" s="613"/>
      <c r="UMA643" s="613"/>
      <c r="UMB643" s="613"/>
      <c r="UMC643" s="613"/>
      <c r="UMD643" s="613"/>
      <c r="UME643" s="613"/>
      <c r="UMF643" s="613"/>
      <c r="UMG643" s="613"/>
      <c r="UMH643" s="613"/>
      <c r="UMI643" s="613"/>
      <c r="UMJ643" s="613"/>
      <c r="UMK643" s="613"/>
      <c r="UML643" s="613"/>
      <c r="UMM643" s="613"/>
      <c r="UMN643" s="613"/>
      <c r="UMO643" s="613"/>
      <c r="UMP643" s="613"/>
      <c r="UMQ643" s="613"/>
      <c r="UMR643" s="613"/>
      <c r="UMS643" s="613"/>
      <c r="UMT643" s="613"/>
      <c r="UMU643" s="613"/>
      <c r="UMV643" s="613"/>
      <c r="UMW643" s="613"/>
      <c r="UMX643" s="613"/>
      <c r="UMY643" s="613"/>
      <c r="UMZ643" s="613"/>
      <c r="UNA643" s="613"/>
      <c r="UNB643" s="613"/>
      <c r="UNC643" s="613"/>
      <c r="UND643" s="613"/>
      <c r="UNE643" s="613"/>
      <c r="UNF643" s="613"/>
      <c r="UNG643" s="613"/>
      <c r="UNH643" s="613"/>
      <c r="UNI643" s="613"/>
      <c r="UNJ643" s="613"/>
      <c r="UNK643" s="613"/>
      <c r="UNL643" s="613"/>
      <c r="UNM643" s="613"/>
      <c r="UNN643" s="613"/>
      <c r="UNO643" s="613"/>
      <c r="UNP643" s="613"/>
      <c r="UNQ643" s="613"/>
      <c r="UNR643" s="613"/>
      <c r="UNS643" s="613"/>
      <c r="UNT643" s="613"/>
      <c r="UNU643" s="613"/>
      <c r="UNV643" s="613"/>
      <c r="UNW643" s="613"/>
      <c r="UNX643" s="613"/>
      <c r="UNY643" s="613"/>
      <c r="UNZ643" s="613"/>
      <c r="UOA643" s="613"/>
      <c r="UOB643" s="613"/>
      <c r="UOC643" s="613"/>
      <c r="UOD643" s="613"/>
      <c r="UOE643" s="613"/>
      <c r="UOF643" s="613"/>
      <c r="UOG643" s="613"/>
      <c r="UOH643" s="613"/>
      <c r="UOI643" s="613"/>
      <c r="UOJ643" s="613"/>
      <c r="UOK643" s="613"/>
      <c r="UOL643" s="613"/>
      <c r="UOM643" s="613"/>
      <c r="UON643" s="613"/>
      <c r="UOO643" s="613"/>
      <c r="UOP643" s="613"/>
      <c r="UOQ643" s="613"/>
      <c r="UOR643" s="613"/>
      <c r="UOS643" s="613"/>
      <c r="UOT643" s="613"/>
      <c r="UOU643" s="613"/>
      <c r="UOV643" s="613"/>
      <c r="UOW643" s="613"/>
      <c r="UOX643" s="613"/>
      <c r="UOY643" s="613"/>
      <c r="UOZ643" s="613"/>
      <c r="UPA643" s="613"/>
      <c r="UPB643" s="613"/>
      <c r="UPC643" s="613"/>
      <c r="UPD643" s="613"/>
      <c r="UPE643" s="613"/>
      <c r="UPF643" s="613"/>
      <c r="UPG643" s="613"/>
      <c r="UPH643" s="613"/>
      <c r="UPI643" s="613"/>
      <c r="UPJ643" s="613"/>
      <c r="UPK643" s="613"/>
      <c r="UPL643" s="613"/>
      <c r="UPM643" s="613"/>
      <c r="UPN643" s="613"/>
      <c r="UPO643" s="613"/>
      <c r="UPP643" s="613"/>
      <c r="UPQ643" s="613"/>
      <c r="UPR643" s="613"/>
      <c r="UPS643" s="613"/>
      <c r="UPT643" s="613"/>
      <c r="UPU643" s="613"/>
      <c r="UPV643" s="613"/>
      <c r="UPW643" s="613"/>
      <c r="UPX643" s="613"/>
      <c r="UPY643" s="613"/>
      <c r="UPZ643" s="613"/>
      <c r="UQA643" s="613"/>
      <c r="UQB643" s="613"/>
      <c r="UQC643" s="613"/>
      <c r="UQD643" s="613"/>
      <c r="UQE643" s="613"/>
      <c r="UQF643" s="613"/>
      <c r="UQG643" s="613"/>
      <c r="UQH643" s="613"/>
      <c r="UQI643" s="613"/>
      <c r="UQJ643" s="613"/>
      <c r="UQK643" s="613"/>
      <c r="UQL643" s="613"/>
      <c r="UQM643" s="613"/>
      <c r="UQN643" s="613"/>
      <c r="UQO643" s="613"/>
      <c r="UQP643" s="613"/>
      <c r="UQQ643" s="613"/>
      <c r="UQR643" s="613"/>
      <c r="UQS643" s="613"/>
      <c r="UQT643" s="613"/>
      <c r="UQU643" s="613"/>
      <c r="UQV643" s="613"/>
      <c r="UQW643" s="613"/>
      <c r="UQX643" s="613"/>
      <c r="UQY643" s="613"/>
      <c r="UQZ643" s="613"/>
      <c r="URA643" s="613"/>
      <c r="URB643" s="613"/>
      <c r="URC643" s="613"/>
      <c r="URD643" s="613"/>
      <c r="URE643" s="613"/>
      <c r="URF643" s="613"/>
      <c r="URG643" s="613"/>
      <c r="URH643" s="613"/>
      <c r="URI643" s="613"/>
      <c r="URJ643" s="613"/>
      <c r="URK643" s="613"/>
      <c r="URL643" s="613"/>
      <c r="URM643" s="613"/>
      <c r="URN643" s="613"/>
      <c r="URO643" s="613"/>
      <c r="URP643" s="613"/>
      <c r="URQ643" s="613"/>
      <c r="URR643" s="613"/>
      <c r="URS643" s="613"/>
      <c r="URT643" s="613"/>
      <c r="URU643" s="613"/>
      <c r="URV643" s="613"/>
      <c r="URW643" s="613"/>
      <c r="URX643" s="613"/>
      <c r="URY643" s="613"/>
      <c r="URZ643" s="613"/>
      <c r="USA643" s="613"/>
      <c r="USB643" s="613"/>
      <c r="USC643" s="613"/>
      <c r="USD643" s="613"/>
      <c r="USE643" s="613"/>
      <c r="USF643" s="613"/>
      <c r="USG643" s="613"/>
      <c r="USH643" s="613"/>
      <c r="USI643" s="613"/>
      <c r="USJ643" s="613"/>
      <c r="USK643" s="613"/>
      <c r="USL643" s="613"/>
      <c r="USM643" s="613"/>
      <c r="USN643" s="613"/>
      <c r="USO643" s="613"/>
      <c r="USP643" s="613"/>
      <c r="USQ643" s="613"/>
      <c r="USR643" s="613"/>
      <c r="USS643" s="613"/>
      <c r="UST643" s="613"/>
      <c r="USU643" s="613"/>
      <c r="USV643" s="613"/>
      <c r="USW643" s="613"/>
      <c r="USX643" s="613"/>
      <c r="USY643" s="613"/>
      <c r="USZ643" s="613"/>
      <c r="UTA643" s="613"/>
      <c r="UTB643" s="613"/>
      <c r="UTC643" s="613"/>
      <c r="UTD643" s="613"/>
      <c r="UTE643" s="613"/>
      <c r="UTF643" s="613"/>
      <c r="UTG643" s="613"/>
      <c r="UTH643" s="613"/>
      <c r="UTI643" s="613"/>
      <c r="UTJ643" s="613"/>
      <c r="UTK643" s="613"/>
      <c r="UTL643" s="613"/>
      <c r="UTM643" s="613"/>
      <c r="UTN643" s="613"/>
      <c r="UTO643" s="613"/>
      <c r="UTP643" s="613"/>
      <c r="UTQ643" s="613"/>
      <c r="UTR643" s="613"/>
      <c r="UTS643" s="613"/>
      <c r="UTT643" s="613"/>
      <c r="UTU643" s="613"/>
      <c r="UTV643" s="613"/>
      <c r="UTW643" s="613"/>
      <c r="UTX643" s="613"/>
      <c r="UTY643" s="613"/>
      <c r="UTZ643" s="613"/>
      <c r="UUA643" s="613"/>
      <c r="UUB643" s="613"/>
      <c r="UUC643" s="613"/>
      <c r="UUD643" s="613"/>
      <c r="UUE643" s="613"/>
      <c r="UUF643" s="613"/>
      <c r="UUG643" s="613"/>
      <c r="UUH643" s="613"/>
      <c r="UUI643" s="613"/>
      <c r="UUJ643" s="613"/>
      <c r="UUK643" s="613"/>
      <c r="UUL643" s="613"/>
      <c r="UUM643" s="613"/>
      <c r="UUN643" s="613"/>
      <c r="UUO643" s="613"/>
      <c r="UUP643" s="613"/>
      <c r="UUQ643" s="613"/>
      <c r="UUR643" s="613"/>
      <c r="UUS643" s="613"/>
      <c r="UUT643" s="613"/>
      <c r="UUU643" s="613"/>
      <c r="UUV643" s="613"/>
      <c r="UUW643" s="613"/>
      <c r="UUX643" s="613"/>
      <c r="UUY643" s="613"/>
      <c r="UUZ643" s="613"/>
      <c r="UVA643" s="613"/>
      <c r="UVB643" s="613"/>
      <c r="UVC643" s="613"/>
      <c r="UVD643" s="613"/>
      <c r="UVE643" s="613"/>
      <c r="UVF643" s="613"/>
      <c r="UVG643" s="613"/>
      <c r="UVH643" s="613"/>
      <c r="UVI643" s="613"/>
      <c r="UVJ643" s="613"/>
      <c r="UVK643" s="613"/>
      <c r="UVL643" s="613"/>
      <c r="UVM643" s="613"/>
      <c r="UVN643" s="613"/>
      <c r="UVO643" s="613"/>
      <c r="UVP643" s="613"/>
      <c r="UVQ643" s="613"/>
      <c r="UVR643" s="613"/>
      <c r="UVS643" s="613"/>
      <c r="UVT643" s="613"/>
      <c r="UVU643" s="613"/>
      <c r="UVV643" s="613"/>
      <c r="UVW643" s="613"/>
      <c r="UVX643" s="613"/>
      <c r="UVY643" s="613"/>
      <c r="UVZ643" s="613"/>
      <c r="UWA643" s="613"/>
      <c r="UWB643" s="613"/>
      <c r="UWC643" s="613"/>
      <c r="UWD643" s="613"/>
      <c r="UWE643" s="613"/>
      <c r="UWF643" s="613"/>
      <c r="UWG643" s="613"/>
      <c r="UWH643" s="613"/>
      <c r="UWI643" s="613"/>
      <c r="UWJ643" s="613"/>
      <c r="UWK643" s="613"/>
      <c r="UWL643" s="613"/>
      <c r="UWM643" s="613"/>
      <c r="UWN643" s="613"/>
      <c r="UWO643" s="613"/>
      <c r="UWP643" s="613"/>
      <c r="UWQ643" s="613"/>
      <c r="UWR643" s="613"/>
      <c r="UWS643" s="613"/>
      <c r="UWT643" s="613"/>
      <c r="UWU643" s="613"/>
      <c r="UWV643" s="613"/>
      <c r="UWW643" s="613"/>
      <c r="UWX643" s="613"/>
      <c r="UWY643" s="613"/>
      <c r="UWZ643" s="613"/>
      <c r="UXA643" s="613"/>
      <c r="UXB643" s="613"/>
      <c r="UXC643" s="613"/>
      <c r="UXD643" s="613"/>
      <c r="UXE643" s="613"/>
      <c r="UXF643" s="613"/>
      <c r="UXG643" s="613"/>
      <c r="UXH643" s="613"/>
      <c r="UXI643" s="613"/>
      <c r="UXJ643" s="613"/>
      <c r="UXK643" s="613"/>
      <c r="UXL643" s="613"/>
      <c r="UXM643" s="613"/>
      <c r="UXN643" s="613"/>
      <c r="UXO643" s="613"/>
      <c r="UXP643" s="613"/>
      <c r="UXQ643" s="613"/>
      <c r="UXR643" s="613"/>
      <c r="UXS643" s="613"/>
      <c r="UXT643" s="613"/>
      <c r="UXU643" s="613"/>
      <c r="UXV643" s="613"/>
      <c r="UXW643" s="613"/>
      <c r="UXX643" s="613"/>
      <c r="UXY643" s="613"/>
      <c r="UXZ643" s="613"/>
      <c r="UYA643" s="613"/>
      <c r="UYB643" s="613"/>
      <c r="UYC643" s="613"/>
      <c r="UYD643" s="613"/>
      <c r="UYE643" s="613"/>
      <c r="UYF643" s="613"/>
      <c r="UYG643" s="613"/>
      <c r="UYH643" s="613"/>
      <c r="UYI643" s="613"/>
      <c r="UYJ643" s="613"/>
      <c r="UYK643" s="613"/>
      <c r="UYL643" s="613"/>
      <c r="UYM643" s="613"/>
      <c r="UYN643" s="613"/>
      <c r="UYO643" s="613"/>
      <c r="UYP643" s="613"/>
      <c r="UYQ643" s="613"/>
      <c r="UYR643" s="613"/>
      <c r="UYS643" s="613"/>
      <c r="UYT643" s="613"/>
      <c r="UYU643" s="613"/>
      <c r="UYV643" s="613"/>
      <c r="UYW643" s="613"/>
      <c r="UYX643" s="613"/>
      <c r="UYY643" s="613"/>
      <c r="UYZ643" s="613"/>
      <c r="UZA643" s="613"/>
      <c r="UZB643" s="613"/>
      <c r="UZC643" s="613"/>
      <c r="UZD643" s="613"/>
      <c r="UZE643" s="613"/>
      <c r="UZF643" s="613"/>
      <c r="UZG643" s="613"/>
      <c r="UZH643" s="613"/>
      <c r="UZI643" s="613"/>
      <c r="UZJ643" s="613"/>
      <c r="UZK643" s="613"/>
      <c r="UZL643" s="613"/>
      <c r="UZM643" s="613"/>
      <c r="UZN643" s="613"/>
      <c r="UZO643" s="613"/>
      <c r="UZP643" s="613"/>
      <c r="UZQ643" s="613"/>
      <c r="UZR643" s="613"/>
      <c r="UZS643" s="613"/>
      <c r="UZT643" s="613"/>
      <c r="UZU643" s="613"/>
      <c r="UZV643" s="613"/>
      <c r="UZW643" s="613"/>
      <c r="UZX643" s="613"/>
      <c r="UZY643" s="613"/>
      <c r="UZZ643" s="613"/>
      <c r="VAA643" s="613"/>
      <c r="VAB643" s="613"/>
      <c r="VAC643" s="613"/>
      <c r="VAD643" s="613"/>
      <c r="VAE643" s="613"/>
      <c r="VAF643" s="613"/>
      <c r="VAG643" s="613"/>
      <c r="VAH643" s="613"/>
      <c r="VAI643" s="613"/>
      <c r="VAJ643" s="613"/>
      <c r="VAK643" s="613"/>
      <c r="VAL643" s="613"/>
      <c r="VAM643" s="613"/>
      <c r="VAN643" s="613"/>
      <c r="VAO643" s="613"/>
      <c r="VAP643" s="613"/>
      <c r="VAQ643" s="613"/>
      <c r="VAR643" s="613"/>
      <c r="VAS643" s="613"/>
      <c r="VAT643" s="613"/>
      <c r="VAU643" s="613"/>
      <c r="VAV643" s="613"/>
      <c r="VAW643" s="613"/>
      <c r="VAX643" s="613"/>
      <c r="VAY643" s="613"/>
      <c r="VAZ643" s="613"/>
      <c r="VBA643" s="613"/>
      <c r="VBB643" s="613"/>
      <c r="VBC643" s="613"/>
      <c r="VBD643" s="613"/>
      <c r="VBE643" s="613"/>
      <c r="VBF643" s="613"/>
      <c r="VBG643" s="613"/>
      <c r="VBH643" s="613"/>
      <c r="VBI643" s="613"/>
      <c r="VBJ643" s="613"/>
      <c r="VBK643" s="613"/>
      <c r="VBL643" s="613"/>
      <c r="VBM643" s="613"/>
      <c r="VBN643" s="613"/>
      <c r="VBO643" s="613"/>
      <c r="VBP643" s="613"/>
      <c r="VBQ643" s="613"/>
      <c r="VBR643" s="613"/>
      <c r="VBS643" s="613"/>
      <c r="VBT643" s="613"/>
      <c r="VBU643" s="613"/>
      <c r="VBV643" s="613"/>
      <c r="VBW643" s="613"/>
      <c r="VBX643" s="613"/>
      <c r="VBY643" s="613"/>
      <c r="VBZ643" s="613"/>
      <c r="VCA643" s="613"/>
      <c r="VCB643" s="613"/>
      <c r="VCC643" s="613"/>
      <c r="VCD643" s="613"/>
      <c r="VCE643" s="613"/>
      <c r="VCF643" s="613"/>
      <c r="VCG643" s="613"/>
      <c r="VCH643" s="613"/>
      <c r="VCI643" s="613"/>
      <c r="VCJ643" s="613"/>
      <c r="VCK643" s="613"/>
      <c r="VCL643" s="613"/>
      <c r="VCM643" s="613"/>
      <c r="VCN643" s="613"/>
      <c r="VCO643" s="613"/>
      <c r="VCP643" s="613"/>
      <c r="VCQ643" s="613"/>
      <c r="VCR643" s="613"/>
      <c r="VCS643" s="613"/>
      <c r="VCT643" s="613"/>
      <c r="VCU643" s="613"/>
      <c r="VCV643" s="613"/>
      <c r="VCW643" s="613"/>
      <c r="VCX643" s="613"/>
      <c r="VCY643" s="613"/>
      <c r="VCZ643" s="613"/>
      <c r="VDA643" s="613"/>
      <c r="VDB643" s="613"/>
      <c r="VDC643" s="613"/>
      <c r="VDD643" s="613"/>
      <c r="VDE643" s="613"/>
      <c r="VDF643" s="613"/>
      <c r="VDG643" s="613"/>
      <c r="VDH643" s="613"/>
      <c r="VDI643" s="613"/>
      <c r="VDJ643" s="613"/>
      <c r="VDK643" s="613"/>
      <c r="VDL643" s="613"/>
      <c r="VDM643" s="613"/>
      <c r="VDN643" s="613"/>
      <c r="VDO643" s="613"/>
      <c r="VDP643" s="613"/>
      <c r="VDQ643" s="613"/>
      <c r="VDR643" s="613"/>
      <c r="VDS643" s="613"/>
      <c r="VDT643" s="613"/>
      <c r="VDU643" s="613"/>
      <c r="VDV643" s="613"/>
      <c r="VDW643" s="613"/>
      <c r="VDX643" s="613"/>
      <c r="VDY643" s="613"/>
      <c r="VDZ643" s="613"/>
      <c r="VEA643" s="613"/>
      <c r="VEB643" s="613"/>
      <c r="VEC643" s="613"/>
      <c r="VED643" s="613"/>
      <c r="VEE643" s="613"/>
      <c r="VEF643" s="613"/>
      <c r="VEG643" s="613"/>
      <c r="VEH643" s="613"/>
      <c r="VEI643" s="613"/>
      <c r="VEJ643" s="613"/>
      <c r="VEK643" s="613"/>
      <c r="VEL643" s="613"/>
      <c r="VEM643" s="613"/>
      <c r="VEN643" s="613"/>
      <c r="VEO643" s="613"/>
      <c r="VEP643" s="613"/>
      <c r="VEQ643" s="613"/>
      <c r="VER643" s="613"/>
      <c r="VES643" s="613"/>
      <c r="VET643" s="613"/>
      <c r="VEU643" s="613"/>
      <c r="VEV643" s="613"/>
      <c r="VEW643" s="613"/>
      <c r="VEX643" s="613"/>
      <c r="VEY643" s="613"/>
      <c r="VEZ643" s="613"/>
      <c r="VFA643" s="613"/>
      <c r="VFB643" s="613"/>
      <c r="VFC643" s="613"/>
      <c r="VFD643" s="613"/>
      <c r="VFE643" s="613"/>
      <c r="VFF643" s="613"/>
      <c r="VFG643" s="613"/>
      <c r="VFH643" s="613"/>
      <c r="VFI643" s="613"/>
      <c r="VFJ643" s="613"/>
      <c r="VFK643" s="613"/>
      <c r="VFL643" s="613"/>
      <c r="VFM643" s="613"/>
      <c r="VFN643" s="613"/>
      <c r="VFO643" s="613"/>
      <c r="VFP643" s="613"/>
      <c r="VFQ643" s="613"/>
      <c r="VFR643" s="613"/>
      <c r="VFS643" s="613"/>
      <c r="VFT643" s="613"/>
      <c r="VFU643" s="613"/>
      <c r="VFV643" s="613"/>
      <c r="VFW643" s="613"/>
      <c r="VFX643" s="613"/>
      <c r="VFY643" s="613"/>
      <c r="VFZ643" s="613"/>
      <c r="VGA643" s="613"/>
      <c r="VGB643" s="613"/>
      <c r="VGC643" s="613"/>
      <c r="VGD643" s="613"/>
      <c r="VGE643" s="613"/>
      <c r="VGF643" s="613"/>
      <c r="VGG643" s="613"/>
      <c r="VGH643" s="613"/>
      <c r="VGI643" s="613"/>
      <c r="VGJ643" s="613"/>
      <c r="VGK643" s="613"/>
      <c r="VGL643" s="613"/>
      <c r="VGM643" s="613"/>
      <c r="VGN643" s="613"/>
      <c r="VGO643" s="613"/>
      <c r="VGP643" s="613"/>
      <c r="VGQ643" s="613"/>
      <c r="VGR643" s="613"/>
      <c r="VGS643" s="613"/>
      <c r="VGT643" s="613"/>
      <c r="VGU643" s="613"/>
      <c r="VGV643" s="613"/>
      <c r="VGW643" s="613"/>
      <c r="VGX643" s="613"/>
      <c r="VGY643" s="613"/>
      <c r="VGZ643" s="613"/>
      <c r="VHA643" s="613"/>
      <c r="VHB643" s="613"/>
      <c r="VHC643" s="613"/>
      <c r="VHD643" s="613"/>
      <c r="VHE643" s="613"/>
      <c r="VHF643" s="613"/>
      <c r="VHG643" s="613"/>
      <c r="VHH643" s="613"/>
      <c r="VHI643" s="613"/>
      <c r="VHJ643" s="613"/>
      <c r="VHK643" s="613"/>
      <c r="VHL643" s="613"/>
      <c r="VHM643" s="613"/>
      <c r="VHN643" s="613"/>
      <c r="VHO643" s="613"/>
      <c r="VHP643" s="613"/>
      <c r="VHQ643" s="613"/>
      <c r="VHR643" s="613"/>
      <c r="VHS643" s="613"/>
      <c r="VHT643" s="613"/>
      <c r="VHU643" s="613"/>
      <c r="VHV643" s="613"/>
      <c r="VHW643" s="613"/>
      <c r="VHX643" s="613"/>
      <c r="VHY643" s="613"/>
      <c r="VHZ643" s="613"/>
      <c r="VIA643" s="613"/>
      <c r="VIB643" s="613"/>
      <c r="VIC643" s="613"/>
      <c r="VID643" s="613"/>
      <c r="VIE643" s="613"/>
      <c r="VIF643" s="613"/>
      <c r="VIG643" s="613"/>
      <c r="VIH643" s="613"/>
      <c r="VII643" s="613"/>
      <c r="VIJ643" s="613"/>
      <c r="VIK643" s="613"/>
      <c r="VIL643" s="613"/>
      <c r="VIM643" s="613"/>
      <c r="VIN643" s="613"/>
      <c r="VIO643" s="613"/>
      <c r="VIP643" s="613"/>
      <c r="VIQ643" s="613"/>
      <c r="VIR643" s="613"/>
      <c r="VIS643" s="613"/>
      <c r="VIT643" s="613"/>
      <c r="VIU643" s="613"/>
      <c r="VIV643" s="613"/>
      <c r="VIW643" s="613"/>
      <c r="VIX643" s="613"/>
      <c r="VIY643" s="613"/>
      <c r="VIZ643" s="613"/>
      <c r="VJA643" s="613"/>
      <c r="VJB643" s="613"/>
      <c r="VJC643" s="613"/>
      <c r="VJD643" s="613"/>
      <c r="VJE643" s="613"/>
      <c r="VJF643" s="613"/>
      <c r="VJG643" s="613"/>
      <c r="VJH643" s="613"/>
      <c r="VJI643" s="613"/>
      <c r="VJJ643" s="613"/>
      <c r="VJK643" s="613"/>
      <c r="VJL643" s="613"/>
      <c r="VJM643" s="613"/>
      <c r="VJN643" s="613"/>
      <c r="VJO643" s="613"/>
      <c r="VJP643" s="613"/>
      <c r="VJQ643" s="613"/>
      <c r="VJR643" s="613"/>
      <c r="VJS643" s="613"/>
      <c r="VJT643" s="613"/>
      <c r="VJU643" s="613"/>
      <c r="VJV643" s="613"/>
      <c r="VJW643" s="613"/>
      <c r="VJX643" s="613"/>
      <c r="VJY643" s="613"/>
      <c r="VJZ643" s="613"/>
      <c r="VKA643" s="613"/>
      <c r="VKB643" s="613"/>
      <c r="VKC643" s="613"/>
      <c r="VKD643" s="613"/>
      <c r="VKE643" s="613"/>
      <c r="VKF643" s="613"/>
      <c r="VKG643" s="613"/>
      <c r="VKH643" s="613"/>
      <c r="VKI643" s="613"/>
      <c r="VKJ643" s="613"/>
      <c r="VKK643" s="613"/>
      <c r="VKL643" s="613"/>
      <c r="VKM643" s="613"/>
      <c r="VKN643" s="613"/>
      <c r="VKO643" s="613"/>
      <c r="VKP643" s="613"/>
      <c r="VKQ643" s="613"/>
      <c r="VKR643" s="613"/>
      <c r="VKS643" s="613"/>
      <c r="VKT643" s="613"/>
      <c r="VKU643" s="613"/>
      <c r="VKV643" s="613"/>
      <c r="VKW643" s="613"/>
      <c r="VKX643" s="613"/>
      <c r="VKY643" s="613"/>
      <c r="VKZ643" s="613"/>
      <c r="VLA643" s="613"/>
      <c r="VLB643" s="613"/>
      <c r="VLC643" s="613"/>
      <c r="VLD643" s="613"/>
      <c r="VLE643" s="613"/>
      <c r="VLF643" s="613"/>
      <c r="VLG643" s="613"/>
      <c r="VLH643" s="613"/>
      <c r="VLI643" s="613"/>
      <c r="VLJ643" s="613"/>
      <c r="VLK643" s="613"/>
      <c r="VLL643" s="613"/>
      <c r="VLM643" s="613"/>
      <c r="VLN643" s="613"/>
      <c r="VLO643" s="613"/>
      <c r="VLP643" s="613"/>
      <c r="VLQ643" s="613"/>
      <c r="VLR643" s="613"/>
      <c r="VLS643" s="613"/>
      <c r="VLT643" s="613"/>
      <c r="VLU643" s="613"/>
      <c r="VLV643" s="613"/>
      <c r="VLW643" s="613"/>
      <c r="VLX643" s="613"/>
      <c r="VLY643" s="613"/>
      <c r="VLZ643" s="613"/>
      <c r="VMA643" s="613"/>
      <c r="VMB643" s="613"/>
      <c r="VMC643" s="613"/>
      <c r="VMD643" s="613"/>
      <c r="VME643" s="613"/>
      <c r="VMF643" s="613"/>
      <c r="VMG643" s="613"/>
      <c r="VMH643" s="613"/>
      <c r="VMI643" s="613"/>
      <c r="VMJ643" s="613"/>
      <c r="VMK643" s="613"/>
      <c r="VML643" s="613"/>
      <c r="VMM643" s="613"/>
      <c r="VMN643" s="613"/>
      <c r="VMO643" s="613"/>
      <c r="VMP643" s="613"/>
      <c r="VMQ643" s="613"/>
      <c r="VMR643" s="613"/>
      <c r="VMS643" s="613"/>
      <c r="VMT643" s="613"/>
      <c r="VMU643" s="613"/>
      <c r="VMV643" s="613"/>
      <c r="VMW643" s="613"/>
      <c r="VMX643" s="613"/>
      <c r="VMY643" s="613"/>
      <c r="VMZ643" s="613"/>
      <c r="VNA643" s="613"/>
      <c r="VNB643" s="613"/>
      <c r="VNC643" s="613"/>
      <c r="VND643" s="613"/>
      <c r="VNE643" s="613"/>
      <c r="VNF643" s="613"/>
      <c r="VNG643" s="613"/>
      <c r="VNH643" s="613"/>
      <c r="VNI643" s="613"/>
      <c r="VNJ643" s="613"/>
      <c r="VNK643" s="613"/>
      <c r="VNL643" s="613"/>
      <c r="VNM643" s="613"/>
      <c r="VNN643" s="613"/>
      <c r="VNO643" s="613"/>
      <c r="VNP643" s="613"/>
      <c r="VNQ643" s="613"/>
      <c r="VNR643" s="613"/>
      <c r="VNS643" s="613"/>
      <c r="VNT643" s="613"/>
      <c r="VNU643" s="613"/>
      <c r="VNV643" s="613"/>
      <c r="VNW643" s="613"/>
      <c r="VNX643" s="613"/>
      <c r="VNY643" s="613"/>
      <c r="VNZ643" s="613"/>
      <c r="VOA643" s="613"/>
      <c r="VOB643" s="613"/>
      <c r="VOC643" s="613"/>
      <c r="VOD643" s="613"/>
      <c r="VOE643" s="613"/>
      <c r="VOF643" s="613"/>
      <c r="VOG643" s="613"/>
      <c r="VOH643" s="613"/>
      <c r="VOI643" s="613"/>
      <c r="VOJ643" s="613"/>
      <c r="VOK643" s="613"/>
      <c r="VOL643" s="613"/>
      <c r="VOM643" s="613"/>
      <c r="VON643" s="613"/>
      <c r="VOO643" s="613"/>
      <c r="VOP643" s="613"/>
      <c r="VOQ643" s="613"/>
      <c r="VOR643" s="613"/>
      <c r="VOS643" s="613"/>
      <c r="VOT643" s="613"/>
      <c r="VOU643" s="613"/>
      <c r="VOV643" s="613"/>
      <c r="VOW643" s="613"/>
      <c r="VOX643" s="613"/>
      <c r="VOY643" s="613"/>
      <c r="VOZ643" s="613"/>
      <c r="VPA643" s="613"/>
      <c r="VPB643" s="613"/>
      <c r="VPC643" s="613"/>
      <c r="VPD643" s="613"/>
      <c r="VPE643" s="613"/>
      <c r="VPF643" s="613"/>
      <c r="VPG643" s="613"/>
      <c r="VPH643" s="613"/>
      <c r="VPI643" s="613"/>
      <c r="VPJ643" s="613"/>
      <c r="VPK643" s="613"/>
      <c r="VPL643" s="613"/>
      <c r="VPM643" s="613"/>
      <c r="VPN643" s="613"/>
      <c r="VPO643" s="613"/>
      <c r="VPP643" s="613"/>
      <c r="VPQ643" s="613"/>
      <c r="VPR643" s="613"/>
      <c r="VPS643" s="613"/>
      <c r="VPT643" s="613"/>
      <c r="VPU643" s="613"/>
      <c r="VPV643" s="613"/>
      <c r="VPW643" s="613"/>
      <c r="VPX643" s="613"/>
      <c r="VPY643" s="613"/>
      <c r="VPZ643" s="613"/>
      <c r="VQA643" s="613"/>
      <c r="VQB643" s="613"/>
      <c r="VQC643" s="613"/>
      <c r="VQD643" s="613"/>
      <c r="VQE643" s="613"/>
      <c r="VQF643" s="613"/>
      <c r="VQG643" s="613"/>
      <c r="VQH643" s="613"/>
      <c r="VQI643" s="613"/>
      <c r="VQJ643" s="613"/>
      <c r="VQK643" s="613"/>
      <c r="VQL643" s="613"/>
      <c r="VQM643" s="613"/>
      <c r="VQN643" s="613"/>
      <c r="VQO643" s="613"/>
      <c r="VQP643" s="613"/>
      <c r="VQQ643" s="613"/>
      <c r="VQR643" s="613"/>
      <c r="VQS643" s="613"/>
      <c r="VQT643" s="613"/>
      <c r="VQU643" s="613"/>
      <c r="VQV643" s="613"/>
      <c r="VQW643" s="613"/>
      <c r="VQX643" s="613"/>
      <c r="VQY643" s="613"/>
      <c r="VQZ643" s="613"/>
      <c r="VRA643" s="613"/>
      <c r="VRB643" s="613"/>
      <c r="VRC643" s="613"/>
      <c r="VRD643" s="613"/>
      <c r="VRE643" s="613"/>
      <c r="VRF643" s="613"/>
      <c r="VRG643" s="613"/>
      <c r="VRH643" s="613"/>
      <c r="VRI643" s="613"/>
      <c r="VRJ643" s="613"/>
      <c r="VRK643" s="613"/>
      <c r="VRL643" s="613"/>
      <c r="VRM643" s="613"/>
      <c r="VRN643" s="613"/>
      <c r="VRO643" s="613"/>
      <c r="VRP643" s="613"/>
      <c r="VRQ643" s="613"/>
      <c r="VRR643" s="613"/>
      <c r="VRS643" s="613"/>
      <c r="VRT643" s="613"/>
      <c r="VRU643" s="613"/>
      <c r="VRV643" s="613"/>
      <c r="VRW643" s="613"/>
      <c r="VRX643" s="613"/>
      <c r="VRY643" s="613"/>
      <c r="VRZ643" s="613"/>
      <c r="VSA643" s="613"/>
      <c r="VSB643" s="613"/>
      <c r="VSC643" s="613"/>
      <c r="VSD643" s="613"/>
      <c r="VSE643" s="613"/>
      <c r="VSF643" s="613"/>
      <c r="VSG643" s="613"/>
      <c r="VSH643" s="613"/>
      <c r="VSI643" s="613"/>
      <c r="VSJ643" s="613"/>
      <c r="VSK643" s="613"/>
      <c r="VSL643" s="613"/>
      <c r="VSM643" s="613"/>
      <c r="VSN643" s="613"/>
      <c r="VSO643" s="613"/>
      <c r="VSP643" s="613"/>
      <c r="VSQ643" s="613"/>
      <c r="VSR643" s="613"/>
      <c r="VSS643" s="613"/>
      <c r="VST643" s="613"/>
      <c r="VSU643" s="613"/>
      <c r="VSV643" s="613"/>
      <c r="VSW643" s="613"/>
      <c r="VSX643" s="613"/>
      <c r="VSY643" s="613"/>
      <c r="VSZ643" s="613"/>
      <c r="VTA643" s="613"/>
      <c r="VTB643" s="613"/>
      <c r="VTC643" s="613"/>
      <c r="VTD643" s="613"/>
      <c r="VTE643" s="613"/>
      <c r="VTF643" s="613"/>
      <c r="VTG643" s="613"/>
      <c r="VTH643" s="613"/>
      <c r="VTI643" s="613"/>
      <c r="VTJ643" s="613"/>
      <c r="VTK643" s="613"/>
      <c r="VTL643" s="613"/>
      <c r="VTM643" s="613"/>
      <c r="VTN643" s="613"/>
      <c r="VTO643" s="613"/>
      <c r="VTP643" s="613"/>
      <c r="VTQ643" s="613"/>
      <c r="VTR643" s="613"/>
      <c r="VTS643" s="613"/>
      <c r="VTT643" s="613"/>
      <c r="VTU643" s="613"/>
      <c r="VTV643" s="613"/>
      <c r="VTW643" s="613"/>
      <c r="VTX643" s="613"/>
      <c r="VTY643" s="613"/>
      <c r="VTZ643" s="613"/>
      <c r="VUA643" s="613"/>
      <c r="VUB643" s="613"/>
      <c r="VUC643" s="613"/>
      <c r="VUD643" s="613"/>
      <c r="VUE643" s="613"/>
      <c r="VUF643" s="613"/>
      <c r="VUG643" s="613"/>
      <c r="VUH643" s="613"/>
      <c r="VUI643" s="613"/>
      <c r="VUJ643" s="613"/>
      <c r="VUK643" s="613"/>
      <c r="VUL643" s="613"/>
      <c r="VUM643" s="613"/>
      <c r="VUN643" s="613"/>
      <c r="VUO643" s="613"/>
      <c r="VUP643" s="613"/>
      <c r="VUQ643" s="613"/>
      <c r="VUR643" s="613"/>
      <c r="VUS643" s="613"/>
      <c r="VUT643" s="613"/>
      <c r="VUU643" s="613"/>
      <c r="VUV643" s="613"/>
      <c r="VUW643" s="613"/>
      <c r="VUX643" s="613"/>
      <c r="VUY643" s="613"/>
      <c r="VUZ643" s="613"/>
      <c r="VVA643" s="613"/>
      <c r="VVB643" s="613"/>
      <c r="VVC643" s="613"/>
      <c r="VVD643" s="613"/>
      <c r="VVE643" s="613"/>
      <c r="VVF643" s="613"/>
      <c r="VVG643" s="613"/>
      <c r="VVH643" s="613"/>
      <c r="VVI643" s="613"/>
      <c r="VVJ643" s="613"/>
      <c r="VVK643" s="613"/>
      <c r="VVL643" s="613"/>
      <c r="VVM643" s="613"/>
      <c r="VVN643" s="613"/>
      <c r="VVO643" s="613"/>
      <c r="VVP643" s="613"/>
      <c r="VVQ643" s="613"/>
      <c r="VVR643" s="613"/>
      <c r="VVS643" s="613"/>
      <c r="VVT643" s="613"/>
      <c r="VVU643" s="613"/>
      <c r="VVV643" s="613"/>
      <c r="VVW643" s="613"/>
      <c r="VVX643" s="613"/>
      <c r="VVY643" s="613"/>
      <c r="VVZ643" s="613"/>
      <c r="VWA643" s="613"/>
      <c r="VWB643" s="613"/>
      <c r="VWC643" s="613"/>
      <c r="VWD643" s="613"/>
      <c r="VWE643" s="613"/>
      <c r="VWF643" s="613"/>
      <c r="VWG643" s="613"/>
      <c r="VWH643" s="613"/>
      <c r="VWI643" s="613"/>
      <c r="VWJ643" s="613"/>
      <c r="VWK643" s="613"/>
      <c r="VWL643" s="613"/>
      <c r="VWM643" s="613"/>
      <c r="VWN643" s="613"/>
      <c r="VWO643" s="613"/>
      <c r="VWP643" s="613"/>
      <c r="VWQ643" s="613"/>
      <c r="VWR643" s="613"/>
      <c r="VWS643" s="613"/>
      <c r="VWT643" s="613"/>
      <c r="VWU643" s="613"/>
      <c r="VWV643" s="613"/>
      <c r="VWW643" s="613"/>
      <c r="VWX643" s="613"/>
      <c r="VWY643" s="613"/>
      <c r="VWZ643" s="613"/>
      <c r="VXA643" s="613"/>
      <c r="VXB643" s="613"/>
      <c r="VXC643" s="613"/>
      <c r="VXD643" s="613"/>
      <c r="VXE643" s="613"/>
      <c r="VXF643" s="613"/>
      <c r="VXG643" s="613"/>
      <c r="VXH643" s="613"/>
      <c r="VXI643" s="613"/>
      <c r="VXJ643" s="613"/>
      <c r="VXK643" s="613"/>
      <c r="VXL643" s="613"/>
      <c r="VXM643" s="613"/>
      <c r="VXN643" s="613"/>
      <c r="VXO643" s="613"/>
      <c r="VXP643" s="613"/>
      <c r="VXQ643" s="613"/>
      <c r="VXR643" s="613"/>
      <c r="VXS643" s="613"/>
      <c r="VXT643" s="613"/>
      <c r="VXU643" s="613"/>
      <c r="VXV643" s="613"/>
      <c r="VXW643" s="613"/>
      <c r="VXX643" s="613"/>
      <c r="VXY643" s="613"/>
      <c r="VXZ643" s="613"/>
      <c r="VYA643" s="613"/>
      <c r="VYB643" s="613"/>
      <c r="VYC643" s="613"/>
      <c r="VYD643" s="613"/>
      <c r="VYE643" s="613"/>
      <c r="VYF643" s="613"/>
      <c r="VYG643" s="613"/>
      <c r="VYH643" s="613"/>
      <c r="VYI643" s="613"/>
      <c r="VYJ643" s="613"/>
      <c r="VYK643" s="613"/>
      <c r="VYL643" s="613"/>
      <c r="VYM643" s="613"/>
      <c r="VYN643" s="613"/>
      <c r="VYO643" s="613"/>
      <c r="VYP643" s="613"/>
      <c r="VYQ643" s="613"/>
      <c r="VYR643" s="613"/>
      <c r="VYS643" s="613"/>
      <c r="VYT643" s="613"/>
      <c r="VYU643" s="613"/>
      <c r="VYV643" s="613"/>
      <c r="VYW643" s="613"/>
      <c r="VYX643" s="613"/>
      <c r="VYY643" s="613"/>
      <c r="VYZ643" s="613"/>
      <c r="VZA643" s="613"/>
      <c r="VZB643" s="613"/>
      <c r="VZC643" s="613"/>
      <c r="VZD643" s="613"/>
      <c r="VZE643" s="613"/>
      <c r="VZF643" s="613"/>
      <c r="VZG643" s="613"/>
      <c r="VZH643" s="613"/>
      <c r="VZI643" s="613"/>
      <c r="VZJ643" s="613"/>
      <c r="VZK643" s="613"/>
      <c r="VZL643" s="613"/>
      <c r="VZM643" s="613"/>
      <c r="VZN643" s="613"/>
      <c r="VZO643" s="613"/>
      <c r="VZP643" s="613"/>
      <c r="VZQ643" s="613"/>
      <c r="VZR643" s="613"/>
      <c r="VZS643" s="613"/>
      <c r="VZT643" s="613"/>
      <c r="VZU643" s="613"/>
      <c r="VZV643" s="613"/>
      <c r="VZW643" s="613"/>
      <c r="VZX643" s="613"/>
      <c r="VZY643" s="613"/>
      <c r="VZZ643" s="613"/>
      <c r="WAA643" s="613"/>
      <c r="WAB643" s="613"/>
      <c r="WAC643" s="613"/>
      <c r="WAD643" s="613"/>
      <c r="WAE643" s="613"/>
      <c r="WAF643" s="613"/>
      <c r="WAG643" s="613"/>
      <c r="WAH643" s="613"/>
      <c r="WAI643" s="613"/>
      <c r="WAJ643" s="613"/>
      <c r="WAK643" s="613"/>
      <c r="WAL643" s="613"/>
      <c r="WAM643" s="613"/>
      <c r="WAN643" s="613"/>
      <c r="WAO643" s="613"/>
      <c r="WAP643" s="613"/>
      <c r="WAQ643" s="613"/>
      <c r="WAR643" s="613"/>
      <c r="WAS643" s="613"/>
      <c r="WAT643" s="613"/>
      <c r="WAU643" s="613"/>
      <c r="WAV643" s="613"/>
      <c r="WAW643" s="613"/>
      <c r="WAX643" s="613"/>
      <c r="WAY643" s="613"/>
      <c r="WAZ643" s="613"/>
      <c r="WBA643" s="613"/>
      <c r="WBB643" s="613"/>
      <c r="WBC643" s="613"/>
      <c r="WBD643" s="613"/>
      <c r="WBE643" s="613"/>
      <c r="WBF643" s="613"/>
      <c r="WBG643" s="613"/>
      <c r="WBH643" s="613"/>
      <c r="WBI643" s="613"/>
      <c r="WBJ643" s="613"/>
      <c r="WBK643" s="613"/>
      <c r="WBL643" s="613"/>
      <c r="WBM643" s="613"/>
      <c r="WBN643" s="613"/>
      <c r="WBO643" s="613"/>
      <c r="WBP643" s="613"/>
      <c r="WBQ643" s="613"/>
      <c r="WBR643" s="613"/>
      <c r="WBS643" s="613"/>
      <c r="WBT643" s="613"/>
      <c r="WBU643" s="613"/>
      <c r="WBV643" s="613"/>
      <c r="WBW643" s="613"/>
      <c r="WBX643" s="613"/>
      <c r="WBY643" s="613"/>
      <c r="WBZ643" s="613"/>
      <c r="WCA643" s="613"/>
      <c r="WCB643" s="613"/>
      <c r="WCC643" s="613"/>
      <c r="WCD643" s="613"/>
      <c r="WCE643" s="613"/>
      <c r="WCF643" s="613"/>
      <c r="WCG643" s="613"/>
      <c r="WCH643" s="613"/>
      <c r="WCI643" s="613"/>
      <c r="WCJ643" s="613"/>
      <c r="WCK643" s="613"/>
      <c r="WCL643" s="613"/>
      <c r="WCM643" s="613"/>
      <c r="WCN643" s="613"/>
      <c r="WCO643" s="613"/>
      <c r="WCP643" s="613"/>
      <c r="WCQ643" s="613"/>
      <c r="WCR643" s="613"/>
      <c r="WCS643" s="613"/>
      <c r="WCT643" s="613"/>
      <c r="WCU643" s="613"/>
      <c r="WCV643" s="613"/>
      <c r="WCW643" s="613"/>
      <c r="WCX643" s="613"/>
      <c r="WCY643" s="613"/>
      <c r="WCZ643" s="613"/>
      <c r="WDA643" s="613"/>
      <c r="WDB643" s="613"/>
      <c r="WDC643" s="613"/>
      <c r="WDD643" s="613"/>
      <c r="WDE643" s="613"/>
      <c r="WDF643" s="613"/>
      <c r="WDG643" s="613"/>
      <c r="WDH643" s="613"/>
      <c r="WDI643" s="613"/>
      <c r="WDJ643" s="613"/>
      <c r="WDK643" s="613"/>
      <c r="WDL643" s="613"/>
      <c r="WDM643" s="613"/>
      <c r="WDN643" s="613"/>
      <c r="WDO643" s="613"/>
      <c r="WDP643" s="613"/>
      <c r="WDQ643" s="613"/>
      <c r="WDR643" s="613"/>
      <c r="WDS643" s="613"/>
      <c r="WDT643" s="613"/>
      <c r="WDU643" s="613"/>
      <c r="WDV643" s="613"/>
      <c r="WDW643" s="613"/>
      <c r="WDX643" s="613"/>
      <c r="WDY643" s="613"/>
      <c r="WDZ643" s="613"/>
      <c r="WEA643" s="613"/>
      <c r="WEB643" s="613"/>
      <c r="WEC643" s="613"/>
      <c r="WED643" s="613"/>
      <c r="WEE643" s="613"/>
      <c r="WEF643" s="613"/>
      <c r="WEG643" s="613"/>
      <c r="WEH643" s="613"/>
      <c r="WEI643" s="613"/>
      <c r="WEJ643" s="613"/>
      <c r="WEK643" s="613"/>
      <c r="WEL643" s="613"/>
      <c r="WEM643" s="613"/>
      <c r="WEN643" s="613"/>
      <c r="WEO643" s="613"/>
      <c r="WEP643" s="613"/>
      <c r="WEQ643" s="613"/>
      <c r="WER643" s="613"/>
      <c r="WES643" s="613"/>
      <c r="WET643" s="613"/>
      <c r="WEU643" s="613"/>
      <c r="WEV643" s="613"/>
      <c r="WEW643" s="613"/>
      <c r="WEX643" s="613"/>
      <c r="WEY643" s="613"/>
      <c r="WEZ643" s="613"/>
      <c r="WFA643" s="613"/>
      <c r="WFB643" s="613"/>
      <c r="WFC643" s="613"/>
      <c r="WFD643" s="613"/>
      <c r="WFE643" s="613"/>
      <c r="WFF643" s="613"/>
      <c r="WFG643" s="613"/>
      <c r="WFH643" s="613"/>
      <c r="WFI643" s="613"/>
      <c r="WFJ643" s="613"/>
      <c r="WFK643" s="613"/>
      <c r="WFL643" s="613"/>
      <c r="WFM643" s="613"/>
      <c r="WFN643" s="613"/>
      <c r="WFO643" s="613"/>
      <c r="WFP643" s="613"/>
      <c r="WFQ643" s="613"/>
      <c r="WFR643" s="613"/>
      <c r="WFS643" s="613"/>
      <c r="WFT643" s="613"/>
      <c r="WFU643" s="613"/>
      <c r="WFV643" s="613"/>
      <c r="WFW643" s="613"/>
      <c r="WFX643" s="613"/>
      <c r="WFY643" s="613"/>
      <c r="WFZ643" s="613"/>
      <c r="WGA643" s="613"/>
      <c r="WGB643" s="613"/>
      <c r="WGC643" s="613"/>
      <c r="WGD643" s="613"/>
      <c r="WGE643" s="613"/>
      <c r="WGF643" s="613"/>
      <c r="WGG643" s="613"/>
      <c r="WGH643" s="613"/>
      <c r="WGI643" s="613"/>
      <c r="WGJ643" s="613"/>
      <c r="WGK643" s="613"/>
      <c r="WGL643" s="613"/>
      <c r="WGM643" s="613"/>
      <c r="WGN643" s="613"/>
      <c r="WGO643" s="613"/>
      <c r="WGP643" s="613"/>
      <c r="WGQ643" s="613"/>
      <c r="WGR643" s="613"/>
      <c r="WGS643" s="613"/>
      <c r="WGT643" s="613"/>
      <c r="WGU643" s="613"/>
      <c r="WGV643" s="613"/>
      <c r="WGW643" s="613"/>
      <c r="WGX643" s="613"/>
      <c r="WGY643" s="613"/>
      <c r="WGZ643" s="613"/>
      <c r="WHA643" s="613"/>
      <c r="WHB643" s="613"/>
      <c r="WHC643" s="613"/>
      <c r="WHD643" s="613"/>
      <c r="WHE643" s="613"/>
      <c r="WHF643" s="613"/>
      <c r="WHG643" s="613"/>
      <c r="WHH643" s="613"/>
      <c r="WHI643" s="613"/>
      <c r="WHJ643" s="613"/>
      <c r="WHK643" s="613"/>
      <c r="WHL643" s="613"/>
      <c r="WHM643" s="613"/>
      <c r="WHN643" s="613"/>
      <c r="WHO643" s="613"/>
      <c r="WHP643" s="613"/>
      <c r="WHQ643" s="613"/>
      <c r="WHR643" s="613"/>
      <c r="WHS643" s="613"/>
      <c r="WHT643" s="613"/>
      <c r="WHU643" s="613"/>
      <c r="WHV643" s="613"/>
      <c r="WHW643" s="613"/>
      <c r="WHX643" s="613"/>
      <c r="WHY643" s="613"/>
      <c r="WHZ643" s="613"/>
      <c r="WIA643" s="613"/>
      <c r="WIB643" s="613"/>
      <c r="WIC643" s="613"/>
      <c r="WID643" s="613"/>
      <c r="WIE643" s="613"/>
      <c r="WIF643" s="613"/>
      <c r="WIG643" s="613"/>
      <c r="WIH643" s="613"/>
      <c r="WII643" s="613"/>
      <c r="WIJ643" s="613"/>
      <c r="WIK643" s="613"/>
      <c r="WIL643" s="613"/>
      <c r="WIM643" s="613"/>
      <c r="WIN643" s="613"/>
      <c r="WIO643" s="613"/>
      <c r="WIP643" s="613"/>
      <c r="WIQ643" s="613"/>
      <c r="WIR643" s="613"/>
      <c r="WIS643" s="613"/>
      <c r="WIT643" s="613"/>
      <c r="WIU643" s="613"/>
      <c r="WIV643" s="613"/>
      <c r="WIW643" s="613"/>
      <c r="WIX643" s="613"/>
      <c r="WIY643" s="613"/>
      <c r="WIZ643" s="613"/>
      <c r="WJA643" s="613"/>
      <c r="WJB643" s="613"/>
      <c r="WJC643" s="613"/>
      <c r="WJD643" s="613"/>
      <c r="WJE643" s="613"/>
      <c r="WJF643" s="613"/>
      <c r="WJG643" s="613"/>
      <c r="WJH643" s="613"/>
      <c r="WJI643" s="613"/>
      <c r="WJJ643" s="613"/>
      <c r="WJK643" s="613"/>
      <c r="WJL643" s="613"/>
      <c r="WJM643" s="613"/>
      <c r="WJN643" s="613"/>
      <c r="WJO643" s="613"/>
      <c r="WJP643" s="613"/>
      <c r="WJQ643" s="613"/>
      <c r="WJR643" s="613"/>
      <c r="WJS643" s="613"/>
      <c r="WJT643" s="613"/>
      <c r="WJU643" s="613"/>
      <c r="WJV643" s="613"/>
      <c r="WJW643" s="613"/>
      <c r="WJX643" s="613"/>
      <c r="WJY643" s="613"/>
      <c r="WJZ643" s="613"/>
      <c r="WKA643" s="613"/>
      <c r="WKB643" s="613"/>
      <c r="WKC643" s="613"/>
      <c r="WKD643" s="613"/>
      <c r="WKE643" s="613"/>
      <c r="WKF643" s="613"/>
      <c r="WKG643" s="613"/>
      <c r="WKH643" s="613"/>
      <c r="WKI643" s="613"/>
      <c r="WKJ643" s="613"/>
      <c r="WKK643" s="613"/>
      <c r="WKL643" s="613"/>
      <c r="WKM643" s="613"/>
      <c r="WKN643" s="613"/>
      <c r="WKO643" s="613"/>
      <c r="WKP643" s="613"/>
      <c r="WKQ643" s="613"/>
      <c r="WKR643" s="613"/>
      <c r="WKS643" s="613"/>
      <c r="WKT643" s="613"/>
      <c r="WKU643" s="613"/>
      <c r="WKV643" s="613"/>
      <c r="WKW643" s="613"/>
      <c r="WKX643" s="613"/>
      <c r="WKY643" s="613"/>
      <c r="WKZ643" s="613"/>
      <c r="WLA643" s="613"/>
      <c r="WLB643" s="613"/>
      <c r="WLC643" s="613"/>
      <c r="WLD643" s="613"/>
      <c r="WLE643" s="613"/>
      <c r="WLF643" s="613"/>
      <c r="WLG643" s="613"/>
      <c r="WLH643" s="613"/>
      <c r="WLI643" s="613"/>
      <c r="WLJ643" s="613"/>
      <c r="WLK643" s="613"/>
      <c r="WLL643" s="613"/>
      <c r="WLM643" s="613"/>
      <c r="WLN643" s="613"/>
      <c r="WLO643" s="613"/>
      <c r="WLP643" s="613"/>
      <c r="WLQ643" s="613"/>
      <c r="WLR643" s="613"/>
      <c r="WLS643" s="613"/>
      <c r="WLT643" s="613"/>
      <c r="WLU643" s="613"/>
      <c r="WLV643" s="613"/>
      <c r="WLW643" s="613"/>
      <c r="WLX643" s="613"/>
      <c r="WLY643" s="613"/>
      <c r="WLZ643" s="613"/>
      <c r="WMA643" s="613"/>
      <c r="WMB643" s="613"/>
      <c r="WMC643" s="613"/>
      <c r="WMD643" s="613"/>
      <c r="WME643" s="613"/>
      <c r="WMF643" s="613"/>
      <c r="WMG643" s="613"/>
      <c r="WMH643" s="613"/>
      <c r="WMI643" s="613"/>
      <c r="WMJ643" s="613"/>
      <c r="WMK643" s="613"/>
      <c r="WML643" s="613"/>
      <c r="WMM643" s="613"/>
      <c r="WMN643" s="613"/>
      <c r="WMO643" s="613"/>
      <c r="WMP643" s="613"/>
      <c r="WMQ643" s="613"/>
      <c r="WMR643" s="613"/>
      <c r="WMS643" s="613"/>
      <c r="WMT643" s="613"/>
      <c r="WMU643" s="613"/>
      <c r="WMV643" s="613"/>
      <c r="WMW643" s="613"/>
      <c r="WMX643" s="613"/>
      <c r="WMY643" s="613"/>
      <c r="WMZ643" s="613"/>
      <c r="WNA643" s="613"/>
      <c r="WNB643" s="613"/>
      <c r="WNC643" s="613"/>
      <c r="WND643" s="613"/>
      <c r="WNE643" s="613"/>
      <c r="WNF643" s="613"/>
      <c r="WNG643" s="613"/>
      <c r="WNH643" s="613"/>
      <c r="WNI643" s="613"/>
      <c r="WNJ643" s="613"/>
      <c r="WNK643" s="613"/>
      <c r="WNL643" s="613"/>
      <c r="WNM643" s="613"/>
      <c r="WNN643" s="613"/>
      <c r="WNO643" s="613"/>
      <c r="WNP643" s="613"/>
      <c r="WNQ643" s="613"/>
      <c r="WNR643" s="613"/>
      <c r="WNS643" s="613"/>
      <c r="WNT643" s="613"/>
      <c r="WNU643" s="613"/>
      <c r="WNV643" s="613"/>
      <c r="WNW643" s="613"/>
      <c r="WNX643" s="613"/>
      <c r="WNY643" s="613"/>
      <c r="WNZ643" s="613"/>
      <c r="WOA643" s="613"/>
      <c r="WOB643" s="613"/>
      <c r="WOC643" s="613"/>
      <c r="WOD643" s="613"/>
      <c r="WOE643" s="613"/>
      <c r="WOF643" s="613"/>
      <c r="WOG643" s="613"/>
      <c r="WOH643" s="613"/>
      <c r="WOI643" s="613"/>
      <c r="WOJ643" s="613"/>
      <c r="WOK643" s="613"/>
      <c r="WOL643" s="613"/>
      <c r="WOM643" s="613"/>
      <c r="WON643" s="613"/>
      <c r="WOO643" s="613"/>
      <c r="WOP643" s="613"/>
      <c r="WOQ643" s="613"/>
      <c r="WOR643" s="613"/>
      <c r="WOS643" s="613"/>
      <c r="WOT643" s="613"/>
      <c r="WOU643" s="613"/>
      <c r="WOV643" s="613"/>
      <c r="WOW643" s="613"/>
      <c r="WOX643" s="613"/>
      <c r="WOY643" s="613"/>
      <c r="WOZ643" s="613"/>
      <c r="WPA643" s="613"/>
      <c r="WPB643" s="613"/>
      <c r="WPC643" s="613"/>
      <c r="WPD643" s="613"/>
      <c r="WPE643" s="613"/>
      <c r="WPF643" s="613"/>
      <c r="WPG643" s="613"/>
      <c r="WPH643" s="613"/>
      <c r="WPI643" s="613"/>
      <c r="WPJ643" s="613"/>
      <c r="WPK643" s="613"/>
      <c r="WPL643" s="613"/>
      <c r="WPM643" s="613"/>
      <c r="WPN643" s="613"/>
      <c r="WPO643" s="613"/>
      <c r="WPP643" s="613"/>
      <c r="WPQ643" s="613"/>
      <c r="WPR643" s="613"/>
      <c r="WPS643" s="613"/>
      <c r="WPT643" s="613"/>
      <c r="WPU643" s="613"/>
      <c r="WPV643" s="613"/>
      <c r="WPW643" s="613"/>
      <c r="WPX643" s="613"/>
      <c r="WPY643" s="613"/>
      <c r="WPZ643" s="613"/>
      <c r="WQA643" s="613"/>
      <c r="WQB643" s="613"/>
      <c r="WQC643" s="613"/>
      <c r="WQD643" s="613"/>
      <c r="WQE643" s="613"/>
      <c r="WQF643" s="613"/>
      <c r="WQG643" s="613"/>
      <c r="WQH643" s="613"/>
      <c r="WQI643" s="613"/>
      <c r="WQJ643" s="613"/>
      <c r="WQK643" s="613"/>
      <c r="WQL643" s="613"/>
      <c r="WQM643" s="613"/>
      <c r="WQN643" s="613"/>
      <c r="WQO643" s="613"/>
      <c r="WQP643" s="613"/>
      <c r="WQQ643" s="613"/>
      <c r="WQR643" s="613"/>
      <c r="WQS643" s="613"/>
      <c r="WQT643" s="613"/>
      <c r="WQU643" s="613"/>
      <c r="WQV643" s="613"/>
      <c r="WQW643" s="613"/>
      <c r="WQX643" s="613"/>
      <c r="WQY643" s="613"/>
      <c r="WQZ643" s="613"/>
      <c r="WRA643" s="613"/>
      <c r="WRB643" s="613"/>
      <c r="WRC643" s="613"/>
      <c r="WRD643" s="613"/>
      <c r="WRE643" s="613"/>
      <c r="WRF643" s="613"/>
      <c r="WRG643" s="613"/>
      <c r="WRH643" s="613"/>
      <c r="WRI643" s="613"/>
      <c r="WRJ643" s="613"/>
      <c r="WRK643" s="613"/>
      <c r="WRL643" s="613"/>
      <c r="WRM643" s="613"/>
      <c r="WRN643" s="613"/>
      <c r="WRO643" s="613"/>
      <c r="WRP643" s="613"/>
      <c r="WRQ643" s="613"/>
      <c r="WRR643" s="613"/>
      <c r="WRS643" s="613"/>
      <c r="WRT643" s="613"/>
      <c r="WRU643" s="613"/>
      <c r="WRV643" s="613"/>
      <c r="WRW643" s="613"/>
      <c r="WRX643" s="613"/>
      <c r="WRY643" s="613"/>
      <c r="WRZ643" s="613"/>
      <c r="WSA643" s="613"/>
      <c r="WSB643" s="613"/>
      <c r="WSC643" s="613"/>
      <c r="WSD643" s="613"/>
      <c r="WSE643" s="613"/>
      <c r="WSF643" s="613"/>
      <c r="WSG643" s="613"/>
      <c r="WSH643" s="613"/>
      <c r="WSI643" s="613"/>
      <c r="WSJ643" s="613"/>
      <c r="WSK643" s="613"/>
      <c r="WSL643" s="613"/>
      <c r="WSM643" s="613"/>
      <c r="WSN643" s="613"/>
      <c r="WSO643" s="613"/>
      <c r="WSP643" s="613"/>
      <c r="WSQ643" s="613"/>
      <c r="WSR643" s="613"/>
      <c r="WSS643" s="613"/>
      <c r="WST643" s="613"/>
      <c r="WSU643" s="613"/>
      <c r="WSV643" s="613"/>
      <c r="WSW643" s="613"/>
      <c r="WSX643" s="613"/>
      <c r="WSY643" s="613"/>
      <c r="WSZ643" s="613"/>
      <c r="WTA643" s="613"/>
      <c r="WTB643" s="613"/>
      <c r="WTC643" s="613"/>
      <c r="WTD643" s="613"/>
      <c r="WTE643" s="613"/>
      <c r="WTF643" s="613"/>
      <c r="WTG643" s="613"/>
      <c r="WTH643" s="613"/>
      <c r="WTI643" s="613"/>
      <c r="WTJ643" s="613"/>
      <c r="WTK643" s="613"/>
      <c r="WTL643" s="613"/>
      <c r="WTM643" s="613"/>
      <c r="WTN643" s="613"/>
      <c r="WTO643" s="613"/>
      <c r="WTP643" s="613"/>
      <c r="WTQ643" s="613"/>
      <c r="WTR643" s="613"/>
      <c r="WTS643" s="613"/>
      <c r="WTT643" s="613"/>
      <c r="WTU643" s="613"/>
      <c r="WTV643" s="613"/>
      <c r="WTW643" s="613"/>
      <c r="WTX643" s="613"/>
      <c r="WTY643" s="613"/>
      <c r="WTZ643" s="613"/>
      <c r="WUA643" s="613"/>
      <c r="WUB643" s="613"/>
      <c r="WUC643" s="613"/>
      <c r="WUD643" s="613"/>
      <c r="WUE643" s="613"/>
      <c r="WUF643" s="613"/>
      <c r="WUG643" s="613"/>
      <c r="WUH643" s="613"/>
      <c r="WUI643" s="613"/>
      <c r="WUJ643" s="613"/>
      <c r="WUK643" s="613"/>
      <c r="WUL643" s="613"/>
      <c r="WUM643" s="613"/>
      <c r="WUN643" s="613"/>
      <c r="WUO643" s="613"/>
      <c r="WUP643" s="613"/>
      <c r="WUQ643" s="613"/>
      <c r="WUR643" s="613"/>
      <c r="WUS643" s="613"/>
      <c r="WUT643" s="613"/>
      <c r="WUU643" s="613"/>
      <c r="WUV643" s="613"/>
      <c r="WUW643" s="613"/>
      <c r="WUX643" s="613"/>
      <c r="WUY643" s="613"/>
      <c r="WUZ643" s="613"/>
      <c r="WVA643" s="613"/>
      <c r="WVB643" s="613"/>
      <c r="WVC643" s="613"/>
      <c r="WVD643" s="613"/>
      <c r="WVE643" s="613"/>
      <c r="WVF643" s="613"/>
      <c r="WVG643" s="613"/>
      <c r="WVH643" s="613"/>
      <c r="WVI643" s="613"/>
      <c r="WVJ643" s="613"/>
      <c r="WVK643" s="613"/>
      <c r="WVL643" s="613"/>
      <c r="WVM643" s="613"/>
      <c r="WVN643" s="613"/>
      <c r="WVO643" s="613"/>
      <c r="WVP643" s="613"/>
      <c r="WVQ643" s="613"/>
      <c r="WVR643" s="613"/>
      <c r="WVS643" s="613"/>
      <c r="WVT643" s="613"/>
      <c r="WVU643" s="613"/>
      <c r="WVV643" s="613"/>
      <c r="WVW643" s="613"/>
      <c r="WVX643" s="613"/>
      <c r="WVY643" s="613"/>
      <c r="WVZ643" s="613"/>
      <c r="WWA643" s="613"/>
      <c r="WWB643" s="613"/>
      <c r="WWC643" s="613"/>
      <c r="WWD643" s="613"/>
      <c r="WWE643" s="613"/>
      <c r="WWF643" s="613"/>
      <c r="WWG643" s="613"/>
      <c r="WWH643" s="613"/>
      <c r="WWI643" s="613"/>
      <c r="WWJ643" s="613"/>
      <c r="WWK643" s="613"/>
      <c r="WWL643" s="613"/>
      <c r="WWM643" s="613"/>
      <c r="WWN643" s="613"/>
      <c r="WWO643" s="613"/>
      <c r="WWP643" s="613"/>
      <c r="WWQ643" s="613"/>
      <c r="WWR643" s="613"/>
      <c r="WWS643" s="613"/>
      <c r="WWT643" s="613"/>
      <c r="WWU643" s="613"/>
      <c r="WWV643" s="613"/>
      <c r="WWW643" s="613"/>
      <c r="WWX643" s="613"/>
      <c r="WWY643" s="613"/>
      <c r="WWZ643" s="613"/>
      <c r="WXA643" s="613"/>
      <c r="WXB643" s="613"/>
      <c r="WXC643" s="613"/>
      <c r="WXD643" s="613"/>
      <c r="WXE643" s="613"/>
      <c r="WXF643" s="613"/>
      <c r="WXG643" s="613"/>
      <c r="WXH643" s="613"/>
      <c r="WXI643" s="613"/>
      <c r="WXJ643" s="613"/>
      <c r="WXK643" s="613"/>
      <c r="WXL643" s="613"/>
      <c r="WXM643" s="613"/>
      <c r="WXN643" s="613"/>
      <c r="WXO643" s="613"/>
      <c r="WXP643" s="613"/>
      <c r="WXQ643" s="613"/>
      <c r="WXR643" s="613"/>
      <c r="WXS643" s="613"/>
      <c r="WXT643" s="613"/>
      <c r="WXU643" s="613"/>
      <c r="WXV643" s="613"/>
      <c r="WXW643" s="613"/>
      <c r="WXX643" s="613"/>
      <c r="WXY643" s="613"/>
      <c r="WXZ643" s="613"/>
      <c r="WYA643" s="613"/>
      <c r="WYB643" s="613"/>
      <c r="WYC643" s="613"/>
      <c r="WYD643" s="613"/>
      <c r="WYE643" s="613"/>
      <c r="WYF643" s="613"/>
      <c r="WYG643" s="613"/>
      <c r="WYH643" s="613"/>
      <c r="WYI643" s="613"/>
      <c r="WYJ643" s="613"/>
      <c r="WYK643" s="613"/>
      <c r="WYL643" s="613"/>
      <c r="WYM643" s="613"/>
      <c r="WYN643" s="613"/>
      <c r="WYO643" s="613"/>
      <c r="WYP643" s="613"/>
      <c r="WYQ643" s="613"/>
      <c r="WYR643" s="613"/>
      <c r="WYS643" s="613"/>
      <c r="WYT643" s="613"/>
      <c r="WYU643" s="613"/>
      <c r="WYV643" s="613"/>
      <c r="WYW643" s="613"/>
      <c r="WYX643" s="613"/>
      <c r="WYY643" s="613"/>
      <c r="WYZ643" s="613"/>
      <c r="WZA643" s="613"/>
      <c r="WZB643" s="613"/>
      <c r="WZC643" s="613"/>
      <c r="WZD643" s="613"/>
      <c r="WZE643" s="613"/>
      <c r="WZF643" s="613"/>
      <c r="WZG643" s="613"/>
      <c r="WZH643" s="613"/>
      <c r="WZI643" s="613"/>
      <c r="WZJ643" s="613"/>
      <c r="WZK643" s="613"/>
      <c r="WZL643" s="613"/>
      <c r="WZM643" s="613"/>
      <c r="WZN643" s="613"/>
      <c r="WZO643" s="613"/>
      <c r="WZP643" s="613"/>
      <c r="WZQ643" s="613"/>
      <c r="WZR643" s="613"/>
      <c r="WZS643" s="613"/>
      <c r="WZT643" s="613"/>
      <c r="WZU643" s="613"/>
      <c r="WZV643" s="613"/>
      <c r="WZW643" s="613"/>
      <c r="WZX643" s="613"/>
      <c r="WZY643" s="613"/>
      <c r="WZZ643" s="613"/>
      <c r="XAA643" s="613"/>
      <c r="XAB643" s="613"/>
      <c r="XAC643" s="613"/>
      <c r="XAD643" s="613"/>
      <c r="XAE643" s="613"/>
      <c r="XAF643" s="613"/>
      <c r="XAG643" s="613"/>
      <c r="XAH643" s="613"/>
      <c r="XAI643" s="613"/>
      <c r="XAJ643" s="613"/>
      <c r="XAK643" s="613"/>
      <c r="XAL643" s="613"/>
      <c r="XAM643" s="613"/>
      <c r="XAN643" s="613"/>
      <c r="XAO643" s="613"/>
      <c r="XAP643" s="613"/>
      <c r="XAQ643" s="613"/>
      <c r="XAR643" s="613"/>
      <c r="XAS643" s="613"/>
      <c r="XAT643" s="613"/>
      <c r="XAU643" s="613"/>
      <c r="XAV643" s="613"/>
      <c r="XAW643" s="613"/>
      <c r="XAX643" s="613"/>
      <c r="XAY643" s="613"/>
      <c r="XAZ643" s="613"/>
      <c r="XBA643" s="613"/>
      <c r="XBB643" s="613"/>
      <c r="XBC643" s="613"/>
      <c r="XBD643" s="613"/>
      <c r="XBE643" s="613"/>
      <c r="XBF643" s="613"/>
      <c r="XBG643" s="613"/>
      <c r="XBH643" s="613"/>
      <c r="XBI643" s="613"/>
      <c r="XBJ643" s="613"/>
      <c r="XBK643" s="613"/>
      <c r="XBL643" s="613"/>
      <c r="XBM643" s="613"/>
      <c r="XBN643" s="613"/>
      <c r="XBO643" s="613"/>
      <c r="XBP643" s="613"/>
      <c r="XBQ643" s="613"/>
      <c r="XBR643" s="613"/>
      <c r="XBS643" s="613"/>
      <c r="XBT643" s="613"/>
      <c r="XBU643" s="613"/>
      <c r="XBV643" s="613"/>
      <c r="XBW643" s="613"/>
      <c r="XBX643" s="613"/>
      <c r="XBY643" s="613"/>
      <c r="XBZ643" s="613"/>
      <c r="XCA643" s="613"/>
      <c r="XCB643" s="613"/>
      <c r="XCC643" s="613"/>
      <c r="XCD643" s="613"/>
      <c r="XCE643" s="613"/>
      <c r="XCF643" s="613"/>
      <c r="XCG643" s="613"/>
      <c r="XCH643" s="613"/>
      <c r="XCI643" s="613"/>
      <c r="XCJ643" s="613"/>
      <c r="XCK643" s="613"/>
      <c r="XCL643" s="613"/>
      <c r="XCM643" s="613"/>
      <c r="XCN643" s="613"/>
      <c r="XCO643" s="613"/>
      <c r="XCP643" s="613"/>
      <c r="XCQ643" s="613"/>
    </row>
    <row r="644" spans="1:16319" ht="56.1" customHeight="1" x14ac:dyDescent="0.2">
      <c r="A644" s="494"/>
      <c r="B644" s="77"/>
      <c r="C644" s="494"/>
      <c r="D644" s="481">
        <v>196</v>
      </c>
      <c r="E644" s="481"/>
      <c r="F644" s="481" t="s">
        <v>2481</v>
      </c>
      <c r="G644" s="482" t="s">
        <v>53</v>
      </c>
      <c r="H644" s="481" t="s">
        <v>329</v>
      </c>
      <c r="I644" s="654" t="s">
        <v>428</v>
      </c>
      <c r="J644" s="654" t="s">
        <v>369</v>
      </c>
      <c r="K644" s="495" t="s">
        <v>447</v>
      </c>
      <c r="L644" s="621"/>
      <c r="M644" s="484" t="s">
        <v>58</v>
      </c>
      <c r="N644" s="327" t="s">
        <v>3058</v>
      </c>
      <c r="O644" s="484" t="s">
        <v>2996</v>
      </c>
      <c r="P644" s="484" t="s">
        <v>81</v>
      </c>
      <c r="Q644" s="667" t="s">
        <v>334</v>
      </c>
      <c r="R644" s="484" t="s">
        <v>334</v>
      </c>
      <c r="S644" s="484" t="s">
        <v>395</v>
      </c>
      <c r="T644" s="484"/>
      <c r="U644" s="620" t="s">
        <v>63</v>
      </c>
      <c r="V644" s="620" t="s">
        <v>63</v>
      </c>
      <c r="W644" s="723">
        <v>46443.178172771302</v>
      </c>
      <c r="X644" s="723"/>
      <c r="Y644" s="654" t="s">
        <v>226</v>
      </c>
      <c r="Z644" s="654"/>
      <c r="AA644" s="723">
        <v>46443.178172771302</v>
      </c>
      <c r="AB644" s="652" t="s">
        <v>82</v>
      </c>
      <c r="AC644" s="652"/>
      <c r="AD644" s="496"/>
      <c r="AE644" s="496"/>
      <c r="AF644" s="496"/>
      <c r="AG644" s="496"/>
      <c r="AH644" s="496"/>
      <c r="AI644" s="487"/>
      <c r="AJ644" s="496"/>
      <c r="AK644" s="496"/>
      <c r="AL644" s="496"/>
      <c r="AM644" s="496"/>
      <c r="AN644" s="496"/>
      <c r="AO644" s="496" t="s">
        <v>66</v>
      </c>
      <c r="AP644" s="496"/>
      <c r="AQ644" s="496"/>
      <c r="AR644" s="496"/>
      <c r="AS644" s="496"/>
      <c r="AT644" s="496"/>
      <c r="AU644" s="487"/>
      <c r="AV644" s="487"/>
      <c r="AW644" s="487"/>
      <c r="AX644" s="487"/>
      <c r="AY644" s="487"/>
      <c r="AZ644" s="487"/>
      <c r="BA644" s="484"/>
      <c r="BB644" s="484"/>
      <c r="BC644" s="484"/>
      <c r="BD644" s="494"/>
      <c r="BE644" s="494"/>
      <c r="BF644" s="613"/>
      <c r="BG644" s="613"/>
      <c r="BH644" s="613"/>
      <c r="BI644" s="613"/>
      <c r="BJ644" s="613"/>
      <c r="BK644" s="613"/>
      <c r="BL644" s="613"/>
      <c r="BM644" s="613"/>
      <c r="BN644" s="613"/>
      <c r="BO644" s="613"/>
      <c r="BP644" s="613"/>
      <c r="BQ644" s="613"/>
      <c r="BR644" s="613"/>
      <c r="BS644" s="613"/>
      <c r="BT644" s="613"/>
      <c r="BU644" s="613"/>
      <c r="BV644" s="613"/>
      <c r="BW644" s="613"/>
      <c r="BX644" s="613"/>
      <c r="BY644" s="613"/>
      <c r="BZ644" s="613"/>
      <c r="CA644" s="613"/>
      <c r="CB644" s="613"/>
      <c r="CC644" s="613"/>
      <c r="CD644" s="613"/>
      <c r="CE644" s="613"/>
      <c r="CF644" s="613"/>
      <c r="CG644" s="613"/>
      <c r="CH644" s="613"/>
      <c r="CI644" s="613"/>
      <c r="CJ644" s="613"/>
      <c r="CK644" s="613"/>
      <c r="CL644" s="613"/>
      <c r="CM644" s="613"/>
      <c r="CN644" s="613"/>
      <c r="CO644" s="613"/>
      <c r="CP644" s="613"/>
      <c r="CQ644" s="613"/>
      <c r="CR644" s="613"/>
      <c r="CS644" s="613"/>
      <c r="CT644" s="613"/>
      <c r="CU644" s="613"/>
      <c r="CV644" s="613"/>
      <c r="CW644" s="613"/>
      <c r="CX644" s="613"/>
      <c r="CY644" s="613"/>
      <c r="CZ644" s="613"/>
      <c r="DA644" s="613"/>
      <c r="DB644" s="613"/>
      <c r="DC644" s="613"/>
      <c r="DD644" s="613"/>
      <c r="DE644" s="613"/>
      <c r="DF644" s="613"/>
      <c r="DG644" s="613"/>
      <c r="DH644" s="613"/>
      <c r="DI644" s="613"/>
      <c r="DJ644" s="613"/>
      <c r="DK644" s="613"/>
      <c r="DL644" s="613"/>
      <c r="DM644" s="613"/>
      <c r="DN644" s="613"/>
      <c r="DO644" s="613"/>
      <c r="DP644" s="613"/>
      <c r="DQ644" s="613"/>
      <c r="DR644" s="613"/>
      <c r="DS644" s="613"/>
      <c r="DT644" s="613"/>
      <c r="DU644" s="613"/>
      <c r="DV644" s="613"/>
      <c r="DW644" s="613"/>
      <c r="DX644" s="613"/>
      <c r="DY644" s="613"/>
      <c r="DZ644" s="613"/>
      <c r="EA644" s="613"/>
      <c r="EB644" s="613"/>
      <c r="EC644" s="613"/>
      <c r="ED644" s="613"/>
      <c r="EE644" s="613"/>
      <c r="EF644" s="613"/>
      <c r="EG644" s="613"/>
      <c r="EH644" s="613"/>
      <c r="EI644" s="613"/>
      <c r="EJ644" s="613"/>
      <c r="EK644" s="613"/>
      <c r="EL644" s="613"/>
      <c r="EM644" s="613"/>
      <c r="EN644" s="613"/>
      <c r="EO644" s="613"/>
      <c r="EP644" s="613"/>
      <c r="EQ644" s="613"/>
      <c r="ER644" s="613"/>
      <c r="ES644" s="613"/>
      <c r="ET644" s="613"/>
      <c r="EU644" s="613"/>
      <c r="EV644" s="613"/>
      <c r="EW644" s="613"/>
      <c r="EX644" s="613"/>
      <c r="EY644" s="613"/>
      <c r="EZ644" s="613"/>
      <c r="FA644" s="613"/>
      <c r="FB644" s="613"/>
      <c r="FC644" s="613"/>
      <c r="FD644" s="613"/>
      <c r="FE644" s="613"/>
      <c r="FF644" s="613"/>
      <c r="FG644" s="613"/>
      <c r="FH644" s="613"/>
      <c r="FI644" s="613"/>
      <c r="FJ644" s="613"/>
      <c r="FK644" s="613"/>
      <c r="FL644" s="613"/>
      <c r="FM644" s="613"/>
      <c r="FN644" s="613"/>
      <c r="FO644" s="613"/>
      <c r="FP644" s="613"/>
      <c r="FQ644" s="613"/>
      <c r="FR644" s="613"/>
      <c r="FS644" s="613"/>
      <c r="FT644" s="613"/>
      <c r="FU644" s="613"/>
      <c r="FV644" s="613"/>
      <c r="FW644" s="613"/>
      <c r="FX644" s="613"/>
      <c r="FY644" s="613"/>
      <c r="FZ644" s="613"/>
      <c r="GA644" s="613"/>
      <c r="GB644" s="613"/>
      <c r="GC644" s="613"/>
      <c r="GD644" s="613"/>
      <c r="GE644" s="613"/>
      <c r="GF644" s="613"/>
      <c r="GG644" s="613"/>
      <c r="GH644" s="613"/>
      <c r="GI644" s="613"/>
      <c r="GJ644" s="613"/>
      <c r="GK644" s="613"/>
      <c r="GL644" s="613"/>
      <c r="GM644" s="613"/>
      <c r="GN644" s="613"/>
      <c r="GO644" s="613"/>
      <c r="GP644" s="613"/>
      <c r="GQ644" s="613"/>
      <c r="GR644" s="613"/>
      <c r="GS644" s="613"/>
      <c r="GT644" s="613"/>
      <c r="GU644" s="613"/>
      <c r="GV644" s="613"/>
      <c r="GW644" s="613"/>
      <c r="GX644" s="613"/>
      <c r="GY644" s="613"/>
      <c r="GZ644" s="613"/>
      <c r="HA644" s="613"/>
      <c r="HB644" s="613"/>
      <c r="HC644" s="613"/>
      <c r="HD644" s="613"/>
      <c r="HE644" s="613"/>
      <c r="HF644" s="613"/>
      <c r="HG644" s="613"/>
      <c r="HH644" s="613"/>
      <c r="HI644" s="613"/>
      <c r="HJ644" s="613"/>
      <c r="HK644" s="613"/>
      <c r="HL644" s="613"/>
      <c r="HM644" s="613"/>
      <c r="HN644" s="613"/>
      <c r="HO644" s="613"/>
      <c r="HP644" s="613"/>
      <c r="HQ644" s="613"/>
      <c r="HR644" s="613"/>
      <c r="HS644" s="613"/>
      <c r="HT644" s="613"/>
      <c r="HU644" s="613"/>
      <c r="HV644" s="613"/>
      <c r="HW644" s="613"/>
      <c r="HX644" s="613"/>
      <c r="HY644" s="613"/>
      <c r="HZ644" s="613"/>
      <c r="IA644" s="613"/>
      <c r="IB644" s="613"/>
      <c r="IC644" s="613"/>
      <c r="ID644" s="613"/>
      <c r="IE644" s="613"/>
      <c r="IF644" s="613"/>
      <c r="IG644" s="613"/>
      <c r="IH644" s="613"/>
      <c r="II644" s="613"/>
      <c r="IJ644" s="613"/>
      <c r="IK644" s="613"/>
      <c r="IL644" s="613"/>
      <c r="IM644" s="613"/>
      <c r="IN644" s="613"/>
      <c r="IO644" s="613"/>
      <c r="IP644" s="613"/>
      <c r="IQ644" s="613"/>
      <c r="IR644" s="613"/>
      <c r="IS644" s="613"/>
      <c r="IT644" s="613"/>
      <c r="IU644" s="613"/>
      <c r="IV644" s="613"/>
      <c r="IW644" s="613"/>
      <c r="IX644" s="613"/>
      <c r="IY644" s="613"/>
      <c r="IZ644" s="613"/>
      <c r="JA644" s="613"/>
      <c r="JB644" s="613"/>
      <c r="JC644" s="613"/>
      <c r="JD644" s="613"/>
      <c r="JE644" s="613"/>
      <c r="JF644" s="613"/>
      <c r="JG644" s="613"/>
      <c r="JH644" s="613"/>
      <c r="JI644" s="613"/>
      <c r="JJ644" s="613"/>
      <c r="JK644" s="613"/>
      <c r="JL644" s="613"/>
      <c r="JM644" s="613"/>
      <c r="JN644" s="613"/>
      <c r="JO644" s="613"/>
      <c r="JP644" s="613"/>
      <c r="JQ644" s="613"/>
      <c r="JR644" s="613"/>
      <c r="JS644" s="613"/>
      <c r="JT644" s="613"/>
      <c r="JU644" s="613"/>
      <c r="JV644" s="613"/>
      <c r="JW644" s="613"/>
      <c r="JX644" s="613"/>
      <c r="JY644" s="613"/>
      <c r="JZ644" s="613"/>
      <c r="KA644" s="613"/>
      <c r="KB644" s="613"/>
      <c r="KC644" s="613"/>
      <c r="KD644" s="613"/>
      <c r="KE644" s="613"/>
      <c r="KF644" s="613"/>
      <c r="KG644" s="613"/>
      <c r="KH644" s="613"/>
      <c r="KI644" s="613"/>
      <c r="KJ644" s="613"/>
      <c r="KK644" s="613"/>
      <c r="KL644" s="613"/>
      <c r="KM644" s="613"/>
      <c r="KN644" s="613"/>
      <c r="KO644" s="613"/>
      <c r="KP644" s="613"/>
      <c r="KQ644" s="613"/>
      <c r="KR644" s="613"/>
      <c r="KS644" s="613"/>
      <c r="KT644" s="613"/>
      <c r="KU644" s="613"/>
      <c r="KV644" s="613"/>
      <c r="KW644" s="613"/>
      <c r="KX644" s="613"/>
      <c r="KY644" s="613"/>
      <c r="KZ644" s="613"/>
      <c r="LA644" s="613"/>
      <c r="LB644" s="613"/>
      <c r="LC644" s="613"/>
      <c r="LD644" s="613"/>
      <c r="LE644" s="613"/>
      <c r="LF644" s="613"/>
      <c r="LG644" s="613"/>
      <c r="LH644" s="613"/>
      <c r="LI644" s="613"/>
      <c r="LJ644" s="613"/>
      <c r="LK644" s="613"/>
      <c r="LL644" s="613"/>
      <c r="LM644" s="613"/>
      <c r="LN644" s="613"/>
      <c r="LO644" s="613"/>
      <c r="LP644" s="613"/>
      <c r="LQ644" s="613"/>
      <c r="LR644" s="613"/>
      <c r="LS644" s="613"/>
      <c r="LT644" s="613"/>
      <c r="LU644" s="613"/>
      <c r="LV644" s="613"/>
      <c r="LW644" s="613"/>
      <c r="LX644" s="613"/>
      <c r="LY644" s="613"/>
      <c r="LZ644" s="613"/>
      <c r="MA644" s="613"/>
      <c r="MB644" s="613"/>
      <c r="MC644" s="613"/>
      <c r="MD644" s="613"/>
      <c r="ME644" s="613"/>
      <c r="MF644" s="613"/>
      <c r="MG644" s="613"/>
      <c r="MH644" s="613"/>
      <c r="MI644" s="613"/>
      <c r="MJ644" s="613"/>
      <c r="MK644" s="613"/>
      <c r="ML644" s="613"/>
      <c r="MM644" s="613"/>
      <c r="MN644" s="613"/>
      <c r="MO644" s="613"/>
      <c r="MP644" s="613"/>
      <c r="MQ644" s="613"/>
      <c r="MR644" s="613"/>
      <c r="MS644" s="613"/>
      <c r="MT644" s="613"/>
      <c r="MU644" s="613"/>
      <c r="MV644" s="613"/>
      <c r="MW644" s="613"/>
      <c r="MX644" s="613"/>
      <c r="MY644" s="613"/>
      <c r="MZ644" s="613"/>
      <c r="NA644" s="613"/>
      <c r="NB644" s="613"/>
      <c r="NC644" s="613"/>
      <c r="ND644" s="613"/>
      <c r="NE644" s="613"/>
      <c r="NF644" s="613"/>
      <c r="NG644" s="613"/>
      <c r="NH644" s="613"/>
      <c r="NI644" s="613"/>
      <c r="NJ644" s="613"/>
      <c r="NK644" s="613"/>
      <c r="NL644" s="613"/>
      <c r="NM644" s="613"/>
      <c r="NN644" s="613"/>
      <c r="NO644" s="613"/>
      <c r="NP644" s="613"/>
      <c r="NQ644" s="613"/>
      <c r="NR644" s="613"/>
      <c r="NS644" s="613"/>
      <c r="NT644" s="613"/>
      <c r="NU644" s="613"/>
      <c r="NV644" s="613"/>
      <c r="NW644" s="613"/>
      <c r="NX644" s="613"/>
      <c r="NY644" s="613"/>
      <c r="NZ644" s="613"/>
      <c r="OA644" s="613"/>
      <c r="OB644" s="613"/>
      <c r="OC644" s="613"/>
      <c r="OD644" s="613"/>
      <c r="OE644" s="613"/>
      <c r="OF644" s="613"/>
      <c r="OG644" s="613"/>
      <c r="OH644" s="613"/>
      <c r="OI644" s="613"/>
      <c r="OJ644" s="613"/>
      <c r="OK644" s="613"/>
      <c r="OL644" s="613"/>
      <c r="OM644" s="613"/>
      <c r="ON644" s="613"/>
      <c r="OO644" s="613"/>
      <c r="OP644" s="613"/>
      <c r="OQ644" s="613"/>
      <c r="OR644" s="613"/>
      <c r="OS644" s="613"/>
      <c r="OT644" s="613"/>
      <c r="OU644" s="613"/>
      <c r="OV644" s="613"/>
      <c r="OW644" s="613"/>
      <c r="OX644" s="613"/>
      <c r="OY644" s="613"/>
      <c r="OZ644" s="613"/>
      <c r="PA644" s="613"/>
      <c r="PB644" s="613"/>
      <c r="PC644" s="613"/>
      <c r="PD644" s="613"/>
      <c r="PE644" s="613"/>
      <c r="PF644" s="613"/>
      <c r="PG644" s="613"/>
      <c r="PH644" s="613"/>
      <c r="PI644" s="613"/>
      <c r="PJ644" s="613"/>
      <c r="PK644" s="613"/>
      <c r="PL644" s="613"/>
      <c r="PM644" s="613"/>
      <c r="PN644" s="613"/>
      <c r="PO644" s="613"/>
      <c r="PP644" s="613"/>
      <c r="PQ644" s="613"/>
      <c r="PR644" s="613"/>
      <c r="PS644" s="613"/>
      <c r="PT644" s="613"/>
      <c r="PU644" s="613"/>
      <c r="PV644" s="613"/>
      <c r="PW644" s="613"/>
      <c r="PX644" s="613"/>
      <c r="PY644" s="613"/>
      <c r="PZ644" s="613"/>
      <c r="QA644" s="613"/>
      <c r="QB644" s="613"/>
      <c r="QC644" s="613"/>
      <c r="QD644" s="613"/>
      <c r="QE644" s="613"/>
      <c r="QF644" s="613"/>
      <c r="QG644" s="613"/>
      <c r="QH644" s="613"/>
      <c r="QI644" s="613"/>
      <c r="QJ644" s="613"/>
      <c r="QK644" s="613"/>
      <c r="QL644" s="613"/>
      <c r="QM644" s="613"/>
      <c r="QN644" s="613"/>
      <c r="QO644" s="613"/>
      <c r="QP644" s="613"/>
      <c r="QQ644" s="613"/>
      <c r="QR644" s="613"/>
      <c r="QS644" s="613"/>
      <c r="QT644" s="613"/>
      <c r="QU644" s="613"/>
      <c r="QV644" s="613"/>
      <c r="QW644" s="613"/>
      <c r="QX644" s="613"/>
      <c r="QY644" s="613"/>
      <c r="QZ644" s="613"/>
      <c r="RA644" s="613"/>
      <c r="RB644" s="613"/>
      <c r="RC644" s="613"/>
      <c r="RD644" s="613"/>
      <c r="RE644" s="613"/>
      <c r="RF644" s="613"/>
      <c r="RG644" s="613"/>
      <c r="RH644" s="613"/>
      <c r="RI644" s="613"/>
      <c r="RJ644" s="613"/>
      <c r="RK644" s="613"/>
      <c r="RL644" s="613"/>
      <c r="RM644" s="613"/>
      <c r="RN644" s="613"/>
      <c r="RO644" s="613"/>
      <c r="RP644" s="613"/>
      <c r="RQ644" s="613"/>
      <c r="RR644" s="613"/>
      <c r="RS644" s="613"/>
      <c r="RT644" s="613"/>
      <c r="RU644" s="613"/>
      <c r="RV644" s="613"/>
      <c r="RW644" s="613"/>
      <c r="RX644" s="613"/>
      <c r="RY644" s="613"/>
      <c r="RZ644" s="613"/>
      <c r="SA644" s="613"/>
      <c r="SB644" s="613"/>
      <c r="SC644" s="613"/>
      <c r="SD644" s="613"/>
      <c r="SE644" s="613"/>
      <c r="SF644" s="613"/>
      <c r="SG644" s="613"/>
      <c r="SH644" s="613"/>
      <c r="SI644" s="613"/>
      <c r="SJ644" s="613"/>
      <c r="SK644" s="613"/>
      <c r="SL644" s="613"/>
      <c r="SM644" s="613"/>
      <c r="SN644" s="613"/>
      <c r="SO644" s="613"/>
      <c r="SP644" s="613"/>
      <c r="SQ644" s="613"/>
      <c r="SR644" s="613"/>
      <c r="SS644" s="613"/>
      <c r="ST644" s="613"/>
      <c r="SU644" s="613"/>
      <c r="SV644" s="613"/>
      <c r="SW644" s="613"/>
      <c r="SX644" s="613"/>
      <c r="SY644" s="613"/>
      <c r="SZ644" s="613"/>
      <c r="TA644" s="613"/>
      <c r="TB644" s="613"/>
      <c r="TC644" s="613"/>
      <c r="TD644" s="613"/>
      <c r="TE644" s="613"/>
      <c r="TF644" s="613"/>
      <c r="TG644" s="613"/>
      <c r="TH644" s="613"/>
      <c r="TI644" s="613"/>
      <c r="TJ644" s="613"/>
      <c r="TK644" s="613"/>
      <c r="TL644" s="613"/>
      <c r="TM644" s="613"/>
      <c r="TN644" s="613"/>
      <c r="TO644" s="613"/>
      <c r="TP644" s="613"/>
      <c r="TQ644" s="613"/>
      <c r="TR644" s="613"/>
      <c r="TS644" s="613"/>
      <c r="TT644" s="613"/>
      <c r="TU644" s="613"/>
      <c r="TV644" s="613"/>
      <c r="TW644" s="613"/>
      <c r="TX644" s="613"/>
      <c r="TY644" s="613"/>
      <c r="TZ644" s="613"/>
      <c r="UA644" s="613"/>
      <c r="UB644" s="613"/>
      <c r="UC644" s="613"/>
      <c r="UD644" s="613"/>
      <c r="UE644" s="613"/>
      <c r="UF644" s="613"/>
      <c r="UG644" s="613"/>
      <c r="UH644" s="613"/>
      <c r="UI644" s="613"/>
      <c r="UJ644" s="613"/>
      <c r="UK644" s="613"/>
      <c r="UL644" s="613"/>
      <c r="UM644" s="613"/>
      <c r="UN644" s="613"/>
      <c r="UO644" s="613"/>
      <c r="UP644" s="613"/>
      <c r="UQ644" s="613"/>
      <c r="UR644" s="613"/>
      <c r="US644" s="613"/>
      <c r="UT644" s="613"/>
      <c r="UU644" s="613"/>
      <c r="UV644" s="613"/>
      <c r="UW644" s="613"/>
      <c r="UX644" s="613"/>
      <c r="UY644" s="613"/>
      <c r="UZ644" s="613"/>
      <c r="VA644" s="613"/>
      <c r="VB644" s="613"/>
      <c r="VC644" s="613"/>
      <c r="VD644" s="613"/>
      <c r="VE644" s="613"/>
      <c r="VF644" s="613"/>
      <c r="VG644" s="613"/>
      <c r="VH644" s="613"/>
      <c r="VI644" s="613"/>
      <c r="VJ644" s="613"/>
      <c r="VK644" s="613"/>
      <c r="VL644" s="613"/>
      <c r="VM644" s="613"/>
      <c r="VN644" s="613"/>
      <c r="VO644" s="613"/>
      <c r="VP644" s="613"/>
      <c r="VQ644" s="613"/>
      <c r="VR644" s="613"/>
      <c r="VS644" s="613"/>
      <c r="VT644" s="613"/>
      <c r="VU644" s="613"/>
      <c r="VV644" s="613"/>
      <c r="VW644" s="613"/>
      <c r="VX644" s="613"/>
      <c r="VY644" s="613"/>
      <c r="VZ644" s="613"/>
      <c r="WA644" s="613"/>
      <c r="WB644" s="613"/>
      <c r="WC644" s="613"/>
      <c r="WD644" s="613"/>
      <c r="WE644" s="613"/>
      <c r="WF644" s="613"/>
      <c r="WG644" s="613"/>
      <c r="WH644" s="613"/>
      <c r="WI644" s="613"/>
      <c r="WJ644" s="613"/>
      <c r="WK644" s="613"/>
      <c r="WL644" s="613"/>
      <c r="WM644" s="613"/>
      <c r="WN644" s="613"/>
      <c r="WO644" s="613"/>
      <c r="WP644" s="613"/>
      <c r="WQ644" s="613"/>
      <c r="WR644" s="613"/>
      <c r="WS644" s="613"/>
      <c r="WT644" s="613"/>
      <c r="WU644" s="613"/>
      <c r="WV644" s="613"/>
      <c r="WW644" s="613"/>
      <c r="WX644" s="613"/>
      <c r="WY644" s="613"/>
      <c r="WZ644" s="613"/>
      <c r="XA644" s="613"/>
      <c r="XB644" s="613"/>
      <c r="XC644" s="613"/>
      <c r="XD644" s="613"/>
      <c r="XE644" s="613"/>
      <c r="XF644" s="613"/>
      <c r="XG644" s="613"/>
      <c r="XH644" s="613"/>
      <c r="XI644" s="613"/>
      <c r="XJ644" s="613"/>
      <c r="XK644" s="613"/>
      <c r="XL644" s="613"/>
      <c r="XM644" s="613"/>
      <c r="XN644" s="613"/>
      <c r="XO644" s="613"/>
      <c r="XP644" s="613"/>
      <c r="XQ644" s="613"/>
      <c r="XR644" s="613"/>
      <c r="XS644" s="613"/>
      <c r="XT644" s="613"/>
      <c r="XU644" s="613"/>
      <c r="XV644" s="613"/>
      <c r="XW644" s="613"/>
      <c r="XX644" s="613"/>
      <c r="XY644" s="613"/>
      <c r="XZ644" s="613"/>
      <c r="YA644" s="613"/>
      <c r="YB644" s="613"/>
      <c r="YC644" s="613"/>
      <c r="YD644" s="613"/>
      <c r="YE644" s="613"/>
      <c r="YF644" s="613"/>
      <c r="YG644" s="613"/>
      <c r="YH644" s="613"/>
      <c r="YI644" s="613"/>
      <c r="YJ644" s="613"/>
      <c r="YK644" s="613"/>
      <c r="YL644" s="613"/>
      <c r="YM644" s="613"/>
      <c r="YN644" s="613"/>
      <c r="YO644" s="613"/>
      <c r="YP644" s="613"/>
      <c r="YQ644" s="613"/>
      <c r="YR644" s="613"/>
      <c r="YS644" s="613"/>
      <c r="YT644" s="613"/>
      <c r="YU644" s="613"/>
      <c r="YV644" s="613"/>
      <c r="YW644" s="613"/>
      <c r="YX644" s="613"/>
      <c r="YY644" s="613"/>
      <c r="YZ644" s="613"/>
      <c r="ZA644" s="613"/>
      <c r="ZB644" s="613"/>
      <c r="ZC644" s="613"/>
      <c r="ZD644" s="613"/>
      <c r="ZE644" s="613"/>
      <c r="ZF644" s="613"/>
      <c r="ZG644" s="613"/>
      <c r="ZH644" s="613"/>
      <c r="ZI644" s="613"/>
      <c r="ZJ644" s="613"/>
      <c r="ZK644" s="613"/>
      <c r="ZL644" s="613"/>
      <c r="ZM644" s="613"/>
      <c r="ZN644" s="613"/>
      <c r="ZO644" s="613"/>
      <c r="ZP644" s="613"/>
      <c r="ZQ644" s="613"/>
      <c r="ZR644" s="613"/>
      <c r="ZS644" s="613"/>
      <c r="ZT644" s="613"/>
      <c r="ZU644" s="613"/>
      <c r="ZV644" s="613"/>
      <c r="ZW644" s="613"/>
      <c r="ZX644" s="613"/>
      <c r="ZY644" s="613"/>
      <c r="ZZ644" s="613"/>
      <c r="AAA644" s="613"/>
      <c r="AAB644" s="613"/>
      <c r="AAC644" s="613"/>
      <c r="AAD644" s="613"/>
      <c r="AAE644" s="613"/>
      <c r="AAF644" s="613"/>
      <c r="AAG644" s="613"/>
      <c r="AAH644" s="613"/>
      <c r="AAI644" s="613"/>
      <c r="AAJ644" s="613"/>
      <c r="AAK644" s="613"/>
      <c r="AAL644" s="613"/>
      <c r="AAM644" s="613"/>
      <c r="AAN644" s="613"/>
      <c r="AAO644" s="613"/>
      <c r="AAP644" s="613"/>
      <c r="AAQ644" s="613"/>
      <c r="AAR644" s="613"/>
      <c r="AAS644" s="613"/>
      <c r="AAT644" s="613"/>
      <c r="AAU644" s="613"/>
      <c r="AAV644" s="613"/>
      <c r="AAW644" s="613"/>
      <c r="AAX644" s="613"/>
      <c r="AAY644" s="613"/>
      <c r="AAZ644" s="613"/>
      <c r="ABA644" s="613"/>
      <c r="ABB644" s="613"/>
      <c r="ABC644" s="613"/>
      <c r="ABD644" s="613"/>
      <c r="ABE644" s="613"/>
      <c r="ABF644" s="613"/>
      <c r="ABG644" s="613"/>
      <c r="ABH644" s="613"/>
      <c r="ABI644" s="613"/>
      <c r="ABJ644" s="613"/>
      <c r="ABK644" s="613"/>
      <c r="ABL644" s="613"/>
      <c r="ABM644" s="613"/>
      <c r="ABN644" s="613"/>
      <c r="ABO644" s="613"/>
      <c r="ABP644" s="613"/>
      <c r="ABQ644" s="613"/>
      <c r="ABR644" s="613"/>
      <c r="ABS644" s="613"/>
      <c r="ABT644" s="613"/>
      <c r="ABU644" s="613"/>
      <c r="ABV644" s="613"/>
      <c r="ABW644" s="613"/>
      <c r="ABX644" s="613"/>
      <c r="ABY644" s="613"/>
      <c r="ABZ644" s="613"/>
      <c r="ACA644" s="613"/>
      <c r="ACB644" s="613"/>
      <c r="ACC644" s="613"/>
      <c r="ACD644" s="613"/>
      <c r="ACE644" s="613"/>
      <c r="ACF644" s="613"/>
      <c r="ACG644" s="613"/>
      <c r="ACH644" s="613"/>
      <c r="ACI644" s="613"/>
      <c r="ACJ644" s="613"/>
      <c r="ACK644" s="613"/>
      <c r="ACL644" s="613"/>
      <c r="ACM644" s="613"/>
      <c r="ACN644" s="613"/>
      <c r="ACO644" s="613"/>
      <c r="ACP644" s="613"/>
      <c r="ACQ644" s="613"/>
      <c r="ACR644" s="613"/>
      <c r="ACS644" s="613"/>
      <c r="ACT644" s="613"/>
      <c r="ACU644" s="613"/>
      <c r="ACV644" s="613"/>
      <c r="ACW644" s="613"/>
      <c r="ACX644" s="613"/>
      <c r="ACY644" s="613"/>
      <c r="ACZ644" s="613"/>
      <c r="ADA644" s="613"/>
      <c r="ADB644" s="613"/>
      <c r="ADC644" s="613"/>
      <c r="ADD644" s="613"/>
      <c r="ADE644" s="613"/>
      <c r="ADF644" s="613"/>
      <c r="ADG644" s="613"/>
      <c r="ADH644" s="613"/>
      <c r="ADI644" s="613"/>
      <c r="ADJ644" s="613"/>
      <c r="ADK644" s="613"/>
      <c r="ADL644" s="613"/>
      <c r="ADM644" s="613"/>
      <c r="ADN644" s="613"/>
      <c r="ADO644" s="613"/>
      <c r="ADP644" s="613"/>
      <c r="ADQ644" s="613"/>
      <c r="ADR644" s="613"/>
      <c r="ADS644" s="613"/>
      <c r="ADT644" s="613"/>
      <c r="ADU644" s="613"/>
      <c r="ADV644" s="613"/>
      <c r="ADW644" s="613"/>
      <c r="ADX644" s="613"/>
      <c r="ADY644" s="613"/>
      <c r="ADZ644" s="613"/>
      <c r="AEA644" s="613"/>
      <c r="AEB644" s="613"/>
      <c r="AEC644" s="613"/>
      <c r="AED644" s="613"/>
      <c r="AEE644" s="613"/>
      <c r="AEF644" s="613"/>
      <c r="AEG644" s="613"/>
      <c r="AEH644" s="613"/>
      <c r="AEI644" s="613"/>
      <c r="AEJ644" s="613"/>
      <c r="AEK644" s="613"/>
      <c r="AEL644" s="613"/>
      <c r="AEM644" s="613"/>
      <c r="AEN644" s="613"/>
      <c r="AEO644" s="613"/>
      <c r="AEP644" s="613"/>
      <c r="AEQ644" s="613"/>
      <c r="AER644" s="613"/>
      <c r="AES644" s="613"/>
      <c r="AET644" s="613"/>
      <c r="AEU644" s="613"/>
      <c r="AEV644" s="613"/>
      <c r="AEW644" s="613"/>
      <c r="AEX644" s="613"/>
      <c r="AEY644" s="613"/>
      <c r="AEZ644" s="613"/>
      <c r="AFA644" s="613"/>
      <c r="AFB644" s="613"/>
      <c r="AFC644" s="613"/>
      <c r="AFD644" s="613"/>
      <c r="AFE644" s="613"/>
      <c r="AFF644" s="613"/>
      <c r="AFG644" s="613"/>
      <c r="AFH644" s="613"/>
      <c r="AFI644" s="613"/>
      <c r="AFJ644" s="613"/>
      <c r="AFK644" s="613"/>
      <c r="AFL644" s="613"/>
      <c r="AFM644" s="613"/>
      <c r="AFN644" s="613"/>
      <c r="AFO644" s="613"/>
      <c r="AFP644" s="613"/>
      <c r="AFQ644" s="613"/>
      <c r="AFR644" s="613"/>
      <c r="AFS644" s="613"/>
      <c r="AFT644" s="613"/>
      <c r="AFU644" s="613"/>
      <c r="AFV644" s="613"/>
      <c r="AFW644" s="613"/>
      <c r="AFX644" s="613"/>
      <c r="AFY644" s="613"/>
      <c r="AFZ644" s="613"/>
      <c r="AGA644" s="613"/>
      <c r="AGB644" s="613"/>
      <c r="AGC644" s="613"/>
      <c r="AGD644" s="613"/>
      <c r="AGE644" s="613"/>
      <c r="AGF644" s="613"/>
      <c r="AGG644" s="613"/>
      <c r="AGH644" s="613"/>
      <c r="AGI644" s="613"/>
      <c r="AGJ644" s="613"/>
      <c r="AGK644" s="613"/>
      <c r="AGL644" s="613"/>
      <c r="AGM644" s="613"/>
      <c r="AGN644" s="613"/>
      <c r="AGO644" s="613"/>
      <c r="AGP644" s="613"/>
      <c r="AGQ644" s="613"/>
      <c r="AGR644" s="613"/>
      <c r="AGS644" s="613"/>
      <c r="AGT644" s="613"/>
      <c r="AGU644" s="613"/>
      <c r="AGV644" s="613"/>
      <c r="AGW644" s="613"/>
      <c r="AGX644" s="613"/>
      <c r="AGY644" s="613"/>
      <c r="AGZ644" s="613"/>
      <c r="AHA644" s="613"/>
      <c r="AHB644" s="613"/>
      <c r="AHC644" s="613"/>
      <c r="AHD644" s="613"/>
      <c r="AHE644" s="613"/>
      <c r="AHF644" s="613"/>
      <c r="AHG644" s="613"/>
      <c r="AHH644" s="613"/>
      <c r="AHI644" s="613"/>
      <c r="AHJ644" s="613"/>
      <c r="AHK644" s="613"/>
      <c r="AHL644" s="613"/>
      <c r="AHM644" s="613"/>
      <c r="AHN644" s="613"/>
      <c r="AHO644" s="613"/>
      <c r="AHP644" s="613"/>
      <c r="AHQ644" s="613"/>
      <c r="AHR644" s="613"/>
      <c r="AHS644" s="613"/>
      <c r="AHT644" s="613"/>
      <c r="AHU644" s="613"/>
      <c r="AHV644" s="613"/>
      <c r="AHW644" s="613"/>
      <c r="AHX644" s="613"/>
      <c r="AHY644" s="613"/>
      <c r="AHZ644" s="613"/>
      <c r="AIA644" s="613"/>
      <c r="AIB644" s="613"/>
      <c r="AIC644" s="613"/>
      <c r="AID644" s="613"/>
      <c r="AIE644" s="613"/>
      <c r="AIF644" s="613"/>
      <c r="AIG644" s="613"/>
      <c r="AIH644" s="613"/>
      <c r="AII644" s="613"/>
      <c r="AIJ644" s="613"/>
      <c r="AIK644" s="613"/>
      <c r="AIL644" s="613"/>
      <c r="AIM644" s="613"/>
      <c r="AIN644" s="613"/>
      <c r="AIO644" s="613"/>
      <c r="AIP644" s="613"/>
      <c r="AIQ644" s="613"/>
      <c r="AIR644" s="613"/>
      <c r="AIS644" s="613"/>
      <c r="AIT644" s="613"/>
      <c r="AIU644" s="613"/>
      <c r="AIV644" s="613"/>
      <c r="AIW644" s="613"/>
      <c r="AIX644" s="613"/>
      <c r="AIY644" s="613"/>
      <c r="AIZ644" s="613"/>
      <c r="AJA644" s="613"/>
      <c r="AJB644" s="613"/>
      <c r="AJC644" s="613"/>
      <c r="AJD644" s="613"/>
      <c r="AJE644" s="613"/>
      <c r="AJF644" s="613"/>
      <c r="AJG644" s="613"/>
      <c r="AJH644" s="613"/>
      <c r="AJI644" s="613"/>
      <c r="AJJ644" s="613"/>
      <c r="AJK644" s="613"/>
      <c r="AJL644" s="613"/>
      <c r="AJM644" s="613"/>
      <c r="AJN644" s="613"/>
      <c r="AJO644" s="613"/>
      <c r="AJP644" s="613"/>
      <c r="AJQ644" s="613"/>
      <c r="AJR644" s="613"/>
      <c r="AJS644" s="613"/>
      <c r="AJT644" s="613"/>
      <c r="AJU644" s="613"/>
      <c r="AJV644" s="613"/>
      <c r="AJW644" s="613"/>
      <c r="AJX644" s="613"/>
      <c r="AJY644" s="613"/>
      <c r="AJZ644" s="613"/>
      <c r="AKA644" s="613"/>
      <c r="AKB644" s="613"/>
      <c r="AKC644" s="613"/>
      <c r="AKD644" s="613"/>
      <c r="AKE644" s="613"/>
      <c r="AKF644" s="613"/>
      <c r="AKG644" s="613"/>
      <c r="AKH644" s="613"/>
      <c r="AKI644" s="613"/>
      <c r="AKJ644" s="613"/>
      <c r="AKK644" s="613"/>
      <c r="AKL644" s="613"/>
      <c r="AKM644" s="613"/>
      <c r="AKN644" s="613"/>
      <c r="AKO644" s="613"/>
      <c r="AKP644" s="613"/>
      <c r="AKQ644" s="613"/>
      <c r="AKR644" s="613"/>
      <c r="AKS644" s="613"/>
      <c r="AKT644" s="613"/>
      <c r="AKU644" s="613"/>
      <c r="AKV644" s="613"/>
      <c r="AKW644" s="613"/>
      <c r="AKX644" s="613"/>
      <c r="AKY644" s="613"/>
      <c r="AKZ644" s="613"/>
      <c r="ALA644" s="613"/>
      <c r="ALB644" s="613"/>
      <c r="ALC644" s="613"/>
      <c r="ALD644" s="613"/>
      <c r="ALE644" s="613"/>
      <c r="ALF644" s="613"/>
      <c r="ALG644" s="613"/>
      <c r="ALH644" s="613"/>
      <c r="ALI644" s="613"/>
      <c r="ALJ644" s="613"/>
      <c r="ALK644" s="613"/>
      <c r="ALL644" s="613"/>
      <c r="ALM644" s="613"/>
      <c r="ALN644" s="613"/>
      <c r="ALO644" s="613"/>
      <c r="ALP644" s="613"/>
      <c r="ALQ644" s="613"/>
      <c r="ALR644" s="613"/>
      <c r="ALS644" s="613"/>
      <c r="ALT644" s="613"/>
      <c r="ALU644" s="613"/>
      <c r="ALV644" s="613"/>
      <c r="ALW644" s="613"/>
      <c r="ALX644" s="613"/>
      <c r="ALY644" s="613"/>
      <c r="ALZ644" s="613"/>
      <c r="AMA644" s="613"/>
      <c r="AMB644" s="613"/>
      <c r="AMC644" s="613"/>
      <c r="AMD644" s="613"/>
      <c r="AME644" s="613"/>
      <c r="AMF644" s="613"/>
      <c r="AMG644" s="613"/>
      <c r="AMH644" s="613"/>
      <c r="AMI644" s="613"/>
      <c r="AMJ644" s="613"/>
      <c r="AMK644" s="613"/>
      <c r="AML644" s="613"/>
      <c r="AMM644" s="613"/>
      <c r="AMN644" s="613"/>
      <c r="AMO644" s="613"/>
      <c r="AMP644" s="613"/>
      <c r="AMQ644" s="613"/>
      <c r="AMR644" s="613"/>
      <c r="AMS644" s="613"/>
      <c r="AMT644" s="613"/>
      <c r="AMU644" s="613"/>
      <c r="AMV644" s="613"/>
      <c r="AMW644" s="613"/>
      <c r="AMX644" s="613"/>
      <c r="AMY644" s="613"/>
      <c r="AMZ644" s="613"/>
      <c r="ANA644" s="613"/>
      <c r="ANB644" s="613"/>
      <c r="ANC644" s="613"/>
      <c r="AND644" s="613"/>
      <c r="ANE644" s="613"/>
      <c r="ANF644" s="613"/>
      <c r="ANG644" s="613"/>
      <c r="ANH644" s="613"/>
      <c r="ANI644" s="613"/>
      <c r="ANJ644" s="613"/>
      <c r="ANK644" s="613"/>
      <c r="ANL644" s="613"/>
      <c r="ANM644" s="613"/>
      <c r="ANN644" s="613"/>
      <c r="ANO644" s="613"/>
      <c r="ANP644" s="613"/>
      <c r="ANQ644" s="613"/>
      <c r="ANR644" s="613"/>
      <c r="ANS644" s="613"/>
      <c r="ANT644" s="613"/>
      <c r="ANU644" s="613"/>
      <c r="ANV644" s="613"/>
      <c r="ANW644" s="613"/>
      <c r="ANX644" s="613"/>
      <c r="ANY644" s="613"/>
      <c r="ANZ644" s="613"/>
      <c r="AOA644" s="613"/>
      <c r="AOB644" s="613"/>
      <c r="AOC644" s="613"/>
      <c r="AOD644" s="613"/>
      <c r="AOE644" s="613"/>
      <c r="AOF644" s="613"/>
      <c r="AOG644" s="613"/>
      <c r="AOH644" s="613"/>
      <c r="AOI644" s="613"/>
      <c r="AOJ644" s="613"/>
      <c r="AOK644" s="613"/>
      <c r="AOL644" s="613"/>
      <c r="AOM644" s="613"/>
      <c r="AON644" s="613"/>
      <c r="AOO644" s="613"/>
      <c r="AOP644" s="613"/>
      <c r="AOQ644" s="613"/>
      <c r="AOR644" s="613"/>
      <c r="AOS644" s="613"/>
      <c r="AOT644" s="613"/>
      <c r="AOU644" s="613"/>
      <c r="AOV644" s="613"/>
      <c r="AOW644" s="613"/>
      <c r="AOX644" s="613"/>
      <c r="AOY644" s="613"/>
      <c r="AOZ644" s="613"/>
      <c r="APA644" s="613"/>
      <c r="APB644" s="613"/>
      <c r="APC644" s="613"/>
      <c r="APD644" s="613"/>
      <c r="APE644" s="613"/>
      <c r="APF644" s="613"/>
      <c r="APG644" s="613"/>
      <c r="APH644" s="613"/>
      <c r="API644" s="613"/>
      <c r="APJ644" s="613"/>
      <c r="APK644" s="613"/>
      <c r="APL644" s="613"/>
      <c r="APM644" s="613"/>
      <c r="APN644" s="613"/>
      <c r="APO644" s="613"/>
      <c r="APP644" s="613"/>
      <c r="APQ644" s="613"/>
      <c r="APR644" s="613"/>
      <c r="APS644" s="613"/>
      <c r="APT644" s="613"/>
      <c r="APU644" s="613"/>
      <c r="APV644" s="613"/>
      <c r="APW644" s="613"/>
      <c r="APX644" s="613"/>
      <c r="APY644" s="613"/>
      <c r="APZ644" s="613"/>
      <c r="AQA644" s="613"/>
      <c r="AQB644" s="613"/>
      <c r="AQC644" s="613"/>
      <c r="AQD644" s="613"/>
      <c r="AQE644" s="613"/>
      <c r="AQF644" s="613"/>
      <c r="AQG644" s="613"/>
      <c r="AQH644" s="613"/>
      <c r="AQI644" s="613"/>
      <c r="AQJ644" s="613"/>
      <c r="AQK644" s="613"/>
      <c r="AQL644" s="613"/>
      <c r="AQM644" s="613"/>
      <c r="AQN644" s="613"/>
      <c r="AQO644" s="613"/>
      <c r="AQP644" s="613"/>
      <c r="AQQ644" s="613"/>
      <c r="AQR644" s="613"/>
      <c r="AQS644" s="613"/>
      <c r="AQT644" s="613"/>
      <c r="AQU644" s="613"/>
      <c r="AQV644" s="613"/>
      <c r="AQW644" s="613"/>
      <c r="AQX644" s="613"/>
      <c r="AQY644" s="613"/>
      <c r="AQZ644" s="613"/>
      <c r="ARA644" s="613"/>
      <c r="ARB644" s="613"/>
      <c r="ARC644" s="613"/>
      <c r="ARD644" s="613"/>
      <c r="ARE644" s="613"/>
      <c r="ARF644" s="613"/>
      <c r="ARG644" s="613"/>
      <c r="ARH644" s="613"/>
      <c r="ARI644" s="613"/>
      <c r="ARJ644" s="613"/>
      <c r="ARK644" s="613"/>
      <c r="ARL644" s="613"/>
      <c r="ARM644" s="613"/>
      <c r="ARN644" s="613"/>
      <c r="ARO644" s="613"/>
      <c r="ARP644" s="613"/>
      <c r="ARQ644" s="613"/>
      <c r="ARR644" s="613"/>
      <c r="ARS644" s="613"/>
      <c r="ART644" s="613"/>
      <c r="ARU644" s="613"/>
      <c r="ARV644" s="613"/>
      <c r="ARW644" s="613"/>
      <c r="ARX644" s="613"/>
      <c r="ARY644" s="613"/>
      <c r="ARZ644" s="613"/>
      <c r="ASA644" s="613"/>
      <c r="ASB644" s="613"/>
      <c r="ASC644" s="613"/>
      <c r="ASD644" s="613"/>
      <c r="ASE644" s="613"/>
      <c r="ASF644" s="613"/>
      <c r="ASG644" s="613"/>
      <c r="ASH644" s="613"/>
      <c r="ASI644" s="613"/>
      <c r="ASJ644" s="613"/>
      <c r="ASK644" s="613"/>
      <c r="ASL644" s="613"/>
      <c r="ASM644" s="613"/>
      <c r="ASN644" s="613"/>
      <c r="ASO644" s="613"/>
      <c r="ASP644" s="613"/>
      <c r="ASQ644" s="613"/>
      <c r="ASR644" s="613"/>
      <c r="ASS644" s="613"/>
      <c r="AST644" s="613"/>
      <c r="ASU644" s="613"/>
      <c r="ASV644" s="613"/>
      <c r="ASW644" s="613"/>
      <c r="ASX644" s="613"/>
      <c r="ASY644" s="613"/>
      <c r="ASZ644" s="613"/>
      <c r="ATA644" s="613"/>
      <c r="ATB644" s="613"/>
      <c r="ATC644" s="613"/>
      <c r="ATD644" s="613"/>
      <c r="ATE644" s="613"/>
      <c r="ATF644" s="613"/>
      <c r="ATG644" s="613"/>
      <c r="ATH644" s="613"/>
      <c r="ATI644" s="613"/>
      <c r="ATJ644" s="613"/>
      <c r="ATK644" s="613"/>
      <c r="ATL644" s="613"/>
      <c r="ATM644" s="613"/>
      <c r="ATN644" s="613"/>
      <c r="ATO644" s="613"/>
      <c r="ATP644" s="613"/>
      <c r="ATQ644" s="613"/>
      <c r="ATR644" s="613"/>
      <c r="ATS644" s="613"/>
      <c r="ATT644" s="613"/>
      <c r="ATU644" s="613"/>
      <c r="ATV644" s="613"/>
      <c r="ATW644" s="613"/>
      <c r="ATX644" s="613"/>
      <c r="ATY644" s="613"/>
      <c r="ATZ644" s="613"/>
      <c r="AUA644" s="613"/>
      <c r="AUB644" s="613"/>
      <c r="AUC644" s="613"/>
      <c r="AUD644" s="613"/>
      <c r="AUE644" s="613"/>
      <c r="AUF644" s="613"/>
      <c r="AUG644" s="613"/>
      <c r="AUH644" s="613"/>
      <c r="AUI644" s="613"/>
      <c r="AUJ644" s="613"/>
      <c r="AUK644" s="613"/>
      <c r="AUL644" s="613"/>
      <c r="AUM644" s="613"/>
      <c r="AUN644" s="613"/>
      <c r="AUO644" s="613"/>
      <c r="AUP644" s="613"/>
      <c r="AUQ644" s="613"/>
      <c r="AUR644" s="613"/>
      <c r="AUS644" s="613"/>
      <c r="AUT644" s="613"/>
      <c r="AUU644" s="613"/>
      <c r="AUV644" s="613"/>
      <c r="AUW644" s="613"/>
      <c r="AUX644" s="613"/>
      <c r="AUY644" s="613"/>
      <c r="AUZ644" s="613"/>
      <c r="AVA644" s="613"/>
      <c r="AVB644" s="613"/>
      <c r="AVC644" s="613"/>
      <c r="AVD644" s="613"/>
      <c r="AVE644" s="613"/>
      <c r="AVF644" s="613"/>
      <c r="AVG644" s="613"/>
      <c r="AVH644" s="613"/>
      <c r="AVI644" s="613"/>
      <c r="AVJ644" s="613"/>
      <c r="AVK644" s="613"/>
      <c r="AVL644" s="613"/>
      <c r="AVM644" s="613"/>
      <c r="AVN644" s="613"/>
      <c r="AVO644" s="613"/>
      <c r="AVP644" s="613"/>
      <c r="AVQ644" s="613"/>
      <c r="AVR644" s="613"/>
      <c r="AVS644" s="613"/>
      <c r="AVT644" s="613"/>
      <c r="AVU644" s="613"/>
      <c r="AVV644" s="613"/>
      <c r="AVW644" s="613"/>
      <c r="AVX644" s="613"/>
      <c r="AVY644" s="613"/>
      <c r="AVZ644" s="613"/>
      <c r="AWA644" s="613"/>
      <c r="AWB644" s="613"/>
      <c r="AWC644" s="613"/>
      <c r="AWD644" s="613"/>
      <c r="AWE644" s="613"/>
      <c r="AWF644" s="613"/>
      <c r="AWG644" s="613"/>
      <c r="AWH644" s="613"/>
      <c r="AWI644" s="613"/>
      <c r="AWJ644" s="613"/>
      <c r="AWK644" s="613"/>
      <c r="AWL644" s="613"/>
      <c r="AWM644" s="613"/>
      <c r="AWN644" s="613"/>
      <c r="AWO644" s="613"/>
      <c r="AWP644" s="613"/>
      <c r="AWQ644" s="613"/>
      <c r="AWR644" s="613"/>
      <c r="AWS644" s="613"/>
      <c r="AWT644" s="613"/>
      <c r="AWU644" s="613"/>
      <c r="AWV644" s="613"/>
      <c r="AWW644" s="613"/>
      <c r="AWX644" s="613"/>
      <c r="AWY644" s="613"/>
      <c r="AWZ644" s="613"/>
      <c r="AXA644" s="613"/>
      <c r="AXB644" s="613"/>
      <c r="AXC644" s="613"/>
      <c r="AXD644" s="613"/>
      <c r="AXE644" s="613"/>
      <c r="AXF644" s="613"/>
      <c r="AXG644" s="613"/>
      <c r="AXH644" s="613"/>
      <c r="AXI644" s="613"/>
      <c r="AXJ644" s="613"/>
      <c r="AXK644" s="613"/>
      <c r="AXL644" s="613"/>
      <c r="AXM644" s="613"/>
      <c r="AXN644" s="613"/>
      <c r="AXO644" s="613"/>
      <c r="AXP644" s="613"/>
      <c r="AXQ644" s="613"/>
      <c r="AXR644" s="613"/>
      <c r="AXS644" s="613"/>
      <c r="AXT644" s="613"/>
      <c r="AXU644" s="613"/>
      <c r="AXV644" s="613"/>
      <c r="AXW644" s="613"/>
      <c r="AXX644" s="613"/>
      <c r="AXY644" s="613"/>
      <c r="AXZ644" s="613"/>
      <c r="AYA644" s="613"/>
      <c r="AYB644" s="613"/>
      <c r="AYC644" s="613"/>
      <c r="AYD644" s="613"/>
      <c r="AYE644" s="613"/>
      <c r="AYF644" s="613"/>
      <c r="AYG644" s="613"/>
      <c r="AYH644" s="613"/>
      <c r="AYI644" s="613"/>
      <c r="AYJ644" s="613"/>
      <c r="AYK644" s="613"/>
      <c r="AYL644" s="613"/>
      <c r="AYM644" s="613"/>
      <c r="AYN644" s="613"/>
      <c r="AYO644" s="613"/>
      <c r="AYP644" s="613"/>
      <c r="AYQ644" s="613"/>
      <c r="AYR644" s="613"/>
      <c r="AYS644" s="613"/>
      <c r="AYT644" s="613"/>
      <c r="AYU644" s="613"/>
      <c r="AYV644" s="613"/>
      <c r="AYW644" s="613"/>
      <c r="AYX644" s="613"/>
      <c r="AYY644" s="613"/>
      <c r="AYZ644" s="613"/>
      <c r="AZA644" s="613"/>
      <c r="AZB644" s="613"/>
      <c r="AZC644" s="613"/>
      <c r="AZD644" s="613"/>
      <c r="AZE644" s="613"/>
      <c r="AZF644" s="613"/>
      <c r="AZG644" s="613"/>
      <c r="AZH644" s="613"/>
      <c r="AZI644" s="613"/>
      <c r="AZJ644" s="613"/>
      <c r="AZK644" s="613"/>
      <c r="AZL644" s="613"/>
      <c r="AZM644" s="613"/>
      <c r="AZN644" s="613"/>
      <c r="AZO644" s="613"/>
      <c r="AZP644" s="613"/>
      <c r="AZQ644" s="613"/>
      <c r="AZR644" s="613"/>
      <c r="AZS644" s="613"/>
      <c r="AZT644" s="613"/>
      <c r="AZU644" s="613"/>
      <c r="AZV644" s="613"/>
      <c r="AZW644" s="613"/>
      <c r="AZX644" s="613"/>
      <c r="AZY644" s="613"/>
      <c r="AZZ644" s="613"/>
      <c r="BAA644" s="613"/>
      <c r="BAB644" s="613"/>
      <c r="BAC644" s="613"/>
      <c r="BAD644" s="613"/>
      <c r="BAE644" s="613"/>
      <c r="BAF644" s="613"/>
      <c r="BAG644" s="613"/>
      <c r="BAH644" s="613"/>
      <c r="BAI644" s="613"/>
      <c r="BAJ644" s="613"/>
      <c r="BAK644" s="613"/>
      <c r="BAL644" s="613"/>
      <c r="BAM644" s="613"/>
      <c r="BAN644" s="613"/>
      <c r="BAO644" s="613"/>
      <c r="BAP644" s="613"/>
      <c r="BAQ644" s="613"/>
      <c r="BAR644" s="613"/>
      <c r="BAS644" s="613"/>
      <c r="BAT644" s="613"/>
      <c r="BAU644" s="613"/>
      <c r="BAV644" s="613"/>
      <c r="BAW644" s="613"/>
      <c r="BAX644" s="613"/>
      <c r="BAY644" s="613"/>
      <c r="BAZ644" s="613"/>
      <c r="BBA644" s="613"/>
      <c r="BBB644" s="613"/>
      <c r="BBC644" s="613"/>
      <c r="BBD644" s="613"/>
      <c r="BBE644" s="613"/>
      <c r="BBF644" s="613"/>
      <c r="BBG644" s="613"/>
      <c r="BBH644" s="613"/>
      <c r="BBI644" s="613"/>
      <c r="BBJ644" s="613"/>
      <c r="BBK644" s="613"/>
      <c r="BBL644" s="613"/>
      <c r="BBM644" s="613"/>
      <c r="BBN644" s="613"/>
      <c r="BBO644" s="613"/>
      <c r="BBP644" s="613"/>
      <c r="BBQ644" s="613"/>
      <c r="BBR644" s="613"/>
      <c r="BBS644" s="613"/>
      <c r="BBT644" s="613"/>
      <c r="BBU644" s="613"/>
      <c r="BBV644" s="613"/>
      <c r="BBW644" s="613"/>
      <c r="BBX644" s="613"/>
      <c r="BBY644" s="613"/>
      <c r="BBZ644" s="613"/>
      <c r="BCA644" s="613"/>
      <c r="BCB644" s="613"/>
      <c r="BCC644" s="613"/>
      <c r="BCD644" s="613"/>
      <c r="BCE644" s="613"/>
      <c r="BCF644" s="613"/>
      <c r="BCG644" s="613"/>
      <c r="BCH644" s="613"/>
      <c r="BCI644" s="613"/>
      <c r="BCJ644" s="613"/>
      <c r="BCK644" s="613"/>
      <c r="BCL644" s="613"/>
      <c r="BCM644" s="613"/>
      <c r="BCN644" s="613"/>
      <c r="BCO644" s="613"/>
      <c r="BCP644" s="613"/>
      <c r="BCQ644" s="613"/>
      <c r="BCR644" s="613"/>
      <c r="BCS644" s="613"/>
      <c r="BCT644" s="613"/>
      <c r="BCU644" s="613"/>
      <c r="BCV644" s="613"/>
      <c r="BCW644" s="613"/>
      <c r="BCX644" s="613"/>
      <c r="BCY644" s="613"/>
      <c r="BCZ644" s="613"/>
      <c r="BDA644" s="613"/>
      <c r="BDB644" s="613"/>
      <c r="BDC644" s="613"/>
      <c r="BDD644" s="613"/>
      <c r="BDE644" s="613"/>
      <c r="BDF644" s="613"/>
      <c r="BDG644" s="613"/>
      <c r="BDH644" s="613"/>
      <c r="BDI644" s="613"/>
      <c r="BDJ644" s="613"/>
      <c r="BDK644" s="613"/>
      <c r="BDL644" s="613"/>
      <c r="BDM644" s="613"/>
      <c r="BDN644" s="613"/>
      <c r="BDO644" s="613"/>
      <c r="BDP644" s="613"/>
      <c r="BDQ644" s="613"/>
      <c r="BDR644" s="613"/>
      <c r="BDS644" s="613"/>
      <c r="BDT644" s="613"/>
      <c r="BDU644" s="613"/>
      <c r="BDV644" s="613"/>
      <c r="BDW644" s="613"/>
      <c r="BDX644" s="613"/>
      <c r="BDY644" s="613"/>
      <c r="BDZ644" s="613"/>
      <c r="BEA644" s="613"/>
      <c r="BEB644" s="613"/>
      <c r="BEC644" s="613"/>
      <c r="BED644" s="613"/>
      <c r="BEE644" s="613"/>
      <c r="BEF644" s="613"/>
      <c r="BEG644" s="613"/>
      <c r="BEH644" s="613"/>
      <c r="BEI644" s="613"/>
      <c r="BEJ644" s="613"/>
      <c r="BEK644" s="613"/>
      <c r="BEL644" s="613"/>
      <c r="BEM644" s="613"/>
      <c r="BEN644" s="613"/>
      <c r="BEO644" s="613"/>
      <c r="BEP644" s="613"/>
      <c r="BEQ644" s="613"/>
      <c r="BER644" s="613"/>
      <c r="BES644" s="613"/>
      <c r="BET644" s="613"/>
      <c r="BEU644" s="613"/>
      <c r="BEV644" s="613"/>
      <c r="BEW644" s="613"/>
      <c r="BEX644" s="613"/>
      <c r="BEY644" s="613"/>
      <c r="BEZ644" s="613"/>
      <c r="BFA644" s="613"/>
      <c r="BFB644" s="613"/>
      <c r="BFC644" s="613"/>
      <c r="BFD644" s="613"/>
      <c r="BFE644" s="613"/>
      <c r="BFF644" s="613"/>
      <c r="BFG644" s="613"/>
      <c r="BFH644" s="613"/>
      <c r="BFI644" s="613"/>
      <c r="BFJ644" s="613"/>
      <c r="BFK644" s="613"/>
      <c r="BFL644" s="613"/>
      <c r="BFM644" s="613"/>
      <c r="BFN644" s="613"/>
      <c r="BFO644" s="613"/>
      <c r="BFP644" s="613"/>
      <c r="BFQ644" s="613"/>
      <c r="BFR644" s="613"/>
      <c r="BFS644" s="613"/>
      <c r="BFT644" s="613"/>
      <c r="BFU644" s="613"/>
      <c r="BFV644" s="613"/>
      <c r="BFW644" s="613"/>
      <c r="BFX644" s="613"/>
      <c r="BFY644" s="613"/>
      <c r="BFZ644" s="613"/>
      <c r="BGA644" s="613"/>
      <c r="BGB644" s="613"/>
      <c r="BGC644" s="613"/>
      <c r="BGD644" s="613"/>
      <c r="BGE644" s="613"/>
      <c r="BGF644" s="613"/>
      <c r="BGG644" s="613"/>
      <c r="BGH644" s="613"/>
      <c r="BGI644" s="613"/>
      <c r="BGJ644" s="613"/>
      <c r="BGK644" s="613"/>
      <c r="BGL644" s="613"/>
      <c r="BGM644" s="613"/>
      <c r="BGN644" s="613"/>
      <c r="BGO644" s="613"/>
      <c r="BGP644" s="613"/>
      <c r="BGQ644" s="613"/>
      <c r="BGR644" s="613"/>
      <c r="BGS644" s="613"/>
      <c r="BGT644" s="613"/>
      <c r="BGU644" s="613"/>
      <c r="BGV644" s="613"/>
      <c r="BGW644" s="613"/>
      <c r="BGX644" s="613"/>
      <c r="BGY644" s="613"/>
      <c r="BGZ644" s="613"/>
      <c r="BHA644" s="613"/>
      <c r="BHB644" s="613"/>
      <c r="BHC644" s="613"/>
      <c r="BHD644" s="613"/>
      <c r="BHE644" s="613"/>
      <c r="BHF644" s="613"/>
      <c r="BHG644" s="613"/>
      <c r="BHH644" s="613"/>
      <c r="BHI644" s="613"/>
      <c r="BHJ644" s="613"/>
      <c r="BHK644" s="613"/>
      <c r="BHL644" s="613"/>
      <c r="BHM644" s="613"/>
      <c r="BHN644" s="613"/>
      <c r="BHO644" s="613"/>
      <c r="BHP644" s="613"/>
      <c r="BHQ644" s="613"/>
      <c r="BHR644" s="613"/>
      <c r="BHS644" s="613"/>
      <c r="BHT644" s="613"/>
      <c r="BHU644" s="613"/>
      <c r="BHV644" s="613"/>
      <c r="BHW644" s="613"/>
      <c r="BHX644" s="613"/>
      <c r="BHY644" s="613"/>
      <c r="BHZ644" s="613"/>
      <c r="BIA644" s="613"/>
      <c r="BIB644" s="613"/>
      <c r="BIC644" s="613"/>
      <c r="BID644" s="613"/>
      <c r="BIE644" s="613"/>
      <c r="BIF644" s="613"/>
      <c r="BIG644" s="613"/>
      <c r="BIH644" s="613"/>
      <c r="BII644" s="613"/>
      <c r="BIJ644" s="613"/>
      <c r="BIK644" s="613"/>
      <c r="BIL644" s="613"/>
      <c r="BIM644" s="613"/>
      <c r="BIN644" s="613"/>
      <c r="BIO644" s="613"/>
      <c r="BIP644" s="613"/>
      <c r="BIQ644" s="613"/>
      <c r="BIR644" s="613"/>
      <c r="BIS644" s="613"/>
      <c r="BIT644" s="613"/>
      <c r="BIU644" s="613"/>
      <c r="BIV644" s="613"/>
      <c r="BIW644" s="613"/>
      <c r="BIX644" s="613"/>
      <c r="BIY644" s="613"/>
      <c r="BIZ644" s="613"/>
      <c r="BJA644" s="613"/>
      <c r="BJB644" s="613"/>
      <c r="BJC644" s="613"/>
      <c r="BJD644" s="613"/>
      <c r="BJE644" s="613"/>
      <c r="BJF644" s="613"/>
      <c r="BJG644" s="613"/>
      <c r="BJH644" s="613"/>
      <c r="BJI644" s="613"/>
      <c r="BJJ644" s="613"/>
      <c r="BJK644" s="613"/>
      <c r="BJL644" s="613"/>
      <c r="BJM644" s="613"/>
      <c r="BJN644" s="613"/>
      <c r="BJO644" s="613"/>
      <c r="BJP644" s="613"/>
      <c r="BJQ644" s="613"/>
      <c r="BJR644" s="613"/>
      <c r="BJS644" s="613"/>
      <c r="BJT644" s="613"/>
      <c r="BJU644" s="613"/>
      <c r="BJV644" s="613"/>
      <c r="BJW644" s="613"/>
      <c r="BJX644" s="613"/>
      <c r="BJY644" s="613"/>
      <c r="BJZ644" s="613"/>
      <c r="BKA644" s="613"/>
      <c r="BKB644" s="613"/>
      <c r="BKC644" s="613"/>
      <c r="BKD644" s="613"/>
      <c r="BKE644" s="613"/>
      <c r="BKF644" s="613"/>
      <c r="BKG644" s="613"/>
      <c r="BKH644" s="613"/>
      <c r="BKI644" s="613"/>
      <c r="BKJ644" s="613"/>
      <c r="BKK644" s="613"/>
      <c r="BKL644" s="613"/>
      <c r="BKM644" s="613"/>
      <c r="BKN644" s="613"/>
      <c r="BKO644" s="613"/>
      <c r="BKP644" s="613"/>
      <c r="BKQ644" s="613"/>
      <c r="BKR644" s="613"/>
      <c r="BKS644" s="613"/>
      <c r="BKT644" s="613"/>
      <c r="BKU644" s="613"/>
      <c r="BKV644" s="613"/>
      <c r="BKW644" s="613"/>
      <c r="BKX644" s="613"/>
      <c r="BKY644" s="613"/>
      <c r="BKZ644" s="613"/>
      <c r="BLA644" s="613"/>
      <c r="BLB644" s="613"/>
      <c r="BLC644" s="613"/>
      <c r="BLD644" s="613"/>
      <c r="BLE644" s="613"/>
      <c r="BLF644" s="613"/>
      <c r="BLG644" s="613"/>
      <c r="BLH644" s="613"/>
      <c r="BLI644" s="613"/>
      <c r="BLJ644" s="613"/>
      <c r="BLK644" s="613"/>
      <c r="BLL644" s="613"/>
      <c r="BLM644" s="613"/>
      <c r="BLN644" s="613"/>
      <c r="BLO644" s="613"/>
      <c r="BLP644" s="613"/>
      <c r="BLQ644" s="613"/>
      <c r="BLR644" s="613"/>
      <c r="BLS644" s="613"/>
      <c r="BLT644" s="613"/>
      <c r="BLU644" s="613"/>
      <c r="BLV644" s="613"/>
      <c r="BLW644" s="613"/>
      <c r="BLX644" s="613"/>
      <c r="BLY644" s="613"/>
      <c r="BLZ644" s="613"/>
      <c r="BMA644" s="613"/>
      <c r="BMB644" s="613"/>
      <c r="BMC644" s="613"/>
      <c r="BMD644" s="613"/>
      <c r="BME644" s="613"/>
      <c r="BMF644" s="613"/>
      <c r="BMG644" s="613"/>
      <c r="BMH644" s="613"/>
      <c r="BMI644" s="613"/>
      <c r="BMJ644" s="613"/>
      <c r="BMK644" s="613"/>
      <c r="BML644" s="613"/>
      <c r="BMM644" s="613"/>
      <c r="BMN644" s="613"/>
      <c r="BMO644" s="613"/>
      <c r="BMP644" s="613"/>
      <c r="BMQ644" s="613"/>
      <c r="BMR644" s="613"/>
      <c r="BMS644" s="613"/>
      <c r="BMT644" s="613"/>
      <c r="BMU644" s="613"/>
      <c r="BMV644" s="613"/>
      <c r="BMW644" s="613"/>
      <c r="BMX644" s="613"/>
      <c r="BMY644" s="613"/>
      <c r="BMZ644" s="613"/>
      <c r="BNA644" s="613"/>
      <c r="BNB644" s="613"/>
      <c r="BNC644" s="613"/>
      <c r="BND644" s="613"/>
      <c r="BNE644" s="613"/>
      <c r="BNF644" s="613"/>
      <c r="BNG644" s="613"/>
      <c r="BNH644" s="613"/>
      <c r="BNI644" s="613"/>
      <c r="BNJ644" s="613"/>
      <c r="BNK644" s="613"/>
      <c r="BNL644" s="613"/>
      <c r="BNM644" s="613"/>
      <c r="BNN644" s="613"/>
      <c r="BNO644" s="613"/>
      <c r="BNP644" s="613"/>
      <c r="BNQ644" s="613"/>
      <c r="BNR644" s="613"/>
      <c r="BNS644" s="613"/>
      <c r="BNT644" s="613"/>
      <c r="BNU644" s="613"/>
      <c r="BNV644" s="613"/>
      <c r="BNW644" s="613"/>
      <c r="BNX644" s="613"/>
      <c r="BNY644" s="613"/>
      <c r="BNZ644" s="613"/>
      <c r="BOA644" s="613"/>
      <c r="BOB644" s="613"/>
      <c r="BOC644" s="613"/>
      <c r="BOD644" s="613"/>
      <c r="BOE644" s="613"/>
      <c r="BOF644" s="613"/>
      <c r="BOG644" s="613"/>
      <c r="BOH644" s="613"/>
      <c r="BOI644" s="613"/>
      <c r="BOJ644" s="613"/>
      <c r="BOK644" s="613"/>
      <c r="BOL644" s="613"/>
      <c r="BOM644" s="613"/>
      <c r="BON644" s="613"/>
      <c r="BOO644" s="613"/>
      <c r="BOP644" s="613"/>
      <c r="BOQ644" s="613"/>
      <c r="BOR644" s="613"/>
      <c r="BOS644" s="613"/>
      <c r="BOT644" s="613"/>
      <c r="BOU644" s="613"/>
      <c r="BOV644" s="613"/>
      <c r="BOW644" s="613"/>
      <c r="BOX644" s="613"/>
      <c r="BOY644" s="613"/>
      <c r="BOZ644" s="613"/>
      <c r="BPA644" s="613"/>
      <c r="BPB644" s="613"/>
      <c r="BPC644" s="613"/>
      <c r="BPD644" s="613"/>
      <c r="BPE644" s="613"/>
      <c r="BPF644" s="613"/>
      <c r="BPG644" s="613"/>
      <c r="BPH644" s="613"/>
      <c r="BPI644" s="613"/>
      <c r="BPJ644" s="613"/>
      <c r="BPK644" s="613"/>
      <c r="BPL644" s="613"/>
      <c r="BPM644" s="613"/>
      <c r="BPN644" s="613"/>
      <c r="BPO644" s="613"/>
      <c r="BPP644" s="613"/>
      <c r="BPQ644" s="613"/>
      <c r="BPR644" s="613"/>
      <c r="BPS644" s="613"/>
      <c r="BPT644" s="613"/>
      <c r="BPU644" s="613"/>
      <c r="BPV644" s="613"/>
      <c r="BPW644" s="613"/>
      <c r="BPX644" s="613"/>
      <c r="BPY644" s="613"/>
      <c r="BPZ644" s="613"/>
      <c r="BQA644" s="613"/>
      <c r="BQB644" s="613"/>
      <c r="BQC644" s="613"/>
      <c r="BQD644" s="613"/>
      <c r="BQE644" s="613"/>
      <c r="BQF644" s="613"/>
      <c r="BQG644" s="613"/>
      <c r="BQH644" s="613"/>
      <c r="BQI644" s="613"/>
      <c r="BQJ644" s="613"/>
      <c r="BQK644" s="613"/>
      <c r="BQL644" s="613"/>
      <c r="BQM644" s="613"/>
      <c r="BQN644" s="613"/>
      <c r="BQO644" s="613"/>
      <c r="BQP644" s="613"/>
      <c r="BQQ644" s="613"/>
      <c r="BQR644" s="613"/>
      <c r="BQS644" s="613"/>
      <c r="BQT644" s="613"/>
      <c r="BQU644" s="613"/>
      <c r="BQV644" s="613"/>
      <c r="BQW644" s="613"/>
      <c r="BQX644" s="613"/>
      <c r="BQY644" s="613"/>
      <c r="BQZ644" s="613"/>
      <c r="BRA644" s="613"/>
      <c r="BRB644" s="613"/>
      <c r="BRC644" s="613"/>
      <c r="BRD644" s="613"/>
      <c r="BRE644" s="613"/>
      <c r="BRF644" s="613"/>
      <c r="BRG644" s="613"/>
      <c r="BRH644" s="613"/>
      <c r="BRI644" s="613"/>
      <c r="BRJ644" s="613"/>
      <c r="BRK644" s="613"/>
      <c r="BRL644" s="613"/>
      <c r="BRM644" s="613"/>
      <c r="BRN644" s="613"/>
      <c r="BRO644" s="613"/>
      <c r="BRP644" s="613"/>
      <c r="BRQ644" s="613"/>
      <c r="BRR644" s="613"/>
      <c r="BRS644" s="613"/>
      <c r="BRT644" s="613"/>
      <c r="BRU644" s="613"/>
      <c r="BRV644" s="613"/>
      <c r="BRW644" s="613"/>
      <c r="BRX644" s="613"/>
      <c r="BRY644" s="613"/>
      <c r="BRZ644" s="613"/>
      <c r="BSA644" s="613"/>
      <c r="BSB644" s="613"/>
      <c r="BSC644" s="613"/>
      <c r="BSD644" s="613"/>
      <c r="BSE644" s="613"/>
      <c r="BSF644" s="613"/>
      <c r="BSG644" s="613"/>
      <c r="BSH644" s="613"/>
      <c r="BSI644" s="613"/>
      <c r="BSJ644" s="613"/>
      <c r="BSK644" s="613"/>
      <c r="BSL644" s="613"/>
      <c r="BSM644" s="613"/>
      <c r="BSN644" s="613"/>
      <c r="BSO644" s="613"/>
      <c r="BSP644" s="613"/>
      <c r="BSQ644" s="613"/>
      <c r="BSR644" s="613"/>
      <c r="BSS644" s="613"/>
      <c r="BST644" s="613"/>
      <c r="BSU644" s="613"/>
      <c r="BSV644" s="613"/>
      <c r="BSW644" s="613"/>
      <c r="BSX644" s="613"/>
      <c r="BSY644" s="613"/>
      <c r="BSZ644" s="613"/>
      <c r="BTA644" s="613"/>
      <c r="BTB644" s="613"/>
      <c r="BTC644" s="613"/>
      <c r="BTD644" s="613"/>
      <c r="BTE644" s="613"/>
      <c r="BTF644" s="613"/>
      <c r="BTG644" s="613"/>
      <c r="BTH644" s="613"/>
      <c r="BTI644" s="613"/>
      <c r="BTJ644" s="613"/>
      <c r="BTK644" s="613"/>
      <c r="BTL644" s="613"/>
      <c r="BTM644" s="613"/>
      <c r="BTN644" s="613"/>
      <c r="BTO644" s="613"/>
      <c r="BTP644" s="613"/>
      <c r="BTQ644" s="613"/>
      <c r="BTR644" s="613"/>
      <c r="BTS644" s="613"/>
      <c r="BTT644" s="613"/>
      <c r="BTU644" s="613"/>
      <c r="BTV644" s="613"/>
      <c r="BTW644" s="613"/>
      <c r="BTX644" s="613"/>
      <c r="BTY644" s="613"/>
      <c r="BTZ644" s="613"/>
      <c r="BUA644" s="613"/>
      <c r="BUB644" s="613"/>
      <c r="BUC644" s="613"/>
      <c r="BUD644" s="613"/>
      <c r="BUE644" s="613"/>
      <c r="BUF644" s="613"/>
      <c r="BUG644" s="613"/>
      <c r="BUH644" s="613"/>
      <c r="BUI644" s="613"/>
      <c r="BUJ644" s="613"/>
      <c r="BUK644" s="613"/>
      <c r="BUL644" s="613"/>
      <c r="BUM644" s="613"/>
      <c r="BUN644" s="613"/>
      <c r="BUO644" s="613"/>
      <c r="BUP644" s="613"/>
      <c r="BUQ644" s="613"/>
      <c r="BUR644" s="613"/>
      <c r="BUS644" s="613"/>
      <c r="BUT644" s="613"/>
      <c r="BUU644" s="613"/>
      <c r="BUV644" s="613"/>
      <c r="BUW644" s="613"/>
      <c r="BUX644" s="613"/>
      <c r="BUY644" s="613"/>
      <c r="BUZ644" s="613"/>
      <c r="BVA644" s="613"/>
      <c r="BVB644" s="613"/>
      <c r="BVC644" s="613"/>
      <c r="BVD644" s="613"/>
      <c r="BVE644" s="613"/>
      <c r="BVF644" s="613"/>
      <c r="BVG644" s="613"/>
      <c r="BVH644" s="613"/>
      <c r="BVI644" s="613"/>
      <c r="BVJ644" s="613"/>
      <c r="BVK644" s="613"/>
      <c r="BVL644" s="613"/>
      <c r="BVM644" s="613"/>
      <c r="BVN644" s="613"/>
      <c r="BVO644" s="613"/>
      <c r="BVP644" s="613"/>
      <c r="BVQ644" s="613"/>
      <c r="BVR644" s="613"/>
      <c r="BVS644" s="613"/>
      <c r="BVT644" s="613"/>
      <c r="BVU644" s="613"/>
      <c r="BVV644" s="613"/>
      <c r="BVW644" s="613"/>
      <c r="BVX644" s="613"/>
      <c r="BVY644" s="613"/>
      <c r="BVZ644" s="613"/>
      <c r="BWA644" s="613"/>
      <c r="BWB644" s="613"/>
      <c r="BWC644" s="613"/>
      <c r="BWD644" s="613"/>
      <c r="BWE644" s="613"/>
      <c r="BWF644" s="613"/>
      <c r="BWG644" s="613"/>
      <c r="BWH644" s="613"/>
      <c r="BWI644" s="613"/>
      <c r="BWJ644" s="613"/>
      <c r="BWK644" s="613"/>
      <c r="BWL644" s="613"/>
      <c r="BWM644" s="613"/>
      <c r="BWN644" s="613"/>
      <c r="BWO644" s="613"/>
      <c r="BWP644" s="613"/>
      <c r="BWQ644" s="613"/>
      <c r="BWR644" s="613"/>
      <c r="BWS644" s="613"/>
      <c r="BWT644" s="613"/>
      <c r="BWU644" s="613"/>
      <c r="BWV644" s="613"/>
      <c r="BWW644" s="613"/>
      <c r="BWX644" s="613"/>
      <c r="BWY644" s="613"/>
      <c r="BWZ644" s="613"/>
      <c r="BXA644" s="613"/>
      <c r="BXB644" s="613"/>
      <c r="BXC644" s="613"/>
      <c r="BXD644" s="613"/>
      <c r="BXE644" s="613"/>
      <c r="BXF644" s="613"/>
      <c r="BXG644" s="613"/>
      <c r="BXH644" s="613"/>
      <c r="BXI644" s="613"/>
      <c r="BXJ644" s="613"/>
      <c r="BXK644" s="613"/>
      <c r="BXL644" s="613"/>
      <c r="BXM644" s="613"/>
      <c r="BXN644" s="613"/>
      <c r="BXO644" s="613"/>
      <c r="BXP644" s="613"/>
      <c r="BXQ644" s="613"/>
      <c r="BXR644" s="613"/>
      <c r="BXS644" s="613"/>
      <c r="BXT644" s="613"/>
      <c r="BXU644" s="613"/>
      <c r="BXV644" s="613"/>
      <c r="BXW644" s="613"/>
      <c r="BXX644" s="613"/>
      <c r="BXY644" s="613"/>
      <c r="BXZ644" s="613"/>
      <c r="BYA644" s="613"/>
      <c r="BYB644" s="613"/>
      <c r="BYC644" s="613"/>
      <c r="BYD644" s="613"/>
      <c r="BYE644" s="613"/>
      <c r="BYF644" s="613"/>
      <c r="BYG644" s="613"/>
      <c r="BYH644" s="613"/>
      <c r="BYI644" s="613"/>
      <c r="BYJ644" s="613"/>
      <c r="BYK644" s="613"/>
      <c r="BYL644" s="613"/>
      <c r="BYM644" s="613"/>
      <c r="BYN644" s="613"/>
      <c r="BYO644" s="613"/>
      <c r="BYP644" s="613"/>
      <c r="BYQ644" s="613"/>
      <c r="BYR644" s="613"/>
      <c r="BYS644" s="613"/>
      <c r="BYT644" s="613"/>
      <c r="BYU644" s="613"/>
      <c r="BYV644" s="613"/>
      <c r="BYW644" s="613"/>
      <c r="BYX644" s="613"/>
      <c r="BYY644" s="613"/>
      <c r="BYZ644" s="613"/>
      <c r="BZA644" s="613"/>
      <c r="BZB644" s="613"/>
      <c r="BZC644" s="613"/>
      <c r="BZD644" s="613"/>
      <c r="BZE644" s="613"/>
      <c r="BZF644" s="613"/>
      <c r="BZG644" s="613"/>
      <c r="BZH644" s="613"/>
      <c r="BZI644" s="613"/>
      <c r="BZJ644" s="613"/>
      <c r="BZK644" s="613"/>
      <c r="BZL644" s="613"/>
      <c r="BZM644" s="613"/>
      <c r="BZN644" s="613"/>
      <c r="BZO644" s="613"/>
      <c r="BZP644" s="613"/>
      <c r="BZQ644" s="613"/>
      <c r="BZR644" s="613"/>
      <c r="BZS644" s="613"/>
      <c r="BZT644" s="613"/>
      <c r="BZU644" s="613"/>
      <c r="BZV644" s="613"/>
      <c r="BZW644" s="613"/>
      <c r="BZX644" s="613"/>
      <c r="BZY644" s="613"/>
      <c r="BZZ644" s="613"/>
      <c r="CAA644" s="613"/>
      <c r="CAB644" s="613"/>
      <c r="CAC644" s="613"/>
      <c r="CAD644" s="613"/>
      <c r="CAE644" s="613"/>
      <c r="CAF644" s="613"/>
      <c r="CAG644" s="613"/>
      <c r="CAH644" s="613"/>
      <c r="CAI644" s="613"/>
      <c r="CAJ644" s="613"/>
      <c r="CAK644" s="613"/>
      <c r="CAL644" s="613"/>
      <c r="CAM644" s="613"/>
      <c r="CAN644" s="613"/>
      <c r="CAO644" s="613"/>
      <c r="CAP644" s="613"/>
      <c r="CAQ644" s="613"/>
      <c r="CAR644" s="613"/>
      <c r="CAS644" s="613"/>
      <c r="CAT644" s="613"/>
      <c r="CAU644" s="613"/>
      <c r="CAV644" s="613"/>
      <c r="CAW644" s="613"/>
      <c r="CAX644" s="613"/>
      <c r="CAY644" s="613"/>
      <c r="CAZ644" s="613"/>
      <c r="CBA644" s="613"/>
      <c r="CBB644" s="613"/>
      <c r="CBC644" s="613"/>
      <c r="CBD644" s="613"/>
      <c r="CBE644" s="613"/>
      <c r="CBF644" s="613"/>
      <c r="CBG644" s="613"/>
      <c r="CBH644" s="613"/>
      <c r="CBI644" s="613"/>
      <c r="CBJ644" s="613"/>
      <c r="CBK644" s="613"/>
      <c r="CBL644" s="613"/>
      <c r="CBM644" s="613"/>
      <c r="CBN644" s="613"/>
      <c r="CBO644" s="613"/>
      <c r="CBP644" s="613"/>
      <c r="CBQ644" s="613"/>
      <c r="CBR644" s="613"/>
      <c r="CBS644" s="613"/>
      <c r="CBT644" s="613"/>
      <c r="CBU644" s="613"/>
      <c r="CBV644" s="613"/>
      <c r="CBW644" s="613"/>
      <c r="CBX644" s="613"/>
      <c r="CBY644" s="613"/>
      <c r="CBZ644" s="613"/>
      <c r="CCA644" s="613"/>
      <c r="CCB644" s="613"/>
      <c r="CCC644" s="613"/>
      <c r="CCD644" s="613"/>
      <c r="CCE644" s="613"/>
      <c r="CCF644" s="613"/>
      <c r="CCG644" s="613"/>
      <c r="CCH644" s="613"/>
      <c r="CCI644" s="613"/>
      <c r="CCJ644" s="613"/>
      <c r="CCK644" s="613"/>
      <c r="CCL644" s="613"/>
      <c r="CCM644" s="613"/>
      <c r="CCN644" s="613"/>
      <c r="CCO644" s="613"/>
      <c r="CCP644" s="613"/>
      <c r="CCQ644" s="613"/>
      <c r="CCR644" s="613"/>
      <c r="CCS644" s="613"/>
      <c r="CCT644" s="613"/>
      <c r="CCU644" s="613"/>
      <c r="CCV644" s="613"/>
      <c r="CCW644" s="613"/>
      <c r="CCX644" s="613"/>
      <c r="CCY644" s="613"/>
      <c r="CCZ644" s="613"/>
      <c r="CDA644" s="613"/>
      <c r="CDB644" s="613"/>
      <c r="CDC644" s="613"/>
      <c r="CDD644" s="613"/>
      <c r="CDE644" s="613"/>
      <c r="CDF644" s="613"/>
      <c r="CDG644" s="613"/>
      <c r="CDH644" s="613"/>
      <c r="CDI644" s="613"/>
      <c r="CDJ644" s="613"/>
      <c r="CDK644" s="613"/>
      <c r="CDL644" s="613"/>
      <c r="CDM644" s="613"/>
      <c r="CDN644" s="613"/>
      <c r="CDO644" s="613"/>
      <c r="CDP644" s="613"/>
      <c r="CDQ644" s="613"/>
      <c r="CDR644" s="613"/>
      <c r="CDS644" s="613"/>
      <c r="CDT644" s="613"/>
      <c r="CDU644" s="613"/>
      <c r="CDV644" s="613"/>
      <c r="CDW644" s="613"/>
      <c r="CDX644" s="613"/>
      <c r="CDY644" s="613"/>
      <c r="CDZ644" s="613"/>
      <c r="CEA644" s="613"/>
      <c r="CEB644" s="613"/>
      <c r="CEC644" s="613"/>
      <c r="CED644" s="613"/>
      <c r="CEE644" s="613"/>
      <c r="CEF644" s="613"/>
      <c r="CEG644" s="613"/>
      <c r="CEH644" s="613"/>
      <c r="CEI644" s="613"/>
      <c r="CEJ644" s="613"/>
      <c r="CEK644" s="613"/>
      <c r="CEL644" s="613"/>
      <c r="CEM644" s="613"/>
      <c r="CEN644" s="613"/>
      <c r="CEO644" s="613"/>
      <c r="CEP644" s="613"/>
      <c r="CEQ644" s="613"/>
      <c r="CER644" s="613"/>
      <c r="CES644" s="613"/>
      <c r="CET644" s="613"/>
      <c r="CEU644" s="613"/>
      <c r="CEV644" s="613"/>
      <c r="CEW644" s="613"/>
      <c r="CEX644" s="613"/>
      <c r="CEY644" s="613"/>
      <c r="CEZ644" s="613"/>
      <c r="CFA644" s="613"/>
      <c r="CFB644" s="613"/>
      <c r="CFC644" s="613"/>
      <c r="CFD644" s="613"/>
      <c r="CFE644" s="613"/>
      <c r="CFF644" s="613"/>
      <c r="CFG644" s="613"/>
      <c r="CFH644" s="613"/>
      <c r="CFI644" s="613"/>
      <c r="CFJ644" s="613"/>
      <c r="CFK644" s="613"/>
      <c r="CFL644" s="613"/>
      <c r="CFM644" s="613"/>
      <c r="CFN644" s="613"/>
      <c r="CFO644" s="613"/>
      <c r="CFP644" s="613"/>
      <c r="CFQ644" s="613"/>
      <c r="CFR644" s="613"/>
      <c r="CFS644" s="613"/>
      <c r="CFT644" s="613"/>
      <c r="CFU644" s="613"/>
      <c r="CFV644" s="613"/>
      <c r="CFW644" s="613"/>
      <c r="CFX644" s="613"/>
      <c r="CFY644" s="613"/>
      <c r="CFZ644" s="613"/>
      <c r="CGA644" s="613"/>
      <c r="CGB644" s="613"/>
      <c r="CGC644" s="613"/>
      <c r="CGD644" s="613"/>
      <c r="CGE644" s="613"/>
      <c r="CGF644" s="613"/>
      <c r="CGG644" s="613"/>
      <c r="CGH644" s="613"/>
      <c r="CGI644" s="613"/>
      <c r="CGJ644" s="613"/>
      <c r="CGK644" s="613"/>
      <c r="CGL644" s="613"/>
      <c r="CGM644" s="613"/>
      <c r="CGN644" s="613"/>
      <c r="CGO644" s="613"/>
      <c r="CGP644" s="613"/>
      <c r="CGQ644" s="613"/>
      <c r="CGR644" s="613"/>
      <c r="CGS644" s="613"/>
      <c r="CGT644" s="613"/>
      <c r="CGU644" s="613"/>
      <c r="CGV644" s="613"/>
      <c r="CGW644" s="613"/>
      <c r="CGX644" s="613"/>
      <c r="CGY644" s="613"/>
      <c r="CGZ644" s="613"/>
      <c r="CHA644" s="613"/>
      <c r="CHB644" s="613"/>
      <c r="CHC644" s="613"/>
      <c r="CHD644" s="613"/>
      <c r="CHE644" s="613"/>
      <c r="CHF644" s="613"/>
      <c r="CHG644" s="613"/>
      <c r="CHH644" s="613"/>
      <c r="CHI644" s="613"/>
      <c r="CHJ644" s="613"/>
      <c r="CHK644" s="613"/>
      <c r="CHL644" s="613"/>
      <c r="CHM644" s="613"/>
      <c r="CHN644" s="613"/>
      <c r="CHO644" s="613"/>
      <c r="CHP644" s="613"/>
      <c r="CHQ644" s="613"/>
      <c r="CHR644" s="613"/>
      <c r="CHS644" s="613"/>
      <c r="CHT644" s="613"/>
      <c r="CHU644" s="613"/>
      <c r="CHV644" s="613"/>
      <c r="CHW644" s="613"/>
      <c r="CHX644" s="613"/>
      <c r="CHY644" s="613"/>
      <c r="CHZ644" s="613"/>
      <c r="CIA644" s="613"/>
      <c r="CIB644" s="613"/>
      <c r="CIC644" s="613"/>
      <c r="CID644" s="613"/>
      <c r="CIE644" s="613"/>
      <c r="CIF644" s="613"/>
      <c r="CIG644" s="613"/>
      <c r="CIH644" s="613"/>
      <c r="CII644" s="613"/>
      <c r="CIJ644" s="613"/>
      <c r="CIK644" s="613"/>
      <c r="CIL644" s="613"/>
      <c r="CIM644" s="613"/>
      <c r="CIN644" s="613"/>
      <c r="CIO644" s="613"/>
      <c r="CIP644" s="613"/>
      <c r="CIQ644" s="613"/>
      <c r="CIR644" s="613"/>
      <c r="CIS644" s="613"/>
      <c r="CIT644" s="613"/>
      <c r="CIU644" s="613"/>
      <c r="CIV644" s="613"/>
      <c r="CIW644" s="613"/>
      <c r="CIX644" s="613"/>
      <c r="CIY644" s="613"/>
      <c r="CIZ644" s="613"/>
      <c r="CJA644" s="613"/>
      <c r="CJB644" s="613"/>
      <c r="CJC644" s="613"/>
      <c r="CJD644" s="613"/>
      <c r="CJE644" s="613"/>
      <c r="CJF644" s="613"/>
      <c r="CJG644" s="613"/>
      <c r="CJH644" s="613"/>
      <c r="CJI644" s="613"/>
      <c r="CJJ644" s="613"/>
      <c r="CJK644" s="613"/>
      <c r="CJL644" s="613"/>
      <c r="CJM644" s="613"/>
      <c r="CJN644" s="613"/>
      <c r="CJO644" s="613"/>
      <c r="CJP644" s="613"/>
      <c r="CJQ644" s="613"/>
      <c r="CJR644" s="613"/>
      <c r="CJS644" s="613"/>
      <c r="CJT644" s="613"/>
      <c r="CJU644" s="613"/>
      <c r="CJV644" s="613"/>
      <c r="CJW644" s="613"/>
      <c r="CJX644" s="613"/>
      <c r="CJY644" s="613"/>
      <c r="CJZ644" s="613"/>
      <c r="CKA644" s="613"/>
      <c r="CKB644" s="613"/>
      <c r="CKC644" s="613"/>
      <c r="CKD644" s="613"/>
      <c r="CKE644" s="613"/>
      <c r="CKF644" s="613"/>
      <c r="CKG644" s="613"/>
      <c r="CKH644" s="613"/>
      <c r="CKI644" s="613"/>
      <c r="CKJ644" s="613"/>
      <c r="CKK644" s="613"/>
      <c r="CKL644" s="613"/>
      <c r="CKM644" s="613"/>
      <c r="CKN644" s="613"/>
      <c r="CKO644" s="613"/>
      <c r="CKP644" s="613"/>
      <c r="CKQ644" s="613"/>
      <c r="CKR644" s="613"/>
      <c r="CKS644" s="613"/>
      <c r="CKT644" s="613"/>
      <c r="CKU644" s="613"/>
      <c r="CKV644" s="613"/>
      <c r="CKW644" s="613"/>
      <c r="CKX644" s="613"/>
      <c r="CKY644" s="613"/>
      <c r="CKZ644" s="613"/>
      <c r="CLA644" s="613"/>
      <c r="CLB644" s="613"/>
      <c r="CLC644" s="613"/>
      <c r="CLD644" s="613"/>
      <c r="CLE644" s="613"/>
      <c r="CLF644" s="613"/>
      <c r="CLG644" s="613"/>
      <c r="CLH644" s="613"/>
      <c r="CLI644" s="613"/>
      <c r="CLJ644" s="613"/>
      <c r="CLK644" s="613"/>
      <c r="CLL644" s="613"/>
      <c r="CLM644" s="613"/>
      <c r="CLN644" s="613"/>
      <c r="CLO644" s="613"/>
      <c r="CLP644" s="613"/>
      <c r="CLQ644" s="613"/>
      <c r="CLR644" s="613"/>
      <c r="CLS644" s="613"/>
      <c r="CLT644" s="613"/>
      <c r="CLU644" s="613"/>
      <c r="CLV644" s="613"/>
      <c r="CLW644" s="613"/>
      <c r="CLX644" s="613"/>
      <c r="CLY644" s="613"/>
      <c r="CLZ644" s="613"/>
      <c r="CMA644" s="613"/>
      <c r="CMB644" s="613"/>
      <c r="CMC644" s="613"/>
      <c r="CMD644" s="613"/>
      <c r="CME644" s="613"/>
      <c r="CMF644" s="613"/>
      <c r="CMG644" s="613"/>
      <c r="CMH644" s="613"/>
      <c r="CMI644" s="613"/>
      <c r="CMJ644" s="613"/>
      <c r="CMK644" s="613"/>
      <c r="CML644" s="613"/>
      <c r="CMM644" s="613"/>
      <c r="CMN644" s="613"/>
      <c r="CMO644" s="613"/>
      <c r="CMP644" s="613"/>
      <c r="CMQ644" s="613"/>
      <c r="CMR644" s="613"/>
      <c r="CMS644" s="613"/>
      <c r="CMT644" s="613"/>
      <c r="CMU644" s="613"/>
      <c r="CMV644" s="613"/>
      <c r="CMW644" s="613"/>
      <c r="CMX644" s="613"/>
      <c r="CMY644" s="613"/>
      <c r="CMZ644" s="613"/>
      <c r="CNA644" s="613"/>
      <c r="CNB644" s="613"/>
      <c r="CNC644" s="613"/>
      <c r="CND644" s="613"/>
      <c r="CNE644" s="613"/>
      <c r="CNF644" s="613"/>
      <c r="CNG644" s="613"/>
      <c r="CNH644" s="613"/>
      <c r="CNI644" s="613"/>
      <c r="CNJ644" s="613"/>
      <c r="CNK644" s="613"/>
      <c r="CNL644" s="613"/>
      <c r="CNM644" s="613"/>
      <c r="CNN644" s="613"/>
      <c r="CNO644" s="613"/>
      <c r="CNP644" s="613"/>
      <c r="CNQ644" s="613"/>
      <c r="CNR644" s="613"/>
      <c r="CNS644" s="613"/>
      <c r="CNT644" s="613"/>
      <c r="CNU644" s="613"/>
      <c r="CNV644" s="613"/>
      <c r="CNW644" s="613"/>
      <c r="CNX644" s="613"/>
      <c r="CNY644" s="613"/>
      <c r="CNZ644" s="613"/>
      <c r="COA644" s="613"/>
      <c r="COB644" s="613"/>
      <c r="COC644" s="613"/>
      <c r="COD644" s="613"/>
      <c r="COE644" s="613"/>
      <c r="COF644" s="613"/>
      <c r="COG644" s="613"/>
      <c r="COH644" s="613"/>
      <c r="COI644" s="613"/>
      <c r="COJ644" s="613"/>
      <c r="COK644" s="613"/>
      <c r="COL644" s="613"/>
      <c r="COM644" s="613"/>
      <c r="CON644" s="613"/>
      <c r="COO644" s="613"/>
      <c r="COP644" s="613"/>
      <c r="COQ644" s="613"/>
      <c r="COR644" s="613"/>
      <c r="COS644" s="613"/>
      <c r="COT644" s="613"/>
      <c r="COU644" s="613"/>
      <c r="COV644" s="613"/>
      <c r="COW644" s="613"/>
      <c r="COX644" s="613"/>
      <c r="COY644" s="613"/>
      <c r="COZ644" s="613"/>
      <c r="CPA644" s="613"/>
      <c r="CPB644" s="613"/>
      <c r="CPC644" s="613"/>
      <c r="CPD644" s="613"/>
      <c r="CPE644" s="613"/>
      <c r="CPF644" s="613"/>
      <c r="CPG644" s="613"/>
      <c r="CPH644" s="613"/>
      <c r="CPI644" s="613"/>
      <c r="CPJ644" s="613"/>
      <c r="CPK644" s="613"/>
      <c r="CPL644" s="613"/>
      <c r="CPM644" s="613"/>
      <c r="CPN644" s="613"/>
      <c r="CPO644" s="613"/>
      <c r="CPP644" s="613"/>
      <c r="CPQ644" s="613"/>
      <c r="CPR644" s="613"/>
      <c r="CPS644" s="613"/>
      <c r="CPT644" s="613"/>
      <c r="CPU644" s="613"/>
      <c r="CPV644" s="613"/>
      <c r="CPW644" s="613"/>
      <c r="CPX644" s="613"/>
      <c r="CPY644" s="613"/>
      <c r="CPZ644" s="613"/>
      <c r="CQA644" s="613"/>
      <c r="CQB644" s="613"/>
      <c r="CQC644" s="613"/>
      <c r="CQD644" s="613"/>
      <c r="CQE644" s="613"/>
      <c r="CQF644" s="613"/>
      <c r="CQG644" s="613"/>
      <c r="CQH644" s="613"/>
      <c r="CQI644" s="613"/>
      <c r="CQJ644" s="613"/>
      <c r="CQK644" s="613"/>
      <c r="CQL644" s="613"/>
      <c r="CQM644" s="613"/>
      <c r="CQN644" s="613"/>
      <c r="CQO644" s="613"/>
      <c r="CQP644" s="613"/>
      <c r="CQQ644" s="613"/>
      <c r="CQR644" s="613"/>
      <c r="CQS644" s="613"/>
      <c r="CQT644" s="613"/>
      <c r="CQU644" s="613"/>
      <c r="CQV644" s="613"/>
      <c r="CQW644" s="613"/>
      <c r="CQX644" s="613"/>
      <c r="CQY644" s="613"/>
      <c r="CQZ644" s="613"/>
      <c r="CRA644" s="613"/>
      <c r="CRB644" s="613"/>
      <c r="CRC644" s="613"/>
      <c r="CRD644" s="613"/>
      <c r="CRE644" s="613"/>
      <c r="CRF644" s="613"/>
      <c r="CRG644" s="613"/>
      <c r="CRH644" s="613"/>
      <c r="CRI644" s="613"/>
      <c r="CRJ644" s="613"/>
      <c r="CRK644" s="613"/>
      <c r="CRL644" s="613"/>
      <c r="CRM644" s="613"/>
      <c r="CRN644" s="613"/>
      <c r="CRO644" s="613"/>
      <c r="CRP644" s="613"/>
      <c r="CRQ644" s="613"/>
      <c r="CRR644" s="613"/>
      <c r="CRS644" s="613"/>
      <c r="CRT644" s="613"/>
      <c r="CRU644" s="613"/>
      <c r="CRV644" s="613"/>
      <c r="CRW644" s="613"/>
      <c r="CRX644" s="613"/>
      <c r="CRY644" s="613"/>
      <c r="CRZ644" s="613"/>
      <c r="CSA644" s="613"/>
      <c r="CSB644" s="613"/>
      <c r="CSC644" s="613"/>
      <c r="CSD644" s="613"/>
      <c r="CSE644" s="613"/>
      <c r="CSF644" s="613"/>
      <c r="CSG644" s="613"/>
      <c r="CSH644" s="613"/>
      <c r="CSI644" s="613"/>
      <c r="CSJ644" s="613"/>
      <c r="CSK644" s="613"/>
      <c r="CSL644" s="613"/>
      <c r="CSM644" s="613"/>
      <c r="CSN644" s="613"/>
      <c r="CSO644" s="613"/>
      <c r="CSP644" s="613"/>
      <c r="CSQ644" s="613"/>
      <c r="CSR644" s="613"/>
      <c r="CSS644" s="613"/>
      <c r="CST644" s="613"/>
      <c r="CSU644" s="613"/>
      <c r="CSV644" s="613"/>
      <c r="CSW644" s="613"/>
      <c r="CSX644" s="613"/>
      <c r="CSY644" s="613"/>
      <c r="CSZ644" s="613"/>
      <c r="CTA644" s="613"/>
      <c r="CTB644" s="613"/>
      <c r="CTC644" s="613"/>
      <c r="CTD644" s="613"/>
      <c r="CTE644" s="613"/>
      <c r="CTF644" s="613"/>
      <c r="CTG644" s="613"/>
      <c r="CTH644" s="613"/>
      <c r="CTI644" s="613"/>
      <c r="CTJ644" s="613"/>
      <c r="CTK644" s="613"/>
      <c r="CTL644" s="613"/>
      <c r="CTM644" s="613"/>
      <c r="CTN644" s="613"/>
      <c r="CTO644" s="613"/>
      <c r="CTP644" s="613"/>
      <c r="CTQ644" s="613"/>
      <c r="CTR644" s="613"/>
      <c r="CTS644" s="613"/>
      <c r="CTT644" s="613"/>
      <c r="CTU644" s="613"/>
      <c r="CTV644" s="613"/>
      <c r="CTW644" s="613"/>
      <c r="CTX644" s="613"/>
      <c r="CTY644" s="613"/>
      <c r="CTZ644" s="613"/>
      <c r="CUA644" s="613"/>
      <c r="CUB644" s="613"/>
      <c r="CUC644" s="613"/>
      <c r="CUD644" s="613"/>
      <c r="CUE644" s="613"/>
      <c r="CUF644" s="613"/>
      <c r="CUG644" s="613"/>
      <c r="CUH644" s="613"/>
      <c r="CUI644" s="613"/>
      <c r="CUJ644" s="613"/>
      <c r="CUK644" s="613"/>
      <c r="CUL644" s="613"/>
      <c r="CUM644" s="613"/>
      <c r="CUN644" s="613"/>
      <c r="CUO644" s="613"/>
      <c r="CUP644" s="613"/>
      <c r="CUQ644" s="613"/>
      <c r="CUR644" s="613"/>
      <c r="CUS644" s="613"/>
      <c r="CUT644" s="613"/>
      <c r="CUU644" s="613"/>
      <c r="CUV644" s="613"/>
      <c r="CUW644" s="613"/>
      <c r="CUX644" s="613"/>
      <c r="CUY644" s="613"/>
      <c r="CUZ644" s="613"/>
      <c r="CVA644" s="613"/>
      <c r="CVB644" s="613"/>
      <c r="CVC644" s="613"/>
      <c r="CVD644" s="613"/>
      <c r="CVE644" s="613"/>
      <c r="CVF644" s="613"/>
      <c r="CVG644" s="613"/>
      <c r="CVH644" s="613"/>
      <c r="CVI644" s="613"/>
      <c r="CVJ644" s="613"/>
      <c r="CVK644" s="613"/>
      <c r="CVL644" s="613"/>
      <c r="CVM644" s="613"/>
      <c r="CVN644" s="613"/>
      <c r="CVO644" s="613"/>
      <c r="CVP644" s="613"/>
      <c r="CVQ644" s="613"/>
      <c r="CVR644" s="613"/>
      <c r="CVS644" s="613"/>
      <c r="CVT644" s="613"/>
      <c r="CVU644" s="613"/>
      <c r="CVV644" s="613"/>
      <c r="CVW644" s="613"/>
      <c r="CVX644" s="613"/>
      <c r="CVY644" s="613"/>
      <c r="CVZ644" s="613"/>
      <c r="CWA644" s="613"/>
      <c r="CWB644" s="613"/>
      <c r="CWC644" s="613"/>
      <c r="CWD644" s="613"/>
      <c r="CWE644" s="613"/>
      <c r="CWF644" s="613"/>
      <c r="CWG644" s="613"/>
      <c r="CWH644" s="613"/>
      <c r="CWI644" s="613"/>
      <c r="CWJ644" s="613"/>
      <c r="CWK644" s="613"/>
      <c r="CWL644" s="613"/>
      <c r="CWM644" s="613"/>
      <c r="CWN644" s="613"/>
      <c r="CWO644" s="613"/>
      <c r="CWP644" s="613"/>
      <c r="CWQ644" s="613"/>
      <c r="CWR644" s="613"/>
      <c r="CWS644" s="613"/>
      <c r="CWT644" s="613"/>
      <c r="CWU644" s="613"/>
      <c r="CWV644" s="613"/>
      <c r="CWW644" s="613"/>
      <c r="CWX644" s="613"/>
      <c r="CWY644" s="613"/>
      <c r="CWZ644" s="613"/>
      <c r="CXA644" s="613"/>
      <c r="CXB644" s="613"/>
      <c r="CXC644" s="613"/>
      <c r="CXD644" s="613"/>
      <c r="CXE644" s="613"/>
      <c r="CXF644" s="613"/>
      <c r="CXG644" s="613"/>
      <c r="CXH644" s="613"/>
      <c r="CXI644" s="613"/>
      <c r="CXJ644" s="613"/>
      <c r="CXK644" s="613"/>
      <c r="CXL644" s="613"/>
      <c r="CXM644" s="613"/>
      <c r="CXN644" s="613"/>
      <c r="CXO644" s="613"/>
      <c r="CXP644" s="613"/>
      <c r="CXQ644" s="613"/>
      <c r="CXR644" s="613"/>
      <c r="CXS644" s="613"/>
      <c r="CXT644" s="613"/>
      <c r="CXU644" s="613"/>
      <c r="CXV644" s="613"/>
      <c r="CXW644" s="613"/>
      <c r="CXX644" s="613"/>
      <c r="CXY644" s="613"/>
      <c r="CXZ644" s="613"/>
      <c r="CYA644" s="613"/>
      <c r="CYB644" s="613"/>
      <c r="CYC644" s="613"/>
      <c r="CYD644" s="613"/>
      <c r="CYE644" s="613"/>
      <c r="CYF644" s="613"/>
      <c r="CYG644" s="613"/>
      <c r="CYH644" s="613"/>
      <c r="CYI644" s="613"/>
      <c r="CYJ644" s="613"/>
      <c r="CYK644" s="613"/>
      <c r="CYL644" s="613"/>
      <c r="CYM644" s="613"/>
      <c r="CYN644" s="613"/>
      <c r="CYO644" s="613"/>
      <c r="CYP644" s="613"/>
      <c r="CYQ644" s="613"/>
      <c r="CYR644" s="613"/>
      <c r="CYS644" s="613"/>
      <c r="CYT644" s="613"/>
      <c r="CYU644" s="613"/>
      <c r="CYV644" s="613"/>
      <c r="CYW644" s="613"/>
      <c r="CYX644" s="613"/>
      <c r="CYY644" s="613"/>
      <c r="CYZ644" s="613"/>
      <c r="CZA644" s="613"/>
      <c r="CZB644" s="613"/>
      <c r="CZC644" s="613"/>
      <c r="CZD644" s="613"/>
      <c r="CZE644" s="613"/>
      <c r="CZF644" s="613"/>
      <c r="CZG644" s="613"/>
      <c r="CZH644" s="613"/>
      <c r="CZI644" s="613"/>
      <c r="CZJ644" s="613"/>
      <c r="CZK644" s="613"/>
      <c r="CZL644" s="613"/>
      <c r="CZM644" s="613"/>
      <c r="CZN644" s="613"/>
      <c r="CZO644" s="613"/>
      <c r="CZP644" s="613"/>
      <c r="CZQ644" s="613"/>
      <c r="CZR644" s="613"/>
      <c r="CZS644" s="613"/>
      <c r="CZT644" s="613"/>
      <c r="CZU644" s="613"/>
      <c r="CZV644" s="613"/>
      <c r="CZW644" s="613"/>
      <c r="CZX644" s="613"/>
      <c r="CZY644" s="613"/>
      <c r="CZZ644" s="613"/>
      <c r="DAA644" s="613"/>
      <c r="DAB644" s="613"/>
      <c r="DAC644" s="613"/>
      <c r="DAD644" s="613"/>
      <c r="DAE644" s="613"/>
      <c r="DAF644" s="613"/>
      <c r="DAG644" s="613"/>
      <c r="DAH644" s="613"/>
      <c r="DAI644" s="613"/>
      <c r="DAJ644" s="613"/>
      <c r="DAK644" s="613"/>
      <c r="DAL644" s="613"/>
      <c r="DAM644" s="613"/>
      <c r="DAN644" s="613"/>
      <c r="DAO644" s="613"/>
      <c r="DAP644" s="613"/>
      <c r="DAQ644" s="613"/>
      <c r="DAR644" s="613"/>
      <c r="DAS644" s="613"/>
      <c r="DAT644" s="613"/>
      <c r="DAU644" s="613"/>
      <c r="DAV644" s="613"/>
      <c r="DAW644" s="613"/>
      <c r="DAX644" s="613"/>
      <c r="DAY644" s="613"/>
      <c r="DAZ644" s="613"/>
      <c r="DBA644" s="613"/>
      <c r="DBB644" s="613"/>
      <c r="DBC644" s="613"/>
      <c r="DBD644" s="613"/>
      <c r="DBE644" s="613"/>
      <c r="DBF644" s="613"/>
      <c r="DBG644" s="613"/>
      <c r="DBH644" s="613"/>
      <c r="DBI644" s="613"/>
      <c r="DBJ644" s="613"/>
      <c r="DBK644" s="613"/>
      <c r="DBL644" s="613"/>
      <c r="DBM644" s="613"/>
      <c r="DBN644" s="613"/>
      <c r="DBO644" s="613"/>
      <c r="DBP644" s="613"/>
      <c r="DBQ644" s="613"/>
      <c r="DBR644" s="613"/>
      <c r="DBS644" s="613"/>
      <c r="DBT644" s="613"/>
      <c r="DBU644" s="613"/>
      <c r="DBV644" s="613"/>
      <c r="DBW644" s="613"/>
      <c r="DBX644" s="613"/>
      <c r="DBY644" s="613"/>
      <c r="DBZ644" s="613"/>
      <c r="DCA644" s="613"/>
      <c r="DCB644" s="613"/>
      <c r="DCC644" s="613"/>
      <c r="DCD644" s="613"/>
      <c r="DCE644" s="613"/>
      <c r="DCF644" s="613"/>
      <c r="DCG644" s="613"/>
      <c r="DCH644" s="613"/>
      <c r="DCI644" s="613"/>
      <c r="DCJ644" s="613"/>
      <c r="DCK644" s="613"/>
      <c r="DCL644" s="613"/>
      <c r="DCM644" s="613"/>
      <c r="DCN644" s="613"/>
      <c r="DCO644" s="613"/>
      <c r="DCP644" s="613"/>
      <c r="DCQ644" s="613"/>
      <c r="DCR644" s="613"/>
      <c r="DCS644" s="613"/>
      <c r="DCT644" s="613"/>
      <c r="DCU644" s="613"/>
      <c r="DCV644" s="613"/>
      <c r="DCW644" s="613"/>
      <c r="DCX644" s="613"/>
      <c r="DCY644" s="613"/>
      <c r="DCZ644" s="613"/>
      <c r="DDA644" s="613"/>
      <c r="DDB644" s="613"/>
      <c r="DDC644" s="613"/>
      <c r="DDD644" s="613"/>
      <c r="DDE644" s="613"/>
      <c r="DDF644" s="613"/>
      <c r="DDG644" s="613"/>
      <c r="DDH644" s="613"/>
      <c r="DDI644" s="613"/>
      <c r="DDJ644" s="613"/>
      <c r="DDK644" s="613"/>
      <c r="DDL644" s="613"/>
      <c r="DDM644" s="613"/>
      <c r="DDN644" s="613"/>
      <c r="DDO644" s="613"/>
      <c r="DDP644" s="613"/>
      <c r="DDQ644" s="613"/>
      <c r="DDR644" s="613"/>
      <c r="DDS644" s="613"/>
      <c r="DDT644" s="613"/>
      <c r="DDU644" s="613"/>
      <c r="DDV644" s="613"/>
      <c r="DDW644" s="613"/>
      <c r="DDX644" s="613"/>
      <c r="DDY644" s="613"/>
      <c r="DDZ644" s="613"/>
      <c r="DEA644" s="613"/>
      <c r="DEB644" s="613"/>
      <c r="DEC644" s="613"/>
      <c r="DED644" s="613"/>
      <c r="DEE644" s="613"/>
      <c r="DEF644" s="613"/>
      <c r="DEG644" s="613"/>
      <c r="DEH644" s="613"/>
      <c r="DEI644" s="613"/>
      <c r="DEJ644" s="613"/>
      <c r="DEK644" s="613"/>
      <c r="DEL644" s="613"/>
      <c r="DEM644" s="613"/>
      <c r="DEN644" s="613"/>
      <c r="DEO644" s="613"/>
      <c r="DEP644" s="613"/>
      <c r="DEQ644" s="613"/>
      <c r="DER644" s="613"/>
      <c r="DES644" s="613"/>
      <c r="DET644" s="613"/>
      <c r="DEU644" s="613"/>
      <c r="DEV644" s="613"/>
      <c r="DEW644" s="613"/>
      <c r="DEX644" s="613"/>
      <c r="DEY644" s="613"/>
      <c r="DEZ644" s="613"/>
      <c r="DFA644" s="613"/>
      <c r="DFB644" s="613"/>
      <c r="DFC644" s="613"/>
      <c r="DFD644" s="613"/>
      <c r="DFE644" s="613"/>
      <c r="DFF644" s="613"/>
      <c r="DFG644" s="613"/>
      <c r="DFH644" s="613"/>
      <c r="DFI644" s="613"/>
      <c r="DFJ644" s="613"/>
      <c r="DFK644" s="613"/>
      <c r="DFL644" s="613"/>
      <c r="DFM644" s="613"/>
      <c r="DFN644" s="613"/>
      <c r="DFO644" s="613"/>
      <c r="DFP644" s="613"/>
      <c r="DFQ644" s="613"/>
      <c r="DFR644" s="613"/>
      <c r="DFS644" s="613"/>
      <c r="DFT644" s="613"/>
      <c r="DFU644" s="613"/>
      <c r="DFV644" s="613"/>
      <c r="DFW644" s="613"/>
      <c r="DFX644" s="613"/>
      <c r="DFY644" s="613"/>
      <c r="DFZ644" s="613"/>
      <c r="DGA644" s="613"/>
      <c r="DGB644" s="613"/>
      <c r="DGC644" s="613"/>
      <c r="DGD644" s="613"/>
      <c r="DGE644" s="613"/>
      <c r="DGF644" s="613"/>
      <c r="DGG644" s="613"/>
      <c r="DGH644" s="613"/>
      <c r="DGI644" s="613"/>
      <c r="DGJ644" s="613"/>
      <c r="DGK644" s="613"/>
      <c r="DGL644" s="613"/>
      <c r="DGM644" s="613"/>
      <c r="DGN644" s="613"/>
      <c r="DGO644" s="613"/>
      <c r="DGP644" s="613"/>
      <c r="DGQ644" s="613"/>
      <c r="DGR644" s="613"/>
      <c r="DGS644" s="613"/>
      <c r="DGT644" s="613"/>
      <c r="DGU644" s="613"/>
      <c r="DGV644" s="613"/>
      <c r="DGW644" s="613"/>
      <c r="DGX644" s="613"/>
      <c r="DGY644" s="613"/>
      <c r="DGZ644" s="613"/>
      <c r="DHA644" s="613"/>
      <c r="DHB644" s="613"/>
      <c r="DHC644" s="613"/>
      <c r="DHD644" s="613"/>
      <c r="DHE644" s="613"/>
      <c r="DHF644" s="613"/>
      <c r="DHG644" s="613"/>
      <c r="DHH644" s="613"/>
      <c r="DHI644" s="613"/>
      <c r="DHJ644" s="613"/>
      <c r="DHK644" s="613"/>
      <c r="DHL644" s="613"/>
      <c r="DHM644" s="613"/>
      <c r="DHN644" s="613"/>
      <c r="DHO644" s="613"/>
      <c r="DHP644" s="613"/>
      <c r="DHQ644" s="613"/>
      <c r="DHR644" s="613"/>
      <c r="DHS644" s="613"/>
      <c r="DHT644" s="613"/>
      <c r="DHU644" s="613"/>
      <c r="DHV644" s="613"/>
      <c r="DHW644" s="613"/>
      <c r="DHX644" s="613"/>
      <c r="DHY644" s="613"/>
      <c r="DHZ644" s="613"/>
      <c r="DIA644" s="613"/>
      <c r="DIB644" s="613"/>
      <c r="DIC644" s="613"/>
      <c r="DID644" s="613"/>
      <c r="DIE644" s="613"/>
      <c r="DIF644" s="613"/>
      <c r="DIG644" s="613"/>
      <c r="DIH644" s="613"/>
      <c r="DII644" s="613"/>
      <c r="DIJ644" s="613"/>
      <c r="DIK644" s="613"/>
      <c r="DIL644" s="613"/>
      <c r="DIM644" s="613"/>
      <c r="DIN644" s="613"/>
      <c r="DIO644" s="613"/>
      <c r="DIP644" s="613"/>
      <c r="DIQ644" s="613"/>
      <c r="DIR644" s="613"/>
      <c r="DIS644" s="613"/>
      <c r="DIT644" s="613"/>
      <c r="DIU644" s="613"/>
      <c r="DIV644" s="613"/>
      <c r="DIW644" s="613"/>
      <c r="DIX644" s="613"/>
      <c r="DIY644" s="613"/>
      <c r="DIZ644" s="613"/>
      <c r="DJA644" s="613"/>
      <c r="DJB644" s="613"/>
      <c r="DJC644" s="613"/>
      <c r="DJD644" s="613"/>
      <c r="DJE644" s="613"/>
      <c r="DJF644" s="613"/>
      <c r="DJG644" s="613"/>
      <c r="DJH644" s="613"/>
      <c r="DJI644" s="613"/>
      <c r="DJJ644" s="613"/>
      <c r="DJK644" s="613"/>
      <c r="DJL644" s="613"/>
      <c r="DJM644" s="613"/>
      <c r="DJN644" s="613"/>
      <c r="DJO644" s="613"/>
      <c r="DJP644" s="613"/>
      <c r="DJQ644" s="613"/>
      <c r="DJR644" s="613"/>
      <c r="DJS644" s="613"/>
      <c r="DJT644" s="613"/>
      <c r="DJU644" s="613"/>
      <c r="DJV644" s="613"/>
      <c r="DJW644" s="613"/>
      <c r="DJX644" s="613"/>
      <c r="DJY644" s="613"/>
      <c r="DJZ644" s="613"/>
      <c r="DKA644" s="613"/>
      <c r="DKB644" s="613"/>
      <c r="DKC644" s="613"/>
      <c r="DKD644" s="613"/>
      <c r="DKE644" s="613"/>
      <c r="DKF644" s="613"/>
      <c r="DKG644" s="613"/>
      <c r="DKH644" s="613"/>
      <c r="DKI644" s="613"/>
      <c r="DKJ644" s="613"/>
      <c r="DKK644" s="613"/>
      <c r="DKL644" s="613"/>
      <c r="DKM644" s="613"/>
      <c r="DKN644" s="613"/>
      <c r="DKO644" s="613"/>
      <c r="DKP644" s="613"/>
      <c r="DKQ644" s="613"/>
      <c r="DKR644" s="613"/>
      <c r="DKS644" s="613"/>
      <c r="DKT644" s="613"/>
      <c r="DKU644" s="613"/>
      <c r="DKV644" s="613"/>
      <c r="DKW644" s="613"/>
      <c r="DKX644" s="613"/>
      <c r="DKY644" s="613"/>
      <c r="DKZ644" s="613"/>
      <c r="DLA644" s="613"/>
      <c r="DLB644" s="613"/>
      <c r="DLC644" s="613"/>
      <c r="DLD644" s="613"/>
      <c r="DLE644" s="613"/>
      <c r="DLF644" s="613"/>
      <c r="DLG644" s="613"/>
      <c r="DLH644" s="613"/>
      <c r="DLI644" s="613"/>
      <c r="DLJ644" s="613"/>
      <c r="DLK644" s="613"/>
      <c r="DLL644" s="613"/>
      <c r="DLM644" s="613"/>
      <c r="DLN644" s="613"/>
      <c r="DLO644" s="613"/>
      <c r="DLP644" s="613"/>
      <c r="DLQ644" s="613"/>
      <c r="DLR644" s="613"/>
      <c r="DLS644" s="613"/>
      <c r="DLT644" s="613"/>
      <c r="DLU644" s="613"/>
      <c r="DLV644" s="613"/>
      <c r="DLW644" s="613"/>
      <c r="DLX644" s="613"/>
      <c r="DLY644" s="613"/>
      <c r="DLZ644" s="613"/>
      <c r="DMA644" s="613"/>
      <c r="DMB644" s="613"/>
      <c r="DMC644" s="613"/>
      <c r="DMD644" s="613"/>
      <c r="DME644" s="613"/>
      <c r="DMF644" s="613"/>
      <c r="DMG644" s="613"/>
      <c r="DMH644" s="613"/>
      <c r="DMI644" s="613"/>
      <c r="DMJ644" s="613"/>
      <c r="DMK644" s="613"/>
      <c r="DML644" s="613"/>
      <c r="DMM644" s="613"/>
      <c r="DMN644" s="613"/>
      <c r="DMO644" s="613"/>
      <c r="DMP644" s="613"/>
      <c r="DMQ644" s="613"/>
      <c r="DMR644" s="613"/>
      <c r="DMS644" s="613"/>
      <c r="DMT644" s="613"/>
      <c r="DMU644" s="613"/>
      <c r="DMV644" s="613"/>
      <c r="DMW644" s="613"/>
      <c r="DMX644" s="613"/>
      <c r="DMY644" s="613"/>
      <c r="DMZ644" s="613"/>
      <c r="DNA644" s="613"/>
      <c r="DNB644" s="613"/>
      <c r="DNC644" s="613"/>
      <c r="DND644" s="613"/>
      <c r="DNE644" s="613"/>
      <c r="DNF644" s="613"/>
      <c r="DNG644" s="613"/>
      <c r="DNH644" s="613"/>
      <c r="DNI644" s="613"/>
      <c r="DNJ644" s="613"/>
      <c r="DNK644" s="613"/>
      <c r="DNL644" s="613"/>
      <c r="DNM644" s="613"/>
      <c r="DNN644" s="613"/>
      <c r="DNO644" s="613"/>
      <c r="DNP644" s="613"/>
      <c r="DNQ644" s="613"/>
      <c r="DNR644" s="613"/>
      <c r="DNS644" s="613"/>
      <c r="DNT644" s="613"/>
      <c r="DNU644" s="613"/>
      <c r="DNV644" s="613"/>
      <c r="DNW644" s="613"/>
      <c r="DNX644" s="613"/>
      <c r="DNY644" s="613"/>
      <c r="DNZ644" s="613"/>
      <c r="DOA644" s="613"/>
      <c r="DOB644" s="613"/>
      <c r="DOC644" s="613"/>
      <c r="DOD644" s="613"/>
      <c r="DOE644" s="613"/>
      <c r="DOF644" s="613"/>
      <c r="DOG644" s="613"/>
      <c r="DOH644" s="613"/>
      <c r="DOI644" s="613"/>
      <c r="DOJ644" s="613"/>
      <c r="DOK644" s="613"/>
      <c r="DOL644" s="613"/>
      <c r="DOM644" s="613"/>
      <c r="DON644" s="613"/>
      <c r="DOO644" s="613"/>
      <c r="DOP644" s="613"/>
      <c r="DOQ644" s="613"/>
      <c r="DOR644" s="613"/>
      <c r="DOS644" s="613"/>
      <c r="DOT644" s="613"/>
      <c r="DOU644" s="613"/>
      <c r="DOV644" s="613"/>
      <c r="DOW644" s="613"/>
      <c r="DOX644" s="613"/>
      <c r="DOY644" s="613"/>
      <c r="DOZ644" s="613"/>
      <c r="DPA644" s="613"/>
      <c r="DPB644" s="613"/>
      <c r="DPC644" s="613"/>
      <c r="DPD644" s="613"/>
      <c r="DPE644" s="613"/>
      <c r="DPF644" s="613"/>
      <c r="DPG644" s="613"/>
      <c r="DPH644" s="613"/>
      <c r="DPI644" s="613"/>
      <c r="DPJ644" s="613"/>
      <c r="DPK644" s="613"/>
      <c r="DPL644" s="613"/>
      <c r="DPM644" s="613"/>
      <c r="DPN644" s="613"/>
      <c r="DPO644" s="613"/>
      <c r="DPP644" s="613"/>
      <c r="DPQ644" s="613"/>
      <c r="DPR644" s="613"/>
      <c r="DPS644" s="613"/>
      <c r="DPT644" s="613"/>
      <c r="DPU644" s="613"/>
      <c r="DPV644" s="613"/>
      <c r="DPW644" s="613"/>
      <c r="DPX644" s="613"/>
      <c r="DPY644" s="613"/>
      <c r="DPZ644" s="613"/>
      <c r="DQA644" s="613"/>
      <c r="DQB644" s="613"/>
      <c r="DQC644" s="613"/>
      <c r="DQD644" s="613"/>
      <c r="DQE644" s="613"/>
      <c r="DQF644" s="613"/>
      <c r="DQG644" s="613"/>
      <c r="DQH644" s="613"/>
      <c r="DQI644" s="613"/>
      <c r="DQJ644" s="613"/>
      <c r="DQK644" s="613"/>
      <c r="DQL644" s="613"/>
      <c r="DQM644" s="613"/>
      <c r="DQN644" s="613"/>
      <c r="DQO644" s="613"/>
      <c r="DQP644" s="613"/>
      <c r="DQQ644" s="613"/>
      <c r="DQR644" s="613"/>
      <c r="DQS644" s="613"/>
      <c r="DQT644" s="613"/>
      <c r="DQU644" s="613"/>
      <c r="DQV644" s="613"/>
      <c r="DQW644" s="613"/>
      <c r="DQX644" s="613"/>
      <c r="DQY644" s="613"/>
      <c r="DQZ644" s="613"/>
      <c r="DRA644" s="613"/>
      <c r="DRB644" s="613"/>
      <c r="DRC644" s="613"/>
      <c r="DRD644" s="613"/>
      <c r="DRE644" s="613"/>
      <c r="DRF644" s="613"/>
      <c r="DRG644" s="613"/>
      <c r="DRH644" s="613"/>
      <c r="DRI644" s="613"/>
      <c r="DRJ644" s="613"/>
      <c r="DRK644" s="613"/>
      <c r="DRL644" s="613"/>
      <c r="DRM644" s="613"/>
      <c r="DRN644" s="613"/>
      <c r="DRO644" s="613"/>
      <c r="DRP644" s="613"/>
      <c r="DRQ644" s="613"/>
      <c r="DRR644" s="613"/>
      <c r="DRS644" s="613"/>
      <c r="DRT644" s="613"/>
      <c r="DRU644" s="613"/>
      <c r="DRV644" s="613"/>
      <c r="DRW644" s="613"/>
      <c r="DRX644" s="613"/>
      <c r="DRY644" s="613"/>
      <c r="DRZ644" s="613"/>
      <c r="DSA644" s="613"/>
      <c r="DSB644" s="613"/>
      <c r="DSC644" s="613"/>
      <c r="DSD644" s="613"/>
      <c r="DSE644" s="613"/>
      <c r="DSF644" s="613"/>
      <c r="DSG644" s="613"/>
      <c r="DSH644" s="613"/>
      <c r="DSI644" s="613"/>
      <c r="DSJ644" s="613"/>
      <c r="DSK644" s="613"/>
      <c r="DSL644" s="613"/>
      <c r="DSM644" s="613"/>
      <c r="DSN644" s="613"/>
      <c r="DSO644" s="613"/>
      <c r="DSP644" s="613"/>
      <c r="DSQ644" s="613"/>
      <c r="DSR644" s="613"/>
      <c r="DSS644" s="613"/>
      <c r="DST644" s="613"/>
      <c r="DSU644" s="613"/>
      <c r="DSV644" s="613"/>
      <c r="DSW644" s="613"/>
      <c r="DSX644" s="613"/>
      <c r="DSY644" s="613"/>
      <c r="DSZ644" s="613"/>
      <c r="DTA644" s="613"/>
      <c r="DTB644" s="613"/>
      <c r="DTC644" s="613"/>
      <c r="DTD644" s="613"/>
      <c r="DTE644" s="613"/>
      <c r="DTF644" s="613"/>
      <c r="DTG644" s="613"/>
      <c r="DTH644" s="613"/>
      <c r="DTI644" s="613"/>
      <c r="DTJ644" s="613"/>
      <c r="DTK644" s="613"/>
      <c r="DTL644" s="613"/>
      <c r="DTM644" s="613"/>
      <c r="DTN644" s="613"/>
      <c r="DTO644" s="613"/>
      <c r="DTP644" s="613"/>
      <c r="DTQ644" s="613"/>
      <c r="DTR644" s="613"/>
      <c r="DTS644" s="613"/>
      <c r="DTT644" s="613"/>
      <c r="DTU644" s="613"/>
      <c r="DTV644" s="613"/>
      <c r="DTW644" s="613"/>
      <c r="DTX644" s="613"/>
      <c r="DTY644" s="613"/>
      <c r="DTZ644" s="613"/>
      <c r="DUA644" s="613"/>
      <c r="DUB644" s="613"/>
      <c r="DUC644" s="613"/>
      <c r="DUD644" s="613"/>
      <c r="DUE644" s="613"/>
      <c r="DUF644" s="613"/>
      <c r="DUG644" s="613"/>
      <c r="DUH644" s="613"/>
      <c r="DUI644" s="613"/>
      <c r="DUJ644" s="613"/>
      <c r="DUK644" s="613"/>
      <c r="DUL644" s="613"/>
      <c r="DUM644" s="613"/>
      <c r="DUN644" s="613"/>
      <c r="DUO644" s="613"/>
      <c r="DUP644" s="613"/>
      <c r="DUQ644" s="613"/>
      <c r="DUR644" s="613"/>
      <c r="DUS644" s="613"/>
      <c r="DUT644" s="613"/>
      <c r="DUU644" s="613"/>
      <c r="DUV644" s="613"/>
      <c r="DUW644" s="613"/>
      <c r="DUX644" s="613"/>
      <c r="DUY644" s="613"/>
      <c r="DUZ644" s="613"/>
      <c r="DVA644" s="613"/>
      <c r="DVB644" s="613"/>
      <c r="DVC644" s="613"/>
      <c r="DVD644" s="613"/>
      <c r="DVE644" s="613"/>
      <c r="DVF644" s="613"/>
      <c r="DVG644" s="613"/>
      <c r="DVH644" s="613"/>
      <c r="DVI644" s="613"/>
      <c r="DVJ644" s="613"/>
      <c r="DVK644" s="613"/>
      <c r="DVL644" s="613"/>
      <c r="DVM644" s="613"/>
      <c r="DVN644" s="613"/>
      <c r="DVO644" s="613"/>
      <c r="DVP644" s="613"/>
      <c r="DVQ644" s="613"/>
      <c r="DVR644" s="613"/>
      <c r="DVS644" s="613"/>
      <c r="DVT644" s="613"/>
      <c r="DVU644" s="613"/>
      <c r="DVV644" s="613"/>
      <c r="DVW644" s="613"/>
      <c r="DVX644" s="613"/>
      <c r="DVY644" s="613"/>
      <c r="DVZ644" s="613"/>
      <c r="DWA644" s="613"/>
      <c r="DWB644" s="613"/>
      <c r="DWC644" s="613"/>
      <c r="DWD644" s="613"/>
      <c r="DWE644" s="613"/>
      <c r="DWF644" s="613"/>
      <c r="DWG644" s="613"/>
      <c r="DWH644" s="613"/>
      <c r="DWI644" s="613"/>
      <c r="DWJ644" s="613"/>
      <c r="DWK644" s="613"/>
      <c r="DWL644" s="613"/>
      <c r="DWM644" s="613"/>
      <c r="DWN644" s="613"/>
      <c r="DWO644" s="613"/>
      <c r="DWP644" s="613"/>
      <c r="DWQ644" s="613"/>
      <c r="DWR644" s="613"/>
      <c r="DWS644" s="613"/>
      <c r="DWT644" s="613"/>
      <c r="DWU644" s="613"/>
      <c r="DWV644" s="613"/>
      <c r="DWW644" s="613"/>
      <c r="DWX644" s="613"/>
      <c r="DWY644" s="613"/>
      <c r="DWZ644" s="613"/>
      <c r="DXA644" s="613"/>
      <c r="DXB644" s="613"/>
      <c r="DXC644" s="613"/>
      <c r="DXD644" s="613"/>
      <c r="DXE644" s="613"/>
      <c r="DXF644" s="613"/>
      <c r="DXG644" s="613"/>
      <c r="DXH644" s="613"/>
      <c r="DXI644" s="613"/>
      <c r="DXJ644" s="613"/>
      <c r="DXK644" s="613"/>
      <c r="DXL644" s="613"/>
      <c r="DXM644" s="613"/>
      <c r="DXN644" s="613"/>
      <c r="DXO644" s="613"/>
      <c r="DXP644" s="613"/>
      <c r="DXQ644" s="613"/>
      <c r="DXR644" s="613"/>
      <c r="DXS644" s="613"/>
      <c r="DXT644" s="613"/>
      <c r="DXU644" s="613"/>
      <c r="DXV644" s="613"/>
      <c r="DXW644" s="613"/>
      <c r="DXX644" s="613"/>
      <c r="DXY644" s="613"/>
      <c r="DXZ644" s="613"/>
      <c r="DYA644" s="613"/>
      <c r="DYB644" s="613"/>
      <c r="DYC644" s="613"/>
      <c r="DYD644" s="613"/>
      <c r="DYE644" s="613"/>
      <c r="DYF644" s="613"/>
      <c r="DYG644" s="613"/>
      <c r="DYH644" s="613"/>
      <c r="DYI644" s="613"/>
      <c r="DYJ644" s="613"/>
      <c r="DYK644" s="613"/>
      <c r="DYL644" s="613"/>
      <c r="DYM644" s="613"/>
      <c r="DYN644" s="613"/>
      <c r="DYO644" s="613"/>
      <c r="DYP644" s="613"/>
      <c r="DYQ644" s="613"/>
      <c r="DYR644" s="613"/>
      <c r="DYS644" s="613"/>
      <c r="DYT644" s="613"/>
      <c r="DYU644" s="613"/>
      <c r="DYV644" s="613"/>
      <c r="DYW644" s="613"/>
      <c r="DYX644" s="613"/>
      <c r="DYY644" s="613"/>
      <c r="DYZ644" s="613"/>
      <c r="DZA644" s="613"/>
      <c r="DZB644" s="613"/>
      <c r="DZC644" s="613"/>
      <c r="DZD644" s="613"/>
      <c r="DZE644" s="613"/>
      <c r="DZF644" s="613"/>
      <c r="DZG644" s="613"/>
      <c r="DZH644" s="613"/>
      <c r="DZI644" s="613"/>
      <c r="DZJ644" s="613"/>
      <c r="DZK644" s="613"/>
      <c r="DZL644" s="613"/>
      <c r="DZM644" s="613"/>
      <c r="DZN644" s="613"/>
      <c r="DZO644" s="613"/>
      <c r="DZP644" s="613"/>
      <c r="DZQ644" s="613"/>
      <c r="DZR644" s="613"/>
      <c r="DZS644" s="613"/>
      <c r="DZT644" s="613"/>
      <c r="DZU644" s="613"/>
      <c r="DZV644" s="613"/>
      <c r="DZW644" s="613"/>
      <c r="DZX644" s="613"/>
      <c r="DZY644" s="613"/>
      <c r="DZZ644" s="613"/>
      <c r="EAA644" s="613"/>
      <c r="EAB644" s="613"/>
      <c r="EAC644" s="613"/>
      <c r="EAD644" s="613"/>
      <c r="EAE644" s="613"/>
      <c r="EAF644" s="613"/>
      <c r="EAG644" s="613"/>
      <c r="EAH644" s="613"/>
      <c r="EAI644" s="613"/>
      <c r="EAJ644" s="613"/>
      <c r="EAK644" s="613"/>
      <c r="EAL644" s="613"/>
      <c r="EAM644" s="613"/>
      <c r="EAN644" s="613"/>
      <c r="EAO644" s="613"/>
      <c r="EAP644" s="613"/>
      <c r="EAQ644" s="613"/>
      <c r="EAR644" s="613"/>
      <c r="EAS644" s="613"/>
      <c r="EAT644" s="613"/>
      <c r="EAU644" s="613"/>
      <c r="EAV644" s="613"/>
      <c r="EAW644" s="613"/>
      <c r="EAX644" s="613"/>
      <c r="EAY644" s="613"/>
      <c r="EAZ644" s="613"/>
      <c r="EBA644" s="613"/>
      <c r="EBB644" s="613"/>
      <c r="EBC644" s="613"/>
      <c r="EBD644" s="613"/>
      <c r="EBE644" s="613"/>
      <c r="EBF644" s="613"/>
      <c r="EBG644" s="613"/>
      <c r="EBH644" s="613"/>
      <c r="EBI644" s="613"/>
      <c r="EBJ644" s="613"/>
      <c r="EBK644" s="613"/>
      <c r="EBL644" s="613"/>
      <c r="EBM644" s="613"/>
      <c r="EBN644" s="613"/>
      <c r="EBO644" s="613"/>
      <c r="EBP644" s="613"/>
      <c r="EBQ644" s="613"/>
      <c r="EBR644" s="613"/>
      <c r="EBS644" s="613"/>
      <c r="EBT644" s="613"/>
      <c r="EBU644" s="613"/>
      <c r="EBV644" s="613"/>
      <c r="EBW644" s="613"/>
      <c r="EBX644" s="613"/>
      <c r="EBY644" s="613"/>
      <c r="EBZ644" s="613"/>
      <c r="ECA644" s="613"/>
      <c r="ECB644" s="613"/>
      <c r="ECC644" s="613"/>
      <c r="ECD644" s="613"/>
      <c r="ECE644" s="613"/>
      <c r="ECF644" s="613"/>
      <c r="ECG644" s="613"/>
      <c r="ECH644" s="613"/>
      <c r="ECI644" s="613"/>
      <c r="ECJ644" s="613"/>
      <c r="ECK644" s="613"/>
      <c r="ECL644" s="613"/>
      <c r="ECM644" s="613"/>
      <c r="ECN644" s="613"/>
      <c r="ECO644" s="613"/>
      <c r="ECP644" s="613"/>
      <c r="ECQ644" s="613"/>
      <c r="ECR644" s="613"/>
      <c r="ECS644" s="613"/>
      <c r="ECT644" s="613"/>
      <c r="ECU644" s="613"/>
      <c r="ECV644" s="613"/>
      <c r="ECW644" s="613"/>
      <c r="ECX644" s="613"/>
      <c r="ECY644" s="613"/>
      <c r="ECZ644" s="613"/>
      <c r="EDA644" s="613"/>
      <c r="EDB644" s="613"/>
      <c r="EDC644" s="613"/>
      <c r="EDD644" s="613"/>
      <c r="EDE644" s="613"/>
      <c r="EDF644" s="613"/>
      <c r="EDG644" s="613"/>
      <c r="EDH644" s="613"/>
      <c r="EDI644" s="613"/>
      <c r="EDJ644" s="613"/>
      <c r="EDK644" s="613"/>
      <c r="EDL644" s="613"/>
      <c r="EDM644" s="613"/>
      <c r="EDN644" s="613"/>
      <c r="EDO644" s="613"/>
      <c r="EDP644" s="613"/>
      <c r="EDQ644" s="613"/>
      <c r="EDR644" s="613"/>
      <c r="EDS644" s="613"/>
      <c r="EDT644" s="613"/>
      <c r="EDU644" s="613"/>
      <c r="EDV644" s="613"/>
      <c r="EDW644" s="613"/>
      <c r="EDX644" s="613"/>
      <c r="EDY644" s="613"/>
      <c r="EDZ644" s="613"/>
      <c r="EEA644" s="613"/>
      <c r="EEB644" s="613"/>
      <c r="EEC644" s="613"/>
      <c r="EED644" s="613"/>
      <c r="EEE644" s="613"/>
      <c r="EEF644" s="613"/>
      <c r="EEG644" s="613"/>
      <c r="EEH644" s="613"/>
      <c r="EEI644" s="613"/>
      <c r="EEJ644" s="613"/>
      <c r="EEK644" s="613"/>
      <c r="EEL644" s="613"/>
      <c r="EEM644" s="613"/>
      <c r="EEN644" s="613"/>
      <c r="EEO644" s="613"/>
      <c r="EEP644" s="613"/>
      <c r="EEQ644" s="613"/>
      <c r="EER644" s="613"/>
      <c r="EES644" s="613"/>
      <c r="EET644" s="613"/>
      <c r="EEU644" s="613"/>
      <c r="EEV644" s="613"/>
      <c r="EEW644" s="613"/>
      <c r="EEX644" s="613"/>
      <c r="EEY644" s="613"/>
      <c r="EEZ644" s="613"/>
      <c r="EFA644" s="613"/>
      <c r="EFB644" s="613"/>
      <c r="EFC644" s="613"/>
      <c r="EFD644" s="613"/>
      <c r="EFE644" s="613"/>
      <c r="EFF644" s="613"/>
      <c r="EFG644" s="613"/>
      <c r="EFH644" s="613"/>
      <c r="EFI644" s="613"/>
      <c r="EFJ644" s="613"/>
      <c r="EFK644" s="613"/>
      <c r="EFL644" s="613"/>
      <c r="EFM644" s="613"/>
      <c r="EFN644" s="613"/>
      <c r="EFO644" s="613"/>
      <c r="EFP644" s="613"/>
      <c r="EFQ644" s="613"/>
      <c r="EFR644" s="613"/>
      <c r="EFS644" s="613"/>
      <c r="EFT644" s="613"/>
      <c r="EFU644" s="613"/>
      <c r="EFV644" s="613"/>
      <c r="EFW644" s="613"/>
      <c r="EFX644" s="613"/>
      <c r="EFY644" s="613"/>
      <c r="EFZ644" s="613"/>
      <c r="EGA644" s="613"/>
      <c r="EGB644" s="613"/>
      <c r="EGC644" s="613"/>
      <c r="EGD644" s="613"/>
      <c r="EGE644" s="613"/>
      <c r="EGF644" s="613"/>
      <c r="EGG644" s="613"/>
      <c r="EGH644" s="613"/>
      <c r="EGI644" s="613"/>
      <c r="EGJ644" s="613"/>
      <c r="EGK644" s="613"/>
      <c r="EGL644" s="613"/>
      <c r="EGM644" s="613"/>
      <c r="EGN644" s="613"/>
      <c r="EGO644" s="613"/>
      <c r="EGP644" s="613"/>
      <c r="EGQ644" s="613"/>
      <c r="EGR644" s="613"/>
      <c r="EGS644" s="613"/>
      <c r="EGT644" s="613"/>
      <c r="EGU644" s="613"/>
      <c r="EGV644" s="613"/>
      <c r="EGW644" s="613"/>
      <c r="EGX644" s="613"/>
      <c r="EGY644" s="613"/>
      <c r="EGZ644" s="613"/>
      <c r="EHA644" s="613"/>
      <c r="EHB644" s="613"/>
      <c r="EHC644" s="613"/>
      <c r="EHD644" s="613"/>
      <c r="EHE644" s="613"/>
      <c r="EHF644" s="613"/>
      <c r="EHG644" s="613"/>
      <c r="EHH644" s="613"/>
      <c r="EHI644" s="613"/>
      <c r="EHJ644" s="613"/>
      <c r="EHK644" s="613"/>
      <c r="EHL644" s="613"/>
      <c r="EHM644" s="613"/>
      <c r="EHN644" s="613"/>
      <c r="EHO644" s="613"/>
      <c r="EHP644" s="613"/>
      <c r="EHQ644" s="613"/>
      <c r="EHR644" s="613"/>
      <c r="EHS644" s="613"/>
      <c r="EHT644" s="613"/>
      <c r="EHU644" s="613"/>
      <c r="EHV644" s="613"/>
      <c r="EHW644" s="613"/>
      <c r="EHX644" s="613"/>
      <c r="EHY644" s="613"/>
      <c r="EHZ644" s="613"/>
      <c r="EIA644" s="613"/>
      <c r="EIB644" s="613"/>
      <c r="EIC644" s="613"/>
      <c r="EID644" s="613"/>
      <c r="EIE644" s="613"/>
      <c r="EIF644" s="613"/>
      <c r="EIG644" s="613"/>
      <c r="EIH644" s="613"/>
      <c r="EII644" s="613"/>
      <c r="EIJ644" s="613"/>
      <c r="EIK644" s="613"/>
      <c r="EIL644" s="613"/>
      <c r="EIM644" s="613"/>
      <c r="EIN644" s="613"/>
      <c r="EIO644" s="613"/>
      <c r="EIP644" s="613"/>
      <c r="EIQ644" s="613"/>
      <c r="EIR644" s="613"/>
      <c r="EIS644" s="613"/>
      <c r="EIT644" s="613"/>
      <c r="EIU644" s="613"/>
      <c r="EIV644" s="613"/>
      <c r="EIW644" s="613"/>
      <c r="EIX644" s="613"/>
      <c r="EIY644" s="613"/>
      <c r="EIZ644" s="613"/>
      <c r="EJA644" s="613"/>
      <c r="EJB644" s="613"/>
      <c r="EJC644" s="613"/>
      <c r="EJD644" s="613"/>
      <c r="EJE644" s="613"/>
      <c r="EJF644" s="613"/>
      <c r="EJG644" s="613"/>
      <c r="EJH644" s="613"/>
      <c r="EJI644" s="613"/>
      <c r="EJJ644" s="613"/>
      <c r="EJK644" s="613"/>
      <c r="EJL644" s="613"/>
      <c r="EJM644" s="613"/>
      <c r="EJN644" s="613"/>
      <c r="EJO644" s="613"/>
      <c r="EJP644" s="613"/>
      <c r="EJQ644" s="613"/>
      <c r="EJR644" s="613"/>
      <c r="EJS644" s="613"/>
      <c r="EJT644" s="613"/>
      <c r="EJU644" s="613"/>
      <c r="EJV644" s="613"/>
      <c r="EJW644" s="613"/>
      <c r="EJX644" s="613"/>
      <c r="EJY644" s="613"/>
      <c r="EJZ644" s="613"/>
      <c r="EKA644" s="613"/>
      <c r="EKB644" s="613"/>
      <c r="EKC644" s="613"/>
      <c r="EKD644" s="613"/>
      <c r="EKE644" s="613"/>
      <c r="EKF644" s="613"/>
      <c r="EKG644" s="613"/>
      <c r="EKH644" s="613"/>
      <c r="EKI644" s="613"/>
      <c r="EKJ644" s="613"/>
      <c r="EKK644" s="613"/>
      <c r="EKL644" s="613"/>
      <c r="EKM644" s="613"/>
      <c r="EKN644" s="613"/>
      <c r="EKO644" s="613"/>
      <c r="EKP644" s="613"/>
      <c r="EKQ644" s="613"/>
      <c r="EKR644" s="613"/>
      <c r="EKS644" s="613"/>
      <c r="EKT644" s="613"/>
      <c r="EKU644" s="613"/>
      <c r="EKV644" s="613"/>
      <c r="EKW644" s="613"/>
      <c r="EKX644" s="613"/>
      <c r="EKY644" s="613"/>
      <c r="EKZ644" s="613"/>
      <c r="ELA644" s="613"/>
      <c r="ELB644" s="613"/>
      <c r="ELC644" s="613"/>
      <c r="ELD644" s="613"/>
      <c r="ELE644" s="613"/>
      <c r="ELF644" s="613"/>
      <c r="ELG644" s="613"/>
      <c r="ELH644" s="613"/>
      <c r="ELI644" s="613"/>
      <c r="ELJ644" s="613"/>
      <c r="ELK644" s="613"/>
      <c r="ELL644" s="613"/>
      <c r="ELM644" s="613"/>
      <c r="ELN644" s="613"/>
      <c r="ELO644" s="613"/>
      <c r="ELP644" s="613"/>
      <c r="ELQ644" s="613"/>
      <c r="ELR644" s="613"/>
      <c r="ELS644" s="613"/>
      <c r="ELT644" s="613"/>
      <c r="ELU644" s="613"/>
      <c r="ELV644" s="613"/>
      <c r="ELW644" s="613"/>
      <c r="ELX644" s="613"/>
      <c r="ELY644" s="613"/>
      <c r="ELZ644" s="613"/>
      <c r="EMA644" s="613"/>
      <c r="EMB644" s="613"/>
      <c r="EMC644" s="613"/>
      <c r="EMD644" s="613"/>
      <c r="EME644" s="613"/>
      <c r="EMF644" s="613"/>
      <c r="EMG644" s="613"/>
      <c r="EMH644" s="613"/>
      <c r="EMI644" s="613"/>
      <c r="EMJ644" s="613"/>
      <c r="EMK644" s="613"/>
      <c r="EML644" s="613"/>
      <c r="EMM644" s="613"/>
      <c r="EMN644" s="613"/>
      <c r="EMO644" s="613"/>
      <c r="EMP644" s="613"/>
      <c r="EMQ644" s="613"/>
      <c r="EMR644" s="613"/>
      <c r="EMS644" s="613"/>
      <c r="EMT644" s="613"/>
      <c r="EMU644" s="613"/>
      <c r="EMV644" s="613"/>
      <c r="EMW644" s="613"/>
      <c r="EMX644" s="613"/>
      <c r="EMY644" s="613"/>
      <c r="EMZ644" s="613"/>
      <c r="ENA644" s="613"/>
      <c r="ENB644" s="613"/>
      <c r="ENC644" s="613"/>
      <c r="END644" s="613"/>
      <c r="ENE644" s="613"/>
      <c r="ENF644" s="613"/>
      <c r="ENG644" s="613"/>
      <c r="ENH644" s="613"/>
      <c r="ENI644" s="613"/>
      <c r="ENJ644" s="613"/>
      <c r="ENK644" s="613"/>
      <c r="ENL644" s="613"/>
      <c r="ENM644" s="613"/>
      <c r="ENN644" s="613"/>
      <c r="ENO644" s="613"/>
      <c r="ENP644" s="613"/>
      <c r="ENQ644" s="613"/>
      <c r="ENR644" s="613"/>
      <c r="ENS644" s="613"/>
      <c r="ENT644" s="613"/>
      <c r="ENU644" s="613"/>
      <c r="ENV644" s="613"/>
      <c r="ENW644" s="613"/>
      <c r="ENX644" s="613"/>
      <c r="ENY644" s="613"/>
      <c r="ENZ644" s="613"/>
      <c r="EOA644" s="613"/>
      <c r="EOB644" s="613"/>
      <c r="EOC644" s="613"/>
      <c r="EOD644" s="613"/>
      <c r="EOE644" s="613"/>
      <c r="EOF644" s="613"/>
      <c r="EOG644" s="613"/>
      <c r="EOH644" s="613"/>
      <c r="EOI644" s="613"/>
      <c r="EOJ644" s="613"/>
      <c r="EOK644" s="613"/>
      <c r="EOL644" s="613"/>
      <c r="EOM644" s="613"/>
      <c r="EON644" s="613"/>
      <c r="EOO644" s="613"/>
      <c r="EOP644" s="613"/>
      <c r="EOQ644" s="613"/>
      <c r="EOR644" s="613"/>
      <c r="EOS644" s="613"/>
      <c r="EOT644" s="613"/>
      <c r="EOU644" s="613"/>
      <c r="EOV644" s="613"/>
      <c r="EOW644" s="613"/>
      <c r="EOX644" s="613"/>
      <c r="EOY644" s="613"/>
      <c r="EOZ644" s="613"/>
      <c r="EPA644" s="613"/>
      <c r="EPB644" s="613"/>
      <c r="EPC644" s="613"/>
      <c r="EPD644" s="613"/>
      <c r="EPE644" s="613"/>
      <c r="EPF644" s="613"/>
      <c r="EPG644" s="613"/>
      <c r="EPH644" s="613"/>
      <c r="EPI644" s="613"/>
      <c r="EPJ644" s="613"/>
      <c r="EPK644" s="613"/>
      <c r="EPL644" s="613"/>
      <c r="EPM644" s="613"/>
      <c r="EPN644" s="613"/>
      <c r="EPO644" s="613"/>
      <c r="EPP644" s="613"/>
      <c r="EPQ644" s="613"/>
      <c r="EPR644" s="613"/>
      <c r="EPS644" s="613"/>
      <c r="EPT644" s="613"/>
      <c r="EPU644" s="613"/>
      <c r="EPV644" s="613"/>
      <c r="EPW644" s="613"/>
      <c r="EPX644" s="613"/>
      <c r="EPY644" s="613"/>
      <c r="EPZ644" s="613"/>
      <c r="EQA644" s="613"/>
      <c r="EQB644" s="613"/>
      <c r="EQC644" s="613"/>
      <c r="EQD644" s="613"/>
      <c r="EQE644" s="613"/>
      <c r="EQF644" s="613"/>
      <c r="EQG644" s="613"/>
      <c r="EQH644" s="613"/>
      <c r="EQI644" s="613"/>
      <c r="EQJ644" s="613"/>
      <c r="EQK644" s="613"/>
      <c r="EQL644" s="613"/>
      <c r="EQM644" s="613"/>
      <c r="EQN644" s="613"/>
      <c r="EQO644" s="613"/>
      <c r="EQP644" s="613"/>
      <c r="EQQ644" s="613"/>
      <c r="EQR644" s="613"/>
      <c r="EQS644" s="613"/>
      <c r="EQT644" s="613"/>
      <c r="EQU644" s="613"/>
      <c r="EQV644" s="613"/>
      <c r="EQW644" s="613"/>
      <c r="EQX644" s="613"/>
      <c r="EQY644" s="613"/>
      <c r="EQZ644" s="613"/>
      <c r="ERA644" s="613"/>
      <c r="ERB644" s="613"/>
      <c r="ERC644" s="613"/>
      <c r="ERD644" s="613"/>
      <c r="ERE644" s="613"/>
      <c r="ERF644" s="613"/>
      <c r="ERG644" s="613"/>
      <c r="ERH644" s="613"/>
      <c r="ERI644" s="613"/>
      <c r="ERJ644" s="613"/>
      <c r="ERK644" s="613"/>
      <c r="ERL644" s="613"/>
      <c r="ERM644" s="613"/>
      <c r="ERN644" s="613"/>
      <c r="ERO644" s="613"/>
      <c r="ERP644" s="613"/>
      <c r="ERQ644" s="613"/>
      <c r="ERR644" s="613"/>
      <c r="ERS644" s="613"/>
      <c r="ERT644" s="613"/>
      <c r="ERU644" s="613"/>
      <c r="ERV644" s="613"/>
      <c r="ERW644" s="613"/>
      <c r="ERX644" s="613"/>
      <c r="ERY644" s="613"/>
      <c r="ERZ644" s="613"/>
      <c r="ESA644" s="613"/>
      <c r="ESB644" s="613"/>
      <c r="ESC644" s="613"/>
      <c r="ESD644" s="613"/>
      <c r="ESE644" s="613"/>
      <c r="ESF644" s="613"/>
      <c r="ESG644" s="613"/>
      <c r="ESH644" s="613"/>
      <c r="ESI644" s="613"/>
      <c r="ESJ644" s="613"/>
      <c r="ESK644" s="613"/>
      <c r="ESL644" s="613"/>
      <c r="ESM644" s="613"/>
      <c r="ESN644" s="613"/>
      <c r="ESO644" s="613"/>
      <c r="ESP644" s="613"/>
      <c r="ESQ644" s="613"/>
      <c r="ESR644" s="613"/>
      <c r="ESS644" s="613"/>
      <c r="EST644" s="613"/>
      <c r="ESU644" s="613"/>
      <c r="ESV644" s="613"/>
      <c r="ESW644" s="613"/>
      <c r="ESX644" s="613"/>
      <c r="ESY644" s="613"/>
      <c r="ESZ644" s="613"/>
      <c r="ETA644" s="613"/>
      <c r="ETB644" s="613"/>
      <c r="ETC644" s="613"/>
      <c r="ETD644" s="613"/>
      <c r="ETE644" s="613"/>
      <c r="ETF644" s="613"/>
      <c r="ETG644" s="613"/>
      <c r="ETH644" s="613"/>
      <c r="ETI644" s="613"/>
      <c r="ETJ644" s="613"/>
      <c r="ETK644" s="613"/>
      <c r="ETL644" s="613"/>
      <c r="ETM644" s="613"/>
      <c r="ETN644" s="613"/>
      <c r="ETO644" s="613"/>
      <c r="ETP644" s="613"/>
      <c r="ETQ644" s="613"/>
      <c r="ETR644" s="613"/>
      <c r="ETS644" s="613"/>
      <c r="ETT644" s="613"/>
      <c r="ETU644" s="613"/>
      <c r="ETV644" s="613"/>
      <c r="ETW644" s="613"/>
      <c r="ETX644" s="613"/>
      <c r="ETY644" s="613"/>
      <c r="ETZ644" s="613"/>
      <c r="EUA644" s="613"/>
      <c r="EUB644" s="613"/>
      <c r="EUC644" s="613"/>
      <c r="EUD644" s="613"/>
      <c r="EUE644" s="613"/>
      <c r="EUF644" s="613"/>
      <c r="EUG644" s="613"/>
      <c r="EUH644" s="613"/>
      <c r="EUI644" s="613"/>
      <c r="EUJ644" s="613"/>
      <c r="EUK644" s="613"/>
      <c r="EUL644" s="613"/>
      <c r="EUM644" s="613"/>
      <c r="EUN644" s="613"/>
      <c r="EUO644" s="613"/>
      <c r="EUP644" s="613"/>
      <c r="EUQ644" s="613"/>
      <c r="EUR644" s="613"/>
      <c r="EUS644" s="613"/>
      <c r="EUT644" s="613"/>
      <c r="EUU644" s="613"/>
      <c r="EUV644" s="613"/>
      <c r="EUW644" s="613"/>
      <c r="EUX644" s="613"/>
      <c r="EUY644" s="613"/>
      <c r="EUZ644" s="613"/>
      <c r="EVA644" s="613"/>
      <c r="EVB644" s="613"/>
      <c r="EVC644" s="613"/>
      <c r="EVD644" s="613"/>
      <c r="EVE644" s="613"/>
      <c r="EVF644" s="613"/>
      <c r="EVG644" s="613"/>
      <c r="EVH644" s="613"/>
      <c r="EVI644" s="613"/>
      <c r="EVJ644" s="613"/>
      <c r="EVK644" s="613"/>
      <c r="EVL644" s="613"/>
      <c r="EVM644" s="613"/>
      <c r="EVN644" s="613"/>
      <c r="EVO644" s="613"/>
      <c r="EVP644" s="613"/>
      <c r="EVQ644" s="613"/>
      <c r="EVR644" s="613"/>
      <c r="EVS644" s="613"/>
      <c r="EVT644" s="613"/>
      <c r="EVU644" s="613"/>
      <c r="EVV644" s="613"/>
      <c r="EVW644" s="613"/>
      <c r="EVX644" s="613"/>
      <c r="EVY644" s="613"/>
      <c r="EVZ644" s="613"/>
      <c r="EWA644" s="613"/>
      <c r="EWB644" s="613"/>
      <c r="EWC644" s="613"/>
      <c r="EWD644" s="613"/>
      <c r="EWE644" s="613"/>
      <c r="EWF644" s="613"/>
      <c r="EWG644" s="613"/>
      <c r="EWH644" s="613"/>
      <c r="EWI644" s="613"/>
      <c r="EWJ644" s="613"/>
      <c r="EWK644" s="613"/>
      <c r="EWL644" s="613"/>
      <c r="EWM644" s="613"/>
      <c r="EWN644" s="613"/>
      <c r="EWO644" s="613"/>
      <c r="EWP644" s="613"/>
      <c r="EWQ644" s="613"/>
      <c r="EWR644" s="613"/>
      <c r="EWS644" s="613"/>
      <c r="EWT644" s="613"/>
      <c r="EWU644" s="613"/>
      <c r="EWV644" s="613"/>
      <c r="EWW644" s="613"/>
      <c r="EWX644" s="613"/>
      <c r="EWY644" s="613"/>
      <c r="EWZ644" s="613"/>
      <c r="EXA644" s="613"/>
      <c r="EXB644" s="613"/>
      <c r="EXC644" s="613"/>
      <c r="EXD644" s="613"/>
      <c r="EXE644" s="613"/>
      <c r="EXF644" s="613"/>
      <c r="EXG644" s="613"/>
      <c r="EXH644" s="613"/>
      <c r="EXI644" s="613"/>
      <c r="EXJ644" s="613"/>
      <c r="EXK644" s="613"/>
      <c r="EXL644" s="613"/>
      <c r="EXM644" s="613"/>
      <c r="EXN644" s="613"/>
      <c r="EXO644" s="613"/>
      <c r="EXP644" s="613"/>
      <c r="EXQ644" s="613"/>
      <c r="EXR644" s="613"/>
      <c r="EXS644" s="613"/>
      <c r="EXT644" s="613"/>
      <c r="EXU644" s="613"/>
      <c r="EXV644" s="613"/>
      <c r="EXW644" s="613"/>
      <c r="EXX644" s="613"/>
      <c r="EXY644" s="613"/>
      <c r="EXZ644" s="613"/>
      <c r="EYA644" s="613"/>
      <c r="EYB644" s="613"/>
      <c r="EYC644" s="613"/>
      <c r="EYD644" s="613"/>
      <c r="EYE644" s="613"/>
      <c r="EYF644" s="613"/>
      <c r="EYG644" s="613"/>
      <c r="EYH644" s="613"/>
      <c r="EYI644" s="613"/>
      <c r="EYJ644" s="613"/>
      <c r="EYK644" s="613"/>
      <c r="EYL644" s="613"/>
      <c r="EYM644" s="613"/>
      <c r="EYN644" s="613"/>
      <c r="EYO644" s="613"/>
      <c r="EYP644" s="613"/>
      <c r="EYQ644" s="613"/>
      <c r="EYR644" s="613"/>
      <c r="EYS644" s="613"/>
      <c r="EYT644" s="613"/>
      <c r="EYU644" s="613"/>
      <c r="EYV644" s="613"/>
      <c r="EYW644" s="613"/>
      <c r="EYX644" s="613"/>
      <c r="EYY644" s="613"/>
      <c r="EYZ644" s="613"/>
      <c r="EZA644" s="613"/>
      <c r="EZB644" s="613"/>
      <c r="EZC644" s="613"/>
      <c r="EZD644" s="613"/>
      <c r="EZE644" s="613"/>
      <c r="EZF644" s="613"/>
      <c r="EZG644" s="613"/>
      <c r="EZH644" s="613"/>
      <c r="EZI644" s="613"/>
      <c r="EZJ644" s="613"/>
      <c r="EZK644" s="613"/>
      <c r="EZL644" s="613"/>
      <c r="EZM644" s="613"/>
      <c r="EZN644" s="613"/>
      <c r="EZO644" s="613"/>
      <c r="EZP644" s="613"/>
      <c r="EZQ644" s="613"/>
      <c r="EZR644" s="613"/>
      <c r="EZS644" s="613"/>
      <c r="EZT644" s="613"/>
      <c r="EZU644" s="613"/>
      <c r="EZV644" s="613"/>
      <c r="EZW644" s="613"/>
      <c r="EZX644" s="613"/>
      <c r="EZY644" s="613"/>
      <c r="EZZ644" s="613"/>
      <c r="FAA644" s="613"/>
      <c r="FAB644" s="613"/>
      <c r="FAC644" s="613"/>
      <c r="FAD644" s="613"/>
      <c r="FAE644" s="613"/>
      <c r="FAF644" s="613"/>
      <c r="FAG644" s="613"/>
      <c r="FAH644" s="613"/>
      <c r="FAI644" s="613"/>
      <c r="FAJ644" s="613"/>
      <c r="FAK644" s="613"/>
      <c r="FAL644" s="613"/>
      <c r="FAM644" s="613"/>
      <c r="FAN644" s="613"/>
      <c r="FAO644" s="613"/>
      <c r="FAP644" s="613"/>
      <c r="FAQ644" s="613"/>
      <c r="FAR644" s="613"/>
      <c r="FAS644" s="613"/>
      <c r="FAT644" s="613"/>
      <c r="FAU644" s="613"/>
      <c r="FAV644" s="613"/>
      <c r="FAW644" s="613"/>
      <c r="FAX644" s="613"/>
      <c r="FAY644" s="613"/>
      <c r="FAZ644" s="613"/>
      <c r="FBA644" s="613"/>
      <c r="FBB644" s="613"/>
      <c r="FBC644" s="613"/>
      <c r="FBD644" s="613"/>
      <c r="FBE644" s="613"/>
      <c r="FBF644" s="613"/>
      <c r="FBG644" s="613"/>
      <c r="FBH644" s="613"/>
      <c r="FBI644" s="613"/>
      <c r="FBJ644" s="613"/>
      <c r="FBK644" s="613"/>
      <c r="FBL644" s="613"/>
      <c r="FBM644" s="613"/>
      <c r="FBN644" s="613"/>
      <c r="FBO644" s="613"/>
      <c r="FBP644" s="613"/>
      <c r="FBQ644" s="613"/>
      <c r="FBR644" s="613"/>
      <c r="FBS644" s="613"/>
      <c r="FBT644" s="613"/>
      <c r="FBU644" s="613"/>
      <c r="FBV644" s="613"/>
      <c r="FBW644" s="613"/>
      <c r="FBX644" s="613"/>
      <c r="FBY644" s="613"/>
      <c r="FBZ644" s="613"/>
      <c r="FCA644" s="613"/>
      <c r="FCB644" s="613"/>
      <c r="FCC644" s="613"/>
      <c r="FCD644" s="613"/>
      <c r="FCE644" s="613"/>
      <c r="FCF644" s="613"/>
      <c r="FCG644" s="613"/>
      <c r="FCH644" s="613"/>
      <c r="FCI644" s="613"/>
      <c r="FCJ644" s="613"/>
      <c r="FCK644" s="613"/>
      <c r="FCL644" s="613"/>
      <c r="FCM644" s="613"/>
      <c r="FCN644" s="613"/>
      <c r="FCO644" s="613"/>
      <c r="FCP644" s="613"/>
      <c r="FCQ644" s="613"/>
      <c r="FCR644" s="613"/>
      <c r="FCS644" s="613"/>
      <c r="FCT644" s="613"/>
      <c r="FCU644" s="613"/>
      <c r="FCV644" s="613"/>
      <c r="FCW644" s="613"/>
      <c r="FCX644" s="613"/>
      <c r="FCY644" s="613"/>
      <c r="FCZ644" s="613"/>
      <c r="FDA644" s="613"/>
      <c r="FDB644" s="613"/>
      <c r="FDC644" s="613"/>
      <c r="FDD644" s="613"/>
      <c r="FDE644" s="613"/>
      <c r="FDF644" s="613"/>
      <c r="FDG644" s="613"/>
      <c r="FDH644" s="613"/>
      <c r="FDI644" s="613"/>
      <c r="FDJ644" s="613"/>
      <c r="FDK644" s="613"/>
      <c r="FDL644" s="613"/>
      <c r="FDM644" s="613"/>
      <c r="FDN644" s="613"/>
      <c r="FDO644" s="613"/>
      <c r="FDP644" s="613"/>
      <c r="FDQ644" s="613"/>
      <c r="FDR644" s="613"/>
      <c r="FDS644" s="613"/>
      <c r="FDT644" s="613"/>
      <c r="FDU644" s="613"/>
      <c r="FDV644" s="613"/>
      <c r="FDW644" s="613"/>
      <c r="FDX644" s="613"/>
      <c r="FDY644" s="613"/>
      <c r="FDZ644" s="613"/>
      <c r="FEA644" s="613"/>
      <c r="FEB644" s="613"/>
      <c r="FEC644" s="613"/>
      <c r="FED644" s="613"/>
      <c r="FEE644" s="613"/>
      <c r="FEF644" s="613"/>
      <c r="FEG644" s="613"/>
      <c r="FEH644" s="613"/>
      <c r="FEI644" s="613"/>
      <c r="FEJ644" s="613"/>
      <c r="FEK644" s="613"/>
      <c r="FEL644" s="613"/>
      <c r="FEM644" s="613"/>
      <c r="FEN644" s="613"/>
      <c r="FEO644" s="613"/>
      <c r="FEP644" s="613"/>
      <c r="FEQ644" s="613"/>
      <c r="FER644" s="613"/>
      <c r="FES644" s="613"/>
      <c r="FET644" s="613"/>
      <c r="FEU644" s="613"/>
      <c r="FEV644" s="613"/>
      <c r="FEW644" s="613"/>
      <c r="FEX644" s="613"/>
      <c r="FEY644" s="613"/>
      <c r="FEZ644" s="613"/>
      <c r="FFA644" s="613"/>
      <c r="FFB644" s="613"/>
      <c r="FFC644" s="613"/>
      <c r="FFD644" s="613"/>
      <c r="FFE644" s="613"/>
      <c r="FFF644" s="613"/>
      <c r="FFG644" s="613"/>
      <c r="FFH644" s="613"/>
      <c r="FFI644" s="613"/>
      <c r="FFJ644" s="613"/>
      <c r="FFK644" s="613"/>
      <c r="FFL644" s="613"/>
      <c r="FFM644" s="613"/>
      <c r="FFN644" s="613"/>
      <c r="FFO644" s="613"/>
      <c r="FFP644" s="613"/>
      <c r="FFQ644" s="613"/>
      <c r="FFR644" s="613"/>
      <c r="FFS644" s="613"/>
      <c r="FFT644" s="613"/>
      <c r="FFU644" s="613"/>
      <c r="FFV644" s="613"/>
      <c r="FFW644" s="613"/>
      <c r="FFX644" s="613"/>
      <c r="FFY644" s="613"/>
      <c r="FFZ644" s="613"/>
      <c r="FGA644" s="613"/>
      <c r="FGB644" s="613"/>
      <c r="FGC644" s="613"/>
      <c r="FGD644" s="613"/>
      <c r="FGE644" s="613"/>
      <c r="FGF644" s="613"/>
      <c r="FGG644" s="613"/>
      <c r="FGH644" s="613"/>
      <c r="FGI644" s="613"/>
      <c r="FGJ644" s="613"/>
      <c r="FGK644" s="613"/>
      <c r="FGL644" s="613"/>
      <c r="FGM644" s="613"/>
      <c r="FGN644" s="613"/>
      <c r="FGO644" s="613"/>
      <c r="FGP644" s="613"/>
      <c r="FGQ644" s="613"/>
      <c r="FGR644" s="613"/>
      <c r="FGS644" s="613"/>
      <c r="FGT644" s="613"/>
      <c r="FGU644" s="613"/>
      <c r="FGV644" s="613"/>
      <c r="FGW644" s="613"/>
      <c r="FGX644" s="613"/>
      <c r="FGY644" s="613"/>
      <c r="FGZ644" s="613"/>
      <c r="FHA644" s="613"/>
      <c r="FHB644" s="613"/>
      <c r="FHC644" s="613"/>
      <c r="FHD644" s="613"/>
      <c r="FHE644" s="613"/>
      <c r="FHF644" s="613"/>
      <c r="FHG644" s="613"/>
      <c r="FHH644" s="613"/>
      <c r="FHI644" s="613"/>
      <c r="FHJ644" s="613"/>
      <c r="FHK644" s="613"/>
      <c r="FHL644" s="613"/>
      <c r="FHM644" s="613"/>
      <c r="FHN644" s="613"/>
      <c r="FHO644" s="613"/>
      <c r="FHP644" s="613"/>
      <c r="FHQ644" s="613"/>
      <c r="FHR644" s="613"/>
      <c r="FHS644" s="613"/>
      <c r="FHT644" s="613"/>
      <c r="FHU644" s="613"/>
      <c r="FHV644" s="613"/>
      <c r="FHW644" s="613"/>
      <c r="FHX644" s="613"/>
      <c r="FHY644" s="613"/>
      <c r="FHZ644" s="613"/>
      <c r="FIA644" s="613"/>
      <c r="FIB644" s="613"/>
      <c r="FIC644" s="613"/>
      <c r="FID644" s="613"/>
      <c r="FIE644" s="613"/>
      <c r="FIF644" s="613"/>
      <c r="FIG644" s="613"/>
      <c r="FIH644" s="613"/>
      <c r="FII644" s="613"/>
      <c r="FIJ644" s="613"/>
      <c r="FIK644" s="613"/>
      <c r="FIL644" s="613"/>
      <c r="FIM644" s="613"/>
      <c r="FIN644" s="613"/>
      <c r="FIO644" s="613"/>
      <c r="FIP644" s="613"/>
      <c r="FIQ644" s="613"/>
      <c r="FIR644" s="613"/>
      <c r="FIS644" s="613"/>
      <c r="FIT644" s="613"/>
      <c r="FIU644" s="613"/>
      <c r="FIV644" s="613"/>
      <c r="FIW644" s="613"/>
      <c r="FIX644" s="613"/>
      <c r="FIY644" s="613"/>
      <c r="FIZ644" s="613"/>
      <c r="FJA644" s="613"/>
      <c r="FJB644" s="613"/>
      <c r="FJC644" s="613"/>
      <c r="FJD644" s="613"/>
      <c r="FJE644" s="613"/>
      <c r="FJF644" s="613"/>
      <c r="FJG644" s="613"/>
      <c r="FJH644" s="613"/>
      <c r="FJI644" s="613"/>
      <c r="FJJ644" s="613"/>
      <c r="FJK644" s="613"/>
      <c r="FJL644" s="613"/>
      <c r="FJM644" s="613"/>
      <c r="FJN644" s="613"/>
      <c r="FJO644" s="613"/>
      <c r="FJP644" s="613"/>
      <c r="FJQ644" s="613"/>
      <c r="FJR644" s="613"/>
      <c r="FJS644" s="613"/>
      <c r="FJT644" s="613"/>
      <c r="FJU644" s="613"/>
      <c r="FJV644" s="613"/>
      <c r="FJW644" s="613"/>
      <c r="FJX644" s="613"/>
      <c r="FJY644" s="613"/>
      <c r="FJZ644" s="613"/>
      <c r="FKA644" s="613"/>
      <c r="FKB644" s="613"/>
      <c r="FKC644" s="613"/>
      <c r="FKD644" s="613"/>
      <c r="FKE644" s="613"/>
      <c r="FKF644" s="613"/>
      <c r="FKG644" s="613"/>
      <c r="FKH644" s="613"/>
      <c r="FKI644" s="613"/>
      <c r="FKJ644" s="613"/>
      <c r="FKK644" s="613"/>
      <c r="FKL644" s="613"/>
      <c r="FKM644" s="613"/>
      <c r="FKN644" s="613"/>
      <c r="FKO644" s="613"/>
      <c r="FKP644" s="613"/>
      <c r="FKQ644" s="613"/>
      <c r="FKR644" s="613"/>
      <c r="FKS644" s="613"/>
      <c r="FKT644" s="613"/>
      <c r="FKU644" s="613"/>
      <c r="FKV644" s="613"/>
      <c r="FKW644" s="613"/>
      <c r="FKX644" s="613"/>
      <c r="FKY644" s="613"/>
      <c r="FKZ644" s="613"/>
      <c r="FLA644" s="613"/>
      <c r="FLB644" s="613"/>
      <c r="FLC644" s="613"/>
      <c r="FLD644" s="613"/>
      <c r="FLE644" s="613"/>
      <c r="FLF644" s="613"/>
      <c r="FLG644" s="613"/>
      <c r="FLH644" s="613"/>
      <c r="FLI644" s="613"/>
      <c r="FLJ644" s="613"/>
      <c r="FLK644" s="613"/>
      <c r="FLL644" s="613"/>
      <c r="FLM644" s="613"/>
      <c r="FLN644" s="613"/>
      <c r="FLO644" s="613"/>
      <c r="FLP644" s="613"/>
      <c r="FLQ644" s="613"/>
      <c r="FLR644" s="613"/>
      <c r="FLS644" s="613"/>
      <c r="FLT644" s="613"/>
      <c r="FLU644" s="613"/>
      <c r="FLV644" s="613"/>
      <c r="FLW644" s="613"/>
      <c r="FLX644" s="613"/>
      <c r="FLY644" s="613"/>
      <c r="FLZ644" s="613"/>
      <c r="FMA644" s="613"/>
      <c r="FMB644" s="613"/>
      <c r="FMC644" s="613"/>
      <c r="FMD644" s="613"/>
      <c r="FME644" s="613"/>
      <c r="FMF644" s="613"/>
      <c r="FMG644" s="613"/>
      <c r="FMH644" s="613"/>
      <c r="FMI644" s="613"/>
      <c r="FMJ644" s="613"/>
      <c r="FMK644" s="613"/>
      <c r="FML644" s="613"/>
      <c r="FMM644" s="613"/>
      <c r="FMN644" s="613"/>
      <c r="FMO644" s="613"/>
      <c r="FMP644" s="613"/>
      <c r="FMQ644" s="613"/>
      <c r="FMR644" s="613"/>
      <c r="FMS644" s="613"/>
      <c r="FMT644" s="613"/>
      <c r="FMU644" s="613"/>
      <c r="FMV644" s="613"/>
      <c r="FMW644" s="613"/>
      <c r="FMX644" s="613"/>
      <c r="FMY644" s="613"/>
      <c r="FMZ644" s="613"/>
      <c r="FNA644" s="613"/>
      <c r="FNB644" s="613"/>
      <c r="FNC644" s="613"/>
      <c r="FND644" s="613"/>
      <c r="FNE644" s="613"/>
      <c r="FNF644" s="613"/>
      <c r="FNG644" s="613"/>
      <c r="FNH644" s="613"/>
      <c r="FNI644" s="613"/>
      <c r="FNJ644" s="613"/>
      <c r="FNK644" s="613"/>
      <c r="FNL644" s="613"/>
      <c r="FNM644" s="613"/>
      <c r="FNN644" s="613"/>
      <c r="FNO644" s="613"/>
      <c r="FNP644" s="613"/>
      <c r="FNQ644" s="613"/>
      <c r="FNR644" s="613"/>
      <c r="FNS644" s="613"/>
      <c r="FNT644" s="613"/>
      <c r="FNU644" s="613"/>
      <c r="FNV644" s="613"/>
      <c r="FNW644" s="613"/>
      <c r="FNX644" s="613"/>
      <c r="FNY644" s="613"/>
      <c r="FNZ644" s="613"/>
      <c r="FOA644" s="613"/>
      <c r="FOB644" s="613"/>
      <c r="FOC644" s="613"/>
      <c r="FOD644" s="613"/>
      <c r="FOE644" s="613"/>
      <c r="FOF644" s="613"/>
      <c r="FOG644" s="613"/>
      <c r="FOH644" s="613"/>
      <c r="FOI644" s="613"/>
      <c r="FOJ644" s="613"/>
      <c r="FOK644" s="613"/>
      <c r="FOL644" s="613"/>
      <c r="FOM644" s="613"/>
      <c r="FON644" s="613"/>
      <c r="FOO644" s="613"/>
      <c r="FOP644" s="613"/>
      <c r="FOQ644" s="613"/>
      <c r="FOR644" s="613"/>
      <c r="FOS644" s="613"/>
      <c r="FOT644" s="613"/>
      <c r="FOU644" s="613"/>
      <c r="FOV644" s="613"/>
      <c r="FOW644" s="613"/>
      <c r="FOX644" s="613"/>
      <c r="FOY644" s="613"/>
      <c r="FOZ644" s="613"/>
      <c r="FPA644" s="613"/>
      <c r="FPB644" s="613"/>
      <c r="FPC644" s="613"/>
      <c r="FPD644" s="613"/>
      <c r="FPE644" s="613"/>
      <c r="FPF644" s="613"/>
      <c r="FPG644" s="613"/>
      <c r="FPH644" s="613"/>
      <c r="FPI644" s="613"/>
      <c r="FPJ644" s="613"/>
      <c r="FPK644" s="613"/>
      <c r="FPL644" s="613"/>
      <c r="FPM644" s="613"/>
      <c r="FPN644" s="613"/>
      <c r="FPO644" s="613"/>
      <c r="FPP644" s="613"/>
      <c r="FPQ644" s="613"/>
      <c r="FPR644" s="613"/>
      <c r="FPS644" s="613"/>
      <c r="FPT644" s="613"/>
      <c r="FPU644" s="613"/>
      <c r="FPV644" s="613"/>
      <c r="FPW644" s="613"/>
      <c r="FPX644" s="613"/>
      <c r="FPY644" s="613"/>
      <c r="FPZ644" s="613"/>
      <c r="FQA644" s="613"/>
      <c r="FQB644" s="613"/>
      <c r="FQC644" s="613"/>
      <c r="FQD644" s="613"/>
      <c r="FQE644" s="613"/>
      <c r="FQF644" s="613"/>
      <c r="FQG644" s="613"/>
      <c r="FQH644" s="613"/>
      <c r="FQI644" s="613"/>
      <c r="FQJ644" s="613"/>
      <c r="FQK644" s="613"/>
      <c r="FQL644" s="613"/>
      <c r="FQM644" s="613"/>
      <c r="FQN644" s="613"/>
      <c r="FQO644" s="613"/>
      <c r="FQP644" s="613"/>
      <c r="FQQ644" s="613"/>
      <c r="FQR644" s="613"/>
      <c r="FQS644" s="613"/>
      <c r="FQT644" s="613"/>
      <c r="FQU644" s="613"/>
      <c r="FQV644" s="613"/>
      <c r="FQW644" s="613"/>
      <c r="FQX644" s="613"/>
      <c r="FQY644" s="613"/>
      <c r="FQZ644" s="613"/>
      <c r="FRA644" s="613"/>
      <c r="FRB644" s="613"/>
      <c r="FRC644" s="613"/>
      <c r="FRD644" s="613"/>
      <c r="FRE644" s="613"/>
      <c r="FRF644" s="613"/>
      <c r="FRG644" s="613"/>
      <c r="FRH644" s="613"/>
      <c r="FRI644" s="613"/>
      <c r="FRJ644" s="613"/>
      <c r="FRK644" s="613"/>
      <c r="FRL644" s="613"/>
      <c r="FRM644" s="613"/>
      <c r="FRN644" s="613"/>
      <c r="FRO644" s="613"/>
      <c r="FRP644" s="613"/>
      <c r="FRQ644" s="613"/>
      <c r="FRR644" s="613"/>
      <c r="FRS644" s="613"/>
      <c r="FRT644" s="613"/>
      <c r="FRU644" s="613"/>
      <c r="FRV644" s="613"/>
      <c r="FRW644" s="613"/>
      <c r="FRX644" s="613"/>
      <c r="FRY644" s="613"/>
      <c r="FRZ644" s="613"/>
      <c r="FSA644" s="613"/>
      <c r="FSB644" s="613"/>
      <c r="FSC644" s="613"/>
      <c r="FSD644" s="613"/>
      <c r="FSE644" s="613"/>
      <c r="FSF644" s="613"/>
      <c r="FSG644" s="613"/>
      <c r="FSH644" s="613"/>
      <c r="FSI644" s="613"/>
      <c r="FSJ644" s="613"/>
      <c r="FSK644" s="613"/>
      <c r="FSL644" s="613"/>
      <c r="FSM644" s="613"/>
      <c r="FSN644" s="613"/>
      <c r="FSO644" s="613"/>
      <c r="FSP644" s="613"/>
      <c r="FSQ644" s="613"/>
      <c r="FSR644" s="613"/>
      <c r="FSS644" s="613"/>
      <c r="FST644" s="613"/>
      <c r="FSU644" s="613"/>
      <c r="FSV644" s="613"/>
      <c r="FSW644" s="613"/>
      <c r="FSX644" s="613"/>
      <c r="FSY644" s="613"/>
      <c r="FSZ644" s="613"/>
      <c r="FTA644" s="613"/>
      <c r="FTB644" s="613"/>
      <c r="FTC644" s="613"/>
      <c r="FTD644" s="613"/>
      <c r="FTE644" s="613"/>
      <c r="FTF644" s="613"/>
      <c r="FTG644" s="613"/>
      <c r="FTH644" s="613"/>
      <c r="FTI644" s="613"/>
      <c r="FTJ644" s="613"/>
      <c r="FTK644" s="613"/>
      <c r="FTL644" s="613"/>
      <c r="FTM644" s="613"/>
      <c r="FTN644" s="613"/>
      <c r="FTO644" s="613"/>
      <c r="FTP644" s="613"/>
      <c r="FTQ644" s="613"/>
      <c r="FTR644" s="613"/>
      <c r="FTS644" s="613"/>
      <c r="FTT644" s="613"/>
      <c r="FTU644" s="613"/>
      <c r="FTV644" s="613"/>
      <c r="FTW644" s="613"/>
      <c r="FTX644" s="613"/>
      <c r="FTY644" s="613"/>
      <c r="FTZ644" s="613"/>
      <c r="FUA644" s="613"/>
      <c r="FUB644" s="613"/>
      <c r="FUC644" s="613"/>
      <c r="FUD644" s="613"/>
      <c r="FUE644" s="613"/>
      <c r="FUF644" s="613"/>
      <c r="FUG644" s="613"/>
      <c r="FUH644" s="613"/>
      <c r="FUI644" s="613"/>
      <c r="FUJ644" s="613"/>
      <c r="FUK644" s="613"/>
      <c r="FUL644" s="613"/>
      <c r="FUM644" s="613"/>
      <c r="FUN644" s="613"/>
      <c r="FUO644" s="613"/>
      <c r="FUP644" s="613"/>
      <c r="FUQ644" s="613"/>
      <c r="FUR644" s="613"/>
      <c r="FUS644" s="613"/>
      <c r="FUT644" s="613"/>
      <c r="FUU644" s="613"/>
      <c r="FUV644" s="613"/>
      <c r="FUW644" s="613"/>
      <c r="FUX644" s="613"/>
      <c r="FUY644" s="613"/>
      <c r="FUZ644" s="613"/>
      <c r="FVA644" s="613"/>
      <c r="FVB644" s="613"/>
      <c r="FVC644" s="613"/>
      <c r="FVD644" s="613"/>
      <c r="FVE644" s="613"/>
      <c r="FVF644" s="613"/>
      <c r="FVG644" s="613"/>
      <c r="FVH644" s="613"/>
      <c r="FVI644" s="613"/>
      <c r="FVJ644" s="613"/>
      <c r="FVK644" s="613"/>
      <c r="FVL644" s="613"/>
      <c r="FVM644" s="613"/>
      <c r="FVN644" s="613"/>
      <c r="FVO644" s="613"/>
      <c r="FVP644" s="613"/>
      <c r="FVQ644" s="613"/>
      <c r="FVR644" s="613"/>
      <c r="FVS644" s="613"/>
      <c r="FVT644" s="613"/>
      <c r="FVU644" s="613"/>
      <c r="FVV644" s="613"/>
      <c r="FVW644" s="613"/>
      <c r="FVX644" s="613"/>
      <c r="FVY644" s="613"/>
      <c r="FVZ644" s="613"/>
      <c r="FWA644" s="613"/>
      <c r="FWB644" s="613"/>
      <c r="FWC644" s="613"/>
      <c r="FWD644" s="613"/>
      <c r="FWE644" s="613"/>
      <c r="FWF644" s="613"/>
      <c r="FWG644" s="613"/>
      <c r="FWH644" s="613"/>
      <c r="FWI644" s="613"/>
      <c r="FWJ644" s="613"/>
      <c r="FWK644" s="613"/>
      <c r="FWL644" s="613"/>
      <c r="FWM644" s="613"/>
      <c r="FWN644" s="613"/>
      <c r="FWO644" s="613"/>
      <c r="FWP644" s="613"/>
      <c r="FWQ644" s="613"/>
      <c r="FWR644" s="613"/>
      <c r="FWS644" s="613"/>
      <c r="FWT644" s="613"/>
      <c r="FWU644" s="613"/>
      <c r="FWV644" s="613"/>
      <c r="FWW644" s="613"/>
      <c r="FWX644" s="613"/>
      <c r="FWY644" s="613"/>
      <c r="FWZ644" s="613"/>
      <c r="FXA644" s="613"/>
      <c r="FXB644" s="613"/>
      <c r="FXC644" s="613"/>
      <c r="FXD644" s="613"/>
      <c r="FXE644" s="613"/>
      <c r="FXF644" s="613"/>
      <c r="FXG644" s="613"/>
      <c r="FXH644" s="613"/>
      <c r="FXI644" s="613"/>
      <c r="FXJ644" s="613"/>
      <c r="FXK644" s="613"/>
      <c r="FXL644" s="613"/>
      <c r="FXM644" s="613"/>
      <c r="FXN644" s="613"/>
      <c r="FXO644" s="613"/>
      <c r="FXP644" s="613"/>
      <c r="FXQ644" s="613"/>
      <c r="FXR644" s="613"/>
      <c r="FXS644" s="613"/>
      <c r="FXT644" s="613"/>
      <c r="FXU644" s="613"/>
      <c r="FXV644" s="613"/>
      <c r="FXW644" s="613"/>
      <c r="FXX644" s="613"/>
      <c r="FXY644" s="613"/>
      <c r="FXZ644" s="613"/>
      <c r="FYA644" s="613"/>
      <c r="FYB644" s="613"/>
      <c r="FYC644" s="613"/>
      <c r="FYD644" s="613"/>
      <c r="FYE644" s="613"/>
      <c r="FYF644" s="613"/>
      <c r="FYG644" s="613"/>
      <c r="FYH644" s="613"/>
      <c r="FYI644" s="613"/>
      <c r="FYJ644" s="613"/>
      <c r="FYK644" s="613"/>
      <c r="FYL644" s="613"/>
      <c r="FYM644" s="613"/>
      <c r="FYN644" s="613"/>
      <c r="FYO644" s="613"/>
      <c r="FYP644" s="613"/>
      <c r="FYQ644" s="613"/>
      <c r="FYR644" s="613"/>
      <c r="FYS644" s="613"/>
      <c r="FYT644" s="613"/>
      <c r="FYU644" s="613"/>
      <c r="FYV644" s="613"/>
      <c r="FYW644" s="613"/>
      <c r="FYX644" s="613"/>
      <c r="FYY644" s="613"/>
      <c r="FYZ644" s="613"/>
      <c r="FZA644" s="613"/>
      <c r="FZB644" s="613"/>
      <c r="FZC644" s="613"/>
      <c r="FZD644" s="613"/>
      <c r="FZE644" s="613"/>
      <c r="FZF644" s="613"/>
      <c r="FZG644" s="613"/>
      <c r="FZH644" s="613"/>
      <c r="FZI644" s="613"/>
      <c r="FZJ644" s="613"/>
      <c r="FZK644" s="613"/>
      <c r="FZL644" s="613"/>
      <c r="FZM644" s="613"/>
      <c r="FZN644" s="613"/>
      <c r="FZO644" s="613"/>
      <c r="FZP644" s="613"/>
      <c r="FZQ644" s="613"/>
      <c r="FZR644" s="613"/>
      <c r="FZS644" s="613"/>
      <c r="FZT644" s="613"/>
      <c r="FZU644" s="613"/>
      <c r="FZV644" s="613"/>
      <c r="FZW644" s="613"/>
      <c r="FZX644" s="613"/>
      <c r="FZY644" s="613"/>
      <c r="FZZ644" s="613"/>
      <c r="GAA644" s="613"/>
      <c r="GAB644" s="613"/>
      <c r="GAC644" s="613"/>
      <c r="GAD644" s="613"/>
      <c r="GAE644" s="613"/>
      <c r="GAF644" s="613"/>
      <c r="GAG644" s="613"/>
      <c r="GAH644" s="613"/>
      <c r="GAI644" s="613"/>
      <c r="GAJ644" s="613"/>
      <c r="GAK644" s="613"/>
      <c r="GAL644" s="613"/>
      <c r="GAM644" s="613"/>
      <c r="GAN644" s="613"/>
      <c r="GAO644" s="613"/>
      <c r="GAP644" s="613"/>
      <c r="GAQ644" s="613"/>
      <c r="GAR644" s="613"/>
      <c r="GAS644" s="613"/>
      <c r="GAT644" s="613"/>
      <c r="GAU644" s="613"/>
      <c r="GAV644" s="613"/>
      <c r="GAW644" s="613"/>
      <c r="GAX644" s="613"/>
      <c r="GAY644" s="613"/>
      <c r="GAZ644" s="613"/>
      <c r="GBA644" s="613"/>
      <c r="GBB644" s="613"/>
      <c r="GBC644" s="613"/>
      <c r="GBD644" s="613"/>
      <c r="GBE644" s="613"/>
      <c r="GBF644" s="613"/>
      <c r="GBG644" s="613"/>
      <c r="GBH644" s="613"/>
      <c r="GBI644" s="613"/>
      <c r="GBJ644" s="613"/>
      <c r="GBK644" s="613"/>
      <c r="GBL644" s="613"/>
      <c r="GBM644" s="613"/>
      <c r="GBN644" s="613"/>
      <c r="GBO644" s="613"/>
      <c r="GBP644" s="613"/>
      <c r="GBQ644" s="613"/>
      <c r="GBR644" s="613"/>
      <c r="GBS644" s="613"/>
      <c r="GBT644" s="613"/>
      <c r="GBU644" s="613"/>
      <c r="GBV644" s="613"/>
      <c r="GBW644" s="613"/>
      <c r="GBX644" s="613"/>
      <c r="GBY644" s="613"/>
      <c r="GBZ644" s="613"/>
      <c r="GCA644" s="613"/>
      <c r="GCB644" s="613"/>
      <c r="GCC644" s="613"/>
      <c r="GCD644" s="613"/>
      <c r="GCE644" s="613"/>
      <c r="GCF644" s="613"/>
      <c r="GCG644" s="613"/>
      <c r="GCH644" s="613"/>
      <c r="GCI644" s="613"/>
      <c r="GCJ644" s="613"/>
      <c r="GCK644" s="613"/>
      <c r="GCL644" s="613"/>
      <c r="GCM644" s="613"/>
      <c r="GCN644" s="613"/>
      <c r="GCO644" s="613"/>
      <c r="GCP644" s="613"/>
      <c r="GCQ644" s="613"/>
      <c r="GCR644" s="613"/>
      <c r="GCS644" s="613"/>
      <c r="GCT644" s="613"/>
      <c r="GCU644" s="613"/>
      <c r="GCV644" s="613"/>
      <c r="GCW644" s="613"/>
      <c r="GCX644" s="613"/>
      <c r="GCY644" s="613"/>
      <c r="GCZ644" s="613"/>
      <c r="GDA644" s="613"/>
      <c r="GDB644" s="613"/>
      <c r="GDC644" s="613"/>
      <c r="GDD644" s="613"/>
      <c r="GDE644" s="613"/>
      <c r="GDF644" s="613"/>
      <c r="GDG644" s="613"/>
      <c r="GDH644" s="613"/>
      <c r="GDI644" s="613"/>
      <c r="GDJ644" s="613"/>
      <c r="GDK644" s="613"/>
      <c r="GDL644" s="613"/>
      <c r="GDM644" s="613"/>
      <c r="GDN644" s="613"/>
      <c r="GDO644" s="613"/>
      <c r="GDP644" s="613"/>
      <c r="GDQ644" s="613"/>
      <c r="GDR644" s="613"/>
      <c r="GDS644" s="613"/>
      <c r="GDT644" s="613"/>
      <c r="GDU644" s="613"/>
      <c r="GDV644" s="613"/>
      <c r="GDW644" s="613"/>
      <c r="GDX644" s="613"/>
      <c r="GDY644" s="613"/>
      <c r="GDZ644" s="613"/>
      <c r="GEA644" s="613"/>
      <c r="GEB644" s="613"/>
      <c r="GEC644" s="613"/>
      <c r="GED644" s="613"/>
      <c r="GEE644" s="613"/>
      <c r="GEF644" s="613"/>
      <c r="GEG644" s="613"/>
      <c r="GEH644" s="613"/>
      <c r="GEI644" s="613"/>
      <c r="GEJ644" s="613"/>
      <c r="GEK644" s="613"/>
      <c r="GEL644" s="613"/>
      <c r="GEM644" s="613"/>
      <c r="GEN644" s="613"/>
      <c r="GEO644" s="613"/>
      <c r="GEP644" s="613"/>
      <c r="GEQ644" s="613"/>
      <c r="GER644" s="613"/>
      <c r="GES644" s="613"/>
      <c r="GET644" s="613"/>
      <c r="GEU644" s="613"/>
      <c r="GEV644" s="613"/>
      <c r="GEW644" s="613"/>
      <c r="GEX644" s="613"/>
      <c r="GEY644" s="613"/>
      <c r="GEZ644" s="613"/>
      <c r="GFA644" s="613"/>
      <c r="GFB644" s="613"/>
      <c r="GFC644" s="613"/>
      <c r="GFD644" s="613"/>
      <c r="GFE644" s="613"/>
      <c r="GFF644" s="613"/>
      <c r="GFG644" s="613"/>
      <c r="GFH644" s="613"/>
      <c r="GFI644" s="613"/>
      <c r="GFJ644" s="613"/>
      <c r="GFK644" s="613"/>
      <c r="GFL644" s="613"/>
      <c r="GFM644" s="613"/>
      <c r="GFN644" s="613"/>
      <c r="GFO644" s="613"/>
      <c r="GFP644" s="613"/>
      <c r="GFQ644" s="613"/>
      <c r="GFR644" s="613"/>
      <c r="GFS644" s="613"/>
      <c r="GFT644" s="613"/>
      <c r="GFU644" s="613"/>
      <c r="GFV644" s="613"/>
      <c r="GFW644" s="613"/>
      <c r="GFX644" s="613"/>
      <c r="GFY644" s="613"/>
      <c r="GFZ644" s="613"/>
      <c r="GGA644" s="613"/>
      <c r="GGB644" s="613"/>
      <c r="GGC644" s="613"/>
      <c r="GGD644" s="613"/>
      <c r="GGE644" s="613"/>
      <c r="GGF644" s="613"/>
      <c r="GGG644" s="613"/>
      <c r="GGH644" s="613"/>
      <c r="GGI644" s="613"/>
      <c r="GGJ644" s="613"/>
      <c r="GGK644" s="613"/>
      <c r="GGL644" s="613"/>
      <c r="GGM644" s="613"/>
      <c r="GGN644" s="613"/>
      <c r="GGO644" s="613"/>
      <c r="GGP644" s="613"/>
      <c r="GGQ644" s="613"/>
      <c r="GGR644" s="613"/>
      <c r="GGS644" s="613"/>
      <c r="GGT644" s="613"/>
      <c r="GGU644" s="613"/>
      <c r="GGV644" s="613"/>
      <c r="GGW644" s="613"/>
      <c r="GGX644" s="613"/>
      <c r="GGY644" s="613"/>
      <c r="GGZ644" s="613"/>
      <c r="GHA644" s="613"/>
      <c r="GHB644" s="613"/>
      <c r="GHC644" s="613"/>
      <c r="GHD644" s="613"/>
      <c r="GHE644" s="613"/>
      <c r="GHF644" s="613"/>
      <c r="GHG644" s="613"/>
      <c r="GHH644" s="613"/>
      <c r="GHI644" s="613"/>
      <c r="GHJ644" s="613"/>
      <c r="GHK644" s="613"/>
      <c r="GHL644" s="613"/>
      <c r="GHM644" s="613"/>
      <c r="GHN644" s="613"/>
      <c r="GHO644" s="613"/>
      <c r="GHP644" s="613"/>
      <c r="GHQ644" s="613"/>
      <c r="GHR644" s="613"/>
      <c r="GHS644" s="613"/>
      <c r="GHT644" s="613"/>
      <c r="GHU644" s="613"/>
      <c r="GHV644" s="613"/>
      <c r="GHW644" s="613"/>
      <c r="GHX644" s="613"/>
      <c r="GHY644" s="613"/>
      <c r="GHZ644" s="613"/>
      <c r="GIA644" s="613"/>
      <c r="GIB644" s="613"/>
      <c r="GIC644" s="613"/>
      <c r="GID644" s="613"/>
      <c r="GIE644" s="613"/>
      <c r="GIF644" s="613"/>
      <c r="GIG644" s="613"/>
      <c r="GIH644" s="613"/>
      <c r="GII644" s="613"/>
      <c r="GIJ644" s="613"/>
      <c r="GIK644" s="613"/>
      <c r="GIL644" s="613"/>
      <c r="GIM644" s="613"/>
      <c r="GIN644" s="613"/>
      <c r="GIO644" s="613"/>
      <c r="GIP644" s="613"/>
      <c r="GIQ644" s="613"/>
      <c r="GIR644" s="613"/>
      <c r="GIS644" s="613"/>
      <c r="GIT644" s="613"/>
      <c r="GIU644" s="613"/>
      <c r="GIV644" s="613"/>
      <c r="GIW644" s="613"/>
      <c r="GIX644" s="613"/>
      <c r="GIY644" s="613"/>
      <c r="GIZ644" s="613"/>
      <c r="GJA644" s="613"/>
      <c r="GJB644" s="613"/>
      <c r="GJC644" s="613"/>
      <c r="GJD644" s="613"/>
      <c r="GJE644" s="613"/>
      <c r="GJF644" s="613"/>
      <c r="GJG644" s="613"/>
      <c r="GJH644" s="613"/>
      <c r="GJI644" s="613"/>
      <c r="GJJ644" s="613"/>
      <c r="GJK644" s="613"/>
      <c r="GJL644" s="613"/>
      <c r="GJM644" s="613"/>
      <c r="GJN644" s="613"/>
      <c r="GJO644" s="613"/>
      <c r="GJP644" s="613"/>
      <c r="GJQ644" s="613"/>
      <c r="GJR644" s="613"/>
      <c r="GJS644" s="613"/>
      <c r="GJT644" s="613"/>
      <c r="GJU644" s="613"/>
      <c r="GJV644" s="613"/>
      <c r="GJW644" s="613"/>
      <c r="GJX644" s="613"/>
      <c r="GJY644" s="613"/>
      <c r="GJZ644" s="613"/>
      <c r="GKA644" s="613"/>
      <c r="GKB644" s="613"/>
      <c r="GKC644" s="613"/>
      <c r="GKD644" s="613"/>
      <c r="GKE644" s="613"/>
      <c r="GKF644" s="613"/>
      <c r="GKG644" s="613"/>
      <c r="GKH644" s="613"/>
      <c r="GKI644" s="613"/>
      <c r="GKJ644" s="613"/>
      <c r="GKK644" s="613"/>
      <c r="GKL644" s="613"/>
      <c r="GKM644" s="613"/>
      <c r="GKN644" s="613"/>
      <c r="GKO644" s="613"/>
      <c r="GKP644" s="613"/>
      <c r="GKQ644" s="613"/>
      <c r="GKR644" s="613"/>
      <c r="GKS644" s="613"/>
      <c r="GKT644" s="613"/>
      <c r="GKU644" s="613"/>
      <c r="GKV644" s="613"/>
      <c r="GKW644" s="613"/>
      <c r="GKX644" s="613"/>
      <c r="GKY644" s="613"/>
      <c r="GKZ644" s="613"/>
      <c r="GLA644" s="613"/>
      <c r="GLB644" s="613"/>
      <c r="GLC644" s="613"/>
      <c r="GLD644" s="613"/>
      <c r="GLE644" s="613"/>
      <c r="GLF644" s="613"/>
      <c r="GLG644" s="613"/>
      <c r="GLH644" s="613"/>
      <c r="GLI644" s="613"/>
      <c r="GLJ644" s="613"/>
      <c r="GLK644" s="613"/>
      <c r="GLL644" s="613"/>
      <c r="GLM644" s="613"/>
      <c r="GLN644" s="613"/>
      <c r="GLO644" s="613"/>
      <c r="GLP644" s="613"/>
      <c r="GLQ644" s="613"/>
      <c r="GLR644" s="613"/>
      <c r="GLS644" s="613"/>
      <c r="GLT644" s="613"/>
      <c r="GLU644" s="613"/>
      <c r="GLV644" s="613"/>
      <c r="GLW644" s="613"/>
      <c r="GLX644" s="613"/>
      <c r="GLY644" s="613"/>
      <c r="GLZ644" s="613"/>
      <c r="GMA644" s="613"/>
      <c r="GMB644" s="613"/>
      <c r="GMC644" s="613"/>
      <c r="GMD644" s="613"/>
      <c r="GME644" s="613"/>
      <c r="GMF644" s="613"/>
      <c r="GMG644" s="613"/>
      <c r="GMH644" s="613"/>
      <c r="GMI644" s="613"/>
      <c r="GMJ644" s="613"/>
      <c r="GMK644" s="613"/>
      <c r="GML644" s="613"/>
      <c r="GMM644" s="613"/>
      <c r="GMN644" s="613"/>
      <c r="GMO644" s="613"/>
      <c r="GMP644" s="613"/>
      <c r="GMQ644" s="613"/>
      <c r="GMR644" s="613"/>
      <c r="GMS644" s="613"/>
      <c r="GMT644" s="613"/>
      <c r="GMU644" s="613"/>
      <c r="GMV644" s="613"/>
      <c r="GMW644" s="613"/>
      <c r="GMX644" s="613"/>
      <c r="GMY644" s="613"/>
      <c r="GMZ644" s="613"/>
      <c r="GNA644" s="613"/>
      <c r="GNB644" s="613"/>
      <c r="GNC644" s="613"/>
      <c r="GND644" s="613"/>
      <c r="GNE644" s="613"/>
      <c r="GNF644" s="613"/>
      <c r="GNG644" s="613"/>
      <c r="GNH644" s="613"/>
      <c r="GNI644" s="613"/>
      <c r="GNJ644" s="613"/>
      <c r="GNK644" s="613"/>
      <c r="GNL644" s="613"/>
      <c r="GNM644" s="613"/>
      <c r="GNN644" s="613"/>
      <c r="GNO644" s="613"/>
      <c r="GNP644" s="613"/>
      <c r="GNQ644" s="613"/>
      <c r="GNR644" s="613"/>
      <c r="GNS644" s="613"/>
      <c r="GNT644" s="613"/>
      <c r="GNU644" s="613"/>
      <c r="GNV644" s="613"/>
      <c r="GNW644" s="613"/>
      <c r="GNX644" s="613"/>
      <c r="GNY644" s="613"/>
      <c r="GNZ644" s="613"/>
      <c r="GOA644" s="613"/>
      <c r="GOB644" s="613"/>
      <c r="GOC644" s="613"/>
      <c r="GOD644" s="613"/>
      <c r="GOE644" s="613"/>
      <c r="GOF644" s="613"/>
      <c r="GOG644" s="613"/>
      <c r="GOH644" s="613"/>
      <c r="GOI644" s="613"/>
      <c r="GOJ644" s="613"/>
      <c r="GOK644" s="613"/>
      <c r="GOL644" s="613"/>
      <c r="GOM644" s="613"/>
      <c r="GON644" s="613"/>
      <c r="GOO644" s="613"/>
      <c r="GOP644" s="613"/>
      <c r="GOQ644" s="613"/>
      <c r="GOR644" s="613"/>
      <c r="GOS644" s="613"/>
      <c r="GOT644" s="613"/>
      <c r="GOU644" s="613"/>
      <c r="GOV644" s="613"/>
      <c r="GOW644" s="613"/>
      <c r="GOX644" s="613"/>
      <c r="GOY644" s="613"/>
      <c r="GOZ644" s="613"/>
      <c r="GPA644" s="613"/>
      <c r="GPB644" s="613"/>
      <c r="GPC644" s="613"/>
      <c r="GPD644" s="613"/>
      <c r="GPE644" s="613"/>
      <c r="GPF644" s="613"/>
      <c r="GPG644" s="613"/>
      <c r="GPH644" s="613"/>
      <c r="GPI644" s="613"/>
      <c r="GPJ644" s="613"/>
      <c r="GPK644" s="613"/>
      <c r="GPL644" s="613"/>
      <c r="GPM644" s="613"/>
      <c r="GPN644" s="613"/>
      <c r="GPO644" s="613"/>
      <c r="GPP644" s="613"/>
      <c r="GPQ644" s="613"/>
      <c r="GPR644" s="613"/>
      <c r="GPS644" s="613"/>
      <c r="GPT644" s="613"/>
      <c r="GPU644" s="613"/>
      <c r="GPV644" s="613"/>
      <c r="GPW644" s="613"/>
      <c r="GPX644" s="613"/>
      <c r="GPY644" s="613"/>
      <c r="GPZ644" s="613"/>
      <c r="GQA644" s="613"/>
      <c r="GQB644" s="613"/>
      <c r="GQC644" s="613"/>
      <c r="GQD644" s="613"/>
      <c r="GQE644" s="613"/>
      <c r="GQF644" s="613"/>
      <c r="GQG644" s="613"/>
      <c r="GQH644" s="613"/>
      <c r="GQI644" s="613"/>
      <c r="GQJ644" s="613"/>
      <c r="GQK644" s="613"/>
      <c r="GQL644" s="613"/>
      <c r="GQM644" s="613"/>
      <c r="GQN644" s="613"/>
      <c r="GQO644" s="613"/>
      <c r="GQP644" s="613"/>
      <c r="GQQ644" s="613"/>
      <c r="GQR644" s="613"/>
      <c r="GQS644" s="613"/>
      <c r="GQT644" s="613"/>
      <c r="GQU644" s="613"/>
      <c r="GQV644" s="613"/>
      <c r="GQW644" s="613"/>
      <c r="GQX644" s="613"/>
      <c r="GQY644" s="613"/>
      <c r="GQZ644" s="613"/>
      <c r="GRA644" s="613"/>
      <c r="GRB644" s="613"/>
      <c r="GRC644" s="613"/>
      <c r="GRD644" s="613"/>
      <c r="GRE644" s="613"/>
      <c r="GRF644" s="613"/>
      <c r="GRG644" s="613"/>
      <c r="GRH644" s="613"/>
      <c r="GRI644" s="613"/>
      <c r="GRJ644" s="613"/>
      <c r="GRK644" s="613"/>
      <c r="GRL644" s="613"/>
      <c r="GRM644" s="613"/>
      <c r="GRN644" s="613"/>
      <c r="GRO644" s="613"/>
      <c r="GRP644" s="613"/>
      <c r="GRQ644" s="613"/>
      <c r="GRR644" s="613"/>
      <c r="GRS644" s="613"/>
      <c r="GRT644" s="613"/>
      <c r="GRU644" s="613"/>
      <c r="GRV644" s="613"/>
      <c r="GRW644" s="613"/>
      <c r="GRX644" s="613"/>
      <c r="GRY644" s="613"/>
      <c r="GRZ644" s="613"/>
      <c r="GSA644" s="613"/>
      <c r="GSB644" s="613"/>
      <c r="GSC644" s="613"/>
      <c r="GSD644" s="613"/>
      <c r="GSE644" s="613"/>
      <c r="GSF644" s="613"/>
      <c r="GSG644" s="613"/>
      <c r="GSH644" s="613"/>
      <c r="GSI644" s="613"/>
      <c r="GSJ644" s="613"/>
      <c r="GSK644" s="613"/>
      <c r="GSL644" s="613"/>
      <c r="GSM644" s="613"/>
      <c r="GSN644" s="613"/>
      <c r="GSO644" s="613"/>
      <c r="GSP644" s="613"/>
      <c r="GSQ644" s="613"/>
      <c r="GSR644" s="613"/>
      <c r="GSS644" s="613"/>
      <c r="GST644" s="613"/>
      <c r="GSU644" s="613"/>
      <c r="GSV644" s="613"/>
      <c r="GSW644" s="613"/>
      <c r="GSX644" s="613"/>
      <c r="GSY644" s="613"/>
      <c r="GSZ644" s="613"/>
      <c r="GTA644" s="613"/>
      <c r="GTB644" s="613"/>
      <c r="GTC644" s="613"/>
      <c r="GTD644" s="613"/>
      <c r="GTE644" s="613"/>
      <c r="GTF644" s="613"/>
      <c r="GTG644" s="613"/>
      <c r="GTH644" s="613"/>
      <c r="GTI644" s="613"/>
      <c r="GTJ644" s="613"/>
      <c r="GTK644" s="613"/>
      <c r="GTL644" s="613"/>
      <c r="GTM644" s="613"/>
      <c r="GTN644" s="613"/>
      <c r="GTO644" s="613"/>
      <c r="GTP644" s="613"/>
      <c r="GTQ644" s="613"/>
      <c r="GTR644" s="613"/>
      <c r="GTS644" s="613"/>
      <c r="GTT644" s="613"/>
      <c r="GTU644" s="613"/>
      <c r="GTV644" s="613"/>
      <c r="GTW644" s="613"/>
      <c r="GTX644" s="613"/>
      <c r="GTY644" s="613"/>
      <c r="GTZ644" s="613"/>
      <c r="GUA644" s="613"/>
      <c r="GUB644" s="613"/>
      <c r="GUC644" s="613"/>
      <c r="GUD644" s="613"/>
      <c r="GUE644" s="613"/>
      <c r="GUF644" s="613"/>
      <c r="GUG644" s="613"/>
      <c r="GUH644" s="613"/>
      <c r="GUI644" s="613"/>
      <c r="GUJ644" s="613"/>
      <c r="GUK644" s="613"/>
      <c r="GUL644" s="613"/>
      <c r="GUM644" s="613"/>
      <c r="GUN644" s="613"/>
      <c r="GUO644" s="613"/>
      <c r="GUP644" s="613"/>
      <c r="GUQ644" s="613"/>
      <c r="GUR644" s="613"/>
      <c r="GUS644" s="613"/>
      <c r="GUT644" s="613"/>
      <c r="GUU644" s="613"/>
      <c r="GUV644" s="613"/>
      <c r="GUW644" s="613"/>
      <c r="GUX644" s="613"/>
      <c r="GUY644" s="613"/>
      <c r="GUZ644" s="613"/>
      <c r="GVA644" s="613"/>
      <c r="GVB644" s="613"/>
      <c r="GVC644" s="613"/>
      <c r="GVD644" s="613"/>
      <c r="GVE644" s="613"/>
      <c r="GVF644" s="613"/>
      <c r="GVG644" s="613"/>
      <c r="GVH644" s="613"/>
      <c r="GVI644" s="613"/>
      <c r="GVJ644" s="613"/>
      <c r="GVK644" s="613"/>
      <c r="GVL644" s="613"/>
      <c r="GVM644" s="613"/>
      <c r="GVN644" s="613"/>
      <c r="GVO644" s="613"/>
      <c r="GVP644" s="613"/>
      <c r="GVQ644" s="613"/>
      <c r="GVR644" s="613"/>
      <c r="GVS644" s="613"/>
      <c r="GVT644" s="613"/>
      <c r="GVU644" s="613"/>
      <c r="GVV644" s="613"/>
      <c r="GVW644" s="613"/>
      <c r="GVX644" s="613"/>
      <c r="GVY644" s="613"/>
      <c r="GVZ644" s="613"/>
      <c r="GWA644" s="613"/>
      <c r="GWB644" s="613"/>
      <c r="GWC644" s="613"/>
      <c r="GWD644" s="613"/>
      <c r="GWE644" s="613"/>
      <c r="GWF644" s="613"/>
      <c r="GWG644" s="613"/>
      <c r="GWH644" s="613"/>
      <c r="GWI644" s="613"/>
      <c r="GWJ644" s="613"/>
      <c r="GWK644" s="613"/>
      <c r="GWL644" s="613"/>
      <c r="GWM644" s="613"/>
      <c r="GWN644" s="613"/>
      <c r="GWO644" s="613"/>
      <c r="GWP644" s="613"/>
      <c r="GWQ644" s="613"/>
      <c r="GWR644" s="613"/>
      <c r="GWS644" s="613"/>
      <c r="GWT644" s="613"/>
      <c r="GWU644" s="613"/>
      <c r="GWV644" s="613"/>
      <c r="GWW644" s="613"/>
      <c r="GWX644" s="613"/>
      <c r="GWY644" s="613"/>
      <c r="GWZ644" s="613"/>
      <c r="GXA644" s="613"/>
      <c r="GXB644" s="613"/>
      <c r="GXC644" s="613"/>
      <c r="GXD644" s="613"/>
      <c r="GXE644" s="613"/>
      <c r="GXF644" s="613"/>
      <c r="GXG644" s="613"/>
      <c r="GXH644" s="613"/>
      <c r="GXI644" s="613"/>
      <c r="GXJ644" s="613"/>
      <c r="GXK644" s="613"/>
      <c r="GXL644" s="613"/>
      <c r="GXM644" s="613"/>
      <c r="GXN644" s="613"/>
      <c r="GXO644" s="613"/>
      <c r="GXP644" s="613"/>
      <c r="GXQ644" s="613"/>
      <c r="GXR644" s="613"/>
      <c r="GXS644" s="613"/>
      <c r="GXT644" s="613"/>
      <c r="GXU644" s="613"/>
      <c r="GXV644" s="613"/>
      <c r="GXW644" s="613"/>
      <c r="GXX644" s="613"/>
      <c r="GXY644" s="613"/>
      <c r="GXZ644" s="613"/>
      <c r="GYA644" s="613"/>
      <c r="GYB644" s="613"/>
      <c r="GYC644" s="613"/>
      <c r="GYD644" s="613"/>
      <c r="GYE644" s="613"/>
      <c r="GYF644" s="613"/>
      <c r="GYG644" s="613"/>
      <c r="GYH644" s="613"/>
      <c r="GYI644" s="613"/>
      <c r="GYJ644" s="613"/>
      <c r="GYK644" s="613"/>
      <c r="GYL644" s="613"/>
      <c r="GYM644" s="613"/>
      <c r="GYN644" s="613"/>
      <c r="GYO644" s="613"/>
      <c r="GYP644" s="613"/>
      <c r="GYQ644" s="613"/>
      <c r="GYR644" s="613"/>
      <c r="GYS644" s="613"/>
      <c r="GYT644" s="613"/>
      <c r="GYU644" s="613"/>
      <c r="GYV644" s="613"/>
      <c r="GYW644" s="613"/>
      <c r="GYX644" s="613"/>
      <c r="GYY644" s="613"/>
      <c r="GYZ644" s="613"/>
      <c r="GZA644" s="613"/>
      <c r="GZB644" s="613"/>
      <c r="GZC644" s="613"/>
      <c r="GZD644" s="613"/>
      <c r="GZE644" s="613"/>
      <c r="GZF644" s="613"/>
      <c r="GZG644" s="613"/>
      <c r="GZH644" s="613"/>
      <c r="GZI644" s="613"/>
      <c r="GZJ644" s="613"/>
      <c r="GZK644" s="613"/>
      <c r="GZL644" s="613"/>
      <c r="GZM644" s="613"/>
      <c r="GZN644" s="613"/>
      <c r="GZO644" s="613"/>
      <c r="GZP644" s="613"/>
      <c r="GZQ644" s="613"/>
      <c r="GZR644" s="613"/>
      <c r="GZS644" s="613"/>
      <c r="GZT644" s="613"/>
      <c r="GZU644" s="613"/>
      <c r="GZV644" s="613"/>
      <c r="GZW644" s="613"/>
      <c r="GZX644" s="613"/>
      <c r="GZY644" s="613"/>
      <c r="GZZ644" s="613"/>
      <c r="HAA644" s="613"/>
      <c r="HAB644" s="613"/>
      <c r="HAC644" s="613"/>
      <c r="HAD644" s="613"/>
      <c r="HAE644" s="613"/>
      <c r="HAF644" s="613"/>
      <c r="HAG644" s="613"/>
      <c r="HAH644" s="613"/>
      <c r="HAI644" s="613"/>
      <c r="HAJ644" s="613"/>
      <c r="HAK644" s="613"/>
      <c r="HAL644" s="613"/>
      <c r="HAM644" s="613"/>
      <c r="HAN644" s="613"/>
      <c r="HAO644" s="613"/>
      <c r="HAP644" s="613"/>
      <c r="HAQ644" s="613"/>
      <c r="HAR644" s="613"/>
      <c r="HAS644" s="613"/>
      <c r="HAT644" s="613"/>
      <c r="HAU644" s="613"/>
      <c r="HAV644" s="613"/>
      <c r="HAW644" s="613"/>
      <c r="HAX644" s="613"/>
      <c r="HAY644" s="613"/>
      <c r="HAZ644" s="613"/>
      <c r="HBA644" s="613"/>
      <c r="HBB644" s="613"/>
      <c r="HBC644" s="613"/>
      <c r="HBD644" s="613"/>
      <c r="HBE644" s="613"/>
      <c r="HBF644" s="613"/>
      <c r="HBG644" s="613"/>
      <c r="HBH644" s="613"/>
      <c r="HBI644" s="613"/>
      <c r="HBJ644" s="613"/>
      <c r="HBK644" s="613"/>
      <c r="HBL644" s="613"/>
      <c r="HBM644" s="613"/>
      <c r="HBN644" s="613"/>
      <c r="HBO644" s="613"/>
      <c r="HBP644" s="613"/>
      <c r="HBQ644" s="613"/>
      <c r="HBR644" s="613"/>
      <c r="HBS644" s="613"/>
      <c r="HBT644" s="613"/>
      <c r="HBU644" s="613"/>
      <c r="HBV644" s="613"/>
      <c r="HBW644" s="613"/>
      <c r="HBX644" s="613"/>
      <c r="HBY644" s="613"/>
      <c r="HBZ644" s="613"/>
      <c r="HCA644" s="613"/>
      <c r="HCB644" s="613"/>
      <c r="HCC644" s="613"/>
      <c r="HCD644" s="613"/>
      <c r="HCE644" s="613"/>
      <c r="HCF644" s="613"/>
      <c r="HCG644" s="613"/>
      <c r="HCH644" s="613"/>
      <c r="HCI644" s="613"/>
      <c r="HCJ644" s="613"/>
      <c r="HCK644" s="613"/>
      <c r="HCL644" s="613"/>
      <c r="HCM644" s="613"/>
      <c r="HCN644" s="613"/>
      <c r="HCO644" s="613"/>
      <c r="HCP644" s="613"/>
      <c r="HCQ644" s="613"/>
      <c r="HCR644" s="613"/>
      <c r="HCS644" s="613"/>
      <c r="HCT644" s="613"/>
      <c r="HCU644" s="613"/>
      <c r="HCV644" s="613"/>
      <c r="HCW644" s="613"/>
      <c r="HCX644" s="613"/>
      <c r="HCY644" s="613"/>
      <c r="HCZ644" s="613"/>
      <c r="HDA644" s="613"/>
      <c r="HDB644" s="613"/>
      <c r="HDC644" s="613"/>
      <c r="HDD644" s="613"/>
      <c r="HDE644" s="613"/>
      <c r="HDF644" s="613"/>
      <c r="HDG644" s="613"/>
      <c r="HDH644" s="613"/>
      <c r="HDI644" s="613"/>
      <c r="HDJ644" s="613"/>
      <c r="HDK644" s="613"/>
      <c r="HDL644" s="613"/>
      <c r="HDM644" s="613"/>
      <c r="HDN644" s="613"/>
      <c r="HDO644" s="613"/>
      <c r="HDP644" s="613"/>
      <c r="HDQ644" s="613"/>
      <c r="HDR644" s="613"/>
      <c r="HDS644" s="613"/>
      <c r="HDT644" s="613"/>
      <c r="HDU644" s="613"/>
      <c r="HDV644" s="613"/>
      <c r="HDW644" s="613"/>
      <c r="HDX644" s="613"/>
      <c r="HDY644" s="613"/>
      <c r="HDZ644" s="613"/>
      <c r="HEA644" s="613"/>
      <c r="HEB644" s="613"/>
      <c r="HEC644" s="613"/>
      <c r="HED644" s="613"/>
      <c r="HEE644" s="613"/>
      <c r="HEF644" s="613"/>
      <c r="HEG644" s="613"/>
      <c r="HEH644" s="613"/>
      <c r="HEI644" s="613"/>
      <c r="HEJ644" s="613"/>
      <c r="HEK644" s="613"/>
      <c r="HEL644" s="613"/>
      <c r="HEM644" s="613"/>
      <c r="HEN644" s="613"/>
      <c r="HEO644" s="613"/>
      <c r="HEP644" s="613"/>
      <c r="HEQ644" s="613"/>
      <c r="HER644" s="613"/>
      <c r="HES644" s="613"/>
      <c r="HET644" s="613"/>
      <c r="HEU644" s="613"/>
      <c r="HEV644" s="613"/>
      <c r="HEW644" s="613"/>
      <c r="HEX644" s="613"/>
      <c r="HEY644" s="613"/>
      <c r="HEZ644" s="613"/>
      <c r="HFA644" s="613"/>
      <c r="HFB644" s="613"/>
      <c r="HFC644" s="613"/>
      <c r="HFD644" s="613"/>
      <c r="HFE644" s="613"/>
      <c r="HFF644" s="613"/>
      <c r="HFG644" s="613"/>
      <c r="HFH644" s="613"/>
      <c r="HFI644" s="613"/>
      <c r="HFJ644" s="613"/>
      <c r="HFK644" s="613"/>
      <c r="HFL644" s="613"/>
      <c r="HFM644" s="613"/>
      <c r="HFN644" s="613"/>
      <c r="HFO644" s="613"/>
      <c r="HFP644" s="613"/>
      <c r="HFQ644" s="613"/>
      <c r="HFR644" s="613"/>
      <c r="HFS644" s="613"/>
      <c r="HFT644" s="613"/>
      <c r="HFU644" s="613"/>
      <c r="HFV644" s="613"/>
      <c r="HFW644" s="613"/>
      <c r="HFX644" s="613"/>
      <c r="HFY644" s="613"/>
      <c r="HFZ644" s="613"/>
      <c r="HGA644" s="613"/>
      <c r="HGB644" s="613"/>
      <c r="HGC644" s="613"/>
      <c r="HGD644" s="613"/>
      <c r="HGE644" s="613"/>
      <c r="HGF644" s="613"/>
      <c r="HGG644" s="613"/>
      <c r="HGH644" s="613"/>
      <c r="HGI644" s="613"/>
      <c r="HGJ644" s="613"/>
      <c r="HGK644" s="613"/>
      <c r="HGL644" s="613"/>
      <c r="HGM644" s="613"/>
      <c r="HGN644" s="613"/>
      <c r="HGO644" s="613"/>
      <c r="HGP644" s="613"/>
      <c r="HGQ644" s="613"/>
      <c r="HGR644" s="613"/>
      <c r="HGS644" s="613"/>
      <c r="HGT644" s="613"/>
      <c r="HGU644" s="613"/>
      <c r="HGV644" s="613"/>
      <c r="HGW644" s="613"/>
      <c r="HGX644" s="613"/>
      <c r="HGY644" s="613"/>
      <c r="HGZ644" s="613"/>
      <c r="HHA644" s="613"/>
      <c r="HHB644" s="613"/>
      <c r="HHC644" s="613"/>
      <c r="HHD644" s="613"/>
      <c r="HHE644" s="613"/>
      <c r="HHF644" s="613"/>
      <c r="HHG644" s="613"/>
      <c r="HHH644" s="613"/>
      <c r="HHI644" s="613"/>
      <c r="HHJ644" s="613"/>
      <c r="HHK644" s="613"/>
      <c r="HHL644" s="613"/>
      <c r="HHM644" s="613"/>
      <c r="HHN644" s="613"/>
      <c r="HHO644" s="613"/>
      <c r="HHP644" s="613"/>
      <c r="HHQ644" s="613"/>
      <c r="HHR644" s="613"/>
      <c r="HHS644" s="613"/>
      <c r="HHT644" s="613"/>
      <c r="HHU644" s="613"/>
      <c r="HHV644" s="613"/>
      <c r="HHW644" s="613"/>
      <c r="HHX644" s="613"/>
      <c r="HHY644" s="613"/>
      <c r="HHZ644" s="613"/>
      <c r="HIA644" s="613"/>
      <c r="HIB644" s="613"/>
      <c r="HIC644" s="613"/>
      <c r="HID644" s="613"/>
      <c r="HIE644" s="613"/>
      <c r="HIF644" s="613"/>
      <c r="HIG644" s="613"/>
      <c r="HIH644" s="613"/>
      <c r="HII644" s="613"/>
      <c r="HIJ644" s="613"/>
      <c r="HIK644" s="613"/>
      <c r="HIL644" s="613"/>
      <c r="HIM644" s="613"/>
      <c r="HIN644" s="613"/>
      <c r="HIO644" s="613"/>
      <c r="HIP644" s="613"/>
      <c r="HIQ644" s="613"/>
      <c r="HIR644" s="613"/>
      <c r="HIS644" s="613"/>
      <c r="HIT644" s="613"/>
      <c r="HIU644" s="613"/>
      <c r="HIV644" s="613"/>
      <c r="HIW644" s="613"/>
      <c r="HIX644" s="613"/>
      <c r="HIY644" s="613"/>
      <c r="HIZ644" s="613"/>
      <c r="HJA644" s="613"/>
      <c r="HJB644" s="613"/>
      <c r="HJC644" s="613"/>
      <c r="HJD644" s="613"/>
      <c r="HJE644" s="613"/>
      <c r="HJF644" s="613"/>
      <c r="HJG644" s="613"/>
      <c r="HJH644" s="613"/>
      <c r="HJI644" s="613"/>
      <c r="HJJ644" s="613"/>
      <c r="HJK644" s="613"/>
      <c r="HJL644" s="613"/>
      <c r="HJM644" s="613"/>
      <c r="HJN644" s="613"/>
      <c r="HJO644" s="613"/>
      <c r="HJP644" s="613"/>
      <c r="HJQ644" s="613"/>
      <c r="HJR644" s="613"/>
      <c r="HJS644" s="613"/>
      <c r="HJT644" s="613"/>
      <c r="HJU644" s="613"/>
      <c r="HJV644" s="613"/>
      <c r="HJW644" s="613"/>
      <c r="HJX644" s="613"/>
      <c r="HJY644" s="613"/>
      <c r="HJZ644" s="613"/>
      <c r="HKA644" s="613"/>
      <c r="HKB644" s="613"/>
      <c r="HKC644" s="613"/>
      <c r="HKD644" s="613"/>
      <c r="HKE644" s="613"/>
      <c r="HKF644" s="613"/>
      <c r="HKG644" s="613"/>
      <c r="HKH644" s="613"/>
      <c r="HKI644" s="613"/>
      <c r="HKJ644" s="613"/>
      <c r="HKK644" s="613"/>
      <c r="HKL644" s="613"/>
      <c r="HKM644" s="613"/>
      <c r="HKN644" s="613"/>
      <c r="HKO644" s="613"/>
      <c r="HKP644" s="613"/>
      <c r="HKQ644" s="613"/>
      <c r="HKR644" s="613"/>
      <c r="HKS644" s="613"/>
      <c r="HKT644" s="613"/>
      <c r="HKU644" s="613"/>
      <c r="HKV644" s="613"/>
      <c r="HKW644" s="613"/>
      <c r="HKX644" s="613"/>
      <c r="HKY644" s="613"/>
      <c r="HKZ644" s="613"/>
      <c r="HLA644" s="613"/>
      <c r="HLB644" s="613"/>
      <c r="HLC644" s="613"/>
      <c r="HLD644" s="613"/>
      <c r="HLE644" s="613"/>
      <c r="HLF644" s="613"/>
      <c r="HLG644" s="613"/>
      <c r="HLH644" s="613"/>
      <c r="HLI644" s="613"/>
      <c r="HLJ644" s="613"/>
      <c r="HLK644" s="613"/>
      <c r="HLL644" s="613"/>
      <c r="HLM644" s="613"/>
      <c r="HLN644" s="613"/>
      <c r="HLO644" s="613"/>
      <c r="HLP644" s="613"/>
      <c r="HLQ644" s="613"/>
      <c r="HLR644" s="613"/>
      <c r="HLS644" s="613"/>
      <c r="HLT644" s="613"/>
      <c r="HLU644" s="613"/>
      <c r="HLV644" s="613"/>
      <c r="HLW644" s="613"/>
      <c r="HLX644" s="613"/>
      <c r="HLY644" s="613"/>
      <c r="HLZ644" s="613"/>
      <c r="HMA644" s="613"/>
      <c r="HMB644" s="613"/>
      <c r="HMC644" s="613"/>
      <c r="HMD644" s="613"/>
      <c r="HME644" s="613"/>
      <c r="HMF644" s="613"/>
      <c r="HMG644" s="613"/>
      <c r="HMH644" s="613"/>
      <c r="HMI644" s="613"/>
      <c r="HMJ644" s="613"/>
      <c r="HMK644" s="613"/>
      <c r="HML644" s="613"/>
      <c r="HMM644" s="613"/>
      <c r="HMN644" s="613"/>
      <c r="HMO644" s="613"/>
      <c r="HMP644" s="613"/>
      <c r="HMQ644" s="613"/>
      <c r="HMR644" s="613"/>
      <c r="HMS644" s="613"/>
      <c r="HMT644" s="613"/>
      <c r="HMU644" s="613"/>
      <c r="HMV644" s="613"/>
      <c r="HMW644" s="613"/>
      <c r="HMX644" s="613"/>
      <c r="HMY644" s="613"/>
      <c r="HMZ644" s="613"/>
      <c r="HNA644" s="613"/>
      <c r="HNB644" s="613"/>
      <c r="HNC644" s="613"/>
      <c r="HND644" s="613"/>
      <c r="HNE644" s="613"/>
      <c r="HNF644" s="613"/>
      <c r="HNG644" s="613"/>
      <c r="HNH644" s="613"/>
      <c r="HNI644" s="613"/>
      <c r="HNJ644" s="613"/>
      <c r="HNK644" s="613"/>
      <c r="HNL644" s="613"/>
      <c r="HNM644" s="613"/>
      <c r="HNN644" s="613"/>
      <c r="HNO644" s="613"/>
      <c r="HNP644" s="613"/>
      <c r="HNQ644" s="613"/>
      <c r="HNR644" s="613"/>
      <c r="HNS644" s="613"/>
      <c r="HNT644" s="613"/>
      <c r="HNU644" s="613"/>
      <c r="HNV644" s="613"/>
      <c r="HNW644" s="613"/>
      <c r="HNX644" s="613"/>
      <c r="HNY644" s="613"/>
      <c r="HNZ644" s="613"/>
      <c r="HOA644" s="613"/>
      <c r="HOB644" s="613"/>
      <c r="HOC644" s="613"/>
      <c r="HOD644" s="613"/>
      <c r="HOE644" s="613"/>
      <c r="HOF644" s="613"/>
      <c r="HOG644" s="613"/>
      <c r="HOH644" s="613"/>
      <c r="HOI644" s="613"/>
      <c r="HOJ644" s="613"/>
      <c r="HOK644" s="613"/>
      <c r="HOL644" s="613"/>
      <c r="HOM644" s="613"/>
      <c r="HON644" s="613"/>
      <c r="HOO644" s="613"/>
      <c r="HOP644" s="613"/>
      <c r="HOQ644" s="613"/>
      <c r="HOR644" s="613"/>
      <c r="HOS644" s="613"/>
      <c r="HOT644" s="613"/>
      <c r="HOU644" s="613"/>
      <c r="HOV644" s="613"/>
      <c r="HOW644" s="613"/>
      <c r="HOX644" s="613"/>
      <c r="HOY644" s="613"/>
      <c r="HOZ644" s="613"/>
      <c r="HPA644" s="613"/>
      <c r="HPB644" s="613"/>
      <c r="HPC644" s="613"/>
      <c r="HPD644" s="613"/>
      <c r="HPE644" s="613"/>
      <c r="HPF644" s="613"/>
      <c r="HPG644" s="613"/>
      <c r="HPH644" s="613"/>
      <c r="HPI644" s="613"/>
      <c r="HPJ644" s="613"/>
      <c r="HPK644" s="613"/>
      <c r="HPL644" s="613"/>
      <c r="HPM644" s="613"/>
      <c r="HPN644" s="613"/>
      <c r="HPO644" s="613"/>
      <c r="HPP644" s="613"/>
      <c r="HPQ644" s="613"/>
      <c r="HPR644" s="613"/>
      <c r="HPS644" s="613"/>
      <c r="HPT644" s="613"/>
      <c r="HPU644" s="613"/>
      <c r="HPV644" s="613"/>
      <c r="HPW644" s="613"/>
      <c r="HPX644" s="613"/>
      <c r="HPY644" s="613"/>
      <c r="HPZ644" s="613"/>
      <c r="HQA644" s="613"/>
      <c r="HQB644" s="613"/>
      <c r="HQC644" s="613"/>
      <c r="HQD644" s="613"/>
      <c r="HQE644" s="613"/>
      <c r="HQF644" s="613"/>
      <c r="HQG644" s="613"/>
      <c r="HQH644" s="613"/>
      <c r="HQI644" s="613"/>
      <c r="HQJ644" s="613"/>
      <c r="HQK644" s="613"/>
      <c r="HQL644" s="613"/>
      <c r="HQM644" s="613"/>
      <c r="HQN644" s="613"/>
      <c r="HQO644" s="613"/>
      <c r="HQP644" s="613"/>
      <c r="HQQ644" s="613"/>
      <c r="HQR644" s="613"/>
      <c r="HQS644" s="613"/>
      <c r="HQT644" s="613"/>
      <c r="HQU644" s="613"/>
      <c r="HQV644" s="613"/>
      <c r="HQW644" s="613"/>
      <c r="HQX644" s="613"/>
      <c r="HQY644" s="613"/>
      <c r="HQZ644" s="613"/>
      <c r="HRA644" s="613"/>
      <c r="HRB644" s="613"/>
      <c r="HRC644" s="613"/>
      <c r="HRD644" s="613"/>
      <c r="HRE644" s="613"/>
      <c r="HRF644" s="613"/>
      <c r="HRG644" s="613"/>
      <c r="HRH644" s="613"/>
      <c r="HRI644" s="613"/>
      <c r="HRJ644" s="613"/>
      <c r="HRK644" s="613"/>
      <c r="HRL644" s="613"/>
      <c r="HRM644" s="613"/>
      <c r="HRN644" s="613"/>
      <c r="HRO644" s="613"/>
      <c r="HRP644" s="613"/>
      <c r="HRQ644" s="613"/>
      <c r="HRR644" s="613"/>
      <c r="HRS644" s="613"/>
      <c r="HRT644" s="613"/>
      <c r="HRU644" s="613"/>
      <c r="HRV644" s="613"/>
      <c r="HRW644" s="613"/>
      <c r="HRX644" s="613"/>
      <c r="HRY644" s="613"/>
      <c r="HRZ644" s="613"/>
      <c r="HSA644" s="613"/>
      <c r="HSB644" s="613"/>
      <c r="HSC644" s="613"/>
      <c r="HSD644" s="613"/>
      <c r="HSE644" s="613"/>
      <c r="HSF644" s="613"/>
      <c r="HSG644" s="613"/>
      <c r="HSH644" s="613"/>
      <c r="HSI644" s="613"/>
      <c r="HSJ644" s="613"/>
      <c r="HSK644" s="613"/>
      <c r="HSL644" s="613"/>
      <c r="HSM644" s="613"/>
      <c r="HSN644" s="613"/>
      <c r="HSO644" s="613"/>
      <c r="HSP644" s="613"/>
      <c r="HSQ644" s="613"/>
      <c r="HSR644" s="613"/>
      <c r="HSS644" s="613"/>
      <c r="HST644" s="613"/>
      <c r="HSU644" s="613"/>
      <c r="HSV644" s="613"/>
      <c r="HSW644" s="613"/>
      <c r="HSX644" s="613"/>
      <c r="HSY644" s="613"/>
      <c r="HSZ644" s="613"/>
      <c r="HTA644" s="613"/>
      <c r="HTB644" s="613"/>
      <c r="HTC644" s="613"/>
      <c r="HTD644" s="613"/>
      <c r="HTE644" s="613"/>
      <c r="HTF644" s="613"/>
      <c r="HTG644" s="613"/>
      <c r="HTH644" s="613"/>
      <c r="HTI644" s="613"/>
      <c r="HTJ644" s="613"/>
      <c r="HTK644" s="613"/>
      <c r="HTL644" s="613"/>
      <c r="HTM644" s="613"/>
      <c r="HTN644" s="613"/>
      <c r="HTO644" s="613"/>
      <c r="HTP644" s="613"/>
      <c r="HTQ644" s="613"/>
      <c r="HTR644" s="613"/>
      <c r="HTS644" s="613"/>
      <c r="HTT644" s="613"/>
      <c r="HTU644" s="613"/>
      <c r="HTV644" s="613"/>
      <c r="HTW644" s="613"/>
      <c r="HTX644" s="613"/>
      <c r="HTY644" s="613"/>
      <c r="HTZ644" s="613"/>
      <c r="HUA644" s="613"/>
      <c r="HUB644" s="613"/>
      <c r="HUC644" s="613"/>
      <c r="HUD644" s="613"/>
      <c r="HUE644" s="613"/>
      <c r="HUF644" s="613"/>
      <c r="HUG644" s="613"/>
      <c r="HUH644" s="613"/>
      <c r="HUI644" s="613"/>
      <c r="HUJ644" s="613"/>
      <c r="HUK644" s="613"/>
      <c r="HUL644" s="613"/>
      <c r="HUM644" s="613"/>
      <c r="HUN644" s="613"/>
      <c r="HUO644" s="613"/>
      <c r="HUP644" s="613"/>
      <c r="HUQ644" s="613"/>
      <c r="HUR644" s="613"/>
      <c r="HUS644" s="613"/>
      <c r="HUT644" s="613"/>
      <c r="HUU644" s="613"/>
      <c r="HUV644" s="613"/>
      <c r="HUW644" s="613"/>
      <c r="HUX644" s="613"/>
      <c r="HUY644" s="613"/>
      <c r="HUZ644" s="613"/>
      <c r="HVA644" s="613"/>
      <c r="HVB644" s="613"/>
      <c r="HVC644" s="613"/>
      <c r="HVD644" s="613"/>
      <c r="HVE644" s="613"/>
      <c r="HVF644" s="613"/>
      <c r="HVG644" s="613"/>
      <c r="HVH644" s="613"/>
      <c r="HVI644" s="613"/>
      <c r="HVJ644" s="613"/>
      <c r="HVK644" s="613"/>
      <c r="HVL644" s="613"/>
      <c r="HVM644" s="613"/>
      <c r="HVN644" s="613"/>
      <c r="HVO644" s="613"/>
      <c r="HVP644" s="613"/>
      <c r="HVQ644" s="613"/>
      <c r="HVR644" s="613"/>
      <c r="HVS644" s="613"/>
      <c r="HVT644" s="613"/>
      <c r="HVU644" s="613"/>
      <c r="HVV644" s="613"/>
      <c r="HVW644" s="613"/>
      <c r="HVX644" s="613"/>
      <c r="HVY644" s="613"/>
      <c r="HVZ644" s="613"/>
      <c r="HWA644" s="613"/>
      <c r="HWB644" s="613"/>
      <c r="HWC644" s="613"/>
      <c r="HWD644" s="613"/>
      <c r="HWE644" s="613"/>
      <c r="HWF644" s="613"/>
      <c r="HWG644" s="613"/>
      <c r="HWH644" s="613"/>
      <c r="HWI644" s="613"/>
      <c r="HWJ644" s="613"/>
      <c r="HWK644" s="613"/>
      <c r="HWL644" s="613"/>
      <c r="HWM644" s="613"/>
      <c r="HWN644" s="613"/>
      <c r="HWO644" s="613"/>
      <c r="HWP644" s="613"/>
      <c r="HWQ644" s="613"/>
      <c r="HWR644" s="613"/>
      <c r="HWS644" s="613"/>
      <c r="HWT644" s="613"/>
      <c r="HWU644" s="613"/>
      <c r="HWV644" s="613"/>
      <c r="HWW644" s="613"/>
      <c r="HWX644" s="613"/>
      <c r="HWY644" s="613"/>
      <c r="HWZ644" s="613"/>
      <c r="HXA644" s="613"/>
      <c r="HXB644" s="613"/>
      <c r="HXC644" s="613"/>
      <c r="HXD644" s="613"/>
      <c r="HXE644" s="613"/>
      <c r="HXF644" s="613"/>
      <c r="HXG644" s="613"/>
      <c r="HXH644" s="613"/>
      <c r="HXI644" s="613"/>
      <c r="HXJ644" s="613"/>
      <c r="HXK644" s="613"/>
      <c r="HXL644" s="613"/>
      <c r="HXM644" s="613"/>
      <c r="HXN644" s="613"/>
      <c r="HXO644" s="613"/>
      <c r="HXP644" s="613"/>
      <c r="HXQ644" s="613"/>
      <c r="HXR644" s="613"/>
      <c r="HXS644" s="613"/>
      <c r="HXT644" s="613"/>
      <c r="HXU644" s="613"/>
      <c r="HXV644" s="613"/>
      <c r="HXW644" s="613"/>
      <c r="HXX644" s="613"/>
      <c r="HXY644" s="613"/>
      <c r="HXZ644" s="613"/>
      <c r="HYA644" s="613"/>
      <c r="HYB644" s="613"/>
      <c r="HYC644" s="613"/>
      <c r="HYD644" s="613"/>
      <c r="HYE644" s="613"/>
      <c r="HYF644" s="613"/>
      <c r="HYG644" s="613"/>
      <c r="HYH644" s="613"/>
      <c r="HYI644" s="613"/>
      <c r="HYJ644" s="613"/>
      <c r="HYK644" s="613"/>
      <c r="HYL644" s="613"/>
      <c r="HYM644" s="613"/>
      <c r="HYN644" s="613"/>
      <c r="HYO644" s="613"/>
      <c r="HYP644" s="613"/>
      <c r="HYQ644" s="613"/>
      <c r="HYR644" s="613"/>
      <c r="HYS644" s="613"/>
      <c r="HYT644" s="613"/>
      <c r="HYU644" s="613"/>
      <c r="HYV644" s="613"/>
      <c r="HYW644" s="613"/>
      <c r="HYX644" s="613"/>
      <c r="HYY644" s="613"/>
      <c r="HYZ644" s="613"/>
      <c r="HZA644" s="613"/>
      <c r="HZB644" s="613"/>
      <c r="HZC644" s="613"/>
      <c r="HZD644" s="613"/>
      <c r="HZE644" s="613"/>
      <c r="HZF644" s="613"/>
      <c r="HZG644" s="613"/>
      <c r="HZH644" s="613"/>
      <c r="HZI644" s="613"/>
      <c r="HZJ644" s="613"/>
      <c r="HZK644" s="613"/>
      <c r="HZL644" s="613"/>
      <c r="HZM644" s="613"/>
      <c r="HZN644" s="613"/>
      <c r="HZO644" s="613"/>
      <c r="HZP644" s="613"/>
      <c r="HZQ644" s="613"/>
      <c r="HZR644" s="613"/>
      <c r="HZS644" s="613"/>
      <c r="HZT644" s="613"/>
      <c r="HZU644" s="613"/>
      <c r="HZV644" s="613"/>
      <c r="HZW644" s="613"/>
      <c r="HZX644" s="613"/>
      <c r="HZY644" s="613"/>
      <c r="HZZ644" s="613"/>
      <c r="IAA644" s="613"/>
      <c r="IAB644" s="613"/>
      <c r="IAC644" s="613"/>
      <c r="IAD644" s="613"/>
      <c r="IAE644" s="613"/>
      <c r="IAF644" s="613"/>
      <c r="IAG644" s="613"/>
      <c r="IAH644" s="613"/>
      <c r="IAI644" s="613"/>
      <c r="IAJ644" s="613"/>
      <c r="IAK644" s="613"/>
      <c r="IAL644" s="613"/>
      <c r="IAM644" s="613"/>
      <c r="IAN644" s="613"/>
      <c r="IAO644" s="613"/>
      <c r="IAP644" s="613"/>
      <c r="IAQ644" s="613"/>
      <c r="IAR644" s="613"/>
      <c r="IAS644" s="613"/>
      <c r="IAT644" s="613"/>
      <c r="IAU644" s="613"/>
      <c r="IAV644" s="613"/>
      <c r="IAW644" s="613"/>
      <c r="IAX644" s="613"/>
      <c r="IAY644" s="613"/>
      <c r="IAZ644" s="613"/>
      <c r="IBA644" s="613"/>
      <c r="IBB644" s="613"/>
      <c r="IBC644" s="613"/>
      <c r="IBD644" s="613"/>
      <c r="IBE644" s="613"/>
      <c r="IBF644" s="613"/>
      <c r="IBG644" s="613"/>
      <c r="IBH644" s="613"/>
      <c r="IBI644" s="613"/>
      <c r="IBJ644" s="613"/>
      <c r="IBK644" s="613"/>
      <c r="IBL644" s="613"/>
      <c r="IBM644" s="613"/>
      <c r="IBN644" s="613"/>
      <c r="IBO644" s="613"/>
      <c r="IBP644" s="613"/>
      <c r="IBQ644" s="613"/>
      <c r="IBR644" s="613"/>
      <c r="IBS644" s="613"/>
      <c r="IBT644" s="613"/>
      <c r="IBU644" s="613"/>
      <c r="IBV644" s="613"/>
      <c r="IBW644" s="613"/>
      <c r="IBX644" s="613"/>
      <c r="IBY644" s="613"/>
      <c r="IBZ644" s="613"/>
      <c r="ICA644" s="613"/>
      <c r="ICB644" s="613"/>
      <c r="ICC644" s="613"/>
      <c r="ICD644" s="613"/>
      <c r="ICE644" s="613"/>
      <c r="ICF644" s="613"/>
      <c r="ICG644" s="613"/>
      <c r="ICH644" s="613"/>
      <c r="ICI644" s="613"/>
      <c r="ICJ644" s="613"/>
      <c r="ICK644" s="613"/>
      <c r="ICL644" s="613"/>
      <c r="ICM644" s="613"/>
      <c r="ICN644" s="613"/>
      <c r="ICO644" s="613"/>
      <c r="ICP644" s="613"/>
      <c r="ICQ644" s="613"/>
      <c r="ICR644" s="613"/>
      <c r="ICS644" s="613"/>
      <c r="ICT644" s="613"/>
      <c r="ICU644" s="613"/>
      <c r="ICV644" s="613"/>
      <c r="ICW644" s="613"/>
      <c r="ICX644" s="613"/>
      <c r="ICY644" s="613"/>
      <c r="ICZ644" s="613"/>
      <c r="IDA644" s="613"/>
      <c r="IDB644" s="613"/>
      <c r="IDC644" s="613"/>
      <c r="IDD644" s="613"/>
      <c r="IDE644" s="613"/>
      <c r="IDF644" s="613"/>
      <c r="IDG644" s="613"/>
      <c r="IDH644" s="613"/>
      <c r="IDI644" s="613"/>
      <c r="IDJ644" s="613"/>
      <c r="IDK644" s="613"/>
      <c r="IDL644" s="613"/>
      <c r="IDM644" s="613"/>
      <c r="IDN644" s="613"/>
      <c r="IDO644" s="613"/>
      <c r="IDP644" s="613"/>
      <c r="IDQ644" s="613"/>
      <c r="IDR644" s="613"/>
      <c r="IDS644" s="613"/>
      <c r="IDT644" s="613"/>
      <c r="IDU644" s="613"/>
      <c r="IDV644" s="613"/>
      <c r="IDW644" s="613"/>
      <c r="IDX644" s="613"/>
      <c r="IDY644" s="613"/>
      <c r="IDZ644" s="613"/>
      <c r="IEA644" s="613"/>
      <c r="IEB644" s="613"/>
      <c r="IEC644" s="613"/>
      <c r="IED644" s="613"/>
      <c r="IEE644" s="613"/>
      <c r="IEF644" s="613"/>
      <c r="IEG644" s="613"/>
      <c r="IEH644" s="613"/>
      <c r="IEI644" s="613"/>
      <c r="IEJ644" s="613"/>
      <c r="IEK644" s="613"/>
      <c r="IEL644" s="613"/>
      <c r="IEM644" s="613"/>
      <c r="IEN644" s="613"/>
      <c r="IEO644" s="613"/>
      <c r="IEP644" s="613"/>
      <c r="IEQ644" s="613"/>
      <c r="IER644" s="613"/>
      <c r="IES644" s="613"/>
      <c r="IET644" s="613"/>
      <c r="IEU644" s="613"/>
      <c r="IEV644" s="613"/>
      <c r="IEW644" s="613"/>
      <c r="IEX644" s="613"/>
      <c r="IEY644" s="613"/>
      <c r="IEZ644" s="613"/>
      <c r="IFA644" s="613"/>
      <c r="IFB644" s="613"/>
      <c r="IFC644" s="613"/>
      <c r="IFD644" s="613"/>
      <c r="IFE644" s="613"/>
      <c r="IFF644" s="613"/>
      <c r="IFG644" s="613"/>
      <c r="IFH644" s="613"/>
      <c r="IFI644" s="613"/>
      <c r="IFJ644" s="613"/>
      <c r="IFK644" s="613"/>
      <c r="IFL644" s="613"/>
      <c r="IFM644" s="613"/>
      <c r="IFN644" s="613"/>
      <c r="IFO644" s="613"/>
      <c r="IFP644" s="613"/>
      <c r="IFQ644" s="613"/>
      <c r="IFR644" s="613"/>
      <c r="IFS644" s="613"/>
      <c r="IFT644" s="613"/>
      <c r="IFU644" s="613"/>
      <c r="IFV644" s="613"/>
      <c r="IFW644" s="613"/>
      <c r="IFX644" s="613"/>
      <c r="IFY644" s="613"/>
      <c r="IFZ644" s="613"/>
      <c r="IGA644" s="613"/>
      <c r="IGB644" s="613"/>
      <c r="IGC644" s="613"/>
      <c r="IGD644" s="613"/>
      <c r="IGE644" s="613"/>
      <c r="IGF644" s="613"/>
      <c r="IGG644" s="613"/>
      <c r="IGH644" s="613"/>
      <c r="IGI644" s="613"/>
      <c r="IGJ644" s="613"/>
      <c r="IGK644" s="613"/>
      <c r="IGL644" s="613"/>
      <c r="IGM644" s="613"/>
      <c r="IGN644" s="613"/>
      <c r="IGO644" s="613"/>
      <c r="IGP644" s="613"/>
      <c r="IGQ644" s="613"/>
      <c r="IGR644" s="613"/>
      <c r="IGS644" s="613"/>
      <c r="IGT644" s="613"/>
      <c r="IGU644" s="613"/>
      <c r="IGV644" s="613"/>
      <c r="IGW644" s="613"/>
      <c r="IGX644" s="613"/>
      <c r="IGY644" s="613"/>
      <c r="IGZ644" s="613"/>
      <c r="IHA644" s="613"/>
      <c r="IHB644" s="613"/>
      <c r="IHC644" s="613"/>
      <c r="IHD644" s="613"/>
      <c r="IHE644" s="613"/>
      <c r="IHF644" s="613"/>
      <c r="IHG644" s="613"/>
      <c r="IHH644" s="613"/>
      <c r="IHI644" s="613"/>
      <c r="IHJ644" s="613"/>
      <c r="IHK644" s="613"/>
      <c r="IHL644" s="613"/>
      <c r="IHM644" s="613"/>
      <c r="IHN644" s="613"/>
      <c r="IHO644" s="613"/>
      <c r="IHP644" s="613"/>
      <c r="IHQ644" s="613"/>
      <c r="IHR644" s="613"/>
      <c r="IHS644" s="613"/>
      <c r="IHT644" s="613"/>
      <c r="IHU644" s="613"/>
      <c r="IHV644" s="613"/>
      <c r="IHW644" s="613"/>
      <c r="IHX644" s="613"/>
      <c r="IHY644" s="613"/>
      <c r="IHZ644" s="613"/>
      <c r="IIA644" s="613"/>
      <c r="IIB644" s="613"/>
      <c r="IIC644" s="613"/>
      <c r="IID644" s="613"/>
      <c r="IIE644" s="613"/>
      <c r="IIF644" s="613"/>
      <c r="IIG644" s="613"/>
      <c r="IIH644" s="613"/>
      <c r="III644" s="613"/>
      <c r="IIJ644" s="613"/>
      <c r="IIK644" s="613"/>
      <c r="IIL644" s="613"/>
      <c r="IIM644" s="613"/>
      <c r="IIN644" s="613"/>
      <c r="IIO644" s="613"/>
      <c r="IIP644" s="613"/>
      <c r="IIQ644" s="613"/>
      <c r="IIR644" s="613"/>
      <c r="IIS644" s="613"/>
      <c r="IIT644" s="613"/>
      <c r="IIU644" s="613"/>
      <c r="IIV644" s="613"/>
      <c r="IIW644" s="613"/>
      <c r="IIX644" s="613"/>
      <c r="IIY644" s="613"/>
      <c r="IIZ644" s="613"/>
      <c r="IJA644" s="613"/>
      <c r="IJB644" s="613"/>
      <c r="IJC644" s="613"/>
      <c r="IJD644" s="613"/>
      <c r="IJE644" s="613"/>
      <c r="IJF644" s="613"/>
      <c r="IJG644" s="613"/>
      <c r="IJH644" s="613"/>
      <c r="IJI644" s="613"/>
      <c r="IJJ644" s="613"/>
      <c r="IJK644" s="613"/>
      <c r="IJL644" s="613"/>
      <c r="IJM644" s="613"/>
      <c r="IJN644" s="613"/>
      <c r="IJO644" s="613"/>
      <c r="IJP644" s="613"/>
      <c r="IJQ644" s="613"/>
      <c r="IJR644" s="613"/>
      <c r="IJS644" s="613"/>
      <c r="IJT644" s="613"/>
      <c r="IJU644" s="613"/>
      <c r="IJV644" s="613"/>
      <c r="IJW644" s="613"/>
      <c r="IJX644" s="613"/>
      <c r="IJY644" s="613"/>
      <c r="IJZ644" s="613"/>
      <c r="IKA644" s="613"/>
      <c r="IKB644" s="613"/>
      <c r="IKC644" s="613"/>
      <c r="IKD644" s="613"/>
      <c r="IKE644" s="613"/>
      <c r="IKF644" s="613"/>
      <c r="IKG644" s="613"/>
      <c r="IKH644" s="613"/>
      <c r="IKI644" s="613"/>
      <c r="IKJ644" s="613"/>
      <c r="IKK644" s="613"/>
      <c r="IKL644" s="613"/>
      <c r="IKM644" s="613"/>
      <c r="IKN644" s="613"/>
      <c r="IKO644" s="613"/>
      <c r="IKP644" s="613"/>
      <c r="IKQ644" s="613"/>
      <c r="IKR644" s="613"/>
      <c r="IKS644" s="613"/>
      <c r="IKT644" s="613"/>
      <c r="IKU644" s="613"/>
      <c r="IKV644" s="613"/>
      <c r="IKW644" s="613"/>
      <c r="IKX644" s="613"/>
      <c r="IKY644" s="613"/>
      <c r="IKZ644" s="613"/>
      <c r="ILA644" s="613"/>
      <c r="ILB644" s="613"/>
      <c r="ILC644" s="613"/>
      <c r="ILD644" s="613"/>
      <c r="ILE644" s="613"/>
      <c r="ILF644" s="613"/>
      <c r="ILG644" s="613"/>
      <c r="ILH644" s="613"/>
      <c r="ILI644" s="613"/>
      <c r="ILJ644" s="613"/>
      <c r="ILK644" s="613"/>
      <c r="ILL644" s="613"/>
      <c r="ILM644" s="613"/>
      <c r="ILN644" s="613"/>
      <c r="ILO644" s="613"/>
      <c r="ILP644" s="613"/>
      <c r="ILQ644" s="613"/>
      <c r="ILR644" s="613"/>
      <c r="ILS644" s="613"/>
      <c r="ILT644" s="613"/>
      <c r="ILU644" s="613"/>
      <c r="ILV644" s="613"/>
      <c r="ILW644" s="613"/>
      <c r="ILX644" s="613"/>
      <c r="ILY644" s="613"/>
      <c r="ILZ644" s="613"/>
      <c r="IMA644" s="613"/>
      <c r="IMB644" s="613"/>
      <c r="IMC644" s="613"/>
      <c r="IMD644" s="613"/>
      <c r="IME644" s="613"/>
      <c r="IMF644" s="613"/>
      <c r="IMG644" s="613"/>
      <c r="IMH644" s="613"/>
      <c r="IMI644" s="613"/>
      <c r="IMJ644" s="613"/>
      <c r="IMK644" s="613"/>
      <c r="IML644" s="613"/>
      <c r="IMM644" s="613"/>
      <c r="IMN644" s="613"/>
      <c r="IMO644" s="613"/>
      <c r="IMP644" s="613"/>
      <c r="IMQ644" s="613"/>
      <c r="IMR644" s="613"/>
      <c r="IMS644" s="613"/>
      <c r="IMT644" s="613"/>
      <c r="IMU644" s="613"/>
      <c r="IMV644" s="613"/>
      <c r="IMW644" s="613"/>
      <c r="IMX644" s="613"/>
      <c r="IMY644" s="613"/>
      <c r="IMZ644" s="613"/>
      <c r="INA644" s="613"/>
      <c r="INB644" s="613"/>
      <c r="INC644" s="613"/>
      <c r="IND644" s="613"/>
      <c r="INE644" s="613"/>
      <c r="INF644" s="613"/>
      <c r="ING644" s="613"/>
      <c r="INH644" s="613"/>
      <c r="INI644" s="613"/>
      <c r="INJ644" s="613"/>
      <c r="INK644" s="613"/>
      <c r="INL644" s="613"/>
      <c r="INM644" s="613"/>
      <c r="INN644" s="613"/>
      <c r="INO644" s="613"/>
      <c r="INP644" s="613"/>
      <c r="INQ644" s="613"/>
      <c r="INR644" s="613"/>
      <c r="INS644" s="613"/>
      <c r="INT644" s="613"/>
      <c r="INU644" s="613"/>
      <c r="INV644" s="613"/>
      <c r="INW644" s="613"/>
      <c r="INX644" s="613"/>
      <c r="INY644" s="613"/>
      <c r="INZ644" s="613"/>
      <c r="IOA644" s="613"/>
      <c r="IOB644" s="613"/>
      <c r="IOC644" s="613"/>
      <c r="IOD644" s="613"/>
      <c r="IOE644" s="613"/>
      <c r="IOF644" s="613"/>
      <c r="IOG644" s="613"/>
      <c r="IOH644" s="613"/>
      <c r="IOI644" s="613"/>
      <c r="IOJ644" s="613"/>
      <c r="IOK644" s="613"/>
      <c r="IOL644" s="613"/>
      <c r="IOM644" s="613"/>
      <c r="ION644" s="613"/>
      <c r="IOO644" s="613"/>
      <c r="IOP644" s="613"/>
      <c r="IOQ644" s="613"/>
      <c r="IOR644" s="613"/>
      <c r="IOS644" s="613"/>
      <c r="IOT644" s="613"/>
      <c r="IOU644" s="613"/>
      <c r="IOV644" s="613"/>
      <c r="IOW644" s="613"/>
      <c r="IOX644" s="613"/>
      <c r="IOY644" s="613"/>
      <c r="IOZ644" s="613"/>
      <c r="IPA644" s="613"/>
      <c r="IPB644" s="613"/>
      <c r="IPC644" s="613"/>
      <c r="IPD644" s="613"/>
      <c r="IPE644" s="613"/>
      <c r="IPF644" s="613"/>
      <c r="IPG644" s="613"/>
      <c r="IPH644" s="613"/>
      <c r="IPI644" s="613"/>
      <c r="IPJ644" s="613"/>
      <c r="IPK644" s="613"/>
      <c r="IPL644" s="613"/>
      <c r="IPM644" s="613"/>
      <c r="IPN644" s="613"/>
      <c r="IPO644" s="613"/>
      <c r="IPP644" s="613"/>
      <c r="IPQ644" s="613"/>
      <c r="IPR644" s="613"/>
      <c r="IPS644" s="613"/>
      <c r="IPT644" s="613"/>
      <c r="IPU644" s="613"/>
      <c r="IPV644" s="613"/>
      <c r="IPW644" s="613"/>
      <c r="IPX644" s="613"/>
      <c r="IPY644" s="613"/>
      <c r="IPZ644" s="613"/>
      <c r="IQA644" s="613"/>
      <c r="IQB644" s="613"/>
      <c r="IQC644" s="613"/>
      <c r="IQD644" s="613"/>
      <c r="IQE644" s="613"/>
      <c r="IQF644" s="613"/>
      <c r="IQG644" s="613"/>
      <c r="IQH644" s="613"/>
      <c r="IQI644" s="613"/>
      <c r="IQJ644" s="613"/>
      <c r="IQK644" s="613"/>
      <c r="IQL644" s="613"/>
      <c r="IQM644" s="613"/>
      <c r="IQN644" s="613"/>
      <c r="IQO644" s="613"/>
      <c r="IQP644" s="613"/>
      <c r="IQQ644" s="613"/>
      <c r="IQR644" s="613"/>
      <c r="IQS644" s="613"/>
      <c r="IQT644" s="613"/>
      <c r="IQU644" s="613"/>
      <c r="IQV644" s="613"/>
      <c r="IQW644" s="613"/>
      <c r="IQX644" s="613"/>
      <c r="IQY644" s="613"/>
      <c r="IQZ644" s="613"/>
      <c r="IRA644" s="613"/>
      <c r="IRB644" s="613"/>
      <c r="IRC644" s="613"/>
      <c r="IRD644" s="613"/>
      <c r="IRE644" s="613"/>
      <c r="IRF644" s="613"/>
      <c r="IRG644" s="613"/>
      <c r="IRH644" s="613"/>
      <c r="IRI644" s="613"/>
      <c r="IRJ644" s="613"/>
      <c r="IRK644" s="613"/>
      <c r="IRL644" s="613"/>
      <c r="IRM644" s="613"/>
      <c r="IRN644" s="613"/>
      <c r="IRO644" s="613"/>
      <c r="IRP644" s="613"/>
      <c r="IRQ644" s="613"/>
      <c r="IRR644" s="613"/>
      <c r="IRS644" s="613"/>
      <c r="IRT644" s="613"/>
      <c r="IRU644" s="613"/>
      <c r="IRV644" s="613"/>
      <c r="IRW644" s="613"/>
      <c r="IRX644" s="613"/>
      <c r="IRY644" s="613"/>
      <c r="IRZ644" s="613"/>
      <c r="ISA644" s="613"/>
      <c r="ISB644" s="613"/>
      <c r="ISC644" s="613"/>
      <c r="ISD644" s="613"/>
      <c r="ISE644" s="613"/>
      <c r="ISF644" s="613"/>
      <c r="ISG644" s="613"/>
      <c r="ISH644" s="613"/>
      <c r="ISI644" s="613"/>
      <c r="ISJ644" s="613"/>
      <c r="ISK644" s="613"/>
      <c r="ISL644" s="613"/>
      <c r="ISM644" s="613"/>
      <c r="ISN644" s="613"/>
      <c r="ISO644" s="613"/>
      <c r="ISP644" s="613"/>
      <c r="ISQ644" s="613"/>
      <c r="ISR644" s="613"/>
      <c r="ISS644" s="613"/>
      <c r="IST644" s="613"/>
      <c r="ISU644" s="613"/>
      <c r="ISV644" s="613"/>
      <c r="ISW644" s="613"/>
      <c r="ISX644" s="613"/>
      <c r="ISY644" s="613"/>
      <c r="ISZ644" s="613"/>
      <c r="ITA644" s="613"/>
      <c r="ITB644" s="613"/>
      <c r="ITC644" s="613"/>
      <c r="ITD644" s="613"/>
      <c r="ITE644" s="613"/>
      <c r="ITF644" s="613"/>
      <c r="ITG644" s="613"/>
      <c r="ITH644" s="613"/>
      <c r="ITI644" s="613"/>
      <c r="ITJ644" s="613"/>
      <c r="ITK644" s="613"/>
      <c r="ITL644" s="613"/>
      <c r="ITM644" s="613"/>
      <c r="ITN644" s="613"/>
      <c r="ITO644" s="613"/>
      <c r="ITP644" s="613"/>
      <c r="ITQ644" s="613"/>
      <c r="ITR644" s="613"/>
      <c r="ITS644" s="613"/>
      <c r="ITT644" s="613"/>
      <c r="ITU644" s="613"/>
      <c r="ITV644" s="613"/>
      <c r="ITW644" s="613"/>
      <c r="ITX644" s="613"/>
      <c r="ITY644" s="613"/>
      <c r="ITZ644" s="613"/>
      <c r="IUA644" s="613"/>
      <c r="IUB644" s="613"/>
      <c r="IUC644" s="613"/>
      <c r="IUD644" s="613"/>
      <c r="IUE644" s="613"/>
      <c r="IUF644" s="613"/>
      <c r="IUG644" s="613"/>
      <c r="IUH644" s="613"/>
      <c r="IUI644" s="613"/>
      <c r="IUJ644" s="613"/>
      <c r="IUK644" s="613"/>
      <c r="IUL644" s="613"/>
      <c r="IUM644" s="613"/>
      <c r="IUN644" s="613"/>
      <c r="IUO644" s="613"/>
      <c r="IUP644" s="613"/>
      <c r="IUQ644" s="613"/>
      <c r="IUR644" s="613"/>
      <c r="IUS644" s="613"/>
      <c r="IUT644" s="613"/>
      <c r="IUU644" s="613"/>
      <c r="IUV644" s="613"/>
      <c r="IUW644" s="613"/>
      <c r="IUX644" s="613"/>
      <c r="IUY644" s="613"/>
      <c r="IUZ644" s="613"/>
      <c r="IVA644" s="613"/>
      <c r="IVB644" s="613"/>
      <c r="IVC644" s="613"/>
      <c r="IVD644" s="613"/>
      <c r="IVE644" s="613"/>
      <c r="IVF644" s="613"/>
      <c r="IVG644" s="613"/>
      <c r="IVH644" s="613"/>
      <c r="IVI644" s="613"/>
      <c r="IVJ644" s="613"/>
      <c r="IVK644" s="613"/>
      <c r="IVL644" s="613"/>
      <c r="IVM644" s="613"/>
      <c r="IVN644" s="613"/>
      <c r="IVO644" s="613"/>
      <c r="IVP644" s="613"/>
      <c r="IVQ644" s="613"/>
      <c r="IVR644" s="613"/>
      <c r="IVS644" s="613"/>
      <c r="IVT644" s="613"/>
      <c r="IVU644" s="613"/>
      <c r="IVV644" s="613"/>
      <c r="IVW644" s="613"/>
      <c r="IVX644" s="613"/>
      <c r="IVY644" s="613"/>
      <c r="IVZ644" s="613"/>
      <c r="IWA644" s="613"/>
      <c r="IWB644" s="613"/>
      <c r="IWC644" s="613"/>
      <c r="IWD644" s="613"/>
      <c r="IWE644" s="613"/>
      <c r="IWF644" s="613"/>
      <c r="IWG644" s="613"/>
      <c r="IWH644" s="613"/>
      <c r="IWI644" s="613"/>
      <c r="IWJ644" s="613"/>
      <c r="IWK644" s="613"/>
      <c r="IWL644" s="613"/>
      <c r="IWM644" s="613"/>
      <c r="IWN644" s="613"/>
      <c r="IWO644" s="613"/>
      <c r="IWP644" s="613"/>
      <c r="IWQ644" s="613"/>
      <c r="IWR644" s="613"/>
      <c r="IWS644" s="613"/>
      <c r="IWT644" s="613"/>
      <c r="IWU644" s="613"/>
      <c r="IWV644" s="613"/>
      <c r="IWW644" s="613"/>
      <c r="IWX644" s="613"/>
      <c r="IWY644" s="613"/>
      <c r="IWZ644" s="613"/>
      <c r="IXA644" s="613"/>
      <c r="IXB644" s="613"/>
      <c r="IXC644" s="613"/>
      <c r="IXD644" s="613"/>
      <c r="IXE644" s="613"/>
      <c r="IXF644" s="613"/>
      <c r="IXG644" s="613"/>
      <c r="IXH644" s="613"/>
      <c r="IXI644" s="613"/>
      <c r="IXJ644" s="613"/>
      <c r="IXK644" s="613"/>
      <c r="IXL644" s="613"/>
      <c r="IXM644" s="613"/>
      <c r="IXN644" s="613"/>
      <c r="IXO644" s="613"/>
      <c r="IXP644" s="613"/>
      <c r="IXQ644" s="613"/>
      <c r="IXR644" s="613"/>
      <c r="IXS644" s="613"/>
      <c r="IXT644" s="613"/>
      <c r="IXU644" s="613"/>
      <c r="IXV644" s="613"/>
      <c r="IXW644" s="613"/>
      <c r="IXX644" s="613"/>
      <c r="IXY644" s="613"/>
      <c r="IXZ644" s="613"/>
      <c r="IYA644" s="613"/>
      <c r="IYB644" s="613"/>
      <c r="IYC644" s="613"/>
      <c r="IYD644" s="613"/>
      <c r="IYE644" s="613"/>
      <c r="IYF644" s="613"/>
      <c r="IYG644" s="613"/>
      <c r="IYH644" s="613"/>
      <c r="IYI644" s="613"/>
      <c r="IYJ644" s="613"/>
      <c r="IYK644" s="613"/>
      <c r="IYL644" s="613"/>
      <c r="IYM644" s="613"/>
      <c r="IYN644" s="613"/>
      <c r="IYO644" s="613"/>
      <c r="IYP644" s="613"/>
      <c r="IYQ644" s="613"/>
      <c r="IYR644" s="613"/>
      <c r="IYS644" s="613"/>
      <c r="IYT644" s="613"/>
      <c r="IYU644" s="613"/>
      <c r="IYV644" s="613"/>
      <c r="IYW644" s="613"/>
      <c r="IYX644" s="613"/>
      <c r="IYY644" s="613"/>
      <c r="IYZ644" s="613"/>
      <c r="IZA644" s="613"/>
      <c r="IZB644" s="613"/>
      <c r="IZC644" s="613"/>
      <c r="IZD644" s="613"/>
      <c r="IZE644" s="613"/>
      <c r="IZF644" s="613"/>
      <c r="IZG644" s="613"/>
      <c r="IZH644" s="613"/>
      <c r="IZI644" s="613"/>
      <c r="IZJ644" s="613"/>
      <c r="IZK644" s="613"/>
      <c r="IZL644" s="613"/>
      <c r="IZM644" s="613"/>
      <c r="IZN644" s="613"/>
      <c r="IZO644" s="613"/>
      <c r="IZP644" s="613"/>
      <c r="IZQ644" s="613"/>
      <c r="IZR644" s="613"/>
      <c r="IZS644" s="613"/>
      <c r="IZT644" s="613"/>
      <c r="IZU644" s="613"/>
      <c r="IZV644" s="613"/>
      <c r="IZW644" s="613"/>
      <c r="IZX644" s="613"/>
      <c r="IZY644" s="613"/>
      <c r="IZZ644" s="613"/>
      <c r="JAA644" s="613"/>
      <c r="JAB644" s="613"/>
      <c r="JAC644" s="613"/>
      <c r="JAD644" s="613"/>
      <c r="JAE644" s="613"/>
      <c r="JAF644" s="613"/>
      <c r="JAG644" s="613"/>
      <c r="JAH644" s="613"/>
      <c r="JAI644" s="613"/>
      <c r="JAJ644" s="613"/>
      <c r="JAK644" s="613"/>
      <c r="JAL644" s="613"/>
      <c r="JAM644" s="613"/>
      <c r="JAN644" s="613"/>
      <c r="JAO644" s="613"/>
      <c r="JAP644" s="613"/>
      <c r="JAQ644" s="613"/>
      <c r="JAR644" s="613"/>
      <c r="JAS644" s="613"/>
      <c r="JAT644" s="613"/>
      <c r="JAU644" s="613"/>
      <c r="JAV644" s="613"/>
      <c r="JAW644" s="613"/>
      <c r="JAX644" s="613"/>
      <c r="JAY644" s="613"/>
      <c r="JAZ644" s="613"/>
      <c r="JBA644" s="613"/>
      <c r="JBB644" s="613"/>
      <c r="JBC644" s="613"/>
      <c r="JBD644" s="613"/>
      <c r="JBE644" s="613"/>
      <c r="JBF644" s="613"/>
      <c r="JBG644" s="613"/>
      <c r="JBH644" s="613"/>
      <c r="JBI644" s="613"/>
      <c r="JBJ644" s="613"/>
      <c r="JBK644" s="613"/>
      <c r="JBL644" s="613"/>
      <c r="JBM644" s="613"/>
      <c r="JBN644" s="613"/>
      <c r="JBO644" s="613"/>
      <c r="JBP644" s="613"/>
      <c r="JBQ644" s="613"/>
      <c r="JBR644" s="613"/>
      <c r="JBS644" s="613"/>
      <c r="JBT644" s="613"/>
      <c r="JBU644" s="613"/>
      <c r="JBV644" s="613"/>
      <c r="JBW644" s="613"/>
      <c r="JBX644" s="613"/>
      <c r="JBY644" s="613"/>
      <c r="JBZ644" s="613"/>
      <c r="JCA644" s="613"/>
      <c r="JCB644" s="613"/>
      <c r="JCC644" s="613"/>
      <c r="JCD644" s="613"/>
      <c r="JCE644" s="613"/>
      <c r="JCF644" s="613"/>
      <c r="JCG644" s="613"/>
      <c r="JCH644" s="613"/>
      <c r="JCI644" s="613"/>
      <c r="JCJ644" s="613"/>
      <c r="JCK644" s="613"/>
      <c r="JCL644" s="613"/>
      <c r="JCM644" s="613"/>
      <c r="JCN644" s="613"/>
      <c r="JCO644" s="613"/>
      <c r="JCP644" s="613"/>
      <c r="JCQ644" s="613"/>
      <c r="JCR644" s="613"/>
      <c r="JCS644" s="613"/>
      <c r="JCT644" s="613"/>
      <c r="JCU644" s="613"/>
      <c r="JCV644" s="613"/>
      <c r="JCW644" s="613"/>
      <c r="JCX644" s="613"/>
      <c r="JCY644" s="613"/>
      <c r="JCZ644" s="613"/>
      <c r="JDA644" s="613"/>
      <c r="JDB644" s="613"/>
      <c r="JDC644" s="613"/>
      <c r="JDD644" s="613"/>
      <c r="JDE644" s="613"/>
      <c r="JDF644" s="613"/>
      <c r="JDG644" s="613"/>
      <c r="JDH644" s="613"/>
      <c r="JDI644" s="613"/>
      <c r="JDJ644" s="613"/>
      <c r="JDK644" s="613"/>
      <c r="JDL644" s="613"/>
      <c r="JDM644" s="613"/>
      <c r="JDN644" s="613"/>
      <c r="JDO644" s="613"/>
      <c r="JDP644" s="613"/>
      <c r="JDQ644" s="613"/>
      <c r="JDR644" s="613"/>
      <c r="JDS644" s="613"/>
      <c r="JDT644" s="613"/>
      <c r="JDU644" s="613"/>
      <c r="JDV644" s="613"/>
      <c r="JDW644" s="613"/>
      <c r="JDX644" s="613"/>
      <c r="JDY644" s="613"/>
      <c r="JDZ644" s="613"/>
      <c r="JEA644" s="613"/>
      <c r="JEB644" s="613"/>
      <c r="JEC644" s="613"/>
      <c r="JED644" s="613"/>
      <c r="JEE644" s="613"/>
      <c r="JEF644" s="613"/>
      <c r="JEG644" s="613"/>
      <c r="JEH644" s="613"/>
      <c r="JEI644" s="613"/>
      <c r="JEJ644" s="613"/>
      <c r="JEK644" s="613"/>
      <c r="JEL644" s="613"/>
      <c r="JEM644" s="613"/>
      <c r="JEN644" s="613"/>
      <c r="JEO644" s="613"/>
      <c r="JEP644" s="613"/>
      <c r="JEQ644" s="613"/>
      <c r="JER644" s="613"/>
      <c r="JES644" s="613"/>
      <c r="JET644" s="613"/>
      <c r="JEU644" s="613"/>
      <c r="JEV644" s="613"/>
      <c r="JEW644" s="613"/>
      <c r="JEX644" s="613"/>
      <c r="JEY644" s="613"/>
      <c r="JEZ644" s="613"/>
      <c r="JFA644" s="613"/>
      <c r="JFB644" s="613"/>
      <c r="JFC644" s="613"/>
      <c r="JFD644" s="613"/>
      <c r="JFE644" s="613"/>
      <c r="JFF644" s="613"/>
      <c r="JFG644" s="613"/>
      <c r="JFH644" s="613"/>
      <c r="JFI644" s="613"/>
      <c r="JFJ644" s="613"/>
      <c r="JFK644" s="613"/>
      <c r="JFL644" s="613"/>
      <c r="JFM644" s="613"/>
      <c r="JFN644" s="613"/>
      <c r="JFO644" s="613"/>
      <c r="JFP644" s="613"/>
      <c r="JFQ644" s="613"/>
      <c r="JFR644" s="613"/>
      <c r="JFS644" s="613"/>
      <c r="JFT644" s="613"/>
      <c r="JFU644" s="613"/>
      <c r="JFV644" s="613"/>
      <c r="JFW644" s="613"/>
      <c r="JFX644" s="613"/>
      <c r="JFY644" s="613"/>
      <c r="JFZ644" s="613"/>
      <c r="JGA644" s="613"/>
      <c r="JGB644" s="613"/>
      <c r="JGC644" s="613"/>
      <c r="JGD644" s="613"/>
      <c r="JGE644" s="613"/>
      <c r="JGF644" s="613"/>
      <c r="JGG644" s="613"/>
      <c r="JGH644" s="613"/>
      <c r="JGI644" s="613"/>
      <c r="JGJ644" s="613"/>
      <c r="JGK644" s="613"/>
      <c r="JGL644" s="613"/>
      <c r="JGM644" s="613"/>
      <c r="JGN644" s="613"/>
      <c r="JGO644" s="613"/>
      <c r="JGP644" s="613"/>
      <c r="JGQ644" s="613"/>
      <c r="JGR644" s="613"/>
      <c r="JGS644" s="613"/>
      <c r="JGT644" s="613"/>
      <c r="JGU644" s="613"/>
      <c r="JGV644" s="613"/>
      <c r="JGW644" s="613"/>
      <c r="JGX644" s="613"/>
      <c r="JGY644" s="613"/>
      <c r="JGZ644" s="613"/>
      <c r="JHA644" s="613"/>
      <c r="JHB644" s="613"/>
      <c r="JHC644" s="613"/>
      <c r="JHD644" s="613"/>
      <c r="JHE644" s="613"/>
      <c r="JHF644" s="613"/>
      <c r="JHG644" s="613"/>
      <c r="JHH644" s="613"/>
      <c r="JHI644" s="613"/>
      <c r="JHJ644" s="613"/>
      <c r="JHK644" s="613"/>
      <c r="JHL644" s="613"/>
      <c r="JHM644" s="613"/>
      <c r="JHN644" s="613"/>
      <c r="JHO644" s="613"/>
      <c r="JHP644" s="613"/>
      <c r="JHQ644" s="613"/>
      <c r="JHR644" s="613"/>
      <c r="JHS644" s="613"/>
      <c r="JHT644" s="613"/>
      <c r="JHU644" s="613"/>
      <c r="JHV644" s="613"/>
      <c r="JHW644" s="613"/>
      <c r="JHX644" s="613"/>
      <c r="JHY644" s="613"/>
      <c r="JHZ644" s="613"/>
      <c r="JIA644" s="613"/>
      <c r="JIB644" s="613"/>
      <c r="JIC644" s="613"/>
      <c r="JID644" s="613"/>
      <c r="JIE644" s="613"/>
      <c r="JIF644" s="613"/>
      <c r="JIG644" s="613"/>
      <c r="JIH644" s="613"/>
      <c r="JII644" s="613"/>
      <c r="JIJ644" s="613"/>
      <c r="JIK644" s="613"/>
      <c r="JIL644" s="613"/>
      <c r="JIM644" s="613"/>
      <c r="JIN644" s="613"/>
      <c r="JIO644" s="613"/>
      <c r="JIP644" s="613"/>
      <c r="JIQ644" s="613"/>
      <c r="JIR644" s="613"/>
      <c r="JIS644" s="613"/>
      <c r="JIT644" s="613"/>
      <c r="JIU644" s="613"/>
      <c r="JIV644" s="613"/>
      <c r="JIW644" s="613"/>
      <c r="JIX644" s="613"/>
      <c r="JIY644" s="613"/>
      <c r="JIZ644" s="613"/>
      <c r="JJA644" s="613"/>
      <c r="JJB644" s="613"/>
      <c r="JJC644" s="613"/>
      <c r="JJD644" s="613"/>
      <c r="JJE644" s="613"/>
      <c r="JJF644" s="613"/>
      <c r="JJG644" s="613"/>
      <c r="JJH644" s="613"/>
      <c r="JJI644" s="613"/>
      <c r="JJJ644" s="613"/>
      <c r="JJK644" s="613"/>
      <c r="JJL644" s="613"/>
      <c r="JJM644" s="613"/>
      <c r="JJN644" s="613"/>
      <c r="JJO644" s="613"/>
      <c r="JJP644" s="613"/>
      <c r="JJQ644" s="613"/>
      <c r="JJR644" s="613"/>
      <c r="JJS644" s="613"/>
      <c r="JJT644" s="613"/>
      <c r="JJU644" s="613"/>
      <c r="JJV644" s="613"/>
      <c r="JJW644" s="613"/>
      <c r="JJX644" s="613"/>
      <c r="JJY644" s="613"/>
      <c r="JJZ644" s="613"/>
      <c r="JKA644" s="613"/>
      <c r="JKB644" s="613"/>
      <c r="JKC644" s="613"/>
      <c r="JKD644" s="613"/>
      <c r="JKE644" s="613"/>
      <c r="JKF644" s="613"/>
      <c r="JKG644" s="613"/>
      <c r="JKH644" s="613"/>
      <c r="JKI644" s="613"/>
      <c r="JKJ644" s="613"/>
      <c r="JKK644" s="613"/>
      <c r="JKL644" s="613"/>
      <c r="JKM644" s="613"/>
      <c r="JKN644" s="613"/>
      <c r="JKO644" s="613"/>
      <c r="JKP644" s="613"/>
      <c r="JKQ644" s="613"/>
      <c r="JKR644" s="613"/>
      <c r="JKS644" s="613"/>
      <c r="JKT644" s="613"/>
      <c r="JKU644" s="613"/>
      <c r="JKV644" s="613"/>
      <c r="JKW644" s="613"/>
      <c r="JKX644" s="613"/>
      <c r="JKY644" s="613"/>
      <c r="JKZ644" s="613"/>
      <c r="JLA644" s="613"/>
      <c r="JLB644" s="613"/>
      <c r="JLC644" s="613"/>
      <c r="JLD644" s="613"/>
      <c r="JLE644" s="613"/>
      <c r="JLF644" s="613"/>
      <c r="JLG644" s="613"/>
      <c r="JLH644" s="613"/>
      <c r="JLI644" s="613"/>
      <c r="JLJ644" s="613"/>
      <c r="JLK644" s="613"/>
      <c r="JLL644" s="613"/>
      <c r="JLM644" s="613"/>
      <c r="JLN644" s="613"/>
      <c r="JLO644" s="613"/>
      <c r="JLP644" s="613"/>
      <c r="JLQ644" s="613"/>
      <c r="JLR644" s="613"/>
      <c r="JLS644" s="613"/>
      <c r="JLT644" s="613"/>
      <c r="JLU644" s="613"/>
      <c r="JLV644" s="613"/>
      <c r="JLW644" s="613"/>
      <c r="JLX644" s="613"/>
      <c r="JLY644" s="613"/>
      <c r="JLZ644" s="613"/>
      <c r="JMA644" s="613"/>
      <c r="JMB644" s="613"/>
      <c r="JMC644" s="613"/>
      <c r="JMD644" s="613"/>
      <c r="JME644" s="613"/>
      <c r="JMF644" s="613"/>
      <c r="JMG644" s="613"/>
      <c r="JMH644" s="613"/>
      <c r="JMI644" s="613"/>
      <c r="JMJ644" s="613"/>
      <c r="JMK644" s="613"/>
      <c r="JML644" s="613"/>
      <c r="JMM644" s="613"/>
      <c r="JMN644" s="613"/>
      <c r="JMO644" s="613"/>
      <c r="JMP644" s="613"/>
      <c r="JMQ644" s="613"/>
      <c r="JMR644" s="613"/>
      <c r="JMS644" s="613"/>
      <c r="JMT644" s="613"/>
      <c r="JMU644" s="613"/>
      <c r="JMV644" s="613"/>
      <c r="JMW644" s="613"/>
      <c r="JMX644" s="613"/>
      <c r="JMY644" s="613"/>
      <c r="JMZ644" s="613"/>
      <c r="JNA644" s="613"/>
      <c r="JNB644" s="613"/>
      <c r="JNC644" s="613"/>
      <c r="JND644" s="613"/>
      <c r="JNE644" s="613"/>
      <c r="JNF644" s="613"/>
      <c r="JNG644" s="613"/>
      <c r="JNH644" s="613"/>
      <c r="JNI644" s="613"/>
      <c r="JNJ644" s="613"/>
      <c r="JNK644" s="613"/>
      <c r="JNL644" s="613"/>
      <c r="JNM644" s="613"/>
      <c r="JNN644" s="613"/>
      <c r="JNO644" s="613"/>
      <c r="JNP644" s="613"/>
      <c r="JNQ644" s="613"/>
      <c r="JNR644" s="613"/>
      <c r="JNS644" s="613"/>
      <c r="JNT644" s="613"/>
      <c r="JNU644" s="613"/>
      <c r="JNV644" s="613"/>
      <c r="JNW644" s="613"/>
      <c r="JNX644" s="613"/>
      <c r="JNY644" s="613"/>
      <c r="JNZ644" s="613"/>
      <c r="JOA644" s="613"/>
      <c r="JOB644" s="613"/>
      <c r="JOC644" s="613"/>
      <c r="JOD644" s="613"/>
      <c r="JOE644" s="613"/>
      <c r="JOF644" s="613"/>
      <c r="JOG644" s="613"/>
      <c r="JOH644" s="613"/>
      <c r="JOI644" s="613"/>
      <c r="JOJ644" s="613"/>
      <c r="JOK644" s="613"/>
      <c r="JOL644" s="613"/>
      <c r="JOM644" s="613"/>
      <c r="JON644" s="613"/>
      <c r="JOO644" s="613"/>
      <c r="JOP644" s="613"/>
      <c r="JOQ644" s="613"/>
      <c r="JOR644" s="613"/>
      <c r="JOS644" s="613"/>
      <c r="JOT644" s="613"/>
      <c r="JOU644" s="613"/>
      <c r="JOV644" s="613"/>
      <c r="JOW644" s="613"/>
      <c r="JOX644" s="613"/>
      <c r="JOY644" s="613"/>
      <c r="JOZ644" s="613"/>
      <c r="JPA644" s="613"/>
      <c r="JPB644" s="613"/>
      <c r="JPC644" s="613"/>
      <c r="JPD644" s="613"/>
      <c r="JPE644" s="613"/>
      <c r="JPF644" s="613"/>
      <c r="JPG644" s="613"/>
      <c r="JPH644" s="613"/>
      <c r="JPI644" s="613"/>
      <c r="JPJ644" s="613"/>
      <c r="JPK644" s="613"/>
      <c r="JPL644" s="613"/>
      <c r="JPM644" s="613"/>
      <c r="JPN644" s="613"/>
      <c r="JPO644" s="613"/>
      <c r="JPP644" s="613"/>
      <c r="JPQ644" s="613"/>
      <c r="JPR644" s="613"/>
      <c r="JPS644" s="613"/>
      <c r="JPT644" s="613"/>
      <c r="JPU644" s="613"/>
      <c r="JPV644" s="613"/>
      <c r="JPW644" s="613"/>
      <c r="JPX644" s="613"/>
      <c r="JPY644" s="613"/>
      <c r="JPZ644" s="613"/>
      <c r="JQA644" s="613"/>
      <c r="JQB644" s="613"/>
      <c r="JQC644" s="613"/>
      <c r="JQD644" s="613"/>
      <c r="JQE644" s="613"/>
      <c r="JQF644" s="613"/>
      <c r="JQG644" s="613"/>
      <c r="JQH644" s="613"/>
      <c r="JQI644" s="613"/>
      <c r="JQJ644" s="613"/>
      <c r="JQK644" s="613"/>
      <c r="JQL644" s="613"/>
      <c r="JQM644" s="613"/>
      <c r="JQN644" s="613"/>
      <c r="JQO644" s="613"/>
      <c r="JQP644" s="613"/>
      <c r="JQQ644" s="613"/>
      <c r="JQR644" s="613"/>
      <c r="JQS644" s="613"/>
      <c r="JQT644" s="613"/>
      <c r="JQU644" s="613"/>
      <c r="JQV644" s="613"/>
      <c r="JQW644" s="613"/>
      <c r="JQX644" s="613"/>
      <c r="JQY644" s="613"/>
      <c r="JQZ644" s="613"/>
      <c r="JRA644" s="613"/>
      <c r="JRB644" s="613"/>
      <c r="JRC644" s="613"/>
      <c r="JRD644" s="613"/>
      <c r="JRE644" s="613"/>
      <c r="JRF644" s="613"/>
      <c r="JRG644" s="613"/>
      <c r="JRH644" s="613"/>
      <c r="JRI644" s="613"/>
      <c r="JRJ644" s="613"/>
      <c r="JRK644" s="613"/>
      <c r="JRL644" s="613"/>
      <c r="JRM644" s="613"/>
      <c r="JRN644" s="613"/>
      <c r="JRO644" s="613"/>
      <c r="JRP644" s="613"/>
      <c r="JRQ644" s="613"/>
      <c r="JRR644" s="613"/>
      <c r="JRS644" s="613"/>
      <c r="JRT644" s="613"/>
      <c r="JRU644" s="613"/>
      <c r="JRV644" s="613"/>
      <c r="JRW644" s="613"/>
      <c r="JRX644" s="613"/>
      <c r="JRY644" s="613"/>
      <c r="JRZ644" s="613"/>
      <c r="JSA644" s="613"/>
      <c r="JSB644" s="613"/>
      <c r="JSC644" s="613"/>
      <c r="JSD644" s="613"/>
      <c r="JSE644" s="613"/>
      <c r="JSF644" s="613"/>
      <c r="JSG644" s="613"/>
      <c r="JSH644" s="613"/>
      <c r="JSI644" s="613"/>
      <c r="JSJ644" s="613"/>
      <c r="JSK644" s="613"/>
      <c r="JSL644" s="613"/>
      <c r="JSM644" s="613"/>
      <c r="JSN644" s="613"/>
      <c r="JSO644" s="613"/>
      <c r="JSP644" s="613"/>
      <c r="JSQ644" s="613"/>
      <c r="JSR644" s="613"/>
      <c r="JSS644" s="613"/>
      <c r="JST644" s="613"/>
      <c r="JSU644" s="613"/>
      <c r="JSV644" s="613"/>
      <c r="JSW644" s="613"/>
      <c r="JSX644" s="613"/>
      <c r="JSY644" s="613"/>
      <c r="JSZ644" s="613"/>
      <c r="JTA644" s="613"/>
      <c r="JTB644" s="613"/>
      <c r="JTC644" s="613"/>
      <c r="JTD644" s="613"/>
      <c r="JTE644" s="613"/>
      <c r="JTF644" s="613"/>
      <c r="JTG644" s="613"/>
      <c r="JTH644" s="613"/>
      <c r="JTI644" s="613"/>
      <c r="JTJ644" s="613"/>
      <c r="JTK644" s="613"/>
      <c r="JTL644" s="613"/>
      <c r="JTM644" s="613"/>
      <c r="JTN644" s="613"/>
      <c r="JTO644" s="613"/>
      <c r="JTP644" s="613"/>
      <c r="JTQ644" s="613"/>
      <c r="JTR644" s="613"/>
      <c r="JTS644" s="613"/>
      <c r="JTT644" s="613"/>
      <c r="JTU644" s="613"/>
      <c r="JTV644" s="613"/>
      <c r="JTW644" s="613"/>
      <c r="JTX644" s="613"/>
      <c r="JTY644" s="613"/>
      <c r="JTZ644" s="613"/>
      <c r="JUA644" s="613"/>
      <c r="JUB644" s="613"/>
      <c r="JUC644" s="613"/>
      <c r="JUD644" s="613"/>
      <c r="JUE644" s="613"/>
      <c r="JUF644" s="613"/>
      <c r="JUG644" s="613"/>
      <c r="JUH644" s="613"/>
      <c r="JUI644" s="613"/>
      <c r="JUJ644" s="613"/>
      <c r="JUK644" s="613"/>
      <c r="JUL644" s="613"/>
      <c r="JUM644" s="613"/>
      <c r="JUN644" s="613"/>
      <c r="JUO644" s="613"/>
      <c r="JUP644" s="613"/>
      <c r="JUQ644" s="613"/>
      <c r="JUR644" s="613"/>
      <c r="JUS644" s="613"/>
      <c r="JUT644" s="613"/>
      <c r="JUU644" s="613"/>
      <c r="JUV644" s="613"/>
      <c r="JUW644" s="613"/>
      <c r="JUX644" s="613"/>
      <c r="JUY644" s="613"/>
      <c r="JUZ644" s="613"/>
      <c r="JVA644" s="613"/>
      <c r="JVB644" s="613"/>
      <c r="JVC644" s="613"/>
      <c r="JVD644" s="613"/>
      <c r="JVE644" s="613"/>
      <c r="JVF644" s="613"/>
      <c r="JVG644" s="613"/>
      <c r="JVH644" s="613"/>
      <c r="JVI644" s="613"/>
      <c r="JVJ644" s="613"/>
      <c r="JVK644" s="613"/>
      <c r="JVL644" s="613"/>
      <c r="JVM644" s="613"/>
      <c r="JVN644" s="613"/>
      <c r="JVO644" s="613"/>
      <c r="JVP644" s="613"/>
      <c r="JVQ644" s="613"/>
      <c r="JVR644" s="613"/>
      <c r="JVS644" s="613"/>
      <c r="JVT644" s="613"/>
      <c r="JVU644" s="613"/>
      <c r="JVV644" s="613"/>
      <c r="JVW644" s="613"/>
      <c r="JVX644" s="613"/>
      <c r="JVY644" s="613"/>
      <c r="JVZ644" s="613"/>
      <c r="JWA644" s="613"/>
      <c r="JWB644" s="613"/>
      <c r="JWC644" s="613"/>
      <c r="JWD644" s="613"/>
      <c r="JWE644" s="613"/>
      <c r="JWF644" s="613"/>
      <c r="JWG644" s="613"/>
      <c r="JWH644" s="613"/>
      <c r="JWI644" s="613"/>
      <c r="JWJ644" s="613"/>
      <c r="JWK644" s="613"/>
      <c r="JWL644" s="613"/>
      <c r="JWM644" s="613"/>
      <c r="JWN644" s="613"/>
      <c r="JWO644" s="613"/>
      <c r="JWP644" s="613"/>
      <c r="JWQ644" s="613"/>
      <c r="JWR644" s="613"/>
      <c r="JWS644" s="613"/>
      <c r="JWT644" s="613"/>
      <c r="JWU644" s="613"/>
      <c r="JWV644" s="613"/>
      <c r="JWW644" s="613"/>
      <c r="JWX644" s="613"/>
      <c r="JWY644" s="613"/>
      <c r="JWZ644" s="613"/>
      <c r="JXA644" s="613"/>
      <c r="JXB644" s="613"/>
      <c r="JXC644" s="613"/>
      <c r="JXD644" s="613"/>
      <c r="JXE644" s="613"/>
      <c r="JXF644" s="613"/>
      <c r="JXG644" s="613"/>
      <c r="JXH644" s="613"/>
      <c r="JXI644" s="613"/>
      <c r="JXJ644" s="613"/>
      <c r="JXK644" s="613"/>
      <c r="JXL644" s="613"/>
      <c r="JXM644" s="613"/>
      <c r="JXN644" s="613"/>
      <c r="JXO644" s="613"/>
      <c r="JXP644" s="613"/>
      <c r="JXQ644" s="613"/>
      <c r="JXR644" s="613"/>
      <c r="JXS644" s="613"/>
      <c r="JXT644" s="613"/>
      <c r="JXU644" s="613"/>
      <c r="JXV644" s="613"/>
      <c r="JXW644" s="613"/>
      <c r="JXX644" s="613"/>
      <c r="JXY644" s="613"/>
      <c r="JXZ644" s="613"/>
      <c r="JYA644" s="613"/>
      <c r="JYB644" s="613"/>
      <c r="JYC644" s="613"/>
      <c r="JYD644" s="613"/>
      <c r="JYE644" s="613"/>
      <c r="JYF644" s="613"/>
      <c r="JYG644" s="613"/>
      <c r="JYH644" s="613"/>
      <c r="JYI644" s="613"/>
      <c r="JYJ644" s="613"/>
      <c r="JYK644" s="613"/>
      <c r="JYL644" s="613"/>
      <c r="JYM644" s="613"/>
      <c r="JYN644" s="613"/>
      <c r="JYO644" s="613"/>
      <c r="JYP644" s="613"/>
      <c r="JYQ644" s="613"/>
      <c r="JYR644" s="613"/>
      <c r="JYS644" s="613"/>
      <c r="JYT644" s="613"/>
      <c r="JYU644" s="613"/>
      <c r="JYV644" s="613"/>
      <c r="JYW644" s="613"/>
      <c r="JYX644" s="613"/>
      <c r="JYY644" s="613"/>
      <c r="JYZ644" s="613"/>
      <c r="JZA644" s="613"/>
      <c r="JZB644" s="613"/>
      <c r="JZC644" s="613"/>
      <c r="JZD644" s="613"/>
      <c r="JZE644" s="613"/>
      <c r="JZF644" s="613"/>
      <c r="JZG644" s="613"/>
      <c r="JZH644" s="613"/>
      <c r="JZI644" s="613"/>
      <c r="JZJ644" s="613"/>
      <c r="JZK644" s="613"/>
      <c r="JZL644" s="613"/>
      <c r="JZM644" s="613"/>
      <c r="JZN644" s="613"/>
      <c r="JZO644" s="613"/>
      <c r="JZP644" s="613"/>
      <c r="JZQ644" s="613"/>
      <c r="JZR644" s="613"/>
      <c r="JZS644" s="613"/>
      <c r="JZT644" s="613"/>
      <c r="JZU644" s="613"/>
      <c r="JZV644" s="613"/>
      <c r="JZW644" s="613"/>
      <c r="JZX644" s="613"/>
      <c r="JZY644" s="613"/>
      <c r="JZZ644" s="613"/>
      <c r="KAA644" s="613"/>
      <c r="KAB644" s="613"/>
      <c r="KAC644" s="613"/>
      <c r="KAD644" s="613"/>
      <c r="KAE644" s="613"/>
      <c r="KAF644" s="613"/>
      <c r="KAG644" s="613"/>
      <c r="KAH644" s="613"/>
      <c r="KAI644" s="613"/>
      <c r="KAJ644" s="613"/>
      <c r="KAK644" s="613"/>
      <c r="KAL644" s="613"/>
      <c r="KAM644" s="613"/>
      <c r="KAN644" s="613"/>
      <c r="KAO644" s="613"/>
      <c r="KAP644" s="613"/>
      <c r="KAQ644" s="613"/>
      <c r="KAR644" s="613"/>
      <c r="KAS644" s="613"/>
      <c r="KAT644" s="613"/>
      <c r="KAU644" s="613"/>
      <c r="KAV644" s="613"/>
      <c r="KAW644" s="613"/>
      <c r="KAX644" s="613"/>
      <c r="KAY644" s="613"/>
      <c r="KAZ644" s="613"/>
      <c r="KBA644" s="613"/>
      <c r="KBB644" s="613"/>
      <c r="KBC644" s="613"/>
      <c r="KBD644" s="613"/>
      <c r="KBE644" s="613"/>
      <c r="KBF644" s="613"/>
      <c r="KBG644" s="613"/>
      <c r="KBH644" s="613"/>
      <c r="KBI644" s="613"/>
      <c r="KBJ644" s="613"/>
      <c r="KBK644" s="613"/>
      <c r="KBL644" s="613"/>
      <c r="KBM644" s="613"/>
      <c r="KBN644" s="613"/>
      <c r="KBO644" s="613"/>
      <c r="KBP644" s="613"/>
      <c r="KBQ644" s="613"/>
      <c r="KBR644" s="613"/>
      <c r="KBS644" s="613"/>
      <c r="KBT644" s="613"/>
      <c r="KBU644" s="613"/>
      <c r="KBV644" s="613"/>
      <c r="KBW644" s="613"/>
      <c r="KBX644" s="613"/>
      <c r="KBY644" s="613"/>
      <c r="KBZ644" s="613"/>
      <c r="KCA644" s="613"/>
      <c r="KCB644" s="613"/>
      <c r="KCC644" s="613"/>
      <c r="KCD644" s="613"/>
      <c r="KCE644" s="613"/>
      <c r="KCF644" s="613"/>
      <c r="KCG644" s="613"/>
      <c r="KCH644" s="613"/>
      <c r="KCI644" s="613"/>
      <c r="KCJ644" s="613"/>
      <c r="KCK644" s="613"/>
      <c r="KCL644" s="613"/>
      <c r="KCM644" s="613"/>
      <c r="KCN644" s="613"/>
      <c r="KCO644" s="613"/>
      <c r="KCP644" s="613"/>
      <c r="KCQ644" s="613"/>
      <c r="KCR644" s="613"/>
      <c r="KCS644" s="613"/>
      <c r="KCT644" s="613"/>
      <c r="KCU644" s="613"/>
      <c r="KCV644" s="613"/>
      <c r="KCW644" s="613"/>
      <c r="KCX644" s="613"/>
      <c r="KCY644" s="613"/>
      <c r="KCZ644" s="613"/>
      <c r="KDA644" s="613"/>
      <c r="KDB644" s="613"/>
      <c r="KDC644" s="613"/>
      <c r="KDD644" s="613"/>
      <c r="KDE644" s="613"/>
      <c r="KDF644" s="613"/>
      <c r="KDG644" s="613"/>
      <c r="KDH644" s="613"/>
      <c r="KDI644" s="613"/>
      <c r="KDJ644" s="613"/>
      <c r="KDK644" s="613"/>
      <c r="KDL644" s="613"/>
      <c r="KDM644" s="613"/>
      <c r="KDN644" s="613"/>
      <c r="KDO644" s="613"/>
      <c r="KDP644" s="613"/>
      <c r="KDQ644" s="613"/>
      <c r="KDR644" s="613"/>
      <c r="KDS644" s="613"/>
      <c r="KDT644" s="613"/>
      <c r="KDU644" s="613"/>
      <c r="KDV644" s="613"/>
      <c r="KDW644" s="613"/>
      <c r="KDX644" s="613"/>
      <c r="KDY644" s="613"/>
      <c r="KDZ644" s="613"/>
      <c r="KEA644" s="613"/>
      <c r="KEB644" s="613"/>
      <c r="KEC644" s="613"/>
      <c r="KED644" s="613"/>
      <c r="KEE644" s="613"/>
      <c r="KEF644" s="613"/>
      <c r="KEG644" s="613"/>
      <c r="KEH644" s="613"/>
      <c r="KEI644" s="613"/>
      <c r="KEJ644" s="613"/>
      <c r="KEK644" s="613"/>
      <c r="KEL644" s="613"/>
      <c r="KEM644" s="613"/>
      <c r="KEN644" s="613"/>
      <c r="KEO644" s="613"/>
      <c r="KEP644" s="613"/>
      <c r="KEQ644" s="613"/>
      <c r="KER644" s="613"/>
      <c r="KES644" s="613"/>
      <c r="KET644" s="613"/>
      <c r="KEU644" s="613"/>
      <c r="KEV644" s="613"/>
      <c r="KEW644" s="613"/>
      <c r="KEX644" s="613"/>
      <c r="KEY644" s="613"/>
      <c r="KEZ644" s="613"/>
      <c r="KFA644" s="613"/>
      <c r="KFB644" s="613"/>
      <c r="KFC644" s="613"/>
      <c r="KFD644" s="613"/>
      <c r="KFE644" s="613"/>
      <c r="KFF644" s="613"/>
      <c r="KFG644" s="613"/>
      <c r="KFH644" s="613"/>
      <c r="KFI644" s="613"/>
      <c r="KFJ644" s="613"/>
      <c r="KFK644" s="613"/>
      <c r="KFL644" s="613"/>
      <c r="KFM644" s="613"/>
      <c r="KFN644" s="613"/>
      <c r="KFO644" s="613"/>
      <c r="KFP644" s="613"/>
      <c r="KFQ644" s="613"/>
      <c r="KFR644" s="613"/>
      <c r="KFS644" s="613"/>
      <c r="KFT644" s="613"/>
      <c r="KFU644" s="613"/>
      <c r="KFV644" s="613"/>
      <c r="KFW644" s="613"/>
      <c r="KFX644" s="613"/>
      <c r="KFY644" s="613"/>
      <c r="KFZ644" s="613"/>
      <c r="KGA644" s="613"/>
      <c r="KGB644" s="613"/>
      <c r="KGC644" s="613"/>
      <c r="KGD644" s="613"/>
      <c r="KGE644" s="613"/>
      <c r="KGF644" s="613"/>
      <c r="KGG644" s="613"/>
      <c r="KGH644" s="613"/>
      <c r="KGI644" s="613"/>
      <c r="KGJ644" s="613"/>
      <c r="KGK644" s="613"/>
      <c r="KGL644" s="613"/>
      <c r="KGM644" s="613"/>
      <c r="KGN644" s="613"/>
      <c r="KGO644" s="613"/>
      <c r="KGP644" s="613"/>
      <c r="KGQ644" s="613"/>
      <c r="KGR644" s="613"/>
      <c r="KGS644" s="613"/>
      <c r="KGT644" s="613"/>
      <c r="KGU644" s="613"/>
      <c r="KGV644" s="613"/>
      <c r="KGW644" s="613"/>
      <c r="KGX644" s="613"/>
      <c r="KGY644" s="613"/>
      <c r="KGZ644" s="613"/>
      <c r="KHA644" s="613"/>
      <c r="KHB644" s="613"/>
      <c r="KHC644" s="613"/>
      <c r="KHD644" s="613"/>
      <c r="KHE644" s="613"/>
      <c r="KHF644" s="613"/>
      <c r="KHG644" s="613"/>
      <c r="KHH644" s="613"/>
      <c r="KHI644" s="613"/>
      <c r="KHJ644" s="613"/>
      <c r="KHK644" s="613"/>
      <c r="KHL644" s="613"/>
      <c r="KHM644" s="613"/>
      <c r="KHN644" s="613"/>
      <c r="KHO644" s="613"/>
      <c r="KHP644" s="613"/>
      <c r="KHQ644" s="613"/>
      <c r="KHR644" s="613"/>
      <c r="KHS644" s="613"/>
      <c r="KHT644" s="613"/>
      <c r="KHU644" s="613"/>
      <c r="KHV644" s="613"/>
      <c r="KHW644" s="613"/>
      <c r="KHX644" s="613"/>
      <c r="KHY644" s="613"/>
      <c r="KHZ644" s="613"/>
      <c r="KIA644" s="613"/>
      <c r="KIB644" s="613"/>
      <c r="KIC644" s="613"/>
      <c r="KID644" s="613"/>
      <c r="KIE644" s="613"/>
      <c r="KIF644" s="613"/>
      <c r="KIG644" s="613"/>
      <c r="KIH644" s="613"/>
      <c r="KII644" s="613"/>
      <c r="KIJ644" s="613"/>
      <c r="KIK644" s="613"/>
      <c r="KIL644" s="613"/>
      <c r="KIM644" s="613"/>
      <c r="KIN644" s="613"/>
      <c r="KIO644" s="613"/>
      <c r="KIP644" s="613"/>
      <c r="KIQ644" s="613"/>
      <c r="KIR644" s="613"/>
      <c r="KIS644" s="613"/>
      <c r="KIT644" s="613"/>
      <c r="KIU644" s="613"/>
      <c r="KIV644" s="613"/>
      <c r="KIW644" s="613"/>
      <c r="KIX644" s="613"/>
      <c r="KIY644" s="613"/>
      <c r="KIZ644" s="613"/>
      <c r="KJA644" s="613"/>
      <c r="KJB644" s="613"/>
      <c r="KJC644" s="613"/>
      <c r="KJD644" s="613"/>
      <c r="KJE644" s="613"/>
      <c r="KJF644" s="613"/>
      <c r="KJG644" s="613"/>
      <c r="KJH644" s="613"/>
      <c r="KJI644" s="613"/>
      <c r="KJJ644" s="613"/>
      <c r="KJK644" s="613"/>
      <c r="KJL644" s="613"/>
      <c r="KJM644" s="613"/>
      <c r="KJN644" s="613"/>
      <c r="KJO644" s="613"/>
      <c r="KJP644" s="613"/>
      <c r="KJQ644" s="613"/>
      <c r="KJR644" s="613"/>
      <c r="KJS644" s="613"/>
      <c r="KJT644" s="613"/>
      <c r="KJU644" s="613"/>
      <c r="KJV644" s="613"/>
      <c r="KJW644" s="613"/>
      <c r="KJX644" s="613"/>
      <c r="KJY644" s="613"/>
      <c r="KJZ644" s="613"/>
      <c r="KKA644" s="613"/>
      <c r="KKB644" s="613"/>
      <c r="KKC644" s="613"/>
      <c r="KKD644" s="613"/>
      <c r="KKE644" s="613"/>
      <c r="KKF644" s="613"/>
      <c r="KKG644" s="613"/>
      <c r="KKH644" s="613"/>
      <c r="KKI644" s="613"/>
      <c r="KKJ644" s="613"/>
      <c r="KKK644" s="613"/>
      <c r="KKL644" s="613"/>
      <c r="KKM644" s="613"/>
      <c r="KKN644" s="613"/>
      <c r="KKO644" s="613"/>
      <c r="KKP644" s="613"/>
      <c r="KKQ644" s="613"/>
      <c r="KKR644" s="613"/>
      <c r="KKS644" s="613"/>
      <c r="KKT644" s="613"/>
      <c r="KKU644" s="613"/>
      <c r="KKV644" s="613"/>
      <c r="KKW644" s="613"/>
      <c r="KKX644" s="613"/>
      <c r="KKY644" s="613"/>
      <c r="KKZ644" s="613"/>
      <c r="KLA644" s="613"/>
      <c r="KLB644" s="613"/>
      <c r="KLC644" s="613"/>
      <c r="KLD644" s="613"/>
      <c r="KLE644" s="613"/>
      <c r="KLF644" s="613"/>
      <c r="KLG644" s="613"/>
      <c r="KLH644" s="613"/>
      <c r="KLI644" s="613"/>
      <c r="KLJ644" s="613"/>
      <c r="KLK644" s="613"/>
      <c r="KLL644" s="613"/>
      <c r="KLM644" s="613"/>
      <c r="KLN644" s="613"/>
      <c r="KLO644" s="613"/>
      <c r="KLP644" s="613"/>
      <c r="KLQ644" s="613"/>
      <c r="KLR644" s="613"/>
      <c r="KLS644" s="613"/>
      <c r="KLT644" s="613"/>
      <c r="KLU644" s="613"/>
      <c r="KLV644" s="613"/>
      <c r="KLW644" s="613"/>
      <c r="KLX644" s="613"/>
      <c r="KLY644" s="613"/>
      <c r="KLZ644" s="613"/>
      <c r="KMA644" s="613"/>
      <c r="KMB644" s="613"/>
      <c r="KMC644" s="613"/>
      <c r="KMD644" s="613"/>
      <c r="KME644" s="613"/>
      <c r="KMF644" s="613"/>
      <c r="KMG644" s="613"/>
      <c r="KMH644" s="613"/>
      <c r="KMI644" s="613"/>
      <c r="KMJ644" s="613"/>
      <c r="KMK644" s="613"/>
      <c r="KML644" s="613"/>
      <c r="KMM644" s="613"/>
      <c r="KMN644" s="613"/>
      <c r="KMO644" s="613"/>
      <c r="KMP644" s="613"/>
      <c r="KMQ644" s="613"/>
      <c r="KMR644" s="613"/>
      <c r="KMS644" s="613"/>
      <c r="KMT644" s="613"/>
      <c r="KMU644" s="613"/>
      <c r="KMV644" s="613"/>
      <c r="KMW644" s="613"/>
      <c r="KMX644" s="613"/>
      <c r="KMY644" s="613"/>
      <c r="KMZ644" s="613"/>
      <c r="KNA644" s="613"/>
      <c r="KNB644" s="613"/>
      <c r="KNC644" s="613"/>
      <c r="KND644" s="613"/>
      <c r="KNE644" s="613"/>
      <c r="KNF644" s="613"/>
      <c r="KNG644" s="613"/>
      <c r="KNH644" s="613"/>
      <c r="KNI644" s="613"/>
      <c r="KNJ644" s="613"/>
      <c r="KNK644" s="613"/>
      <c r="KNL644" s="613"/>
      <c r="KNM644" s="613"/>
      <c r="KNN644" s="613"/>
      <c r="KNO644" s="613"/>
      <c r="KNP644" s="613"/>
      <c r="KNQ644" s="613"/>
      <c r="KNR644" s="613"/>
      <c r="KNS644" s="613"/>
      <c r="KNT644" s="613"/>
      <c r="KNU644" s="613"/>
      <c r="KNV644" s="613"/>
      <c r="KNW644" s="613"/>
      <c r="KNX644" s="613"/>
      <c r="KNY644" s="613"/>
      <c r="KNZ644" s="613"/>
      <c r="KOA644" s="613"/>
      <c r="KOB644" s="613"/>
      <c r="KOC644" s="613"/>
      <c r="KOD644" s="613"/>
      <c r="KOE644" s="613"/>
      <c r="KOF644" s="613"/>
      <c r="KOG644" s="613"/>
      <c r="KOH644" s="613"/>
      <c r="KOI644" s="613"/>
      <c r="KOJ644" s="613"/>
      <c r="KOK644" s="613"/>
      <c r="KOL644" s="613"/>
      <c r="KOM644" s="613"/>
      <c r="KON644" s="613"/>
      <c r="KOO644" s="613"/>
      <c r="KOP644" s="613"/>
      <c r="KOQ644" s="613"/>
      <c r="KOR644" s="613"/>
      <c r="KOS644" s="613"/>
      <c r="KOT644" s="613"/>
      <c r="KOU644" s="613"/>
      <c r="KOV644" s="613"/>
      <c r="KOW644" s="613"/>
      <c r="KOX644" s="613"/>
      <c r="KOY644" s="613"/>
      <c r="KOZ644" s="613"/>
      <c r="KPA644" s="613"/>
      <c r="KPB644" s="613"/>
      <c r="KPC644" s="613"/>
      <c r="KPD644" s="613"/>
      <c r="KPE644" s="613"/>
      <c r="KPF644" s="613"/>
      <c r="KPG644" s="613"/>
      <c r="KPH644" s="613"/>
      <c r="KPI644" s="613"/>
      <c r="KPJ644" s="613"/>
      <c r="KPK644" s="613"/>
      <c r="KPL644" s="613"/>
      <c r="KPM644" s="613"/>
      <c r="KPN644" s="613"/>
      <c r="KPO644" s="613"/>
      <c r="KPP644" s="613"/>
      <c r="KPQ644" s="613"/>
      <c r="KPR644" s="613"/>
      <c r="KPS644" s="613"/>
      <c r="KPT644" s="613"/>
      <c r="KPU644" s="613"/>
      <c r="KPV644" s="613"/>
      <c r="KPW644" s="613"/>
      <c r="KPX644" s="613"/>
      <c r="KPY644" s="613"/>
      <c r="KPZ644" s="613"/>
      <c r="KQA644" s="613"/>
      <c r="KQB644" s="613"/>
      <c r="KQC644" s="613"/>
      <c r="KQD644" s="613"/>
      <c r="KQE644" s="613"/>
      <c r="KQF644" s="613"/>
      <c r="KQG644" s="613"/>
      <c r="KQH644" s="613"/>
      <c r="KQI644" s="613"/>
      <c r="KQJ644" s="613"/>
      <c r="KQK644" s="613"/>
      <c r="KQL644" s="613"/>
      <c r="KQM644" s="613"/>
      <c r="KQN644" s="613"/>
      <c r="KQO644" s="613"/>
      <c r="KQP644" s="613"/>
      <c r="KQQ644" s="613"/>
      <c r="KQR644" s="613"/>
      <c r="KQS644" s="613"/>
      <c r="KQT644" s="613"/>
      <c r="KQU644" s="613"/>
      <c r="KQV644" s="613"/>
      <c r="KQW644" s="613"/>
      <c r="KQX644" s="613"/>
      <c r="KQY644" s="613"/>
      <c r="KQZ644" s="613"/>
      <c r="KRA644" s="613"/>
      <c r="KRB644" s="613"/>
      <c r="KRC644" s="613"/>
      <c r="KRD644" s="613"/>
      <c r="KRE644" s="613"/>
      <c r="KRF644" s="613"/>
      <c r="KRG644" s="613"/>
      <c r="KRH644" s="613"/>
      <c r="KRI644" s="613"/>
      <c r="KRJ644" s="613"/>
      <c r="KRK644" s="613"/>
      <c r="KRL644" s="613"/>
      <c r="KRM644" s="613"/>
      <c r="KRN644" s="613"/>
      <c r="KRO644" s="613"/>
      <c r="KRP644" s="613"/>
      <c r="KRQ644" s="613"/>
      <c r="KRR644" s="613"/>
      <c r="KRS644" s="613"/>
      <c r="KRT644" s="613"/>
      <c r="KRU644" s="613"/>
      <c r="KRV644" s="613"/>
      <c r="KRW644" s="613"/>
      <c r="KRX644" s="613"/>
      <c r="KRY644" s="613"/>
      <c r="KRZ644" s="613"/>
      <c r="KSA644" s="613"/>
      <c r="KSB644" s="613"/>
      <c r="KSC644" s="613"/>
      <c r="KSD644" s="613"/>
      <c r="KSE644" s="613"/>
      <c r="KSF644" s="613"/>
      <c r="KSG644" s="613"/>
      <c r="KSH644" s="613"/>
      <c r="KSI644" s="613"/>
      <c r="KSJ644" s="613"/>
      <c r="KSK644" s="613"/>
      <c r="KSL644" s="613"/>
      <c r="KSM644" s="613"/>
      <c r="KSN644" s="613"/>
      <c r="KSO644" s="613"/>
      <c r="KSP644" s="613"/>
      <c r="KSQ644" s="613"/>
      <c r="KSR644" s="613"/>
      <c r="KSS644" s="613"/>
      <c r="KST644" s="613"/>
      <c r="KSU644" s="613"/>
      <c r="KSV644" s="613"/>
      <c r="KSW644" s="613"/>
      <c r="KSX644" s="613"/>
      <c r="KSY644" s="613"/>
      <c r="KSZ644" s="613"/>
      <c r="KTA644" s="613"/>
      <c r="KTB644" s="613"/>
      <c r="KTC644" s="613"/>
      <c r="KTD644" s="613"/>
      <c r="KTE644" s="613"/>
      <c r="KTF644" s="613"/>
      <c r="KTG644" s="613"/>
      <c r="KTH644" s="613"/>
      <c r="KTI644" s="613"/>
      <c r="KTJ644" s="613"/>
      <c r="KTK644" s="613"/>
      <c r="KTL644" s="613"/>
      <c r="KTM644" s="613"/>
      <c r="KTN644" s="613"/>
      <c r="KTO644" s="613"/>
      <c r="KTP644" s="613"/>
      <c r="KTQ644" s="613"/>
      <c r="KTR644" s="613"/>
      <c r="KTS644" s="613"/>
      <c r="KTT644" s="613"/>
      <c r="KTU644" s="613"/>
      <c r="KTV644" s="613"/>
      <c r="KTW644" s="613"/>
      <c r="KTX644" s="613"/>
      <c r="KTY644" s="613"/>
      <c r="KTZ644" s="613"/>
      <c r="KUA644" s="613"/>
      <c r="KUB644" s="613"/>
      <c r="KUC644" s="613"/>
      <c r="KUD644" s="613"/>
      <c r="KUE644" s="613"/>
      <c r="KUF644" s="613"/>
      <c r="KUG644" s="613"/>
      <c r="KUH644" s="613"/>
      <c r="KUI644" s="613"/>
      <c r="KUJ644" s="613"/>
      <c r="KUK644" s="613"/>
      <c r="KUL644" s="613"/>
      <c r="KUM644" s="613"/>
      <c r="KUN644" s="613"/>
      <c r="KUO644" s="613"/>
      <c r="KUP644" s="613"/>
      <c r="KUQ644" s="613"/>
      <c r="KUR644" s="613"/>
      <c r="KUS644" s="613"/>
      <c r="KUT644" s="613"/>
      <c r="KUU644" s="613"/>
      <c r="KUV644" s="613"/>
      <c r="KUW644" s="613"/>
      <c r="KUX644" s="613"/>
      <c r="KUY644" s="613"/>
      <c r="KUZ644" s="613"/>
      <c r="KVA644" s="613"/>
      <c r="KVB644" s="613"/>
      <c r="KVC644" s="613"/>
      <c r="KVD644" s="613"/>
      <c r="KVE644" s="613"/>
      <c r="KVF644" s="613"/>
      <c r="KVG644" s="613"/>
      <c r="KVH644" s="613"/>
      <c r="KVI644" s="613"/>
      <c r="KVJ644" s="613"/>
      <c r="KVK644" s="613"/>
      <c r="KVL644" s="613"/>
      <c r="KVM644" s="613"/>
      <c r="KVN644" s="613"/>
      <c r="KVO644" s="613"/>
      <c r="KVP644" s="613"/>
      <c r="KVQ644" s="613"/>
      <c r="KVR644" s="613"/>
      <c r="KVS644" s="613"/>
      <c r="KVT644" s="613"/>
      <c r="KVU644" s="613"/>
      <c r="KVV644" s="613"/>
      <c r="KVW644" s="613"/>
      <c r="KVX644" s="613"/>
      <c r="KVY644" s="613"/>
      <c r="KVZ644" s="613"/>
      <c r="KWA644" s="613"/>
      <c r="KWB644" s="613"/>
      <c r="KWC644" s="613"/>
      <c r="KWD644" s="613"/>
      <c r="KWE644" s="613"/>
      <c r="KWF644" s="613"/>
      <c r="KWG644" s="613"/>
      <c r="KWH644" s="613"/>
      <c r="KWI644" s="613"/>
      <c r="KWJ644" s="613"/>
      <c r="KWK644" s="613"/>
      <c r="KWL644" s="613"/>
      <c r="KWM644" s="613"/>
      <c r="KWN644" s="613"/>
      <c r="KWO644" s="613"/>
      <c r="KWP644" s="613"/>
      <c r="KWQ644" s="613"/>
      <c r="KWR644" s="613"/>
      <c r="KWS644" s="613"/>
      <c r="KWT644" s="613"/>
      <c r="KWU644" s="613"/>
      <c r="KWV644" s="613"/>
      <c r="KWW644" s="613"/>
      <c r="KWX644" s="613"/>
      <c r="KWY644" s="613"/>
      <c r="KWZ644" s="613"/>
      <c r="KXA644" s="613"/>
      <c r="KXB644" s="613"/>
      <c r="KXC644" s="613"/>
      <c r="KXD644" s="613"/>
      <c r="KXE644" s="613"/>
      <c r="KXF644" s="613"/>
      <c r="KXG644" s="613"/>
      <c r="KXH644" s="613"/>
      <c r="KXI644" s="613"/>
      <c r="KXJ644" s="613"/>
      <c r="KXK644" s="613"/>
      <c r="KXL644" s="613"/>
      <c r="KXM644" s="613"/>
      <c r="KXN644" s="613"/>
      <c r="KXO644" s="613"/>
      <c r="KXP644" s="613"/>
      <c r="KXQ644" s="613"/>
      <c r="KXR644" s="613"/>
      <c r="KXS644" s="613"/>
      <c r="KXT644" s="613"/>
      <c r="KXU644" s="613"/>
      <c r="KXV644" s="613"/>
      <c r="KXW644" s="613"/>
      <c r="KXX644" s="613"/>
      <c r="KXY644" s="613"/>
      <c r="KXZ644" s="613"/>
      <c r="KYA644" s="613"/>
      <c r="KYB644" s="613"/>
      <c r="KYC644" s="613"/>
      <c r="KYD644" s="613"/>
      <c r="KYE644" s="613"/>
      <c r="KYF644" s="613"/>
      <c r="KYG644" s="613"/>
      <c r="KYH644" s="613"/>
      <c r="KYI644" s="613"/>
      <c r="KYJ644" s="613"/>
      <c r="KYK644" s="613"/>
      <c r="KYL644" s="613"/>
      <c r="KYM644" s="613"/>
      <c r="KYN644" s="613"/>
      <c r="KYO644" s="613"/>
      <c r="KYP644" s="613"/>
      <c r="KYQ644" s="613"/>
      <c r="KYR644" s="613"/>
      <c r="KYS644" s="613"/>
      <c r="KYT644" s="613"/>
      <c r="KYU644" s="613"/>
      <c r="KYV644" s="613"/>
      <c r="KYW644" s="613"/>
      <c r="KYX644" s="613"/>
      <c r="KYY644" s="613"/>
      <c r="KYZ644" s="613"/>
      <c r="KZA644" s="613"/>
      <c r="KZB644" s="613"/>
      <c r="KZC644" s="613"/>
      <c r="KZD644" s="613"/>
      <c r="KZE644" s="613"/>
      <c r="KZF644" s="613"/>
      <c r="KZG644" s="613"/>
      <c r="KZH644" s="613"/>
      <c r="KZI644" s="613"/>
      <c r="KZJ644" s="613"/>
      <c r="KZK644" s="613"/>
      <c r="KZL644" s="613"/>
      <c r="KZM644" s="613"/>
      <c r="KZN644" s="613"/>
      <c r="KZO644" s="613"/>
      <c r="KZP644" s="613"/>
      <c r="KZQ644" s="613"/>
      <c r="KZR644" s="613"/>
      <c r="KZS644" s="613"/>
      <c r="KZT644" s="613"/>
      <c r="KZU644" s="613"/>
      <c r="KZV644" s="613"/>
      <c r="KZW644" s="613"/>
      <c r="KZX644" s="613"/>
      <c r="KZY644" s="613"/>
      <c r="KZZ644" s="613"/>
      <c r="LAA644" s="613"/>
      <c r="LAB644" s="613"/>
      <c r="LAC644" s="613"/>
      <c r="LAD644" s="613"/>
      <c r="LAE644" s="613"/>
      <c r="LAF644" s="613"/>
      <c r="LAG644" s="613"/>
      <c r="LAH644" s="613"/>
      <c r="LAI644" s="613"/>
      <c r="LAJ644" s="613"/>
      <c r="LAK644" s="613"/>
      <c r="LAL644" s="613"/>
      <c r="LAM644" s="613"/>
      <c r="LAN644" s="613"/>
      <c r="LAO644" s="613"/>
      <c r="LAP644" s="613"/>
      <c r="LAQ644" s="613"/>
      <c r="LAR644" s="613"/>
      <c r="LAS644" s="613"/>
      <c r="LAT644" s="613"/>
      <c r="LAU644" s="613"/>
      <c r="LAV644" s="613"/>
      <c r="LAW644" s="613"/>
      <c r="LAX644" s="613"/>
      <c r="LAY644" s="613"/>
      <c r="LAZ644" s="613"/>
      <c r="LBA644" s="613"/>
      <c r="LBB644" s="613"/>
      <c r="LBC644" s="613"/>
      <c r="LBD644" s="613"/>
      <c r="LBE644" s="613"/>
      <c r="LBF644" s="613"/>
      <c r="LBG644" s="613"/>
      <c r="LBH644" s="613"/>
      <c r="LBI644" s="613"/>
      <c r="LBJ644" s="613"/>
      <c r="LBK644" s="613"/>
      <c r="LBL644" s="613"/>
      <c r="LBM644" s="613"/>
      <c r="LBN644" s="613"/>
      <c r="LBO644" s="613"/>
      <c r="LBP644" s="613"/>
      <c r="LBQ644" s="613"/>
      <c r="LBR644" s="613"/>
      <c r="LBS644" s="613"/>
      <c r="LBT644" s="613"/>
      <c r="LBU644" s="613"/>
      <c r="LBV644" s="613"/>
      <c r="LBW644" s="613"/>
      <c r="LBX644" s="613"/>
      <c r="LBY644" s="613"/>
      <c r="LBZ644" s="613"/>
      <c r="LCA644" s="613"/>
      <c r="LCB644" s="613"/>
      <c r="LCC644" s="613"/>
      <c r="LCD644" s="613"/>
      <c r="LCE644" s="613"/>
      <c r="LCF644" s="613"/>
      <c r="LCG644" s="613"/>
      <c r="LCH644" s="613"/>
      <c r="LCI644" s="613"/>
      <c r="LCJ644" s="613"/>
      <c r="LCK644" s="613"/>
      <c r="LCL644" s="613"/>
      <c r="LCM644" s="613"/>
      <c r="LCN644" s="613"/>
      <c r="LCO644" s="613"/>
      <c r="LCP644" s="613"/>
      <c r="LCQ644" s="613"/>
      <c r="LCR644" s="613"/>
      <c r="LCS644" s="613"/>
      <c r="LCT644" s="613"/>
      <c r="LCU644" s="613"/>
      <c r="LCV644" s="613"/>
      <c r="LCW644" s="613"/>
      <c r="LCX644" s="613"/>
      <c r="LCY644" s="613"/>
      <c r="LCZ644" s="613"/>
      <c r="LDA644" s="613"/>
      <c r="LDB644" s="613"/>
      <c r="LDC644" s="613"/>
      <c r="LDD644" s="613"/>
      <c r="LDE644" s="613"/>
      <c r="LDF644" s="613"/>
      <c r="LDG644" s="613"/>
      <c r="LDH644" s="613"/>
      <c r="LDI644" s="613"/>
      <c r="LDJ644" s="613"/>
      <c r="LDK644" s="613"/>
      <c r="LDL644" s="613"/>
      <c r="LDM644" s="613"/>
      <c r="LDN644" s="613"/>
      <c r="LDO644" s="613"/>
      <c r="LDP644" s="613"/>
      <c r="LDQ644" s="613"/>
      <c r="LDR644" s="613"/>
      <c r="LDS644" s="613"/>
      <c r="LDT644" s="613"/>
      <c r="LDU644" s="613"/>
      <c r="LDV644" s="613"/>
      <c r="LDW644" s="613"/>
      <c r="LDX644" s="613"/>
      <c r="LDY644" s="613"/>
      <c r="LDZ644" s="613"/>
      <c r="LEA644" s="613"/>
      <c r="LEB644" s="613"/>
      <c r="LEC644" s="613"/>
      <c r="LED644" s="613"/>
      <c r="LEE644" s="613"/>
      <c r="LEF644" s="613"/>
      <c r="LEG644" s="613"/>
      <c r="LEH644" s="613"/>
      <c r="LEI644" s="613"/>
      <c r="LEJ644" s="613"/>
      <c r="LEK644" s="613"/>
      <c r="LEL644" s="613"/>
      <c r="LEM644" s="613"/>
      <c r="LEN644" s="613"/>
      <c r="LEO644" s="613"/>
      <c r="LEP644" s="613"/>
      <c r="LEQ644" s="613"/>
      <c r="LER644" s="613"/>
      <c r="LES644" s="613"/>
      <c r="LET644" s="613"/>
      <c r="LEU644" s="613"/>
      <c r="LEV644" s="613"/>
      <c r="LEW644" s="613"/>
      <c r="LEX644" s="613"/>
      <c r="LEY644" s="613"/>
      <c r="LEZ644" s="613"/>
      <c r="LFA644" s="613"/>
      <c r="LFB644" s="613"/>
      <c r="LFC644" s="613"/>
      <c r="LFD644" s="613"/>
      <c r="LFE644" s="613"/>
      <c r="LFF644" s="613"/>
      <c r="LFG644" s="613"/>
      <c r="LFH644" s="613"/>
      <c r="LFI644" s="613"/>
      <c r="LFJ644" s="613"/>
      <c r="LFK644" s="613"/>
      <c r="LFL644" s="613"/>
      <c r="LFM644" s="613"/>
      <c r="LFN644" s="613"/>
      <c r="LFO644" s="613"/>
      <c r="LFP644" s="613"/>
      <c r="LFQ644" s="613"/>
      <c r="LFR644" s="613"/>
      <c r="LFS644" s="613"/>
      <c r="LFT644" s="613"/>
      <c r="LFU644" s="613"/>
      <c r="LFV644" s="613"/>
      <c r="LFW644" s="613"/>
      <c r="LFX644" s="613"/>
      <c r="LFY644" s="613"/>
      <c r="LFZ644" s="613"/>
      <c r="LGA644" s="613"/>
      <c r="LGB644" s="613"/>
      <c r="LGC644" s="613"/>
      <c r="LGD644" s="613"/>
      <c r="LGE644" s="613"/>
      <c r="LGF644" s="613"/>
      <c r="LGG644" s="613"/>
      <c r="LGH644" s="613"/>
      <c r="LGI644" s="613"/>
      <c r="LGJ644" s="613"/>
      <c r="LGK644" s="613"/>
      <c r="LGL644" s="613"/>
      <c r="LGM644" s="613"/>
      <c r="LGN644" s="613"/>
      <c r="LGO644" s="613"/>
      <c r="LGP644" s="613"/>
      <c r="LGQ644" s="613"/>
      <c r="LGR644" s="613"/>
      <c r="LGS644" s="613"/>
      <c r="LGT644" s="613"/>
      <c r="LGU644" s="613"/>
      <c r="LGV644" s="613"/>
      <c r="LGW644" s="613"/>
      <c r="LGX644" s="613"/>
      <c r="LGY644" s="613"/>
      <c r="LGZ644" s="613"/>
      <c r="LHA644" s="613"/>
      <c r="LHB644" s="613"/>
      <c r="LHC644" s="613"/>
      <c r="LHD644" s="613"/>
      <c r="LHE644" s="613"/>
      <c r="LHF644" s="613"/>
      <c r="LHG644" s="613"/>
      <c r="LHH644" s="613"/>
      <c r="LHI644" s="613"/>
      <c r="LHJ644" s="613"/>
      <c r="LHK644" s="613"/>
      <c r="LHL644" s="613"/>
      <c r="LHM644" s="613"/>
      <c r="LHN644" s="613"/>
      <c r="LHO644" s="613"/>
      <c r="LHP644" s="613"/>
      <c r="LHQ644" s="613"/>
      <c r="LHR644" s="613"/>
      <c r="LHS644" s="613"/>
      <c r="LHT644" s="613"/>
      <c r="LHU644" s="613"/>
      <c r="LHV644" s="613"/>
      <c r="LHW644" s="613"/>
      <c r="LHX644" s="613"/>
      <c r="LHY644" s="613"/>
      <c r="LHZ644" s="613"/>
      <c r="LIA644" s="613"/>
      <c r="LIB644" s="613"/>
      <c r="LIC644" s="613"/>
      <c r="LID644" s="613"/>
      <c r="LIE644" s="613"/>
      <c r="LIF644" s="613"/>
      <c r="LIG644" s="613"/>
      <c r="LIH644" s="613"/>
      <c r="LII644" s="613"/>
      <c r="LIJ644" s="613"/>
      <c r="LIK644" s="613"/>
      <c r="LIL644" s="613"/>
      <c r="LIM644" s="613"/>
      <c r="LIN644" s="613"/>
      <c r="LIO644" s="613"/>
      <c r="LIP644" s="613"/>
      <c r="LIQ644" s="613"/>
      <c r="LIR644" s="613"/>
      <c r="LIS644" s="613"/>
      <c r="LIT644" s="613"/>
      <c r="LIU644" s="613"/>
      <c r="LIV644" s="613"/>
      <c r="LIW644" s="613"/>
      <c r="LIX644" s="613"/>
      <c r="LIY644" s="613"/>
      <c r="LIZ644" s="613"/>
      <c r="LJA644" s="613"/>
      <c r="LJB644" s="613"/>
      <c r="LJC644" s="613"/>
      <c r="LJD644" s="613"/>
      <c r="LJE644" s="613"/>
      <c r="LJF644" s="613"/>
      <c r="LJG644" s="613"/>
      <c r="LJH644" s="613"/>
      <c r="LJI644" s="613"/>
      <c r="LJJ644" s="613"/>
      <c r="LJK644" s="613"/>
      <c r="LJL644" s="613"/>
      <c r="LJM644" s="613"/>
      <c r="LJN644" s="613"/>
      <c r="LJO644" s="613"/>
      <c r="LJP644" s="613"/>
      <c r="LJQ644" s="613"/>
      <c r="LJR644" s="613"/>
      <c r="LJS644" s="613"/>
      <c r="LJT644" s="613"/>
      <c r="LJU644" s="613"/>
      <c r="LJV644" s="613"/>
      <c r="LJW644" s="613"/>
      <c r="LJX644" s="613"/>
      <c r="LJY644" s="613"/>
      <c r="LJZ644" s="613"/>
      <c r="LKA644" s="613"/>
      <c r="LKB644" s="613"/>
      <c r="LKC644" s="613"/>
      <c r="LKD644" s="613"/>
      <c r="LKE644" s="613"/>
      <c r="LKF644" s="613"/>
      <c r="LKG644" s="613"/>
      <c r="LKH644" s="613"/>
      <c r="LKI644" s="613"/>
      <c r="LKJ644" s="613"/>
      <c r="LKK644" s="613"/>
      <c r="LKL644" s="613"/>
      <c r="LKM644" s="613"/>
      <c r="LKN644" s="613"/>
      <c r="LKO644" s="613"/>
      <c r="LKP644" s="613"/>
      <c r="LKQ644" s="613"/>
      <c r="LKR644" s="613"/>
      <c r="LKS644" s="613"/>
      <c r="LKT644" s="613"/>
      <c r="LKU644" s="613"/>
      <c r="LKV644" s="613"/>
      <c r="LKW644" s="613"/>
      <c r="LKX644" s="613"/>
      <c r="LKY644" s="613"/>
      <c r="LKZ644" s="613"/>
      <c r="LLA644" s="613"/>
      <c r="LLB644" s="613"/>
      <c r="LLC644" s="613"/>
      <c r="LLD644" s="613"/>
      <c r="LLE644" s="613"/>
      <c r="LLF644" s="613"/>
      <c r="LLG644" s="613"/>
      <c r="LLH644" s="613"/>
      <c r="LLI644" s="613"/>
      <c r="LLJ644" s="613"/>
      <c r="LLK644" s="613"/>
      <c r="LLL644" s="613"/>
      <c r="LLM644" s="613"/>
      <c r="LLN644" s="613"/>
      <c r="LLO644" s="613"/>
      <c r="LLP644" s="613"/>
      <c r="LLQ644" s="613"/>
      <c r="LLR644" s="613"/>
      <c r="LLS644" s="613"/>
      <c r="LLT644" s="613"/>
      <c r="LLU644" s="613"/>
      <c r="LLV644" s="613"/>
      <c r="LLW644" s="613"/>
      <c r="LLX644" s="613"/>
      <c r="LLY644" s="613"/>
      <c r="LLZ644" s="613"/>
      <c r="LMA644" s="613"/>
      <c r="LMB644" s="613"/>
      <c r="LMC644" s="613"/>
      <c r="LMD644" s="613"/>
      <c r="LME644" s="613"/>
      <c r="LMF644" s="613"/>
      <c r="LMG644" s="613"/>
      <c r="LMH644" s="613"/>
      <c r="LMI644" s="613"/>
      <c r="LMJ644" s="613"/>
      <c r="LMK644" s="613"/>
      <c r="LML644" s="613"/>
      <c r="LMM644" s="613"/>
      <c r="LMN644" s="613"/>
      <c r="LMO644" s="613"/>
      <c r="LMP644" s="613"/>
      <c r="LMQ644" s="613"/>
      <c r="LMR644" s="613"/>
      <c r="LMS644" s="613"/>
      <c r="LMT644" s="613"/>
      <c r="LMU644" s="613"/>
      <c r="LMV644" s="613"/>
      <c r="LMW644" s="613"/>
      <c r="LMX644" s="613"/>
      <c r="LMY644" s="613"/>
      <c r="LMZ644" s="613"/>
      <c r="LNA644" s="613"/>
      <c r="LNB644" s="613"/>
      <c r="LNC644" s="613"/>
      <c r="LND644" s="613"/>
      <c r="LNE644" s="613"/>
      <c r="LNF644" s="613"/>
      <c r="LNG644" s="613"/>
      <c r="LNH644" s="613"/>
      <c r="LNI644" s="613"/>
      <c r="LNJ644" s="613"/>
      <c r="LNK644" s="613"/>
      <c r="LNL644" s="613"/>
      <c r="LNM644" s="613"/>
      <c r="LNN644" s="613"/>
      <c r="LNO644" s="613"/>
      <c r="LNP644" s="613"/>
      <c r="LNQ644" s="613"/>
      <c r="LNR644" s="613"/>
      <c r="LNS644" s="613"/>
      <c r="LNT644" s="613"/>
      <c r="LNU644" s="613"/>
      <c r="LNV644" s="613"/>
      <c r="LNW644" s="613"/>
      <c r="LNX644" s="613"/>
      <c r="LNY644" s="613"/>
      <c r="LNZ644" s="613"/>
      <c r="LOA644" s="613"/>
      <c r="LOB644" s="613"/>
      <c r="LOC644" s="613"/>
      <c r="LOD644" s="613"/>
      <c r="LOE644" s="613"/>
      <c r="LOF644" s="613"/>
      <c r="LOG644" s="613"/>
      <c r="LOH644" s="613"/>
      <c r="LOI644" s="613"/>
      <c r="LOJ644" s="613"/>
      <c r="LOK644" s="613"/>
      <c r="LOL644" s="613"/>
      <c r="LOM644" s="613"/>
      <c r="LON644" s="613"/>
      <c r="LOO644" s="613"/>
      <c r="LOP644" s="613"/>
      <c r="LOQ644" s="613"/>
      <c r="LOR644" s="613"/>
      <c r="LOS644" s="613"/>
      <c r="LOT644" s="613"/>
      <c r="LOU644" s="613"/>
      <c r="LOV644" s="613"/>
      <c r="LOW644" s="613"/>
      <c r="LOX644" s="613"/>
      <c r="LOY644" s="613"/>
      <c r="LOZ644" s="613"/>
      <c r="LPA644" s="613"/>
      <c r="LPB644" s="613"/>
      <c r="LPC644" s="613"/>
      <c r="LPD644" s="613"/>
      <c r="LPE644" s="613"/>
      <c r="LPF644" s="613"/>
      <c r="LPG644" s="613"/>
      <c r="LPH644" s="613"/>
      <c r="LPI644" s="613"/>
      <c r="LPJ644" s="613"/>
      <c r="LPK644" s="613"/>
      <c r="LPL644" s="613"/>
      <c r="LPM644" s="613"/>
      <c r="LPN644" s="613"/>
      <c r="LPO644" s="613"/>
      <c r="LPP644" s="613"/>
      <c r="LPQ644" s="613"/>
      <c r="LPR644" s="613"/>
      <c r="LPS644" s="613"/>
      <c r="LPT644" s="613"/>
      <c r="LPU644" s="613"/>
      <c r="LPV644" s="613"/>
      <c r="LPW644" s="613"/>
      <c r="LPX644" s="613"/>
      <c r="LPY644" s="613"/>
      <c r="LPZ644" s="613"/>
      <c r="LQA644" s="613"/>
      <c r="LQB644" s="613"/>
      <c r="LQC644" s="613"/>
      <c r="LQD644" s="613"/>
      <c r="LQE644" s="613"/>
      <c r="LQF644" s="613"/>
      <c r="LQG644" s="613"/>
      <c r="LQH644" s="613"/>
      <c r="LQI644" s="613"/>
      <c r="LQJ644" s="613"/>
      <c r="LQK644" s="613"/>
      <c r="LQL644" s="613"/>
      <c r="LQM644" s="613"/>
      <c r="LQN644" s="613"/>
      <c r="LQO644" s="613"/>
      <c r="LQP644" s="613"/>
      <c r="LQQ644" s="613"/>
      <c r="LQR644" s="613"/>
      <c r="LQS644" s="613"/>
      <c r="LQT644" s="613"/>
      <c r="LQU644" s="613"/>
      <c r="LQV644" s="613"/>
      <c r="LQW644" s="613"/>
      <c r="LQX644" s="613"/>
      <c r="LQY644" s="613"/>
      <c r="LQZ644" s="613"/>
      <c r="LRA644" s="613"/>
      <c r="LRB644" s="613"/>
      <c r="LRC644" s="613"/>
      <c r="LRD644" s="613"/>
      <c r="LRE644" s="613"/>
      <c r="LRF644" s="613"/>
      <c r="LRG644" s="613"/>
      <c r="LRH644" s="613"/>
      <c r="LRI644" s="613"/>
      <c r="LRJ644" s="613"/>
      <c r="LRK644" s="613"/>
      <c r="LRL644" s="613"/>
      <c r="LRM644" s="613"/>
      <c r="LRN644" s="613"/>
      <c r="LRO644" s="613"/>
      <c r="LRP644" s="613"/>
      <c r="LRQ644" s="613"/>
      <c r="LRR644" s="613"/>
      <c r="LRS644" s="613"/>
      <c r="LRT644" s="613"/>
      <c r="LRU644" s="613"/>
      <c r="LRV644" s="613"/>
      <c r="LRW644" s="613"/>
      <c r="LRX644" s="613"/>
      <c r="LRY644" s="613"/>
      <c r="LRZ644" s="613"/>
      <c r="LSA644" s="613"/>
      <c r="LSB644" s="613"/>
      <c r="LSC644" s="613"/>
      <c r="LSD644" s="613"/>
      <c r="LSE644" s="613"/>
      <c r="LSF644" s="613"/>
      <c r="LSG644" s="613"/>
      <c r="LSH644" s="613"/>
      <c r="LSI644" s="613"/>
      <c r="LSJ644" s="613"/>
      <c r="LSK644" s="613"/>
      <c r="LSL644" s="613"/>
      <c r="LSM644" s="613"/>
      <c r="LSN644" s="613"/>
      <c r="LSO644" s="613"/>
      <c r="LSP644" s="613"/>
      <c r="LSQ644" s="613"/>
      <c r="LSR644" s="613"/>
      <c r="LSS644" s="613"/>
      <c r="LST644" s="613"/>
      <c r="LSU644" s="613"/>
      <c r="LSV644" s="613"/>
      <c r="LSW644" s="613"/>
      <c r="LSX644" s="613"/>
      <c r="LSY644" s="613"/>
      <c r="LSZ644" s="613"/>
      <c r="LTA644" s="613"/>
      <c r="LTB644" s="613"/>
      <c r="LTC644" s="613"/>
      <c r="LTD644" s="613"/>
      <c r="LTE644" s="613"/>
      <c r="LTF644" s="613"/>
      <c r="LTG644" s="613"/>
      <c r="LTH644" s="613"/>
      <c r="LTI644" s="613"/>
      <c r="LTJ644" s="613"/>
      <c r="LTK644" s="613"/>
      <c r="LTL644" s="613"/>
      <c r="LTM644" s="613"/>
      <c r="LTN644" s="613"/>
      <c r="LTO644" s="613"/>
      <c r="LTP644" s="613"/>
      <c r="LTQ644" s="613"/>
      <c r="LTR644" s="613"/>
      <c r="LTS644" s="613"/>
      <c r="LTT644" s="613"/>
      <c r="LTU644" s="613"/>
      <c r="LTV644" s="613"/>
      <c r="LTW644" s="613"/>
      <c r="LTX644" s="613"/>
      <c r="LTY644" s="613"/>
      <c r="LTZ644" s="613"/>
      <c r="LUA644" s="613"/>
      <c r="LUB644" s="613"/>
      <c r="LUC644" s="613"/>
      <c r="LUD644" s="613"/>
      <c r="LUE644" s="613"/>
      <c r="LUF644" s="613"/>
      <c r="LUG644" s="613"/>
      <c r="LUH644" s="613"/>
      <c r="LUI644" s="613"/>
      <c r="LUJ644" s="613"/>
      <c r="LUK644" s="613"/>
      <c r="LUL644" s="613"/>
      <c r="LUM644" s="613"/>
      <c r="LUN644" s="613"/>
      <c r="LUO644" s="613"/>
      <c r="LUP644" s="613"/>
      <c r="LUQ644" s="613"/>
      <c r="LUR644" s="613"/>
      <c r="LUS644" s="613"/>
      <c r="LUT644" s="613"/>
      <c r="LUU644" s="613"/>
      <c r="LUV644" s="613"/>
      <c r="LUW644" s="613"/>
      <c r="LUX644" s="613"/>
      <c r="LUY644" s="613"/>
      <c r="LUZ644" s="613"/>
      <c r="LVA644" s="613"/>
      <c r="LVB644" s="613"/>
      <c r="LVC644" s="613"/>
      <c r="LVD644" s="613"/>
      <c r="LVE644" s="613"/>
      <c r="LVF644" s="613"/>
      <c r="LVG644" s="613"/>
      <c r="LVH644" s="613"/>
      <c r="LVI644" s="613"/>
      <c r="LVJ644" s="613"/>
      <c r="LVK644" s="613"/>
      <c r="LVL644" s="613"/>
      <c r="LVM644" s="613"/>
      <c r="LVN644" s="613"/>
      <c r="LVO644" s="613"/>
      <c r="LVP644" s="613"/>
      <c r="LVQ644" s="613"/>
      <c r="LVR644" s="613"/>
      <c r="LVS644" s="613"/>
      <c r="LVT644" s="613"/>
      <c r="LVU644" s="613"/>
      <c r="LVV644" s="613"/>
      <c r="LVW644" s="613"/>
      <c r="LVX644" s="613"/>
      <c r="LVY644" s="613"/>
      <c r="LVZ644" s="613"/>
      <c r="LWA644" s="613"/>
      <c r="LWB644" s="613"/>
      <c r="LWC644" s="613"/>
      <c r="LWD644" s="613"/>
      <c r="LWE644" s="613"/>
      <c r="LWF644" s="613"/>
      <c r="LWG644" s="613"/>
      <c r="LWH644" s="613"/>
      <c r="LWI644" s="613"/>
      <c r="LWJ644" s="613"/>
      <c r="LWK644" s="613"/>
      <c r="LWL644" s="613"/>
      <c r="LWM644" s="613"/>
      <c r="LWN644" s="613"/>
      <c r="LWO644" s="613"/>
      <c r="LWP644" s="613"/>
      <c r="LWQ644" s="613"/>
      <c r="LWR644" s="613"/>
      <c r="LWS644" s="613"/>
      <c r="LWT644" s="613"/>
      <c r="LWU644" s="613"/>
      <c r="LWV644" s="613"/>
      <c r="LWW644" s="613"/>
      <c r="LWX644" s="613"/>
      <c r="LWY644" s="613"/>
      <c r="LWZ644" s="613"/>
      <c r="LXA644" s="613"/>
      <c r="LXB644" s="613"/>
      <c r="LXC644" s="613"/>
      <c r="LXD644" s="613"/>
      <c r="LXE644" s="613"/>
      <c r="LXF644" s="613"/>
      <c r="LXG644" s="613"/>
      <c r="LXH644" s="613"/>
      <c r="LXI644" s="613"/>
      <c r="LXJ644" s="613"/>
      <c r="LXK644" s="613"/>
      <c r="LXL644" s="613"/>
      <c r="LXM644" s="613"/>
      <c r="LXN644" s="613"/>
      <c r="LXO644" s="613"/>
      <c r="LXP644" s="613"/>
      <c r="LXQ644" s="613"/>
      <c r="LXR644" s="613"/>
      <c r="LXS644" s="613"/>
      <c r="LXT644" s="613"/>
      <c r="LXU644" s="613"/>
      <c r="LXV644" s="613"/>
      <c r="LXW644" s="613"/>
      <c r="LXX644" s="613"/>
      <c r="LXY644" s="613"/>
      <c r="LXZ644" s="613"/>
      <c r="LYA644" s="613"/>
      <c r="LYB644" s="613"/>
      <c r="LYC644" s="613"/>
      <c r="LYD644" s="613"/>
      <c r="LYE644" s="613"/>
      <c r="LYF644" s="613"/>
      <c r="LYG644" s="613"/>
      <c r="LYH644" s="613"/>
      <c r="LYI644" s="613"/>
      <c r="LYJ644" s="613"/>
      <c r="LYK644" s="613"/>
      <c r="LYL644" s="613"/>
      <c r="LYM644" s="613"/>
      <c r="LYN644" s="613"/>
      <c r="LYO644" s="613"/>
      <c r="LYP644" s="613"/>
      <c r="LYQ644" s="613"/>
      <c r="LYR644" s="613"/>
      <c r="LYS644" s="613"/>
      <c r="LYT644" s="613"/>
      <c r="LYU644" s="613"/>
      <c r="LYV644" s="613"/>
      <c r="LYW644" s="613"/>
      <c r="LYX644" s="613"/>
      <c r="LYY644" s="613"/>
      <c r="LYZ644" s="613"/>
      <c r="LZA644" s="613"/>
      <c r="LZB644" s="613"/>
      <c r="LZC644" s="613"/>
      <c r="LZD644" s="613"/>
      <c r="LZE644" s="613"/>
      <c r="LZF644" s="613"/>
      <c r="LZG644" s="613"/>
      <c r="LZH644" s="613"/>
      <c r="LZI644" s="613"/>
      <c r="LZJ644" s="613"/>
      <c r="LZK644" s="613"/>
      <c r="LZL644" s="613"/>
      <c r="LZM644" s="613"/>
      <c r="LZN644" s="613"/>
      <c r="LZO644" s="613"/>
      <c r="LZP644" s="613"/>
      <c r="LZQ644" s="613"/>
      <c r="LZR644" s="613"/>
      <c r="LZS644" s="613"/>
      <c r="LZT644" s="613"/>
      <c r="LZU644" s="613"/>
      <c r="LZV644" s="613"/>
      <c r="LZW644" s="613"/>
      <c r="LZX644" s="613"/>
      <c r="LZY644" s="613"/>
      <c r="LZZ644" s="613"/>
      <c r="MAA644" s="613"/>
      <c r="MAB644" s="613"/>
      <c r="MAC644" s="613"/>
      <c r="MAD644" s="613"/>
      <c r="MAE644" s="613"/>
      <c r="MAF644" s="613"/>
      <c r="MAG644" s="613"/>
      <c r="MAH644" s="613"/>
      <c r="MAI644" s="613"/>
      <c r="MAJ644" s="613"/>
      <c r="MAK644" s="613"/>
      <c r="MAL644" s="613"/>
      <c r="MAM644" s="613"/>
      <c r="MAN644" s="613"/>
      <c r="MAO644" s="613"/>
      <c r="MAP644" s="613"/>
      <c r="MAQ644" s="613"/>
      <c r="MAR644" s="613"/>
      <c r="MAS644" s="613"/>
      <c r="MAT644" s="613"/>
      <c r="MAU644" s="613"/>
      <c r="MAV644" s="613"/>
      <c r="MAW644" s="613"/>
      <c r="MAX644" s="613"/>
      <c r="MAY644" s="613"/>
      <c r="MAZ644" s="613"/>
      <c r="MBA644" s="613"/>
      <c r="MBB644" s="613"/>
      <c r="MBC644" s="613"/>
      <c r="MBD644" s="613"/>
      <c r="MBE644" s="613"/>
      <c r="MBF644" s="613"/>
      <c r="MBG644" s="613"/>
      <c r="MBH644" s="613"/>
      <c r="MBI644" s="613"/>
      <c r="MBJ644" s="613"/>
      <c r="MBK644" s="613"/>
      <c r="MBL644" s="613"/>
      <c r="MBM644" s="613"/>
      <c r="MBN644" s="613"/>
      <c r="MBO644" s="613"/>
      <c r="MBP644" s="613"/>
      <c r="MBQ644" s="613"/>
      <c r="MBR644" s="613"/>
      <c r="MBS644" s="613"/>
      <c r="MBT644" s="613"/>
      <c r="MBU644" s="613"/>
      <c r="MBV644" s="613"/>
      <c r="MBW644" s="613"/>
      <c r="MBX644" s="613"/>
      <c r="MBY644" s="613"/>
      <c r="MBZ644" s="613"/>
      <c r="MCA644" s="613"/>
      <c r="MCB644" s="613"/>
      <c r="MCC644" s="613"/>
      <c r="MCD644" s="613"/>
      <c r="MCE644" s="613"/>
      <c r="MCF644" s="613"/>
      <c r="MCG644" s="613"/>
      <c r="MCH644" s="613"/>
      <c r="MCI644" s="613"/>
      <c r="MCJ644" s="613"/>
      <c r="MCK644" s="613"/>
      <c r="MCL644" s="613"/>
      <c r="MCM644" s="613"/>
      <c r="MCN644" s="613"/>
      <c r="MCO644" s="613"/>
      <c r="MCP644" s="613"/>
      <c r="MCQ644" s="613"/>
      <c r="MCR644" s="613"/>
      <c r="MCS644" s="613"/>
      <c r="MCT644" s="613"/>
      <c r="MCU644" s="613"/>
      <c r="MCV644" s="613"/>
      <c r="MCW644" s="613"/>
      <c r="MCX644" s="613"/>
      <c r="MCY644" s="613"/>
      <c r="MCZ644" s="613"/>
      <c r="MDA644" s="613"/>
      <c r="MDB644" s="613"/>
      <c r="MDC644" s="613"/>
      <c r="MDD644" s="613"/>
      <c r="MDE644" s="613"/>
      <c r="MDF644" s="613"/>
      <c r="MDG644" s="613"/>
      <c r="MDH644" s="613"/>
      <c r="MDI644" s="613"/>
      <c r="MDJ644" s="613"/>
      <c r="MDK644" s="613"/>
      <c r="MDL644" s="613"/>
      <c r="MDM644" s="613"/>
      <c r="MDN644" s="613"/>
      <c r="MDO644" s="613"/>
      <c r="MDP644" s="613"/>
      <c r="MDQ644" s="613"/>
      <c r="MDR644" s="613"/>
      <c r="MDS644" s="613"/>
      <c r="MDT644" s="613"/>
      <c r="MDU644" s="613"/>
      <c r="MDV644" s="613"/>
      <c r="MDW644" s="613"/>
      <c r="MDX644" s="613"/>
      <c r="MDY644" s="613"/>
      <c r="MDZ644" s="613"/>
      <c r="MEA644" s="613"/>
      <c r="MEB644" s="613"/>
      <c r="MEC644" s="613"/>
      <c r="MED644" s="613"/>
      <c r="MEE644" s="613"/>
      <c r="MEF644" s="613"/>
      <c r="MEG644" s="613"/>
      <c r="MEH644" s="613"/>
      <c r="MEI644" s="613"/>
      <c r="MEJ644" s="613"/>
      <c r="MEK644" s="613"/>
      <c r="MEL644" s="613"/>
      <c r="MEM644" s="613"/>
      <c r="MEN644" s="613"/>
      <c r="MEO644" s="613"/>
      <c r="MEP644" s="613"/>
      <c r="MEQ644" s="613"/>
      <c r="MER644" s="613"/>
      <c r="MES644" s="613"/>
      <c r="MET644" s="613"/>
      <c r="MEU644" s="613"/>
      <c r="MEV644" s="613"/>
      <c r="MEW644" s="613"/>
      <c r="MEX644" s="613"/>
      <c r="MEY644" s="613"/>
      <c r="MEZ644" s="613"/>
      <c r="MFA644" s="613"/>
      <c r="MFB644" s="613"/>
      <c r="MFC644" s="613"/>
      <c r="MFD644" s="613"/>
      <c r="MFE644" s="613"/>
      <c r="MFF644" s="613"/>
      <c r="MFG644" s="613"/>
      <c r="MFH644" s="613"/>
      <c r="MFI644" s="613"/>
      <c r="MFJ644" s="613"/>
      <c r="MFK644" s="613"/>
      <c r="MFL644" s="613"/>
      <c r="MFM644" s="613"/>
      <c r="MFN644" s="613"/>
      <c r="MFO644" s="613"/>
      <c r="MFP644" s="613"/>
      <c r="MFQ644" s="613"/>
      <c r="MFR644" s="613"/>
      <c r="MFS644" s="613"/>
      <c r="MFT644" s="613"/>
      <c r="MFU644" s="613"/>
      <c r="MFV644" s="613"/>
      <c r="MFW644" s="613"/>
      <c r="MFX644" s="613"/>
      <c r="MFY644" s="613"/>
      <c r="MFZ644" s="613"/>
      <c r="MGA644" s="613"/>
      <c r="MGB644" s="613"/>
      <c r="MGC644" s="613"/>
      <c r="MGD644" s="613"/>
      <c r="MGE644" s="613"/>
      <c r="MGF644" s="613"/>
      <c r="MGG644" s="613"/>
      <c r="MGH644" s="613"/>
      <c r="MGI644" s="613"/>
      <c r="MGJ644" s="613"/>
      <c r="MGK644" s="613"/>
      <c r="MGL644" s="613"/>
      <c r="MGM644" s="613"/>
      <c r="MGN644" s="613"/>
      <c r="MGO644" s="613"/>
      <c r="MGP644" s="613"/>
      <c r="MGQ644" s="613"/>
      <c r="MGR644" s="613"/>
      <c r="MGS644" s="613"/>
      <c r="MGT644" s="613"/>
      <c r="MGU644" s="613"/>
      <c r="MGV644" s="613"/>
      <c r="MGW644" s="613"/>
      <c r="MGX644" s="613"/>
      <c r="MGY644" s="613"/>
      <c r="MGZ644" s="613"/>
      <c r="MHA644" s="613"/>
      <c r="MHB644" s="613"/>
      <c r="MHC644" s="613"/>
      <c r="MHD644" s="613"/>
      <c r="MHE644" s="613"/>
      <c r="MHF644" s="613"/>
      <c r="MHG644" s="613"/>
      <c r="MHH644" s="613"/>
      <c r="MHI644" s="613"/>
      <c r="MHJ644" s="613"/>
      <c r="MHK644" s="613"/>
      <c r="MHL644" s="613"/>
      <c r="MHM644" s="613"/>
      <c r="MHN644" s="613"/>
      <c r="MHO644" s="613"/>
      <c r="MHP644" s="613"/>
      <c r="MHQ644" s="613"/>
      <c r="MHR644" s="613"/>
      <c r="MHS644" s="613"/>
      <c r="MHT644" s="613"/>
      <c r="MHU644" s="613"/>
      <c r="MHV644" s="613"/>
      <c r="MHW644" s="613"/>
      <c r="MHX644" s="613"/>
      <c r="MHY644" s="613"/>
      <c r="MHZ644" s="613"/>
      <c r="MIA644" s="613"/>
      <c r="MIB644" s="613"/>
      <c r="MIC644" s="613"/>
      <c r="MID644" s="613"/>
      <c r="MIE644" s="613"/>
      <c r="MIF644" s="613"/>
      <c r="MIG644" s="613"/>
      <c r="MIH644" s="613"/>
      <c r="MII644" s="613"/>
      <c r="MIJ644" s="613"/>
      <c r="MIK644" s="613"/>
      <c r="MIL644" s="613"/>
      <c r="MIM644" s="613"/>
      <c r="MIN644" s="613"/>
      <c r="MIO644" s="613"/>
      <c r="MIP644" s="613"/>
      <c r="MIQ644" s="613"/>
      <c r="MIR644" s="613"/>
      <c r="MIS644" s="613"/>
      <c r="MIT644" s="613"/>
      <c r="MIU644" s="613"/>
      <c r="MIV644" s="613"/>
      <c r="MIW644" s="613"/>
      <c r="MIX644" s="613"/>
      <c r="MIY644" s="613"/>
      <c r="MIZ644" s="613"/>
      <c r="MJA644" s="613"/>
      <c r="MJB644" s="613"/>
      <c r="MJC644" s="613"/>
      <c r="MJD644" s="613"/>
      <c r="MJE644" s="613"/>
      <c r="MJF644" s="613"/>
      <c r="MJG644" s="613"/>
      <c r="MJH644" s="613"/>
      <c r="MJI644" s="613"/>
      <c r="MJJ644" s="613"/>
      <c r="MJK644" s="613"/>
      <c r="MJL644" s="613"/>
      <c r="MJM644" s="613"/>
      <c r="MJN644" s="613"/>
      <c r="MJO644" s="613"/>
      <c r="MJP644" s="613"/>
      <c r="MJQ644" s="613"/>
      <c r="MJR644" s="613"/>
      <c r="MJS644" s="613"/>
      <c r="MJT644" s="613"/>
      <c r="MJU644" s="613"/>
      <c r="MJV644" s="613"/>
      <c r="MJW644" s="613"/>
      <c r="MJX644" s="613"/>
      <c r="MJY644" s="613"/>
      <c r="MJZ644" s="613"/>
      <c r="MKA644" s="613"/>
      <c r="MKB644" s="613"/>
      <c r="MKC644" s="613"/>
      <c r="MKD644" s="613"/>
      <c r="MKE644" s="613"/>
      <c r="MKF644" s="613"/>
      <c r="MKG644" s="613"/>
      <c r="MKH644" s="613"/>
      <c r="MKI644" s="613"/>
      <c r="MKJ644" s="613"/>
      <c r="MKK644" s="613"/>
      <c r="MKL644" s="613"/>
      <c r="MKM644" s="613"/>
      <c r="MKN644" s="613"/>
      <c r="MKO644" s="613"/>
      <c r="MKP644" s="613"/>
      <c r="MKQ644" s="613"/>
      <c r="MKR644" s="613"/>
      <c r="MKS644" s="613"/>
      <c r="MKT644" s="613"/>
      <c r="MKU644" s="613"/>
      <c r="MKV644" s="613"/>
      <c r="MKW644" s="613"/>
      <c r="MKX644" s="613"/>
      <c r="MKY644" s="613"/>
      <c r="MKZ644" s="613"/>
      <c r="MLA644" s="613"/>
      <c r="MLB644" s="613"/>
      <c r="MLC644" s="613"/>
      <c r="MLD644" s="613"/>
      <c r="MLE644" s="613"/>
      <c r="MLF644" s="613"/>
      <c r="MLG644" s="613"/>
      <c r="MLH644" s="613"/>
      <c r="MLI644" s="613"/>
      <c r="MLJ644" s="613"/>
      <c r="MLK644" s="613"/>
      <c r="MLL644" s="613"/>
      <c r="MLM644" s="613"/>
      <c r="MLN644" s="613"/>
      <c r="MLO644" s="613"/>
      <c r="MLP644" s="613"/>
      <c r="MLQ644" s="613"/>
      <c r="MLR644" s="613"/>
      <c r="MLS644" s="613"/>
      <c r="MLT644" s="613"/>
      <c r="MLU644" s="613"/>
      <c r="MLV644" s="613"/>
      <c r="MLW644" s="613"/>
      <c r="MLX644" s="613"/>
      <c r="MLY644" s="613"/>
      <c r="MLZ644" s="613"/>
      <c r="MMA644" s="613"/>
      <c r="MMB644" s="613"/>
      <c r="MMC644" s="613"/>
      <c r="MMD644" s="613"/>
      <c r="MME644" s="613"/>
      <c r="MMF644" s="613"/>
      <c r="MMG644" s="613"/>
      <c r="MMH644" s="613"/>
      <c r="MMI644" s="613"/>
      <c r="MMJ644" s="613"/>
      <c r="MMK644" s="613"/>
      <c r="MML644" s="613"/>
      <c r="MMM644" s="613"/>
      <c r="MMN644" s="613"/>
      <c r="MMO644" s="613"/>
      <c r="MMP644" s="613"/>
      <c r="MMQ644" s="613"/>
      <c r="MMR644" s="613"/>
      <c r="MMS644" s="613"/>
      <c r="MMT644" s="613"/>
      <c r="MMU644" s="613"/>
      <c r="MMV644" s="613"/>
      <c r="MMW644" s="613"/>
      <c r="MMX644" s="613"/>
      <c r="MMY644" s="613"/>
      <c r="MMZ644" s="613"/>
      <c r="MNA644" s="613"/>
      <c r="MNB644" s="613"/>
      <c r="MNC644" s="613"/>
      <c r="MND644" s="613"/>
      <c r="MNE644" s="613"/>
      <c r="MNF644" s="613"/>
      <c r="MNG644" s="613"/>
      <c r="MNH644" s="613"/>
      <c r="MNI644" s="613"/>
      <c r="MNJ644" s="613"/>
      <c r="MNK644" s="613"/>
      <c r="MNL644" s="613"/>
      <c r="MNM644" s="613"/>
      <c r="MNN644" s="613"/>
      <c r="MNO644" s="613"/>
      <c r="MNP644" s="613"/>
      <c r="MNQ644" s="613"/>
      <c r="MNR644" s="613"/>
      <c r="MNS644" s="613"/>
      <c r="MNT644" s="613"/>
      <c r="MNU644" s="613"/>
      <c r="MNV644" s="613"/>
      <c r="MNW644" s="613"/>
      <c r="MNX644" s="613"/>
      <c r="MNY644" s="613"/>
      <c r="MNZ644" s="613"/>
      <c r="MOA644" s="613"/>
      <c r="MOB644" s="613"/>
      <c r="MOC644" s="613"/>
      <c r="MOD644" s="613"/>
      <c r="MOE644" s="613"/>
      <c r="MOF644" s="613"/>
      <c r="MOG644" s="613"/>
      <c r="MOH644" s="613"/>
      <c r="MOI644" s="613"/>
      <c r="MOJ644" s="613"/>
      <c r="MOK644" s="613"/>
      <c r="MOL644" s="613"/>
      <c r="MOM644" s="613"/>
      <c r="MON644" s="613"/>
      <c r="MOO644" s="613"/>
      <c r="MOP644" s="613"/>
      <c r="MOQ644" s="613"/>
      <c r="MOR644" s="613"/>
      <c r="MOS644" s="613"/>
      <c r="MOT644" s="613"/>
      <c r="MOU644" s="613"/>
      <c r="MOV644" s="613"/>
      <c r="MOW644" s="613"/>
      <c r="MOX644" s="613"/>
      <c r="MOY644" s="613"/>
      <c r="MOZ644" s="613"/>
      <c r="MPA644" s="613"/>
      <c r="MPB644" s="613"/>
      <c r="MPC644" s="613"/>
      <c r="MPD644" s="613"/>
      <c r="MPE644" s="613"/>
      <c r="MPF644" s="613"/>
      <c r="MPG644" s="613"/>
      <c r="MPH644" s="613"/>
      <c r="MPI644" s="613"/>
      <c r="MPJ644" s="613"/>
      <c r="MPK644" s="613"/>
      <c r="MPL644" s="613"/>
      <c r="MPM644" s="613"/>
      <c r="MPN644" s="613"/>
      <c r="MPO644" s="613"/>
      <c r="MPP644" s="613"/>
      <c r="MPQ644" s="613"/>
      <c r="MPR644" s="613"/>
      <c r="MPS644" s="613"/>
      <c r="MPT644" s="613"/>
      <c r="MPU644" s="613"/>
      <c r="MPV644" s="613"/>
      <c r="MPW644" s="613"/>
      <c r="MPX644" s="613"/>
      <c r="MPY644" s="613"/>
      <c r="MPZ644" s="613"/>
      <c r="MQA644" s="613"/>
      <c r="MQB644" s="613"/>
      <c r="MQC644" s="613"/>
      <c r="MQD644" s="613"/>
      <c r="MQE644" s="613"/>
      <c r="MQF644" s="613"/>
      <c r="MQG644" s="613"/>
      <c r="MQH644" s="613"/>
      <c r="MQI644" s="613"/>
      <c r="MQJ644" s="613"/>
      <c r="MQK644" s="613"/>
      <c r="MQL644" s="613"/>
      <c r="MQM644" s="613"/>
      <c r="MQN644" s="613"/>
      <c r="MQO644" s="613"/>
      <c r="MQP644" s="613"/>
      <c r="MQQ644" s="613"/>
      <c r="MQR644" s="613"/>
      <c r="MQS644" s="613"/>
      <c r="MQT644" s="613"/>
      <c r="MQU644" s="613"/>
      <c r="MQV644" s="613"/>
      <c r="MQW644" s="613"/>
      <c r="MQX644" s="613"/>
      <c r="MQY644" s="613"/>
      <c r="MQZ644" s="613"/>
      <c r="MRA644" s="613"/>
      <c r="MRB644" s="613"/>
      <c r="MRC644" s="613"/>
      <c r="MRD644" s="613"/>
      <c r="MRE644" s="613"/>
      <c r="MRF644" s="613"/>
      <c r="MRG644" s="613"/>
      <c r="MRH644" s="613"/>
      <c r="MRI644" s="613"/>
      <c r="MRJ644" s="613"/>
      <c r="MRK644" s="613"/>
      <c r="MRL644" s="613"/>
      <c r="MRM644" s="613"/>
      <c r="MRN644" s="613"/>
      <c r="MRO644" s="613"/>
      <c r="MRP644" s="613"/>
      <c r="MRQ644" s="613"/>
      <c r="MRR644" s="613"/>
      <c r="MRS644" s="613"/>
      <c r="MRT644" s="613"/>
      <c r="MRU644" s="613"/>
      <c r="MRV644" s="613"/>
      <c r="MRW644" s="613"/>
      <c r="MRX644" s="613"/>
      <c r="MRY644" s="613"/>
      <c r="MRZ644" s="613"/>
      <c r="MSA644" s="613"/>
      <c r="MSB644" s="613"/>
      <c r="MSC644" s="613"/>
      <c r="MSD644" s="613"/>
      <c r="MSE644" s="613"/>
      <c r="MSF644" s="613"/>
      <c r="MSG644" s="613"/>
      <c r="MSH644" s="613"/>
      <c r="MSI644" s="613"/>
      <c r="MSJ644" s="613"/>
      <c r="MSK644" s="613"/>
      <c r="MSL644" s="613"/>
      <c r="MSM644" s="613"/>
      <c r="MSN644" s="613"/>
      <c r="MSO644" s="613"/>
      <c r="MSP644" s="613"/>
      <c r="MSQ644" s="613"/>
      <c r="MSR644" s="613"/>
      <c r="MSS644" s="613"/>
      <c r="MST644" s="613"/>
      <c r="MSU644" s="613"/>
      <c r="MSV644" s="613"/>
      <c r="MSW644" s="613"/>
      <c r="MSX644" s="613"/>
      <c r="MSY644" s="613"/>
      <c r="MSZ644" s="613"/>
      <c r="MTA644" s="613"/>
      <c r="MTB644" s="613"/>
      <c r="MTC644" s="613"/>
      <c r="MTD644" s="613"/>
      <c r="MTE644" s="613"/>
      <c r="MTF644" s="613"/>
      <c r="MTG644" s="613"/>
      <c r="MTH644" s="613"/>
      <c r="MTI644" s="613"/>
      <c r="MTJ644" s="613"/>
      <c r="MTK644" s="613"/>
      <c r="MTL644" s="613"/>
      <c r="MTM644" s="613"/>
      <c r="MTN644" s="613"/>
      <c r="MTO644" s="613"/>
      <c r="MTP644" s="613"/>
      <c r="MTQ644" s="613"/>
      <c r="MTR644" s="613"/>
      <c r="MTS644" s="613"/>
      <c r="MTT644" s="613"/>
      <c r="MTU644" s="613"/>
      <c r="MTV644" s="613"/>
      <c r="MTW644" s="613"/>
      <c r="MTX644" s="613"/>
      <c r="MTY644" s="613"/>
      <c r="MTZ644" s="613"/>
      <c r="MUA644" s="613"/>
      <c r="MUB644" s="613"/>
      <c r="MUC644" s="613"/>
      <c r="MUD644" s="613"/>
      <c r="MUE644" s="613"/>
      <c r="MUF644" s="613"/>
      <c r="MUG644" s="613"/>
      <c r="MUH644" s="613"/>
      <c r="MUI644" s="613"/>
      <c r="MUJ644" s="613"/>
      <c r="MUK644" s="613"/>
      <c r="MUL644" s="613"/>
      <c r="MUM644" s="613"/>
      <c r="MUN644" s="613"/>
      <c r="MUO644" s="613"/>
      <c r="MUP644" s="613"/>
      <c r="MUQ644" s="613"/>
      <c r="MUR644" s="613"/>
      <c r="MUS644" s="613"/>
      <c r="MUT644" s="613"/>
      <c r="MUU644" s="613"/>
      <c r="MUV644" s="613"/>
      <c r="MUW644" s="613"/>
      <c r="MUX644" s="613"/>
      <c r="MUY644" s="613"/>
      <c r="MUZ644" s="613"/>
      <c r="MVA644" s="613"/>
      <c r="MVB644" s="613"/>
      <c r="MVC644" s="613"/>
      <c r="MVD644" s="613"/>
      <c r="MVE644" s="613"/>
      <c r="MVF644" s="613"/>
      <c r="MVG644" s="613"/>
      <c r="MVH644" s="613"/>
      <c r="MVI644" s="613"/>
      <c r="MVJ644" s="613"/>
      <c r="MVK644" s="613"/>
      <c r="MVL644" s="613"/>
      <c r="MVM644" s="613"/>
      <c r="MVN644" s="613"/>
      <c r="MVO644" s="613"/>
      <c r="MVP644" s="613"/>
      <c r="MVQ644" s="613"/>
      <c r="MVR644" s="613"/>
      <c r="MVS644" s="613"/>
      <c r="MVT644" s="613"/>
      <c r="MVU644" s="613"/>
      <c r="MVV644" s="613"/>
      <c r="MVW644" s="613"/>
      <c r="MVX644" s="613"/>
      <c r="MVY644" s="613"/>
      <c r="MVZ644" s="613"/>
      <c r="MWA644" s="613"/>
      <c r="MWB644" s="613"/>
      <c r="MWC644" s="613"/>
      <c r="MWD644" s="613"/>
      <c r="MWE644" s="613"/>
      <c r="MWF644" s="613"/>
      <c r="MWG644" s="613"/>
      <c r="MWH644" s="613"/>
      <c r="MWI644" s="613"/>
      <c r="MWJ644" s="613"/>
      <c r="MWK644" s="613"/>
      <c r="MWL644" s="613"/>
      <c r="MWM644" s="613"/>
      <c r="MWN644" s="613"/>
      <c r="MWO644" s="613"/>
      <c r="MWP644" s="613"/>
      <c r="MWQ644" s="613"/>
      <c r="MWR644" s="613"/>
      <c r="MWS644" s="613"/>
      <c r="MWT644" s="613"/>
      <c r="MWU644" s="613"/>
      <c r="MWV644" s="613"/>
      <c r="MWW644" s="613"/>
      <c r="MWX644" s="613"/>
      <c r="MWY644" s="613"/>
      <c r="MWZ644" s="613"/>
      <c r="MXA644" s="613"/>
      <c r="MXB644" s="613"/>
      <c r="MXC644" s="613"/>
      <c r="MXD644" s="613"/>
      <c r="MXE644" s="613"/>
      <c r="MXF644" s="613"/>
      <c r="MXG644" s="613"/>
      <c r="MXH644" s="613"/>
      <c r="MXI644" s="613"/>
      <c r="MXJ644" s="613"/>
      <c r="MXK644" s="613"/>
      <c r="MXL644" s="613"/>
      <c r="MXM644" s="613"/>
      <c r="MXN644" s="613"/>
      <c r="MXO644" s="613"/>
      <c r="MXP644" s="613"/>
      <c r="MXQ644" s="613"/>
      <c r="MXR644" s="613"/>
      <c r="MXS644" s="613"/>
      <c r="MXT644" s="613"/>
      <c r="MXU644" s="613"/>
      <c r="MXV644" s="613"/>
      <c r="MXW644" s="613"/>
      <c r="MXX644" s="613"/>
      <c r="MXY644" s="613"/>
      <c r="MXZ644" s="613"/>
      <c r="MYA644" s="613"/>
      <c r="MYB644" s="613"/>
      <c r="MYC644" s="613"/>
      <c r="MYD644" s="613"/>
      <c r="MYE644" s="613"/>
      <c r="MYF644" s="613"/>
      <c r="MYG644" s="613"/>
      <c r="MYH644" s="613"/>
      <c r="MYI644" s="613"/>
      <c r="MYJ644" s="613"/>
      <c r="MYK644" s="613"/>
      <c r="MYL644" s="613"/>
      <c r="MYM644" s="613"/>
      <c r="MYN644" s="613"/>
      <c r="MYO644" s="613"/>
      <c r="MYP644" s="613"/>
      <c r="MYQ644" s="613"/>
      <c r="MYR644" s="613"/>
      <c r="MYS644" s="613"/>
      <c r="MYT644" s="613"/>
      <c r="MYU644" s="613"/>
      <c r="MYV644" s="613"/>
      <c r="MYW644" s="613"/>
      <c r="MYX644" s="613"/>
      <c r="MYY644" s="613"/>
      <c r="MYZ644" s="613"/>
      <c r="MZA644" s="613"/>
      <c r="MZB644" s="613"/>
      <c r="MZC644" s="613"/>
      <c r="MZD644" s="613"/>
      <c r="MZE644" s="613"/>
      <c r="MZF644" s="613"/>
      <c r="MZG644" s="613"/>
      <c r="MZH644" s="613"/>
      <c r="MZI644" s="613"/>
      <c r="MZJ644" s="613"/>
      <c r="MZK644" s="613"/>
      <c r="MZL644" s="613"/>
      <c r="MZM644" s="613"/>
      <c r="MZN644" s="613"/>
      <c r="MZO644" s="613"/>
      <c r="MZP644" s="613"/>
      <c r="MZQ644" s="613"/>
      <c r="MZR644" s="613"/>
      <c r="MZS644" s="613"/>
      <c r="MZT644" s="613"/>
      <c r="MZU644" s="613"/>
      <c r="MZV644" s="613"/>
      <c r="MZW644" s="613"/>
      <c r="MZX644" s="613"/>
      <c r="MZY644" s="613"/>
      <c r="MZZ644" s="613"/>
      <c r="NAA644" s="613"/>
      <c r="NAB644" s="613"/>
      <c r="NAC644" s="613"/>
      <c r="NAD644" s="613"/>
      <c r="NAE644" s="613"/>
      <c r="NAF644" s="613"/>
      <c r="NAG644" s="613"/>
      <c r="NAH644" s="613"/>
      <c r="NAI644" s="613"/>
      <c r="NAJ644" s="613"/>
      <c r="NAK644" s="613"/>
      <c r="NAL644" s="613"/>
      <c r="NAM644" s="613"/>
      <c r="NAN644" s="613"/>
      <c r="NAO644" s="613"/>
      <c r="NAP644" s="613"/>
      <c r="NAQ644" s="613"/>
      <c r="NAR644" s="613"/>
      <c r="NAS644" s="613"/>
      <c r="NAT644" s="613"/>
      <c r="NAU644" s="613"/>
      <c r="NAV644" s="613"/>
      <c r="NAW644" s="613"/>
      <c r="NAX644" s="613"/>
      <c r="NAY644" s="613"/>
      <c r="NAZ644" s="613"/>
      <c r="NBA644" s="613"/>
      <c r="NBB644" s="613"/>
      <c r="NBC644" s="613"/>
      <c r="NBD644" s="613"/>
      <c r="NBE644" s="613"/>
      <c r="NBF644" s="613"/>
      <c r="NBG644" s="613"/>
      <c r="NBH644" s="613"/>
      <c r="NBI644" s="613"/>
      <c r="NBJ644" s="613"/>
      <c r="NBK644" s="613"/>
      <c r="NBL644" s="613"/>
      <c r="NBM644" s="613"/>
      <c r="NBN644" s="613"/>
      <c r="NBO644" s="613"/>
      <c r="NBP644" s="613"/>
      <c r="NBQ644" s="613"/>
      <c r="NBR644" s="613"/>
      <c r="NBS644" s="613"/>
      <c r="NBT644" s="613"/>
      <c r="NBU644" s="613"/>
      <c r="NBV644" s="613"/>
      <c r="NBW644" s="613"/>
      <c r="NBX644" s="613"/>
      <c r="NBY644" s="613"/>
      <c r="NBZ644" s="613"/>
      <c r="NCA644" s="613"/>
      <c r="NCB644" s="613"/>
      <c r="NCC644" s="613"/>
      <c r="NCD644" s="613"/>
      <c r="NCE644" s="613"/>
      <c r="NCF644" s="613"/>
      <c r="NCG644" s="613"/>
      <c r="NCH644" s="613"/>
      <c r="NCI644" s="613"/>
      <c r="NCJ644" s="613"/>
      <c r="NCK644" s="613"/>
      <c r="NCL644" s="613"/>
      <c r="NCM644" s="613"/>
      <c r="NCN644" s="613"/>
      <c r="NCO644" s="613"/>
      <c r="NCP644" s="613"/>
      <c r="NCQ644" s="613"/>
      <c r="NCR644" s="613"/>
      <c r="NCS644" s="613"/>
      <c r="NCT644" s="613"/>
      <c r="NCU644" s="613"/>
      <c r="NCV644" s="613"/>
      <c r="NCW644" s="613"/>
      <c r="NCX644" s="613"/>
      <c r="NCY644" s="613"/>
      <c r="NCZ644" s="613"/>
      <c r="NDA644" s="613"/>
      <c r="NDB644" s="613"/>
      <c r="NDC644" s="613"/>
      <c r="NDD644" s="613"/>
      <c r="NDE644" s="613"/>
      <c r="NDF644" s="613"/>
      <c r="NDG644" s="613"/>
      <c r="NDH644" s="613"/>
      <c r="NDI644" s="613"/>
      <c r="NDJ644" s="613"/>
      <c r="NDK644" s="613"/>
      <c r="NDL644" s="613"/>
      <c r="NDM644" s="613"/>
      <c r="NDN644" s="613"/>
      <c r="NDO644" s="613"/>
      <c r="NDP644" s="613"/>
      <c r="NDQ644" s="613"/>
      <c r="NDR644" s="613"/>
      <c r="NDS644" s="613"/>
      <c r="NDT644" s="613"/>
      <c r="NDU644" s="613"/>
      <c r="NDV644" s="613"/>
      <c r="NDW644" s="613"/>
      <c r="NDX644" s="613"/>
      <c r="NDY644" s="613"/>
      <c r="NDZ644" s="613"/>
      <c r="NEA644" s="613"/>
      <c r="NEB644" s="613"/>
      <c r="NEC644" s="613"/>
      <c r="NED644" s="613"/>
      <c r="NEE644" s="613"/>
      <c r="NEF644" s="613"/>
      <c r="NEG644" s="613"/>
      <c r="NEH644" s="613"/>
      <c r="NEI644" s="613"/>
      <c r="NEJ644" s="613"/>
      <c r="NEK644" s="613"/>
      <c r="NEL644" s="613"/>
      <c r="NEM644" s="613"/>
      <c r="NEN644" s="613"/>
      <c r="NEO644" s="613"/>
      <c r="NEP644" s="613"/>
      <c r="NEQ644" s="613"/>
      <c r="NER644" s="613"/>
      <c r="NES644" s="613"/>
      <c r="NET644" s="613"/>
      <c r="NEU644" s="613"/>
      <c r="NEV644" s="613"/>
      <c r="NEW644" s="613"/>
      <c r="NEX644" s="613"/>
      <c r="NEY644" s="613"/>
      <c r="NEZ644" s="613"/>
      <c r="NFA644" s="613"/>
      <c r="NFB644" s="613"/>
      <c r="NFC644" s="613"/>
      <c r="NFD644" s="613"/>
      <c r="NFE644" s="613"/>
      <c r="NFF644" s="613"/>
      <c r="NFG644" s="613"/>
      <c r="NFH644" s="613"/>
      <c r="NFI644" s="613"/>
      <c r="NFJ644" s="613"/>
      <c r="NFK644" s="613"/>
      <c r="NFL644" s="613"/>
      <c r="NFM644" s="613"/>
      <c r="NFN644" s="613"/>
      <c r="NFO644" s="613"/>
      <c r="NFP644" s="613"/>
      <c r="NFQ644" s="613"/>
      <c r="NFR644" s="613"/>
      <c r="NFS644" s="613"/>
      <c r="NFT644" s="613"/>
      <c r="NFU644" s="613"/>
      <c r="NFV644" s="613"/>
      <c r="NFW644" s="613"/>
      <c r="NFX644" s="613"/>
      <c r="NFY644" s="613"/>
      <c r="NFZ644" s="613"/>
      <c r="NGA644" s="613"/>
      <c r="NGB644" s="613"/>
      <c r="NGC644" s="613"/>
      <c r="NGD644" s="613"/>
      <c r="NGE644" s="613"/>
      <c r="NGF644" s="613"/>
      <c r="NGG644" s="613"/>
      <c r="NGH644" s="613"/>
      <c r="NGI644" s="613"/>
      <c r="NGJ644" s="613"/>
      <c r="NGK644" s="613"/>
      <c r="NGL644" s="613"/>
      <c r="NGM644" s="613"/>
      <c r="NGN644" s="613"/>
      <c r="NGO644" s="613"/>
      <c r="NGP644" s="613"/>
      <c r="NGQ644" s="613"/>
      <c r="NGR644" s="613"/>
      <c r="NGS644" s="613"/>
      <c r="NGT644" s="613"/>
      <c r="NGU644" s="613"/>
      <c r="NGV644" s="613"/>
      <c r="NGW644" s="613"/>
      <c r="NGX644" s="613"/>
      <c r="NGY644" s="613"/>
      <c r="NGZ644" s="613"/>
      <c r="NHA644" s="613"/>
      <c r="NHB644" s="613"/>
      <c r="NHC644" s="613"/>
      <c r="NHD644" s="613"/>
      <c r="NHE644" s="613"/>
      <c r="NHF644" s="613"/>
      <c r="NHG644" s="613"/>
      <c r="NHH644" s="613"/>
      <c r="NHI644" s="613"/>
      <c r="NHJ644" s="613"/>
      <c r="NHK644" s="613"/>
      <c r="NHL644" s="613"/>
      <c r="NHM644" s="613"/>
      <c r="NHN644" s="613"/>
      <c r="NHO644" s="613"/>
      <c r="NHP644" s="613"/>
      <c r="NHQ644" s="613"/>
      <c r="NHR644" s="613"/>
      <c r="NHS644" s="613"/>
      <c r="NHT644" s="613"/>
      <c r="NHU644" s="613"/>
      <c r="NHV644" s="613"/>
      <c r="NHW644" s="613"/>
      <c r="NHX644" s="613"/>
      <c r="NHY644" s="613"/>
      <c r="NHZ644" s="613"/>
      <c r="NIA644" s="613"/>
      <c r="NIB644" s="613"/>
      <c r="NIC644" s="613"/>
      <c r="NID644" s="613"/>
      <c r="NIE644" s="613"/>
      <c r="NIF644" s="613"/>
      <c r="NIG644" s="613"/>
      <c r="NIH644" s="613"/>
      <c r="NII644" s="613"/>
      <c r="NIJ644" s="613"/>
      <c r="NIK644" s="613"/>
      <c r="NIL644" s="613"/>
      <c r="NIM644" s="613"/>
      <c r="NIN644" s="613"/>
      <c r="NIO644" s="613"/>
      <c r="NIP644" s="613"/>
      <c r="NIQ644" s="613"/>
      <c r="NIR644" s="613"/>
      <c r="NIS644" s="613"/>
      <c r="NIT644" s="613"/>
      <c r="NIU644" s="613"/>
      <c r="NIV644" s="613"/>
      <c r="NIW644" s="613"/>
      <c r="NIX644" s="613"/>
      <c r="NIY644" s="613"/>
      <c r="NIZ644" s="613"/>
      <c r="NJA644" s="613"/>
      <c r="NJB644" s="613"/>
      <c r="NJC644" s="613"/>
      <c r="NJD644" s="613"/>
      <c r="NJE644" s="613"/>
      <c r="NJF644" s="613"/>
      <c r="NJG644" s="613"/>
      <c r="NJH644" s="613"/>
      <c r="NJI644" s="613"/>
      <c r="NJJ644" s="613"/>
      <c r="NJK644" s="613"/>
      <c r="NJL644" s="613"/>
      <c r="NJM644" s="613"/>
      <c r="NJN644" s="613"/>
      <c r="NJO644" s="613"/>
      <c r="NJP644" s="613"/>
      <c r="NJQ644" s="613"/>
      <c r="NJR644" s="613"/>
      <c r="NJS644" s="613"/>
      <c r="NJT644" s="613"/>
      <c r="NJU644" s="613"/>
      <c r="NJV644" s="613"/>
      <c r="NJW644" s="613"/>
      <c r="NJX644" s="613"/>
      <c r="NJY644" s="613"/>
      <c r="NJZ644" s="613"/>
      <c r="NKA644" s="613"/>
      <c r="NKB644" s="613"/>
      <c r="NKC644" s="613"/>
      <c r="NKD644" s="613"/>
      <c r="NKE644" s="613"/>
      <c r="NKF644" s="613"/>
      <c r="NKG644" s="613"/>
      <c r="NKH644" s="613"/>
      <c r="NKI644" s="613"/>
      <c r="NKJ644" s="613"/>
      <c r="NKK644" s="613"/>
      <c r="NKL644" s="613"/>
      <c r="NKM644" s="613"/>
      <c r="NKN644" s="613"/>
      <c r="NKO644" s="613"/>
      <c r="NKP644" s="613"/>
      <c r="NKQ644" s="613"/>
      <c r="NKR644" s="613"/>
      <c r="NKS644" s="613"/>
      <c r="NKT644" s="613"/>
      <c r="NKU644" s="613"/>
      <c r="NKV644" s="613"/>
      <c r="NKW644" s="613"/>
      <c r="NKX644" s="613"/>
      <c r="NKY644" s="613"/>
      <c r="NKZ644" s="613"/>
      <c r="NLA644" s="613"/>
      <c r="NLB644" s="613"/>
      <c r="NLC644" s="613"/>
      <c r="NLD644" s="613"/>
      <c r="NLE644" s="613"/>
      <c r="NLF644" s="613"/>
      <c r="NLG644" s="613"/>
      <c r="NLH644" s="613"/>
      <c r="NLI644" s="613"/>
      <c r="NLJ644" s="613"/>
      <c r="NLK644" s="613"/>
      <c r="NLL644" s="613"/>
      <c r="NLM644" s="613"/>
      <c r="NLN644" s="613"/>
      <c r="NLO644" s="613"/>
      <c r="NLP644" s="613"/>
      <c r="NLQ644" s="613"/>
      <c r="NLR644" s="613"/>
      <c r="NLS644" s="613"/>
      <c r="NLT644" s="613"/>
      <c r="NLU644" s="613"/>
      <c r="NLV644" s="613"/>
      <c r="NLW644" s="613"/>
      <c r="NLX644" s="613"/>
      <c r="NLY644" s="613"/>
      <c r="NLZ644" s="613"/>
      <c r="NMA644" s="613"/>
      <c r="NMB644" s="613"/>
      <c r="NMC644" s="613"/>
      <c r="NMD644" s="613"/>
      <c r="NME644" s="613"/>
      <c r="NMF644" s="613"/>
      <c r="NMG644" s="613"/>
      <c r="NMH644" s="613"/>
      <c r="NMI644" s="613"/>
      <c r="NMJ644" s="613"/>
      <c r="NMK644" s="613"/>
      <c r="NML644" s="613"/>
      <c r="NMM644" s="613"/>
      <c r="NMN644" s="613"/>
      <c r="NMO644" s="613"/>
      <c r="NMP644" s="613"/>
      <c r="NMQ644" s="613"/>
      <c r="NMR644" s="613"/>
      <c r="NMS644" s="613"/>
      <c r="NMT644" s="613"/>
      <c r="NMU644" s="613"/>
      <c r="NMV644" s="613"/>
      <c r="NMW644" s="613"/>
      <c r="NMX644" s="613"/>
      <c r="NMY644" s="613"/>
      <c r="NMZ644" s="613"/>
      <c r="NNA644" s="613"/>
      <c r="NNB644" s="613"/>
      <c r="NNC644" s="613"/>
      <c r="NND644" s="613"/>
      <c r="NNE644" s="613"/>
      <c r="NNF644" s="613"/>
      <c r="NNG644" s="613"/>
      <c r="NNH644" s="613"/>
      <c r="NNI644" s="613"/>
      <c r="NNJ644" s="613"/>
      <c r="NNK644" s="613"/>
      <c r="NNL644" s="613"/>
      <c r="NNM644" s="613"/>
      <c r="NNN644" s="613"/>
      <c r="NNO644" s="613"/>
      <c r="NNP644" s="613"/>
      <c r="NNQ644" s="613"/>
      <c r="NNR644" s="613"/>
      <c r="NNS644" s="613"/>
      <c r="NNT644" s="613"/>
      <c r="NNU644" s="613"/>
      <c r="NNV644" s="613"/>
      <c r="NNW644" s="613"/>
      <c r="NNX644" s="613"/>
      <c r="NNY644" s="613"/>
      <c r="NNZ644" s="613"/>
      <c r="NOA644" s="613"/>
      <c r="NOB644" s="613"/>
      <c r="NOC644" s="613"/>
      <c r="NOD644" s="613"/>
      <c r="NOE644" s="613"/>
      <c r="NOF644" s="613"/>
      <c r="NOG644" s="613"/>
      <c r="NOH644" s="613"/>
      <c r="NOI644" s="613"/>
      <c r="NOJ644" s="613"/>
      <c r="NOK644" s="613"/>
      <c r="NOL644" s="613"/>
      <c r="NOM644" s="613"/>
      <c r="NON644" s="613"/>
      <c r="NOO644" s="613"/>
      <c r="NOP644" s="613"/>
      <c r="NOQ644" s="613"/>
      <c r="NOR644" s="613"/>
      <c r="NOS644" s="613"/>
      <c r="NOT644" s="613"/>
      <c r="NOU644" s="613"/>
      <c r="NOV644" s="613"/>
      <c r="NOW644" s="613"/>
      <c r="NOX644" s="613"/>
      <c r="NOY644" s="613"/>
      <c r="NOZ644" s="613"/>
      <c r="NPA644" s="613"/>
      <c r="NPB644" s="613"/>
      <c r="NPC644" s="613"/>
      <c r="NPD644" s="613"/>
      <c r="NPE644" s="613"/>
      <c r="NPF644" s="613"/>
      <c r="NPG644" s="613"/>
      <c r="NPH644" s="613"/>
      <c r="NPI644" s="613"/>
      <c r="NPJ644" s="613"/>
      <c r="NPK644" s="613"/>
      <c r="NPL644" s="613"/>
      <c r="NPM644" s="613"/>
      <c r="NPN644" s="613"/>
      <c r="NPO644" s="613"/>
      <c r="NPP644" s="613"/>
      <c r="NPQ644" s="613"/>
      <c r="NPR644" s="613"/>
      <c r="NPS644" s="613"/>
      <c r="NPT644" s="613"/>
      <c r="NPU644" s="613"/>
      <c r="NPV644" s="613"/>
      <c r="NPW644" s="613"/>
      <c r="NPX644" s="613"/>
      <c r="NPY644" s="613"/>
      <c r="NPZ644" s="613"/>
      <c r="NQA644" s="613"/>
      <c r="NQB644" s="613"/>
      <c r="NQC644" s="613"/>
      <c r="NQD644" s="613"/>
      <c r="NQE644" s="613"/>
      <c r="NQF644" s="613"/>
      <c r="NQG644" s="613"/>
      <c r="NQH644" s="613"/>
      <c r="NQI644" s="613"/>
      <c r="NQJ644" s="613"/>
      <c r="NQK644" s="613"/>
      <c r="NQL644" s="613"/>
      <c r="NQM644" s="613"/>
      <c r="NQN644" s="613"/>
      <c r="NQO644" s="613"/>
      <c r="NQP644" s="613"/>
      <c r="NQQ644" s="613"/>
      <c r="NQR644" s="613"/>
      <c r="NQS644" s="613"/>
      <c r="NQT644" s="613"/>
      <c r="NQU644" s="613"/>
      <c r="NQV644" s="613"/>
      <c r="NQW644" s="613"/>
      <c r="NQX644" s="613"/>
      <c r="NQY644" s="613"/>
      <c r="NQZ644" s="613"/>
      <c r="NRA644" s="613"/>
      <c r="NRB644" s="613"/>
      <c r="NRC644" s="613"/>
      <c r="NRD644" s="613"/>
      <c r="NRE644" s="613"/>
      <c r="NRF644" s="613"/>
      <c r="NRG644" s="613"/>
      <c r="NRH644" s="613"/>
      <c r="NRI644" s="613"/>
      <c r="NRJ644" s="613"/>
      <c r="NRK644" s="613"/>
      <c r="NRL644" s="613"/>
      <c r="NRM644" s="613"/>
      <c r="NRN644" s="613"/>
      <c r="NRO644" s="613"/>
      <c r="NRP644" s="613"/>
      <c r="NRQ644" s="613"/>
      <c r="NRR644" s="613"/>
      <c r="NRS644" s="613"/>
      <c r="NRT644" s="613"/>
      <c r="NRU644" s="613"/>
      <c r="NRV644" s="613"/>
      <c r="NRW644" s="613"/>
      <c r="NRX644" s="613"/>
      <c r="NRY644" s="613"/>
      <c r="NRZ644" s="613"/>
      <c r="NSA644" s="613"/>
      <c r="NSB644" s="613"/>
      <c r="NSC644" s="613"/>
      <c r="NSD644" s="613"/>
      <c r="NSE644" s="613"/>
      <c r="NSF644" s="613"/>
      <c r="NSG644" s="613"/>
      <c r="NSH644" s="613"/>
      <c r="NSI644" s="613"/>
      <c r="NSJ644" s="613"/>
      <c r="NSK644" s="613"/>
      <c r="NSL644" s="613"/>
      <c r="NSM644" s="613"/>
      <c r="NSN644" s="613"/>
      <c r="NSO644" s="613"/>
      <c r="NSP644" s="613"/>
      <c r="NSQ644" s="613"/>
      <c r="NSR644" s="613"/>
      <c r="NSS644" s="613"/>
      <c r="NST644" s="613"/>
      <c r="NSU644" s="613"/>
      <c r="NSV644" s="613"/>
      <c r="NSW644" s="613"/>
      <c r="NSX644" s="613"/>
      <c r="NSY644" s="613"/>
      <c r="NSZ644" s="613"/>
      <c r="NTA644" s="613"/>
      <c r="NTB644" s="613"/>
      <c r="NTC644" s="613"/>
      <c r="NTD644" s="613"/>
      <c r="NTE644" s="613"/>
      <c r="NTF644" s="613"/>
      <c r="NTG644" s="613"/>
      <c r="NTH644" s="613"/>
      <c r="NTI644" s="613"/>
      <c r="NTJ644" s="613"/>
      <c r="NTK644" s="613"/>
      <c r="NTL644" s="613"/>
      <c r="NTM644" s="613"/>
      <c r="NTN644" s="613"/>
      <c r="NTO644" s="613"/>
      <c r="NTP644" s="613"/>
      <c r="NTQ644" s="613"/>
      <c r="NTR644" s="613"/>
      <c r="NTS644" s="613"/>
      <c r="NTT644" s="613"/>
      <c r="NTU644" s="613"/>
      <c r="NTV644" s="613"/>
      <c r="NTW644" s="613"/>
      <c r="NTX644" s="613"/>
      <c r="NTY644" s="613"/>
      <c r="NTZ644" s="613"/>
      <c r="NUA644" s="613"/>
      <c r="NUB644" s="613"/>
      <c r="NUC644" s="613"/>
      <c r="NUD644" s="613"/>
      <c r="NUE644" s="613"/>
      <c r="NUF644" s="613"/>
      <c r="NUG644" s="613"/>
      <c r="NUH644" s="613"/>
      <c r="NUI644" s="613"/>
      <c r="NUJ644" s="613"/>
      <c r="NUK644" s="613"/>
      <c r="NUL644" s="613"/>
      <c r="NUM644" s="613"/>
      <c r="NUN644" s="613"/>
      <c r="NUO644" s="613"/>
      <c r="NUP644" s="613"/>
      <c r="NUQ644" s="613"/>
      <c r="NUR644" s="613"/>
      <c r="NUS644" s="613"/>
      <c r="NUT644" s="613"/>
      <c r="NUU644" s="613"/>
      <c r="NUV644" s="613"/>
      <c r="NUW644" s="613"/>
      <c r="NUX644" s="613"/>
      <c r="NUY644" s="613"/>
      <c r="NUZ644" s="613"/>
      <c r="NVA644" s="613"/>
      <c r="NVB644" s="613"/>
      <c r="NVC644" s="613"/>
      <c r="NVD644" s="613"/>
      <c r="NVE644" s="613"/>
      <c r="NVF644" s="613"/>
      <c r="NVG644" s="613"/>
      <c r="NVH644" s="613"/>
      <c r="NVI644" s="613"/>
      <c r="NVJ644" s="613"/>
      <c r="NVK644" s="613"/>
      <c r="NVL644" s="613"/>
      <c r="NVM644" s="613"/>
      <c r="NVN644" s="613"/>
      <c r="NVO644" s="613"/>
      <c r="NVP644" s="613"/>
      <c r="NVQ644" s="613"/>
      <c r="NVR644" s="613"/>
      <c r="NVS644" s="613"/>
      <c r="NVT644" s="613"/>
      <c r="NVU644" s="613"/>
      <c r="NVV644" s="613"/>
      <c r="NVW644" s="613"/>
      <c r="NVX644" s="613"/>
      <c r="NVY644" s="613"/>
      <c r="NVZ644" s="613"/>
      <c r="NWA644" s="613"/>
      <c r="NWB644" s="613"/>
      <c r="NWC644" s="613"/>
      <c r="NWD644" s="613"/>
      <c r="NWE644" s="613"/>
      <c r="NWF644" s="613"/>
      <c r="NWG644" s="613"/>
      <c r="NWH644" s="613"/>
      <c r="NWI644" s="613"/>
      <c r="NWJ644" s="613"/>
      <c r="NWK644" s="613"/>
      <c r="NWL644" s="613"/>
      <c r="NWM644" s="613"/>
      <c r="NWN644" s="613"/>
      <c r="NWO644" s="613"/>
      <c r="NWP644" s="613"/>
      <c r="NWQ644" s="613"/>
      <c r="NWR644" s="613"/>
      <c r="NWS644" s="613"/>
      <c r="NWT644" s="613"/>
      <c r="NWU644" s="613"/>
      <c r="NWV644" s="613"/>
      <c r="NWW644" s="613"/>
      <c r="NWX644" s="613"/>
      <c r="NWY644" s="613"/>
      <c r="NWZ644" s="613"/>
      <c r="NXA644" s="613"/>
      <c r="NXB644" s="613"/>
      <c r="NXC644" s="613"/>
      <c r="NXD644" s="613"/>
      <c r="NXE644" s="613"/>
      <c r="NXF644" s="613"/>
      <c r="NXG644" s="613"/>
      <c r="NXH644" s="613"/>
      <c r="NXI644" s="613"/>
      <c r="NXJ644" s="613"/>
      <c r="NXK644" s="613"/>
      <c r="NXL644" s="613"/>
      <c r="NXM644" s="613"/>
      <c r="NXN644" s="613"/>
      <c r="NXO644" s="613"/>
      <c r="NXP644" s="613"/>
      <c r="NXQ644" s="613"/>
      <c r="NXR644" s="613"/>
      <c r="NXS644" s="613"/>
      <c r="NXT644" s="613"/>
      <c r="NXU644" s="613"/>
      <c r="NXV644" s="613"/>
      <c r="NXW644" s="613"/>
      <c r="NXX644" s="613"/>
      <c r="NXY644" s="613"/>
      <c r="NXZ644" s="613"/>
      <c r="NYA644" s="613"/>
      <c r="NYB644" s="613"/>
      <c r="NYC644" s="613"/>
      <c r="NYD644" s="613"/>
      <c r="NYE644" s="613"/>
      <c r="NYF644" s="613"/>
      <c r="NYG644" s="613"/>
      <c r="NYH644" s="613"/>
      <c r="NYI644" s="613"/>
      <c r="NYJ644" s="613"/>
      <c r="NYK644" s="613"/>
      <c r="NYL644" s="613"/>
      <c r="NYM644" s="613"/>
      <c r="NYN644" s="613"/>
      <c r="NYO644" s="613"/>
      <c r="NYP644" s="613"/>
      <c r="NYQ644" s="613"/>
      <c r="NYR644" s="613"/>
      <c r="NYS644" s="613"/>
      <c r="NYT644" s="613"/>
      <c r="NYU644" s="613"/>
      <c r="NYV644" s="613"/>
      <c r="NYW644" s="613"/>
      <c r="NYX644" s="613"/>
      <c r="NYY644" s="613"/>
      <c r="NYZ644" s="613"/>
      <c r="NZA644" s="613"/>
      <c r="NZB644" s="613"/>
      <c r="NZC644" s="613"/>
      <c r="NZD644" s="613"/>
      <c r="NZE644" s="613"/>
      <c r="NZF644" s="613"/>
      <c r="NZG644" s="613"/>
      <c r="NZH644" s="613"/>
      <c r="NZI644" s="613"/>
      <c r="NZJ644" s="613"/>
      <c r="NZK644" s="613"/>
      <c r="NZL644" s="613"/>
      <c r="NZM644" s="613"/>
      <c r="NZN644" s="613"/>
      <c r="NZO644" s="613"/>
      <c r="NZP644" s="613"/>
      <c r="NZQ644" s="613"/>
      <c r="NZR644" s="613"/>
      <c r="NZS644" s="613"/>
      <c r="NZT644" s="613"/>
      <c r="NZU644" s="613"/>
      <c r="NZV644" s="613"/>
      <c r="NZW644" s="613"/>
      <c r="NZX644" s="613"/>
      <c r="NZY644" s="613"/>
      <c r="NZZ644" s="613"/>
      <c r="OAA644" s="613"/>
      <c r="OAB644" s="613"/>
      <c r="OAC644" s="613"/>
      <c r="OAD644" s="613"/>
      <c r="OAE644" s="613"/>
      <c r="OAF644" s="613"/>
      <c r="OAG644" s="613"/>
      <c r="OAH644" s="613"/>
      <c r="OAI644" s="613"/>
      <c r="OAJ644" s="613"/>
      <c r="OAK644" s="613"/>
      <c r="OAL644" s="613"/>
      <c r="OAM644" s="613"/>
      <c r="OAN644" s="613"/>
      <c r="OAO644" s="613"/>
      <c r="OAP644" s="613"/>
      <c r="OAQ644" s="613"/>
      <c r="OAR644" s="613"/>
      <c r="OAS644" s="613"/>
      <c r="OAT644" s="613"/>
      <c r="OAU644" s="613"/>
      <c r="OAV644" s="613"/>
      <c r="OAW644" s="613"/>
      <c r="OAX644" s="613"/>
      <c r="OAY644" s="613"/>
      <c r="OAZ644" s="613"/>
      <c r="OBA644" s="613"/>
      <c r="OBB644" s="613"/>
      <c r="OBC644" s="613"/>
      <c r="OBD644" s="613"/>
      <c r="OBE644" s="613"/>
      <c r="OBF644" s="613"/>
      <c r="OBG644" s="613"/>
      <c r="OBH644" s="613"/>
      <c r="OBI644" s="613"/>
      <c r="OBJ644" s="613"/>
      <c r="OBK644" s="613"/>
      <c r="OBL644" s="613"/>
      <c r="OBM644" s="613"/>
      <c r="OBN644" s="613"/>
      <c r="OBO644" s="613"/>
      <c r="OBP644" s="613"/>
      <c r="OBQ644" s="613"/>
      <c r="OBR644" s="613"/>
      <c r="OBS644" s="613"/>
      <c r="OBT644" s="613"/>
      <c r="OBU644" s="613"/>
      <c r="OBV644" s="613"/>
      <c r="OBW644" s="613"/>
      <c r="OBX644" s="613"/>
      <c r="OBY644" s="613"/>
      <c r="OBZ644" s="613"/>
      <c r="OCA644" s="613"/>
      <c r="OCB644" s="613"/>
      <c r="OCC644" s="613"/>
      <c r="OCD644" s="613"/>
      <c r="OCE644" s="613"/>
      <c r="OCF644" s="613"/>
      <c r="OCG644" s="613"/>
      <c r="OCH644" s="613"/>
      <c r="OCI644" s="613"/>
      <c r="OCJ644" s="613"/>
      <c r="OCK644" s="613"/>
      <c r="OCL644" s="613"/>
      <c r="OCM644" s="613"/>
      <c r="OCN644" s="613"/>
      <c r="OCO644" s="613"/>
      <c r="OCP644" s="613"/>
      <c r="OCQ644" s="613"/>
      <c r="OCR644" s="613"/>
      <c r="OCS644" s="613"/>
      <c r="OCT644" s="613"/>
      <c r="OCU644" s="613"/>
      <c r="OCV644" s="613"/>
      <c r="OCW644" s="613"/>
      <c r="OCX644" s="613"/>
      <c r="OCY644" s="613"/>
      <c r="OCZ644" s="613"/>
      <c r="ODA644" s="613"/>
      <c r="ODB644" s="613"/>
      <c r="ODC644" s="613"/>
      <c r="ODD644" s="613"/>
      <c r="ODE644" s="613"/>
      <c r="ODF644" s="613"/>
      <c r="ODG644" s="613"/>
      <c r="ODH644" s="613"/>
      <c r="ODI644" s="613"/>
      <c r="ODJ644" s="613"/>
      <c r="ODK644" s="613"/>
      <c r="ODL644" s="613"/>
      <c r="ODM644" s="613"/>
      <c r="ODN644" s="613"/>
      <c r="ODO644" s="613"/>
      <c r="ODP644" s="613"/>
      <c r="ODQ644" s="613"/>
      <c r="ODR644" s="613"/>
      <c r="ODS644" s="613"/>
      <c r="ODT644" s="613"/>
      <c r="ODU644" s="613"/>
      <c r="ODV644" s="613"/>
      <c r="ODW644" s="613"/>
      <c r="ODX644" s="613"/>
      <c r="ODY644" s="613"/>
      <c r="ODZ644" s="613"/>
      <c r="OEA644" s="613"/>
      <c r="OEB644" s="613"/>
      <c r="OEC644" s="613"/>
      <c r="OED644" s="613"/>
      <c r="OEE644" s="613"/>
      <c r="OEF644" s="613"/>
      <c r="OEG644" s="613"/>
      <c r="OEH644" s="613"/>
      <c r="OEI644" s="613"/>
      <c r="OEJ644" s="613"/>
      <c r="OEK644" s="613"/>
      <c r="OEL644" s="613"/>
      <c r="OEM644" s="613"/>
      <c r="OEN644" s="613"/>
      <c r="OEO644" s="613"/>
      <c r="OEP644" s="613"/>
      <c r="OEQ644" s="613"/>
      <c r="OER644" s="613"/>
      <c r="OES644" s="613"/>
      <c r="OET644" s="613"/>
      <c r="OEU644" s="613"/>
      <c r="OEV644" s="613"/>
      <c r="OEW644" s="613"/>
      <c r="OEX644" s="613"/>
      <c r="OEY644" s="613"/>
      <c r="OEZ644" s="613"/>
      <c r="OFA644" s="613"/>
      <c r="OFB644" s="613"/>
      <c r="OFC644" s="613"/>
      <c r="OFD644" s="613"/>
      <c r="OFE644" s="613"/>
      <c r="OFF644" s="613"/>
      <c r="OFG644" s="613"/>
      <c r="OFH644" s="613"/>
      <c r="OFI644" s="613"/>
      <c r="OFJ644" s="613"/>
      <c r="OFK644" s="613"/>
      <c r="OFL644" s="613"/>
      <c r="OFM644" s="613"/>
      <c r="OFN644" s="613"/>
      <c r="OFO644" s="613"/>
      <c r="OFP644" s="613"/>
      <c r="OFQ644" s="613"/>
      <c r="OFR644" s="613"/>
      <c r="OFS644" s="613"/>
      <c r="OFT644" s="613"/>
      <c r="OFU644" s="613"/>
      <c r="OFV644" s="613"/>
      <c r="OFW644" s="613"/>
      <c r="OFX644" s="613"/>
      <c r="OFY644" s="613"/>
      <c r="OFZ644" s="613"/>
      <c r="OGA644" s="613"/>
      <c r="OGB644" s="613"/>
      <c r="OGC644" s="613"/>
      <c r="OGD644" s="613"/>
      <c r="OGE644" s="613"/>
      <c r="OGF644" s="613"/>
      <c r="OGG644" s="613"/>
      <c r="OGH644" s="613"/>
      <c r="OGI644" s="613"/>
      <c r="OGJ644" s="613"/>
      <c r="OGK644" s="613"/>
      <c r="OGL644" s="613"/>
      <c r="OGM644" s="613"/>
      <c r="OGN644" s="613"/>
      <c r="OGO644" s="613"/>
      <c r="OGP644" s="613"/>
      <c r="OGQ644" s="613"/>
      <c r="OGR644" s="613"/>
      <c r="OGS644" s="613"/>
      <c r="OGT644" s="613"/>
      <c r="OGU644" s="613"/>
      <c r="OGV644" s="613"/>
      <c r="OGW644" s="613"/>
      <c r="OGX644" s="613"/>
      <c r="OGY644" s="613"/>
      <c r="OGZ644" s="613"/>
      <c r="OHA644" s="613"/>
      <c r="OHB644" s="613"/>
      <c r="OHC644" s="613"/>
      <c r="OHD644" s="613"/>
      <c r="OHE644" s="613"/>
      <c r="OHF644" s="613"/>
      <c r="OHG644" s="613"/>
      <c r="OHH644" s="613"/>
      <c r="OHI644" s="613"/>
      <c r="OHJ644" s="613"/>
      <c r="OHK644" s="613"/>
      <c r="OHL644" s="613"/>
      <c r="OHM644" s="613"/>
      <c r="OHN644" s="613"/>
      <c r="OHO644" s="613"/>
      <c r="OHP644" s="613"/>
      <c r="OHQ644" s="613"/>
      <c r="OHR644" s="613"/>
      <c r="OHS644" s="613"/>
      <c r="OHT644" s="613"/>
      <c r="OHU644" s="613"/>
      <c r="OHV644" s="613"/>
      <c r="OHW644" s="613"/>
      <c r="OHX644" s="613"/>
      <c r="OHY644" s="613"/>
      <c r="OHZ644" s="613"/>
      <c r="OIA644" s="613"/>
      <c r="OIB644" s="613"/>
      <c r="OIC644" s="613"/>
      <c r="OID644" s="613"/>
      <c r="OIE644" s="613"/>
      <c r="OIF644" s="613"/>
      <c r="OIG644" s="613"/>
      <c r="OIH644" s="613"/>
      <c r="OII644" s="613"/>
      <c r="OIJ644" s="613"/>
      <c r="OIK644" s="613"/>
      <c r="OIL644" s="613"/>
      <c r="OIM644" s="613"/>
      <c r="OIN644" s="613"/>
      <c r="OIO644" s="613"/>
      <c r="OIP644" s="613"/>
      <c r="OIQ644" s="613"/>
      <c r="OIR644" s="613"/>
      <c r="OIS644" s="613"/>
      <c r="OIT644" s="613"/>
      <c r="OIU644" s="613"/>
      <c r="OIV644" s="613"/>
      <c r="OIW644" s="613"/>
      <c r="OIX644" s="613"/>
      <c r="OIY644" s="613"/>
      <c r="OIZ644" s="613"/>
      <c r="OJA644" s="613"/>
      <c r="OJB644" s="613"/>
      <c r="OJC644" s="613"/>
      <c r="OJD644" s="613"/>
      <c r="OJE644" s="613"/>
      <c r="OJF644" s="613"/>
      <c r="OJG644" s="613"/>
      <c r="OJH644" s="613"/>
      <c r="OJI644" s="613"/>
      <c r="OJJ644" s="613"/>
      <c r="OJK644" s="613"/>
      <c r="OJL644" s="613"/>
      <c r="OJM644" s="613"/>
      <c r="OJN644" s="613"/>
      <c r="OJO644" s="613"/>
      <c r="OJP644" s="613"/>
      <c r="OJQ644" s="613"/>
      <c r="OJR644" s="613"/>
      <c r="OJS644" s="613"/>
      <c r="OJT644" s="613"/>
      <c r="OJU644" s="613"/>
      <c r="OJV644" s="613"/>
      <c r="OJW644" s="613"/>
      <c r="OJX644" s="613"/>
      <c r="OJY644" s="613"/>
      <c r="OJZ644" s="613"/>
      <c r="OKA644" s="613"/>
      <c r="OKB644" s="613"/>
      <c r="OKC644" s="613"/>
      <c r="OKD644" s="613"/>
      <c r="OKE644" s="613"/>
      <c r="OKF644" s="613"/>
      <c r="OKG644" s="613"/>
      <c r="OKH644" s="613"/>
      <c r="OKI644" s="613"/>
      <c r="OKJ644" s="613"/>
      <c r="OKK644" s="613"/>
      <c r="OKL644" s="613"/>
      <c r="OKM644" s="613"/>
      <c r="OKN644" s="613"/>
      <c r="OKO644" s="613"/>
      <c r="OKP644" s="613"/>
      <c r="OKQ644" s="613"/>
      <c r="OKR644" s="613"/>
      <c r="OKS644" s="613"/>
      <c r="OKT644" s="613"/>
      <c r="OKU644" s="613"/>
      <c r="OKV644" s="613"/>
      <c r="OKW644" s="613"/>
      <c r="OKX644" s="613"/>
      <c r="OKY644" s="613"/>
      <c r="OKZ644" s="613"/>
      <c r="OLA644" s="613"/>
      <c r="OLB644" s="613"/>
      <c r="OLC644" s="613"/>
      <c r="OLD644" s="613"/>
      <c r="OLE644" s="613"/>
      <c r="OLF644" s="613"/>
      <c r="OLG644" s="613"/>
      <c r="OLH644" s="613"/>
      <c r="OLI644" s="613"/>
      <c r="OLJ644" s="613"/>
      <c r="OLK644" s="613"/>
      <c r="OLL644" s="613"/>
      <c r="OLM644" s="613"/>
      <c r="OLN644" s="613"/>
      <c r="OLO644" s="613"/>
      <c r="OLP644" s="613"/>
      <c r="OLQ644" s="613"/>
      <c r="OLR644" s="613"/>
      <c r="OLS644" s="613"/>
      <c r="OLT644" s="613"/>
      <c r="OLU644" s="613"/>
      <c r="OLV644" s="613"/>
      <c r="OLW644" s="613"/>
      <c r="OLX644" s="613"/>
      <c r="OLY644" s="613"/>
      <c r="OLZ644" s="613"/>
      <c r="OMA644" s="613"/>
      <c r="OMB644" s="613"/>
      <c r="OMC644" s="613"/>
      <c r="OMD644" s="613"/>
      <c r="OME644" s="613"/>
      <c r="OMF644" s="613"/>
      <c r="OMG644" s="613"/>
      <c r="OMH644" s="613"/>
      <c r="OMI644" s="613"/>
      <c r="OMJ644" s="613"/>
      <c r="OMK644" s="613"/>
      <c r="OML644" s="613"/>
      <c r="OMM644" s="613"/>
      <c r="OMN644" s="613"/>
      <c r="OMO644" s="613"/>
      <c r="OMP644" s="613"/>
      <c r="OMQ644" s="613"/>
      <c r="OMR644" s="613"/>
      <c r="OMS644" s="613"/>
      <c r="OMT644" s="613"/>
      <c r="OMU644" s="613"/>
      <c r="OMV644" s="613"/>
      <c r="OMW644" s="613"/>
      <c r="OMX644" s="613"/>
      <c r="OMY644" s="613"/>
      <c r="OMZ644" s="613"/>
      <c r="ONA644" s="613"/>
      <c r="ONB644" s="613"/>
      <c r="ONC644" s="613"/>
      <c r="OND644" s="613"/>
      <c r="ONE644" s="613"/>
      <c r="ONF644" s="613"/>
      <c r="ONG644" s="613"/>
      <c r="ONH644" s="613"/>
      <c r="ONI644" s="613"/>
      <c r="ONJ644" s="613"/>
      <c r="ONK644" s="613"/>
      <c r="ONL644" s="613"/>
      <c r="ONM644" s="613"/>
      <c r="ONN644" s="613"/>
      <c r="ONO644" s="613"/>
      <c r="ONP644" s="613"/>
      <c r="ONQ644" s="613"/>
      <c r="ONR644" s="613"/>
      <c r="ONS644" s="613"/>
      <c r="ONT644" s="613"/>
      <c r="ONU644" s="613"/>
      <c r="ONV644" s="613"/>
      <c r="ONW644" s="613"/>
      <c r="ONX644" s="613"/>
      <c r="ONY644" s="613"/>
      <c r="ONZ644" s="613"/>
      <c r="OOA644" s="613"/>
      <c r="OOB644" s="613"/>
      <c r="OOC644" s="613"/>
      <c r="OOD644" s="613"/>
      <c r="OOE644" s="613"/>
      <c r="OOF644" s="613"/>
      <c r="OOG644" s="613"/>
      <c r="OOH644" s="613"/>
      <c r="OOI644" s="613"/>
      <c r="OOJ644" s="613"/>
      <c r="OOK644" s="613"/>
      <c r="OOL644" s="613"/>
      <c r="OOM644" s="613"/>
      <c r="OON644" s="613"/>
      <c r="OOO644" s="613"/>
      <c r="OOP644" s="613"/>
      <c r="OOQ644" s="613"/>
      <c r="OOR644" s="613"/>
      <c r="OOS644" s="613"/>
      <c r="OOT644" s="613"/>
      <c r="OOU644" s="613"/>
      <c r="OOV644" s="613"/>
      <c r="OOW644" s="613"/>
      <c r="OOX644" s="613"/>
      <c r="OOY644" s="613"/>
      <c r="OOZ644" s="613"/>
      <c r="OPA644" s="613"/>
      <c r="OPB644" s="613"/>
      <c r="OPC644" s="613"/>
      <c r="OPD644" s="613"/>
      <c r="OPE644" s="613"/>
      <c r="OPF644" s="613"/>
      <c r="OPG644" s="613"/>
      <c r="OPH644" s="613"/>
      <c r="OPI644" s="613"/>
      <c r="OPJ644" s="613"/>
      <c r="OPK644" s="613"/>
      <c r="OPL644" s="613"/>
      <c r="OPM644" s="613"/>
      <c r="OPN644" s="613"/>
      <c r="OPO644" s="613"/>
      <c r="OPP644" s="613"/>
      <c r="OPQ644" s="613"/>
      <c r="OPR644" s="613"/>
      <c r="OPS644" s="613"/>
      <c r="OPT644" s="613"/>
      <c r="OPU644" s="613"/>
      <c r="OPV644" s="613"/>
      <c r="OPW644" s="613"/>
      <c r="OPX644" s="613"/>
      <c r="OPY644" s="613"/>
      <c r="OPZ644" s="613"/>
      <c r="OQA644" s="613"/>
      <c r="OQB644" s="613"/>
      <c r="OQC644" s="613"/>
      <c r="OQD644" s="613"/>
      <c r="OQE644" s="613"/>
      <c r="OQF644" s="613"/>
      <c r="OQG644" s="613"/>
      <c r="OQH644" s="613"/>
      <c r="OQI644" s="613"/>
      <c r="OQJ644" s="613"/>
      <c r="OQK644" s="613"/>
      <c r="OQL644" s="613"/>
      <c r="OQM644" s="613"/>
      <c r="OQN644" s="613"/>
      <c r="OQO644" s="613"/>
      <c r="OQP644" s="613"/>
      <c r="OQQ644" s="613"/>
      <c r="OQR644" s="613"/>
      <c r="OQS644" s="613"/>
      <c r="OQT644" s="613"/>
      <c r="OQU644" s="613"/>
      <c r="OQV644" s="613"/>
      <c r="OQW644" s="613"/>
      <c r="OQX644" s="613"/>
      <c r="OQY644" s="613"/>
      <c r="OQZ644" s="613"/>
      <c r="ORA644" s="613"/>
      <c r="ORB644" s="613"/>
      <c r="ORC644" s="613"/>
      <c r="ORD644" s="613"/>
      <c r="ORE644" s="613"/>
      <c r="ORF644" s="613"/>
      <c r="ORG644" s="613"/>
      <c r="ORH644" s="613"/>
      <c r="ORI644" s="613"/>
      <c r="ORJ644" s="613"/>
      <c r="ORK644" s="613"/>
      <c r="ORL644" s="613"/>
      <c r="ORM644" s="613"/>
      <c r="ORN644" s="613"/>
      <c r="ORO644" s="613"/>
      <c r="ORP644" s="613"/>
      <c r="ORQ644" s="613"/>
      <c r="ORR644" s="613"/>
      <c r="ORS644" s="613"/>
      <c r="ORT644" s="613"/>
      <c r="ORU644" s="613"/>
      <c r="ORV644" s="613"/>
      <c r="ORW644" s="613"/>
      <c r="ORX644" s="613"/>
      <c r="ORY644" s="613"/>
      <c r="ORZ644" s="613"/>
      <c r="OSA644" s="613"/>
      <c r="OSB644" s="613"/>
      <c r="OSC644" s="613"/>
      <c r="OSD644" s="613"/>
      <c r="OSE644" s="613"/>
      <c r="OSF644" s="613"/>
      <c r="OSG644" s="613"/>
      <c r="OSH644" s="613"/>
      <c r="OSI644" s="613"/>
      <c r="OSJ644" s="613"/>
      <c r="OSK644" s="613"/>
      <c r="OSL644" s="613"/>
      <c r="OSM644" s="613"/>
      <c r="OSN644" s="613"/>
      <c r="OSO644" s="613"/>
      <c r="OSP644" s="613"/>
      <c r="OSQ644" s="613"/>
      <c r="OSR644" s="613"/>
      <c r="OSS644" s="613"/>
      <c r="OST644" s="613"/>
      <c r="OSU644" s="613"/>
      <c r="OSV644" s="613"/>
      <c r="OSW644" s="613"/>
      <c r="OSX644" s="613"/>
      <c r="OSY644" s="613"/>
      <c r="OSZ644" s="613"/>
      <c r="OTA644" s="613"/>
      <c r="OTB644" s="613"/>
      <c r="OTC644" s="613"/>
      <c r="OTD644" s="613"/>
      <c r="OTE644" s="613"/>
      <c r="OTF644" s="613"/>
      <c r="OTG644" s="613"/>
      <c r="OTH644" s="613"/>
      <c r="OTI644" s="613"/>
      <c r="OTJ644" s="613"/>
      <c r="OTK644" s="613"/>
      <c r="OTL644" s="613"/>
      <c r="OTM644" s="613"/>
      <c r="OTN644" s="613"/>
      <c r="OTO644" s="613"/>
      <c r="OTP644" s="613"/>
      <c r="OTQ644" s="613"/>
      <c r="OTR644" s="613"/>
      <c r="OTS644" s="613"/>
      <c r="OTT644" s="613"/>
      <c r="OTU644" s="613"/>
      <c r="OTV644" s="613"/>
      <c r="OTW644" s="613"/>
      <c r="OTX644" s="613"/>
      <c r="OTY644" s="613"/>
      <c r="OTZ644" s="613"/>
      <c r="OUA644" s="613"/>
      <c r="OUB644" s="613"/>
      <c r="OUC644" s="613"/>
      <c r="OUD644" s="613"/>
      <c r="OUE644" s="613"/>
      <c r="OUF644" s="613"/>
      <c r="OUG644" s="613"/>
      <c r="OUH644" s="613"/>
      <c r="OUI644" s="613"/>
      <c r="OUJ644" s="613"/>
      <c r="OUK644" s="613"/>
      <c r="OUL644" s="613"/>
      <c r="OUM644" s="613"/>
      <c r="OUN644" s="613"/>
      <c r="OUO644" s="613"/>
      <c r="OUP644" s="613"/>
      <c r="OUQ644" s="613"/>
      <c r="OUR644" s="613"/>
      <c r="OUS644" s="613"/>
      <c r="OUT644" s="613"/>
      <c r="OUU644" s="613"/>
      <c r="OUV644" s="613"/>
      <c r="OUW644" s="613"/>
      <c r="OUX644" s="613"/>
      <c r="OUY644" s="613"/>
      <c r="OUZ644" s="613"/>
      <c r="OVA644" s="613"/>
      <c r="OVB644" s="613"/>
      <c r="OVC644" s="613"/>
      <c r="OVD644" s="613"/>
      <c r="OVE644" s="613"/>
      <c r="OVF644" s="613"/>
      <c r="OVG644" s="613"/>
      <c r="OVH644" s="613"/>
      <c r="OVI644" s="613"/>
      <c r="OVJ644" s="613"/>
      <c r="OVK644" s="613"/>
      <c r="OVL644" s="613"/>
      <c r="OVM644" s="613"/>
      <c r="OVN644" s="613"/>
      <c r="OVO644" s="613"/>
      <c r="OVP644" s="613"/>
      <c r="OVQ644" s="613"/>
      <c r="OVR644" s="613"/>
      <c r="OVS644" s="613"/>
      <c r="OVT644" s="613"/>
      <c r="OVU644" s="613"/>
      <c r="OVV644" s="613"/>
      <c r="OVW644" s="613"/>
      <c r="OVX644" s="613"/>
      <c r="OVY644" s="613"/>
      <c r="OVZ644" s="613"/>
      <c r="OWA644" s="613"/>
      <c r="OWB644" s="613"/>
      <c r="OWC644" s="613"/>
      <c r="OWD644" s="613"/>
      <c r="OWE644" s="613"/>
      <c r="OWF644" s="613"/>
      <c r="OWG644" s="613"/>
      <c r="OWH644" s="613"/>
      <c r="OWI644" s="613"/>
      <c r="OWJ644" s="613"/>
      <c r="OWK644" s="613"/>
      <c r="OWL644" s="613"/>
      <c r="OWM644" s="613"/>
      <c r="OWN644" s="613"/>
      <c r="OWO644" s="613"/>
      <c r="OWP644" s="613"/>
      <c r="OWQ644" s="613"/>
      <c r="OWR644" s="613"/>
      <c r="OWS644" s="613"/>
      <c r="OWT644" s="613"/>
      <c r="OWU644" s="613"/>
      <c r="OWV644" s="613"/>
      <c r="OWW644" s="613"/>
      <c r="OWX644" s="613"/>
      <c r="OWY644" s="613"/>
      <c r="OWZ644" s="613"/>
      <c r="OXA644" s="613"/>
      <c r="OXB644" s="613"/>
      <c r="OXC644" s="613"/>
      <c r="OXD644" s="613"/>
      <c r="OXE644" s="613"/>
      <c r="OXF644" s="613"/>
      <c r="OXG644" s="613"/>
      <c r="OXH644" s="613"/>
      <c r="OXI644" s="613"/>
      <c r="OXJ644" s="613"/>
      <c r="OXK644" s="613"/>
      <c r="OXL644" s="613"/>
      <c r="OXM644" s="613"/>
      <c r="OXN644" s="613"/>
      <c r="OXO644" s="613"/>
      <c r="OXP644" s="613"/>
      <c r="OXQ644" s="613"/>
      <c r="OXR644" s="613"/>
      <c r="OXS644" s="613"/>
      <c r="OXT644" s="613"/>
      <c r="OXU644" s="613"/>
      <c r="OXV644" s="613"/>
      <c r="OXW644" s="613"/>
      <c r="OXX644" s="613"/>
      <c r="OXY644" s="613"/>
      <c r="OXZ644" s="613"/>
      <c r="OYA644" s="613"/>
      <c r="OYB644" s="613"/>
      <c r="OYC644" s="613"/>
      <c r="OYD644" s="613"/>
      <c r="OYE644" s="613"/>
      <c r="OYF644" s="613"/>
      <c r="OYG644" s="613"/>
      <c r="OYH644" s="613"/>
      <c r="OYI644" s="613"/>
      <c r="OYJ644" s="613"/>
      <c r="OYK644" s="613"/>
      <c r="OYL644" s="613"/>
      <c r="OYM644" s="613"/>
      <c r="OYN644" s="613"/>
      <c r="OYO644" s="613"/>
      <c r="OYP644" s="613"/>
      <c r="OYQ644" s="613"/>
      <c r="OYR644" s="613"/>
      <c r="OYS644" s="613"/>
      <c r="OYT644" s="613"/>
      <c r="OYU644" s="613"/>
      <c r="OYV644" s="613"/>
      <c r="OYW644" s="613"/>
      <c r="OYX644" s="613"/>
      <c r="OYY644" s="613"/>
      <c r="OYZ644" s="613"/>
      <c r="OZA644" s="613"/>
      <c r="OZB644" s="613"/>
      <c r="OZC644" s="613"/>
      <c r="OZD644" s="613"/>
      <c r="OZE644" s="613"/>
      <c r="OZF644" s="613"/>
      <c r="OZG644" s="613"/>
      <c r="OZH644" s="613"/>
      <c r="OZI644" s="613"/>
      <c r="OZJ644" s="613"/>
      <c r="OZK644" s="613"/>
      <c r="OZL644" s="613"/>
      <c r="OZM644" s="613"/>
      <c r="OZN644" s="613"/>
      <c r="OZO644" s="613"/>
      <c r="OZP644" s="613"/>
      <c r="OZQ644" s="613"/>
      <c r="OZR644" s="613"/>
      <c r="OZS644" s="613"/>
      <c r="OZT644" s="613"/>
      <c r="OZU644" s="613"/>
      <c r="OZV644" s="613"/>
      <c r="OZW644" s="613"/>
      <c r="OZX644" s="613"/>
      <c r="OZY644" s="613"/>
      <c r="OZZ644" s="613"/>
      <c r="PAA644" s="613"/>
      <c r="PAB644" s="613"/>
      <c r="PAC644" s="613"/>
      <c r="PAD644" s="613"/>
      <c r="PAE644" s="613"/>
      <c r="PAF644" s="613"/>
      <c r="PAG644" s="613"/>
      <c r="PAH644" s="613"/>
      <c r="PAI644" s="613"/>
      <c r="PAJ644" s="613"/>
      <c r="PAK644" s="613"/>
      <c r="PAL644" s="613"/>
      <c r="PAM644" s="613"/>
      <c r="PAN644" s="613"/>
      <c r="PAO644" s="613"/>
      <c r="PAP644" s="613"/>
      <c r="PAQ644" s="613"/>
      <c r="PAR644" s="613"/>
      <c r="PAS644" s="613"/>
      <c r="PAT644" s="613"/>
      <c r="PAU644" s="613"/>
      <c r="PAV644" s="613"/>
      <c r="PAW644" s="613"/>
      <c r="PAX644" s="613"/>
      <c r="PAY644" s="613"/>
      <c r="PAZ644" s="613"/>
      <c r="PBA644" s="613"/>
      <c r="PBB644" s="613"/>
      <c r="PBC644" s="613"/>
      <c r="PBD644" s="613"/>
      <c r="PBE644" s="613"/>
      <c r="PBF644" s="613"/>
      <c r="PBG644" s="613"/>
      <c r="PBH644" s="613"/>
      <c r="PBI644" s="613"/>
      <c r="PBJ644" s="613"/>
      <c r="PBK644" s="613"/>
      <c r="PBL644" s="613"/>
      <c r="PBM644" s="613"/>
      <c r="PBN644" s="613"/>
      <c r="PBO644" s="613"/>
      <c r="PBP644" s="613"/>
      <c r="PBQ644" s="613"/>
      <c r="PBR644" s="613"/>
      <c r="PBS644" s="613"/>
      <c r="PBT644" s="613"/>
      <c r="PBU644" s="613"/>
      <c r="PBV644" s="613"/>
      <c r="PBW644" s="613"/>
      <c r="PBX644" s="613"/>
      <c r="PBY644" s="613"/>
      <c r="PBZ644" s="613"/>
      <c r="PCA644" s="613"/>
      <c r="PCB644" s="613"/>
      <c r="PCC644" s="613"/>
      <c r="PCD644" s="613"/>
      <c r="PCE644" s="613"/>
      <c r="PCF644" s="613"/>
      <c r="PCG644" s="613"/>
      <c r="PCH644" s="613"/>
      <c r="PCI644" s="613"/>
      <c r="PCJ644" s="613"/>
      <c r="PCK644" s="613"/>
      <c r="PCL644" s="613"/>
      <c r="PCM644" s="613"/>
      <c r="PCN644" s="613"/>
      <c r="PCO644" s="613"/>
      <c r="PCP644" s="613"/>
      <c r="PCQ644" s="613"/>
      <c r="PCR644" s="613"/>
      <c r="PCS644" s="613"/>
      <c r="PCT644" s="613"/>
      <c r="PCU644" s="613"/>
      <c r="PCV644" s="613"/>
      <c r="PCW644" s="613"/>
      <c r="PCX644" s="613"/>
      <c r="PCY644" s="613"/>
      <c r="PCZ644" s="613"/>
      <c r="PDA644" s="613"/>
      <c r="PDB644" s="613"/>
      <c r="PDC644" s="613"/>
      <c r="PDD644" s="613"/>
      <c r="PDE644" s="613"/>
      <c r="PDF644" s="613"/>
      <c r="PDG644" s="613"/>
      <c r="PDH644" s="613"/>
      <c r="PDI644" s="613"/>
      <c r="PDJ644" s="613"/>
      <c r="PDK644" s="613"/>
      <c r="PDL644" s="613"/>
      <c r="PDM644" s="613"/>
      <c r="PDN644" s="613"/>
      <c r="PDO644" s="613"/>
      <c r="PDP644" s="613"/>
      <c r="PDQ644" s="613"/>
      <c r="PDR644" s="613"/>
      <c r="PDS644" s="613"/>
      <c r="PDT644" s="613"/>
      <c r="PDU644" s="613"/>
      <c r="PDV644" s="613"/>
      <c r="PDW644" s="613"/>
      <c r="PDX644" s="613"/>
      <c r="PDY644" s="613"/>
      <c r="PDZ644" s="613"/>
      <c r="PEA644" s="613"/>
      <c r="PEB644" s="613"/>
      <c r="PEC644" s="613"/>
      <c r="PED644" s="613"/>
      <c r="PEE644" s="613"/>
      <c r="PEF644" s="613"/>
      <c r="PEG644" s="613"/>
      <c r="PEH644" s="613"/>
      <c r="PEI644" s="613"/>
      <c r="PEJ644" s="613"/>
      <c r="PEK644" s="613"/>
      <c r="PEL644" s="613"/>
      <c r="PEM644" s="613"/>
      <c r="PEN644" s="613"/>
      <c r="PEO644" s="613"/>
      <c r="PEP644" s="613"/>
      <c r="PEQ644" s="613"/>
      <c r="PER644" s="613"/>
      <c r="PES644" s="613"/>
      <c r="PET644" s="613"/>
      <c r="PEU644" s="613"/>
      <c r="PEV644" s="613"/>
      <c r="PEW644" s="613"/>
      <c r="PEX644" s="613"/>
      <c r="PEY644" s="613"/>
      <c r="PEZ644" s="613"/>
      <c r="PFA644" s="613"/>
      <c r="PFB644" s="613"/>
      <c r="PFC644" s="613"/>
      <c r="PFD644" s="613"/>
      <c r="PFE644" s="613"/>
      <c r="PFF644" s="613"/>
      <c r="PFG644" s="613"/>
      <c r="PFH644" s="613"/>
      <c r="PFI644" s="613"/>
      <c r="PFJ644" s="613"/>
      <c r="PFK644" s="613"/>
      <c r="PFL644" s="613"/>
      <c r="PFM644" s="613"/>
      <c r="PFN644" s="613"/>
      <c r="PFO644" s="613"/>
      <c r="PFP644" s="613"/>
      <c r="PFQ644" s="613"/>
      <c r="PFR644" s="613"/>
      <c r="PFS644" s="613"/>
      <c r="PFT644" s="613"/>
      <c r="PFU644" s="613"/>
      <c r="PFV644" s="613"/>
      <c r="PFW644" s="613"/>
      <c r="PFX644" s="613"/>
      <c r="PFY644" s="613"/>
      <c r="PFZ644" s="613"/>
      <c r="PGA644" s="613"/>
      <c r="PGB644" s="613"/>
      <c r="PGC644" s="613"/>
      <c r="PGD644" s="613"/>
      <c r="PGE644" s="613"/>
      <c r="PGF644" s="613"/>
      <c r="PGG644" s="613"/>
      <c r="PGH644" s="613"/>
      <c r="PGI644" s="613"/>
      <c r="PGJ644" s="613"/>
      <c r="PGK644" s="613"/>
      <c r="PGL644" s="613"/>
      <c r="PGM644" s="613"/>
      <c r="PGN644" s="613"/>
      <c r="PGO644" s="613"/>
      <c r="PGP644" s="613"/>
      <c r="PGQ644" s="613"/>
      <c r="PGR644" s="613"/>
      <c r="PGS644" s="613"/>
      <c r="PGT644" s="613"/>
      <c r="PGU644" s="613"/>
      <c r="PGV644" s="613"/>
      <c r="PGW644" s="613"/>
      <c r="PGX644" s="613"/>
      <c r="PGY644" s="613"/>
      <c r="PGZ644" s="613"/>
      <c r="PHA644" s="613"/>
      <c r="PHB644" s="613"/>
      <c r="PHC644" s="613"/>
      <c r="PHD644" s="613"/>
      <c r="PHE644" s="613"/>
      <c r="PHF644" s="613"/>
      <c r="PHG644" s="613"/>
      <c r="PHH644" s="613"/>
      <c r="PHI644" s="613"/>
      <c r="PHJ644" s="613"/>
      <c r="PHK644" s="613"/>
      <c r="PHL644" s="613"/>
      <c r="PHM644" s="613"/>
      <c r="PHN644" s="613"/>
      <c r="PHO644" s="613"/>
      <c r="PHP644" s="613"/>
      <c r="PHQ644" s="613"/>
      <c r="PHR644" s="613"/>
      <c r="PHS644" s="613"/>
      <c r="PHT644" s="613"/>
      <c r="PHU644" s="613"/>
      <c r="PHV644" s="613"/>
      <c r="PHW644" s="613"/>
      <c r="PHX644" s="613"/>
      <c r="PHY644" s="613"/>
      <c r="PHZ644" s="613"/>
      <c r="PIA644" s="613"/>
      <c r="PIB644" s="613"/>
      <c r="PIC644" s="613"/>
      <c r="PID644" s="613"/>
      <c r="PIE644" s="613"/>
      <c r="PIF644" s="613"/>
      <c r="PIG644" s="613"/>
      <c r="PIH644" s="613"/>
      <c r="PII644" s="613"/>
      <c r="PIJ644" s="613"/>
      <c r="PIK644" s="613"/>
      <c r="PIL644" s="613"/>
      <c r="PIM644" s="613"/>
      <c r="PIN644" s="613"/>
      <c r="PIO644" s="613"/>
      <c r="PIP644" s="613"/>
      <c r="PIQ644" s="613"/>
      <c r="PIR644" s="613"/>
      <c r="PIS644" s="613"/>
      <c r="PIT644" s="613"/>
      <c r="PIU644" s="613"/>
      <c r="PIV644" s="613"/>
      <c r="PIW644" s="613"/>
      <c r="PIX644" s="613"/>
      <c r="PIY644" s="613"/>
      <c r="PIZ644" s="613"/>
      <c r="PJA644" s="613"/>
      <c r="PJB644" s="613"/>
      <c r="PJC644" s="613"/>
      <c r="PJD644" s="613"/>
      <c r="PJE644" s="613"/>
      <c r="PJF644" s="613"/>
      <c r="PJG644" s="613"/>
      <c r="PJH644" s="613"/>
      <c r="PJI644" s="613"/>
      <c r="PJJ644" s="613"/>
      <c r="PJK644" s="613"/>
      <c r="PJL644" s="613"/>
      <c r="PJM644" s="613"/>
      <c r="PJN644" s="613"/>
      <c r="PJO644" s="613"/>
      <c r="PJP644" s="613"/>
      <c r="PJQ644" s="613"/>
      <c r="PJR644" s="613"/>
      <c r="PJS644" s="613"/>
      <c r="PJT644" s="613"/>
      <c r="PJU644" s="613"/>
      <c r="PJV644" s="613"/>
      <c r="PJW644" s="613"/>
      <c r="PJX644" s="613"/>
      <c r="PJY644" s="613"/>
      <c r="PJZ644" s="613"/>
      <c r="PKA644" s="613"/>
      <c r="PKB644" s="613"/>
      <c r="PKC644" s="613"/>
      <c r="PKD644" s="613"/>
      <c r="PKE644" s="613"/>
      <c r="PKF644" s="613"/>
      <c r="PKG644" s="613"/>
      <c r="PKH644" s="613"/>
      <c r="PKI644" s="613"/>
      <c r="PKJ644" s="613"/>
      <c r="PKK644" s="613"/>
      <c r="PKL644" s="613"/>
      <c r="PKM644" s="613"/>
      <c r="PKN644" s="613"/>
      <c r="PKO644" s="613"/>
      <c r="PKP644" s="613"/>
      <c r="PKQ644" s="613"/>
      <c r="PKR644" s="613"/>
      <c r="PKS644" s="613"/>
      <c r="PKT644" s="613"/>
      <c r="PKU644" s="613"/>
      <c r="PKV644" s="613"/>
      <c r="PKW644" s="613"/>
      <c r="PKX644" s="613"/>
      <c r="PKY644" s="613"/>
      <c r="PKZ644" s="613"/>
      <c r="PLA644" s="613"/>
      <c r="PLB644" s="613"/>
      <c r="PLC644" s="613"/>
      <c r="PLD644" s="613"/>
      <c r="PLE644" s="613"/>
      <c r="PLF644" s="613"/>
      <c r="PLG644" s="613"/>
      <c r="PLH644" s="613"/>
      <c r="PLI644" s="613"/>
      <c r="PLJ644" s="613"/>
      <c r="PLK644" s="613"/>
      <c r="PLL644" s="613"/>
      <c r="PLM644" s="613"/>
      <c r="PLN644" s="613"/>
      <c r="PLO644" s="613"/>
      <c r="PLP644" s="613"/>
      <c r="PLQ644" s="613"/>
      <c r="PLR644" s="613"/>
      <c r="PLS644" s="613"/>
      <c r="PLT644" s="613"/>
      <c r="PLU644" s="613"/>
      <c r="PLV644" s="613"/>
      <c r="PLW644" s="613"/>
      <c r="PLX644" s="613"/>
      <c r="PLY644" s="613"/>
      <c r="PLZ644" s="613"/>
      <c r="PMA644" s="613"/>
      <c r="PMB644" s="613"/>
      <c r="PMC644" s="613"/>
      <c r="PMD644" s="613"/>
      <c r="PME644" s="613"/>
      <c r="PMF644" s="613"/>
      <c r="PMG644" s="613"/>
      <c r="PMH644" s="613"/>
      <c r="PMI644" s="613"/>
      <c r="PMJ644" s="613"/>
      <c r="PMK644" s="613"/>
      <c r="PML644" s="613"/>
      <c r="PMM644" s="613"/>
      <c r="PMN644" s="613"/>
      <c r="PMO644" s="613"/>
      <c r="PMP644" s="613"/>
      <c r="PMQ644" s="613"/>
      <c r="PMR644" s="613"/>
      <c r="PMS644" s="613"/>
      <c r="PMT644" s="613"/>
      <c r="PMU644" s="613"/>
      <c r="PMV644" s="613"/>
      <c r="PMW644" s="613"/>
      <c r="PMX644" s="613"/>
      <c r="PMY644" s="613"/>
      <c r="PMZ644" s="613"/>
      <c r="PNA644" s="613"/>
      <c r="PNB644" s="613"/>
      <c r="PNC644" s="613"/>
      <c r="PND644" s="613"/>
      <c r="PNE644" s="613"/>
      <c r="PNF644" s="613"/>
      <c r="PNG644" s="613"/>
      <c r="PNH644" s="613"/>
      <c r="PNI644" s="613"/>
      <c r="PNJ644" s="613"/>
      <c r="PNK644" s="613"/>
      <c r="PNL644" s="613"/>
      <c r="PNM644" s="613"/>
      <c r="PNN644" s="613"/>
      <c r="PNO644" s="613"/>
      <c r="PNP644" s="613"/>
      <c r="PNQ644" s="613"/>
      <c r="PNR644" s="613"/>
      <c r="PNS644" s="613"/>
      <c r="PNT644" s="613"/>
      <c r="PNU644" s="613"/>
      <c r="PNV644" s="613"/>
      <c r="PNW644" s="613"/>
      <c r="PNX644" s="613"/>
      <c r="PNY644" s="613"/>
      <c r="PNZ644" s="613"/>
      <c r="POA644" s="613"/>
      <c r="POB644" s="613"/>
      <c r="POC644" s="613"/>
      <c r="POD644" s="613"/>
      <c r="POE644" s="613"/>
      <c r="POF644" s="613"/>
      <c r="POG644" s="613"/>
      <c r="POH644" s="613"/>
      <c r="POI644" s="613"/>
      <c r="POJ644" s="613"/>
      <c r="POK644" s="613"/>
      <c r="POL644" s="613"/>
      <c r="POM644" s="613"/>
      <c r="PON644" s="613"/>
      <c r="POO644" s="613"/>
      <c r="POP644" s="613"/>
      <c r="POQ644" s="613"/>
      <c r="POR644" s="613"/>
      <c r="POS644" s="613"/>
      <c r="POT644" s="613"/>
      <c r="POU644" s="613"/>
      <c r="POV644" s="613"/>
      <c r="POW644" s="613"/>
      <c r="POX644" s="613"/>
      <c r="POY644" s="613"/>
      <c r="POZ644" s="613"/>
      <c r="PPA644" s="613"/>
      <c r="PPB644" s="613"/>
      <c r="PPC644" s="613"/>
      <c r="PPD644" s="613"/>
      <c r="PPE644" s="613"/>
      <c r="PPF644" s="613"/>
      <c r="PPG644" s="613"/>
      <c r="PPH644" s="613"/>
      <c r="PPI644" s="613"/>
      <c r="PPJ644" s="613"/>
      <c r="PPK644" s="613"/>
      <c r="PPL644" s="613"/>
      <c r="PPM644" s="613"/>
      <c r="PPN644" s="613"/>
      <c r="PPO644" s="613"/>
      <c r="PPP644" s="613"/>
      <c r="PPQ644" s="613"/>
      <c r="PPR644" s="613"/>
      <c r="PPS644" s="613"/>
      <c r="PPT644" s="613"/>
      <c r="PPU644" s="613"/>
      <c r="PPV644" s="613"/>
      <c r="PPW644" s="613"/>
      <c r="PPX644" s="613"/>
      <c r="PPY644" s="613"/>
      <c r="PPZ644" s="613"/>
      <c r="PQA644" s="613"/>
      <c r="PQB644" s="613"/>
      <c r="PQC644" s="613"/>
      <c r="PQD644" s="613"/>
      <c r="PQE644" s="613"/>
      <c r="PQF644" s="613"/>
      <c r="PQG644" s="613"/>
      <c r="PQH644" s="613"/>
      <c r="PQI644" s="613"/>
      <c r="PQJ644" s="613"/>
      <c r="PQK644" s="613"/>
      <c r="PQL644" s="613"/>
      <c r="PQM644" s="613"/>
      <c r="PQN644" s="613"/>
      <c r="PQO644" s="613"/>
      <c r="PQP644" s="613"/>
      <c r="PQQ644" s="613"/>
      <c r="PQR644" s="613"/>
      <c r="PQS644" s="613"/>
      <c r="PQT644" s="613"/>
      <c r="PQU644" s="613"/>
      <c r="PQV644" s="613"/>
      <c r="PQW644" s="613"/>
      <c r="PQX644" s="613"/>
      <c r="PQY644" s="613"/>
      <c r="PQZ644" s="613"/>
      <c r="PRA644" s="613"/>
      <c r="PRB644" s="613"/>
      <c r="PRC644" s="613"/>
      <c r="PRD644" s="613"/>
      <c r="PRE644" s="613"/>
      <c r="PRF644" s="613"/>
      <c r="PRG644" s="613"/>
      <c r="PRH644" s="613"/>
      <c r="PRI644" s="613"/>
      <c r="PRJ644" s="613"/>
      <c r="PRK644" s="613"/>
      <c r="PRL644" s="613"/>
      <c r="PRM644" s="613"/>
      <c r="PRN644" s="613"/>
      <c r="PRO644" s="613"/>
      <c r="PRP644" s="613"/>
      <c r="PRQ644" s="613"/>
      <c r="PRR644" s="613"/>
      <c r="PRS644" s="613"/>
      <c r="PRT644" s="613"/>
      <c r="PRU644" s="613"/>
      <c r="PRV644" s="613"/>
      <c r="PRW644" s="613"/>
      <c r="PRX644" s="613"/>
      <c r="PRY644" s="613"/>
      <c r="PRZ644" s="613"/>
      <c r="PSA644" s="613"/>
      <c r="PSB644" s="613"/>
      <c r="PSC644" s="613"/>
      <c r="PSD644" s="613"/>
      <c r="PSE644" s="613"/>
      <c r="PSF644" s="613"/>
      <c r="PSG644" s="613"/>
      <c r="PSH644" s="613"/>
      <c r="PSI644" s="613"/>
      <c r="PSJ644" s="613"/>
      <c r="PSK644" s="613"/>
      <c r="PSL644" s="613"/>
      <c r="PSM644" s="613"/>
      <c r="PSN644" s="613"/>
      <c r="PSO644" s="613"/>
      <c r="PSP644" s="613"/>
      <c r="PSQ644" s="613"/>
      <c r="PSR644" s="613"/>
      <c r="PSS644" s="613"/>
      <c r="PST644" s="613"/>
      <c r="PSU644" s="613"/>
      <c r="PSV644" s="613"/>
      <c r="PSW644" s="613"/>
      <c r="PSX644" s="613"/>
      <c r="PSY644" s="613"/>
      <c r="PSZ644" s="613"/>
      <c r="PTA644" s="613"/>
      <c r="PTB644" s="613"/>
      <c r="PTC644" s="613"/>
      <c r="PTD644" s="613"/>
      <c r="PTE644" s="613"/>
      <c r="PTF644" s="613"/>
      <c r="PTG644" s="613"/>
      <c r="PTH644" s="613"/>
      <c r="PTI644" s="613"/>
      <c r="PTJ644" s="613"/>
      <c r="PTK644" s="613"/>
      <c r="PTL644" s="613"/>
      <c r="PTM644" s="613"/>
      <c r="PTN644" s="613"/>
      <c r="PTO644" s="613"/>
      <c r="PTP644" s="613"/>
      <c r="PTQ644" s="613"/>
      <c r="PTR644" s="613"/>
      <c r="PTS644" s="613"/>
      <c r="PTT644" s="613"/>
      <c r="PTU644" s="613"/>
      <c r="PTV644" s="613"/>
      <c r="PTW644" s="613"/>
      <c r="PTX644" s="613"/>
      <c r="PTY644" s="613"/>
      <c r="PTZ644" s="613"/>
      <c r="PUA644" s="613"/>
      <c r="PUB644" s="613"/>
      <c r="PUC644" s="613"/>
      <c r="PUD644" s="613"/>
      <c r="PUE644" s="613"/>
      <c r="PUF644" s="613"/>
      <c r="PUG644" s="613"/>
      <c r="PUH644" s="613"/>
      <c r="PUI644" s="613"/>
      <c r="PUJ644" s="613"/>
      <c r="PUK644" s="613"/>
      <c r="PUL644" s="613"/>
      <c r="PUM644" s="613"/>
      <c r="PUN644" s="613"/>
      <c r="PUO644" s="613"/>
      <c r="PUP644" s="613"/>
      <c r="PUQ644" s="613"/>
      <c r="PUR644" s="613"/>
      <c r="PUS644" s="613"/>
      <c r="PUT644" s="613"/>
      <c r="PUU644" s="613"/>
      <c r="PUV644" s="613"/>
      <c r="PUW644" s="613"/>
      <c r="PUX644" s="613"/>
      <c r="PUY644" s="613"/>
      <c r="PUZ644" s="613"/>
      <c r="PVA644" s="613"/>
      <c r="PVB644" s="613"/>
      <c r="PVC644" s="613"/>
      <c r="PVD644" s="613"/>
      <c r="PVE644" s="613"/>
      <c r="PVF644" s="613"/>
      <c r="PVG644" s="613"/>
      <c r="PVH644" s="613"/>
      <c r="PVI644" s="613"/>
      <c r="PVJ644" s="613"/>
      <c r="PVK644" s="613"/>
      <c r="PVL644" s="613"/>
      <c r="PVM644" s="613"/>
      <c r="PVN644" s="613"/>
      <c r="PVO644" s="613"/>
      <c r="PVP644" s="613"/>
      <c r="PVQ644" s="613"/>
      <c r="PVR644" s="613"/>
      <c r="PVS644" s="613"/>
      <c r="PVT644" s="613"/>
      <c r="PVU644" s="613"/>
      <c r="PVV644" s="613"/>
      <c r="PVW644" s="613"/>
      <c r="PVX644" s="613"/>
      <c r="PVY644" s="613"/>
      <c r="PVZ644" s="613"/>
      <c r="PWA644" s="613"/>
      <c r="PWB644" s="613"/>
      <c r="PWC644" s="613"/>
      <c r="PWD644" s="613"/>
      <c r="PWE644" s="613"/>
      <c r="PWF644" s="613"/>
      <c r="PWG644" s="613"/>
      <c r="PWH644" s="613"/>
      <c r="PWI644" s="613"/>
      <c r="PWJ644" s="613"/>
      <c r="PWK644" s="613"/>
      <c r="PWL644" s="613"/>
      <c r="PWM644" s="613"/>
      <c r="PWN644" s="613"/>
      <c r="PWO644" s="613"/>
      <c r="PWP644" s="613"/>
      <c r="PWQ644" s="613"/>
      <c r="PWR644" s="613"/>
      <c r="PWS644" s="613"/>
      <c r="PWT644" s="613"/>
      <c r="PWU644" s="613"/>
      <c r="PWV644" s="613"/>
      <c r="PWW644" s="613"/>
      <c r="PWX644" s="613"/>
      <c r="PWY644" s="613"/>
      <c r="PWZ644" s="613"/>
      <c r="PXA644" s="613"/>
      <c r="PXB644" s="613"/>
      <c r="PXC644" s="613"/>
      <c r="PXD644" s="613"/>
      <c r="PXE644" s="613"/>
      <c r="PXF644" s="613"/>
      <c r="PXG644" s="613"/>
      <c r="PXH644" s="613"/>
      <c r="PXI644" s="613"/>
      <c r="PXJ644" s="613"/>
      <c r="PXK644" s="613"/>
      <c r="PXL644" s="613"/>
      <c r="PXM644" s="613"/>
      <c r="PXN644" s="613"/>
      <c r="PXO644" s="613"/>
      <c r="PXP644" s="613"/>
      <c r="PXQ644" s="613"/>
      <c r="PXR644" s="613"/>
      <c r="PXS644" s="613"/>
      <c r="PXT644" s="613"/>
      <c r="PXU644" s="613"/>
      <c r="PXV644" s="613"/>
      <c r="PXW644" s="613"/>
      <c r="PXX644" s="613"/>
      <c r="PXY644" s="613"/>
      <c r="PXZ644" s="613"/>
      <c r="PYA644" s="613"/>
      <c r="PYB644" s="613"/>
      <c r="PYC644" s="613"/>
      <c r="PYD644" s="613"/>
      <c r="PYE644" s="613"/>
      <c r="PYF644" s="613"/>
      <c r="PYG644" s="613"/>
      <c r="PYH644" s="613"/>
      <c r="PYI644" s="613"/>
      <c r="PYJ644" s="613"/>
      <c r="PYK644" s="613"/>
      <c r="PYL644" s="613"/>
      <c r="PYM644" s="613"/>
      <c r="PYN644" s="613"/>
      <c r="PYO644" s="613"/>
      <c r="PYP644" s="613"/>
      <c r="PYQ644" s="613"/>
      <c r="PYR644" s="613"/>
      <c r="PYS644" s="613"/>
      <c r="PYT644" s="613"/>
      <c r="PYU644" s="613"/>
      <c r="PYV644" s="613"/>
      <c r="PYW644" s="613"/>
      <c r="PYX644" s="613"/>
      <c r="PYY644" s="613"/>
      <c r="PYZ644" s="613"/>
      <c r="PZA644" s="613"/>
      <c r="PZB644" s="613"/>
      <c r="PZC644" s="613"/>
      <c r="PZD644" s="613"/>
      <c r="PZE644" s="613"/>
      <c r="PZF644" s="613"/>
      <c r="PZG644" s="613"/>
      <c r="PZH644" s="613"/>
      <c r="PZI644" s="613"/>
      <c r="PZJ644" s="613"/>
      <c r="PZK644" s="613"/>
      <c r="PZL644" s="613"/>
      <c r="PZM644" s="613"/>
      <c r="PZN644" s="613"/>
      <c r="PZO644" s="613"/>
      <c r="PZP644" s="613"/>
      <c r="PZQ644" s="613"/>
      <c r="PZR644" s="613"/>
      <c r="PZS644" s="613"/>
      <c r="PZT644" s="613"/>
      <c r="PZU644" s="613"/>
      <c r="PZV644" s="613"/>
      <c r="PZW644" s="613"/>
      <c r="PZX644" s="613"/>
      <c r="PZY644" s="613"/>
      <c r="PZZ644" s="613"/>
      <c r="QAA644" s="613"/>
      <c r="QAB644" s="613"/>
      <c r="QAC644" s="613"/>
      <c r="QAD644" s="613"/>
      <c r="QAE644" s="613"/>
      <c r="QAF644" s="613"/>
      <c r="QAG644" s="613"/>
      <c r="QAH644" s="613"/>
      <c r="QAI644" s="613"/>
      <c r="QAJ644" s="613"/>
      <c r="QAK644" s="613"/>
      <c r="QAL644" s="613"/>
      <c r="QAM644" s="613"/>
      <c r="QAN644" s="613"/>
      <c r="QAO644" s="613"/>
      <c r="QAP644" s="613"/>
      <c r="QAQ644" s="613"/>
      <c r="QAR644" s="613"/>
      <c r="QAS644" s="613"/>
      <c r="QAT644" s="613"/>
      <c r="QAU644" s="613"/>
      <c r="QAV644" s="613"/>
      <c r="QAW644" s="613"/>
      <c r="QAX644" s="613"/>
      <c r="QAY644" s="613"/>
      <c r="QAZ644" s="613"/>
      <c r="QBA644" s="613"/>
      <c r="QBB644" s="613"/>
      <c r="QBC644" s="613"/>
      <c r="QBD644" s="613"/>
      <c r="QBE644" s="613"/>
      <c r="QBF644" s="613"/>
      <c r="QBG644" s="613"/>
      <c r="QBH644" s="613"/>
      <c r="QBI644" s="613"/>
      <c r="QBJ644" s="613"/>
      <c r="QBK644" s="613"/>
      <c r="QBL644" s="613"/>
      <c r="QBM644" s="613"/>
      <c r="QBN644" s="613"/>
      <c r="QBO644" s="613"/>
      <c r="QBP644" s="613"/>
      <c r="QBQ644" s="613"/>
      <c r="QBR644" s="613"/>
      <c r="QBS644" s="613"/>
      <c r="QBT644" s="613"/>
      <c r="QBU644" s="613"/>
      <c r="QBV644" s="613"/>
      <c r="QBW644" s="613"/>
      <c r="QBX644" s="613"/>
      <c r="QBY644" s="613"/>
      <c r="QBZ644" s="613"/>
      <c r="QCA644" s="613"/>
      <c r="QCB644" s="613"/>
      <c r="QCC644" s="613"/>
      <c r="QCD644" s="613"/>
      <c r="QCE644" s="613"/>
      <c r="QCF644" s="613"/>
      <c r="QCG644" s="613"/>
      <c r="QCH644" s="613"/>
      <c r="QCI644" s="613"/>
      <c r="QCJ644" s="613"/>
      <c r="QCK644" s="613"/>
      <c r="QCL644" s="613"/>
      <c r="QCM644" s="613"/>
      <c r="QCN644" s="613"/>
      <c r="QCO644" s="613"/>
      <c r="QCP644" s="613"/>
      <c r="QCQ644" s="613"/>
      <c r="QCR644" s="613"/>
      <c r="QCS644" s="613"/>
      <c r="QCT644" s="613"/>
      <c r="QCU644" s="613"/>
      <c r="QCV644" s="613"/>
      <c r="QCW644" s="613"/>
      <c r="QCX644" s="613"/>
      <c r="QCY644" s="613"/>
      <c r="QCZ644" s="613"/>
      <c r="QDA644" s="613"/>
      <c r="QDB644" s="613"/>
      <c r="QDC644" s="613"/>
      <c r="QDD644" s="613"/>
      <c r="QDE644" s="613"/>
      <c r="QDF644" s="613"/>
      <c r="QDG644" s="613"/>
      <c r="QDH644" s="613"/>
      <c r="QDI644" s="613"/>
      <c r="QDJ644" s="613"/>
      <c r="QDK644" s="613"/>
      <c r="QDL644" s="613"/>
      <c r="QDM644" s="613"/>
      <c r="QDN644" s="613"/>
      <c r="QDO644" s="613"/>
      <c r="QDP644" s="613"/>
      <c r="QDQ644" s="613"/>
      <c r="QDR644" s="613"/>
      <c r="QDS644" s="613"/>
      <c r="QDT644" s="613"/>
      <c r="QDU644" s="613"/>
      <c r="QDV644" s="613"/>
      <c r="QDW644" s="613"/>
      <c r="QDX644" s="613"/>
      <c r="QDY644" s="613"/>
      <c r="QDZ644" s="613"/>
      <c r="QEA644" s="613"/>
      <c r="QEB644" s="613"/>
      <c r="QEC644" s="613"/>
      <c r="QED644" s="613"/>
      <c r="QEE644" s="613"/>
      <c r="QEF644" s="613"/>
      <c r="QEG644" s="613"/>
      <c r="QEH644" s="613"/>
      <c r="QEI644" s="613"/>
      <c r="QEJ644" s="613"/>
      <c r="QEK644" s="613"/>
      <c r="QEL644" s="613"/>
      <c r="QEM644" s="613"/>
      <c r="QEN644" s="613"/>
      <c r="QEO644" s="613"/>
      <c r="QEP644" s="613"/>
      <c r="QEQ644" s="613"/>
      <c r="QER644" s="613"/>
      <c r="QES644" s="613"/>
      <c r="QET644" s="613"/>
      <c r="QEU644" s="613"/>
      <c r="QEV644" s="613"/>
      <c r="QEW644" s="613"/>
      <c r="QEX644" s="613"/>
      <c r="QEY644" s="613"/>
      <c r="QEZ644" s="613"/>
      <c r="QFA644" s="613"/>
      <c r="QFB644" s="613"/>
      <c r="QFC644" s="613"/>
      <c r="QFD644" s="613"/>
      <c r="QFE644" s="613"/>
      <c r="QFF644" s="613"/>
      <c r="QFG644" s="613"/>
      <c r="QFH644" s="613"/>
      <c r="QFI644" s="613"/>
      <c r="QFJ644" s="613"/>
      <c r="QFK644" s="613"/>
      <c r="QFL644" s="613"/>
      <c r="QFM644" s="613"/>
      <c r="QFN644" s="613"/>
      <c r="QFO644" s="613"/>
      <c r="QFP644" s="613"/>
      <c r="QFQ644" s="613"/>
      <c r="QFR644" s="613"/>
      <c r="QFS644" s="613"/>
      <c r="QFT644" s="613"/>
      <c r="QFU644" s="613"/>
      <c r="QFV644" s="613"/>
      <c r="QFW644" s="613"/>
      <c r="QFX644" s="613"/>
      <c r="QFY644" s="613"/>
      <c r="QFZ644" s="613"/>
      <c r="QGA644" s="613"/>
      <c r="QGB644" s="613"/>
      <c r="QGC644" s="613"/>
      <c r="QGD644" s="613"/>
      <c r="QGE644" s="613"/>
      <c r="QGF644" s="613"/>
      <c r="QGG644" s="613"/>
      <c r="QGH644" s="613"/>
      <c r="QGI644" s="613"/>
      <c r="QGJ644" s="613"/>
      <c r="QGK644" s="613"/>
      <c r="QGL644" s="613"/>
      <c r="QGM644" s="613"/>
      <c r="QGN644" s="613"/>
      <c r="QGO644" s="613"/>
      <c r="QGP644" s="613"/>
      <c r="QGQ644" s="613"/>
      <c r="QGR644" s="613"/>
      <c r="QGS644" s="613"/>
      <c r="QGT644" s="613"/>
      <c r="QGU644" s="613"/>
      <c r="QGV644" s="613"/>
      <c r="QGW644" s="613"/>
      <c r="QGX644" s="613"/>
      <c r="QGY644" s="613"/>
      <c r="QGZ644" s="613"/>
      <c r="QHA644" s="613"/>
      <c r="QHB644" s="613"/>
      <c r="QHC644" s="613"/>
      <c r="QHD644" s="613"/>
      <c r="QHE644" s="613"/>
      <c r="QHF644" s="613"/>
      <c r="QHG644" s="613"/>
      <c r="QHH644" s="613"/>
      <c r="QHI644" s="613"/>
      <c r="QHJ644" s="613"/>
      <c r="QHK644" s="613"/>
      <c r="QHL644" s="613"/>
      <c r="QHM644" s="613"/>
      <c r="QHN644" s="613"/>
      <c r="QHO644" s="613"/>
      <c r="QHP644" s="613"/>
      <c r="QHQ644" s="613"/>
      <c r="QHR644" s="613"/>
      <c r="QHS644" s="613"/>
      <c r="QHT644" s="613"/>
      <c r="QHU644" s="613"/>
      <c r="QHV644" s="613"/>
      <c r="QHW644" s="613"/>
      <c r="QHX644" s="613"/>
      <c r="QHY644" s="613"/>
      <c r="QHZ644" s="613"/>
      <c r="QIA644" s="613"/>
      <c r="QIB644" s="613"/>
      <c r="QIC644" s="613"/>
      <c r="QID644" s="613"/>
      <c r="QIE644" s="613"/>
      <c r="QIF644" s="613"/>
      <c r="QIG644" s="613"/>
      <c r="QIH644" s="613"/>
      <c r="QII644" s="613"/>
      <c r="QIJ644" s="613"/>
      <c r="QIK644" s="613"/>
      <c r="QIL644" s="613"/>
      <c r="QIM644" s="613"/>
      <c r="QIN644" s="613"/>
      <c r="QIO644" s="613"/>
      <c r="QIP644" s="613"/>
      <c r="QIQ644" s="613"/>
      <c r="QIR644" s="613"/>
      <c r="QIS644" s="613"/>
      <c r="QIT644" s="613"/>
      <c r="QIU644" s="613"/>
      <c r="QIV644" s="613"/>
      <c r="QIW644" s="613"/>
      <c r="QIX644" s="613"/>
      <c r="QIY644" s="613"/>
      <c r="QIZ644" s="613"/>
      <c r="QJA644" s="613"/>
      <c r="QJB644" s="613"/>
      <c r="QJC644" s="613"/>
      <c r="QJD644" s="613"/>
      <c r="QJE644" s="613"/>
      <c r="QJF644" s="613"/>
      <c r="QJG644" s="613"/>
      <c r="QJH644" s="613"/>
      <c r="QJI644" s="613"/>
      <c r="QJJ644" s="613"/>
      <c r="QJK644" s="613"/>
      <c r="QJL644" s="613"/>
      <c r="QJM644" s="613"/>
      <c r="QJN644" s="613"/>
      <c r="QJO644" s="613"/>
      <c r="QJP644" s="613"/>
      <c r="QJQ644" s="613"/>
      <c r="QJR644" s="613"/>
      <c r="QJS644" s="613"/>
      <c r="QJT644" s="613"/>
      <c r="QJU644" s="613"/>
      <c r="QJV644" s="613"/>
      <c r="QJW644" s="613"/>
      <c r="QJX644" s="613"/>
      <c r="QJY644" s="613"/>
      <c r="QJZ644" s="613"/>
      <c r="QKA644" s="613"/>
      <c r="QKB644" s="613"/>
      <c r="QKC644" s="613"/>
      <c r="QKD644" s="613"/>
      <c r="QKE644" s="613"/>
      <c r="QKF644" s="613"/>
      <c r="QKG644" s="613"/>
      <c r="QKH644" s="613"/>
      <c r="QKI644" s="613"/>
      <c r="QKJ644" s="613"/>
      <c r="QKK644" s="613"/>
      <c r="QKL644" s="613"/>
      <c r="QKM644" s="613"/>
      <c r="QKN644" s="613"/>
      <c r="QKO644" s="613"/>
      <c r="QKP644" s="613"/>
      <c r="QKQ644" s="613"/>
      <c r="QKR644" s="613"/>
      <c r="QKS644" s="613"/>
      <c r="QKT644" s="613"/>
      <c r="QKU644" s="613"/>
      <c r="QKV644" s="613"/>
      <c r="QKW644" s="613"/>
      <c r="QKX644" s="613"/>
      <c r="QKY644" s="613"/>
      <c r="QKZ644" s="613"/>
      <c r="QLA644" s="613"/>
      <c r="QLB644" s="613"/>
      <c r="QLC644" s="613"/>
      <c r="QLD644" s="613"/>
      <c r="QLE644" s="613"/>
      <c r="QLF644" s="613"/>
      <c r="QLG644" s="613"/>
      <c r="QLH644" s="613"/>
      <c r="QLI644" s="613"/>
      <c r="QLJ644" s="613"/>
      <c r="QLK644" s="613"/>
      <c r="QLL644" s="613"/>
      <c r="QLM644" s="613"/>
      <c r="QLN644" s="613"/>
      <c r="QLO644" s="613"/>
      <c r="QLP644" s="613"/>
      <c r="QLQ644" s="613"/>
      <c r="QLR644" s="613"/>
      <c r="QLS644" s="613"/>
      <c r="QLT644" s="613"/>
      <c r="QLU644" s="613"/>
      <c r="QLV644" s="613"/>
      <c r="QLW644" s="613"/>
      <c r="QLX644" s="613"/>
      <c r="QLY644" s="613"/>
      <c r="QLZ644" s="613"/>
      <c r="QMA644" s="613"/>
      <c r="QMB644" s="613"/>
      <c r="QMC644" s="613"/>
      <c r="QMD644" s="613"/>
      <c r="QME644" s="613"/>
      <c r="QMF644" s="613"/>
      <c r="QMG644" s="613"/>
      <c r="QMH644" s="613"/>
      <c r="QMI644" s="613"/>
      <c r="QMJ644" s="613"/>
      <c r="QMK644" s="613"/>
      <c r="QML644" s="613"/>
      <c r="QMM644" s="613"/>
      <c r="QMN644" s="613"/>
      <c r="QMO644" s="613"/>
      <c r="QMP644" s="613"/>
      <c r="QMQ644" s="613"/>
      <c r="QMR644" s="613"/>
      <c r="QMS644" s="613"/>
      <c r="QMT644" s="613"/>
      <c r="QMU644" s="613"/>
      <c r="QMV644" s="613"/>
      <c r="QMW644" s="613"/>
      <c r="QMX644" s="613"/>
      <c r="QMY644" s="613"/>
      <c r="QMZ644" s="613"/>
      <c r="QNA644" s="613"/>
      <c r="QNB644" s="613"/>
      <c r="QNC644" s="613"/>
      <c r="QND644" s="613"/>
      <c r="QNE644" s="613"/>
      <c r="QNF644" s="613"/>
      <c r="QNG644" s="613"/>
      <c r="QNH644" s="613"/>
      <c r="QNI644" s="613"/>
      <c r="QNJ644" s="613"/>
      <c r="QNK644" s="613"/>
      <c r="QNL644" s="613"/>
      <c r="QNM644" s="613"/>
      <c r="QNN644" s="613"/>
      <c r="QNO644" s="613"/>
      <c r="QNP644" s="613"/>
      <c r="QNQ644" s="613"/>
      <c r="QNR644" s="613"/>
      <c r="QNS644" s="613"/>
      <c r="QNT644" s="613"/>
      <c r="QNU644" s="613"/>
      <c r="QNV644" s="613"/>
      <c r="QNW644" s="613"/>
      <c r="QNX644" s="613"/>
      <c r="QNY644" s="613"/>
      <c r="QNZ644" s="613"/>
      <c r="QOA644" s="613"/>
      <c r="QOB644" s="613"/>
      <c r="QOC644" s="613"/>
      <c r="QOD644" s="613"/>
      <c r="QOE644" s="613"/>
      <c r="QOF644" s="613"/>
      <c r="QOG644" s="613"/>
      <c r="QOH644" s="613"/>
      <c r="QOI644" s="613"/>
      <c r="QOJ644" s="613"/>
      <c r="QOK644" s="613"/>
      <c r="QOL644" s="613"/>
      <c r="QOM644" s="613"/>
      <c r="QON644" s="613"/>
      <c r="QOO644" s="613"/>
      <c r="QOP644" s="613"/>
      <c r="QOQ644" s="613"/>
      <c r="QOR644" s="613"/>
      <c r="QOS644" s="613"/>
      <c r="QOT644" s="613"/>
      <c r="QOU644" s="613"/>
      <c r="QOV644" s="613"/>
      <c r="QOW644" s="613"/>
      <c r="QOX644" s="613"/>
      <c r="QOY644" s="613"/>
      <c r="QOZ644" s="613"/>
      <c r="QPA644" s="613"/>
      <c r="QPB644" s="613"/>
      <c r="QPC644" s="613"/>
      <c r="QPD644" s="613"/>
      <c r="QPE644" s="613"/>
      <c r="QPF644" s="613"/>
      <c r="QPG644" s="613"/>
      <c r="QPH644" s="613"/>
      <c r="QPI644" s="613"/>
      <c r="QPJ644" s="613"/>
      <c r="QPK644" s="613"/>
      <c r="QPL644" s="613"/>
      <c r="QPM644" s="613"/>
      <c r="QPN644" s="613"/>
      <c r="QPO644" s="613"/>
      <c r="QPP644" s="613"/>
      <c r="QPQ644" s="613"/>
      <c r="QPR644" s="613"/>
      <c r="QPS644" s="613"/>
      <c r="QPT644" s="613"/>
      <c r="QPU644" s="613"/>
      <c r="QPV644" s="613"/>
      <c r="QPW644" s="613"/>
      <c r="QPX644" s="613"/>
      <c r="QPY644" s="613"/>
      <c r="QPZ644" s="613"/>
      <c r="QQA644" s="613"/>
      <c r="QQB644" s="613"/>
      <c r="QQC644" s="613"/>
      <c r="QQD644" s="613"/>
      <c r="QQE644" s="613"/>
      <c r="QQF644" s="613"/>
      <c r="QQG644" s="613"/>
      <c r="QQH644" s="613"/>
      <c r="QQI644" s="613"/>
      <c r="QQJ644" s="613"/>
      <c r="QQK644" s="613"/>
      <c r="QQL644" s="613"/>
      <c r="QQM644" s="613"/>
      <c r="QQN644" s="613"/>
      <c r="QQO644" s="613"/>
      <c r="QQP644" s="613"/>
      <c r="QQQ644" s="613"/>
      <c r="QQR644" s="613"/>
      <c r="QQS644" s="613"/>
      <c r="QQT644" s="613"/>
      <c r="QQU644" s="613"/>
      <c r="QQV644" s="613"/>
      <c r="QQW644" s="613"/>
      <c r="QQX644" s="613"/>
      <c r="QQY644" s="613"/>
      <c r="QQZ644" s="613"/>
      <c r="QRA644" s="613"/>
      <c r="QRB644" s="613"/>
      <c r="QRC644" s="613"/>
      <c r="QRD644" s="613"/>
      <c r="QRE644" s="613"/>
      <c r="QRF644" s="613"/>
      <c r="QRG644" s="613"/>
      <c r="QRH644" s="613"/>
      <c r="QRI644" s="613"/>
      <c r="QRJ644" s="613"/>
      <c r="QRK644" s="613"/>
      <c r="QRL644" s="613"/>
      <c r="QRM644" s="613"/>
      <c r="QRN644" s="613"/>
      <c r="QRO644" s="613"/>
      <c r="QRP644" s="613"/>
      <c r="QRQ644" s="613"/>
      <c r="QRR644" s="613"/>
      <c r="QRS644" s="613"/>
      <c r="QRT644" s="613"/>
      <c r="QRU644" s="613"/>
      <c r="QRV644" s="613"/>
      <c r="QRW644" s="613"/>
      <c r="QRX644" s="613"/>
      <c r="QRY644" s="613"/>
      <c r="QRZ644" s="613"/>
      <c r="QSA644" s="613"/>
      <c r="QSB644" s="613"/>
      <c r="QSC644" s="613"/>
      <c r="QSD644" s="613"/>
      <c r="QSE644" s="613"/>
      <c r="QSF644" s="613"/>
      <c r="QSG644" s="613"/>
      <c r="QSH644" s="613"/>
      <c r="QSI644" s="613"/>
      <c r="QSJ644" s="613"/>
      <c r="QSK644" s="613"/>
      <c r="QSL644" s="613"/>
      <c r="QSM644" s="613"/>
      <c r="QSN644" s="613"/>
      <c r="QSO644" s="613"/>
      <c r="QSP644" s="613"/>
      <c r="QSQ644" s="613"/>
      <c r="QSR644" s="613"/>
      <c r="QSS644" s="613"/>
      <c r="QST644" s="613"/>
      <c r="QSU644" s="613"/>
      <c r="QSV644" s="613"/>
      <c r="QSW644" s="613"/>
      <c r="QSX644" s="613"/>
      <c r="QSY644" s="613"/>
      <c r="QSZ644" s="613"/>
      <c r="QTA644" s="613"/>
      <c r="QTB644" s="613"/>
      <c r="QTC644" s="613"/>
      <c r="QTD644" s="613"/>
      <c r="QTE644" s="613"/>
      <c r="QTF644" s="613"/>
      <c r="QTG644" s="613"/>
      <c r="QTH644" s="613"/>
      <c r="QTI644" s="613"/>
      <c r="QTJ644" s="613"/>
      <c r="QTK644" s="613"/>
      <c r="QTL644" s="613"/>
      <c r="QTM644" s="613"/>
      <c r="QTN644" s="613"/>
      <c r="QTO644" s="613"/>
      <c r="QTP644" s="613"/>
      <c r="QTQ644" s="613"/>
      <c r="QTR644" s="613"/>
      <c r="QTS644" s="613"/>
      <c r="QTT644" s="613"/>
      <c r="QTU644" s="613"/>
      <c r="QTV644" s="613"/>
      <c r="QTW644" s="613"/>
      <c r="QTX644" s="613"/>
      <c r="QTY644" s="613"/>
      <c r="QTZ644" s="613"/>
      <c r="QUA644" s="613"/>
      <c r="QUB644" s="613"/>
      <c r="QUC644" s="613"/>
      <c r="QUD644" s="613"/>
      <c r="QUE644" s="613"/>
      <c r="QUF644" s="613"/>
      <c r="QUG644" s="613"/>
      <c r="QUH644" s="613"/>
      <c r="QUI644" s="613"/>
      <c r="QUJ644" s="613"/>
      <c r="QUK644" s="613"/>
      <c r="QUL644" s="613"/>
      <c r="QUM644" s="613"/>
      <c r="QUN644" s="613"/>
      <c r="QUO644" s="613"/>
      <c r="QUP644" s="613"/>
      <c r="QUQ644" s="613"/>
      <c r="QUR644" s="613"/>
      <c r="QUS644" s="613"/>
      <c r="QUT644" s="613"/>
      <c r="QUU644" s="613"/>
      <c r="QUV644" s="613"/>
      <c r="QUW644" s="613"/>
      <c r="QUX644" s="613"/>
      <c r="QUY644" s="613"/>
      <c r="QUZ644" s="613"/>
      <c r="QVA644" s="613"/>
      <c r="QVB644" s="613"/>
      <c r="QVC644" s="613"/>
      <c r="QVD644" s="613"/>
      <c r="QVE644" s="613"/>
      <c r="QVF644" s="613"/>
      <c r="QVG644" s="613"/>
      <c r="QVH644" s="613"/>
      <c r="QVI644" s="613"/>
      <c r="QVJ644" s="613"/>
      <c r="QVK644" s="613"/>
      <c r="QVL644" s="613"/>
      <c r="QVM644" s="613"/>
      <c r="QVN644" s="613"/>
      <c r="QVO644" s="613"/>
      <c r="QVP644" s="613"/>
      <c r="QVQ644" s="613"/>
      <c r="QVR644" s="613"/>
      <c r="QVS644" s="613"/>
      <c r="QVT644" s="613"/>
      <c r="QVU644" s="613"/>
      <c r="QVV644" s="613"/>
      <c r="QVW644" s="613"/>
      <c r="QVX644" s="613"/>
      <c r="QVY644" s="613"/>
      <c r="QVZ644" s="613"/>
      <c r="QWA644" s="613"/>
      <c r="QWB644" s="613"/>
      <c r="QWC644" s="613"/>
      <c r="QWD644" s="613"/>
      <c r="QWE644" s="613"/>
      <c r="QWF644" s="613"/>
      <c r="QWG644" s="613"/>
      <c r="QWH644" s="613"/>
      <c r="QWI644" s="613"/>
      <c r="QWJ644" s="613"/>
      <c r="QWK644" s="613"/>
      <c r="QWL644" s="613"/>
      <c r="QWM644" s="613"/>
      <c r="QWN644" s="613"/>
      <c r="QWO644" s="613"/>
      <c r="QWP644" s="613"/>
      <c r="QWQ644" s="613"/>
      <c r="QWR644" s="613"/>
      <c r="QWS644" s="613"/>
      <c r="QWT644" s="613"/>
      <c r="QWU644" s="613"/>
      <c r="QWV644" s="613"/>
      <c r="QWW644" s="613"/>
      <c r="QWX644" s="613"/>
      <c r="QWY644" s="613"/>
      <c r="QWZ644" s="613"/>
      <c r="QXA644" s="613"/>
      <c r="QXB644" s="613"/>
      <c r="QXC644" s="613"/>
      <c r="QXD644" s="613"/>
      <c r="QXE644" s="613"/>
      <c r="QXF644" s="613"/>
      <c r="QXG644" s="613"/>
      <c r="QXH644" s="613"/>
      <c r="QXI644" s="613"/>
      <c r="QXJ644" s="613"/>
      <c r="QXK644" s="613"/>
      <c r="QXL644" s="613"/>
      <c r="QXM644" s="613"/>
      <c r="QXN644" s="613"/>
      <c r="QXO644" s="613"/>
      <c r="QXP644" s="613"/>
      <c r="QXQ644" s="613"/>
      <c r="QXR644" s="613"/>
      <c r="QXS644" s="613"/>
      <c r="QXT644" s="613"/>
      <c r="QXU644" s="613"/>
      <c r="QXV644" s="613"/>
      <c r="QXW644" s="613"/>
      <c r="QXX644" s="613"/>
      <c r="QXY644" s="613"/>
      <c r="QXZ644" s="613"/>
      <c r="QYA644" s="613"/>
      <c r="QYB644" s="613"/>
      <c r="QYC644" s="613"/>
      <c r="QYD644" s="613"/>
      <c r="QYE644" s="613"/>
      <c r="QYF644" s="613"/>
      <c r="QYG644" s="613"/>
      <c r="QYH644" s="613"/>
      <c r="QYI644" s="613"/>
      <c r="QYJ644" s="613"/>
      <c r="QYK644" s="613"/>
      <c r="QYL644" s="613"/>
      <c r="QYM644" s="613"/>
      <c r="QYN644" s="613"/>
      <c r="QYO644" s="613"/>
      <c r="QYP644" s="613"/>
      <c r="QYQ644" s="613"/>
      <c r="QYR644" s="613"/>
      <c r="QYS644" s="613"/>
      <c r="QYT644" s="613"/>
      <c r="QYU644" s="613"/>
      <c r="QYV644" s="613"/>
      <c r="QYW644" s="613"/>
      <c r="QYX644" s="613"/>
      <c r="QYY644" s="613"/>
      <c r="QYZ644" s="613"/>
      <c r="QZA644" s="613"/>
      <c r="QZB644" s="613"/>
      <c r="QZC644" s="613"/>
      <c r="QZD644" s="613"/>
      <c r="QZE644" s="613"/>
      <c r="QZF644" s="613"/>
      <c r="QZG644" s="613"/>
      <c r="QZH644" s="613"/>
      <c r="QZI644" s="613"/>
      <c r="QZJ644" s="613"/>
      <c r="QZK644" s="613"/>
      <c r="QZL644" s="613"/>
      <c r="QZM644" s="613"/>
      <c r="QZN644" s="613"/>
      <c r="QZO644" s="613"/>
      <c r="QZP644" s="613"/>
      <c r="QZQ644" s="613"/>
      <c r="QZR644" s="613"/>
      <c r="QZS644" s="613"/>
      <c r="QZT644" s="613"/>
      <c r="QZU644" s="613"/>
      <c r="QZV644" s="613"/>
      <c r="QZW644" s="613"/>
      <c r="QZX644" s="613"/>
      <c r="QZY644" s="613"/>
      <c r="QZZ644" s="613"/>
      <c r="RAA644" s="613"/>
      <c r="RAB644" s="613"/>
      <c r="RAC644" s="613"/>
      <c r="RAD644" s="613"/>
      <c r="RAE644" s="613"/>
      <c r="RAF644" s="613"/>
      <c r="RAG644" s="613"/>
      <c r="RAH644" s="613"/>
      <c r="RAI644" s="613"/>
      <c r="RAJ644" s="613"/>
      <c r="RAK644" s="613"/>
      <c r="RAL644" s="613"/>
      <c r="RAM644" s="613"/>
      <c r="RAN644" s="613"/>
      <c r="RAO644" s="613"/>
      <c r="RAP644" s="613"/>
      <c r="RAQ644" s="613"/>
      <c r="RAR644" s="613"/>
      <c r="RAS644" s="613"/>
      <c r="RAT644" s="613"/>
      <c r="RAU644" s="613"/>
      <c r="RAV644" s="613"/>
      <c r="RAW644" s="613"/>
      <c r="RAX644" s="613"/>
      <c r="RAY644" s="613"/>
      <c r="RAZ644" s="613"/>
      <c r="RBA644" s="613"/>
      <c r="RBB644" s="613"/>
      <c r="RBC644" s="613"/>
      <c r="RBD644" s="613"/>
      <c r="RBE644" s="613"/>
      <c r="RBF644" s="613"/>
      <c r="RBG644" s="613"/>
      <c r="RBH644" s="613"/>
      <c r="RBI644" s="613"/>
      <c r="RBJ644" s="613"/>
      <c r="RBK644" s="613"/>
      <c r="RBL644" s="613"/>
      <c r="RBM644" s="613"/>
      <c r="RBN644" s="613"/>
      <c r="RBO644" s="613"/>
      <c r="RBP644" s="613"/>
      <c r="RBQ644" s="613"/>
      <c r="RBR644" s="613"/>
      <c r="RBS644" s="613"/>
      <c r="RBT644" s="613"/>
      <c r="RBU644" s="613"/>
      <c r="RBV644" s="613"/>
      <c r="RBW644" s="613"/>
      <c r="RBX644" s="613"/>
      <c r="RBY644" s="613"/>
      <c r="RBZ644" s="613"/>
      <c r="RCA644" s="613"/>
      <c r="RCB644" s="613"/>
      <c r="RCC644" s="613"/>
      <c r="RCD644" s="613"/>
      <c r="RCE644" s="613"/>
      <c r="RCF644" s="613"/>
      <c r="RCG644" s="613"/>
      <c r="RCH644" s="613"/>
      <c r="RCI644" s="613"/>
      <c r="RCJ644" s="613"/>
      <c r="RCK644" s="613"/>
      <c r="RCL644" s="613"/>
      <c r="RCM644" s="613"/>
      <c r="RCN644" s="613"/>
      <c r="RCO644" s="613"/>
      <c r="RCP644" s="613"/>
      <c r="RCQ644" s="613"/>
      <c r="RCR644" s="613"/>
      <c r="RCS644" s="613"/>
      <c r="RCT644" s="613"/>
      <c r="RCU644" s="613"/>
      <c r="RCV644" s="613"/>
      <c r="RCW644" s="613"/>
      <c r="RCX644" s="613"/>
      <c r="RCY644" s="613"/>
      <c r="RCZ644" s="613"/>
      <c r="RDA644" s="613"/>
      <c r="RDB644" s="613"/>
      <c r="RDC644" s="613"/>
      <c r="RDD644" s="613"/>
      <c r="RDE644" s="613"/>
      <c r="RDF644" s="613"/>
      <c r="RDG644" s="613"/>
      <c r="RDH644" s="613"/>
      <c r="RDI644" s="613"/>
      <c r="RDJ644" s="613"/>
      <c r="RDK644" s="613"/>
      <c r="RDL644" s="613"/>
      <c r="RDM644" s="613"/>
      <c r="RDN644" s="613"/>
      <c r="RDO644" s="613"/>
      <c r="RDP644" s="613"/>
      <c r="RDQ644" s="613"/>
      <c r="RDR644" s="613"/>
      <c r="RDS644" s="613"/>
      <c r="RDT644" s="613"/>
      <c r="RDU644" s="613"/>
      <c r="RDV644" s="613"/>
      <c r="RDW644" s="613"/>
      <c r="RDX644" s="613"/>
      <c r="RDY644" s="613"/>
      <c r="RDZ644" s="613"/>
      <c r="REA644" s="613"/>
      <c r="REB644" s="613"/>
      <c r="REC644" s="613"/>
      <c r="RED644" s="613"/>
      <c r="REE644" s="613"/>
      <c r="REF644" s="613"/>
      <c r="REG644" s="613"/>
      <c r="REH644" s="613"/>
      <c r="REI644" s="613"/>
      <c r="REJ644" s="613"/>
      <c r="REK644" s="613"/>
      <c r="REL644" s="613"/>
      <c r="REM644" s="613"/>
      <c r="REN644" s="613"/>
      <c r="REO644" s="613"/>
      <c r="REP644" s="613"/>
      <c r="REQ644" s="613"/>
      <c r="RER644" s="613"/>
      <c r="RES644" s="613"/>
      <c r="RET644" s="613"/>
      <c r="REU644" s="613"/>
      <c r="REV644" s="613"/>
      <c r="REW644" s="613"/>
      <c r="REX644" s="613"/>
      <c r="REY644" s="613"/>
      <c r="REZ644" s="613"/>
      <c r="RFA644" s="613"/>
      <c r="RFB644" s="613"/>
      <c r="RFC644" s="613"/>
      <c r="RFD644" s="613"/>
      <c r="RFE644" s="613"/>
      <c r="RFF644" s="613"/>
      <c r="RFG644" s="613"/>
      <c r="RFH644" s="613"/>
      <c r="RFI644" s="613"/>
      <c r="RFJ644" s="613"/>
      <c r="RFK644" s="613"/>
      <c r="RFL644" s="613"/>
      <c r="RFM644" s="613"/>
      <c r="RFN644" s="613"/>
      <c r="RFO644" s="613"/>
      <c r="RFP644" s="613"/>
      <c r="RFQ644" s="613"/>
      <c r="RFR644" s="613"/>
      <c r="RFS644" s="613"/>
      <c r="RFT644" s="613"/>
      <c r="RFU644" s="613"/>
      <c r="RFV644" s="613"/>
      <c r="RFW644" s="613"/>
      <c r="RFX644" s="613"/>
      <c r="RFY644" s="613"/>
      <c r="RFZ644" s="613"/>
      <c r="RGA644" s="613"/>
      <c r="RGB644" s="613"/>
      <c r="RGC644" s="613"/>
      <c r="RGD644" s="613"/>
      <c r="RGE644" s="613"/>
      <c r="RGF644" s="613"/>
      <c r="RGG644" s="613"/>
      <c r="RGH644" s="613"/>
      <c r="RGI644" s="613"/>
      <c r="RGJ644" s="613"/>
      <c r="RGK644" s="613"/>
      <c r="RGL644" s="613"/>
      <c r="RGM644" s="613"/>
      <c r="RGN644" s="613"/>
      <c r="RGO644" s="613"/>
      <c r="RGP644" s="613"/>
      <c r="RGQ644" s="613"/>
      <c r="RGR644" s="613"/>
      <c r="RGS644" s="613"/>
      <c r="RGT644" s="613"/>
      <c r="RGU644" s="613"/>
      <c r="RGV644" s="613"/>
      <c r="RGW644" s="613"/>
      <c r="RGX644" s="613"/>
      <c r="RGY644" s="613"/>
      <c r="RGZ644" s="613"/>
      <c r="RHA644" s="613"/>
      <c r="RHB644" s="613"/>
      <c r="RHC644" s="613"/>
      <c r="RHD644" s="613"/>
      <c r="RHE644" s="613"/>
      <c r="RHF644" s="613"/>
      <c r="RHG644" s="613"/>
      <c r="RHH644" s="613"/>
      <c r="RHI644" s="613"/>
      <c r="RHJ644" s="613"/>
      <c r="RHK644" s="613"/>
      <c r="RHL644" s="613"/>
      <c r="RHM644" s="613"/>
      <c r="RHN644" s="613"/>
      <c r="RHO644" s="613"/>
      <c r="RHP644" s="613"/>
      <c r="RHQ644" s="613"/>
      <c r="RHR644" s="613"/>
      <c r="RHS644" s="613"/>
      <c r="RHT644" s="613"/>
      <c r="RHU644" s="613"/>
      <c r="RHV644" s="613"/>
      <c r="RHW644" s="613"/>
      <c r="RHX644" s="613"/>
      <c r="RHY644" s="613"/>
      <c r="RHZ644" s="613"/>
      <c r="RIA644" s="613"/>
      <c r="RIB644" s="613"/>
      <c r="RIC644" s="613"/>
      <c r="RID644" s="613"/>
      <c r="RIE644" s="613"/>
      <c r="RIF644" s="613"/>
      <c r="RIG644" s="613"/>
      <c r="RIH644" s="613"/>
      <c r="RII644" s="613"/>
      <c r="RIJ644" s="613"/>
      <c r="RIK644" s="613"/>
      <c r="RIL644" s="613"/>
      <c r="RIM644" s="613"/>
      <c r="RIN644" s="613"/>
      <c r="RIO644" s="613"/>
      <c r="RIP644" s="613"/>
      <c r="RIQ644" s="613"/>
      <c r="RIR644" s="613"/>
      <c r="RIS644" s="613"/>
      <c r="RIT644" s="613"/>
      <c r="RIU644" s="613"/>
      <c r="RIV644" s="613"/>
      <c r="RIW644" s="613"/>
      <c r="RIX644" s="613"/>
      <c r="RIY644" s="613"/>
      <c r="RIZ644" s="613"/>
      <c r="RJA644" s="613"/>
      <c r="RJB644" s="613"/>
      <c r="RJC644" s="613"/>
      <c r="RJD644" s="613"/>
      <c r="RJE644" s="613"/>
      <c r="RJF644" s="613"/>
      <c r="RJG644" s="613"/>
      <c r="RJH644" s="613"/>
      <c r="RJI644" s="613"/>
      <c r="RJJ644" s="613"/>
      <c r="RJK644" s="613"/>
      <c r="RJL644" s="613"/>
      <c r="RJM644" s="613"/>
      <c r="RJN644" s="613"/>
      <c r="RJO644" s="613"/>
      <c r="RJP644" s="613"/>
      <c r="RJQ644" s="613"/>
      <c r="RJR644" s="613"/>
      <c r="RJS644" s="613"/>
      <c r="RJT644" s="613"/>
      <c r="RJU644" s="613"/>
      <c r="RJV644" s="613"/>
      <c r="RJW644" s="613"/>
      <c r="RJX644" s="613"/>
      <c r="RJY644" s="613"/>
      <c r="RJZ644" s="613"/>
      <c r="RKA644" s="613"/>
      <c r="RKB644" s="613"/>
      <c r="RKC644" s="613"/>
      <c r="RKD644" s="613"/>
      <c r="RKE644" s="613"/>
      <c r="RKF644" s="613"/>
      <c r="RKG644" s="613"/>
      <c r="RKH644" s="613"/>
      <c r="RKI644" s="613"/>
      <c r="RKJ644" s="613"/>
      <c r="RKK644" s="613"/>
      <c r="RKL644" s="613"/>
      <c r="RKM644" s="613"/>
      <c r="RKN644" s="613"/>
      <c r="RKO644" s="613"/>
      <c r="RKP644" s="613"/>
      <c r="RKQ644" s="613"/>
      <c r="RKR644" s="613"/>
      <c r="RKS644" s="613"/>
      <c r="RKT644" s="613"/>
      <c r="RKU644" s="613"/>
      <c r="RKV644" s="613"/>
      <c r="RKW644" s="613"/>
      <c r="RKX644" s="613"/>
      <c r="RKY644" s="613"/>
      <c r="RKZ644" s="613"/>
      <c r="RLA644" s="613"/>
      <c r="RLB644" s="613"/>
      <c r="RLC644" s="613"/>
      <c r="RLD644" s="613"/>
      <c r="RLE644" s="613"/>
      <c r="RLF644" s="613"/>
      <c r="RLG644" s="613"/>
      <c r="RLH644" s="613"/>
      <c r="RLI644" s="613"/>
      <c r="RLJ644" s="613"/>
      <c r="RLK644" s="613"/>
      <c r="RLL644" s="613"/>
      <c r="RLM644" s="613"/>
      <c r="RLN644" s="613"/>
      <c r="RLO644" s="613"/>
      <c r="RLP644" s="613"/>
      <c r="RLQ644" s="613"/>
      <c r="RLR644" s="613"/>
      <c r="RLS644" s="613"/>
      <c r="RLT644" s="613"/>
      <c r="RLU644" s="613"/>
      <c r="RLV644" s="613"/>
      <c r="RLW644" s="613"/>
      <c r="RLX644" s="613"/>
      <c r="RLY644" s="613"/>
      <c r="RLZ644" s="613"/>
      <c r="RMA644" s="613"/>
      <c r="RMB644" s="613"/>
      <c r="RMC644" s="613"/>
      <c r="RMD644" s="613"/>
      <c r="RME644" s="613"/>
      <c r="RMF644" s="613"/>
      <c r="RMG644" s="613"/>
      <c r="RMH644" s="613"/>
      <c r="RMI644" s="613"/>
      <c r="RMJ644" s="613"/>
      <c r="RMK644" s="613"/>
      <c r="RML644" s="613"/>
      <c r="RMM644" s="613"/>
      <c r="RMN644" s="613"/>
      <c r="RMO644" s="613"/>
      <c r="RMP644" s="613"/>
      <c r="RMQ644" s="613"/>
      <c r="RMR644" s="613"/>
      <c r="RMS644" s="613"/>
      <c r="RMT644" s="613"/>
      <c r="RMU644" s="613"/>
      <c r="RMV644" s="613"/>
      <c r="RMW644" s="613"/>
      <c r="RMX644" s="613"/>
      <c r="RMY644" s="613"/>
      <c r="RMZ644" s="613"/>
      <c r="RNA644" s="613"/>
      <c r="RNB644" s="613"/>
      <c r="RNC644" s="613"/>
      <c r="RND644" s="613"/>
      <c r="RNE644" s="613"/>
      <c r="RNF644" s="613"/>
      <c r="RNG644" s="613"/>
      <c r="RNH644" s="613"/>
      <c r="RNI644" s="613"/>
      <c r="RNJ644" s="613"/>
      <c r="RNK644" s="613"/>
      <c r="RNL644" s="613"/>
      <c r="RNM644" s="613"/>
      <c r="RNN644" s="613"/>
      <c r="RNO644" s="613"/>
      <c r="RNP644" s="613"/>
      <c r="RNQ644" s="613"/>
      <c r="RNR644" s="613"/>
      <c r="RNS644" s="613"/>
      <c r="RNT644" s="613"/>
      <c r="RNU644" s="613"/>
      <c r="RNV644" s="613"/>
      <c r="RNW644" s="613"/>
      <c r="RNX644" s="613"/>
      <c r="RNY644" s="613"/>
      <c r="RNZ644" s="613"/>
      <c r="ROA644" s="613"/>
      <c r="ROB644" s="613"/>
      <c r="ROC644" s="613"/>
      <c r="ROD644" s="613"/>
      <c r="ROE644" s="613"/>
      <c r="ROF644" s="613"/>
      <c r="ROG644" s="613"/>
      <c r="ROH644" s="613"/>
      <c r="ROI644" s="613"/>
      <c r="ROJ644" s="613"/>
      <c r="ROK644" s="613"/>
      <c r="ROL644" s="613"/>
      <c r="ROM644" s="613"/>
      <c r="RON644" s="613"/>
      <c r="ROO644" s="613"/>
      <c r="ROP644" s="613"/>
      <c r="ROQ644" s="613"/>
      <c r="ROR644" s="613"/>
      <c r="ROS644" s="613"/>
      <c r="ROT644" s="613"/>
      <c r="ROU644" s="613"/>
      <c r="ROV644" s="613"/>
      <c r="ROW644" s="613"/>
      <c r="ROX644" s="613"/>
      <c r="ROY644" s="613"/>
      <c r="ROZ644" s="613"/>
      <c r="RPA644" s="613"/>
      <c r="RPB644" s="613"/>
      <c r="RPC644" s="613"/>
      <c r="RPD644" s="613"/>
      <c r="RPE644" s="613"/>
      <c r="RPF644" s="613"/>
      <c r="RPG644" s="613"/>
      <c r="RPH644" s="613"/>
      <c r="RPI644" s="613"/>
      <c r="RPJ644" s="613"/>
      <c r="RPK644" s="613"/>
      <c r="RPL644" s="613"/>
      <c r="RPM644" s="613"/>
      <c r="RPN644" s="613"/>
      <c r="RPO644" s="613"/>
      <c r="RPP644" s="613"/>
      <c r="RPQ644" s="613"/>
      <c r="RPR644" s="613"/>
      <c r="RPS644" s="613"/>
      <c r="RPT644" s="613"/>
      <c r="RPU644" s="613"/>
      <c r="RPV644" s="613"/>
      <c r="RPW644" s="613"/>
      <c r="RPX644" s="613"/>
      <c r="RPY644" s="613"/>
      <c r="RPZ644" s="613"/>
      <c r="RQA644" s="613"/>
      <c r="RQB644" s="613"/>
      <c r="RQC644" s="613"/>
      <c r="RQD644" s="613"/>
      <c r="RQE644" s="613"/>
      <c r="RQF644" s="613"/>
      <c r="RQG644" s="613"/>
      <c r="RQH644" s="613"/>
      <c r="RQI644" s="613"/>
      <c r="RQJ644" s="613"/>
      <c r="RQK644" s="613"/>
      <c r="RQL644" s="613"/>
      <c r="RQM644" s="613"/>
      <c r="RQN644" s="613"/>
      <c r="RQO644" s="613"/>
      <c r="RQP644" s="613"/>
      <c r="RQQ644" s="613"/>
      <c r="RQR644" s="613"/>
      <c r="RQS644" s="613"/>
      <c r="RQT644" s="613"/>
      <c r="RQU644" s="613"/>
      <c r="RQV644" s="613"/>
      <c r="RQW644" s="613"/>
      <c r="RQX644" s="613"/>
      <c r="RQY644" s="613"/>
      <c r="RQZ644" s="613"/>
      <c r="RRA644" s="613"/>
      <c r="RRB644" s="613"/>
      <c r="RRC644" s="613"/>
      <c r="RRD644" s="613"/>
      <c r="RRE644" s="613"/>
      <c r="RRF644" s="613"/>
      <c r="RRG644" s="613"/>
      <c r="RRH644" s="613"/>
      <c r="RRI644" s="613"/>
      <c r="RRJ644" s="613"/>
      <c r="RRK644" s="613"/>
      <c r="RRL644" s="613"/>
      <c r="RRM644" s="613"/>
      <c r="RRN644" s="613"/>
      <c r="RRO644" s="613"/>
      <c r="RRP644" s="613"/>
      <c r="RRQ644" s="613"/>
      <c r="RRR644" s="613"/>
      <c r="RRS644" s="613"/>
      <c r="RRT644" s="613"/>
      <c r="RRU644" s="613"/>
      <c r="RRV644" s="613"/>
      <c r="RRW644" s="613"/>
      <c r="RRX644" s="613"/>
      <c r="RRY644" s="613"/>
      <c r="RRZ644" s="613"/>
      <c r="RSA644" s="613"/>
      <c r="RSB644" s="613"/>
      <c r="RSC644" s="613"/>
      <c r="RSD644" s="613"/>
      <c r="RSE644" s="613"/>
      <c r="RSF644" s="613"/>
      <c r="RSG644" s="613"/>
      <c r="RSH644" s="613"/>
      <c r="RSI644" s="613"/>
      <c r="RSJ644" s="613"/>
      <c r="RSK644" s="613"/>
      <c r="RSL644" s="613"/>
      <c r="RSM644" s="613"/>
      <c r="RSN644" s="613"/>
      <c r="RSO644" s="613"/>
      <c r="RSP644" s="613"/>
      <c r="RSQ644" s="613"/>
      <c r="RSR644" s="613"/>
      <c r="RSS644" s="613"/>
      <c r="RST644" s="613"/>
      <c r="RSU644" s="613"/>
      <c r="RSV644" s="613"/>
      <c r="RSW644" s="613"/>
      <c r="RSX644" s="613"/>
      <c r="RSY644" s="613"/>
      <c r="RSZ644" s="613"/>
      <c r="RTA644" s="613"/>
      <c r="RTB644" s="613"/>
      <c r="RTC644" s="613"/>
      <c r="RTD644" s="613"/>
      <c r="RTE644" s="613"/>
      <c r="RTF644" s="613"/>
      <c r="RTG644" s="613"/>
      <c r="RTH644" s="613"/>
      <c r="RTI644" s="613"/>
      <c r="RTJ644" s="613"/>
      <c r="RTK644" s="613"/>
      <c r="RTL644" s="613"/>
      <c r="RTM644" s="613"/>
      <c r="RTN644" s="613"/>
      <c r="RTO644" s="613"/>
      <c r="RTP644" s="613"/>
      <c r="RTQ644" s="613"/>
      <c r="RTR644" s="613"/>
      <c r="RTS644" s="613"/>
      <c r="RTT644" s="613"/>
      <c r="RTU644" s="613"/>
      <c r="RTV644" s="613"/>
      <c r="RTW644" s="613"/>
      <c r="RTX644" s="613"/>
      <c r="RTY644" s="613"/>
      <c r="RTZ644" s="613"/>
      <c r="RUA644" s="613"/>
      <c r="RUB644" s="613"/>
      <c r="RUC644" s="613"/>
      <c r="RUD644" s="613"/>
      <c r="RUE644" s="613"/>
      <c r="RUF644" s="613"/>
      <c r="RUG644" s="613"/>
      <c r="RUH644" s="613"/>
      <c r="RUI644" s="613"/>
      <c r="RUJ644" s="613"/>
      <c r="RUK644" s="613"/>
      <c r="RUL644" s="613"/>
      <c r="RUM644" s="613"/>
      <c r="RUN644" s="613"/>
      <c r="RUO644" s="613"/>
      <c r="RUP644" s="613"/>
      <c r="RUQ644" s="613"/>
      <c r="RUR644" s="613"/>
      <c r="RUS644" s="613"/>
      <c r="RUT644" s="613"/>
      <c r="RUU644" s="613"/>
      <c r="RUV644" s="613"/>
      <c r="RUW644" s="613"/>
      <c r="RUX644" s="613"/>
      <c r="RUY644" s="613"/>
      <c r="RUZ644" s="613"/>
      <c r="RVA644" s="613"/>
      <c r="RVB644" s="613"/>
      <c r="RVC644" s="613"/>
      <c r="RVD644" s="613"/>
      <c r="RVE644" s="613"/>
      <c r="RVF644" s="613"/>
      <c r="RVG644" s="613"/>
      <c r="RVH644" s="613"/>
      <c r="RVI644" s="613"/>
      <c r="RVJ644" s="613"/>
      <c r="RVK644" s="613"/>
      <c r="RVL644" s="613"/>
      <c r="RVM644" s="613"/>
      <c r="RVN644" s="613"/>
      <c r="RVO644" s="613"/>
      <c r="RVP644" s="613"/>
      <c r="RVQ644" s="613"/>
      <c r="RVR644" s="613"/>
      <c r="RVS644" s="613"/>
      <c r="RVT644" s="613"/>
      <c r="RVU644" s="613"/>
      <c r="RVV644" s="613"/>
      <c r="RVW644" s="613"/>
      <c r="RVX644" s="613"/>
      <c r="RVY644" s="613"/>
      <c r="RVZ644" s="613"/>
      <c r="RWA644" s="613"/>
      <c r="RWB644" s="613"/>
      <c r="RWC644" s="613"/>
      <c r="RWD644" s="613"/>
      <c r="RWE644" s="613"/>
      <c r="RWF644" s="613"/>
      <c r="RWG644" s="613"/>
      <c r="RWH644" s="613"/>
      <c r="RWI644" s="613"/>
      <c r="RWJ644" s="613"/>
      <c r="RWK644" s="613"/>
      <c r="RWL644" s="613"/>
      <c r="RWM644" s="613"/>
      <c r="RWN644" s="613"/>
      <c r="RWO644" s="613"/>
      <c r="RWP644" s="613"/>
      <c r="RWQ644" s="613"/>
      <c r="RWR644" s="613"/>
      <c r="RWS644" s="613"/>
      <c r="RWT644" s="613"/>
      <c r="RWU644" s="613"/>
      <c r="RWV644" s="613"/>
      <c r="RWW644" s="613"/>
      <c r="RWX644" s="613"/>
      <c r="RWY644" s="613"/>
      <c r="RWZ644" s="613"/>
      <c r="RXA644" s="613"/>
      <c r="RXB644" s="613"/>
      <c r="RXC644" s="613"/>
      <c r="RXD644" s="613"/>
      <c r="RXE644" s="613"/>
      <c r="RXF644" s="613"/>
      <c r="RXG644" s="613"/>
      <c r="RXH644" s="613"/>
      <c r="RXI644" s="613"/>
      <c r="RXJ644" s="613"/>
      <c r="RXK644" s="613"/>
      <c r="RXL644" s="613"/>
      <c r="RXM644" s="613"/>
      <c r="RXN644" s="613"/>
      <c r="RXO644" s="613"/>
      <c r="RXP644" s="613"/>
      <c r="RXQ644" s="613"/>
      <c r="RXR644" s="613"/>
      <c r="RXS644" s="613"/>
      <c r="RXT644" s="613"/>
      <c r="RXU644" s="613"/>
      <c r="RXV644" s="613"/>
      <c r="RXW644" s="613"/>
      <c r="RXX644" s="613"/>
      <c r="RXY644" s="613"/>
      <c r="RXZ644" s="613"/>
      <c r="RYA644" s="613"/>
      <c r="RYB644" s="613"/>
      <c r="RYC644" s="613"/>
      <c r="RYD644" s="613"/>
      <c r="RYE644" s="613"/>
      <c r="RYF644" s="613"/>
      <c r="RYG644" s="613"/>
      <c r="RYH644" s="613"/>
      <c r="RYI644" s="613"/>
      <c r="RYJ644" s="613"/>
      <c r="RYK644" s="613"/>
      <c r="RYL644" s="613"/>
      <c r="RYM644" s="613"/>
      <c r="RYN644" s="613"/>
      <c r="RYO644" s="613"/>
      <c r="RYP644" s="613"/>
      <c r="RYQ644" s="613"/>
      <c r="RYR644" s="613"/>
      <c r="RYS644" s="613"/>
      <c r="RYT644" s="613"/>
      <c r="RYU644" s="613"/>
      <c r="RYV644" s="613"/>
      <c r="RYW644" s="613"/>
      <c r="RYX644" s="613"/>
      <c r="RYY644" s="613"/>
      <c r="RYZ644" s="613"/>
      <c r="RZA644" s="613"/>
      <c r="RZB644" s="613"/>
      <c r="RZC644" s="613"/>
      <c r="RZD644" s="613"/>
      <c r="RZE644" s="613"/>
      <c r="RZF644" s="613"/>
      <c r="RZG644" s="613"/>
      <c r="RZH644" s="613"/>
      <c r="RZI644" s="613"/>
      <c r="RZJ644" s="613"/>
      <c r="RZK644" s="613"/>
      <c r="RZL644" s="613"/>
      <c r="RZM644" s="613"/>
      <c r="RZN644" s="613"/>
      <c r="RZO644" s="613"/>
      <c r="RZP644" s="613"/>
      <c r="RZQ644" s="613"/>
      <c r="RZR644" s="613"/>
      <c r="RZS644" s="613"/>
      <c r="RZT644" s="613"/>
      <c r="RZU644" s="613"/>
      <c r="RZV644" s="613"/>
      <c r="RZW644" s="613"/>
      <c r="RZX644" s="613"/>
      <c r="RZY644" s="613"/>
      <c r="RZZ644" s="613"/>
      <c r="SAA644" s="613"/>
      <c r="SAB644" s="613"/>
      <c r="SAC644" s="613"/>
      <c r="SAD644" s="613"/>
      <c r="SAE644" s="613"/>
      <c r="SAF644" s="613"/>
      <c r="SAG644" s="613"/>
      <c r="SAH644" s="613"/>
      <c r="SAI644" s="613"/>
      <c r="SAJ644" s="613"/>
      <c r="SAK644" s="613"/>
      <c r="SAL644" s="613"/>
      <c r="SAM644" s="613"/>
      <c r="SAN644" s="613"/>
      <c r="SAO644" s="613"/>
      <c r="SAP644" s="613"/>
      <c r="SAQ644" s="613"/>
      <c r="SAR644" s="613"/>
      <c r="SAS644" s="613"/>
      <c r="SAT644" s="613"/>
      <c r="SAU644" s="613"/>
      <c r="SAV644" s="613"/>
      <c r="SAW644" s="613"/>
      <c r="SAX644" s="613"/>
      <c r="SAY644" s="613"/>
      <c r="SAZ644" s="613"/>
      <c r="SBA644" s="613"/>
      <c r="SBB644" s="613"/>
      <c r="SBC644" s="613"/>
      <c r="SBD644" s="613"/>
      <c r="SBE644" s="613"/>
      <c r="SBF644" s="613"/>
      <c r="SBG644" s="613"/>
      <c r="SBH644" s="613"/>
      <c r="SBI644" s="613"/>
      <c r="SBJ644" s="613"/>
      <c r="SBK644" s="613"/>
      <c r="SBL644" s="613"/>
      <c r="SBM644" s="613"/>
      <c r="SBN644" s="613"/>
      <c r="SBO644" s="613"/>
      <c r="SBP644" s="613"/>
      <c r="SBQ644" s="613"/>
      <c r="SBR644" s="613"/>
      <c r="SBS644" s="613"/>
      <c r="SBT644" s="613"/>
      <c r="SBU644" s="613"/>
      <c r="SBV644" s="613"/>
      <c r="SBW644" s="613"/>
      <c r="SBX644" s="613"/>
      <c r="SBY644" s="613"/>
      <c r="SBZ644" s="613"/>
      <c r="SCA644" s="613"/>
      <c r="SCB644" s="613"/>
      <c r="SCC644" s="613"/>
      <c r="SCD644" s="613"/>
      <c r="SCE644" s="613"/>
      <c r="SCF644" s="613"/>
      <c r="SCG644" s="613"/>
      <c r="SCH644" s="613"/>
      <c r="SCI644" s="613"/>
      <c r="SCJ644" s="613"/>
      <c r="SCK644" s="613"/>
      <c r="SCL644" s="613"/>
      <c r="SCM644" s="613"/>
      <c r="SCN644" s="613"/>
      <c r="SCO644" s="613"/>
      <c r="SCP644" s="613"/>
      <c r="SCQ644" s="613"/>
      <c r="SCR644" s="613"/>
      <c r="SCS644" s="613"/>
      <c r="SCT644" s="613"/>
      <c r="SCU644" s="613"/>
      <c r="SCV644" s="613"/>
      <c r="SCW644" s="613"/>
      <c r="SCX644" s="613"/>
      <c r="SCY644" s="613"/>
      <c r="SCZ644" s="613"/>
      <c r="SDA644" s="613"/>
      <c r="SDB644" s="613"/>
      <c r="SDC644" s="613"/>
      <c r="SDD644" s="613"/>
      <c r="SDE644" s="613"/>
      <c r="SDF644" s="613"/>
      <c r="SDG644" s="613"/>
      <c r="SDH644" s="613"/>
      <c r="SDI644" s="613"/>
      <c r="SDJ644" s="613"/>
      <c r="SDK644" s="613"/>
      <c r="SDL644" s="613"/>
      <c r="SDM644" s="613"/>
      <c r="SDN644" s="613"/>
      <c r="SDO644" s="613"/>
      <c r="SDP644" s="613"/>
      <c r="SDQ644" s="613"/>
      <c r="SDR644" s="613"/>
      <c r="SDS644" s="613"/>
      <c r="SDT644" s="613"/>
      <c r="SDU644" s="613"/>
      <c r="SDV644" s="613"/>
      <c r="SDW644" s="613"/>
      <c r="SDX644" s="613"/>
      <c r="SDY644" s="613"/>
      <c r="SDZ644" s="613"/>
      <c r="SEA644" s="613"/>
      <c r="SEB644" s="613"/>
      <c r="SEC644" s="613"/>
      <c r="SED644" s="613"/>
      <c r="SEE644" s="613"/>
      <c r="SEF644" s="613"/>
      <c r="SEG644" s="613"/>
      <c r="SEH644" s="613"/>
      <c r="SEI644" s="613"/>
      <c r="SEJ644" s="613"/>
      <c r="SEK644" s="613"/>
      <c r="SEL644" s="613"/>
      <c r="SEM644" s="613"/>
      <c r="SEN644" s="613"/>
      <c r="SEO644" s="613"/>
      <c r="SEP644" s="613"/>
      <c r="SEQ644" s="613"/>
      <c r="SER644" s="613"/>
      <c r="SES644" s="613"/>
      <c r="SET644" s="613"/>
      <c r="SEU644" s="613"/>
      <c r="SEV644" s="613"/>
      <c r="SEW644" s="613"/>
      <c r="SEX644" s="613"/>
      <c r="SEY644" s="613"/>
      <c r="SEZ644" s="613"/>
      <c r="SFA644" s="613"/>
      <c r="SFB644" s="613"/>
      <c r="SFC644" s="613"/>
      <c r="SFD644" s="613"/>
      <c r="SFE644" s="613"/>
      <c r="SFF644" s="613"/>
      <c r="SFG644" s="613"/>
      <c r="SFH644" s="613"/>
      <c r="SFI644" s="613"/>
      <c r="SFJ644" s="613"/>
      <c r="SFK644" s="613"/>
      <c r="SFL644" s="613"/>
      <c r="SFM644" s="613"/>
      <c r="SFN644" s="613"/>
      <c r="SFO644" s="613"/>
      <c r="SFP644" s="613"/>
      <c r="SFQ644" s="613"/>
      <c r="SFR644" s="613"/>
      <c r="SFS644" s="613"/>
      <c r="SFT644" s="613"/>
      <c r="SFU644" s="613"/>
      <c r="SFV644" s="613"/>
      <c r="SFW644" s="613"/>
      <c r="SFX644" s="613"/>
      <c r="SFY644" s="613"/>
      <c r="SFZ644" s="613"/>
      <c r="SGA644" s="613"/>
      <c r="SGB644" s="613"/>
      <c r="SGC644" s="613"/>
      <c r="SGD644" s="613"/>
      <c r="SGE644" s="613"/>
      <c r="SGF644" s="613"/>
      <c r="SGG644" s="613"/>
      <c r="SGH644" s="613"/>
      <c r="SGI644" s="613"/>
      <c r="SGJ644" s="613"/>
      <c r="SGK644" s="613"/>
      <c r="SGL644" s="613"/>
      <c r="SGM644" s="613"/>
      <c r="SGN644" s="613"/>
      <c r="SGO644" s="613"/>
      <c r="SGP644" s="613"/>
      <c r="SGQ644" s="613"/>
      <c r="SGR644" s="613"/>
      <c r="SGS644" s="613"/>
      <c r="SGT644" s="613"/>
      <c r="SGU644" s="613"/>
      <c r="SGV644" s="613"/>
      <c r="SGW644" s="613"/>
      <c r="SGX644" s="613"/>
      <c r="SGY644" s="613"/>
      <c r="SGZ644" s="613"/>
      <c r="SHA644" s="613"/>
      <c r="SHB644" s="613"/>
      <c r="SHC644" s="613"/>
      <c r="SHD644" s="613"/>
      <c r="SHE644" s="613"/>
      <c r="SHF644" s="613"/>
      <c r="SHG644" s="613"/>
      <c r="SHH644" s="613"/>
      <c r="SHI644" s="613"/>
      <c r="SHJ644" s="613"/>
      <c r="SHK644" s="613"/>
      <c r="SHL644" s="613"/>
      <c r="SHM644" s="613"/>
      <c r="SHN644" s="613"/>
      <c r="SHO644" s="613"/>
      <c r="SHP644" s="613"/>
      <c r="SHQ644" s="613"/>
      <c r="SHR644" s="613"/>
      <c r="SHS644" s="613"/>
      <c r="SHT644" s="613"/>
      <c r="SHU644" s="613"/>
      <c r="SHV644" s="613"/>
      <c r="SHW644" s="613"/>
      <c r="SHX644" s="613"/>
      <c r="SHY644" s="613"/>
      <c r="SHZ644" s="613"/>
      <c r="SIA644" s="613"/>
      <c r="SIB644" s="613"/>
      <c r="SIC644" s="613"/>
      <c r="SID644" s="613"/>
      <c r="SIE644" s="613"/>
      <c r="SIF644" s="613"/>
      <c r="SIG644" s="613"/>
      <c r="SIH644" s="613"/>
      <c r="SII644" s="613"/>
      <c r="SIJ644" s="613"/>
      <c r="SIK644" s="613"/>
      <c r="SIL644" s="613"/>
      <c r="SIM644" s="613"/>
      <c r="SIN644" s="613"/>
      <c r="SIO644" s="613"/>
      <c r="SIP644" s="613"/>
      <c r="SIQ644" s="613"/>
      <c r="SIR644" s="613"/>
      <c r="SIS644" s="613"/>
      <c r="SIT644" s="613"/>
      <c r="SIU644" s="613"/>
      <c r="SIV644" s="613"/>
      <c r="SIW644" s="613"/>
      <c r="SIX644" s="613"/>
      <c r="SIY644" s="613"/>
      <c r="SIZ644" s="613"/>
      <c r="SJA644" s="613"/>
      <c r="SJB644" s="613"/>
      <c r="SJC644" s="613"/>
      <c r="SJD644" s="613"/>
      <c r="SJE644" s="613"/>
      <c r="SJF644" s="613"/>
      <c r="SJG644" s="613"/>
      <c r="SJH644" s="613"/>
      <c r="SJI644" s="613"/>
      <c r="SJJ644" s="613"/>
      <c r="SJK644" s="613"/>
      <c r="SJL644" s="613"/>
      <c r="SJM644" s="613"/>
      <c r="SJN644" s="613"/>
      <c r="SJO644" s="613"/>
      <c r="SJP644" s="613"/>
      <c r="SJQ644" s="613"/>
      <c r="SJR644" s="613"/>
      <c r="SJS644" s="613"/>
      <c r="SJT644" s="613"/>
      <c r="SJU644" s="613"/>
      <c r="SJV644" s="613"/>
      <c r="SJW644" s="613"/>
      <c r="SJX644" s="613"/>
      <c r="SJY644" s="613"/>
      <c r="SJZ644" s="613"/>
      <c r="SKA644" s="613"/>
      <c r="SKB644" s="613"/>
      <c r="SKC644" s="613"/>
      <c r="SKD644" s="613"/>
      <c r="SKE644" s="613"/>
      <c r="SKF644" s="613"/>
      <c r="SKG644" s="613"/>
      <c r="SKH644" s="613"/>
      <c r="SKI644" s="613"/>
      <c r="SKJ644" s="613"/>
      <c r="SKK644" s="613"/>
      <c r="SKL644" s="613"/>
      <c r="SKM644" s="613"/>
      <c r="SKN644" s="613"/>
      <c r="SKO644" s="613"/>
      <c r="SKP644" s="613"/>
      <c r="SKQ644" s="613"/>
      <c r="SKR644" s="613"/>
      <c r="SKS644" s="613"/>
      <c r="SKT644" s="613"/>
      <c r="SKU644" s="613"/>
      <c r="SKV644" s="613"/>
      <c r="SKW644" s="613"/>
      <c r="SKX644" s="613"/>
      <c r="SKY644" s="613"/>
      <c r="SKZ644" s="613"/>
      <c r="SLA644" s="613"/>
      <c r="SLB644" s="613"/>
      <c r="SLC644" s="613"/>
      <c r="SLD644" s="613"/>
      <c r="SLE644" s="613"/>
      <c r="SLF644" s="613"/>
      <c r="SLG644" s="613"/>
      <c r="SLH644" s="613"/>
      <c r="SLI644" s="613"/>
      <c r="SLJ644" s="613"/>
      <c r="SLK644" s="613"/>
      <c r="SLL644" s="613"/>
      <c r="SLM644" s="613"/>
      <c r="SLN644" s="613"/>
      <c r="SLO644" s="613"/>
      <c r="SLP644" s="613"/>
      <c r="SLQ644" s="613"/>
      <c r="SLR644" s="613"/>
      <c r="SLS644" s="613"/>
      <c r="SLT644" s="613"/>
      <c r="SLU644" s="613"/>
      <c r="SLV644" s="613"/>
      <c r="SLW644" s="613"/>
      <c r="SLX644" s="613"/>
      <c r="SLY644" s="613"/>
      <c r="SLZ644" s="613"/>
      <c r="SMA644" s="613"/>
      <c r="SMB644" s="613"/>
      <c r="SMC644" s="613"/>
      <c r="SMD644" s="613"/>
      <c r="SME644" s="613"/>
      <c r="SMF644" s="613"/>
      <c r="SMG644" s="613"/>
      <c r="SMH644" s="613"/>
      <c r="SMI644" s="613"/>
      <c r="SMJ644" s="613"/>
      <c r="SMK644" s="613"/>
      <c r="SML644" s="613"/>
      <c r="SMM644" s="613"/>
      <c r="SMN644" s="613"/>
      <c r="SMO644" s="613"/>
      <c r="SMP644" s="613"/>
      <c r="SMQ644" s="613"/>
      <c r="SMR644" s="613"/>
      <c r="SMS644" s="613"/>
      <c r="SMT644" s="613"/>
      <c r="SMU644" s="613"/>
      <c r="SMV644" s="613"/>
      <c r="SMW644" s="613"/>
      <c r="SMX644" s="613"/>
      <c r="SMY644" s="613"/>
      <c r="SMZ644" s="613"/>
      <c r="SNA644" s="613"/>
      <c r="SNB644" s="613"/>
      <c r="SNC644" s="613"/>
      <c r="SND644" s="613"/>
      <c r="SNE644" s="613"/>
      <c r="SNF644" s="613"/>
      <c r="SNG644" s="613"/>
      <c r="SNH644" s="613"/>
      <c r="SNI644" s="613"/>
      <c r="SNJ644" s="613"/>
      <c r="SNK644" s="613"/>
      <c r="SNL644" s="613"/>
      <c r="SNM644" s="613"/>
      <c r="SNN644" s="613"/>
      <c r="SNO644" s="613"/>
      <c r="SNP644" s="613"/>
      <c r="SNQ644" s="613"/>
      <c r="SNR644" s="613"/>
      <c r="SNS644" s="613"/>
      <c r="SNT644" s="613"/>
      <c r="SNU644" s="613"/>
      <c r="SNV644" s="613"/>
      <c r="SNW644" s="613"/>
      <c r="SNX644" s="613"/>
      <c r="SNY644" s="613"/>
      <c r="SNZ644" s="613"/>
      <c r="SOA644" s="613"/>
      <c r="SOB644" s="613"/>
      <c r="SOC644" s="613"/>
      <c r="SOD644" s="613"/>
      <c r="SOE644" s="613"/>
      <c r="SOF644" s="613"/>
      <c r="SOG644" s="613"/>
      <c r="SOH644" s="613"/>
      <c r="SOI644" s="613"/>
      <c r="SOJ644" s="613"/>
      <c r="SOK644" s="613"/>
      <c r="SOL644" s="613"/>
      <c r="SOM644" s="613"/>
      <c r="SON644" s="613"/>
      <c r="SOO644" s="613"/>
      <c r="SOP644" s="613"/>
      <c r="SOQ644" s="613"/>
      <c r="SOR644" s="613"/>
      <c r="SOS644" s="613"/>
      <c r="SOT644" s="613"/>
      <c r="SOU644" s="613"/>
      <c r="SOV644" s="613"/>
      <c r="SOW644" s="613"/>
      <c r="SOX644" s="613"/>
      <c r="SOY644" s="613"/>
      <c r="SOZ644" s="613"/>
      <c r="SPA644" s="613"/>
      <c r="SPB644" s="613"/>
      <c r="SPC644" s="613"/>
      <c r="SPD644" s="613"/>
      <c r="SPE644" s="613"/>
      <c r="SPF644" s="613"/>
      <c r="SPG644" s="613"/>
      <c r="SPH644" s="613"/>
      <c r="SPI644" s="613"/>
      <c r="SPJ644" s="613"/>
      <c r="SPK644" s="613"/>
      <c r="SPL644" s="613"/>
      <c r="SPM644" s="613"/>
      <c r="SPN644" s="613"/>
      <c r="SPO644" s="613"/>
      <c r="SPP644" s="613"/>
      <c r="SPQ644" s="613"/>
      <c r="SPR644" s="613"/>
      <c r="SPS644" s="613"/>
      <c r="SPT644" s="613"/>
      <c r="SPU644" s="613"/>
      <c r="SPV644" s="613"/>
      <c r="SPW644" s="613"/>
      <c r="SPX644" s="613"/>
      <c r="SPY644" s="613"/>
      <c r="SPZ644" s="613"/>
      <c r="SQA644" s="613"/>
      <c r="SQB644" s="613"/>
      <c r="SQC644" s="613"/>
      <c r="SQD644" s="613"/>
      <c r="SQE644" s="613"/>
      <c r="SQF644" s="613"/>
      <c r="SQG644" s="613"/>
      <c r="SQH644" s="613"/>
      <c r="SQI644" s="613"/>
      <c r="SQJ644" s="613"/>
      <c r="SQK644" s="613"/>
      <c r="SQL644" s="613"/>
      <c r="SQM644" s="613"/>
      <c r="SQN644" s="613"/>
      <c r="SQO644" s="613"/>
      <c r="SQP644" s="613"/>
      <c r="SQQ644" s="613"/>
      <c r="SQR644" s="613"/>
      <c r="SQS644" s="613"/>
      <c r="SQT644" s="613"/>
      <c r="SQU644" s="613"/>
      <c r="SQV644" s="613"/>
      <c r="SQW644" s="613"/>
      <c r="SQX644" s="613"/>
      <c r="SQY644" s="613"/>
      <c r="SQZ644" s="613"/>
      <c r="SRA644" s="613"/>
      <c r="SRB644" s="613"/>
      <c r="SRC644" s="613"/>
      <c r="SRD644" s="613"/>
      <c r="SRE644" s="613"/>
      <c r="SRF644" s="613"/>
      <c r="SRG644" s="613"/>
      <c r="SRH644" s="613"/>
      <c r="SRI644" s="613"/>
      <c r="SRJ644" s="613"/>
      <c r="SRK644" s="613"/>
      <c r="SRL644" s="613"/>
      <c r="SRM644" s="613"/>
      <c r="SRN644" s="613"/>
      <c r="SRO644" s="613"/>
      <c r="SRP644" s="613"/>
      <c r="SRQ644" s="613"/>
      <c r="SRR644" s="613"/>
      <c r="SRS644" s="613"/>
      <c r="SRT644" s="613"/>
      <c r="SRU644" s="613"/>
      <c r="SRV644" s="613"/>
      <c r="SRW644" s="613"/>
      <c r="SRX644" s="613"/>
      <c r="SRY644" s="613"/>
      <c r="SRZ644" s="613"/>
      <c r="SSA644" s="613"/>
      <c r="SSB644" s="613"/>
      <c r="SSC644" s="613"/>
      <c r="SSD644" s="613"/>
      <c r="SSE644" s="613"/>
      <c r="SSF644" s="613"/>
      <c r="SSG644" s="613"/>
      <c r="SSH644" s="613"/>
      <c r="SSI644" s="613"/>
      <c r="SSJ644" s="613"/>
      <c r="SSK644" s="613"/>
      <c r="SSL644" s="613"/>
      <c r="SSM644" s="613"/>
      <c r="SSN644" s="613"/>
      <c r="SSO644" s="613"/>
      <c r="SSP644" s="613"/>
      <c r="SSQ644" s="613"/>
      <c r="SSR644" s="613"/>
      <c r="SSS644" s="613"/>
      <c r="SST644" s="613"/>
      <c r="SSU644" s="613"/>
      <c r="SSV644" s="613"/>
      <c r="SSW644" s="613"/>
      <c r="SSX644" s="613"/>
      <c r="SSY644" s="613"/>
      <c r="SSZ644" s="613"/>
      <c r="STA644" s="613"/>
      <c r="STB644" s="613"/>
      <c r="STC644" s="613"/>
      <c r="STD644" s="613"/>
      <c r="STE644" s="613"/>
      <c r="STF644" s="613"/>
      <c r="STG644" s="613"/>
      <c r="STH644" s="613"/>
      <c r="STI644" s="613"/>
      <c r="STJ644" s="613"/>
      <c r="STK644" s="613"/>
      <c r="STL644" s="613"/>
      <c r="STM644" s="613"/>
      <c r="STN644" s="613"/>
      <c r="STO644" s="613"/>
      <c r="STP644" s="613"/>
      <c r="STQ644" s="613"/>
      <c r="STR644" s="613"/>
      <c r="STS644" s="613"/>
      <c r="STT644" s="613"/>
      <c r="STU644" s="613"/>
      <c r="STV644" s="613"/>
      <c r="STW644" s="613"/>
      <c r="STX644" s="613"/>
      <c r="STY644" s="613"/>
      <c r="STZ644" s="613"/>
      <c r="SUA644" s="613"/>
      <c r="SUB644" s="613"/>
      <c r="SUC644" s="613"/>
      <c r="SUD644" s="613"/>
      <c r="SUE644" s="613"/>
      <c r="SUF644" s="613"/>
      <c r="SUG644" s="613"/>
      <c r="SUH644" s="613"/>
      <c r="SUI644" s="613"/>
      <c r="SUJ644" s="613"/>
      <c r="SUK644" s="613"/>
      <c r="SUL644" s="613"/>
      <c r="SUM644" s="613"/>
      <c r="SUN644" s="613"/>
      <c r="SUO644" s="613"/>
      <c r="SUP644" s="613"/>
      <c r="SUQ644" s="613"/>
      <c r="SUR644" s="613"/>
      <c r="SUS644" s="613"/>
      <c r="SUT644" s="613"/>
      <c r="SUU644" s="613"/>
      <c r="SUV644" s="613"/>
      <c r="SUW644" s="613"/>
      <c r="SUX644" s="613"/>
      <c r="SUY644" s="613"/>
      <c r="SUZ644" s="613"/>
      <c r="SVA644" s="613"/>
      <c r="SVB644" s="613"/>
      <c r="SVC644" s="613"/>
      <c r="SVD644" s="613"/>
      <c r="SVE644" s="613"/>
      <c r="SVF644" s="613"/>
      <c r="SVG644" s="613"/>
      <c r="SVH644" s="613"/>
      <c r="SVI644" s="613"/>
      <c r="SVJ644" s="613"/>
      <c r="SVK644" s="613"/>
      <c r="SVL644" s="613"/>
      <c r="SVM644" s="613"/>
      <c r="SVN644" s="613"/>
      <c r="SVO644" s="613"/>
      <c r="SVP644" s="613"/>
      <c r="SVQ644" s="613"/>
      <c r="SVR644" s="613"/>
      <c r="SVS644" s="613"/>
      <c r="SVT644" s="613"/>
      <c r="SVU644" s="613"/>
      <c r="SVV644" s="613"/>
      <c r="SVW644" s="613"/>
      <c r="SVX644" s="613"/>
      <c r="SVY644" s="613"/>
      <c r="SVZ644" s="613"/>
      <c r="SWA644" s="613"/>
      <c r="SWB644" s="613"/>
      <c r="SWC644" s="613"/>
      <c r="SWD644" s="613"/>
      <c r="SWE644" s="613"/>
      <c r="SWF644" s="613"/>
      <c r="SWG644" s="613"/>
      <c r="SWH644" s="613"/>
      <c r="SWI644" s="613"/>
      <c r="SWJ644" s="613"/>
      <c r="SWK644" s="613"/>
      <c r="SWL644" s="613"/>
      <c r="SWM644" s="613"/>
      <c r="SWN644" s="613"/>
      <c r="SWO644" s="613"/>
      <c r="SWP644" s="613"/>
      <c r="SWQ644" s="613"/>
      <c r="SWR644" s="613"/>
      <c r="SWS644" s="613"/>
      <c r="SWT644" s="613"/>
      <c r="SWU644" s="613"/>
      <c r="SWV644" s="613"/>
      <c r="SWW644" s="613"/>
      <c r="SWX644" s="613"/>
      <c r="SWY644" s="613"/>
      <c r="SWZ644" s="613"/>
      <c r="SXA644" s="613"/>
      <c r="SXB644" s="613"/>
      <c r="SXC644" s="613"/>
      <c r="SXD644" s="613"/>
      <c r="SXE644" s="613"/>
      <c r="SXF644" s="613"/>
      <c r="SXG644" s="613"/>
      <c r="SXH644" s="613"/>
      <c r="SXI644" s="613"/>
      <c r="SXJ644" s="613"/>
      <c r="SXK644" s="613"/>
      <c r="SXL644" s="613"/>
      <c r="SXM644" s="613"/>
      <c r="SXN644" s="613"/>
      <c r="SXO644" s="613"/>
      <c r="SXP644" s="613"/>
      <c r="SXQ644" s="613"/>
      <c r="SXR644" s="613"/>
      <c r="SXS644" s="613"/>
      <c r="SXT644" s="613"/>
      <c r="SXU644" s="613"/>
      <c r="SXV644" s="613"/>
      <c r="SXW644" s="613"/>
      <c r="SXX644" s="613"/>
      <c r="SXY644" s="613"/>
      <c r="SXZ644" s="613"/>
      <c r="SYA644" s="613"/>
      <c r="SYB644" s="613"/>
      <c r="SYC644" s="613"/>
      <c r="SYD644" s="613"/>
      <c r="SYE644" s="613"/>
      <c r="SYF644" s="613"/>
      <c r="SYG644" s="613"/>
      <c r="SYH644" s="613"/>
      <c r="SYI644" s="613"/>
      <c r="SYJ644" s="613"/>
      <c r="SYK644" s="613"/>
      <c r="SYL644" s="613"/>
      <c r="SYM644" s="613"/>
      <c r="SYN644" s="613"/>
      <c r="SYO644" s="613"/>
      <c r="SYP644" s="613"/>
      <c r="SYQ644" s="613"/>
      <c r="SYR644" s="613"/>
      <c r="SYS644" s="613"/>
      <c r="SYT644" s="613"/>
      <c r="SYU644" s="613"/>
      <c r="SYV644" s="613"/>
      <c r="SYW644" s="613"/>
      <c r="SYX644" s="613"/>
      <c r="SYY644" s="613"/>
      <c r="SYZ644" s="613"/>
      <c r="SZA644" s="613"/>
      <c r="SZB644" s="613"/>
      <c r="SZC644" s="613"/>
      <c r="SZD644" s="613"/>
      <c r="SZE644" s="613"/>
      <c r="SZF644" s="613"/>
      <c r="SZG644" s="613"/>
      <c r="SZH644" s="613"/>
      <c r="SZI644" s="613"/>
      <c r="SZJ644" s="613"/>
      <c r="SZK644" s="613"/>
      <c r="SZL644" s="613"/>
      <c r="SZM644" s="613"/>
      <c r="SZN644" s="613"/>
      <c r="SZO644" s="613"/>
      <c r="SZP644" s="613"/>
      <c r="SZQ644" s="613"/>
      <c r="SZR644" s="613"/>
      <c r="SZS644" s="613"/>
      <c r="SZT644" s="613"/>
      <c r="SZU644" s="613"/>
      <c r="SZV644" s="613"/>
      <c r="SZW644" s="613"/>
      <c r="SZX644" s="613"/>
      <c r="SZY644" s="613"/>
      <c r="SZZ644" s="613"/>
      <c r="TAA644" s="613"/>
      <c r="TAB644" s="613"/>
      <c r="TAC644" s="613"/>
      <c r="TAD644" s="613"/>
      <c r="TAE644" s="613"/>
      <c r="TAF644" s="613"/>
      <c r="TAG644" s="613"/>
      <c r="TAH644" s="613"/>
      <c r="TAI644" s="613"/>
      <c r="TAJ644" s="613"/>
      <c r="TAK644" s="613"/>
      <c r="TAL644" s="613"/>
      <c r="TAM644" s="613"/>
      <c r="TAN644" s="613"/>
      <c r="TAO644" s="613"/>
      <c r="TAP644" s="613"/>
      <c r="TAQ644" s="613"/>
      <c r="TAR644" s="613"/>
      <c r="TAS644" s="613"/>
      <c r="TAT644" s="613"/>
      <c r="TAU644" s="613"/>
      <c r="TAV644" s="613"/>
      <c r="TAW644" s="613"/>
      <c r="TAX644" s="613"/>
      <c r="TAY644" s="613"/>
      <c r="TAZ644" s="613"/>
      <c r="TBA644" s="613"/>
      <c r="TBB644" s="613"/>
      <c r="TBC644" s="613"/>
      <c r="TBD644" s="613"/>
      <c r="TBE644" s="613"/>
      <c r="TBF644" s="613"/>
      <c r="TBG644" s="613"/>
      <c r="TBH644" s="613"/>
      <c r="TBI644" s="613"/>
      <c r="TBJ644" s="613"/>
      <c r="TBK644" s="613"/>
      <c r="TBL644" s="613"/>
      <c r="TBM644" s="613"/>
      <c r="TBN644" s="613"/>
      <c r="TBO644" s="613"/>
      <c r="TBP644" s="613"/>
      <c r="TBQ644" s="613"/>
      <c r="TBR644" s="613"/>
      <c r="TBS644" s="613"/>
      <c r="TBT644" s="613"/>
      <c r="TBU644" s="613"/>
      <c r="TBV644" s="613"/>
      <c r="TBW644" s="613"/>
      <c r="TBX644" s="613"/>
      <c r="TBY644" s="613"/>
      <c r="TBZ644" s="613"/>
      <c r="TCA644" s="613"/>
      <c r="TCB644" s="613"/>
      <c r="TCC644" s="613"/>
      <c r="TCD644" s="613"/>
      <c r="TCE644" s="613"/>
      <c r="TCF644" s="613"/>
      <c r="TCG644" s="613"/>
      <c r="TCH644" s="613"/>
      <c r="TCI644" s="613"/>
      <c r="TCJ644" s="613"/>
      <c r="TCK644" s="613"/>
      <c r="TCL644" s="613"/>
      <c r="TCM644" s="613"/>
      <c r="TCN644" s="613"/>
      <c r="TCO644" s="613"/>
      <c r="TCP644" s="613"/>
      <c r="TCQ644" s="613"/>
      <c r="TCR644" s="613"/>
      <c r="TCS644" s="613"/>
      <c r="TCT644" s="613"/>
      <c r="TCU644" s="613"/>
      <c r="TCV644" s="613"/>
      <c r="TCW644" s="613"/>
      <c r="TCX644" s="613"/>
      <c r="TCY644" s="613"/>
      <c r="TCZ644" s="613"/>
      <c r="TDA644" s="613"/>
      <c r="TDB644" s="613"/>
      <c r="TDC644" s="613"/>
      <c r="TDD644" s="613"/>
      <c r="TDE644" s="613"/>
      <c r="TDF644" s="613"/>
      <c r="TDG644" s="613"/>
      <c r="TDH644" s="613"/>
      <c r="TDI644" s="613"/>
      <c r="TDJ644" s="613"/>
      <c r="TDK644" s="613"/>
      <c r="TDL644" s="613"/>
      <c r="TDM644" s="613"/>
      <c r="TDN644" s="613"/>
      <c r="TDO644" s="613"/>
      <c r="TDP644" s="613"/>
      <c r="TDQ644" s="613"/>
      <c r="TDR644" s="613"/>
      <c r="TDS644" s="613"/>
      <c r="TDT644" s="613"/>
      <c r="TDU644" s="613"/>
      <c r="TDV644" s="613"/>
      <c r="TDW644" s="613"/>
      <c r="TDX644" s="613"/>
      <c r="TDY644" s="613"/>
      <c r="TDZ644" s="613"/>
      <c r="TEA644" s="613"/>
      <c r="TEB644" s="613"/>
      <c r="TEC644" s="613"/>
      <c r="TED644" s="613"/>
      <c r="TEE644" s="613"/>
      <c r="TEF644" s="613"/>
      <c r="TEG644" s="613"/>
      <c r="TEH644" s="613"/>
      <c r="TEI644" s="613"/>
      <c r="TEJ644" s="613"/>
      <c r="TEK644" s="613"/>
      <c r="TEL644" s="613"/>
      <c r="TEM644" s="613"/>
      <c r="TEN644" s="613"/>
      <c r="TEO644" s="613"/>
      <c r="TEP644" s="613"/>
      <c r="TEQ644" s="613"/>
      <c r="TER644" s="613"/>
      <c r="TES644" s="613"/>
      <c r="TET644" s="613"/>
      <c r="TEU644" s="613"/>
      <c r="TEV644" s="613"/>
      <c r="TEW644" s="613"/>
      <c r="TEX644" s="613"/>
      <c r="TEY644" s="613"/>
      <c r="TEZ644" s="613"/>
      <c r="TFA644" s="613"/>
      <c r="TFB644" s="613"/>
      <c r="TFC644" s="613"/>
      <c r="TFD644" s="613"/>
      <c r="TFE644" s="613"/>
      <c r="TFF644" s="613"/>
      <c r="TFG644" s="613"/>
      <c r="TFH644" s="613"/>
      <c r="TFI644" s="613"/>
      <c r="TFJ644" s="613"/>
      <c r="TFK644" s="613"/>
      <c r="TFL644" s="613"/>
      <c r="TFM644" s="613"/>
      <c r="TFN644" s="613"/>
      <c r="TFO644" s="613"/>
      <c r="TFP644" s="613"/>
      <c r="TFQ644" s="613"/>
      <c r="TFR644" s="613"/>
      <c r="TFS644" s="613"/>
      <c r="TFT644" s="613"/>
      <c r="TFU644" s="613"/>
      <c r="TFV644" s="613"/>
      <c r="TFW644" s="613"/>
      <c r="TFX644" s="613"/>
      <c r="TFY644" s="613"/>
      <c r="TFZ644" s="613"/>
      <c r="TGA644" s="613"/>
      <c r="TGB644" s="613"/>
      <c r="TGC644" s="613"/>
      <c r="TGD644" s="613"/>
      <c r="TGE644" s="613"/>
      <c r="TGF644" s="613"/>
      <c r="TGG644" s="613"/>
      <c r="TGH644" s="613"/>
      <c r="TGI644" s="613"/>
      <c r="TGJ644" s="613"/>
      <c r="TGK644" s="613"/>
      <c r="TGL644" s="613"/>
      <c r="TGM644" s="613"/>
      <c r="TGN644" s="613"/>
      <c r="TGO644" s="613"/>
      <c r="TGP644" s="613"/>
      <c r="TGQ644" s="613"/>
      <c r="TGR644" s="613"/>
      <c r="TGS644" s="613"/>
      <c r="TGT644" s="613"/>
      <c r="TGU644" s="613"/>
      <c r="TGV644" s="613"/>
      <c r="TGW644" s="613"/>
      <c r="TGX644" s="613"/>
      <c r="TGY644" s="613"/>
      <c r="TGZ644" s="613"/>
      <c r="THA644" s="613"/>
      <c r="THB644" s="613"/>
      <c r="THC644" s="613"/>
      <c r="THD644" s="613"/>
      <c r="THE644" s="613"/>
      <c r="THF644" s="613"/>
      <c r="THG644" s="613"/>
      <c r="THH644" s="613"/>
      <c r="THI644" s="613"/>
      <c r="THJ644" s="613"/>
      <c r="THK644" s="613"/>
      <c r="THL644" s="613"/>
      <c r="THM644" s="613"/>
      <c r="THN644" s="613"/>
      <c r="THO644" s="613"/>
      <c r="THP644" s="613"/>
      <c r="THQ644" s="613"/>
      <c r="THR644" s="613"/>
      <c r="THS644" s="613"/>
      <c r="THT644" s="613"/>
      <c r="THU644" s="613"/>
      <c r="THV644" s="613"/>
      <c r="THW644" s="613"/>
      <c r="THX644" s="613"/>
      <c r="THY644" s="613"/>
      <c r="THZ644" s="613"/>
      <c r="TIA644" s="613"/>
      <c r="TIB644" s="613"/>
      <c r="TIC644" s="613"/>
      <c r="TID644" s="613"/>
      <c r="TIE644" s="613"/>
      <c r="TIF644" s="613"/>
      <c r="TIG644" s="613"/>
      <c r="TIH644" s="613"/>
      <c r="TII644" s="613"/>
      <c r="TIJ644" s="613"/>
      <c r="TIK644" s="613"/>
      <c r="TIL644" s="613"/>
      <c r="TIM644" s="613"/>
      <c r="TIN644" s="613"/>
      <c r="TIO644" s="613"/>
      <c r="TIP644" s="613"/>
      <c r="TIQ644" s="613"/>
      <c r="TIR644" s="613"/>
      <c r="TIS644" s="613"/>
      <c r="TIT644" s="613"/>
      <c r="TIU644" s="613"/>
      <c r="TIV644" s="613"/>
      <c r="TIW644" s="613"/>
      <c r="TIX644" s="613"/>
      <c r="TIY644" s="613"/>
      <c r="TIZ644" s="613"/>
      <c r="TJA644" s="613"/>
      <c r="TJB644" s="613"/>
      <c r="TJC644" s="613"/>
      <c r="TJD644" s="613"/>
      <c r="TJE644" s="613"/>
      <c r="TJF644" s="613"/>
      <c r="TJG644" s="613"/>
      <c r="TJH644" s="613"/>
      <c r="TJI644" s="613"/>
      <c r="TJJ644" s="613"/>
      <c r="TJK644" s="613"/>
      <c r="TJL644" s="613"/>
      <c r="TJM644" s="613"/>
      <c r="TJN644" s="613"/>
      <c r="TJO644" s="613"/>
      <c r="TJP644" s="613"/>
      <c r="TJQ644" s="613"/>
      <c r="TJR644" s="613"/>
      <c r="TJS644" s="613"/>
      <c r="TJT644" s="613"/>
      <c r="TJU644" s="613"/>
      <c r="TJV644" s="613"/>
      <c r="TJW644" s="613"/>
      <c r="TJX644" s="613"/>
      <c r="TJY644" s="613"/>
      <c r="TJZ644" s="613"/>
      <c r="TKA644" s="613"/>
      <c r="TKB644" s="613"/>
      <c r="TKC644" s="613"/>
      <c r="TKD644" s="613"/>
      <c r="TKE644" s="613"/>
      <c r="TKF644" s="613"/>
      <c r="TKG644" s="613"/>
      <c r="TKH644" s="613"/>
      <c r="TKI644" s="613"/>
      <c r="TKJ644" s="613"/>
      <c r="TKK644" s="613"/>
      <c r="TKL644" s="613"/>
      <c r="TKM644" s="613"/>
      <c r="TKN644" s="613"/>
      <c r="TKO644" s="613"/>
      <c r="TKP644" s="613"/>
      <c r="TKQ644" s="613"/>
      <c r="TKR644" s="613"/>
      <c r="TKS644" s="613"/>
      <c r="TKT644" s="613"/>
      <c r="TKU644" s="613"/>
      <c r="TKV644" s="613"/>
      <c r="TKW644" s="613"/>
      <c r="TKX644" s="613"/>
      <c r="TKY644" s="613"/>
      <c r="TKZ644" s="613"/>
      <c r="TLA644" s="613"/>
      <c r="TLB644" s="613"/>
      <c r="TLC644" s="613"/>
      <c r="TLD644" s="613"/>
      <c r="TLE644" s="613"/>
      <c r="TLF644" s="613"/>
      <c r="TLG644" s="613"/>
      <c r="TLH644" s="613"/>
      <c r="TLI644" s="613"/>
      <c r="TLJ644" s="613"/>
      <c r="TLK644" s="613"/>
      <c r="TLL644" s="613"/>
      <c r="TLM644" s="613"/>
      <c r="TLN644" s="613"/>
      <c r="TLO644" s="613"/>
      <c r="TLP644" s="613"/>
      <c r="TLQ644" s="613"/>
      <c r="TLR644" s="613"/>
      <c r="TLS644" s="613"/>
      <c r="TLT644" s="613"/>
      <c r="TLU644" s="613"/>
      <c r="TLV644" s="613"/>
      <c r="TLW644" s="613"/>
      <c r="TLX644" s="613"/>
      <c r="TLY644" s="613"/>
      <c r="TLZ644" s="613"/>
      <c r="TMA644" s="613"/>
      <c r="TMB644" s="613"/>
      <c r="TMC644" s="613"/>
      <c r="TMD644" s="613"/>
      <c r="TME644" s="613"/>
      <c r="TMF644" s="613"/>
      <c r="TMG644" s="613"/>
      <c r="TMH644" s="613"/>
      <c r="TMI644" s="613"/>
      <c r="TMJ644" s="613"/>
      <c r="TMK644" s="613"/>
      <c r="TML644" s="613"/>
      <c r="TMM644" s="613"/>
      <c r="TMN644" s="613"/>
      <c r="TMO644" s="613"/>
      <c r="TMP644" s="613"/>
      <c r="TMQ644" s="613"/>
      <c r="TMR644" s="613"/>
      <c r="TMS644" s="613"/>
      <c r="TMT644" s="613"/>
      <c r="TMU644" s="613"/>
      <c r="TMV644" s="613"/>
      <c r="TMW644" s="613"/>
      <c r="TMX644" s="613"/>
      <c r="TMY644" s="613"/>
      <c r="TMZ644" s="613"/>
      <c r="TNA644" s="613"/>
      <c r="TNB644" s="613"/>
      <c r="TNC644" s="613"/>
      <c r="TND644" s="613"/>
      <c r="TNE644" s="613"/>
      <c r="TNF644" s="613"/>
      <c r="TNG644" s="613"/>
      <c r="TNH644" s="613"/>
      <c r="TNI644" s="613"/>
      <c r="TNJ644" s="613"/>
      <c r="TNK644" s="613"/>
      <c r="TNL644" s="613"/>
      <c r="TNM644" s="613"/>
      <c r="TNN644" s="613"/>
      <c r="TNO644" s="613"/>
      <c r="TNP644" s="613"/>
      <c r="TNQ644" s="613"/>
      <c r="TNR644" s="613"/>
      <c r="TNS644" s="613"/>
      <c r="TNT644" s="613"/>
      <c r="TNU644" s="613"/>
      <c r="TNV644" s="613"/>
      <c r="TNW644" s="613"/>
      <c r="TNX644" s="613"/>
      <c r="TNY644" s="613"/>
      <c r="TNZ644" s="613"/>
      <c r="TOA644" s="613"/>
      <c r="TOB644" s="613"/>
      <c r="TOC644" s="613"/>
      <c r="TOD644" s="613"/>
      <c r="TOE644" s="613"/>
      <c r="TOF644" s="613"/>
      <c r="TOG644" s="613"/>
      <c r="TOH644" s="613"/>
      <c r="TOI644" s="613"/>
      <c r="TOJ644" s="613"/>
      <c r="TOK644" s="613"/>
      <c r="TOL644" s="613"/>
      <c r="TOM644" s="613"/>
      <c r="TON644" s="613"/>
      <c r="TOO644" s="613"/>
      <c r="TOP644" s="613"/>
      <c r="TOQ644" s="613"/>
      <c r="TOR644" s="613"/>
      <c r="TOS644" s="613"/>
      <c r="TOT644" s="613"/>
      <c r="TOU644" s="613"/>
      <c r="TOV644" s="613"/>
      <c r="TOW644" s="613"/>
      <c r="TOX644" s="613"/>
      <c r="TOY644" s="613"/>
      <c r="TOZ644" s="613"/>
      <c r="TPA644" s="613"/>
      <c r="TPB644" s="613"/>
      <c r="TPC644" s="613"/>
      <c r="TPD644" s="613"/>
      <c r="TPE644" s="613"/>
      <c r="TPF644" s="613"/>
      <c r="TPG644" s="613"/>
      <c r="TPH644" s="613"/>
      <c r="TPI644" s="613"/>
      <c r="TPJ644" s="613"/>
      <c r="TPK644" s="613"/>
      <c r="TPL644" s="613"/>
      <c r="TPM644" s="613"/>
      <c r="TPN644" s="613"/>
      <c r="TPO644" s="613"/>
      <c r="TPP644" s="613"/>
      <c r="TPQ644" s="613"/>
      <c r="TPR644" s="613"/>
      <c r="TPS644" s="613"/>
      <c r="TPT644" s="613"/>
      <c r="TPU644" s="613"/>
      <c r="TPV644" s="613"/>
      <c r="TPW644" s="613"/>
      <c r="TPX644" s="613"/>
      <c r="TPY644" s="613"/>
      <c r="TPZ644" s="613"/>
      <c r="TQA644" s="613"/>
      <c r="TQB644" s="613"/>
      <c r="TQC644" s="613"/>
      <c r="TQD644" s="613"/>
      <c r="TQE644" s="613"/>
      <c r="TQF644" s="613"/>
      <c r="TQG644" s="613"/>
      <c r="TQH644" s="613"/>
      <c r="TQI644" s="613"/>
      <c r="TQJ644" s="613"/>
      <c r="TQK644" s="613"/>
      <c r="TQL644" s="613"/>
      <c r="TQM644" s="613"/>
      <c r="TQN644" s="613"/>
      <c r="TQO644" s="613"/>
      <c r="TQP644" s="613"/>
      <c r="TQQ644" s="613"/>
      <c r="TQR644" s="613"/>
      <c r="TQS644" s="613"/>
      <c r="TQT644" s="613"/>
      <c r="TQU644" s="613"/>
      <c r="TQV644" s="613"/>
      <c r="TQW644" s="613"/>
      <c r="TQX644" s="613"/>
      <c r="TQY644" s="613"/>
      <c r="TQZ644" s="613"/>
      <c r="TRA644" s="613"/>
      <c r="TRB644" s="613"/>
      <c r="TRC644" s="613"/>
      <c r="TRD644" s="613"/>
      <c r="TRE644" s="613"/>
      <c r="TRF644" s="613"/>
      <c r="TRG644" s="613"/>
      <c r="TRH644" s="613"/>
      <c r="TRI644" s="613"/>
      <c r="TRJ644" s="613"/>
      <c r="TRK644" s="613"/>
      <c r="TRL644" s="613"/>
      <c r="TRM644" s="613"/>
      <c r="TRN644" s="613"/>
      <c r="TRO644" s="613"/>
      <c r="TRP644" s="613"/>
      <c r="TRQ644" s="613"/>
      <c r="TRR644" s="613"/>
      <c r="TRS644" s="613"/>
      <c r="TRT644" s="613"/>
      <c r="TRU644" s="613"/>
      <c r="TRV644" s="613"/>
      <c r="TRW644" s="613"/>
      <c r="TRX644" s="613"/>
      <c r="TRY644" s="613"/>
      <c r="TRZ644" s="613"/>
      <c r="TSA644" s="613"/>
      <c r="TSB644" s="613"/>
      <c r="TSC644" s="613"/>
      <c r="TSD644" s="613"/>
      <c r="TSE644" s="613"/>
      <c r="TSF644" s="613"/>
      <c r="TSG644" s="613"/>
      <c r="TSH644" s="613"/>
      <c r="TSI644" s="613"/>
      <c r="TSJ644" s="613"/>
      <c r="TSK644" s="613"/>
      <c r="TSL644" s="613"/>
      <c r="TSM644" s="613"/>
      <c r="TSN644" s="613"/>
      <c r="TSO644" s="613"/>
      <c r="TSP644" s="613"/>
      <c r="TSQ644" s="613"/>
      <c r="TSR644" s="613"/>
      <c r="TSS644" s="613"/>
      <c r="TST644" s="613"/>
      <c r="TSU644" s="613"/>
      <c r="TSV644" s="613"/>
      <c r="TSW644" s="613"/>
      <c r="TSX644" s="613"/>
      <c r="TSY644" s="613"/>
      <c r="TSZ644" s="613"/>
      <c r="TTA644" s="613"/>
      <c r="TTB644" s="613"/>
      <c r="TTC644" s="613"/>
      <c r="TTD644" s="613"/>
      <c r="TTE644" s="613"/>
      <c r="TTF644" s="613"/>
      <c r="TTG644" s="613"/>
      <c r="TTH644" s="613"/>
      <c r="TTI644" s="613"/>
      <c r="TTJ644" s="613"/>
      <c r="TTK644" s="613"/>
      <c r="TTL644" s="613"/>
      <c r="TTM644" s="613"/>
      <c r="TTN644" s="613"/>
      <c r="TTO644" s="613"/>
      <c r="TTP644" s="613"/>
      <c r="TTQ644" s="613"/>
      <c r="TTR644" s="613"/>
      <c r="TTS644" s="613"/>
      <c r="TTT644" s="613"/>
      <c r="TTU644" s="613"/>
      <c r="TTV644" s="613"/>
      <c r="TTW644" s="613"/>
      <c r="TTX644" s="613"/>
      <c r="TTY644" s="613"/>
      <c r="TTZ644" s="613"/>
      <c r="TUA644" s="613"/>
      <c r="TUB644" s="613"/>
      <c r="TUC644" s="613"/>
      <c r="TUD644" s="613"/>
      <c r="TUE644" s="613"/>
      <c r="TUF644" s="613"/>
      <c r="TUG644" s="613"/>
      <c r="TUH644" s="613"/>
      <c r="TUI644" s="613"/>
      <c r="TUJ644" s="613"/>
      <c r="TUK644" s="613"/>
      <c r="TUL644" s="613"/>
      <c r="TUM644" s="613"/>
      <c r="TUN644" s="613"/>
      <c r="TUO644" s="613"/>
      <c r="TUP644" s="613"/>
      <c r="TUQ644" s="613"/>
      <c r="TUR644" s="613"/>
      <c r="TUS644" s="613"/>
      <c r="TUT644" s="613"/>
      <c r="TUU644" s="613"/>
      <c r="TUV644" s="613"/>
      <c r="TUW644" s="613"/>
      <c r="TUX644" s="613"/>
      <c r="TUY644" s="613"/>
      <c r="TUZ644" s="613"/>
      <c r="TVA644" s="613"/>
      <c r="TVB644" s="613"/>
      <c r="TVC644" s="613"/>
      <c r="TVD644" s="613"/>
      <c r="TVE644" s="613"/>
      <c r="TVF644" s="613"/>
      <c r="TVG644" s="613"/>
      <c r="TVH644" s="613"/>
      <c r="TVI644" s="613"/>
      <c r="TVJ644" s="613"/>
      <c r="TVK644" s="613"/>
      <c r="TVL644" s="613"/>
      <c r="TVM644" s="613"/>
      <c r="TVN644" s="613"/>
      <c r="TVO644" s="613"/>
      <c r="TVP644" s="613"/>
      <c r="TVQ644" s="613"/>
      <c r="TVR644" s="613"/>
      <c r="TVS644" s="613"/>
      <c r="TVT644" s="613"/>
      <c r="TVU644" s="613"/>
      <c r="TVV644" s="613"/>
      <c r="TVW644" s="613"/>
      <c r="TVX644" s="613"/>
      <c r="TVY644" s="613"/>
      <c r="TVZ644" s="613"/>
      <c r="TWA644" s="613"/>
      <c r="TWB644" s="613"/>
      <c r="TWC644" s="613"/>
      <c r="TWD644" s="613"/>
      <c r="TWE644" s="613"/>
      <c r="TWF644" s="613"/>
      <c r="TWG644" s="613"/>
      <c r="TWH644" s="613"/>
      <c r="TWI644" s="613"/>
      <c r="TWJ644" s="613"/>
      <c r="TWK644" s="613"/>
      <c r="TWL644" s="613"/>
      <c r="TWM644" s="613"/>
      <c r="TWN644" s="613"/>
      <c r="TWO644" s="613"/>
      <c r="TWP644" s="613"/>
      <c r="TWQ644" s="613"/>
      <c r="TWR644" s="613"/>
      <c r="TWS644" s="613"/>
      <c r="TWT644" s="613"/>
      <c r="TWU644" s="613"/>
      <c r="TWV644" s="613"/>
      <c r="TWW644" s="613"/>
      <c r="TWX644" s="613"/>
      <c r="TWY644" s="613"/>
      <c r="TWZ644" s="613"/>
      <c r="TXA644" s="613"/>
      <c r="TXB644" s="613"/>
      <c r="TXC644" s="613"/>
      <c r="TXD644" s="613"/>
      <c r="TXE644" s="613"/>
      <c r="TXF644" s="613"/>
      <c r="TXG644" s="613"/>
      <c r="TXH644" s="613"/>
      <c r="TXI644" s="613"/>
      <c r="TXJ644" s="613"/>
      <c r="TXK644" s="613"/>
      <c r="TXL644" s="613"/>
      <c r="TXM644" s="613"/>
      <c r="TXN644" s="613"/>
      <c r="TXO644" s="613"/>
      <c r="TXP644" s="613"/>
      <c r="TXQ644" s="613"/>
      <c r="TXR644" s="613"/>
      <c r="TXS644" s="613"/>
      <c r="TXT644" s="613"/>
      <c r="TXU644" s="613"/>
      <c r="TXV644" s="613"/>
      <c r="TXW644" s="613"/>
      <c r="TXX644" s="613"/>
      <c r="TXY644" s="613"/>
      <c r="TXZ644" s="613"/>
      <c r="TYA644" s="613"/>
      <c r="TYB644" s="613"/>
      <c r="TYC644" s="613"/>
      <c r="TYD644" s="613"/>
      <c r="TYE644" s="613"/>
      <c r="TYF644" s="613"/>
      <c r="TYG644" s="613"/>
      <c r="TYH644" s="613"/>
      <c r="TYI644" s="613"/>
      <c r="TYJ644" s="613"/>
      <c r="TYK644" s="613"/>
      <c r="TYL644" s="613"/>
      <c r="TYM644" s="613"/>
      <c r="TYN644" s="613"/>
      <c r="TYO644" s="613"/>
      <c r="TYP644" s="613"/>
      <c r="TYQ644" s="613"/>
      <c r="TYR644" s="613"/>
      <c r="TYS644" s="613"/>
      <c r="TYT644" s="613"/>
      <c r="TYU644" s="613"/>
      <c r="TYV644" s="613"/>
      <c r="TYW644" s="613"/>
      <c r="TYX644" s="613"/>
      <c r="TYY644" s="613"/>
      <c r="TYZ644" s="613"/>
      <c r="TZA644" s="613"/>
      <c r="TZB644" s="613"/>
      <c r="TZC644" s="613"/>
      <c r="TZD644" s="613"/>
      <c r="TZE644" s="613"/>
      <c r="TZF644" s="613"/>
      <c r="TZG644" s="613"/>
      <c r="TZH644" s="613"/>
      <c r="TZI644" s="613"/>
      <c r="TZJ644" s="613"/>
      <c r="TZK644" s="613"/>
      <c r="TZL644" s="613"/>
      <c r="TZM644" s="613"/>
      <c r="TZN644" s="613"/>
      <c r="TZO644" s="613"/>
      <c r="TZP644" s="613"/>
      <c r="TZQ644" s="613"/>
      <c r="TZR644" s="613"/>
      <c r="TZS644" s="613"/>
      <c r="TZT644" s="613"/>
      <c r="TZU644" s="613"/>
      <c r="TZV644" s="613"/>
      <c r="TZW644" s="613"/>
      <c r="TZX644" s="613"/>
      <c r="TZY644" s="613"/>
      <c r="TZZ644" s="613"/>
      <c r="UAA644" s="613"/>
      <c r="UAB644" s="613"/>
      <c r="UAC644" s="613"/>
      <c r="UAD644" s="613"/>
      <c r="UAE644" s="613"/>
      <c r="UAF644" s="613"/>
      <c r="UAG644" s="613"/>
      <c r="UAH644" s="613"/>
      <c r="UAI644" s="613"/>
      <c r="UAJ644" s="613"/>
      <c r="UAK644" s="613"/>
      <c r="UAL644" s="613"/>
      <c r="UAM644" s="613"/>
      <c r="UAN644" s="613"/>
      <c r="UAO644" s="613"/>
      <c r="UAP644" s="613"/>
      <c r="UAQ644" s="613"/>
      <c r="UAR644" s="613"/>
      <c r="UAS644" s="613"/>
      <c r="UAT644" s="613"/>
      <c r="UAU644" s="613"/>
      <c r="UAV644" s="613"/>
      <c r="UAW644" s="613"/>
      <c r="UAX644" s="613"/>
      <c r="UAY644" s="613"/>
      <c r="UAZ644" s="613"/>
      <c r="UBA644" s="613"/>
      <c r="UBB644" s="613"/>
      <c r="UBC644" s="613"/>
      <c r="UBD644" s="613"/>
      <c r="UBE644" s="613"/>
      <c r="UBF644" s="613"/>
      <c r="UBG644" s="613"/>
      <c r="UBH644" s="613"/>
      <c r="UBI644" s="613"/>
      <c r="UBJ644" s="613"/>
      <c r="UBK644" s="613"/>
      <c r="UBL644" s="613"/>
      <c r="UBM644" s="613"/>
      <c r="UBN644" s="613"/>
      <c r="UBO644" s="613"/>
      <c r="UBP644" s="613"/>
      <c r="UBQ644" s="613"/>
      <c r="UBR644" s="613"/>
      <c r="UBS644" s="613"/>
      <c r="UBT644" s="613"/>
      <c r="UBU644" s="613"/>
      <c r="UBV644" s="613"/>
      <c r="UBW644" s="613"/>
      <c r="UBX644" s="613"/>
      <c r="UBY644" s="613"/>
      <c r="UBZ644" s="613"/>
      <c r="UCA644" s="613"/>
      <c r="UCB644" s="613"/>
      <c r="UCC644" s="613"/>
      <c r="UCD644" s="613"/>
      <c r="UCE644" s="613"/>
      <c r="UCF644" s="613"/>
      <c r="UCG644" s="613"/>
      <c r="UCH644" s="613"/>
      <c r="UCI644" s="613"/>
      <c r="UCJ644" s="613"/>
      <c r="UCK644" s="613"/>
      <c r="UCL644" s="613"/>
      <c r="UCM644" s="613"/>
      <c r="UCN644" s="613"/>
      <c r="UCO644" s="613"/>
      <c r="UCP644" s="613"/>
      <c r="UCQ644" s="613"/>
      <c r="UCR644" s="613"/>
      <c r="UCS644" s="613"/>
      <c r="UCT644" s="613"/>
      <c r="UCU644" s="613"/>
      <c r="UCV644" s="613"/>
      <c r="UCW644" s="613"/>
      <c r="UCX644" s="613"/>
      <c r="UCY644" s="613"/>
      <c r="UCZ644" s="613"/>
      <c r="UDA644" s="613"/>
      <c r="UDB644" s="613"/>
      <c r="UDC644" s="613"/>
      <c r="UDD644" s="613"/>
      <c r="UDE644" s="613"/>
      <c r="UDF644" s="613"/>
      <c r="UDG644" s="613"/>
      <c r="UDH644" s="613"/>
      <c r="UDI644" s="613"/>
      <c r="UDJ644" s="613"/>
      <c r="UDK644" s="613"/>
      <c r="UDL644" s="613"/>
      <c r="UDM644" s="613"/>
      <c r="UDN644" s="613"/>
      <c r="UDO644" s="613"/>
      <c r="UDP644" s="613"/>
      <c r="UDQ644" s="613"/>
      <c r="UDR644" s="613"/>
      <c r="UDS644" s="613"/>
      <c r="UDT644" s="613"/>
      <c r="UDU644" s="613"/>
      <c r="UDV644" s="613"/>
      <c r="UDW644" s="613"/>
      <c r="UDX644" s="613"/>
      <c r="UDY644" s="613"/>
      <c r="UDZ644" s="613"/>
      <c r="UEA644" s="613"/>
      <c r="UEB644" s="613"/>
      <c r="UEC644" s="613"/>
      <c r="UED644" s="613"/>
      <c r="UEE644" s="613"/>
      <c r="UEF644" s="613"/>
      <c r="UEG644" s="613"/>
      <c r="UEH644" s="613"/>
      <c r="UEI644" s="613"/>
      <c r="UEJ644" s="613"/>
      <c r="UEK644" s="613"/>
      <c r="UEL644" s="613"/>
      <c r="UEM644" s="613"/>
      <c r="UEN644" s="613"/>
      <c r="UEO644" s="613"/>
      <c r="UEP644" s="613"/>
      <c r="UEQ644" s="613"/>
      <c r="UER644" s="613"/>
      <c r="UES644" s="613"/>
      <c r="UET644" s="613"/>
      <c r="UEU644" s="613"/>
      <c r="UEV644" s="613"/>
      <c r="UEW644" s="613"/>
      <c r="UEX644" s="613"/>
      <c r="UEY644" s="613"/>
      <c r="UEZ644" s="613"/>
      <c r="UFA644" s="613"/>
      <c r="UFB644" s="613"/>
      <c r="UFC644" s="613"/>
      <c r="UFD644" s="613"/>
      <c r="UFE644" s="613"/>
      <c r="UFF644" s="613"/>
      <c r="UFG644" s="613"/>
      <c r="UFH644" s="613"/>
      <c r="UFI644" s="613"/>
      <c r="UFJ644" s="613"/>
      <c r="UFK644" s="613"/>
      <c r="UFL644" s="613"/>
      <c r="UFM644" s="613"/>
      <c r="UFN644" s="613"/>
      <c r="UFO644" s="613"/>
      <c r="UFP644" s="613"/>
      <c r="UFQ644" s="613"/>
      <c r="UFR644" s="613"/>
      <c r="UFS644" s="613"/>
      <c r="UFT644" s="613"/>
      <c r="UFU644" s="613"/>
      <c r="UFV644" s="613"/>
      <c r="UFW644" s="613"/>
      <c r="UFX644" s="613"/>
      <c r="UFY644" s="613"/>
      <c r="UFZ644" s="613"/>
      <c r="UGA644" s="613"/>
      <c r="UGB644" s="613"/>
      <c r="UGC644" s="613"/>
      <c r="UGD644" s="613"/>
      <c r="UGE644" s="613"/>
      <c r="UGF644" s="613"/>
      <c r="UGG644" s="613"/>
      <c r="UGH644" s="613"/>
      <c r="UGI644" s="613"/>
      <c r="UGJ644" s="613"/>
      <c r="UGK644" s="613"/>
      <c r="UGL644" s="613"/>
      <c r="UGM644" s="613"/>
      <c r="UGN644" s="613"/>
      <c r="UGO644" s="613"/>
      <c r="UGP644" s="613"/>
      <c r="UGQ644" s="613"/>
      <c r="UGR644" s="613"/>
      <c r="UGS644" s="613"/>
      <c r="UGT644" s="613"/>
      <c r="UGU644" s="613"/>
      <c r="UGV644" s="613"/>
      <c r="UGW644" s="613"/>
      <c r="UGX644" s="613"/>
      <c r="UGY644" s="613"/>
      <c r="UGZ644" s="613"/>
      <c r="UHA644" s="613"/>
      <c r="UHB644" s="613"/>
      <c r="UHC644" s="613"/>
      <c r="UHD644" s="613"/>
      <c r="UHE644" s="613"/>
      <c r="UHF644" s="613"/>
      <c r="UHG644" s="613"/>
      <c r="UHH644" s="613"/>
      <c r="UHI644" s="613"/>
      <c r="UHJ644" s="613"/>
      <c r="UHK644" s="613"/>
      <c r="UHL644" s="613"/>
      <c r="UHM644" s="613"/>
      <c r="UHN644" s="613"/>
      <c r="UHO644" s="613"/>
      <c r="UHP644" s="613"/>
      <c r="UHQ644" s="613"/>
      <c r="UHR644" s="613"/>
      <c r="UHS644" s="613"/>
      <c r="UHT644" s="613"/>
      <c r="UHU644" s="613"/>
      <c r="UHV644" s="613"/>
      <c r="UHW644" s="613"/>
      <c r="UHX644" s="613"/>
      <c r="UHY644" s="613"/>
      <c r="UHZ644" s="613"/>
      <c r="UIA644" s="613"/>
      <c r="UIB644" s="613"/>
      <c r="UIC644" s="613"/>
      <c r="UID644" s="613"/>
      <c r="UIE644" s="613"/>
      <c r="UIF644" s="613"/>
      <c r="UIG644" s="613"/>
      <c r="UIH644" s="613"/>
      <c r="UII644" s="613"/>
      <c r="UIJ644" s="613"/>
      <c r="UIK644" s="613"/>
      <c r="UIL644" s="613"/>
      <c r="UIM644" s="613"/>
      <c r="UIN644" s="613"/>
      <c r="UIO644" s="613"/>
      <c r="UIP644" s="613"/>
      <c r="UIQ644" s="613"/>
      <c r="UIR644" s="613"/>
      <c r="UIS644" s="613"/>
      <c r="UIT644" s="613"/>
      <c r="UIU644" s="613"/>
      <c r="UIV644" s="613"/>
      <c r="UIW644" s="613"/>
      <c r="UIX644" s="613"/>
      <c r="UIY644" s="613"/>
      <c r="UIZ644" s="613"/>
      <c r="UJA644" s="613"/>
      <c r="UJB644" s="613"/>
      <c r="UJC644" s="613"/>
      <c r="UJD644" s="613"/>
      <c r="UJE644" s="613"/>
      <c r="UJF644" s="613"/>
      <c r="UJG644" s="613"/>
      <c r="UJH644" s="613"/>
      <c r="UJI644" s="613"/>
      <c r="UJJ644" s="613"/>
      <c r="UJK644" s="613"/>
      <c r="UJL644" s="613"/>
      <c r="UJM644" s="613"/>
      <c r="UJN644" s="613"/>
      <c r="UJO644" s="613"/>
      <c r="UJP644" s="613"/>
      <c r="UJQ644" s="613"/>
      <c r="UJR644" s="613"/>
      <c r="UJS644" s="613"/>
      <c r="UJT644" s="613"/>
      <c r="UJU644" s="613"/>
      <c r="UJV644" s="613"/>
      <c r="UJW644" s="613"/>
      <c r="UJX644" s="613"/>
      <c r="UJY644" s="613"/>
      <c r="UJZ644" s="613"/>
      <c r="UKA644" s="613"/>
      <c r="UKB644" s="613"/>
      <c r="UKC644" s="613"/>
      <c r="UKD644" s="613"/>
      <c r="UKE644" s="613"/>
      <c r="UKF644" s="613"/>
      <c r="UKG644" s="613"/>
      <c r="UKH644" s="613"/>
      <c r="UKI644" s="613"/>
      <c r="UKJ644" s="613"/>
      <c r="UKK644" s="613"/>
      <c r="UKL644" s="613"/>
      <c r="UKM644" s="613"/>
      <c r="UKN644" s="613"/>
      <c r="UKO644" s="613"/>
      <c r="UKP644" s="613"/>
      <c r="UKQ644" s="613"/>
      <c r="UKR644" s="613"/>
      <c r="UKS644" s="613"/>
      <c r="UKT644" s="613"/>
      <c r="UKU644" s="613"/>
      <c r="UKV644" s="613"/>
      <c r="UKW644" s="613"/>
      <c r="UKX644" s="613"/>
      <c r="UKY644" s="613"/>
      <c r="UKZ644" s="613"/>
      <c r="ULA644" s="613"/>
      <c r="ULB644" s="613"/>
      <c r="ULC644" s="613"/>
      <c r="ULD644" s="613"/>
      <c r="ULE644" s="613"/>
      <c r="ULF644" s="613"/>
      <c r="ULG644" s="613"/>
      <c r="ULH644" s="613"/>
      <c r="ULI644" s="613"/>
      <c r="ULJ644" s="613"/>
      <c r="ULK644" s="613"/>
      <c r="ULL644" s="613"/>
      <c r="ULM644" s="613"/>
      <c r="ULN644" s="613"/>
      <c r="ULO644" s="613"/>
      <c r="ULP644" s="613"/>
      <c r="ULQ644" s="613"/>
      <c r="ULR644" s="613"/>
      <c r="ULS644" s="613"/>
      <c r="ULT644" s="613"/>
      <c r="ULU644" s="613"/>
      <c r="ULV644" s="613"/>
      <c r="ULW644" s="613"/>
      <c r="ULX644" s="613"/>
      <c r="ULY644" s="613"/>
      <c r="ULZ644" s="613"/>
      <c r="UMA644" s="613"/>
      <c r="UMB644" s="613"/>
      <c r="UMC644" s="613"/>
      <c r="UMD644" s="613"/>
      <c r="UME644" s="613"/>
      <c r="UMF644" s="613"/>
      <c r="UMG644" s="613"/>
      <c r="UMH644" s="613"/>
      <c r="UMI644" s="613"/>
      <c r="UMJ644" s="613"/>
      <c r="UMK644" s="613"/>
      <c r="UML644" s="613"/>
      <c r="UMM644" s="613"/>
      <c r="UMN644" s="613"/>
      <c r="UMO644" s="613"/>
      <c r="UMP644" s="613"/>
      <c r="UMQ644" s="613"/>
      <c r="UMR644" s="613"/>
      <c r="UMS644" s="613"/>
      <c r="UMT644" s="613"/>
      <c r="UMU644" s="613"/>
      <c r="UMV644" s="613"/>
      <c r="UMW644" s="613"/>
      <c r="UMX644" s="613"/>
      <c r="UMY644" s="613"/>
      <c r="UMZ644" s="613"/>
      <c r="UNA644" s="613"/>
      <c r="UNB644" s="613"/>
      <c r="UNC644" s="613"/>
      <c r="UND644" s="613"/>
      <c r="UNE644" s="613"/>
      <c r="UNF644" s="613"/>
      <c r="UNG644" s="613"/>
      <c r="UNH644" s="613"/>
      <c r="UNI644" s="613"/>
      <c r="UNJ644" s="613"/>
      <c r="UNK644" s="613"/>
      <c r="UNL644" s="613"/>
      <c r="UNM644" s="613"/>
      <c r="UNN644" s="613"/>
      <c r="UNO644" s="613"/>
      <c r="UNP644" s="613"/>
      <c r="UNQ644" s="613"/>
      <c r="UNR644" s="613"/>
      <c r="UNS644" s="613"/>
      <c r="UNT644" s="613"/>
      <c r="UNU644" s="613"/>
      <c r="UNV644" s="613"/>
      <c r="UNW644" s="613"/>
      <c r="UNX644" s="613"/>
      <c r="UNY644" s="613"/>
      <c r="UNZ644" s="613"/>
      <c r="UOA644" s="613"/>
      <c r="UOB644" s="613"/>
      <c r="UOC644" s="613"/>
      <c r="UOD644" s="613"/>
      <c r="UOE644" s="613"/>
      <c r="UOF644" s="613"/>
      <c r="UOG644" s="613"/>
      <c r="UOH644" s="613"/>
      <c r="UOI644" s="613"/>
      <c r="UOJ644" s="613"/>
      <c r="UOK644" s="613"/>
      <c r="UOL644" s="613"/>
      <c r="UOM644" s="613"/>
      <c r="UON644" s="613"/>
      <c r="UOO644" s="613"/>
      <c r="UOP644" s="613"/>
      <c r="UOQ644" s="613"/>
      <c r="UOR644" s="613"/>
      <c r="UOS644" s="613"/>
      <c r="UOT644" s="613"/>
      <c r="UOU644" s="613"/>
      <c r="UOV644" s="613"/>
      <c r="UOW644" s="613"/>
      <c r="UOX644" s="613"/>
      <c r="UOY644" s="613"/>
      <c r="UOZ644" s="613"/>
      <c r="UPA644" s="613"/>
      <c r="UPB644" s="613"/>
      <c r="UPC644" s="613"/>
      <c r="UPD644" s="613"/>
      <c r="UPE644" s="613"/>
      <c r="UPF644" s="613"/>
      <c r="UPG644" s="613"/>
      <c r="UPH644" s="613"/>
      <c r="UPI644" s="613"/>
      <c r="UPJ644" s="613"/>
      <c r="UPK644" s="613"/>
      <c r="UPL644" s="613"/>
      <c r="UPM644" s="613"/>
      <c r="UPN644" s="613"/>
      <c r="UPO644" s="613"/>
      <c r="UPP644" s="613"/>
      <c r="UPQ644" s="613"/>
      <c r="UPR644" s="613"/>
      <c r="UPS644" s="613"/>
      <c r="UPT644" s="613"/>
      <c r="UPU644" s="613"/>
      <c r="UPV644" s="613"/>
      <c r="UPW644" s="613"/>
      <c r="UPX644" s="613"/>
      <c r="UPY644" s="613"/>
      <c r="UPZ644" s="613"/>
      <c r="UQA644" s="613"/>
      <c r="UQB644" s="613"/>
      <c r="UQC644" s="613"/>
      <c r="UQD644" s="613"/>
      <c r="UQE644" s="613"/>
      <c r="UQF644" s="613"/>
      <c r="UQG644" s="613"/>
      <c r="UQH644" s="613"/>
      <c r="UQI644" s="613"/>
      <c r="UQJ644" s="613"/>
      <c r="UQK644" s="613"/>
      <c r="UQL644" s="613"/>
      <c r="UQM644" s="613"/>
      <c r="UQN644" s="613"/>
      <c r="UQO644" s="613"/>
      <c r="UQP644" s="613"/>
      <c r="UQQ644" s="613"/>
      <c r="UQR644" s="613"/>
      <c r="UQS644" s="613"/>
      <c r="UQT644" s="613"/>
      <c r="UQU644" s="613"/>
      <c r="UQV644" s="613"/>
      <c r="UQW644" s="613"/>
      <c r="UQX644" s="613"/>
      <c r="UQY644" s="613"/>
      <c r="UQZ644" s="613"/>
      <c r="URA644" s="613"/>
      <c r="URB644" s="613"/>
      <c r="URC644" s="613"/>
      <c r="URD644" s="613"/>
      <c r="URE644" s="613"/>
      <c r="URF644" s="613"/>
      <c r="URG644" s="613"/>
      <c r="URH644" s="613"/>
      <c r="URI644" s="613"/>
      <c r="URJ644" s="613"/>
      <c r="URK644" s="613"/>
      <c r="URL644" s="613"/>
      <c r="URM644" s="613"/>
      <c r="URN644" s="613"/>
      <c r="URO644" s="613"/>
      <c r="URP644" s="613"/>
      <c r="URQ644" s="613"/>
      <c r="URR644" s="613"/>
      <c r="URS644" s="613"/>
      <c r="URT644" s="613"/>
      <c r="URU644" s="613"/>
      <c r="URV644" s="613"/>
      <c r="URW644" s="613"/>
      <c r="URX644" s="613"/>
      <c r="URY644" s="613"/>
      <c r="URZ644" s="613"/>
      <c r="USA644" s="613"/>
      <c r="USB644" s="613"/>
      <c r="USC644" s="613"/>
      <c r="USD644" s="613"/>
      <c r="USE644" s="613"/>
      <c r="USF644" s="613"/>
      <c r="USG644" s="613"/>
      <c r="USH644" s="613"/>
      <c r="USI644" s="613"/>
      <c r="USJ644" s="613"/>
      <c r="USK644" s="613"/>
      <c r="USL644" s="613"/>
      <c r="USM644" s="613"/>
      <c r="USN644" s="613"/>
      <c r="USO644" s="613"/>
      <c r="USP644" s="613"/>
      <c r="USQ644" s="613"/>
      <c r="USR644" s="613"/>
      <c r="USS644" s="613"/>
      <c r="UST644" s="613"/>
      <c r="USU644" s="613"/>
      <c r="USV644" s="613"/>
      <c r="USW644" s="613"/>
      <c r="USX644" s="613"/>
      <c r="USY644" s="613"/>
      <c r="USZ644" s="613"/>
      <c r="UTA644" s="613"/>
      <c r="UTB644" s="613"/>
      <c r="UTC644" s="613"/>
      <c r="UTD644" s="613"/>
      <c r="UTE644" s="613"/>
      <c r="UTF644" s="613"/>
      <c r="UTG644" s="613"/>
      <c r="UTH644" s="613"/>
      <c r="UTI644" s="613"/>
      <c r="UTJ644" s="613"/>
      <c r="UTK644" s="613"/>
      <c r="UTL644" s="613"/>
      <c r="UTM644" s="613"/>
      <c r="UTN644" s="613"/>
      <c r="UTO644" s="613"/>
      <c r="UTP644" s="613"/>
      <c r="UTQ644" s="613"/>
      <c r="UTR644" s="613"/>
      <c r="UTS644" s="613"/>
      <c r="UTT644" s="613"/>
      <c r="UTU644" s="613"/>
      <c r="UTV644" s="613"/>
      <c r="UTW644" s="613"/>
      <c r="UTX644" s="613"/>
      <c r="UTY644" s="613"/>
      <c r="UTZ644" s="613"/>
      <c r="UUA644" s="613"/>
      <c r="UUB644" s="613"/>
      <c r="UUC644" s="613"/>
      <c r="UUD644" s="613"/>
      <c r="UUE644" s="613"/>
      <c r="UUF644" s="613"/>
      <c r="UUG644" s="613"/>
      <c r="UUH644" s="613"/>
      <c r="UUI644" s="613"/>
      <c r="UUJ644" s="613"/>
      <c r="UUK644" s="613"/>
      <c r="UUL644" s="613"/>
      <c r="UUM644" s="613"/>
      <c r="UUN644" s="613"/>
      <c r="UUO644" s="613"/>
      <c r="UUP644" s="613"/>
      <c r="UUQ644" s="613"/>
      <c r="UUR644" s="613"/>
      <c r="UUS644" s="613"/>
      <c r="UUT644" s="613"/>
      <c r="UUU644" s="613"/>
      <c r="UUV644" s="613"/>
      <c r="UUW644" s="613"/>
      <c r="UUX644" s="613"/>
      <c r="UUY644" s="613"/>
      <c r="UUZ644" s="613"/>
      <c r="UVA644" s="613"/>
      <c r="UVB644" s="613"/>
      <c r="UVC644" s="613"/>
      <c r="UVD644" s="613"/>
      <c r="UVE644" s="613"/>
      <c r="UVF644" s="613"/>
      <c r="UVG644" s="613"/>
      <c r="UVH644" s="613"/>
      <c r="UVI644" s="613"/>
      <c r="UVJ644" s="613"/>
      <c r="UVK644" s="613"/>
      <c r="UVL644" s="613"/>
      <c r="UVM644" s="613"/>
      <c r="UVN644" s="613"/>
      <c r="UVO644" s="613"/>
      <c r="UVP644" s="613"/>
      <c r="UVQ644" s="613"/>
      <c r="UVR644" s="613"/>
      <c r="UVS644" s="613"/>
      <c r="UVT644" s="613"/>
      <c r="UVU644" s="613"/>
      <c r="UVV644" s="613"/>
      <c r="UVW644" s="613"/>
      <c r="UVX644" s="613"/>
      <c r="UVY644" s="613"/>
      <c r="UVZ644" s="613"/>
      <c r="UWA644" s="613"/>
      <c r="UWB644" s="613"/>
      <c r="UWC644" s="613"/>
      <c r="UWD644" s="613"/>
      <c r="UWE644" s="613"/>
      <c r="UWF644" s="613"/>
      <c r="UWG644" s="613"/>
      <c r="UWH644" s="613"/>
      <c r="UWI644" s="613"/>
      <c r="UWJ644" s="613"/>
      <c r="UWK644" s="613"/>
      <c r="UWL644" s="613"/>
      <c r="UWM644" s="613"/>
      <c r="UWN644" s="613"/>
      <c r="UWO644" s="613"/>
      <c r="UWP644" s="613"/>
      <c r="UWQ644" s="613"/>
      <c r="UWR644" s="613"/>
      <c r="UWS644" s="613"/>
      <c r="UWT644" s="613"/>
      <c r="UWU644" s="613"/>
      <c r="UWV644" s="613"/>
      <c r="UWW644" s="613"/>
      <c r="UWX644" s="613"/>
      <c r="UWY644" s="613"/>
      <c r="UWZ644" s="613"/>
      <c r="UXA644" s="613"/>
      <c r="UXB644" s="613"/>
      <c r="UXC644" s="613"/>
      <c r="UXD644" s="613"/>
      <c r="UXE644" s="613"/>
      <c r="UXF644" s="613"/>
      <c r="UXG644" s="613"/>
      <c r="UXH644" s="613"/>
      <c r="UXI644" s="613"/>
      <c r="UXJ644" s="613"/>
      <c r="UXK644" s="613"/>
      <c r="UXL644" s="613"/>
      <c r="UXM644" s="613"/>
      <c r="UXN644" s="613"/>
      <c r="UXO644" s="613"/>
      <c r="UXP644" s="613"/>
      <c r="UXQ644" s="613"/>
      <c r="UXR644" s="613"/>
      <c r="UXS644" s="613"/>
      <c r="UXT644" s="613"/>
      <c r="UXU644" s="613"/>
      <c r="UXV644" s="613"/>
      <c r="UXW644" s="613"/>
      <c r="UXX644" s="613"/>
      <c r="UXY644" s="613"/>
      <c r="UXZ644" s="613"/>
      <c r="UYA644" s="613"/>
      <c r="UYB644" s="613"/>
      <c r="UYC644" s="613"/>
      <c r="UYD644" s="613"/>
      <c r="UYE644" s="613"/>
      <c r="UYF644" s="613"/>
      <c r="UYG644" s="613"/>
      <c r="UYH644" s="613"/>
      <c r="UYI644" s="613"/>
      <c r="UYJ644" s="613"/>
      <c r="UYK644" s="613"/>
      <c r="UYL644" s="613"/>
      <c r="UYM644" s="613"/>
      <c r="UYN644" s="613"/>
      <c r="UYO644" s="613"/>
      <c r="UYP644" s="613"/>
      <c r="UYQ644" s="613"/>
      <c r="UYR644" s="613"/>
      <c r="UYS644" s="613"/>
      <c r="UYT644" s="613"/>
      <c r="UYU644" s="613"/>
      <c r="UYV644" s="613"/>
      <c r="UYW644" s="613"/>
      <c r="UYX644" s="613"/>
      <c r="UYY644" s="613"/>
      <c r="UYZ644" s="613"/>
      <c r="UZA644" s="613"/>
      <c r="UZB644" s="613"/>
      <c r="UZC644" s="613"/>
      <c r="UZD644" s="613"/>
      <c r="UZE644" s="613"/>
      <c r="UZF644" s="613"/>
      <c r="UZG644" s="613"/>
      <c r="UZH644" s="613"/>
      <c r="UZI644" s="613"/>
      <c r="UZJ644" s="613"/>
      <c r="UZK644" s="613"/>
      <c r="UZL644" s="613"/>
      <c r="UZM644" s="613"/>
      <c r="UZN644" s="613"/>
      <c r="UZO644" s="613"/>
      <c r="UZP644" s="613"/>
      <c r="UZQ644" s="613"/>
      <c r="UZR644" s="613"/>
      <c r="UZS644" s="613"/>
      <c r="UZT644" s="613"/>
      <c r="UZU644" s="613"/>
      <c r="UZV644" s="613"/>
      <c r="UZW644" s="613"/>
      <c r="UZX644" s="613"/>
      <c r="UZY644" s="613"/>
      <c r="UZZ644" s="613"/>
      <c r="VAA644" s="613"/>
      <c r="VAB644" s="613"/>
      <c r="VAC644" s="613"/>
      <c r="VAD644" s="613"/>
      <c r="VAE644" s="613"/>
      <c r="VAF644" s="613"/>
      <c r="VAG644" s="613"/>
      <c r="VAH644" s="613"/>
      <c r="VAI644" s="613"/>
      <c r="VAJ644" s="613"/>
      <c r="VAK644" s="613"/>
      <c r="VAL644" s="613"/>
      <c r="VAM644" s="613"/>
      <c r="VAN644" s="613"/>
      <c r="VAO644" s="613"/>
      <c r="VAP644" s="613"/>
      <c r="VAQ644" s="613"/>
      <c r="VAR644" s="613"/>
      <c r="VAS644" s="613"/>
      <c r="VAT644" s="613"/>
      <c r="VAU644" s="613"/>
      <c r="VAV644" s="613"/>
      <c r="VAW644" s="613"/>
      <c r="VAX644" s="613"/>
      <c r="VAY644" s="613"/>
      <c r="VAZ644" s="613"/>
      <c r="VBA644" s="613"/>
      <c r="VBB644" s="613"/>
      <c r="VBC644" s="613"/>
      <c r="VBD644" s="613"/>
      <c r="VBE644" s="613"/>
      <c r="VBF644" s="613"/>
      <c r="VBG644" s="613"/>
      <c r="VBH644" s="613"/>
      <c r="VBI644" s="613"/>
      <c r="VBJ644" s="613"/>
      <c r="VBK644" s="613"/>
      <c r="VBL644" s="613"/>
      <c r="VBM644" s="613"/>
      <c r="VBN644" s="613"/>
      <c r="VBO644" s="613"/>
      <c r="VBP644" s="613"/>
      <c r="VBQ644" s="613"/>
      <c r="VBR644" s="613"/>
      <c r="VBS644" s="613"/>
      <c r="VBT644" s="613"/>
      <c r="VBU644" s="613"/>
      <c r="VBV644" s="613"/>
      <c r="VBW644" s="613"/>
      <c r="VBX644" s="613"/>
      <c r="VBY644" s="613"/>
      <c r="VBZ644" s="613"/>
      <c r="VCA644" s="613"/>
      <c r="VCB644" s="613"/>
      <c r="VCC644" s="613"/>
      <c r="VCD644" s="613"/>
      <c r="VCE644" s="613"/>
      <c r="VCF644" s="613"/>
      <c r="VCG644" s="613"/>
      <c r="VCH644" s="613"/>
      <c r="VCI644" s="613"/>
      <c r="VCJ644" s="613"/>
      <c r="VCK644" s="613"/>
      <c r="VCL644" s="613"/>
      <c r="VCM644" s="613"/>
      <c r="VCN644" s="613"/>
      <c r="VCO644" s="613"/>
      <c r="VCP644" s="613"/>
      <c r="VCQ644" s="613"/>
      <c r="VCR644" s="613"/>
      <c r="VCS644" s="613"/>
      <c r="VCT644" s="613"/>
      <c r="VCU644" s="613"/>
      <c r="VCV644" s="613"/>
      <c r="VCW644" s="613"/>
      <c r="VCX644" s="613"/>
      <c r="VCY644" s="613"/>
      <c r="VCZ644" s="613"/>
      <c r="VDA644" s="613"/>
      <c r="VDB644" s="613"/>
      <c r="VDC644" s="613"/>
      <c r="VDD644" s="613"/>
      <c r="VDE644" s="613"/>
      <c r="VDF644" s="613"/>
      <c r="VDG644" s="613"/>
      <c r="VDH644" s="613"/>
      <c r="VDI644" s="613"/>
      <c r="VDJ644" s="613"/>
      <c r="VDK644" s="613"/>
      <c r="VDL644" s="613"/>
      <c r="VDM644" s="613"/>
      <c r="VDN644" s="613"/>
      <c r="VDO644" s="613"/>
      <c r="VDP644" s="613"/>
      <c r="VDQ644" s="613"/>
      <c r="VDR644" s="613"/>
      <c r="VDS644" s="613"/>
      <c r="VDT644" s="613"/>
      <c r="VDU644" s="613"/>
      <c r="VDV644" s="613"/>
      <c r="VDW644" s="613"/>
      <c r="VDX644" s="613"/>
      <c r="VDY644" s="613"/>
      <c r="VDZ644" s="613"/>
      <c r="VEA644" s="613"/>
      <c r="VEB644" s="613"/>
      <c r="VEC644" s="613"/>
      <c r="VED644" s="613"/>
      <c r="VEE644" s="613"/>
      <c r="VEF644" s="613"/>
      <c r="VEG644" s="613"/>
      <c r="VEH644" s="613"/>
      <c r="VEI644" s="613"/>
      <c r="VEJ644" s="613"/>
      <c r="VEK644" s="613"/>
      <c r="VEL644" s="613"/>
      <c r="VEM644" s="613"/>
      <c r="VEN644" s="613"/>
      <c r="VEO644" s="613"/>
      <c r="VEP644" s="613"/>
      <c r="VEQ644" s="613"/>
      <c r="VER644" s="613"/>
      <c r="VES644" s="613"/>
      <c r="VET644" s="613"/>
      <c r="VEU644" s="613"/>
      <c r="VEV644" s="613"/>
      <c r="VEW644" s="613"/>
      <c r="VEX644" s="613"/>
      <c r="VEY644" s="613"/>
      <c r="VEZ644" s="613"/>
      <c r="VFA644" s="613"/>
      <c r="VFB644" s="613"/>
      <c r="VFC644" s="613"/>
      <c r="VFD644" s="613"/>
      <c r="VFE644" s="613"/>
      <c r="VFF644" s="613"/>
      <c r="VFG644" s="613"/>
      <c r="VFH644" s="613"/>
      <c r="VFI644" s="613"/>
      <c r="VFJ644" s="613"/>
      <c r="VFK644" s="613"/>
      <c r="VFL644" s="613"/>
      <c r="VFM644" s="613"/>
      <c r="VFN644" s="613"/>
      <c r="VFO644" s="613"/>
      <c r="VFP644" s="613"/>
      <c r="VFQ644" s="613"/>
      <c r="VFR644" s="613"/>
      <c r="VFS644" s="613"/>
      <c r="VFT644" s="613"/>
      <c r="VFU644" s="613"/>
      <c r="VFV644" s="613"/>
      <c r="VFW644" s="613"/>
      <c r="VFX644" s="613"/>
      <c r="VFY644" s="613"/>
      <c r="VFZ644" s="613"/>
      <c r="VGA644" s="613"/>
      <c r="VGB644" s="613"/>
      <c r="VGC644" s="613"/>
      <c r="VGD644" s="613"/>
      <c r="VGE644" s="613"/>
      <c r="VGF644" s="613"/>
      <c r="VGG644" s="613"/>
      <c r="VGH644" s="613"/>
      <c r="VGI644" s="613"/>
      <c r="VGJ644" s="613"/>
      <c r="VGK644" s="613"/>
      <c r="VGL644" s="613"/>
      <c r="VGM644" s="613"/>
      <c r="VGN644" s="613"/>
      <c r="VGO644" s="613"/>
      <c r="VGP644" s="613"/>
      <c r="VGQ644" s="613"/>
      <c r="VGR644" s="613"/>
      <c r="VGS644" s="613"/>
      <c r="VGT644" s="613"/>
      <c r="VGU644" s="613"/>
      <c r="VGV644" s="613"/>
      <c r="VGW644" s="613"/>
      <c r="VGX644" s="613"/>
      <c r="VGY644" s="613"/>
      <c r="VGZ644" s="613"/>
      <c r="VHA644" s="613"/>
      <c r="VHB644" s="613"/>
      <c r="VHC644" s="613"/>
      <c r="VHD644" s="613"/>
      <c r="VHE644" s="613"/>
      <c r="VHF644" s="613"/>
      <c r="VHG644" s="613"/>
      <c r="VHH644" s="613"/>
      <c r="VHI644" s="613"/>
      <c r="VHJ644" s="613"/>
      <c r="VHK644" s="613"/>
      <c r="VHL644" s="613"/>
      <c r="VHM644" s="613"/>
      <c r="VHN644" s="613"/>
      <c r="VHO644" s="613"/>
      <c r="VHP644" s="613"/>
      <c r="VHQ644" s="613"/>
      <c r="VHR644" s="613"/>
      <c r="VHS644" s="613"/>
      <c r="VHT644" s="613"/>
      <c r="VHU644" s="613"/>
      <c r="VHV644" s="613"/>
      <c r="VHW644" s="613"/>
      <c r="VHX644" s="613"/>
      <c r="VHY644" s="613"/>
      <c r="VHZ644" s="613"/>
      <c r="VIA644" s="613"/>
      <c r="VIB644" s="613"/>
      <c r="VIC644" s="613"/>
      <c r="VID644" s="613"/>
      <c r="VIE644" s="613"/>
      <c r="VIF644" s="613"/>
      <c r="VIG644" s="613"/>
      <c r="VIH644" s="613"/>
      <c r="VII644" s="613"/>
      <c r="VIJ644" s="613"/>
      <c r="VIK644" s="613"/>
      <c r="VIL644" s="613"/>
      <c r="VIM644" s="613"/>
      <c r="VIN644" s="613"/>
      <c r="VIO644" s="613"/>
      <c r="VIP644" s="613"/>
      <c r="VIQ644" s="613"/>
      <c r="VIR644" s="613"/>
      <c r="VIS644" s="613"/>
      <c r="VIT644" s="613"/>
      <c r="VIU644" s="613"/>
      <c r="VIV644" s="613"/>
      <c r="VIW644" s="613"/>
      <c r="VIX644" s="613"/>
      <c r="VIY644" s="613"/>
      <c r="VIZ644" s="613"/>
      <c r="VJA644" s="613"/>
      <c r="VJB644" s="613"/>
      <c r="VJC644" s="613"/>
      <c r="VJD644" s="613"/>
      <c r="VJE644" s="613"/>
      <c r="VJF644" s="613"/>
      <c r="VJG644" s="613"/>
      <c r="VJH644" s="613"/>
      <c r="VJI644" s="613"/>
      <c r="VJJ644" s="613"/>
      <c r="VJK644" s="613"/>
      <c r="VJL644" s="613"/>
      <c r="VJM644" s="613"/>
      <c r="VJN644" s="613"/>
      <c r="VJO644" s="613"/>
      <c r="VJP644" s="613"/>
      <c r="VJQ644" s="613"/>
      <c r="VJR644" s="613"/>
      <c r="VJS644" s="613"/>
      <c r="VJT644" s="613"/>
      <c r="VJU644" s="613"/>
      <c r="VJV644" s="613"/>
      <c r="VJW644" s="613"/>
      <c r="VJX644" s="613"/>
      <c r="VJY644" s="613"/>
      <c r="VJZ644" s="613"/>
      <c r="VKA644" s="613"/>
      <c r="VKB644" s="613"/>
      <c r="VKC644" s="613"/>
      <c r="VKD644" s="613"/>
      <c r="VKE644" s="613"/>
      <c r="VKF644" s="613"/>
      <c r="VKG644" s="613"/>
      <c r="VKH644" s="613"/>
      <c r="VKI644" s="613"/>
      <c r="VKJ644" s="613"/>
      <c r="VKK644" s="613"/>
      <c r="VKL644" s="613"/>
      <c r="VKM644" s="613"/>
      <c r="VKN644" s="613"/>
      <c r="VKO644" s="613"/>
      <c r="VKP644" s="613"/>
      <c r="VKQ644" s="613"/>
      <c r="VKR644" s="613"/>
      <c r="VKS644" s="613"/>
      <c r="VKT644" s="613"/>
      <c r="VKU644" s="613"/>
      <c r="VKV644" s="613"/>
      <c r="VKW644" s="613"/>
      <c r="VKX644" s="613"/>
      <c r="VKY644" s="613"/>
      <c r="VKZ644" s="613"/>
      <c r="VLA644" s="613"/>
      <c r="VLB644" s="613"/>
      <c r="VLC644" s="613"/>
      <c r="VLD644" s="613"/>
      <c r="VLE644" s="613"/>
      <c r="VLF644" s="613"/>
      <c r="VLG644" s="613"/>
      <c r="VLH644" s="613"/>
      <c r="VLI644" s="613"/>
      <c r="VLJ644" s="613"/>
      <c r="VLK644" s="613"/>
      <c r="VLL644" s="613"/>
      <c r="VLM644" s="613"/>
      <c r="VLN644" s="613"/>
      <c r="VLO644" s="613"/>
      <c r="VLP644" s="613"/>
      <c r="VLQ644" s="613"/>
      <c r="VLR644" s="613"/>
      <c r="VLS644" s="613"/>
      <c r="VLT644" s="613"/>
      <c r="VLU644" s="613"/>
      <c r="VLV644" s="613"/>
      <c r="VLW644" s="613"/>
      <c r="VLX644" s="613"/>
      <c r="VLY644" s="613"/>
      <c r="VLZ644" s="613"/>
      <c r="VMA644" s="613"/>
      <c r="VMB644" s="613"/>
      <c r="VMC644" s="613"/>
      <c r="VMD644" s="613"/>
      <c r="VME644" s="613"/>
      <c r="VMF644" s="613"/>
      <c r="VMG644" s="613"/>
      <c r="VMH644" s="613"/>
      <c r="VMI644" s="613"/>
      <c r="VMJ644" s="613"/>
      <c r="VMK644" s="613"/>
      <c r="VML644" s="613"/>
      <c r="VMM644" s="613"/>
      <c r="VMN644" s="613"/>
      <c r="VMO644" s="613"/>
      <c r="VMP644" s="613"/>
      <c r="VMQ644" s="613"/>
      <c r="VMR644" s="613"/>
      <c r="VMS644" s="613"/>
      <c r="VMT644" s="613"/>
      <c r="VMU644" s="613"/>
      <c r="VMV644" s="613"/>
      <c r="VMW644" s="613"/>
      <c r="VMX644" s="613"/>
      <c r="VMY644" s="613"/>
      <c r="VMZ644" s="613"/>
      <c r="VNA644" s="613"/>
      <c r="VNB644" s="613"/>
      <c r="VNC644" s="613"/>
      <c r="VND644" s="613"/>
      <c r="VNE644" s="613"/>
      <c r="VNF644" s="613"/>
      <c r="VNG644" s="613"/>
      <c r="VNH644" s="613"/>
      <c r="VNI644" s="613"/>
      <c r="VNJ644" s="613"/>
      <c r="VNK644" s="613"/>
      <c r="VNL644" s="613"/>
      <c r="VNM644" s="613"/>
      <c r="VNN644" s="613"/>
      <c r="VNO644" s="613"/>
      <c r="VNP644" s="613"/>
      <c r="VNQ644" s="613"/>
      <c r="VNR644" s="613"/>
      <c r="VNS644" s="613"/>
      <c r="VNT644" s="613"/>
      <c r="VNU644" s="613"/>
      <c r="VNV644" s="613"/>
      <c r="VNW644" s="613"/>
      <c r="VNX644" s="613"/>
      <c r="VNY644" s="613"/>
      <c r="VNZ644" s="613"/>
      <c r="VOA644" s="613"/>
      <c r="VOB644" s="613"/>
      <c r="VOC644" s="613"/>
      <c r="VOD644" s="613"/>
      <c r="VOE644" s="613"/>
      <c r="VOF644" s="613"/>
      <c r="VOG644" s="613"/>
      <c r="VOH644" s="613"/>
      <c r="VOI644" s="613"/>
      <c r="VOJ644" s="613"/>
      <c r="VOK644" s="613"/>
      <c r="VOL644" s="613"/>
      <c r="VOM644" s="613"/>
      <c r="VON644" s="613"/>
      <c r="VOO644" s="613"/>
      <c r="VOP644" s="613"/>
      <c r="VOQ644" s="613"/>
      <c r="VOR644" s="613"/>
      <c r="VOS644" s="613"/>
      <c r="VOT644" s="613"/>
      <c r="VOU644" s="613"/>
      <c r="VOV644" s="613"/>
      <c r="VOW644" s="613"/>
      <c r="VOX644" s="613"/>
      <c r="VOY644" s="613"/>
      <c r="VOZ644" s="613"/>
      <c r="VPA644" s="613"/>
      <c r="VPB644" s="613"/>
      <c r="VPC644" s="613"/>
      <c r="VPD644" s="613"/>
      <c r="VPE644" s="613"/>
      <c r="VPF644" s="613"/>
      <c r="VPG644" s="613"/>
      <c r="VPH644" s="613"/>
      <c r="VPI644" s="613"/>
      <c r="VPJ644" s="613"/>
      <c r="VPK644" s="613"/>
      <c r="VPL644" s="613"/>
      <c r="VPM644" s="613"/>
      <c r="VPN644" s="613"/>
      <c r="VPO644" s="613"/>
      <c r="VPP644" s="613"/>
      <c r="VPQ644" s="613"/>
      <c r="VPR644" s="613"/>
      <c r="VPS644" s="613"/>
      <c r="VPT644" s="613"/>
      <c r="VPU644" s="613"/>
      <c r="VPV644" s="613"/>
      <c r="VPW644" s="613"/>
      <c r="VPX644" s="613"/>
      <c r="VPY644" s="613"/>
      <c r="VPZ644" s="613"/>
      <c r="VQA644" s="613"/>
      <c r="VQB644" s="613"/>
      <c r="VQC644" s="613"/>
      <c r="VQD644" s="613"/>
      <c r="VQE644" s="613"/>
      <c r="VQF644" s="613"/>
      <c r="VQG644" s="613"/>
      <c r="VQH644" s="613"/>
      <c r="VQI644" s="613"/>
      <c r="VQJ644" s="613"/>
      <c r="VQK644" s="613"/>
      <c r="VQL644" s="613"/>
      <c r="VQM644" s="613"/>
      <c r="VQN644" s="613"/>
      <c r="VQO644" s="613"/>
      <c r="VQP644" s="613"/>
      <c r="VQQ644" s="613"/>
      <c r="VQR644" s="613"/>
      <c r="VQS644" s="613"/>
      <c r="VQT644" s="613"/>
      <c r="VQU644" s="613"/>
      <c r="VQV644" s="613"/>
      <c r="VQW644" s="613"/>
      <c r="VQX644" s="613"/>
      <c r="VQY644" s="613"/>
      <c r="VQZ644" s="613"/>
      <c r="VRA644" s="613"/>
      <c r="VRB644" s="613"/>
      <c r="VRC644" s="613"/>
      <c r="VRD644" s="613"/>
      <c r="VRE644" s="613"/>
      <c r="VRF644" s="613"/>
      <c r="VRG644" s="613"/>
      <c r="VRH644" s="613"/>
      <c r="VRI644" s="613"/>
      <c r="VRJ644" s="613"/>
      <c r="VRK644" s="613"/>
      <c r="VRL644" s="613"/>
      <c r="VRM644" s="613"/>
      <c r="VRN644" s="613"/>
      <c r="VRO644" s="613"/>
      <c r="VRP644" s="613"/>
      <c r="VRQ644" s="613"/>
      <c r="VRR644" s="613"/>
      <c r="VRS644" s="613"/>
      <c r="VRT644" s="613"/>
      <c r="VRU644" s="613"/>
      <c r="VRV644" s="613"/>
      <c r="VRW644" s="613"/>
      <c r="VRX644" s="613"/>
      <c r="VRY644" s="613"/>
      <c r="VRZ644" s="613"/>
      <c r="VSA644" s="613"/>
      <c r="VSB644" s="613"/>
      <c r="VSC644" s="613"/>
      <c r="VSD644" s="613"/>
      <c r="VSE644" s="613"/>
      <c r="VSF644" s="613"/>
      <c r="VSG644" s="613"/>
      <c r="VSH644" s="613"/>
      <c r="VSI644" s="613"/>
      <c r="VSJ644" s="613"/>
      <c r="VSK644" s="613"/>
      <c r="VSL644" s="613"/>
      <c r="VSM644" s="613"/>
      <c r="VSN644" s="613"/>
      <c r="VSO644" s="613"/>
      <c r="VSP644" s="613"/>
      <c r="VSQ644" s="613"/>
      <c r="VSR644" s="613"/>
      <c r="VSS644" s="613"/>
      <c r="VST644" s="613"/>
      <c r="VSU644" s="613"/>
      <c r="VSV644" s="613"/>
      <c r="VSW644" s="613"/>
      <c r="VSX644" s="613"/>
      <c r="VSY644" s="613"/>
      <c r="VSZ644" s="613"/>
      <c r="VTA644" s="613"/>
      <c r="VTB644" s="613"/>
      <c r="VTC644" s="613"/>
      <c r="VTD644" s="613"/>
      <c r="VTE644" s="613"/>
      <c r="VTF644" s="613"/>
      <c r="VTG644" s="613"/>
      <c r="VTH644" s="613"/>
      <c r="VTI644" s="613"/>
      <c r="VTJ644" s="613"/>
      <c r="VTK644" s="613"/>
      <c r="VTL644" s="613"/>
      <c r="VTM644" s="613"/>
      <c r="VTN644" s="613"/>
      <c r="VTO644" s="613"/>
      <c r="VTP644" s="613"/>
      <c r="VTQ644" s="613"/>
      <c r="VTR644" s="613"/>
      <c r="VTS644" s="613"/>
      <c r="VTT644" s="613"/>
      <c r="VTU644" s="613"/>
      <c r="VTV644" s="613"/>
      <c r="VTW644" s="613"/>
      <c r="VTX644" s="613"/>
      <c r="VTY644" s="613"/>
      <c r="VTZ644" s="613"/>
      <c r="VUA644" s="613"/>
      <c r="VUB644" s="613"/>
      <c r="VUC644" s="613"/>
      <c r="VUD644" s="613"/>
      <c r="VUE644" s="613"/>
      <c r="VUF644" s="613"/>
      <c r="VUG644" s="613"/>
      <c r="VUH644" s="613"/>
      <c r="VUI644" s="613"/>
      <c r="VUJ644" s="613"/>
      <c r="VUK644" s="613"/>
      <c r="VUL644" s="613"/>
      <c r="VUM644" s="613"/>
      <c r="VUN644" s="613"/>
      <c r="VUO644" s="613"/>
      <c r="VUP644" s="613"/>
      <c r="VUQ644" s="613"/>
      <c r="VUR644" s="613"/>
      <c r="VUS644" s="613"/>
      <c r="VUT644" s="613"/>
      <c r="VUU644" s="613"/>
      <c r="VUV644" s="613"/>
      <c r="VUW644" s="613"/>
      <c r="VUX644" s="613"/>
      <c r="VUY644" s="613"/>
      <c r="VUZ644" s="613"/>
      <c r="VVA644" s="613"/>
      <c r="VVB644" s="613"/>
      <c r="VVC644" s="613"/>
      <c r="VVD644" s="613"/>
      <c r="VVE644" s="613"/>
      <c r="VVF644" s="613"/>
      <c r="VVG644" s="613"/>
      <c r="VVH644" s="613"/>
      <c r="VVI644" s="613"/>
      <c r="VVJ644" s="613"/>
      <c r="VVK644" s="613"/>
      <c r="VVL644" s="613"/>
      <c r="VVM644" s="613"/>
      <c r="VVN644" s="613"/>
      <c r="VVO644" s="613"/>
      <c r="VVP644" s="613"/>
      <c r="VVQ644" s="613"/>
      <c r="VVR644" s="613"/>
      <c r="VVS644" s="613"/>
      <c r="VVT644" s="613"/>
      <c r="VVU644" s="613"/>
      <c r="VVV644" s="613"/>
      <c r="VVW644" s="613"/>
      <c r="VVX644" s="613"/>
      <c r="VVY644" s="613"/>
      <c r="VVZ644" s="613"/>
      <c r="VWA644" s="613"/>
      <c r="VWB644" s="613"/>
      <c r="VWC644" s="613"/>
      <c r="VWD644" s="613"/>
      <c r="VWE644" s="613"/>
      <c r="VWF644" s="613"/>
      <c r="VWG644" s="613"/>
      <c r="VWH644" s="613"/>
      <c r="VWI644" s="613"/>
      <c r="VWJ644" s="613"/>
      <c r="VWK644" s="613"/>
      <c r="VWL644" s="613"/>
      <c r="VWM644" s="613"/>
      <c r="VWN644" s="613"/>
      <c r="VWO644" s="613"/>
      <c r="VWP644" s="613"/>
      <c r="VWQ644" s="613"/>
      <c r="VWR644" s="613"/>
      <c r="VWS644" s="613"/>
      <c r="VWT644" s="613"/>
      <c r="VWU644" s="613"/>
      <c r="VWV644" s="613"/>
      <c r="VWW644" s="613"/>
      <c r="VWX644" s="613"/>
      <c r="VWY644" s="613"/>
      <c r="VWZ644" s="613"/>
      <c r="VXA644" s="613"/>
      <c r="VXB644" s="613"/>
      <c r="VXC644" s="613"/>
      <c r="VXD644" s="613"/>
      <c r="VXE644" s="613"/>
      <c r="VXF644" s="613"/>
      <c r="VXG644" s="613"/>
      <c r="VXH644" s="613"/>
      <c r="VXI644" s="613"/>
      <c r="VXJ644" s="613"/>
      <c r="VXK644" s="613"/>
      <c r="VXL644" s="613"/>
      <c r="VXM644" s="613"/>
      <c r="VXN644" s="613"/>
      <c r="VXO644" s="613"/>
      <c r="VXP644" s="613"/>
      <c r="VXQ644" s="613"/>
      <c r="VXR644" s="613"/>
      <c r="VXS644" s="613"/>
      <c r="VXT644" s="613"/>
      <c r="VXU644" s="613"/>
      <c r="VXV644" s="613"/>
      <c r="VXW644" s="613"/>
      <c r="VXX644" s="613"/>
      <c r="VXY644" s="613"/>
      <c r="VXZ644" s="613"/>
      <c r="VYA644" s="613"/>
      <c r="VYB644" s="613"/>
      <c r="VYC644" s="613"/>
      <c r="VYD644" s="613"/>
      <c r="VYE644" s="613"/>
      <c r="VYF644" s="613"/>
      <c r="VYG644" s="613"/>
      <c r="VYH644" s="613"/>
      <c r="VYI644" s="613"/>
      <c r="VYJ644" s="613"/>
      <c r="VYK644" s="613"/>
      <c r="VYL644" s="613"/>
      <c r="VYM644" s="613"/>
      <c r="VYN644" s="613"/>
      <c r="VYO644" s="613"/>
      <c r="VYP644" s="613"/>
      <c r="VYQ644" s="613"/>
      <c r="VYR644" s="613"/>
      <c r="VYS644" s="613"/>
      <c r="VYT644" s="613"/>
      <c r="VYU644" s="613"/>
      <c r="VYV644" s="613"/>
      <c r="VYW644" s="613"/>
      <c r="VYX644" s="613"/>
      <c r="VYY644" s="613"/>
      <c r="VYZ644" s="613"/>
      <c r="VZA644" s="613"/>
      <c r="VZB644" s="613"/>
      <c r="VZC644" s="613"/>
      <c r="VZD644" s="613"/>
      <c r="VZE644" s="613"/>
      <c r="VZF644" s="613"/>
      <c r="VZG644" s="613"/>
      <c r="VZH644" s="613"/>
      <c r="VZI644" s="613"/>
      <c r="VZJ644" s="613"/>
      <c r="VZK644" s="613"/>
      <c r="VZL644" s="613"/>
      <c r="VZM644" s="613"/>
      <c r="VZN644" s="613"/>
      <c r="VZO644" s="613"/>
      <c r="VZP644" s="613"/>
      <c r="VZQ644" s="613"/>
      <c r="VZR644" s="613"/>
      <c r="VZS644" s="613"/>
      <c r="VZT644" s="613"/>
      <c r="VZU644" s="613"/>
      <c r="VZV644" s="613"/>
      <c r="VZW644" s="613"/>
      <c r="VZX644" s="613"/>
      <c r="VZY644" s="613"/>
      <c r="VZZ644" s="613"/>
      <c r="WAA644" s="613"/>
      <c r="WAB644" s="613"/>
      <c r="WAC644" s="613"/>
      <c r="WAD644" s="613"/>
      <c r="WAE644" s="613"/>
      <c r="WAF644" s="613"/>
      <c r="WAG644" s="613"/>
      <c r="WAH644" s="613"/>
      <c r="WAI644" s="613"/>
      <c r="WAJ644" s="613"/>
      <c r="WAK644" s="613"/>
      <c r="WAL644" s="613"/>
      <c r="WAM644" s="613"/>
      <c r="WAN644" s="613"/>
      <c r="WAO644" s="613"/>
      <c r="WAP644" s="613"/>
      <c r="WAQ644" s="613"/>
      <c r="WAR644" s="613"/>
      <c r="WAS644" s="613"/>
      <c r="WAT644" s="613"/>
      <c r="WAU644" s="613"/>
      <c r="WAV644" s="613"/>
      <c r="WAW644" s="613"/>
      <c r="WAX644" s="613"/>
      <c r="WAY644" s="613"/>
      <c r="WAZ644" s="613"/>
      <c r="WBA644" s="613"/>
      <c r="WBB644" s="613"/>
      <c r="WBC644" s="613"/>
      <c r="WBD644" s="613"/>
      <c r="WBE644" s="613"/>
      <c r="WBF644" s="613"/>
      <c r="WBG644" s="613"/>
      <c r="WBH644" s="613"/>
      <c r="WBI644" s="613"/>
      <c r="WBJ644" s="613"/>
      <c r="WBK644" s="613"/>
      <c r="WBL644" s="613"/>
      <c r="WBM644" s="613"/>
      <c r="WBN644" s="613"/>
      <c r="WBO644" s="613"/>
      <c r="WBP644" s="613"/>
      <c r="WBQ644" s="613"/>
      <c r="WBR644" s="613"/>
      <c r="WBS644" s="613"/>
      <c r="WBT644" s="613"/>
      <c r="WBU644" s="613"/>
      <c r="WBV644" s="613"/>
      <c r="WBW644" s="613"/>
      <c r="WBX644" s="613"/>
      <c r="WBY644" s="613"/>
      <c r="WBZ644" s="613"/>
      <c r="WCA644" s="613"/>
      <c r="WCB644" s="613"/>
      <c r="WCC644" s="613"/>
      <c r="WCD644" s="613"/>
      <c r="WCE644" s="613"/>
      <c r="WCF644" s="613"/>
      <c r="WCG644" s="613"/>
      <c r="WCH644" s="613"/>
      <c r="WCI644" s="613"/>
      <c r="WCJ644" s="613"/>
      <c r="WCK644" s="613"/>
      <c r="WCL644" s="613"/>
      <c r="WCM644" s="613"/>
      <c r="WCN644" s="613"/>
      <c r="WCO644" s="613"/>
      <c r="WCP644" s="613"/>
      <c r="WCQ644" s="613"/>
      <c r="WCR644" s="613"/>
      <c r="WCS644" s="613"/>
      <c r="WCT644" s="613"/>
      <c r="WCU644" s="613"/>
      <c r="WCV644" s="613"/>
      <c r="WCW644" s="613"/>
      <c r="WCX644" s="613"/>
      <c r="WCY644" s="613"/>
      <c r="WCZ644" s="613"/>
      <c r="WDA644" s="613"/>
      <c r="WDB644" s="613"/>
      <c r="WDC644" s="613"/>
      <c r="WDD644" s="613"/>
      <c r="WDE644" s="613"/>
      <c r="WDF644" s="613"/>
      <c r="WDG644" s="613"/>
      <c r="WDH644" s="613"/>
      <c r="WDI644" s="613"/>
      <c r="WDJ644" s="613"/>
      <c r="WDK644" s="613"/>
      <c r="WDL644" s="613"/>
      <c r="WDM644" s="613"/>
      <c r="WDN644" s="613"/>
      <c r="WDO644" s="613"/>
      <c r="WDP644" s="613"/>
      <c r="WDQ644" s="613"/>
      <c r="WDR644" s="613"/>
      <c r="WDS644" s="613"/>
      <c r="WDT644" s="613"/>
      <c r="WDU644" s="613"/>
      <c r="WDV644" s="613"/>
      <c r="WDW644" s="613"/>
      <c r="WDX644" s="613"/>
      <c r="WDY644" s="613"/>
      <c r="WDZ644" s="613"/>
      <c r="WEA644" s="613"/>
      <c r="WEB644" s="613"/>
      <c r="WEC644" s="613"/>
      <c r="WED644" s="613"/>
      <c r="WEE644" s="613"/>
      <c r="WEF644" s="613"/>
      <c r="WEG644" s="613"/>
      <c r="WEH644" s="613"/>
      <c r="WEI644" s="613"/>
      <c r="WEJ644" s="613"/>
      <c r="WEK644" s="613"/>
      <c r="WEL644" s="613"/>
      <c r="WEM644" s="613"/>
      <c r="WEN644" s="613"/>
      <c r="WEO644" s="613"/>
      <c r="WEP644" s="613"/>
      <c r="WEQ644" s="613"/>
      <c r="WER644" s="613"/>
      <c r="WES644" s="613"/>
      <c r="WET644" s="613"/>
      <c r="WEU644" s="613"/>
      <c r="WEV644" s="613"/>
      <c r="WEW644" s="613"/>
      <c r="WEX644" s="613"/>
      <c r="WEY644" s="613"/>
      <c r="WEZ644" s="613"/>
      <c r="WFA644" s="613"/>
      <c r="WFB644" s="613"/>
      <c r="WFC644" s="613"/>
      <c r="WFD644" s="613"/>
      <c r="WFE644" s="613"/>
      <c r="WFF644" s="613"/>
      <c r="WFG644" s="613"/>
      <c r="WFH644" s="613"/>
      <c r="WFI644" s="613"/>
      <c r="WFJ644" s="613"/>
      <c r="WFK644" s="613"/>
      <c r="WFL644" s="613"/>
      <c r="WFM644" s="613"/>
      <c r="WFN644" s="613"/>
      <c r="WFO644" s="613"/>
      <c r="WFP644" s="613"/>
      <c r="WFQ644" s="613"/>
      <c r="WFR644" s="613"/>
      <c r="WFS644" s="613"/>
      <c r="WFT644" s="613"/>
      <c r="WFU644" s="613"/>
      <c r="WFV644" s="613"/>
      <c r="WFW644" s="613"/>
      <c r="WFX644" s="613"/>
      <c r="WFY644" s="613"/>
      <c r="WFZ644" s="613"/>
      <c r="WGA644" s="613"/>
      <c r="WGB644" s="613"/>
      <c r="WGC644" s="613"/>
      <c r="WGD644" s="613"/>
      <c r="WGE644" s="613"/>
      <c r="WGF644" s="613"/>
      <c r="WGG644" s="613"/>
      <c r="WGH644" s="613"/>
      <c r="WGI644" s="613"/>
      <c r="WGJ644" s="613"/>
      <c r="WGK644" s="613"/>
      <c r="WGL644" s="613"/>
      <c r="WGM644" s="613"/>
      <c r="WGN644" s="613"/>
      <c r="WGO644" s="613"/>
      <c r="WGP644" s="613"/>
      <c r="WGQ644" s="613"/>
      <c r="WGR644" s="613"/>
      <c r="WGS644" s="613"/>
      <c r="WGT644" s="613"/>
      <c r="WGU644" s="613"/>
      <c r="WGV644" s="613"/>
      <c r="WGW644" s="613"/>
      <c r="WGX644" s="613"/>
      <c r="WGY644" s="613"/>
      <c r="WGZ644" s="613"/>
      <c r="WHA644" s="613"/>
      <c r="WHB644" s="613"/>
      <c r="WHC644" s="613"/>
      <c r="WHD644" s="613"/>
      <c r="WHE644" s="613"/>
      <c r="WHF644" s="613"/>
      <c r="WHG644" s="613"/>
      <c r="WHH644" s="613"/>
      <c r="WHI644" s="613"/>
      <c r="WHJ644" s="613"/>
      <c r="WHK644" s="613"/>
      <c r="WHL644" s="613"/>
      <c r="WHM644" s="613"/>
      <c r="WHN644" s="613"/>
      <c r="WHO644" s="613"/>
      <c r="WHP644" s="613"/>
      <c r="WHQ644" s="613"/>
      <c r="WHR644" s="613"/>
      <c r="WHS644" s="613"/>
      <c r="WHT644" s="613"/>
      <c r="WHU644" s="613"/>
      <c r="WHV644" s="613"/>
      <c r="WHW644" s="613"/>
      <c r="WHX644" s="613"/>
      <c r="WHY644" s="613"/>
      <c r="WHZ644" s="613"/>
      <c r="WIA644" s="613"/>
      <c r="WIB644" s="613"/>
      <c r="WIC644" s="613"/>
      <c r="WID644" s="613"/>
      <c r="WIE644" s="613"/>
      <c r="WIF644" s="613"/>
      <c r="WIG644" s="613"/>
      <c r="WIH644" s="613"/>
      <c r="WII644" s="613"/>
      <c r="WIJ644" s="613"/>
      <c r="WIK644" s="613"/>
      <c r="WIL644" s="613"/>
      <c r="WIM644" s="613"/>
      <c r="WIN644" s="613"/>
      <c r="WIO644" s="613"/>
      <c r="WIP644" s="613"/>
      <c r="WIQ644" s="613"/>
      <c r="WIR644" s="613"/>
      <c r="WIS644" s="613"/>
      <c r="WIT644" s="613"/>
      <c r="WIU644" s="613"/>
      <c r="WIV644" s="613"/>
      <c r="WIW644" s="613"/>
      <c r="WIX644" s="613"/>
      <c r="WIY644" s="613"/>
      <c r="WIZ644" s="613"/>
      <c r="WJA644" s="613"/>
      <c r="WJB644" s="613"/>
      <c r="WJC644" s="613"/>
      <c r="WJD644" s="613"/>
      <c r="WJE644" s="613"/>
      <c r="WJF644" s="613"/>
      <c r="WJG644" s="613"/>
      <c r="WJH644" s="613"/>
      <c r="WJI644" s="613"/>
      <c r="WJJ644" s="613"/>
      <c r="WJK644" s="613"/>
      <c r="WJL644" s="613"/>
      <c r="WJM644" s="613"/>
      <c r="WJN644" s="613"/>
      <c r="WJO644" s="613"/>
      <c r="WJP644" s="613"/>
      <c r="WJQ644" s="613"/>
      <c r="WJR644" s="613"/>
      <c r="WJS644" s="613"/>
      <c r="WJT644" s="613"/>
      <c r="WJU644" s="613"/>
      <c r="WJV644" s="613"/>
      <c r="WJW644" s="613"/>
      <c r="WJX644" s="613"/>
      <c r="WJY644" s="613"/>
      <c r="WJZ644" s="613"/>
      <c r="WKA644" s="613"/>
      <c r="WKB644" s="613"/>
      <c r="WKC644" s="613"/>
      <c r="WKD644" s="613"/>
      <c r="WKE644" s="613"/>
      <c r="WKF644" s="613"/>
      <c r="WKG644" s="613"/>
      <c r="WKH644" s="613"/>
      <c r="WKI644" s="613"/>
      <c r="WKJ644" s="613"/>
      <c r="WKK644" s="613"/>
      <c r="WKL644" s="613"/>
      <c r="WKM644" s="613"/>
      <c r="WKN644" s="613"/>
      <c r="WKO644" s="613"/>
      <c r="WKP644" s="613"/>
      <c r="WKQ644" s="613"/>
      <c r="WKR644" s="613"/>
      <c r="WKS644" s="613"/>
      <c r="WKT644" s="613"/>
      <c r="WKU644" s="613"/>
      <c r="WKV644" s="613"/>
      <c r="WKW644" s="613"/>
      <c r="WKX644" s="613"/>
      <c r="WKY644" s="613"/>
      <c r="WKZ644" s="613"/>
      <c r="WLA644" s="613"/>
      <c r="WLB644" s="613"/>
      <c r="WLC644" s="613"/>
      <c r="WLD644" s="613"/>
      <c r="WLE644" s="613"/>
      <c r="WLF644" s="613"/>
      <c r="WLG644" s="613"/>
      <c r="WLH644" s="613"/>
      <c r="WLI644" s="613"/>
      <c r="WLJ644" s="613"/>
      <c r="WLK644" s="613"/>
      <c r="WLL644" s="613"/>
      <c r="WLM644" s="613"/>
      <c r="WLN644" s="613"/>
      <c r="WLO644" s="613"/>
      <c r="WLP644" s="613"/>
      <c r="WLQ644" s="613"/>
      <c r="WLR644" s="613"/>
      <c r="WLS644" s="613"/>
      <c r="WLT644" s="613"/>
      <c r="WLU644" s="613"/>
      <c r="WLV644" s="613"/>
      <c r="WLW644" s="613"/>
      <c r="WLX644" s="613"/>
      <c r="WLY644" s="613"/>
      <c r="WLZ644" s="613"/>
      <c r="WMA644" s="613"/>
      <c r="WMB644" s="613"/>
      <c r="WMC644" s="613"/>
      <c r="WMD644" s="613"/>
      <c r="WME644" s="613"/>
      <c r="WMF644" s="613"/>
      <c r="WMG644" s="613"/>
      <c r="WMH644" s="613"/>
      <c r="WMI644" s="613"/>
      <c r="WMJ644" s="613"/>
      <c r="WMK644" s="613"/>
      <c r="WML644" s="613"/>
      <c r="WMM644" s="613"/>
      <c r="WMN644" s="613"/>
      <c r="WMO644" s="613"/>
      <c r="WMP644" s="613"/>
      <c r="WMQ644" s="613"/>
      <c r="WMR644" s="613"/>
      <c r="WMS644" s="613"/>
      <c r="WMT644" s="613"/>
      <c r="WMU644" s="613"/>
      <c r="WMV644" s="613"/>
      <c r="WMW644" s="613"/>
      <c r="WMX644" s="613"/>
      <c r="WMY644" s="613"/>
      <c r="WMZ644" s="613"/>
      <c r="WNA644" s="613"/>
      <c r="WNB644" s="613"/>
      <c r="WNC644" s="613"/>
      <c r="WND644" s="613"/>
      <c r="WNE644" s="613"/>
      <c r="WNF644" s="613"/>
      <c r="WNG644" s="613"/>
      <c r="WNH644" s="613"/>
      <c r="WNI644" s="613"/>
      <c r="WNJ644" s="613"/>
      <c r="WNK644" s="613"/>
      <c r="WNL644" s="613"/>
      <c r="WNM644" s="613"/>
      <c r="WNN644" s="613"/>
      <c r="WNO644" s="613"/>
      <c r="WNP644" s="613"/>
      <c r="WNQ644" s="613"/>
      <c r="WNR644" s="613"/>
      <c r="WNS644" s="613"/>
      <c r="WNT644" s="613"/>
      <c r="WNU644" s="613"/>
      <c r="WNV644" s="613"/>
      <c r="WNW644" s="613"/>
      <c r="WNX644" s="613"/>
      <c r="WNY644" s="613"/>
      <c r="WNZ644" s="613"/>
      <c r="WOA644" s="613"/>
      <c r="WOB644" s="613"/>
      <c r="WOC644" s="613"/>
      <c r="WOD644" s="613"/>
      <c r="WOE644" s="613"/>
      <c r="WOF644" s="613"/>
      <c r="WOG644" s="613"/>
      <c r="WOH644" s="613"/>
      <c r="WOI644" s="613"/>
      <c r="WOJ644" s="613"/>
      <c r="WOK644" s="613"/>
      <c r="WOL644" s="613"/>
      <c r="WOM644" s="613"/>
      <c r="WON644" s="613"/>
      <c r="WOO644" s="613"/>
      <c r="WOP644" s="613"/>
      <c r="WOQ644" s="613"/>
      <c r="WOR644" s="613"/>
      <c r="WOS644" s="613"/>
      <c r="WOT644" s="613"/>
      <c r="WOU644" s="613"/>
      <c r="WOV644" s="613"/>
      <c r="WOW644" s="613"/>
      <c r="WOX644" s="613"/>
      <c r="WOY644" s="613"/>
      <c r="WOZ644" s="613"/>
      <c r="WPA644" s="613"/>
      <c r="WPB644" s="613"/>
      <c r="WPC644" s="613"/>
      <c r="WPD644" s="613"/>
      <c r="WPE644" s="613"/>
      <c r="WPF644" s="613"/>
      <c r="WPG644" s="613"/>
      <c r="WPH644" s="613"/>
      <c r="WPI644" s="613"/>
      <c r="WPJ644" s="613"/>
      <c r="WPK644" s="613"/>
      <c r="WPL644" s="613"/>
      <c r="WPM644" s="613"/>
      <c r="WPN644" s="613"/>
      <c r="WPO644" s="613"/>
      <c r="WPP644" s="613"/>
      <c r="WPQ644" s="613"/>
      <c r="WPR644" s="613"/>
      <c r="WPS644" s="613"/>
      <c r="WPT644" s="613"/>
      <c r="WPU644" s="613"/>
      <c r="WPV644" s="613"/>
      <c r="WPW644" s="613"/>
      <c r="WPX644" s="613"/>
      <c r="WPY644" s="613"/>
      <c r="WPZ644" s="613"/>
      <c r="WQA644" s="613"/>
      <c r="WQB644" s="613"/>
      <c r="WQC644" s="613"/>
      <c r="WQD644" s="613"/>
      <c r="WQE644" s="613"/>
      <c r="WQF644" s="613"/>
      <c r="WQG644" s="613"/>
      <c r="WQH644" s="613"/>
      <c r="WQI644" s="613"/>
      <c r="WQJ644" s="613"/>
      <c r="WQK644" s="613"/>
      <c r="WQL644" s="613"/>
      <c r="WQM644" s="613"/>
      <c r="WQN644" s="613"/>
      <c r="WQO644" s="613"/>
      <c r="WQP644" s="613"/>
      <c r="WQQ644" s="613"/>
      <c r="WQR644" s="613"/>
      <c r="WQS644" s="613"/>
      <c r="WQT644" s="613"/>
      <c r="WQU644" s="613"/>
      <c r="WQV644" s="613"/>
      <c r="WQW644" s="613"/>
      <c r="WQX644" s="613"/>
      <c r="WQY644" s="613"/>
      <c r="WQZ644" s="613"/>
      <c r="WRA644" s="613"/>
      <c r="WRB644" s="613"/>
      <c r="WRC644" s="613"/>
      <c r="WRD644" s="613"/>
      <c r="WRE644" s="613"/>
      <c r="WRF644" s="613"/>
      <c r="WRG644" s="613"/>
      <c r="WRH644" s="613"/>
      <c r="WRI644" s="613"/>
      <c r="WRJ644" s="613"/>
      <c r="WRK644" s="613"/>
      <c r="WRL644" s="613"/>
      <c r="WRM644" s="613"/>
      <c r="WRN644" s="613"/>
      <c r="WRO644" s="613"/>
      <c r="WRP644" s="613"/>
      <c r="WRQ644" s="613"/>
      <c r="WRR644" s="613"/>
      <c r="WRS644" s="613"/>
      <c r="WRT644" s="613"/>
      <c r="WRU644" s="613"/>
      <c r="WRV644" s="613"/>
      <c r="WRW644" s="613"/>
      <c r="WRX644" s="613"/>
      <c r="WRY644" s="613"/>
      <c r="WRZ644" s="613"/>
      <c r="WSA644" s="613"/>
      <c r="WSB644" s="613"/>
      <c r="WSC644" s="613"/>
      <c r="WSD644" s="613"/>
      <c r="WSE644" s="613"/>
      <c r="WSF644" s="613"/>
      <c r="WSG644" s="613"/>
      <c r="WSH644" s="613"/>
      <c r="WSI644" s="613"/>
      <c r="WSJ644" s="613"/>
      <c r="WSK644" s="613"/>
      <c r="WSL644" s="613"/>
      <c r="WSM644" s="613"/>
      <c r="WSN644" s="613"/>
      <c r="WSO644" s="613"/>
      <c r="WSP644" s="613"/>
      <c r="WSQ644" s="613"/>
      <c r="WSR644" s="613"/>
      <c r="WSS644" s="613"/>
      <c r="WST644" s="613"/>
      <c r="WSU644" s="613"/>
      <c r="WSV644" s="613"/>
      <c r="WSW644" s="613"/>
      <c r="WSX644" s="613"/>
      <c r="WSY644" s="613"/>
      <c r="WSZ644" s="613"/>
      <c r="WTA644" s="613"/>
      <c r="WTB644" s="613"/>
      <c r="WTC644" s="613"/>
      <c r="WTD644" s="613"/>
      <c r="WTE644" s="613"/>
      <c r="WTF644" s="613"/>
      <c r="WTG644" s="613"/>
      <c r="WTH644" s="613"/>
      <c r="WTI644" s="613"/>
      <c r="WTJ644" s="613"/>
      <c r="WTK644" s="613"/>
      <c r="WTL644" s="613"/>
      <c r="WTM644" s="613"/>
      <c r="WTN644" s="613"/>
      <c r="WTO644" s="613"/>
      <c r="WTP644" s="613"/>
      <c r="WTQ644" s="613"/>
      <c r="WTR644" s="613"/>
      <c r="WTS644" s="613"/>
      <c r="WTT644" s="613"/>
      <c r="WTU644" s="613"/>
      <c r="WTV644" s="613"/>
      <c r="WTW644" s="613"/>
      <c r="WTX644" s="613"/>
      <c r="WTY644" s="613"/>
      <c r="WTZ644" s="613"/>
      <c r="WUA644" s="613"/>
      <c r="WUB644" s="613"/>
      <c r="WUC644" s="613"/>
      <c r="WUD644" s="613"/>
      <c r="WUE644" s="613"/>
      <c r="WUF644" s="613"/>
      <c r="WUG644" s="613"/>
      <c r="WUH644" s="613"/>
      <c r="WUI644" s="613"/>
      <c r="WUJ644" s="613"/>
      <c r="WUK644" s="613"/>
      <c r="WUL644" s="613"/>
      <c r="WUM644" s="613"/>
      <c r="WUN644" s="613"/>
      <c r="WUO644" s="613"/>
      <c r="WUP644" s="613"/>
      <c r="WUQ644" s="613"/>
      <c r="WUR644" s="613"/>
      <c r="WUS644" s="613"/>
      <c r="WUT644" s="613"/>
      <c r="WUU644" s="613"/>
      <c r="WUV644" s="613"/>
      <c r="WUW644" s="613"/>
      <c r="WUX644" s="613"/>
      <c r="WUY644" s="613"/>
      <c r="WUZ644" s="613"/>
      <c r="WVA644" s="613"/>
      <c r="WVB644" s="613"/>
      <c r="WVC644" s="613"/>
      <c r="WVD644" s="613"/>
      <c r="WVE644" s="613"/>
      <c r="WVF644" s="613"/>
      <c r="WVG644" s="613"/>
      <c r="WVH644" s="613"/>
      <c r="WVI644" s="613"/>
      <c r="WVJ644" s="613"/>
      <c r="WVK644" s="613"/>
      <c r="WVL644" s="613"/>
      <c r="WVM644" s="613"/>
      <c r="WVN644" s="613"/>
      <c r="WVO644" s="613"/>
      <c r="WVP644" s="613"/>
      <c r="WVQ644" s="613"/>
      <c r="WVR644" s="613"/>
      <c r="WVS644" s="613"/>
      <c r="WVT644" s="613"/>
      <c r="WVU644" s="613"/>
      <c r="WVV644" s="613"/>
      <c r="WVW644" s="613"/>
      <c r="WVX644" s="613"/>
      <c r="WVY644" s="613"/>
      <c r="WVZ644" s="613"/>
      <c r="WWA644" s="613"/>
      <c r="WWB644" s="613"/>
      <c r="WWC644" s="613"/>
      <c r="WWD644" s="613"/>
      <c r="WWE644" s="613"/>
      <c r="WWF644" s="613"/>
      <c r="WWG644" s="613"/>
      <c r="WWH644" s="613"/>
      <c r="WWI644" s="613"/>
      <c r="WWJ644" s="613"/>
      <c r="WWK644" s="613"/>
      <c r="WWL644" s="613"/>
      <c r="WWM644" s="613"/>
      <c r="WWN644" s="613"/>
      <c r="WWO644" s="613"/>
      <c r="WWP644" s="613"/>
      <c r="WWQ644" s="613"/>
      <c r="WWR644" s="613"/>
      <c r="WWS644" s="613"/>
      <c r="WWT644" s="613"/>
      <c r="WWU644" s="613"/>
      <c r="WWV644" s="613"/>
      <c r="WWW644" s="613"/>
      <c r="WWX644" s="613"/>
      <c r="WWY644" s="613"/>
      <c r="WWZ644" s="613"/>
      <c r="WXA644" s="613"/>
      <c r="WXB644" s="613"/>
      <c r="WXC644" s="613"/>
      <c r="WXD644" s="613"/>
      <c r="WXE644" s="613"/>
      <c r="WXF644" s="613"/>
      <c r="WXG644" s="613"/>
      <c r="WXH644" s="613"/>
      <c r="WXI644" s="613"/>
      <c r="WXJ644" s="613"/>
      <c r="WXK644" s="613"/>
      <c r="WXL644" s="613"/>
      <c r="WXM644" s="613"/>
      <c r="WXN644" s="613"/>
      <c r="WXO644" s="613"/>
      <c r="WXP644" s="613"/>
      <c r="WXQ644" s="613"/>
      <c r="WXR644" s="613"/>
      <c r="WXS644" s="613"/>
      <c r="WXT644" s="613"/>
      <c r="WXU644" s="613"/>
      <c r="WXV644" s="613"/>
      <c r="WXW644" s="613"/>
      <c r="WXX644" s="613"/>
      <c r="WXY644" s="613"/>
      <c r="WXZ644" s="613"/>
      <c r="WYA644" s="613"/>
      <c r="WYB644" s="613"/>
      <c r="WYC644" s="613"/>
      <c r="WYD644" s="613"/>
      <c r="WYE644" s="613"/>
      <c r="WYF644" s="613"/>
      <c r="WYG644" s="613"/>
      <c r="WYH644" s="613"/>
      <c r="WYI644" s="613"/>
      <c r="WYJ644" s="613"/>
      <c r="WYK644" s="613"/>
      <c r="WYL644" s="613"/>
      <c r="WYM644" s="613"/>
      <c r="WYN644" s="613"/>
      <c r="WYO644" s="613"/>
      <c r="WYP644" s="613"/>
      <c r="WYQ644" s="613"/>
      <c r="WYR644" s="613"/>
      <c r="WYS644" s="613"/>
      <c r="WYT644" s="613"/>
      <c r="WYU644" s="613"/>
      <c r="WYV644" s="613"/>
      <c r="WYW644" s="613"/>
      <c r="WYX644" s="613"/>
      <c r="WYY644" s="613"/>
      <c r="WYZ644" s="613"/>
      <c r="WZA644" s="613"/>
      <c r="WZB644" s="613"/>
      <c r="WZC644" s="613"/>
      <c r="WZD644" s="613"/>
      <c r="WZE644" s="613"/>
      <c r="WZF644" s="613"/>
      <c r="WZG644" s="613"/>
      <c r="WZH644" s="613"/>
      <c r="WZI644" s="613"/>
      <c r="WZJ644" s="613"/>
      <c r="WZK644" s="613"/>
      <c r="WZL644" s="613"/>
      <c r="WZM644" s="613"/>
      <c r="WZN644" s="613"/>
      <c r="WZO644" s="613"/>
      <c r="WZP644" s="613"/>
      <c r="WZQ644" s="613"/>
      <c r="WZR644" s="613"/>
      <c r="WZS644" s="613"/>
      <c r="WZT644" s="613"/>
      <c r="WZU644" s="613"/>
      <c r="WZV644" s="613"/>
      <c r="WZW644" s="613"/>
      <c r="WZX644" s="613"/>
      <c r="WZY644" s="613"/>
      <c r="WZZ644" s="613"/>
      <c r="XAA644" s="613"/>
      <c r="XAB644" s="613"/>
      <c r="XAC644" s="613"/>
      <c r="XAD644" s="613"/>
      <c r="XAE644" s="613"/>
      <c r="XAF644" s="613"/>
      <c r="XAG644" s="613"/>
      <c r="XAH644" s="613"/>
      <c r="XAI644" s="613"/>
      <c r="XAJ644" s="613"/>
      <c r="XAK644" s="613"/>
      <c r="XAL644" s="613"/>
      <c r="XAM644" s="613"/>
      <c r="XAN644" s="613"/>
      <c r="XAO644" s="613"/>
      <c r="XAP644" s="613"/>
      <c r="XAQ644" s="613"/>
      <c r="XAR644" s="613"/>
      <c r="XAS644" s="613"/>
      <c r="XAT644" s="613"/>
      <c r="XAU644" s="613"/>
      <c r="XAV644" s="613"/>
      <c r="XAW644" s="613"/>
      <c r="XAX644" s="613"/>
      <c r="XAY644" s="613"/>
      <c r="XAZ644" s="613"/>
      <c r="XBA644" s="613"/>
      <c r="XBB644" s="613"/>
      <c r="XBC644" s="613"/>
      <c r="XBD644" s="613"/>
      <c r="XBE644" s="613"/>
      <c r="XBF644" s="613"/>
      <c r="XBG644" s="613"/>
      <c r="XBH644" s="613"/>
      <c r="XBI644" s="613"/>
      <c r="XBJ644" s="613"/>
      <c r="XBK644" s="613"/>
      <c r="XBL644" s="613"/>
      <c r="XBM644" s="613"/>
      <c r="XBN644" s="613"/>
      <c r="XBO644" s="613"/>
      <c r="XBP644" s="613"/>
      <c r="XBQ644" s="613"/>
      <c r="XBR644" s="613"/>
      <c r="XBS644" s="613"/>
      <c r="XBT644" s="613"/>
      <c r="XBU644" s="613"/>
      <c r="XBV644" s="613"/>
      <c r="XBW644" s="613"/>
      <c r="XBX644" s="613"/>
      <c r="XBY644" s="613"/>
      <c r="XBZ644" s="613"/>
      <c r="XCA644" s="613"/>
      <c r="XCB644" s="613"/>
      <c r="XCC644" s="613"/>
      <c r="XCD644" s="613"/>
      <c r="XCE644" s="613"/>
      <c r="XCF644" s="613"/>
      <c r="XCG644" s="613"/>
      <c r="XCH644" s="613"/>
      <c r="XCI644" s="613"/>
      <c r="XCJ644" s="613"/>
      <c r="XCK644" s="613"/>
      <c r="XCL644" s="613"/>
      <c r="XCM644" s="613"/>
      <c r="XCN644" s="613"/>
      <c r="XCO644" s="613"/>
      <c r="XCP644" s="613"/>
      <c r="XCQ644" s="613"/>
    </row>
    <row r="645" spans="1:16319" ht="56.1" customHeight="1" x14ac:dyDescent="0.2">
      <c r="A645" s="494"/>
      <c r="B645" s="610"/>
      <c r="C645" s="494"/>
      <c r="D645" s="481">
        <v>187</v>
      </c>
      <c r="E645" s="481"/>
      <c r="F645" s="481" t="s">
        <v>2481</v>
      </c>
      <c r="G645" s="482" t="s">
        <v>53</v>
      </c>
      <c r="H645" s="481" t="s">
        <v>329</v>
      </c>
      <c r="I645" s="654" t="s">
        <v>428</v>
      </c>
      <c r="J645" s="654" t="s">
        <v>369</v>
      </c>
      <c r="K645" s="495" t="s">
        <v>451</v>
      </c>
      <c r="L645" s="621"/>
      <c r="M645" s="484" t="s">
        <v>58</v>
      </c>
      <c r="N645" s="327" t="s">
        <v>1367</v>
      </c>
      <c r="O645" s="484" t="s">
        <v>2996</v>
      </c>
      <c r="P645" s="484" t="s">
        <v>81</v>
      </c>
      <c r="Q645" s="667" t="s">
        <v>334</v>
      </c>
      <c r="R645" s="484" t="s">
        <v>334</v>
      </c>
      <c r="S645" s="484" t="s">
        <v>382</v>
      </c>
      <c r="T645" s="484"/>
      <c r="U645" s="620" t="s">
        <v>63</v>
      </c>
      <c r="V645" s="620" t="s">
        <v>63</v>
      </c>
      <c r="W645" s="723">
        <v>90562</v>
      </c>
      <c r="X645" s="723"/>
      <c r="Y645" s="654" t="s">
        <v>226</v>
      </c>
      <c r="Z645" s="654"/>
      <c r="AA645" s="723">
        <v>90562</v>
      </c>
      <c r="AB645" s="652" t="s">
        <v>82</v>
      </c>
      <c r="AC645" s="652"/>
      <c r="AD645" s="496"/>
      <c r="AE645" s="496"/>
      <c r="AF645" s="496"/>
      <c r="AG645" s="496"/>
      <c r="AH645" s="496"/>
      <c r="AI645" s="496"/>
      <c r="AJ645" s="496"/>
      <c r="AK645" s="487" t="s">
        <v>66</v>
      </c>
      <c r="AL645" s="496"/>
      <c r="AM645" s="496"/>
      <c r="AN645" s="496"/>
      <c r="AO645" s="496"/>
      <c r="AP645" s="496"/>
      <c r="AQ645" s="496"/>
      <c r="AR645" s="496"/>
      <c r="AS645" s="496"/>
      <c r="AT645" s="496"/>
      <c r="AU645" s="487"/>
      <c r="AV645" s="487"/>
      <c r="AW645" s="487"/>
      <c r="AX645" s="487"/>
      <c r="AY645" s="487"/>
      <c r="AZ645" s="487"/>
      <c r="BA645" s="484"/>
      <c r="BB645" s="484" t="s">
        <v>340</v>
      </c>
      <c r="BC645" s="484" t="s">
        <v>3041</v>
      </c>
      <c r="BD645" s="494"/>
      <c r="BE645" s="494"/>
      <c r="BF645" s="613"/>
      <c r="BG645" s="613"/>
      <c r="BH645" s="613"/>
      <c r="BI645" s="613"/>
      <c r="BJ645" s="613"/>
      <c r="BK645" s="613"/>
      <c r="BL645" s="613"/>
      <c r="BM645" s="613"/>
      <c r="BN645" s="613"/>
      <c r="BO645" s="613"/>
      <c r="BP645" s="613"/>
      <c r="BQ645" s="613"/>
      <c r="BR645" s="613"/>
      <c r="BS645" s="613"/>
      <c r="BT645" s="613"/>
      <c r="BU645" s="613"/>
      <c r="BV645" s="613"/>
      <c r="BW645" s="613"/>
      <c r="BX645" s="613"/>
      <c r="BY645" s="613"/>
      <c r="BZ645" s="613"/>
      <c r="CA645" s="613"/>
      <c r="CB645" s="613"/>
      <c r="CC645" s="613"/>
      <c r="CD645" s="613"/>
      <c r="CE645" s="613"/>
      <c r="CF645" s="613"/>
      <c r="CG645" s="613"/>
      <c r="CH645" s="613"/>
      <c r="CI645" s="613"/>
      <c r="CJ645" s="613"/>
      <c r="CK645" s="613"/>
      <c r="CL645" s="613"/>
      <c r="CM645" s="613"/>
      <c r="CN645" s="613"/>
      <c r="CO645" s="613"/>
      <c r="CP645" s="613"/>
      <c r="CQ645" s="613"/>
      <c r="CR645" s="613"/>
      <c r="CS645" s="613"/>
      <c r="CT645" s="613"/>
      <c r="CU645" s="613"/>
      <c r="CV645" s="613"/>
      <c r="CW645" s="613"/>
      <c r="CX645" s="613"/>
      <c r="CY645" s="613"/>
      <c r="CZ645" s="613"/>
      <c r="DA645" s="613"/>
      <c r="DB645" s="613"/>
      <c r="DC645" s="613"/>
      <c r="DD645" s="613"/>
      <c r="DE645" s="613"/>
      <c r="DF645" s="613"/>
      <c r="DG645" s="613"/>
      <c r="DH645" s="613"/>
      <c r="DI645" s="613"/>
      <c r="DJ645" s="613"/>
      <c r="DK645" s="613"/>
      <c r="DL645" s="613"/>
      <c r="DM645" s="613"/>
      <c r="DN645" s="613"/>
      <c r="DO645" s="613"/>
      <c r="DP645" s="613"/>
      <c r="DQ645" s="613"/>
      <c r="DR645" s="613"/>
      <c r="DS645" s="613"/>
      <c r="DT645" s="613"/>
      <c r="DU645" s="613"/>
      <c r="DV645" s="613"/>
      <c r="DW645" s="613"/>
      <c r="DX645" s="613"/>
      <c r="DY645" s="613"/>
      <c r="DZ645" s="613"/>
      <c r="EA645" s="613"/>
      <c r="EB645" s="613"/>
      <c r="EC645" s="613"/>
      <c r="ED645" s="613"/>
      <c r="EE645" s="613"/>
      <c r="EF645" s="613"/>
      <c r="EG645" s="613"/>
      <c r="EH645" s="613"/>
      <c r="EI645" s="613"/>
      <c r="EJ645" s="613"/>
      <c r="EK645" s="613"/>
      <c r="EL645" s="613"/>
      <c r="EM645" s="613"/>
      <c r="EN645" s="613"/>
      <c r="EO645" s="613"/>
      <c r="EP645" s="613"/>
      <c r="EQ645" s="613"/>
      <c r="ER645" s="613"/>
      <c r="ES645" s="613"/>
      <c r="ET645" s="613"/>
      <c r="EU645" s="613"/>
      <c r="EV645" s="613"/>
      <c r="EW645" s="613"/>
      <c r="EX645" s="613"/>
      <c r="EY645" s="613"/>
      <c r="EZ645" s="613"/>
      <c r="FA645" s="613"/>
      <c r="FB645" s="613"/>
      <c r="FC645" s="613"/>
      <c r="FD645" s="613"/>
      <c r="FE645" s="613"/>
      <c r="FF645" s="613"/>
      <c r="FG645" s="613"/>
      <c r="FH645" s="613"/>
      <c r="FI645" s="613"/>
      <c r="FJ645" s="613"/>
      <c r="FK645" s="613"/>
      <c r="FL645" s="613"/>
      <c r="FM645" s="613"/>
      <c r="FN645" s="613"/>
      <c r="FO645" s="613"/>
      <c r="FP645" s="613"/>
      <c r="FQ645" s="613"/>
      <c r="FR645" s="613"/>
      <c r="FS645" s="613"/>
      <c r="FT645" s="613"/>
      <c r="FU645" s="613"/>
      <c r="FV645" s="613"/>
      <c r="FW645" s="613"/>
      <c r="FX645" s="613"/>
      <c r="FY645" s="613"/>
      <c r="FZ645" s="613"/>
      <c r="GA645" s="613"/>
      <c r="GB645" s="613"/>
      <c r="GC645" s="613"/>
      <c r="GD645" s="613"/>
      <c r="GE645" s="613"/>
      <c r="GF645" s="613"/>
      <c r="GG645" s="613"/>
      <c r="GH645" s="613"/>
      <c r="GI645" s="613"/>
      <c r="GJ645" s="613"/>
      <c r="GK645" s="613"/>
      <c r="GL645" s="613"/>
      <c r="GM645" s="613"/>
      <c r="GN645" s="613"/>
      <c r="GO645" s="613"/>
      <c r="GP645" s="613"/>
      <c r="GQ645" s="613"/>
      <c r="GR645" s="613"/>
      <c r="GS645" s="613"/>
      <c r="GT645" s="613"/>
      <c r="GU645" s="613"/>
      <c r="GV645" s="613"/>
      <c r="GW645" s="613"/>
      <c r="GX645" s="613"/>
      <c r="GY645" s="613"/>
      <c r="GZ645" s="613"/>
      <c r="HA645" s="613"/>
      <c r="HB645" s="613"/>
      <c r="HC645" s="613"/>
      <c r="HD645" s="613"/>
      <c r="HE645" s="613"/>
      <c r="HF645" s="613"/>
      <c r="HG645" s="613"/>
      <c r="HH645" s="613"/>
      <c r="HI645" s="613"/>
      <c r="HJ645" s="613"/>
      <c r="HK645" s="613"/>
      <c r="HL645" s="613"/>
      <c r="HM645" s="613"/>
      <c r="HN645" s="613"/>
      <c r="HO645" s="613"/>
      <c r="HP645" s="613"/>
      <c r="HQ645" s="613"/>
      <c r="HR645" s="613"/>
      <c r="HS645" s="613"/>
      <c r="HT645" s="613"/>
      <c r="HU645" s="613"/>
      <c r="HV645" s="613"/>
      <c r="HW645" s="613"/>
      <c r="HX645" s="613"/>
      <c r="HY645" s="613"/>
      <c r="HZ645" s="613"/>
      <c r="IA645" s="613"/>
      <c r="IB645" s="613"/>
      <c r="IC645" s="613"/>
      <c r="ID645" s="613"/>
      <c r="IE645" s="613"/>
      <c r="IF645" s="613"/>
      <c r="IG645" s="613"/>
      <c r="IH645" s="613"/>
      <c r="II645" s="613"/>
      <c r="IJ645" s="613"/>
      <c r="IK645" s="613"/>
      <c r="IL645" s="613"/>
      <c r="IM645" s="613"/>
      <c r="IN645" s="613"/>
      <c r="IO645" s="613"/>
      <c r="IP645" s="613"/>
      <c r="IQ645" s="613"/>
      <c r="IR645" s="613"/>
      <c r="IS645" s="613"/>
      <c r="IT645" s="613"/>
      <c r="IU645" s="613"/>
      <c r="IV645" s="613"/>
      <c r="IW645" s="613"/>
      <c r="IX645" s="613"/>
      <c r="IY645" s="613"/>
      <c r="IZ645" s="613"/>
      <c r="JA645" s="613"/>
      <c r="JB645" s="613"/>
      <c r="JC645" s="613"/>
      <c r="JD645" s="613"/>
      <c r="JE645" s="613"/>
      <c r="JF645" s="613"/>
      <c r="JG645" s="613"/>
      <c r="JH645" s="613"/>
      <c r="JI645" s="613"/>
      <c r="JJ645" s="613"/>
      <c r="JK645" s="613"/>
      <c r="JL645" s="613"/>
      <c r="JM645" s="613"/>
      <c r="JN645" s="613"/>
      <c r="JO645" s="613"/>
      <c r="JP645" s="613"/>
      <c r="JQ645" s="613"/>
      <c r="JR645" s="613"/>
      <c r="JS645" s="613"/>
      <c r="JT645" s="613"/>
      <c r="JU645" s="613"/>
      <c r="JV645" s="613"/>
      <c r="JW645" s="613"/>
      <c r="JX645" s="613"/>
      <c r="JY645" s="613"/>
      <c r="JZ645" s="613"/>
      <c r="KA645" s="613"/>
      <c r="KB645" s="613"/>
      <c r="KC645" s="613"/>
      <c r="KD645" s="613"/>
      <c r="KE645" s="613"/>
      <c r="KF645" s="613"/>
      <c r="KG645" s="613"/>
      <c r="KH645" s="613"/>
      <c r="KI645" s="613"/>
      <c r="KJ645" s="613"/>
      <c r="KK645" s="613"/>
      <c r="KL645" s="613"/>
      <c r="KM645" s="613"/>
      <c r="KN645" s="613"/>
      <c r="KO645" s="613"/>
      <c r="KP645" s="613"/>
      <c r="KQ645" s="613"/>
      <c r="KR645" s="613"/>
      <c r="KS645" s="613"/>
      <c r="KT645" s="613"/>
      <c r="KU645" s="613"/>
      <c r="KV645" s="613"/>
      <c r="KW645" s="613"/>
      <c r="KX645" s="613"/>
      <c r="KY645" s="613"/>
      <c r="KZ645" s="613"/>
      <c r="LA645" s="613"/>
      <c r="LB645" s="613"/>
      <c r="LC645" s="613"/>
      <c r="LD645" s="613"/>
      <c r="LE645" s="613"/>
      <c r="LF645" s="613"/>
      <c r="LG645" s="613"/>
      <c r="LH645" s="613"/>
      <c r="LI645" s="613"/>
      <c r="LJ645" s="613"/>
      <c r="LK645" s="613"/>
      <c r="LL645" s="613"/>
      <c r="LM645" s="613"/>
      <c r="LN645" s="613"/>
      <c r="LO645" s="613"/>
      <c r="LP645" s="613"/>
      <c r="LQ645" s="613"/>
      <c r="LR645" s="613"/>
      <c r="LS645" s="613"/>
      <c r="LT645" s="613"/>
      <c r="LU645" s="613"/>
      <c r="LV645" s="613"/>
      <c r="LW645" s="613"/>
      <c r="LX645" s="613"/>
      <c r="LY645" s="613"/>
      <c r="LZ645" s="613"/>
      <c r="MA645" s="613"/>
      <c r="MB645" s="613"/>
      <c r="MC645" s="613"/>
      <c r="MD645" s="613"/>
      <c r="ME645" s="613"/>
      <c r="MF645" s="613"/>
      <c r="MG645" s="613"/>
      <c r="MH645" s="613"/>
      <c r="MI645" s="613"/>
      <c r="MJ645" s="613"/>
      <c r="MK645" s="613"/>
      <c r="ML645" s="613"/>
      <c r="MM645" s="613"/>
      <c r="MN645" s="613"/>
      <c r="MO645" s="613"/>
      <c r="MP645" s="613"/>
      <c r="MQ645" s="613"/>
      <c r="MR645" s="613"/>
      <c r="MS645" s="613"/>
      <c r="MT645" s="613"/>
      <c r="MU645" s="613"/>
      <c r="MV645" s="613"/>
      <c r="MW645" s="613"/>
      <c r="MX645" s="613"/>
      <c r="MY645" s="613"/>
      <c r="MZ645" s="613"/>
      <c r="NA645" s="613"/>
      <c r="NB645" s="613"/>
      <c r="NC645" s="613"/>
      <c r="ND645" s="613"/>
      <c r="NE645" s="613"/>
      <c r="NF645" s="613"/>
      <c r="NG645" s="613"/>
      <c r="NH645" s="613"/>
      <c r="NI645" s="613"/>
      <c r="NJ645" s="613"/>
      <c r="NK645" s="613"/>
      <c r="NL645" s="613"/>
      <c r="NM645" s="613"/>
      <c r="NN645" s="613"/>
      <c r="NO645" s="613"/>
      <c r="NP645" s="613"/>
      <c r="NQ645" s="613"/>
      <c r="NR645" s="613"/>
      <c r="NS645" s="613"/>
      <c r="NT645" s="613"/>
      <c r="NU645" s="613"/>
      <c r="NV645" s="613"/>
      <c r="NW645" s="613"/>
      <c r="NX645" s="613"/>
      <c r="NY645" s="613"/>
      <c r="NZ645" s="613"/>
      <c r="OA645" s="613"/>
      <c r="OB645" s="613"/>
      <c r="OC645" s="613"/>
      <c r="OD645" s="613"/>
      <c r="OE645" s="613"/>
      <c r="OF645" s="613"/>
      <c r="OG645" s="613"/>
      <c r="OH645" s="613"/>
      <c r="OI645" s="613"/>
      <c r="OJ645" s="613"/>
      <c r="OK645" s="613"/>
      <c r="OL645" s="613"/>
      <c r="OM645" s="613"/>
      <c r="ON645" s="613"/>
      <c r="OO645" s="613"/>
      <c r="OP645" s="613"/>
      <c r="OQ645" s="613"/>
      <c r="OR645" s="613"/>
      <c r="OS645" s="613"/>
      <c r="OT645" s="613"/>
      <c r="OU645" s="613"/>
      <c r="OV645" s="613"/>
      <c r="OW645" s="613"/>
      <c r="OX645" s="613"/>
      <c r="OY645" s="613"/>
      <c r="OZ645" s="613"/>
      <c r="PA645" s="613"/>
      <c r="PB645" s="613"/>
      <c r="PC645" s="613"/>
      <c r="PD645" s="613"/>
      <c r="PE645" s="613"/>
      <c r="PF645" s="613"/>
      <c r="PG645" s="613"/>
      <c r="PH645" s="613"/>
      <c r="PI645" s="613"/>
      <c r="PJ645" s="613"/>
      <c r="PK645" s="613"/>
      <c r="PL645" s="613"/>
      <c r="PM645" s="613"/>
      <c r="PN645" s="613"/>
      <c r="PO645" s="613"/>
      <c r="PP645" s="613"/>
      <c r="PQ645" s="613"/>
      <c r="PR645" s="613"/>
      <c r="PS645" s="613"/>
      <c r="PT645" s="613"/>
      <c r="PU645" s="613"/>
      <c r="PV645" s="613"/>
      <c r="PW645" s="613"/>
      <c r="PX645" s="613"/>
      <c r="PY645" s="613"/>
      <c r="PZ645" s="613"/>
      <c r="QA645" s="613"/>
      <c r="QB645" s="613"/>
      <c r="QC645" s="613"/>
      <c r="QD645" s="613"/>
      <c r="QE645" s="613"/>
      <c r="QF645" s="613"/>
      <c r="QG645" s="613"/>
      <c r="QH645" s="613"/>
      <c r="QI645" s="613"/>
      <c r="QJ645" s="613"/>
      <c r="QK645" s="613"/>
      <c r="QL645" s="613"/>
      <c r="QM645" s="613"/>
      <c r="QN645" s="613"/>
      <c r="QO645" s="613"/>
      <c r="QP645" s="613"/>
      <c r="QQ645" s="613"/>
      <c r="QR645" s="613"/>
      <c r="QS645" s="613"/>
      <c r="QT645" s="613"/>
      <c r="QU645" s="613"/>
      <c r="QV645" s="613"/>
      <c r="QW645" s="613"/>
      <c r="QX645" s="613"/>
      <c r="QY645" s="613"/>
      <c r="QZ645" s="613"/>
      <c r="RA645" s="613"/>
      <c r="RB645" s="613"/>
      <c r="RC645" s="613"/>
      <c r="RD645" s="613"/>
      <c r="RE645" s="613"/>
      <c r="RF645" s="613"/>
      <c r="RG645" s="613"/>
      <c r="RH645" s="613"/>
      <c r="RI645" s="613"/>
      <c r="RJ645" s="613"/>
      <c r="RK645" s="613"/>
      <c r="RL645" s="613"/>
      <c r="RM645" s="613"/>
      <c r="RN645" s="613"/>
      <c r="RO645" s="613"/>
      <c r="RP645" s="613"/>
      <c r="RQ645" s="613"/>
      <c r="RR645" s="613"/>
      <c r="RS645" s="613"/>
      <c r="RT645" s="613"/>
      <c r="RU645" s="613"/>
      <c r="RV645" s="613"/>
      <c r="RW645" s="613"/>
      <c r="RX645" s="613"/>
      <c r="RY645" s="613"/>
      <c r="RZ645" s="613"/>
      <c r="SA645" s="613"/>
      <c r="SB645" s="613"/>
      <c r="SC645" s="613"/>
      <c r="SD645" s="613"/>
      <c r="SE645" s="613"/>
      <c r="SF645" s="613"/>
      <c r="SG645" s="613"/>
      <c r="SH645" s="613"/>
      <c r="SI645" s="613"/>
      <c r="SJ645" s="613"/>
      <c r="SK645" s="613"/>
      <c r="SL645" s="613"/>
      <c r="SM645" s="613"/>
      <c r="SN645" s="613"/>
      <c r="SO645" s="613"/>
      <c r="SP645" s="613"/>
      <c r="SQ645" s="613"/>
      <c r="SR645" s="613"/>
      <c r="SS645" s="613"/>
      <c r="ST645" s="613"/>
      <c r="SU645" s="613"/>
      <c r="SV645" s="613"/>
      <c r="SW645" s="613"/>
      <c r="SX645" s="613"/>
      <c r="SY645" s="613"/>
      <c r="SZ645" s="613"/>
      <c r="TA645" s="613"/>
      <c r="TB645" s="613"/>
      <c r="TC645" s="613"/>
      <c r="TD645" s="613"/>
      <c r="TE645" s="613"/>
      <c r="TF645" s="613"/>
      <c r="TG645" s="613"/>
      <c r="TH645" s="613"/>
      <c r="TI645" s="613"/>
      <c r="TJ645" s="613"/>
      <c r="TK645" s="613"/>
      <c r="TL645" s="613"/>
      <c r="TM645" s="613"/>
      <c r="TN645" s="613"/>
      <c r="TO645" s="613"/>
      <c r="TP645" s="613"/>
      <c r="TQ645" s="613"/>
      <c r="TR645" s="613"/>
      <c r="TS645" s="613"/>
      <c r="TT645" s="613"/>
      <c r="TU645" s="613"/>
      <c r="TV645" s="613"/>
      <c r="TW645" s="613"/>
      <c r="TX645" s="613"/>
      <c r="TY645" s="613"/>
      <c r="TZ645" s="613"/>
      <c r="UA645" s="613"/>
      <c r="UB645" s="613"/>
      <c r="UC645" s="613"/>
      <c r="UD645" s="613"/>
      <c r="UE645" s="613"/>
      <c r="UF645" s="613"/>
      <c r="UG645" s="613"/>
      <c r="UH645" s="613"/>
      <c r="UI645" s="613"/>
      <c r="UJ645" s="613"/>
      <c r="UK645" s="613"/>
      <c r="UL645" s="613"/>
      <c r="UM645" s="613"/>
      <c r="UN645" s="613"/>
      <c r="UO645" s="613"/>
      <c r="UP645" s="613"/>
      <c r="UQ645" s="613"/>
      <c r="UR645" s="613"/>
      <c r="US645" s="613"/>
      <c r="UT645" s="613"/>
      <c r="UU645" s="613"/>
      <c r="UV645" s="613"/>
      <c r="UW645" s="613"/>
      <c r="UX645" s="613"/>
      <c r="UY645" s="613"/>
      <c r="UZ645" s="613"/>
      <c r="VA645" s="613"/>
      <c r="VB645" s="613"/>
      <c r="VC645" s="613"/>
      <c r="VD645" s="613"/>
      <c r="VE645" s="613"/>
      <c r="VF645" s="613"/>
      <c r="VG645" s="613"/>
      <c r="VH645" s="613"/>
      <c r="VI645" s="613"/>
      <c r="VJ645" s="613"/>
      <c r="VK645" s="613"/>
      <c r="VL645" s="613"/>
      <c r="VM645" s="613"/>
      <c r="VN645" s="613"/>
      <c r="VO645" s="613"/>
      <c r="VP645" s="613"/>
      <c r="VQ645" s="613"/>
      <c r="VR645" s="613"/>
      <c r="VS645" s="613"/>
      <c r="VT645" s="613"/>
      <c r="VU645" s="613"/>
      <c r="VV645" s="613"/>
      <c r="VW645" s="613"/>
      <c r="VX645" s="613"/>
      <c r="VY645" s="613"/>
      <c r="VZ645" s="613"/>
      <c r="WA645" s="613"/>
      <c r="WB645" s="613"/>
      <c r="WC645" s="613"/>
      <c r="WD645" s="613"/>
      <c r="WE645" s="613"/>
      <c r="WF645" s="613"/>
      <c r="WG645" s="613"/>
      <c r="WH645" s="613"/>
      <c r="WI645" s="613"/>
      <c r="WJ645" s="613"/>
      <c r="WK645" s="613"/>
      <c r="WL645" s="613"/>
      <c r="WM645" s="613"/>
      <c r="WN645" s="613"/>
      <c r="WO645" s="613"/>
      <c r="WP645" s="613"/>
      <c r="WQ645" s="613"/>
      <c r="WR645" s="613"/>
      <c r="WS645" s="613"/>
      <c r="WT645" s="613"/>
      <c r="WU645" s="613"/>
      <c r="WV645" s="613"/>
      <c r="WW645" s="613"/>
      <c r="WX645" s="613"/>
      <c r="WY645" s="613"/>
      <c r="WZ645" s="613"/>
      <c r="XA645" s="613"/>
      <c r="XB645" s="613"/>
      <c r="XC645" s="613"/>
      <c r="XD645" s="613"/>
      <c r="XE645" s="613"/>
      <c r="XF645" s="613"/>
      <c r="XG645" s="613"/>
      <c r="XH645" s="613"/>
      <c r="XI645" s="613"/>
      <c r="XJ645" s="613"/>
      <c r="XK645" s="613"/>
      <c r="XL645" s="613"/>
      <c r="XM645" s="613"/>
      <c r="XN645" s="613"/>
      <c r="XO645" s="613"/>
      <c r="XP645" s="613"/>
      <c r="XQ645" s="613"/>
      <c r="XR645" s="613"/>
      <c r="XS645" s="613"/>
      <c r="XT645" s="613"/>
      <c r="XU645" s="613"/>
      <c r="XV645" s="613"/>
      <c r="XW645" s="613"/>
      <c r="XX645" s="613"/>
      <c r="XY645" s="613"/>
      <c r="XZ645" s="613"/>
      <c r="YA645" s="613"/>
      <c r="YB645" s="613"/>
      <c r="YC645" s="613"/>
      <c r="YD645" s="613"/>
      <c r="YE645" s="613"/>
      <c r="YF645" s="613"/>
      <c r="YG645" s="613"/>
      <c r="YH645" s="613"/>
      <c r="YI645" s="613"/>
      <c r="YJ645" s="613"/>
      <c r="YK645" s="613"/>
      <c r="YL645" s="613"/>
      <c r="YM645" s="613"/>
      <c r="YN645" s="613"/>
      <c r="YO645" s="613"/>
      <c r="YP645" s="613"/>
      <c r="YQ645" s="613"/>
      <c r="YR645" s="613"/>
      <c r="YS645" s="613"/>
      <c r="YT645" s="613"/>
      <c r="YU645" s="613"/>
      <c r="YV645" s="613"/>
      <c r="YW645" s="613"/>
      <c r="YX645" s="613"/>
      <c r="YY645" s="613"/>
      <c r="YZ645" s="613"/>
      <c r="ZA645" s="613"/>
      <c r="ZB645" s="613"/>
      <c r="ZC645" s="613"/>
      <c r="ZD645" s="613"/>
      <c r="ZE645" s="613"/>
      <c r="ZF645" s="613"/>
      <c r="ZG645" s="613"/>
      <c r="ZH645" s="613"/>
      <c r="ZI645" s="613"/>
      <c r="ZJ645" s="613"/>
      <c r="ZK645" s="613"/>
      <c r="ZL645" s="613"/>
      <c r="ZM645" s="613"/>
      <c r="ZN645" s="613"/>
      <c r="ZO645" s="613"/>
      <c r="ZP645" s="613"/>
      <c r="ZQ645" s="613"/>
      <c r="ZR645" s="613"/>
      <c r="ZS645" s="613"/>
      <c r="ZT645" s="613"/>
      <c r="ZU645" s="613"/>
      <c r="ZV645" s="613"/>
      <c r="ZW645" s="613"/>
      <c r="ZX645" s="613"/>
      <c r="ZY645" s="613"/>
      <c r="ZZ645" s="613"/>
      <c r="AAA645" s="613"/>
      <c r="AAB645" s="613"/>
      <c r="AAC645" s="613"/>
      <c r="AAD645" s="613"/>
      <c r="AAE645" s="613"/>
      <c r="AAF645" s="613"/>
      <c r="AAG645" s="613"/>
      <c r="AAH645" s="613"/>
      <c r="AAI645" s="613"/>
      <c r="AAJ645" s="613"/>
      <c r="AAK645" s="613"/>
      <c r="AAL645" s="613"/>
      <c r="AAM645" s="613"/>
      <c r="AAN645" s="613"/>
      <c r="AAO645" s="613"/>
      <c r="AAP645" s="613"/>
      <c r="AAQ645" s="613"/>
      <c r="AAR645" s="613"/>
      <c r="AAS645" s="613"/>
      <c r="AAT645" s="613"/>
      <c r="AAU645" s="613"/>
      <c r="AAV645" s="613"/>
      <c r="AAW645" s="613"/>
      <c r="AAX645" s="613"/>
      <c r="AAY645" s="613"/>
      <c r="AAZ645" s="613"/>
      <c r="ABA645" s="613"/>
      <c r="ABB645" s="613"/>
      <c r="ABC645" s="613"/>
      <c r="ABD645" s="613"/>
      <c r="ABE645" s="613"/>
      <c r="ABF645" s="613"/>
      <c r="ABG645" s="613"/>
      <c r="ABH645" s="613"/>
      <c r="ABI645" s="613"/>
      <c r="ABJ645" s="613"/>
      <c r="ABK645" s="613"/>
      <c r="ABL645" s="613"/>
      <c r="ABM645" s="613"/>
      <c r="ABN645" s="613"/>
      <c r="ABO645" s="613"/>
      <c r="ABP645" s="613"/>
      <c r="ABQ645" s="613"/>
      <c r="ABR645" s="613"/>
      <c r="ABS645" s="613"/>
      <c r="ABT645" s="613"/>
      <c r="ABU645" s="613"/>
      <c r="ABV645" s="613"/>
      <c r="ABW645" s="613"/>
      <c r="ABX645" s="613"/>
      <c r="ABY645" s="613"/>
      <c r="ABZ645" s="613"/>
      <c r="ACA645" s="613"/>
      <c r="ACB645" s="613"/>
      <c r="ACC645" s="613"/>
      <c r="ACD645" s="613"/>
      <c r="ACE645" s="613"/>
      <c r="ACF645" s="613"/>
      <c r="ACG645" s="613"/>
      <c r="ACH645" s="613"/>
      <c r="ACI645" s="613"/>
      <c r="ACJ645" s="613"/>
      <c r="ACK645" s="613"/>
      <c r="ACL645" s="613"/>
      <c r="ACM645" s="613"/>
      <c r="ACN645" s="613"/>
      <c r="ACO645" s="613"/>
      <c r="ACP645" s="613"/>
      <c r="ACQ645" s="613"/>
      <c r="ACR645" s="613"/>
      <c r="ACS645" s="613"/>
      <c r="ACT645" s="613"/>
      <c r="ACU645" s="613"/>
      <c r="ACV645" s="613"/>
      <c r="ACW645" s="613"/>
      <c r="ACX645" s="613"/>
      <c r="ACY645" s="613"/>
      <c r="ACZ645" s="613"/>
      <c r="ADA645" s="613"/>
      <c r="ADB645" s="613"/>
      <c r="ADC645" s="613"/>
      <c r="ADD645" s="613"/>
      <c r="ADE645" s="613"/>
      <c r="ADF645" s="613"/>
      <c r="ADG645" s="613"/>
      <c r="ADH645" s="613"/>
      <c r="ADI645" s="613"/>
      <c r="ADJ645" s="613"/>
      <c r="ADK645" s="613"/>
      <c r="ADL645" s="613"/>
      <c r="ADM645" s="613"/>
      <c r="ADN645" s="613"/>
      <c r="ADO645" s="613"/>
      <c r="ADP645" s="613"/>
      <c r="ADQ645" s="613"/>
      <c r="ADR645" s="613"/>
      <c r="ADS645" s="613"/>
      <c r="ADT645" s="613"/>
      <c r="ADU645" s="613"/>
      <c r="ADV645" s="613"/>
      <c r="ADW645" s="613"/>
      <c r="ADX645" s="613"/>
      <c r="ADY645" s="613"/>
      <c r="ADZ645" s="613"/>
      <c r="AEA645" s="613"/>
      <c r="AEB645" s="613"/>
      <c r="AEC645" s="613"/>
      <c r="AED645" s="613"/>
      <c r="AEE645" s="613"/>
      <c r="AEF645" s="613"/>
      <c r="AEG645" s="613"/>
      <c r="AEH645" s="613"/>
      <c r="AEI645" s="613"/>
      <c r="AEJ645" s="613"/>
      <c r="AEK645" s="613"/>
      <c r="AEL645" s="613"/>
      <c r="AEM645" s="613"/>
      <c r="AEN645" s="613"/>
      <c r="AEO645" s="613"/>
      <c r="AEP645" s="613"/>
      <c r="AEQ645" s="613"/>
      <c r="AER645" s="613"/>
      <c r="AES645" s="613"/>
      <c r="AET645" s="613"/>
      <c r="AEU645" s="613"/>
      <c r="AEV645" s="613"/>
      <c r="AEW645" s="613"/>
      <c r="AEX645" s="613"/>
      <c r="AEY645" s="613"/>
      <c r="AEZ645" s="613"/>
      <c r="AFA645" s="613"/>
      <c r="AFB645" s="613"/>
      <c r="AFC645" s="613"/>
      <c r="AFD645" s="613"/>
      <c r="AFE645" s="613"/>
      <c r="AFF645" s="613"/>
      <c r="AFG645" s="613"/>
      <c r="AFH645" s="613"/>
      <c r="AFI645" s="613"/>
      <c r="AFJ645" s="613"/>
      <c r="AFK645" s="613"/>
      <c r="AFL645" s="613"/>
      <c r="AFM645" s="613"/>
      <c r="AFN645" s="613"/>
      <c r="AFO645" s="613"/>
      <c r="AFP645" s="613"/>
      <c r="AFQ645" s="613"/>
      <c r="AFR645" s="613"/>
      <c r="AFS645" s="613"/>
      <c r="AFT645" s="613"/>
      <c r="AFU645" s="613"/>
      <c r="AFV645" s="613"/>
      <c r="AFW645" s="613"/>
      <c r="AFX645" s="613"/>
      <c r="AFY645" s="613"/>
      <c r="AFZ645" s="613"/>
      <c r="AGA645" s="613"/>
      <c r="AGB645" s="613"/>
      <c r="AGC645" s="613"/>
      <c r="AGD645" s="613"/>
      <c r="AGE645" s="613"/>
      <c r="AGF645" s="613"/>
      <c r="AGG645" s="613"/>
      <c r="AGH645" s="613"/>
      <c r="AGI645" s="613"/>
      <c r="AGJ645" s="613"/>
      <c r="AGK645" s="613"/>
      <c r="AGL645" s="613"/>
      <c r="AGM645" s="613"/>
      <c r="AGN645" s="613"/>
      <c r="AGO645" s="613"/>
      <c r="AGP645" s="613"/>
      <c r="AGQ645" s="613"/>
      <c r="AGR645" s="613"/>
      <c r="AGS645" s="613"/>
      <c r="AGT645" s="613"/>
      <c r="AGU645" s="613"/>
      <c r="AGV645" s="613"/>
      <c r="AGW645" s="613"/>
      <c r="AGX645" s="613"/>
      <c r="AGY645" s="613"/>
      <c r="AGZ645" s="613"/>
      <c r="AHA645" s="613"/>
      <c r="AHB645" s="613"/>
      <c r="AHC645" s="613"/>
      <c r="AHD645" s="613"/>
      <c r="AHE645" s="613"/>
      <c r="AHF645" s="613"/>
      <c r="AHG645" s="613"/>
      <c r="AHH645" s="613"/>
      <c r="AHI645" s="613"/>
      <c r="AHJ645" s="613"/>
      <c r="AHK645" s="613"/>
      <c r="AHL645" s="613"/>
      <c r="AHM645" s="613"/>
      <c r="AHN645" s="613"/>
      <c r="AHO645" s="613"/>
      <c r="AHP645" s="613"/>
      <c r="AHQ645" s="613"/>
      <c r="AHR645" s="613"/>
      <c r="AHS645" s="613"/>
      <c r="AHT645" s="613"/>
      <c r="AHU645" s="613"/>
      <c r="AHV645" s="613"/>
      <c r="AHW645" s="613"/>
      <c r="AHX645" s="613"/>
      <c r="AHY645" s="613"/>
      <c r="AHZ645" s="613"/>
      <c r="AIA645" s="613"/>
      <c r="AIB645" s="613"/>
      <c r="AIC645" s="613"/>
      <c r="AID645" s="613"/>
      <c r="AIE645" s="613"/>
      <c r="AIF645" s="613"/>
      <c r="AIG645" s="613"/>
      <c r="AIH645" s="613"/>
      <c r="AII645" s="613"/>
      <c r="AIJ645" s="613"/>
      <c r="AIK645" s="613"/>
      <c r="AIL645" s="613"/>
      <c r="AIM645" s="613"/>
      <c r="AIN645" s="613"/>
      <c r="AIO645" s="613"/>
      <c r="AIP645" s="613"/>
      <c r="AIQ645" s="613"/>
      <c r="AIR645" s="613"/>
      <c r="AIS645" s="613"/>
      <c r="AIT645" s="613"/>
      <c r="AIU645" s="613"/>
      <c r="AIV645" s="613"/>
      <c r="AIW645" s="613"/>
      <c r="AIX645" s="613"/>
      <c r="AIY645" s="613"/>
      <c r="AIZ645" s="613"/>
      <c r="AJA645" s="613"/>
      <c r="AJB645" s="613"/>
      <c r="AJC645" s="613"/>
      <c r="AJD645" s="613"/>
      <c r="AJE645" s="613"/>
      <c r="AJF645" s="613"/>
      <c r="AJG645" s="613"/>
      <c r="AJH645" s="613"/>
      <c r="AJI645" s="613"/>
      <c r="AJJ645" s="613"/>
      <c r="AJK645" s="613"/>
      <c r="AJL645" s="613"/>
      <c r="AJM645" s="613"/>
      <c r="AJN645" s="613"/>
      <c r="AJO645" s="613"/>
      <c r="AJP645" s="613"/>
      <c r="AJQ645" s="613"/>
      <c r="AJR645" s="613"/>
      <c r="AJS645" s="613"/>
      <c r="AJT645" s="613"/>
      <c r="AJU645" s="613"/>
      <c r="AJV645" s="613"/>
      <c r="AJW645" s="613"/>
      <c r="AJX645" s="613"/>
      <c r="AJY645" s="613"/>
      <c r="AJZ645" s="613"/>
      <c r="AKA645" s="613"/>
      <c r="AKB645" s="613"/>
      <c r="AKC645" s="613"/>
      <c r="AKD645" s="613"/>
      <c r="AKE645" s="613"/>
      <c r="AKF645" s="613"/>
      <c r="AKG645" s="613"/>
      <c r="AKH645" s="613"/>
      <c r="AKI645" s="613"/>
      <c r="AKJ645" s="613"/>
      <c r="AKK645" s="613"/>
      <c r="AKL645" s="613"/>
      <c r="AKM645" s="613"/>
      <c r="AKN645" s="613"/>
      <c r="AKO645" s="613"/>
      <c r="AKP645" s="613"/>
      <c r="AKQ645" s="613"/>
      <c r="AKR645" s="613"/>
      <c r="AKS645" s="613"/>
      <c r="AKT645" s="613"/>
      <c r="AKU645" s="613"/>
      <c r="AKV645" s="613"/>
      <c r="AKW645" s="613"/>
      <c r="AKX645" s="613"/>
      <c r="AKY645" s="613"/>
      <c r="AKZ645" s="613"/>
      <c r="ALA645" s="613"/>
      <c r="ALB645" s="613"/>
      <c r="ALC645" s="613"/>
      <c r="ALD645" s="613"/>
      <c r="ALE645" s="613"/>
      <c r="ALF645" s="613"/>
      <c r="ALG645" s="613"/>
      <c r="ALH645" s="613"/>
      <c r="ALI645" s="613"/>
      <c r="ALJ645" s="613"/>
      <c r="ALK645" s="613"/>
      <c r="ALL645" s="613"/>
      <c r="ALM645" s="613"/>
      <c r="ALN645" s="613"/>
      <c r="ALO645" s="613"/>
      <c r="ALP645" s="613"/>
      <c r="ALQ645" s="613"/>
      <c r="ALR645" s="613"/>
      <c r="ALS645" s="613"/>
      <c r="ALT645" s="613"/>
      <c r="ALU645" s="613"/>
      <c r="ALV645" s="613"/>
      <c r="ALW645" s="613"/>
      <c r="ALX645" s="613"/>
      <c r="ALY645" s="613"/>
      <c r="ALZ645" s="613"/>
      <c r="AMA645" s="613"/>
      <c r="AMB645" s="613"/>
      <c r="AMC645" s="613"/>
      <c r="AMD645" s="613"/>
      <c r="AME645" s="613"/>
      <c r="AMF645" s="613"/>
      <c r="AMG645" s="613"/>
      <c r="AMH645" s="613"/>
      <c r="AMI645" s="613"/>
      <c r="AMJ645" s="613"/>
      <c r="AMK645" s="613"/>
      <c r="AML645" s="613"/>
      <c r="AMM645" s="613"/>
      <c r="AMN645" s="613"/>
      <c r="AMO645" s="613"/>
      <c r="AMP645" s="613"/>
      <c r="AMQ645" s="613"/>
      <c r="AMR645" s="613"/>
      <c r="AMS645" s="613"/>
      <c r="AMT645" s="613"/>
      <c r="AMU645" s="613"/>
      <c r="AMV645" s="613"/>
      <c r="AMW645" s="613"/>
      <c r="AMX645" s="613"/>
      <c r="AMY645" s="613"/>
      <c r="AMZ645" s="613"/>
      <c r="ANA645" s="613"/>
      <c r="ANB645" s="613"/>
      <c r="ANC645" s="613"/>
      <c r="AND645" s="613"/>
      <c r="ANE645" s="613"/>
      <c r="ANF645" s="613"/>
      <c r="ANG645" s="613"/>
      <c r="ANH645" s="613"/>
      <c r="ANI645" s="613"/>
      <c r="ANJ645" s="613"/>
      <c r="ANK645" s="613"/>
      <c r="ANL645" s="613"/>
      <c r="ANM645" s="613"/>
      <c r="ANN645" s="613"/>
      <c r="ANO645" s="613"/>
      <c r="ANP645" s="613"/>
      <c r="ANQ645" s="613"/>
      <c r="ANR645" s="613"/>
      <c r="ANS645" s="613"/>
      <c r="ANT645" s="613"/>
      <c r="ANU645" s="613"/>
      <c r="ANV645" s="613"/>
      <c r="ANW645" s="613"/>
      <c r="ANX645" s="613"/>
      <c r="ANY645" s="613"/>
      <c r="ANZ645" s="613"/>
      <c r="AOA645" s="613"/>
      <c r="AOB645" s="613"/>
      <c r="AOC645" s="613"/>
      <c r="AOD645" s="613"/>
      <c r="AOE645" s="613"/>
      <c r="AOF645" s="613"/>
      <c r="AOG645" s="613"/>
      <c r="AOH645" s="613"/>
      <c r="AOI645" s="613"/>
      <c r="AOJ645" s="613"/>
      <c r="AOK645" s="613"/>
      <c r="AOL645" s="613"/>
      <c r="AOM645" s="613"/>
      <c r="AON645" s="613"/>
      <c r="AOO645" s="613"/>
      <c r="AOP645" s="613"/>
      <c r="AOQ645" s="613"/>
      <c r="AOR645" s="613"/>
      <c r="AOS645" s="613"/>
      <c r="AOT645" s="613"/>
      <c r="AOU645" s="613"/>
      <c r="AOV645" s="613"/>
      <c r="AOW645" s="613"/>
      <c r="AOX645" s="613"/>
      <c r="AOY645" s="613"/>
      <c r="AOZ645" s="613"/>
      <c r="APA645" s="613"/>
      <c r="APB645" s="613"/>
      <c r="APC645" s="613"/>
      <c r="APD645" s="613"/>
      <c r="APE645" s="613"/>
      <c r="APF645" s="613"/>
      <c r="APG645" s="613"/>
      <c r="APH645" s="613"/>
      <c r="API645" s="613"/>
      <c r="APJ645" s="613"/>
      <c r="APK645" s="613"/>
      <c r="APL645" s="613"/>
      <c r="APM645" s="613"/>
      <c r="APN645" s="613"/>
      <c r="APO645" s="613"/>
      <c r="APP645" s="613"/>
      <c r="APQ645" s="613"/>
      <c r="APR645" s="613"/>
      <c r="APS645" s="613"/>
      <c r="APT645" s="613"/>
      <c r="APU645" s="613"/>
      <c r="APV645" s="613"/>
      <c r="APW645" s="613"/>
      <c r="APX645" s="613"/>
      <c r="APY645" s="613"/>
      <c r="APZ645" s="613"/>
      <c r="AQA645" s="613"/>
      <c r="AQB645" s="613"/>
      <c r="AQC645" s="613"/>
      <c r="AQD645" s="613"/>
      <c r="AQE645" s="613"/>
      <c r="AQF645" s="613"/>
      <c r="AQG645" s="613"/>
      <c r="AQH645" s="613"/>
      <c r="AQI645" s="613"/>
      <c r="AQJ645" s="613"/>
      <c r="AQK645" s="613"/>
      <c r="AQL645" s="613"/>
      <c r="AQM645" s="613"/>
      <c r="AQN645" s="613"/>
      <c r="AQO645" s="613"/>
      <c r="AQP645" s="613"/>
      <c r="AQQ645" s="613"/>
      <c r="AQR645" s="613"/>
      <c r="AQS645" s="613"/>
      <c r="AQT645" s="613"/>
      <c r="AQU645" s="613"/>
      <c r="AQV645" s="613"/>
      <c r="AQW645" s="613"/>
      <c r="AQX645" s="613"/>
      <c r="AQY645" s="613"/>
      <c r="AQZ645" s="613"/>
      <c r="ARA645" s="613"/>
      <c r="ARB645" s="613"/>
      <c r="ARC645" s="613"/>
      <c r="ARD645" s="613"/>
      <c r="ARE645" s="613"/>
      <c r="ARF645" s="613"/>
      <c r="ARG645" s="613"/>
      <c r="ARH645" s="613"/>
      <c r="ARI645" s="613"/>
      <c r="ARJ645" s="613"/>
      <c r="ARK645" s="613"/>
      <c r="ARL645" s="613"/>
      <c r="ARM645" s="613"/>
      <c r="ARN645" s="613"/>
      <c r="ARO645" s="613"/>
      <c r="ARP645" s="613"/>
      <c r="ARQ645" s="613"/>
      <c r="ARR645" s="613"/>
      <c r="ARS645" s="613"/>
      <c r="ART645" s="613"/>
      <c r="ARU645" s="613"/>
      <c r="ARV645" s="613"/>
      <c r="ARW645" s="613"/>
      <c r="ARX645" s="613"/>
      <c r="ARY645" s="613"/>
      <c r="ARZ645" s="613"/>
      <c r="ASA645" s="613"/>
      <c r="ASB645" s="613"/>
      <c r="ASC645" s="613"/>
      <c r="ASD645" s="613"/>
      <c r="ASE645" s="613"/>
      <c r="ASF645" s="613"/>
      <c r="ASG645" s="613"/>
      <c r="ASH645" s="613"/>
      <c r="ASI645" s="613"/>
      <c r="ASJ645" s="613"/>
      <c r="ASK645" s="613"/>
      <c r="ASL645" s="613"/>
      <c r="ASM645" s="613"/>
      <c r="ASN645" s="613"/>
      <c r="ASO645" s="613"/>
      <c r="ASP645" s="613"/>
      <c r="ASQ645" s="613"/>
      <c r="ASR645" s="613"/>
      <c r="ASS645" s="613"/>
      <c r="AST645" s="613"/>
      <c r="ASU645" s="613"/>
      <c r="ASV645" s="613"/>
      <c r="ASW645" s="613"/>
      <c r="ASX645" s="613"/>
      <c r="ASY645" s="613"/>
      <c r="ASZ645" s="613"/>
      <c r="ATA645" s="613"/>
      <c r="ATB645" s="613"/>
      <c r="ATC645" s="613"/>
      <c r="ATD645" s="613"/>
      <c r="ATE645" s="613"/>
      <c r="ATF645" s="613"/>
      <c r="ATG645" s="613"/>
      <c r="ATH645" s="613"/>
      <c r="ATI645" s="613"/>
      <c r="ATJ645" s="613"/>
      <c r="ATK645" s="613"/>
      <c r="ATL645" s="613"/>
      <c r="ATM645" s="613"/>
      <c r="ATN645" s="613"/>
      <c r="ATO645" s="613"/>
      <c r="ATP645" s="613"/>
      <c r="ATQ645" s="613"/>
      <c r="ATR645" s="613"/>
      <c r="ATS645" s="613"/>
      <c r="ATT645" s="613"/>
      <c r="ATU645" s="613"/>
      <c r="ATV645" s="613"/>
      <c r="ATW645" s="613"/>
      <c r="ATX645" s="613"/>
      <c r="ATY645" s="613"/>
      <c r="ATZ645" s="613"/>
      <c r="AUA645" s="613"/>
      <c r="AUB645" s="613"/>
      <c r="AUC645" s="613"/>
      <c r="AUD645" s="613"/>
      <c r="AUE645" s="613"/>
      <c r="AUF645" s="613"/>
      <c r="AUG645" s="613"/>
      <c r="AUH645" s="613"/>
      <c r="AUI645" s="613"/>
      <c r="AUJ645" s="613"/>
      <c r="AUK645" s="613"/>
      <c r="AUL645" s="613"/>
      <c r="AUM645" s="613"/>
      <c r="AUN645" s="613"/>
      <c r="AUO645" s="613"/>
      <c r="AUP645" s="613"/>
      <c r="AUQ645" s="613"/>
      <c r="AUR645" s="613"/>
      <c r="AUS645" s="613"/>
      <c r="AUT645" s="613"/>
      <c r="AUU645" s="613"/>
      <c r="AUV645" s="613"/>
      <c r="AUW645" s="613"/>
      <c r="AUX645" s="613"/>
      <c r="AUY645" s="613"/>
      <c r="AUZ645" s="613"/>
      <c r="AVA645" s="613"/>
      <c r="AVB645" s="613"/>
      <c r="AVC645" s="613"/>
      <c r="AVD645" s="613"/>
      <c r="AVE645" s="613"/>
      <c r="AVF645" s="613"/>
      <c r="AVG645" s="613"/>
      <c r="AVH645" s="613"/>
      <c r="AVI645" s="613"/>
      <c r="AVJ645" s="613"/>
      <c r="AVK645" s="613"/>
      <c r="AVL645" s="613"/>
      <c r="AVM645" s="613"/>
      <c r="AVN645" s="613"/>
      <c r="AVO645" s="613"/>
      <c r="AVP645" s="613"/>
      <c r="AVQ645" s="613"/>
      <c r="AVR645" s="613"/>
      <c r="AVS645" s="613"/>
      <c r="AVT645" s="613"/>
      <c r="AVU645" s="613"/>
      <c r="AVV645" s="613"/>
      <c r="AVW645" s="613"/>
      <c r="AVX645" s="613"/>
      <c r="AVY645" s="613"/>
      <c r="AVZ645" s="613"/>
      <c r="AWA645" s="613"/>
      <c r="AWB645" s="613"/>
      <c r="AWC645" s="613"/>
      <c r="AWD645" s="613"/>
      <c r="AWE645" s="613"/>
      <c r="AWF645" s="613"/>
      <c r="AWG645" s="613"/>
      <c r="AWH645" s="613"/>
      <c r="AWI645" s="613"/>
      <c r="AWJ645" s="613"/>
      <c r="AWK645" s="613"/>
      <c r="AWL645" s="613"/>
      <c r="AWM645" s="613"/>
      <c r="AWN645" s="613"/>
      <c r="AWO645" s="613"/>
      <c r="AWP645" s="613"/>
      <c r="AWQ645" s="613"/>
      <c r="AWR645" s="613"/>
      <c r="AWS645" s="613"/>
      <c r="AWT645" s="613"/>
      <c r="AWU645" s="613"/>
      <c r="AWV645" s="613"/>
      <c r="AWW645" s="613"/>
      <c r="AWX645" s="613"/>
      <c r="AWY645" s="613"/>
      <c r="AWZ645" s="613"/>
      <c r="AXA645" s="613"/>
      <c r="AXB645" s="613"/>
      <c r="AXC645" s="613"/>
      <c r="AXD645" s="613"/>
      <c r="AXE645" s="613"/>
      <c r="AXF645" s="613"/>
      <c r="AXG645" s="613"/>
      <c r="AXH645" s="613"/>
      <c r="AXI645" s="613"/>
      <c r="AXJ645" s="613"/>
      <c r="AXK645" s="613"/>
      <c r="AXL645" s="613"/>
      <c r="AXM645" s="613"/>
      <c r="AXN645" s="613"/>
      <c r="AXO645" s="613"/>
      <c r="AXP645" s="613"/>
      <c r="AXQ645" s="613"/>
      <c r="AXR645" s="613"/>
      <c r="AXS645" s="613"/>
      <c r="AXT645" s="613"/>
      <c r="AXU645" s="613"/>
      <c r="AXV645" s="613"/>
      <c r="AXW645" s="613"/>
      <c r="AXX645" s="613"/>
      <c r="AXY645" s="613"/>
      <c r="AXZ645" s="613"/>
      <c r="AYA645" s="613"/>
      <c r="AYB645" s="613"/>
      <c r="AYC645" s="613"/>
      <c r="AYD645" s="613"/>
      <c r="AYE645" s="613"/>
      <c r="AYF645" s="613"/>
      <c r="AYG645" s="613"/>
      <c r="AYH645" s="613"/>
      <c r="AYI645" s="613"/>
      <c r="AYJ645" s="613"/>
      <c r="AYK645" s="613"/>
      <c r="AYL645" s="613"/>
      <c r="AYM645" s="613"/>
      <c r="AYN645" s="613"/>
      <c r="AYO645" s="613"/>
      <c r="AYP645" s="613"/>
      <c r="AYQ645" s="613"/>
      <c r="AYR645" s="613"/>
      <c r="AYS645" s="613"/>
      <c r="AYT645" s="613"/>
      <c r="AYU645" s="613"/>
      <c r="AYV645" s="613"/>
      <c r="AYW645" s="613"/>
      <c r="AYX645" s="613"/>
      <c r="AYY645" s="613"/>
      <c r="AYZ645" s="613"/>
      <c r="AZA645" s="613"/>
      <c r="AZB645" s="613"/>
      <c r="AZC645" s="613"/>
      <c r="AZD645" s="613"/>
      <c r="AZE645" s="613"/>
      <c r="AZF645" s="613"/>
      <c r="AZG645" s="613"/>
      <c r="AZH645" s="613"/>
      <c r="AZI645" s="613"/>
      <c r="AZJ645" s="613"/>
      <c r="AZK645" s="613"/>
      <c r="AZL645" s="613"/>
      <c r="AZM645" s="613"/>
      <c r="AZN645" s="613"/>
      <c r="AZO645" s="613"/>
      <c r="AZP645" s="613"/>
      <c r="AZQ645" s="613"/>
      <c r="AZR645" s="613"/>
      <c r="AZS645" s="613"/>
      <c r="AZT645" s="613"/>
      <c r="AZU645" s="613"/>
      <c r="AZV645" s="613"/>
      <c r="AZW645" s="613"/>
      <c r="AZX645" s="613"/>
      <c r="AZY645" s="613"/>
      <c r="AZZ645" s="613"/>
      <c r="BAA645" s="613"/>
      <c r="BAB645" s="613"/>
      <c r="BAC645" s="613"/>
      <c r="BAD645" s="613"/>
      <c r="BAE645" s="613"/>
      <c r="BAF645" s="613"/>
      <c r="BAG645" s="613"/>
      <c r="BAH645" s="613"/>
      <c r="BAI645" s="613"/>
      <c r="BAJ645" s="613"/>
      <c r="BAK645" s="613"/>
      <c r="BAL645" s="613"/>
      <c r="BAM645" s="613"/>
      <c r="BAN645" s="613"/>
      <c r="BAO645" s="613"/>
      <c r="BAP645" s="613"/>
      <c r="BAQ645" s="613"/>
      <c r="BAR645" s="613"/>
      <c r="BAS645" s="613"/>
      <c r="BAT645" s="613"/>
      <c r="BAU645" s="613"/>
      <c r="BAV645" s="613"/>
      <c r="BAW645" s="613"/>
      <c r="BAX645" s="613"/>
      <c r="BAY645" s="613"/>
      <c r="BAZ645" s="613"/>
      <c r="BBA645" s="613"/>
      <c r="BBB645" s="613"/>
      <c r="BBC645" s="613"/>
      <c r="BBD645" s="613"/>
      <c r="BBE645" s="613"/>
      <c r="BBF645" s="613"/>
      <c r="BBG645" s="613"/>
      <c r="BBH645" s="613"/>
      <c r="BBI645" s="613"/>
      <c r="BBJ645" s="613"/>
      <c r="BBK645" s="613"/>
      <c r="BBL645" s="613"/>
      <c r="BBM645" s="613"/>
      <c r="BBN645" s="613"/>
      <c r="BBO645" s="613"/>
      <c r="BBP645" s="613"/>
      <c r="BBQ645" s="613"/>
      <c r="BBR645" s="613"/>
      <c r="BBS645" s="613"/>
      <c r="BBT645" s="613"/>
      <c r="BBU645" s="613"/>
      <c r="BBV645" s="613"/>
      <c r="BBW645" s="613"/>
      <c r="BBX645" s="613"/>
      <c r="BBY645" s="613"/>
      <c r="BBZ645" s="613"/>
      <c r="BCA645" s="613"/>
      <c r="BCB645" s="613"/>
      <c r="BCC645" s="613"/>
      <c r="BCD645" s="613"/>
      <c r="BCE645" s="613"/>
      <c r="BCF645" s="613"/>
      <c r="BCG645" s="613"/>
      <c r="BCH645" s="613"/>
      <c r="BCI645" s="613"/>
      <c r="BCJ645" s="613"/>
      <c r="BCK645" s="613"/>
      <c r="BCL645" s="613"/>
      <c r="BCM645" s="613"/>
      <c r="BCN645" s="613"/>
      <c r="BCO645" s="613"/>
      <c r="BCP645" s="613"/>
      <c r="BCQ645" s="613"/>
      <c r="BCR645" s="613"/>
      <c r="BCS645" s="613"/>
      <c r="BCT645" s="613"/>
      <c r="BCU645" s="613"/>
      <c r="BCV645" s="613"/>
      <c r="BCW645" s="613"/>
      <c r="BCX645" s="613"/>
      <c r="BCY645" s="613"/>
      <c r="BCZ645" s="613"/>
      <c r="BDA645" s="613"/>
      <c r="BDB645" s="613"/>
      <c r="BDC645" s="613"/>
      <c r="BDD645" s="613"/>
      <c r="BDE645" s="613"/>
      <c r="BDF645" s="613"/>
      <c r="BDG645" s="613"/>
      <c r="BDH645" s="613"/>
      <c r="BDI645" s="613"/>
      <c r="BDJ645" s="613"/>
      <c r="BDK645" s="613"/>
      <c r="BDL645" s="613"/>
      <c r="BDM645" s="613"/>
      <c r="BDN645" s="613"/>
      <c r="BDO645" s="613"/>
      <c r="BDP645" s="613"/>
      <c r="BDQ645" s="613"/>
      <c r="BDR645" s="613"/>
      <c r="BDS645" s="613"/>
      <c r="BDT645" s="613"/>
      <c r="BDU645" s="613"/>
      <c r="BDV645" s="613"/>
      <c r="BDW645" s="613"/>
      <c r="BDX645" s="613"/>
      <c r="BDY645" s="613"/>
      <c r="BDZ645" s="613"/>
      <c r="BEA645" s="613"/>
      <c r="BEB645" s="613"/>
      <c r="BEC645" s="613"/>
      <c r="BED645" s="613"/>
      <c r="BEE645" s="613"/>
      <c r="BEF645" s="613"/>
      <c r="BEG645" s="613"/>
      <c r="BEH645" s="613"/>
      <c r="BEI645" s="613"/>
      <c r="BEJ645" s="613"/>
      <c r="BEK645" s="613"/>
      <c r="BEL645" s="613"/>
      <c r="BEM645" s="613"/>
      <c r="BEN645" s="613"/>
      <c r="BEO645" s="613"/>
      <c r="BEP645" s="613"/>
      <c r="BEQ645" s="613"/>
      <c r="BER645" s="613"/>
      <c r="BES645" s="613"/>
      <c r="BET645" s="613"/>
      <c r="BEU645" s="613"/>
      <c r="BEV645" s="613"/>
      <c r="BEW645" s="613"/>
      <c r="BEX645" s="613"/>
      <c r="BEY645" s="613"/>
      <c r="BEZ645" s="613"/>
      <c r="BFA645" s="613"/>
      <c r="BFB645" s="613"/>
      <c r="BFC645" s="613"/>
      <c r="BFD645" s="613"/>
      <c r="BFE645" s="613"/>
      <c r="BFF645" s="613"/>
      <c r="BFG645" s="613"/>
      <c r="BFH645" s="613"/>
      <c r="BFI645" s="613"/>
      <c r="BFJ645" s="613"/>
      <c r="BFK645" s="613"/>
      <c r="BFL645" s="613"/>
      <c r="BFM645" s="613"/>
      <c r="BFN645" s="613"/>
      <c r="BFO645" s="613"/>
      <c r="BFP645" s="613"/>
      <c r="BFQ645" s="613"/>
      <c r="BFR645" s="613"/>
      <c r="BFS645" s="613"/>
      <c r="BFT645" s="613"/>
      <c r="BFU645" s="613"/>
      <c r="BFV645" s="613"/>
      <c r="BFW645" s="613"/>
      <c r="BFX645" s="613"/>
      <c r="BFY645" s="613"/>
      <c r="BFZ645" s="613"/>
      <c r="BGA645" s="613"/>
      <c r="BGB645" s="613"/>
      <c r="BGC645" s="613"/>
      <c r="BGD645" s="613"/>
      <c r="BGE645" s="613"/>
      <c r="BGF645" s="613"/>
      <c r="BGG645" s="613"/>
      <c r="BGH645" s="613"/>
      <c r="BGI645" s="613"/>
      <c r="BGJ645" s="613"/>
      <c r="BGK645" s="613"/>
      <c r="BGL645" s="613"/>
      <c r="BGM645" s="613"/>
      <c r="BGN645" s="613"/>
      <c r="BGO645" s="613"/>
      <c r="BGP645" s="613"/>
      <c r="BGQ645" s="613"/>
      <c r="BGR645" s="613"/>
      <c r="BGS645" s="613"/>
      <c r="BGT645" s="613"/>
      <c r="BGU645" s="613"/>
      <c r="BGV645" s="613"/>
      <c r="BGW645" s="613"/>
      <c r="BGX645" s="613"/>
      <c r="BGY645" s="613"/>
      <c r="BGZ645" s="613"/>
      <c r="BHA645" s="613"/>
      <c r="BHB645" s="613"/>
      <c r="BHC645" s="613"/>
      <c r="BHD645" s="613"/>
      <c r="BHE645" s="613"/>
      <c r="BHF645" s="613"/>
      <c r="BHG645" s="613"/>
      <c r="BHH645" s="613"/>
      <c r="BHI645" s="613"/>
      <c r="BHJ645" s="613"/>
      <c r="BHK645" s="613"/>
      <c r="BHL645" s="613"/>
      <c r="BHM645" s="613"/>
      <c r="BHN645" s="613"/>
      <c r="BHO645" s="613"/>
      <c r="BHP645" s="613"/>
      <c r="BHQ645" s="613"/>
      <c r="BHR645" s="613"/>
      <c r="BHS645" s="613"/>
      <c r="BHT645" s="613"/>
      <c r="BHU645" s="613"/>
      <c r="BHV645" s="613"/>
      <c r="BHW645" s="613"/>
      <c r="BHX645" s="613"/>
      <c r="BHY645" s="613"/>
      <c r="BHZ645" s="613"/>
      <c r="BIA645" s="613"/>
      <c r="BIB645" s="613"/>
      <c r="BIC645" s="613"/>
      <c r="BID645" s="613"/>
      <c r="BIE645" s="613"/>
      <c r="BIF645" s="613"/>
      <c r="BIG645" s="613"/>
      <c r="BIH645" s="613"/>
      <c r="BII645" s="613"/>
      <c r="BIJ645" s="613"/>
      <c r="BIK645" s="613"/>
      <c r="BIL645" s="613"/>
      <c r="BIM645" s="613"/>
      <c r="BIN645" s="613"/>
      <c r="BIO645" s="613"/>
      <c r="BIP645" s="613"/>
      <c r="BIQ645" s="613"/>
      <c r="BIR645" s="613"/>
      <c r="BIS645" s="613"/>
      <c r="BIT645" s="613"/>
      <c r="BIU645" s="613"/>
      <c r="BIV645" s="613"/>
      <c r="BIW645" s="613"/>
      <c r="BIX645" s="613"/>
      <c r="BIY645" s="613"/>
      <c r="BIZ645" s="613"/>
      <c r="BJA645" s="613"/>
      <c r="BJB645" s="613"/>
      <c r="BJC645" s="613"/>
      <c r="BJD645" s="613"/>
      <c r="BJE645" s="613"/>
      <c r="BJF645" s="613"/>
      <c r="BJG645" s="613"/>
      <c r="BJH645" s="613"/>
      <c r="BJI645" s="613"/>
      <c r="BJJ645" s="613"/>
      <c r="BJK645" s="613"/>
      <c r="BJL645" s="613"/>
      <c r="BJM645" s="613"/>
      <c r="BJN645" s="613"/>
      <c r="BJO645" s="613"/>
      <c r="BJP645" s="613"/>
      <c r="BJQ645" s="613"/>
      <c r="BJR645" s="613"/>
      <c r="BJS645" s="613"/>
      <c r="BJT645" s="613"/>
      <c r="BJU645" s="613"/>
      <c r="BJV645" s="613"/>
      <c r="BJW645" s="613"/>
      <c r="BJX645" s="613"/>
      <c r="BJY645" s="613"/>
      <c r="BJZ645" s="613"/>
      <c r="BKA645" s="613"/>
      <c r="BKB645" s="613"/>
      <c r="BKC645" s="613"/>
      <c r="BKD645" s="613"/>
      <c r="BKE645" s="613"/>
      <c r="BKF645" s="613"/>
      <c r="BKG645" s="613"/>
      <c r="BKH645" s="613"/>
      <c r="BKI645" s="613"/>
      <c r="BKJ645" s="613"/>
      <c r="BKK645" s="613"/>
      <c r="BKL645" s="613"/>
      <c r="BKM645" s="613"/>
      <c r="BKN645" s="613"/>
      <c r="BKO645" s="613"/>
      <c r="BKP645" s="613"/>
      <c r="BKQ645" s="613"/>
      <c r="BKR645" s="613"/>
      <c r="BKS645" s="613"/>
      <c r="BKT645" s="613"/>
      <c r="BKU645" s="613"/>
      <c r="BKV645" s="613"/>
      <c r="BKW645" s="613"/>
      <c r="BKX645" s="613"/>
      <c r="BKY645" s="613"/>
      <c r="BKZ645" s="613"/>
      <c r="BLA645" s="613"/>
      <c r="BLB645" s="613"/>
      <c r="BLC645" s="613"/>
      <c r="BLD645" s="613"/>
      <c r="BLE645" s="613"/>
      <c r="BLF645" s="613"/>
      <c r="BLG645" s="613"/>
      <c r="BLH645" s="613"/>
      <c r="BLI645" s="613"/>
      <c r="BLJ645" s="613"/>
      <c r="BLK645" s="613"/>
      <c r="BLL645" s="613"/>
      <c r="BLM645" s="613"/>
      <c r="BLN645" s="613"/>
      <c r="BLO645" s="613"/>
      <c r="BLP645" s="613"/>
      <c r="BLQ645" s="613"/>
      <c r="BLR645" s="613"/>
      <c r="BLS645" s="613"/>
      <c r="BLT645" s="613"/>
      <c r="BLU645" s="613"/>
      <c r="BLV645" s="613"/>
      <c r="BLW645" s="613"/>
      <c r="BLX645" s="613"/>
      <c r="BLY645" s="613"/>
      <c r="BLZ645" s="613"/>
      <c r="BMA645" s="613"/>
      <c r="BMB645" s="613"/>
      <c r="BMC645" s="613"/>
      <c r="BMD645" s="613"/>
      <c r="BME645" s="613"/>
      <c r="BMF645" s="613"/>
      <c r="BMG645" s="613"/>
      <c r="BMH645" s="613"/>
      <c r="BMI645" s="613"/>
      <c r="BMJ645" s="613"/>
      <c r="BMK645" s="613"/>
      <c r="BML645" s="613"/>
      <c r="BMM645" s="613"/>
      <c r="BMN645" s="613"/>
      <c r="BMO645" s="613"/>
      <c r="BMP645" s="613"/>
      <c r="BMQ645" s="613"/>
      <c r="BMR645" s="613"/>
      <c r="BMS645" s="613"/>
      <c r="BMT645" s="613"/>
      <c r="BMU645" s="613"/>
      <c r="BMV645" s="613"/>
      <c r="BMW645" s="613"/>
      <c r="BMX645" s="613"/>
      <c r="BMY645" s="613"/>
      <c r="BMZ645" s="613"/>
      <c r="BNA645" s="613"/>
      <c r="BNB645" s="613"/>
      <c r="BNC645" s="613"/>
      <c r="BND645" s="613"/>
      <c r="BNE645" s="613"/>
      <c r="BNF645" s="613"/>
      <c r="BNG645" s="613"/>
      <c r="BNH645" s="613"/>
      <c r="BNI645" s="613"/>
      <c r="BNJ645" s="613"/>
      <c r="BNK645" s="613"/>
      <c r="BNL645" s="613"/>
      <c r="BNM645" s="613"/>
      <c r="BNN645" s="613"/>
      <c r="BNO645" s="613"/>
      <c r="BNP645" s="613"/>
      <c r="BNQ645" s="613"/>
      <c r="BNR645" s="613"/>
      <c r="BNS645" s="613"/>
      <c r="BNT645" s="613"/>
      <c r="BNU645" s="613"/>
      <c r="BNV645" s="613"/>
      <c r="BNW645" s="613"/>
      <c r="BNX645" s="613"/>
      <c r="BNY645" s="613"/>
      <c r="BNZ645" s="613"/>
      <c r="BOA645" s="613"/>
      <c r="BOB645" s="613"/>
      <c r="BOC645" s="613"/>
      <c r="BOD645" s="613"/>
      <c r="BOE645" s="613"/>
      <c r="BOF645" s="613"/>
      <c r="BOG645" s="613"/>
      <c r="BOH645" s="613"/>
      <c r="BOI645" s="613"/>
      <c r="BOJ645" s="613"/>
      <c r="BOK645" s="613"/>
      <c r="BOL645" s="613"/>
      <c r="BOM645" s="613"/>
      <c r="BON645" s="613"/>
      <c r="BOO645" s="613"/>
      <c r="BOP645" s="613"/>
      <c r="BOQ645" s="613"/>
      <c r="BOR645" s="613"/>
      <c r="BOS645" s="613"/>
      <c r="BOT645" s="613"/>
      <c r="BOU645" s="613"/>
      <c r="BOV645" s="613"/>
      <c r="BOW645" s="613"/>
      <c r="BOX645" s="613"/>
      <c r="BOY645" s="613"/>
      <c r="BOZ645" s="613"/>
      <c r="BPA645" s="613"/>
      <c r="BPB645" s="613"/>
      <c r="BPC645" s="613"/>
      <c r="BPD645" s="613"/>
      <c r="BPE645" s="613"/>
      <c r="BPF645" s="613"/>
      <c r="BPG645" s="613"/>
      <c r="BPH645" s="613"/>
      <c r="BPI645" s="613"/>
      <c r="BPJ645" s="613"/>
      <c r="BPK645" s="613"/>
      <c r="BPL645" s="613"/>
      <c r="BPM645" s="613"/>
      <c r="BPN645" s="613"/>
      <c r="BPO645" s="613"/>
      <c r="BPP645" s="613"/>
      <c r="BPQ645" s="613"/>
      <c r="BPR645" s="613"/>
      <c r="BPS645" s="613"/>
      <c r="BPT645" s="613"/>
      <c r="BPU645" s="613"/>
      <c r="BPV645" s="613"/>
      <c r="BPW645" s="613"/>
      <c r="BPX645" s="613"/>
      <c r="BPY645" s="613"/>
      <c r="BPZ645" s="613"/>
      <c r="BQA645" s="613"/>
      <c r="BQB645" s="613"/>
      <c r="BQC645" s="613"/>
      <c r="BQD645" s="613"/>
      <c r="BQE645" s="613"/>
      <c r="BQF645" s="613"/>
      <c r="BQG645" s="613"/>
      <c r="BQH645" s="613"/>
      <c r="BQI645" s="613"/>
      <c r="BQJ645" s="613"/>
      <c r="BQK645" s="613"/>
      <c r="BQL645" s="613"/>
      <c r="BQM645" s="613"/>
      <c r="BQN645" s="613"/>
      <c r="BQO645" s="613"/>
      <c r="BQP645" s="613"/>
      <c r="BQQ645" s="613"/>
      <c r="BQR645" s="613"/>
      <c r="BQS645" s="613"/>
      <c r="BQT645" s="613"/>
      <c r="BQU645" s="613"/>
      <c r="BQV645" s="613"/>
      <c r="BQW645" s="613"/>
      <c r="BQX645" s="613"/>
      <c r="BQY645" s="613"/>
      <c r="BQZ645" s="613"/>
      <c r="BRA645" s="613"/>
      <c r="BRB645" s="613"/>
      <c r="BRC645" s="613"/>
      <c r="BRD645" s="613"/>
      <c r="BRE645" s="613"/>
      <c r="BRF645" s="613"/>
      <c r="BRG645" s="613"/>
      <c r="BRH645" s="613"/>
      <c r="BRI645" s="613"/>
      <c r="BRJ645" s="613"/>
      <c r="BRK645" s="613"/>
      <c r="BRL645" s="613"/>
      <c r="BRM645" s="613"/>
      <c r="BRN645" s="613"/>
      <c r="BRO645" s="613"/>
      <c r="BRP645" s="613"/>
      <c r="BRQ645" s="613"/>
      <c r="BRR645" s="613"/>
      <c r="BRS645" s="613"/>
      <c r="BRT645" s="613"/>
      <c r="BRU645" s="613"/>
      <c r="BRV645" s="613"/>
      <c r="BRW645" s="613"/>
      <c r="BRX645" s="613"/>
      <c r="BRY645" s="613"/>
      <c r="BRZ645" s="613"/>
      <c r="BSA645" s="613"/>
      <c r="BSB645" s="613"/>
      <c r="BSC645" s="613"/>
      <c r="BSD645" s="613"/>
      <c r="BSE645" s="613"/>
      <c r="BSF645" s="613"/>
      <c r="BSG645" s="613"/>
      <c r="BSH645" s="613"/>
      <c r="BSI645" s="613"/>
      <c r="BSJ645" s="613"/>
      <c r="BSK645" s="613"/>
      <c r="BSL645" s="613"/>
      <c r="BSM645" s="613"/>
      <c r="BSN645" s="613"/>
      <c r="BSO645" s="613"/>
      <c r="BSP645" s="613"/>
      <c r="BSQ645" s="613"/>
      <c r="BSR645" s="613"/>
      <c r="BSS645" s="613"/>
      <c r="BST645" s="613"/>
      <c r="BSU645" s="613"/>
      <c r="BSV645" s="613"/>
      <c r="BSW645" s="613"/>
      <c r="BSX645" s="613"/>
      <c r="BSY645" s="613"/>
      <c r="BSZ645" s="613"/>
      <c r="BTA645" s="613"/>
      <c r="BTB645" s="613"/>
      <c r="BTC645" s="613"/>
      <c r="BTD645" s="613"/>
      <c r="BTE645" s="613"/>
      <c r="BTF645" s="613"/>
      <c r="BTG645" s="613"/>
      <c r="BTH645" s="613"/>
      <c r="BTI645" s="613"/>
      <c r="BTJ645" s="613"/>
      <c r="BTK645" s="613"/>
      <c r="BTL645" s="613"/>
      <c r="BTM645" s="613"/>
      <c r="BTN645" s="613"/>
      <c r="BTO645" s="613"/>
      <c r="BTP645" s="613"/>
      <c r="BTQ645" s="613"/>
      <c r="BTR645" s="613"/>
      <c r="BTS645" s="613"/>
      <c r="BTT645" s="613"/>
      <c r="BTU645" s="613"/>
      <c r="BTV645" s="613"/>
      <c r="BTW645" s="613"/>
      <c r="BTX645" s="613"/>
      <c r="BTY645" s="613"/>
      <c r="BTZ645" s="613"/>
      <c r="BUA645" s="613"/>
      <c r="BUB645" s="613"/>
      <c r="BUC645" s="613"/>
      <c r="BUD645" s="613"/>
      <c r="BUE645" s="613"/>
      <c r="BUF645" s="613"/>
      <c r="BUG645" s="613"/>
      <c r="BUH645" s="613"/>
      <c r="BUI645" s="613"/>
      <c r="BUJ645" s="613"/>
      <c r="BUK645" s="613"/>
      <c r="BUL645" s="613"/>
      <c r="BUM645" s="613"/>
      <c r="BUN645" s="613"/>
      <c r="BUO645" s="613"/>
      <c r="BUP645" s="613"/>
      <c r="BUQ645" s="613"/>
      <c r="BUR645" s="613"/>
      <c r="BUS645" s="613"/>
      <c r="BUT645" s="613"/>
      <c r="BUU645" s="613"/>
      <c r="BUV645" s="613"/>
      <c r="BUW645" s="613"/>
      <c r="BUX645" s="613"/>
      <c r="BUY645" s="613"/>
      <c r="BUZ645" s="613"/>
      <c r="BVA645" s="613"/>
      <c r="BVB645" s="613"/>
      <c r="BVC645" s="613"/>
      <c r="BVD645" s="613"/>
      <c r="BVE645" s="613"/>
      <c r="BVF645" s="613"/>
      <c r="BVG645" s="613"/>
      <c r="BVH645" s="613"/>
      <c r="BVI645" s="613"/>
      <c r="BVJ645" s="613"/>
      <c r="BVK645" s="613"/>
      <c r="BVL645" s="613"/>
      <c r="BVM645" s="613"/>
      <c r="BVN645" s="613"/>
      <c r="BVO645" s="613"/>
      <c r="BVP645" s="613"/>
      <c r="BVQ645" s="613"/>
      <c r="BVR645" s="613"/>
      <c r="BVS645" s="613"/>
      <c r="BVT645" s="613"/>
      <c r="BVU645" s="613"/>
      <c r="BVV645" s="613"/>
      <c r="BVW645" s="613"/>
      <c r="BVX645" s="613"/>
      <c r="BVY645" s="613"/>
      <c r="BVZ645" s="613"/>
      <c r="BWA645" s="613"/>
      <c r="BWB645" s="613"/>
      <c r="BWC645" s="613"/>
      <c r="BWD645" s="613"/>
      <c r="BWE645" s="613"/>
      <c r="BWF645" s="613"/>
      <c r="BWG645" s="613"/>
      <c r="BWH645" s="613"/>
      <c r="BWI645" s="613"/>
      <c r="BWJ645" s="613"/>
      <c r="BWK645" s="613"/>
      <c r="BWL645" s="613"/>
      <c r="BWM645" s="613"/>
      <c r="BWN645" s="613"/>
      <c r="BWO645" s="613"/>
      <c r="BWP645" s="613"/>
      <c r="BWQ645" s="613"/>
      <c r="BWR645" s="613"/>
      <c r="BWS645" s="613"/>
      <c r="BWT645" s="613"/>
      <c r="BWU645" s="613"/>
      <c r="BWV645" s="613"/>
      <c r="BWW645" s="613"/>
      <c r="BWX645" s="613"/>
      <c r="BWY645" s="613"/>
      <c r="BWZ645" s="613"/>
      <c r="BXA645" s="613"/>
      <c r="BXB645" s="613"/>
      <c r="BXC645" s="613"/>
      <c r="BXD645" s="613"/>
      <c r="BXE645" s="613"/>
      <c r="BXF645" s="613"/>
      <c r="BXG645" s="613"/>
      <c r="BXH645" s="613"/>
      <c r="BXI645" s="613"/>
      <c r="BXJ645" s="613"/>
      <c r="BXK645" s="613"/>
      <c r="BXL645" s="613"/>
      <c r="BXM645" s="613"/>
      <c r="BXN645" s="613"/>
      <c r="BXO645" s="613"/>
      <c r="BXP645" s="613"/>
      <c r="BXQ645" s="613"/>
      <c r="BXR645" s="613"/>
      <c r="BXS645" s="613"/>
      <c r="BXT645" s="613"/>
      <c r="BXU645" s="613"/>
      <c r="BXV645" s="613"/>
      <c r="BXW645" s="613"/>
      <c r="BXX645" s="613"/>
      <c r="BXY645" s="613"/>
      <c r="BXZ645" s="613"/>
      <c r="BYA645" s="613"/>
      <c r="BYB645" s="613"/>
      <c r="BYC645" s="613"/>
      <c r="BYD645" s="613"/>
      <c r="BYE645" s="613"/>
      <c r="BYF645" s="613"/>
      <c r="BYG645" s="613"/>
      <c r="BYH645" s="613"/>
      <c r="BYI645" s="613"/>
      <c r="BYJ645" s="613"/>
      <c r="BYK645" s="613"/>
      <c r="BYL645" s="613"/>
      <c r="BYM645" s="613"/>
      <c r="BYN645" s="613"/>
      <c r="BYO645" s="613"/>
      <c r="BYP645" s="613"/>
      <c r="BYQ645" s="613"/>
      <c r="BYR645" s="613"/>
      <c r="BYS645" s="613"/>
      <c r="BYT645" s="613"/>
      <c r="BYU645" s="613"/>
      <c r="BYV645" s="613"/>
      <c r="BYW645" s="613"/>
      <c r="BYX645" s="613"/>
      <c r="BYY645" s="613"/>
      <c r="BYZ645" s="613"/>
      <c r="BZA645" s="613"/>
      <c r="BZB645" s="613"/>
      <c r="BZC645" s="613"/>
      <c r="BZD645" s="613"/>
      <c r="BZE645" s="613"/>
      <c r="BZF645" s="613"/>
      <c r="BZG645" s="613"/>
      <c r="BZH645" s="613"/>
      <c r="BZI645" s="613"/>
      <c r="BZJ645" s="613"/>
      <c r="BZK645" s="613"/>
      <c r="BZL645" s="613"/>
      <c r="BZM645" s="613"/>
      <c r="BZN645" s="613"/>
      <c r="BZO645" s="613"/>
      <c r="BZP645" s="613"/>
      <c r="BZQ645" s="613"/>
      <c r="BZR645" s="613"/>
      <c r="BZS645" s="613"/>
      <c r="BZT645" s="613"/>
      <c r="BZU645" s="613"/>
      <c r="BZV645" s="613"/>
      <c r="BZW645" s="613"/>
      <c r="BZX645" s="613"/>
      <c r="BZY645" s="613"/>
      <c r="BZZ645" s="613"/>
      <c r="CAA645" s="613"/>
      <c r="CAB645" s="613"/>
      <c r="CAC645" s="613"/>
      <c r="CAD645" s="613"/>
      <c r="CAE645" s="613"/>
      <c r="CAF645" s="613"/>
      <c r="CAG645" s="613"/>
      <c r="CAH645" s="613"/>
      <c r="CAI645" s="613"/>
      <c r="CAJ645" s="613"/>
      <c r="CAK645" s="613"/>
      <c r="CAL645" s="613"/>
      <c r="CAM645" s="613"/>
      <c r="CAN645" s="613"/>
      <c r="CAO645" s="613"/>
      <c r="CAP645" s="613"/>
      <c r="CAQ645" s="613"/>
      <c r="CAR645" s="613"/>
      <c r="CAS645" s="613"/>
      <c r="CAT645" s="613"/>
      <c r="CAU645" s="613"/>
      <c r="CAV645" s="613"/>
      <c r="CAW645" s="613"/>
      <c r="CAX645" s="613"/>
      <c r="CAY645" s="613"/>
      <c r="CAZ645" s="613"/>
      <c r="CBA645" s="613"/>
      <c r="CBB645" s="613"/>
      <c r="CBC645" s="613"/>
      <c r="CBD645" s="613"/>
      <c r="CBE645" s="613"/>
      <c r="CBF645" s="613"/>
      <c r="CBG645" s="613"/>
      <c r="CBH645" s="613"/>
      <c r="CBI645" s="613"/>
      <c r="CBJ645" s="613"/>
      <c r="CBK645" s="613"/>
      <c r="CBL645" s="613"/>
      <c r="CBM645" s="613"/>
      <c r="CBN645" s="613"/>
      <c r="CBO645" s="613"/>
      <c r="CBP645" s="613"/>
      <c r="CBQ645" s="613"/>
      <c r="CBR645" s="613"/>
      <c r="CBS645" s="613"/>
      <c r="CBT645" s="613"/>
      <c r="CBU645" s="613"/>
      <c r="CBV645" s="613"/>
      <c r="CBW645" s="613"/>
      <c r="CBX645" s="613"/>
      <c r="CBY645" s="613"/>
      <c r="CBZ645" s="613"/>
      <c r="CCA645" s="613"/>
      <c r="CCB645" s="613"/>
      <c r="CCC645" s="613"/>
      <c r="CCD645" s="613"/>
      <c r="CCE645" s="613"/>
      <c r="CCF645" s="613"/>
      <c r="CCG645" s="613"/>
      <c r="CCH645" s="613"/>
      <c r="CCI645" s="613"/>
      <c r="CCJ645" s="613"/>
      <c r="CCK645" s="613"/>
      <c r="CCL645" s="613"/>
      <c r="CCM645" s="613"/>
      <c r="CCN645" s="613"/>
      <c r="CCO645" s="613"/>
      <c r="CCP645" s="613"/>
      <c r="CCQ645" s="613"/>
      <c r="CCR645" s="613"/>
      <c r="CCS645" s="613"/>
      <c r="CCT645" s="613"/>
      <c r="CCU645" s="613"/>
      <c r="CCV645" s="613"/>
      <c r="CCW645" s="613"/>
      <c r="CCX645" s="613"/>
      <c r="CCY645" s="613"/>
      <c r="CCZ645" s="613"/>
      <c r="CDA645" s="613"/>
      <c r="CDB645" s="613"/>
      <c r="CDC645" s="613"/>
      <c r="CDD645" s="613"/>
      <c r="CDE645" s="613"/>
      <c r="CDF645" s="613"/>
      <c r="CDG645" s="613"/>
      <c r="CDH645" s="613"/>
      <c r="CDI645" s="613"/>
      <c r="CDJ645" s="613"/>
      <c r="CDK645" s="613"/>
      <c r="CDL645" s="613"/>
      <c r="CDM645" s="613"/>
      <c r="CDN645" s="613"/>
      <c r="CDO645" s="613"/>
      <c r="CDP645" s="613"/>
      <c r="CDQ645" s="613"/>
      <c r="CDR645" s="613"/>
      <c r="CDS645" s="613"/>
      <c r="CDT645" s="613"/>
      <c r="CDU645" s="613"/>
      <c r="CDV645" s="613"/>
      <c r="CDW645" s="613"/>
      <c r="CDX645" s="613"/>
      <c r="CDY645" s="613"/>
      <c r="CDZ645" s="613"/>
      <c r="CEA645" s="613"/>
      <c r="CEB645" s="613"/>
      <c r="CEC645" s="613"/>
      <c r="CED645" s="613"/>
      <c r="CEE645" s="613"/>
      <c r="CEF645" s="613"/>
      <c r="CEG645" s="613"/>
      <c r="CEH645" s="613"/>
      <c r="CEI645" s="613"/>
      <c r="CEJ645" s="613"/>
      <c r="CEK645" s="613"/>
      <c r="CEL645" s="613"/>
      <c r="CEM645" s="613"/>
      <c r="CEN645" s="613"/>
      <c r="CEO645" s="613"/>
      <c r="CEP645" s="613"/>
      <c r="CEQ645" s="613"/>
      <c r="CER645" s="613"/>
      <c r="CES645" s="613"/>
      <c r="CET645" s="613"/>
      <c r="CEU645" s="613"/>
      <c r="CEV645" s="613"/>
      <c r="CEW645" s="613"/>
      <c r="CEX645" s="613"/>
      <c r="CEY645" s="613"/>
      <c r="CEZ645" s="613"/>
      <c r="CFA645" s="613"/>
      <c r="CFB645" s="613"/>
      <c r="CFC645" s="613"/>
      <c r="CFD645" s="613"/>
      <c r="CFE645" s="613"/>
      <c r="CFF645" s="613"/>
      <c r="CFG645" s="613"/>
      <c r="CFH645" s="613"/>
      <c r="CFI645" s="613"/>
      <c r="CFJ645" s="613"/>
      <c r="CFK645" s="613"/>
      <c r="CFL645" s="613"/>
      <c r="CFM645" s="613"/>
      <c r="CFN645" s="613"/>
      <c r="CFO645" s="613"/>
      <c r="CFP645" s="613"/>
      <c r="CFQ645" s="613"/>
      <c r="CFR645" s="613"/>
      <c r="CFS645" s="613"/>
      <c r="CFT645" s="613"/>
      <c r="CFU645" s="613"/>
      <c r="CFV645" s="613"/>
      <c r="CFW645" s="613"/>
      <c r="CFX645" s="613"/>
      <c r="CFY645" s="613"/>
      <c r="CFZ645" s="613"/>
      <c r="CGA645" s="613"/>
      <c r="CGB645" s="613"/>
      <c r="CGC645" s="613"/>
      <c r="CGD645" s="613"/>
      <c r="CGE645" s="613"/>
      <c r="CGF645" s="613"/>
      <c r="CGG645" s="613"/>
      <c r="CGH645" s="613"/>
      <c r="CGI645" s="613"/>
      <c r="CGJ645" s="613"/>
      <c r="CGK645" s="613"/>
      <c r="CGL645" s="613"/>
      <c r="CGM645" s="613"/>
      <c r="CGN645" s="613"/>
      <c r="CGO645" s="613"/>
      <c r="CGP645" s="613"/>
      <c r="CGQ645" s="613"/>
      <c r="CGR645" s="613"/>
      <c r="CGS645" s="613"/>
      <c r="CGT645" s="613"/>
      <c r="CGU645" s="613"/>
      <c r="CGV645" s="613"/>
      <c r="CGW645" s="613"/>
      <c r="CGX645" s="613"/>
      <c r="CGY645" s="613"/>
      <c r="CGZ645" s="613"/>
      <c r="CHA645" s="613"/>
      <c r="CHB645" s="613"/>
      <c r="CHC645" s="613"/>
      <c r="CHD645" s="613"/>
      <c r="CHE645" s="613"/>
      <c r="CHF645" s="613"/>
      <c r="CHG645" s="613"/>
      <c r="CHH645" s="613"/>
      <c r="CHI645" s="613"/>
      <c r="CHJ645" s="613"/>
      <c r="CHK645" s="613"/>
      <c r="CHL645" s="613"/>
      <c r="CHM645" s="613"/>
      <c r="CHN645" s="613"/>
      <c r="CHO645" s="613"/>
      <c r="CHP645" s="613"/>
      <c r="CHQ645" s="613"/>
      <c r="CHR645" s="613"/>
      <c r="CHS645" s="613"/>
      <c r="CHT645" s="613"/>
      <c r="CHU645" s="613"/>
      <c r="CHV645" s="613"/>
      <c r="CHW645" s="613"/>
      <c r="CHX645" s="613"/>
      <c r="CHY645" s="613"/>
      <c r="CHZ645" s="613"/>
      <c r="CIA645" s="613"/>
      <c r="CIB645" s="613"/>
      <c r="CIC645" s="613"/>
      <c r="CID645" s="613"/>
      <c r="CIE645" s="613"/>
      <c r="CIF645" s="613"/>
      <c r="CIG645" s="613"/>
      <c r="CIH645" s="613"/>
      <c r="CII645" s="613"/>
      <c r="CIJ645" s="613"/>
      <c r="CIK645" s="613"/>
      <c r="CIL645" s="613"/>
      <c r="CIM645" s="613"/>
      <c r="CIN645" s="613"/>
      <c r="CIO645" s="613"/>
      <c r="CIP645" s="613"/>
      <c r="CIQ645" s="613"/>
      <c r="CIR645" s="613"/>
      <c r="CIS645" s="613"/>
      <c r="CIT645" s="613"/>
      <c r="CIU645" s="613"/>
      <c r="CIV645" s="613"/>
      <c r="CIW645" s="613"/>
      <c r="CIX645" s="613"/>
      <c r="CIY645" s="613"/>
      <c r="CIZ645" s="613"/>
      <c r="CJA645" s="613"/>
      <c r="CJB645" s="613"/>
      <c r="CJC645" s="613"/>
      <c r="CJD645" s="613"/>
      <c r="CJE645" s="613"/>
      <c r="CJF645" s="613"/>
      <c r="CJG645" s="613"/>
      <c r="CJH645" s="613"/>
      <c r="CJI645" s="613"/>
      <c r="CJJ645" s="613"/>
      <c r="CJK645" s="613"/>
      <c r="CJL645" s="613"/>
      <c r="CJM645" s="613"/>
      <c r="CJN645" s="613"/>
      <c r="CJO645" s="613"/>
      <c r="CJP645" s="613"/>
      <c r="CJQ645" s="613"/>
      <c r="CJR645" s="613"/>
      <c r="CJS645" s="613"/>
      <c r="CJT645" s="613"/>
      <c r="CJU645" s="613"/>
      <c r="CJV645" s="613"/>
      <c r="CJW645" s="613"/>
      <c r="CJX645" s="613"/>
      <c r="CJY645" s="613"/>
      <c r="CJZ645" s="613"/>
      <c r="CKA645" s="613"/>
      <c r="CKB645" s="613"/>
      <c r="CKC645" s="613"/>
      <c r="CKD645" s="613"/>
      <c r="CKE645" s="613"/>
      <c r="CKF645" s="613"/>
      <c r="CKG645" s="613"/>
      <c r="CKH645" s="613"/>
      <c r="CKI645" s="613"/>
      <c r="CKJ645" s="613"/>
      <c r="CKK645" s="613"/>
      <c r="CKL645" s="613"/>
      <c r="CKM645" s="613"/>
      <c r="CKN645" s="613"/>
      <c r="CKO645" s="613"/>
      <c r="CKP645" s="613"/>
      <c r="CKQ645" s="613"/>
      <c r="CKR645" s="613"/>
      <c r="CKS645" s="613"/>
      <c r="CKT645" s="613"/>
      <c r="CKU645" s="613"/>
      <c r="CKV645" s="613"/>
      <c r="CKW645" s="613"/>
      <c r="CKX645" s="613"/>
      <c r="CKY645" s="613"/>
      <c r="CKZ645" s="613"/>
      <c r="CLA645" s="613"/>
      <c r="CLB645" s="613"/>
      <c r="CLC645" s="613"/>
      <c r="CLD645" s="613"/>
      <c r="CLE645" s="613"/>
      <c r="CLF645" s="613"/>
      <c r="CLG645" s="613"/>
      <c r="CLH645" s="613"/>
      <c r="CLI645" s="613"/>
      <c r="CLJ645" s="613"/>
      <c r="CLK645" s="613"/>
      <c r="CLL645" s="613"/>
      <c r="CLM645" s="613"/>
      <c r="CLN645" s="613"/>
      <c r="CLO645" s="613"/>
      <c r="CLP645" s="613"/>
      <c r="CLQ645" s="613"/>
      <c r="CLR645" s="613"/>
      <c r="CLS645" s="613"/>
      <c r="CLT645" s="613"/>
      <c r="CLU645" s="613"/>
      <c r="CLV645" s="613"/>
      <c r="CLW645" s="613"/>
      <c r="CLX645" s="613"/>
      <c r="CLY645" s="613"/>
      <c r="CLZ645" s="613"/>
      <c r="CMA645" s="613"/>
      <c r="CMB645" s="613"/>
      <c r="CMC645" s="613"/>
      <c r="CMD645" s="613"/>
      <c r="CME645" s="613"/>
      <c r="CMF645" s="613"/>
      <c r="CMG645" s="613"/>
      <c r="CMH645" s="613"/>
      <c r="CMI645" s="613"/>
      <c r="CMJ645" s="613"/>
      <c r="CMK645" s="613"/>
      <c r="CML645" s="613"/>
      <c r="CMM645" s="613"/>
      <c r="CMN645" s="613"/>
      <c r="CMO645" s="613"/>
      <c r="CMP645" s="613"/>
      <c r="CMQ645" s="613"/>
      <c r="CMR645" s="613"/>
      <c r="CMS645" s="613"/>
      <c r="CMT645" s="613"/>
      <c r="CMU645" s="613"/>
      <c r="CMV645" s="613"/>
      <c r="CMW645" s="613"/>
      <c r="CMX645" s="613"/>
      <c r="CMY645" s="613"/>
      <c r="CMZ645" s="613"/>
      <c r="CNA645" s="613"/>
      <c r="CNB645" s="613"/>
      <c r="CNC645" s="613"/>
      <c r="CND645" s="613"/>
      <c r="CNE645" s="613"/>
      <c r="CNF645" s="613"/>
      <c r="CNG645" s="613"/>
      <c r="CNH645" s="613"/>
      <c r="CNI645" s="613"/>
      <c r="CNJ645" s="613"/>
      <c r="CNK645" s="613"/>
      <c r="CNL645" s="613"/>
      <c r="CNM645" s="613"/>
      <c r="CNN645" s="613"/>
      <c r="CNO645" s="613"/>
      <c r="CNP645" s="613"/>
      <c r="CNQ645" s="613"/>
      <c r="CNR645" s="613"/>
      <c r="CNS645" s="613"/>
      <c r="CNT645" s="613"/>
      <c r="CNU645" s="613"/>
      <c r="CNV645" s="613"/>
      <c r="CNW645" s="613"/>
      <c r="CNX645" s="613"/>
      <c r="CNY645" s="613"/>
      <c r="CNZ645" s="613"/>
      <c r="COA645" s="613"/>
      <c r="COB645" s="613"/>
      <c r="COC645" s="613"/>
      <c r="COD645" s="613"/>
      <c r="COE645" s="613"/>
      <c r="COF645" s="613"/>
      <c r="COG645" s="613"/>
      <c r="COH645" s="613"/>
      <c r="COI645" s="613"/>
      <c r="COJ645" s="613"/>
      <c r="COK645" s="613"/>
      <c r="COL645" s="613"/>
      <c r="COM645" s="613"/>
      <c r="CON645" s="613"/>
      <c r="COO645" s="613"/>
      <c r="COP645" s="613"/>
      <c r="COQ645" s="613"/>
      <c r="COR645" s="613"/>
      <c r="COS645" s="613"/>
      <c r="COT645" s="613"/>
      <c r="COU645" s="613"/>
      <c r="COV645" s="613"/>
      <c r="COW645" s="613"/>
      <c r="COX645" s="613"/>
      <c r="COY645" s="613"/>
      <c r="COZ645" s="613"/>
      <c r="CPA645" s="613"/>
      <c r="CPB645" s="613"/>
      <c r="CPC645" s="613"/>
      <c r="CPD645" s="613"/>
      <c r="CPE645" s="613"/>
      <c r="CPF645" s="613"/>
      <c r="CPG645" s="613"/>
      <c r="CPH645" s="613"/>
      <c r="CPI645" s="613"/>
      <c r="CPJ645" s="613"/>
      <c r="CPK645" s="613"/>
      <c r="CPL645" s="613"/>
      <c r="CPM645" s="613"/>
      <c r="CPN645" s="613"/>
      <c r="CPO645" s="613"/>
      <c r="CPP645" s="613"/>
      <c r="CPQ645" s="613"/>
      <c r="CPR645" s="613"/>
      <c r="CPS645" s="613"/>
      <c r="CPT645" s="613"/>
      <c r="CPU645" s="613"/>
      <c r="CPV645" s="613"/>
      <c r="CPW645" s="613"/>
      <c r="CPX645" s="613"/>
      <c r="CPY645" s="613"/>
      <c r="CPZ645" s="613"/>
      <c r="CQA645" s="613"/>
      <c r="CQB645" s="613"/>
      <c r="CQC645" s="613"/>
      <c r="CQD645" s="613"/>
      <c r="CQE645" s="613"/>
      <c r="CQF645" s="613"/>
      <c r="CQG645" s="613"/>
      <c r="CQH645" s="613"/>
      <c r="CQI645" s="613"/>
      <c r="CQJ645" s="613"/>
      <c r="CQK645" s="613"/>
      <c r="CQL645" s="613"/>
      <c r="CQM645" s="613"/>
      <c r="CQN645" s="613"/>
      <c r="CQO645" s="613"/>
      <c r="CQP645" s="613"/>
      <c r="CQQ645" s="613"/>
      <c r="CQR645" s="613"/>
      <c r="CQS645" s="613"/>
      <c r="CQT645" s="613"/>
      <c r="CQU645" s="613"/>
      <c r="CQV645" s="613"/>
      <c r="CQW645" s="613"/>
      <c r="CQX645" s="613"/>
      <c r="CQY645" s="613"/>
      <c r="CQZ645" s="613"/>
      <c r="CRA645" s="613"/>
      <c r="CRB645" s="613"/>
      <c r="CRC645" s="613"/>
      <c r="CRD645" s="613"/>
      <c r="CRE645" s="613"/>
      <c r="CRF645" s="613"/>
      <c r="CRG645" s="613"/>
      <c r="CRH645" s="613"/>
      <c r="CRI645" s="613"/>
      <c r="CRJ645" s="613"/>
      <c r="CRK645" s="613"/>
      <c r="CRL645" s="613"/>
      <c r="CRM645" s="613"/>
      <c r="CRN645" s="613"/>
      <c r="CRO645" s="613"/>
      <c r="CRP645" s="613"/>
      <c r="CRQ645" s="613"/>
      <c r="CRR645" s="613"/>
      <c r="CRS645" s="613"/>
      <c r="CRT645" s="613"/>
      <c r="CRU645" s="613"/>
      <c r="CRV645" s="613"/>
      <c r="CRW645" s="613"/>
      <c r="CRX645" s="613"/>
      <c r="CRY645" s="613"/>
      <c r="CRZ645" s="613"/>
      <c r="CSA645" s="613"/>
      <c r="CSB645" s="613"/>
      <c r="CSC645" s="613"/>
      <c r="CSD645" s="613"/>
      <c r="CSE645" s="613"/>
      <c r="CSF645" s="613"/>
      <c r="CSG645" s="613"/>
      <c r="CSH645" s="613"/>
      <c r="CSI645" s="613"/>
      <c r="CSJ645" s="613"/>
      <c r="CSK645" s="613"/>
      <c r="CSL645" s="613"/>
      <c r="CSM645" s="613"/>
      <c r="CSN645" s="613"/>
      <c r="CSO645" s="613"/>
      <c r="CSP645" s="613"/>
      <c r="CSQ645" s="613"/>
      <c r="CSR645" s="613"/>
      <c r="CSS645" s="613"/>
      <c r="CST645" s="613"/>
      <c r="CSU645" s="613"/>
      <c r="CSV645" s="613"/>
      <c r="CSW645" s="613"/>
      <c r="CSX645" s="613"/>
      <c r="CSY645" s="613"/>
      <c r="CSZ645" s="613"/>
      <c r="CTA645" s="613"/>
      <c r="CTB645" s="613"/>
      <c r="CTC645" s="613"/>
      <c r="CTD645" s="613"/>
      <c r="CTE645" s="613"/>
      <c r="CTF645" s="613"/>
      <c r="CTG645" s="613"/>
      <c r="CTH645" s="613"/>
      <c r="CTI645" s="613"/>
      <c r="CTJ645" s="613"/>
      <c r="CTK645" s="613"/>
      <c r="CTL645" s="613"/>
      <c r="CTM645" s="613"/>
      <c r="CTN645" s="613"/>
      <c r="CTO645" s="613"/>
      <c r="CTP645" s="613"/>
      <c r="CTQ645" s="613"/>
      <c r="CTR645" s="613"/>
      <c r="CTS645" s="613"/>
      <c r="CTT645" s="613"/>
      <c r="CTU645" s="613"/>
      <c r="CTV645" s="613"/>
      <c r="CTW645" s="613"/>
      <c r="CTX645" s="613"/>
      <c r="CTY645" s="613"/>
      <c r="CTZ645" s="613"/>
      <c r="CUA645" s="613"/>
      <c r="CUB645" s="613"/>
      <c r="CUC645" s="613"/>
      <c r="CUD645" s="613"/>
      <c r="CUE645" s="613"/>
      <c r="CUF645" s="613"/>
      <c r="CUG645" s="613"/>
      <c r="CUH645" s="613"/>
      <c r="CUI645" s="613"/>
      <c r="CUJ645" s="613"/>
      <c r="CUK645" s="613"/>
      <c r="CUL645" s="613"/>
      <c r="CUM645" s="613"/>
      <c r="CUN645" s="613"/>
      <c r="CUO645" s="613"/>
      <c r="CUP645" s="613"/>
      <c r="CUQ645" s="613"/>
      <c r="CUR645" s="613"/>
      <c r="CUS645" s="613"/>
      <c r="CUT645" s="613"/>
      <c r="CUU645" s="613"/>
      <c r="CUV645" s="613"/>
      <c r="CUW645" s="613"/>
      <c r="CUX645" s="613"/>
      <c r="CUY645" s="613"/>
      <c r="CUZ645" s="613"/>
      <c r="CVA645" s="613"/>
      <c r="CVB645" s="613"/>
      <c r="CVC645" s="613"/>
      <c r="CVD645" s="613"/>
      <c r="CVE645" s="613"/>
      <c r="CVF645" s="613"/>
      <c r="CVG645" s="613"/>
      <c r="CVH645" s="613"/>
      <c r="CVI645" s="613"/>
      <c r="CVJ645" s="613"/>
      <c r="CVK645" s="613"/>
      <c r="CVL645" s="613"/>
      <c r="CVM645" s="613"/>
      <c r="CVN645" s="613"/>
      <c r="CVO645" s="613"/>
      <c r="CVP645" s="613"/>
      <c r="CVQ645" s="613"/>
      <c r="CVR645" s="613"/>
      <c r="CVS645" s="613"/>
      <c r="CVT645" s="613"/>
      <c r="CVU645" s="613"/>
      <c r="CVV645" s="613"/>
      <c r="CVW645" s="613"/>
      <c r="CVX645" s="613"/>
      <c r="CVY645" s="613"/>
      <c r="CVZ645" s="613"/>
      <c r="CWA645" s="613"/>
      <c r="CWB645" s="613"/>
      <c r="CWC645" s="613"/>
      <c r="CWD645" s="613"/>
      <c r="CWE645" s="613"/>
      <c r="CWF645" s="613"/>
      <c r="CWG645" s="613"/>
      <c r="CWH645" s="613"/>
      <c r="CWI645" s="613"/>
      <c r="CWJ645" s="613"/>
      <c r="CWK645" s="613"/>
      <c r="CWL645" s="613"/>
      <c r="CWM645" s="613"/>
      <c r="CWN645" s="613"/>
      <c r="CWO645" s="613"/>
      <c r="CWP645" s="613"/>
      <c r="CWQ645" s="613"/>
      <c r="CWR645" s="613"/>
      <c r="CWS645" s="613"/>
      <c r="CWT645" s="613"/>
      <c r="CWU645" s="613"/>
      <c r="CWV645" s="613"/>
      <c r="CWW645" s="613"/>
      <c r="CWX645" s="613"/>
      <c r="CWY645" s="613"/>
      <c r="CWZ645" s="613"/>
      <c r="CXA645" s="613"/>
      <c r="CXB645" s="613"/>
      <c r="CXC645" s="613"/>
      <c r="CXD645" s="613"/>
      <c r="CXE645" s="613"/>
      <c r="CXF645" s="613"/>
      <c r="CXG645" s="613"/>
      <c r="CXH645" s="613"/>
      <c r="CXI645" s="613"/>
      <c r="CXJ645" s="613"/>
      <c r="CXK645" s="613"/>
      <c r="CXL645" s="613"/>
      <c r="CXM645" s="613"/>
      <c r="CXN645" s="613"/>
      <c r="CXO645" s="613"/>
      <c r="CXP645" s="613"/>
      <c r="CXQ645" s="613"/>
      <c r="CXR645" s="613"/>
      <c r="CXS645" s="613"/>
      <c r="CXT645" s="613"/>
      <c r="CXU645" s="613"/>
      <c r="CXV645" s="613"/>
      <c r="CXW645" s="613"/>
      <c r="CXX645" s="613"/>
      <c r="CXY645" s="613"/>
      <c r="CXZ645" s="613"/>
      <c r="CYA645" s="613"/>
      <c r="CYB645" s="613"/>
      <c r="CYC645" s="613"/>
      <c r="CYD645" s="613"/>
      <c r="CYE645" s="613"/>
      <c r="CYF645" s="613"/>
      <c r="CYG645" s="613"/>
      <c r="CYH645" s="613"/>
      <c r="CYI645" s="613"/>
      <c r="CYJ645" s="613"/>
      <c r="CYK645" s="613"/>
      <c r="CYL645" s="613"/>
      <c r="CYM645" s="613"/>
      <c r="CYN645" s="613"/>
      <c r="CYO645" s="613"/>
      <c r="CYP645" s="613"/>
      <c r="CYQ645" s="613"/>
      <c r="CYR645" s="613"/>
      <c r="CYS645" s="613"/>
      <c r="CYT645" s="613"/>
      <c r="CYU645" s="613"/>
      <c r="CYV645" s="613"/>
      <c r="CYW645" s="613"/>
      <c r="CYX645" s="613"/>
      <c r="CYY645" s="613"/>
      <c r="CYZ645" s="613"/>
      <c r="CZA645" s="613"/>
      <c r="CZB645" s="613"/>
      <c r="CZC645" s="613"/>
      <c r="CZD645" s="613"/>
      <c r="CZE645" s="613"/>
      <c r="CZF645" s="613"/>
      <c r="CZG645" s="613"/>
      <c r="CZH645" s="613"/>
      <c r="CZI645" s="613"/>
      <c r="CZJ645" s="613"/>
      <c r="CZK645" s="613"/>
      <c r="CZL645" s="613"/>
      <c r="CZM645" s="613"/>
      <c r="CZN645" s="613"/>
      <c r="CZO645" s="613"/>
      <c r="CZP645" s="613"/>
      <c r="CZQ645" s="613"/>
      <c r="CZR645" s="613"/>
      <c r="CZS645" s="613"/>
      <c r="CZT645" s="613"/>
      <c r="CZU645" s="613"/>
      <c r="CZV645" s="613"/>
      <c r="CZW645" s="613"/>
      <c r="CZX645" s="613"/>
      <c r="CZY645" s="613"/>
      <c r="CZZ645" s="613"/>
      <c r="DAA645" s="613"/>
      <c r="DAB645" s="613"/>
      <c r="DAC645" s="613"/>
      <c r="DAD645" s="613"/>
      <c r="DAE645" s="613"/>
      <c r="DAF645" s="613"/>
      <c r="DAG645" s="613"/>
      <c r="DAH645" s="613"/>
      <c r="DAI645" s="613"/>
      <c r="DAJ645" s="613"/>
      <c r="DAK645" s="613"/>
      <c r="DAL645" s="613"/>
      <c r="DAM645" s="613"/>
      <c r="DAN645" s="613"/>
      <c r="DAO645" s="613"/>
      <c r="DAP645" s="613"/>
      <c r="DAQ645" s="613"/>
      <c r="DAR645" s="613"/>
      <c r="DAS645" s="613"/>
      <c r="DAT645" s="613"/>
      <c r="DAU645" s="613"/>
      <c r="DAV645" s="613"/>
      <c r="DAW645" s="613"/>
      <c r="DAX645" s="613"/>
      <c r="DAY645" s="613"/>
      <c r="DAZ645" s="613"/>
      <c r="DBA645" s="613"/>
      <c r="DBB645" s="613"/>
      <c r="DBC645" s="613"/>
      <c r="DBD645" s="613"/>
      <c r="DBE645" s="613"/>
      <c r="DBF645" s="613"/>
      <c r="DBG645" s="613"/>
      <c r="DBH645" s="613"/>
      <c r="DBI645" s="613"/>
      <c r="DBJ645" s="613"/>
      <c r="DBK645" s="613"/>
      <c r="DBL645" s="613"/>
      <c r="DBM645" s="613"/>
      <c r="DBN645" s="613"/>
      <c r="DBO645" s="613"/>
      <c r="DBP645" s="613"/>
      <c r="DBQ645" s="613"/>
      <c r="DBR645" s="613"/>
      <c r="DBS645" s="613"/>
      <c r="DBT645" s="613"/>
      <c r="DBU645" s="613"/>
      <c r="DBV645" s="613"/>
      <c r="DBW645" s="613"/>
      <c r="DBX645" s="613"/>
      <c r="DBY645" s="613"/>
      <c r="DBZ645" s="613"/>
      <c r="DCA645" s="613"/>
      <c r="DCB645" s="613"/>
      <c r="DCC645" s="613"/>
      <c r="DCD645" s="613"/>
      <c r="DCE645" s="613"/>
      <c r="DCF645" s="613"/>
      <c r="DCG645" s="613"/>
      <c r="DCH645" s="613"/>
      <c r="DCI645" s="613"/>
      <c r="DCJ645" s="613"/>
      <c r="DCK645" s="613"/>
      <c r="DCL645" s="613"/>
      <c r="DCM645" s="613"/>
      <c r="DCN645" s="613"/>
      <c r="DCO645" s="613"/>
      <c r="DCP645" s="613"/>
      <c r="DCQ645" s="613"/>
      <c r="DCR645" s="613"/>
      <c r="DCS645" s="613"/>
      <c r="DCT645" s="613"/>
      <c r="DCU645" s="613"/>
      <c r="DCV645" s="613"/>
      <c r="DCW645" s="613"/>
      <c r="DCX645" s="613"/>
      <c r="DCY645" s="613"/>
      <c r="DCZ645" s="613"/>
      <c r="DDA645" s="613"/>
      <c r="DDB645" s="613"/>
      <c r="DDC645" s="613"/>
      <c r="DDD645" s="613"/>
      <c r="DDE645" s="613"/>
      <c r="DDF645" s="613"/>
      <c r="DDG645" s="613"/>
      <c r="DDH645" s="613"/>
      <c r="DDI645" s="613"/>
      <c r="DDJ645" s="613"/>
      <c r="DDK645" s="613"/>
      <c r="DDL645" s="613"/>
      <c r="DDM645" s="613"/>
      <c r="DDN645" s="613"/>
      <c r="DDO645" s="613"/>
      <c r="DDP645" s="613"/>
      <c r="DDQ645" s="613"/>
      <c r="DDR645" s="613"/>
      <c r="DDS645" s="613"/>
      <c r="DDT645" s="613"/>
      <c r="DDU645" s="613"/>
      <c r="DDV645" s="613"/>
      <c r="DDW645" s="613"/>
      <c r="DDX645" s="613"/>
      <c r="DDY645" s="613"/>
      <c r="DDZ645" s="613"/>
      <c r="DEA645" s="613"/>
      <c r="DEB645" s="613"/>
      <c r="DEC645" s="613"/>
      <c r="DED645" s="613"/>
      <c r="DEE645" s="613"/>
      <c r="DEF645" s="613"/>
      <c r="DEG645" s="613"/>
      <c r="DEH645" s="613"/>
      <c r="DEI645" s="613"/>
      <c r="DEJ645" s="613"/>
      <c r="DEK645" s="613"/>
      <c r="DEL645" s="613"/>
      <c r="DEM645" s="613"/>
      <c r="DEN645" s="613"/>
      <c r="DEO645" s="613"/>
      <c r="DEP645" s="613"/>
      <c r="DEQ645" s="613"/>
      <c r="DER645" s="613"/>
      <c r="DES645" s="613"/>
      <c r="DET645" s="613"/>
      <c r="DEU645" s="613"/>
      <c r="DEV645" s="613"/>
      <c r="DEW645" s="613"/>
      <c r="DEX645" s="613"/>
      <c r="DEY645" s="613"/>
      <c r="DEZ645" s="613"/>
      <c r="DFA645" s="613"/>
      <c r="DFB645" s="613"/>
      <c r="DFC645" s="613"/>
      <c r="DFD645" s="613"/>
      <c r="DFE645" s="613"/>
      <c r="DFF645" s="613"/>
      <c r="DFG645" s="613"/>
      <c r="DFH645" s="613"/>
      <c r="DFI645" s="613"/>
      <c r="DFJ645" s="613"/>
      <c r="DFK645" s="613"/>
      <c r="DFL645" s="613"/>
      <c r="DFM645" s="613"/>
      <c r="DFN645" s="613"/>
      <c r="DFO645" s="613"/>
      <c r="DFP645" s="613"/>
      <c r="DFQ645" s="613"/>
      <c r="DFR645" s="613"/>
      <c r="DFS645" s="613"/>
      <c r="DFT645" s="613"/>
      <c r="DFU645" s="613"/>
      <c r="DFV645" s="613"/>
      <c r="DFW645" s="613"/>
      <c r="DFX645" s="613"/>
      <c r="DFY645" s="613"/>
      <c r="DFZ645" s="613"/>
      <c r="DGA645" s="613"/>
      <c r="DGB645" s="613"/>
      <c r="DGC645" s="613"/>
      <c r="DGD645" s="613"/>
      <c r="DGE645" s="613"/>
      <c r="DGF645" s="613"/>
      <c r="DGG645" s="613"/>
      <c r="DGH645" s="613"/>
      <c r="DGI645" s="613"/>
      <c r="DGJ645" s="613"/>
      <c r="DGK645" s="613"/>
      <c r="DGL645" s="613"/>
      <c r="DGM645" s="613"/>
      <c r="DGN645" s="613"/>
      <c r="DGO645" s="613"/>
      <c r="DGP645" s="613"/>
      <c r="DGQ645" s="613"/>
      <c r="DGR645" s="613"/>
      <c r="DGS645" s="613"/>
      <c r="DGT645" s="613"/>
      <c r="DGU645" s="613"/>
      <c r="DGV645" s="613"/>
      <c r="DGW645" s="613"/>
      <c r="DGX645" s="613"/>
      <c r="DGY645" s="613"/>
      <c r="DGZ645" s="613"/>
      <c r="DHA645" s="613"/>
      <c r="DHB645" s="613"/>
      <c r="DHC645" s="613"/>
      <c r="DHD645" s="613"/>
      <c r="DHE645" s="613"/>
      <c r="DHF645" s="613"/>
      <c r="DHG645" s="613"/>
      <c r="DHH645" s="613"/>
      <c r="DHI645" s="613"/>
      <c r="DHJ645" s="613"/>
      <c r="DHK645" s="613"/>
      <c r="DHL645" s="613"/>
      <c r="DHM645" s="613"/>
      <c r="DHN645" s="613"/>
      <c r="DHO645" s="613"/>
      <c r="DHP645" s="613"/>
      <c r="DHQ645" s="613"/>
      <c r="DHR645" s="613"/>
      <c r="DHS645" s="613"/>
      <c r="DHT645" s="613"/>
      <c r="DHU645" s="613"/>
      <c r="DHV645" s="613"/>
      <c r="DHW645" s="613"/>
      <c r="DHX645" s="613"/>
      <c r="DHY645" s="613"/>
      <c r="DHZ645" s="613"/>
      <c r="DIA645" s="613"/>
      <c r="DIB645" s="613"/>
      <c r="DIC645" s="613"/>
      <c r="DID645" s="613"/>
      <c r="DIE645" s="613"/>
      <c r="DIF645" s="613"/>
      <c r="DIG645" s="613"/>
      <c r="DIH645" s="613"/>
      <c r="DII645" s="613"/>
      <c r="DIJ645" s="613"/>
      <c r="DIK645" s="613"/>
      <c r="DIL645" s="613"/>
      <c r="DIM645" s="613"/>
      <c r="DIN645" s="613"/>
      <c r="DIO645" s="613"/>
      <c r="DIP645" s="613"/>
      <c r="DIQ645" s="613"/>
      <c r="DIR645" s="613"/>
      <c r="DIS645" s="613"/>
      <c r="DIT645" s="613"/>
      <c r="DIU645" s="613"/>
      <c r="DIV645" s="613"/>
      <c r="DIW645" s="613"/>
      <c r="DIX645" s="613"/>
      <c r="DIY645" s="613"/>
      <c r="DIZ645" s="613"/>
      <c r="DJA645" s="613"/>
      <c r="DJB645" s="613"/>
      <c r="DJC645" s="613"/>
      <c r="DJD645" s="613"/>
      <c r="DJE645" s="613"/>
      <c r="DJF645" s="613"/>
      <c r="DJG645" s="613"/>
      <c r="DJH645" s="613"/>
      <c r="DJI645" s="613"/>
      <c r="DJJ645" s="613"/>
      <c r="DJK645" s="613"/>
      <c r="DJL645" s="613"/>
      <c r="DJM645" s="613"/>
      <c r="DJN645" s="613"/>
      <c r="DJO645" s="613"/>
      <c r="DJP645" s="613"/>
      <c r="DJQ645" s="613"/>
      <c r="DJR645" s="613"/>
      <c r="DJS645" s="613"/>
      <c r="DJT645" s="613"/>
      <c r="DJU645" s="613"/>
      <c r="DJV645" s="613"/>
      <c r="DJW645" s="613"/>
      <c r="DJX645" s="613"/>
      <c r="DJY645" s="613"/>
      <c r="DJZ645" s="613"/>
      <c r="DKA645" s="613"/>
      <c r="DKB645" s="613"/>
      <c r="DKC645" s="613"/>
      <c r="DKD645" s="613"/>
      <c r="DKE645" s="613"/>
      <c r="DKF645" s="613"/>
      <c r="DKG645" s="613"/>
      <c r="DKH645" s="613"/>
      <c r="DKI645" s="613"/>
      <c r="DKJ645" s="613"/>
      <c r="DKK645" s="613"/>
      <c r="DKL645" s="613"/>
      <c r="DKM645" s="613"/>
      <c r="DKN645" s="613"/>
      <c r="DKO645" s="613"/>
      <c r="DKP645" s="613"/>
      <c r="DKQ645" s="613"/>
      <c r="DKR645" s="613"/>
      <c r="DKS645" s="613"/>
      <c r="DKT645" s="613"/>
      <c r="DKU645" s="613"/>
      <c r="DKV645" s="613"/>
      <c r="DKW645" s="613"/>
      <c r="DKX645" s="613"/>
      <c r="DKY645" s="613"/>
      <c r="DKZ645" s="613"/>
      <c r="DLA645" s="613"/>
      <c r="DLB645" s="613"/>
      <c r="DLC645" s="613"/>
      <c r="DLD645" s="613"/>
      <c r="DLE645" s="613"/>
      <c r="DLF645" s="613"/>
      <c r="DLG645" s="613"/>
      <c r="DLH645" s="613"/>
      <c r="DLI645" s="613"/>
      <c r="DLJ645" s="613"/>
      <c r="DLK645" s="613"/>
      <c r="DLL645" s="613"/>
      <c r="DLM645" s="613"/>
      <c r="DLN645" s="613"/>
      <c r="DLO645" s="613"/>
      <c r="DLP645" s="613"/>
      <c r="DLQ645" s="613"/>
      <c r="DLR645" s="613"/>
      <c r="DLS645" s="613"/>
      <c r="DLT645" s="613"/>
      <c r="DLU645" s="613"/>
      <c r="DLV645" s="613"/>
      <c r="DLW645" s="613"/>
      <c r="DLX645" s="613"/>
      <c r="DLY645" s="613"/>
      <c r="DLZ645" s="613"/>
      <c r="DMA645" s="613"/>
      <c r="DMB645" s="613"/>
      <c r="DMC645" s="613"/>
      <c r="DMD645" s="613"/>
      <c r="DME645" s="613"/>
      <c r="DMF645" s="613"/>
      <c r="DMG645" s="613"/>
      <c r="DMH645" s="613"/>
      <c r="DMI645" s="613"/>
      <c r="DMJ645" s="613"/>
      <c r="DMK645" s="613"/>
      <c r="DML645" s="613"/>
      <c r="DMM645" s="613"/>
      <c r="DMN645" s="613"/>
      <c r="DMO645" s="613"/>
      <c r="DMP645" s="613"/>
      <c r="DMQ645" s="613"/>
      <c r="DMR645" s="613"/>
      <c r="DMS645" s="613"/>
      <c r="DMT645" s="613"/>
      <c r="DMU645" s="613"/>
      <c r="DMV645" s="613"/>
      <c r="DMW645" s="613"/>
      <c r="DMX645" s="613"/>
      <c r="DMY645" s="613"/>
      <c r="DMZ645" s="613"/>
      <c r="DNA645" s="613"/>
      <c r="DNB645" s="613"/>
      <c r="DNC645" s="613"/>
      <c r="DND645" s="613"/>
      <c r="DNE645" s="613"/>
      <c r="DNF645" s="613"/>
      <c r="DNG645" s="613"/>
      <c r="DNH645" s="613"/>
      <c r="DNI645" s="613"/>
      <c r="DNJ645" s="613"/>
      <c r="DNK645" s="613"/>
      <c r="DNL645" s="613"/>
      <c r="DNM645" s="613"/>
      <c r="DNN645" s="613"/>
      <c r="DNO645" s="613"/>
      <c r="DNP645" s="613"/>
      <c r="DNQ645" s="613"/>
      <c r="DNR645" s="613"/>
      <c r="DNS645" s="613"/>
      <c r="DNT645" s="613"/>
      <c r="DNU645" s="613"/>
      <c r="DNV645" s="613"/>
      <c r="DNW645" s="613"/>
      <c r="DNX645" s="613"/>
      <c r="DNY645" s="613"/>
      <c r="DNZ645" s="613"/>
      <c r="DOA645" s="613"/>
      <c r="DOB645" s="613"/>
      <c r="DOC645" s="613"/>
      <c r="DOD645" s="613"/>
      <c r="DOE645" s="613"/>
      <c r="DOF645" s="613"/>
      <c r="DOG645" s="613"/>
      <c r="DOH645" s="613"/>
      <c r="DOI645" s="613"/>
      <c r="DOJ645" s="613"/>
      <c r="DOK645" s="613"/>
      <c r="DOL645" s="613"/>
      <c r="DOM645" s="613"/>
      <c r="DON645" s="613"/>
      <c r="DOO645" s="613"/>
      <c r="DOP645" s="613"/>
      <c r="DOQ645" s="613"/>
      <c r="DOR645" s="613"/>
      <c r="DOS645" s="613"/>
      <c r="DOT645" s="613"/>
      <c r="DOU645" s="613"/>
      <c r="DOV645" s="613"/>
      <c r="DOW645" s="613"/>
      <c r="DOX645" s="613"/>
      <c r="DOY645" s="613"/>
      <c r="DOZ645" s="613"/>
      <c r="DPA645" s="613"/>
      <c r="DPB645" s="613"/>
      <c r="DPC645" s="613"/>
      <c r="DPD645" s="613"/>
      <c r="DPE645" s="613"/>
      <c r="DPF645" s="613"/>
      <c r="DPG645" s="613"/>
      <c r="DPH645" s="613"/>
      <c r="DPI645" s="613"/>
      <c r="DPJ645" s="613"/>
      <c r="DPK645" s="613"/>
      <c r="DPL645" s="613"/>
      <c r="DPM645" s="613"/>
      <c r="DPN645" s="613"/>
      <c r="DPO645" s="613"/>
      <c r="DPP645" s="613"/>
      <c r="DPQ645" s="613"/>
      <c r="DPR645" s="613"/>
      <c r="DPS645" s="613"/>
      <c r="DPT645" s="613"/>
      <c r="DPU645" s="613"/>
      <c r="DPV645" s="613"/>
      <c r="DPW645" s="613"/>
      <c r="DPX645" s="613"/>
      <c r="DPY645" s="613"/>
      <c r="DPZ645" s="613"/>
      <c r="DQA645" s="613"/>
      <c r="DQB645" s="613"/>
      <c r="DQC645" s="613"/>
      <c r="DQD645" s="613"/>
      <c r="DQE645" s="613"/>
      <c r="DQF645" s="613"/>
      <c r="DQG645" s="613"/>
      <c r="DQH645" s="613"/>
      <c r="DQI645" s="613"/>
      <c r="DQJ645" s="613"/>
      <c r="DQK645" s="613"/>
      <c r="DQL645" s="613"/>
      <c r="DQM645" s="613"/>
      <c r="DQN645" s="613"/>
      <c r="DQO645" s="613"/>
      <c r="DQP645" s="613"/>
      <c r="DQQ645" s="613"/>
      <c r="DQR645" s="613"/>
      <c r="DQS645" s="613"/>
      <c r="DQT645" s="613"/>
      <c r="DQU645" s="613"/>
      <c r="DQV645" s="613"/>
      <c r="DQW645" s="613"/>
      <c r="DQX645" s="613"/>
      <c r="DQY645" s="613"/>
      <c r="DQZ645" s="613"/>
      <c r="DRA645" s="613"/>
      <c r="DRB645" s="613"/>
      <c r="DRC645" s="613"/>
      <c r="DRD645" s="613"/>
      <c r="DRE645" s="613"/>
      <c r="DRF645" s="613"/>
      <c r="DRG645" s="613"/>
      <c r="DRH645" s="613"/>
      <c r="DRI645" s="613"/>
      <c r="DRJ645" s="613"/>
      <c r="DRK645" s="613"/>
      <c r="DRL645" s="613"/>
      <c r="DRM645" s="613"/>
      <c r="DRN645" s="613"/>
      <c r="DRO645" s="613"/>
      <c r="DRP645" s="613"/>
      <c r="DRQ645" s="613"/>
      <c r="DRR645" s="613"/>
      <c r="DRS645" s="613"/>
      <c r="DRT645" s="613"/>
      <c r="DRU645" s="613"/>
      <c r="DRV645" s="613"/>
      <c r="DRW645" s="613"/>
      <c r="DRX645" s="613"/>
      <c r="DRY645" s="613"/>
      <c r="DRZ645" s="613"/>
      <c r="DSA645" s="613"/>
      <c r="DSB645" s="613"/>
      <c r="DSC645" s="613"/>
      <c r="DSD645" s="613"/>
      <c r="DSE645" s="613"/>
      <c r="DSF645" s="613"/>
      <c r="DSG645" s="613"/>
      <c r="DSH645" s="613"/>
      <c r="DSI645" s="613"/>
      <c r="DSJ645" s="613"/>
      <c r="DSK645" s="613"/>
      <c r="DSL645" s="613"/>
      <c r="DSM645" s="613"/>
      <c r="DSN645" s="613"/>
      <c r="DSO645" s="613"/>
      <c r="DSP645" s="613"/>
      <c r="DSQ645" s="613"/>
      <c r="DSR645" s="613"/>
      <c r="DSS645" s="613"/>
      <c r="DST645" s="613"/>
      <c r="DSU645" s="613"/>
      <c r="DSV645" s="613"/>
      <c r="DSW645" s="613"/>
      <c r="DSX645" s="613"/>
      <c r="DSY645" s="613"/>
      <c r="DSZ645" s="613"/>
      <c r="DTA645" s="613"/>
      <c r="DTB645" s="613"/>
      <c r="DTC645" s="613"/>
      <c r="DTD645" s="613"/>
      <c r="DTE645" s="613"/>
      <c r="DTF645" s="613"/>
      <c r="DTG645" s="613"/>
      <c r="DTH645" s="613"/>
      <c r="DTI645" s="613"/>
      <c r="DTJ645" s="613"/>
      <c r="DTK645" s="613"/>
      <c r="DTL645" s="613"/>
      <c r="DTM645" s="613"/>
      <c r="DTN645" s="613"/>
      <c r="DTO645" s="613"/>
      <c r="DTP645" s="613"/>
      <c r="DTQ645" s="613"/>
      <c r="DTR645" s="613"/>
      <c r="DTS645" s="613"/>
      <c r="DTT645" s="613"/>
      <c r="DTU645" s="613"/>
      <c r="DTV645" s="613"/>
      <c r="DTW645" s="613"/>
      <c r="DTX645" s="613"/>
      <c r="DTY645" s="613"/>
      <c r="DTZ645" s="613"/>
      <c r="DUA645" s="613"/>
      <c r="DUB645" s="613"/>
      <c r="DUC645" s="613"/>
      <c r="DUD645" s="613"/>
      <c r="DUE645" s="613"/>
      <c r="DUF645" s="613"/>
      <c r="DUG645" s="613"/>
      <c r="DUH645" s="613"/>
      <c r="DUI645" s="613"/>
      <c r="DUJ645" s="613"/>
      <c r="DUK645" s="613"/>
      <c r="DUL645" s="613"/>
      <c r="DUM645" s="613"/>
      <c r="DUN645" s="613"/>
      <c r="DUO645" s="613"/>
      <c r="DUP645" s="613"/>
      <c r="DUQ645" s="613"/>
      <c r="DUR645" s="613"/>
      <c r="DUS645" s="613"/>
      <c r="DUT645" s="613"/>
      <c r="DUU645" s="613"/>
      <c r="DUV645" s="613"/>
      <c r="DUW645" s="613"/>
      <c r="DUX645" s="613"/>
      <c r="DUY645" s="613"/>
      <c r="DUZ645" s="613"/>
      <c r="DVA645" s="613"/>
      <c r="DVB645" s="613"/>
      <c r="DVC645" s="613"/>
      <c r="DVD645" s="613"/>
      <c r="DVE645" s="613"/>
      <c r="DVF645" s="613"/>
      <c r="DVG645" s="613"/>
      <c r="DVH645" s="613"/>
      <c r="DVI645" s="613"/>
      <c r="DVJ645" s="613"/>
      <c r="DVK645" s="613"/>
      <c r="DVL645" s="613"/>
      <c r="DVM645" s="613"/>
      <c r="DVN645" s="613"/>
      <c r="DVO645" s="613"/>
      <c r="DVP645" s="613"/>
      <c r="DVQ645" s="613"/>
      <c r="DVR645" s="613"/>
      <c r="DVS645" s="613"/>
      <c r="DVT645" s="613"/>
      <c r="DVU645" s="613"/>
      <c r="DVV645" s="613"/>
      <c r="DVW645" s="613"/>
      <c r="DVX645" s="613"/>
      <c r="DVY645" s="613"/>
      <c r="DVZ645" s="613"/>
      <c r="DWA645" s="613"/>
      <c r="DWB645" s="613"/>
      <c r="DWC645" s="613"/>
      <c r="DWD645" s="613"/>
      <c r="DWE645" s="613"/>
      <c r="DWF645" s="613"/>
      <c r="DWG645" s="613"/>
      <c r="DWH645" s="613"/>
      <c r="DWI645" s="613"/>
      <c r="DWJ645" s="613"/>
      <c r="DWK645" s="613"/>
      <c r="DWL645" s="613"/>
      <c r="DWM645" s="613"/>
      <c r="DWN645" s="613"/>
      <c r="DWO645" s="613"/>
      <c r="DWP645" s="613"/>
      <c r="DWQ645" s="613"/>
      <c r="DWR645" s="613"/>
      <c r="DWS645" s="613"/>
      <c r="DWT645" s="613"/>
      <c r="DWU645" s="613"/>
      <c r="DWV645" s="613"/>
      <c r="DWW645" s="613"/>
      <c r="DWX645" s="613"/>
      <c r="DWY645" s="613"/>
      <c r="DWZ645" s="613"/>
      <c r="DXA645" s="613"/>
      <c r="DXB645" s="613"/>
      <c r="DXC645" s="613"/>
      <c r="DXD645" s="613"/>
      <c r="DXE645" s="613"/>
      <c r="DXF645" s="613"/>
      <c r="DXG645" s="613"/>
      <c r="DXH645" s="613"/>
      <c r="DXI645" s="613"/>
      <c r="DXJ645" s="613"/>
      <c r="DXK645" s="613"/>
      <c r="DXL645" s="613"/>
      <c r="DXM645" s="613"/>
      <c r="DXN645" s="613"/>
      <c r="DXO645" s="613"/>
      <c r="DXP645" s="613"/>
      <c r="DXQ645" s="613"/>
      <c r="DXR645" s="613"/>
      <c r="DXS645" s="613"/>
      <c r="DXT645" s="613"/>
      <c r="DXU645" s="613"/>
      <c r="DXV645" s="613"/>
      <c r="DXW645" s="613"/>
      <c r="DXX645" s="613"/>
      <c r="DXY645" s="613"/>
      <c r="DXZ645" s="613"/>
      <c r="DYA645" s="613"/>
      <c r="DYB645" s="613"/>
      <c r="DYC645" s="613"/>
      <c r="DYD645" s="613"/>
      <c r="DYE645" s="613"/>
      <c r="DYF645" s="613"/>
      <c r="DYG645" s="613"/>
      <c r="DYH645" s="613"/>
      <c r="DYI645" s="613"/>
      <c r="DYJ645" s="613"/>
      <c r="DYK645" s="613"/>
      <c r="DYL645" s="613"/>
      <c r="DYM645" s="613"/>
      <c r="DYN645" s="613"/>
      <c r="DYO645" s="613"/>
      <c r="DYP645" s="613"/>
      <c r="DYQ645" s="613"/>
      <c r="DYR645" s="613"/>
      <c r="DYS645" s="613"/>
      <c r="DYT645" s="613"/>
      <c r="DYU645" s="613"/>
      <c r="DYV645" s="613"/>
      <c r="DYW645" s="613"/>
      <c r="DYX645" s="613"/>
      <c r="DYY645" s="613"/>
      <c r="DYZ645" s="613"/>
      <c r="DZA645" s="613"/>
      <c r="DZB645" s="613"/>
      <c r="DZC645" s="613"/>
      <c r="DZD645" s="613"/>
      <c r="DZE645" s="613"/>
      <c r="DZF645" s="613"/>
      <c r="DZG645" s="613"/>
      <c r="DZH645" s="613"/>
      <c r="DZI645" s="613"/>
      <c r="DZJ645" s="613"/>
      <c r="DZK645" s="613"/>
      <c r="DZL645" s="613"/>
      <c r="DZM645" s="613"/>
      <c r="DZN645" s="613"/>
      <c r="DZO645" s="613"/>
      <c r="DZP645" s="613"/>
      <c r="DZQ645" s="613"/>
      <c r="DZR645" s="613"/>
      <c r="DZS645" s="613"/>
      <c r="DZT645" s="613"/>
      <c r="DZU645" s="613"/>
      <c r="DZV645" s="613"/>
      <c r="DZW645" s="613"/>
      <c r="DZX645" s="613"/>
      <c r="DZY645" s="613"/>
      <c r="DZZ645" s="613"/>
      <c r="EAA645" s="613"/>
      <c r="EAB645" s="613"/>
      <c r="EAC645" s="613"/>
      <c r="EAD645" s="613"/>
      <c r="EAE645" s="613"/>
      <c r="EAF645" s="613"/>
      <c r="EAG645" s="613"/>
      <c r="EAH645" s="613"/>
      <c r="EAI645" s="613"/>
      <c r="EAJ645" s="613"/>
      <c r="EAK645" s="613"/>
      <c r="EAL645" s="613"/>
      <c r="EAM645" s="613"/>
      <c r="EAN645" s="613"/>
      <c r="EAO645" s="613"/>
      <c r="EAP645" s="613"/>
      <c r="EAQ645" s="613"/>
      <c r="EAR645" s="613"/>
      <c r="EAS645" s="613"/>
      <c r="EAT645" s="613"/>
      <c r="EAU645" s="613"/>
      <c r="EAV645" s="613"/>
      <c r="EAW645" s="613"/>
      <c r="EAX645" s="613"/>
      <c r="EAY645" s="613"/>
      <c r="EAZ645" s="613"/>
      <c r="EBA645" s="613"/>
      <c r="EBB645" s="613"/>
      <c r="EBC645" s="613"/>
      <c r="EBD645" s="613"/>
      <c r="EBE645" s="613"/>
      <c r="EBF645" s="613"/>
      <c r="EBG645" s="613"/>
      <c r="EBH645" s="613"/>
      <c r="EBI645" s="613"/>
      <c r="EBJ645" s="613"/>
      <c r="EBK645" s="613"/>
      <c r="EBL645" s="613"/>
      <c r="EBM645" s="613"/>
      <c r="EBN645" s="613"/>
      <c r="EBO645" s="613"/>
      <c r="EBP645" s="613"/>
      <c r="EBQ645" s="613"/>
      <c r="EBR645" s="613"/>
      <c r="EBS645" s="613"/>
      <c r="EBT645" s="613"/>
      <c r="EBU645" s="613"/>
      <c r="EBV645" s="613"/>
      <c r="EBW645" s="613"/>
      <c r="EBX645" s="613"/>
      <c r="EBY645" s="613"/>
      <c r="EBZ645" s="613"/>
      <c r="ECA645" s="613"/>
      <c r="ECB645" s="613"/>
      <c r="ECC645" s="613"/>
      <c r="ECD645" s="613"/>
      <c r="ECE645" s="613"/>
      <c r="ECF645" s="613"/>
      <c r="ECG645" s="613"/>
      <c r="ECH645" s="613"/>
      <c r="ECI645" s="613"/>
      <c r="ECJ645" s="613"/>
      <c r="ECK645" s="613"/>
      <c r="ECL645" s="613"/>
      <c r="ECM645" s="613"/>
      <c r="ECN645" s="613"/>
      <c r="ECO645" s="613"/>
      <c r="ECP645" s="613"/>
      <c r="ECQ645" s="613"/>
      <c r="ECR645" s="613"/>
      <c r="ECS645" s="613"/>
      <c r="ECT645" s="613"/>
      <c r="ECU645" s="613"/>
      <c r="ECV645" s="613"/>
      <c r="ECW645" s="613"/>
      <c r="ECX645" s="613"/>
      <c r="ECY645" s="613"/>
      <c r="ECZ645" s="613"/>
      <c r="EDA645" s="613"/>
      <c r="EDB645" s="613"/>
      <c r="EDC645" s="613"/>
      <c r="EDD645" s="613"/>
      <c r="EDE645" s="613"/>
      <c r="EDF645" s="613"/>
      <c r="EDG645" s="613"/>
      <c r="EDH645" s="613"/>
      <c r="EDI645" s="613"/>
      <c r="EDJ645" s="613"/>
      <c r="EDK645" s="613"/>
      <c r="EDL645" s="613"/>
      <c r="EDM645" s="613"/>
      <c r="EDN645" s="613"/>
      <c r="EDO645" s="613"/>
      <c r="EDP645" s="613"/>
      <c r="EDQ645" s="613"/>
      <c r="EDR645" s="613"/>
      <c r="EDS645" s="613"/>
      <c r="EDT645" s="613"/>
      <c r="EDU645" s="613"/>
      <c r="EDV645" s="613"/>
      <c r="EDW645" s="613"/>
      <c r="EDX645" s="613"/>
      <c r="EDY645" s="613"/>
      <c r="EDZ645" s="613"/>
      <c r="EEA645" s="613"/>
      <c r="EEB645" s="613"/>
      <c r="EEC645" s="613"/>
      <c r="EED645" s="613"/>
      <c r="EEE645" s="613"/>
      <c r="EEF645" s="613"/>
      <c r="EEG645" s="613"/>
      <c r="EEH645" s="613"/>
      <c r="EEI645" s="613"/>
      <c r="EEJ645" s="613"/>
      <c r="EEK645" s="613"/>
      <c r="EEL645" s="613"/>
      <c r="EEM645" s="613"/>
      <c r="EEN645" s="613"/>
      <c r="EEO645" s="613"/>
      <c r="EEP645" s="613"/>
      <c r="EEQ645" s="613"/>
      <c r="EER645" s="613"/>
      <c r="EES645" s="613"/>
      <c r="EET645" s="613"/>
      <c r="EEU645" s="613"/>
      <c r="EEV645" s="613"/>
      <c r="EEW645" s="613"/>
      <c r="EEX645" s="613"/>
      <c r="EEY645" s="613"/>
      <c r="EEZ645" s="613"/>
      <c r="EFA645" s="613"/>
      <c r="EFB645" s="613"/>
      <c r="EFC645" s="613"/>
      <c r="EFD645" s="613"/>
      <c r="EFE645" s="613"/>
      <c r="EFF645" s="613"/>
      <c r="EFG645" s="613"/>
      <c r="EFH645" s="613"/>
      <c r="EFI645" s="613"/>
      <c r="EFJ645" s="613"/>
      <c r="EFK645" s="613"/>
      <c r="EFL645" s="613"/>
      <c r="EFM645" s="613"/>
      <c r="EFN645" s="613"/>
      <c r="EFO645" s="613"/>
      <c r="EFP645" s="613"/>
      <c r="EFQ645" s="613"/>
      <c r="EFR645" s="613"/>
      <c r="EFS645" s="613"/>
      <c r="EFT645" s="613"/>
      <c r="EFU645" s="613"/>
      <c r="EFV645" s="613"/>
      <c r="EFW645" s="613"/>
      <c r="EFX645" s="613"/>
      <c r="EFY645" s="613"/>
      <c r="EFZ645" s="613"/>
      <c r="EGA645" s="613"/>
      <c r="EGB645" s="613"/>
      <c r="EGC645" s="613"/>
      <c r="EGD645" s="613"/>
      <c r="EGE645" s="613"/>
      <c r="EGF645" s="613"/>
      <c r="EGG645" s="613"/>
      <c r="EGH645" s="613"/>
      <c r="EGI645" s="613"/>
      <c r="EGJ645" s="613"/>
      <c r="EGK645" s="613"/>
      <c r="EGL645" s="613"/>
      <c r="EGM645" s="613"/>
      <c r="EGN645" s="613"/>
      <c r="EGO645" s="613"/>
      <c r="EGP645" s="613"/>
      <c r="EGQ645" s="613"/>
      <c r="EGR645" s="613"/>
      <c r="EGS645" s="613"/>
      <c r="EGT645" s="613"/>
      <c r="EGU645" s="613"/>
      <c r="EGV645" s="613"/>
      <c r="EGW645" s="613"/>
      <c r="EGX645" s="613"/>
      <c r="EGY645" s="613"/>
      <c r="EGZ645" s="613"/>
      <c r="EHA645" s="613"/>
      <c r="EHB645" s="613"/>
      <c r="EHC645" s="613"/>
      <c r="EHD645" s="613"/>
      <c r="EHE645" s="613"/>
      <c r="EHF645" s="613"/>
      <c r="EHG645" s="613"/>
      <c r="EHH645" s="613"/>
      <c r="EHI645" s="613"/>
      <c r="EHJ645" s="613"/>
      <c r="EHK645" s="613"/>
      <c r="EHL645" s="613"/>
      <c r="EHM645" s="613"/>
      <c r="EHN645" s="613"/>
      <c r="EHO645" s="613"/>
      <c r="EHP645" s="613"/>
      <c r="EHQ645" s="613"/>
      <c r="EHR645" s="613"/>
      <c r="EHS645" s="613"/>
      <c r="EHT645" s="613"/>
      <c r="EHU645" s="613"/>
      <c r="EHV645" s="613"/>
      <c r="EHW645" s="613"/>
      <c r="EHX645" s="613"/>
      <c r="EHY645" s="613"/>
      <c r="EHZ645" s="613"/>
      <c r="EIA645" s="613"/>
      <c r="EIB645" s="613"/>
      <c r="EIC645" s="613"/>
      <c r="EID645" s="613"/>
      <c r="EIE645" s="613"/>
      <c r="EIF645" s="613"/>
      <c r="EIG645" s="613"/>
      <c r="EIH645" s="613"/>
      <c r="EII645" s="613"/>
      <c r="EIJ645" s="613"/>
      <c r="EIK645" s="613"/>
      <c r="EIL645" s="613"/>
      <c r="EIM645" s="613"/>
      <c r="EIN645" s="613"/>
      <c r="EIO645" s="613"/>
      <c r="EIP645" s="613"/>
      <c r="EIQ645" s="613"/>
      <c r="EIR645" s="613"/>
      <c r="EIS645" s="613"/>
      <c r="EIT645" s="613"/>
      <c r="EIU645" s="613"/>
      <c r="EIV645" s="613"/>
      <c r="EIW645" s="613"/>
      <c r="EIX645" s="613"/>
      <c r="EIY645" s="613"/>
      <c r="EIZ645" s="613"/>
      <c r="EJA645" s="613"/>
      <c r="EJB645" s="613"/>
      <c r="EJC645" s="613"/>
      <c r="EJD645" s="613"/>
      <c r="EJE645" s="613"/>
      <c r="EJF645" s="613"/>
      <c r="EJG645" s="613"/>
      <c r="EJH645" s="613"/>
      <c r="EJI645" s="613"/>
      <c r="EJJ645" s="613"/>
      <c r="EJK645" s="613"/>
      <c r="EJL645" s="613"/>
      <c r="EJM645" s="613"/>
      <c r="EJN645" s="613"/>
      <c r="EJO645" s="613"/>
      <c r="EJP645" s="613"/>
      <c r="EJQ645" s="613"/>
      <c r="EJR645" s="613"/>
      <c r="EJS645" s="613"/>
      <c r="EJT645" s="613"/>
      <c r="EJU645" s="613"/>
      <c r="EJV645" s="613"/>
      <c r="EJW645" s="613"/>
      <c r="EJX645" s="613"/>
      <c r="EJY645" s="613"/>
      <c r="EJZ645" s="613"/>
      <c r="EKA645" s="613"/>
      <c r="EKB645" s="613"/>
      <c r="EKC645" s="613"/>
      <c r="EKD645" s="613"/>
      <c r="EKE645" s="613"/>
      <c r="EKF645" s="613"/>
      <c r="EKG645" s="613"/>
      <c r="EKH645" s="613"/>
      <c r="EKI645" s="613"/>
      <c r="EKJ645" s="613"/>
      <c r="EKK645" s="613"/>
      <c r="EKL645" s="613"/>
      <c r="EKM645" s="613"/>
      <c r="EKN645" s="613"/>
      <c r="EKO645" s="613"/>
      <c r="EKP645" s="613"/>
      <c r="EKQ645" s="613"/>
      <c r="EKR645" s="613"/>
      <c r="EKS645" s="613"/>
      <c r="EKT645" s="613"/>
      <c r="EKU645" s="613"/>
      <c r="EKV645" s="613"/>
      <c r="EKW645" s="613"/>
      <c r="EKX645" s="613"/>
      <c r="EKY645" s="613"/>
      <c r="EKZ645" s="613"/>
      <c r="ELA645" s="613"/>
      <c r="ELB645" s="613"/>
      <c r="ELC645" s="613"/>
      <c r="ELD645" s="613"/>
      <c r="ELE645" s="613"/>
      <c r="ELF645" s="613"/>
      <c r="ELG645" s="613"/>
      <c r="ELH645" s="613"/>
      <c r="ELI645" s="613"/>
      <c r="ELJ645" s="613"/>
      <c r="ELK645" s="613"/>
      <c r="ELL645" s="613"/>
      <c r="ELM645" s="613"/>
      <c r="ELN645" s="613"/>
      <c r="ELO645" s="613"/>
      <c r="ELP645" s="613"/>
      <c r="ELQ645" s="613"/>
      <c r="ELR645" s="613"/>
      <c r="ELS645" s="613"/>
      <c r="ELT645" s="613"/>
      <c r="ELU645" s="613"/>
      <c r="ELV645" s="613"/>
      <c r="ELW645" s="613"/>
      <c r="ELX645" s="613"/>
      <c r="ELY645" s="613"/>
      <c r="ELZ645" s="613"/>
      <c r="EMA645" s="613"/>
      <c r="EMB645" s="613"/>
      <c r="EMC645" s="613"/>
      <c r="EMD645" s="613"/>
      <c r="EME645" s="613"/>
      <c r="EMF645" s="613"/>
      <c r="EMG645" s="613"/>
      <c r="EMH645" s="613"/>
      <c r="EMI645" s="613"/>
      <c r="EMJ645" s="613"/>
      <c r="EMK645" s="613"/>
      <c r="EML645" s="613"/>
      <c r="EMM645" s="613"/>
      <c r="EMN645" s="613"/>
      <c r="EMO645" s="613"/>
      <c r="EMP645" s="613"/>
      <c r="EMQ645" s="613"/>
      <c r="EMR645" s="613"/>
      <c r="EMS645" s="613"/>
      <c r="EMT645" s="613"/>
      <c r="EMU645" s="613"/>
      <c r="EMV645" s="613"/>
      <c r="EMW645" s="613"/>
      <c r="EMX645" s="613"/>
      <c r="EMY645" s="613"/>
      <c r="EMZ645" s="613"/>
      <c r="ENA645" s="613"/>
      <c r="ENB645" s="613"/>
      <c r="ENC645" s="613"/>
      <c r="END645" s="613"/>
      <c r="ENE645" s="613"/>
      <c r="ENF645" s="613"/>
      <c r="ENG645" s="613"/>
      <c r="ENH645" s="613"/>
      <c r="ENI645" s="613"/>
      <c r="ENJ645" s="613"/>
      <c r="ENK645" s="613"/>
      <c r="ENL645" s="613"/>
      <c r="ENM645" s="613"/>
      <c r="ENN645" s="613"/>
      <c r="ENO645" s="613"/>
      <c r="ENP645" s="613"/>
      <c r="ENQ645" s="613"/>
      <c r="ENR645" s="613"/>
      <c r="ENS645" s="613"/>
      <c r="ENT645" s="613"/>
      <c r="ENU645" s="613"/>
      <c r="ENV645" s="613"/>
      <c r="ENW645" s="613"/>
      <c r="ENX645" s="613"/>
      <c r="ENY645" s="613"/>
      <c r="ENZ645" s="613"/>
      <c r="EOA645" s="613"/>
      <c r="EOB645" s="613"/>
      <c r="EOC645" s="613"/>
      <c r="EOD645" s="613"/>
      <c r="EOE645" s="613"/>
      <c r="EOF645" s="613"/>
      <c r="EOG645" s="613"/>
      <c r="EOH645" s="613"/>
      <c r="EOI645" s="613"/>
      <c r="EOJ645" s="613"/>
      <c r="EOK645" s="613"/>
      <c r="EOL645" s="613"/>
      <c r="EOM645" s="613"/>
      <c r="EON645" s="613"/>
      <c r="EOO645" s="613"/>
      <c r="EOP645" s="613"/>
      <c r="EOQ645" s="613"/>
      <c r="EOR645" s="613"/>
      <c r="EOS645" s="613"/>
      <c r="EOT645" s="613"/>
      <c r="EOU645" s="613"/>
      <c r="EOV645" s="613"/>
      <c r="EOW645" s="613"/>
      <c r="EOX645" s="613"/>
      <c r="EOY645" s="613"/>
      <c r="EOZ645" s="613"/>
      <c r="EPA645" s="613"/>
      <c r="EPB645" s="613"/>
      <c r="EPC645" s="613"/>
      <c r="EPD645" s="613"/>
      <c r="EPE645" s="613"/>
      <c r="EPF645" s="613"/>
      <c r="EPG645" s="613"/>
      <c r="EPH645" s="613"/>
      <c r="EPI645" s="613"/>
      <c r="EPJ645" s="613"/>
      <c r="EPK645" s="613"/>
      <c r="EPL645" s="613"/>
      <c r="EPM645" s="613"/>
      <c r="EPN645" s="613"/>
      <c r="EPO645" s="613"/>
      <c r="EPP645" s="613"/>
      <c r="EPQ645" s="613"/>
      <c r="EPR645" s="613"/>
      <c r="EPS645" s="613"/>
      <c r="EPT645" s="613"/>
      <c r="EPU645" s="613"/>
      <c r="EPV645" s="613"/>
      <c r="EPW645" s="613"/>
      <c r="EPX645" s="613"/>
      <c r="EPY645" s="613"/>
      <c r="EPZ645" s="613"/>
      <c r="EQA645" s="613"/>
      <c r="EQB645" s="613"/>
      <c r="EQC645" s="613"/>
      <c r="EQD645" s="613"/>
      <c r="EQE645" s="613"/>
      <c r="EQF645" s="613"/>
      <c r="EQG645" s="613"/>
      <c r="EQH645" s="613"/>
      <c r="EQI645" s="613"/>
      <c r="EQJ645" s="613"/>
      <c r="EQK645" s="613"/>
      <c r="EQL645" s="613"/>
      <c r="EQM645" s="613"/>
      <c r="EQN645" s="613"/>
      <c r="EQO645" s="613"/>
      <c r="EQP645" s="613"/>
      <c r="EQQ645" s="613"/>
      <c r="EQR645" s="613"/>
      <c r="EQS645" s="613"/>
      <c r="EQT645" s="613"/>
      <c r="EQU645" s="613"/>
      <c r="EQV645" s="613"/>
      <c r="EQW645" s="613"/>
      <c r="EQX645" s="613"/>
      <c r="EQY645" s="613"/>
      <c r="EQZ645" s="613"/>
      <c r="ERA645" s="613"/>
      <c r="ERB645" s="613"/>
      <c r="ERC645" s="613"/>
      <c r="ERD645" s="613"/>
      <c r="ERE645" s="613"/>
      <c r="ERF645" s="613"/>
      <c r="ERG645" s="613"/>
      <c r="ERH645" s="613"/>
      <c r="ERI645" s="613"/>
      <c r="ERJ645" s="613"/>
      <c r="ERK645" s="613"/>
      <c r="ERL645" s="613"/>
      <c r="ERM645" s="613"/>
      <c r="ERN645" s="613"/>
      <c r="ERO645" s="613"/>
      <c r="ERP645" s="613"/>
      <c r="ERQ645" s="613"/>
      <c r="ERR645" s="613"/>
      <c r="ERS645" s="613"/>
      <c r="ERT645" s="613"/>
      <c r="ERU645" s="613"/>
      <c r="ERV645" s="613"/>
      <c r="ERW645" s="613"/>
      <c r="ERX645" s="613"/>
      <c r="ERY645" s="613"/>
      <c r="ERZ645" s="613"/>
      <c r="ESA645" s="613"/>
      <c r="ESB645" s="613"/>
      <c r="ESC645" s="613"/>
      <c r="ESD645" s="613"/>
      <c r="ESE645" s="613"/>
      <c r="ESF645" s="613"/>
      <c r="ESG645" s="613"/>
      <c r="ESH645" s="613"/>
      <c r="ESI645" s="613"/>
      <c r="ESJ645" s="613"/>
      <c r="ESK645" s="613"/>
      <c r="ESL645" s="613"/>
      <c r="ESM645" s="613"/>
      <c r="ESN645" s="613"/>
      <c r="ESO645" s="613"/>
      <c r="ESP645" s="613"/>
      <c r="ESQ645" s="613"/>
      <c r="ESR645" s="613"/>
      <c r="ESS645" s="613"/>
      <c r="EST645" s="613"/>
      <c r="ESU645" s="613"/>
      <c r="ESV645" s="613"/>
      <c r="ESW645" s="613"/>
      <c r="ESX645" s="613"/>
      <c r="ESY645" s="613"/>
      <c r="ESZ645" s="613"/>
      <c r="ETA645" s="613"/>
      <c r="ETB645" s="613"/>
      <c r="ETC645" s="613"/>
      <c r="ETD645" s="613"/>
      <c r="ETE645" s="613"/>
      <c r="ETF645" s="613"/>
      <c r="ETG645" s="613"/>
      <c r="ETH645" s="613"/>
      <c r="ETI645" s="613"/>
      <c r="ETJ645" s="613"/>
      <c r="ETK645" s="613"/>
      <c r="ETL645" s="613"/>
      <c r="ETM645" s="613"/>
      <c r="ETN645" s="613"/>
      <c r="ETO645" s="613"/>
      <c r="ETP645" s="613"/>
      <c r="ETQ645" s="613"/>
      <c r="ETR645" s="613"/>
      <c r="ETS645" s="613"/>
      <c r="ETT645" s="613"/>
      <c r="ETU645" s="613"/>
      <c r="ETV645" s="613"/>
      <c r="ETW645" s="613"/>
      <c r="ETX645" s="613"/>
      <c r="ETY645" s="613"/>
      <c r="ETZ645" s="613"/>
      <c r="EUA645" s="613"/>
      <c r="EUB645" s="613"/>
      <c r="EUC645" s="613"/>
      <c r="EUD645" s="613"/>
      <c r="EUE645" s="613"/>
      <c r="EUF645" s="613"/>
      <c r="EUG645" s="613"/>
      <c r="EUH645" s="613"/>
      <c r="EUI645" s="613"/>
      <c r="EUJ645" s="613"/>
      <c r="EUK645" s="613"/>
      <c r="EUL645" s="613"/>
      <c r="EUM645" s="613"/>
      <c r="EUN645" s="613"/>
      <c r="EUO645" s="613"/>
      <c r="EUP645" s="613"/>
      <c r="EUQ645" s="613"/>
      <c r="EUR645" s="613"/>
      <c r="EUS645" s="613"/>
      <c r="EUT645" s="613"/>
      <c r="EUU645" s="613"/>
      <c r="EUV645" s="613"/>
      <c r="EUW645" s="613"/>
      <c r="EUX645" s="613"/>
      <c r="EUY645" s="613"/>
      <c r="EUZ645" s="613"/>
      <c r="EVA645" s="613"/>
      <c r="EVB645" s="613"/>
      <c r="EVC645" s="613"/>
      <c r="EVD645" s="613"/>
      <c r="EVE645" s="613"/>
      <c r="EVF645" s="613"/>
      <c r="EVG645" s="613"/>
      <c r="EVH645" s="613"/>
      <c r="EVI645" s="613"/>
      <c r="EVJ645" s="613"/>
      <c r="EVK645" s="613"/>
      <c r="EVL645" s="613"/>
      <c r="EVM645" s="613"/>
      <c r="EVN645" s="613"/>
      <c r="EVO645" s="613"/>
      <c r="EVP645" s="613"/>
      <c r="EVQ645" s="613"/>
      <c r="EVR645" s="613"/>
      <c r="EVS645" s="613"/>
      <c r="EVT645" s="613"/>
      <c r="EVU645" s="613"/>
      <c r="EVV645" s="613"/>
      <c r="EVW645" s="613"/>
      <c r="EVX645" s="613"/>
      <c r="EVY645" s="613"/>
      <c r="EVZ645" s="613"/>
      <c r="EWA645" s="613"/>
      <c r="EWB645" s="613"/>
      <c r="EWC645" s="613"/>
      <c r="EWD645" s="613"/>
      <c r="EWE645" s="613"/>
      <c r="EWF645" s="613"/>
      <c r="EWG645" s="613"/>
      <c r="EWH645" s="613"/>
      <c r="EWI645" s="613"/>
      <c r="EWJ645" s="613"/>
      <c r="EWK645" s="613"/>
      <c r="EWL645" s="613"/>
      <c r="EWM645" s="613"/>
      <c r="EWN645" s="613"/>
      <c r="EWO645" s="613"/>
      <c r="EWP645" s="613"/>
      <c r="EWQ645" s="613"/>
      <c r="EWR645" s="613"/>
      <c r="EWS645" s="613"/>
      <c r="EWT645" s="613"/>
      <c r="EWU645" s="613"/>
      <c r="EWV645" s="613"/>
      <c r="EWW645" s="613"/>
      <c r="EWX645" s="613"/>
      <c r="EWY645" s="613"/>
      <c r="EWZ645" s="613"/>
      <c r="EXA645" s="613"/>
      <c r="EXB645" s="613"/>
      <c r="EXC645" s="613"/>
      <c r="EXD645" s="613"/>
      <c r="EXE645" s="613"/>
      <c r="EXF645" s="613"/>
      <c r="EXG645" s="613"/>
      <c r="EXH645" s="613"/>
      <c r="EXI645" s="613"/>
      <c r="EXJ645" s="613"/>
      <c r="EXK645" s="613"/>
      <c r="EXL645" s="613"/>
      <c r="EXM645" s="613"/>
      <c r="EXN645" s="613"/>
      <c r="EXO645" s="613"/>
      <c r="EXP645" s="613"/>
      <c r="EXQ645" s="613"/>
      <c r="EXR645" s="613"/>
      <c r="EXS645" s="613"/>
      <c r="EXT645" s="613"/>
      <c r="EXU645" s="613"/>
      <c r="EXV645" s="613"/>
      <c r="EXW645" s="613"/>
      <c r="EXX645" s="613"/>
      <c r="EXY645" s="613"/>
      <c r="EXZ645" s="613"/>
      <c r="EYA645" s="613"/>
      <c r="EYB645" s="613"/>
      <c r="EYC645" s="613"/>
      <c r="EYD645" s="613"/>
      <c r="EYE645" s="613"/>
      <c r="EYF645" s="613"/>
      <c r="EYG645" s="613"/>
      <c r="EYH645" s="613"/>
      <c r="EYI645" s="613"/>
      <c r="EYJ645" s="613"/>
      <c r="EYK645" s="613"/>
      <c r="EYL645" s="613"/>
      <c r="EYM645" s="613"/>
      <c r="EYN645" s="613"/>
      <c r="EYO645" s="613"/>
      <c r="EYP645" s="613"/>
      <c r="EYQ645" s="613"/>
      <c r="EYR645" s="613"/>
      <c r="EYS645" s="613"/>
      <c r="EYT645" s="613"/>
      <c r="EYU645" s="613"/>
      <c r="EYV645" s="613"/>
      <c r="EYW645" s="613"/>
      <c r="EYX645" s="613"/>
      <c r="EYY645" s="613"/>
      <c r="EYZ645" s="613"/>
      <c r="EZA645" s="613"/>
      <c r="EZB645" s="613"/>
      <c r="EZC645" s="613"/>
      <c r="EZD645" s="613"/>
      <c r="EZE645" s="613"/>
      <c r="EZF645" s="613"/>
      <c r="EZG645" s="613"/>
      <c r="EZH645" s="613"/>
      <c r="EZI645" s="613"/>
      <c r="EZJ645" s="613"/>
      <c r="EZK645" s="613"/>
      <c r="EZL645" s="613"/>
      <c r="EZM645" s="613"/>
      <c r="EZN645" s="613"/>
      <c r="EZO645" s="613"/>
      <c r="EZP645" s="613"/>
      <c r="EZQ645" s="613"/>
      <c r="EZR645" s="613"/>
      <c r="EZS645" s="613"/>
      <c r="EZT645" s="613"/>
      <c r="EZU645" s="613"/>
      <c r="EZV645" s="613"/>
      <c r="EZW645" s="613"/>
      <c r="EZX645" s="613"/>
      <c r="EZY645" s="613"/>
      <c r="EZZ645" s="613"/>
      <c r="FAA645" s="613"/>
      <c r="FAB645" s="613"/>
      <c r="FAC645" s="613"/>
      <c r="FAD645" s="613"/>
      <c r="FAE645" s="613"/>
      <c r="FAF645" s="613"/>
      <c r="FAG645" s="613"/>
      <c r="FAH645" s="613"/>
      <c r="FAI645" s="613"/>
      <c r="FAJ645" s="613"/>
      <c r="FAK645" s="613"/>
      <c r="FAL645" s="613"/>
      <c r="FAM645" s="613"/>
      <c r="FAN645" s="613"/>
      <c r="FAO645" s="613"/>
      <c r="FAP645" s="613"/>
      <c r="FAQ645" s="613"/>
      <c r="FAR645" s="613"/>
      <c r="FAS645" s="613"/>
      <c r="FAT645" s="613"/>
      <c r="FAU645" s="613"/>
      <c r="FAV645" s="613"/>
      <c r="FAW645" s="613"/>
      <c r="FAX645" s="613"/>
      <c r="FAY645" s="613"/>
      <c r="FAZ645" s="613"/>
      <c r="FBA645" s="613"/>
      <c r="FBB645" s="613"/>
      <c r="FBC645" s="613"/>
      <c r="FBD645" s="613"/>
      <c r="FBE645" s="613"/>
      <c r="FBF645" s="613"/>
      <c r="FBG645" s="613"/>
      <c r="FBH645" s="613"/>
      <c r="FBI645" s="613"/>
      <c r="FBJ645" s="613"/>
      <c r="FBK645" s="613"/>
      <c r="FBL645" s="613"/>
      <c r="FBM645" s="613"/>
      <c r="FBN645" s="613"/>
      <c r="FBO645" s="613"/>
      <c r="FBP645" s="613"/>
      <c r="FBQ645" s="613"/>
      <c r="FBR645" s="613"/>
      <c r="FBS645" s="613"/>
      <c r="FBT645" s="613"/>
      <c r="FBU645" s="613"/>
      <c r="FBV645" s="613"/>
      <c r="FBW645" s="613"/>
      <c r="FBX645" s="613"/>
      <c r="FBY645" s="613"/>
      <c r="FBZ645" s="613"/>
      <c r="FCA645" s="613"/>
      <c r="FCB645" s="613"/>
      <c r="FCC645" s="613"/>
      <c r="FCD645" s="613"/>
      <c r="FCE645" s="613"/>
      <c r="FCF645" s="613"/>
      <c r="FCG645" s="613"/>
      <c r="FCH645" s="613"/>
      <c r="FCI645" s="613"/>
      <c r="FCJ645" s="613"/>
      <c r="FCK645" s="613"/>
      <c r="FCL645" s="613"/>
      <c r="FCM645" s="613"/>
      <c r="FCN645" s="613"/>
      <c r="FCO645" s="613"/>
      <c r="FCP645" s="613"/>
      <c r="FCQ645" s="613"/>
      <c r="FCR645" s="613"/>
      <c r="FCS645" s="613"/>
      <c r="FCT645" s="613"/>
      <c r="FCU645" s="613"/>
      <c r="FCV645" s="613"/>
      <c r="FCW645" s="613"/>
      <c r="FCX645" s="613"/>
      <c r="FCY645" s="613"/>
      <c r="FCZ645" s="613"/>
      <c r="FDA645" s="613"/>
      <c r="FDB645" s="613"/>
      <c r="FDC645" s="613"/>
      <c r="FDD645" s="613"/>
      <c r="FDE645" s="613"/>
      <c r="FDF645" s="613"/>
      <c r="FDG645" s="613"/>
      <c r="FDH645" s="613"/>
      <c r="FDI645" s="613"/>
      <c r="FDJ645" s="613"/>
      <c r="FDK645" s="613"/>
      <c r="FDL645" s="613"/>
      <c r="FDM645" s="613"/>
      <c r="FDN645" s="613"/>
      <c r="FDO645" s="613"/>
      <c r="FDP645" s="613"/>
      <c r="FDQ645" s="613"/>
      <c r="FDR645" s="613"/>
      <c r="FDS645" s="613"/>
      <c r="FDT645" s="613"/>
      <c r="FDU645" s="613"/>
      <c r="FDV645" s="613"/>
      <c r="FDW645" s="613"/>
      <c r="FDX645" s="613"/>
      <c r="FDY645" s="613"/>
      <c r="FDZ645" s="613"/>
      <c r="FEA645" s="613"/>
      <c r="FEB645" s="613"/>
      <c r="FEC645" s="613"/>
      <c r="FED645" s="613"/>
      <c r="FEE645" s="613"/>
      <c r="FEF645" s="613"/>
      <c r="FEG645" s="613"/>
      <c r="FEH645" s="613"/>
      <c r="FEI645" s="613"/>
      <c r="FEJ645" s="613"/>
      <c r="FEK645" s="613"/>
      <c r="FEL645" s="613"/>
      <c r="FEM645" s="613"/>
      <c r="FEN645" s="613"/>
      <c r="FEO645" s="613"/>
      <c r="FEP645" s="613"/>
      <c r="FEQ645" s="613"/>
      <c r="FER645" s="613"/>
      <c r="FES645" s="613"/>
      <c r="FET645" s="613"/>
      <c r="FEU645" s="613"/>
      <c r="FEV645" s="613"/>
      <c r="FEW645" s="613"/>
      <c r="FEX645" s="613"/>
      <c r="FEY645" s="613"/>
      <c r="FEZ645" s="613"/>
      <c r="FFA645" s="613"/>
      <c r="FFB645" s="613"/>
      <c r="FFC645" s="613"/>
      <c r="FFD645" s="613"/>
      <c r="FFE645" s="613"/>
      <c r="FFF645" s="613"/>
      <c r="FFG645" s="613"/>
      <c r="FFH645" s="613"/>
      <c r="FFI645" s="613"/>
      <c r="FFJ645" s="613"/>
      <c r="FFK645" s="613"/>
      <c r="FFL645" s="613"/>
      <c r="FFM645" s="613"/>
      <c r="FFN645" s="613"/>
      <c r="FFO645" s="613"/>
      <c r="FFP645" s="613"/>
      <c r="FFQ645" s="613"/>
      <c r="FFR645" s="613"/>
      <c r="FFS645" s="613"/>
      <c r="FFT645" s="613"/>
      <c r="FFU645" s="613"/>
      <c r="FFV645" s="613"/>
      <c r="FFW645" s="613"/>
      <c r="FFX645" s="613"/>
      <c r="FFY645" s="613"/>
      <c r="FFZ645" s="613"/>
      <c r="FGA645" s="613"/>
      <c r="FGB645" s="613"/>
      <c r="FGC645" s="613"/>
      <c r="FGD645" s="613"/>
      <c r="FGE645" s="613"/>
      <c r="FGF645" s="613"/>
      <c r="FGG645" s="613"/>
      <c r="FGH645" s="613"/>
      <c r="FGI645" s="613"/>
      <c r="FGJ645" s="613"/>
      <c r="FGK645" s="613"/>
      <c r="FGL645" s="613"/>
      <c r="FGM645" s="613"/>
      <c r="FGN645" s="613"/>
      <c r="FGO645" s="613"/>
      <c r="FGP645" s="613"/>
      <c r="FGQ645" s="613"/>
      <c r="FGR645" s="613"/>
      <c r="FGS645" s="613"/>
      <c r="FGT645" s="613"/>
      <c r="FGU645" s="613"/>
      <c r="FGV645" s="613"/>
      <c r="FGW645" s="613"/>
      <c r="FGX645" s="613"/>
      <c r="FGY645" s="613"/>
      <c r="FGZ645" s="613"/>
      <c r="FHA645" s="613"/>
      <c r="FHB645" s="613"/>
      <c r="FHC645" s="613"/>
      <c r="FHD645" s="613"/>
      <c r="FHE645" s="613"/>
      <c r="FHF645" s="613"/>
      <c r="FHG645" s="613"/>
      <c r="FHH645" s="613"/>
      <c r="FHI645" s="613"/>
      <c r="FHJ645" s="613"/>
      <c r="FHK645" s="613"/>
      <c r="FHL645" s="613"/>
      <c r="FHM645" s="613"/>
      <c r="FHN645" s="613"/>
      <c r="FHO645" s="613"/>
      <c r="FHP645" s="613"/>
      <c r="FHQ645" s="613"/>
      <c r="FHR645" s="613"/>
      <c r="FHS645" s="613"/>
      <c r="FHT645" s="613"/>
      <c r="FHU645" s="613"/>
      <c r="FHV645" s="613"/>
      <c r="FHW645" s="613"/>
      <c r="FHX645" s="613"/>
      <c r="FHY645" s="613"/>
      <c r="FHZ645" s="613"/>
      <c r="FIA645" s="613"/>
      <c r="FIB645" s="613"/>
      <c r="FIC645" s="613"/>
      <c r="FID645" s="613"/>
      <c r="FIE645" s="613"/>
      <c r="FIF645" s="613"/>
      <c r="FIG645" s="613"/>
      <c r="FIH645" s="613"/>
      <c r="FII645" s="613"/>
      <c r="FIJ645" s="613"/>
      <c r="FIK645" s="613"/>
      <c r="FIL645" s="613"/>
      <c r="FIM645" s="613"/>
      <c r="FIN645" s="613"/>
      <c r="FIO645" s="613"/>
      <c r="FIP645" s="613"/>
      <c r="FIQ645" s="613"/>
      <c r="FIR645" s="613"/>
      <c r="FIS645" s="613"/>
      <c r="FIT645" s="613"/>
      <c r="FIU645" s="613"/>
      <c r="FIV645" s="613"/>
      <c r="FIW645" s="613"/>
      <c r="FIX645" s="613"/>
      <c r="FIY645" s="613"/>
      <c r="FIZ645" s="613"/>
      <c r="FJA645" s="613"/>
      <c r="FJB645" s="613"/>
      <c r="FJC645" s="613"/>
      <c r="FJD645" s="613"/>
      <c r="FJE645" s="613"/>
      <c r="FJF645" s="613"/>
      <c r="FJG645" s="613"/>
      <c r="FJH645" s="613"/>
      <c r="FJI645" s="613"/>
      <c r="FJJ645" s="613"/>
      <c r="FJK645" s="613"/>
      <c r="FJL645" s="613"/>
      <c r="FJM645" s="613"/>
      <c r="FJN645" s="613"/>
      <c r="FJO645" s="613"/>
      <c r="FJP645" s="613"/>
      <c r="FJQ645" s="613"/>
      <c r="FJR645" s="613"/>
      <c r="FJS645" s="613"/>
      <c r="FJT645" s="613"/>
      <c r="FJU645" s="613"/>
      <c r="FJV645" s="613"/>
      <c r="FJW645" s="613"/>
      <c r="FJX645" s="613"/>
      <c r="FJY645" s="613"/>
      <c r="FJZ645" s="613"/>
      <c r="FKA645" s="613"/>
      <c r="FKB645" s="613"/>
      <c r="FKC645" s="613"/>
      <c r="FKD645" s="613"/>
      <c r="FKE645" s="613"/>
      <c r="FKF645" s="613"/>
      <c r="FKG645" s="613"/>
      <c r="FKH645" s="613"/>
      <c r="FKI645" s="613"/>
      <c r="FKJ645" s="613"/>
      <c r="FKK645" s="613"/>
      <c r="FKL645" s="613"/>
      <c r="FKM645" s="613"/>
      <c r="FKN645" s="613"/>
      <c r="FKO645" s="613"/>
      <c r="FKP645" s="613"/>
      <c r="FKQ645" s="613"/>
      <c r="FKR645" s="613"/>
      <c r="FKS645" s="613"/>
      <c r="FKT645" s="613"/>
      <c r="FKU645" s="613"/>
      <c r="FKV645" s="613"/>
      <c r="FKW645" s="613"/>
      <c r="FKX645" s="613"/>
      <c r="FKY645" s="613"/>
      <c r="FKZ645" s="613"/>
      <c r="FLA645" s="613"/>
      <c r="FLB645" s="613"/>
      <c r="FLC645" s="613"/>
      <c r="FLD645" s="613"/>
      <c r="FLE645" s="613"/>
      <c r="FLF645" s="613"/>
      <c r="FLG645" s="613"/>
      <c r="FLH645" s="613"/>
      <c r="FLI645" s="613"/>
      <c r="FLJ645" s="613"/>
      <c r="FLK645" s="613"/>
      <c r="FLL645" s="613"/>
      <c r="FLM645" s="613"/>
      <c r="FLN645" s="613"/>
      <c r="FLO645" s="613"/>
      <c r="FLP645" s="613"/>
      <c r="FLQ645" s="613"/>
      <c r="FLR645" s="613"/>
      <c r="FLS645" s="613"/>
      <c r="FLT645" s="613"/>
      <c r="FLU645" s="613"/>
      <c r="FLV645" s="613"/>
      <c r="FLW645" s="613"/>
      <c r="FLX645" s="613"/>
      <c r="FLY645" s="613"/>
      <c r="FLZ645" s="613"/>
      <c r="FMA645" s="613"/>
      <c r="FMB645" s="613"/>
      <c r="FMC645" s="613"/>
      <c r="FMD645" s="613"/>
      <c r="FME645" s="613"/>
      <c r="FMF645" s="613"/>
      <c r="FMG645" s="613"/>
      <c r="FMH645" s="613"/>
      <c r="FMI645" s="613"/>
      <c r="FMJ645" s="613"/>
      <c r="FMK645" s="613"/>
      <c r="FML645" s="613"/>
      <c r="FMM645" s="613"/>
      <c r="FMN645" s="613"/>
      <c r="FMO645" s="613"/>
      <c r="FMP645" s="613"/>
      <c r="FMQ645" s="613"/>
      <c r="FMR645" s="613"/>
      <c r="FMS645" s="613"/>
      <c r="FMT645" s="613"/>
      <c r="FMU645" s="613"/>
      <c r="FMV645" s="613"/>
      <c r="FMW645" s="613"/>
      <c r="FMX645" s="613"/>
      <c r="FMY645" s="613"/>
      <c r="FMZ645" s="613"/>
      <c r="FNA645" s="613"/>
      <c r="FNB645" s="613"/>
      <c r="FNC645" s="613"/>
      <c r="FND645" s="613"/>
      <c r="FNE645" s="613"/>
      <c r="FNF645" s="613"/>
      <c r="FNG645" s="613"/>
      <c r="FNH645" s="613"/>
      <c r="FNI645" s="613"/>
      <c r="FNJ645" s="613"/>
      <c r="FNK645" s="613"/>
      <c r="FNL645" s="613"/>
      <c r="FNM645" s="613"/>
      <c r="FNN645" s="613"/>
      <c r="FNO645" s="613"/>
      <c r="FNP645" s="613"/>
      <c r="FNQ645" s="613"/>
      <c r="FNR645" s="613"/>
      <c r="FNS645" s="613"/>
      <c r="FNT645" s="613"/>
      <c r="FNU645" s="613"/>
      <c r="FNV645" s="613"/>
      <c r="FNW645" s="613"/>
      <c r="FNX645" s="613"/>
      <c r="FNY645" s="613"/>
      <c r="FNZ645" s="613"/>
      <c r="FOA645" s="613"/>
      <c r="FOB645" s="613"/>
      <c r="FOC645" s="613"/>
      <c r="FOD645" s="613"/>
      <c r="FOE645" s="613"/>
      <c r="FOF645" s="613"/>
      <c r="FOG645" s="613"/>
      <c r="FOH645" s="613"/>
      <c r="FOI645" s="613"/>
      <c r="FOJ645" s="613"/>
      <c r="FOK645" s="613"/>
      <c r="FOL645" s="613"/>
      <c r="FOM645" s="613"/>
      <c r="FON645" s="613"/>
      <c r="FOO645" s="613"/>
      <c r="FOP645" s="613"/>
      <c r="FOQ645" s="613"/>
      <c r="FOR645" s="613"/>
      <c r="FOS645" s="613"/>
      <c r="FOT645" s="613"/>
      <c r="FOU645" s="613"/>
      <c r="FOV645" s="613"/>
      <c r="FOW645" s="613"/>
      <c r="FOX645" s="613"/>
      <c r="FOY645" s="613"/>
      <c r="FOZ645" s="613"/>
      <c r="FPA645" s="613"/>
      <c r="FPB645" s="613"/>
      <c r="FPC645" s="613"/>
      <c r="FPD645" s="613"/>
      <c r="FPE645" s="613"/>
      <c r="FPF645" s="613"/>
      <c r="FPG645" s="613"/>
      <c r="FPH645" s="613"/>
      <c r="FPI645" s="613"/>
      <c r="FPJ645" s="613"/>
      <c r="FPK645" s="613"/>
      <c r="FPL645" s="613"/>
      <c r="FPM645" s="613"/>
      <c r="FPN645" s="613"/>
      <c r="FPO645" s="613"/>
      <c r="FPP645" s="613"/>
      <c r="FPQ645" s="613"/>
      <c r="FPR645" s="613"/>
      <c r="FPS645" s="613"/>
      <c r="FPT645" s="613"/>
      <c r="FPU645" s="613"/>
      <c r="FPV645" s="613"/>
      <c r="FPW645" s="613"/>
      <c r="FPX645" s="613"/>
      <c r="FPY645" s="613"/>
      <c r="FPZ645" s="613"/>
      <c r="FQA645" s="613"/>
      <c r="FQB645" s="613"/>
      <c r="FQC645" s="613"/>
      <c r="FQD645" s="613"/>
      <c r="FQE645" s="613"/>
      <c r="FQF645" s="613"/>
      <c r="FQG645" s="613"/>
      <c r="FQH645" s="613"/>
      <c r="FQI645" s="613"/>
      <c r="FQJ645" s="613"/>
      <c r="FQK645" s="613"/>
      <c r="FQL645" s="613"/>
      <c r="FQM645" s="613"/>
      <c r="FQN645" s="613"/>
      <c r="FQO645" s="613"/>
      <c r="FQP645" s="613"/>
      <c r="FQQ645" s="613"/>
      <c r="FQR645" s="613"/>
      <c r="FQS645" s="613"/>
      <c r="FQT645" s="613"/>
      <c r="FQU645" s="613"/>
      <c r="FQV645" s="613"/>
      <c r="FQW645" s="613"/>
      <c r="FQX645" s="613"/>
      <c r="FQY645" s="613"/>
      <c r="FQZ645" s="613"/>
      <c r="FRA645" s="613"/>
      <c r="FRB645" s="613"/>
      <c r="FRC645" s="613"/>
      <c r="FRD645" s="613"/>
      <c r="FRE645" s="613"/>
      <c r="FRF645" s="613"/>
      <c r="FRG645" s="613"/>
      <c r="FRH645" s="613"/>
      <c r="FRI645" s="613"/>
      <c r="FRJ645" s="613"/>
      <c r="FRK645" s="613"/>
      <c r="FRL645" s="613"/>
      <c r="FRM645" s="613"/>
      <c r="FRN645" s="613"/>
      <c r="FRO645" s="613"/>
      <c r="FRP645" s="613"/>
      <c r="FRQ645" s="613"/>
      <c r="FRR645" s="613"/>
      <c r="FRS645" s="613"/>
      <c r="FRT645" s="613"/>
      <c r="FRU645" s="613"/>
      <c r="FRV645" s="613"/>
      <c r="FRW645" s="613"/>
      <c r="FRX645" s="613"/>
      <c r="FRY645" s="613"/>
      <c r="FRZ645" s="613"/>
      <c r="FSA645" s="613"/>
      <c r="FSB645" s="613"/>
      <c r="FSC645" s="613"/>
      <c r="FSD645" s="613"/>
      <c r="FSE645" s="613"/>
      <c r="FSF645" s="613"/>
      <c r="FSG645" s="613"/>
      <c r="FSH645" s="613"/>
      <c r="FSI645" s="613"/>
      <c r="FSJ645" s="613"/>
      <c r="FSK645" s="613"/>
      <c r="FSL645" s="613"/>
      <c r="FSM645" s="613"/>
      <c r="FSN645" s="613"/>
      <c r="FSO645" s="613"/>
      <c r="FSP645" s="613"/>
      <c r="FSQ645" s="613"/>
      <c r="FSR645" s="613"/>
      <c r="FSS645" s="613"/>
      <c r="FST645" s="613"/>
      <c r="FSU645" s="613"/>
      <c r="FSV645" s="613"/>
      <c r="FSW645" s="613"/>
      <c r="FSX645" s="613"/>
      <c r="FSY645" s="613"/>
      <c r="FSZ645" s="613"/>
      <c r="FTA645" s="613"/>
      <c r="FTB645" s="613"/>
      <c r="FTC645" s="613"/>
      <c r="FTD645" s="613"/>
      <c r="FTE645" s="613"/>
      <c r="FTF645" s="613"/>
      <c r="FTG645" s="613"/>
      <c r="FTH645" s="613"/>
      <c r="FTI645" s="613"/>
      <c r="FTJ645" s="613"/>
      <c r="FTK645" s="613"/>
      <c r="FTL645" s="613"/>
      <c r="FTM645" s="613"/>
      <c r="FTN645" s="613"/>
      <c r="FTO645" s="613"/>
      <c r="FTP645" s="613"/>
      <c r="FTQ645" s="613"/>
      <c r="FTR645" s="613"/>
      <c r="FTS645" s="613"/>
      <c r="FTT645" s="613"/>
      <c r="FTU645" s="613"/>
      <c r="FTV645" s="613"/>
      <c r="FTW645" s="613"/>
      <c r="FTX645" s="613"/>
      <c r="FTY645" s="613"/>
      <c r="FTZ645" s="613"/>
      <c r="FUA645" s="613"/>
      <c r="FUB645" s="613"/>
      <c r="FUC645" s="613"/>
      <c r="FUD645" s="613"/>
      <c r="FUE645" s="613"/>
      <c r="FUF645" s="613"/>
      <c r="FUG645" s="613"/>
      <c r="FUH645" s="613"/>
      <c r="FUI645" s="613"/>
      <c r="FUJ645" s="613"/>
      <c r="FUK645" s="613"/>
      <c r="FUL645" s="613"/>
      <c r="FUM645" s="613"/>
      <c r="FUN645" s="613"/>
      <c r="FUO645" s="613"/>
      <c r="FUP645" s="613"/>
      <c r="FUQ645" s="613"/>
      <c r="FUR645" s="613"/>
      <c r="FUS645" s="613"/>
      <c r="FUT645" s="613"/>
      <c r="FUU645" s="613"/>
      <c r="FUV645" s="613"/>
      <c r="FUW645" s="613"/>
      <c r="FUX645" s="613"/>
      <c r="FUY645" s="613"/>
      <c r="FUZ645" s="613"/>
      <c r="FVA645" s="613"/>
      <c r="FVB645" s="613"/>
      <c r="FVC645" s="613"/>
      <c r="FVD645" s="613"/>
      <c r="FVE645" s="613"/>
      <c r="FVF645" s="613"/>
      <c r="FVG645" s="613"/>
      <c r="FVH645" s="613"/>
      <c r="FVI645" s="613"/>
      <c r="FVJ645" s="613"/>
      <c r="FVK645" s="613"/>
      <c r="FVL645" s="613"/>
      <c r="FVM645" s="613"/>
      <c r="FVN645" s="613"/>
      <c r="FVO645" s="613"/>
      <c r="FVP645" s="613"/>
      <c r="FVQ645" s="613"/>
      <c r="FVR645" s="613"/>
      <c r="FVS645" s="613"/>
      <c r="FVT645" s="613"/>
      <c r="FVU645" s="613"/>
      <c r="FVV645" s="613"/>
      <c r="FVW645" s="613"/>
      <c r="FVX645" s="613"/>
      <c r="FVY645" s="613"/>
      <c r="FVZ645" s="613"/>
      <c r="FWA645" s="613"/>
      <c r="FWB645" s="613"/>
      <c r="FWC645" s="613"/>
      <c r="FWD645" s="613"/>
      <c r="FWE645" s="613"/>
      <c r="FWF645" s="613"/>
      <c r="FWG645" s="613"/>
      <c r="FWH645" s="613"/>
      <c r="FWI645" s="613"/>
      <c r="FWJ645" s="613"/>
      <c r="FWK645" s="613"/>
      <c r="FWL645" s="613"/>
      <c r="FWM645" s="613"/>
      <c r="FWN645" s="613"/>
      <c r="FWO645" s="613"/>
      <c r="FWP645" s="613"/>
      <c r="FWQ645" s="613"/>
      <c r="FWR645" s="613"/>
      <c r="FWS645" s="613"/>
      <c r="FWT645" s="613"/>
      <c r="FWU645" s="613"/>
      <c r="FWV645" s="613"/>
      <c r="FWW645" s="613"/>
      <c r="FWX645" s="613"/>
      <c r="FWY645" s="613"/>
      <c r="FWZ645" s="613"/>
      <c r="FXA645" s="613"/>
      <c r="FXB645" s="613"/>
      <c r="FXC645" s="613"/>
      <c r="FXD645" s="613"/>
      <c r="FXE645" s="613"/>
      <c r="FXF645" s="613"/>
      <c r="FXG645" s="613"/>
      <c r="FXH645" s="613"/>
      <c r="FXI645" s="613"/>
      <c r="FXJ645" s="613"/>
      <c r="FXK645" s="613"/>
      <c r="FXL645" s="613"/>
      <c r="FXM645" s="613"/>
      <c r="FXN645" s="613"/>
      <c r="FXO645" s="613"/>
      <c r="FXP645" s="613"/>
      <c r="FXQ645" s="613"/>
      <c r="FXR645" s="613"/>
      <c r="FXS645" s="613"/>
      <c r="FXT645" s="613"/>
      <c r="FXU645" s="613"/>
      <c r="FXV645" s="613"/>
      <c r="FXW645" s="613"/>
      <c r="FXX645" s="613"/>
      <c r="FXY645" s="613"/>
      <c r="FXZ645" s="613"/>
      <c r="FYA645" s="613"/>
      <c r="FYB645" s="613"/>
      <c r="FYC645" s="613"/>
      <c r="FYD645" s="613"/>
      <c r="FYE645" s="613"/>
      <c r="FYF645" s="613"/>
      <c r="FYG645" s="613"/>
      <c r="FYH645" s="613"/>
      <c r="FYI645" s="613"/>
      <c r="FYJ645" s="613"/>
      <c r="FYK645" s="613"/>
      <c r="FYL645" s="613"/>
      <c r="FYM645" s="613"/>
      <c r="FYN645" s="613"/>
      <c r="FYO645" s="613"/>
      <c r="FYP645" s="613"/>
      <c r="FYQ645" s="613"/>
      <c r="FYR645" s="613"/>
      <c r="FYS645" s="613"/>
      <c r="FYT645" s="613"/>
      <c r="FYU645" s="613"/>
      <c r="FYV645" s="613"/>
      <c r="FYW645" s="613"/>
      <c r="FYX645" s="613"/>
      <c r="FYY645" s="613"/>
      <c r="FYZ645" s="613"/>
      <c r="FZA645" s="613"/>
      <c r="FZB645" s="613"/>
      <c r="FZC645" s="613"/>
      <c r="FZD645" s="613"/>
      <c r="FZE645" s="613"/>
      <c r="FZF645" s="613"/>
      <c r="FZG645" s="613"/>
      <c r="FZH645" s="613"/>
      <c r="FZI645" s="613"/>
      <c r="FZJ645" s="613"/>
      <c r="FZK645" s="613"/>
      <c r="FZL645" s="613"/>
      <c r="FZM645" s="613"/>
      <c r="FZN645" s="613"/>
      <c r="FZO645" s="613"/>
      <c r="FZP645" s="613"/>
      <c r="FZQ645" s="613"/>
      <c r="FZR645" s="613"/>
      <c r="FZS645" s="613"/>
      <c r="FZT645" s="613"/>
      <c r="FZU645" s="613"/>
      <c r="FZV645" s="613"/>
      <c r="FZW645" s="613"/>
      <c r="FZX645" s="613"/>
      <c r="FZY645" s="613"/>
      <c r="FZZ645" s="613"/>
      <c r="GAA645" s="613"/>
      <c r="GAB645" s="613"/>
      <c r="GAC645" s="613"/>
      <c r="GAD645" s="613"/>
      <c r="GAE645" s="613"/>
      <c r="GAF645" s="613"/>
      <c r="GAG645" s="613"/>
      <c r="GAH645" s="613"/>
      <c r="GAI645" s="613"/>
      <c r="GAJ645" s="613"/>
      <c r="GAK645" s="613"/>
      <c r="GAL645" s="613"/>
      <c r="GAM645" s="613"/>
      <c r="GAN645" s="613"/>
      <c r="GAO645" s="613"/>
      <c r="GAP645" s="613"/>
      <c r="GAQ645" s="613"/>
      <c r="GAR645" s="613"/>
      <c r="GAS645" s="613"/>
      <c r="GAT645" s="613"/>
      <c r="GAU645" s="613"/>
      <c r="GAV645" s="613"/>
      <c r="GAW645" s="613"/>
      <c r="GAX645" s="613"/>
      <c r="GAY645" s="613"/>
      <c r="GAZ645" s="613"/>
      <c r="GBA645" s="613"/>
      <c r="GBB645" s="613"/>
      <c r="GBC645" s="613"/>
      <c r="GBD645" s="613"/>
      <c r="GBE645" s="613"/>
      <c r="GBF645" s="613"/>
      <c r="GBG645" s="613"/>
      <c r="GBH645" s="613"/>
      <c r="GBI645" s="613"/>
      <c r="GBJ645" s="613"/>
      <c r="GBK645" s="613"/>
      <c r="GBL645" s="613"/>
      <c r="GBM645" s="613"/>
      <c r="GBN645" s="613"/>
      <c r="GBO645" s="613"/>
      <c r="GBP645" s="613"/>
      <c r="GBQ645" s="613"/>
      <c r="GBR645" s="613"/>
      <c r="GBS645" s="613"/>
      <c r="GBT645" s="613"/>
      <c r="GBU645" s="613"/>
      <c r="GBV645" s="613"/>
      <c r="GBW645" s="613"/>
      <c r="GBX645" s="613"/>
      <c r="GBY645" s="613"/>
      <c r="GBZ645" s="613"/>
      <c r="GCA645" s="613"/>
      <c r="GCB645" s="613"/>
      <c r="GCC645" s="613"/>
      <c r="GCD645" s="613"/>
      <c r="GCE645" s="613"/>
      <c r="GCF645" s="613"/>
      <c r="GCG645" s="613"/>
      <c r="GCH645" s="613"/>
      <c r="GCI645" s="613"/>
      <c r="GCJ645" s="613"/>
      <c r="GCK645" s="613"/>
      <c r="GCL645" s="613"/>
      <c r="GCM645" s="613"/>
      <c r="GCN645" s="613"/>
      <c r="GCO645" s="613"/>
      <c r="GCP645" s="613"/>
      <c r="GCQ645" s="613"/>
      <c r="GCR645" s="613"/>
      <c r="GCS645" s="613"/>
      <c r="GCT645" s="613"/>
      <c r="GCU645" s="613"/>
      <c r="GCV645" s="613"/>
      <c r="GCW645" s="613"/>
      <c r="GCX645" s="613"/>
      <c r="GCY645" s="613"/>
      <c r="GCZ645" s="613"/>
      <c r="GDA645" s="613"/>
      <c r="GDB645" s="613"/>
      <c r="GDC645" s="613"/>
      <c r="GDD645" s="613"/>
      <c r="GDE645" s="613"/>
      <c r="GDF645" s="613"/>
      <c r="GDG645" s="613"/>
      <c r="GDH645" s="613"/>
      <c r="GDI645" s="613"/>
      <c r="GDJ645" s="613"/>
      <c r="GDK645" s="613"/>
      <c r="GDL645" s="613"/>
      <c r="GDM645" s="613"/>
      <c r="GDN645" s="613"/>
      <c r="GDO645" s="613"/>
      <c r="GDP645" s="613"/>
      <c r="GDQ645" s="613"/>
      <c r="GDR645" s="613"/>
      <c r="GDS645" s="613"/>
      <c r="GDT645" s="613"/>
      <c r="GDU645" s="613"/>
      <c r="GDV645" s="613"/>
      <c r="GDW645" s="613"/>
      <c r="GDX645" s="613"/>
      <c r="GDY645" s="613"/>
      <c r="GDZ645" s="613"/>
      <c r="GEA645" s="613"/>
      <c r="GEB645" s="613"/>
      <c r="GEC645" s="613"/>
      <c r="GED645" s="613"/>
      <c r="GEE645" s="613"/>
      <c r="GEF645" s="613"/>
      <c r="GEG645" s="613"/>
      <c r="GEH645" s="613"/>
      <c r="GEI645" s="613"/>
      <c r="GEJ645" s="613"/>
      <c r="GEK645" s="613"/>
      <c r="GEL645" s="613"/>
      <c r="GEM645" s="613"/>
      <c r="GEN645" s="613"/>
      <c r="GEO645" s="613"/>
      <c r="GEP645" s="613"/>
      <c r="GEQ645" s="613"/>
      <c r="GER645" s="613"/>
      <c r="GES645" s="613"/>
      <c r="GET645" s="613"/>
      <c r="GEU645" s="613"/>
      <c r="GEV645" s="613"/>
      <c r="GEW645" s="613"/>
      <c r="GEX645" s="613"/>
      <c r="GEY645" s="613"/>
      <c r="GEZ645" s="613"/>
      <c r="GFA645" s="613"/>
      <c r="GFB645" s="613"/>
      <c r="GFC645" s="613"/>
      <c r="GFD645" s="613"/>
      <c r="GFE645" s="613"/>
      <c r="GFF645" s="613"/>
      <c r="GFG645" s="613"/>
      <c r="GFH645" s="613"/>
      <c r="GFI645" s="613"/>
      <c r="GFJ645" s="613"/>
      <c r="GFK645" s="613"/>
      <c r="GFL645" s="613"/>
      <c r="GFM645" s="613"/>
      <c r="GFN645" s="613"/>
      <c r="GFO645" s="613"/>
      <c r="GFP645" s="613"/>
      <c r="GFQ645" s="613"/>
      <c r="GFR645" s="613"/>
      <c r="GFS645" s="613"/>
      <c r="GFT645" s="613"/>
      <c r="GFU645" s="613"/>
      <c r="GFV645" s="613"/>
      <c r="GFW645" s="613"/>
      <c r="GFX645" s="613"/>
      <c r="GFY645" s="613"/>
      <c r="GFZ645" s="613"/>
      <c r="GGA645" s="613"/>
      <c r="GGB645" s="613"/>
      <c r="GGC645" s="613"/>
      <c r="GGD645" s="613"/>
      <c r="GGE645" s="613"/>
      <c r="GGF645" s="613"/>
      <c r="GGG645" s="613"/>
      <c r="GGH645" s="613"/>
      <c r="GGI645" s="613"/>
      <c r="GGJ645" s="613"/>
      <c r="GGK645" s="613"/>
      <c r="GGL645" s="613"/>
      <c r="GGM645" s="613"/>
      <c r="GGN645" s="613"/>
      <c r="GGO645" s="613"/>
      <c r="GGP645" s="613"/>
      <c r="GGQ645" s="613"/>
      <c r="GGR645" s="613"/>
      <c r="GGS645" s="613"/>
      <c r="GGT645" s="613"/>
      <c r="GGU645" s="613"/>
      <c r="GGV645" s="613"/>
      <c r="GGW645" s="613"/>
      <c r="GGX645" s="613"/>
      <c r="GGY645" s="613"/>
      <c r="GGZ645" s="613"/>
      <c r="GHA645" s="613"/>
      <c r="GHB645" s="613"/>
      <c r="GHC645" s="613"/>
      <c r="GHD645" s="613"/>
      <c r="GHE645" s="613"/>
      <c r="GHF645" s="613"/>
      <c r="GHG645" s="613"/>
      <c r="GHH645" s="613"/>
      <c r="GHI645" s="613"/>
      <c r="GHJ645" s="613"/>
      <c r="GHK645" s="613"/>
      <c r="GHL645" s="613"/>
      <c r="GHM645" s="613"/>
      <c r="GHN645" s="613"/>
      <c r="GHO645" s="613"/>
      <c r="GHP645" s="613"/>
      <c r="GHQ645" s="613"/>
      <c r="GHR645" s="613"/>
      <c r="GHS645" s="613"/>
      <c r="GHT645" s="613"/>
      <c r="GHU645" s="613"/>
      <c r="GHV645" s="613"/>
      <c r="GHW645" s="613"/>
      <c r="GHX645" s="613"/>
      <c r="GHY645" s="613"/>
      <c r="GHZ645" s="613"/>
      <c r="GIA645" s="613"/>
      <c r="GIB645" s="613"/>
      <c r="GIC645" s="613"/>
      <c r="GID645" s="613"/>
      <c r="GIE645" s="613"/>
      <c r="GIF645" s="613"/>
      <c r="GIG645" s="613"/>
      <c r="GIH645" s="613"/>
      <c r="GII645" s="613"/>
      <c r="GIJ645" s="613"/>
      <c r="GIK645" s="613"/>
      <c r="GIL645" s="613"/>
      <c r="GIM645" s="613"/>
      <c r="GIN645" s="613"/>
      <c r="GIO645" s="613"/>
      <c r="GIP645" s="613"/>
      <c r="GIQ645" s="613"/>
      <c r="GIR645" s="613"/>
      <c r="GIS645" s="613"/>
      <c r="GIT645" s="613"/>
      <c r="GIU645" s="613"/>
      <c r="GIV645" s="613"/>
      <c r="GIW645" s="613"/>
      <c r="GIX645" s="613"/>
      <c r="GIY645" s="613"/>
      <c r="GIZ645" s="613"/>
      <c r="GJA645" s="613"/>
      <c r="GJB645" s="613"/>
      <c r="GJC645" s="613"/>
      <c r="GJD645" s="613"/>
      <c r="GJE645" s="613"/>
      <c r="GJF645" s="613"/>
      <c r="GJG645" s="613"/>
      <c r="GJH645" s="613"/>
      <c r="GJI645" s="613"/>
      <c r="GJJ645" s="613"/>
      <c r="GJK645" s="613"/>
      <c r="GJL645" s="613"/>
      <c r="GJM645" s="613"/>
      <c r="GJN645" s="613"/>
      <c r="GJO645" s="613"/>
      <c r="GJP645" s="613"/>
      <c r="GJQ645" s="613"/>
      <c r="GJR645" s="613"/>
      <c r="GJS645" s="613"/>
      <c r="GJT645" s="613"/>
      <c r="GJU645" s="613"/>
      <c r="GJV645" s="613"/>
      <c r="GJW645" s="613"/>
      <c r="GJX645" s="613"/>
      <c r="GJY645" s="613"/>
      <c r="GJZ645" s="613"/>
      <c r="GKA645" s="613"/>
      <c r="GKB645" s="613"/>
      <c r="GKC645" s="613"/>
      <c r="GKD645" s="613"/>
      <c r="GKE645" s="613"/>
      <c r="GKF645" s="613"/>
      <c r="GKG645" s="613"/>
      <c r="GKH645" s="613"/>
      <c r="GKI645" s="613"/>
      <c r="GKJ645" s="613"/>
      <c r="GKK645" s="613"/>
      <c r="GKL645" s="613"/>
      <c r="GKM645" s="613"/>
      <c r="GKN645" s="613"/>
      <c r="GKO645" s="613"/>
      <c r="GKP645" s="613"/>
      <c r="GKQ645" s="613"/>
      <c r="GKR645" s="613"/>
      <c r="GKS645" s="613"/>
      <c r="GKT645" s="613"/>
      <c r="GKU645" s="613"/>
      <c r="GKV645" s="613"/>
      <c r="GKW645" s="613"/>
      <c r="GKX645" s="613"/>
      <c r="GKY645" s="613"/>
      <c r="GKZ645" s="613"/>
      <c r="GLA645" s="613"/>
      <c r="GLB645" s="613"/>
      <c r="GLC645" s="613"/>
      <c r="GLD645" s="613"/>
      <c r="GLE645" s="613"/>
      <c r="GLF645" s="613"/>
      <c r="GLG645" s="613"/>
      <c r="GLH645" s="613"/>
      <c r="GLI645" s="613"/>
      <c r="GLJ645" s="613"/>
      <c r="GLK645" s="613"/>
      <c r="GLL645" s="613"/>
      <c r="GLM645" s="613"/>
      <c r="GLN645" s="613"/>
      <c r="GLO645" s="613"/>
      <c r="GLP645" s="613"/>
      <c r="GLQ645" s="613"/>
      <c r="GLR645" s="613"/>
      <c r="GLS645" s="613"/>
      <c r="GLT645" s="613"/>
      <c r="GLU645" s="613"/>
      <c r="GLV645" s="613"/>
      <c r="GLW645" s="613"/>
      <c r="GLX645" s="613"/>
      <c r="GLY645" s="613"/>
      <c r="GLZ645" s="613"/>
      <c r="GMA645" s="613"/>
      <c r="GMB645" s="613"/>
      <c r="GMC645" s="613"/>
      <c r="GMD645" s="613"/>
      <c r="GME645" s="613"/>
      <c r="GMF645" s="613"/>
      <c r="GMG645" s="613"/>
      <c r="GMH645" s="613"/>
      <c r="GMI645" s="613"/>
      <c r="GMJ645" s="613"/>
      <c r="GMK645" s="613"/>
      <c r="GML645" s="613"/>
      <c r="GMM645" s="613"/>
      <c r="GMN645" s="613"/>
      <c r="GMO645" s="613"/>
      <c r="GMP645" s="613"/>
      <c r="GMQ645" s="613"/>
      <c r="GMR645" s="613"/>
      <c r="GMS645" s="613"/>
      <c r="GMT645" s="613"/>
      <c r="GMU645" s="613"/>
      <c r="GMV645" s="613"/>
      <c r="GMW645" s="613"/>
      <c r="GMX645" s="613"/>
      <c r="GMY645" s="613"/>
      <c r="GMZ645" s="613"/>
      <c r="GNA645" s="613"/>
      <c r="GNB645" s="613"/>
      <c r="GNC645" s="613"/>
      <c r="GND645" s="613"/>
      <c r="GNE645" s="613"/>
      <c r="GNF645" s="613"/>
      <c r="GNG645" s="613"/>
      <c r="GNH645" s="613"/>
      <c r="GNI645" s="613"/>
      <c r="GNJ645" s="613"/>
      <c r="GNK645" s="613"/>
      <c r="GNL645" s="613"/>
      <c r="GNM645" s="613"/>
      <c r="GNN645" s="613"/>
      <c r="GNO645" s="613"/>
      <c r="GNP645" s="613"/>
      <c r="GNQ645" s="613"/>
      <c r="GNR645" s="613"/>
      <c r="GNS645" s="613"/>
      <c r="GNT645" s="613"/>
      <c r="GNU645" s="613"/>
      <c r="GNV645" s="613"/>
      <c r="GNW645" s="613"/>
      <c r="GNX645" s="613"/>
      <c r="GNY645" s="613"/>
      <c r="GNZ645" s="613"/>
      <c r="GOA645" s="613"/>
      <c r="GOB645" s="613"/>
      <c r="GOC645" s="613"/>
      <c r="GOD645" s="613"/>
      <c r="GOE645" s="613"/>
      <c r="GOF645" s="613"/>
      <c r="GOG645" s="613"/>
      <c r="GOH645" s="613"/>
      <c r="GOI645" s="613"/>
      <c r="GOJ645" s="613"/>
      <c r="GOK645" s="613"/>
      <c r="GOL645" s="613"/>
      <c r="GOM645" s="613"/>
      <c r="GON645" s="613"/>
      <c r="GOO645" s="613"/>
      <c r="GOP645" s="613"/>
      <c r="GOQ645" s="613"/>
      <c r="GOR645" s="613"/>
      <c r="GOS645" s="613"/>
      <c r="GOT645" s="613"/>
      <c r="GOU645" s="613"/>
      <c r="GOV645" s="613"/>
      <c r="GOW645" s="613"/>
      <c r="GOX645" s="613"/>
      <c r="GOY645" s="613"/>
      <c r="GOZ645" s="613"/>
      <c r="GPA645" s="613"/>
      <c r="GPB645" s="613"/>
      <c r="GPC645" s="613"/>
      <c r="GPD645" s="613"/>
      <c r="GPE645" s="613"/>
      <c r="GPF645" s="613"/>
      <c r="GPG645" s="613"/>
      <c r="GPH645" s="613"/>
      <c r="GPI645" s="613"/>
      <c r="GPJ645" s="613"/>
      <c r="GPK645" s="613"/>
      <c r="GPL645" s="613"/>
      <c r="GPM645" s="613"/>
      <c r="GPN645" s="613"/>
      <c r="GPO645" s="613"/>
      <c r="GPP645" s="613"/>
      <c r="GPQ645" s="613"/>
      <c r="GPR645" s="613"/>
      <c r="GPS645" s="613"/>
      <c r="GPT645" s="613"/>
      <c r="GPU645" s="613"/>
      <c r="GPV645" s="613"/>
      <c r="GPW645" s="613"/>
      <c r="GPX645" s="613"/>
      <c r="GPY645" s="613"/>
      <c r="GPZ645" s="613"/>
      <c r="GQA645" s="613"/>
      <c r="GQB645" s="613"/>
      <c r="GQC645" s="613"/>
      <c r="GQD645" s="613"/>
      <c r="GQE645" s="613"/>
      <c r="GQF645" s="613"/>
      <c r="GQG645" s="613"/>
      <c r="GQH645" s="613"/>
      <c r="GQI645" s="613"/>
      <c r="GQJ645" s="613"/>
      <c r="GQK645" s="613"/>
      <c r="GQL645" s="613"/>
      <c r="GQM645" s="613"/>
      <c r="GQN645" s="613"/>
      <c r="GQO645" s="613"/>
      <c r="GQP645" s="613"/>
      <c r="GQQ645" s="613"/>
      <c r="GQR645" s="613"/>
      <c r="GQS645" s="613"/>
      <c r="GQT645" s="613"/>
      <c r="GQU645" s="613"/>
      <c r="GQV645" s="613"/>
      <c r="GQW645" s="613"/>
      <c r="GQX645" s="613"/>
      <c r="GQY645" s="613"/>
      <c r="GQZ645" s="613"/>
      <c r="GRA645" s="613"/>
      <c r="GRB645" s="613"/>
      <c r="GRC645" s="613"/>
      <c r="GRD645" s="613"/>
      <c r="GRE645" s="613"/>
      <c r="GRF645" s="613"/>
      <c r="GRG645" s="613"/>
      <c r="GRH645" s="613"/>
      <c r="GRI645" s="613"/>
      <c r="GRJ645" s="613"/>
      <c r="GRK645" s="613"/>
      <c r="GRL645" s="613"/>
      <c r="GRM645" s="613"/>
      <c r="GRN645" s="613"/>
      <c r="GRO645" s="613"/>
      <c r="GRP645" s="613"/>
      <c r="GRQ645" s="613"/>
      <c r="GRR645" s="613"/>
      <c r="GRS645" s="613"/>
      <c r="GRT645" s="613"/>
      <c r="GRU645" s="613"/>
      <c r="GRV645" s="613"/>
      <c r="GRW645" s="613"/>
      <c r="GRX645" s="613"/>
      <c r="GRY645" s="613"/>
      <c r="GRZ645" s="613"/>
      <c r="GSA645" s="613"/>
      <c r="GSB645" s="613"/>
      <c r="GSC645" s="613"/>
      <c r="GSD645" s="613"/>
      <c r="GSE645" s="613"/>
      <c r="GSF645" s="613"/>
      <c r="GSG645" s="613"/>
      <c r="GSH645" s="613"/>
      <c r="GSI645" s="613"/>
      <c r="GSJ645" s="613"/>
      <c r="GSK645" s="613"/>
      <c r="GSL645" s="613"/>
      <c r="GSM645" s="613"/>
      <c r="GSN645" s="613"/>
      <c r="GSO645" s="613"/>
      <c r="GSP645" s="613"/>
      <c r="GSQ645" s="613"/>
      <c r="GSR645" s="613"/>
      <c r="GSS645" s="613"/>
      <c r="GST645" s="613"/>
      <c r="GSU645" s="613"/>
      <c r="GSV645" s="613"/>
      <c r="GSW645" s="613"/>
      <c r="GSX645" s="613"/>
      <c r="GSY645" s="613"/>
      <c r="GSZ645" s="613"/>
      <c r="GTA645" s="613"/>
      <c r="GTB645" s="613"/>
      <c r="GTC645" s="613"/>
      <c r="GTD645" s="613"/>
      <c r="GTE645" s="613"/>
      <c r="GTF645" s="613"/>
      <c r="GTG645" s="613"/>
      <c r="GTH645" s="613"/>
      <c r="GTI645" s="613"/>
      <c r="GTJ645" s="613"/>
      <c r="GTK645" s="613"/>
      <c r="GTL645" s="613"/>
      <c r="GTM645" s="613"/>
      <c r="GTN645" s="613"/>
      <c r="GTO645" s="613"/>
      <c r="GTP645" s="613"/>
      <c r="GTQ645" s="613"/>
      <c r="GTR645" s="613"/>
      <c r="GTS645" s="613"/>
      <c r="GTT645" s="613"/>
      <c r="GTU645" s="613"/>
      <c r="GTV645" s="613"/>
      <c r="GTW645" s="613"/>
      <c r="GTX645" s="613"/>
      <c r="GTY645" s="613"/>
      <c r="GTZ645" s="613"/>
      <c r="GUA645" s="613"/>
      <c r="GUB645" s="613"/>
      <c r="GUC645" s="613"/>
      <c r="GUD645" s="613"/>
      <c r="GUE645" s="613"/>
      <c r="GUF645" s="613"/>
      <c r="GUG645" s="613"/>
      <c r="GUH645" s="613"/>
      <c r="GUI645" s="613"/>
      <c r="GUJ645" s="613"/>
      <c r="GUK645" s="613"/>
      <c r="GUL645" s="613"/>
      <c r="GUM645" s="613"/>
      <c r="GUN645" s="613"/>
      <c r="GUO645" s="613"/>
      <c r="GUP645" s="613"/>
      <c r="GUQ645" s="613"/>
      <c r="GUR645" s="613"/>
      <c r="GUS645" s="613"/>
      <c r="GUT645" s="613"/>
      <c r="GUU645" s="613"/>
      <c r="GUV645" s="613"/>
      <c r="GUW645" s="613"/>
      <c r="GUX645" s="613"/>
      <c r="GUY645" s="613"/>
      <c r="GUZ645" s="613"/>
      <c r="GVA645" s="613"/>
      <c r="GVB645" s="613"/>
      <c r="GVC645" s="613"/>
      <c r="GVD645" s="613"/>
      <c r="GVE645" s="613"/>
      <c r="GVF645" s="613"/>
      <c r="GVG645" s="613"/>
      <c r="GVH645" s="613"/>
      <c r="GVI645" s="613"/>
      <c r="GVJ645" s="613"/>
      <c r="GVK645" s="613"/>
      <c r="GVL645" s="613"/>
      <c r="GVM645" s="613"/>
      <c r="GVN645" s="613"/>
      <c r="GVO645" s="613"/>
      <c r="GVP645" s="613"/>
      <c r="GVQ645" s="613"/>
      <c r="GVR645" s="613"/>
      <c r="GVS645" s="613"/>
      <c r="GVT645" s="613"/>
      <c r="GVU645" s="613"/>
      <c r="GVV645" s="613"/>
      <c r="GVW645" s="613"/>
      <c r="GVX645" s="613"/>
      <c r="GVY645" s="613"/>
      <c r="GVZ645" s="613"/>
      <c r="GWA645" s="613"/>
      <c r="GWB645" s="613"/>
      <c r="GWC645" s="613"/>
      <c r="GWD645" s="613"/>
      <c r="GWE645" s="613"/>
      <c r="GWF645" s="613"/>
      <c r="GWG645" s="613"/>
      <c r="GWH645" s="613"/>
      <c r="GWI645" s="613"/>
      <c r="GWJ645" s="613"/>
      <c r="GWK645" s="613"/>
      <c r="GWL645" s="613"/>
      <c r="GWM645" s="613"/>
      <c r="GWN645" s="613"/>
      <c r="GWO645" s="613"/>
      <c r="GWP645" s="613"/>
      <c r="GWQ645" s="613"/>
      <c r="GWR645" s="613"/>
      <c r="GWS645" s="613"/>
      <c r="GWT645" s="613"/>
      <c r="GWU645" s="613"/>
      <c r="GWV645" s="613"/>
      <c r="GWW645" s="613"/>
      <c r="GWX645" s="613"/>
      <c r="GWY645" s="613"/>
      <c r="GWZ645" s="613"/>
      <c r="GXA645" s="613"/>
      <c r="GXB645" s="613"/>
      <c r="GXC645" s="613"/>
      <c r="GXD645" s="613"/>
      <c r="GXE645" s="613"/>
      <c r="GXF645" s="613"/>
      <c r="GXG645" s="613"/>
      <c r="GXH645" s="613"/>
      <c r="GXI645" s="613"/>
      <c r="GXJ645" s="613"/>
      <c r="GXK645" s="613"/>
      <c r="GXL645" s="613"/>
      <c r="GXM645" s="613"/>
      <c r="GXN645" s="613"/>
      <c r="GXO645" s="613"/>
      <c r="GXP645" s="613"/>
      <c r="GXQ645" s="613"/>
      <c r="GXR645" s="613"/>
      <c r="GXS645" s="613"/>
      <c r="GXT645" s="613"/>
      <c r="GXU645" s="613"/>
      <c r="GXV645" s="613"/>
      <c r="GXW645" s="613"/>
      <c r="GXX645" s="613"/>
      <c r="GXY645" s="613"/>
      <c r="GXZ645" s="613"/>
      <c r="GYA645" s="613"/>
      <c r="GYB645" s="613"/>
      <c r="GYC645" s="613"/>
      <c r="GYD645" s="613"/>
      <c r="GYE645" s="613"/>
      <c r="GYF645" s="613"/>
      <c r="GYG645" s="613"/>
      <c r="GYH645" s="613"/>
      <c r="GYI645" s="613"/>
      <c r="GYJ645" s="613"/>
      <c r="GYK645" s="613"/>
      <c r="GYL645" s="613"/>
      <c r="GYM645" s="613"/>
      <c r="GYN645" s="613"/>
      <c r="GYO645" s="613"/>
      <c r="GYP645" s="613"/>
      <c r="GYQ645" s="613"/>
      <c r="GYR645" s="613"/>
      <c r="GYS645" s="613"/>
      <c r="GYT645" s="613"/>
      <c r="GYU645" s="613"/>
      <c r="GYV645" s="613"/>
      <c r="GYW645" s="613"/>
      <c r="GYX645" s="613"/>
      <c r="GYY645" s="613"/>
      <c r="GYZ645" s="613"/>
      <c r="GZA645" s="613"/>
      <c r="GZB645" s="613"/>
      <c r="GZC645" s="613"/>
      <c r="GZD645" s="613"/>
      <c r="GZE645" s="613"/>
      <c r="GZF645" s="613"/>
      <c r="GZG645" s="613"/>
      <c r="GZH645" s="613"/>
      <c r="GZI645" s="613"/>
      <c r="GZJ645" s="613"/>
      <c r="GZK645" s="613"/>
      <c r="GZL645" s="613"/>
      <c r="GZM645" s="613"/>
      <c r="GZN645" s="613"/>
      <c r="GZO645" s="613"/>
      <c r="GZP645" s="613"/>
      <c r="GZQ645" s="613"/>
      <c r="GZR645" s="613"/>
      <c r="GZS645" s="613"/>
      <c r="GZT645" s="613"/>
      <c r="GZU645" s="613"/>
      <c r="GZV645" s="613"/>
      <c r="GZW645" s="613"/>
      <c r="GZX645" s="613"/>
      <c r="GZY645" s="613"/>
      <c r="GZZ645" s="613"/>
      <c r="HAA645" s="613"/>
      <c r="HAB645" s="613"/>
      <c r="HAC645" s="613"/>
      <c r="HAD645" s="613"/>
      <c r="HAE645" s="613"/>
      <c r="HAF645" s="613"/>
      <c r="HAG645" s="613"/>
      <c r="HAH645" s="613"/>
      <c r="HAI645" s="613"/>
      <c r="HAJ645" s="613"/>
      <c r="HAK645" s="613"/>
      <c r="HAL645" s="613"/>
      <c r="HAM645" s="613"/>
      <c r="HAN645" s="613"/>
      <c r="HAO645" s="613"/>
      <c r="HAP645" s="613"/>
      <c r="HAQ645" s="613"/>
      <c r="HAR645" s="613"/>
      <c r="HAS645" s="613"/>
      <c r="HAT645" s="613"/>
      <c r="HAU645" s="613"/>
      <c r="HAV645" s="613"/>
      <c r="HAW645" s="613"/>
      <c r="HAX645" s="613"/>
      <c r="HAY645" s="613"/>
      <c r="HAZ645" s="613"/>
      <c r="HBA645" s="613"/>
      <c r="HBB645" s="613"/>
      <c r="HBC645" s="613"/>
      <c r="HBD645" s="613"/>
      <c r="HBE645" s="613"/>
      <c r="HBF645" s="613"/>
      <c r="HBG645" s="613"/>
      <c r="HBH645" s="613"/>
      <c r="HBI645" s="613"/>
      <c r="HBJ645" s="613"/>
      <c r="HBK645" s="613"/>
      <c r="HBL645" s="613"/>
      <c r="HBM645" s="613"/>
      <c r="HBN645" s="613"/>
      <c r="HBO645" s="613"/>
      <c r="HBP645" s="613"/>
      <c r="HBQ645" s="613"/>
      <c r="HBR645" s="613"/>
      <c r="HBS645" s="613"/>
      <c r="HBT645" s="613"/>
      <c r="HBU645" s="613"/>
      <c r="HBV645" s="613"/>
      <c r="HBW645" s="613"/>
      <c r="HBX645" s="613"/>
      <c r="HBY645" s="613"/>
      <c r="HBZ645" s="613"/>
      <c r="HCA645" s="613"/>
      <c r="HCB645" s="613"/>
      <c r="HCC645" s="613"/>
      <c r="HCD645" s="613"/>
      <c r="HCE645" s="613"/>
      <c r="HCF645" s="613"/>
      <c r="HCG645" s="613"/>
      <c r="HCH645" s="613"/>
      <c r="HCI645" s="613"/>
      <c r="HCJ645" s="613"/>
      <c r="HCK645" s="613"/>
      <c r="HCL645" s="613"/>
      <c r="HCM645" s="613"/>
      <c r="HCN645" s="613"/>
      <c r="HCO645" s="613"/>
      <c r="HCP645" s="613"/>
      <c r="HCQ645" s="613"/>
      <c r="HCR645" s="613"/>
      <c r="HCS645" s="613"/>
      <c r="HCT645" s="613"/>
      <c r="HCU645" s="613"/>
      <c r="HCV645" s="613"/>
      <c r="HCW645" s="613"/>
      <c r="HCX645" s="613"/>
      <c r="HCY645" s="613"/>
      <c r="HCZ645" s="613"/>
      <c r="HDA645" s="613"/>
      <c r="HDB645" s="613"/>
      <c r="HDC645" s="613"/>
      <c r="HDD645" s="613"/>
      <c r="HDE645" s="613"/>
      <c r="HDF645" s="613"/>
      <c r="HDG645" s="613"/>
      <c r="HDH645" s="613"/>
      <c r="HDI645" s="613"/>
      <c r="HDJ645" s="613"/>
      <c r="HDK645" s="613"/>
      <c r="HDL645" s="613"/>
      <c r="HDM645" s="613"/>
      <c r="HDN645" s="613"/>
      <c r="HDO645" s="613"/>
      <c r="HDP645" s="613"/>
      <c r="HDQ645" s="613"/>
      <c r="HDR645" s="613"/>
      <c r="HDS645" s="613"/>
      <c r="HDT645" s="613"/>
      <c r="HDU645" s="613"/>
      <c r="HDV645" s="613"/>
      <c r="HDW645" s="613"/>
      <c r="HDX645" s="613"/>
      <c r="HDY645" s="613"/>
      <c r="HDZ645" s="613"/>
      <c r="HEA645" s="613"/>
      <c r="HEB645" s="613"/>
      <c r="HEC645" s="613"/>
      <c r="HED645" s="613"/>
      <c r="HEE645" s="613"/>
      <c r="HEF645" s="613"/>
      <c r="HEG645" s="613"/>
      <c r="HEH645" s="613"/>
      <c r="HEI645" s="613"/>
      <c r="HEJ645" s="613"/>
      <c r="HEK645" s="613"/>
      <c r="HEL645" s="613"/>
      <c r="HEM645" s="613"/>
      <c r="HEN645" s="613"/>
      <c r="HEO645" s="613"/>
      <c r="HEP645" s="613"/>
      <c r="HEQ645" s="613"/>
      <c r="HER645" s="613"/>
      <c r="HES645" s="613"/>
      <c r="HET645" s="613"/>
      <c r="HEU645" s="613"/>
      <c r="HEV645" s="613"/>
      <c r="HEW645" s="613"/>
      <c r="HEX645" s="613"/>
      <c r="HEY645" s="613"/>
      <c r="HEZ645" s="613"/>
      <c r="HFA645" s="613"/>
      <c r="HFB645" s="613"/>
      <c r="HFC645" s="613"/>
      <c r="HFD645" s="613"/>
      <c r="HFE645" s="613"/>
      <c r="HFF645" s="613"/>
      <c r="HFG645" s="613"/>
      <c r="HFH645" s="613"/>
      <c r="HFI645" s="613"/>
      <c r="HFJ645" s="613"/>
      <c r="HFK645" s="613"/>
      <c r="HFL645" s="613"/>
      <c r="HFM645" s="613"/>
      <c r="HFN645" s="613"/>
      <c r="HFO645" s="613"/>
      <c r="HFP645" s="613"/>
      <c r="HFQ645" s="613"/>
      <c r="HFR645" s="613"/>
      <c r="HFS645" s="613"/>
      <c r="HFT645" s="613"/>
      <c r="HFU645" s="613"/>
      <c r="HFV645" s="613"/>
      <c r="HFW645" s="613"/>
      <c r="HFX645" s="613"/>
      <c r="HFY645" s="613"/>
      <c r="HFZ645" s="613"/>
      <c r="HGA645" s="613"/>
      <c r="HGB645" s="613"/>
      <c r="HGC645" s="613"/>
      <c r="HGD645" s="613"/>
      <c r="HGE645" s="613"/>
      <c r="HGF645" s="613"/>
      <c r="HGG645" s="613"/>
      <c r="HGH645" s="613"/>
      <c r="HGI645" s="613"/>
      <c r="HGJ645" s="613"/>
      <c r="HGK645" s="613"/>
      <c r="HGL645" s="613"/>
      <c r="HGM645" s="613"/>
      <c r="HGN645" s="613"/>
      <c r="HGO645" s="613"/>
      <c r="HGP645" s="613"/>
      <c r="HGQ645" s="613"/>
      <c r="HGR645" s="613"/>
      <c r="HGS645" s="613"/>
      <c r="HGT645" s="613"/>
      <c r="HGU645" s="613"/>
      <c r="HGV645" s="613"/>
      <c r="HGW645" s="613"/>
      <c r="HGX645" s="613"/>
      <c r="HGY645" s="613"/>
      <c r="HGZ645" s="613"/>
      <c r="HHA645" s="613"/>
      <c r="HHB645" s="613"/>
      <c r="HHC645" s="613"/>
      <c r="HHD645" s="613"/>
      <c r="HHE645" s="613"/>
      <c r="HHF645" s="613"/>
      <c r="HHG645" s="613"/>
      <c r="HHH645" s="613"/>
      <c r="HHI645" s="613"/>
      <c r="HHJ645" s="613"/>
      <c r="HHK645" s="613"/>
      <c r="HHL645" s="613"/>
      <c r="HHM645" s="613"/>
      <c r="HHN645" s="613"/>
      <c r="HHO645" s="613"/>
      <c r="HHP645" s="613"/>
      <c r="HHQ645" s="613"/>
      <c r="HHR645" s="613"/>
      <c r="HHS645" s="613"/>
      <c r="HHT645" s="613"/>
      <c r="HHU645" s="613"/>
      <c r="HHV645" s="613"/>
      <c r="HHW645" s="613"/>
      <c r="HHX645" s="613"/>
      <c r="HHY645" s="613"/>
      <c r="HHZ645" s="613"/>
      <c r="HIA645" s="613"/>
      <c r="HIB645" s="613"/>
      <c r="HIC645" s="613"/>
      <c r="HID645" s="613"/>
      <c r="HIE645" s="613"/>
      <c r="HIF645" s="613"/>
      <c r="HIG645" s="613"/>
      <c r="HIH645" s="613"/>
      <c r="HII645" s="613"/>
      <c r="HIJ645" s="613"/>
      <c r="HIK645" s="613"/>
      <c r="HIL645" s="613"/>
      <c r="HIM645" s="613"/>
      <c r="HIN645" s="613"/>
      <c r="HIO645" s="613"/>
      <c r="HIP645" s="613"/>
      <c r="HIQ645" s="613"/>
      <c r="HIR645" s="613"/>
      <c r="HIS645" s="613"/>
      <c r="HIT645" s="613"/>
      <c r="HIU645" s="613"/>
      <c r="HIV645" s="613"/>
      <c r="HIW645" s="613"/>
      <c r="HIX645" s="613"/>
      <c r="HIY645" s="613"/>
      <c r="HIZ645" s="613"/>
      <c r="HJA645" s="613"/>
      <c r="HJB645" s="613"/>
      <c r="HJC645" s="613"/>
      <c r="HJD645" s="613"/>
      <c r="HJE645" s="613"/>
      <c r="HJF645" s="613"/>
      <c r="HJG645" s="613"/>
      <c r="HJH645" s="613"/>
      <c r="HJI645" s="613"/>
      <c r="HJJ645" s="613"/>
      <c r="HJK645" s="613"/>
      <c r="HJL645" s="613"/>
      <c r="HJM645" s="613"/>
      <c r="HJN645" s="613"/>
      <c r="HJO645" s="613"/>
      <c r="HJP645" s="613"/>
      <c r="HJQ645" s="613"/>
      <c r="HJR645" s="613"/>
      <c r="HJS645" s="613"/>
      <c r="HJT645" s="613"/>
      <c r="HJU645" s="613"/>
      <c r="HJV645" s="613"/>
      <c r="HJW645" s="613"/>
      <c r="HJX645" s="613"/>
      <c r="HJY645" s="613"/>
      <c r="HJZ645" s="613"/>
      <c r="HKA645" s="613"/>
      <c r="HKB645" s="613"/>
      <c r="HKC645" s="613"/>
      <c r="HKD645" s="613"/>
      <c r="HKE645" s="613"/>
      <c r="HKF645" s="613"/>
      <c r="HKG645" s="613"/>
      <c r="HKH645" s="613"/>
      <c r="HKI645" s="613"/>
      <c r="HKJ645" s="613"/>
      <c r="HKK645" s="613"/>
      <c r="HKL645" s="613"/>
      <c r="HKM645" s="613"/>
      <c r="HKN645" s="613"/>
      <c r="HKO645" s="613"/>
      <c r="HKP645" s="613"/>
      <c r="HKQ645" s="613"/>
      <c r="HKR645" s="613"/>
      <c r="HKS645" s="613"/>
      <c r="HKT645" s="613"/>
      <c r="HKU645" s="613"/>
      <c r="HKV645" s="613"/>
      <c r="HKW645" s="613"/>
      <c r="HKX645" s="613"/>
      <c r="HKY645" s="613"/>
      <c r="HKZ645" s="613"/>
      <c r="HLA645" s="613"/>
      <c r="HLB645" s="613"/>
      <c r="HLC645" s="613"/>
      <c r="HLD645" s="613"/>
      <c r="HLE645" s="613"/>
      <c r="HLF645" s="613"/>
      <c r="HLG645" s="613"/>
      <c r="HLH645" s="613"/>
      <c r="HLI645" s="613"/>
      <c r="HLJ645" s="613"/>
      <c r="HLK645" s="613"/>
      <c r="HLL645" s="613"/>
      <c r="HLM645" s="613"/>
      <c r="HLN645" s="613"/>
      <c r="HLO645" s="613"/>
      <c r="HLP645" s="613"/>
      <c r="HLQ645" s="613"/>
      <c r="HLR645" s="613"/>
      <c r="HLS645" s="613"/>
      <c r="HLT645" s="613"/>
      <c r="HLU645" s="613"/>
      <c r="HLV645" s="613"/>
      <c r="HLW645" s="613"/>
      <c r="HLX645" s="613"/>
      <c r="HLY645" s="613"/>
      <c r="HLZ645" s="613"/>
      <c r="HMA645" s="613"/>
      <c r="HMB645" s="613"/>
      <c r="HMC645" s="613"/>
      <c r="HMD645" s="613"/>
      <c r="HME645" s="613"/>
      <c r="HMF645" s="613"/>
      <c r="HMG645" s="613"/>
      <c r="HMH645" s="613"/>
      <c r="HMI645" s="613"/>
      <c r="HMJ645" s="613"/>
      <c r="HMK645" s="613"/>
      <c r="HML645" s="613"/>
      <c r="HMM645" s="613"/>
      <c r="HMN645" s="613"/>
      <c r="HMO645" s="613"/>
      <c r="HMP645" s="613"/>
      <c r="HMQ645" s="613"/>
      <c r="HMR645" s="613"/>
      <c r="HMS645" s="613"/>
      <c r="HMT645" s="613"/>
      <c r="HMU645" s="613"/>
      <c r="HMV645" s="613"/>
      <c r="HMW645" s="613"/>
      <c r="HMX645" s="613"/>
      <c r="HMY645" s="613"/>
      <c r="HMZ645" s="613"/>
      <c r="HNA645" s="613"/>
      <c r="HNB645" s="613"/>
      <c r="HNC645" s="613"/>
      <c r="HND645" s="613"/>
      <c r="HNE645" s="613"/>
      <c r="HNF645" s="613"/>
      <c r="HNG645" s="613"/>
      <c r="HNH645" s="613"/>
      <c r="HNI645" s="613"/>
      <c r="HNJ645" s="613"/>
      <c r="HNK645" s="613"/>
      <c r="HNL645" s="613"/>
      <c r="HNM645" s="613"/>
      <c r="HNN645" s="613"/>
      <c r="HNO645" s="613"/>
      <c r="HNP645" s="613"/>
      <c r="HNQ645" s="613"/>
      <c r="HNR645" s="613"/>
      <c r="HNS645" s="613"/>
      <c r="HNT645" s="613"/>
      <c r="HNU645" s="613"/>
      <c r="HNV645" s="613"/>
      <c r="HNW645" s="613"/>
      <c r="HNX645" s="613"/>
      <c r="HNY645" s="613"/>
      <c r="HNZ645" s="613"/>
      <c r="HOA645" s="613"/>
      <c r="HOB645" s="613"/>
      <c r="HOC645" s="613"/>
      <c r="HOD645" s="613"/>
      <c r="HOE645" s="613"/>
      <c r="HOF645" s="613"/>
      <c r="HOG645" s="613"/>
      <c r="HOH645" s="613"/>
      <c r="HOI645" s="613"/>
      <c r="HOJ645" s="613"/>
      <c r="HOK645" s="613"/>
      <c r="HOL645" s="613"/>
      <c r="HOM645" s="613"/>
      <c r="HON645" s="613"/>
      <c r="HOO645" s="613"/>
      <c r="HOP645" s="613"/>
      <c r="HOQ645" s="613"/>
      <c r="HOR645" s="613"/>
      <c r="HOS645" s="613"/>
      <c r="HOT645" s="613"/>
      <c r="HOU645" s="613"/>
      <c r="HOV645" s="613"/>
      <c r="HOW645" s="613"/>
      <c r="HOX645" s="613"/>
      <c r="HOY645" s="613"/>
      <c r="HOZ645" s="613"/>
      <c r="HPA645" s="613"/>
      <c r="HPB645" s="613"/>
      <c r="HPC645" s="613"/>
      <c r="HPD645" s="613"/>
      <c r="HPE645" s="613"/>
      <c r="HPF645" s="613"/>
      <c r="HPG645" s="613"/>
      <c r="HPH645" s="613"/>
      <c r="HPI645" s="613"/>
      <c r="HPJ645" s="613"/>
      <c r="HPK645" s="613"/>
      <c r="HPL645" s="613"/>
      <c r="HPM645" s="613"/>
      <c r="HPN645" s="613"/>
      <c r="HPO645" s="613"/>
      <c r="HPP645" s="613"/>
      <c r="HPQ645" s="613"/>
      <c r="HPR645" s="613"/>
      <c r="HPS645" s="613"/>
      <c r="HPT645" s="613"/>
      <c r="HPU645" s="613"/>
      <c r="HPV645" s="613"/>
      <c r="HPW645" s="613"/>
      <c r="HPX645" s="613"/>
      <c r="HPY645" s="613"/>
      <c r="HPZ645" s="613"/>
      <c r="HQA645" s="613"/>
      <c r="HQB645" s="613"/>
      <c r="HQC645" s="613"/>
      <c r="HQD645" s="613"/>
      <c r="HQE645" s="613"/>
      <c r="HQF645" s="613"/>
      <c r="HQG645" s="613"/>
      <c r="HQH645" s="613"/>
      <c r="HQI645" s="613"/>
      <c r="HQJ645" s="613"/>
      <c r="HQK645" s="613"/>
      <c r="HQL645" s="613"/>
      <c r="HQM645" s="613"/>
      <c r="HQN645" s="613"/>
      <c r="HQO645" s="613"/>
      <c r="HQP645" s="613"/>
      <c r="HQQ645" s="613"/>
      <c r="HQR645" s="613"/>
      <c r="HQS645" s="613"/>
      <c r="HQT645" s="613"/>
      <c r="HQU645" s="613"/>
      <c r="HQV645" s="613"/>
      <c r="HQW645" s="613"/>
      <c r="HQX645" s="613"/>
      <c r="HQY645" s="613"/>
      <c r="HQZ645" s="613"/>
      <c r="HRA645" s="613"/>
      <c r="HRB645" s="613"/>
      <c r="HRC645" s="613"/>
      <c r="HRD645" s="613"/>
      <c r="HRE645" s="613"/>
      <c r="HRF645" s="613"/>
      <c r="HRG645" s="613"/>
      <c r="HRH645" s="613"/>
      <c r="HRI645" s="613"/>
      <c r="HRJ645" s="613"/>
      <c r="HRK645" s="613"/>
      <c r="HRL645" s="613"/>
      <c r="HRM645" s="613"/>
      <c r="HRN645" s="613"/>
      <c r="HRO645" s="613"/>
      <c r="HRP645" s="613"/>
      <c r="HRQ645" s="613"/>
      <c r="HRR645" s="613"/>
      <c r="HRS645" s="613"/>
      <c r="HRT645" s="613"/>
      <c r="HRU645" s="613"/>
      <c r="HRV645" s="613"/>
      <c r="HRW645" s="613"/>
      <c r="HRX645" s="613"/>
      <c r="HRY645" s="613"/>
      <c r="HRZ645" s="613"/>
      <c r="HSA645" s="613"/>
      <c r="HSB645" s="613"/>
      <c r="HSC645" s="613"/>
      <c r="HSD645" s="613"/>
      <c r="HSE645" s="613"/>
      <c r="HSF645" s="613"/>
      <c r="HSG645" s="613"/>
      <c r="HSH645" s="613"/>
      <c r="HSI645" s="613"/>
      <c r="HSJ645" s="613"/>
      <c r="HSK645" s="613"/>
      <c r="HSL645" s="613"/>
      <c r="HSM645" s="613"/>
      <c r="HSN645" s="613"/>
      <c r="HSO645" s="613"/>
      <c r="HSP645" s="613"/>
      <c r="HSQ645" s="613"/>
      <c r="HSR645" s="613"/>
      <c r="HSS645" s="613"/>
      <c r="HST645" s="613"/>
      <c r="HSU645" s="613"/>
      <c r="HSV645" s="613"/>
      <c r="HSW645" s="613"/>
      <c r="HSX645" s="613"/>
      <c r="HSY645" s="613"/>
      <c r="HSZ645" s="613"/>
      <c r="HTA645" s="613"/>
      <c r="HTB645" s="613"/>
      <c r="HTC645" s="613"/>
      <c r="HTD645" s="613"/>
      <c r="HTE645" s="613"/>
      <c r="HTF645" s="613"/>
      <c r="HTG645" s="613"/>
      <c r="HTH645" s="613"/>
      <c r="HTI645" s="613"/>
      <c r="HTJ645" s="613"/>
      <c r="HTK645" s="613"/>
      <c r="HTL645" s="613"/>
      <c r="HTM645" s="613"/>
      <c r="HTN645" s="613"/>
      <c r="HTO645" s="613"/>
      <c r="HTP645" s="613"/>
      <c r="HTQ645" s="613"/>
      <c r="HTR645" s="613"/>
      <c r="HTS645" s="613"/>
      <c r="HTT645" s="613"/>
      <c r="HTU645" s="613"/>
      <c r="HTV645" s="613"/>
      <c r="HTW645" s="613"/>
      <c r="HTX645" s="613"/>
      <c r="HTY645" s="613"/>
      <c r="HTZ645" s="613"/>
      <c r="HUA645" s="613"/>
      <c r="HUB645" s="613"/>
      <c r="HUC645" s="613"/>
      <c r="HUD645" s="613"/>
      <c r="HUE645" s="613"/>
      <c r="HUF645" s="613"/>
      <c r="HUG645" s="613"/>
      <c r="HUH645" s="613"/>
      <c r="HUI645" s="613"/>
      <c r="HUJ645" s="613"/>
      <c r="HUK645" s="613"/>
      <c r="HUL645" s="613"/>
      <c r="HUM645" s="613"/>
      <c r="HUN645" s="613"/>
      <c r="HUO645" s="613"/>
      <c r="HUP645" s="613"/>
      <c r="HUQ645" s="613"/>
      <c r="HUR645" s="613"/>
      <c r="HUS645" s="613"/>
      <c r="HUT645" s="613"/>
      <c r="HUU645" s="613"/>
      <c r="HUV645" s="613"/>
      <c r="HUW645" s="613"/>
      <c r="HUX645" s="613"/>
      <c r="HUY645" s="613"/>
      <c r="HUZ645" s="613"/>
      <c r="HVA645" s="613"/>
      <c r="HVB645" s="613"/>
      <c r="HVC645" s="613"/>
      <c r="HVD645" s="613"/>
      <c r="HVE645" s="613"/>
      <c r="HVF645" s="613"/>
      <c r="HVG645" s="613"/>
      <c r="HVH645" s="613"/>
      <c r="HVI645" s="613"/>
      <c r="HVJ645" s="613"/>
      <c r="HVK645" s="613"/>
      <c r="HVL645" s="613"/>
      <c r="HVM645" s="613"/>
      <c r="HVN645" s="613"/>
      <c r="HVO645" s="613"/>
      <c r="HVP645" s="613"/>
      <c r="HVQ645" s="613"/>
      <c r="HVR645" s="613"/>
      <c r="HVS645" s="613"/>
      <c r="HVT645" s="613"/>
      <c r="HVU645" s="613"/>
      <c r="HVV645" s="613"/>
      <c r="HVW645" s="613"/>
      <c r="HVX645" s="613"/>
      <c r="HVY645" s="613"/>
      <c r="HVZ645" s="613"/>
      <c r="HWA645" s="613"/>
      <c r="HWB645" s="613"/>
      <c r="HWC645" s="613"/>
      <c r="HWD645" s="613"/>
      <c r="HWE645" s="613"/>
      <c r="HWF645" s="613"/>
      <c r="HWG645" s="613"/>
      <c r="HWH645" s="613"/>
      <c r="HWI645" s="613"/>
      <c r="HWJ645" s="613"/>
      <c r="HWK645" s="613"/>
      <c r="HWL645" s="613"/>
      <c r="HWM645" s="613"/>
      <c r="HWN645" s="613"/>
      <c r="HWO645" s="613"/>
      <c r="HWP645" s="613"/>
      <c r="HWQ645" s="613"/>
      <c r="HWR645" s="613"/>
      <c r="HWS645" s="613"/>
      <c r="HWT645" s="613"/>
      <c r="HWU645" s="613"/>
      <c r="HWV645" s="613"/>
      <c r="HWW645" s="613"/>
      <c r="HWX645" s="613"/>
      <c r="HWY645" s="613"/>
      <c r="HWZ645" s="613"/>
      <c r="HXA645" s="613"/>
      <c r="HXB645" s="613"/>
      <c r="HXC645" s="613"/>
      <c r="HXD645" s="613"/>
      <c r="HXE645" s="613"/>
      <c r="HXF645" s="613"/>
      <c r="HXG645" s="613"/>
      <c r="HXH645" s="613"/>
      <c r="HXI645" s="613"/>
      <c r="HXJ645" s="613"/>
      <c r="HXK645" s="613"/>
      <c r="HXL645" s="613"/>
      <c r="HXM645" s="613"/>
      <c r="HXN645" s="613"/>
      <c r="HXO645" s="613"/>
      <c r="HXP645" s="613"/>
      <c r="HXQ645" s="613"/>
      <c r="HXR645" s="613"/>
      <c r="HXS645" s="613"/>
      <c r="HXT645" s="613"/>
      <c r="HXU645" s="613"/>
      <c r="HXV645" s="613"/>
      <c r="HXW645" s="613"/>
      <c r="HXX645" s="613"/>
      <c r="HXY645" s="613"/>
      <c r="HXZ645" s="613"/>
      <c r="HYA645" s="613"/>
      <c r="HYB645" s="613"/>
      <c r="HYC645" s="613"/>
      <c r="HYD645" s="613"/>
      <c r="HYE645" s="613"/>
      <c r="HYF645" s="613"/>
      <c r="HYG645" s="613"/>
      <c r="HYH645" s="613"/>
      <c r="HYI645" s="613"/>
      <c r="HYJ645" s="613"/>
      <c r="HYK645" s="613"/>
      <c r="HYL645" s="613"/>
      <c r="HYM645" s="613"/>
      <c r="HYN645" s="613"/>
      <c r="HYO645" s="613"/>
      <c r="HYP645" s="613"/>
      <c r="HYQ645" s="613"/>
      <c r="HYR645" s="613"/>
      <c r="HYS645" s="613"/>
      <c r="HYT645" s="613"/>
      <c r="HYU645" s="613"/>
      <c r="HYV645" s="613"/>
      <c r="HYW645" s="613"/>
      <c r="HYX645" s="613"/>
      <c r="HYY645" s="613"/>
      <c r="HYZ645" s="613"/>
      <c r="HZA645" s="613"/>
      <c r="HZB645" s="613"/>
      <c r="HZC645" s="613"/>
      <c r="HZD645" s="613"/>
      <c r="HZE645" s="613"/>
      <c r="HZF645" s="613"/>
      <c r="HZG645" s="613"/>
      <c r="HZH645" s="613"/>
      <c r="HZI645" s="613"/>
      <c r="HZJ645" s="613"/>
      <c r="HZK645" s="613"/>
      <c r="HZL645" s="613"/>
      <c r="HZM645" s="613"/>
      <c r="HZN645" s="613"/>
      <c r="HZO645" s="613"/>
      <c r="HZP645" s="613"/>
      <c r="HZQ645" s="613"/>
      <c r="HZR645" s="613"/>
      <c r="HZS645" s="613"/>
      <c r="HZT645" s="613"/>
      <c r="HZU645" s="613"/>
      <c r="HZV645" s="613"/>
      <c r="HZW645" s="613"/>
      <c r="HZX645" s="613"/>
      <c r="HZY645" s="613"/>
      <c r="HZZ645" s="613"/>
      <c r="IAA645" s="613"/>
      <c r="IAB645" s="613"/>
      <c r="IAC645" s="613"/>
      <c r="IAD645" s="613"/>
      <c r="IAE645" s="613"/>
      <c r="IAF645" s="613"/>
      <c r="IAG645" s="613"/>
      <c r="IAH645" s="613"/>
      <c r="IAI645" s="613"/>
      <c r="IAJ645" s="613"/>
      <c r="IAK645" s="613"/>
      <c r="IAL645" s="613"/>
      <c r="IAM645" s="613"/>
      <c r="IAN645" s="613"/>
      <c r="IAO645" s="613"/>
      <c r="IAP645" s="613"/>
      <c r="IAQ645" s="613"/>
      <c r="IAR645" s="613"/>
      <c r="IAS645" s="613"/>
      <c r="IAT645" s="613"/>
      <c r="IAU645" s="613"/>
      <c r="IAV645" s="613"/>
      <c r="IAW645" s="613"/>
      <c r="IAX645" s="613"/>
      <c r="IAY645" s="613"/>
      <c r="IAZ645" s="613"/>
      <c r="IBA645" s="613"/>
      <c r="IBB645" s="613"/>
      <c r="IBC645" s="613"/>
      <c r="IBD645" s="613"/>
      <c r="IBE645" s="613"/>
      <c r="IBF645" s="613"/>
      <c r="IBG645" s="613"/>
      <c r="IBH645" s="613"/>
      <c r="IBI645" s="613"/>
      <c r="IBJ645" s="613"/>
      <c r="IBK645" s="613"/>
      <c r="IBL645" s="613"/>
      <c r="IBM645" s="613"/>
      <c r="IBN645" s="613"/>
      <c r="IBO645" s="613"/>
      <c r="IBP645" s="613"/>
      <c r="IBQ645" s="613"/>
      <c r="IBR645" s="613"/>
      <c r="IBS645" s="613"/>
      <c r="IBT645" s="613"/>
      <c r="IBU645" s="613"/>
      <c r="IBV645" s="613"/>
      <c r="IBW645" s="613"/>
      <c r="IBX645" s="613"/>
      <c r="IBY645" s="613"/>
      <c r="IBZ645" s="613"/>
      <c r="ICA645" s="613"/>
      <c r="ICB645" s="613"/>
      <c r="ICC645" s="613"/>
      <c r="ICD645" s="613"/>
      <c r="ICE645" s="613"/>
      <c r="ICF645" s="613"/>
      <c r="ICG645" s="613"/>
      <c r="ICH645" s="613"/>
      <c r="ICI645" s="613"/>
      <c r="ICJ645" s="613"/>
      <c r="ICK645" s="613"/>
      <c r="ICL645" s="613"/>
      <c r="ICM645" s="613"/>
      <c r="ICN645" s="613"/>
      <c r="ICO645" s="613"/>
      <c r="ICP645" s="613"/>
      <c r="ICQ645" s="613"/>
      <c r="ICR645" s="613"/>
      <c r="ICS645" s="613"/>
      <c r="ICT645" s="613"/>
      <c r="ICU645" s="613"/>
      <c r="ICV645" s="613"/>
      <c r="ICW645" s="613"/>
      <c r="ICX645" s="613"/>
      <c r="ICY645" s="613"/>
      <c r="ICZ645" s="613"/>
      <c r="IDA645" s="613"/>
      <c r="IDB645" s="613"/>
      <c r="IDC645" s="613"/>
      <c r="IDD645" s="613"/>
      <c r="IDE645" s="613"/>
      <c r="IDF645" s="613"/>
      <c r="IDG645" s="613"/>
      <c r="IDH645" s="613"/>
      <c r="IDI645" s="613"/>
      <c r="IDJ645" s="613"/>
      <c r="IDK645" s="613"/>
      <c r="IDL645" s="613"/>
      <c r="IDM645" s="613"/>
      <c r="IDN645" s="613"/>
      <c r="IDO645" s="613"/>
      <c r="IDP645" s="613"/>
      <c r="IDQ645" s="613"/>
      <c r="IDR645" s="613"/>
      <c r="IDS645" s="613"/>
      <c r="IDT645" s="613"/>
      <c r="IDU645" s="613"/>
      <c r="IDV645" s="613"/>
      <c r="IDW645" s="613"/>
      <c r="IDX645" s="613"/>
      <c r="IDY645" s="613"/>
      <c r="IDZ645" s="613"/>
      <c r="IEA645" s="613"/>
      <c r="IEB645" s="613"/>
      <c r="IEC645" s="613"/>
      <c r="IED645" s="613"/>
      <c r="IEE645" s="613"/>
      <c r="IEF645" s="613"/>
      <c r="IEG645" s="613"/>
      <c r="IEH645" s="613"/>
      <c r="IEI645" s="613"/>
      <c r="IEJ645" s="613"/>
      <c r="IEK645" s="613"/>
      <c r="IEL645" s="613"/>
      <c r="IEM645" s="613"/>
      <c r="IEN645" s="613"/>
      <c r="IEO645" s="613"/>
      <c r="IEP645" s="613"/>
      <c r="IEQ645" s="613"/>
      <c r="IER645" s="613"/>
      <c r="IES645" s="613"/>
      <c r="IET645" s="613"/>
      <c r="IEU645" s="613"/>
      <c r="IEV645" s="613"/>
      <c r="IEW645" s="613"/>
      <c r="IEX645" s="613"/>
      <c r="IEY645" s="613"/>
      <c r="IEZ645" s="613"/>
      <c r="IFA645" s="613"/>
      <c r="IFB645" s="613"/>
      <c r="IFC645" s="613"/>
      <c r="IFD645" s="613"/>
      <c r="IFE645" s="613"/>
      <c r="IFF645" s="613"/>
      <c r="IFG645" s="613"/>
      <c r="IFH645" s="613"/>
      <c r="IFI645" s="613"/>
      <c r="IFJ645" s="613"/>
      <c r="IFK645" s="613"/>
      <c r="IFL645" s="613"/>
      <c r="IFM645" s="613"/>
      <c r="IFN645" s="613"/>
      <c r="IFO645" s="613"/>
      <c r="IFP645" s="613"/>
      <c r="IFQ645" s="613"/>
      <c r="IFR645" s="613"/>
      <c r="IFS645" s="613"/>
      <c r="IFT645" s="613"/>
      <c r="IFU645" s="613"/>
      <c r="IFV645" s="613"/>
      <c r="IFW645" s="613"/>
      <c r="IFX645" s="613"/>
      <c r="IFY645" s="613"/>
      <c r="IFZ645" s="613"/>
      <c r="IGA645" s="613"/>
      <c r="IGB645" s="613"/>
      <c r="IGC645" s="613"/>
      <c r="IGD645" s="613"/>
      <c r="IGE645" s="613"/>
      <c r="IGF645" s="613"/>
      <c r="IGG645" s="613"/>
      <c r="IGH645" s="613"/>
      <c r="IGI645" s="613"/>
      <c r="IGJ645" s="613"/>
      <c r="IGK645" s="613"/>
      <c r="IGL645" s="613"/>
      <c r="IGM645" s="613"/>
      <c r="IGN645" s="613"/>
      <c r="IGO645" s="613"/>
      <c r="IGP645" s="613"/>
      <c r="IGQ645" s="613"/>
      <c r="IGR645" s="613"/>
      <c r="IGS645" s="613"/>
      <c r="IGT645" s="613"/>
      <c r="IGU645" s="613"/>
      <c r="IGV645" s="613"/>
      <c r="IGW645" s="613"/>
      <c r="IGX645" s="613"/>
      <c r="IGY645" s="613"/>
      <c r="IGZ645" s="613"/>
      <c r="IHA645" s="613"/>
      <c r="IHB645" s="613"/>
      <c r="IHC645" s="613"/>
      <c r="IHD645" s="613"/>
      <c r="IHE645" s="613"/>
      <c r="IHF645" s="613"/>
      <c r="IHG645" s="613"/>
      <c r="IHH645" s="613"/>
      <c r="IHI645" s="613"/>
      <c r="IHJ645" s="613"/>
      <c r="IHK645" s="613"/>
      <c r="IHL645" s="613"/>
      <c r="IHM645" s="613"/>
      <c r="IHN645" s="613"/>
      <c r="IHO645" s="613"/>
      <c r="IHP645" s="613"/>
      <c r="IHQ645" s="613"/>
      <c r="IHR645" s="613"/>
      <c r="IHS645" s="613"/>
      <c r="IHT645" s="613"/>
      <c r="IHU645" s="613"/>
      <c r="IHV645" s="613"/>
      <c r="IHW645" s="613"/>
      <c r="IHX645" s="613"/>
      <c r="IHY645" s="613"/>
      <c r="IHZ645" s="613"/>
      <c r="IIA645" s="613"/>
      <c r="IIB645" s="613"/>
      <c r="IIC645" s="613"/>
      <c r="IID645" s="613"/>
      <c r="IIE645" s="613"/>
      <c r="IIF645" s="613"/>
      <c r="IIG645" s="613"/>
      <c r="IIH645" s="613"/>
      <c r="III645" s="613"/>
      <c r="IIJ645" s="613"/>
      <c r="IIK645" s="613"/>
      <c r="IIL645" s="613"/>
      <c r="IIM645" s="613"/>
      <c r="IIN645" s="613"/>
      <c r="IIO645" s="613"/>
      <c r="IIP645" s="613"/>
      <c r="IIQ645" s="613"/>
      <c r="IIR645" s="613"/>
      <c r="IIS645" s="613"/>
      <c r="IIT645" s="613"/>
      <c r="IIU645" s="613"/>
      <c r="IIV645" s="613"/>
      <c r="IIW645" s="613"/>
      <c r="IIX645" s="613"/>
      <c r="IIY645" s="613"/>
      <c r="IIZ645" s="613"/>
      <c r="IJA645" s="613"/>
      <c r="IJB645" s="613"/>
      <c r="IJC645" s="613"/>
      <c r="IJD645" s="613"/>
      <c r="IJE645" s="613"/>
      <c r="IJF645" s="613"/>
      <c r="IJG645" s="613"/>
      <c r="IJH645" s="613"/>
      <c r="IJI645" s="613"/>
      <c r="IJJ645" s="613"/>
      <c r="IJK645" s="613"/>
      <c r="IJL645" s="613"/>
      <c r="IJM645" s="613"/>
      <c r="IJN645" s="613"/>
      <c r="IJO645" s="613"/>
      <c r="IJP645" s="613"/>
      <c r="IJQ645" s="613"/>
      <c r="IJR645" s="613"/>
      <c r="IJS645" s="613"/>
      <c r="IJT645" s="613"/>
      <c r="IJU645" s="613"/>
      <c r="IJV645" s="613"/>
      <c r="IJW645" s="613"/>
      <c r="IJX645" s="613"/>
      <c r="IJY645" s="613"/>
      <c r="IJZ645" s="613"/>
      <c r="IKA645" s="613"/>
      <c r="IKB645" s="613"/>
      <c r="IKC645" s="613"/>
      <c r="IKD645" s="613"/>
      <c r="IKE645" s="613"/>
      <c r="IKF645" s="613"/>
      <c r="IKG645" s="613"/>
      <c r="IKH645" s="613"/>
      <c r="IKI645" s="613"/>
      <c r="IKJ645" s="613"/>
      <c r="IKK645" s="613"/>
      <c r="IKL645" s="613"/>
      <c r="IKM645" s="613"/>
      <c r="IKN645" s="613"/>
      <c r="IKO645" s="613"/>
      <c r="IKP645" s="613"/>
      <c r="IKQ645" s="613"/>
      <c r="IKR645" s="613"/>
      <c r="IKS645" s="613"/>
      <c r="IKT645" s="613"/>
      <c r="IKU645" s="613"/>
      <c r="IKV645" s="613"/>
      <c r="IKW645" s="613"/>
      <c r="IKX645" s="613"/>
      <c r="IKY645" s="613"/>
      <c r="IKZ645" s="613"/>
      <c r="ILA645" s="613"/>
      <c r="ILB645" s="613"/>
      <c r="ILC645" s="613"/>
      <c r="ILD645" s="613"/>
      <c r="ILE645" s="613"/>
      <c r="ILF645" s="613"/>
      <c r="ILG645" s="613"/>
      <c r="ILH645" s="613"/>
      <c r="ILI645" s="613"/>
      <c r="ILJ645" s="613"/>
      <c r="ILK645" s="613"/>
      <c r="ILL645" s="613"/>
      <c r="ILM645" s="613"/>
      <c r="ILN645" s="613"/>
      <c r="ILO645" s="613"/>
      <c r="ILP645" s="613"/>
      <c r="ILQ645" s="613"/>
      <c r="ILR645" s="613"/>
      <c r="ILS645" s="613"/>
      <c r="ILT645" s="613"/>
      <c r="ILU645" s="613"/>
      <c r="ILV645" s="613"/>
      <c r="ILW645" s="613"/>
      <c r="ILX645" s="613"/>
      <c r="ILY645" s="613"/>
      <c r="ILZ645" s="613"/>
      <c r="IMA645" s="613"/>
      <c r="IMB645" s="613"/>
      <c r="IMC645" s="613"/>
      <c r="IMD645" s="613"/>
      <c r="IME645" s="613"/>
      <c r="IMF645" s="613"/>
      <c r="IMG645" s="613"/>
      <c r="IMH645" s="613"/>
      <c r="IMI645" s="613"/>
      <c r="IMJ645" s="613"/>
      <c r="IMK645" s="613"/>
      <c r="IML645" s="613"/>
      <c r="IMM645" s="613"/>
      <c r="IMN645" s="613"/>
      <c r="IMO645" s="613"/>
      <c r="IMP645" s="613"/>
      <c r="IMQ645" s="613"/>
      <c r="IMR645" s="613"/>
      <c r="IMS645" s="613"/>
      <c r="IMT645" s="613"/>
      <c r="IMU645" s="613"/>
      <c r="IMV645" s="613"/>
      <c r="IMW645" s="613"/>
      <c r="IMX645" s="613"/>
      <c r="IMY645" s="613"/>
      <c r="IMZ645" s="613"/>
      <c r="INA645" s="613"/>
      <c r="INB645" s="613"/>
      <c r="INC645" s="613"/>
      <c r="IND645" s="613"/>
      <c r="INE645" s="613"/>
      <c r="INF645" s="613"/>
      <c r="ING645" s="613"/>
      <c r="INH645" s="613"/>
      <c r="INI645" s="613"/>
      <c r="INJ645" s="613"/>
      <c r="INK645" s="613"/>
      <c r="INL645" s="613"/>
      <c r="INM645" s="613"/>
      <c r="INN645" s="613"/>
      <c r="INO645" s="613"/>
      <c r="INP645" s="613"/>
      <c r="INQ645" s="613"/>
      <c r="INR645" s="613"/>
      <c r="INS645" s="613"/>
      <c r="INT645" s="613"/>
      <c r="INU645" s="613"/>
      <c r="INV645" s="613"/>
      <c r="INW645" s="613"/>
      <c r="INX645" s="613"/>
      <c r="INY645" s="613"/>
      <c r="INZ645" s="613"/>
      <c r="IOA645" s="613"/>
      <c r="IOB645" s="613"/>
      <c r="IOC645" s="613"/>
      <c r="IOD645" s="613"/>
      <c r="IOE645" s="613"/>
      <c r="IOF645" s="613"/>
      <c r="IOG645" s="613"/>
      <c r="IOH645" s="613"/>
      <c r="IOI645" s="613"/>
      <c r="IOJ645" s="613"/>
      <c r="IOK645" s="613"/>
      <c r="IOL645" s="613"/>
      <c r="IOM645" s="613"/>
      <c r="ION645" s="613"/>
      <c r="IOO645" s="613"/>
      <c r="IOP645" s="613"/>
      <c r="IOQ645" s="613"/>
      <c r="IOR645" s="613"/>
      <c r="IOS645" s="613"/>
      <c r="IOT645" s="613"/>
      <c r="IOU645" s="613"/>
      <c r="IOV645" s="613"/>
      <c r="IOW645" s="613"/>
      <c r="IOX645" s="613"/>
      <c r="IOY645" s="613"/>
      <c r="IOZ645" s="613"/>
      <c r="IPA645" s="613"/>
      <c r="IPB645" s="613"/>
      <c r="IPC645" s="613"/>
      <c r="IPD645" s="613"/>
      <c r="IPE645" s="613"/>
      <c r="IPF645" s="613"/>
      <c r="IPG645" s="613"/>
      <c r="IPH645" s="613"/>
      <c r="IPI645" s="613"/>
      <c r="IPJ645" s="613"/>
      <c r="IPK645" s="613"/>
      <c r="IPL645" s="613"/>
      <c r="IPM645" s="613"/>
      <c r="IPN645" s="613"/>
      <c r="IPO645" s="613"/>
      <c r="IPP645" s="613"/>
      <c r="IPQ645" s="613"/>
      <c r="IPR645" s="613"/>
      <c r="IPS645" s="613"/>
      <c r="IPT645" s="613"/>
      <c r="IPU645" s="613"/>
      <c r="IPV645" s="613"/>
      <c r="IPW645" s="613"/>
      <c r="IPX645" s="613"/>
      <c r="IPY645" s="613"/>
      <c r="IPZ645" s="613"/>
      <c r="IQA645" s="613"/>
      <c r="IQB645" s="613"/>
      <c r="IQC645" s="613"/>
      <c r="IQD645" s="613"/>
      <c r="IQE645" s="613"/>
      <c r="IQF645" s="613"/>
      <c r="IQG645" s="613"/>
      <c r="IQH645" s="613"/>
      <c r="IQI645" s="613"/>
      <c r="IQJ645" s="613"/>
      <c r="IQK645" s="613"/>
      <c r="IQL645" s="613"/>
      <c r="IQM645" s="613"/>
      <c r="IQN645" s="613"/>
      <c r="IQO645" s="613"/>
      <c r="IQP645" s="613"/>
      <c r="IQQ645" s="613"/>
      <c r="IQR645" s="613"/>
      <c r="IQS645" s="613"/>
      <c r="IQT645" s="613"/>
      <c r="IQU645" s="613"/>
      <c r="IQV645" s="613"/>
      <c r="IQW645" s="613"/>
      <c r="IQX645" s="613"/>
      <c r="IQY645" s="613"/>
      <c r="IQZ645" s="613"/>
      <c r="IRA645" s="613"/>
      <c r="IRB645" s="613"/>
      <c r="IRC645" s="613"/>
      <c r="IRD645" s="613"/>
      <c r="IRE645" s="613"/>
      <c r="IRF645" s="613"/>
      <c r="IRG645" s="613"/>
      <c r="IRH645" s="613"/>
      <c r="IRI645" s="613"/>
      <c r="IRJ645" s="613"/>
      <c r="IRK645" s="613"/>
      <c r="IRL645" s="613"/>
      <c r="IRM645" s="613"/>
      <c r="IRN645" s="613"/>
      <c r="IRO645" s="613"/>
      <c r="IRP645" s="613"/>
      <c r="IRQ645" s="613"/>
      <c r="IRR645" s="613"/>
      <c r="IRS645" s="613"/>
      <c r="IRT645" s="613"/>
      <c r="IRU645" s="613"/>
      <c r="IRV645" s="613"/>
      <c r="IRW645" s="613"/>
      <c r="IRX645" s="613"/>
      <c r="IRY645" s="613"/>
      <c r="IRZ645" s="613"/>
      <c r="ISA645" s="613"/>
      <c r="ISB645" s="613"/>
      <c r="ISC645" s="613"/>
      <c r="ISD645" s="613"/>
      <c r="ISE645" s="613"/>
      <c r="ISF645" s="613"/>
      <c r="ISG645" s="613"/>
      <c r="ISH645" s="613"/>
      <c r="ISI645" s="613"/>
      <c r="ISJ645" s="613"/>
      <c r="ISK645" s="613"/>
      <c r="ISL645" s="613"/>
      <c r="ISM645" s="613"/>
      <c r="ISN645" s="613"/>
      <c r="ISO645" s="613"/>
      <c r="ISP645" s="613"/>
      <c r="ISQ645" s="613"/>
      <c r="ISR645" s="613"/>
      <c r="ISS645" s="613"/>
      <c r="IST645" s="613"/>
      <c r="ISU645" s="613"/>
      <c r="ISV645" s="613"/>
      <c r="ISW645" s="613"/>
      <c r="ISX645" s="613"/>
      <c r="ISY645" s="613"/>
      <c r="ISZ645" s="613"/>
      <c r="ITA645" s="613"/>
      <c r="ITB645" s="613"/>
      <c r="ITC645" s="613"/>
      <c r="ITD645" s="613"/>
      <c r="ITE645" s="613"/>
      <c r="ITF645" s="613"/>
      <c r="ITG645" s="613"/>
      <c r="ITH645" s="613"/>
      <c r="ITI645" s="613"/>
      <c r="ITJ645" s="613"/>
      <c r="ITK645" s="613"/>
      <c r="ITL645" s="613"/>
      <c r="ITM645" s="613"/>
      <c r="ITN645" s="613"/>
      <c r="ITO645" s="613"/>
      <c r="ITP645" s="613"/>
      <c r="ITQ645" s="613"/>
      <c r="ITR645" s="613"/>
      <c r="ITS645" s="613"/>
      <c r="ITT645" s="613"/>
      <c r="ITU645" s="613"/>
      <c r="ITV645" s="613"/>
      <c r="ITW645" s="613"/>
      <c r="ITX645" s="613"/>
      <c r="ITY645" s="613"/>
      <c r="ITZ645" s="613"/>
      <c r="IUA645" s="613"/>
      <c r="IUB645" s="613"/>
      <c r="IUC645" s="613"/>
      <c r="IUD645" s="613"/>
      <c r="IUE645" s="613"/>
      <c r="IUF645" s="613"/>
      <c r="IUG645" s="613"/>
      <c r="IUH645" s="613"/>
      <c r="IUI645" s="613"/>
      <c r="IUJ645" s="613"/>
      <c r="IUK645" s="613"/>
      <c r="IUL645" s="613"/>
      <c r="IUM645" s="613"/>
      <c r="IUN645" s="613"/>
      <c r="IUO645" s="613"/>
      <c r="IUP645" s="613"/>
      <c r="IUQ645" s="613"/>
      <c r="IUR645" s="613"/>
      <c r="IUS645" s="613"/>
      <c r="IUT645" s="613"/>
      <c r="IUU645" s="613"/>
      <c r="IUV645" s="613"/>
      <c r="IUW645" s="613"/>
      <c r="IUX645" s="613"/>
      <c r="IUY645" s="613"/>
      <c r="IUZ645" s="613"/>
      <c r="IVA645" s="613"/>
      <c r="IVB645" s="613"/>
      <c r="IVC645" s="613"/>
      <c r="IVD645" s="613"/>
      <c r="IVE645" s="613"/>
      <c r="IVF645" s="613"/>
      <c r="IVG645" s="613"/>
      <c r="IVH645" s="613"/>
      <c r="IVI645" s="613"/>
      <c r="IVJ645" s="613"/>
      <c r="IVK645" s="613"/>
      <c r="IVL645" s="613"/>
      <c r="IVM645" s="613"/>
      <c r="IVN645" s="613"/>
      <c r="IVO645" s="613"/>
      <c r="IVP645" s="613"/>
      <c r="IVQ645" s="613"/>
      <c r="IVR645" s="613"/>
      <c r="IVS645" s="613"/>
      <c r="IVT645" s="613"/>
      <c r="IVU645" s="613"/>
      <c r="IVV645" s="613"/>
      <c r="IVW645" s="613"/>
      <c r="IVX645" s="613"/>
      <c r="IVY645" s="613"/>
      <c r="IVZ645" s="613"/>
      <c r="IWA645" s="613"/>
      <c r="IWB645" s="613"/>
      <c r="IWC645" s="613"/>
      <c r="IWD645" s="613"/>
      <c r="IWE645" s="613"/>
      <c r="IWF645" s="613"/>
      <c r="IWG645" s="613"/>
      <c r="IWH645" s="613"/>
      <c r="IWI645" s="613"/>
      <c r="IWJ645" s="613"/>
      <c r="IWK645" s="613"/>
      <c r="IWL645" s="613"/>
      <c r="IWM645" s="613"/>
      <c r="IWN645" s="613"/>
      <c r="IWO645" s="613"/>
      <c r="IWP645" s="613"/>
      <c r="IWQ645" s="613"/>
      <c r="IWR645" s="613"/>
      <c r="IWS645" s="613"/>
      <c r="IWT645" s="613"/>
      <c r="IWU645" s="613"/>
      <c r="IWV645" s="613"/>
      <c r="IWW645" s="613"/>
      <c r="IWX645" s="613"/>
      <c r="IWY645" s="613"/>
      <c r="IWZ645" s="613"/>
      <c r="IXA645" s="613"/>
      <c r="IXB645" s="613"/>
      <c r="IXC645" s="613"/>
      <c r="IXD645" s="613"/>
      <c r="IXE645" s="613"/>
      <c r="IXF645" s="613"/>
      <c r="IXG645" s="613"/>
      <c r="IXH645" s="613"/>
      <c r="IXI645" s="613"/>
      <c r="IXJ645" s="613"/>
      <c r="IXK645" s="613"/>
      <c r="IXL645" s="613"/>
      <c r="IXM645" s="613"/>
      <c r="IXN645" s="613"/>
      <c r="IXO645" s="613"/>
      <c r="IXP645" s="613"/>
      <c r="IXQ645" s="613"/>
      <c r="IXR645" s="613"/>
      <c r="IXS645" s="613"/>
      <c r="IXT645" s="613"/>
      <c r="IXU645" s="613"/>
      <c r="IXV645" s="613"/>
      <c r="IXW645" s="613"/>
      <c r="IXX645" s="613"/>
      <c r="IXY645" s="613"/>
      <c r="IXZ645" s="613"/>
      <c r="IYA645" s="613"/>
      <c r="IYB645" s="613"/>
      <c r="IYC645" s="613"/>
      <c r="IYD645" s="613"/>
      <c r="IYE645" s="613"/>
      <c r="IYF645" s="613"/>
      <c r="IYG645" s="613"/>
      <c r="IYH645" s="613"/>
      <c r="IYI645" s="613"/>
      <c r="IYJ645" s="613"/>
      <c r="IYK645" s="613"/>
      <c r="IYL645" s="613"/>
      <c r="IYM645" s="613"/>
      <c r="IYN645" s="613"/>
      <c r="IYO645" s="613"/>
      <c r="IYP645" s="613"/>
      <c r="IYQ645" s="613"/>
      <c r="IYR645" s="613"/>
      <c r="IYS645" s="613"/>
      <c r="IYT645" s="613"/>
      <c r="IYU645" s="613"/>
      <c r="IYV645" s="613"/>
      <c r="IYW645" s="613"/>
      <c r="IYX645" s="613"/>
      <c r="IYY645" s="613"/>
      <c r="IYZ645" s="613"/>
      <c r="IZA645" s="613"/>
      <c r="IZB645" s="613"/>
      <c r="IZC645" s="613"/>
      <c r="IZD645" s="613"/>
      <c r="IZE645" s="613"/>
      <c r="IZF645" s="613"/>
      <c r="IZG645" s="613"/>
      <c r="IZH645" s="613"/>
      <c r="IZI645" s="613"/>
      <c r="IZJ645" s="613"/>
      <c r="IZK645" s="613"/>
      <c r="IZL645" s="613"/>
      <c r="IZM645" s="613"/>
      <c r="IZN645" s="613"/>
      <c r="IZO645" s="613"/>
      <c r="IZP645" s="613"/>
      <c r="IZQ645" s="613"/>
      <c r="IZR645" s="613"/>
      <c r="IZS645" s="613"/>
      <c r="IZT645" s="613"/>
      <c r="IZU645" s="613"/>
      <c r="IZV645" s="613"/>
      <c r="IZW645" s="613"/>
      <c r="IZX645" s="613"/>
      <c r="IZY645" s="613"/>
      <c r="IZZ645" s="613"/>
      <c r="JAA645" s="613"/>
      <c r="JAB645" s="613"/>
      <c r="JAC645" s="613"/>
      <c r="JAD645" s="613"/>
      <c r="JAE645" s="613"/>
      <c r="JAF645" s="613"/>
      <c r="JAG645" s="613"/>
      <c r="JAH645" s="613"/>
      <c r="JAI645" s="613"/>
      <c r="JAJ645" s="613"/>
      <c r="JAK645" s="613"/>
      <c r="JAL645" s="613"/>
      <c r="JAM645" s="613"/>
      <c r="JAN645" s="613"/>
      <c r="JAO645" s="613"/>
      <c r="JAP645" s="613"/>
      <c r="JAQ645" s="613"/>
      <c r="JAR645" s="613"/>
      <c r="JAS645" s="613"/>
      <c r="JAT645" s="613"/>
      <c r="JAU645" s="613"/>
      <c r="JAV645" s="613"/>
      <c r="JAW645" s="613"/>
      <c r="JAX645" s="613"/>
      <c r="JAY645" s="613"/>
      <c r="JAZ645" s="613"/>
      <c r="JBA645" s="613"/>
      <c r="JBB645" s="613"/>
      <c r="JBC645" s="613"/>
      <c r="JBD645" s="613"/>
      <c r="JBE645" s="613"/>
      <c r="JBF645" s="613"/>
      <c r="JBG645" s="613"/>
      <c r="JBH645" s="613"/>
      <c r="JBI645" s="613"/>
      <c r="JBJ645" s="613"/>
      <c r="JBK645" s="613"/>
      <c r="JBL645" s="613"/>
      <c r="JBM645" s="613"/>
      <c r="JBN645" s="613"/>
      <c r="JBO645" s="613"/>
      <c r="JBP645" s="613"/>
      <c r="JBQ645" s="613"/>
      <c r="JBR645" s="613"/>
      <c r="JBS645" s="613"/>
      <c r="JBT645" s="613"/>
      <c r="JBU645" s="613"/>
      <c r="JBV645" s="613"/>
      <c r="JBW645" s="613"/>
      <c r="JBX645" s="613"/>
      <c r="JBY645" s="613"/>
      <c r="JBZ645" s="613"/>
      <c r="JCA645" s="613"/>
      <c r="JCB645" s="613"/>
      <c r="JCC645" s="613"/>
      <c r="JCD645" s="613"/>
      <c r="JCE645" s="613"/>
      <c r="JCF645" s="613"/>
      <c r="JCG645" s="613"/>
      <c r="JCH645" s="613"/>
      <c r="JCI645" s="613"/>
      <c r="JCJ645" s="613"/>
      <c r="JCK645" s="613"/>
      <c r="JCL645" s="613"/>
      <c r="JCM645" s="613"/>
      <c r="JCN645" s="613"/>
      <c r="JCO645" s="613"/>
      <c r="JCP645" s="613"/>
      <c r="JCQ645" s="613"/>
      <c r="JCR645" s="613"/>
      <c r="JCS645" s="613"/>
      <c r="JCT645" s="613"/>
      <c r="JCU645" s="613"/>
      <c r="JCV645" s="613"/>
      <c r="JCW645" s="613"/>
      <c r="JCX645" s="613"/>
      <c r="JCY645" s="613"/>
      <c r="JCZ645" s="613"/>
      <c r="JDA645" s="613"/>
      <c r="JDB645" s="613"/>
      <c r="JDC645" s="613"/>
      <c r="JDD645" s="613"/>
      <c r="JDE645" s="613"/>
      <c r="JDF645" s="613"/>
      <c r="JDG645" s="613"/>
      <c r="JDH645" s="613"/>
      <c r="JDI645" s="613"/>
      <c r="JDJ645" s="613"/>
      <c r="JDK645" s="613"/>
      <c r="JDL645" s="613"/>
      <c r="JDM645" s="613"/>
      <c r="JDN645" s="613"/>
      <c r="JDO645" s="613"/>
      <c r="JDP645" s="613"/>
      <c r="JDQ645" s="613"/>
      <c r="JDR645" s="613"/>
      <c r="JDS645" s="613"/>
      <c r="JDT645" s="613"/>
      <c r="JDU645" s="613"/>
      <c r="JDV645" s="613"/>
      <c r="JDW645" s="613"/>
      <c r="JDX645" s="613"/>
      <c r="JDY645" s="613"/>
      <c r="JDZ645" s="613"/>
      <c r="JEA645" s="613"/>
      <c r="JEB645" s="613"/>
      <c r="JEC645" s="613"/>
      <c r="JED645" s="613"/>
      <c r="JEE645" s="613"/>
      <c r="JEF645" s="613"/>
      <c r="JEG645" s="613"/>
      <c r="JEH645" s="613"/>
      <c r="JEI645" s="613"/>
      <c r="JEJ645" s="613"/>
      <c r="JEK645" s="613"/>
      <c r="JEL645" s="613"/>
      <c r="JEM645" s="613"/>
      <c r="JEN645" s="613"/>
      <c r="JEO645" s="613"/>
      <c r="JEP645" s="613"/>
      <c r="JEQ645" s="613"/>
      <c r="JER645" s="613"/>
      <c r="JES645" s="613"/>
      <c r="JET645" s="613"/>
      <c r="JEU645" s="613"/>
      <c r="JEV645" s="613"/>
      <c r="JEW645" s="613"/>
      <c r="JEX645" s="613"/>
      <c r="JEY645" s="613"/>
      <c r="JEZ645" s="613"/>
      <c r="JFA645" s="613"/>
      <c r="JFB645" s="613"/>
      <c r="JFC645" s="613"/>
      <c r="JFD645" s="613"/>
      <c r="JFE645" s="613"/>
      <c r="JFF645" s="613"/>
      <c r="JFG645" s="613"/>
      <c r="JFH645" s="613"/>
      <c r="JFI645" s="613"/>
      <c r="JFJ645" s="613"/>
      <c r="JFK645" s="613"/>
      <c r="JFL645" s="613"/>
      <c r="JFM645" s="613"/>
      <c r="JFN645" s="613"/>
      <c r="JFO645" s="613"/>
      <c r="JFP645" s="613"/>
      <c r="JFQ645" s="613"/>
      <c r="JFR645" s="613"/>
      <c r="JFS645" s="613"/>
      <c r="JFT645" s="613"/>
      <c r="JFU645" s="613"/>
      <c r="JFV645" s="613"/>
      <c r="JFW645" s="613"/>
      <c r="JFX645" s="613"/>
      <c r="JFY645" s="613"/>
      <c r="JFZ645" s="613"/>
      <c r="JGA645" s="613"/>
      <c r="JGB645" s="613"/>
      <c r="JGC645" s="613"/>
      <c r="JGD645" s="613"/>
      <c r="JGE645" s="613"/>
      <c r="JGF645" s="613"/>
      <c r="JGG645" s="613"/>
      <c r="JGH645" s="613"/>
      <c r="JGI645" s="613"/>
      <c r="JGJ645" s="613"/>
      <c r="JGK645" s="613"/>
      <c r="JGL645" s="613"/>
      <c r="JGM645" s="613"/>
      <c r="JGN645" s="613"/>
      <c r="JGO645" s="613"/>
      <c r="JGP645" s="613"/>
      <c r="JGQ645" s="613"/>
      <c r="JGR645" s="613"/>
      <c r="JGS645" s="613"/>
      <c r="JGT645" s="613"/>
      <c r="JGU645" s="613"/>
      <c r="JGV645" s="613"/>
      <c r="JGW645" s="613"/>
      <c r="JGX645" s="613"/>
      <c r="JGY645" s="613"/>
      <c r="JGZ645" s="613"/>
      <c r="JHA645" s="613"/>
      <c r="JHB645" s="613"/>
      <c r="JHC645" s="613"/>
      <c r="JHD645" s="613"/>
      <c r="JHE645" s="613"/>
      <c r="JHF645" s="613"/>
      <c r="JHG645" s="613"/>
      <c r="JHH645" s="613"/>
      <c r="JHI645" s="613"/>
      <c r="JHJ645" s="613"/>
      <c r="JHK645" s="613"/>
      <c r="JHL645" s="613"/>
      <c r="JHM645" s="613"/>
      <c r="JHN645" s="613"/>
      <c r="JHO645" s="613"/>
      <c r="JHP645" s="613"/>
      <c r="JHQ645" s="613"/>
      <c r="JHR645" s="613"/>
      <c r="JHS645" s="613"/>
      <c r="JHT645" s="613"/>
      <c r="JHU645" s="613"/>
      <c r="JHV645" s="613"/>
      <c r="JHW645" s="613"/>
      <c r="JHX645" s="613"/>
      <c r="JHY645" s="613"/>
      <c r="JHZ645" s="613"/>
      <c r="JIA645" s="613"/>
      <c r="JIB645" s="613"/>
      <c r="JIC645" s="613"/>
      <c r="JID645" s="613"/>
      <c r="JIE645" s="613"/>
      <c r="JIF645" s="613"/>
      <c r="JIG645" s="613"/>
      <c r="JIH645" s="613"/>
      <c r="JII645" s="613"/>
      <c r="JIJ645" s="613"/>
      <c r="JIK645" s="613"/>
      <c r="JIL645" s="613"/>
      <c r="JIM645" s="613"/>
      <c r="JIN645" s="613"/>
      <c r="JIO645" s="613"/>
      <c r="JIP645" s="613"/>
      <c r="JIQ645" s="613"/>
      <c r="JIR645" s="613"/>
      <c r="JIS645" s="613"/>
      <c r="JIT645" s="613"/>
      <c r="JIU645" s="613"/>
      <c r="JIV645" s="613"/>
      <c r="JIW645" s="613"/>
      <c r="JIX645" s="613"/>
      <c r="JIY645" s="613"/>
      <c r="JIZ645" s="613"/>
      <c r="JJA645" s="613"/>
      <c r="JJB645" s="613"/>
      <c r="JJC645" s="613"/>
      <c r="JJD645" s="613"/>
      <c r="JJE645" s="613"/>
      <c r="JJF645" s="613"/>
      <c r="JJG645" s="613"/>
      <c r="JJH645" s="613"/>
      <c r="JJI645" s="613"/>
      <c r="JJJ645" s="613"/>
      <c r="JJK645" s="613"/>
      <c r="JJL645" s="613"/>
      <c r="JJM645" s="613"/>
      <c r="JJN645" s="613"/>
      <c r="JJO645" s="613"/>
      <c r="JJP645" s="613"/>
      <c r="JJQ645" s="613"/>
      <c r="JJR645" s="613"/>
      <c r="JJS645" s="613"/>
      <c r="JJT645" s="613"/>
      <c r="JJU645" s="613"/>
      <c r="JJV645" s="613"/>
      <c r="JJW645" s="613"/>
      <c r="JJX645" s="613"/>
      <c r="JJY645" s="613"/>
      <c r="JJZ645" s="613"/>
      <c r="JKA645" s="613"/>
      <c r="JKB645" s="613"/>
      <c r="JKC645" s="613"/>
      <c r="JKD645" s="613"/>
      <c r="JKE645" s="613"/>
      <c r="JKF645" s="613"/>
      <c r="JKG645" s="613"/>
      <c r="JKH645" s="613"/>
      <c r="JKI645" s="613"/>
      <c r="JKJ645" s="613"/>
      <c r="JKK645" s="613"/>
      <c r="JKL645" s="613"/>
      <c r="JKM645" s="613"/>
      <c r="JKN645" s="613"/>
      <c r="JKO645" s="613"/>
      <c r="JKP645" s="613"/>
      <c r="JKQ645" s="613"/>
      <c r="JKR645" s="613"/>
      <c r="JKS645" s="613"/>
      <c r="JKT645" s="613"/>
      <c r="JKU645" s="613"/>
      <c r="JKV645" s="613"/>
      <c r="JKW645" s="613"/>
      <c r="JKX645" s="613"/>
      <c r="JKY645" s="613"/>
      <c r="JKZ645" s="613"/>
      <c r="JLA645" s="613"/>
      <c r="JLB645" s="613"/>
      <c r="JLC645" s="613"/>
      <c r="JLD645" s="613"/>
      <c r="JLE645" s="613"/>
      <c r="JLF645" s="613"/>
      <c r="JLG645" s="613"/>
      <c r="JLH645" s="613"/>
      <c r="JLI645" s="613"/>
      <c r="JLJ645" s="613"/>
      <c r="JLK645" s="613"/>
      <c r="JLL645" s="613"/>
      <c r="JLM645" s="613"/>
      <c r="JLN645" s="613"/>
      <c r="JLO645" s="613"/>
      <c r="JLP645" s="613"/>
      <c r="JLQ645" s="613"/>
      <c r="JLR645" s="613"/>
      <c r="JLS645" s="613"/>
      <c r="JLT645" s="613"/>
      <c r="JLU645" s="613"/>
      <c r="JLV645" s="613"/>
      <c r="JLW645" s="613"/>
      <c r="JLX645" s="613"/>
      <c r="JLY645" s="613"/>
      <c r="JLZ645" s="613"/>
      <c r="JMA645" s="613"/>
      <c r="JMB645" s="613"/>
      <c r="JMC645" s="613"/>
      <c r="JMD645" s="613"/>
      <c r="JME645" s="613"/>
      <c r="JMF645" s="613"/>
      <c r="JMG645" s="613"/>
      <c r="JMH645" s="613"/>
      <c r="JMI645" s="613"/>
      <c r="JMJ645" s="613"/>
      <c r="JMK645" s="613"/>
      <c r="JML645" s="613"/>
      <c r="JMM645" s="613"/>
      <c r="JMN645" s="613"/>
      <c r="JMO645" s="613"/>
      <c r="JMP645" s="613"/>
      <c r="JMQ645" s="613"/>
      <c r="JMR645" s="613"/>
      <c r="JMS645" s="613"/>
      <c r="JMT645" s="613"/>
      <c r="JMU645" s="613"/>
      <c r="JMV645" s="613"/>
      <c r="JMW645" s="613"/>
      <c r="JMX645" s="613"/>
      <c r="JMY645" s="613"/>
      <c r="JMZ645" s="613"/>
      <c r="JNA645" s="613"/>
      <c r="JNB645" s="613"/>
      <c r="JNC645" s="613"/>
      <c r="JND645" s="613"/>
      <c r="JNE645" s="613"/>
      <c r="JNF645" s="613"/>
      <c r="JNG645" s="613"/>
      <c r="JNH645" s="613"/>
      <c r="JNI645" s="613"/>
      <c r="JNJ645" s="613"/>
      <c r="JNK645" s="613"/>
      <c r="JNL645" s="613"/>
      <c r="JNM645" s="613"/>
      <c r="JNN645" s="613"/>
      <c r="JNO645" s="613"/>
      <c r="JNP645" s="613"/>
      <c r="JNQ645" s="613"/>
      <c r="JNR645" s="613"/>
      <c r="JNS645" s="613"/>
      <c r="JNT645" s="613"/>
      <c r="JNU645" s="613"/>
      <c r="JNV645" s="613"/>
      <c r="JNW645" s="613"/>
      <c r="JNX645" s="613"/>
      <c r="JNY645" s="613"/>
      <c r="JNZ645" s="613"/>
      <c r="JOA645" s="613"/>
      <c r="JOB645" s="613"/>
      <c r="JOC645" s="613"/>
      <c r="JOD645" s="613"/>
      <c r="JOE645" s="613"/>
      <c r="JOF645" s="613"/>
      <c r="JOG645" s="613"/>
      <c r="JOH645" s="613"/>
      <c r="JOI645" s="613"/>
      <c r="JOJ645" s="613"/>
      <c r="JOK645" s="613"/>
      <c r="JOL645" s="613"/>
      <c r="JOM645" s="613"/>
      <c r="JON645" s="613"/>
      <c r="JOO645" s="613"/>
      <c r="JOP645" s="613"/>
      <c r="JOQ645" s="613"/>
      <c r="JOR645" s="613"/>
      <c r="JOS645" s="613"/>
      <c r="JOT645" s="613"/>
      <c r="JOU645" s="613"/>
      <c r="JOV645" s="613"/>
      <c r="JOW645" s="613"/>
      <c r="JOX645" s="613"/>
      <c r="JOY645" s="613"/>
      <c r="JOZ645" s="613"/>
      <c r="JPA645" s="613"/>
      <c r="JPB645" s="613"/>
      <c r="JPC645" s="613"/>
      <c r="JPD645" s="613"/>
      <c r="JPE645" s="613"/>
      <c r="JPF645" s="613"/>
      <c r="JPG645" s="613"/>
      <c r="JPH645" s="613"/>
      <c r="JPI645" s="613"/>
      <c r="JPJ645" s="613"/>
      <c r="JPK645" s="613"/>
      <c r="JPL645" s="613"/>
      <c r="JPM645" s="613"/>
      <c r="JPN645" s="613"/>
      <c r="JPO645" s="613"/>
      <c r="JPP645" s="613"/>
      <c r="JPQ645" s="613"/>
      <c r="JPR645" s="613"/>
      <c r="JPS645" s="613"/>
      <c r="JPT645" s="613"/>
      <c r="JPU645" s="613"/>
      <c r="JPV645" s="613"/>
      <c r="JPW645" s="613"/>
      <c r="JPX645" s="613"/>
      <c r="JPY645" s="613"/>
      <c r="JPZ645" s="613"/>
      <c r="JQA645" s="613"/>
      <c r="JQB645" s="613"/>
      <c r="JQC645" s="613"/>
      <c r="JQD645" s="613"/>
      <c r="JQE645" s="613"/>
      <c r="JQF645" s="613"/>
      <c r="JQG645" s="613"/>
      <c r="JQH645" s="613"/>
      <c r="JQI645" s="613"/>
      <c r="JQJ645" s="613"/>
      <c r="JQK645" s="613"/>
      <c r="JQL645" s="613"/>
      <c r="JQM645" s="613"/>
      <c r="JQN645" s="613"/>
      <c r="JQO645" s="613"/>
      <c r="JQP645" s="613"/>
      <c r="JQQ645" s="613"/>
      <c r="JQR645" s="613"/>
      <c r="JQS645" s="613"/>
      <c r="JQT645" s="613"/>
      <c r="JQU645" s="613"/>
      <c r="JQV645" s="613"/>
      <c r="JQW645" s="613"/>
      <c r="JQX645" s="613"/>
      <c r="JQY645" s="613"/>
      <c r="JQZ645" s="613"/>
      <c r="JRA645" s="613"/>
      <c r="JRB645" s="613"/>
      <c r="JRC645" s="613"/>
      <c r="JRD645" s="613"/>
      <c r="JRE645" s="613"/>
      <c r="JRF645" s="613"/>
      <c r="JRG645" s="613"/>
      <c r="JRH645" s="613"/>
      <c r="JRI645" s="613"/>
      <c r="JRJ645" s="613"/>
      <c r="JRK645" s="613"/>
      <c r="JRL645" s="613"/>
      <c r="JRM645" s="613"/>
      <c r="JRN645" s="613"/>
      <c r="JRO645" s="613"/>
      <c r="JRP645" s="613"/>
      <c r="JRQ645" s="613"/>
      <c r="JRR645" s="613"/>
      <c r="JRS645" s="613"/>
      <c r="JRT645" s="613"/>
      <c r="JRU645" s="613"/>
      <c r="JRV645" s="613"/>
      <c r="JRW645" s="613"/>
      <c r="JRX645" s="613"/>
      <c r="JRY645" s="613"/>
      <c r="JRZ645" s="613"/>
      <c r="JSA645" s="613"/>
      <c r="JSB645" s="613"/>
      <c r="JSC645" s="613"/>
      <c r="JSD645" s="613"/>
      <c r="JSE645" s="613"/>
      <c r="JSF645" s="613"/>
      <c r="JSG645" s="613"/>
      <c r="JSH645" s="613"/>
      <c r="JSI645" s="613"/>
      <c r="JSJ645" s="613"/>
      <c r="JSK645" s="613"/>
      <c r="JSL645" s="613"/>
      <c r="JSM645" s="613"/>
      <c r="JSN645" s="613"/>
      <c r="JSO645" s="613"/>
      <c r="JSP645" s="613"/>
      <c r="JSQ645" s="613"/>
      <c r="JSR645" s="613"/>
      <c r="JSS645" s="613"/>
      <c r="JST645" s="613"/>
      <c r="JSU645" s="613"/>
      <c r="JSV645" s="613"/>
      <c r="JSW645" s="613"/>
      <c r="JSX645" s="613"/>
      <c r="JSY645" s="613"/>
      <c r="JSZ645" s="613"/>
      <c r="JTA645" s="613"/>
      <c r="JTB645" s="613"/>
      <c r="JTC645" s="613"/>
      <c r="JTD645" s="613"/>
      <c r="JTE645" s="613"/>
      <c r="JTF645" s="613"/>
      <c r="JTG645" s="613"/>
      <c r="JTH645" s="613"/>
      <c r="JTI645" s="613"/>
      <c r="JTJ645" s="613"/>
      <c r="JTK645" s="613"/>
      <c r="JTL645" s="613"/>
      <c r="JTM645" s="613"/>
      <c r="JTN645" s="613"/>
      <c r="JTO645" s="613"/>
      <c r="JTP645" s="613"/>
      <c r="JTQ645" s="613"/>
      <c r="JTR645" s="613"/>
      <c r="JTS645" s="613"/>
      <c r="JTT645" s="613"/>
      <c r="JTU645" s="613"/>
      <c r="JTV645" s="613"/>
      <c r="JTW645" s="613"/>
      <c r="JTX645" s="613"/>
      <c r="JTY645" s="613"/>
      <c r="JTZ645" s="613"/>
      <c r="JUA645" s="613"/>
      <c r="JUB645" s="613"/>
      <c r="JUC645" s="613"/>
      <c r="JUD645" s="613"/>
      <c r="JUE645" s="613"/>
      <c r="JUF645" s="613"/>
      <c r="JUG645" s="613"/>
      <c r="JUH645" s="613"/>
      <c r="JUI645" s="613"/>
      <c r="JUJ645" s="613"/>
      <c r="JUK645" s="613"/>
      <c r="JUL645" s="613"/>
      <c r="JUM645" s="613"/>
      <c r="JUN645" s="613"/>
      <c r="JUO645" s="613"/>
      <c r="JUP645" s="613"/>
      <c r="JUQ645" s="613"/>
      <c r="JUR645" s="613"/>
      <c r="JUS645" s="613"/>
      <c r="JUT645" s="613"/>
      <c r="JUU645" s="613"/>
      <c r="JUV645" s="613"/>
      <c r="JUW645" s="613"/>
      <c r="JUX645" s="613"/>
      <c r="JUY645" s="613"/>
      <c r="JUZ645" s="613"/>
      <c r="JVA645" s="613"/>
      <c r="JVB645" s="613"/>
      <c r="JVC645" s="613"/>
      <c r="JVD645" s="613"/>
      <c r="JVE645" s="613"/>
      <c r="JVF645" s="613"/>
      <c r="JVG645" s="613"/>
      <c r="JVH645" s="613"/>
      <c r="JVI645" s="613"/>
      <c r="JVJ645" s="613"/>
      <c r="JVK645" s="613"/>
      <c r="JVL645" s="613"/>
      <c r="JVM645" s="613"/>
      <c r="JVN645" s="613"/>
      <c r="JVO645" s="613"/>
      <c r="JVP645" s="613"/>
      <c r="JVQ645" s="613"/>
      <c r="JVR645" s="613"/>
      <c r="JVS645" s="613"/>
      <c r="JVT645" s="613"/>
      <c r="JVU645" s="613"/>
      <c r="JVV645" s="613"/>
      <c r="JVW645" s="613"/>
      <c r="JVX645" s="613"/>
      <c r="JVY645" s="613"/>
      <c r="JVZ645" s="613"/>
      <c r="JWA645" s="613"/>
      <c r="JWB645" s="613"/>
      <c r="JWC645" s="613"/>
      <c r="JWD645" s="613"/>
      <c r="JWE645" s="613"/>
      <c r="JWF645" s="613"/>
      <c r="JWG645" s="613"/>
      <c r="JWH645" s="613"/>
      <c r="JWI645" s="613"/>
      <c r="JWJ645" s="613"/>
      <c r="JWK645" s="613"/>
      <c r="JWL645" s="613"/>
      <c r="JWM645" s="613"/>
      <c r="JWN645" s="613"/>
      <c r="JWO645" s="613"/>
      <c r="JWP645" s="613"/>
      <c r="JWQ645" s="613"/>
      <c r="JWR645" s="613"/>
      <c r="JWS645" s="613"/>
      <c r="JWT645" s="613"/>
      <c r="JWU645" s="613"/>
      <c r="JWV645" s="613"/>
      <c r="JWW645" s="613"/>
      <c r="JWX645" s="613"/>
      <c r="JWY645" s="613"/>
      <c r="JWZ645" s="613"/>
      <c r="JXA645" s="613"/>
      <c r="JXB645" s="613"/>
      <c r="JXC645" s="613"/>
      <c r="JXD645" s="613"/>
      <c r="JXE645" s="613"/>
      <c r="JXF645" s="613"/>
      <c r="JXG645" s="613"/>
      <c r="JXH645" s="613"/>
      <c r="JXI645" s="613"/>
      <c r="JXJ645" s="613"/>
      <c r="JXK645" s="613"/>
      <c r="JXL645" s="613"/>
      <c r="JXM645" s="613"/>
      <c r="JXN645" s="613"/>
      <c r="JXO645" s="613"/>
      <c r="JXP645" s="613"/>
      <c r="JXQ645" s="613"/>
      <c r="JXR645" s="613"/>
      <c r="JXS645" s="613"/>
      <c r="JXT645" s="613"/>
      <c r="JXU645" s="613"/>
      <c r="JXV645" s="613"/>
      <c r="JXW645" s="613"/>
      <c r="JXX645" s="613"/>
      <c r="JXY645" s="613"/>
      <c r="JXZ645" s="613"/>
      <c r="JYA645" s="613"/>
      <c r="JYB645" s="613"/>
      <c r="JYC645" s="613"/>
      <c r="JYD645" s="613"/>
      <c r="JYE645" s="613"/>
      <c r="JYF645" s="613"/>
      <c r="JYG645" s="613"/>
      <c r="JYH645" s="613"/>
      <c r="JYI645" s="613"/>
      <c r="JYJ645" s="613"/>
      <c r="JYK645" s="613"/>
      <c r="JYL645" s="613"/>
      <c r="JYM645" s="613"/>
      <c r="JYN645" s="613"/>
      <c r="JYO645" s="613"/>
      <c r="JYP645" s="613"/>
      <c r="JYQ645" s="613"/>
      <c r="JYR645" s="613"/>
      <c r="JYS645" s="613"/>
      <c r="JYT645" s="613"/>
      <c r="JYU645" s="613"/>
      <c r="JYV645" s="613"/>
      <c r="JYW645" s="613"/>
      <c r="JYX645" s="613"/>
      <c r="JYY645" s="613"/>
      <c r="JYZ645" s="613"/>
      <c r="JZA645" s="613"/>
      <c r="JZB645" s="613"/>
      <c r="JZC645" s="613"/>
      <c r="JZD645" s="613"/>
      <c r="JZE645" s="613"/>
      <c r="JZF645" s="613"/>
      <c r="JZG645" s="613"/>
      <c r="JZH645" s="613"/>
      <c r="JZI645" s="613"/>
      <c r="JZJ645" s="613"/>
      <c r="JZK645" s="613"/>
      <c r="JZL645" s="613"/>
      <c r="JZM645" s="613"/>
      <c r="JZN645" s="613"/>
      <c r="JZO645" s="613"/>
      <c r="JZP645" s="613"/>
      <c r="JZQ645" s="613"/>
      <c r="JZR645" s="613"/>
      <c r="JZS645" s="613"/>
      <c r="JZT645" s="613"/>
      <c r="JZU645" s="613"/>
      <c r="JZV645" s="613"/>
      <c r="JZW645" s="613"/>
      <c r="JZX645" s="613"/>
      <c r="JZY645" s="613"/>
      <c r="JZZ645" s="613"/>
      <c r="KAA645" s="613"/>
      <c r="KAB645" s="613"/>
      <c r="KAC645" s="613"/>
      <c r="KAD645" s="613"/>
      <c r="KAE645" s="613"/>
      <c r="KAF645" s="613"/>
      <c r="KAG645" s="613"/>
      <c r="KAH645" s="613"/>
      <c r="KAI645" s="613"/>
      <c r="KAJ645" s="613"/>
      <c r="KAK645" s="613"/>
      <c r="KAL645" s="613"/>
      <c r="KAM645" s="613"/>
      <c r="KAN645" s="613"/>
      <c r="KAO645" s="613"/>
      <c r="KAP645" s="613"/>
      <c r="KAQ645" s="613"/>
      <c r="KAR645" s="613"/>
      <c r="KAS645" s="613"/>
      <c r="KAT645" s="613"/>
      <c r="KAU645" s="613"/>
      <c r="KAV645" s="613"/>
      <c r="KAW645" s="613"/>
      <c r="KAX645" s="613"/>
      <c r="KAY645" s="613"/>
      <c r="KAZ645" s="613"/>
      <c r="KBA645" s="613"/>
      <c r="KBB645" s="613"/>
      <c r="KBC645" s="613"/>
      <c r="KBD645" s="613"/>
      <c r="KBE645" s="613"/>
      <c r="KBF645" s="613"/>
      <c r="KBG645" s="613"/>
      <c r="KBH645" s="613"/>
      <c r="KBI645" s="613"/>
      <c r="KBJ645" s="613"/>
      <c r="KBK645" s="613"/>
      <c r="KBL645" s="613"/>
      <c r="KBM645" s="613"/>
      <c r="KBN645" s="613"/>
      <c r="KBO645" s="613"/>
      <c r="KBP645" s="613"/>
      <c r="KBQ645" s="613"/>
      <c r="KBR645" s="613"/>
      <c r="KBS645" s="613"/>
      <c r="KBT645" s="613"/>
      <c r="KBU645" s="613"/>
      <c r="KBV645" s="613"/>
      <c r="KBW645" s="613"/>
      <c r="KBX645" s="613"/>
      <c r="KBY645" s="613"/>
      <c r="KBZ645" s="613"/>
      <c r="KCA645" s="613"/>
      <c r="KCB645" s="613"/>
      <c r="KCC645" s="613"/>
      <c r="KCD645" s="613"/>
      <c r="KCE645" s="613"/>
      <c r="KCF645" s="613"/>
      <c r="KCG645" s="613"/>
      <c r="KCH645" s="613"/>
      <c r="KCI645" s="613"/>
      <c r="KCJ645" s="613"/>
      <c r="KCK645" s="613"/>
      <c r="KCL645" s="613"/>
      <c r="KCM645" s="613"/>
      <c r="KCN645" s="613"/>
      <c r="KCO645" s="613"/>
      <c r="KCP645" s="613"/>
      <c r="KCQ645" s="613"/>
      <c r="KCR645" s="613"/>
      <c r="KCS645" s="613"/>
      <c r="KCT645" s="613"/>
      <c r="KCU645" s="613"/>
      <c r="KCV645" s="613"/>
      <c r="KCW645" s="613"/>
      <c r="KCX645" s="613"/>
      <c r="KCY645" s="613"/>
      <c r="KCZ645" s="613"/>
      <c r="KDA645" s="613"/>
      <c r="KDB645" s="613"/>
      <c r="KDC645" s="613"/>
      <c r="KDD645" s="613"/>
      <c r="KDE645" s="613"/>
      <c r="KDF645" s="613"/>
      <c r="KDG645" s="613"/>
      <c r="KDH645" s="613"/>
      <c r="KDI645" s="613"/>
      <c r="KDJ645" s="613"/>
      <c r="KDK645" s="613"/>
      <c r="KDL645" s="613"/>
      <c r="KDM645" s="613"/>
      <c r="KDN645" s="613"/>
      <c r="KDO645" s="613"/>
      <c r="KDP645" s="613"/>
      <c r="KDQ645" s="613"/>
      <c r="KDR645" s="613"/>
      <c r="KDS645" s="613"/>
      <c r="KDT645" s="613"/>
      <c r="KDU645" s="613"/>
      <c r="KDV645" s="613"/>
      <c r="KDW645" s="613"/>
      <c r="KDX645" s="613"/>
      <c r="KDY645" s="613"/>
      <c r="KDZ645" s="613"/>
      <c r="KEA645" s="613"/>
      <c r="KEB645" s="613"/>
      <c r="KEC645" s="613"/>
      <c r="KED645" s="613"/>
      <c r="KEE645" s="613"/>
      <c r="KEF645" s="613"/>
      <c r="KEG645" s="613"/>
      <c r="KEH645" s="613"/>
      <c r="KEI645" s="613"/>
      <c r="KEJ645" s="613"/>
      <c r="KEK645" s="613"/>
      <c r="KEL645" s="613"/>
      <c r="KEM645" s="613"/>
      <c r="KEN645" s="613"/>
      <c r="KEO645" s="613"/>
      <c r="KEP645" s="613"/>
      <c r="KEQ645" s="613"/>
      <c r="KER645" s="613"/>
      <c r="KES645" s="613"/>
      <c r="KET645" s="613"/>
      <c r="KEU645" s="613"/>
      <c r="KEV645" s="613"/>
      <c r="KEW645" s="613"/>
      <c r="KEX645" s="613"/>
      <c r="KEY645" s="613"/>
      <c r="KEZ645" s="613"/>
      <c r="KFA645" s="613"/>
      <c r="KFB645" s="613"/>
      <c r="KFC645" s="613"/>
      <c r="KFD645" s="613"/>
      <c r="KFE645" s="613"/>
      <c r="KFF645" s="613"/>
      <c r="KFG645" s="613"/>
      <c r="KFH645" s="613"/>
      <c r="KFI645" s="613"/>
      <c r="KFJ645" s="613"/>
      <c r="KFK645" s="613"/>
      <c r="KFL645" s="613"/>
      <c r="KFM645" s="613"/>
      <c r="KFN645" s="613"/>
      <c r="KFO645" s="613"/>
      <c r="KFP645" s="613"/>
      <c r="KFQ645" s="613"/>
      <c r="KFR645" s="613"/>
      <c r="KFS645" s="613"/>
      <c r="KFT645" s="613"/>
      <c r="KFU645" s="613"/>
      <c r="KFV645" s="613"/>
      <c r="KFW645" s="613"/>
      <c r="KFX645" s="613"/>
      <c r="KFY645" s="613"/>
      <c r="KFZ645" s="613"/>
      <c r="KGA645" s="613"/>
      <c r="KGB645" s="613"/>
      <c r="KGC645" s="613"/>
      <c r="KGD645" s="613"/>
      <c r="KGE645" s="613"/>
      <c r="KGF645" s="613"/>
      <c r="KGG645" s="613"/>
      <c r="KGH645" s="613"/>
      <c r="KGI645" s="613"/>
      <c r="KGJ645" s="613"/>
      <c r="KGK645" s="613"/>
      <c r="KGL645" s="613"/>
      <c r="KGM645" s="613"/>
      <c r="KGN645" s="613"/>
      <c r="KGO645" s="613"/>
      <c r="KGP645" s="613"/>
      <c r="KGQ645" s="613"/>
      <c r="KGR645" s="613"/>
      <c r="KGS645" s="613"/>
      <c r="KGT645" s="613"/>
      <c r="KGU645" s="613"/>
      <c r="KGV645" s="613"/>
      <c r="KGW645" s="613"/>
      <c r="KGX645" s="613"/>
      <c r="KGY645" s="613"/>
      <c r="KGZ645" s="613"/>
      <c r="KHA645" s="613"/>
      <c r="KHB645" s="613"/>
      <c r="KHC645" s="613"/>
      <c r="KHD645" s="613"/>
      <c r="KHE645" s="613"/>
      <c r="KHF645" s="613"/>
      <c r="KHG645" s="613"/>
      <c r="KHH645" s="613"/>
      <c r="KHI645" s="613"/>
      <c r="KHJ645" s="613"/>
      <c r="KHK645" s="613"/>
      <c r="KHL645" s="613"/>
      <c r="KHM645" s="613"/>
      <c r="KHN645" s="613"/>
      <c r="KHO645" s="613"/>
      <c r="KHP645" s="613"/>
      <c r="KHQ645" s="613"/>
      <c r="KHR645" s="613"/>
      <c r="KHS645" s="613"/>
      <c r="KHT645" s="613"/>
      <c r="KHU645" s="613"/>
      <c r="KHV645" s="613"/>
      <c r="KHW645" s="613"/>
      <c r="KHX645" s="613"/>
      <c r="KHY645" s="613"/>
      <c r="KHZ645" s="613"/>
      <c r="KIA645" s="613"/>
      <c r="KIB645" s="613"/>
      <c r="KIC645" s="613"/>
      <c r="KID645" s="613"/>
      <c r="KIE645" s="613"/>
      <c r="KIF645" s="613"/>
      <c r="KIG645" s="613"/>
      <c r="KIH645" s="613"/>
      <c r="KII645" s="613"/>
      <c r="KIJ645" s="613"/>
      <c r="KIK645" s="613"/>
      <c r="KIL645" s="613"/>
      <c r="KIM645" s="613"/>
      <c r="KIN645" s="613"/>
      <c r="KIO645" s="613"/>
      <c r="KIP645" s="613"/>
      <c r="KIQ645" s="613"/>
      <c r="KIR645" s="613"/>
      <c r="KIS645" s="613"/>
      <c r="KIT645" s="613"/>
      <c r="KIU645" s="613"/>
      <c r="KIV645" s="613"/>
      <c r="KIW645" s="613"/>
      <c r="KIX645" s="613"/>
      <c r="KIY645" s="613"/>
      <c r="KIZ645" s="613"/>
      <c r="KJA645" s="613"/>
      <c r="KJB645" s="613"/>
      <c r="KJC645" s="613"/>
      <c r="KJD645" s="613"/>
      <c r="KJE645" s="613"/>
      <c r="KJF645" s="613"/>
      <c r="KJG645" s="613"/>
      <c r="KJH645" s="613"/>
      <c r="KJI645" s="613"/>
      <c r="KJJ645" s="613"/>
      <c r="KJK645" s="613"/>
      <c r="KJL645" s="613"/>
      <c r="KJM645" s="613"/>
      <c r="KJN645" s="613"/>
      <c r="KJO645" s="613"/>
      <c r="KJP645" s="613"/>
      <c r="KJQ645" s="613"/>
      <c r="KJR645" s="613"/>
      <c r="KJS645" s="613"/>
      <c r="KJT645" s="613"/>
      <c r="KJU645" s="613"/>
      <c r="KJV645" s="613"/>
      <c r="KJW645" s="613"/>
      <c r="KJX645" s="613"/>
      <c r="KJY645" s="613"/>
      <c r="KJZ645" s="613"/>
      <c r="KKA645" s="613"/>
      <c r="KKB645" s="613"/>
      <c r="KKC645" s="613"/>
      <c r="KKD645" s="613"/>
      <c r="KKE645" s="613"/>
      <c r="KKF645" s="613"/>
      <c r="KKG645" s="613"/>
      <c r="KKH645" s="613"/>
      <c r="KKI645" s="613"/>
      <c r="KKJ645" s="613"/>
      <c r="KKK645" s="613"/>
      <c r="KKL645" s="613"/>
      <c r="KKM645" s="613"/>
      <c r="KKN645" s="613"/>
      <c r="KKO645" s="613"/>
      <c r="KKP645" s="613"/>
      <c r="KKQ645" s="613"/>
      <c r="KKR645" s="613"/>
      <c r="KKS645" s="613"/>
      <c r="KKT645" s="613"/>
      <c r="KKU645" s="613"/>
      <c r="KKV645" s="613"/>
      <c r="KKW645" s="613"/>
      <c r="KKX645" s="613"/>
      <c r="KKY645" s="613"/>
      <c r="KKZ645" s="613"/>
      <c r="KLA645" s="613"/>
      <c r="KLB645" s="613"/>
      <c r="KLC645" s="613"/>
      <c r="KLD645" s="613"/>
      <c r="KLE645" s="613"/>
      <c r="KLF645" s="613"/>
      <c r="KLG645" s="613"/>
      <c r="KLH645" s="613"/>
      <c r="KLI645" s="613"/>
      <c r="KLJ645" s="613"/>
      <c r="KLK645" s="613"/>
      <c r="KLL645" s="613"/>
      <c r="KLM645" s="613"/>
      <c r="KLN645" s="613"/>
      <c r="KLO645" s="613"/>
      <c r="KLP645" s="613"/>
      <c r="KLQ645" s="613"/>
      <c r="KLR645" s="613"/>
      <c r="KLS645" s="613"/>
      <c r="KLT645" s="613"/>
      <c r="KLU645" s="613"/>
      <c r="KLV645" s="613"/>
      <c r="KLW645" s="613"/>
      <c r="KLX645" s="613"/>
      <c r="KLY645" s="613"/>
      <c r="KLZ645" s="613"/>
      <c r="KMA645" s="613"/>
      <c r="KMB645" s="613"/>
      <c r="KMC645" s="613"/>
      <c r="KMD645" s="613"/>
      <c r="KME645" s="613"/>
      <c r="KMF645" s="613"/>
      <c r="KMG645" s="613"/>
      <c r="KMH645" s="613"/>
      <c r="KMI645" s="613"/>
      <c r="KMJ645" s="613"/>
      <c r="KMK645" s="613"/>
      <c r="KML645" s="613"/>
      <c r="KMM645" s="613"/>
      <c r="KMN645" s="613"/>
      <c r="KMO645" s="613"/>
      <c r="KMP645" s="613"/>
      <c r="KMQ645" s="613"/>
      <c r="KMR645" s="613"/>
      <c r="KMS645" s="613"/>
      <c r="KMT645" s="613"/>
      <c r="KMU645" s="613"/>
      <c r="KMV645" s="613"/>
      <c r="KMW645" s="613"/>
      <c r="KMX645" s="613"/>
      <c r="KMY645" s="613"/>
      <c r="KMZ645" s="613"/>
      <c r="KNA645" s="613"/>
      <c r="KNB645" s="613"/>
      <c r="KNC645" s="613"/>
      <c r="KND645" s="613"/>
      <c r="KNE645" s="613"/>
      <c r="KNF645" s="613"/>
      <c r="KNG645" s="613"/>
      <c r="KNH645" s="613"/>
      <c r="KNI645" s="613"/>
      <c r="KNJ645" s="613"/>
      <c r="KNK645" s="613"/>
      <c r="KNL645" s="613"/>
      <c r="KNM645" s="613"/>
      <c r="KNN645" s="613"/>
      <c r="KNO645" s="613"/>
      <c r="KNP645" s="613"/>
      <c r="KNQ645" s="613"/>
      <c r="KNR645" s="613"/>
      <c r="KNS645" s="613"/>
      <c r="KNT645" s="613"/>
      <c r="KNU645" s="613"/>
      <c r="KNV645" s="613"/>
      <c r="KNW645" s="613"/>
      <c r="KNX645" s="613"/>
      <c r="KNY645" s="613"/>
      <c r="KNZ645" s="613"/>
      <c r="KOA645" s="613"/>
      <c r="KOB645" s="613"/>
      <c r="KOC645" s="613"/>
      <c r="KOD645" s="613"/>
      <c r="KOE645" s="613"/>
      <c r="KOF645" s="613"/>
      <c r="KOG645" s="613"/>
      <c r="KOH645" s="613"/>
      <c r="KOI645" s="613"/>
      <c r="KOJ645" s="613"/>
      <c r="KOK645" s="613"/>
      <c r="KOL645" s="613"/>
      <c r="KOM645" s="613"/>
      <c r="KON645" s="613"/>
      <c r="KOO645" s="613"/>
      <c r="KOP645" s="613"/>
      <c r="KOQ645" s="613"/>
      <c r="KOR645" s="613"/>
      <c r="KOS645" s="613"/>
      <c r="KOT645" s="613"/>
      <c r="KOU645" s="613"/>
      <c r="KOV645" s="613"/>
      <c r="KOW645" s="613"/>
      <c r="KOX645" s="613"/>
      <c r="KOY645" s="613"/>
      <c r="KOZ645" s="613"/>
      <c r="KPA645" s="613"/>
      <c r="KPB645" s="613"/>
      <c r="KPC645" s="613"/>
      <c r="KPD645" s="613"/>
      <c r="KPE645" s="613"/>
      <c r="KPF645" s="613"/>
      <c r="KPG645" s="613"/>
      <c r="KPH645" s="613"/>
      <c r="KPI645" s="613"/>
      <c r="KPJ645" s="613"/>
      <c r="KPK645" s="613"/>
      <c r="KPL645" s="613"/>
      <c r="KPM645" s="613"/>
      <c r="KPN645" s="613"/>
      <c r="KPO645" s="613"/>
      <c r="KPP645" s="613"/>
      <c r="KPQ645" s="613"/>
      <c r="KPR645" s="613"/>
      <c r="KPS645" s="613"/>
      <c r="KPT645" s="613"/>
      <c r="KPU645" s="613"/>
      <c r="KPV645" s="613"/>
      <c r="KPW645" s="613"/>
      <c r="KPX645" s="613"/>
      <c r="KPY645" s="613"/>
      <c r="KPZ645" s="613"/>
      <c r="KQA645" s="613"/>
      <c r="KQB645" s="613"/>
      <c r="KQC645" s="613"/>
      <c r="KQD645" s="613"/>
      <c r="KQE645" s="613"/>
      <c r="KQF645" s="613"/>
      <c r="KQG645" s="613"/>
      <c r="KQH645" s="613"/>
      <c r="KQI645" s="613"/>
      <c r="KQJ645" s="613"/>
      <c r="KQK645" s="613"/>
      <c r="KQL645" s="613"/>
      <c r="KQM645" s="613"/>
      <c r="KQN645" s="613"/>
      <c r="KQO645" s="613"/>
      <c r="KQP645" s="613"/>
      <c r="KQQ645" s="613"/>
      <c r="KQR645" s="613"/>
      <c r="KQS645" s="613"/>
      <c r="KQT645" s="613"/>
      <c r="KQU645" s="613"/>
      <c r="KQV645" s="613"/>
      <c r="KQW645" s="613"/>
      <c r="KQX645" s="613"/>
      <c r="KQY645" s="613"/>
      <c r="KQZ645" s="613"/>
      <c r="KRA645" s="613"/>
      <c r="KRB645" s="613"/>
      <c r="KRC645" s="613"/>
      <c r="KRD645" s="613"/>
      <c r="KRE645" s="613"/>
      <c r="KRF645" s="613"/>
      <c r="KRG645" s="613"/>
      <c r="KRH645" s="613"/>
      <c r="KRI645" s="613"/>
      <c r="KRJ645" s="613"/>
      <c r="KRK645" s="613"/>
      <c r="KRL645" s="613"/>
      <c r="KRM645" s="613"/>
      <c r="KRN645" s="613"/>
      <c r="KRO645" s="613"/>
      <c r="KRP645" s="613"/>
      <c r="KRQ645" s="613"/>
      <c r="KRR645" s="613"/>
      <c r="KRS645" s="613"/>
      <c r="KRT645" s="613"/>
      <c r="KRU645" s="613"/>
      <c r="KRV645" s="613"/>
      <c r="KRW645" s="613"/>
      <c r="KRX645" s="613"/>
      <c r="KRY645" s="613"/>
      <c r="KRZ645" s="613"/>
      <c r="KSA645" s="613"/>
      <c r="KSB645" s="613"/>
      <c r="KSC645" s="613"/>
      <c r="KSD645" s="613"/>
      <c r="KSE645" s="613"/>
      <c r="KSF645" s="613"/>
      <c r="KSG645" s="613"/>
      <c r="KSH645" s="613"/>
      <c r="KSI645" s="613"/>
      <c r="KSJ645" s="613"/>
      <c r="KSK645" s="613"/>
      <c r="KSL645" s="613"/>
      <c r="KSM645" s="613"/>
      <c r="KSN645" s="613"/>
      <c r="KSO645" s="613"/>
      <c r="KSP645" s="613"/>
      <c r="KSQ645" s="613"/>
      <c r="KSR645" s="613"/>
      <c r="KSS645" s="613"/>
      <c r="KST645" s="613"/>
      <c r="KSU645" s="613"/>
      <c r="KSV645" s="613"/>
      <c r="KSW645" s="613"/>
      <c r="KSX645" s="613"/>
      <c r="KSY645" s="613"/>
      <c r="KSZ645" s="613"/>
      <c r="KTA645" s="613"/>
      <c r="KTB645" s="613"/>
      <c r="KTC645" s="613"/>
      <c r="KTD645" s="613"/>
      <c r="KTE645" s="613"/>
      <c r="KTF645" s="613"/>
      <c r="KTG645" s="613"/>
      <c r="KTH645" s="613"/>
      <c r="KTI645" s="613"/>
      <c r="KTJ645" s="613"/>
      <c r="KTK645" s="613"/>
      <c r="KTL645" s="613"/>
      <c r="KTM645" s="613"/>
      <c r="KTN645" s="613"/>
      <c r="KTO645" s="613"/>
      <c r="KTP645" s="613"/>
      <c r="KTQ645" s="613"/>
      <c r="KTR645" s="613"/>
      <c r="KTS645" s="613"/>
      <c r="KTT645" s="613"/>
      <c r="KTU645" s="613"/>
      <c r="KTV645" s="613"/>
      <c r="KTW645" s="613"/>
      <c r="KTX645" s="613"/>
      <c r="KTY645" s="613"/>
      <c r="KTZ645" s="613"/>
      <c r="KUA645" s="613"/>
      <c r="KUB645" s="613"/>
      <c r="KUC645" s="613"/>
      <c r="KUD645" s="613"/>
      <c r="KUE645" s="613"/>
      <c r="KUF645" s="613"/>
      <c r="KUG645" s="613"/>
      <c r="KUH645" s="613"/>
      <c r="KUI645" s="613"/>
      <c r="KUJ645" s="613"/>
      <c r="KUK645" s="613"/>
      <c r="KUL645" s="613"/>
      <c r="KUM645" s="613"/>
      <c r="KUN645" s="613"/>
      <c r="KUO645" s="613"/>
      <c r="KUP645" s="613"/>
      <c r="KUQ645" s="613"/>
      <c r="KUR645" s="613"/>
      <c r="KUS645" s="613"/>
      <c r="KUT645" s="613"/>
      <c r="KUU645" s="613"/>
      <c r="KUV645" s="613"/>
      <c r="KUW645" s="613"/>
      <c r="KUX645" s="613"/>
      <c r="KUY645" s="613"/>
      <c r="KUZ645" s="613"/>
      <c r="KVA645" s="613"/>
      <c r="KVB645" s="613"/>
      <c r="KVC645" s="613"/>
      <c r="KVD645" s="613"/>
      <c r="KVE645" s="613"/>
      <c r="KVF645" s="613"/>
      <c r="KVG645" s="613"/>
      <c r="KVH645" s="613"/>
      <c r="KVI645" s="613"/>
      <c r="KVJ645" s="613"/>
      <c r="KVK645" s="613"/>
      <c r="KVL645" s="613"/>
      <c r="KVM645" s="613"/>
      <c r="KVN645" s="613"/>
      <c r="KVO645" s="613"/>
      <c r="KVP645" s="613"/>
      <c r="KVQ645" s="613"/>
      <c r="KVR645" s="613"/>
      <c r="KVS645" s="613"/>
      <c r="KVT645" s="613"/>
      <c r="KVU645" s="613"/>
      <c r="KVV645" s="613"/>
      <c r="KVW645" s="613"/>
      <c r="KVX645" s="613"/>
      <c r="KVY645" s="613"/>
      <c r="KVZ645" s="613"/>
      <c r="KWA645" s="613"/>
      <c r="KWB645" s="613"/>
      <c r="KWC645" s="613"/>
      <c r="KWD645" s="613"/>
      <c r="KWE645" s="613"/>
      <c r="KWF645" s="613"/>
      <c r="KWG645" s="613"/>
      <c r="KWH645" s="613"/>
      <c r="KWI645" s="613"/>
      <c r="KWJ645" s="613"/>
      <c r="KWK645" s="613"/>
      <c r="KWL645" s="613"/>
      <c r="KWM645" s="613"/>
      <c r="KWN645" s="613"/>
      <c r="KWO645" s="613"/>
      <c r="KWP645" s="613"/>
      <c r="KWQ645" s="613"/>
      <c r="KWR645" s="613"/>
      <c r="KWS645" s="613"/>
      <c r="KWT645" s="613"/>
      <c r="KWU645" s="613"/>
      <c r="KWV645" s="613"/>
      <c r="KWW645" s="613"/>
      <c r="KWX645" s="613"/>
      <c r="KWY645" s="613"/>
      <c r="KWZ645" s="613"/>
      <c r="KXA645" s="613"/>
      <c r="KXB645" s="613"/>
      <c r="KXC645" s="613"/>
      <c r="KXD645" s="613"/>
      <c r="KXE645" s="613"/>
      <c r="KXF645" s="613"/>
      <c r="KXG645" s="613"/>
      <c r="KXH645" s="613"/>
      <c r="KXI645" s="613"/>
      <c r="KXJ645" s="613"/>
      <c r="KXK645" s="613"/>
      <c r="KXL645" s="613"/>
      <c r="KXM645" s="613"/>
      <c r="KXN645" s="613"/>
      <c r="KXO645" s="613"/>
      <c r="KXP645" s="613"/>
      <c r="KXQ645" s="613"/>
      <c r="KXR645" s="613"/>
      <c r="KXS645" s="613"/>
      <c r="KXT645" s="613"/>
      <c r="KXU645" s="613"/>
      <c r="KXV645" s="613"/>
      <c r="KXW645" s="613"/>
      <c r="KXX645" s="613"/>
      <c r="KXY645" s="613"/>
      <c r="KXZ645" s="613"/>
      <c r="KYA645" s="613"/>
      <c r="KYB645" s="613"/>
      <c r="KYC645" s="613"/>
      <c r="KYD645" s="613"/>
      <c r="KYE645" s="613"/>
      <c r="KYF645" s="613"/>
      <c r="KYG645" s="613"/>
      <c r="KYH645" s="613"/>
      <c r="KYI645" s="613"/>
      <c r="KYJ645" s="613"/>
      <c r="KYK645" s="613"/>
      <c r="KYL645" s="613"/>
      <c r="KYM645" s="613"/>
      <c r="KYN645" s="613"/>
      <c r="KYO645" s="613"/>
      <c r="KYP645" s="613"/>
      <c r="KYQ645" s="613"/>
      <c r="KYR645" s="613"/>
      <c r="KYS645" s="613"/>
      <c r="KYT645" s="613"/>
      <c r="KYU645" s="613"/>
      <c r="KYV645" s="613"/>
      <c r="KYW645" s="613"/>
      <c r="KYX645" s="613"/>
      <c r="KYY645" s="613"/>
      <c r="KYZ645" s="613"/>
      <c r="KZA645" s="613"/>
      <c r="KZB645" s="613"/>
      <c r="KZC645" s="613"/>
      <c r="KZD645" s="613"/>
      <c r="KZE645" s="613"/>
      <c r="KZF645" s="613"/>
      <c r="KZG645" s="613"/>
      <c r="KZH645" s="613"/>
      <c r="KZI645" s="613"/>
      <c r="KZJ645" s="613"/>
      <c r="KZK645" s="613"/>
      <c r="KZL645" s="613"/>
      <c r="KZM645" s="613"/>
      <c r="KZN645" s="613"/>
      <c r="KZO645" s="613"/>
      <c r="KZP645" s="613"/>
      <c r="KZQ645" s="613"/>
      <c r="KZR645" s="613"/>
      <c r="KZS645" s="613"/>
      <c r="KZT645" s="613"/>
      <c r="KZU645" s="613"/>
      <c r="KZV645" s="613"/>
      <c r="KZW645" s="613"/>
      <c r="KZX645" s="613"/>
      <c r="KZY645" s="613"/>
      <c r="KZZ645" s="613"/>
      <c r="LAA645" s="613"/>
      <c r="LAB645" s="613"/>
      <c r="LAC645" s="613"/>
      <c r="LAD645" s="613"/>
      <c r="LAE645" s="613"/>
      <c r="LAF645" s="613"/>
      <c r="LAG645" s="613"/>
      <c r="LAH645" s="613"/>
      <c r="LAI645" s="613"/>
      <c r="LAJ645" s="613"/>
      <c r="LAK645" s="613"/>
      <c r="LAL645" s="613"/>
      <c r="LAM645" s="613"/>
      <c r="LAN645" s="613"/>
      <c r="LAO645" s="613"/>
      <c r="LAP645" s="613"/>
      <c r="LAQ645" s="613"/>
      <c r="LAR645" s="613"/>
      <c r="LAS645" s="613"/>
      <c r="LAT645" s="613"/>
      <c r="LAU645" s="613"/>
      <c r="LAV645" s="613"/>
      <c r="LAW645" s="613"/>
      <c r="LAX645" s="613"/>
      <c r="LAY645" s="613"/>
      <c r="LAZ645" s="613"/>
      <c r="LBA645" s="613"/>
      <c r="LBB645" s="613"/>
      <c r="LBC645" s="613"/>
      <c r="LBD645" s="613"/>
      <c r="LBE645" s="613"/>
      <c r="LBF645" s="613"/>
      <c r="LBG645" s="613"/>
      <c r="LBH645" s="613"/>
      <c r="LBI645" s="613"/>
      <c r="LBJ645" s="613"/>
      <c r="LBK645" s="613"/>
      <c r="LBL645" s="613"/>
      <c r="LBM645" s="613"/>
      <c r="LBN645" s="613"/>
      <c r="LBO645" s="613"/>
      <c r="LBP645" s="613"/>
      <c r="LBQ645" s="613"/>
      <c r="LBR645" s="613"/>
      <c r="LBS645" s="613"/>
      <c r="LBT645" s="613"/>
      <c r="LBU645" s="613"/>
      <c r="LBV645" s="613"/>
      <c r="LBW645" s="613"/>
      <c r="LBX645" s="613"/>
      <c r="LBY645" s="613"/>
      <c r="LBZ645" s="613"/>
      <c r="LCA645" s="613"/>
      <c r="LCB645" s="613"/>
      <c r="LCC645" s="613"/>
      <c r="LCD645" s="613"/>
      <c r="LCE645" s="613"/>
      <c r="LCF645" s="613"/>
      <c r="LCG645" s="613"/>
      <c r="LCH645" s="613"/>
      <c r="LCI645" s="613"/>
      <c r="LCJ645" s="613"/>
      <c r="LCK645" s="613"/>
      <c r="LCL645" s="613"/>
      <c r="LCM645" s="613"/>
      <c r="LCN645" s="613"/>
      <c r="LCO645" s="613"/>
      <c r="LCP645" s="613"/>
      <c r="LCQ645" s="613"/>
      <c r="LCR645" s="613"/>
      <c r="LCS645" s="613"/>
      <c r="LCT645" s="613"/>
      <c r="LCU645" s="613"/>
      <c r="LCV645" s="613"/>
      <c r="LCW645" s="613"/>
      <c r="LCX645" s="613"/>
      <c r="LCY645" s="613"/>
      <c r="LCZ645" s="613"/>
      <c r="LDA645" s="613"/>
      <c r="LDB645" s="613"/>
      <c r="LDC645" s="613"/>
      <c r="LDD645" s="613"/>
      <c r="LDE645" s="613"/>
      <c r="LDF645" s="613"/>
      <c r="LDG645" s="613"/>
      <c r="LDH645" s="613"/>
      <c r="LDI645" s="613"/>
      <c r="LDJ645" s="613"/>
      <c r="LDK645" s="613"/>
      <c r="LDL645" s="613"/>
      <c r="LDM645" s="613"/>
      <c r="LDN645" s="613"/>
      <c r="LDO645" s="613"/>
      <c r="LDP645" s="613"/>
      <c r="LDQ645" s="613"/>
      <c r="LDR645" s="613"/>
      <c r="LDS645" s="613"/>
      <c r="LDT645" s="613"/>
      <c r="LDU645" s="613"/>
      <c r="LDV645" s="613"/>
      <c r="LDW645" s="613"/>
      <c r="LDX645" s="613"/>
      <c r="LDY645" s="613"/>
      <c r="LDZ645" s="613"/>
      <c r="LEA645" s="613"/>
      <c r="LEB645" s="613"/>
      <c r="LEC645" s="613"/>
      <c r="LED645" s="613"/>
      <c r="LEE645" s="613"/>
      <c r="LEF645" s="613"/>
      <c r="LEG645" s="613"/>
      <c r="LEH645" s="613"/>
      <c r="LEI645" s="613"/>
      <c r="LEJ645" s="613"/>
      <c r="LEK645" s="613"/>
      <c r="LEL645" s="613"/>
      <c r="LEM645" s="613"/>
      <c r="LEN645" s="613"/>
      <c r="LEO645" s="613"/>
      <c r="LEP645" s="613"/>
      <c r="LEQ645" s="613"/>
      <c r="LER645" s="613"/>
      <c r="LES645" s="613"/>
      <c r="LET645" s="613"/>
      <c r="LEU645" s="613"/>
      <c r="LEV645" s="613"/>
      <c r="LEW645" s="613"/>
      <c r="LEX645" s="613"/>
      <c r="LEY645" s="613"/>
      <c r="LEZ645" s="613"/>
      <c r="LFA645" s="613"/>
      <c r="LFB645" s="613"/>
      <c r="LFC645" s="613"/>
      <c r="LFD645" s="613"/>
      <c r="LFE645" s="613"/>
      <c r="LFF645" s="613"/>
      <c r="LFG645" s="613"/>
      <c r="LFH645" s="613"/>
      <c r="LFI645" s="613"/>
      <c r="LFJ645" s="613"/>
      <c r="LFK645" s="613"/>
      <c r="LFL645" s="613"/>
      <c r="LFM645" s="613"/>
      <c r="LFN645" s="613"/>
      <c r="LFO645" s="613"/>
      <c r="LFP645" s="613"/>
      <c r="LFQ645" s="613"/>
      <c r="LFR645" s="613"/>
      <c r="LFS645" s="613"/>
      <c r="LFT645" s="613"/>
      <c r="LFU645" s="613"/>
      <c r="LFV645" s="613"/>
      <c r="LFW645" s="613"/>
      <c r="LFX645" s="613"/>
      <c r="LFY645" s="613"/>
      <c r="LFZ645" s="613"/>
      <c r="LGA645" s="613"/>
      <c r="LGB645" s="613"/>
      <c r="LGC645" s="613"/>
      <c r="LGD645" s="613"/>
      <c r="LGE645" s="613"/>
      <c r="LGF645" s="613"/>
      <c r="LGG645" s="613"/>
      <c r="LGH645" s="613"/>
      <c r="LGI645" s="613"/>
      <c r="LGJ645" s="613"/>
      <c r="LGK645" s="613"/>
      <c r="LGL645" s="613"/>
      <c r="LGM645" s="613"/>
      <c r="LGN645" s="613"/>
      <c r="LGO645" s="613"/>
      <c r="LGP645" s="613"/>
      <c r="LGQ645" s="613"/>
      <c r="LGR645" s="613"/>
      <c r="LGS645" s="613"/>
      <c r="LGT645" s="613"/>
      <c r="LGU645" s="613"/>
      <c r="LGV645" s="613"/>
      <c r="LGW645" s="613"/>
      <c r="LGX645" s="613"/>
      <c r="LGY645" s="613"/>
      <c r="LGZ645" s="613"/>
      <c r="LHA645" s="613"/>
      <c r="LHB645" s="613"/>
      <c r="LHC645" s="613"/>
      <c r="LHD645" s="613"/>
      <c r="LHE645" s="613"/>
      <c r="LHF645" s="613"/>
      <c r="LHG645" s="613"/>
      <c r="LHH645" s="613"/>
      <c r="LHI645" s="613"/>
      <c r="LHJ645" s="613"/>
      <c r="LHK645" s="613"/>
      <c r="LHL645" s="613"/>
      <c r="LHM645" s="613"/>
      <c r="LHN645" s="613"/>
      <c r="LHO645" s="613"/>
      <c r="LHP645" s="613"/>
      <c r="LHQ645" s="613"/>
      <c r="LHR645" s="613"/>
      <c r="LHS645" s="613"/>
      <c r="LHT645" s="613"/>
      <c r="LHU645" s="613"/>
      <c r="LHV645" s="613"/>
      <c r="LHW645" s="613"/>
      <c r="LHX645" s="613"/>
      <c r="LHY645" s="613"/>
      <c r="LHZ645" s="613"/>
      <c r="LIA645" s="613"/>
      <c r="LIB645" s="613"/>
      <c r="LIC645" s="613"/>
      <c r="LID645" s="613"/>
      <c r="LIE645" s="613"/>
      <c r="LIF645" s="613"/>
      <c r="LIG645" s="613"/>
      <c r="LIH645" s="613"/>
      <c r="LII645" s="613"/>
      <c r="LIJ645" s="613"/>
      <c r="LIK645" s="613"/>
      <c r="LIL645" s="613"/>
      <c r="LIM645" s="613"/>
      <c r="LIN645" s="613"/>
      <c r="LIO645" s="613"/>
      <c r="LIP645" s="613"/>
      <c r="LIQ645" s="613"/>
      <c r="LIR645" s="613"/>
      <c r="LIS645" s="613"/>
      <c r="LIT645" s="613"/>
      <c r="LIU645" s="613"/>
      <c r="LIV645" s="613"/>
      <c r="LIW645" s="613"/>
      <c r="LIX645" s="613"/>
      <c r="LIY645" s="613"/>
      <c r="LIZ645" s="613"/>
      <c r="LJA645" s="613"/>
      <c r="LJB645" s="613"/>
      <c r="LJC645" s="613"/>
      <c r="LJD645" s="613"/>
      <c r="LJE645" s="613"/>
      <c r="LJF645" s="613"/>
      <c r="LJG645" s="613"/>
      <c r="LJH645" s="613"/>
      <c r="LJI645" s="613"/>
      <c r="LJJ645" s="613"/>
      <c r="LJK645" s="613"/>
      <c r="LJL645" s="613"/>
      <c r="LJM645" s="613"/>
      <c r="LJN645" s="613"/>
      <c r="LJO645" s="613"/>
      <c r="LJP645" s="613"/>
      <c r="LJQ645" s="613"/>
      <c r="LJR645" s="613"/>
      <c r="LJS645" s="613"/>
      <c r="LJT645" s="613"/>
      <c r="LJU645" s="613"/>
      <c r="LJV645" s="613"/>
      <c r="LJW645" s="613"/>
      <c r="LJX645" s="613"/>
      <c r="LJY645" s="613"/>
      <c r="LJZ645" s="613"/>
      <c r="LKA645" s="613"/>
      <c r="LKB645" s="613"/>
      <c r="LKC645" s="613"/>
      <c r="LKD645" s="613"/>
      <c r="LKE645" s="613"/>
      <c r="LKF645" s="613"/>
      <c r="LKG645" s="613"/>
      <c r="LKH645" s="613"/>
      <c r="LKI645" s="613"/>
      <c r="LKJ645" s="613"/>
      <c r="LKK645" s="613"/>
      <c r="LKL645" s="613"/>
      <c r="LKM645" s="613"/>
      <c r="LKN645" s="613"/>
      <c r="LKO645" s="613"/>
      <c r="LKP645" s="613"/>
      <c r="LKQ645" s="613"/>
      <c r="LKR645" s="613"/>
      <c r="LKS645" s="613"/>
      <c r="LKT645" s="613"/>
      <c r="LKU645" s="613"/>
      <c r="LKV645" s="613"/>
      <c r="LKW645" s="613"/>
      <c r="LKX645" s="613"/>
      <c r="LKY645" s="613"/>
      <c r="LKZ645" s="613"/>
      <c r="LLA645" s="613"/>
      <c r="LLB645" s="613"/>
      <c r="LLC645" s="613"/>
      <c r="LLD645" s="613"/>
      <c r="LLE645" s="613"/>
      <c r="LLF645" s="613"/>
      <c r="LLG645" s="613"/>
      <c r="LLH645" s="613"/>
      <c r="LLI645" s="613"/>
      <c r="LLJ645" s="613"/>
      <c r="LLK645" s="613"/>
      <c r="LLL645" s="613"/>
      <c r="LLM645" s="613"/>
      <c r="LLN645" s="613"/>
      <c r="LLO645" s="613"/>
      <c r="LLP645" s="613"/>
      <c r="LLQ645" s="613"/>
      <c r="LLR645" s="613"/>
      <c r="LLS645" s="613"/>
      <c r="LLT645" s="613"/>
      <c r="LLU645" s="613"/>
      <c r="LLV645" s="613"/>
      <c r="LLW645" s="613"/>
      <c r="LLX645" s="613"/>
      <c r="LLY645" s="613"/>
      <c r="LLZ645" s="613"/>
      <c r="LMA645" s="613"/>
      <c r="LMB645" s="613"/>
      <c r="LMC645" s="613"/>
      <c r="LMD645" s="613"/>
      <c r="LME645" s="613"/>
      <c r="LMF645" s="613"/>
      <c r="LMG645" s="613"/>
      <c r="LMH645" s="613"/>
      <c r="LMI645" s="613"/>
      <c r="LMJ645" s="613"/>
      <c r="LMK645" s="613"/>
      <c r="LML645" s="613"/>
      <c r="LMM645" s="613"/>
      <c r="LMN645" s="613"/>
      <c r="LMO645" s="613"/>
      <c r="LMP645" s="613"/>
      <c r="LMQ645" s="613"/>
      <c r="LMR645" s="613"/>
      <c r="LMS645" s="613"/>
      <c r="LMT645" s="613"/>
      <c r="LMU645" s="613"/>
      <c r="LMV645" s="613"/>
      <c r="LMW645" s="613"/>
      <c r="LMX645" s="613"/>
      <c r="LMY645" s="613"/>
      <c r="LMZ645" s="613"/>
      <c r="LNA645" s="613"/>
      <c r="LNB645" s="613"/>
      <c r="LNC645" s="613"/>
      <c r="LND645" s="613"/>
      <c r="LNE645" s="613"/>
      <c r="LNF645" s="613"/>
      <c r="LNG645" s="613"/>
      <c r="LNH645" s="613"/>
      <c r="LNI645" s="613"/>
      <c r="LNJ645" s="613"/>
      <c r="LNK645" s="613"/>
      <c r="LNL645" s="613"/>
      <c r="LNM645" s="613"/>
      <c r="LNN645" s="613"/>
      <c r="LNO645" s="613"/>
      <c r="LNP645" s="613"/>
      <c r="LNQ645" s="613"/>
      <c r="LNR645" s="613"/>
      <c r="LNS645" s="613"/>
      <c r="LNT645" s="613"/>
      <c r="LNU645" s="613"/>
      <c r="LNV645" s="613"/>
      <c r="LNW645" s="613"/>
      <c r="LNX645" s="613"/>
      <c r="LNY645" s="613"/>
      <c r="LNZ645" s="613"/>
      <c r="LOA645" s="613"/>
      <c r="LOB645" s="613"/>
      <c r="LOC645" s="613"/>
      <c r="LOD645" s="613"/>
      <c r="LOE645" s="613"/>
      <c r="LOF645" s="613"/>
      <c r="LOG645" s="613"/>
      <c r="LOH645" s="613"/>
      <c r="LOI645" s="613"/>
      <c r="LOJ645" s="613"/>
      <c r="LOK645" s="613"/>
      <c r="LOL645" s="613"/>
      <c r="LOM645" s="613"/>
      <c r="LON645" s="613"/>
      <c r="LOO645" s="613"/>
      <c r="LOP645" s="613"/>
      <c r="LOQ645" s="613"/>
      <c r="LOR645" s="613"/>
      <c r="LOS645" s="613"/>
      <c r="LOT645" s="613"/>
      <c r="LOU645" s="613"/>
      <c r="LOV645" s="613"/>
      <c r="LOW645" s="613"/>
      <c r="LOX645" s="613"/>
      <c r="LOY645" s="613"/>
      <c r="LOZ645" s="613"/>
      <c r="LPA645" s="613"/>
      <c r="LPB645" s="613"/>
      <c r="LPC645" s="613"/>
      <c r="LPD645" s="613"/>
      <c r="LPE645" s="613"/>
      <c r="LPF645" s="613"/>
      <c r="LPG645" s="613"/>
      <c r="LPH645" s="613"/>
      <c r="LPI645" s="613"/>
      <c r="LPJ645" s="613"/>
      <c r="LPK645" s="613"/>
      <c r="LPL645" s="613"/>
      <c r="LPM645" s="613"/>
      <c r="LPN645" s="613"/>
      <c r="LPO645" s="613"/>
      <c r="LPP645" s="613"/>
      <c r="LPQ645" s="613"/>
      <c r="LPR645" s="613"/>
      <c r="LPS645" s="613"/>
      <c r="LPT645" s="613"/>
      <c r="LPU645" s="613"/>
      <c r="LPV645" s="613"/>
      <c r="LPW645" s="613"/>
      <c r="LPX645" s="613"/>
      <c r="LPY645" s="613"/>
      <c r="LPZ645" s="613"/>
      <c r="LQA645" s="613"/>
      <c r="LQB645" s="613"/>
      <c r="LQC645" s="613"/>
      <c r="LQD645" s="613"/>
      <c r="LQE645" s="613"/>
      <c r="LQF645" s="613"/>
      <c r="LQG645" s="613"/>
      <c r="LQH645" s="613"/>
      <c r="LQI645" s="613"/>
      <c r="LQJ645" s="613"/>
      <c r="LQK645" s="613"/>
      <c r="LQL645" s="613"/>
      <c r="LQM645" s="613"/>
      <c r="LQN645" s="613"/>
      <c r="LQO645" s="613"/>
      <c r="LQP645" s="613"/>
      <c r="LQQ645" s="613"/>
      <c r="LQR645" s="613"/>
      <c r="LQS645" s="613"/>
      <c r="LQT645" s="613"/>
      <c r="LQU645" s="613"/>
      <c r="LQV645" s="613"/>
      <c r="LQW645" s="613"/>
      <c r="LQX645" s="613"/>
      <c r="LQY645" s="613"/>
      <c r="LQZ645" s="613"/>
      <c r="LRA645" s="613"/>
      <c r="LRB645" s="613"/>
      <c r="LRC645" s="613"/>
      <c r="LRD645" s="613"/>
      <c r="LRE645" s="613"/>
      <c r="LRF645" s="613"/>
      <c r="LRG645" s="613"/>
      <c r="LRH645" s="613"/>
      <c r="LRI645" s="613"/>
      <c r="LRJ645" s="613"/>
      <c r="LRK645" s="613"/>
      <c r="LRL645" s="613"/>
      <c r="LRM645" s="613"/>
      <c r="LRN645" s="613"/>
      <c r="LRO645" s="613"/>
      <c r="LRP645" s="613"/>
      <c r="LRQ645" s="613"/>
      <c r="LRR645" s="613"/>
      <c r="LRS645" s="613"/>
      <c r="LRT645" s="613"/>
      <c r="LRU645" s="613"/>
      <c r="LRV645" s="613"/>
      <c r="LRW645" s="613"/>
      <c r="LRX645" s="613"/>
      <c r="LRY645" s="613"/>
      <c r="LRZ645" s="613"/>
      <c r="LSA645" s="613"/>
      <c r="LSB645" s="613"/>
      <c r="LSC645" s="613"/>
      <c r="LSD645" s="613"/>
      <c r="LSE645" s="613"/>
      <c r="LSF645" s="613"/>
      <c r="LSG645" s="613"/>
      <c r="LSH645" s="613"/>
      <c r="LSI645" s="613"/>
      <c r="LSJ645" s="613"/>
      <c r="LSK645" s="613"/>
      <c r="LSL645" s="613"/>
      <c r="LSM645" s="613"/>
      <c r="LSN645" s="613"/>
      <c r="LSO645" s="613"/>
      <c r="LSP645" s="613"/>
      <c r="LSQ645" s="613"/>
      <c r="LSR645" s="613"/>
      <c r="LSS645" s="613"/>
      <c r="LST645" s="613"/>
      <c r="LSU645" s="613"/>
      <c r="LSV645" s="613"/>
      <c r="LSW645" s="613"/>
      <c r="LSX645" s="613"/>
      <c r="LSY645" s="613"/>
      <c r="LSZ645" s="613"/>
      <c r="LTA645" s="613"/>
      <c r="LTB645" s="613"/>
      <c r="LTC645" s="613"/>
      <c r="LTD645" s="613"/>
      <c r="LTE645" s="613"/>
      <c r="LTF645" s="613"/>
      <c r="LTG645" s="613"/>
      <c r="LTH645" s="613"/>
      <c r="LTI645" s="613"/>
      <c r="LTJ645" s="613"/>
      <c r="LTK645" s="613"/>
      <c r="LTL645" s="613"/>
      <c r="LTM645" s="613"/>
      <c r="LTN645" s="613"/>
      <c r="LTO645" s="613"/>
      <c r="LTP645" s="613"/>
      <c r="LTQ645" s="613"/>
      <c r="LTR645" s="613"/>
      <c r="LTS645" s="613"/>
      <c r="LTT645" s="613"/>
      <c r="LTU645" s="613"/>
      <c r="LTV645" s="613"/>
      <c r="LTW645" s="613"/>
      <c r="LTX645" s="613"/>
      <c r="LTY645" s="613"/>
      <c r="LTZ645" s="613"/>
      <c r="LUA645" s="613"/>
      <c r="LUB645" s="613"/>
      <c r="LUC645" s="613"/>
      <c r="LUD645" s="613"/>
      <c r="LUE645" s="613"/>
      <c r="LUF645" s="613"/>
      <c r="LUG645" s="613"/>
      <c r="LUH645" s="613"/>
      <c r="LUI645" s="613"/>
      <c r="LUJ645" s="613"/>
      <c r="LUK645" s="613"/>
      <c r="LUL645" s="613"/>
      <c r="LUM645" s="613"/>
      <c r="LUN645" s="613"/>
      <c r="LUO645" s="613"/>
      <c r="LUP645" s="613"/>
      <c r="LUQ645" s="613"/>
      <c r="LUR645" s="613"/>
      <c r="LUS645" s="613"/>
      <c r="LUT645" s="613"/>
      <c r="LUU645" s="613"/>
      <c r="LUV645" s="613"/>
      <c r="LUW645" s="613"/>
      <c r="LUX645" s="613"/>
      <c r="LUY645" s="613"/>
      <c r="LUZ645" s="613"/>
      <c r="LVA645" s="613"/>
      <c r="LVB645" s="613"/>
      <c r="LVC645" s="613"/>
      <c r="LVD645" s="613"/>
      <c r="LVE645" s="613"/>
      <c r="LVF645" s="613"/>
      <c r="LVG645" s="613"/>
      <c r="LVH645" s="613"/>
      <c r="LVI645" s="613"/>
      <c r="LVJ645" s="613"/>
      <c r="LVK645" s="613"/>
      <c r="LVL645" s="613"/>
      <c r="LVM645" s="613"/>
      <c r="LVN645" s="613"/>
      <c r="LVO645" s="613"/>
      <c r="LVP645" s="613"/>
      <c r="LVQ645" s="613"/>
      <c r="LVR645" s="613"/>
      <c r="LVS645" s="613"/>
      <c r="LVT645" s="613"/>
      <c r="LVU645" s="613"/>
      <c r="LVV645" s="613"/>
      <c r="LVW645" s="613"/>
      <c r="LVX645" s="613"/>
      <c r="LVY645" s="613"/>
      <c r="LVZ645" s="613"/>
      <c r="LWA645" s="613"/>
      <c r="LWB645" s="613"/>
      <c r="LWC645" s="613"/>
      <c r="LWD645" s="613"/>
      <c r="LWE645" s="613"/>
      <c r="LWF645" s="613"/>
      <c r="LWG645" s="613"/>
      <c r="LWH645" s="613"/>
      <c r="LWI645" s="613"/>
      <c r="LWJ645" s="613"/>
      <c r="LWK645" s="613"/>
      <c r="LWL645" s="613"/>
      <c r="LWM645" s="613"/>
      <c r="LWN645" s="613"/>
      <c r="LWO645" s="613"/>
      <c r="LWP645" s="613"/>
      <c r="LWQ645" s="613"/>
      <c r="LWR645" s="613"/>
      <c r="LWS645" s="613"/>
      <c r="LWT645" s="613"/>
      <c r="LWU645" s="613"/>
      <c r="LWV645" s="613"/>
      <c r="LWW645" s="613"/>
      <c r="LWX645" s="613"/>
      <c r="LWY645" s="613"/>
      <c r="LWZ645" s="613"/>
      <c r="LXA645" s="613"/>
      <c r="LXB645" s="613"/>
      <c r="LXC645" s="613"/>
      <c r="LXD645" s="613"/>
      <c r="LXE645" s="613"/>
      <c r="LXF645" s="613"/>
      <c r="LXG645" s="613"/>
      <c r="LXH645" s="613"/>
      <c r="LXI645" s="613"/>
      <c r="LXJ645" s="613"/>
      <c r="LXK645" s="613"/>
      <c r="LXL645" s="613"/>
      <c r="LXM645" s="613"/>
      <c r="LXN645" s="613"/>
      <c r="LXO645" s="613"/>
      <c r="LXP645" s="613"/>
      <c r="LXQ645" s="613"/>
      <c r="LXR645" s="613"/>
      <c r="LXS645" s="613"/>
      <c r="LXT645" s="613"/>
      <c r="LXU645" s="613"/>
      <c r="LXV645" s="613"/>
      <c r="LXW645" s="613"/>
      <c r="LXX645" s="613"/>
      <c r="LXY645" s="613"/>
      <c r="LXZ645" s="613"/>
      <c r="LYA645" s="613"/>
      <c r="LYB645" s="613"/>
      <c r="LYC645" s="613"/>
      <c r="LYD645" s="613"/>
      <c r="LYE645" s="613"/>
      <c r="LYF645" s="613"/>
      <c r="LYG645" s="613"/>
      <c r="LYH645" s="613"/>
      <c r="LYI645" s="613"/>
      <c r="LYJ645" s="613"/>
      <c r="LYK645" s="613"/>
      <c r="LYL645" s="613"/>
      <c r="LYM645" s="613"/>
      <c r="LYN645" s="613"/>
      <c r="LYO645" s="613"/>
      <c r="LYP645" s="613"/>
      <c r="LYQ645" s="613"/>
      <c r="LYR645" s="613"/>
      <c r="LYS645" s="613"/>
      <c r="LYT645" s="613"/>
      <c r="LYU645" s="613"/>
      <c r="LYV645" s="613"/>
      <c r="LYW645" s="613"/>
      <c r="LYX645" s="613"/>
      <c r="LYY645" s="613"/>
      <c r="LYZ645" s="613"/>
      <c r="LZA645" s="613"/>
      <c r="LZB645" s="613"/>
      <c r="LZC645" s="613"/>
      <c r="LZD645" s="613"/>
      <c r="LZE645" s="613"/>
      <c r="LZF645" s="613"/>
      <c r="LZG645" s="613"/>
      <c r="LZH645" s="613"/>
      <c r="LZI645" s="613"/>
      <c r="LZJ645" s="613"/>
      <c r="LZK645" s="613"/>
      <c r="LZL645" s="613"/>
      <c r="LZM645" s="613"/>
      <c r="LZN645" s="613"/>
      <c r="LZO645" s="613"/>
      <c r="LZP645" s="613"/>
      <c r="LZQ645" s="613"/>
      <c r="LZR645" s="613"/>
      <c r="LZS645" s="613"/>
      <c r="LZT645" s="613"/>
      <c r="LZU645" s="613"/>
      <c r="LZV645" s="613"/>
      <c r="LZW645" s="613"/>
      <c r="LZX645" s="613"/>
      <c r="LZY645" s="613"/>
      <c r="LZZ645" s="613"/>
      <c r="MAA645" s="613"/>
      <c r="MAB645" s="613"/>
      <c r="MAC645" s="613"/>
      <c r="MAD645" s="613"/>
      <c r="MAE645" s="613"/>
      <c r="MAF645" s="613"/>
      <c r="MAG645" s="613"/>
      <c r="MAH645" s="613"/>
      <c r="MAI645" s="613"/>
      <c r="MAJ645" s="613"/>
      <c r="MAK645" s="613"/>
      <c r="MAL645" s="613"/>
      <c r="MAM645" s="613"/>
      <c r="MAN645" s="613"/>
      <c r="MAO645" s="613"/>
      <c r="MAP645" s="613"/>
      <c r="MAQ645" s="613"/>
      <c r="MAR645" s="613"/>
      <c r="MAS645" s="613"/>
      <c r="MAT645" s="613"/>
      <c r="MAU645" s="613"/>
      <c r="MAV645" s="613"/>
      <c r="MAW645" s="613"/>
      <c r="MAX645" s="613"/>
      <c r="MAY645" s="613"/>
      <c r="MAZ645" s="613"/>
      <c r="MBA645" s="613"/>
      <c r="MBB645" s="613"/>
      <c r="MBC645" s="613"/>
      <c r="MBD645" s="613"/>
      <c r="MBE645" s="613"/>
      <c r="MBF645" s="613"/>
      <c r="MBG645" s="613"/>
      <c r="MBH645" s="613"/>
      <c r="MBI645" s="613"/>
      <c r="MBJ645" s="613"/>
      <c r="MBK645" s="613"/>
      <c r="MBL645" s="613"/>
      <c r="MBM645" s="613"/>
      <c r="MBN645" s="613"/>
      <c r="MBO645" s="613"/>
      <c r="MBP645" s="613"/>
      <c r="MBQ645" s="613"/>
      <c r="MBR645" s="613"/>
      <c r="MBS645" s="613"/>
      <c r="MBT645" s="613"/>
      <c r="MBU645" s="613"/>
      <c r="MBV645" s="613"/>
      <c r="MBW645" s="613"/>
      <c r="MBX645" s="613"/>
      <c r="MBY645" s="613"/>
      <c r="MBZ645" s="613"/>
      <c r="MCA645" s="613"/>
      <c r="MCB645" s="613"/>
      <c r="MCC645" s="613"/>
      <c r="MCD645" s="613"/>
      <c r="MCE645" s="613"/>
      <c r="MCF645" s="613"/>
      <c r="MCG645" s="613"/>
      <c r="MCH645" s="613"/>
      <c r="MCI645" s="613"/>
      <c r="MCJ645" s="613"/>
      <c r="MCK645" s="613"/>
      <c r="MCL645" s="613"/>
      <c r="MCM645" s="613"/>
      <c r="MCN645" s="613"/>
      <c r="MCO645" s="613"/>
      <c r="MCP645" s="613"/>
      <c r="MCQ645" s="613"/>
      <c r="MCR645" s="613"/>
      <c r="MCS645" s="613"/>
      <c r="MCT645" s="613"/>
      <c r="MCU645" s="613"/>
      <c r="MCV645" s="613"/>
      <c r="MCW645" s="613"/>
      <c r="MCX645" s="613"/>
      <c r="MCY645" s="613"/>
      <c r="MCZ645" s="613"/>
      <c r="MDA645" s="613"/>
      <c r="MDB645" s="613"/>
      <c r="MDC645" s="613"/>
      <c r="MDD645" s="613"/>
      <c r="MDE645" s="613"/>
      <c r="MDF645" s="613"/>
      <c r="MDG645" s="613"/>
      <c r="MDH645" s="613"/>
      <c r="MDI645" s="613"/>
      <c r="MDJ645" s="613"/>
      <c r="MDK645" s="613"/>
      <c r="MDL645" s="613"/>
      <c r="MDM645" s="613"/>
      <c r="MDN645" s="613"/>
      <c r="MDO645" s="613"/>
      <c r="MDP645" s="613"/>
      <c r="MDQ645" s="613"/>
      <c r="MDR645" s="613"/>
      <c r="MDS645" s="613"/>
      <c r="MDT645" s="613"/>
      <c r="MDU645" s="613"/>
      <c r="MDV645" s="613"/>
      <c r="MDW645" s="613"/>
      <c r="MDX645" s="613"/>
      <c r="MDY645" s="613"/>
      <c r="MDZ645" s="613"/>
      <c r="MEA645" s="613"/>
      <c r="MEB645" s="613"/>
      <c r="MEC645" s="613"/>
      <c r="MED645" s="613"/>
      <c r="MEE645" s="613"/>
      <c r="MEF645" s="613"/>
      <c r="MEG645" s="613"/>
      <c r="MEH645" s="613"/>
      <c r="MEI645" s="613"/>
      <c r="MEJ645" s="613"/>
      <c r="MEK645" s="613"/>
      <c r="MEL645" s="613"/>
      <c r="MEM645" s="613"/>
      <c r="MEN645" s="613"/>
      <c r="MEO645" s="613"/>
      <c r="MEP645" s="613"/>
      <c r="MEQ645" s="613"/>
      <c r="MER645" s="613"/>
      <c r="MES645" s="613"/>
      <c r="MET645" s="613"/>
      <c r="MEU645" s="613"/>
      <c r="MEV645" s="613"/>
      <c r="MEW645" s="613"/>
      <c r="MEX645" s="613"/>
      <c r="MEY645" s="613"/>
      <c r="MEZ645" s="613"/>
      <c r="MFA645" s="613"/>
      <c r="MFB645" s="613"/>
      <c r="MFC645" s="613"/>
      <c r="MFD645" s="613"/>
      <c r="MFE645" s="613"/>
      <c r="MFF645" s="613"/>
      <c r="MFG645" s="613"/>
      <c r="MFH645" s="613"/>
      <c r="MFI645" s="613"/>
      <c r="MFJ645" s="613"/>
      <c r="MFK645" s="613"/>
      <c r="MFL645" s="613"/>
      <c r="MFM645" s="613"/>
      <c r="MFN645" s="613"/>
      <c r="MFO645" s="613"/>
      <c r="MFP645" s="613"/>
      <c r="MFQ645" s="613"/>
      <c r="MFR645" s="613"/>
      <c r="MFS645" s="613"/>
      <c r="MFT645" s="613"/>
      <c r="MFU645" s="613"/>
      <c r="MFV645" s="613"/>
      <c r="MFW645" s="613"/>
      <c r="MFX645" s="613"/>
      <c r="MFY645" s="613"/>
      <c r="MFZ645" s="613"/>
      <c r="MGA645" s="613"/>
      <c r="MGB645" s="613"/>
      <c r="MGC645" s="613"/>
      <c r="MGD645" s="613"/>
      <c r="MGE645" s="613"/>
      <c r="MGF645" s="613"/>
      <c r="MGG645" s="613"/>
      <c r="MGH645" s="613"/>
      <c r="MGI645" s="613"/>
      <c r="MGJ645" s="613"/>
      <c r="MGK645" s="613"/>
      <c r="MGL645" s="613"/>
      <c r="MGM645" s="613"/>
      <c r="MGN645" s="613"/>
      <c r="MGO645" s="613"/>
      <c r="MGP645" s="613"/>
      <c r="MGQ645" s="613"/>
      <c r="MGR645" s="613"/>
      <c r="MGS645" s="613"/>
      <c r="MGT645" s="613"/>
      <c r="MGU645" s="613"/>
      <c r="MGV645" s="613"/>
      <c r="MGW645" s="613"/>
      <c r="MGX645" s="613"/>
      <c r="MGY645" s="613"/>
      <c r="MGZ645" s="613"/>
      <c r="MHA645" s="613"/>
      <c r="MHB645" s="613"/>
      <c r="MHC645" s="613"/>
      <c r="MHD645" s="613"/>
      <c r="MHE645" s="613"/>
      <c r="MHF645" s="613"/>
      <c r="MHG645" s="613"/>
      <c r="MHH645" s="613"/>
      <c r="MHI645" s="613"/>
      <c r="MHJ645" s="613"/>
      <c r="MHK645" s="613"/>
      <c r="MHL645" s="613"/>
      <c r="MHM645" s="613"/>
      <c r="MHN645" s="613"/>
      <c r="MHO645" s="613"/>
      <c r="MHP645" s="613"/>
      <c r="MHQ645" s="613"/>
      <c r="MHR645" s="613"/>
      <c r="MHS645" s="613"/>
      <c r="MHT645" s="613"/>
      <c r="MHU645" s="613"/>
      <c r="MHV645" s="613"/>
      <c r="MHW645" s="613"/>
      <c r="MHX645" s="613"/>
      <c r="MHY645" s="613"/>
      <c r="MHZ645" s="613"/>
      <c r="MIA645" s="613"/>
      <c r="MIB645" s="613"/>
      <c r="MIC645" s="613"/>
      <c r="MID645" s="613"/>
      <c r="MIE645" s="613"/>
      <c r="MIF645" s="613"/>
      <c r="MIG645" s="613"/>
      <c r="MIH645" s="613"/>
      <c r="MII645" s="613"/>
      <c r="MIJ645" s="613"/>
      <c r="MIK645" s="613"/>
      <c r="MIL645" s="613"/>
      <c r="MIM645" s="613"/>
      <c r="MIN645" s="613"/>
      <c r="MIO645" s="613"/>
      <c r="MIP645" s="613"/>
      <c r="MIQ645" s="613"/>
      <c r="MIR645" s="613"/>
      <c r="MIS645" s="613"/>
      <c r="MIT645" s="613"/>
      <c r="MIU645" s="613"/>
      <c r="MIV645" s="613"/>
      <c r="MIW645" s="613"/>
      <c r="MIX645" s="613"/>
      <c r="MIY645" s="613"/>
      <c r="MIZ645" s="613"/>
      <c r="MJA645" s="613"/>
      <c r="MJB645" s="613"/>
      <c r="MJC645" s="613"/>
      <c r="MJD645" s="613"/>
      <c r="MJE645" s="613"/>
      <c r="MJF645" s="613"/>
      <c r="MJG645" s="613"/>
      <c r="MJH645" s="613"/>
      <c r="MJI645" s="613"/>
      <c r="MJJ645" s="613"/>
      <c r="MJK645" s="613"/>
      <c r="MJL645" s="613"/>
      <c r="MJM645" s="613"/>
      <c r="MJN645" s="613"/>
      <c r="MJO645" s="613"/>
      <c r="MJP645" s="613"/>
      <c r="MJQ645" s="613"/>
      <c r="MJR645" s="613"/>
      <c r="MJS645" s="613"/>
      <c r="MJT645" s="613"/>
      <c r="MJU645" s="613"/>
      <c r="MJV645" s="613"/>
      <c r="MJW645" s="613"/>
      <c r="MJX645" s="613"/>
      <c r="MJY645" s="613"/>
      <c r="MJZ645" s="613"/>
      <c r="MKA645" s="613"/>
      <c r="MKB645" s="613"/>
      <c r="MKC645" s="613"/>
      <c r="MKD645" s="613"/>
      <c r="MKE645" s="613"/>
      <c r="MKF645" s="613"/>
      <c r="MKG645" s="613"/>
      <c r="MKH645" s="613"/>
      <c r="MKI645" s="613"/>
      <c r="MKJ645" s="613"/>
      <c r="MKK645" s="613"/>
      <c r="MKL645" s="613"/>
      <c r="MKM645" s="613"/>
      <c r="MKN645" s="613"/>
      <c r="MKO645" s="613"/>
      <c r="MKP645" s="613"/>
      <c r="MKQ645" s="613"/>
      <c r="MKR645" s="613"/>
      <c r="MKS645" s="613"/>
      <c r="MKT645" s="613"/>
      <c r="MKU645" s="613"/>
      <c r="MKV645" s="613"/>
      <c r="MKW645" s="613"/>
      <c r="MKX645" s="613"/>
      <c r="MKY645" s="613"/>
      <c r="MKZ645" s="613"/>
      <c r="MLA645" s="613"/>
      <c r="MLB645" s="613"/>
      <c r="MLC645" s="613"/>
      <c r="MLD645" s="613"/>
      <c r="MLE645" s="613"/>
      <c r="MLF645" s="613"/>
      <c r="MLG645" s="613"/>
      <c r="MLH645" s="613"/>
      <c r="MLI645" s="613"/>
      <c r="MLJ645" s="613"/>
      <c r="MLK645" s="613"/>
      <c r="MLL645" s="613"/>
      <c r="MLM645" s="613"/>
      <c r="MLN645" s="613"/>
      <c r="MLO645" s="613"/>
      <c r="MLP645" s="613"/>
      <c r="MLQ645" s="613"/>
      <c r="MLR645" s="613"/>
      <c r="MLS645" s="613"/>
      <c r="MLT645" s="613"/>
      <c r="MLU645" s="613"/>
      <c r="MLV645" s="613"/>
      <c r="MLW645" s="613"/>
      <c r="MLX645" s="613"/>
      <c r="MLY645" s="613"/>
      <c r="MLZ645" s="613"/>
      <c r="MMA645" s="613"/>
      <c r="MMB645" s="613"/>
      <c r="MMC645" s="613"/>
      <c r="MMD645" s="613"/>
      <c r="MME645" s="613"/>
      <c r="MMF645" s="613"/>
      <c r="MMG645" s="613"/>
      <c r="MMH645" s="613"/>
      <c r="MMI645" s="613"/>
      <c r="MMJ645" s="613"/>
      <c r="MMK645" s="613"/>
      <c r="MML645" s="613"/>
      <c r="MMM645" s="613"/>
      <c r="MMN645" s="613"/>
      <c r="MMO645" s="613"/>
      <c r="MMP645" s="613"/>
      <c r="MMQ645" s="613"/>
      <c r="MMR645" s="613"/>
      <c r="MMS645" s="613"/>
      <c r="MMT645" s="613"/>
      <c r="MMU645" s="613"/>
      <c r="MMV645" s="613"/>
      <c r="MMW645" s="613"/>
      <c r="MMX645" s="613"/>
      <c r="MMY645" s="613"/>
      <c r="MMZ645" s="613"/>
      <c r="MNA645" s="613"/>
      <c r="MNB645" s="613"/>
      <c r="MNC645" s="613"/>
      <c r="MND645" s="613"/>
      <c r="MNE645" s="613"/>
      <c r="MNF645" s="613"/>
      <c r="MNG645" s="613"/>
      <c r="MNH645" s="613"/>
      <c r="MNI645" s="613"/>
      <c r="MNJ645" s="613"/>
      <c r="MNK645" s="613"/>
      <c r="MNL645" s="613"/>
      <c r="MNM645" s="613"/>
      <c r="MNN645" s="613"/>
      <c r="MNO645" s="613"/>
      <c r="MNP645" s="613"/>
      <c r="MNQ645" s="613"/>
      <c r="MNR645" s="613"/>
      <c r="MNS645" s="613"/>
      <c r="MNT645" s="613"/>
      <c r="MNU645" s="613"/>
      <c r="MNV645" s="613"/>
      <c r="MNW645" s="613"/>
      <c r="MNX645" s="613"/>
      <c r="MNY645" s="613"/>
      <c r="MNZ645" s="613"/>
      <c r="MOA645" s="613"/>
      <c r="MOB645" s="613"/>
      <c r="MOC645" s="613"/>
      <c r="MOD645" s="613"/>
      <c r="MOE645" s="613"/>
      <c r="MOF645" s="613"/>
      <c r="MOG645" s="613"/>
      <c r="MOH645" s="613"/>
      <c r="MOI645" s="613"/>
      <c r="MOJ645" s="613"/>
      <c r="MOK645" s="613"/>
      <c r="MOL645" s="613"/>
      <c r="MOM645" s="613"/>
      <c r="MON645" s="613"/>
      <c r="MOO645" s="613"/>
      <c r="MOP645" s="613"/>
      <c r="MOQ645" s="613"/>
      <c r="MOR645" s="613"/>
      <c r="MOS645" s="613"/>
      <c r="MOT645" s="613"/>
      <c r="MOU645" s="613"/>
      <c r="MOV645" s="613"/>
      <c r="MOW645" s="613"/>
      <c r="MOX645" s="613"/>
      <c r="MOY645" s="613"/>
      <c r="MOZ645" s="613"/>
      <c r="MPA645" s="613"/>
      <c r="MPB645" s="613"/>
      <c r="MPC645" s="613"/>
      <c r="MPD645" s="613"/>
      <c r="MPE645" s="613"/>
      <c r="MPF645" s="613"/>
      <c r="MPG645" s="613"/>
      <c r="MPH645" s="613"/>
      <c r="MPI645" s="613"/>
      <c r="MPJ645" s="613"/>
      <c r="MPK645" s="613"/>
      <c r="MPL645" s="613"/>
      <c r="MPM645" s="613"/>
      <c r="MPN645" s="613"/>
      <c r="MPO645" s="613"/>
      <c r="MPP645" s="613"/>
      <c r="MPQ645" s="613"/>
      <c r="MPR645" s="613"/>
      <c r="MPS645" s="613"/>
      <c r="MPT645" s="613"/>
      <c r="MPU645" s="613"/>
      <c r="MPV645" s="613"/>
      <c r="MPW645" s="613"/>
      <c r="MPX645" s="613"/>
      <c r="MPY645" s="613"/>
      <c r="MPZ645" s="613"/>
      <c r="MQA645" s="613"/>
      <c r="MQB645" s="613"/>
      <c r="MQC645" s="613"/>
      <c r="MQD645" s="613"/>
      <c r="MQE645" s="613"/>
      <c r="MQF645" s="613"/>
      <c r="MQG645" s="613"/>
      <c r="MQH645" s="613"/>
      <c r="MQI645" s="613"/>
      <c r="MQJ645" s="613"/>
      <c r="MQK645" s="613"/>
      <c r="MQL645" s="613"/>
      <c r="MQM645" s="613"/>
      <c r="MQN645" s="613"/>
      <c r="MQO645" s="613"/>
      <c r="MQP645" s="613"/>
      <c r="MQQ645" s="613"/>
      <c r="MQR645" s="613"/>
      <c r="MQS645" s="613"/>
      <c r="MQT645" s="613"/>
      <c r="MQU645" s="613"/>
      <c r="MQV645" s="613"/>
      <c r="MQW645" s="613"/>
      <c r="MQX645" s="613"/>
      <c r="MQY645" s="613"/>
      <c r="MQZ645" s="613"/>
      <c r="MRA645" s="613"/>
      <c r="MRB645" s="613"/>
      <c r="MRC645" s="613"/>
      <c r="MRD645" s="613"/>
      <c r="MRE645" s="613"/>
      <c r="MRF645" s="613"/>
      <c r="MRG645" s="613"/>
      <c r="MRH645" s="613"/>
      <c r="MRI645" s="613"/>
      <c r="MRJ645" s="613"/>
      <c r="MRK645" s="613"/>
      <c r="MRL645" s="613"/>
      <c r="MRM645" s="613"/>
      <c r="MRN645" s="613"/>
      <c r="MRO645" s="613"/>
      <c r="MRP645" s="613"/>
      <c r="MRQ645" s="613"/>
      <c r="MRR645" s="613"/>
      <c r="MRS645" s="613"/>
      <c r="MRT645" s="613"/>
      <c r="MRU645" s="613"/>
      <c r="MRV645" s="613"/>
      <c r="MRW645" s="613"/>
      <c r="MRX645" s="613"/>
      <c r="MRY645" s="613"/>
      <c r="MRZ645" s="613"/>
      <c r="MSA645" s="613"/>
      <c r="MSB645" s="613"/>
      <c r="MSC645" s="613"/>
      <c r="MSD645" s="613"/>
      <c r="MSE645" s="613"/>
      <c r="MSF645" s="613"/>
      <c r="MSG645" s="613"/>
      <c r="MSH645" s="613"/>
      <c r="MSI645" s="613"/>
      <c r="MSJ645" s="613"/>
      <c r="MSK645" s="613"/>
      <c r="MSL645" s="613"/>
      <c r="MSM645" s="613"/>
      <c r="MSN645" s="613"/>
      <c r="MSO645" s="613"/>
      <c r="MSP645" s="613"/>
      <c r="MSQ645" s="613"/>
      <c r="MSR645" s="613"/>
      <c r="MSS645" s="613"/>
      <c r="MST645" s="613"/>
      <c r="MSU645" s="613"/>
      <c r="MSV645" s="613"/>
      <c r="MSW645" s="613"/>
      <c r="MSX645" s="613"/>
      <c r="MSY645" s="613"/>
      <c r="MSZ645" s="613"/>
      <c r="MTA645" s="613"/>
      <c r="MTB645" s="613"/>
      <c r="MTC645" s="613"/>
      <c r="MTD645" s="613"/>
      <c r="MTE645" s="613"/>
      <c r="MTF645" s="613"/>
      <c r="MTG645" s="613"/>
      <c r="MTH645" s="613"/>
      <c r="MTI645" s="613"/>
      <c r="MTJ645" s="613"/>
      <c r="MTK645" s="613"/>
      <c r="MTL645" s="613"/>
      <c r="MTM645" s="613"/>
      <c r="MTN645" s="613"/>
      <c r="MTO645" s="613"/>
      <c r="MTP645" s="613"/>
      <c r="MTQ645" s="613"/>
      <c r="MTR645" s="613"/>
      <c r="MTS645" s="613"/>
      <c r="MTT645" s="613"/>
      <c r="MTU645" s="613"/>
      <c r="MTV645" s="613"/>
      <c r="MTW645" s="613"/>
      <c r="MTX645" s="613"/>
      <c r="MTY645" s="613"/>
      <c r="MTZ645" s="613"/>
      <c r="MUA645" s="613"/>
      <c r="MUB645" s="613"/>
      <c r="MUC645" s="613"/>
      <c r="MUD645" s="613"/>
      <c r="MUE645" s="613"/>
      <c r="MUF645" s="613"/>
      <c r="MUG645" s="613"/>
      <c r="MUH645" s="613"/>
      <c r="MUI645" s="613"/>
      <c r="MUJ645" s="613"/>
      <c r="MUK645" s="613"/>
      <c r="MUL645" s="613"/>
      <c r="MUM645" s="613"/>
      <c r="MUN645" s="613"/>
      <c r="MUO645" s="613"/>
      <c r="MUP645" s="613"/>
      <c r="MUQ645" s="613"/>
      <c r="MUR645" s="613"/>
      <c r="MUS645" s="613"/>
      <c r="MUT645" s="613"/>
      <c r="MUU645" s="613"/>
      <c r="MUV645" s="613"/>
      <c r="MUW645" s="613"/>
      <c r="MUX645" s="613"/>
      <c r="MUY645" s="613"/>
      <c r="MUZ645" s="613"/>
      <c r="MVA645" s="613"/>
      <c r="MVB645" s="613"/>
      <c r="MVC645" s="613"/>
      <c r="MVD645" s="613"/>
      <c r="MVE645" s="613"/>
      <c r="MVF645" s="613"/>
      <c r="MVG645" s="613"/>
      <c r="MVH645" s="613"/>
      <c r="MVI645" s="613"/>
      <c r="MVJ645" s="613"/>
      <c r="MVK645" s="613"/>
      <c r="MVL645" s="613"/>
      <c r="MVM645" s="613"/>
      <c r="MVN645" s="613"/>
      <c r="MVO645" s="613"/>
      <c r="MVP645" s="613"/>
      <c r="MVQ645" s="613"/>
      <c r="MVR645" s="613"/>
      <c r="MVS645" s="613"/>
      <c r="MVT645" s="613"/>
      <c r="MVU645" s="613"/>
      <c r="MVV645" s="613"/>
      <c r="MVW645" s="613"/>
      <c r="MVX645" s="613"/>
      <c r="MVY645" s="613"/>
      <c r="MVZ645" s="613"/>
      <c r="MWA645" s="613"/>
      <c r="MWB645" s="613"/>
      <c r="MWC645" s="613"/>
      <c r="MWD645" s="613"/>
      <c r="MWE645" s="613"/>
      <c r="MWF645" s="613"/>
      <c r="MWG645" s="613"/>
      <c r="MWH645" s="613"/>
      <c r="MWI645" s="613"/>
      <c r="MWJ645" s="613"/>
      <c r="MWK645" s="613"/>
      <c r="MWL645" s="613"/>
      <c r="MWM645" s="613"/>
      <c r="MWN645" s="613"/>
      <c r="MWO645" s="613"/>
      <c r="MWP645" s="613"/>
      <c r="MWQ645" s="613"/>
      <c r="MWR645" s="613"/>
      <c r="MWS645" s="613"/>
      <c r="MWT645" s="613"/>
      <c r="MWU645" s="613"/>
      <c r="MWV645" s="613"/>
      <c r="MWW645" s="613"/>
      <c r="MWX645" s="613"/>
      <c r="MWY645" s="613"/>
      <c r="MWZ645" s="613"/>
      <c r="MXA645" s="613"/>
      <c r="MXB645" s="613"/>
      <c r="MXC645" s="613"/>
      <c r="MXD645" s="613"/>
      <c r="MXE645" s="613"/>
      <c r="MXF645" s="613"/>
      <c r="MXG645" s="613"/>
      <c r="MXH645" s="613"/>
      <c r="MXI645" s="613"/>
      <c r="MXJ645" s="613"/>
      <c r="MXK645" s="613"/>
      <c r="MXL645" s="613"/>
      <c r="MXM645" s="613"/>
      <c r="MXN645" s="613"/>
      <c r="MXO645" s="613"/>
      <c r="MXP645" s="613"/>
      <c r="MXQ645" s="613"/>
      <c r="MXR645" s="613"/>
      <c r="MXS645" s="613"/>
      <c r="MXT645" s="613"/>
      <c r="MXU645" s="613"/>
      <c r="MXV645" s="613"/>
      <c r="MXW645" s="613"/>
      <c r="MXX645" s="613"/>
      <c r="MXY645" s="613"/>
      <c r="MXZ645" s="613"/>
      <c r="MYA645" s="613"/>
      <c r="MYB645" s="613"/>
      <c r="MYC645" s="613"/>
      <c r="MYD645" s="613"/>
      <c r="MYE645" s="613"/>
      <c r="MYF645" s="613"/>
      <c r="MYG645" s="613"/>
      <c r="MYH645" s="613"/>
      <c r="MYI645" s="613"/>
      <c r="MYJ645" s="613"/>
      <c r="MYK645" s="613"/>
      <c r="MYL645" s="613"/>
      <c r="MYM645" s="613"/>
      <c r="MYN645" s="613"/>
      <c r="MYO645" s="613"/>
      <c r="MYP645" s="613"/>
      <c r="MYQ645" s="613"/>
      <c r="MYR645" s="613"/>
      <c r="MYS645" s="613"/>
      <c r="MYT645" s="613"/>
      <c r="MYU645" s="613"/>
      <c r="MYV645" s="613"/>
      <c r="MYW645" s="613"/>
      <c r="MYX645" s="613"/>
      <c r="MYY645" s="613"/>
      <c r="MYZ645" s="613"/>
      <c r="MZA645" s="613"/>
      <c r="MZB645" s="613"/>
      <c r="MZC645" s="613"/>
      <c r="MZD645" s="613"/>
      <c r="MZE645" s="613"/>
      <c r="MZF645" s="613"/>
      <c r="MZG645" s="613"/>
      <c r="MZH645" s="613"/>
      <c r="MZI645" s="613"/>
      <c r="MZJ645" s="613"/>
      <c r="MZK645" s="613"/>
      <c r="MZL645" s="613"/>
      <c r="MZM645" s="613"/>
      <c r="MZN645" s="613"/>
      <c r="MZO645" s="613"/>
      <c r="MZP645" s="613"/>
      <c r="MZQ645" s="613"/>
      <c r="MZR645" s="613"/>
      <c r="MZS645" s="613"/>
      <c r="MZT645" s="613"/>
      <c r="MZU645" s="613"/>
      <c r="MZV645" s="613"/>
      <c r="MZW645" s="613"/>
      <c r="MZX645" s="613"/>
      <c r="MZY645" s="613"/>
      <c r="MZZ645" s="613"/>
      <c r="NAA645" s="613"/>
      <c r="NAB645" s="613"/>
      <c r="NAC645" s="613"/>
      <c r="NAD645" s="613"/>
      <c r="NAE645" s="613"/>
      <c r="NAF645" s="613"/>
      <c r="NAG645" s="613"/>
      <c r="NAH645" s="613"/>
      <c r="NAI645" s="613"/>
      <c r="NAJ645" s="613"/>
      <c r="NAK645" s="613"/>
      <c r="NAL645" s="613"/>
      <c r="NAM645" s="613"/>
      <c r="NAN645" s="613"/>
      <c r="NAO645" s="613"/>
      <c r="NAP645" s="613"/>
      <c r="NAQ645" s="613"/>
      <c r="NAR645" s="613"/>
      <c r="NAS645" s="613"/>
      <c r="NAT645" s="613"/>
      <c r="NAU645" s="613"/>
      <c r="NAV645" s="613"/>
      <c r="NAW645" s="613"/>
      <c r="NAX645" s="613"/>
      <c r="NAY645" s="613"/>
      <c r="NAZ645" s="613"/>
      <c r="NBA645" s="613"/>
      <c r="NBB645" s="613"/>
      <c r="NBC645" s="613"/>
      <c r="NBD645" s="613"/>
      <c r="NBE645" s="613"/>
      <c r="NBF645" s="613"/>
      <c r="NBG645" s="613"/>
      <c r="NBH645" s="613"/>
      <c r="NBI645" s="613"/>
      <c r="NBJ645" s="613"/>
      <c r="NBK645" s="613"/>
      <c r="NBL645" s="613"/>
      <c r="NBM645" s="613"/>
      <c r="NBN645" s="613"/>
      <c r="NBO645" s="613"/>
      <c r="NBP645" s="613"/>
      <c r="NBQ645" s="613"/>
      <c r="NBR645" s="613"/>
      <c r="NBS645" s="613"/>
      <c r="NBT645" s="613"/>
      <c r="NBU645" s="613"/>
      <c r="NBV645" s="613"/>
      <c r="NBW645" s="613"/>
      <c r="NBX645" s="613"/>
      <c r="NBY645" s="613"/>
      <c r="NBZ645" s="613"/>
      <c r="NCA645" s="613"/>
      <c r="NCB645" s="613"/>
      <c r="NCC645" s="613"/>
      <c r="NCD645" s="613"/>
      <c r="NCE645" s="613"/>
      <c r="NCF645" s="613"/>
      <c r="NCG645" s="613"/>
      <c r="NCH645" s="613"/>
      <c r="NCI645" s="613"/>
      <c r="NCJ645" s="613"/>
      <c r="NCK645" s="613"/>
      <c r="NCL645" s="613"/>
      <c r="NCM645" s="613"/>
      <c r="NCN645" s="613"/>
      <c r="NCO645" s="613"/>
      <c r="NCP645" s="613"/>
      <c r="NCQ645" s="613"/>
      <c r="NCR645" s="613"/>
      <c r="NCS645" s="613"/>
      <c r="NCT645" s="613"/>
      <c r="NCU645" s="613"/>
      <c r="NCV645" s="613"/>
      <c r="NCW645" s="613"/>
      <c r="NCX645" s="613"/>
      <c r="NCY645" s="613"/>
      <c r="NCZ645" s="613"/>
      <c r="NDA645" s="613"/>
      <c r="NDB645" s="613"/>
      <c r="NDC645" s="613"/>
      <c r="NDD645" s="613"/>
      <c r="NDE645" s="613"/>
      <c r="NDF645" s="613"/>
      <c r="NDG645" s="613"/>
      <c r="NDH645" s="613"/>
      <c r="NDI645" s="613"/>
      <c r="NDJ645" s="613"/>
      <c r="NDK645" s="613"/>
      <c r="NDL645" s="613"/>
      <c r="NDM645" s="613"/>
      <c r="NDN645" s="613"/>
      <c r="NDO645" s="613"/>
      <c r="NDP645" s="613"/>
      <c r="NDQ645" s="613"/>
      <c r="NDR645" s="613"/>
      <c r="NDS645" s="613"/>
      <c r="NDT645" s="613"/>
      <c r="NDU645" s="613"/>
      <c r="NDV645" s="613"/>
      <c r="NDW645" s="613"/>
      <c r="NDX645" s="613"/>
      <c r="NDY645" s="613"/>
      <c r="NDZ645" s="613"/>
      <c r="NEA645" s="613"/>
      <c r="NEB645" s="613"/>
      <c r="NEC645" s="613"/>
      <c r="NED645" s="613"/>
      <c r="NEE645" s="613"/>
      <c r="NEF645" s="613"/>
      <c r="NEG645" s="613"/>
      <c r="NEH645" s="613"/>
      <c r="NEI645" s="613"/>
      <c r="NEJ645" s="613"/>
      <c r="NEK645" s="613"/>
      <c r="NEL645" s="613"/>
      <c r="NEM645" s="613"/>
      <c r="NEN645" s="613"/>
      <c r="NEO645" s="613"/>
      <c r="NEP645" s="613"/>
      <c r="NEQ645" s="613"/>
      <c r="NER645" s="613"/>
      <c r="NES645" s="613"/>
      <c r="NET645" s="613"/>
      <c r="NEU645" s="613"/>
      <c r="NEV645" s="613"/>
      <c r="NEW645" s="613"/>
      <c r="NEX645" s="613"/>
      <c r="NEY645" s="613"/>
      <c r="NEZ645" s="613"/>
      <c r="NFA645" s="613"/>
      <c r="NFB645" s="613"/>
      <c r="NFC645" s="613"/>
      <c r="NFD645" s="613"/>
      <c r="NFE645" s="613"/>
      <c r="NFF645" s="613"/>
      <c r="NFG645" s="613"/>
      <c r="NFH645" s="613"/>
      <c r="NFI645" s="613"/>
      <c r="NFJ645" s="613"/>
      <c r="NFK645" s="613"/>
      <c r="NFL645" s="613"/>
      <c r="NFM645" s="613"/>
      <c r="NFN645" s="613"/>
      <c r="NFO645" s="613"/>
      <c r="NFP645" s="613"/>
      <c r="NFQ645" s="613"/>
      <c r="NFR645" s="613"/>
      <c r="NFS645" s="613"/>
      <c r="NFT645" s="613"/>
      <c r="NFU645" s="613"/>
      <c r="NFV645" s="613"/>
      <c r="NFW645" s="613"/>
      <c r="NFX645" s="613"/>
      <c r="NFY645" s="613"/>
      <c r="NFZ645" s="613"/>
      <c r="NGA645" s="613"/>
      <c r="NGB645" s="613"/>
      <c r="NGC645" s="613"/>
      <c r="NGD645" s="613"/>
      <c r="NGE645" s="613"/>
      <c r="NGF645" s="613"/>
      <c r="NGG645" s="613"/>
      <c r="NGH645" s="613"/>
      <c r="NGI645" s="613"/>
      <c r="NGJ645" s="613"/>
      <c r="NGK645" s="613"/>
      <c r="NGL645" s="613"/>
      <c r="NGM645" s="613"/>
      <c r="NGN645" s="613"/>
      <c r="NGO645" s="613"/>
      <c r="NGP645" s="613"/>
      <c r="NGQ645" s="613"/>
      <c r="NGR645" s="613"/>
      <c r="NGS645" s="613"/>
      <c r="NGT645" s="613"/>
      <c r="NGU645" s="613"/>
      <c r="NGV645" s="613"/>
      <c r="NGW645" s="613"/>
      <c r="NGX645" s="613"/>
      <c r="NGY645" s="613"/>
      <c r="NGZ645" s="613"/>
      <c r="NHA645" s="613"/>
      <c r="NHB645" s="613"/>
      <c r="NHC645" s="613"/>
      <c r="NHD645" s="613"/>
      <c r="NHE645" s="613"/>
      <c r="NHF645" s="613"/>
      <c r="NHG645" s="613"/>
      <c r="NHH645" s="613"/>
      <c r="NHI645" s="613"/>
      <c r="NHJ645" s="613"/>
      <c r="NHK645" s="613"/>
      <c r="NHL645" s="613"/>
      <c r="NHM645" s="613"/>
      <c r="NHN645" s="613"/>
      <c r="NHO645" s="613"/>
      <c r="NHP645" s="613"/>
      <c r="NHQ645" s="613"/>
      <c r="NHR645" s="613"/>
      <c r="NHS645" s="613"/>
      <c r="NHT645" s="613"/>
      <c r="NHU645" s="613"/>
      <c r="NHV645" s="613"/>
      <c r="NHW645" s="613"/>
      <c r="NHX645" s="613"/>
      <c r="NHY645" s="613"/>
      <c r="NHZ645" s="613"/>
      <c r="NIA645" s="613"/>
      <c r="NIB645" s="613"/>
      <c r="NIC645" s="613"/>
      <c r="NID645" s="613"/>
      <c r="NIE645" s="613"/>
      <c r="NIF645" s="613"/>
      <c r="NIG645" s="613"/>
      <c r="NIH645" s="613"/>
      <c r="NII645" s="613"/>
      <c r="NIJ645" s="613"/>
      <c r="NIK645" s="613"/>
      <c r="NIL645" s="613"/>
      <c r="NIM645" s="613"/>
      <c r="NIN645" s="613"/>
      <c r="NIO645" s="613"/>
      <c r="NIP645" s="613"/>
      <c r="NIQ645" s="613"/>
      <c r="NIR645" s="613"/>
      <c r="NIS645" s="613"/>
      <c r="NIT645" s="613"/>
      <c r="NIU645" s="613"/>
      <c r="NIV645" s="613"/>
      <c r="NIW645" s="613"/>
      <c r="NIX645" s="613"/>
      <c r="NIY645" s="613"/>
      <c r="NIZ645" s="613"/>
      <c r="NJA645" s="613"/>
      <c r="NJB645" s="613"/>
      <c r="NJC645" s="613"/>
      <c r="NJD645" s="613"/>
      <c r="NJE645" s="613"/>
      <c r="NJF645" s="613"/>
      <c r="NJG645" s="613"/>
      <c r="NJH645" s="613"/>
      <c r="NJI645" s="613"/>
      <c r="NJJ645" s="613"/>
      <c r="NJK645" s="613"/>
      <c r="NJL645" s="613"/>
      <c r="NJM645" s="613"/>
      <c r="NJN645" s="613"/>
      <c r="NJO645" s="613"/>
      <c r="NJP645" s="613"/>
      <c r="NJQ645" s="613"/>
      <c r="NJR645" s="613"/>
      <c r="NJS645" s="613"/>
      <c r="NJT645" s="613"/>
      <c r="NJU645" s="613"/>
      <c r="NJV645" s="613"/>
      <c r="NJW645" s="613"/>
      <c r="NJX645" s="613"/>
      <c r="NJY645" s="613"/>
      <c r="NJZ645" s="613"/>
      <c r="NKA645" s="613"/>
      <c r="NKB645" s="613"/>
      <c r="NKC645" s="613"/>
      <c r="NKD645" s="613"/>
      <c r="NKE645" s="613"/>
      <c r="NKF645" s="613"/>
      <c r="NKG645" s="613"/>
      <c r="NKH645" s="613"/>
      <c r="NKI645" s="613"/>
      <c r="NKJ645" s="613"/>
      <c r="NKK645" s="613"/>
      <c r="NKL645" s="613"/>
      <c r="NKM645" s="613"/>
      <c r="NKN645" s="613"/>
      <c r="NKO645" s="613"/>
      <c r="NKP645" s="613"/>
      <c r="NKQ645" s="613"/>
      <c r="NKR645" s="613"/>
      <c r="NKS645" s="613"/>
      <c r="NKT645" s="613"/>
      <c r="NKU645" s="613"/>
      <c r="NKV645" s="613"/>
      <c r="NKW645" s="613"/>
      <c r="NKX645" s="613"/>
      <c r="NKY645" s="613"/>
      <c r="NKZ645" s="613"/>
      <c r="NLA645" s="613"/>
      <c r="NLB645" s="613"/>
      <c r="NLC645" s="613"/>
      <c r="NLD645" s="613"/>
      <c r="NLE645" s="613"/>
      <c r="NLF645" s="613"/>
      <c r="NLG645" s="613"/>
      <c r="NLH645" s="613"/>
      <c r="NLI645" s="613"/>
      <c r="NLJ645" s="613"/>
      <c r="NLK645" s="613"/>
      <c r="NLL645" s="613"/>
      <c r="NLM645" s="613"/>
      <c r="NLN645" s="613"/>
      <c r="NLO645" s="613"/>
      <c r="NLP645" s="613"/>
      <c r="NLQ645" s="613"/>
      <c r="NLR645" s="613"/>
      <c r="NLS645" s="613"/>
      <c r="NLT645" s="613"/>
      <c r="NLU645" s="613"/>
      <c r="NLV645" s="613"/>
      <c r="NLW645" s="613"/>
      <c r="NLX645" s="613"/>
      <c r="NLY645" s="613"/>
      <c r="NLZ645" s="613"/>
      <c r="NMA645" s="613"/>
      <c r="NMB645" s="613"/>
      <c r="NMC645" s="613"/>
      <c r="NMD645" s="613"/>
      <c r="NME645" s="613"/>
      <c r="NMF645" s="613"/>
      <c r="NMG645" s="613"/>
      <c r="NMH645" s="613"/>
      <c r="NMI645" s="613"/>
      <c r="NMJ645" s="613"/>
      <c r="NMK645" s="613"/>
      <c r="NML645" s="613"/>
      <c r="NMM645" s="613"/>
      <c r="NMN645" s="613"/>
      <c r="NMO645" s="613"/>
      <c r="NMP645" s="613"/>
      <c r="NMQ645" s="613"/>
      <c r="NMR645" s="613"/>
      <c r="NMS645" s="613"/>
      <c r="NMT645" s="613"/>
      <c r="NMU645" s="613"/>
      <c r="NMV645" s="613"/>
      <c r="NMW645" s="613"/>
      <c r="NMX645" s="613"/>
      <c r="NMY645" s="613"/>
      <c r="NMZ645" s="613"/>
      <c r="NNA645" s="613"/>
      <c r="NNB645" s="613"/>
      <c r="NNC645" s="613"/>
      <c r="NND645" s="613"/>
      <c r="NNE645" s="613"/>
      <c r="NNF645" s="613"/>
      <c r="NNG645" s="613"/>
      <c r="NNH645" s="613"/>
      <c r="NNI645" s="613"/>
      <c r="NNJ645" s="613"/>
      <c r="NNK645" s="613"/>
      <c r="NNL645" s="613"/>
      <c r="NNM645" s="613"/>
      <c r="NNN645" s="613"/>
      <c r="NNO645" s="613"/>
      <c r="NNP645" s="613"/>
      <c r="NNQ645" s="613"/>
      <c r="NNR645" s="613"/>
      <c r="NNS645" s="613"/>
      <c r="NNT645" s="613"/>
      <c r="NNU645" s="613"/>
      <c r="NNV645" s="613"/>
      <c r="NNW645" s="613"/>
      <c r="NNX645" s="613"/>
      <c r="NNY645" s="613"/>
      <c r="NNZ645" s="613"/>
      <c r="NOA645" s="613"/>
      <c r="NOB645" s="613"/>
      <c r="NOC645" s="613"/>
      <c r="NOD645" s="613"/>
      <c r="NOE645" s="613"/>
      <c r="NOF645" s="613"/>
      <c r="NOG645" s="613"/>
      <c r="NOH645" s="613"/>
      <c r="NOI645" s="613"/>
      <c r="NOJ645" s="613"/>
      <c r="NOK645" s="613"/>
      <c r="NOL645" s="613"/>
      <c r="NOM645" s="613"/>
      <c r="NON645" s="613"/>
      <c r="NOO645" s="613"/>
      <c r="NOP645" s="613"/>
      <c r="NOQ645" s="613"/>
      <c r="NOR645" s="613"/>
      <c r="NOS645" s="613"/>
      <c r="NOT645" s="613"/>
      <c r="NOU645" s="613"/>
      <c r="NOV645" s="613"/>
      <c r="NOW645" s="613"/>
      <c r="NOX645" s="613"/>
      <c r="NOY645" s="613"/>
      <c r="NOZ645" s="613"/>
      <c r="NPA645" s="613"/>
      <c r="NPB645" s="613"/>
      <c r="NPC645" s="613"/>
      <c r="NPD645" s="613"/>
      <c r="NPE645" s="613"/>
      <c r="NPF645" s="613"/>
      <c r="NPG645" s="613"/>
      <c r="NPH645" s="613"/>
      <c r="NPI645" s="613"/>
      <c r="NPJ645" s="613"/>
      <c r="NPK645" s="613"/>
      <c r="NPL645" s="613"/>
      <c r="NPM645" s="613"/>
      <c r="NPN645" s="613"/>
      <c r="NPO645" s="613"/>
      <c r="NPP645" s="613"/>
      <c r="NPQ645" s="613"/>
      <c r="NPR645" s="613"/>
      <c r="NPS645" s="613"/>
      <c r="NPT645" s="613"/>
      <c r="NPU645" s="613"/>
      <c r="NPV645" s="613"/>
      <c r="NPW645" s="613"/>
      <c r="NPX645" s="613"/>
      <c r="NPY645" s="613"/>
      <c r="NPZ645" s="613"/>
      <c r="NQA645" s="613"/>
      <c r="NQB645" s="613"/>
      <c r="NQC645" s="613"/>
      <c r="NQD645" s="613"/>
      <c r="NQE645" s="613"/>
      <c r="NQF645" s="613"/>
      <c r="NQG645" s="613"/>
      <c r="NQH645" s="613"/>
      <c r="NQI645" s="613"/>
      <c r="NQJ645" s="613"/>
      <c r="NQK645" s="613"/>
      <c r="NQL645" s="613"/>
      <c r="NQM645" s="613"/>
      <c r="NQN645" s="613"/>
      <c r="NQO645" s="613"/>
      <c r="NQP645" s="613"/>
      <c r="NQQ645" s="613"/>
      <c r="NQR645" s="613"/>
      <c r="NQS645" s="613"/>
      <c r="NQT645" s="613"/>
      <c r="NQU645" s="613"/>
      <c r="NQV645" s="613"/>
      <c r="NQW645" s="613"/>
      <c r="NQX645" s="613"/>
      <c r="NQY645" s="613"/>
      <c r="NQZ645" s="613"/>
      <c r="NRA645" s="613"/>
      <c r="NRB645" s="613"/>
      <c r="NRC645" s="613"/>
      <c r="NRD645" s="613"/>
      <c r="NRE645" s="613"/>
      <c r="NRF645" s="613"/>
      <c r="NRG645" s="613"/>
      <c r="NRH645" s="613"/>
      <c r="NRI645" s="613"/>
      <c r="NRJ645" s="613"/>
      <c r="NRK645" s="613"/>
      <c r="NRL645" s="613"/>
      <c r="NRM645" s="613"/>
      <c r="NRN645" s="613"/>
      <c r="NRO645" s="613"/>
      <c r="NRP645" s="613"/>
      <c r="NRQ645" s="613"/>
      <c r="NRR645" s="613"/>
      <c r="NRS645" s="613"/>
      <c r="NRT645" s="613"/>
      <c r="NRU645" s="613"/>
      <c r="NRV645" s="613"/>
      <c r="NRW645" s="613"/>
      <c r="NRX645" s="613"/>
      <c r="NRY645" s="613"/>
      <c r="NRZ645" s="613"/>
      <c r="NSA645" s="613"/>
      <c r="NSB645" s="613"/>
      <c r="NSC645" s="613"/>
      <c r="NSD645" s="613"/>
      <c r="NSE645" s="613"/>
      <c r="NSF645" s="613"/>
      <c r="NSG645" s="613"/>
      <c r="NSH645" s="613"/>
      <c r="NSI645" s="613"/>
      <c r="NSJ645" s="613"/>
      <c r="NSK645" s="613"/>
      <c r="NSL645" s="613"/>
      <c r="NSM645" s="613"/>
      <c r="NSN645" s="613"/>
      <c r="NSO645" s="613"/>
      <c r="NSP645" s="613"/>
      <c r="NSQ645" s="613"/>
      <c r="NSR645" s="613"/>
      <c r="NSS645" s="613"/>
      <c r="NST645" s="613"/>
      <c r="NSU645" s="613"/>
      <c r="NSV645" s="613"/>
      <c r="NSW645" s="613"/>
      <c r="NSX645" s="613"/>
      <c r="NSY645" s="613"/>
      <c r="NSZ645" s="613"/>
      <c r="NTA645" s="613"/>
      <c r="NTB645" s="613"/>
      <c r="NTC645" s="613"/>
      <c r="NTD645" s="613"/>
      <c r="NTE645" s="613"/>
      <c r="NTF645" s="613"/>
      <c r="NTG645" s="613"/>
      <c r="NTH645" s="613"/>
      <c r="NTI645" s="613"/>
      <c r="NTJ645" s="613"/>
      <c r="NTK645" s="613"/>
      <c r="NTL645" s="613"/>
      <c r="NTM645" s="613"/>
      <c r="NTN645" s="613"/>
      <c r="NTO645" s="613"/>
      <c r="NTP645" s="613"/>
      <c r="NTQ645" s="613"/>
      <c r="NTR645" s="613"/>
      <c r="NTS645" s="613"/>
      <c r="NTT645" s="613"/>
      <c r="NTU645" s="613"/>
      <c r="NTV645" s="613"/>
      <c r="NTW645" s="613"/>
      <c r="NTX645" s="613"/>
      <c r="NTY645" s="613"/>
      <c r="NTZ645" s="613"/>
      <c r="NUA645" s="613"/>
      <c r="NUB645" s="613"/>
      <c r="NUC645" s="613"/>
      <c r="NUD645" s="613"/>
      <c r="NUE645" s="613"/>
      <c r="NUF645" s="613"/>
      <c r="NUG645" s="613"/>
      <c r="NUH645" s="613"/>
      <c r="NUI645" s="613"/>
      <c r="NUJ645" s="613"/>
      <c r="NUK645" s="613"/>
      <c r="NUL645" s="613"/>
      <c r="NUM645" s="613"/>
      <c r="NUN645" s="613"/>
      <c r="NUO645" s="613"/>
      <c r="NUP645" s="613"/>
      <c r="NUQ645" s="613"/>
      <c r="NUR645" s="613"/>
      <c r="NUS645" s="613"/>
      <c r="NUT645" s="613"/>
      <c r="NUU645" s="613"/>
      <c r="NUV645" s="613"/>
      <c r="NUW645" s="613"/>
      <c r="NUX645" s="613"/>
      <c r="NUY645" s="613"/>
      <c r="NUZ645" s="613"/>
      <c r="NVA645" s="613"/>
      <c r="NVB645" s="613"/>
      <c r="NVC645" s="613"/>
      <c r="NVD645" s="613"/>
      <c r="NVE645" s="613"/>
      <c r="NVF645" s="613"/>
      <c r="NVG645" s="613"/>
      <c r="NVH645" s="613"/>
      <c r="NVI645" s="613"/>
      <c r="NVJ645" s="613"/>
      <c r="NVK645" s="613"/>
      <c r="NVL645" s="613"/>
      <c r="NVM645" s="613"/>
      <c r="NVN645" s="613"/>
      <c r="NVO645" s="613"/>
      <c r="NVP645" s="613"/>
      <c r="NVQ645" s="613"/>
      <c r="NVR645" s="613"/>
      <c r="NVS645" s="613"/>
      <c r="NVT645" s="613"/>
      <c r="NVU645" s="613"/>
      <c r="NVV645" s="613"/>
      <c r="NVW645" s="613"/>
      <c r="NVX645" s="613"/>
      <c r="NVY645" s="613"/>
      <c r="NVZ645" s="613"/>
      <c r="NWA645" s="613"/>
      <c r="NWB645" s="613"/>
      <c r="NWC645" s="613"/>
      <c r="NWD645" s="613"/>
      <c r="NWE645" s="613"/>
      <c r="NWF645" s="613"/>
      <c r="NWG645" s="613"/>
      <c r="NWH645" s="613"/>
      <c r="NWI645" s="613"/>
      <c r="NWJ645" s="613"/>
      <c r="NWK645" s="613"/>
      <c r="NWL645" s="613"/>
      <c r="NWM645" s="613"/>
      <c r="NWN645" s="613"/>
      <c r="NWO645" s="613"/>
      <c r="NWP645" s="613"/>
      <c r="NWQ645" s="613"/>
      <c r="NWR645" s="613"/>
      <c r="NWS645" s="613"/>
      <c r="NWT645" s="613"/>
      <c r="NWU645" s="613"/>
      <c r="NWV645" s="613"/>
      <c r="NWW645" s="613"/>
      <c r="NWX645" s="613"/>
      <c r="NWY645" s="613"/>
      <c r="NWZ645" s="613"/>
      <c r="NXA645" s="613"/>
      <c r="NXB645" s="613"/>
      <c r="NXC645" s="613"/>
      <c r="NXD645" s="613"/>
      <c r="NXE645" s="613"/>
      <c r="NXF645" s="613"/>
      <c r="NXG645" s="613"/>
      <c r="NXH645" s="613"/>
      <c r="NXI645" s="613"/>
      <c r="NXJ645" s="613"/>
      <c r="NXK645" s="613"/>
      <c r="NXL645" s="613"/>
      <c r="NXM645" s="613"/>
      <c r="NXN645" s="613"/>
      <c r="NXO645" s="613"/>
      <c r="NXP645" s="613"/>
      <c r="NXQ645" s="613"/>
      <c r="NXR645" s="613"/>
      <c r="NXS645" s="613"/>
      <c r="NXT645" s="613"/>
      <c r="NXU645" s="613"/>
      <c r="NXV645" s="613"/>
      <c r="NXW645" s="613"/>
      <c r="NXX645" s="613"/>
      <c r="NXY645" s="613"/>
      <c r="NXZ645" s="613"/>
      <c r="NYA645" s="613"/>
      <c r="NYB645" s="613"/>
      <c r="NYC645" s="613"/>
      <c r="NYD645" s="613"/>
      <c r="NYE645" s="613"/>
      <c r="NYF645" s="613"/>
      <c r="NYG645" s="613"/>
      <c r="NYH645" s="613"/>
      <c r="NYI645" s="613"/>
      <c r="NYJ645" s="613"/>
      <c r="NYK645" s="613"/>
      <c r="NYL645" s="613"/>
      <c r="NYM645" s="613"/>
      <c r="NYN645" s="613"/>
      <c r="NYO645" s="613"/>
      <c r="NYP645" s="613"/>
      <c r="NYQ645" s="613"/>
      <c r="NYR645" s="613"/>
      <c r="NYS645" s="613"/>
      <c r="NYT645" s="613"/>
      <c r="NYU645" s="613"/>
      <c r="NYV645" s="613"/>
      <c r="NYW645" s="613"/>
      <c r="NYX645" s="613"/>
      <c r="NYY645" s="613"/>
      <c r="NYZ645" s="613"/>
      <c r="NZA645" s="613"/>
      <c r="NZB645" s="613"/>
      <c r="NZC645" s="613"/>
      <c r="NZD645" s="613"/>
      <c r="NZE645" s="613"/>
      <c r="NZF645" s="613"/>
      <c r="NZG645" s="613"/>
      <c r="NZH645" s="613"/>
      <c r="NZI645" s="613"/>
      <c r="NZJ645" s="613"/>
      <c r="NZK645" s="613"/>
      <c r="NZL645" s="613"/>
      <c r="NZM645" s="613"/>
      <c r="NZN645" s="613"/>
      <c r="NZO645" s="613"/>
      <c r="NZP645" s="613"/>
      <c r="NZQ645" s="613"/>
      <c r="NZR645" s="613"/>
      <c r="NZS645" s="613"/>
      <c r="NZT645" s="613"/>
      <c r="NZU645" s="613"/>
      <c r="NZV645" s="613"/>
      <c r="NZW645" s="613"/>
      <c r="NZX645" s="613"/>
      <c r="NZY645" s="613"/>
      <c r="NZZ645" s="613"/>
      <c r="OAA645" s="613"/>
      <c r="OAB645" s="613"/>
      <c r="OAC645" s="613"/>
      <c r="OAD645" s="613"/>
      <c r="OAE645" s="613"/>
      <c r="OAF645" s="613"/>
      <c r="OAG645" s="613"/>
      <c r="OAH645" s="613"/>
      <c r="OAI645" s="613"/>
      <c r="OAJ645" s="613"/>
      <c r="OAK645" s="613"/>
      <c r="OAL645" s="613"/>
      <c r="OAM645" s="613"/>
      <c r="OAN645" s="613"/>
      <c r="OAO645" s="613"/>
      <c r="OAP645" s="613"/>
      <c r="OAQ645" s="613"/>
      <c r="OAR645" s="613"/>
      <c r="OAS645" s="613"/>
      <c r="OAT645" s="613"/>
      <c r="OAU645" s="613"/>
      <c r="OAV645" s="613"/>
      <c r="OAW645" s="613"/>
      <c r="OAX645" s="613"/>
      <c r="OAY645" s="613"/>
      <c r="OAZ645" s="613"/>
      <c r="OBA645" s="613"/>
      <c r="OBB645" s="613"/>
      <c r="OBC645" s="613"/>
      <c r="OBD645" s="613"/>
      <c r="OBE645" s="613"/>
      <c r="OBF645" s="613"/>
      <c r="OBG645" s="613"/>
      <c r="OBH645" s="613"/>
      <c r="OBI645" s="613"/>
      <c r="OBJ645" s="613"/>
      <c r="OBK645" s="613"/>
      <c r="OBL645" s="613"/>
      <c r="OBM645" s="613"/>
      <c r="OBN645" s="613"/>
      <c r="OBO645" s="613"/>
      <c r="OBP645" s="613"/>
      <c r="OBQ645" s="613"/>
      <c r="OBR645" s="613"/>
      <c r="OBS645" s="613"/>
      <c r="OBT645" s="613"/>
      <c r="OBU645" s="613"/>
      <c r="OBV645" s="613"/>
      <c r="OBW645" s="613"/>
      <c r="OBX645" s="613"/>
      <c r="OBY645" s="613"/>
      <c r="OBZ645" s="613"/>
      <c r="OCA645" s="613"/>
      <c r="OCB645" s="613"/>
      <c r="OCC645" s="613"/>
      <c r="OCD645" s="613"/>
      <c r="OCE645" s="613"/>
      <c r="OCF645" s="613"/>
      <c r="OCG645" s="613"/>
      <c r="OCH645" s="613"/>
      <c r="OCI645" s="613"/>
      <c r="OCJ645" s="613"/>
      <c r="OCK645" s="613"/>
      <c r="OCL645" s="613"/>
      <c r="OCM645" s="613"/>
      <c r="OCN645" s="613"/>
      <c r="OCO645" s="613"/>
      <c r="OCP645" s="613"/>
      <c r="OCQ645" s="613"/>
      <c r="OCR645" s="613"/>
      <c r="OCS645" s="613"/>
      <c r="OCT645" s="613"/>
      <c r="OCU645" s="613"/>
      <c r="OCV645" s="613"/>
      <c r="OCW645" s="613"/>
      <c r="OCX645" s="613"/>
      <c r="OCY645" s="613"/>
      <c r="OCZ645" s="613"/>
      <c r="ODA645" s="613"/>
      <c r="ODB645" s="613"/>
      <c r="ODC645" s="613"/>
      <c r="ODD645" s="613"/>
      <c r="ODE645" s="613"/>
      <c r="ODF645" s="613"/>
      <c r="ODG645" s="613"/>
      <c r="ODH645" s="613"/>
      <c r="ODI645" s="613"/>
      <c r="ODJ645" s="613"/>
      <c r="ODK645" s="613"/>
      <c r="ODL645" s="613"/>
      <c r="ODM645" s="613"/>
      <c r="ODN645" s="613"/>
      <c r="ODO645" s="613"/>
      <c r="ODP645" s="613"/>
      <c r="ODQ645" s="613"/>
      <c r="ODR645" s="613"/>
      <c r="ODS645" s="613"/>
      <c r="ODT645" s="613"/>
      <c r="ODU645" s="613"/>
      <c r="ODV645" s="613"/>
      <c r="ODW645" s="613"/>
      <c r="ODX645" s="613"/>
      <c r="ODY645" s="613"/>
      <c r="ODZ645" s="613"/>
      <c r="OEA645" s="613"/>
      <c r="OEB645" s="613"/>
      <c r="OEC645" s="613"/>
      <c r="OED645" s="613"/>
      <c r="OEE645" s="613"/>
      <c r="OEF645" s="613"/>
      <c r="OEG645" s="613"/>
      <c r="OEH645" s="613"/>
      <c r="OEI645" s="613"/>
      <c r="OEJ645" s="613"/>
      <c r="OEK645" s="613"/>
      <c r="OEL645" s="613"/>
      <c r="OEM645" s="613"/>
      <c r="OEN645" s="613"/>
      <c r="OEO645" s="613"/>
      <c r="OEP645" s="613"/>
      <c r="OEQ645" s="613"/>
      <c r="OER645" s="613"/>
      <c r="OES645" s="613"/>
      <c r="OET645" s="613"/>
      <c r="OEU645" s="613"/>
      <c r="OEV645" s="613"/>
      <c r="OEW645" s="613"/>
      <c r="OEX645" s="613"/>
      <c r="OEY645" s="613"/>
      <c r="OEZ645" s="613"/>
      <c r="OFA645" s="613"/>
      <c r="OFB645" s="613"/>
      <c r="OFC645" s="613"/>
      <c r="OFD645" s="613"/>
      <c r="OFE645" s="613"/>
      <c r="OFF645" s="613"/>
      <c r="OFG645" s="613"/>
      <c r="OFH645" s="613"/>
      <c r="OFI645" s="613"/>
      <c r="OFJ645" s="613"/>
      <c r="OFK645" s="613"/>
      <c r="OFL645" s="613"/>
      <c r="OFM645" s="613"/>
      <c r="OFN645" s="613"/>
      <c r="OFO645" s="613"/>
      <c r="OFP645" s="613"/>
      <c r="OFQ645" s="613"/>
      <c r="OFR645" s="613"/>
      <c r="OFS645" s="613"/>
      <c r="OFT645" s="613"/>
      <c r="OFU645" s="613"/>
      <c r="OFV645" s="613"/>
      <c r="OFW645" s="613"/>
      <c r="OFX645" s="613"/>
      <c r="OFY645" s="613"/>
      <c r="OFZ645" s="613"/>
      <c r="OGA645" s="613"/>
      <c r="OGB645" s="613"/>
      <c r="OGC645" s="613"/>
      <c r="OGD645" s="613"/>
      <c r="OGE645" s="613"/>
      <c r="OGF645" s="613"/>
      <c r="OGG645" s="613"/>
      <c r="OGH645" s="613"/>
      <c r="OGI645" s="613"/>
      <c r="OGJ645" s="613"/>
      <c r="OGK645" s="613"/>
      <c r="OGL645" s="613"/>
      <c r="OGM645" s="613"/>
      <c r="OGN645" s="613"/>
      <c r="OGO645" s="613"/>
      <c r="OGP645" s="613"/>
      <c r="OGQ645" s="613"/>
      <c r="OGR645" s="613"/>
      <c r="OGS645" s="613"/>
      <c r="OGT645" s="613"/>
      <c r="OGU645" s="613"/>
      <c r="OGV645" s="613"/>
      <c r="OGW645" s="613"/>
      <c r="OGX645" s="613"/>
      <c r="OGY645" s="613"/>
      <c r="OGZ645" s="613"/>
      <c r="OHA645" s="613"/>
      <c r="OHB645" s="613"/>
      <c r="OHC645" s="613"/>
      <c r="OHD645" s="613"/>
      <c r="OHE645" s="613"/>
      <c r="OHF645" s="613"/>
      <c r="OHG645" s="613"/>
      <c r="OHH645" s="613"/>
      <c r="OHI645" s="613"/>
      <c r="OHJ645" s="613"/>
      <c r="OHK645" s="613"/>
      <c r="OHL645" s="613"/>
      <c r="OHM645" s="613"/>
      <c r="OHN645" s="613"/>
      <c r="OHO645" s="613"/>
      <c r="OHP645" s="613"/>
      <c r="OHQ645" s="613"/>
      <c r="OHR645" s="613"/>
      <c r="OHS645" s="613"/>
      <c r="OHT645" s="613"/>
      <c r="OHU645" s="613"/>
      <c r="OHV645" s="613"/>
      <c r="OHW645" s="613"/>
      <c r="OHX645" s="613"/>
      <c r="OHY645" s="613"/>
      <c r="OHZ645" s="613"/>
      <c r="OIA645" s="613"/>
      <c r="OIB645" s="613"/>
      <c r="OIC645" s="613"/>
      <c r="OID645" s="613"/>
      <c r="OIE645" s="613"/>
      <c r="OIF645" s="613"/>
      <c r="OIG645" s="613"/>
      <c r="OIH645" s="613"/>
      <c r="OII645" s="613"/>
      <c r="OIJ645" s="613"/>
      <c r="OIK645" s="613"/>
      <c r="OIL645" s="613"/>
      <c r="OIM645" s="613"/>
      <c r="OIN645" s="613"/>
      <c r="OIO645" s="613"/>
      <c r="OIP645" s="613"/>
      <c r="OIQ645" s="613"/>
      <c r="OIR645" s="613"/>
      <c r="OIS645" s="613"/>
      <c r="OIT645" s="613"/>
      <c r="OIU645" s="613"/>
      <c r="OIV645" s="613"/>
      <c r="OIW645" s="613"/>
      <c r="OIX645" s="613"/>
      <c r="OIY645" s="613"/>
      <c r="OIZ645" s="613"/>
      <c r="OJA645" s="613"/>
      <c r="OJB645" s="613"/>
      <c r="OJC645" s="613"/>
      <c r="OJD645" s="613"/>
      <c r="OJE645" s="613"/>
      <c r="OJF645" s="613"/>
      <c r="OJG645" s="613"/>
      <c r="OJH645" s="613"/>
      <c r="OJI645" s="613"/>
      <c r="OJJ645" s="613"/>
      <c r="OJK645" s="613"/>
      <c r="OJL645" s="613"/>
      <c r="OJM645" s="613"/>
      <c r="OJN645" s="613"/>
      <c r="OJO645" s="613"/>
      <c r="OJP645" s="613"/>
      <c r="OJQ645" s="613"/>
      <c r="OJR645" s="613"/>
      <c r="OJS645" s="613"/>
      <c r="OJT645" s="613"/>
      <c r="OJU645" s="613"/>
      <c r="OJV645" s="613"/>
      <c r="OJW645" s="613"/>
      <c r="OJX645" s="613"/>
      <c r="OJY645" s="613"/>
      <c r="OJZ645" s="613"/>
      <c r="OKA645" s="613"/>
      <c r="OKB645" s="613"/>
      <c r="OKC645" s="613"/>
      <c r="OKD645" s="613"/>
      <c r="OKE645" s="613"/>
      <c r="OKF645" s="613"/>
      <c r="OKG645" s="613"/>
      <c r="OKH645" s="613"/>
      <c r="OKI645" s="613"/>
      <c r="OKJ645" s="613"/>
      <c r="OKK645" s="613"/>
      <c r="OKL645" s="613"/>
      <c r="OKM645" s="613"/>
      <c r="OKN645" s="613"/>
      <c r="OKO645" s="613"/>
      <c r="OKP645" s="613"/>
      <c r="OKQ645" s="613"/>
      <c r="OKR645" s="613"/>
      <c r="OKS645" s="613"/>
      <c r="OKT645" s="613"/>
      <c r="OKU645" s="613"/>
      <c r="OKV645" s="613"/>
      <c r="OKW645" s="613"/>
      <c r="OKX645" s="613"/>
      <c r="OKY645" s="613"/>
      <c r="OKZ645" s="613"/>
      <c r="OLA645" s="613"/>
      <c r="OLB645" s="613"/>
      <c r="OLC645" s="613"/>
      <c r="OLD645" s="613"/>
      <c r="OLE645" s="613"/>
      <c r="OLF645" s="613"/>
      <c r="OLG645" s="613"/>
      <c r="OLH645" s="613"/>
      <c r="OLI645" s="613"/>
      <c r="OLJ645" s="613"/>
      <c r="OLK645" s="613"/>
      <c r="OLL645" s="613"/>
      <c r="OLM645" s="613"/>
      <c r="OLN645" s="613"/>
      <c r="OLO645" s="613"/>
      <c r="OLP645" s="613"/>
      <c r="OLQ645" s="613"/>
      <c r="OLR645" s="613"/>
      <c r="OLS645" s="613"/>
      <c r="OLT645" s="613"/>
      <c r="OLU645" s="613"/>
      <c r="OLV645" s="613"/>
      <c r="OLW645" s="613"/>
      <c r="OLX645" s="613"/>
      <c r="OLY645" s="613"/>
      <c r="OLZ645" s="613"/>
      <c r="OMA645" s="613"/>
      <c r="OMB645" s="613"/>
      <c r="OMC645" s="613"/>
      <c r="OMD645" s="613"/>
      <c r="OME645" s="613"/>
      <c r="OMF645" s="613"/>
      <c r="OMG645" s="613"/>
      <c r="OMH645" s="613"/>
      <c r="OMI645" s="613"/>
      <c r="OMJ645" s="613"/>
      <c r="OMK645" s="613"/>
      <c r="OML645" s="613"/>
      <c r="OMM645" s="613"/>
      <c r="OMN645" s="613"/>
      <c r="OMO645" s="613"/>
      <c r="OMP645" s="613"/>
      <c r="OMQ645" s="613"/>
      <c r="OMR645" s="613"/>
      <c r="OMS645" s="613"/>
      <c r="OMT645" s="613"/>
      <c r="OMU645" s="613"/>
      <c r="OMV645" s="613"/>
      <c r="OMW645" s="613"/>
      <c r="OMX645" s="613"/>
      <c r="OMY645" s="613"/>
      <c r="OMZ645" s="613"/>
      <c r="ONA645" s="613"/>
      <c r="ONB645" s="613"/>
      <c r="ONC645" s="613"/>
      <c r="OND645" s="613"/>
      <c r="ONE645" s="613"/>
      <c r="ONF645" s="613"/>
      <c r="ONG645" s="613"/>
      <c r="ONH645" s="613"/>
      <c r="ONI645" s="613"/>
      <c r="ONJ645" s="613"/>
      <c r="ONK645" s="613"/>
      <c r="ONL645" s="613"/>
      <c r="ONM645" s="613"/>
      <c r="ONN645" s="613"/>
      <c r="ONO645" s="613"/>
      <c r="ONP645" s="613"/>
      <c r="ONQ645" s="613"/>
      <c r="ONR645" s="613"/>
      <c r="ONS645" s="613"/>
      <c r="ONT645" s="613"/>
      <c r="ONU645" s="613"/>
      <c r="ONV645" s="613"/>
      <c r="ONW645" s="613"/>
      <c r="ONX645" s="613"/>
      <c r="ONY645" s="613"/>
      <c r="ONZ645" s="613"/>
      <c r="OOA645" s="613"/>
      <c r="OOB645" s="613"/>
      <c r="OOC645" s="613"/>
      <c r="OOD645" s="613"/>
      <c r="OOE645" s="613"/>
      <c r="OOF645" s="613"/>
      <c r="OOG645" s="613"/>
      <c r="OOH645" s="613"/>
      <c r="OOI645" s="613"/>
      <c r="OOJ645" s="613"/>
      <c r="OOK645" s="613"/>
      <c r="OOL645" s="613"/>
      <c r="OOM645" s="613"/>
      <c r="OON645" s="613"/>
      <c r="OOO645" s="613"/>
      <c r="OOP645" s="613"/>
      <c r="OOQ645" s="613"/>
      <c r="OOR645" s="613"/>
      <c r="OOS645" s="613"/>
      <c r="OOT645" s="613"/>
      <c r="OOU645" s="613"/>
      <c r="OOV645" s="613"/>
      <c r="OOW645" s="613"/>
      <c r="OOX645" s="613"/>
      <c r="OOY645" s="613"/>
      <c r="OOZ645" s="613"/>
      <c r="OPA645" s="613"/>
      <c r="OPB645" s="613"/>
      <c r="OPC645" s="613"/>
      <c r="OPD645" s="613"/>
      <c r="OPE645" s="613"/>
      <c r="OPF645" s="613"/>
      <c r="OPG645" s="613"/>
      <c r="OPH645" s="613"/>
      <c r="OPI645" s="613"/>
      <c r="OPJ645" s="613"/>
      <c r="OPK645" s="613"/>
      <c r="OPL645" s="613"/>
      <c r="OPM645" s="613"/>
      <c r="OPN645" s="613"/>
      <c r="OPO645" s="613"/>
      <c r="OPP645" s="613"/>
      <c r="OPQ645" s="613"/>
      <c r="OPR645" s="613"/>
      <c r="OPS645" s="613"/>
      <c r="OPT645" s="613"/>
      <c r="OPU645" s="613"/>
      <c r="OPV645" s="613"/>
      <c r="OPW645" s="613"/>
      <c r="OPX645" s="613"/>
      <c r="OPY645" s="613"/>
      <c r="OPZ645" s="613"/>
      <c r="OQA645" s="613"/>
      <c r="OQB645" s="613"/>
      <c r="OQC645" s="613"/>
      <c r="OQD645" s="613"/>
      <c r="OQE645" s="613"/>
      <c r="OQF645" s="613"/>
      <c r="OQG645" s="613"/>
      <c r="OQH645" s="613"/>
      <c r="OQI645" s="613"/>
      <c r="OQJ645" s="613"/>
      <c r="OQK645" s="613"/>
      <c r="OQL645" s="613"/>
      <c r="OQM645" s="613"/>
      <c r="OQN645" s="613"/>
      <c r="OQO645" s="613"/>
      <c r="OQP645" s="613"/>
      <c r="OQQ645" s="613"/>
      <c r="OQR645" s="613"/>
      <c r="OQS645" s="613"/>
      <c r="OQT645" s="613"/>
      <c r="OQU645" s="613"/>
      <c r="OQV645" s="613"/>
      <c r="OQW645" s="613"/>
      <c r="OQX645" s="613"/>
      <c r="OQY645" s="613"/>
      <c r="OQZ645" s="613"/>
      <c r="ORA645" s="613"/>
      <c r="ORB645" s="613"/>
      <c r="ORC645" s="613"/>
      <c r="ORD645" s="613"/>
      <c r="ORE645" s="613"/>
      <c r="ORF645" s="613"/>
      <c r="ORG645" s="613"/>
      <c r="ORH645" s="613"/>
      <c r="ORI645" s="613"/>
      <c r="ORJ645" s="613"/>
      <c r="ORK645" s="613"/>
      <c r="ORL645" s="613"/>
      <c r="ORM645" s="613"/>
      <c r="ORN645" s="613"/>
      <c r="ORO645" s="613"/>
      <c r="ORP645" s="613"/>
      <c r="ORQ645" s="613"/>
      <c r="ORR645" s="613"/>
      <c r="ORS645" s="613"/>
      <c r="ORT645" s="613"/>
      <c r="ORU645" s="613"/>
      <c r="ORV645" s="613"/>
      <c r="ORW645" s="613"/>
      <c r="ORX645" s="613"/>
      <c r="ORY645" s="613"/>
      <c r="ORZ645" s="613"/>
      <c r="OSA645" s="613"/>
      <c r="OSB645" s="613"/>
      <c r="OSC645" s="613"/>
      <c r="OSD645" s="613"/>
      <c r="OSE645" s="613"/>
      <c r="OSF645" s="613"/>
      <c r="OSG645" s="613"/>
      <c r="OSH645" s="613"/>
      <c r="OSI645" s="613"/>
      <c r="OSJ645" s="613"/>
      <c r="OSK645" s="613"/>
      <c r="OSL645" s="613"/>
      <c r="OSM645" s="613"/>
      <c r="OSN645" s="613"/>
      <c r="OSO645" s="613"/>
      <c r="OSP645" s="613"/>
      <c r="OSQ645" s="613"/>
      <c r="OSR645" s="613"/>
      <c r="OSS645" s="613"/>
      <c r="OST645" s="613"/>
      <c r="OSU645" s="613"/>
      <c r="OSV645" s="613"/>
      <c r="OSW645" s="613"/>
      <c r="OSX645" s="613"/>
      <c r="OSY645" s="613"/>
      <c r="OSZ645" s="613"/>
      <c r="OTA645" s="613"/>
      <c r="OTB645" s="613"/>
      <c r="OTC645" s="613"/>
      <c r="OTD645" s="613"/>
      <c r="OTE645" s="613"/>
      <c r="OTF645" s="613"/>
      <c r="OTG645" s="613"/>
      <c r="OTH645" s="613"/>
      <c r="OTI645" s="613"/>
      <c r="OTJ645" s="613"/>
      <c r="OTK645" s="613"/>
      <c r="OTL645" s="613"/>
      <c r="OTM645" s="613"/>
      <c r="OTN645" s="613"/>
      <c r="OTO645" s="613"/>
      <c r="OTP645" s="613"/>
      <c r="OTQ645" s="613"/>
      <c r="OTR645" s="613"/>
      <c r="OTS645" s="613"/>
      <c r="OTT645" s="613"/>
      <c r="OTU645" s="613"/>
      <c r="OTV645" s="613"/>
      <c r="OTW645" s="613"/>
      <c r="OTX645" s="613"/>
      <c r="OTY645" s="613"/>
      <c r="OTZ645" s="613"/>
      <c r="OUA645" s="613"/>
      <c r="OUB645" s="613"/>
      <c r="OUC645" s="613"/>
      <c r="OUD645" s="613"/>
      <c r="OUE645" s="613"/>
      <c r="OUF645" s="613"/>
      <c r="OUG645" s="613"/>
      <c r="OUH645" s="613"/>
      <c r="OUI645" s="613"/>
      <c r="OUJ645" s="613"/>
      <c r="OUK645" s="613"/>
      <c r="OUL645" s="613"/>
      <c r="OUM645" s="613"/>
      <c r="OUN645" s="613"/>
      <c r="OUO645" s="613"/>
      <c r="OUP645" s="613"/>
      <c r="OUQ645" s="613"/>
      <c r="OUR645" s="613"/>
      <c r="OUS645" s="613"/>
      <c r="OUT645" s="613"/>
      <c r="OUU645" s="613"/>
      <c r="OUV645" s="613"/>
      <c r="OUW645" s="613"/>
      <c r="OUX645" s="613"/>
      <c r="OUY645" s="613"/>
      <c r="OUZ645" s="613"/>
      <c r="OVA645" s="613"/>
      <c r="OVB645" s="613"/>
      <c r="OVC645" s="613"/>
      <c r="OVD645" s="613"/>
      <c r="OVE645" s="613"/>
      <c r="OVF645" s="613"/>
      <c r="OVG645" s="613"/>
      <c r="OVH645" s="613"/>
      <c r="OVI645" s="613"/>
      <c r="OVJ645" s="613"/>
      <c r="OVK645" s="613"/>
      <c r="OVL645" s="613"/>
      <c r="OVM645" s="613"/>
      <c r="OVN645" s="613"/>
      <c r="OVO645" s="613"/>
      <c r="OVP645" s="613"/>
      <c r="OVQ645" s="613"/>
      <c r="OVR645" s="613"/>
      <c r="OVS645" s="613"/>
      <c r="OVT645" s="613"/>
      <c r="OVU645" s="613"/>
      <c r="OVV645" s="613"/>
      <c r="OVW645" s="613"/>
      <c r="OVX645" s="613"/>
      <c r="OVY645" s="613"/>
      <c r="OVZ645" s="613"/>
      <c r="OWA645" s="613"/>
      <c r="OWB645" s="613"/>
      <c r="OWC645" s="613"/>
      <c r="OWD645" s="613"/>
      <c r="OWE645" s="613"/>
      <c r="OWF645" s="613"/>
      <c r="OWG645" s="613"/>
      <c r="OWH645" s="613"/>
      <c r="OWI645" s="613"/>
      <c r="OWJ645" s="613"/>
      <c r="OWK645" s="613"/>
      <c r="OWL645" s="613"/>
      <c r="OWM645" s="613"/>
      <c r="OWN645" s="613"/>
      <c r="OWO645" s="613"/>
      <c r="OWP645" s="613"/>
      <c r="OWQ645" s="613"/>
      <c r="OWR645" s="613"/>
      <c r="OWS645" s="613"/>
      <c r="OWT645" s="613"/>
      <c r="OWU645" s="613"/>
      <c r="OWV645" s="613"/>
      <c r="OWW645" s="613"/>
      <c r="OWX645" s="613"/>
      <c r="OWY645" s="613"/>
      <c r="OWZ645" s="613"/>
      <c r="OXA645" s="613"/>
      <c r="OXB645" s="613"/>
      <c r="OXC645" s="613"/>
      <c r="OXD645" s="613"/>
      <c r="OXE645" s="613"/>
      <c r="OXF645" s="613"/>
      <c r="OXG645" s="613"/>
      <c r="OXH645" s="613"/>
      <c r="OXI645" s="613"/>
      <c r="OXJ645" s="613"/>
      <c r="OXK645" s="613"/>
      <c r="OXL645" s="613"/>
      <c r="OXM645" s="613"/>
      <c r="OXN645" s="613"/>
      <c r="OXO645" s="613"/>
      <c r="OXP645" s="613"/>
      <c r="OXQ645" s="613"/>
      <c r="OXR645" s="613"/>
      <c r="OXS645" s="613"/>
      <c r="OXT645" s="613"/>
      <c r="OXU645" s="613"/>
      <c r="OXV645" s="613"/>
      <c r="OXW645" s="613"/>
      <c r="OXX645" s="613"/>
      <c r="OXY645" s="613"/>
      <c r="OXZ645" s="613"/>
      <c r="OYA645" s="613"/>
      <c r="OYB645" s="613"/>
      <c r="OYC645" s="613"/>
      <c r="OYD645" s="613"/>
      <c r="OYE645" s="613"/>
      <c r="OYF645" s="613"/>
      <c r="OYG645" s="613"/>
      <c r="OYH645" s="613"/>
      <c r="OYI645" s="613"/>
      <c r="OYJ645" s="613"/>
      <c r="OYK645" s="613"/>
      <c r="OYL645" s="613"/>
      <c r="OYM645" s="613"/>
      <c r="OYN645" s="613"/>
      <c r="OYO645" s="613"/>
      <c r="OYP645" s="613"/>
      <c r="OYQ645" s="613"/>
      <c r="OYR645" s="613"/>
      <c r="OYS645" s="613"/>
      <c r="OYT645" s="613"/>
      <c r="OYU645" s="613"/>
      <c r="OYV645" s="613"/>
      <c r="OYW645" s="613"/>
      <c r="OYX645" s="613"/>
      <c r="OYY645" s="613"/>
      <c r="OYZ645" s="613"/>
      <c r="OZA645" s="613"/>
      <c r="OZB645" s="613"/>
      <c r="OZC645" s="613"/>
      <c r="OZD645" s="613"/>
      <c r="OZE645" s="613"/>
      <c r="OZF645" s="613"/>
      <c r="OZG645" s="613"/>
      <c r="OZH645" s="613"/>
      <c r="OZI645" s="613"/>
      <c r="OZJ645" s="613"/>
      <c r="OZK645" s="613"/>
      <c r="OZL645" s="613"/>
      <c r="OZM645" s="613"/>
      <c r="OZN645" s="613"/>
      <c r="OZO645" s="613"/>
      <c r="OZP645" s="613"/>
      <c r="OZQ645" s="613"/>
      <c r="OZR645" s="613"/>
      <c r="OZS645" s="613"/>
      <c r="OZT645" s="613"/>
      <c r="OZU645" s="613"/>
      <c r="OZV645" s="613"/>
      <c r="OZW645" s="613"/>
      <c r="OZX645" s="613"/>
      <c r="OZY645" s="613"/>
      <c r="OZZ645" s="613"/>
      <c r="PAA645" s="613"/>
      <c r="PAB645" s="613"/>
      <c r="PAC645" s="613"/>
      <c r="PAD645" s="613"/>
      <c r="PAE645" s="613"/>
      <c r="PAF645" s="613"/>
      <c r="PAG645" s="613"/>
      <c r="PAH645" s="613"/>
      <c r="PAI645" s="613"/>
      <c r="PAJ645" s="613"/>
      <c r="PAK645" s="613"/>
      <c r="PAL645" s="613"/>
      <c r="PAM645" s="613"/>
      <c r="PAN645" s="613"/>
      <c r="PAO645" s="613"/>
      <c r="PAP645" s="613"/>
      <c r="PAQ645" s="613"/>
      <c r="PAR645" s="613"/>
      <c r="PAS645" s="613"/>
      <c r="PAT645" s="613"/>
      <c r="PAU645" s="613"/>
      <c r="PAV645" s="613"/>
      <c r="PAW645" s="613"/>
      <c r="PAX645" s="613"/>
      <c r="PAY645" s="613"/>
      <c r="PAZ645" s="613"/>
      <c r="PBA645" s="613"/>
      <c r="PBB645" s="613"/>
      <c r="PBC645" s="613"/>
      <c r="PBD645" s="613"/>
      <c r="PBE645" s="613"/>
      <c r="PBF645" s="613"/>
      <c r="PBG645" s="613"/>
      <c r="PBH645" s="613"/>
      <c r="PBI645" s="613"/>
      <c r="PBJ645" s="613"/>
      <c r="PBK645" s="613"/>
      <c r="PBL645" s="613"/>
      <c r="PBM645" s="613"/>
      <c r="PBN645" s="613"/>
      <c r="PBO645" s="613"/>
      <c r="PBP645" s="613"/>
      <c r="PBQ645" s="613"/>
      <c r="PBR645" s="613"/>
      <c r="PBS645" s="613"/>
      <c r="PBT645" s="613"/>
      <c r="PBU645" s="613"/>
      <c r="PBV645" s="613"/>
      <c r="PBW645" s="613"/>
      <c r="PBX645" s="613"/>
      <c r="PBY645" s="613"/>
      <c r="PBZ645" s="613"/>
      <c r="PCA645" s="613"/>
      <c r="PCB645" s="613"/>
      <c r="PCC645" s="613"/>
      <c r="PCD645" s="613"/>
      <c r="PCE645" s="613"/>
      <c r="PCF645" s="613"/>
      <c r="PCG645" s="613"/>
      <c r="PCH645" s="613"/>
      <c r="PCI645" s="613"/>
      <c r="PCJ645" s="613"/>
      <c r="PCK645" s="613"/>
      <c r="PCL645" s="613"/>
      <c r="PCM645" s="613"/>
      <c r="PCN645" s="613"/>
      <c r="PCO645" s="613"/>
      <c r="PCP645" s="613"/>
      <c r="PCQ645" s="613"/>
      <c r="PCR645" s="613"/>
      <c r="PCS645" s="613"/>
      <c r="PCT645" s="613"/>
      <c r="PCU645" s="613"/>
      <c r="PCV645" s="613"/>
      <c r="PCW645" s="613"/>
      <c r="PCX645" s="613"/>
      <c r="PCY645" s="613"/>
      <c r="PCZ645" s="613"/>
      <c r="PDA645" s="613"/>
      <c r="PDB645" s="613"/>
      <c r="PDC645" s="613"/>
      <c r="PDD645" s="613"/>
      <c r="PDE645" s="613"/>
      <c r="PDF645" s="613"/>
      <c r="PDG645" s="613"/>
      <c r="PDH645" s="613"/>
      <c r="PDI645" s="613"/>
      <c r="PDJ645" s="613"/>
      <c r="PDK645" s="613"/>
      <c r="PDL645" s="613"/>
      <c r="PDM645" s="613"/>
      <c r="PDN645" s="613"/>
      <c r="PDO645" s="613"/>
      <c r="PDP645" s="613"/>
      <c r="PDQ645" s="613"/>
      <c r="PDR645" s="613"/>
      <c r="PDS645" s="613"/>
      <c r="PDT645" s="613"/>
      <c r="PDU645" s="613"/>
      <c r="PDV645" s="613"/>
      <c r="PDW645" s="613"/>
      <c r="PDX645" s="613"/>
      <c r="PDY645" s="613"/>
      <c r="PDZ645" s="613"/>
      <c r="PEA645" s="613"/>
      <c r="PEB645" s="613"/>
      <c r="PEC645" s="613"/>
      <c r="PED645" s="613"/>
      <c r="PEE645" s="613"/>
      <c r="PEF645" s="613"/>
      <c r="PEG645" s="613"/>
      <c r="PEH645" s="613"/>
      <c r="PEI645" s="613"/>
      <c r="PEJ645" s="613"/>
      <c r="PEK645" s="613"/>
      <c r="PEL645" s="613"/>
      <c r="PEM645" s="613"/>
      <c r="PEN645" s="613"/>
      <c r="PEO645" s="613"/>
      <c r="PEP645" s="613"/>
      <c r="PEQ645" s="613"/>
      <c r="PER645" s="613"/>
      <c r="PES645" s="613"/>
      <c r="PET645" s="613"/>
      <c r="PEU645" s="613"/>
      <c r="PEV645" s="613"/>
      <c r="PEW645" s="613"/>
      <c r="PEX645" s="613"/>
      <c r="PEY645" s="613"/>
      <c r="PEZ645" s="613"/>
      <c r="PFA645" s="613"/>
      <c r="PFB645" s="613"/>
      <c r="PFC645" s="613"/>
      <c r="PFD645" s="613"/>
      <c r="PFE645" s="613"/>
      <c r="PFF645" s="613"/>
      <c r="PFG645" s="613"/>
      <c r="PFH645" s="613"/>
      <c r="PFI645" s="613"/>
      <c r="PFJ645" s="613"/>
      <c r="PFK645" s="613"/>
      <c r="PFL645" s="613"/>
      <c r="PFM645" s="613"/>
      <c r="PFN645" s="613"/>
      <c r="PFO645" s="613"/>
      <c r="PFP645" s="613"/>
      <c r="PFQ645" s="613"/>
      <c r="PFR645" s="613"/>
      <c r="PFS645" s="613"/>
      <c r="PFT645" s="613"/>
      <c r="PFU645" s="613"/>
      <c r="PFV645" s="613"/>
      <c r="PFW645" s="613"/>
      <c r="PFX645" s="613"/>
      <c r="PFY645" s="613"/>
      <c r="PFZ645" s="613"/>
      <c r="PGA645" s="613"/>
      <c r="PGB645" s="613"/>
      <c r="PGC645" s="613"/>
      <c r="PGD645" s="613"/>
      <c r="PGE645" s="613"/>
      <c r="PGF645" s="613"/>
      <c r="PGG645" s="613"/>
      <c r="PGH645" s="613"/>
      <c r="PGI645" s="613"/>
      <c r="PGJ645" s="613"/>
      <c r="PGK645" s="613"/>
      <c r="PGL645" s="613"/>
      <c r="PGM645" s="613"/>
      <c r="PGN645" s="613"/>
      <c r="PGO645" s="613"/>
      <c r="PGP645" s="613"/>
      <c r="PGQ645" s="613"/>
      <c r="PGR645" s="613"/>
      <c r="PGS645" s="613"/>
      <c r="PGT645" s="613"/>
      <c r="PGU645" s="613"/>
      <c r="PGV645" s="613"/>
      <c r="PGW645" s="613"/>
      <c r="PGX645" s="613"/>
      <c r="PGY645" s="613"/>
      <c r="PGZ645" s="613"/>
      <c r="PHA645" s="613"/>
      <c r="PHB645" s="613"/>
      <c r="PHC645" s="613"/>
      <c r="PHD645" s="613"/>
      <c r="PHE645" s="613"/>
      <c r="PHF645" s="613"/>
      <c r="PHG645" s="613"/>
      <c r="PHH645" s="613"/>
      <c r="PHI645" s="613"/>
      <c r="PHJ645" s="613"/>
      <c r="PHK645" s="613"/>
      <c r="PHL645" s="613"/>
      <c r="PHM645" s="613"/>
      <c r="PHN645" s="613"/>
      <c r="PHO645" s="613"/>
      <c r="PHP645" s="613"/>
      <c r="PHQ645" s="613"/>
      <c r="PHR645" s="613"/>
      <c r="PHS645" s="613"/>
      <c r="PHT645" s="613"/>
      <c r="PHU645" s="613"/>
      <c r="PHV645" s="613"/>
      <c r="PHW645" s="613"/>
      <c r="PHX645" s="613"/>
      <c r="PHY645" s="613"/>
      <c r="PHZ645" s="613"/>
      <c r="PIA645" s="613"/>
      <c r="PIB645" s="613"/>
      <c r="PIC645" s="613"/>
      <c r="PID645" s="613"/>
      <c r="PIE645" s="613"/>
      <c r="PIF645" s="613"/>
      <c r="PIG645" s="613"/>
      <c r="PIH645" s="613"/>
      <c r="PII645" s="613"/>
      <c r="PIJ645" s="613"/>
      <c r="PIK645" s="613"/>
      <c r="PIL645" s="613"/>
      <c r="PIM645" s="613"/>
      <c r="PIN645" s="613"/>
      <c r="PIO645" s="613"/>
      <c r="PIP645" s="613"/>
      <c r="PIQ645" s="613"/>
      <c r="PIR645" s="613"/>
      <c r="PIS645" s="613"/>
      <c r="PIT645" s="613"/>
      <c r="PIU645" s="613"/>
      <c r="PIV645" s="613"/>
      <c r="PIW645" s="613"/>
      <c r="PIX645" s="613"/>
      <c r="PIY645" s="613"/>
      <c r="PIZ645" s="613"/>
      <c r="PJA645" s="613"/>
      <c r="PJB645" s="613"/>
      <c r="PJC645" s="613"/>
      <c r="PJD645" s="613"/>
      <c r="PJE645" s="613"/>
      <c r="PJF645" s="613"/>
      <c r="PJG645" s="613"/>
      <c r="PJH645" s="613"/>
      <c r="PJI645" s="613"/>
      <c r="PJJ645" s="613"/>
      <c r="PJK645" s="613"/>
      <c r="PJL645" s="613"/>
      <c r="PJM645" s="613"/>
      <c r="PJN645" s="613"/>
      <c r="PJO645" s="613"/>
      <c r="PJP645" s="613"/>
      <c r="PJQ645" s="613"/>
      <c r="PJR645" s="613"/>
      <c r="PJS645" s="613"/>
      <c r="PJT645" s="613"/>
      <c r="PJU645" s="613"/>
      <c r="PJV645" s="613"/>
      <c r="PJW645" s="613"/>
      <c r="PJX645" s="613"/>
      <c r="PJY645" s="613"/>
      <c r="PJZ645" s="613"/>
      <c r="PKA645" s="613"/>
      <c r="PKB645" s="613"/>
      <c r="PKC645" s="613"/>
      <c r="PKD645" s="613"/>
      <c r="PKE645" s="613"/>
      <c r="PKF645" s="613"/>
      <c r="PKG645" s="613"/>
      <c r="PKH645" s="613"/>
      <c r="PKI645" s="613"/>
      <c r="PKJ645" s="613"/>
      <c r="PKK645" s="613"/>
      <c r="PKL645" s="613"/>
      <c r="PKM645" s="613"/>
      <c r="PKN645" s="613"/>
      <c r="PKO645" s="613"/>
      <c r="PKP645" s="613"/>
      <c r="PKQ645" s="613"/>
      <c r="PKR645" s="613"/>
      <c r="PKS645" s="613"/>
      <c r="PKT645" s="613"/>
      <c r="PKU645" s="613"/>
      <c r="PKV645" s="613"/>
      <c r="PKW645" s="613"/>
      <c r="PKX645" s="613"/>
      <c r="PKY645" s="613"/>
      <c r="PKZ645" s="613"/>
      <c r="PLA645" s="613"/>
      <c r="PLB645" s="613"/>
      <c r="PLC645" s="613"/>
      <c r="PLD645" s="613"/>
      <c r="PLE645" s="613"/>
      <c r="PLF645" s="613"/>
      <c r="PLG645" s="613"/>
      <c r="PLH645" s="613"/>
      <c r="PLI645" s="613"/>
      <c r="PLJ645" s="613"/>
      <c r="PLK645" s="613"/>
      <c r="PLL645" s="613"/>
      <c r="PLM645" s="613"/>
      <c r="PLN645" s="613"/>
      <c r="PLO645" s="613"/>
      <c r="PLP645" s="613"/>
      <c r="PLQ645" s="613"/>
      <c r="PLR645" s="613"/>
      <c r="PLS645" s="613"/>
      <c r="PLT645" s="613"/>
      <c r="PLU645" s="613"/>
      <c r="PLV645" s="613"/>
      <c r="PLW645" s="613"/>
      <c r="PLX645" s="613"/>
      <c r="PLY645" s="613"/>
      <c r="PLZ645" s="613"/>
      <c r="PMA645" s="613"/>
      <c r="PMB645" s="613"/>
      <c r="PMC645" s="613"/>
      <c r="PMD645" s="613"/>
      <c r="PME645" s="613"/>
      <c r="PMF645" s="613"/>
      <c r="PMG645" s="613"/>
      <c r="PMH645" s="613"/>
      <c r="PMI645" s="613"/>
      <c r="PMJ645" s="613"/>
      <c r="PMK645" s="613"/>
      <c r="PML645" s="613"/>
      <c r="PMM645" s="613"/>
      <c r="PMN645" s="613"/>
      <c r="PMO645" s="613"/>
      <c r="PMP645" s="613"/>
      <c r="PMQ645" s="613"/>
      <c r="PMR645" s="613"/>
      <c r="PMS645" s="613"/>
      <c r="PMT645" s="613"/>
      <c r="PMU645" s="613"/>
      <c r="PMV645" s="613"/>
      <c r="PMW645" s="613"/>
      <c r="PMX645" s="613"/>
      <c r="PMY645" s="613"/>
      <c r="PMZ645" s="613"/>
      <c r="PNA645" s="613"/>
      <c r="PNB645" s="613"/>
      <c r="PNC645" s="613"/>
      <c r="PND645" s="613"/>
      <c r="PNE645" s="613"/>
      <c r="PNF645" s="613"/>
      <c r="PNG645" s="613"/>
      <c r="PNH645" s="613"/>
      <c r="PNI645" s="613"/>
      <c r="PNJ645" s="613"/>
      <c r="PNK645" s="613"/>
      <c r="PNL645" s="613"/>
      <c r="PNM645" s="613"/>
      <c r="PNN645" s="613"/>
      <c r="PNO645" s="613"/>
      <c r="PNP645" s="613"/>
      <c r="PNQ645" s="613"/>
      <c r="PNR645" s="613"/>
      <c r="PNS645" s="613"/>
      <c r="PNT645" s="613"/>
      <c r="PNU645" s="613"/>
      <c r="PNV645" s="613"/>
      <c r="PNW645" s="613"/>
      <c r="PNX645" s="613"/>
      <c r="PNY645" s="613"/>
      <c r="PNZ645" s="613"/>
      <c r="POA645" s="613"/>
      <c r="POB645" s="613"/>
      <c r="POC645" s="613"/>
      <c r="POD645" s="613"/>
      <c r="POE645" s="613"/>
      <c r="POF645" s="613"/>
      <c r="POG645" s="613"/>
      <c r="POH645" s="613"/>
      <c r="POI645" s="613"/>
      <c r="POJ645" s="613"/>
      <c r="POK645" s="613"/>
      <c r="POL645" s="613"/>
      <c r="POM645" s="613"/>
      <c r="PON645" s="613"/>
      <c r="POO645" s="613"/>
      <c r="POP645" s="613"/>
      <c r="POQ645" s="613"/>
      <c r="POR645" s="613"/>
      <c r="POS645" s="613"/>
      <c r="POT645" s="613"/>
      <c r="POU645" s="613"/>
      <c r="POV645" s="613"/>
      <c r="POW645" s="613"/>
      <c r="POX645" s="613"/>
      <c r="POY645" s="613"/>
      <c r="POZ645" s="613"/>
      <c r="PPA645" s="613"/>
      <c r="PPB645" s="613"/>
      <c r="PPC645" s="613"/>
      <c r="PPD645" s="613"/>
      <c r="PPE645" s="613"/>
      <c r="PPF645" s="613"/>
      <c r="PPG645" s="613"/>
      <c r="PPH645" s="613"/>
      <c r="PPI645" s="613"/>
      <c r="PPJ645" s="613"/>
      <c r="PPK645" s="613"/>
      <c r="PPL645" s="613"/>
      <c r="PPM645" s="613"/>
      <c r="PPN645" s="613"/>
      <c r="PPO645" s="613"/>
      <c r="PPP645" s="613"/>
      <c r="PPQ645" s="613"/>
      <c r="PPR645" s="613"/>
      <c r="PPS645" s="613"/>
      <c r="PPT645" s="613"/>
      <c r="PPU645" s="613"/>
      <c r="PPV645" s="613"/>
      <c r="PPW645" s="613"/>
      <c r="PPX645" s="613"/>
      <c r="PPY645" s="613"/>
      <c r="PPZ645" s="613"/>
      <c r="PQA645" s="613"/>
      <c r="PQB645" s="613"/>
      <c r="PQC645" s="613"/>
      <c r="PQD645" s="613"/>
      <c r="PQE645" s="613"/>
      <c r="PQF645" s="613"/>
      <c r="PQG645" s="613"/>
      <c r="PQH645" s="613"/>
      <c r="PQI645" s="613"/>
      <c r="PQJ645" s="613"/>
      <c r="PQK645" s="613"/>
      <c r="PQL645" s="613"/>
      <c r="PQM645" s="613"/>
      <c r="PQN645" s="613"/>
      <c r="PQO645" s="613"/>
      <c r="PQP645" s="613"/>
      <c r="PQQ645" s="613"/>
      <c r="PQR645" s="613"/>
      <c r="PQS645" s="613"/>
      <c r="PQT645" s="613"/>
      <c r="PQU645" s="613"/>
      <c r="PQV645" s="613"/>
      <c r="PQW645" s="613"/>
      <c r="PQX645" s="613"/>
      <c r="PQY645" s="613"/>
      <c r="PQZ645" s="613"/>
      <c r="PRA645" s="613"/>
      <c r="PRB645" s="613"/>
      <c r="PRC645" s="613"/>
      <c r="PRD645" s="613"/>
      <c r="PRE645" s="613"/>
      <c r="PRF645" s="613"/>
      <c r="PRG645" s="613"/>
      <c r="PRH645" s="613"/>
      <c r="PRI645" s="613"/>
      <c r="PRJ645" s="613"/>
      <c r="PRK645" s="613"/>
      <c r="PRL645" s="613"/>
      <c r="PRM645" s="613"/>
      <c r="PRN645" s="613"/>
      <c r="PRO645" s="613"/>
      <c r="PRP645" s="613"/>
      <c r="PRQ645" s="613"/>
      <c r="PRR645" s="613"/>
      <c r="PRS645" s="613"/>
      <c r="PRT645" s="613"/>
      <c r="PRU645" s="613"/>
      <c r="PRV645" s="613"/>
      <c r="PRW645" s="613"/>
      <c r="PRX645" s="613"/>
      <c r="PRY645" s="613"/>
      <c r="PRZ645" s="613"/>
      <c r="PSA645" s="613"/>
      <c r="PSB645" s="613"/>
      <c r="PSC645" s="613"/>
      <c r="PSD645" s="613"/>
      <c r="PSE645" s="613"/>
      <c r="PSF645" s="613"/>
      <c r="PSG645" s="613"/>
      <c r="PSH645" s="613"/>
      <c r="PSI645" s="613"/>
      <c r="PSJ645" s="613"/>
      <c r="PSK645" s="613"/>
      <c r="PSL645" s="613"/>
      <c r="PSM645" s="613"/>
      <c r="PSN645" s="613"/>
      <c r="PSO645" s="613"/>
      <c r="PSP645" s="613"/>
      <c r="PSQ645" s="613"/>
      <c r="PSR645" s="613"/>
      <c r="PSS645" s="613"/>
      <c r="PST645" s="613"/>
      <c r="PSU645" s="613"/>
      <c r="PSV645" s="613"/>
      <c r="PSW645" s="613"/>
      <c r="PSX645" s="613"/>
      <c r="PSY645" s="613"/>
      <c r="PSZ645" s="613"/>
      <c r="PTA645" s="613"/>
      <c r="PTB645" s="613"/>
      <c r="PTC645" s="613"/>
      <c r="PTD645" s="613"/>
      <c r="PTE645" s="613"/>
      <c r="PTF645" s="613"/>
      <c r="PTG645" s="613"/>
      <c r="PTH645" s="613"/>
      <c r="PTI645" s="613"/>
      <c r="PTJ645" s="613"/>
      <c r="PTK645" s="613"/>
      <c r="PTL645" s="613"/>
      <c r="PTM645" s="613"/>
      <c r="PTN645" s="613"/>
      <c r="PTO645" s="613"/>
      <c r="PTP645" s="613"/>
      <c r="PTQ645" s="613"/>
      <c r="PTR645" s="613"/>
      <c r="PTS645" s="613"/>
      <c r="PTT645" s="613"/>
      <c r="PTU645" s="613"/>
      <c r="PTV645" s="613"/>
      <c r="PTW645" s="613"/>
      <c r="PTX645" s="613"/>
      <c r="PTY645" s="613"/>
      <c r="PTZ645" s="613"/>
      <c r="PUA645" s="613"/>
      <c r="PUB645" s="613"/>
      <c r="PUC645" s="613"/>
      <c r="PUD645" s="613"/>
      <c r="PUE645" s="613"/>
      <c r="PUF645" s="613"/>
      <c r="PUG645" s="613"/>
      <c r="PUH645" s="613"/>
      <c r="PUI645" s="613"/>
      <c r="PUJ645" s="613"/>
      <c r="PUK645" s="613"/>
      <c r="PUL645" s="613"/>
      <c r="PUM645" s="613"/>
      <c r="PUN645" s="613"/>
      <c r="PUO645" s="613"/>
      <c r="PUP645" s="613"/>
      <c r="PUQ645" s="613"/>
      <c r="PUR645" s="613"/>
      <c r="PUS645" s="613"/>
      <c r="PUT645" s="613"/>
      <c r="PUU645" s="613"/>
      <c r="PUV645" s="613"/>
      <c r="PUW645" s="613"/>
      <c r="PUX645" s="613"/>
      <c r="PUY645" s="613"/>
      <c r="PUZ645" s="613"/>
      <c r="PVA645" s="613"/>
      <c r="PVB645" s="613"/>
      <c r="PVC645" s="613"/>
      <c r="PVD645" s="613"/>
      <c r="PVE645" s="613"/>
      <c r="PVF645" s="613"/>
      <c r="PVG645" s="613"/>
      <c r="PVH645" s="613"/>
      <c r="PVI645" s="613"/>
      <c r="PVJ645" s="613"/>
      <c r="PVK645" s="613"/>
      <c r="PVL645" s="613"/>
      <c r="PVM645" s="613"/>
      <c r="PVN645" s="613"/>
      <c r="PVO645" s="613"/>
      <c r="PVP645" s="613"/>
      <c r="PVQ645" s="613"/>
      <c r="PVR645" s="613"/>
      <c r="PVS645" s="613"/>
      <c r="PVT645" s="613"/>
      <c r="PVU645" s="613"/>
      <c r="PVV645" s="613"/>
      <c r="PVW645" s="613"/>
      <c r="PVX645" s="613"/>
      <c r="PVY645" s="613"/>
      <c r="PVZ645" s="613"/>
      <c r="PWA645" s="613"/>
      <c r="PWB645" s="613"/>
      <c r="PWC645" s="613"/>
      <c r="PWD645" s="613"/>
      <c r="PWE645" s="613"/>
      <c r="PWF645" s="613"/>
      <c r="PWG645" s="613"/>
      <c r="PWH645" s="613"/>
      <c r="PWI645" s="613"/>
      <c r="PWJ645" s="613"/>
      <c r="PWK645" s="613"/>
      <c r="PWL645" s="613"/>
      <c r="PWM645" s="613"/>
      <c r="PWN645" s="613"/>
      <c r="PWO645" s="613"/>
      <c r="PWP645" s="613"/>
      <c r="PWQ645" s="613"/>
      <c r="PWR645" s="613"/>
      <c r="PWS645" s="613"/>
      <c r="PWT645" s="613"/>
      <c r="PWU645" s="613"/>
      <c r="PWV645" s="613"/>
      <c r="PWW645" s="613"/>
      <c r="PWX645" s="613"/>
      <c r="PWY645" s="613"/>
      <c r="PWZ645" s="613"/>
      <c r="PXA645" s="613"/>
      <c r="PXB645" s="613"/>
      <c r="PXC645" s="613"/>
      <c r="PXD645" s="613"/>
      <c r="PXE645" s="613"/>
      <c r="PXF645" s="613"/>
      <c r="PXG645" s="613"/>
      <c r="PXH645" s="613"/>
      <c r="PXI645" s="613"/>
      <c r="PXJ645" s="613"/>
      <c r="PXK645" s="613"/>
      <c r="PXL645" s="613"/>
      <c r="PXM645" s="613"/>
      <c r="PXN645" s="613"/>
      <c r="PXO645" s="613"/>
      <c r="PXP645" s="613"/>
      <c r="PXQ645" s="613"/>
      <c r="PXR645" s="613"/>
      <c r="PXS645" s="613"/>
      <c r="PXT645" s="613"/>
      <c r="PXU645" s="613"/>
      <c r="PXV645" s="613"/>
      <c r="PXW645" s="613"/>
      <c r="PXX645" s="613"/>
      <c r="PXY645" s="613"/>
      <c r="PXZ645" s="613"/>
      <c r="PYA645" s="613"/>
      <c r="PYB645" s="613"/>
      <c r="PYC645" s="613"/>
      <c r="PYD645" s="613"/>
      <c r="PYE645" s="613"/>
      <c r="PYF645" s="613"/>
      <c r="PYG645" s="613"/>
      <c r="PYH645" s="613"/>
      <c r="PYI645" s="613"/>
      <c r="PYJ645" s="613"/>
      <c r="PYK645" s="613"/>
      <c r="PYL645" s="613"/>
      <c r="PYM645" s="613"/>
      <c r="PYN645" s="613"/>
      <c r="PYO645" s="613"/>
      <c r="PYP645" s="613"/>
      <c r="PYQ645" s="613"/>
      <c r="PYR645" s="613"/>
      <c r="PYS645" s="613"/>
      <c r="PYT645" s="613"/>
      <c r="PYU645" s="613"/>
      <c r="PYV645" s="613"/>
      <c r="PYW645" s="613"/>
      <c r="PYX645" s="613"/>
      <c r="PYY645" s="613"/>
      <c r="PYZ645" s="613"/>
      <c r="PZA645" s="613"/>
      <c r="PZB645" s="613"/>
      <c r="PZC645" s="613"/>
      <c r="PZD645" s="613"/>
      <c r="PZE645" s="613"/>
      <c r="PZF645" s="613"/>
      <c r="PZG645" s="613"/>
      <c r="PZH645" s="613"/>
      <c r="PZI645" s="613"/>
      <c r="PZJ645" s="613"/>
      <c r="PZK645" s="613"/>
      <c r="PZL645" s="613"/>
      <c r="PZM645" s="613"/>
      <c r="PZN645" s="613"/>
      <c r="PZO645" s="613"/>
      <c r="PZP645" s="613"/>
      <c r="PZQ645" s="613"/>
      <c r="PZR645" s="613"/>
      <c r="PZS645" s="613"/>
      <c r="PZT645" s="613"/>
      <c r="PZU645" s="613"/>
      <c r="PZV645" s="613"/>
      <c r="PZW645" s="613"/>
      <c r="PZX645" s="613"/>
      <c r="PZY645" s="613"/>
      <c r="PZZ645" s="613"/>
      <c r="QAA645" s="613"/>
      <c r="QAB645" s="613"/>
      <c r="QAC645" s="613"/>
      <c r="QAD645" s="613"/>
      <c r="QAE645" s="613"/>
      <c r="QAF645" s="613"/>
      <c r="QAG645" s="613"/>
      <c r="QAH645" s="613"/>
      <c r="QAI645" s="613"/>
      <c r="QAJ645" s="613"/>
      <c r="QAK645" s="613"/>
      <c r="QAL645" s="613"/>
      <c r="QAM645" s="613"/>
      <c r="QAN645" s="613"/>
      <c r="QAO645" s="613"/>
      <c r="QAP645" s="613"/>
      <c r="QAQ645" s="613"/>
      <c r="QAR645" s="613"/>
      <c r="QAS645" s="613"/>
      <c r="QAT645" s="613"/>
      <c r="QAU645" s="613"/>
      <c r="QAV645" s="613"/>
      <c r="QAW645" s="613"/>
      <c r="QAX645" s="613"/>
      <c r="QAY645" s="613"/>
      <c r="QAZ645" s="613"/>
      <c r="QBA645" s="613"/>
      <c r="QBB645" s="613"/>
      <c r="QBC645" s="613"/>
      <c r="QBD645" s="613"/>
      <c r="QBE645" s="613"/>
      <c r="QBF645" s="613"/>
      <c r="QBG645" s="613"/>
      <c r="QBH645" s="613"/>
      <c r="QBI645" s="613"/>
      <c r="QBJ645" s="613"/>
      <c r="QBK645" s="613"/>
      <c r="QBL645" s="613"/>
      <c r="QBM645" s="613"/>
      <c r="QBN645" s="613"/>
      <c r="QBO645" s="613"/>
      <c r="QBP645" s="613"/>
      <c r="QBQ645" s="613"/>
      <c r="QBR645" s="613"/>
      <c r="QBS645" s="613"/>
      <c r="QBT645" s="613"/>
      <c r="QBU645" s="613"/>
      <c r="QBV645" s="613"/>
      <c r="QBW645" s="613"/>
      <c r="QBX645" s="613"/>
      <c r="QBY645" s="613"/>
      <c r="QBZ645" s="613"/>
      <c r="QCA645" s="613"/>
      <c r="QCB645" s="613"/>
      <c r="QCC645" s="613"/>
      <c r="QCD645" s="613"/>
      <c r="QCE645" s="613"/>
      <c r="QCF645" s="613"/>
      <c r="QCG645" s="613"/>
      <c r="QCH645" s="613"/>
      <c r="QCI645" s="613"/>
      <c r="QCJ645" s="613"/>
      <c r="QCK645" s="613"/>
      <c r="QCL645" s="613"/>
      <c r="QCM645" s="613"/>
      <c r="QCN645" s="613"/>
      <c r="QCO645" s="613"/>
      <c r="QCP645" s="613"/>
      <c r="QCQ645" s="613"/>
      <c r="QCR645" s="613"/>
      <c r="QCS645" s="613"/>
      <c r="QCT645" s="613"/>
      <c r="QCU645" s="613"/>
      <c r="QCV645" s="613"/>
      <c r="QCW645" s="613"/>
      <c r="QCX645" s="613"/>
      <c r="QCY645" s="613"/>
      <c r="QCZ645" s="613"/>
      <c r="QDA645" s="613"/>
      <c r="QDB645" s="613"/>
      <c r="QDC645" s="613"/>
      <c r="QDD645" s="613"/>
      <c r="QDE645" s="613"/>
      <c r="QDF645" s="613"/>
      <c r="QDG645" s="613"/>
      <c r="QDH645" s="613"/>
      <c r="QDI645" s="613"/>
      <c r="QDJ645" s="613"/>
      <c r="QDK645" s="613"/>
      <c r="QDL645" s="613"/>
      <c r="QDM645" s="613"/>
      <c r="QDN645" s="613"/>
      <c r="QDO645" s="613"/>
      <c r="QDP645" s="613"/>
      <c r="QDQ645" s="613"/>
      <c r="QDR645" s="613"/>
      <c r="QDS645" s="613"/>
      <c r="QDT645" s="613"/>
      <c r="QDU645" s="613"/>
      <c r="QDV645" s="613"/>
      <c r="QDW645" s="613"/>
      <c r="QDX645" s="613"/>
      <c r="QDY645" s="613"/>
      <c r="QDZ645" s="613"/>
      <c r="QEA645" s="613"/>
      <c r="QEB645" s="613"/>
      <c r="QEC645" s="613"/>
      <c r="QED645" s="613"/>
      <c r="QEE645" s="613"/>
      <c r="QEF645" s="613"/>
      <c r="QEG645" s="613"/>
      <c r="QEH645" s="613"/>
      <c r="QEI645" s="613"/>
      <c r="QEJ645" s="613"/>
      <c r="QEK645" s="613"/>
      <c r="QEL645" s="613"/>
      <c r="QEM645" s="613"/>
      <c r="QEN645" s="613"/>
      <c r="QEO645" s="613"/>
      <c r="QEP645" s="613"/>
      <c r="QEQ645" s="613"/>
      <c r="QER645" s="613"/>
      <c r="QES645" s="613"/>
      <c r="QET645" s="613"/>
      <c r="QEU645" s="613"/>
      <c r="QEV645" s="613"/>
      <c r="QEW645" s="613"/>
      <c r="QEX645" s="613"/>
      <c r="QEY645" s="613"/>
      <c r="QEZ645" s="613"/>
      <c r="QFA645" s="613"/>
      <c r="QFB645" s="613"/>
      <c r="QFC645" s="613"/>
      <c r="QFD645" s="613"/>
      <c r="QFE645" s="613"/>
      <c r="QFF645" s="613"/>
      <c r="QFG645" s="613"/>
      <c r="QFH645" s="613"/>
      <c r="QFI645" s="613"/>
      <c r="QFJ645" s="613"/>
      <c r="QFK645" s="613"/>
      <c r="QFL645" s="613"/>
      <c r="QFM645" s="613"/>
      <c r="QFN645" s="613"/>
      <c r="QFO645" s="613"/>
      <c r="QFP645" s="613"/>
      <c r="QFQ645" s="613"/>
      <c r="QFR645" s="613"/>
      <c r="QFS645" s="613"/>
      <c r="QFT645" s="613"/>
      <c r="QFU645" s="613"/>
      <c r="QFV645" s="613"/>
      <c r="QFW645" s="613"/>
      <c r="QFX645" s="613"/>
      <c r="QFY645" s="613"/>
      <c r="QFZ645" s="613"/>
      <c r="QGA645" s="613"/>
      <c r="QGB645" s="613"/>
      <c r="QGC645" s="613"/>
      <c r="QGD645" s="613"/>
      <c r="QGE645" s="613"/>
      <c r="QGF645" s="613"/>
      <c r="QGG645" s="613"/>
      <c r="QGH645" s="613"/>
      <c r="QGI645" s="613"/>
      <c r="QGJ645" s="613"/>
      <c r="QGK645" s="613"/>
      <c r="QGL645" s="613"/>
      <c r="QGM645" s="613"/>
      <c r="QGN645" s="613"/>
      <c r="QGO645" s="613"/>
      <c r="QGP645" s="613"/>
      <c r="QGQ645" s="613"/>
      <c r="QGR645" s="613"/>
      <c r="QGS645" s="613"/>
      <c r="QGT645" s="613"/>
      <c r="QGU645" s="613"/>
      <c r="QGV645" s="613"/>
      <c r="QGW645" s="613"/>
      <c r="QGX645" s="613"/>
      <c r="QGY645" s="613"/>
      <c r="QGZ645" s="613"/>
      <c r="QHA645" s="613"/>
      <c r="QHB645" s="613"/>
      <c r="QHC645" s="613"/>
      <c r="QHD645" s="613"/>
      <c r="QHE645" s="613"/>
      <c r="QHF645" s="613"/>
      <c r="QHG645" s="613"/>
      <c r="QHH645" s="613"/>
      <c r="QHI645" s="613"/>
      <c r="QHJ645" s="613"/>
      <c r="QHK645" s="613"/>
      <c r="QHL645" s="613"/>
      <c r="QHM645" s="613"/>
      <c r="QHN645" s="613"/>
      <c r="QHO645" s="613"/>
      <c r="QHP645" s="613"/>
      <c r="QHQ645" s="613"/>
      <c r="QHR645" s="613"/>
      <c r="QHS645" s="613"/>
      <c r="QHT645" s="613"/>
      <c r="QHU645" s="613"/>
      <c r="QHV645" s="613"/>
      <c r="QHW645" s="613"/>
      <c r="QHX645" s="613"/>
      <c r="QHY645" s="613"/>
      <c r="QHZ645" s="613"/>
      <c r="QIA645" s="613"/>
      <c r="QIB645" s="613"/>
      <c r="QIC645" s="613"/>
      <c r="QID645" s="613"/>
      <c r="QIE645" s="613"/>
      <c r="QIF645" s="613"/>
      <c r="QIG645" s="613"/>
      <c r="QIH645" s="613"/>
      <c r="QII645" s="613"/>
      <c r="QIJ645" s="613"/>
      <c r="QIK645" s="613"/>
      <c r="QIL645" s="613"/>
      <c r="QIM645" s="613"/>
      <c r="QIN645" s="613"/>
      <c r="QIO645" s="613"/>
      <c r="QIP645" s="613"/>
      <c r="QIQ645" s="613"/>
      <c r="QIR645" s="613"/>
      <c r="QIS645" s="613"/>
      <c r="QIT645" s="613"/>
      <c r="QIU645" s="613"/>
      <c r="QIV645" s="613"/>
      <c r="QIW645" s="613"/>
      <c r="QIX645" s="613"/>
      <c r="QIY645" s="613"/>
      <c r="QIZ645" s="613"/>
      <c r="QJA645" s="613"/>
      <c r="QJB645" s="613"/>
      <c r="QJC645" s="613"/>
      <c r="QJD645" s="613"/>
      <c r="QJE645" s="613"/>
      <c r="QJF645" s="613"/>
      <c r="QJG645" s="613"/>
      <c r="QJH645" s="613"/>
      <c r="QJI645" s="613"/>
      <c r="QJJ645" s="613"/>
      <c r="QJK645" s="613"/>
      <c r="QJL645" s="613"/>
      <c r="QJM645" s="613"/>
      <c r="QJN645" s="613"/>
      <c r="QJO645" s="613"/>
      <c r="QJP645" s="613"/>
      <c r="QJQ645" s="613"/>
      <c r="QJR645" s="613"/>
      <c r="QJS645" s="613"/>
      <c r="QJT645" s="613"/>
      <c r="QJU645" s="613"/>
      <c r="QJV645" s="613"/>
      <c r="QJW645" s="613"/>
      <c r="QJX645" s="613"/>
      <c r="QJY645" s="613"/>
      <c r="QJZ645" s="613"/>
      <c r="QKA645" s="613"/>
      <c r="QKB645" s="613"/>
      <c r="QKC645" s="613"/>
      <c r="QKD645" s="613"/>
      <c r="QKE645" s="613"/>
      <c r="QKF645" s="613"/>
      <c r="QKG645" s="613"/>
      <c r="QKH645" s="613"/>
      <c r="QKI645" s="613"/>
      <c r="QKJ645" s="613"/>
      <c r="QKK645" s="613"/>
      <c r="QKL645" s="613"/>
      <c r="QKM645" s="613"/>
      <c r="QKN645" s="613"/>
      <c r="QKO645" s="613"/>
      <c r="QKP645" s="613"/>
      <c r="QKQ645" s="613"/>
      <c r="QKR645" s="613"/>
      <c r="QKS645" s="613"/>
      <c r="QKT645" s="613"/>
      <c r="QKU645" s="613"/>
      <c r="QKV645" s="613"/>
      <c r="QKW645" s="613"/>
      <c r="QKX645" s="613"/>
      <c r="QKY645" s="613"/>
      <c r="QKZ645" s="613"/>
      <c r="QLA645" s="613"/>
      <c r="QLB645" s="613"/>
      <c r="QLC645" s="613"/>
      <c r="QLD645" s="613"/>
      <c r="QLE645" s="613"/>
      <c r="QLF645" s="613"/>
      <c r="QLG645" s="613"/>
      <c r="QLH645" s="613"/>
      <c r="QLI645" s="613"/>
      <c r="QLJ645" s="613"/>
      <c r="QLK645" s="613"/>
      <c r="QLL645" s="613"/>
      <c r="QLM645" s="613"/>
      <c r="QLN645" s="613"/>
      <c r="QLO645" s="613"/>
      <c r="QLP645" s="613"/>
      <c r="QLQ645" s="613"/>
      <c r="QLR645" s="613"/>
      <c r="QLS645" s="613"/>
      <c r="QLT645" s="613"/>
      <c r="QLU645" s="613"/>
      <c r="QLV645" s="613"/>
      <c r="QLW645" s="613"/>
      <c r="QLX645" s="613"/>
      <c r="QLY645" s="613"/>
      <c r="QLZ645" s="613"/>
      <c r="QMA645" s="613"/>
      <c r="QMB645" s="613"/>
      <c r="QMC645" s="613"/>
      <c r="QMD645" s="613"/>
      <c r="QME645" s="613"/>
      <c r="QMF645" s="613"/>
      <c r="QMG645" s="613"/>
      <c r="QMH645" s="613"/>
      <c r="QMI645" s="613"/>
      <c r="QMJ645" s="613"/>
      <c r="QMK645" s="613"/>
      <c r="QML645" s="613"/>
      <c r="QMM645" s="613"/>
      <c r="QMN645" s="613"/>
      <c r="QMO645" s="613"/>
      <c r="QMP645" s="613"/>
      <c r="QMQ645" s="613"/>
      <c r="QMR645" s="613"/>
      <c r="QMS645" s="613"/>
      <c r="QMT645" s="613"/>
      <c r="QMU645" s="613"/>
      <c r="QMV645" s="613"/>
      <c r="QMW645" s="613"/>
      <c r="QMX645" s="613"/>
      <c r="QMY645" s="613"/>
      <c r="QMZ645" s="613"/>
      <c r="QNA645" s="613"/>
      <c r="QNB645" s="613"/>
      <c r="QNC645" s="613"/>
      <c r="QND645" s="613"/>
      <c r="QNE645" s="613"/>
      <c r="QNF645" s="613"/>
      <c r="QNG645" s="613"/>
      <c r="QNH645" s="613"/>
      <c r="QNI645" s="613"/>
      <c r="QNJ645" s="613"/>
      <c r="QNK645" s="613"/>
      <c r="QNL645" s="613"/>
      <c r="QNM645" s="613"/>
      <c r="QNN645" s="613"/>
      <c r="QNO645" s="613"/>
      <c r="QNP645" s="613"/>
      <c r="QNQ645" s="613"/>
      <c r="QNR645" s="613"/>
      <c r="QNS645" s="613"/>
      <c r="QNT645" s="613"/>
      <c r="QNU645" s="613"/>
      <c r="QNV645" s="613"/>
      <c r="QNW645" s="613"/>
      <c r="QNX645" s="613"/>
      <c r="QNY645" s="613"/>
      <c r="QNZ645" s="613"/>
      <c r="QOA645" s="613"/>
      <c r="QOB645" s="613"/>
      <c r="QOC645" s="613"/>
      <c r="QOD645" s="613"/>
      <c r="QOE645" s="613"/>
      <c r="QOF645" s="613"/>
      <c r="QOG645" s="613"/>
      <c r="QOH645" s="613"/>
      <c r="QOI645" s="613"/>
      <c r="QOJ645" s="613"/>
      <c r="QOK645" s="613"/>
      <c r="QOL645" s="613"/>
      <c r="QOM645" s="613"/>
      <c r="QON645" s="613"/>
      <c r="QOO645" s="613"/>
      <c r="QOP645" s="613"/>
      <c r="QOQ645" s="613"/>
      <c r="QOR645" s="613"/>
      <c r="QOS645" s="613"/>
      <c r="QOT645" s="613"/>
      <c r="QOU645" s="613"/>
      <c r="QOV645" s="613"/>
      <c r="QOW645" s="613"/>
      <c r="QOX645" s="613"/>
      <c r="QOY645" s="613"/>
      <c r="QOZ645" s="613"/>
      <c r="QPA645" s="613"/>
      <c r="QPB645" s="613"/>
      <c r="QPC645" s="613"/>
      <c r="QPD645" s="613"/>
      <c r="QPE645" s="613"/>
      <c r="QPF645" s="613"/>
      <c r="QPG645" s="613"/>
      <c r="QPH645" s="613"/>
      <c r="QPI645" s="613"/>
      <c r="QPJ645" s="613"/>
      <c r="QPK645" s="613"/>
      <c r="QPL645" s="613"/>
      <c r="QPM645" s="613"/>
      <c r="QPN645" s="613"/>
      <c r="QPO645" s="613"/>
      <c r="QPP645" s="613"/>
      <c r="QPQ645" s="613"/>
      <c r="QPR645" s="613"/>
      <c r="QPS645" s="613"/>
      <c r="QPT645" s="613"/>
      <c r="QPU645" s="613"/>
      <c r="QPV645" s="613"/>
      <c r="QPW645" s="613"/>
      <c r="QPX645" s="613"/>
      <c r="QPY645" s="613"/>
      <c r="QPZ645" s="613"/>
      <c r="QQA645" s="613"/>
      <c r="QQB645" s="613"/>
      <c r="QQC645" s="613"/>
      <c r="QQD645" s="613"/>
      <c r="QQE645" s="613"/>
      <c r="QQF645" s="613"/>
      <c r="QQG645" s="613"/>
      <c r="QQH645" s="613"/>
      <c r="QQI645" s="613"/>
      <c r="QQJ645" s="613"/>
      <c r="QQK645" s="613"/>
      <c r="QQL645" s="613"/>
      <c r="QQM645" s="613"/>
      <c r="QQN645" s="613"/>
      <c r="QQO645" s="613"/>
      <c r="QQP645" s="613"/>
      <c r="QQQ645" s="613"/>
      <c r="QQR645" s="613"/>
      <c r="QQS645" s="613"/>
      <c r="QQT645" s="613"/>
      <c r="QQU645" s="613"/>
      <c r="QQV645" s="613"/>
      <c r="QQW645" s="613"/>
      <c r="QQX645" s="613"/>
      <c r="QQY645" s="613"/>
      <c r="QQZ645" s="613"/>
      <c r="QRA645" s="613"/>
      <c r="QRB645" s="613"/>
      <c r="QRC645" s="613"/>
      <c r="QRD645" s="613"/>
      <c r="QRE645" s="613"/>
      <c r="QRF645" s="613"/>
      <c r="QRG645" s="613"/>
      <c r="QRH645" s="613"/>
      <c r="QRI645" s="613"/>
      <c r="QRJ645" s="613"/>
      <c r="QRK645" s="613"/>
      <c r="QRL645" s="613"/>
      <c r="QRM645" s="613"/>
      <c r="QRN645" s="613"/>
      <c r="QRO645" s="613"/>
      <c r="QRP645" s="613"/>
      <c r="QRQ645" s="613"/>
      <c r="QRR645" s="613"/>
      <c r="QRS645" s="613"/>
      <c r="QRT645" s="613"/>
      <c r="QRU645" s="613"/>
      <c r="QRV645" s="613"/>
      <c r="QRW645" s="613"/>
      <c r="QRX645" s="613"/>
      <c r="QRY645" s="613"/>
      <c r="QRZ645" s="613"/>
      <c r="QSA645" s="613"/>
      <c r="QSB645" s="613"/>
      <c r="QSC645" s="613"/>
      <c r="QSD645" s="613"/>
      <c r="QSE645" s="613"/>
      <c r="QSF645" s="613"/>
      <c r="QSG645" s="613"/>
      <c r="QSH645" s="613"/>
      <c r="QSI645" s="613"/>
      <c r="QSJ645" s="613"/>
      <c r="QSK645" s="613"/>
      <c r="QSL645" s="613"/>
      <c r="QSM645" s="613"/>
      <c r="QSN645" s="613"/>
      <c r="QSO645" s="613"/>
      <c r="QSP645" s="613"/>
      <c r="QSQ645" s="613"/>
      <c r="QSR645" s="613"/>
      <c r="QSS645" s="613"/>
      <c r="QST645" s="613"/>
      <c r="QSU645" s="613"/>
      <c r="QSV645" s="613"/>
      <c r="QSW645" s="613"/>
      <c r="QSX645" s="613"/>
      <c r="QSY645" s="613"/>
      <c r="QSZ645" s="613"/>
      <c r="QTA645" s="613"/>
      <c r="QTB645" s="613"/>
      <c r="QTC645" s="613"/>
      <c r="QTD645" s="613"/>
      <c r="QTE645" s="613"/>
      <c r="QTF645" s="613"/>
      <c r="QTG645" s="613"/>
      <c r="QTH645" s="613"/>
      <c r="QTI645" s="613"/>
      <c r="QTJ645" s="613"/>
      <c r="QTK645" s="613"/>
      <c r="QTL645" s="613"/>
      <c r="QTM645" s="613"/>
      <c r="QTN645" s="613"/>
      <c r="QTO645" s="613"/>
      <c r="QTP645" s="613"/>
      <c r="QTQ645" s="613"/>
      <c r="QTR645" s="613"/>
      <c r="QTS645" s="613"/>
      <c r="QTT645" s="613"/>
      <c r="QTU645" s="613"/>
      <c r="QTV645" s="613"/>
      <c r="QTW645" s="613"/>
      <c r="QTX645" s="613"/>
      <c r="QTY645" s="613"/>
      <c r="QTZ645" s="613"/>
      <c r="QUA645" s="613"/>
      <c r="QUB645" s="613"/>
      <c r="QUC645" s="613"/>
      <c r="QUD645" s="613"/>
      <c r="QUE645" s="613"/>
      <c r="QUF645" s="613"/>
      <c r="QUG645" s="613"/>
      <c r="QUH645" s="613"/>
      <c r="QUI645" s="613"/>
      <c r="QUJ645" s="613"/>
      <c r="QUK645" s="613"/>
      <c r="QUL645" s="613"/>
      <c r="QUM645" s="613"/>
      <c r="QUN645" s="613"/>
      <c r="QUO645" s="613"/>
      <c r="QUP645" s="613"/>
      <c r="QUQ645" s="613"/>
      <c r="QUR645" s="613"/>
      <c r="QUS645" s="613"/>
      <c r="QUT645" s="613"/>
      <c r="QUU645" s="613"/>
      <c r="QUV645" s="613"/>
      <c r="QUW645" s="613"/>
      <c r="QUX645" s="613"/>
      <c r="QUY645" s="613"/>
      <c r="QUZ645" s="613"/>
      <c r="QVA645" s="613"/>
      <c r="QVB645" s="613"/>
      <c r="QVC645" s="613"/>
      <c r="QVD645" s="613"/>
      <c r="QVE645" s="613"/>
      <c r="QVF645" s="613"/>
      <c r="QVG645" s="613"/>
      <c r="QVH645" s="613"/>
      <c r="QVI645" s="613"/>
      <c r="QVJ645" s="613"/>
      <c r="QVK645" s="613"/>
      <c r="QVL645" s="613"/>
      <c r="QVM645" s="613"/>
      <c r="QVN645" s="613"/>
      <c r="QVO645" s="613"/>
      <c r="QVP645" s="613"/>
      <c r="QVQ645" s="613"/>
      <c r="QVR645" s="613"/>
      <c r="QVS645" s="613"/>
      <c r="QVT645" s="613"/>
      <c r="QVU645" s="613"/>
      <c r="QVV645" s="613"/>
      <c r="QVW645" s="613"/>
      <c r="QVX645" s="613"/>
      <c r="QVY645" s="613"/>
      <c r="QVZ645" s="613"/>
      <c r="QWA645" s="613"/>
      <c r="QWB645" s="613"/>
      <c r="QWC645" s="613"/>
      <c r="QWD645" s="613"/>
      <c r="QWE645" s="613"/>
      <c r="QWF645" s="613"/>
      <c r="QWG645" s="613"/>
      <c r="QWH645" s="613"/>
      <c r="QWI645" s="613"/>
      <c r="QWJ645" s="613"/>
      <c r="QWK645" s="613"/>
      <c r="QWL645" s="613"/>
      <c r="QWM645" s="613"/>
      <c r="QWN645" s="613"/>
      <c r="QWO645" s="613"/>
      <c r="QWP645" s="613"/>
      <c r="QWQ645" s="613"/>
      <c r="QWR645" s="613"/>
      <c r="QWS645" s="613"/>
      <c r="QWT645" s="613"/>
      <c r="QWU645" s="613"/>
      <c r="QWV645" s="613"/>
      <c r="QWW645" s="613"/>
      <c r="QWX645" s="613"/>
      <c r="QWY645" s="613"/>
      <c r="QWZ645" s="613"/>
      <c r="QXA645" s="613"/>
      <c r="QXB645" s="613"/>
      <c r="QXC645" s="613"/>
      <c r="QXD645" s="613"/>
      <c r="QXE645" s="613"/>
      <c r="QXF645" s="613"/>
      <c r="QXG645" s="613"/>
      <c r="QXH645" s="613"/>
      <c r="QXI645" s="613"/>
      <c r="QXJ645" s="613"/>
      <c r="QXK645" s="613"/>
      <c r="QXL645" s="613"/>
      <c r="QXM645" s="613"/>
      <c r="QXN645" s="613"/>
      <c r="QXO645" s="613"/>
      <c r="QXP645" s="613"/>
      <c r="QXQ645" s="613"/>
      <c r="QXR645" s="613"/>
      <c r="QXS645" s="613"/>
      <c r="QXT645" s="613"/>
      <c r="QXU645" s="613"/>
      <c r="QXV645" s="613"/>
      <c r="QXW645" s="613"/>
      <c r="QXX645" s="613"/>
      <c r="QXY645" s="613"/>
      <c r="QXZ645" s="613"/>
      <c r="QYA645" s="613"/>
      <c r="QYB645" s="613"/>
      <c r="QYC645" s="613"/>
      <c r="QYD645" s="613"/>
      <c r="QYE645" s="613"/>
      <c r="QYF645" s="613"/>
      <c r="QYG645" s="613"/>
      <c r="QYH645" s="613"/>
      <c r="QYI645" s="613"/>
      <c r="QYJ645" s="613"/>
      <c r="QYK645" s="613"/>
      <c r="QYL645" s="613"/>
      <c r="QYM645" s="613"/>
      <c r="QYN645" s="613"/>
      <c r="QYO645" s="613"/>
      <c r="QYP645" s="613"/>
      <c r="QYQ645" s="613"/>
      <c r="QYR645" s="613"/>
      <c r="QYS645" s="613"/>
      <c r="QYT645" s="613"/>
      <c r="QYU645" s="613"/>
      <c r="QYV645" s="613"/>
      <c r="QYW645" s="613"/>
      <c r="QYX645" s="613"/>
      <c r="QYY645" s="613"/>
      <c r="QYZ645" s="613"/>
      <c r="QZA645" s="613"/>
      <c r="QZB645" s="613"/>
      <c r="QZC645" s="613"/>
      <c r="QZD645" s="613"/>
      <c r="QZE645" s="613"/>
      <c r="QZF645" s="613"/>
      <c r="QZG645" s="613"/>
      <c r="QZH645" s="613"/>
      <c r="QZI645" s="613"/>
      <c r="QZJ645" s="613"/>
      <c r="QZK645" s="613"/>
      <c r="QZL645" s="613"/>
      <c r="QZM645" s="613"/>
      <c r="QZN645" s="613"/>
      <c r="QZO645" s="613"/>
      <c r="QZP645" s="613"/>
      <c r="QZQ645" s="613"/>
      <c r="QZR645" s="613"/>
      <c r="QZS645" s="613"/>
      <c r="QZT645" s="613"/>
      <c r="QZU645" s="613"/>
      <c r="QZV645" s="613"/>
      <c r="QZW645" s="613"/>
      <c r="QZX645" s="613"/>
      <c r="QZY645" s="613"/>
      <c r="QZZ645" s="613"/>
      <c r="RAA645" s="613"/>
      <c r="RAB645" s="613"/>
      <c r="RAC645" s="613"/>
      <c r="RAD645" s="613"/>
      <c r="RAE645" s="613"/>
      <c r="RAF645" s="613"/>
      <c r="RAG645" s="613"/>
      <c r="RAH645" s="613"/>
      <c r="RAI645" s="613"/>
      <c r="RAJ645" s="613"/>
      <c r="RAK645" s="613"/>
      <c r="RAL645" s="613"/>
      <c r="RAM645" s="613"/>
      <c r="RAN645" s="613"/>
      <c r="RAO645" s="613"/>
      <c r="RAP645" s="613"/>
      <c r="RAQ645" s="613"/>
      <c r="RAR645" s="613"/>
      <c r="RAS645" s="613"/>
      <c r="RAT645" s="613"/>
      <c r="RAU645" s="613"/>
      <c r="RAV645" s="613"/>
      <c r="RAW645" s="613"/>
      <c r="RAX645" s="613"/>
      <c r="RAY645" s="613"/>
      <c r="RAZ645" s="613"/>
      <c r="RBA645" s="613"/>
      <c r="RBB645" s="613"/>
      <c r="RBC645" s="613"/>
      <c r="RBD645" s="613"/>
      <c r="RBE645" s="613"/>
      <c r="RBF645" s="613"/>
      <c r="RBG645" s="613"/>
      <c r="RBH645" s="613"/>
      <c r="RBI645" s="613"/>
      <c r="RBJ645" s="613"/>
      <c r="RBK645" s="613"/>
      <c r="RBL645" s="613"/>
      <c r="RBM645" s="613"/>
      <c r="RBN645" s="613"/>
      <c r="RBO645" s="613"/>
      <c r="RBP645" s="613"/>
      <c r="RBQ645" s="613"/>
      <c r="RBR645" s="613"/>
      <c r="RBS645" s="613"/>
      <c r="RBT645" s="613"/>
      <c r="RBU645" s="613"/>
      <c r="RBV645" s="613"/>
      <c r="RBW645" s="613"/>
      <c r="RBX645" s="613"/>
      <c r="RBY645" s="613"/>
      <c r="RBZ645" s="613"/>
      <c r="RCA645" s="613"/>
      <c r="RCB645" s="613"/>
      <c r="RCC645" s="613"/>
      <c r="RCD645" s="613"/>
      <c r="RCE645" s="613"/>
      <c r="RCF645" s="613"/>
      <c r="RCG645" s="613"/>
      <c r="RCH645" s="613"/>
      <c r="RCI645" s="613"/>
      <c r="RCJ645" s="613"/>
      <c r="RCK645" s="613"/>
      <c r="RCL645" s="613"/>
      <c r="RCM645" s="613"/>
      <c r="RCN645" s="613"/>
      <c r="RCO645" s="613"/>
      <c r="RCP645" s="613"/>
      <c r="RCQ645" s="613"/>
      <c r="RCR645" s="613"/>
      <c r="RCS645" s="613"/>
      <c r="RCT645" s="613"/>
      <c r="RCU645" s="613"/>
      <c r="RCV645" s="613"/>
      <c r="RCW645" s="613"/>
      <c r="RCX645" s="613"/>
      <c r="RCY645" s="613"/>
      <c r="RCZ645" s="613"/>
      <c r="RDA645" s="613"/>
      <c r="RDB645" s="613"/>
      <c r="RDC645" s="613"/>
      <c r="RDD645" s="613"/>
      <c r="RDE645" s="613"/>
      <c r="RDF645" s="613"/>
      <c r="RDG645" s="613"/>
      <c r="RDH645" s="613"/>
      <c r="RDI645" s="613"/>
      <c r="RDJ645" s="613"/>
      <c r="RDK645" s="613"/>
      <c r="RDL645" s="613"/>
      <c r="RDM645" s="613"/>
      <c r="RDN645" s="613"/>
      <c r="RDO645" s="613"/>
      <c r="RDP645" s="613"/>
      <c r="RDQ645" s="613"/>
      <c r="RDR645" s="613"/>
      <c r="RDS645" s="613"/>
      <c r="RDT645" s="613"/>
      <c r="RDU645" s="613"/>
      <c r="RDV645" s="613"/>
      <c r="RDW645" s="613"/>
      <c r="RDX645" s="613"/>
      <c r="RDY645" s="613"/>
      <c r="RDZ645" s="613"/>
      <c r="REA645" s="613"/>
      <c r="REB645" s="613"/>
      <c r="REC645" s="613"/>
      <c r="RED645" s="613"/>
      <c r="REE645" s="613"/>
      <c r="REF645" s="613"/>
      <c r="REG645" s="613"/>
      <c r="REH645" s="613"/>
      <c r="REI645" s="613"/>
      <c r="REJ645" s="613"/>
      <c r="REK645" s="613"/>
      <c r="REL645" s="613"/>
      <c r="REM645" s="613"/>
      <c r="REN645" s="613"/>
      <c r="REO645" s="613"/>
      <c r="REP645" s="613"/>
      <c r="REQ645" s="613"/>
      <c r="RER645" s="613"/>
      <c r="RES645" s="613"/>
      <c r="RET645" s="613"/>
      <c r="REU645" s="613"/>
      <c r="REV645" s="613"/>
      <c r="REW645" s="613"/>
      <c r="REX645" s="613"/>
      <c r="REY645" s="613"/>
      <c r="REZ645" s="613"/>
      <c r="RFA645" s="613"/>
      <c r="RFB645" s="613"/>
      <c r="RFC645" s="613"/>
      <c r="RFD645" s="613"/>
      <c r="RFE645" s="613"/>
      <c r="RFF645" s="613"/>
      <c r="RFG645" s="613"/>
      <c r="RFH645" s="613"/>
      <c r="RFI645" s="613"/>
      <c r="RFJ645" s="613"/>
      <c r="RFK645" s="613"/>
      <c r="RFL645" s="613"/>
      <c r="RFM645" s="613"/>
      <c r="RFN645" s="613"/>
      <c r="RFO645" s="613"/>
      <c r="RFP645" s="613"/>
      <c r="RFQ645" s="613"/>
      <c r="RFR645" s="613"/>
      <c r="RFS645" s="613"/>
      <c r="RFT645" s="613"/>
      <c r="RFU645" s="613"/>
      <c r="RFV645" s="613"/>
      <c r="RFW645" s="613"/>
      <c r="RFX645" s="613"/>
      <c r="RFY645" s="613"/>
      <c r="RFZ645" s="613"/>
      <c r="RGA645" s="613"/>
      <c r="RGB645" s="613"/>
      <c r="RGC645" s="613"/>
      <c r="RGD645" s="613"/>
      <c r="RGE645" s="613"/>
      <c r="RGF645" s="613"/>
      <c r="RGG645" s="613"/>
      <c r="RGH645" s="613"/>
      <c r="RGI645" s="613"/>
      <c r="RGJ645" s="613"/>
      <c r="RGK645" s="613"/>
      <c r="RGL645" s="613"/>
      <c r="RGM645" s="613"/>
      <c r="RGN645" s="613"/>
      <c r="RGO645" s="613"/>
      <c r="RGP645" s="613"/>
      <c r="RGQ645" s="613"/>
      <c r="RGR645" s="613"/>
      <c r="RGS645" s="613"/>
      <c r="RGT645" s="613"/>
      <c r="RGU645" s="613"/>
      <c r="RGV645" s="613"/>
      <c r="RGW645" s="613"/>
      <c r="RGX645" s="613"/>
      <c r="RGY645" s="613"/>
      <c r="RGZ645" s="613"/>
      <c r="RHA645" s="613"/>
      <c r="RHB645" s="613"/>
      <c r="RHC645" s="613"/>
      <c r="RHD645" s="613"/>
      <c r="RHE645" s="613"/>
      <c r="RHF645" s="613"/>
      <c r="RHG645" s="613"/>
      <c r="RHH645" s="613"/>
      <c r="RHI645" s="613"/>
      <c r="RHJ645" s="613"/>
      <c r="RHK645" s="613"/>
      <c r="RHL645" s="613"/>
      <c r="RHM645" s="613"/>
      <c r="RHN645" s="613"/>
      <c r="RHO645" s="613"/>
      <c r="RHP645" s="613"/>
      <c r="RHQ645" s="613"/>
      <c r="RHR645" s="613"/>
      <c r="RHS645" s="613"/>
      <c r="RHT645" s="613"/>
      <c r="RHU645" s="613"/>
      <c r="RHV645" s="613"/>
      <c r="RHW645" s="613"/>
      <c r="RHX645" s="613"/>
      <c r="RHY645" s="613"/>
      <c r="RHZ645" s="613"/>
      <c r="RIA645" s="613"/>
      <c r="RIB645" s="613"/>
      <c r="RIC645" s="613"/>
      <c r="RID645" s="613"/>
      <c r="RIE645" s="613"/>
      <c r="RIF645" s="613"/>
      <c r="RIG645" s="613"/>
      <c r="RIH645" s="613"/>
      <c r="RII645" s="613"/>
      <c r="RIJ645" s="613"/>
      <c r="RIK645" s="613"/>
      <c r="RIL645" s="613"/>
      <c r="RIM645" s="613"/>
      <c r="RIN645" s="613"/>
      <c r="RIO645" s="613"/>
      <c r="RIP645" s="613"/>
      <c r="RIQ645" s="613"/>
      <c r="RIR645" s="613"/>
      <c r="RIS645" s="613"/>
      <c r="RIT645" s="613"/>
      <c r="RIU645" s="613"/>
      <c r="RIV645" s="613"/>
      <c r="RIW645" s="613"/>
      <c r="RIX645" s="613"/>
      <c r="RIY645" s="613"/>
      <c r="RIZ645" s="613"/>
      <c r="RJA645" s="613"/>
      <c r="RJB645" s="613"/>
      <c r="RJC645" s="613"/>
      <c r="RJD645" s="613"/>
      <c r="RJE645" s="613"/>
      <c r="RJF645" s="613"/>
      <c r="RJG645" s="613"/>
      <c r="RJH645" s="613"/>
      <c r="RJI645" s="613"/>
      <c r="RJJ645" s="613"/>
      <c r="RJK645" s="613"/>
      <c r="RJL645" s="613"/>
      <c r="RJM645" s="613"/>
      <c r="RJN645" s="613"/>
      <c r="RJO645" s="613"/>
      <c r="RJP645" s="613"/>
      <c r="RJQ645" s="613"/>
      <c r="RJR645" s="613"/>
      <c r="RJS645" s="613"/>
      <c r="RJT645" s="613"/>
      <c r="RJU645" s="613"/>
      <c r="RJV645" s="613"/>
      <c r="RJW645" s="613"/>
      <c r="RJX645" s="613"/>
      <c r="RJY645" s="613"/>
      <c r="RJZ645" s="613"/>
      <c r="RKA645" s="613"/>
      <c r="RKB645" s="613"/>
      <c r="RKC645" s="613"/>
      <c r="RKD645" s="613"/>
      <c r="RKE645" s="613"/>
      <c r="RKF645" s="613"/>
      <c r="RKG645" s="613"/>
      <c r="RKH645" s="613"/>
      <c r="RKI645" s="613"/>
      <c r="RKJ645" s="613"/>
      <c r="RKK645" s="613"/>
      <c r="RKL645" s="613"/>
      <c r="RKM645" s="613"/>
      <c r="RKN645" s="613"/>
      <c r="RKO645" s="613"/>
      <c r="RKP645" s="613"/>
      <c r="RKQ645" s="613"/>
      <c r="RKR645" s="613"/>
      <c r="RKS645" s="613"/>
      <c r="RKT645" s="613"/>
      <c r="RKU645" s="613"/>
      <c r="RKV645" s="613"/>
      <c r="RKW645" s="613"/>
      <c r="RKX645" s="613"/>
      <c r="RKY645" s="613"/>
      <c r="RKZ645" s="613"/>
      <c r="RLA645" s="613"/>
      <c r="RLB645" s="613"/>
      <c r="RLC645" s="613"/>
      <c r="RLD645" s="613"/>
      <c r="RLE645" s="613"/>
      <c r="RLF645" s="613"/>
      <c r="RLG645" s="613"/>
      <c r="RLH645" s="613"/>
      <c r="RLI645" s="613"/>
      <c r="RLJ645" s="613"/>
      <c r="RLK645" s="613"/>
      <c r="RLL645" s="613"/>
      <c r="RLM645" s="613"/>
      <c r="RLN645" s="613"/>
      <c r="RLO645" s="613"/>
      <c r="RLP645" s="613"/>
      <c r="RLQ645" s="613"/>
      <c r="RLR645" s="613"/>
      <c r="RLS645" s="613"/>
      <c r="RLT645" s="613"/>
      <c r="RLU645" s="613"/>
      <c r="RLV645" s="613"/>
      <c r="RLW645" s="613"/>
      <c r="RLX645" s="613"/>
      <c r="RLY645" s="613"/>
      <c r="RLZ645" s="613"/>
      <c r="RMA645" s="613"/>
      <c r="RMB645" s="613"/>
      <c r="RMC645" s="613"/>
      <c r="RMD645" s="613"/>
      <c r="RME645" s="613"/>
      <c r="RMF645" s="613"/>
      <c r="RMG645" s="613"/>
      <c r="RMH645" s="613"/>
      <c r="RMI645" s="613"/>
      <c r="RMJ645" s="613"/>
      <c r="RMK645" s="613"/>
      <c r="RML645" s="613"/>
      <c r="RMM645" s="613"/>
      <c r="RMN645" s="613"/>
      <c r="RMO645" s="613"/>
      <c r="RMP645" s="613"/>
      <c r="RMQ645" s="613"/>
      <c r="RMR645" s="613"/>
      <c r="RMS645" s="613"/>
      <c r="RMT645" s="613"/>
      <c r="RMU645" s="613"/>
      <c r="RMV645" s="613"/>
      <c r="RMW645" s="613"/>
      <c r="RMX645" s="613"/>
      <c r="RMY645" s="613"/>
      <c r="RMZ645" s="613"/>
      <c r="RNA645" s="613"/>
      <c r="RNB645" s="613"/>
      <c r="RNC645" s="613"/>
      <c r="RND645" s="613"/>
      <c r="RNE645" s="613"/>
      <c r="RNF645" s="613"/>
      <c r="RNG645" s="613"/>
      <c r="RNH645" s="613"/>
      <c r="RNI645" s="613"/>
      <c r="RNJ645" s="613"/>
      <c r="RNK645" s="613"/>
      <c r="RNL645" s="613"/>
      <c r="RNM645" s="613"/>
      <c r="RNN645" s="613"/>
      <c r="RNO645" s="613"/>
      <c r="RNP645" s="613"/>
      <c r="RNQ645" s="613"/>
      <c r="RNR645" s="613"/>
      <c r="RNS645" s="613"/>
      <c r="RNT645" s="613"/>
      <c r="RNU645" s="613"/>
      <c r="RNV645" s="613"/>
      <c r="RNW645" s="613"/>
      <c r="RNX645" s="613"/>
      <c r="RNY645" s="613"/>
      <c r="RNZ645" s="613"/>
      <c r="ROA645" s="613"/>
      <c r="ROB645" s="613"/>
      <c r="ROC645" s="613"/>
      <c r="ROD645" s="613"/>
      <c r="ROE645" s="613"/>
      <c r="ROF645" s="613"/>
      <c r="ROG645" s="613"/>
      <c r="ROH645" s="613"/>
      <c r="ROI645" s="613"/>
      <c r="ROJ645" s="613"/>
      <c r="ROK645" s="613"/>
      <c r="ROL645" s="613"/>
      <c r="ROM645" s="613"/>
      <c r="RON645" s="613"/>
      <c r="ROO645" s="613"/>
      <c r="ROP645" s="613"/>
      <c r="ROQ645" s="613"/>
      <c r="ROR645" s="613"/>
      <c r="ROS645" s="613"/>
      <c r="ROT645" s="613"/>
      <c r="ROU645" s="613"/>
      <c r="ROV645" s="613"/>
      <c r="ROW645" s="613"/>
      <c r="ROX645" s="613"/>
      <c r="ROY645" s="613"/>
      <c r="ROZ645" s="613"/>
      <c r="RPA645" s="613"/>
      <c r="RPB645" s="613"/>
      <c r="RPC645" s="613"/>
      <c r="RPD645" s="613"/>
      <c r="RPE645" s="613"/>
      <c r="RPF645" s="613"/>
      <c r="RPG645" s="613"/>
      <c r="RPH645" s="613"/>
      <c r="RPI645" s="613"/>
      <c r="RPJ645" s="613"/>
      <c r="RPK645" s="613"/>
      <c r="RPL645" s="613"/>
      <c r="RPM645" s="613"/>
      <c r="RPN645" s="613"/>
      <c r="RPO645" s="613"/>
      <c r="RPP645" s="613"/>
      <c r="RPQ645" s="613"/>
      <c r="RPR645" s="613"/>
      <c r="RPS645" s="613"/>
      <c r="RPT645" s="613"/>
      <c r="RPU645" s="613"/>
      <c r="RPV645" s="613"/>
      <c r="RPW645" s="613"/>
      <c r="RPX645" s="613"/>
      <c r="RPY645" s="613"/>
      <c r="RPZ645" s="613"/>
      <c r="RQA645" s="613"/>
      <c r="RQB645" s="613"/>
      <c r="RQC645" s="613"/>
      <c r="RQD645" s="613"/>
      <c r="RQE645" s="613"/>
      <c r="RQF645" s="613"/>
      <c r="RQG645" s="613"/>
      <c r="RQH645" s="613"/>
      <c r="RQI645" s="613"/>
      <c r="RQJ645" s="613"/>
      <c r="RQK645" s="613"/>
      <c r="RQL645" s="613"/>
      <c r="RQM645" s="613"/>
      <c r="RQN645" s="613"/>
      <c r="RQO645" s="613"/>
      <c r="RQP645" s="613"/>
      <c r="RQQ645" s="613"/>
      <c r="RQR645" s="613"/>
      <c r="RQS645" s="613"/>
      <c r="RQT645" s="613"/>
      <c r="RQU645" s="613"/>
      <c r="RQV645" s="613"/>
      <c r="RQW645" s="613"/>
      <c r="RQX645" s="613"/>
      <c r="RQY645" s="613"/>
      <c r="RQZ645" s="613"/>
      <c r="RRA645" s="613"/>
      <c r="RRB645" s="613"/>
      <c r="RRC645" s="613"/>
      <c r="RRD645" s="613"/>
      <c r="RRE645" s="613"/>
      <c r="RRF645" s="613"/>
      <c r="RRG645" s="613"/>
      <c r="RRH645" s="613"/>
      <c r="RRI645" s="613"/>
      <c r="RRJ645" s="613"/>
      <c r="RRK645" s="613"/>
      <c r="RRL645" s="613"/>
      <c r="RRM645" s="613"/>
      <c r="RRN645" s="613"/>
      <c r="RRO645" s="613"/>
      <c r="RRP645" s="613"/>
      <c r="RRQ645" s="613"/>
      <c r="RRR645" s="613"/>
      <c r="RRS645" s="613"/>
      <c r="RRT645" s="613"/>
      <c r="RRU645" s="613"/>
      <c r="RRV645" s="613"/>
      <c r="RRW645" s="613"/>
      <c r="RRX645" s="613"/>
      <c r="RRY645" s="613"/>
      <c r="RRZ645" s="613"/>
      <c r="RSA645" s="613"/>
      <c r="RSB645" s="613"/>
      <c r="RSC645" s="613"/>
      <c r="RSD645" s="613"/>
      <c r="RSE645" s="613"/>
      <c r="RSF645" s="613"/>
      <c r="RSG645" s="613"/>
      <c r="RSH645" s="613"/>
      <c r="RSI645" s="613"/>
      <c r="RSJ645" s="613"/>
      <c r="RSK645" s="613"/>
      <c r="RSL645" s="613"/>
      <c r="RSM645" s="613"/>
      <c r="RSN645" s="613"/>
      <c r="RSO645" s="613"/>
      <c r="RSP645" s="613"/>
      <c r="RSQ645" s="613"/>
      <c r="RSR645" s="613"/>
      <c r="RSS645" s="613"/>
      <c r="RST645" s="613"/>
      <c r="RSU645" s="613"/>
      <c r="RSV645" s="613"/>
      <c r="RSW645" s="613"/>
      <c r="RSX645" s="613"/>
      <c r="RSY645" s="613"/>
      <c r="RSZ645" s="613"/>
      <c r="RTA645" s="613"/>
      <c r="RTB645" s="613"/>
      <c r="RTC645" s="613"/>
      <c r="RTD645" s="613"/>
      <c r="RTE645" s="613"/>
      <c r="RTF645" s="613"/>
      <c r="RTG645" s="613"/>
      <c r="RTH645" s="613"/>
      <c r="RTI645" s="613"/>
      <c r="RTJ645" s="613"/>
      <c r="RTK645" s="613"/>
      <c r="RTL645" s="613"/>
      <c r="RTM645" s="613"/>
      <c r="RTN645" s="613"/>
      <c r="RTO645" s="613"/>
      <c r="RTP645" s="613"/>
      <c r="RTQ645" s="613"/>
      <c r="RTR645" s="613"/>
      <c r="RTS645" s="613"/>
      <c r="RTT645" s="613"/>
      <c r="RTU645" s="613"/>
      <c r="RTV645" s="613"/>
      <c r="RTW645" s="613"/>
      <c r="RTX645" s="613"/>
      <c r="RTY645" s="613"/>
      <c r="RTZ645" s="613"/>
      <c r="RUA645" s="613"/>
      <c r="RUB645" s="613"/>
      <c r="RUC645" s="613"/>
      <c r="RUD645" s="613"/>
      <c r="RUE645" s="613"/>
      <c r="RUF645" s="613"/>
      <c r="RUG645" s="613"/>
      <c r="RUH645" s="613"/>
      <c r="RUI645" s="613"/>
      <c r="RUJ645" s="613"/>
      <c r="RUK645" s="613"/>
      <c r="RUL645" s="613"/>
      <c r="RUM645" s="613"/>
      <c r="RUN645" s="613"/>
      <c r="RUO645" s="613"/>
      <c r="RUP645" s="613"/>
      <c r="RUQ645" s="613"/>
      <c r="RUR645" s="613"/>
      <c r="RUS645" s="613"/>
      <c r="RUT645" s="613"/>
      <c r="RUU645" s="613"/>
      <c r="RUV645" s="613"/>
      <c r="RUW645" s="613"/>
      <c r="RUX645" s="613"/>
      <c r="RUY645" s="613"/>
      <c r="RUZ645" s="613"/>
      <c r="RVA645" s="613"/>
      <c r="RVB645" s="613"/>
      <c r="RVC645" s="613"/>
      <c r="RVD645" s="613"/>
      <c r="RVE645" s="613"/>
      <c r="RVF645" s="613"/>
      <c r="RVG645" s="613"/>
      <c r="RVH645" s="613"/>
      <c r="RVI645" s="613"/>
      <c r="RVJ645" s="613"/>
      <c r="RVK645" s="613"/>
      <c r="RVL645" s="613"/>
      <c r="RVM645" s="613"/>
      <c r="RVN645" s="613"/>
      <c r="RVO645" s="613"/>
      <c r="RVP645" s="613"/>
      <c r="RVQ645" s="613"/>
      <c r="RVR645" s="613"/>
      <c r="RVS645" s="613"/>
      <c r="RVT645" s="613"/>
      <c r="RVU645" s="613"/>
      <c r="RVV645" s="613"/>
      <c r="RVW645" s="613"/>
      <c r="RVX645" s="613"/>
      <c r="RVY645" s="613"/>
      <c r="RVZ645" s="613"/>
      <c r="RWA645" s="613"/>
      <c r="RWB645" s="613"/>
      <c r="RWC645" s="613"/>
      <c r="RWD645" s="613"/>
      <c r="RWE645" s="613"/>
      <c r="RWF645" s="613"/>
      <c r="RWG645" s="613"/>
      <c r="RWH645" s="613"/>
      <c r="RWI645" s="613"/>
      <c r="RWJ645" s="613"/>
      <c r="RWK645" s="613"/>
      <c r="RWL645" s="613"/>
      <c r="RWM645" s="613"/>
      <c r="RWN645" s="613"/>
      <c r="RWO645" s="613"/>
      <c r="RWP645" s="613"/>
      <c r="RWQ645" s="613"/>
      <c r="RWR645" s="613"/>
      <c r="RWS645" s="613"/>
      <c r="RWT645" s="613"/>
      <c r="RWU645" s="613"/>
      <c r="RWV645" s="613"/>
      <c r="RWW645" s="613"/>
      <c r="RWX645" s="613"/>
      <c r="RWY645" s="613"/>
      <c r="RWZ645" s="613"/>
      <c r="RXA645" s="613"/>
      <c r="RXB645" s="613"/>
      <c r="RXC645" s="613"/>
      <c r="RXD645" s="613"/>
      <c r="RXE645" s="613"/>
      <c r="RXF645" s="613"/>
      <c r="RXG645" s="613"/>
      <c r="RXH645" s="613"/>
      <c r="RXI645" s="613"/>
      <c r="RXJ645" s="613"/>
      <c r="RXK645" s="613"/>
      <c r="RXL645" s="613"/>
      <c r="RXM645" s="613"/>
      <c r="RXN645" s="613"/>
      <c r="RXO645" s="613"/>
      <c r="RXP645" s="613"/>
      <c r="RXQ645" s="613"/>
      <c r="RXR645" s="613"/>
      <c r="RXS645" s="613"/>
      <c r="RXT645" s="613"/>
      <c r="RXU645" s="613"/>
      <c r="RXV645" s="613"/>
      <c r="RXW645" s="613"/>
      <c r="RXX645" s="613"/>
      <c r="RXY645" s="613"/>
      <c r="RXZ645" s="613"/>
      <c r="RYA645" s="613"/>
      <c r="RYB645" s="613"/>
      <c r="RYC645" s="613"/>
      <c r="RYD645" s="613"/>
      <c r="RYE645" s="613"/>
      <c r="RYF645" s="613"/>
      <c r="RYG645" s="613"/>
      <c r="RYH645" s="613"/>
      <c r="RYI645" s="613"/>
      <c r="RYJ645" s="613"/>
      <c r="RYK645" s="613"/>
      <c r="RYL645" s="613"/>
      <c r="RYM645" s="613"/>
      <c r="RYN645" s="613"/>
      <c r="RYO645" s="613"/>
      <c r="RYP645" s="613"/>
      <c r="RYQ645" s="613"/>
      <c r="RYR645" s="613"/>
      <c r="RYS645" s="613"/>
      <c r="RYT645" s="613"/>
      <c r="RYU645" s="613"/>
      <c r="RYV645" s="613"/>
      <c r="RYW645" s="613"/>
      <c r="RYX645" s="613"/>
      <c r="RYY645" s="613"/>
      <c r="RYZ645" s="613"/>
      <c r="RZA645" s="613"/>
      <c r="RZB645" s="613"/>
      <c r="RZC645" s="613"/>
      <c r="RZD645" s="613"/>
      <c r="RZE645" s="613"/>
      <c r="RZF645" s="613"/>
      <c r="RZG645" s="613"/>
      <c r="RZH645" s="613"/>
      <c r="RZI645" s="613"/>
      <c r="RZJ645" s="613"/>
      <c r="RZK645" s="613"/>
      <c r="RZL645" s="613"/>
      <c r="RZM645" s="613"/>
      <c r="RZN645" s="613"/>
      <c r="RZO645" s="613"/>
      <c r="RZP645" s="613"/>
      <c r="RZQ645" s="613"/>
      <c r="RZR645" s="613"/>
      <c r="RZS645" s="613"/>
      <c r="RZT645" s="613"/>
      <c r="RZU645" s="613"/>
      <c r="RZV645" s="613"/>
      <c r="RZW645" s="613"/>
      <c r="RZX645" s="613"/>
      <c r="RZY645" s="613"/>
      <c r="RZZ645" s="613"/>
      <c r="SAA645" s="613"/>
      <c r="SAB645" s="613"/>
      <c r="SAC645" s="613"/>
      <c r="SAD645" s="613"/>
      <c r="SAE645" s="613"/>
      <c r="SAF645" s="613"/>
      <c r="SAG645" s="613"/>
      <c r="SAH645" s="613"/>
      <c r="SAI645" s="613"/>
      <c r="SAJ645" s="613"/>
      <c r="SAK645" s="613"/>
      <c r="SAL645" s="613"/>
      <c r="SAM645" s="613"/>
      <c r="SAN645" s="613"/>
      <c r="SAO645" s="613"/>
      <c r="SAP645" s="613"/>
      <c r="SAQ645" s="613"/>
      <c r="SAR645" s="613"/>
      <c r="SAS645" s="613"/>
      <c r="SAT645" s="613"/>
      <c r="SAU645" s="613"/>
      <c r="SAV645" s="613"/>
      <c r="SAW645" s="613"/>
      <c r="SAX645" s="613"/>
      <c r="SAY645" s="613"/>
      <c r="SAZ645" s="613"/>
      <c r="SBA645" s="613"/>
      <c r="SBB645" s="613"/>
      <c r="SBC645" s="613"/>
      <c r="SBD645" s="613"/>
      <c r="SBE645" s="613"/>
      <c r="SBF645" s="613"/>
      <c r="SBG645" s="613"/>
      <c r="SBH645" s="613"/>
      <c r="SBI645" s="613"/>
      <c r="SBJ645" s="613"/>
      <c r="SBK645" s="613"/>
      <c r="SBL645" s="613"/>
      <c r="SBM645" s="613"/>
      <c r="SBN645" s="613"/>
      <c r="SBO645" s="613"/>
      <c r="SBP645" s="613"/>
      <c r="SBQ645" s="613"/>
      <c r="SBR645" s="613"/>
      <c r="SBS645" s="613"/>
      <c r="SBT645" s="613"/>
      <c r="SBU645" s="613"/>
      <c r="SBV645" s="613"/>
      <c r="SBW645" s="613"/>
      <c r="SBX645" s="613"/>
      <c r="SBY645" s="613"/>
      <c r="SBZ645" s="613"/>
      <c r="SCA645" s="613"/>
      <c r="SCB645" s="613"/>
      <c r="SCC645" s="613"/>
      <c r="SCD645" s="613"/>
      <c r="SCE645" s="613"/>
      <c r="SCF645" s="613"/>
      <c r="SCG645" s="613"/>
      <c r="SCH645" s="613"/>
      <c r="SCI645" s="613"/>
      <c r="SCJ645" s="613"/>
      <c r="SCK645" s="613"/>
      <c r="SCL645" s="613"/>
      <c r="SCM645" s="613"/>
      <c r="SCN645" s="613"/>
      <c r="SCO645" s="613"/>
      <c r="SCP645" s="613"/>
      <c r="SCQ645" s="613"/>
      <c r="SCR645" s="613"/>
      <c r="SCS645" s="613"/>
      <c r="SCT645" s="613"/>
      <c r="SCU645" s="613"/>
      <c r="SCV645" s="613"/>
      <c r="SCW645" s="613"/>
      <c r="SCX645" s="613"/>
      <c r="SCY645" s="613"/>
      <c r="SCZ645" s="613"/>
      <c r="SDA645" s="613"/>
      <c r="SDB645" s="613"/>
      <c r="SDC645" s="613"/>
      <c r="SDD645" s="613"/>
      <c r="SDE645" s="613"/>
      <c r="SDF645" s="613"/>
      <c r="SDG645" s="613"/>
      <c r="SDH645" s="613"/>
      <c r="SDI645" s="613"/>
      <c r="SDJ645" s="613"/>
      <c r="SDK645" s="613"/>
      <c r="SDL645" s="613"/>
      <c r="SDM645" s="613"/>
      <c r="SDN645" s="613"/>
      <c r="SDO645" s="613"/>
      <c r="SDP645" s="613"/>
      <c r="SDQ645" s="613"/>
      <c r="SDR645" s="613"/>
      <c r="SDS645" s="613"/>
      <c r="SDT645" s="613"/>
      <c r="SDU645" s="613"/>
      <c r="SDV645" s="613"/>
      <c r="SDW645" s="613"/>
      <c r="SDX645" s="613"/>
      <c r="SDY645" s="613"/>
      <c r="SDZ645" s="613"/>
      <c r="SEA645" s="613"/>
      <c r="SEB645" s="613"/>
      <c r="SEC645" s="613"/>
      <c r="SED645" s="613"/>
      <c r="SEE645" s="613"/>
      <c r="SEF645" s="613"/>
      <c r="SEG645" s="613"/>
      <c r="SEH645" s="613"/>
      <c r="SEI645" s="613"/>
      <c r="SEJ645" s="613"/>
      <c r="SEK645" s="613"/>
      <c r="SEL645" s="613"/>
      <c r="SEM645" s="613"/>
      <c r="SEN645" s="613"/>
      <c r="SEO645" s="613"/>
      <c r="SEP645" s="613"/>
      <c r="SEQ645" s="613"/>
      <c r="SER645" s="613"/>
      <c r="SES645" s="613"/>
      <c r="SET645" s="613"/>
      <c r="SEU645" s="613"/>
      <c r="SEV645" s="613"/>
      <c r="SEW645" s="613"/>
      <c r="SEX645" s="613"/>
      <c r="SEY645" s="613"/>
      <c r="SEZ645" s="613"/>
      <c r="SFA645" s="613"/>
      <c r="SFB645" s="613"/>
      <c r="SFC645" s="613"/>
      <c r="SFD645" s="613"/>
      <c r="SFE645" s="613"/>
      <c r="SFF645" s="613"/>
      <c r="SFG645" s="613"/>
      <c r="SFH645" s="613"/>
      <c r="SFI645" s="613"/>
      <c r="SFJ645" s="613"/>
      <c r="SFK645" s="613"/>
      <c r="SFL645" s="613"/>
      <c r="SFM645" s="613"/>
      <c r="SFN645" s="613"/>
      <c r="SFO645" s="613"/>
      <c r="SFP645" s="613"/>
      <c r="SFQ645" s="613"/>
      <c r="SFR645" s="613"/>
      <c r="SFS645" s="613"/>
      <c r="SFT645" s="613"/>
      <c r="SFU645" s="613"/>
      <c r="SFV645" s="613"/>
      <c r="SFW645" s="613"/>
      <c r="SFX645" s="613"/>
      <c r="SFY645" s="613"/>
      <c r="SFZ645" s="613"/>
      <c r="SGA645" s="613"/>
      <c r="SGB645" s="613"/>
      <c r="SGC645" s="613"/>
      <c r="SGD645" s="613"/>
      <c r="SGE645" s="613"/>
      <c r="SGF645" s="613"/>
      <c r="SGG645" s="613"/>
      <c r="SGH645" s="613"/>
      <c r="SGI645" s="613"/>
      <c r="SGJ645" s="613"/>
      <c r="SGK645" s="613"/>
      <c r="SGL645" s="613"/>
      <c r="SGM645" s="613"/>
      <c r="SGN645" s="613"/>
      <c r="SGO645" s="613"/>
      <c r="SGP645" s="613"/>
      <c r="SGQ645" s="613"/>
      <c r="SGR645" s="613"/>
      <c r="SGS645" s="613"/>
      <c r="SGT645" s="613"/>
      <c r="SGU645" s="613"/>
      <c r="SGV645" s="613"/>
      <c r="SGW645" s="613"/>
      <c r="SGX645" s="613"/>
      <c r="SGY645" s="613"/>
      <c r="SGZ645" s="613"/>
      <c r="SHA645" s="613"/>
      <c r="SHB645" s="613"/>
      <c r="SHC645" s="613"/>
      <c r="SHD645" s="613"/>
      <c r="SHE645" s="613"/>
      <c r="SHF645" s="613"/>
      <c r="SHG645" s="613"/>
      <c r="SHH645" s="613"/>
      <c r="SHI645" s="613"/>
      <c r="SHJ645" s="613"/>
      <c r="SHK645" s="613"/>
      <c r="SHL645" s="613"/>
      <c r="SHM645" s="613"/>
      <c r="SHN645" s="613"/>
      <c r="SHO645" s="613"/>
      <c r="SHP645" s="613"/>
      <c r="SHQ645" s="613"/>
      <c r="SHR645" s="613"/>
      <c r="SHS645" s="613"/>
      <c r="SHT645" s="613"/>
      <c r="SHU645" s="613"/>
      <c r="SHV645" s="613"/>
      <c r="SHW645" s="613"/>
      <c r="SHX645" s="613"/>
      <c r="SHY645" s="613"/>
      <c r="SHZ645" s="613"/>
      <c r="SIA645" s="613"/>
      <c r="SIB645" s="613"/>
      <c r="SIC645" s="613"/>
      <c r="SID645" s="613"/>
      <c r="SIE645" s="613"/>
      <c r="SIF645" s="613"/>
      <c r="SIG645" s="613"/>
      <c r="SIH645" s="613"/>
      <c r="SII645" s="613"/>
      <c r="SIJ645" s="613"/>
      <c r="SIK645" s="613"/>
      <c r="SIL645" s="613"/>
      <c r="SIM645" s="613"/>
      <c r="SIN645" s="613"/>
      <c r="SIO645" s="613"/>
      <c r="SIP645" s="613"/>
      <c r="SIQ645" s="613"/>
      <c r="SIR645" s="613"/>
      <c r="SIS645" s="613"/>
      <c r="SIT645" s="613"/>
      <c r="SIU645" s="613"/>
      <c r="SIV645" s="613"/>
      <c r="SIW645" s="613"/>
      <c r="SIX645" s="613"/>
      <c r="SIY645" s="613"/>
      <c r="SIZ645" s="613"/>
      <c r="SJA645" s="613"/>
      <c r="SJB645" s="613"/>
      <c r="SJC645" s="613"/>
      <c r="SJD645" s="613"/>
      <c r="SJE645" s="613"/>
      <c r="SJF645" s="613"/>
      <c r="SJG645" s="613"/>
      <c r="SJH645" s="613"/>
      <c r="SJI645" s="613"/>
      <c r="SJJ645" s="613"/>
      <c r="SJK645" s="613"/>
      <c r="SJL645" s="613"/>
      <c r="SJM645" s="613"/>
      <c r="SJN645" s="613"/>
      <c r="SJO645" s="613"/>
      <c r="SJP645" s="613"/>
      <c r="SJQ645" s="613"/>
      <c r="SJR645" s="613"/>
      <c r="SJS645" s="613"/>
      <c r="SJT645" s="613"/>
      <c r="SJU645" s="613"/>
      <c r="SJV645" s="613"/>
      <c r="SJW645" s="613"/>
      <c r="SJX645" s="613"/>
      <c r="SJY645" s="613"/>
      <c r="SJZ645" s="613"/>
      <c r="SKA645" s="613"/>
      <c r="SKB645" s="613"/>
      <c r="SKC645" s="613"/>
      <c r="SKD645" s="613"/>
      <c r="SKE645" s="613"/>
      <c r="SKF645" s="613"/>
      <c r="SKG645" s="613"/>
      <c r="SKH645" s="613"/>
      <c r="SKI645" s="613"/>
      <c r="SKJ645" s="613"/>
      <c r="SKK645" s="613"/>
      <c r="SKL645" s="613"/>
      <c r="SKM645" s="613"/>
      <c r="SKN645" s="613"/>
      <c r="SKO645" s="613"/>
      <c r="SKP645" s="613"/>
      <c r="SKQ645" s="613"/>
      <c r="SKR645" s="613"/>
      <c r="SKS645" s="613"/>
      <c r="SKT645" s="613"/>
      <c r="SKU645" s="613"/>
      <c r="SKV645" s="613"/>
      <c r="SKW645" s="613"/>
      <c r="SKX645" s="613"/>
      <c r="SKY645" s="613"/>
      <c r="SKZ645" s="613"/>
      <c r="SLA645" s="613"/>
      <c r="SLB645" s="613"/>
      <c r="SLC645" s="613"/>
      <c r="SLD645" s="613"/>
      <c r="SLE645" s="613"/>
      <c r="SLF645" s="613"/>
      <c r="SLG645" s="613"/>
      <c r="SLH645" s="613"/>
      <c r="SLI645" s="613"/>
      <c r="SLJ645" s="613"/>
      <c r="SLK645" s="613"/>
      <c r="SLL645" s="613"/>
      <c r="SLM645" s="613"/>
      <c r="SLN645" s="613"/>
      <c r="SLO645" s="613"/>
      <c r="SLP645" s="613"/>
      <c r="SLQ645" s="613"/>
      <c r="SLR645" s="613"/>
      <c r="SLS645" s="613"/>
      <c r="SLT645" s="613"/>
      <c r="SLU645" s="613"/>
      <c r="SLV645" s="613"/>
      <c r="SLW645" s="613"/>
      <c r="SLX645" s="613"/>
      <c r="SLY645" s="613"/>
      <c r="SLZ645" s="613"/>
      <c r="SMA645" s="613"/>
      <c r="SMB645" s="613"/>
      <c r="SMC645" s="613"/>
      <c r="SMD645" s="613"/>
      <c r="SME645" s="613"/>
      <c r="SMF645" s="613"/>
      <c r="SMG645" s="613"/>
      <c r="SMH645" s="613"/>
      <c r="SMI645" s="613"/>
      <c r="SMJ645" s="613"/>
      <c r="SMK645" s="613"/>
      <c r="SML645" s="613"/>
      <c r="SMM645" s="613"/>
      <c r="SMN645" s="613"/>
      <c r="SMO645" s="613"/>
      <c r="SMP645" s="613"/>
      <c r="SMQ645" s="613"/>
      <c r="SMR645" s="613"/>
      <c r="SMS645" s="613"/>
      <c r="SMT645" s="613"/>
      <c r="SMU645" s="613"/>
      <c r="SMV645" s="613"/>
      <c r="SMW645" s="613"/>
      <c r="SMX645" s="613"/>
      <c r="SMY645" s="613"/>
      <c r="SMZ645" s="613"/>
      <c r="SNA645" s="613"/>
      <c r="SNB645" s="613"/>
      <c r="SNC645" s="613"/>
      <c r="SND645" s="613"/>
      <c r="SNE645" s="613"/>
      <c r="SNF645" s="613"/>
      <c r="SNG645" s="613"/>
      <c r="SNH645" s="613"/>
      <c r="SNI645" s="613"/>
      <c r="SNJ645" s="613"/>
      <c r="SNK645" s="613"/>
      <c r="SNL645" s="613"/>
      <c r="SNM645" s="613"/>
      <c r="SNN645" s="613"/>
      <c r="SNO645" s="613"/>
      <c r="SNP645" s="613"/>
      <c r="SNQ645" s="613"/>
      <c r="SNR645" s="613"/>
      <c r="SNS645" s="613"/>
      <c r="SNT645" s="613"/>
      <c r="SNU645" s="613"/>
      <c r="SNV645" s="613"/>
      <c r="SNW645" s="613"/>
      <c r="SNX645" s="613"/>
      <c r="SNY645" s="613"/>
      <c r="SNZ645" s="613"/>
      <c r="SOA645" s="613"/>
      <c r="SOB645" s="613"/>
      <c r="SOC645" s="613"/>
      <c r="SOD645" s="613"/>
      <c r="SOE645" s="613"/>
      <c r="SOF645" s="613"/>
      <c r="SOG645" s="613"/>
      <c r="SOH645" s="613"/>
      <c r="SOI645" s="613"/>
      <c r="SOJ645" s="613"/>
      <c r="SOK645" s="613"/>
      <c r="SOL645" s="613"/>
      <c r="SOM645" s="613"/>
      <c r="SON645" s="613"/>
      <c r="SOO645" s="613"/>
      <c r="SOP645" s="613"/>
      <c r="SOQ645" s="613"/>
      <c r="SOR645" s="613"/>
      <c r="SOS645" s="613"/>
      <c r="SOT645" s="613"/>
      <c r="SOU645" s="613"/>
      <c r="SOV645" s="613"/>
      <c r="SOW645" s="613"/>
      <c r="SOX645" s="613"/>
      <c r="SOY645" s="613"/>
      <c r="SOZ645" s="613"/>
      <c r="SPA645" s="613"/>
      <c r="SPB645" s="613"/>
      <c r="SPC645" s="613"/>
      <c r="SPD645" s="613"/>
      <c r="SPE645" s="613"/>
      <c r="SPF645" s="613"/>
      <c r="SPG645" s="613"/>
      <c r="SPH645" s="613"/>
      <c r="SPI645" s="613"/>
      <c r="SPJ645" s="613"/>
      <c r="SPK645" s="613"/>
      <c r="SPL645" s="613"/>
      <c r="SPM645" s="613"/>
      <c r="SPN645" s="613"/>
      <c r="SPO645" s="613"/>
      <c r="SPP645" s="613"/>
      <c r="SPQ645" s="613"/>
      <c r="SPR645" s="613"/>
      <c r="SPS645" s="613"/>
      <c r="SPT645" s="613"/>
      <c r="SPU645" s="613"/>
      <c r="SPV645" s="613"/>
      <c r="SPW645" s="613"/>
      <c r="SPX645" s="613"/>
      <c r="SPY645" s="613"/>
      <c r="SPZ645" s="613"/>
      <c r="SQA645" s="613"/>
      <c r="SQB645" s="613"/>
      <c r="SQC645" s="613"/>
      <c r="SQD645" s="613"/>
      <c r="SQE645" s="613"/>
      <c r="SQF645" s="613"/>
      <c r="SQG645" s="613"/>
      <c r="SQH645" s="613"/>
      <c r="SQI645" s="613"/>
      <c r="SQJ645" s="613"/>
      <c r="SQK645" s="613"/>
      <c r="SQL645" s="613"/>
      <c r="SQM645" s="613"/>
      <c r="SQN645" s="613"/>
      <c r="SQO645" s="613"/>
      <c r="SQP645" s="613"/>
      <c r="SQQ645" s="613"/>
      <c r="SQR645" s="613"/>
      <c r="SQS645" s="613"/>
      <c r="SQT645" s="613"/>
      <c r="SQU645" s="613"/>
      <c r="SQV645" s="613"/>
      <c r="SQW645" s="613"/>
      <c r="SQX645" s="613"/>
      <c r="SQY645" s="613"/>
      <c r="SQZ645" s="613"/>
      <c r="SRA645" s="613"/>
      <c r="SRB645" s="613"/>
      <c r="SRC645" s="613"/>
      <c r="SRD645" s="613"/>
      <c r="SRE645" s="613"/>
      <c r="SRF645" s="613"/>
      <c r="SRG645" s="613"/>
      <c r="SRH645" s="613"/>
      <c r="SRI645" s="613"/>
      <c r="SRJ645" s="613"/>
      <c r="SRK645" s="613"/>
      <c r="SRL645" s="613"/>
      <c r="SRM645" s="613"/>
      <c r="SRN645" s="613"/>
      <c r="SRO645" s="613"/>
      <c r="SRP645" s="613"/>
      <c r="SRQ645" s="613"/>
      <c r="SRR645" s="613"/>
      <c r="SRS645" s="613"/>
      <c r="SRT645" s="613"/>
      <c r="SRU645" s="613"/>
      <c r="SRV645" s="613"/>
      <c r="SRW645" s="613"/>
      <c r="SRX645" s="613"/>
      <c r="SRY645" s="613"/>
      <c r="SRZ645" s="613"/>
      <c r="SSA645" s="613"/>
      <c r="SSB645" s="613"/>
      <c r="SSC645" s="613"/>
      <c r="SSD645" s="613"/>
      <c r="SSE645" s="613"/>
      <c r="SSF645" s="613"/>
      <c r="SSG645" s="613"/>
      <c r="SSH645" s="613"/>
      <c r="SSI645" s="613"/>
      <c r="SSJ645" s="613"/>
      <c r="SSK645" s="613"/>
      <c r="SSL645" s="613"/>
      <c r="SSM645" s="613"/>
      <c r="SSN645" s="613"/>
      <c r="SSO645" s="613"/>
      <c r="SSP645" s="613"/>
      <c r="SSQ645" s="613"/>
      <c r="SSR645" s="613"/>
      <c r="SSS645" s="613"/>
      <c r="SST645" s="613"/>
      <c r="SSU645" s="613"/>
      <c r="SSV645" s="613"/>
      <c r="SSW645" s="613"/>
      <c r="SSX645" s="613"/>
      <c r="SSY645" s="613"/>
      <c r="SSZ645" s="613"/>
      <c r="STA645" s="613"/>
      <c r="STB645" s="613"/>
      <c r="STC645" s="613"/>
      <c r="STD645" s="613"/>
      <c r="STE645" s="613"/>
      <c r="STF645" s="613"/>
      <c r="STG645" s="613"/>
      <c r="STH645" s="613"/>
      <c r="STI645" s="613"/>
      <c r="STJ645" s="613"/>
      <c r="STK645" s="613"/>
      <c r="STL645" s="613"/>
      <c r="STM645" s="613"/>
      <c r="STN645" s="613"/>
      <c r="STO645" s="613"/>
      <c r="STP645" s="613"/>
      <c r="STQ645" s="613"/>
      <c r="STR645" s="613"/>
      <c r="STS645" s="613"/>
      <c r="STT645" s="613"/>
      <c r="STU645" s="613"/>
      <c r="STV645" s="613"/>
      <c r="STW645" s="613"/>
      <c r="STX645" s="613"/>
      <c r="STY645" s="613"/>
      <c r="STZ645" s="613"/>
      <c r="SUA645" s="613"/>
      <c r="SUB645" s="613"/>
      <c r="SUC645" s="613"/>
      <c r="SUD645" s="613"/>
      <c r="SUE645" s="613"/>
      <c r="SUF645" s="613"/>
      <c r="SUG645" s="613"/>
      <c r="SUH645" s="613"/>
      <c r="SUI645" s="613"/>
      <c r="SUJ645" s="613"/>
      <c r="SUK645" s="613"/>
      <c r="SUL645" s="613"/>
      <c r="SUM645" s="613"/>
      <c r="SUN645" s="613"/>
      <c r="SUO645" s="613"/>
      <c r="SUP645" s="613"/>
      <c r="SUQ645" s="613"/>
      <c r="SUR645" s="613"/>
      <c r="SUS645" s="613"/>
      <c r="SUT645" s="613"/>
      <c r="SUU645" s="613"/>
      <c r="SUV645" s="613"/>
      <c r="SUW645" s="613"/>
      <c r="SUX645" s="613"/>
      <c r="SUY645" s="613"/>
      <c r="SUZ645" s="613"/>
      <c r="SVA645" s="613"/>
      <c r="SVB645" s="613"/>
      <c r="SVC645" s="613"/>
      <c r="SVD645" s="613"/>
      <c r="SVE645" s="613"/>
      <c r="SVF645" s="613"/>
      <c r="SVG645" s="613"/>
      <c r="SVH645" s="613"/>
      <c r="SVI645" s="613"/>
      <c r="SVJ645" s="613"/>
      <c r="SVK645" s="613"/>
      <c r="SVL645" s="613"/>
      <c r="SVM645" s="613"/>
      <c r="SVN645" s="613"/>
      <c r="SVO645" s="613"/>
      <c r="SVP645" s="613"/>
      <c r="SVQ645" s="613"/>
      <c r="SVR645" s="613"/>
      <c r="SVS645" s="613"/>
      <c r="SVT645" s="613"/>
      <c r="SVU645" s="613"/>
      <c r="SVV645" s="613"/>
      <c r="SVW645" s="613"/>
      <c r="SVX645" s="613"/>
      <c r="SVY645" s="613"/>
      <c r="SVZ645" s="613"/>
      <c r="SWA645" s="613"/>
      <c r="SWB645" s="613"/>
      <c r="SWC645" s="613"/>
      <c r="SWD645" s="613"/>
      <c r="SWE645" s="613"/>
      <c r="SWF645" s="613"/>
      <c r="SWG645" s="613"/>
      <c r="SWH645" s="613"/>
      <c r="SWI645" s="613"/>
      <c r="SWJ645" s="613"/>
      <c r="SWK645" s="613"/>
      <c r="SWL645" s="613"/>
      <c r="SWM645" s="613"/>
      <c r="SWN645" s="613"/>
      <c r="SWO645" s="613"/>
      <c r="SWP645" s="613"/>
      <c r="SWQ645" s="613"/>
      <c r="SWR645" s="613"/>
      <c r="SWS645" s="613"/>
      <c r="SWT645" s="613"/>
      <c r="SWU645" s="613"/>
      <c r="SWV645" s="613"/>
      <c r="SWW645" s="613"/>
      <c r="SWX645" s="613"/>
      <c r="SWY645" s="613"/>
      <c r="SWZ645" s="613"/>
      <c r="SXA645" s="613"/>
      <c r="SXB645" s="613"/>
      <c r="SXC645" s="613"/>
      <c r="SXD645" s="613"/>
      <c r="SXE645" s="613"/>
      <c r="SXF645" s="613"/>
      <c r="SXG645" s="613"/>
      <c r="SXH645" s="613"/>
      <c r="SXI645" s="613"/>
      <c r="SXJ645" s="613"/>
      <c r="SXK645" s="613"/>
      <c r="SXL645" s="613"/>
      <c r="SXM645" s="613"/>
      <c r="SXN645" s="613"/>
      <c r="SXO645" s="613"/>
      <c r="SXP645" s="613"/>
      <c r="SXQ645" s="613"/>
      <c r="SXR645" s="613"/>
      <c r="SXS645" s="613"/>
      <c r="SXT645" s="613"/>
      <c r="SXU645" s="613"/>
      <c r="SXV645" s="613"/>
      <c r="SXW645" s="613"/>
      <c r="SXX645" s="613"/>
      <c r="SXY645" s="613"/>
      <c r="SXZ645" s="613"/>
      <c r="SYA645" s="613"/>
      <c r="SYB645" s="613"/>
      <c r="SYC645" s="613"/>
      <c r="SYD645" s="613"/>
      <c r="SYE645" s="613"/>
      <c r="SYF645" s="613"/>
      <c r="SYG645" s="613"/>
      <c r="SYH645" s="613"/>
      <c r="SYI645" s="613"/>
      <c r="SYJ645" s="613"/>
      <c r="SYK645" s="613"/>
      <c r="SYL645" s="613"/>
      <c r="SYM645" s="613"/>
      <c r="SYN645" s="613"/>
      <c r="SYO645" s="613"/>
      <c r="SYP645" s="613"/>
      <c r="SYQ645" s="613"/>
      <c r="SYR645" s="613"/>
      <c r="SYS645" s="613"/>
      <c r="SYT645" s="613"/>
      <c r="SYU645" s="613"/>
      <c r="SYV645" s="613"/>
      <c r="SYW645" s="613"/>
      <c r="SYX645" s="613"/>
      <c r="SYY645" s="613"/>
      <c r="SYZ645" s="613"/>
      <c r="SZA645" s="613"/>
      <c r="SZB645" s="613"/>
      <c r="SZC645" s="613"/>
      <c r="SZD645" s="613"/>
      <c r="SZE645" s="613"/>
      <c r="SZF645" s="613"/>
      <c r="SZG645" s="613"/>
      <c r="SZH645" s="613"/>
      <c r="SZI645" s="613"/>
      <c r="SZJ645" s="613"/>
      <c r="SZK645" s="613"/>
      <c r="SZL645" s="613"/>
      <c r="SZM645" s="613"/>
      <c r="SZN645" s="613"/>
      <c r="SZO645" s="613"/>
      <c r="SZP645" s="613"/>
      <c r="SZQ645" s="613"/>
      <c r="SZR645" s="613"/>
      <c r="SZS645" s="613"/>
      <c r="SZT645" s="613"/>
      <c r="SZU645" s="613"/>
      <c r="SZV645" s="613"/>
      <c r="SZW645" s="613"/>
      <c r="SZX645" s="613"/>
      <c r="SZY645" s="613"/>
      <c r="SZZ645" s="613"/>
      <c r="TAA645" s="613"/>
      <c r="TAB645" s="613"/>
      <c r="TAC645" s="613"/>
      <c r="TAD645" s="613"/>
      <c r="TAE645" s="613"/>
      <c r="TAF645" s="613"/>
      <c r="TAG645" s="613"/>
      <c r="TAH645" s="613"/>
      <c r="TAI645" s="613"/>
      <c r="TAJ645" s="613"/>
      <c r="TAK645" s="613"/>
      <c r="TAL645" s="613"/>
      <c r="TAM645" s="613"/>
      <c r="TAN645" s="613"/>
      <c r="TAO645" s="613"/>
      <c r="TAP645" s="613"/>
      <c r="TAQ645" s="613"/>
      <c r="TAR645" s="613"/>
      <c r="TAS645" s="613"/>
      <c r="TAT645" s="613"/>
      <c r="TAU645" s="613"/>
      <c r="TAV645" s="613"/>
      <c r="TAW645" s="613"/>
      <c r="TAX645" s="613"/>
      <c r="TAY645" s="613"/>
      <c r="TAZ645" s="613"/>
      <c r="TBA645" s="613"/>
      <c r="TBB645" s="613"/>
      <c r="TBC645" s="613"/>
      <c r="TBD645" s="613"/>
      <c r="TBE645" s="613"/>
      <c r="TBF645" s="613"/>
      <c r="TBG645" s="613"/>
      <c r="TBH645" s="613"/>
      <c r="TBI645" s="613"/>
      <c r="TBJ645" s="613"/>
      <c r="TBK645" s="613"/>
      <c r="TBL645" s="613"/>
      <c r="TBM645" s="613"/>
      <c r="TBN645" s="613"/>
      <c r="TBO645" s="613"/>
      <c r="TBP645" s="613"/>
      <c r="TBQ645" s="613"/>
      <c r="TBR645" s="613"/>
      <c r="TBS645" s="613"/>
      <c r="TBT645" s="613"/>
      <c r="TBU645" s="613"/>
      <c r="TBV645" s="613"/>
      <c r="TBW645" s="613"/>
      <c r="TBX645" s="613"/>
      <c r="TBY645" s="613"/>
      <c r="TBZ645" s="613"/>
      <c r="TCA645" s="613"/>
      <c r="TCB645" s="613"/>
      <c r="TCC645" s="613"/>
      <c r="TCD645" s="613"/>
      <c r="TCE645" s="613"/>
      <c r="TCF645" s="613"/>
      <c r="TCG645" s="613"/>
      <c r="TCH645" s="613"/>
      <c r="TCI645" s="613"/>
      <c r="TCJ645" s="613"/>
      <c r="TCK645" s="613"/>
      <c r="TCL645" s="613"/>
      <c r="TCM645" s="613"/>
      <c r="TCN645" s="613"/>
      <c r="TCO645" s="613"/>
      <c r="TCP645" s="613"/>
      <c r="TCQ645" s="613"/>
      <c r="TCR645" s="613"/>
      <c r="TCS645" s="613"/>
      <c r="TCT645" s="613"/>
      <c r="TCU645" s="613"/>
      <c r="TCV645" s="613"/>
      <c r="TCW645" s="613"/>
      <c r="TCX645" s="613"/>
      <c r="TCY645" s="613"/>
      <c r="TCZ645" s="613"/>
      <c r="TDA645" s="613"/>
      <c r="TDB645" s="613"/>
      <c r="TDC645" s="613"/>
      <c r="TDD645" s="613"/>
      <c r="TDE645" s="613"/>
      <c r="TDF645" s="613"/>
      <c r="TDG645" s="613"/>
      <c r="TDH645" s="613"/>
      <c r="TDI645" s="613"/>
      <c r="TDJ645" s="613"/>
      <c r="TDK645" s="613"/>
      <c r="TDL645" s="613"/>
      <c r="TDM645" s="613"/>
      <c r="TDN645" s="613"/>
      <c r="TDO645" s="613"/>
      <c r="TDP645" s="613"/>
      <c r="TDQ645" s="613"/>
      <c r="TDR645" s="613"/>
      <c r="TDS645" s="613"/>
      <c r="TDT645" s="613"/>
      <c r="TDU645" s="613"/>
      <c r="TDV645" s="613"/>
      <c r="TDW645" s="613"/>
      <c r="TDX645" s="613"/>
      <c r="TDY645" s="613"/>
      <c r="TDZ645" s="613"/>
      <c r="TEA645" s="613"/>
      <c r="TEB645" s="613"/>
      <c r="TEC645" s="613"/>
      <c r="TED645" s="613"/>
      <c r="TEE645" s="613"/>
      <c r="TEF645" s="613"/>
      <c r="TEG645" s="613"/>
      <c r="TEH645" s="613"/>
      <c r="TEI645" s="613"/>
      <c r="TEJ645" s="613"/>
      <c r="TEK645" s="613"/>
      <c r="TEL645" s="613"/>
      <c r="TEM645" s="613"/>
      <c r="TEN645" s="613"/>
      <c r="TEO645" s="613"/>
      <c r="TEP645" s="613"/>
      <c r="TEQ645" s="613"/>
      <c r="TER645" s="613"/>
      <c r="TES645" s="613"/>
      <c r="TET645" s="613"/>
      <c r="TEU645" s="613"/>
      <c r="TEV645" s="613"/>
      <c r="TEW645" s="613"/>
      <c r="TEX645" s="613"/>
      <c r="TEY645" s="613"/>
      <c r="TEZ645" s="613"/>
      <c r="TFA645" s="613"/>
      <c r="TFB645" s="613"/>
      <c r="TFC645" s="613"/>
      <c r="TFD645" s="613"/>
      <c r="TFE645" s="613"/>
      <c r="TFF645" s="613"/>
      <c r="TFG645" s="613"/>
      <c r="TFH645" s="613"/>
      <c r="TFI645" s="613"/>
      <c r="TFJ645" s="613"/>
      <c r="TFK645" s="613"/>
      <c r="TFL645" s="613"/>
      <c r="TFM645" s="613"/>
      <c r="TFN645" s="613"/>
      <c r="TFO645" s="613"/>
      <c r="TFP645" s="613"/>
      <c r="TFQ645" s="613"/>
      <c r="TFR645" s="613"/>
      <c r="TFS645" s="613"/>
      <c r="TFT645" s="613"/>
      <c r="TFU645" s="613"/>
      <c r="TFV645" s="613"/>
      <c r="TFW645" s="613"/>
      <c r="TFX645" s="613"/>
      <c r="TFY645" s="613"/>
      <c r="TFZ645" s="613"/>
      <c r="TGA645" s="613"/>
      <c r="TGB645" s="613"/>
      <c r="TGC645" s="613"/>
      <c r="TGD645" s="613"/>
      <c r="TGE645" s="613"/>
      <c r="TGF645" s="613"/>
      <c r="TGG645" s="613"/>
      <c r="TGH645" s="613"/>
      <c r="TGI645" s="613"/>
      <c r="TGJ645" s="613"/>
      <c r="TGK645" s="613"/>
      <c r="TGL645" s="613"/>
      <c r="TGM645" s="613"/>
      <c r="TGN645" s="613"/>
      <c r="TGO645" s="613"/>
      <c r="TGP645" s="613"/>
      <c r="TGQ645" s="613"/>
      <c r="TGR645" s="613"/>
      <c r="TGS645" s="613"/>
      <c r="TGT645" s="613"/>
      <c r="TGU645" s="613"/>
      <c r="TGV645" s="613"/>
      <c r="TGW645" s="613"/>
      <c r="TGX645" s="613"/>
      <c r="TGY645" s="613"/>
      <c r="TGZ645" s="613"/>
      <c r="THA645" s="613"/>
      <c r="THB645" s="613"/>
      <c r="THC645" s="613"/>
      <c r="THD645" s="613"/>
      <c r="THE645" s="613"/>
      <c r="THF645" s="613"/>
      <c r="THG645" s="613"/>
      <c r="THH645" s="613"/>
      <c r="THI645" s="613"/>
      <c r="THJ645" s="613"/>
      <c r="THK645" s="613"/>
      <c r="THL645" s="613"/>
      <c r="THM645" s="613"/>
      <c r="THN645" s="613"/>
      <c r="THO645" s="613"/>
      <c r="THP645" s="613"/>
      <c r="THQ645" s="613"/>
      <c r="THR645" s="613"/>
      <c r="THS645" s="613"/>
      <c r="THT645" s="613"/>
      <c r="THU645" s="613"/>
      <c r="THV645" s="613"/>
      <c r="THW645" s="613"/>
      <c r="THX645" s="613"/>
      <c r="THY645" s="613"/>
      <c r="THZ645" s="613"/>
      <c r="TIA645" s="613"/>
      <c r="TIB645" s="613"/>
      <c r="TIC645" s="613"/>
      <c r="TID645" s="613"/>
      <c r="TIE645" s="613"/>
      <c r="TIF645" s="613"/>
      <c r="TIG645" s="613"/>
      <c r="TIH645" s="613"/>
      <c r="TII645" s="613"/>
      <c r="TIJ645" s="613"/>
      <c r="TIK645" s="613"/>
      <c r="TIL645" s="613"/>
      <c r="TIM645" s="613"/>
      <c r="TIN645" s="613"/>
      <c r="TIO645" s="613"/>
      <c r="TIP645" s="613"/>
      <c r="TIQ645" s="613"/>
      <c r="TIR645" s="613"/>
      <c r="TIS645" s="613"/>
      <c r="TIT645" s="613"/>
      <c r="TIU645" s="613"/>
      <c r="TIV645" s="613"/>
      <c r="TIW645" s="613"/>
      <c r="TIX645" s="613"/>
      <c r="TIY645" s="613"/>
      <c r="TIZ645" s="613"/>
      <c r="TJA645" s="613"/>
      <c r="TJB645" s="613"/>
      <c r="TJC645" s="613"/>
      <c r="TJD645" s="613"/>
      <c r="TJE645" s="613"/>
      <c r="TJF645" s="613"/>
      <c r="TJG645" s="613"/>
      <c r="TJH645" s="613"/>
      <c r="TJI645" s="613"/>
      <c r="TJJ645" s="613"/>
      <c r="TJK645" s="613"/>
      <c r="TJL645" s="613"/>
      <c r="TJM645" s="613"/>
      <c r="TJN645" s="613"/>
      <c r="TJO645" s="613"/>
      <c r="TJP645" s="613"/>
      <c r="TJQ645" s="613"/>
      <c r="TJR645" s="613"/>
      <c r="TJS645" s="613"/>
      <c r="TJT645" s="613"/>
      <c r="TJU645" s="613"/>
      <c r="TJV645" s="613"/>
      <c r="TJW645" s="613"/>
      <c r="TJX645" s="613"/>
      <c r="TJY645" s="613"/>
      <c r="TJZ645" s="613"/>
      <c r="TKA645" s="613"/>
      <c r="TKB645" s="613"/>
      <c r="TKC645" s="613"/>
      <c r="TKD645" s="613"/>
      <c r="TKE645" s="613"/>
      <c r="TKF645" s="613"/>
      <c r="TKG645" s="613"/>
      <c r="TKH645" s="613"/>
      <c r="TKI645" s="613"/>
      <c r="TKJ645" s="613"/>
      <c r="TKK645" s="613"/>
      <c r="TKL645" s="613"/>
      <c r="TKM645" s="613"/>
      <c r="TKN645" s="613"/>
      <c r="TKO645" s="613"/>
      <c r="TKP645" s="613"/>
      <c r="TKQ645" s="613"/>
      <c r="TKR645" s="613"/>
      <c r="TKS645" s="613"/>
      <c r="TKT645" s="613"/>
      <c r="TKU645" s="613"/>
      <c r="TKV645" s="613"/>
      <c r="TKW645" s="613"/>
      <c r="TKX645" s="613"/>
      <c r="TKY645" s="613"/>
      <c r="TKZ645" s="613"/>
      <c r="TLA645" s="613"/>
      <c r="TLB645" s="613"/>
      <c r="TLC645" s="613"/>
      <c r="TLD645" s="613"/>
      <c r="TLE645" s="613"/>
      <c r="TLF645" s="613"/>
      <c r="TLG645" s="613"/>
      <c r="TLH645" s="613"/>
      <c r="TLI645" s="613"/>
      <c r="TLJ645" s="613"/>
      <c r="TLK645" s="613"/>
      <c r="TLL645" s="613"/>
      <c r="TLM645" s="613"/>
      <c r="TLN645" s="613"/>
      <c r="TLO645" s="613"/>
      <c r="TLP645" s="613"/>
      <c r="TLQ645" s="613"/>
      <c r="TLR645" s="613"/>
      <c r="TLS645" s="613"/>
      <c r="TLT645" s="613"/>
      <c r="TLU645" s="613"/>
      <c r="TLV645" s="613"/>
      <c r="TLW645" s="613"/>
      <c r="TLX645" s="613"/>
      <c r="TLY645" s="613"/>
      <c r="TLZ645" s="613"/>
      <c r="TMA645" s="613"/>
      <c r="TMB645" s="613"/>
      <c r="TMC645" s="613"/>
      <c r="TMD645" s="613"/>
      <c r="TME645" s="613"/>
      <c r="TMF645" s="613"/>
      <c r="TMG645" s="613"/>
      <c r="TMH645" s="613"/>
      <c r="TMI645" s="613"/>
      <c r="TMJ645" s="613"/>
      <c r="TMK645" s="613"/>
      <c r="TML645" s="613"/>
      <c r="TMM645" s="613"/>
      <c r="TMN645" s="613"/>
      <c r="TMO645" s="613"/>
      <c r="TMP645" s="613"/>
      <c r="TMQ645" s="613"/>
      <c r="TMR645" s="613"/>
      <c r="TMS645" s="613"/>
      <c r="TMT645" s="613"/>
      <c r="TMU645" s="613"/>
      <c r="TMV645" s="613"/>
      <c r="TMW645" s="613"/>
      <c r="TMX645" s="613"/>
      <c r="TMY645" s="613"/>
      <c r="TMZ645" s="613"/>
      <c r="TNA645" s="613"/>
      <c r="TNB645" s="613"/>
      <c r="TNC645" s="613"/>
      <c r="TND645" s="613"/>
      <c r="TNE645" s="613"/>
      <c r="TNF645" s="613"/>
      <c r="TNG645" s="613"/>
      <c r="TNH645" s="613"/>
      <c r="TNI645" s="613"/>
      <c r="TNJ645" s="613"/>
      <c r="TNK645" s="613"/>
      <c r="TNL645" s="613"/>
      <c r="TNM645" s="613"/>
      <c r="TNN645" s="613"/>
      <c r="TNO645" s="613"/>
      <c r="TNP645" s="613"/>
      <c r="TNQ645" s="613"/>
      <c r="TNR645" s="613"/>
      <c r="TNS645" s="613"/>
      <c r="TNT645" s="613"/>
      <c r="TNU645" s="613"/>
      <c r="TNV645" s="613"/>
      <c r="TNW645" s="613"/>
      <c r="TNX645" s="613"/>
      <c r="TNY645" s="613"/>
      <c r="TNZ645" s="613"/>
      <c r="TOA645" s="613"/>
      <c r="TOB645" s="613"/>
      <c r="TOC645" s="613"/>
      <c r="TOD645" s="613"/>
      <c r="TOE645" s="613"/>
      <c r="TOF645" s="613"/>
      <c r="TOG645" s="613"/>
      <c r="TOH645" s="613"/>
      <c r="TOI645" s="613"/>
      <c r="TOJ645" s="613"/>
      <c r="TOK645" s="613"/>
      <c r="TOL645" s="613"/>
      <c r="TOM645" s="613"/>
      <c r="TON645" s="613"/>
      <c r="TOO645" s="613"/>
      <c r="TOP645" s="613"/>
      <c r="TOQ645" s="613"/>
      <c r="TOR645" s="613"/>
      <c r="TOS645" s="613"/>
      <c r="TOT645" s="613"/>
      <c r="TOU645" s="613"/>
      <c r="TOV645" s="613"/>
      <c r="TOW645" s="613"/>
      <c r="TOX645" s="613"/>
      <c r="TOY645" s="613"/>
      <c r="TOZ645" s="613"/>
      <c r="TPA645" s="613"/>
      <c r="TPB645" s="613"/>
      <c r="TPC645" s="613"/>
      <c r="TPD645" s="613"/>
      <c r="TPE645" s="613"/>
      <c r="TPF645" s="613"/>
      <c r="TPG645" s="613"/>
      <c r="TPH645" s="613"/>
      <c r="TPI645" s="613"/>
      <c r="TPJ645" s="613"/>
      <c r="TPK645" s="613"/>
      <c r="TPL645" s="613"/>
      <c r="TPM645" s="613"/>
      <c r="TPN645" s="613"/>
      <c r="TPO645" s="613"/>
      <c r="TPP645" s="613"/>
      <c r="TPQ645" s="613"/>
      <c r="TPR645" s="613"/>
      <c r="TPS645" s="613"/>
      <c r="TPT645" s="613"/>
      <c r="TPU645" s="613"/>
      <c r="TPV645" s="613"/>
      <c r="TPW645" s="613"/>
      <c r="TPX645" s="613"/>
      <c r="TPY645" s="613"/>
      <c r="TPZ645" s="613"/>
      <c r="TQA645" s="613"/>
      <c r="TQB645" s="613"/>
      <c r="TQC645" s="613"/>
      <c r="TQD645" s="613"/>
      <c r="TQE645" s="613"/>
      <c r="TQF645" s="613"/>
      <c r="TQG645" s="613"/>
      <c r="TQH645" s="613"/>
      <c r="TQI645" s="613"/>
      <c r="TQJ645" s="613"/>
      <c r="TQK645" s="613"/>
      <c r="TQL645" s="613"/>
      <c r="TQM645" s="613"/>
      <c r="TQN645" s="613"/>
      <c r="TQO645" s="613"/>
      <c r="TQP645" s="613"/>
      <c r="TQQ645" s="613"/>
      <c r="TQR645" s="613"/>
      <c r="TQS645" s="613"/>
      <c r="TQT645" s="613"/>
      <c r="TQU645" s="613"/>
      <c r="TQV645" s="613"/>
      <c r="TQW645" s="613"/>
      <c r="TQX645" s="613"/>
      <c r="TQY645" s="613"/>
      <c r="TQZ645" s="613"/>
      <c r="TRA645" s="613"/>
      <c r="TRB645" s="613"/>
      <c r="TRC645" s="613"/>
      <c r="TRD645" s="613"/>
      <c r="TRE645" s="613"/>
      <c r="TRF645" s="613"/>
      <c r="TRG645" s="613"/>
      <c r="TRH645" s="613"/>
      <c r="TRI645" s="613"/>
      <c r="TRJ645" s="613"/>
      <c r="TRK645" s="613"/>
      <c r="TRL645" s="613"/>
      <c r="TRM645" s="613"/>
      <c r="TRN645" s="613"/>
      <c r="TRO645" s="613"/>
      <c r="TRP645" s="613"/>
      <c r="TRQ645" s="613"/>
      <c r="TRR645" s="613"/>
      <c r="TRS645" s="613"/>
      <c r="TRT645" s="613"/>
      <c r="TRU645" s="613"/>
      <c r="TRV645" s="613"/>
      <c r="TRW645" s="613"/>
      <c r="TRX645" s="613"/>
      <c r="TRY645" s="613"/>
      <c r="TRZ645" s="613"/>
      <c r="TSA645" s="613"/>
      <c r="TSB645" s="613"/>
      <c r="TSC645" s="613"/>
      <c r="TSD645" s="613"/>
      <c r="TSE645" s="613"/>
      <c r="TSF645" s="613"/>
      <c r="TSG645" s="613"/>
      <c r="TSH645" s="613"/>
      <c r="TSI645" s="613"/>
      <c r="TSJ645" s="613"/>
      <c r="TSK645" s="613"/>
      <c r="TSL645" s="613"/>
      <c r="TSM645" s="613"/>
      <c r="TSN645" s="613"/>
      <c r="TSO645" s="613"/>
      <c r="TSP645" s="613"/>
      <c r="TSQ645" s="613"/>
      <c r="TSR645" s="613"/>
      <c r="TSS645" s="613"/>
      <c r="TST645" s="613"/>
      <c r="TSU645" s="613"/>
      <c r="TSV645" s="613"/>
      <c r="TSW645" s="613"/>
      <c r="TSX645" s="613"/>
      <c r="TSY645" s="613"/>
      <c r="TSZ645" s="613"/>
      <c r="TTA645" s="613"/>
      <c r="TTB645" s="613"/>
      <c r="TTC645" s="613"/>
      <c r="TTD645" s="613"/>
      <c r="TTE645" s="613"/>
      <c r="TTF645" s="613"/>
      <c r="TTG645" s="613"/>
      <c r="TTH645" s="613"/>
      <c r="TTI645" s="613"/>
      <c r="TTJ645" s="613"/>
      <c r="TTK645" s="613"/>
      <c r="TTL645" s="613"/>
      <c r="TTM645" s="613"/>
      <c r="TTN645" s="613"/>
      <c r="TTO645" s="613"/>
      <c r="TTP645" s="613"/>
      <c r="TTQ645" s="613"/>
      <c r="TTR645" s="613"/>
      <c r="TTS645" s="613"/>
      <c r="TTT645" s="613"/>
      <c r="TTU645" s="613"/>
      <c r="TTV645" s="613"/>
      <c r="TTW645" s="613"/>
      <c r="TTX645" s="613"/>
      <c r="TTY645" s="613"/>
      <c r="TTZ645" s="613"/>
      <c r="TUA645" s="613"/>
      <c r="TUB645" s="613"/>
      <c r="TUC645" s="613"/>
      <c r="TUD645" s="613"/>
      <c r="TUE645" s="613"/>
      <c r="TUF645" s="613"/>
      <c r="TUG645" s="613"/>
      <c r="TUH645" s="613"/>
      <c r="TUI645" s="613"/>
      <c r="TUJ645" s="613"/>
      <c r="TUK645" s="613"/>
      <c r="TUL645" s="613"/>
      <c r="TUM645" s="613"/>
      <c r="TUN645" s="613"/>
      <c r="TUO645" s="613"/>
      <c r="TUP645" s="613"/>
      <c r="TUQ645" s="613"/>
      <c r="TUR645" s="613"/>
      <c r="TUS645" s="613"/>
      <c r="TUT645" s="613"/>
      <c r="TUU645" s="613"/>
      <c r="TUV645" s="613"/>
      <c r="TUW645" s="613"/>
      <c r="TUX645" s="613"/>
      <c r="TUY645" s="613"/>
      <c r="TUZ645" s="613"/>
      <c r="TVA645" s="613"/>
      <c r="TVB645" s="613"/>
      <c r="TVC645" s="613"/>
      <c r="TVD645" s="613"/>
      <c r="TVE645" s="613"/>
      <c r="TVF645" s="613"/>
      <c r="TVG645" s="613"/>
      <c r="TVH645" s="613"/>
      <c r="TVI645" s="613"/>
      <c r="TVJ645" s="613"/>
      <c r="TVK645" s="613"/>
      <c r="TVL645" s="613"/>
      <c r="TVM645" s="613"/>
      <c r="TVN645" s="613"/>
      <c r="TVO645" s="613"/>
      <c r="TVP645" s="613"/>
      <c r="TVQ645" s="613"/>
      <c r="TVR645" s="613"/>
      <c r="TVS645" s="613"/>
      <c r="TVT645" s="613"/>
      <c r="TVU645" s="613"/>
      <c r="TVV645" s="613"/>
      <c r="TVW645" s="613"/>
      <c r="TVX645" s="613"/>
      <c r="TVY645" s="613"/>
      <c r="TVZ645" s="613"/>
      <c r="TWA645" s="613"/>
      <c r="TWB645" s="613"/>
      <c r="TWC645" s="613"/>
      <c r="TWD645" s="613"/>
      <c r="TWE645" s="613"/>
      <c r="TWF645" s="613"/>
      <c r="TWG645" s="613"/>
      <c r="TWH645" s="613"/>
      <c r="TWI645" s="613"/>
      <c r="TWJ645" s="613"/>
      <c r="TWK645" s="613"/>
      <c r="TWL645" s="613"/>
      <c r="TWM645" s="613"/>
      <c r="TWN645" s="613"/>
      <c r="TWO645" s="613"/>
      <c r="TWP645" s="613"/>
      <c r="TWQ645" s="613"/>
      <c r="TWR645" s="613"/>
      <c r="TWS645" s="613"/>
      <c r="TWT645" s="613"/>
      <c r="TWU645" s="613"/>
      <c r="TWV645" s="613"/>
      <c r="TWW645" s="613"/>
      <c r="TWX645" s="613"/>
      <c r="TWY645" s="613"/>
      <c r="TWZ645" s="613"/>
      <c r="TXA645" s="613"/>
      <c r="TXB645" s="613"/>
      <c r="TXC645" s="613"/>
      <c r="TXD645" s="613"/>
      <c r="TXE645" s="613"/>
      <c r="TXF645" s="613"/>
      <c r="TXG645" s="613"/>
      <c r="TXH645" s="613"/>
      <c r="TXI645" s="613"/>
      <c r="TXJ645" s="613"/>
      <c r="TXK645" s="613"/>
      <c r="TXL645" s="613"/>
      <c r="TXM645" s="613"/>
      <c r="TXN645" s="613"/>
      <c r="TXO645" s="613"/>
      <c r="TXP645" s="613"/>
      <c r="TXQ645" s="613"/>
      <c r="TXR645" s="613"/>
      <c r="TXS645" s="613"/>
      <c r="TXT645" s="613"/>
      <c r="TXU645" s="613"/>
      <c r="TXV645" s="613"/>
      <c r="TXW645" s="613"/>
      <c r="TXX645" s="613"/>
      <c r="TXY645" s="613"/>
      <c r="TXZ645" s="613"/>
      <c r="TYA645" s="613"/>
      <c r="TYB645" s="613"/>
      <c r="TYC645" s="613"/>
      <c r="TYD645" s="613"/>
      <c r="TYE645" s="613"/>
      <c r="TYF645" s="613"/>
      <c r="TYG645" s="613"/>
      <c r="TYH645" s="613"/>
      <c r="TYI645" s="613"/>
      <c r="TYJ645" s="613"/>
      <c r="TYK645" s="613"/>
      <c r="TYL645" s="613"/>
      <c r="TYM645" s="613"/>
      <c r="TYN645" s="613"/>
      <c r="TYO645" s="613"/>
      <c r="TYP645" s="613"/>
      <c r="TYQ645" s="613"/>
      <c r="TYR645" s="613"/>
      <c r="TYS645" s="613"/>
      <c r="TYT645" s="613"/>
      <c r="TYU645" s="613"/>
      <c r="TYV645" s="613"/>
      <c r="TYW645" s="613"/>
      <c r="TYX645" s="613"/>
      <c r="TYY645" s="613"/>
      <c r="TYZ645" s="613"/>
      <c r="TZA645" s="613"/>
      <c r="TZB645" s="613"/>
      <c r="TZC645" s="613"/>
      <c r="TZD645" s="613"/>
      <c r="TZE645" s="613"/>
      <c r="TZF645" s="613"/>
      <c r="TZG645" s="613"/>
      <c r="TZH645" s="613"/>
      <c r="TZI645" s="613"/>
      <c r="TZJ645" s="613"/>
      <c r="TZK645" s="613"/>
      <c r="TZL645" s="613"/>
      <c r="TZM645" s="613"/>
      <c r="TZN645" s="613"/>
      <c r="TZO645" s="613"/>
      <c r="TZP645" s="613"/>
      <c r="TZQ645" s="613"/>
      <c r="TZR645" s="613"/>
      <c r="TZS645" s="613"/>
      <c r="TZT645" s="613"/>
      <c r="TZU645" s="613"/>
      <c r="TZV645" s="613"/>
      <c r="TZW645" s="613"/>
      <c r="TZX645" s="613"/>
      <c r="TZY645" s="613"/>
      <c r="TZZ645" s="613"/>
      <c r="UAA645" s="613"/>
      <c r="UAB645" s="613"/>
      <c r="UAC645" s="613"/>
      <c r="UAD645" s="613"/>
      <c r="UAE645" s="613"/>
      <c r="UAF645" s="613"/>
      <c r="UAG645" s="613"/>
      <c r="UAH645" s="613"/>
      <c r="UAI645" s="613"/>
      <c r="UAJ645" s="613"/>
      <c r="UAK645" s="613"/>
      <c r="UAL645" s="613"/>
      <c r="UAM645" s="613"/>
      <c r="UAN645" s="613"/>
      <c r="UAO645" s="613"/>
      <c r="UAP645" s="613"/>
      <c r="UAQ645" s="613"/>
      <c r="UAR645" s="613"/>
      <c r="UAS645" s="613"/>
      <c r="UAT645" s="613"/>
      <c r="UAU645" s="613"/>
      <c r="UAV645" s="613"/>
      <c r="UAW645" s="613"/>
      <c r="UAX645" s="613"/>
      <c r="UAY645" s="613"/>
      <c r="UAZ645" s="613"/>
      <c r="UBA645" s="613"/>
      <c r="UBB645" s="613"/>
      <c r="UBC645" s="613"/>
      <c r="UBD645" s="613"/>
      <c r="UBE645" s="613"/>
      <c r="UBF645" s="613"/>
      <c r="UBG645" s="613"/>
      <c r="UBH645" s="613"/>
      <c r="UBI645" s="613"/>
      <c r="UBJ645" s="613"/>
      <c r="UBK645" s="613"/>
      <c r="UBL645" s="613"/>
      <c r="UBM645" s="613"/>
      <c r="UBN645" s="613"/>
      <c r="UBO645" s="613"/>
      <c r="UBP645" s="613"/>
      <c r="UBQ645" s="613"/>
      <c r="UBR645" s="613"/>
      <c r="UBS645" s="613"/>
      <c r="UBT645" s="613"/>
      <c r="UBU645" s="613"/>
      <c r="UBV645" s="613"/>
      <c r="UBW645" s="613"/>
      <c r="UBX645" s="613"/>
      <c r="UBY645" s="613"/>
      <c r="UBZ645" s="613"/>
      <c r="UCA645" s="613"/>
      <c r="UCB645" s="613"/>
      <c r="UCC645" s="613"/>
      <c r="UCD645" s="613"/>
      <c r="UCE645" s="613"/>
      <c r="UCF645" s="613"/>
      <c r="UCG645" s="613"/>
      <c r="UCH645" s="613"/>
      <c r="UCI645" s="613"/>
      <c r="UCJ645" s="613"/>
      <c r="UCK645" s="613"/>
      <c r="UCL645" s="613"/>
      <c r="UCM645" s="613"/>
      <c r="UCN645" s="613"/>
      <c r="UCO645" s="613"/>
      <c r="UCP645" s="613"/>
      <c r="UCQ645" s="613"/>
      <c r="UCR645" s="613"/>
      <c r="UCS645" s="613"/>
      <c r="UCT645" s="613"/>
      <c r="UCU645" s="613"/>
      <c r="UCV645" s="613"/>
      <c r="UCW645" s="613"/>
      <c r="UCX645" s="613"/>
      <c r="UCY645" s="613"/>
      <c r="UCZ645" s="613"/>
      <c r="UDA645" s="613"/>
      <c r="UDB645" s="613"/>
      <c r="UDC645" s="613"/>
      <c r="UDD645" s="613"/>
      <c r="UDE645" s="613"/>
      <c r="UDF645" s="613"/>
      <c r="UDG645" s="613"/>
      <c r="UDH645" s="613"/>
      <c r="UDI645" s="613"/>
      <c r="UDJ645" s="613"/>
      <c r="UDK645" s="613"/>
      <c r="UDL645" s="613"/>
      <c r="UDM645" s="613"/>
      <c r="UDN645" s="613"/>
      <c r="UDO645" s="613"/>
      <c r="UDP645" s="613"/>
      <c r="UDQ645" s="613"/>
      <c r="UDR645" s="613"/>
      <c r="UDS645" s="613"/>
      <c r="UDT645" s="613"/>
      <c r="UDU645" s="613"/>
      <c r="UDV645" s="613"/>
      <c r="UDW645" s="613"/>
      <c r="UDX645" s="613"/>
      <c r="UDY645" s="613"/>
      <c r="UDZ645" s="613"/>
      <c r="UEA645" s="613"/>
      <c r="UEB645" s="613"/>
      <c r="UEC645" s="613"/>
      <c r="UED645" s="613"/>
      <c r="UEE645" s="613"/>
      <c r="UEF645" s="613"/>
      <c r="UEG645" s="613"/>
      <c r="UEH645" s="613"/>
      <c r="UEI645" s="613"/>
      <c r="UEJ645" s="613"/>
      <c r="UEK645" s="613"/>
      <c r="UEL645" s="613"/>
      <c r="UEM645" s="613"/>
      <c r="UEN645" s="613"/>
      <c r="UEO645" s="613"/>
      <c r="UEP645" s="613"/>
      <c r="UEQ645" s="613"/>
      <c r="UER645" s="613"/>
      <c r="UES645" s="613"/>
      <c r="UET645" s="613"/>
      <c r="UEU645" s="613"/>
      <c r="UEV645" s="613"/>
      <c r="UEW645" s="613"/>
      <c r="UEX645" s="613"/>
      <c r="UEY645" s="613"/>
      <c r="UEZ645" s="613"/>
      <c r="UFA645" s="613"/>
      <c r="UFB645" s="613"/>
      <c r="UFC645" s="613"/>
      <c r="UFD645" s="613"/>
      <c r="UFE645" s="613"/>
      <c r="UFF645" s="613"/>
      <c r="UFG645" s="613"/>
      <c r="UFH645" s="613"/>
      <c r="UFI645" s="613"/>
      <c r="UFJ645" s="613"/>
      <c r="UFK645" s="613"/>
      <c r="UFL645" s="613"/>
      <c r="UFM645" s="613"/>
      <c r="UFN645" s="613"/>
      <c r="UFO645" s="613"/>
      <c r="UFP645" s="613"/>
      <c r="UFQ645" s="613"/>
      <c r="UFR645" s="613"/>
      <c r="UFS645" s="613"/>
      <c r="UFT645" s="613"/>
      <c r="UFU645" s="613"/>
      <c r="UFV645" s="613"/>
      <c r="UFW645" s="613"/>
      <c r="UFX645" s="613"/>
      <c r="UFY645" s="613"/>
      <c r="UFZ645" s="613"/>
      <c r="UGA645" s="613"/>
      <c r="UGB645" s="613"/>
      <c r="UGC645" s="613"/>
      <c r="UGD645" s="613"/>
      <c r="UGE645" s="613"/>
      <c r="UGF645" s="613"/>
      <c r="UGG645" s="613"/>
      <c r="UGH645" s="613"/>
      <c r="UGI645" s="613"/>
      <c r="UGJ645" s="613"/>
      <c r="UGK645" s="613"/>
      <c r="UGL645" s="613"/>
      <c r="UGM645" s="613"/>
      <c r="UGN645" s="613"/>
      <c r="UGO645" s="613"/>
      <c r="UGP645" s="613"/>
      <c r="UGQ645" s="613"/>
      <c r="UGR645" s="613"/>
      <c r="UGS645" s="613"/>
      <c r="UGT645" s="613"/>
      <c r="UGU645" s="613"/>
      <c r="UGV645" s="613"/>
      <c r="UGW645" s="613"/>
      <c r="UGX645" s="613"/>
      <c r="UGY645" s="613"/>
      <c r="UGZ645" s="613"/>
      <c r="UHA645" s="613"/>
      <c r="UHB645" s="613"/>
      <c r="UHC645" s="613"/>
      <c r="UHD645" s="613"/>
      <c r="UHE645" s="613"/>
      <c r="UHF645" s="613"/>
      <c r="UHG645" s="613"/>
      <c r="UHH645" s="613"/>
      <c r="UHI645" s="613"/>
      <c r="UHJ645" s="613"/>
      <c r="UHK645" s="613"/>
      <c r="UHL645" s="613"/>
      <c r="UHM645" s="613"/>
      <c r="UHN645" s="613"/>
      <c r="UHO645" s="613"/>
      <c r="UHP645" s="613"/>
      <c r="UHQ645" s="613"/>
      <c r="UHR645" s="613"/>
      <c r="UHS645" s="613"/>
      <c r="UHT645" s="613"/>
      <c r="UHU645" s="613"/>
      <c r="UHV645" s="613"/>
      <c r="UHW645" s="613"/>
      <c r="UHX645" s="613"/>
      <c r="UHY645" s="613"/>
      <c r="UHZ645" s="613"/>
      <c r="UIA645" s="613"/>
      <c r="UIB645" s="613"/>
      <c r="UIC645" s="613"/>
      <c r="UID645" s="613"/>
      <c r="UIE645" s="613"/>
      <c r="UIF645" s="613"/>
      <c r="UIG645" s="613"/>
      <c r="UIH645" s="613"/>
      <c r="UII645" s="613"/>
      <c r="UIJ645" s="613"/>
      <c r="UIK645" s="613"/>
      <c r="UIL645" s="613"/>
      <c r="UIM645" s="613"/>
      <c r="UIN645" s="613"/>
      <c r="UIO645" s="613"/>
      <c r="UIP645" s="613"/>
      <c r="UIQ645" s="613"/>
      <c r="UIR645" s="613"/>
      <c r="UIS645" s="613"/>
      <c r="UIT645" s="613"/>
      <c r="UIU645" s="613"/>
      <c r="UIV645" s="613"/>
      <c r="UIW645" s="613"/>
      <c r="UIX645" s="613"/>
      <c r="UIY645" s="613"/>
      <c r="UIZ645" s="613"/>
      <c r="UJA645" s="613"/>
      <c r="UJB645" s="613"/>
      <c r="UJC645" s="613"/>
      <c r="UJD645" s="613"/>
      <c r="UJE645" s="613"/>
      <c r="UJF645" s="613"/>
      <c r="UJG645" s="613"/>
      <c r="UJH645" s="613"/>
      <c r="UJI645" s="613"/>
      <c r="UJJ645" s="613"/>
      <c r="UJK645" s="613"/>
      <c r="UJL645" s="613"/>
      <c r="UJM645" s="613"/>
      <c r="UJN645" s="613"/>
      <c r="UJO645" s="613"/>
      <c r="UJP645" s="613"/>
      <c r="UJQ645" s="613"/>
      <c r="UJR645" s="613"/>
      <c r="UJS645" s="613"/>
      <c r="UJT645" s="613"/>
      <c r="UJU645" s="613"/>
      <c r="UJV645" s="613"/>
      <c r="UJW645" s="613"/>
      <c r="UJX645" s="613"/>
      <c r="UJY645" s="613"/>
      <c r="UJZ645" s="613"/>
      <c r="UKA645" s="613"/>
      <c r="UKB645" s="613"/>
      <c r="UKC645" s="613"/>
      <c r="UKD645" s="613"/>
      <c r="UKE645" s="613"/>
      <c r="UKF645" s="613"/>
      <c r="UKG645" s="613"/>
      <c r="UKH645" s="613"/>
      <c r="UKI645" s="613"/>
      <c r="UKJ645" s="613"/>
      <c r="UKK645" s="613"/>
      <c r="UKL645" s="613"/>
      <c r="UKM645" s="613"/>
      <c r="UKN645" s="613"/>
      <c r="UKO645" s="613"/>
      <c r="UKP645" s="613"/>
      <c r="UKQ645" s="613"/>
      <c r="UKR645" s="613"/>
      <c r="UKS645" s="613"/>
      <c r="UKT645" s="613"/>
      <c r="UKU645" s="613"/>
      <c r="UKV645" s="613"/>
      <c r="UKW645" s="613"/>
      <c r="UKX645" s="613"/>
      <c r="UKY645" s="613"/>
      <c r="UKZ645" s="613"/>
      <c r="ULA645" s="613"/>
      <c r="ULB645" s="613"/>
      <c r="ULC645" s="613"/>
      <c r="ULD645" s="613"/>
      <c r="ULE645" s="613"/>
      <c r="ULF645" s="613"/>
      <c r="ULG645" s="613"/>
      <c r="ULH645" s="613"/>
      <c r="ULI645" s="613"/>
      <c r="ULJ645" s="613"/>
      <c r="ULK645" s="613"/>
      <c r="ULL645" s="613"/>
      <c r="ULM645" s="613"/>
      <c r="ULN645" s="613"/>
      <c r="ULO645" s="613"/>
      <c r="ULP645" s="613"/>
      <c r="ULQ645" s="613"/>
      <c r="ULR645" s="613"/>
      <c r="ULS645" s="613"/>
      <c r="ULT645" s="613"/>
      <c r="ULU645" s="613"/>
      <c r="ULV645" s="613"/>
      <c r="ULW645" s="613"/>
      <c r="ULX645" s="613"/>
      <c r="ULY645" s="613"/>
      <c r="ULZ645" s="613"/>
      <c r="UMA645" s="613"/>
      <c r="UMB645" s="613"/>
      <c r="UMC645" s="613"/>
      <c r="UMD645" s="613"/>
      <c r="UME645" s="613"/>
      <c r="UMF645" s="613"/>
      <c r="UMG645" s="613"/>
      <c r="UMH645" s="613"/>
      <c r="UMI645" s="613"/>
      <c r="UMJ645" s="613"/>
      <c r="UMK645" s="613"/>
      <c r="UML645" s="613"/>
      <c r="UMM645" s="613"/>
      <c r="UMN645" s="613"/>
      <c r="UMO645" s="613"/>
      <c r="UMP645" s="613"/>
      <c r="UMQ645" s="613"/>
      <c r="UMR645" s="613"/>
      <c r="UMS645" s="613"/>
      <c r="UMT645" s="613"/>
      <c r="UMU645" s="613"/>
      <c r="UMV645" s="613"/>
      <c r="UMW645" s="613"/>
      <c r="UMX645" s="613"/>
      <c r="UMY645" s="613"/>
      <c r="UMZ645" s="613"/>
      <c r="UNA645" s="613"/>
      <c r="UNB645" s="613"/>
      <c r="UNC645" s="613"/>
      <c r="UND645" s="613"/>
      <c r="UNE645" s="613"/>
      <c r="UNF645" s="613"/>
      <c r="UNG645" s="613"/>
      <c r="UNH645" s="613"/>
      <c r="UNI645" s="613"/>
      <c r="UNJ645" s="613"/>
      <c r="UNK645" s="613"/>
      <c r="UNL645" s="613"/>
      <c r="UNM645" s="613"/>
      <c r="UNN645" s="613"/>
      <c r="UNO645" s="613"/>
      <c r="UNP645" s="613"/>
      <c r="UNQ645" s="613"/>
      <c r="UNR645" s="613"/>
      <c r="UNS645" s="613"/>
      <c r="UNT645" s="613"/>
      <c r="UNU645" s="613"/>
      <c r="UNV645" s="613"/>
      <c r="UNW645" s="613"/>
      <c r="UNX645" s="613"/>
      <c r="UNY645" s="613"/>
      <c r="UNZ645" s="613"/>
      <c r="UOA645" s="613"/>
      <c r="UOB645" s="613"/>
      <c r="UOC645" s="613"/>
      <c r="UOD645" s="613"/>
      <c r="UOE645" s="613"/>
      <c r="UOF645" s="613"/>
      <c r="UOG645" s="613"/>
      <c r="UOH645" s="613"/>
      <c r="UOI645" s="613"/>
      <c r="UOJ645" s="613"/>
      <c r="UOK645" s="613"/>
      <c r="UOL645" s="613"/>
      <c r="UOM645" s="613"/>
      <c r="UON645" s="613"/>
      <c r="UOO645" s="613"/>
      <c r="UOP645" s="613"/>
      <c r="UOQ645" s="613"/>
      <c r="UOR645" s="613"/>
      <c r="UOS645" s="613"/>
      <c r="UOT645" s="613"/>
      <c r="UOU645" s="613"/>
      <c r="UOV645" s="613"/>
      <c r="UOW645" s="613"/>
      <c r="UOX645" s="613"/>
      <c r="UOY645" s="613"/>
      <c r="UOZ645" s="613"/>
      <c r="UPA645" s="613"/>
      <c r="UPB645" s="613"/>
      <c r="UPC645" s="613"/>
      <c r="UPD645" s="613"/>
      <c r="UPE645" s="613"/>
      <c r="UPF645" s="613"/>
      <c r="UPG645" s="613"/>
      <c r="UPH645" s="613"/>
      <c r="UPI645" s="613"/>
      <c r="UPJ645" s="613"/>
      <c r="UPK645" s="613"/>
      <c r="UPL645" s="613"/>
      <c r="UPM645" s="613"/>
      <c r="UPN645" s="613"/>
      <c r="UPO645" s="613"/>
      <c r="UPP645" s="613"/>
      <c r="UPQ645" s="613"/>
      <c r="UPR645" s="613"/>
      <c r="UPS645" s="613"/>
      <c r="UPT645" s="613"/>
      <c r="UPU645" s="613"/>
      <c r="UPV645" s="613"/>
      <c r="UPW645" s="613"/>
      <c r="UPX645" s="613"/>
      <c r="UPY645" s="613"/>
      <c r="UPZ645" s="613"/>
      <c r="UQA645" s="613"/>
      <c r="UQB645" s="613"/>
      <c r="UQC645" s="613"/>
      <c r="UQD645" s="613"/>
      <c r="UQE645" s="613"/>
      <c r="UQF645" s="613"/>
      <c r="UQG645" s="613"/>
      <c r="UQH645" s="613"/>
      <c r="UQI645" s="613"/>
      <c r="UQJ645" s="613"/>
      <c r="UQK645" s="613"/>
      <c r="UQL645" s="613"/>
      <c r="UQM645" s="613"/>
      <c r="UQN645" s="613"/>
      <c r="UQO645" s="613"/>
      <c r="UQP645" s="613"/>
      <c r="UQQ645" s="613"/>
      <c r="UQR645" s="613"/>
      <c r="UQS645" s="613"/>
      <c r="UQT645" s="613"/>
      <c r="UQU645" s="613"/>
      <c r="UQV645" s="613"/>
      <c r="UQW645" s="613"/>
      <c r="UQX645" s="613"/>
      <c r="UQY645" s="613"/>
      <c r="UQZ645" s="613"/>
      <c r="URA645" s="613"/>
      <c r="URB645" s="613"/>
      <c r="URC645" s="613"/>
      <c r="URD645" s="613"/>
      <c r="URE645" s="613"/>
      <c r="URF645" s="613"/>
      <c r="URG645" s="613"/>
      <c r="URH645" s="613"/>
      <c r="URI645" s="613"/>
      <c r="URJ645" s="613"/>
      <c r="URK645" s="613"/>
      <c r="URL645" s="613"/>
      <c r="URM645" s="613"/>
      <c r="URN645" s="613"/>
      <c r="URO645" s="613"/>
      <c r="URP645" s="613"/>
      <c r="URQ645" s="613"/>
      <c r="URR645" s="613"/>
      <c r="URS645" s="613"/>
      <c r="URT645" s="613"/>
      <c r="URU645" s="613"/>
      <c r="URV645" s="613"/>
      <c r="URW645" s="613"/>
      <c r="URX645" s="613"/>
      <c r="URY645" s="613"/>
      <c r="URZ645" s="613"/>
      <c r="USA645" s="613"/>
      <c r="USB645" s="613"/>
      <c r="USC645" s="613"/>
      <c r="USD645" s="613"/>
      <c r="USE645" s="613"/>
      <c r="USF645" s="613"/>
      <c r="USG645" s="613"/>
      <c r="USH645" s="613"/>
      <c r="USI645" s="613"/>
      <c r="USJ645" s="613"/>
      <c r="USK645" s="613"/>
      <c r="USL645" s="613"/>
      <c r="USM645" s="613"/>
      <c r="USN645" s="613"/>
      <c r="USO645" s="613"/>
      <c r="USP645" s="613"/>
      <c r="USQ645" s="613"/>
      <c r="USR645" s="613"/>
      <c r="USS645" s="613"/>
      <c r="UST645" s="613"/>
      <c r="USU645" s="613"/>
      <c r="USV645" s="613"/>
      <c r="USW645" s="613"/>
      <c r="USX645" s="613"/>
      <c r="USY645" s="613"/>
      <c r="USZ645" s="613"/>
      <c r="UTA645" s="613"/>
      <c r="UTB645" s="613"/>
      <c r="UTC645" s="613"/>
      <c r="UTD645" s="613"/>
      <c r="UTE645" s="613"/>
      <c r="UTF645" s="613"/>
      <c r="UTG645" s="613"/>
      <c r="UTH645" s="613"/>
      <c r="UTI645" s="613"/>
      <c r="UTJ645" s="613"/>
      <c r="UTK645" s="613"/>
      <c r="UTL645" s="613"/>
      <c r="UTM645" s="613"/>
      <c r="UTN645" s="613"/>
      <c r="UTO645" s="613"/>
      <c r="UTP645" s="613"/>
      <c r="UTQ645" s="613"/>
      <c r="UTR645" s="613"/>
      <c r="UTS645" s="613"/>
      <c r="UTT645" s="613"/>
      <c r="UTU645" s="613"/>
      <c r="UTV645" s="613"/>
      <c r="UTW645" s="613"/>
      <c r="UTX645" s="613"/>
      <c r="UTY645" s="613"/>
      <c r="UTZ645" s="613"/>
      <c r="UUA645" s="613"/>
      <c r="UUB645" s="613"/>
      <c r="UUC645" s="613"/>
      <c r="UUD645" s="613"/>
      <c r="UUE645" s="613"/>
      <c r="UUF645" s="613"/>
      <c r="UUG645" s="613"/>
      <c r="UUH645" s="613"/>
      <c r="UUI645" s="613"/>
      <c r="UUJ645" s="613"/>
      <c r="UUK645" s="613"/>
      <c r="UUL645" s="613"/>
      <c r="UUM645" s="613"/>
      <c r="UUN645" s="613"/>
      <c r="UUO645" s="613"/>
      <c r="UUP645" s="613"/>
      <c r="UUQ645" s="613"/>
      <c r="UUR645" s="613"/>
      <c r="UUS645" s="613"/>
      <c r="UUT645" s="613"/>
      <c r="UUU645" s="613"/>
      <c r="UUV645" s="613"/>
      <c r="UUW645" s="613"/>
      <c r="UUX645" s="613"/>
      <c r="UUY645" s="613"/>
      <c r="UUZ645" s="613"/>
      <c r="UVA645" s="613"/>
      <c r="UVB645" s="613"/>
      <c r="UVC645" s="613"/>
      <c r="UVD645" s="613"/>
      <c r="UVE645" s="613"/>
      <c r="UVF645" s="613"/>
      <c r="UVG645" s="613"/>
      <c r="UVH645" s="613"/>
      <c r="UVI645" s="613"/>
      <c r="UVJ645" s="613"/>
      <c r="UVK645" s="613"/>
      <c r="UVL645" s="613"/>
      <c r="UVM645" s="613"/>
      <c r="UVN645" s="613"/>
      <c r="UVO645" s="613"/>
      <c r="UVP645" s="613"/>
      <c r="UVQ645" s="613"/>
      <c r="UVR645" s="613"/>
      <c r="UVS645" s="613"/>
      <c r="UVT645" s="613"/>
      <c r="UVU645" s="613"/>
      <c r="UVV645" s="613"/>
      <c r="UVW645" s="613"/>
      <c r="UVX645" s="613"/>
      <c r="UVY645" s="613"/>
      <c r="UVZ645" s="613"/>
      <c r="UWA645" s="613"/>
      <c r="UWB645" s="613"/>
      <c r="UWC645" s="613"/>
      <c r="UWD645" s="613"/>
      <c r="UWE645" s="613"/>
      <c r="UWF645" s="613"/>
      <c r="UWG645" s="613"/>
      <c r="UWH645" s="613"/>
      <c r="UWI645" s="613"/>
      <c r="UWJ645" s="613"/>
      <c r="UWK645" s="613"/>
      <c r="UWL645" s="613"/>
      <c r="UWM645" s="613"/>
      <c r="UWN645" s="613"/>
      <c r="UWO645" s="613"/>
      <c r="UWP645" s="613"/>
      <c r="UWQ645" s="613"/>
      <c r="UWR645" s="613"/>
      <c r="UWS645" s="613"/>
      <c r="UWT645" s="613"/>
      <c r="UWU645" s="613"/>
      <c r="UWV645" s="613"/>
      <c r="UWW645" s="613"/>
      <c r="UWX645" s="613"/>
      <c r="UWY645" s="613"/>
      <c r="UWZ645" s="613"/>
      <c r="UXA645" s="613"/>
      <c r="UXB645" s="613"/>
      <c r="UXC645" s="613"/>
      <c r="UXD645" s="613"/>
      <c r="UXE645" s="613"/>
      <c r="UXF645" s="613"/>
      <c r="UXG645" s="613"/>
      <c r="UXH645" s="613"/>
      <c r="UXI645" s="613"/>
      <c r="UXJ645" s="613"/>
      <c r="UXK645" s="613"/>
      <c r="UXL645" s="613"/>
      <c r="UXM645" s="613"/>
      <c r="UXN645" s="613"/>
      <c r="UXO645" s="613"/>
      <c r="UXP645" s="613"/>
      <c r="UXQ645" s="613"/>
      <c r="UXR645" s="613"/>
      <c r="UXS645" s="613"/>
      <c r="UXT645" s="613"/>
      <c r="UXU645" s="613"/>
      <c r="UXV645" s="613"/>
      <c r="UXW645" s="613"/>
      <c r="UXX645" s="613"/>
      <c r="UXY645" s="613"/>
      <c r="UXZ645" s="613"/>
      <c r="UYA645" s="613"/>
      <c r="UYB645" s="613"/>
      <c r="UYC645" s="613"/>
      <c r="UYD645" s="613"/>
      <c r="UYE645" s="613"/>
      <c r="UYF645" s="613"/>
      <c r="UYG645" s="613"/>
      <c r="UYH645" s="613"/>
      <c r="UYI645" s="613"/>
      <c r="UYJ645" s="613"/>
      <c r="UYK645" s="613"/>
      <c r="UYL645" s="613"/>
      <c r="UYM645" s="613"/>
      <c r="UYN645" s="613"/>
      <c r="UYO645" s="613"/>
      <c r="UYP645" s="613"/>
      <c r="UYQ645" s="613"/>
      <c r="UYR645" s="613"/>
      <c r="UYS645" s="613"/>
      <c r="UYT645" s="613"/>
      <c r="UYU645" s="613"/>
      <c r="UYV645" s="613"/>
      <c r="UYW645" s="613"/>
      <c r="UYX645" s="613"/>
      <c r="UYY645" s="613"/>
      <c r="UYZ645" s="613"/>
      <c r="UZA645" s="613"/>
      <c r="UZB645" s="613"/>
      <c r="UZC645" s="613"/>
      <c r="UZD645" s="613"/>
      <c r="UZE645" s="613"/>
      <c r="UZF645" s="613"/>
      <c r="UZG645" s="613"/>
      <c r="UZH645" s="613"/>
      <c r="UZI645" s="613"/>
      <c r="UZJ645" s="613"/>
      <c r="UZK645" s="613"/>
      <c r="UZL645" s="613"/>
      <c r="UZM645" s="613"/>
      <c r="UZN645" s="613"/>
      <c r="UZO645" s="613"/>
      <c r="UZP645" s="613"/>
      <c r="UZQ645" s="613"/>
      <c r="UZR645" s="613"/>
      <c r="UZS645" s="613"/>
      <c r="UZT645" s="613"/>
      <c r="UZU645" s="613"/>
      <c r="UZV645" s="613"/>
      <c r="UZW645" s="613"/>
      <c r="UZX645" s="613"/>
      <c r="UZY645" s="613"/>
      <c r="UZZ645" s="613"/>
      <c r="VAA645" s="613"/>
      <c r="VAB645" s="613"/>
      <c r="VAC645" s="613"/>
      <c r="VAD645" s="613"/>
      <c r="VAE645" s="613"/>
      <c r="VAF645" s="613"/>
      <c r="VAG645" s="613"/>
      <c r="VAH645" s="613"/>
      <c r="VAI645" s="613"/>
      <c r="VAJ645" s="613"/>
      <c r="VAK645" s="613"/>
      <c r="VAL645" s="613"/>
      <c r="VAM645" s="613"/>
      <c r="VAN645" s="613"/>
      <c r="VAO645" s="613"/>
      <c r="VAP645" s="613"/>
      <c r="VAQ645" s="613"/>
      <c r="VAR645" s="613"/>
      <c r="VAS645" s="613"/>
      <c r="VAT645" s="613"/>
      <c r="VAU645" s="613"/>
      <c r="VAV645" s="613"/>
      <c r="VAW645" s="613"/>
      <c r="VAX645" s="613"/>
      <c r="VAY645" s="613"/>
      <c r="VAZ645" s="613"/>
      <c r="VBA645" s="613"/>
      <c r="VBB645" s="613"/>
      <c r="VBC645" s="613"/>
      <c r="VBD645" s="613"/>
      <c r="VBE645" s="613"/>
      <c r="VBF645" s="613"/>
      <c r="VBG645" s="613"/>
      <c r="VBH645" s="613"/>
      <c r="VBI645" s="613"/>
      <c r="VBJ645" s="613"/>
      <c r="VBK645" s="613"/>
      <c r="VBL645" s="613"/>
      <c r="VBM645" s="613"/>
      <c r="VBN645" s="613"/>
      <c r="VBO645" s="613"/>
      <c r="VBP645" s="613"/>
      <c r="VBQ645" s="613"/>
      <c r="VBR645" s="613"/>
      <c r="VBS645" s="613"/>
      <c r="VBT645" s="613"/>
      <c r="VBU645" s="613"/>
      <c r="VBV645" s="613"/>
      <c r="VBW645" s="613"/>
      <c r="VBX645" s="613"/>
      <c r="VBY645" s="613"/>
      <c r="VBZ645" s="613"/>
      <c r="VCA645" s="613"/>
      <c r="VCB645" s="613"/>
      <c r="VCC645" s="613"/>
      <c r="VCD645" s="613"/>
      <c r="VCE645" s="613"/>
      <c r="VCF645" s="613"/>
      <c r="VCG645" s="613"/>
      <c r="VCH645" s="613"/>
      <c r="VCI645" s="613"/>
      <c r="VCJ645" s="613"/>
      <c r="VCK645" s="613"/>
      <c r="VCL645" s="613"/>
      <c r="VCM645" s="613"/>
      <c r="VCN645" s="613"/>
      <c r="VCO645" s="613"/>
      <c r="VCP645" s="613"/>
      <c r="VCQ645" s="613"/>
      <c r="VCR645" s="613"/>
      <c r="VCS645" s="613"/>
      <c r="VCT645" s="613"/>
      <c r="VCU645" s="613"/>
      <c r="VCV645" s="613"/>
      <c r="VCW645" s="613"/>
      <c r="VCX645" s="613"/>
      <c r="VCY645" s="613"/>
      <c r="VCZ645" s="613"/>
      <c r="VDA645" s="613"/>
      <c r="VDB645" s="613"/>
      <c r="VDC645" s="613"/>
      <c r="VDD645" s="613"/>
      <c r="VDE645" s="613"/>
      <c r="VDF645" s="613"/>
      <c r="VDG645" s="613"/>
      <c r="VDH645" s="613"/>
      <c r="VDI645" s="613"/>
      <c r="VDJ645" s="613"/>
      <c r="VDK645" s="613"/>
      <c r="VDL645" s="613"/>
      <c r="VDM645" s="613"/>
      <c r="VDN645" s="613"/>
      <c r="VDO645" s="613"/>
      <c r="VDP645" s="613"/>
      <c r="VDQ645" s="613"/>
      <c r="VDR645" s="613"/>
      <c r="VDS645" s="613"/>
      <c r="VDT645" s="613"/>
      <c r="VDU645" s="613"/>
      <c r="VDV645" s="613"/>
      <c r="VDW645" s="613"/>
      <c r="VDX645" s="613"/>
      <c r="VDY645" s="613"/>
      <c r="VDZ645" s="613"/>
      <c r="VEA645" s="613"/>
      <c r="VEB645" s="613"/>
      <c r="VEC645" s="613"/>
      <c r="VED645" s="613"/>
      <c r="VEE645" s="613"/>
      <c r="VEF645" s="613"/>
      <c r="VEG645" s="613"/>
      <c r="VEH645" s="613"/>
      <c r="VEI645" s="613"/>
      <c r="VEJ645" s="613"/>
      <c r="VEK645" s="613"/>
      <c r="VEL645" s="613"/>
      <c r="VEM645" s="613"/>
      <c r="VEN645" s="613"/>
      <c r="VEO645" s="613"/>
      <c r="VEP645" s="613"/>
      <c r="VEQ645" s="613"/>
      <c r="VER645" s="613"/>
      <c r="VES645" s="613"/>
      <c r="VET645" s="613"/>
      <c r="VEU645" s="613"/>
      <c r="VEV645" s="613"/>
      <c r="VEW645" s="613"/>
      <c r="VEX645" s="613"/>
      <c r="VEY645" s="613"/>
      <c r="VEZ645" s="613"/>
      <c r="VFA645" s="613"/>
      <c r="VFB645" s="613"/>
      <c r="VFC645" s="613"/>
      <c r="VFD645" s="613"/>
      <c r="VFE645" s="613"/>
      <c r="VFF645" s="613"/>
      <c r="VFG645" s="613"/>
      <c r="VFH645" s="613"/>
      <c r="VFI645" s="613"/>
      <c r="VFJ645" s="613"/>
      <c r="VFK645" s="613"/>
      <c r="VFL645" s="613"/>
      <c r="VFM645" s="613"/>
      <c r="VFN645" s="613"/>
      <c r="VFO645" s="613"/>
      <c r="VFP645" s="613"/>
      <c r="VFQ645" s="613"/>
      <c r="VFR645" s="613"/>
      <c r="VFS645" s="613"/>
      <c r="VFT645" s="613"/>
      <c r="VFU645" s="613"/>
      <c r="VFV645" s="613"/>
      <c r="VFW645" s="613"/>
      <c r="VFX645" s="613"/>
      <c r="VFY645" s="613"/>
      <c r="VFZ645" s="613"/>
      <c r="VGA645" s="613"/>
      <c r="VGB645" s="613"/>
      <c r="VGC645" s="613"/>
      <c r="VGD645" s="613"/>
      <c r="VGE645" s="613"/>
      <c r="VGF645" s="613"/>
      <c r="VGG645" s="613"/>
      <c r="VGH645" s="613"/>
      <c r="VGI645" s="613"/>
      <c r="VGJ645" s="613"/>
      <c r="VGK645" s="613"/>
      <c r="VGL645" s="613"/>
      <c r="VGM645" s="613"/>
      <c r="VGN645" s="613"/>
      <c r="VGO645" s="613"/>
      <c r="VGP645" s="613"/>
      <c r="VGQ645" s="613"/>
      <c r="VGR645" s="613"/>
      <c r="VGS645" s="613"/>
      <c r="VGT645" s="613"/>
      <c r="VGU645" s="613"/>
      <c r="VGV645" s="613"/>
      <c r="VGW645" s="613"/>
      <c r="VGX645" s="613"/>
      <c r="VGY645" s="613"/>
      <c r="VGZ645" s="613"/>
      <c r="VHA645" s="613"/>
      <c r="VHB645" s="613"/>
      <c r="VHC645" s="613"/>
      <c r="VHD645" s="613"/>
      <c r="VHE645" s="613"/>
      <c r="VHF645" s="613"/>
      <c r="VHG645" s="613"/>
      <c r="VHH645" s="613"/>
      <c r="VHI645" s="613"/>
      <c r="VHJ645" s="613"/>
      <c r="VHK645" s="613"/>
      <c r="VHL645" s="613"/>
      <c r="VHM645" s="613"/>
      <c r="VHN645" s="613"/>
      <c r="VHO645" s="613"/>
      <c r="VHP645" s="613"/>
      <c r="VHQ645" s="613"/>
      <c r="VHR645" s="613"/>
      <c r="VHS645" s="613"/>
      <c r="VHT645" s="613"/>
      <c r="VHU645" s="613"/>
      <c r="VHV645" s="613"/>
      <c r="VHW645" s="613"/>
      <c r="VHX645" s="613"/>
      <c r="VHY645" s="613"/>
      <c r="VHZ645" s="613"/>
      <c r="VIA645" s="613"/>
      <c r="VIB645" s="613"/>
      <c r="VIC645" s="613"/>
      <c r="VID645" s="613"/>
      <c r="VIE645" s="613"/>
      <c r="VIF645" s="613"/>
      <c r="VIG645" s="613"/>
      <c r="VIH645" s="613"/>
      <c r="VII645" s="613"/>
      <c r="VIJ645" s="613"/>
      <c r="VIK645" s="613"/>
      <c r="VIL645" s="613"/>
      <c r="VIM645" s="613"/>
      <c r="VIN645" s="613"/>
      <c r="VIO645" s="613"/>
      <c r="VIP645" s="613"/>
      <c r="VIQ645" s="613"/>
      <c r="VIR645" s="613"/>
      <c r="VIS645" s="613"/>
      <c r="VIT645" s="613"/>
      <c r="VIU645" s="613"/>
      <c r="VIV645" s="613"/>
      <c r="VIW645" s="613"/>
      <c r="VIX645" s="613"/>
      <c r="VIY645" s="613"/>
      <c r="VIZ645" s="613"/>
      <c r="VJA645" s="613"/>
      <c r="VJB645" s="613"/>
      <c r="VJC645" s="613"/>
      <c r="VJD645" s="613"/>
      <c r="VJE645" s="613"/>
      <c r="VJF645" s="613"/>
      <c r="VJG645" s="613"/>
      <c r="VJH645" s="613"/>
      <c r="VJI645" s="613"/>
      <c r="VJJ645" s="613"/>
      <c r="VJK645" s="613"/>
      <c r="VJL645" s="613"/>
      <c r="VJM645" s="613"/>
      <c r="VJN645" s="613"/>
      <c r="VJO645" s="613"/>
      <c r="VJP645" s="613"/>
      <c r="VJQ645" s="613"/>
      <c r="VJR645" s="613"/>
      <c r="VJS645" s="613"/>
      <c r="VJT645" s="613"/>
      <c r="VJU645" s="613"/>
      <c r="VJV645" s="613"/>
      <c r="VJW645" s="613"/>
      <c r="VJX645" s="613"/>
      <c r="VJY645" s="613"/>
      <c r="VJZ645" s="613"/>
      <c r="VKA645" s="613"/>
      <c r="VKB645" s="613"/>
      <c r="VKC645" s="613"/>
      <c r="VKD645" s="613"/>
      <c r="VKE645" s="613"/>
      <c r="VKF645" s="613"/>
      <c r="VKG645" s="613"/>
      <c r="VKH645" s="613"/>
      <c r="VKI645" s="613"/>
      <c r="VKJ645" s="613"/>
      <c r="VKK645" s="613"/>
      <c r="VKL645" s="613"/>
      <c r="VKM645" s="613"/>
      <c r="VKN645" s="613"/>
      <c r="VKO645" s="613"/>
      <c r="VKP645" s="613"/>
      <c r="VKQ645" s="613"/>
      <c r="VKR645" s="613"/>
      <c r="VKS645" s="613"/>
      <c r="VKT645" s="613"/>
      <c r="VKU645" s="613"/>
      <c r="VKV645" s="613"/>
      <c r="VKW645" s="613"/>
      <c r="VKX645" s="613"/>
      <c r="VKY645" s="613"/>
      <c r="VKZ645" s="613"/>
      <c r="VLA645" s="613"/>
      <c r="VLB645" s="613"/>
      <c r="VLC645" s="613"/>
      <c r="VLD645" s="613"/>
      <c r="VLE645" s="613"/>
      <c r="VLF645" s="613"/>
      <c r="VLG645" s="613"/>
      <c r="VLH645" s="613"/>
      <c r="VLI645" s="613"/>
      <c r="VLJ645" s="613"/>
      <c r="VLK645" s="613"/>
      <c r="VLL645" s="613"/>
      <c r="VLM645" s="613"/>
      <c r="VLN645" s="613"/>
      <c r="VLO645" s="613"/>
      <c r="VLP645" s="613"/>
      <c r="VLQ645" s="613"/>
      <c r="VLR645" s="613"/>
      <c r="VLS645" s="613"/>
      <c r="VLT645" s="613"/>
      <c r="VLU645" s="613"/>
      <c r="VLV645" s="613"/>
      <c r="VLW645" s="613"/>
      <c r="VLX645" s="613"/>
      <c r="VLY645" s="613"/>
      <c r="VLZ645" s="613"/>
      <c r="VMA645" s="613"/>
      <c r="VMB645" s="613"/>
      <c r="VMC645" s="613"/>
      <c r="VMD645" s="613"/>
      <c r="VME645" s="613"/>
      <c r="VMF645" s="613"/>
      <c r="VMG645" s="613"/>
      <c r="VMH645" s="613"/>
      <c r="VMI645" s="613"/>
      <c r="VMJ645" s="613"/>
      <c r="VMK645" s="613"/>
      <c r="VML645" s="613"/>
      <c r="VMM645" s="613"/>
      <c r="VMN645" s="613"/>
      <c r="VMO645" s="613"/>
      <c r="VMP645" s="613"/>
      <c r="VMQ645" s="613"/>
      <c r="VMR645" s="613"/>
      <c r="VMS645" s="613"/>
      <c r="VMT645" s="613"/>
      <c r="VMU645" s="613"/>
      <c r="VMV645" s="613"/>
      <c r="VMW645" s="613"/>
      <c r="VMX645" s="613"/>
      <c r="VMY645" s="613"/>
      <c r="VMZ645" s="613"/>
      <c r="VNA645" s="613"/>
      <c r="VNB645" s="613"/>
      <c r="VNC645" s="613"/>
      <c r="VND645" s="613"/>
      <c r="VNE645" s="613"/>
      <c r="VNF645" s="613"/>
      <c r="VNG645" s="613"/>
      <c r="VNH645" s="613"/>
      <c r="VNI645" s="613"/>
      <c r="VNJ645" s="613"/>
      <c r="VNK645" s="613"/>
      <c r="VNL645" s="613"/>
      <c r="VNM645" s="613"/>
      <c r="VNN645" s="613"/>
      <c r="VNO645" s="613"/>
      <c r="VNP645" s="613"/>
      <c r="VNQ645" s="613"/>
      <c r="VNR645" s="613"/>
      <c r="VNS645" s="613"/>
      <c r="VNT645" s="613"/>
      <c r="VNU645" s="613"/>
      <c r="VNV645" s="613"/>
      <c r="VNW645" s="613"/>
      <c r="VNX645" s="613"/>
      <c r="VNY645" s="613"/>
      <c r="VNZ645" s="613"/>
      <c r="VOA645" s="613"/>
      <c r="VOB645" s="613"/>
      <c r="VOC645" s="613"/>
      <c r="VOD645" s="613"/>
      <c r="VOE645" s="613"/>
      <c r="VOF645" s="613"/>
      <c r="VOG645" s="613"/>
      <c r="VOH645" s="613"/>
      <c r="VOI645" s="613"/>
      <c r="VOJ645" s="613"/>
      <c r="VOK645" s="613"/>
      <c r="VOL645" s="613"/>
      <c r="VOM645" s="613"/>
      <c r="VON645" s="613"/>
      <c r="VOO645" s="613"/>
      <c r="VOP645" s="613"/>
      <c r="VOQ645" s="613"/>
      <c r="VOR645" s="613"/>
      <c r="VOS645" s="613"/>
      <c r="VOT645" s="613"/>
      <c r="VOU645" s="613"/>
      <c r="VOV645" s="613"/>
      <c r="VOW645" s="613"/>
      <c r="VOX645" s="613"/>
      <c r="VOY645" s="613"/>
      <c r="VOZ645" s="613"/>
      <c r="VPA645" s="613"/>
      <c r="VPB645" s="613"/>
      <c r="VPC645" s="613"/>
      <c r="VPD645" s="613"/>
      <c r="VPE645" s="613"/>
      <c r="VPF645" s="613"/>
      <c r="VPG645" s="613"/>
      <c r="VPH645" s="613"/>
      <c r="VPI645" s="613"/>
      <c r="VPJ645" s="613"/>
      <c r="VPK645" s="613"/>
      <c r="VPL645" s="613"/>
      <c r="VPM645" s="613"/>
      <c r="VPN645" s="613"/>
      <c r="VPO645" s="613"/>
      <c r="VPP645" s="613"/>
      <c r="VPQ645" s="613"/>
      <c r="VPR645" s="613"/>
      <c r="VPS645" s="613"/>
      <c r="VPT645" s="613"/>
      <c r="VPU645" s="613"/>
      <c r="VPV645" s="613"/>
      <c r="VPW645" s="613"/>
      <c r="VPX645" s="613"/>
      <c r="VPY645" s="613"/>
      <c r="VPZ645" s="613"/>
      <c r="VQA645" s="613"/>
      <c r="VQB645" s="613"/>
      <c r="VQC645" s="613"/>
      <c r="VQD645" s="613"/>
      <c r="VQE645" s="613"/>
      <c r="VQF645" s="613"/>
      <c r="VQG645" s="613"/>
      <c r="VQH645" s="613"/>
      <c r="VQI645" s="613"/>
      <c r="VQJ645" s="613"/>
      <c r="VQK645" s="613"/>
      <c r="VQL645" s="613"/>
      <c r="VQM645" s="613"/>
      <c r="VQN645" s="613"/>
      <c r="VQO645" s="613"/>
      <c r="VQP645" s="613"/>
      <c r="VQQ645" s="613"/>
      <c r="VQR645" s="613"/>
      <c r="VQS645" s="613"/>
      <c r="VQT645" s="613"/>
      <c r="VQU645" s="613"/>
      <c r="VQV645" s="613"/>
      <c r="VQW645" s="613"/>
      <c r="VQX645" s="613"/>
      <c r="VQY645" s="613"/>
      <c r="VQZ645" s="613"/>
      <c r="VRA645" s="613"/>
      <c r="VRB645" s="613"/>
      <c r="VRC645" s="613"/>
      <c r="VRD645" s="613"/>
      <c r="VRE645" s="613"/>
      <c r="VRF645" s="613"/>
      <c r="VRG645" s="613"/>
      <c r="VRH645" s="613"/>
      <c r="VRI645" s="613"/>
      <c r="VRJ645" s="613"/>
      <c r="VRK645" s="613"/>
      <c r="VRL645" s="613"/>
      <c r="VRM645" s="613"/>
      <c r="VRN645" s="613"/>
      <c r="VRO645" s="613"/>
      <c r="VRP645" s="613"/>
      <c r="VRQ645" s="613"/>
      <c r="VRR645" s="613"/>
      <c r="VRS645" s="613"/>
      <c r="VRT645" s="613"/>
      <c r="VRU645" s="613"/>
      <c r="VRV645" s="613"/>
      <c r="VRW645" s="613"/>
      <c r="VRX645" s="613"/>
      <c r="VRY645" s="613"/>
      <c r="VRZ645" s="613"/>
      <c r="VSA645" s="613"/>
      <c r="VSB645" s="613"/>
      <c r="VSC645" s="613"/>
      <c r="VSD645" s="613"/>
      <c r="VSE645" s="613"/>
      <c r="VSF645" s="613"/>
      <c r="VSG645" s="613"/>
      <c r="VSH645" s="613"/>
      <c r="VSI645" s="613"/>
      <c r="VSJ645" s="613"/>
      <c r="VSK645" s="613"/>
      <c r="VSL645" s="613"/>
      <c r="VSM645" s="613"/>
      <c r="VSN645" s="613"/>
      <c r="VSO645" s="613"/>
      <c r="VSP645" s="613"/>
      <c r="VSQ645" s="613"/>
      <c r="VSR645" s="613"/>
      <c r="VSS645" s="613"/>
      <c r="VST645" s="613"/>
      <c r="VSU645" s="613"/>
      <c r="VSV645" s="613"/>
      <c r="VSW645" s="613"/>
      <c r="VSX645" s="613"/>
      <c r="VSY645" s="613"/>
      <c r="VSZ645" s="613"/>
      <c r="VTA645" s="613"/>
      <c r="VTB645" s="613"/>
      <c r="VTC645" s="613"/>
      <c r="VTD645" s="613"/>
      <c r="VTE645" s="613"/>
      <c r="VTF645" s="613"/>
      <c r="VTG645" s="613"/>
      <c r="VTH645" s="613"/>
      <c r="VTI645" s="613"/>
      <c r="VTJ645" s="613"/>
      <c r="VTK645" s="613"/>
      <c r="VTL645" s="613"/>
      <c r="VTM645" s="613"/>
      <c r="VTN645" s="613"/>
      <c r="VTO645" s="613"/>
      <c r="VTP645" s="613"/>
      <c r="VTQ645" s="613"/>
      <c r="VTR645" s="613"/>
      <c r="VTS645" s="613"/>
      <c r="VTT645" s="613"/>
      <c r="VTU645" s="613"/>
      <c r="VTV645" s="613"/>
      <c r="VTW645" s="613"/>
      <c r="VTX645" s="613"/>
      <c r="VTY645" s="613"/>
      <c r="VTZ645" s="613"/>
      <c r="VUA645" s="613"/>
      <c r="VUB645" s="613"/>
      <c r="VUC645" s="613"/>
      <c r="VUD645" s="613"/>
      <c r="VUE645" s="613"/>
      <c r="VUF645" s="613"/>
      <c r="VUG645" s="613"/>
      <c r="VUH645" s="613"/>
      <c r="VUI645" s="613"/>
      <c r="VUJ645" s="613"/>
      <c r="VUK645" s="613"/>
      <c r="VUL645" s="613"/>
      <c r="VUM645" s="613"/>
      <c r="VUN645" s="613"/>
      <c r="VUO645" s="613"/>
      <c r="VUP645" s="613"/>
      <c r="VUQ645" s="613"/>
      <c r="VUR645" s="613"/>
      <c r="VUS645" s="613"/>
      <c r="VUT645" s="613"/>
      <c r="VUU645" s="613"/>
      <c r="VUV645" s="613"/>
      <c r="VUW645" s="613"/>
      <c r="VUX645" s="613"/>
      <c r="VUY645" s="613"/>
      <c r="VUZ645" s="613"/>
      <c r="VVA645" s="613"/>
      <c r="VVB645" s="613"/>
      <c r="VVC645" s="613"/>
      <c r="VVD645" s="613"/>
      <c r="VVE645" s="613"/>
      <c r="VVF645" s="613"/>
      <c r="VVG645" s="613"/>
      <c r="VVH645" s="613"/>
      <c r="VVI645" s="613"/>
      <c r="VVJ645" s="613"/>
      <c r="VVK645" s="613"/>
      <c r="VVL645" s="613"/>
      <c r="VVM645" s="613"/>
      <c r="VVN645" s="613"/>
      <c r="VVO645" s="613"/>
      <c r="VVP645" s="613"/>
      <c r="VVQ645" s="613"/>
      <c r="VVR645" s="613"/>
      <c r="VVS645" s="613"/>
      <c r="VVT645" s="613"/>
      <c r="VVU645" s="613"/>
      <c r="VVV645" s="613"/>
      <c r="VVW645" s="613"/>
      <c r="VVX645" s="613"/>
      <c r="VVY645" s="613"/>
      <c r="VVZ645" s="613"/>
      <c r="VWA645" s="613"/>
      <c r="VWB645" s="613"/>
      <c r="VWC645" s="613"/>
      <c r="VWD645" s="613"/>
      <c r="VWE645" s="613"/>
      <c r="VWF645" s="613"/>
      <c r="VWG645" s="613"/>
      <c r="VWH645" s="613"/>
      <c r="VWI645" s="613"/>
      <c r="VWJ645" s="613"/>
      <c r="VWK645" s="613"/>
      <c r="VWL645" s="613"/>
      <c r="VWM645" s="613"/>
      <c r="VWN645" s="613"/>
      <c r="VWO645" s="613"/>
      <c r="VWP645" s="613"/>
      <c r="VWQ645" s="613"/>
      <c r="VWR645" s="613"/>
      <c r="VWS645" s="613"/>
      <c r="VWT645" s="613"/>
      <c r="VWU645" s="613"/>
      <c r="VWV645" s="613"/>
      <c r="VWW645" s="613"/>
      <c r="VWX645" s="613"/>
      <c r="VWY645" s="613"/>
      <c r="VWZ645" s="613"/>
      <c r="VXA645" s="613"/>
      <c r="VXB645" s="613"/>
      <c r="VXC645" s="613"/>
      <c r="VXD645" s="613"/>
      <c r="VXE645" s="613"/>
      <c r="VXF645" s="613"/>
      <c r="VXG645" s="613"/>
      <c r="VXH645" s="613"/>
      <c r="VXI645" s="613"/>
      <c r="VXJ645" s="613"/>
      <c r="VXK645" s="613"/>
      <c r="VXL645" s="613"/>
      <c r="VXM645" s="613"/>
      <c r="VXN645" s="613"/>
      <c r="VXO645" s="613"/>
      <c r="VXP645" s="613"/>
      <c r="VXQ645" s="613"/>
      <c r="VXR645" s="613"/>
      <c r="VXS645" s="613"/>
      <c r="VXT645" s="613"/>
      <c r="VXU645" s="613"/>
      <c r="VXV645" s="613"/>
      <c r="VXW645" s="613"/>
      <c r="VXX645" s="613"/>
      <c r="VXY645" s="613"/>
      <c r="VXZ645" s="613"/>
      <c r="VYA645" s="613"/>
      <c r="VYB645" s="613"/>
      <c r="VYC645" s="613"/>
      <c r="VYD645" s="613"/>
      <c r="VYE645" s="613"/>
      <c r="VYF645" s="613"/>
      <c r="VYG645" s="613"/>
      <c r="VYH645" s="613"/>
      <c r="VYI645" s="613"/>
      <c r="VYJ645" s="613"/>
      <c r="VYK645" s="613"/>
      <c r="VYL645" s="613"/>
      <c r="VYM645" s="613"/>
      <c r="VYN645" s="613"/>
      <c r="VYO645" s="613"/>
      <c r="VYP645" s="613"/>
      <c r="VYQ645" s="613"/>
      <c r="VYR645" s="613"/>
      <c r="VYS645" s="613"/>
      <c r="VYT645" s="613"/>
      <c r="VYU645" s="613"/>
      <c r="VYV645" s="613"/>
      <c r="VYW645" s="613"/>
      <c r="VYX645" s="613"/>
      <c r="VYY645" s="613"/>
      <c r="VYZ645" s="613"/>
      <c r="VZA645" s="613"/>
      <c r="VZB645" s="613"/>
      <c r="VZC645" s="613"/>
      <c r="VZD645" s="613"/>
      <c r="VZE645" s="613"/>
      <c r="VZF645" s="613"/>
      <c r="VZG645" s="613"/>
      <c r="VZH645" s="613"/>
      <c r="VZI645" s="613"/>
      <c r="VZJ645" s="613"/>
      <c r="VZK645" s="613"/>
      <c r="VZL645" s="613"/>
      <c r="VZM645" s="613"/>
      <c r="VZN645" s="613"/>
      <c r="VZO645" s="613"/>
      <c r="VZP645" s="613"/>
      <c r="VZQ645" s="613"/>
      <c r="VZR645" s="613"/>
      <c r="VZS645" s="613"/>
      <c r="VZT645" s="613"/>
      <c r="VZU645" s="613"/>
      <c r="VZV645" s="613"/>
      <c r="VZW645" s="613"/>
      <c r="VZX645" s="613"/>
      <c r="VZY645" s="613"/>
      <c r="VZZ645" s="613"/>
      <c r="WAA645" s="613"/>
      <c r="WAB645" s="613"/>
      <c r="WAC645" s="613"/>
      <c r="WAD645" s="613"/>
      <c r="WAE645" s="613"/>
      <c r="WAF645" s="613"/>
      <c r="WAG645" s="613"/>
      <c r="WAH645" s="613"/>
      <c r="WAI645" s="613"/>
      <c r="WAJ645" s="613"/>
      <c r="WAK645" s="613"/>
      <c r="WAL645" s="613"/>
      <c r="WAM645" s="613"/>
      <c r="WAN645" s="613"/>
      <c r="WAO645" s="613"/>
      <c r="WAP645" s="613"/>
      <c r="WAQ645" s="613"/>
      <c r="WAR645" s="613"/>
      <c r="WAS645" s="613"/>
      <c r="WAT645" s="613"/>
      <c r="WAU645" s="613"/>
      <c r="WAV645" s="613"/>
      <c r="WAW645" s="613"/>
      <c r="WAX645" s="613"/>
      <c r="WAY645" s="613"/>
      <c r="WAZ645" s="613"/>
      <c r="WBA645" s="613"/>
      <c r="WBB645" s="613"/>
      <c r="WBC645" s="613"/>
      <c r="WBD645" s="613"/>
      <c r="WBE645" s="613"/>
      <c r="WBF645" s="613"/>
      <c r="WBG645" s="613"/>
      <c r="WBH645" s="613"/>
      <c r="WBI645" s="613"/>
      <c r="WBJ645" s="613"/>
      <c r="WBK645" s="613"/>
      <c r="WBL645" s="613"/>
      <c r="WBM645" s="613"/>
      <c r="WBN645" s="613"/>
      <c r="WBO645" s="613"/>
      <c r="WBP645" s="613"/>
      <c r="WBQ645" s="613"/>
      <c r="WBR645" s="613"/>
      <c r="WBS645" s="613"/>
      <c r="WBT645" s="613"/>
      <c r="WBU645" s="613"/>
      <c r="WBV645" s="613"/>
      <c r="WBW645" s="613"/>
      <c r="WBX645" s="613"/>
      <c r="WBY645" s="613"/>
      <c r="WBZ645" s="613"/>
      <c r="WCA645" s="613"/>
      <c r="WCB645" s="613"/>
      <c r="WCC645" s="613"/>
      <c r="WCD645" s="613"/>
      <c r="WCE645" s="613"/>
      <c r="WCF645" s="613"/>
      <c r="WCG645" s="613"/>
      <c r="WCH645" s="613"/>
      <c r="WCI645" s="613"/>
      <c r="WCJ645" s="613"/>
      <c r="WCK645" s="613"/>
      <c r="WCL645" s="613"/>
      <c r="WCM645" s="613"/>
      <c r="WCN645" s="613"/>
      <c r="WCO645" s="613"/>
      <c r="WCP645" s="613"/>
      <c r="WCQ645" s="613"/>
      <c r="WCR645" s="613"/>
      <c r="WCS645" s="613"/>
      <c r="WCT645" s="613"/>
      <c r="WCU645" s="613"/>
      <c r="WCV645" s="613"/>
      <c r="WCW645" s="613"/>
      <c r="WCX645" s="613"/>
      <c r="WCY645" s="613"/>
      <c r="WCZ645" s="613"/>
      <c r="WDA645" s="613"/>
      <c r="WDB645" s="613"/>
      <c r="WDC645" s="613"/>
      <c r="WDD645" s="613"/>
      <c r="WDE645" s="613"/>
      <c r="WDF645" s="613"/>
      <c r="WDG645" s="613"/>
      <c r="WDH645" s="613"/>
      <c r="WDI645" s="613"/>
      <c r="WDJ645" s="613"/>
      <c r="WDK645" s="613"/>
      <c r="WDL645" s="613"/>
      <c r="WDM645" s="613"/>
      <c r="WDN645" s="613"/>
      <c r="WDO645" s="613"/>
      <c r="WDP645" s="613"/>
      <c r="WDQ645" s="613"/>
      <c r="WDR645" s="613"/>
      <c r="WDS645" s="613"/>
      <c r="WDT645" s="613"/>
      <c r="WDU645" s="613"/>
      <c r="WDV645" s="613"/>
      <c r="WDW645" s="613"/>
      <c r="WDX645" s="613"/>
      <c r="WDY645" s="613"/>
      <c r="WDZ645" s="613"/>
      <c r="WEA645" s="613"/>
      <c r="WEB645" s="613"/>
      <c r="WEC645" s="613"/>
      <c r="WED645" s="613"/>
      <c r="WEE645" s="613"/>
      <c r="WEF645" s="613"/>
      <c r="WEG645" s="613"/>
      <c r="WEH645" s="613"/>
      <c r="WEI645" s="613"/>
      <c r="WEJ645" s="613"/>
      <c r="WEK645" s="613"/>
      <c r="WEL645" s="613"/>
      <c r="WEM645" s="613"/>
      <c r="WEN645" s="613"/>
      <c r="WEO645" s="613"/>
      <c r="WEP645" s="613"/>
      <c r="WEQ645" s="613"/>
      <c r="WER645" s="613"/>
      <c r="WES645" s="613"/>
      <c r="WET645" s="613"/>
      <c r="WEU645" s="613"/>
      <c r="WEV645" s="613"/>
      <c r="WEW645" s="613"/>
      <c r="WEX645" s="613"/>
      <c r="WEY645" s="613"/>
      <c r="WEZ645" s="613"/>
      <c r="WFA645" s="613"/>
      <c r="WFB645" s="613"/>
      <c r="WFC645" s="613"/>
      <c r="WFD645" s="613"/>
      <c r="WFE645" s="613"/>
      <c r="WFF645" s="613"/>
      <c r="WFG645" s="613"/>
      <c r="WFH645" s="613"/>
      <c r="WFI645" s="613"/>
      <c r="WFJ645" s="613"/>
      <c r="WFK645" s="613"/>
      <c r="WFL645" s="613"/>
      <c r="WFM645" s="613"/>
      <c r="WFN645" s="613"/>
      <c r="WFO645" s="613"/>
      <c r="WFP645" s="613"/>
      <c r="WFQ645" s="613"/>
      <c r="WFR645" s="613"/>
      <c r="WFS645" s="613"/>
      <c r="WFT645" s="613"/>
      <c r="WFU645" s="613"/>
      <c r="WFV645" s="613"/>
      <c r="WFW645" s="613"/>
      <c r="WFX645" s="613"/>
      <c r="WFY645" s="613"/>
      <c r="WFZ645" s="613"/>
      <c r="WGA645" s="613"/>
      <c r="WGB645" s="613"/>
      <c r="WGC645" s="613"/>
      <c r="WGD645" s="613"/>
      <c r="WGE645" s="613"/>
      <c r="WGF645" s="613"/>
      <c r="WGG645" s="613"/>
      <c r="WGH645" s="613"/>
      <c r="WGI645" s="613"/>
      <c r="WGJ645" s="613"/>
      <c r="WGK645" s="613"/>
      <c r="WGL645" s="613"/>
      <c r="WGM645" s="613"/>
      <c r="WGN645" s="613"/>
      <c r="WGO645" s="613"/>
      <c r="WGP645" s="613"/>
      <c r="WGQ645" s="613"/>
      <c r="WGR645" s="613"/>
      <c r="WGS645" s="613"/>
      <c r="WGT645" s="613"/>
      <c r="WGU645" s="613"/>
      <c r="WGV645" s="613"/>
      <c r="WGW645" s="613"/>
      <c r="WGX645" s="613"/>
      <c r="WGY645" s="613"/>
      <c r="WGZ645" s="613"/>
      <c r="WHA645" s="613"/>
      <c r="WHB645" s="613"/>
      <c r="WHC645" s="613"/>
      <c r="WHD645" s="613"/>
      <c r="WHE645" s="613"/>
      <c r="WHF645" s="613"/>
      <c r="WHG645" s="613"/>
      <c r="WHH645" s="613"/>
      <c r="WHI645" s="613"/>
      <c r="WHJ645" s="613"/>
      <c r="WHK645" s="613"/>
      <c r="WHL645" s="613"/>
      <c r="WHM645" s="613"/>
      <c r="WHN645" s="613"/>
      <c r="WHO645" s="613"/>
      <c r="WHP645" s="613"/>
      <c r="WHQ645" s="613"/>
      <c r="WHR645" s="613"/>
      <c r="WHS645" s="613"/>
      <c r="WHT645" s="613"/>
      <c r="WHU645" s="613"/>
      <c r="WHV645" s="613"/>
      <c r="WHW645" s="613"/>
      <c r="WHX645" s="613"/>
      <c r="WHY645" s="613"/>
      <c r="WHZ645" s="613"/>
      <c r="WIA645" s="613"/>
      <c r="WIB645" s="613"/>
      <c r="WIC645" s="613"/>
      <c r="WID645" s="613"/>
      <c r="WIE645" s="613"/>
      <c r="WIF645" s="613"/>
      <c r="WIG645" s="613"/>
      <c r="WIH645" s="613"/>
      <c r="WII645" s="613"/>
      <c r="WIJ645" s="613"/>
      <c r="WIK645" s="613"/>
      <c r="WIL645" s="613"/>
      <c r="WIM645" s="613"/>
      <c r="WIN645" s="613"/>
      <c r="WIO645" s="613"/>
      <c r="WIP645" s="613"/>
      <c r="WIQ645" s="613"/>
      <c r="WIR645" s="613"/>
      <c r="WIS645" s="613"/>
      <c r="WIT645" s="613"/>
      <c r="WIU645" s="613"/>
      <c r="WIV645" s="613"/>
      <c r="WIW645" s="613"/>
      <c r="WIX645" s="613"/>
      <c r="WIY645" s="613"/>
      <c r="WIZ645" s="613"/>
      <c r="WJA645" s="613"/>
      <c r="WJB645" s="613"/>
      <c r="WJC645" s="613"/>
      <c r="WJD645" s="613"/>
      <c r="WJE645" s="613"/>
      <c r="WJF645" s="613"/>
      <c r="WJG645" s="613"/>
      <c r="WJH645" s="613"/>
      <c r="WJI645" s="613"/>
      <c r="WJJ645" s="613"/>
      <c r="WJK645" s="613"/>
      <c r="WJL645" s="613"/>
      <c r="WJM645" s="613"/>
      <c r="WJN645" s="613"/>
      <c r="WJO645" s="613"/>
      <c r="WJP645" s="613"/>
      <c r="WJQ645" s="613"/>
      <c r="WJR645" s="613"/>
      <c r="WJS645" s="613"/>
      <c r="WJT645" s="613"/>
      <c r="WJU645" s="613"/>
      <c r="WJV645" s="613"/>
      <c r="WJW645" s="613"/>
      <c r="WJX645" s="613"/>
      <c r="WJY645" s="613"/>
      <c r="WJZ645" s="613"/>
      <c r="WKA645" s="613"/>
      <c r="WKB645" s="613"/>
      <c r="WKC645" s="613"/>
      <c r="WKD645" s="613"/>
      <c r="WKE645" s="613"/>
      <c r="WKF645" s="613"/>
      <c r="WKG645" s="613"/>
      <c r="WKH645" s="613"/>
      <c r="WKI645" s="613"/>
      <c r="WKJ645" s="613"/>
      <c r="WKK645" s="613"/>
      <c r="WKL645" s="613"/>
      <c r="WKM645" s="613"/>
      <c r="WKN645" s="613"/>
      <c r="WKO645" s="613"/>
      <c r="WKP645" s="613"/>
      <c r="WKQ645" s="613"/>
      <c r="WKR645" s="613"/>
      <c r="WKS645" s="613"/>
      <c r="WKT645" s="613"/>
      <c r="WKU645" s="613"/>
      <c r="WKV645" s="613"/>
      <c r="WKW645" s="613"/>
      <c r="WKX645" s="613"/>
      <c r="WKY645" s="613"/>
      <c r="WKZ645" s="613"/>
      <c r="WLA645" s="613"/>
      <c r="WLB645" s="613"/>
      <c r="WLC645" s="613"/>
      <c r="WLD645" s="613"/>
      <c r="WLE645" s="613"/>
      <c r="WLF645" s="613"/>
      <c r="WLG645" s="613"/>
      <c r="WLH645" s="613"/>
      <c r="WLI645" s="613"/>
      <c r="WLJ645" s="613"/>
      <c r="WLK645" s="613"/>
      <c r="WLL645" s="613"/>
      <c r="WLM645" s="613"/>
      <c r="WLN645" s="613"/>
      <c r="WLO645" s="613"/>
      <c r="WLP645" s="613"/>
      <c r="WLQ645" s="613"/>
      <c r="WLR645" s="613"/>
      <c r="WLS645" s="613"/>
      <c r="WLT645" s="613"/>
      <c r="WLU645" s="613"/>
      <c r="WLV645" s="613"/>
      <c r="WLW645" s="613"/>
      <c r="WLX645" s="613"/>
      <c r="WLY645" s="613"/>
      <c r="WLZ645" s="613"/>
      <c r="WMA645" s="613"/>
      <c r="WMB645" s="613"/>
      <c r="WMC645" s="613"/>
      <c r="WMD645" s="613"/>
      <c r="WME645" s="613"/>
      <c r="WMF645" s="613"/>
      <c r="WMG645" s="613"/>
      <c r="WMH645" s="613"/>
      <c r="WMI645" s="613"/>
      <c r="WMJ645" s="613"/>
      <c r="WMK645" s="613"/>
      <c r="WML645" s="613"/>
      <c r="WMM645" s="613"/>
      <c r="WMN645" s="613"/>
      <c r="WMO645" s="613"/>
      <c r="WMP645" s="613"/>
      <c r="WMQ645" s="613"/>
      <c r="WMR645" s="613"/>
      <c r="WMS645" s="613"/>
      <c r="WMT645" s="613"/>
      <c r="WMU645" s="613"/>
      <c r="WMV645" s="613"/>
      <c r="WMW645" s="613"/>
      <c r="WMX645" s="613"/>
      <c r="WMY645" s="613"/>
      <c r="WMZ645" s="613"/>
      <c r="WNA645" s="613"/>
      <c r="WNB645" s="613"/>
      <c r="WNC645" s="613"/>
      <c r="WND645" s="613"/>
      <c r="WNE645" s="613"/>
      <c r="WNF645" s="613"/>
      <c r="WNG645" s="613"/>
      <c r="WNH645" s="613"/>
      <c r="WNI645" s="613"/>
      <c r="WNJ645" s="613"/>
      <c r="WNK645" s="613"/>
      <c r="WNL645" s="613"/>
      <c r="WNM645" s="613"/>
      <c r="WNN645" s="613"/>
      <c r="WNO645" s="613"/>
      <c r="WNP645" s="613"/>
      <c r="WNQ645" s="613"/>
      <c r="WNR645" s="613"/>
      <c r="WNS645" s="613"/>
      <c r="WNT645" s="613"/>
      <c r="WNU645" s="613"/>
      <c r="WNV645" s="613"/>
      <c r="WNW645" s="613"/>
      <c r="WNX645" s="613"/>
      <c r="WNY645" s="613"/>
      <c r="WNZ645" s="613"/>
      <c r="WOA645" s="613"/>
      <c r="WOB645" s="613"/>
      <c r="WOC645" s="613"/>
      <c r="WOD645" s="613"/>
      <c r="WOE645" s="613"/>
      <c r="WOF645" s="613"/>
      <c r="WOG645" s="613"/>
      <c r="WOH645" s="613"/>
      <c r="WOI645" s="613"/>
      <c r="WOJ645" s="613"/>
      <c r="WOK645" s="613"/>
      <c r="WOL645" s="613"/>
      <c r="WOM645" s="613"/>
      <c r="WON645" s="613"/>
      <c r="WOO645" s="613"/>
      <c r="WOP645" s="613"/>
      <c r="WOQ645" s="613"/>
      <c r="WOR645" s="613"/>
      <c r="WOS645" s="613"/>
      <c r="WOT645" s="613"/>
      <c r="WOU645" s="613"/>
      <c r="WOV645" s="613"/>
      <c r="WOW645" s="613"/>
      <c r="WOX645" s="613"/>
      <c r="WOY645" s="613"/>
      <c r="WOZ645" s="613"/>
      <c r="WPA645" s="613"/>
      <c r="WPB645" s="613"/>
      <c r="WPC645" s="613"/>
      <c r="WPD645" s="613"/>
      <c r="WPE645" s="613"/>
      <c r="WPF645" s="613"/>
      <c r="WPG645" s="613"/>
      <c r="WPH645" s="613"/>
      <c r="WPI645" s="613"/>
      <c r="WPJ645" s="613"/>
      <c r="WPK645" s="613"/>
      <c r="WPL645" s="613"/>
      <c r="WPM645" s="613"/>
      <c r="WPN645" s="613"/>
      <c r="WPO645" s="613"/>
      <c r="WPP645" s="613"/>
      <c r="WPQ645" s="613"/>
      <c r="WPR645" s="613"/>
      <c r="WPS645" s="613"/>
      <c r="WPT645" s="613"/>
      <c r="WPU645" s="613"/>
      <c r="WPV645" s="613"/>
      <c r="WPW645" s="613"/>
      <c r="WPX645" s="613"/>
      <c r="WPY645" s="613"/>
      <c r="WPZ645" s="613"/>
      <c r="WQA645" s="613"/>
      <c r="WQB645" s="613"/>
      <c r="WQC645" s="613"/>
      <c r="WQD645" s="613"/>
      <c r="WQE645" s="613"/>
      <c r="WQF645" s="613"/>
      <c r="WQG645" s="613"/>
      <c r="WQH645" s="613"/>
      <c r="WQI645" s="613"/>
      <c r="WQJ645" s="613"/>
      <c r="WQK645" s="613"/>
      <c r="WQL645" s="613"/>
      <c r="WQM645" s="613"/>
      <c r="WQN645" s="613"/>
      <c r="WQO645" s="613"/>
      <c r="WQP645" s="613"/>
      <c r="WQQ645" s="613"/>
      <c r="WQR645" s="613"/>
      <c r="WQS645" s="613"/>
      <c r="WQT645" s="613"/>
      <c r="WQU645" s="613"/>
      <c r="WQV645" s="613"/>
      <c r="WQW645" s="613"/>
      <c r="WQX645" s="613"/>
      <c r="WQY645" s="613"/>
      <c r="WQZ645" s="613"/>
      <c r="WRA645" s="613"/>
      <c r="WRB645" s="613"/>
      <c r="WRC645" s="613"/>
      <c r="WRD645" s="613"/>
      <c r="WRE645" s="613"/>
      <c r="WRF645" s="613"/>
      <c r="WRG645" s="613"/>
      <c r="WRH645" s="613"/>
      <c r="WRI645" s="613"/>
      <c r="WRJ645" s="613"/>
      <c r="WRK645" s="613"/>
      <c r="WRL645" s="613"/>
      <c r="WRM645" s="613"/>
      <c r="WRN645" s="613"/>
      <c r="WRO645" s="613"/>
      <c r="WRP645" s="613"/>
      <c r="WRQ645" s="613"/>
      <c r="WRR645" s="613"/>
      <c r="WRS645" s="613"/>
      <c r="WRT645" s="613"/>
      <c r="WRU645" s="613"/>
      <c r="WRV645" s="613"/>
      <c r="WRW645" s="613"/>
      <c r="WRX645" s="613"/>
      <c r="WRY645" s="613"/>
      <c r="WRZ645" s="613"/>
      <c r="WSA645" s="613"/>
      <c r="WSB645" s="613"/>
      <c r="WSC645" s="613"/>
      <c r="WSD645" s="613"/>
      <c r="WSE645" s="613"/>
      <c r="WSF645" s="613"/>
      <c r="WSG645" s="613"/>
      <c r="WSH645" s="613"/>
      <c r="WSI645" s="613"/>
      <c r="WSJ645" s="613"/>
      <c r="WSK645" s="613"/>
      <c r="WSL645" s="613"/>
      <c r="WSM645" s="613"/>
      <c r="WSN645" s="613"/>
      <c r="WSO645" s="613"/>
      <c r="WSP645" s="613"/>
      <c r="WSQ645" s="613"/>
      <c r="WSR645" s="613"/>
      <c r="WSS645" s="613"/>
      <c r="WST645" s="613"/>
      <c r="WSU645" s="613"/>
      <c r="WSV645" s="613"/>
      <c r="WSW645" s="613"/>
      <c r="WSX645" s="613"/>
      <c r="WSY645" s="613"/>
      <c r="WSZ645" s="613"/>
      <c r="WTA645" s="613"/>
      <c r="WTB645" s="613"/>
      <c r="WTC645" s="613"/>
      <c r="WTD645" s="613"/>
      <c r="WTE645" s="613"/>
      <c r="WTF645" s="613"/>
      <c r="WTG645" s="613"/>
      <c r="WTH645" s="613"/>
      <c r="WTI645" s="613"/>
      <c r="WTJ645" s="613"/>
      <c r="WTK645" s="613"/>
      <c r="WTL645" s="613"/>
      <c r="WTM645" s="613"/>
      <c r="WTN645" s="613"/>
      <c r="WTO645" s="613"/>
      <c r="WTP645" s="613"/>
      <c r="WTQ645" s="613"/>
      <c r="WTR645" s="613"/>
      <c r="WTS645" s="613"/>
      <c r="WTT645" s="613"/>
      <c r="WTU645" s="613"/>
      <c r="WTV645" s="613"/>
      <c r="WTW645" s="613"/>
      <c r="WTX645" s="613"/>
      <c r="WTY645" s="613"/>
      <c r="WTZ645" s="613"/>
      <c r="WUA645" s="613"/>
      <c r="WUB645" s="613"/>
      <c r="WUC645" s="613"/>
      <c r="WUD645" s="613"/>
      <c r="WUE645" s="613"/>
      <c r="WUF645" s="613"/>
      <c r="WUG645" s="613"/>
      <c r="WUH645" s="613"/>
      <c r="WUI645" s="613"/>
      <c r="WUJ645" s="613"/>
      <c r="WUK645" s="613"/>
      <c r="WUL645" s="613"/>
      <c r="WUM645" s="613"/>
      <c r="WUN645" s="613"/>
      <c r="WUO645" s="613"/>
      <c r="WUP645" s="613"/>
      <c r="WUQ645" s="613"/>
      <c r="WUR645" s="613"/>
      <c r="WUS645" s="613"/>
      <c r="WUT645" s="613"/>
      <c r="WUU645" s="613"/>
      <c r="WUV645" s="613"/>
      <c r="WUW645" s="613"/>
      <c r="WUX645" s="613"/>
      <c r="WUY645" s="613"/>
      <c r="WUZ645" s="613"/>
      <c r="WVA645" s="613"/>
      <c r="WVB645" s="613"/>
      <c r="WVC645" s="613"/>
      <c r="WVD645" s="613"/>
      <c r="WVE645" s="613"/>
      <c r="WVF645" s="613"/>
      <c r="WVG645" s="613"/>
      <c r="WVH645" s="613"/>
      <c r="WVI645" s="613"/>
      <c r="WVJ645" s="613"/>
      <c r="WVK645" s="613"/>
      <c r="WVL645" s="613"/>
      <c r="WVM645" s="613"/>
      <c r="WVN645" s="613"/>
      <c r="WVO645" s="613"/>
      <c r="WVP645" s="613"/>
      <c r="WVQ645" s="613"/>
      <c r="WVR645" s="613"/>
      <c r="WVS645" s="613"/>
      <c r="WVT645" s="613"/>
      <c r="WVU645" s="613"/>
      <c r="WVV645" s="613"/>
      <c r="WVW645" s="613"/>
      <c r="WVX645" s="613"/>
      <c r="WVY645" s="613"/>
      <c r="WVZ645" s="613"/>
      <c r="WWA645" s="613"/>
      <c r="WWB645" s="613"/>
      <c r="WWC645" s="613"/>
      <c r="WWD645" s="613"/>
      <c r="WWE645" s="613"/>
      <c r="WWF645" s="613"/>
      <c r="WWG645" s="613"/>
      <c r="WWH645" s="613"/>
      <c r="WWI645" s="613"/>
      <c r="WWJ645" s="613"/>
      <c r="WWK645" s="613"/>
      <c r="WWL645" s="613"/>
      <c r="WWM645" s="613"/>
      <c r="WWN645" s="613"/>
      <c r="WWO645" s="613"/>
      <c r="WWP645" s="613"/>
      <c r="WWQ645" s="613"/>
      <c r="WWR645" s="613"/>
      <c r="WWS645" s="613"/>
      <c r="WWT645" s="613"/>
      <c r="WWU645" s="613"/>
      <c r="WWV645" s="613"/>
      <c r="WWW645" s="613"/>
      <c r="WWX645" s="613"/>
      <c r="WWY645" s="613"/>
      <c r="WWZ645" s="613"/>
      <c r="WXA645" s="613"/>
      <c r="WXB645" s="613"/>
      <c r="WXC645" s="613"/>
      <c r="WXD645" s="613"/>
      <c r="WXE645" s="613"/>
      <c r="WXF645" s="613"/>
      <c r="WXG645" s="613"/>
      <c r="WXH645" s="613"/>
      <c r="WXI645" s="613"/>
      <c r="WXJ645" s="613"/>
      <c r="WXK645" s="613"/>
      <c r="WXL645" s="613"/>
      <c r="WXM645" s="613"/>
      <c r="WXN645" s="613"/>
      <c r="WXO645" s="613"/>
      <c r="WXP645" s="613"/>
      <c r="WXQ645" s="613"/>
      <c r="WXR645" s="613"/>
      <c r="WXS645" s="613"/>
      <c r="WXT645" s="613"/>
      <c r="WXU645" s="613"/>
      <c r="WXV645" s="613"/>
      <c r="WXW645" s="613"/>
      <c r="WXX645" s="613"/>
      <c r="WXY645" s="613"/>
      <c r="WXZ645" s="613"/>
      <c r="WYA645" s="613"/>
      <c r="WYB645" s="613"/>
      <c r="WYC645" s="613"/>
      <c r="WYD645" s="613"/>
      <c r="WYE645" s="613"/>
      <c r="WYF645" s="613"/>
      <c r="WYG645" s="613"/>
      <c r="WYH645" s="613"/>
      <c r="WYI645" s="613"/>
      <c r="WYJ645" s="613"/>
      <c r="WYK645" s="613"/>
      <c r="WYL645" s="613"/>
      <c r="WYM645" s="613"/>
      <c r="WYN645" s="613"/>
      <c r="WYO645" s="613"/>
      <c r="WYP645" s="613"/>
      <c r="WYQ645" s="613"/>
      <c r="WYR645" s="613"/>
      <c r="WYS645" s="613"/>
      <c r="WYT645" s="613"/>
      <c r="WYU645" s="613"/>
      <c r="WYV645" s="613"/>
      <c r="WYW645" s="613"/>
      <c r="WYX645" s="613"/>
      <c r="WYY645" s="613"/>
      <c r="WYZ645" s="613"/>
      <c r="WZA645" s="613"/>
      <c r="WZB645" s="613"/>
      <c r="WZC645" s="613"/>
      <c r="WZD645" s="613"/>
      <c r="WZE645" s="613"/>
      <c r="WZF645" s="613"/>
      <c r="WZG645" s="613"/>
      <c r="WZH645" s="613"/>
      <c r="WZI645" s="613"/>
      <c r="WZJ645" s="613"/>
      <c r="WZK645" s="613"/>
      <c r="WZL645" s="613"/>
      <c r="WZM645" s="613"/>
      <c r="WZN645" s="613"/>
      <c r="WZO645" s="613"/>
      <c r="WZP645" s="613"/>
      <c r="WZQ645" s="613"/>
      <c r="WZR645" s="613"/>
      <c r="WZS645" s="613"/>
      <c r="WZT645" s="613"/>
      <c r="WZU645" s="613"/>
      <c r="WZV645" s="613"/>
      <c r="WZW645" s="613"/>
      <c r="WZX645" s="613"/>
      <c r="WZY645" s="613"/>
      <c r="WZZ645" s="613"/>
      <c r="XAA645" s="613"/>
      <c r="XAB645" s="613"/>
      <c r="XAC645" s="613"/>
      <c r="XAD645" s="613"/>
      <c r="XAE645" s="613"/>
      <c r="XAF645" s="613"/>
      <c r="XAG645" s="613"/>
      <c r="XAH645" s="613"/>
      <c r="XAI645" s="613"/>
      <c r="XAJ645" s="613"/>
      <c r="XAK645" s="613"/>
      <c r="XAL645" s="613"/>
      <c r="XAM645" s="613"/>
      <c r="XAN645" s="613"/>
      <c r="XAO645" s="613"/>
      <c r="XAP645" s="613"/>
      <c r="XAQ645" s="613"/>
      <c r="XAR645" s="613"/>
      <c r="XAS645" s="613"/>
      <c r="XAT645" s="613"/>
      <c r="XAU645" s="613"/>
      <c r="XAV645" s="613"/>
      <c r="XAW645" s="613"/>
      <c r="XAX645" s="613"/>
      <c r="XAY645" s="613"/>
      <c r="XAZ645" s="613"/>
      <c r="XBA645" s="613"/>
      <c r="XBB645" s="613"/>
      <c r="XBC645" s="613"/>
      <c r="XBD645" s="613"/>
      <c r="XBE645" s="613"/>
      <c r="XBF645" s="613"/>
      <c r="XBG645" s="613"/>
      <c r="XBH645" s="613"/>
      <c r="XBI645" s="613"/>
      <c r="XBJ645" s="613"/>
      <c r="XBK645" s="613"/>
      <c r="XBL645" s="613"/>
      <c r="XBM645" s="613"/>
      <c r="XBN645" s="613"/>
      <c r="XBO645" s="613"/>
      <c r="XBP645" s="613"/>
      <c r="XBQ645" s="613"/>
      <c r="XBR645" s="613"/>
      <c r="XBS645" s="613"/>
      <c r="XBT645" s="613"/>
      <c r="XBU645" s="613"/>
      <c r="XBV645" s="613"/>
      <c r="XBW645" s="613"/>
      <c r="XBX645" s="613"/>
      <c r="XBY645" s="613"/>
      <c r="XBZ645" s="613"/>
      <c r="XCA645" s="613"/>
      <c r="XCB645" s="613"/>
      <c r="XCC645" s="613"/>
      <c r="XCD645" s="613"/>
      <c r="XCE645" s="613"/>
      <c r="XCF645" s="613"/>
      <c r="XCG645" s="613"/>
      <c r="XCH645" s="613"/>
      <c r="XCI645" s="613"/>
      <c r="XCJ645" s="613"/>
      <c r="XCK645" s="613"/>
      <c r="XCL645" s="613"/>
      <c r="XCM645" s="613"/>
      <c r="XCN645" s="613"/>
      <c r="XCO645" s="613"/>
      <c r="XCP645" s="613"/>
      <c r="XCQ645" s="613"/>
    </row>
    <row r="646" spans="1:16319" ht="56.1" customHeight="1" x14ac:dyDescent="0.2">
      <c r="A646" s="494"/>
      <c r="B646" s="610"/>
      <c r="C646" s="494"/>
      <c r="D646" s="481">
        <v>182</v>
      </c>
      <c r="E646" s="481"/>
      <c r="F646" s="481" t="s">
        <v>2481</v>
      </c>
      <c r="G646" s="482" t="s">
        <v>53</v>
      </c>
      <c r="H646" s="481" t="s">
        <v>329</v>
      </c>
      <c r="I646" s="654" t="s">
        <v>428</v>
      </c>
      <c r="J646" s="654" t="s">
        <v>369</v>
      </c>
      <c r="K646" s="495" t="s">
        <v>445</v>
      </c>
      <c r="L646" s="621"/>
      <c r="M646" s="484" t="s">
        <v>58</v>
      </c>
      <c r="N646" s="328" t="s">
        <v>1362</v>
      </c>
      <c r="O646" s="484" t="s">
        <v>2996</v>
      </c>
      <c r="P646" s="484" t="s">
        <v>81</v>
      </c>
      <c r="Q646" s="667" t="s">
        <v>334</v>
      </c>
      <c r="R646" s="484" t="s">
        <v>334</v>
      </c>
      <c r="S646" s="484" t="s">
        <v>181</v>
      </c>
      <c r="T646" s="484"/>
      <c r="U646" s="620" t="s">
        <v>63</v>
      </c>
      <c r="V646" s="620" t="s">
        <v>63</v>
      </c>
      <c r="W646" s="723">
        <v>104499</v>
      </c>
      <c r="X646" s="723"/>
      <c r="Y646" s="654" t="s">
        <v>226</v>
      </c>
      <c r="Z646" s="654"/>
      <c r="AA646" s="723">
        <v>104499</v>
      </c>
      <c r="AB646" s="652" t="s">
        <v>82</v>
      </c>
      <c r="AC646" s="652"/>
      <c r="AD646" s="496"/>
      <c r="AE646" s="496"/>
      <c r="AF646" s="487" t="s">
        <v>66</v>
      </c>
      <c r="AG646" s="496"/>
      <c r="AH646" s="496"/>
      <c r="AI646" s="496"/>
      <c r="AJ646" s="496"/>
      <c r="AK646" s="496"/>
      <c r="AL646" s="496"/>
      <c r="AM646" s="496"/>
      <c r="AN646" s="496"/>
      <c r="AO646" s="496"/>
      <c r="AP646" s="496"/>
      <c r="AQ646" s="496"/>
      <c r="AR646" s="496"/>
      <c r="AS646" s="496"/>
      <c r="AT646" s="496"/>
      <c r="AU646" s="487"/>
      <c r="AV646" s="487"/>
      <c r="AW646" s="487"/>
      <c r="AX646" s="487"/>
      <c r="AY646" s="487"/>
      <c r="AZ646" s="487"/>
      <c r="BA646" s="484"/>
      <c r="BB646" s="484" t="s">
        <v>340</v>
      </c>
      <c r="BC646" s="484" t="s">
        <v>3041</v>
      </c>
      <c r="BD646" s="494"/>
      <c r="BE646" s="494"/>
      <c r="BF646" s="613"/>
      <c r="BG646" s="613"/>
      <c r="BH646" s="613"/>
      <c r="BI646" s="613"/>
      <c r="BJ646" s="613"/>
      <c r="BK646" s="613"/>
      <c r="BL646" s="613"/>
      <c r="BM646" s="613"/>
      <c r="BN646" s="613"/>
      <c r="BO646" s="613"/>
      <c r="BP646" s="613"/>
      <c r="BQ646" s="613"/>
      <c r="BR646" s="613"/>
      <c r="BS646" s="613"/>
      <c r="BT646" s="613"/>
      <c r="BU646" s="613"/>
      <c r="BV646" s="613"/>
      <c r="BW646" s="613"/>
      <c r="BX646" s="613"/>
      <c r="BY646" s="613"/>
      <c r="BZ646" s="613"/>
      <c r="CA646" s="613"/>
      <c r="CB646" s="613"/>
      <c r="CC646" s="613"/>
      <c r="CD646" s="613"/>
      <c r="CE646" s="613"/>
      <c r="CF646" s="613"/>
      <c r="CG646" s="613"/>
      <c r="CH646" s="613"/>
      <c r="CI646" s="613"/>
      <c r="CJ646" s="613"/>
      <c r="CK646" s="613"/>
      <c r="CL646" s="613"/>
      <c r="CM646" s="613"/>
      <c r="CN646" s="613"/>
      <c r="CO646" s="613"/>
      <c r="CP646" s="613"/>
      <c r="CQ646" s="613"/>
      <c r="CR646" s="613"/>
      <c r="CS646" s="613"/>
      <c r="CT646" s="613"/>
      <c r="CU646" s="613"/>
      <c r="CV646" s="613"/>
      <c r="CW646" s="613"/>
      <c r="CX646" s="613"/>
      <c r="CY646" s="613"/>
      <c r="CZ646" s="613"/>
      <c r="DA646" s="613"/>
      <c r="DB646" s="613"/>
      <c r="DC646" s="613"/>
      <c r="DD646" s="613"/>
      <c r="DE646" s="613"/>
      <c r="DF646" s="613"/>
      <c r="DG646" s="613"/>
      <c r="DH646" s="613"/>
      <c r="DI646" s="613"/>
      <c r="DJ646" s="613"/>
      <c r="DK646" s="613"/>
      <c r="DL646" s="613"/>
      <c r="DM646" s="613"/>
      <c r="DN646" s="613"/>
      <c r="DO646" s="613"/>
      <c r="DP646" s="613"/>
      <c r="DQ646" s="613"/>
      <c r="DR646" s="613"/>
      <c r="DS646" s="613"/>
      <c r="DT646" s="613"/>
      <c r="DU646" s="613"/>
      <c r="DV646" s="613"/>
      <c r="DW646" s="613"/>
      <c r="DX646" s="613"/>
      <c r="DY646" s="613"/>
      <c r="DZ646" s="613"/>
      <c r="EA646" s="613"/>
      <c r="EB646" s="613"/>
      <c r="EC646" s="613"/>
      <c r="ED646" s="613"/>
      <c r="EE646" s="613"/>
      <c r="EF646" s="613"/>
      <c r="EG646" s="613"/>
      <c r="EH646" s="613"/>
      <c r="EI646" s="613"/>
      <c r="EJ646" s="613"/>
      <c r="EK646" s="613"/>
      <c r="EL646" s="613"/>
      <c r="EM646" s="613"/>
      <c r="EN646" s="613"/>
      <c r="EO646" s="613"/>
      <c r="EP646" s="613"/>
      <c r="EQ646" s="613"/>
      <c r="ER646" s="613"/>
      <c r="ES646" s="613"/>
      <c r="ET646" s="613"/>
      <c r="EU646" s="613"/>
      <c r="EV646" s="613"/>
      <c r="EW646" s="613"/>
      <c r="EX646" s="613"/>
      <c r="EY646" s="613"/>
      <c r="EZ646" s="613"/>
      <c r="FA646" s="613"/>
      <c r="FB646" s="613"/>
      <c r="FC646" s="613"/>
      <c r="FD646" s="613"/>
      <c r="FE646" s="613"/>
      <c r="FF646" s="613"/>
      <c r="FG646" s="613"/>
      <c r="FH646" s="613"/>
      <c r="FI646" s="613"/>
      <c r="FJ646" s="613"/>
      <c r="FK646" s="613"/>
      <c r="FL646" s="613"/>
      <c r="FM646" s="613"/>
      <c r="FN646" s="613"/>
      <c r="FO646" s="613"/>
      <c r="FP646" s="613"/>
      <c r="FQ646" s="613"/>
      <c r="FR646" s="613"/>
      <c r="FS646" s="613"/>
      <c r="FT646" s="613"/>
      <c r="FU646" s="613"/>
      <c r="FV646" s="613"/>
      <c r="FW646" s="613"/>
      <c r="FX646" s="613"/>
      <c r="FY646" s="613"/>
      <c r="FZ646" s="613"/>
      <c r="GA646" s="613"/>
      <c r="GB646" s="613"/>
      <c r="GC646" s="613"/>
      <c r="GD646" s="613"/>
      <c r="GE646" s="613"/>
      <c r="GF646" s="613"/>
      <c r="GG646" s="613"/>
      <c r="GH646" s="613"/>
      <c r="GI646" s="613"/>
      <c r="GJ646" s="613"/>
      <c r="GK646" s="613"/>
      <c r="GL646" s="613"/>
      <c r="GM646" s="613"/>
      <c r="GN646" s="613"/>
      <c r="GO646" s="613"/>
      <c r="GP646" s="613"/>
      <c r="GQ646" s="613"/>
      <c r="GR646" s="613"/>
      <c r="GS646" s="613"/>
      <c r="GT646" s="613"/>
      <c r="GU646" s="613"/>
      <c r="GV646" s="613"/>
      <c r="GW646" s="613"/>
      <c r="GX646" s="613"/>
      <c r="GY646" s="613"/>
      <c r="GZ646" s="613"/>
      <c r="HA646" s="613"/>
      <c r="HB646" s="613"/>
      <c r="HC646" s="613"/>
      <c r="HD646" s="613"/>
      <c r="HE646" s="613"/>
      <c r="HF646" s="613"/>
      <c r="HG646" s="613"/>
      <c r="HH646" s="613"/>
      <c r="HI646" s="613"/>
      <c r="HJ646" s="613"/>
      <c r="HK646" s="613"/>
      <c r="HL646" s="613"/>
      <c r="HM646" s="613"/>
      <c r="HN646" s="613"/>
      <c r="HO646" s="613"/>
      <c r="HP646" s="613"/>
      <c r="HQ646" s="613"/>
      <c r="HR646" s="613"/>
      <c r="HS646" s="613"/>
      <c r="HT646" s="613"/>
      <c r="HU646" s="613"/>
      <c r="HV646" s="613"/>
      <c r="HW646" s="613"/>
      <c r="HX646" s="613"/>
      <c r="HY646" s="613"/>
      <c r="HZ646" s="613"/>
      <c r="IA646" s="613"/>
      <c r="IB646" s="613"/>
      <c r="IC646" s="613"/>
      <c r="ID646" s="613"/>
      <c r="IE646" s="613"/>
      <c r="IF646" s="613"/>
      <c r="IG646" s="613"/>
      <c r="IH646" s="613"/>
      <c r="II646" s="613"/>
      <c r="IJ646" s="613"/>
      <c r="IK646" s="613"/>
      <c r="IL646" s="613"/>
      <c r="IM646" s="613"/>
      <c r="IN646" s="613"/>
      <c r="IO646" s="613"/>
      <c r="IP646" s="613"/>
      <c r="IQ646" s="613"/>
      <c r="IR646" s="613"/>
      <c r="IS646" s="613"/>
      <c r="IT646" s="613"/>
      <c r="IU646" s="613"/>
      <c r="IV646" s="613"/>
      <c r="IW646" s="613"/>
      <c r="IX646" s="613"/>
      <c r="IY646" s="613"/>
      <c r="IZ646" s="613"/>
      <c r="JA646" s="613"/>
      <c r="JB646" s="613"/>
      <c r="JC646" s="613"/>
      <c r="JD646" s="613"/>
      <c r="JE646" s="613"/>
      <c r="JF646" s="613"/>
      <c r="JG646" s="613"/>
      <c r="JH646" s="613"/>
      <c r="JI646" s="613"/>
      <c r="JJ646" s="613"/>
      <c r="JK646" s="613"/>
      <c r="JL646" s="613"/>
      <c r="JM646" s="613"/>
      <c r="JN646" s="613"/>
      <c r="JO646" s="613"/>
      <c r="JP646" s="613"/>
      <c r="JQ646" s="613"/>
      <c r="JR646" s="613"/>
      <c r="JS646" s="613"/>
      <c r="JT646" s="613"/>
      <c r="JU646" s="613"/>
      <c r="JV646" s="613"/>
      <c r="JW646" s="613"/>
      <c r="JX646" s="613"/>
      <c r="JY646" s="613"/>
      <c r="JZ646" s="613"/>
      <c r="KA646" s="613"/>
      <c r="KB646" s="613"/>
      <c r="KC646" s="613"/>
      <c r="KD646" s="613"/>
      <c r="KE646" s="613"/>
      <c r="KF646" s="613"/>
      <c r="KG646" s="613"/>
      <c r="KH646" s="613"/>
      <c r="KI646" s="613"/>
      <c r="KJ646" s="613"/>
      <c r="KK646" s="613"/>
      <c r="KL646" s="613"/>
      <c r="KM646" s="613"/>
      <c r="KN646" s="613"/>
      <c r="KO646" s="613"/>
      <c r="KP646" s="613"/>
      <c r="KQ646" s="613"/>
      <c r="KR646" s="613"/>
      <c r="KS646" s="613"/>
      <c r="KT646" s="613"/>
      <c r="KU646" s="613"/>
      <c r="KV646" s="613"/>
      <c r="KW646" s="613"/>
      <c r="KX646" s="613"/>
      <c r="KY646" s="613"/>
      <c r="KZ646" s="613"/>
      <c r="LA646" s="613"/>
      <c r="LB646" s="613"/>
      <c r="LC646" s="613"/>
      <c r="LD646" s="613"/>
      <c r="LE646" s="613"/>
      <c r="LF646" s="613"/>
      <c r="LG646" s="613"/>
      <c r="LH646" s="613"/>
      <c r="LI646" s="613"/>
      <c r="LJ646" s="613"/>
      <c r="LK646" s="613"/>
      <c r="LL646" s="613"/>
      <c r="LM646" s="613"/>
      <c r="LN646" s="613"/>
      <c r="LO646" s="613"/>
      <c r="LP646" s="613"/>
      <c r="LQ646" s="613"/>
      <c r="LR646" s="613"/>
      <c r="LS646" s="613"/>
      <c r="LT646" s="613"/>
      <c r="LU646" s="613"/>
      <c r="LV646" s="613"/>
      <c r="LW646" s="613"/>
      <c r="LX646" s="613"/>
      <c r="LY646" s="613"/>
      <c r="LZ646" s="613"/>
      <c r="MA646" s="613"/>
      <c r="MB646" s="613"/>
      <c r="MC646" s="613"/>
      <c r="MD646" s="613"/>
      <c r="ME646" s="613"/>
      <c r="MF646" s="613"/>
      <c r="MG646" s="613"/>
      <c r="MH646" s="613"/>
      <c r="MI646" s="613"/>
      <c r="MJ646" s="613"/>
      <c r="MK646" s="613"/>
      <c r="ML646" s="613"/>
      <c r="MM646" s="613"/>
      <c r="MN646" s="613"/>
      <c r="MO646" s="613"/>
      <c r="MP646" s="613"/>
      <c r="MQ646" s="613"/>
      <c r="MR646" s="613"/>
      <c r="MS646" s="613"/>
      <c r="MT646" s="613"/>
      <c r="MU646" s="613"/>
      <c r="MV646" s="613"/>
      <c r="MW646" s="613"/>
      <c r="MX646" s="613"/>
      <c r="MY646" s="613"/>
      <c r="MZ646" s="613"/>
      <c r="NA646" s="613"/>
      <c r="NB646" s="613"/>
      <c r="NC646" s="613"/>
      <c r="ND646" s="613"/>
      <c r="NE646" s="613"/>
      <c r="NF646" s="613"/>
      <c r="NG646" s="613"/>
      <c r="NH646" s="613"/>
      <c r="NI646" s="613"/>
      <c r="NJ646" s="613"/>
      <c r="NK646" s="613"/>
      <c r="NL646" s="613"/>
      <c r="NM646" s="613"/>
      <c r="NN646" s="613"/>
      <c r="NO646" s="613"/>
      <c r="NP646" s="613"/>
      <c r="NQ646" s="613"/>
      <c r="NR646" s="613"/>
      <c r="NS646" s="613"/>
      <c r="NT646" s="613"/>
      <c r="NU646" s="613"/>
      <c r="NV646" s="613"/>
      <c r="NW646" s="613"/>
      <c r="NX646" s="613"/>
      <c r="NY646" s="613"/>
      <c r="NZ646" s="613"/>
      <c r="OA646" s="613"/>
      <c r="OB646" s="613"/>
      <c r="OC646" s="613"/>
      <c r="OD646" s="613"/>
      <c r="OE646" s="613"/>
      <c r="OF646" s="613"/>
      <c r="OG646" s="613"/>
      <c r="OH646" s="613"/>
      <c r="OI646" s="613"/>
      <c r="OJ646" s="613"/>
      <c r="OK646" s="613"/>
      <c r="OL646" s="613"/>
      <c r="OM646" s="613"/>
      <c r="ON646" s="613"/>
      <c r="OO646" s="613"/>
      <c r="OP646" s="613"/>
      <c r="OQ646" s="613"/>
      <c r="OR646" s="613"/>
      <c r="OS646" s="613"/>
      <c r="OT646" s="613"/>
      <c r="OU646" s="613"/>
      <c r="OV646" s="613"/>
      <c r="OW646" s="613"/>
      <c r="OX646" s="613"/>
      <c r="OY646" s="613"/>
      <c r="OZ646" s="613"/>
      <c r="PA646" s="613"/>
      <c r="PB646" s="613"/>
      <c r="PC646" s="613"/>
      <c r="PD646" s="613"/>
      <c r="PE646" s="613"/>
      <c r="PF646" s="613"/>
      <c r="PG646" s="613"/>
      <c r="PH646" s="613"/>
      <c r="PI646" s="613"/>
      <c r="PJ646" s="613"/>
      <c r="PK646" s="613"/>
      <c r="PL646" s="613"/>
      <c r="PM646" s="613"/>
      <c r="PN646" s="613"/>
      <c r="PO646" s="613"/>
      <c r="PP646" s="613"/>
      <c r="PQ646" s="613"/>
      <c r="PR646" s="613"/>
      <c r="PS646" s="613"/>
      <c r="PT646" s="613"/>
      <c r="PU646" s="613"/>
      <c r="PV646" s="613"/>
      <c r="PW646" s="613"/>
      <c r="PX646" s="613"/>
      <c r="PY646" s="613"/>
      <c r="PZ646" s="613"/>
      <c r="QA646" s="613"/>
      <c r="QB646" s="613"/>
      <c r="QC646" s="613"/>
      <c r="QD646" s="613"/>
      <c r="QE646" s="613"/>
      <c r="QF646" s="613"/>
      <c r="QG646" s="613"/>
      <c r="QH646" s="613"/>
      <c r="QI646" s="613"/>
      <c r="QJ646" s="613"/>
      <c r="QK646" s="613"/>
      <c r="QL646" s="613"/>
      <c r="QM646" s="613"/>
      <c r="QN646" s="613"/>
      <c r="QO646" s="613"/>
      <c r="QP646" s="613"/>
      <c r="QQ646" s="613"/>
      <c r="QR646" s="613"/>
      <c r="QS646" s="613"/>
      <c r="QT646" s="613"/>
      <c r="QU646" s="613"/>
      <c r="QV646" s="613"/>
      <c r="QW646" s="613"/>
      <c r="QX646" s="613"/>
      <c r="QY646" s="613"/>
      <c r="QZ646" s="613"/>
      <c r="RA646" s="613"/>
      <c r="RB646" s="613"/>
      <c r="RC646" s="613"/>
      <c r="RD646" s="613"/>
      <c r="RE646" s="613"/>
      <c r="RF646" s="613"/>
      <c r="RG646" s="613"/>
      <c r="RH646" s="613"/>
      <c r="RI646" s="613"/>
      <c r="RJ646" s="613"/>
      <c r="RK646" s="613"/>
      <c r="RL646" s="613"/>
      <c r="RM646" s="613"/>
      <c r="RN646" s="613"/>
      <c r="RO646" s="613"/>
      <c r="RP646" s="613"/>
      <c r="RQ646" s="613"/>
      <c r="RR646" s="613"/>
      <c r="RS646" s="613"/>
      <c r="RT646" s="613"/>
      <c r="RU646" s="613"/>
      <c r="RV646" s="613"/>
      <c r="RW646" s="613"/>
      <c r="RX646" s="613"/>
      <c r="RY646" s="613"/>
      <c r="RZ646" s="613"/>
      <c r="SA646" s="613"/>
      <c r="SB646" s="613"/>
      <c r="SC646" s="613"/>
      <c r="SD646" s="613"/>
      <c r="SE646" s="613"/>
      <c r="SF646" s="613"/>
      <c r="SG646" s="613"/>
      <c r="SH646" s="613"/>
      <c r="SI646" s="613"/>
      <c r="SJ646" s="613"/>
      <c r="SK646" s="613"/>
      <c r="SL646" s="613"/>
      <c r="SM646" s="613"/>
      <c r="SN646" s="613"/>
      <c r="SO646" s="613"/>
      <c r="SP646" s="613"/>
      <c r="SQ646" s="613"/>
      <c r="SR646" s="613"/>
      <c r="SS646" s="613"/>
      <c r="ST646" s="613"/>
      <c r="SU646" s="613"/>
      <c r="SV646" s="613"/>
      <c r="SW646" s="613"/>
      <c r="SX646" s="613"/>
      <c r="SY646" s="613"/>
      <c r="SZ646" s="613"/>
      <c r="TA646" s="613"/>
      <c r="TB646" s="613"/>
      <c r="TC646" s="613"/>
      <c r="TD646" s="613"/>
      <c r="TE646" s="613"/>
      <c r="TF646" s="613"/>
      <c r="TG646" s="613"/>
      <c r="TH646" s="613"/>
      <c r="TI646" s="613"/>
      <c r="TJ646" s="613"/>
      <c r="TK646" s="613"/>
      <c r="TL646" s="613"/>
      <c r="TM646" s="613"/>
      <c r="TN646" s="613"/>
      <c r="TO646" s="613"/>
      <c r="TP646" s="613"/>
      <c r="TQ646" s="613"/>
      <c r="TR646" s="613"/>
      <c r="TS646" s="613"/>
      <c r="TT646" s="613"/>
      <c r="TU646" s="613"/>
      <c r="TV646" s="613"/>
      <c r="TW646" s="613"/>
      <c r="TX646" s="613"/>
      <c r="TY646" s="613"/>
      <c r="TZ646" s="613"/>
      <c r="UA646" s="613"/>
      <c r="UB646" s="613"/>
      <c r="UC646" s="613"/>
      <c r="UD646" s="613"/>
      <c r="UE646" s="613"/>
      <c r="UF646" s="613"/>
      <c r="UG646" s="613"/>
      <c r="UH646" s="613"/>
      <c r="UI646" s="613"/>
      <c r="UJ646" s="613"/>
      <c r="UK646" s="613"/>
      <c r="UL646" s="613"/>
      <c r="UM646" s="613"/>
      <c r="UN646" s="613"/>
      <c r="UO646" s="613"/>
      <c r="UP646" s="613"/>
      <c r="UQ646" s="613"/>
      <c r="UR646" s="613"/>
      <c r="US646" s="613"/>
      <c r="UT646" s="613"/>
      <c r="UU646" s="613"/>
      <c r="UV646" s="613"/>
      <c r="UW646" s="613"/>
      <c r="UX646" s="613"/>
      <c r="UY646" s="613"/>
      <c r="UZ646" s="613"/>
      <c r="VA646" s="613"/>
      <c r="VB646" s="613"/>
      <c r="VC646" s="613"/>
      <c r="VD646" s="613"/>
      <c r="VE646" s="613"/>
      <c r="VF646" s="613"/>
      <c r="VG646" s="613"/>
      <c r="VH646" s="613"/>
      <c r="VI646" s="613"/>
      <c r="VJ646" s="613"/>
      <c r="VK646" s="613"/>
      <c r="VL646" s="613"/>
      <c r="VM646" s="613"/>
      <c r="VN646" s="613"/>
      <c r="VO646" s="613"/>
      <c r="VP646" s="613"/>
      <c r="VQ646" s="613"/>
      <c r="VR646" s="613"/>
      <c r="VS646" s="613"/>
      <c r="VT646" s="613"/>
      <c r="VU646" s="613"/>
      <c r="VV646" s="613"/>
      <c r="VW646" s="613"/>
      <c r="VX646" s="613"/>
      <c r="VY646" s="613"/>
      <c r="VZ646" s="613"/>
      <c r="WA646" s="613"/>
      <c r="WB646" s="613"/>
      <c r="WC646" s="613"/>
      <c r="WD646" s="613"/>
      <c r="WE646" s="613"/>
      <c r="WF646" s="613"/>
      <c r="WG646" s="613"/>
      <c r="WH646" s="613"/>
      <c r="WI646" s="613"/>
      <c r="WJ646" s="613"/>
      <c r="WK646" s="613"/>
      <c r="WL646" s="613"/>
      <c r="WM646" s="613"/>
      <c r="WN646" s="613"/>
      <c r="WO646" s="613"/>
      <c r="WP646" s="613"/>
      <c r="WQ646" s="613"/>
      <c r="WR646" s="613"/>
      <c r="WS646" s="613"/>
      <c r="WT646" s="613"/>
      <c r="WU646" s="613"/>
      <c r="WV646" s="613"/>
      <c r="WW646" s="613"/>
      <c r="WX646" s="613"/>
      <c r="WY646" s="613"/>
      <c r="WZ646" s="613"/>
      <c r="XA646" s="613"/>
      <c r="XB646" s="613"/>
      <c r="XC646" s="613"/>
      <c r="XD646" s="613"/>
      <c r="XE646" s="613"/>
      <c r="XF646" s="613"/>
      <c r="XG646" s="613"/>
      <c r="XH646" s="613"/>
      <c r="XI646" s="613"/>
      <c r="XJ646" s="613"/>
      <c r="XK646" s="613"/>
      <c r="XL646" s="613"/>
      <c r="XM646" s="613"/>
      <c r="XN646" s="613"/>
      <c r="XO646" s="613"/>
      <c r="XP646" s="613"/>
      <c r="XQ646" s="613"/>
      <c r="XR646" s="613"/>
      <c r="XS646" s="613"/>
      <c r="XT646" s="613"/>
      <c r="XU646" s="613"/>
      <c r="XV646" s="613"/>
      <c r="XW646" s="613"/>
      <c r="XX646" s="613"/>
      <c r="XY646" s="613"/>
      <c r="XZ646" s="613"/>
      <c r="YA646" s="613"/>
      <c r="YB646" s="613"/>
      <c r="YC646" s="613"/>
      <c r="YD646" s="613"/>
      <c r="YE646" s="613"/>
      <c r="YF646" s="613"/>
      <c r="YG646" s="613"/>
      <c r="YH646" s="613"/>
      <c r="YI646" s="613"/>
      <c r="YJ646" s="613"/>
      <c r="YK646" s="613"/>
      <c r="YL646" s="613"/>
      <c r="YM646" s="613"/>
      <c r="YN646" s="613"/>
      <c r="YO646" s="613"/>
      <c r="YP646" s="613"/>
      <c r="YQ646" s="613"/>
      <c r="YR646" s="613"/>
      <c r="YS646" s="613"/>
      <c r="YT646" s="613"/>
      <c r="YU646" s="613"/>
      <c r="YV646" s="613"/>
      <c r="YW646" s="613"/>
      <c r="YX646" s="613"/>
      <c r="YY646" s="613"/>
      <c r="YZ646" s="613"/>
      <c r="ZA646" s="613"/>
      <c r="ZB646" s="613"/>
      <c r="ZC646" s="613"/>
      <c r="ZD646" s="613"/>
      <c r="ZE646" s="613"/>
      <c r="ZF646" s="613"/>
      <c r="ZG646" s="613"/>
      <c r="ZH646" s="613"/>
      <c r="ZI646" s="613"/>
      <c r="ZJ646" s="613"/>
      <c r="ZK646" s="613"/>
      <c r="ZL646" s="613"/>
      <c r="ZM646" s="613"/>
      <c r="ZN646" s="613"/>
      <c r="ZO646" s="613"/>
      <c r="ZP646" s="613"/>
      <c r="ZQ646" s="613"/>
      <c r="ZR646" s="613"/>
      <c r="ZS646" s="613"/>
      <c r="ZT646" s="613"/>
      <c r="ZU646" s="613"/>
      <c r="ZV646" s="613"/>
      <c r="ZW646" s="613"/>
      <c r="ZX646" s="613"/>
      <c r="ZY646" s="613"/>
      <c r="ZZ646" s="613"/>
      <c r="AAA646" s="613"/>
      <c r="AAB646" s="613"/>
      <c r="AAC646" s="613"/>
      <c r="AAD646" s="613"/>
      <c r="AAE646" s="613"/>
      <c r="AAF646" s="613"/>
      <c r="AAG646" s="613"/>
      <c r="AAH646" s="613"/>
      <c r="AAI646" s="613"/>
      <c r="AAJ646" s="613"/>
      <c r="AAK646" s="613"/>
      <c r="AAL646" s="613"/>
      <c r="AAM646" s="613"/>
      <c r="AAN646" s="613"/>
      <c r="AAO646" s="613"/>
      <c r="AAP646" s="613"/>
      <c r="AAQ646" s="613"/>
      <c r="AAR646" s="613"/>
      <c r="AAS646" s="613"/>
      <c r="AAT646" s="613"/>
      <c r="AAU646" s="613"/>
      <c r="AAV646" s="613"/>
      <c r="AAW646" s="613"/>
      <c r="AAX646" s="613"/>
      <c r="AAY646" s="613"/>
      <c r="AAZ646" s="613"/>
      <c r="ABA646" s="613"/>
      <c r="ABB646" s="613"/>
      <c r="ABC646" s="613"/>
      <c r="ABD646" s="613"/>
      <c r="ABE646" s="613"/>
      <c r="ABF646" s="613"/>
      <c r="ABG646" s="613"/>
      <c r="ABH646" s="613"/>
      <c r="ABI646" s="613"/>
      <c r="ABJ646" s="613"/>
      <c r="ABK646" s="613"/>
      <c r="ABL646" s="613"/>
      <c r="ABM646" s="613"/>
      <c r="ABN646" s="613"/>
      <c r="ABO646" s="613"/>
      <c r="ABP646" s="613"/>
      <c r="ABQ646" s="613"/>
      <c r="ABR646" s="613"/>
      <c r="ABS646" s="613"/>
      <c r="ABT646" s="613"/>
      <c r="ABU646" s="613"/>
      <c r="ABV646" s="613"/>
      <c r="ABW646" s="613"/>
      <c r="ABX646" s="613"/>
      <c r="ABY646" s="613"/>
      <c r="ABZ646" s="613"/>
      <c r="ACA646" s="613"/>
      <c r="ACB646" s="613"/>
      <c r="ACC646" s="613"/>
      <c r="ACD646" s="613"/>
      <c r="ACE646" s="613"/>
      <c r="ACF646" s="613"/>
      <c r="ACG646" s="613"/>
      <c r="ACH646" s="613"/>
      <c r="ACI646" s="613"/>
      <c r="ACJ646" s="613"/>
      <c r="ACK646" s="613"/>
      <c r="ACL646" s="613"/>
      <c r="ACM646" s="613"/>
      <c r="ACN646" s="613"/>
      <c r="ACO646" s="613"/>
      <c r="ACP646" s="613"/>
      <c r="ACQ646" s="613"/>
      <c r="ACR646" s="613"/>
      <c r="ACS646" s="613"/>
      <c r="ACT646" s="613"/>
      <c r="ACU646" s="613"/>
      <c r="ACV646" s="613"/>
      <c r="ACW646" s="613"/>
      <c r="ACX646" s="613"/>
      <c r="ACY646" s="613"/>
      <c r="ACZ646" s="613"/>
      <c r="ADA646" s="613"/>
      <c r="ADB646" s="613"/>
      <c r="ADC646" s="613"/>
      <c r="ADD646" s="613"/>
      <c r="ADE646" s="613"/>
      <c r="ADF646" s="613"/>
      <c r="ADG646" s="613"/>
      <c r="ADH646" s="613"/>
      <c r="ADI646" s="613"/>
      <c r="ADJ646" s="613"/>
      <c r="ADK646" s="613"/>
      <c r="ADL646" s="613"/>
      <c r="ADM646" s="613"/>
      <c r="ADN646" s="613"/>
      <c r="ADO646" s="613"/>
      <c r="ADP646" s="613"/>
      <c r="ADQ646" s="613"/>
      <c r="ADR646" s="613"/>
      <c r="ADS646" s="613"/>
      <c r="ADT646" s="613"/>
      <c r="ADU646" s="613"/>
      <c r="ADV646" s="613"/>
      <c r="ADW646" s="613"/>
      <c r="ADX646" s="613"/>
      <c r="ADY646" s="613"/>
      <c r="ADZ646" s="613"/>
      <c r="AEA646" s="613"/>
      <c r="AEB646" s="613"/>
      <c r="AEC646" s="613"/>
      <c r="AED646" s="613"/>
      <c r="AEE646" s="613"/>
      <c r="AEF646" s="613"/>
      <c r="AEG646" s="613"/>
      <c r="AEH646" s="613"/>
      <c r="AEI646" s="613"/>
      <c r="AEJ646" s="613"/>
      <c r="AEK646" s="613"/>
      <c r="AEL646" s="613"/>
      <c r="AEM646" s="613"/>
      <c r="AEN646" s="613"/>
      <c r="AEO646" s="613"/>
      <c r="AEP646" s="613"/>
      <c r="AEQ646" s="613"/>
      <c r="AER646" s="613"/>
      <c r="AES646" s="613"/>
      <c r="AET646" s="613"/>
      <c r="AEU646" s="613"/>
      <c r="AEV646" s="613"/>
      <c r="AEW646" s="613"/>
      <c r="AEX646" s="613"/>
      <c r="AEY646" s="613"/>
      <c r="AEZ646" s="613"/>
      <c r="AFA646" s="613"/>
      <c r="AFB646" s="613"/>
      <c r="AFC646" s="613"/>
      <c r="AFD646" s="613"/>
      <c r="AFE646" s="613"/>
      <c r="AFF646" s="613"/>
      <c r="AFG646" s="613"/>
      <c r="AFH646" s="613"/>
      <c r="AFI646" s="613"/>
      <c r="AFJ646" s="613"/>
      <c r="AFK646" s="613"/>
      <c r="AFL646" s="613"/>
      <c r="AFM646" s="613"/>
      <c r="AFN646" s="613"/>
      <c r="AFO646" s="613"/>
      <c r="AFP646" s="613"/>
      <c r="AFQ646" s="613"/>
      <c r="AFR646" s="613"/>
      <c r="AFS646" s="613"/>
      <c r="AFT646" s="613"/>
      <c r="AFU646" s="613"/>
      <c r="AFV646" s="613"/>
      <c r="AFW646" s="613"/>
      <c r="AFX646" s="613"/>
      <c r="AFY646" s="613"/>
      <c r="AFZ646" s="613"/>
      <c r="AGA646" s="613"/>
      <c r="AGB646" s="613"/>
      <c r="AGC646" s="613"/>
      <c r="AGD646" s="613"/>
      <c r="AGE646" s="613"/>
      <c r="AGF646" s="613"/>
      <c r="AGG646" s="613"/>
      <c r="AGH646" s="613"/>
      <c r="AGI646" s="613"/>
      <c r="AGJ646" s="613"/>
      <c r="AGK646" s="613"/>
      <c r="AGL646" s="613"/>
      <c r="AGM646" s="613"/>
      <c r="AGN646" s="613"/>
      <c r="AGO646" s="613"/>
      <c r="AGP646" s="613"/>
      <c r="AGQ646" s="613"/>
      <c r="AGR646" s="613"/>
      <c r="AGS646" s="613"/>
      <c r="AGT646" s="613"/>
      <c r="AGU646" s="613"/>
      <c r="AGV646" s="613"/>
      <c r="AGW646" s="613"/>
      <c r="AGX646" s="613"/>
      <c r="AGY646" s="613"/>
      <c r="AGZ646" s="613"/>
      <c r="AHA646" s="613"/>
      <c r="AHB646" s="613"/>
      <c r="AHC646" s="613"/>
      <c r="AHD646" s="613"/>
      <c r="AHE646" s="613"/>
      <c r="AHF646" s="613"/>
      <c r="AHG646" s="613"/>
      <c r="AHH646" s="613"/>
      <c r="AHI646" s="613"/>
      <c r="AHJ646" s="613"/>
      <c r="AHK646" s="613"/>
      <c r="AHL646" s="613"/>
      <c r="AHM646" s="613"/>
      <c r="AHN646" s="613"/>
      <c r="AHO646" s="613"/>
      <c r="AHP646" s="613"/>
      <c r="AHQ646" s="613"/>
      <c r="AHR646" s="613"/>
      <c r="AHS646" s="613"/>
      <c r="AHT646" s="613"/>
      <c r="AHU646" s="613"/>
      <c r="AHV646" s="613"/>
      <c r="AHW646" s="613"/>
      <c r="AHX646" s="613"/>
      <c r="AHY646" s="613"/>
      <c r="AHZ646" s="613"/>
      <c r="AIA646" s="613"/>
      <c r="AIB646" s="613"/>
      <c r="AIC646" s="613"/>
      <c r="AID646" s="613"/>
      <c r="AIE646" s="613"/>
      <c r="AIF646" s="613"/>
      <c r="AIG646" s="613"/>
      <c r="AIH646" s="613"/>
      <c r="AII646" s="613"/>
      <c r="AIJ646" s="613"/>
      <c r="AIK646" s="613"/>
      <c r="AIL646" s="613"/>
      <c r="AIM646" s="613"/>
      <c r="AIN646" s="613"/>
      <c r="AIO646" s="613"/>
      <c r="AIP646" s="613"/>
      <c r="AIQ646" s="613"/>
      <c r="AIR646" s="613"/>
      <c r="AIS646" s="613"/>
      <c r="AIT646" s="613"/>
      <c r="AIU646" s="613"/>
      <c r="AIV646" s="613"/>
      <c r="AIW646" s="613"/>
      <c r="AIX646" s="613"/>
      <c r="AIY646" s="613"/>
      <c r="AIZ646" s="613"/>
      <c r="AJA646" s="613"/>
      <c r="AJB646" s="613"/>
      <c r="AJC646" s="613"/>
      <c r="AJD646" s="613"/>
      <c r="AJE646" s="613"/>
      <c r="AJF646" s="613"/>
      <c r="AJG646" s="613"/>
      <c r="AJH646" s="613"/>
      <c r="AJI646" s="613"/>
      <c r="AJJ646" s="613"/>
      <c r="AJK646" s="613"/>
      <c r="AJL646" s="613"/>
      <c r="AJM646" s="613"/>
      <c r="AJN646" s="613"/>
      <c r="AJO646" s="613"/>
      <c r="AJP646" s="613"/>
      <c r="AJQ646" s="613"/>
      <c r="AJR646" s="613"/>
      <c r="AJS646" s="613"/>
      <c r="AJT646" s="613"/>
      <c r="AJU646" s="613"/>
      <c r="AJV646" s="613"/>
      <c r="AJW646" s="613"/>
      <c r="AJX646" s="613"/>
      <c r="AJY646" s="613"/>
      <c r="AJZ646" s="613"/>
      <c r="AKA646" s="613"/>
      <c r="AKB646" s="613"/>
      <c r="AKC646" s="613"/>
      <c r="AKD646" s="613"/>
      <c r="AKE646" s="613"/>
      <c r="AKF646" s="613"/>
      <c r="AKG646" s="613"/>
      <c r="AKH646" s="613"/>
      <c r="AKI646" s="613"/>
      <c r="AKJ646" s="613"/>
      <c r="AKK646" s="613"/>
      <c r="AKL646" s="613"/>
      <c r="AKM646" s="613"/>
      <c r="AKN646" s="613"/>
      <c r="AKO646" s="613"/>
      <c r="AKP646" s="613"/>
      <c r="AKQ646" s="613"/>
      <c r="AKR646" s="613"/>
      <c r="AKS646" s="613"/>
      <c r="AKT646" s="613"/>
      <c r="AKU646" s="613"/>
      <c r="AKV646" s="613"/>
      <c r="AKW646" s="613"/>
      <c r="AKX646" s="613"/>
      <c r="AKY646" s="613"/>
      <c r="AKZ646" s="613"/>
      <c r="ALA646" s="613"/>
      <c r="ALB646" s="613"/>
      <c r="ALC646" s="613"/>
      <c r="ALD646" s="613"/>
      <c r="ALE646" s="613"/>
      <c r="ALF646" s="613"/>
      <c r="ALG646" s="613"/>
      <c r="ALH646" s="613"/>
      <c r="ALI646" s="613"/>
      <c r="ALJ646" s="613"/>
      <c r="ALK646" s="613"/>
      <c r="ALL646" s="613"/>
      <c r="ALM646" s="613"/>
      <c r="ALN646" s="613"/>
      <c r="ALO646" s="613"/>
      <c r="ALP646" s="613"/>
      <c r="ALQ646" s="613"/>
      <c r="ALR646" s="613"/>
      <c r="ALS646" s="613"/>
      <c r="ALT646" s="613"/>
      <c r="ALU646" s="613"/>
      <c r="ALV646" s="613"/>
      <c r="ALW646" s="613"/>
      <c r="ALX646" s="613"/>
      <c r="ALY646" s="613"/>
      <c r="ALZ646" s="613"/>
      <c r="AMA646" s="613"/>
      <c r="AMB646" s="613"/>
      <c r="AMC646" s="613"/>
      <c r="AMD646" s="613"/>
      <c r="AME646" s="613"/>
      <c r="AMF646" s="613"/>
      <c r="AMG646" s="613"/>
      <c r="AMH646" s="613"/>
      <c r="AMI646" s="613"/>
      <c r="AMJ646" s="613"/>
      <c r="AMK646" s="613"/>
      <c r="AML646" s="613"/>
      <c r="AMM646" s="613"/>
      <c r="AMN646" s="613"/>
      <c r="AMO646" s="613"/>
      <c r="AMP646" s="613"/>
      <c r="AMQ646" s="613"/>
      <c r="AMR646" s="613"/>
      <c r="AMS646" s="613"/>
      <c r="AMT646" s="613"/>
      <c r="AMU646" s="613"/>
      <c r="AMV646" s="613"/>
      <c r="AMW646" s="613"/>
      <c r="AMX646" s="613"/>
      <c r="AMY646" s="613"/>
      <c r="AMZ646" s="613"/>
      <c r="ANA646" s="613"/>
      <c r="ANB646" s="613"/>
      <c r="ANC646" s="613"/>
      <c r="AND646" s="613"/>
      <c r="ANE646" s="613"/>
      <c r="ANF646" s="613"/>
      <c r="ANG646" s="613"/>
      <c r="ANH646" s="613"/>
      <c r="ANI646" s="613"/>
      <c r="ANJ646" s="613"/>
      <c r="ANK646" s="613"/>
      <c r="ANL646" s="613"/>
      <c r="ANM646" s="613"/>
      <c r="ANN646" s="613"/>
      <c r="ANO646" s="613"/>
      <c r="ANP646" s="613"/>
      <c r="ANQ646" s="613"/>
      <c r="ANR646" s="613"/>
      <c r="ANS646" s="613"/>
      <c r="ANT646" s="613"/>
      <c r="ANU646" s="613"/>
      <c r="ANV646" s="613"/>
      <c r="ANW646" s="613"/>
      <c r="ANX646" s="613"/>
      <c r="ANY646" s="613"/>
      <c r="ANZ646" s="613"/>
      <c r="AOA646" s="613"/>
      <c r="AOB646" s="613"/>
      <c r="AOC646" s="613"/>
      <c r="AOD646" s="613"/>
      <c r="AOE646" s="613"/>
      <c r="AOF646" s="613"/>
      <c r="AOG646" s="613"/>
      <c r="AOH646" s="613"/>
      <c r="AOI646" s="613"/>
      <c r="AOJ646" s="613"/>
      <c r="AOK646" s="613"/>
      <c r="AOL646" s="613"/>
      <c r="AOM646" s="613"/>
      <c r="AON646" s="613"/>
      <c r="AOO646" s="613"/>
      <c r="AOP646" s="613"/>
      <c r="AOQ646" s="613"/>
      <c r="AOR646" s="613"/>
      <c r="AOS646" s="613"/>
      <c r="AOT646" s="613"/>
      <c r="AOU646" s="613"/>
      <c r="AOV646" s="613"/>
      <c r="AOW646" s="613"/>
      <c r="AOX646" s="613"/>
      <c r="AOY646" s="613"/>
      <c r="AOZ646" s="613"/>
      <c r="APA646" s="613"/>
      <c r="APB646" s="613"/>
      <c r="APC646" s="613"/>
      <c r="APD646" s="613"/>
      <c r="APE646" s="613"/>
      <c r="APF646" s="613"/>
      <c r="APG646" s="613"/>
      <c r="APH646" s="613"/>
      <c r="API646" s="613"/>
      <c r="APJ646" s="613"/>
      <c r="APK646" s="613"/>
      <c r="APL646" s="613"/>
      <c r="APM646" s="613"/>
      <c r="APN646" s="613"/>
      <c r="APO646" s="613"/>
      <c r="APP646" s="613"/>
      <c r="APQ646" s="613"/>
      <c r="APR646" s="613"/>
      <c r="APS646" s="613"/>
      <c r="APT646" s="613"/>
      <c r="APU646" s="613"/>
      <c r="APV646" s="613"/>
      <c r="APW646" s="613"/>
      <c r="APX646" s="613"/>
      <c r="APY646" s="613"/>
      <c r="APZ646" s="613"/>
      <c r="AQA646" s="613"/>
      <c r="AQB646" s="613"/>
      <c r="AQC646" s="613"/>
      <c r="AQD646" s="613"/>
      <c r="AQE646" s="613"/>
      <c r="AQF646" s="613"/>
      <c r="AQG646" s="613"/>
      <c r="AQH646" s="613"/>
      <c r="AQI646" s="613"/>
      <c r="AQJ646" s="613"/>
      <c r="AQK646" s="613"/>
      <c r="AQL646" s="613"/>
      <c r="AQM646" s="613"/>
      <c r="AQN646" s="613"/>
      <c r="AQO646" s="613"/>
      <c r="AQP646" s="613"/>
      <c r="AQQ646" s="613"/>
      <c r="AQR646" s="613"/>
      <c r="AQS646" s="613"/>
      <c r="AQT646" s="613"/>
      <c r="AQU646" s="613"/>
      <c r="AQV646" s="613"/>
      <c r="AQW646" s="613"/>
      <c r="AQX646" s="613"/>
      <c r="AQY646" s="613"/>
      <c r="AQZ646" s="613"/>
      <c r="ARA646" s="613"/>
      <c r="ARB646" s="613"/>
      <c r="ARC646" s="613"/>
      <c r="ARD646" s="613"/>
      <c r="ARE646" s="613"/>
      <c r="ARF646" s="613"/>
      <c r="ARG646" s="613"/>
      <c r="ARH646" s="613"/>
      <c r="ARI646" s="613"/>
      <c r="ARJ646" s="613"/>
      <c r="ARK646" s="613"/>
      <c r="ARL646" s="613"/>
      <c r="ARM646" s="613"/>
      <c r="ARN646" s="613"/>
      <c r="ARO646" s="613"/>
      <c r="ARP646" s="613"/>
      <c r="ARQ646" s="613"/>
      <c r="ARR646" s="613"/>
      <c r="ARS646" s="613"/>
      <c r="ART646" s="613"/>
      <c r="ARU646" s="613"/>
      <c r="ARV646" s="613"/>
      <c r="ARW646" s="613"/>
      <c r="ARX646" s="613"/>
      <c r="ARY646" s="613"/>
      <c r="ARZ646" s="613"/>
      <c r="ASA646" s="613"/>
      <c r="ASB646" s="613"/>
      <c r="ASC646" s="613"/>
      <c r="ASD646" s="613"/>
      <c r="ASE646" s="613"/>
      <c r="ASF646" s="613"/>
      <c r="ASG646" s="613"/>
      <c r="ASH646" s="613"/>
      <c r="ASI646" s="613"/>
      <c r="ASJ646" s="613"/>
      <c r="ASK646" s="613"/>
      <c r="ASL646" s="613"/>
      <c r="ASM646" s="613"/>
      <c r="ASN646" s="613"/>
      <c r="ASO646" s="613"/>
      <c r="ASP646" s="613"/>
      <c r="ASQ646" s="613"/>
      <c r="ASR646" s="613"/>
      <c r="ASS646" s="613"/>
      <c r="AST646" s="613"/>
      <c r="ASU646" s="613"/>
      <c r="ASV646" s="613"/>
      <c r="ASW646" s="613"/>
      <c r="ASX646" s="613"/>
      <c r="ASY646" s="613"/>
      <c r="ASZ646" s="613"/>
      <c r="ATA646" s="613"/>
      <c r="ATB646" s="613"/>
      <c r="ATC646" s="613"/>
      <c r="ATD646" s="613"/>
      <c r="ATE646" s="613"/>
      <c r="ATF646" s="613"/>
      <c r="ATG646" s="613"/>
      <c r="ATH646" s="613"/>
      <c r="ATI646" s="613"/>
      <c r="ATJ646" s="613"/>
      <c r="ATK646" s="613"/>
      <c r="ATL646" s="613"/>
      <c r="ATM646" s="613"/>
      <c r="ATN646" s="613"/>
      <c r="ATO646" s="613"/>
      <c r="ATP646" s="613"/>
      <c r="ATQ646" s="613"/>
      <c r="ATR646" s="613"/>
      <c r="ATS646" s="613"/>
      <c r="ATT646" s="613"/>
      <c r="ATU646" s="613"/>
      <c r="ATV646" s="613"/>
      <c r="ATW646" s="613"/>
      <c r="ATX646" s="613"/>
      <c r="ATY646" s="613"/>
      <c r="ATZ646" s="613"/>
      <c r="AUA646" s="613"/>
      <c r="AUB646" s="613"/>
      <c r="AUC646" s="613"/>
      <c r="AUD646" s="613"/>
      <c r="AUE646" s="613"/>
      <c r="AUF646" s="613"/>
      <c r="AUG646" s="613"/>
      <c r="AUH646" s="613"/>
      <c r="AUI646" s="613"/>
      <c r="AUJ646" s="613"/>
      <c r="AUK646" s="613"/>
      <c r="AUL646" s="613"/>
      <c r="AUM646" s="613"/>
      <c r="AUN646" s="613"/>
      <c r="AUO646" s="613"/>
      <c r="AUP646" s="613"/>
      <c r="AUQ646" s="613"/>
      <c r="AUR646" s="613"/>
      <c r="AUS646" s="613"/>
      <c r="AUT646" s="613"/>
      <c r="AUU646" s="613"/>
      <c r="AUV646" s="613"/>
      <c r="AUW646" s="613"/>
      <c r="AUX646" s="613"/>
      <c r="AUY646" s="613"/>
      <c r="AUZ646" s="613"/>
      <c r="AVA646" s="613"/>
      <c r="AVB646" s="613"/>
      <c r="AVC646" s="613"/>
      <c r="AVD646" s="613"/>
      <c r="AVE646" s="613"/>
      <c r="AVF646" s="613"/>
      <c r="AVG646" s="613"/>
      <c r="AVH646" s="613"/>
      <c r="AVI646" s="613"/>
      <c r="AVJ646" s="613"/>
      <c r="AVK646" s="613"/>
      <c r="AVL646" s="613"/>
      <c r="AVM646" s="613"/>
      <c r="AVN646" s="613"/>
      <c r="AVO646" s="613"/>
      <c r="AVP646" s="613"/>
      <c r="AVQ646" s="613"/>
      <c r="AVR646" s="613"/>
      <c r="AVS646" s="613"/>
      <c r="AVT646" s="613"/>
      <c r="AVU646" s="613"/>
      <c r="AVV646" s="613"/>
      <c r="AVW646" s="613"/>
      <c r="AVX646" s="613"/>
      <c r="AVY646" s="613"/>
      <c r="AVZ646" s="613"/>
      <c r="AWA646" s="613"/>
      <c r="AWB646" s="613"/>
      <c r="AWC646" s="613"/>
      <c r="AWD646" s="613"/>
      <c r="AWE646" s="613"/>
      <c r="AWF646" s="613"/>
      <c r="AWG646" s="613"/>
      <c r="AWH646" s="613"/>
      <c r="AWI646" s="613"/>
      <c r="AWJ646" s="613"/>
      <c r="AWK646" s="613"/>
      <c r="AWL646" s="613"/>
      <c r="AWM646" s="613"/>
      <c r="AWN646" s="613"/>
      <c r="AWO646" s="613"/>
      <c r="AWP646" s="613"/>
      <c r="AWQ646" s="613"/>
      <c r="AWR646" s="613"/>
      <c r="AWS646" s="613"/>
      <c r="AWT646" s="613"/>
      <c r="AWU646" s="613"/>
      <c r="AWV646" s="613"/>
      <c r="AWW646" s="613"/>
      <c r="AWX646" s="613"/>
      <c r="AWY646" s="613"/>
      <c r="AWZ646" s="613"/>
      <c r="AXA646" s="613"/>
      <c r="AXB646" s="613"/>
      <c r="AXC646" s="613"/>
      <c r="AXD646" s="613"/>
      <c r="AXE646" s="613"/>
      <c r="AXF646" s="613"/>
      <c r="AXG646" s="613"/>
      <c r="AXH646" s="613"/>
      <c r="AXI646" s="613"/>
      <c r="AXJ646" s="613"/>
      <c r="AXK646" s="613"/>
      <c r="AXL646" s="613"/>
      <c r="AXM646" s="613"/>
      <c r="AXN646" s="613"/>
      <c r="AXO646" s="613"/>
      <c r="AXP646" s="613"/>
      <c r="AXQ646" s="613"/>
      <c r="AXR646" s="613"/>
      <c r="AXS646" s="613"/>
      <c r="AXT646" s="613"/>
      <c r="AXU646" s="613"/>
      <c r="AXV646" s="613"/>
      <c r="AXW646" s="613"/>
      <c r="AXX646" s="613"/>
      <c r="AXY646" s="613"/>
      <c r="AXZ646" s="613"/>
      <c r="AYA646" s="613"/>
      <c r="AYB646" s="613"/>
      <c r="AYC646" s="613"/>
      <c r="AYD646" s="613"/>
      <c r="AYE646" s="613"/>
      <c r="AYF646" s="613"/>
      <c r="AYG646" s="613"/>
      <c r="AYH646" s="613"/>
      <c r="AYI646" s="613"/>
      <c r="AYJ646" s="613"/>
      <c r="AYK646" s="613"/>
      <c r="AYL646" s="613"/>
      <c r="AYM646" s="613"/>
      <c r="AYN646" s="613"/>
      <c r="AYO646" s="613"/>
      <c r="AYP646" s="613"/>
      <c r="AYQ646" s="613"/>
      <c r="AYR646" s="613"/>
      <c r="AYS646" s="613"/>
      <c r="AYT646" s="613"/>
      <c r="AYU646" s="613"/>
      <c r="AYV646" s="613"/>
      <c r="AYW646" s="613"/>
      <c r="AYX646" s="613"/>
      <c r="AYY646" s="613"/>
      <c r="AYZ646" s="613"/>
      <c r="AZA646" s="613"/>
      <c r="AZB646" s="613"/>
      <c r="AZC646" s="613"/>
      <c r="AZD646" s="613"/>
      <c r="AZE646" s="613"/>
      <c r="AZF646" s="613"/>
      <c r="AZG646" s="613"/>
      <c r="AZH646" s="613"/>
      <c r="AZI646" s="613"/>
      <c r="AZJ646" s="613"/>
      <c r="AZK646" s="613"/>
      <c r="AZL646" s="613"/>
      <c r="AZM646" s="613"/>
      <c r="AZN646" s="613"/>
      <c r="AZO646" s="613"/>
      <c r="AZP646" s="613"/>
      <c r="AZQ646" s="613"/>
      <c r="AZR646" s="613"/>
      <c r="AZS646" s="613"/>
      <c r="AZT646" s="613"/>
      <c r="AZU646" s="613"/>
      <c r="AZV646" s="613"/>
      <c r="AZW646" s="613"/>
      <c r="AZX646" s="613"/>
      <c r="AZY646" s="613"/>
      <c r="AZZ646" s="613"/>
      <c r="BAA646" s="613"/>
      <c r="BAB646" s="613"/>
      <c r="BAC646" s="613"/>
      <c r="BAD646" s="613"/>
      <c r="BAE646" s="613"/>
      <c r="BAF646" s="613"/>
      <c r="BAG646" s="613"/>
      <c r="BAH646" s="613"/>
      <c r="BAI646" s="613"/>
      <c r="BAJ646" s="613"/>
      <c r="BAK646" s="613"/>
      <c r="BAL646" s="613"/>
      <c r="BAM646" s="613"/>
      <c r="BAN646" s="613"/>
      <c r="BAO646" s="613"/>
      <c r="BAP646" s="613"/>
      <c r="BAQ646" s="613"/>
      <c r="BAR646" s="613"/>
      <c r="BAS646" s="613"/>
      <c r="BAT646" s="613"/>
      <c r="BAU646" s="613"/>
      <c r="BAV646" s="613"/>
      <c r="BAW646" s="613"/>
      <c r="BAX646" s="613"/>
      <c r="BAY646" s="613"/>
      <c r="BAZ646" s="613"/>
      <c r="BBA646" s="613"/>
      <c r="BBB646" s="613"/>
      <c r="BBC646" s="613"/>
      <c r="BBD646" s="613"/>
      <c r="BBE646" s="613"/>
      <c r="BBF646" s="613"/>
      <c r="BBG646" s="613"/>
      <c r="BBH646" s="613"/>
      <c r="BBI646" s="613"/>
      <c r="BBJ646" s="613"/>
      <c r="BBK646" s="613"/>
      <c r="BBL646" s="613"/>
      <c r="BBM646" s="613"/>
      <c r="BBN646" s="613"/>
      <c r="BBO646" s="613"/>
      <c r="BBP646" s="613"/>
      <c r="BBQ646" s="613"/>
      <c r="BBR646" s="613"/>
      <c r="BBS646" s="613"/>
      <c r="BBT646" s="613"/>
      <c r="BBU646" s="613"/>
      <c r="BBV646" s="613"/>
      <c r="BBW646" s="613"/>
      <c r="BBX646" s="613"/>
      <c r="BBY646" s="613"/>
      <c r="BBZ646" s="613"/>
      <c r="BCA646" s="613"/>
      <c r="BCB646" s="613"/>
      <c r="BCC646" s="613"/>
      <c r="BCD646" s="613"/>
      <c r="BCE646" s="613"/>
      <c r="BCF646" s="613"/>
      <c r="BCG646" s="613"/>
      <c r="BCH646" s="613"/>
      <c r="BCI646" s="613"/>
      <c r="BCJ646" s="613"/>
      <c r="BCK646" s="613"/>
      <c r="BCL646" s="613"/>
      <c r="BCM646" s="613"/>
      <c r="BCN646" s="613"/>
      <c r="BCO646" s="613"/>
      <c r="BCP646" s="613"/>
      <c r="BCQ646" s="613"/>
      <c r="BCR646" s="613"/>
      <c r="BCS646" s="613"/>
      <c r="BCT646" s="613"/>
      <c r="BCU646" s="613"/>
      <c r="BCV646" s="613"/>
      <c r="BCW646" s="613"/>
      <c r="BCX646" s="613"/>
      <c r="BCY646" s="613"/>
      <c r="BCZ646" s="613"/>
      <c r="BDA646" s="613"/>
      <c r="BDB646" s="613"/>
      <c r="BDC646" s="613"/>
      <c r="BDD646" s="613"/>
      <c r="BDE646" s="613"/>
      <c r="BDF646" s="613"/>
      <c r="BDG646" s="613"/>
      <c r="BDH646" s="613"/>
      <c r="BDI646" s="613"/>
      <c r="BDJ646" s="613"/>
      <c r="BDK646" s="613"/>
      <c r="BDL646" s="613"/>
      <c r="BDM646" s="613"/>
      <c r="BDN646" s="613"/>
      <c r="BDO646" s="613"/>
      <c r="BDP646" s="613"/>
      <c r="BDQ646" s="613"/>
      <c r="BDR646" s="613"/>
      <c r="BDS646" s="613"/>
      <c r="BDT646" s="613"/>
      <c r="BDU646" s="613"/>
      <c r="BDV646" s="613"/>
      <c r="BDW646" s="613"/>
      <c r="BDX646" s="613"/>
      <c r="BDY646" s="613"/>
      <c r="BDZ646" s="613"/>
      <c r="BEA646" s="613"/>
      <c r="BEB646" s="613"/>
      <c r="BEC646" s="613"/>
      <c r="BED646" s="613"/>
      <c r="BEE646" s="613"/>
      <c r="BEF646" s="613"/>
      <c r="BEG646" s="613"/>
      <c r="BEH646" s="613"/>
      <c r="BEI646" s="613"/>
      <c r="BEJ646" s="613"/>
      <c r="BEK646" s="613"/>
      <c r="BEL646" s="613"/>
      <c r="BEM646" s="613"/>
      <c r="BEN646" s="613"/>
      <c r="BEO646" s="613"/>
      <c r="BEP646" s="613"/>
      <c r="BEQ646" s="613"/>
      <c r="BER646" s="613"/>
      <c r="BES646" s="613"/>
      <c r="BET646" s="613"/>
      <c r="BEU646" s="613"/>
      <c r="BEV646" s="613"/>
      <c r="BEW646" s="613"/>
      <c r="BEX646" s="613"/>
      <c r="BEY646" s="613"/>
      <c r="BEZ646" s="613"/>
      <c r="BFA646" s="613"/>
      <c r="BFB646" s="613"/>
      <c r="BFC646" s="613"/>
      <c r="BFD646" s="613"/>
      <c r="BFE646" s="613"/>
      <c r="BFF646" s="613"/>
      <c r="BFG646" s="613"/>
      <c r="BFH646" s="613"/>
      <c r="BFI646" s="613"/>
      <c r="BFJ646" s="613"/>
      <c r="BFK646" s="613"/>
      <c r="BFL646" s="613"/>
      <c r="BFM646" s="613"/>
      <c r="BFN646" s="613"/>
      <c r="BFO646" s="613"/>
      <c r="BFP646" s="613"/>
      <c r="BFQ646" s="613"/>
      <c r="BFR646" s="613"/>
      <c r="BFS646" s="613"/>
      <c r="BFT646" s="613"/>
      <c r="BFU646" s="613"/>
      <c r="BFV646" s="613"/>
      <c r="BFW646" s="613"/>
      <c r="BFX646" s="613"/>
      <c r="BFY646" s="613"/>
      <c r="BFZ646" s="613"/>
      <c r="BGA646" s="613"/>
      <c r="BGB646" s="613"/>
      <c r="BGC646" s="613"/>
      <c r="BGD646" s="613"/>
      <c r="BGE646" s="613"/>
      <c r="BGF646" s="613"/>
      <c r="BGG646" s="613"/>
      <c r="BGH646" s="613"/>
      <c r="BGI646" s="613"/>
      <c r="BGJ646" s="613"/>
      <c r="BGK646" s="613"/>
      <c r="BGL646" s="613"/>
      <c r="BGM646" s="613"/>
      <c r="BGN646" s="613"/>
      <c r="BGO646" s="613"/>
      <c r="BGP646" s="613"/>
      <c r="BGQ646" s="613"/>
      <c r="BGR646" s="613"/>
      <c r="BGS646" s="613"/>
      <c r="BGT646" s="613"/>
      <c r="BGU646" s="613"/>
      <c r="BGV646" s="613"/>
      <c r="BGW646" s="613"/>
      <c r="BGX646" s="613"/>
      <c r="BGY646" s="613"/>
      <c r="BGZ646" s="613"/>
      <c r="BHA646" s="613"/>
      <c r="BHB646" s="613"/>
      <c r="BHC646" s="613"/>
      <c r="BHD646" s="613"/>
      <c r="BHE646" s="613"/>
      <c r="BHF646" s="613"/>
      <c r="BHG646" s="613"/>
      <c r="BHH646" s="613"/>
      <c r="BHI646" s="613"/>
      <c r="BHJ646" s="613"/>
      <c r="BHK646" s="613"/>
      <c r="BHL646" s="613"/>
      <c r="BHM646" s="613"/>
      <c r="BHN646" s="613"/>
      <c r="BHO646" s="613"/>
      <c r="BHP646" s="613"/>
      <c r="BHQ646" s="613"/>
      <c r="BHR646" s="613"/>
      <c r="BHS646" s="613"/>
      <c r="BHT646" s="613"/>
      <c r="BHU646" s="613"/>
      <c r="BHV646" s="613"/>
      <c r="BHW646" s="613"/>
      <c r="BHX646" s="613"/>
      <c r="BHY646" s="613"/>
      <c r="BHZ646" s="613"/>
      <c r="BIA646" s="613"/>
      <c r="BIB646" s="613"/>
      <c r="BIC646" s="613"/>
      <c r="BID646" s="613"/>
      <c r="BIE646" s="613"/>
      <c r="BIF646" s="613"/>
      <c r="BIG646" s="613"/>
      <c r="BIH646" s="613"/>
      <c r="BII646" s="613"/>
      <c r="BIJ646" s="613"/>
      <c r="BIK646" s="613"/>
      <c r="BIL646" s="613"/>
      <c r="BIM646" s="613"/>
      <c r="BIN646" s="613"/>
      <c r="BIO646" s="613"/>
      <c r="BIP646" s="613"/>
      <c r="BIQ646" s="613"/>
      <c r="BIR646" s="613"/>
      <c r="BIS646" s="613"/>
      <c r="BIT646" s="613"/>
      <c r="BIU646" s="613"/>
      <c r="BIV646" s="613"/>
      <c r="BIW646" s="613"/>
      <c r="BIX646" s="613"/>
      <c r="BIY646" s="613"/>
      <c r="BIZ646" s="613"/>
      <c r="BJA646" s="613"/>
      <c r="BJB646" s="613"/>
      <c r="BJC646" s="613"/>
      <c r="BJD646" s="613"/>
      <c r="BJE646" s="613"/>
      <c r="BJF646" s="613"/>
      <c r="BJG646" s="613"/>
      <c r="BJH646" s="613"/>
      <c r="BJI646" s="613"/>
      <c r="BJJ646" s="613"/>
      <c r="BJK646" s="613"/>
      <c r="BJL646" s="613"/>
      <c r="BJM646" s="613"/>
      <c r="BJN646" s="613"/>
      <c r="BJO646" s="613"/>
      <c r="BJP646" s="613"/>
      <c r="BJQ646" s="613"/>
      <c r="BJR646" s="613"/>
      <c r="BJS646" s="613"/>
      <c r="BJT646" s="613"/>
      <c r="BJU646" s="613"/>
      <c r="BJV646" s="613"/>
      <c r="BJW646" s="613"/>
      <c r="BJX646" s="613"/>
      <c r="BJY646" s="613"/>
      <c r="BJZ646" s="613"/>
      <c r="BKA646" s="613"/>
      <c r="BKB646" s="613"/>
      <c r="BKC646" s="613"/>
      <c r="BKD646" s="613"/>
      <c r="BKE646" s="613"/>
      <c r="BKF646" s="613"/>
      <c r="BKG646" s="613"/>
      <c r="BKH646" s="613"/>
      <c r="BKI646" s="613"/>
      <c r="BKJ646" s="613"/>
      <c r="BKK646" s="613"/>
      <c r="BKL646" s="613"/>
      <c r="BKM646" s="613"/>
      <c r="BKN646" s="613"/>
      <c r="BKO646" s="613"/>
      <c r="BKP646" s="613"/>
      <c r="BKQ646" s="613"/>
      <c r="BKR646" s="613"/>
      <c r="BKS646" s="613"/>
      <c r="BKT646" s="613"/>
      <c r="BKU646" s="613"/>
      <c r="BKV646" s="613"/>
      <c r="BKW646" s="613"/>
      <c r="BKX646" s="613"/>
      <c r="BKY646" s="613"/>
      <c r="BKZ646" s="613"/>
      <c r="BLA646" s="613"/>
      <c r="BLB646" s="613"/>
      <c r="BLC646" s="613"/>
      <c r="BLD646" s="613"/>
      <c r="BLE646" s="613"/>
      <c r="BLF646" s="613"/>
      <c r="BLG646" s="613"/>
      <c r="BLH646" s="613"/>
      <c r="BLI646" s="613"/>
      <c r="BLJ646" s="613"/>
      <c r="BLK646" s="613"/>
      <c r="BLL646" s="613"/>
      <c r="BLM646" s="613"/>
      <c r="BLN646" s="613"/>
      <c r="BLO646" s="613"/>
      <c r="BLP646" s="613"/>
      <c r="BLQ646" s="613"/>
      <c r="BLR646" s="613"/>
      <c r="BLS646" s="613"/>
      <c r="BLT646" s="613"/>
      <c r="BLU646" s="613"/>
      <c r="BLV646" s="613"/>
      <c r="BLW646" s="613"/>
      <c r="BLX646" s="613"/>
      <c r="BLY646" s="613"/>
      <c r="BLZ646" s="613"/>
      <c r="BMA646" s="613"/>
      <c r="BMB646" s="613"/>
      <c r="BMC646" s="613"/>
      <c r="BMD646" s="613"/>
      <c r="BME646" s="613"/>
      <c r="BMF646" s="613"/>
      <c r="BMG646" s="613"/>
      <c r="BMH646" s="613"/>
      <c r="BMI646" s="613"/>
      <c r="BMJ646" s="613"/>
      <c r="BMK646" s="613"/>
      <c r="BML646" s="613"/>
      <c r="BMM646" s="613"/>
      <c r="BMN646" s="613"/>
      <c r="BMO646" s="613"/>
      <c r="BMP646" s="613"/>
      <c r="BMQ646" s="613"/>
      <c r="BMR646" s="613"/>
      <c r="BMS646" s="613"/>
      <c r="BMT646" s="613"/>
      <c r="BMU646" s="613"/>
      <c r="BMV646" s="613"/>
      <c r="BMW646" s="613"/>
      <c r="BMX646" s="613"/>
      <c r="BMY646" s="613"/>
      <c r="BMZ646" s="613"/>
      <c r="BNA646" s="613"/>
      <c r="BNB646" s="613"/>
      <c r="BNC646" s="613"/>
      <c r="BND646" s="613"/>
      <c r="BNE646" s="613"/>
      <c r="BNF646" s="613"/>
      <c r="BNG646" s="613"/>
      <c r="BNH646" s="613"/>
      <c r="BNI646" s="613"/>
      <c r="BNJ646" s="613"/>
      <c r="BNK646" s="613"/>
      <c r="BNL646" s="613"/>
      <c r="BNM646" s="613"/>
      <c r="BNN646" s="613"/>
      <c r="BNO646" s="613"/>
      <c r="BNP646" s="613"/>
      <c r="BNQ646" s="613"/>
      <c r="BNR646" s="613"/>
      <c r="BNS646" s="613"/>
      <c r="BNT646" s="613"/>
      <c r="BNU646" s="613"/>
      <c r="BNV646" s="613"/>
      <c r="BNW646" s="613"/>
      <c r="BNX646" s="613"/>
      <c r="BNY646" s="613"/>
      <c r="BNZ646" s="613"/>
      <c r="BOA646" s="613"/>
      <c r="BOB646" s="613"/>
      <c r="BOC646" s="613"/>
      <c r="BOD646" s="613"/>
      <c r="BOE646" s="613"/>
      <c r="BOF646" s="613"/>
      <c r="BOG646" s="613"/>
      <c r="BOH646" s="613"/>
      <c r="BOI646" s="613"/>
      <c r="BOJ646" s="613"/>
      <c r="BOK646" s="613"/>
      <c r="BOL646" s="613"/>
      <c r="BOM646" s="613"/>
      <c r="BON646" s="613"/>
      <c r="BOO646" s="613"/>
      <c r="BOP646" s="613"/>
      <c r="BOQ646" s="613"/>
      <c r="BOR646" s="613"/>
      <c r="BOS646" s="613"/>
      <c r="BOT646" s="613"/>
      <c r="BOU646" s="613"/>
      <c r="BOV646" s="613"/>
      <c r="BOW646" s="613"/>
      <c r="BOX646" s="613"/>
      <c r="BOY646" s="613"/>
      <c r="BOZ646" s="613"/>
      <c r="BPA646" s="613"/>
      <c r="BPB646" s="613"/>
      <c r="BPC646" s="613"/>
      <c r="BPD646" s="613"/>
      <c r="BPE646" s="613"/>
      <c r="BPF646" s="613"/>
      <c r="BPG646" s="613"/>
      <c r="BPH646" s="613"/>
      <c r="BPI646" s="613"/>
      <c r="BPJ646" s="613"/>
      <c r="BPK646" s="613"/>
      <c r="BPL646" s="613"/>
      <c r="BPM646" s="613"/>
      <c r="BPN646" s="613"/>
      <c r="BPO646" s="613"/>
      <c r="BPP646" s="613"/>
      <c r="BPQ646" s="613"/>
      <c r="BPR646" s="613"/>
      <c r="BPS646" s="613"/>
      <c r="BPT646" s="613"/>
      <c r="BPU646" s="613"/>
      <c r="BPV646" s="613"/>
      <c r="BPW646" s="613"/>
      <c r="BPX646" s="613"/>
      <c r="BPY646" s="613"/>
      <c r="BPZ646" s="613"/>
      <c r="BQA646" s="613"/>
      <c r="BQB646" s="613"/>
      <c r="BQC646" s="613"/>
      <c r="BQD646" s="613"/>
      <c r="BQE646" s="613"/>
      <c r="BQF646" s="613"/>
      <c r="BQG646" s="613"/>
      <c r="BQH646" s="613"/>
      <c r="BQI646" s="613"/>
      <c r="BQJ646" s="613"/>
      <c r="BQK646" s="613"/>
      <c r="BQL646" s="613"/>
      <c r="BQM646" s="613"/>
      <c r="BQN646" s="613"/>
      <c r="BQO646" s="613"/>
      <c r="BQP646" s="613"/>
      <c r="BQQ646" s="613"/>
      <c r="BQR646" s="613"/>
      <c r="BQS646" s="613"/>
      <c r="BQT646" s="613"/>
      <c r="BQU646" s="613"/>
      <c r="BQV646" s="613"/>
      <c r="BQW646" s="613"/>
      <c r="BQX646" s="613"/>
      <c r="BQY646" s="613"/>
      <c r="BQZ646" s="613"/>
      <c r="BRA646" s="613"/>
      <c r="BRB646" s="613"/>
      <c r="BRC646" s="613"/>
      <c r="BRD646" s="613"/>
      <c r="BRE646" s="613"/>
      <c r="BRF646" s="613"/>
      <c r="BRG646" s="613"/>
      <c r="BRH646" s="613"/>
      <c r="BRI646" s="613"/>
      <c r="BRJ646" s="613"/>
      <c r="BRK646" s="613"/>
      <c r="BRL646" s="613"/>
      <c r="BRM646" s="613"/>
      <c r="BRN646" s="613"/>
      <c r="BRO646" s="613"/>
      <c r="BRP646" s="613"/>
      <c r="BRQ646" s="613"/>
      <c r="BRR646" s="613"/>
      <c r="BRS646" s="613"/>
      <c r="BRT646" s="613"/>
      <c r="BRU646" s="613"/>
      <c r="BRV646" s="613"/>
      <c r="BRW646" s="613"/>
      <c r="BRX646" s="613"/>
      <c r="BRY646" s="613"/>
      <c r="BRZ646" s="613"/>
      <c r="BSA646" s="613"/>
      <c r="BSB646" s="613"/>
      <c r="BSC646" s="613"/>
      <c r="BSD646" s="613"/>
      <c r="BSE646" s="613"/>
      <c r="BSF646" s="613"/>
      <c r="BSG646" s="613"/>
      <c r="BSH646" s="613"/>
      <c r="BSI646" s="613"/>
      <c r="BSJ646" s="613"/>
      <c r="BSK646" s="613"/>
      <c r="BSL646" s="613"/>
      <c r="BSM646" s="613"/>
      <c r="BSN646" s="613"/>
      <c r="BSO646" s="613"/>
      <c r="BSP646" s="613"/>
      <c r="BSQ646" s="613"/>
      <c r="BSR646" s="613"/>
      <c r="BSS646" s="613"/>
      <c r="BST646" s="613"/>
      <c r="BSU646" s="613"/>
      <c r="BSV646" s="613"/>
      <c r="BSW646" s="613"/>
      <c r="BSX646" s="613"/>
      <c r="BSY646" s="613"/>
      <c r="BSZ646" s="613"/>
      <c r="BTA646" s="613"/>
      <c r="BTB646" s="613"/>
      <c r="BTC646" s="613"/>
      <c r="BTD646" s="613"/>
      <c r="BTE646" s="613"/>
      <c r="BTF646" s="613"/>
      <c r="BTG646" s="613"/>
      <c r="BTH646" s="613"/>
      <c r="BTI646" s="613"/>
      <c r="BTJ646" s="613"/>
      <c r="BTK646" s="613"/>
      <c r="BTL646" s="613"/>
      <c r="BTM646" s="613"/>
      <c r="BTN646" s="613"/>
      <c r="BTO646" s="613"/>
      <c r="BTP646" s="613"/>
      <c r="BTQ646" s="613"/>
      <c r="BTR646" s="613"/>
      <c r="BTS646" s="613"/>
      <c r="BTT646" s="613"/>
      <c r="BTU646" s="613"/>
      <c r="BTV646" s="613"/>
      <c r="BTW646" s="613"/>
      <c r="BTX646" s="613"/>
      <c r="BTY646" s="613"/>
      <c r="BTZ646" s="613"/>
      <c r="BUA646" s="613"/>
      <c r="BUB646" s="613"/>
      <c r="BUC646" s="613"/>
      <c r="BUD646" s="613"/>
      <c r="BUE646" s="613"/>
      <c r="BUF646" s="613"/>
      <c r="BUG646" s="613"/>
      <c r="BUH646" s="613"/>
      <c r="BUI646" s="613"/>
      <c r="BUJ646" s="613"/>
      <c r="BUK646" s="613"/>
      <c r="BUL646" s="613"/>
      <c r="BUM646" s="613"/>
      <c r="BUN646" s="613"/>
      <c r="BUO646" s="613"/>
      <c r="BUP646" s="613"/>
      <c r="BUQ646" s="613"/>
      <c r="BUR646" s="613"/>
      <c r="BUS646" s="613"/>
      <c r="BUT646" s="613"/>
      <c r="BUU646" s="613"/>
      <c r="BUV646" s="613"/>
      <c r="BUW646" s="613"/>
      <c r="BUX646" s="613"/>
      <c r="BUY646" s="613"/>
      <c r="BUZ646" s="613"/>
      <c r="BVA646" s="613"/>
      <c r="BVB646" s="613"/>
      <c r="BVC646" s="613"/>
      <c r="BVD646" s="613"/>
      <c r="BVE646" s="613"/>
      <c r="BVF646" s="613"/>
      <c r="BVG646" s="613"/>
      <c r="BVH646" s="613"/>
      <c r="BVI646" s="613"/>
      <c r="BVJ646" s="613"/>
      <c r="BVK646" s="613"/>
      <c r="BVL646" s="613"/>
      <c r="BVM646" s="613"/>
      <c r="BVN646" s="613"/>
      <c r="BVO646" s="613"/>
      <c r="BVP646" s="613"/>
      <c r="BVQ646" s="613"/>
      <c r="BVR646" s="613"/>
      <c r="BVS646" s="613"/>
      <c r="BVT646" s="613"/>
      <c r="BVU646" s="613"/>
      <c r="BVV646" s="613"/>
      <c r="BVW646" s="613"/>
      <c r="BVX646" s="613"/>
      <c r="BVY646" s="613"/>
      <c r="BVZ646" s="613"/>
      <c r="BWA646" s="613"/>
      <c r="BWB646" s="613"/>
      <c r="BWC646" s="613"/>
      <c r="BWD646" s="613"/>
      <c r="BWE646" s="613"/>
      <c r="BWF646" s="613"/>
      <c r="BWG646" s="613"/>
      <c r="BWH646" s="613"/>
      <c r="BWI646" s="613"/>
      <c r="BWJ646" s="613"/>
      <c r="BWK646" s="613"/>
      <c r="BWL646" s="613"/>
      <c r="BWM646" s="613"/>
      <c r="BWN646" s="613"/>
      <c r="BWO646" s="613"/>
      <c r="BWP646" s="613"/>
      <c r="BWQ646" s="613"/>
      <c r="BWR646" s="613"/>
      <c r="BWS646" s="613"/>
      <c r="BWT646" s="613"/>
      <c r="BWU646" s="613"/>
      <c r="BWV646" s="613"/>
      <c r="BWW646" s="613"/>
      <c r="BWX646" s="613"/>
      <c r="BWY646" s="613"/>
      <c r="BWZ646" s="613"/>
      <c r="BXA646" s="613"/>
      <c r="BXB646" s="613"/>
      <c r="BXC646" s="613"/>
      <c r="BXD646" s="613"/>
      <c r="BXE646" s="613"/>
      <c r="BXF646" s="613"/>
      <c r="BXG646" s="613"/>
      <c r="BXH646" s="613"/>
      <c r="BXI646" s="613"/>
      <c r="BXJ646" s="613"/>
      <c r="BXK646" s="613"/>
      <c r="BXL646" s="613"/>
      <c r="BXM646" s="613"/>
      <c r="BXN646" s="613"/>
      <c r="BXO646" s="613"/>
      <c r="BXP646" s="613"/>
      <c r="BXQ646" s="613"/>
      <c r="BXR646" s="613"/>
      <c r="BXS646" s="613"/>
      <c r="BXT646" s="613"/>
      <c r="BXU646" s="613"/>
      <c r="BXV646" s="613"/>
      <c r="BXW646" s="613"/>
      <c r="BXX646" s="613"/>
      <c r="BXY646" s="613"/>
      <c r="BXZ646" s="613"/>
      <c r="BYA646" s="613"/>
      <c r="BYB646" s="613"/>
      <c r="BYC646" s="613"/>
      <c r="BYD646" s="613"/>
      <c r="BYE646" s="613"/>
      <c r="BYF646" s="613"/>
      <c r="BYG646" s="613"/>
      <c r="BYH646" s="613"/>
      <c r="BYI646" s="613"/>
      <c r="BYJ646" s="613"/>
      <c r="BYK646" s="613"/>
      <c r="BYL646" s="613"/>
      <c r="BYM646" s="613"/>
      <c r="BYN646" s="613"/>
      <c r="BYO646" s="613"/>
      <c r="BYP646" s="613"/>
      <c r="BYQ646" s="613"/>
      <c r="BYR646" s="613"/>
      <c r="BYS646" s="613"/>
      <c r="BYT646" s="613"/>
      <c r="BYU646" s="613"/>
      <c r="BYV646" s="613"/>
      <c r="BYW646" s="613"/>
      <c r="BYX646" s="613"/>
      <c r="BYY646" s="613"/>
      <c r="BYZ646" s="613"/>
      <c r="BZA646" s="613"/>
      <c r="BZB646" s="613"/>
      <c r="BZC646" s="613"/>
      <c r="BZD646" s="613"/>
      <c r="BZE646" s="613"/>
      <c r="BZF646" s="613"/>
      <c r="BZG646" s="613"/>
      <c r="BZH646" s="613"/>
      <c r="BZI646" s="613"/>
      <c r="BZJ646" s="613"/>
      <c r="BZK646" s="613"/>
      <c r="BZL646" s="613"/>
      <c r="BZM646" s="613"/>
      <c r="BZN646" s="613"/>
      <c r="BZO646" s="613"/>
      <c r="BZP646" s="613"/>
      <c r="BZQ646" s="613"/>
      <c r="BZR646" s="613"/>
      <c r="BZS646" s="613"/>
      <c r="BZT646" s="613"/>
      <c r="BZU646" s="613"/>
      <c r="BZV646" s="613"/>
      <c r="BZW646" s="613"/>
      <c r="BZX646" s="613"/>
      <c r="BZY646" s="613"/>
      <c r="BZZ646" s="613"/>
      <c r="CAA646" s="613"/>
      <c r="CAB646" s="613"/>
      <c r="CAC646" s="613"/>
      <c r="CAD646" s="613"/>
      <c r="CAE646" s="613"/>
      <c r="CAF646" s="613"/>
      <c r="CAG646" s="613"/>
      <c r="CAH646" s="613"/>
      <c r="CAI646" s="613"/>
      <c r="CAJ646" s="613"/>
      <c r="CAK646" s="613"/>
      <c r="CAL646" s="613"/>
      <c r="CAM646" s="613"/>
      <c r="CAN646" s="613"/>
      <c r="CAO646" s="613"/>
      <c r="CAP646" s="613"/>
      <c r="CAQ646" s="613"/>
      <c r="CAR646" s="613"/>
      <c r="CAS646" s="613"/>
      <c r="CAT646" s="613"/>
      <c r="CAU646" s="613"/>
      <c r="CAV646" s="613"/>
      <c r="CAW646" s="613"/>
      <c r="CAX646" s="613"/>
      <c r="CAY646" s="613"/>
      <c r="CAZ646" s="613"/>
      <c r="CBA646" s="613"/>
      <c r="CBB646" s="613"/>
      <c r="CBC646" s="613"/>
      <c r="CBD646" s="613"/>
      <c r="CBE646" s="613"/>
      <c r="CBF646" s="613"/>
      <c r="CBG646" s="613"/>
      <c r="CBH646" s="613"/>
      <c r="CBI646" s="613"/>
      <c r="CBJ646" s="613"/>
      <c r="CBK646" s="613"/>
      <c r="CBL646" s="613"/>
      <c r="CBM646" s="613"/>
      <c r="CBN646" s="613"/>
      <c r="CBO646" s="613"/>
      <c r="CBP646" s="613"/>
      <c r="CBQ646" s="613"/>
      <c r="CBR646" s="613"/>
      <c r="CBS646" s="613"/>
      <c r="CBT646" s="613"/>
      <c r="CBU646" s="613"/>
      <c r="CBV646" s="613"/>
      <c r="CBW646" s="613"/>
      <c r="CBX646" s="613"/>
      <c r="CBY646" s="613"/>
      <c r="CBZ646" s="613"/>
      <c r="CCA646" s="613"/>
      <c r="CCB646" s="613"/>
      <c r="CCC646" s="613"/>
      <c r="CCD646" s="613"/>
      <c r="CCE646" s="613"/>
      <c r="CCF646" s="613"/>
      <c r="CCG646" s="613"/>
      <c r="CCH646" s="613"/>
      <c r="CCI646" s="613"/>
      <c r="CCJ646" s="613"/>
      <c r="CCK646" s="613"/>
      <c r="CCL646" s="613"/>
      <c r="CCM646" s="613"/>
      <c r="CCN646" s="613"/>
      <c r="CCO646" s="613"/>
      <c r="CCP646" s="613"/>
      <c r="CCQ646" s="613"/>
      <c r="CCR646" s="613"/>
      <c r="CCS646" s="613"/>
      <c r="CCT646" s="613"/>
      <c r="CCU646" s="613"/>
      <c r="CCV646" s="613"/>
      <c r="CCW646" s="613"/>
      <c r="CCX646" s="613"/>
      <c r="CCY646" s="613"/>
      <c r="CCZ646" s="613"/>
      <c r="CDA646" s="613"/>
      <c r="CDB646" s="613"/>
      <c r="CDC646" s="613"/>
      <c r="CDD646" s="613"/>
      <c r="CDE646" s="613"/>
      <c r="CDF646" s="613"/>
      <c r="CDG646" s="613"/>
      <c r="CDH646" s="613"/>
      <c r="CDI646" s="613"/>
      <c r="CDJ646" s="613"/>
      <c r="CDK646" s="613"/>
      <c r="CDL646" s="613"/>
      <c r="CDM646" s="613"/>
      <c r="CDN646" s="613"/>
      <c r="CDO646" s="613"/>
      <c r="CDP646" s="613"/>
      <c r="CDQ646" s="613"/>
      <c r="CDR646" s="613"/>
      <c r="CDS646" s="613"/>
      <c r="CDT646" s="613"/>
      <c r="CDU646" s="613"/>
      <c r="CDV646" s="613"/>
      <c r="CDW646" s="613"/>
      <c r="CDX646" s="613"/>
      <c r="CDY646" s="613"/>
      <c r="CDZ646" s="613"/>
      <c r="CEA646" s="613"/>
      <c r="CEB646" s="613"/>
      <c r="CEC646" s="613"/>
      <c r="CED646" s="613"/>
      <c r="CEE646" s="613"/>
      <c r="CEF646" s="613"/>
      <c r="CEG646" s="613"/>
      <c r="CEH646" s="613"/>
      <c r="CEI646" s="613"/>
      <c r="CEJ646" s="613"/>
      <c r="CEK646" s="613"/>
      <c r="CEL646" s="613"/>
      <c r="CEM646" s="613"/>
      <c r="CEN646" s="613"/>
      <c r="CEO646" s="613"/>
      <c r="CEP646" s="613"/>
      <c r="CEQ646" s="613"/>
      <c r="CER646" s="613"/>
      <c r="CES646" s="613"/>
      <c r="CET646" s="613"/>
      <c r="CEU646" s="613"/>
      <c r="CEV646" s="613"/>
      <c r="CEW646" s="613"/>
      <c r="CEX646" s="613"/>
      <c r="CEY646" s="613"/>
      <c r="CEZ646" s="613"/>
      <c r="CFA646" s="613"/>
      <c r="CFB646" s="613"/>
      <c r="CFC646" s="613"/>
      <c r="CFD646" s="613"/>
      <c r="CFE646" s="613"/>
      <c r="CFF646" s="613"/>
      <c r="CFG646" s="613"/>
      <c r="CFH646" s="613"/>
      <c r="CFI646" s="613"/>
      <c r="CFJ646" s="613"/>
      <c r="CFK646" s="613"/>
      <c r="CFL646" s="613"/>
      <c r="CFM646" s="613"/>
      <c r="CFN646" s="613"/>
      <c r="CFO646" s="613"/>
      <c r="CFP646" s="613"/>
      <c r="CFQ646" s="613"/>
      <c r="CFR646" s="613"/>
      <c r="CFS646" s="613"/>
      <c r="CFT646" s="613"/>
      <c r="CFU646" s="613"/>
      <c r="CFV646" s="613"/>
      <c r="CFW646" s="613"/>
      <c r="CFX646" s="613"/>
      <c r="CFY646" s="613"/>
      <c r="CFZ646" s="613"/>
      <c r="CGA646" s="613"/>
      <c r="CGB646" s="613"/>
      <c r="CGC646" s="613"/>
      <c r="CGD646" s="613"/>
      <c r="CGE646" s="613"/>
      <c r="CGF646" s="613"/>
      <c r="CGG646" s="613"/>
      <c r="CGH646" s="613"/>
      <c r="CGI646" s="613"/>
      <c r="CGJ646" s="613"/>
      <c r="CGK646" s="613"/>
      <c r="CGL646" s="613"/>
      <c r="CGM646" s="613"/>
      <c r="CGN646" s="613"/>
      <c r="CGO646" s="613"/>
      <c r="CGP646" s="613"/>
      <c r="CGQ646" s="613"/>
      <c r="CGR646" s="613"/>
      <c r="CGS646" s="613"/>
      <c r="CGT646" s="613"/>
      <c r="CGU646" s="613"/>
      <c r="CGV646" s="613"/>
      <c r="CGW646" s="613"/>
      <c r="CGX646" s="613"/>
      <c r="CGY646" s="613"/>
      <c r="CGZ646" s="613"/>
      <c r="CHA646" s="613"/>
      <c r="CHB646" s="613"/>
      <c r="CHC646" s="613"/>
      <c r="CHD646" s="613"/>
      <c r="CHE646" s="613"/>
      <c r="CHF646" s="613"/>
      <c r="CHG646" s="613"/>
      <c r="CHH646" s="613"/>
      <c r="CHI646" s="613"/>
      <c r="CHJ646" s="613"/>
      <c r="CHK646" s="613"/>
      <c r="CHL646" s="613"/>
      <c r="CHM646" s="613"/>
      <c r="CHN646" s="613"/>
      <c r="CHO646" s="613"/>
      <c r="CHP646" s="613"/>
      <c r="CHQ646" s="613"/>
      <c r="CHR646" s="613"/>
      <c r="CHS646" s="613"/>
      <c r="CHT646" s="613"/>
      <c r="CHU646" s="613"/>
      <c r="CHV646" s="613"/>
      <c r="CHW646" s="613"/>
      <c r="CHX646" s="613"/>
      <c r="CHY646" s="613"/>
      <c r="CHZ646" s="613"/>
      <c r="CIA646" s="613"/>
      <c r="CIB646" s="613"/>
      <c r="CIC646" s="613"/>
      <c r="CID646" s="613"/>
      <c r="CIE646" s="613"/>
      <c r="CIF646" s="613"/>
      <c r="CIG646" s="613"/>
      <c r="CIH646" s="613"/>
      <c r="CII646" s="613"/>
      <c r="CIJ646" s="613"/>
      <c r="CIK646" s="613"/>
      <c r="CIL646" s="613"/>
      <c r="CIM646" s="613"/>
      <c r="CIN646" s="613"/>
      <c r="CIO646" s="613"/>
      <c r="CIP646" s="613"/>
      <c r="CIQ646" s="613"/>
      <c r="CIR646" s="613"/>
      <c r="CIS646" s="613"/>
      <c r="CIT646" s="613"/>
      <c r="CIU646" s="613"/>
      <c r="CIV646" s="613"/>
      <c r="CIW646" s="613"/>
      <c r="CIX646" s="613"/>
      <c r="CIY646" s="613"/>
      <c r="CIZ646" s="613"/>
      <c r="CJA646" s="613"/>
      <c r="CJB646" s="613"/>
      <c r="CJC646" s="613"/>
      <c r="CJD646" s="613"/>
      <c r="CJE646" s="613"/>
      <c r="CJF646" s="613"/>
      <c r="CJG646" s="613"/>
      <c r="CJH646" s="613"/>
      <c r="CJI646" s="613"/>
      <c r="CJJ646" s="613"/>
      <c r="CJK646" s="613"/>
      <c r="CJL646" s="613"/>
      <c r="CJM646" s="613"/>
      <c r="CJN646" s="613"/>
      <c r="CJO646" s="613"/>
      <c r="CJP646" s="613"/>
      <c r="CJQ646" s="613"/>
      <c r="CJR646" s="613"/>
      <c r="CJS646" s="613"/>
      <c r="CJT646" s="613"/>
      <c r="CJU646" s="613"/>
      <c r="CJV646" s="613"/>
      <c r="CJW646" s="613"/>
      <c r="CJX646" s="613"/>
      <c r="CJY646" s="613"/>
      <c r="CJZ646" s="613"/>
      <c r="CKA646" s="613"/>
      <c r="CKB646" s="613"/>
      <c r="CKC646" s="613"/>
      <c r="CKD646" s="613"/>
      <c r="CKE646" s="613"/>
      <c r="CKF646" s="613"/>
      <c r="CKG646" s="613"/>
      <c r="CKH646" s="613"/>
      <c r="CKI646" s="613"/>
      <c r="CKJ646" s="613"/>
      <c r="CKK646" s="613"/>
      <c r="CKL646" s="613"/>
      <c r="CKM646" s="613"/>
      <c r="CKN646" s="613"/>
      <c r="CKO646" s="613"/>
      <c r="CKP646" s="613"/>
      <c r="CKQ646" s="613"/>
      <c r="CKR646" s="613"/>
      <c r="CKS646" s="613"/>
      <c r="CKT646" s="613"/>
      <c r="CKU646" s="613"/>
      <c r="CKV646" s="613"/>
      <c r="CKW646" s="613"/>
      <c r="CKX646" s="613"/>
      <c r="CKY646" s="613"/>
      <c r="CKZ646" s="613"/>
      <c r="CLA646" s="613"/>
      <c r="CLB646" s="613"/>
      <c r="CLC646" s="613"/>
      <c r="CLD646" s="613"/>
      <c r="CLE646" s="613"/>
      <c r="CLF646" s="613"/>
      <c r="CLG646" s="613"/>
      <c r="CLH646" s="613"/>
      <c r="CLI646" s="613"/>
      <c r="CLJ646" s="613"/>
      <c r="CLK646" s="613"/>
      <c r="CLL646" s="613"/>
      <c r="CLM646" s="613"/>
      <c r="CLN646" s="613"/>
      <c r="CLO646" s="613"/>
      <c r="CLP646" s="613"/>
      <c r="CLQ646" s="613"/>
      <c r="CLR646" s="613"/>
      <c r="CLS646" s="613"/>
      <c r="CLT646" s="613"/>
      <c r="CLU646" s="613"/>
      <c r="CLV646" s="613"/>
      <c r="CLW646" s="613"/>
      <c r="CLX646" s="613"/>
      <c r="CLY646" s="613"/>
      <c r="CLZ646" s="613"/>
      <c r="CMA646" s="613"/>
      <c r="CMB646" s="613"/>
      <c r="CMC646" s="613"/>
      <c r="CMD646" s="613"/>
      <c r="CME646" s="613"/>
      <c r="CMF646" s="613"/>
      <c r="CMG646" s="613"/>
      <c r="CMH646" s="613"/>
      <c r="CMI646" s="613"/>
      <c r="CMJ646" s="613"/>
      <c r="CMK646" s="613"/>
      <c r="CML646" s="613"/>
      <c r="CMM646" s="613"/>
      <c r="CMN646" s="613"/>
      <c r="CMO646" s="613"/>
      <c r="CMP646" s="613"/>
      <c r="CMQ646" s="613"/>
      <c r="CMR646" s="613"/>
      <c r="CMS646" s="613"/>
      <c r="CMT646" s="613"/>
      <c r="CMU646" s="613"/>
      <c r="CMV646" s="613"/>
      <c r="CMW646" s="613"/>
      <c r="CMX646" s="613"/>
      <c r="CMY646" s="613"/>
      <c r="CMZ646" s="613"/>
      <c r="CNA646" s="613"/>
      <c r="CNB646" s="613"/>
      <c r="CNC646" s="613"/>
      <c r="CND646" s="613"/>
      <c r="CNE646" s="613"/>
      <c r="CNF646" s="613"/>
      <c r="CNG646" s="613"/>
      <c r="CNH646" s="613"/>
      <c r="CNI646" s="613"/>
      <c r="CNJ646" s="613"/>
      <c r="CNK646" s="613"/>
      <c r="CNL646" s="613"/>
      <c r="CNM646" s="613"/>
      <c r="CNN646" s="613"/>
      <c r="CNO646" s="613"/>
      <c r="CNP646" s="613"/>
      <c r="CNQ646" s="613"/>
      <c r="CNR646" s="613"/>
      <c r="CNS646" s="613"/>
      <c r="CNT646" s="613"/>
      <c r="CNU646" s="613"/>
      <c r="CNV646" s="613"/>
      <c r="CNW646" s="613"/>
      <c r="CNX646" s="613"/>
      <c r="CNY646" s="613"/>
      <c r="CNZ646" s="613"/>
      <c r="COA646" s="613"/>
      <c r="COB646" s="613"/>
      <c r="COC646" s="613"/>
      <c r="COD646" s="613"/>
      <c r="COE646" s="613"/>
      <c r="COF646" s="613"/>
      <c r="COG646" s="613"/>
      <c r="COH646" s="613"/>
      <c r="COI646" s="613"/>
      <c r="COJ646" s="613"/>
      <c r="COK646" s="613"/>
      <c r="COL646" s="613"/>
      <c r="COM646" s="613"/>
      <c r="CON646" s="613"/>
      <c r="COO646" s="613"/>
      <c r="COP646" s="613"/>
      <c r="COQ646" s="613"/>
      <c r="COR646" s="613"/>
      <c r="COS646" s="613"/>
      <c r="COT646" s="613"/>
      <c r="COU646" s="613"/>
      <c r="COV646" s="613"/>
      <c r="COW646" s="613"/>
      <c r="COX646" s="613"/>
      <c r="COY646" s="613"/>
      <c r="COZ646" s="613"/>
      <c r="CPA646" s="613"/>
      <c r="CPB646" s="613"/>
      <c r="CPC646" s="613"/>
      <c r="CPD646" s="613"/>
      <c r="CPE646" s="613"/>
      <c r="CPF646" s="613"/>
      <c r="CPG646" s="613"/>
      <c r="CPH646" s="613"/>
      <c r="CPI646" s="613"/>
      <c r="CPJ646" s="613"/>
      <c r="CPK646" s="613"/>
      <c r="CPL646" s="613"/>
      <c r="CPM646" s="613"/>
      <c r="CPN646" s="613"/>
      <c r="CPO646" s="613"/>
      <c r="CPP646" s="613"/>
      <c r="CPQ646" s="613"/>
      <c r="CPR646" s="613"/>
      <c r="CPS646" s="613"/>
      <c r="CPT646" s="613"/>
      <c r="CPU646" s="613"/>
      <c r="CPV646" s="613"/>
      <c r="CPW646" s="613"/>
      <c r="CPX646" s="613"/>
      <c r="CPY646" s="613"/>
      <c r="CPZ646" s="613"/>
      <c r="CQA646" s="613"/>
      <c r="CQB646" s="613"/>
      <c r="CQC646" s="613"/>
      <c r="CQD646" s="613"/>
      <c r="CQE646" s="613"/>
      <c r="CQF646" s="613"/>
      <c r="CQG646" s="613"/>
      <c r="CQH646" s="613"/>
      <c r="CQI646" s="613"/>
      <c r="CQJ646" s="613"/>
      <c r="CQK646" s="613"/>
      <c r="CQL646" s="613"/>
      <c r="CQM646" s="613"/>
      <c r="CQN646" s="613"/>
      <c r="CQO646" s="613"/>
      <c r="CQP646" s="613"/>
      <c r="CQQ646" s="613"/>
      <c r="CQR646" s="613"/>
      <c r="CQS646" s="613"/>
      <c r="CQT646" s="613"/>
      <c r="CQU646" s="613"/>
      <c r="CQV646" s="613"/>
      <c r="CQW646" s="613"/>
      <c r="CQX646" s="613"/>
      <c r="CQY646" s="613"/>
      <c r="CQZ646" s="613"/>
      <c r="CRA646" s="613"/>
      <c r="CRB646" s="613"/>
      <c r="CRC646" s="613"/>
      <c r="CRD646" s="613"/>
      <c r="CRE646" s="613"/>
      <c r="CRF646" s="613"/>
      <c r="CRG646" s="613"/>
      <c r="CRH646" s="613"/>
      <c r="CRI646" s="613"/>
      <c r="CRJ646" s="613"/>
      <c r="CRK646" s="613"/>
      <c r="CRL646" s="613"/>
      <c r="CRM646" s="613"/>
      <c r="CRN646" s="613"/>
      <c r="CRO646" s="613"/>
      <c r="CRP646" s="613"/>
      <c r="CRQ646" s="613"/>
      <c r="CRR646" s="613"/>
      <c r="CRS646" s="613"/>
      <c r="CRT646" s="613"/>
      <c r="CRU646" s="613"/>
      <c r="CRV646" s="613"/>
      <c r="CRW646" s="613"/>
      <c r="CRX646" s="613"/>
      <c r="CRY646" s="613"/>
      <c r="CRZ646" s="613"/>
      <c r="CSA646" s="613"/>
      <c r="CSB646" s="613"/>
      <c r="CSC646" s="613"/>
      <c r="CSD646" s="613"/>
      <c r="CSE646" s="613"/>
      <c r="CSF646" s="613"/>
      <c r="CSG646" s="613"/>
      <c r="CSH646" s="613"/>
      <c r="CSI646" s="613"/>
      <c r="CSJ646" s="613"/>
      <c r="CSK646" s="613"/>
      <c r="CSL646" s="613"/>
      <c r="CSM646" s="613"/>
      <c r="CSN646" s="613"/>
      <c r="CSO646" s="613"/>
      <c r="CSP646" s="613"/>
      <c r="CSQ646" s="613"/>
      <c r="CSR646" s="613"/>
      <c r="CSS646" s="613"/>
      <c r="CST646" s="613"/>
      <c r="CSU646" s="613"/>
      <c r="CSV646" s="613"/>
      <c r="CSW646" s="613"/>
      <c r="CSX646" s="613"/>
      <c r="CSY646" s="613"/>
      <c r="CSZ646" s="613"/>
      <c r="CTA646" s="613"/>
      <c r="CTB646" s="613"/>
      <c r="CTC646" s="613"/>
      <c r="CTD646" s="613"/>
      <c r="CTE646" s="613"/>
      <c r="CTF646" s="613"/>
      <c r="CTG646" s="613"/>
      <c r="CTH646" s="613"/>
      <c r="CTI646" s="613"/>
      <c r="CTJ646" s="613"/>
      <c r="CTK646" s="613"/>
      <c r="CTL646" s="613"/>
      <c r="CTM646" s="613"/>
      <c r="CTN646" s="613"/>
      <c r="CTO646" s="613"/>
      <c r="CTP646" s="613"/>
      <c r="CTQ646" s="613"/>
      <c r="CTR646" s="613"/>
      <c r="CTS646" s="613"/>
      <c r="CTT646" s="613"/>
      <c r="CTU646" s="613"/>
      <c r="CTV646" s="613"/>
      <c r="CTW646" s="613"/>
      <c r="CTX646" s="613"/>
      <c r="CTY646" s="613"/>
      <c r="CTZ646" s="613"/>
      <c r="CUA646" s="613"/>
      <c r="CUB646" s="613"/>
      <c r="CUC646" s="613"/>
      <c r="CUD646" s="613"/>
      <c r="CUE646" s="613"/>
      <c r="CUF646" s="613"/>
      <c r="CUG646" s="613"/>
      <c r="CUH646" s="613"/>
      <c r="CUI646" s="613"/>
      <c r="CUJ646" s="613"/>
      <c r="CUK646" s="613"/>
      <c r="CUL646" s="613"/>
      <c r="CUM646" s="613"/>
      <c r="CUN646" s="613"/>
      <c r="CUO646" s="613"/>
      <c r="CUP646" s="613"/>
      <c r="CUQ646" s="613"/>
      <c r="CUR646" s="613"/>
      <c r="CUS646" s="613"/>
      <c r="CUT646" s="613"/>
      <c r="CUU646" s="613"/>
      <c r="CUV646" s="613"/>
      <c r="CUW646" s="613"/>
      <c r="CUX646" s="613"/>
      <c r="CUY646" s="613"/>
      <c r="CUZ646" s="613"/>
      <c r="CVA646" s="613"/>
      <c r="CVB646" s="613"/>
      <c r="CVC646" s="613"/>
      <c r="CVD646" s="613"/>
      <c r="CVE646" s="613"/>
      <c r="CVF646" s="613"/>
      <c r="CVG646" s="613"/>
      <c r="CVH646" s="613"/>
      <c r="CVI646" s="613"/>
      <c r="CVJ646" s="613"/>
      <c r="CVK646" s="613"/>
      <c r="CVL646" s="613"/>
      <c r="CVM646" s="613"/>
      <c r="CVN646" s="613"/>
      <c r="CVO646" s="613"/>
      <c r="CVP646" s="613"/>
      <c r="CVQ646" s="613"/>
      <c r="CVR646" s="613"/>
      <c r="CVS646" s="613"/>
      <c r="CVT646" s="613"/>
      <c r="CVU646" s="613"/>
      <c r="CVV646" s="613"/>
      <c r="CVW646" s="613"/>
      <c r="CVX646" s="613"/>
      <c r="CVY646" s="613"/>
      <c r="CVZ646" s="613"/>
      <c r="CWA646" s="613"/>
      <c r="CWB646" s="613"/>
      <c r="CWC646" s="613"/>
      <c r="CWD646" s="613"/>
      <c r="CWE646" s="613"/>
      <c r="CWF646" s="613"/>
      <c r="CWG646" s="613"/>
      <c r="CWH646" s="613"/>
      <c r="CWI646" s="613"/>
      <c r="CWJ646" s="613"/>
      <c r="CWK646" s="613"/>
      <c r="CWL646" s="613"/>
      <c r="CWM646" s="613"/>
      <c r="CWN646" s="613"/>
      <c r="CWO646" s="613"/>
      <c r="CWP646" s="613"/>
      <c r="CWQ646" s="613"/>
      <c r="CWR646" s="613"/>
      <c r="CWS646" s="613"/>
      <c r="CWT646" s="613"/>
      <c r="CWU646" s="613"/>
      <c r="CWV646" s="613"/>
      <c r="CWW646" s="613"/>
      <c r="CWX646" s="613"/>
      <c r="CWY646" s="613"/>
      <c r="CWZ646" s="613"/>
      <c r="CXA646" s="613"/>
      <c r="CXB646" s="613"/>
      <c r="CXC646" s="613"/>
      <c r="CXD646" s="613"/>
      <c r="CXE646" s="613"/>
      <c r="CXF646" s="613"/>
      <c r="CXG646" s="613"/>
      <c r="CXH646" s="613"/>
      <c r="CXI646" s="613"/>
      <c r="CXJ646" s="613"/>
      <c r="CXK646" s="613"/>
      <c r="CXL646" s="613"/>
      <c r="CXM646" s="613"/>
      <c r="CXN646" s="613"/>
      <c r="CXO646" s="613"/>
      <c r="CXP646" s="613"/>
      <c r="CXQ646" s="613"/>
      <c r="CXR646" s="613"/>
      <c r="CXS646" s="613"/>
      <c r="CXT646" s="613"/>
      <c r="CXU646" s="613"/>
      <c r="CXV646" s="613"/>
      <c r="CXW646" s="613"/>
      <c r="CXX646" s="613"/>
      <c r="CXY646" s="613"/>
      <c r="CXZ646" s="613"/>
      <c r="CYA646" s="613"/>
      <c r="CYB646" s="613"/>
      <c r="CYC646" s="613"/>
      <c r="CYD646" s="613"/>
      <c r="CYE646" s="613"/>
      <c r="CYF646" s="613"/>
      <c r="CYG646" s="613"/>
      <c r="CYH646" s="613"/>
      <c r="CYI646" s="613"/>
      <c r="CYJ646" s="613"/>
      <c r="CYK646" s="613"/>
      <c r="CYL646" s="613"/>
      <c r="CYM646" s="613"/>
      <c r="CYN646" s="613"/>
      <c r="CYO646" s="613"/>
      <c r="CYP646" s="613"/>
      <c r="CYQ646" s="613"/>
      <c r="CYR646" s="613"/>
      <c r="CYS646" s="613"/>
      <c r="CYT646" s="613"/>
      <c r="CYU646" s="613"/>
      <c r="CYV646" s="613"/>
      <c r="CYW646" s="613"/>
      <c r="CYX646" s="613"/>
      <c r="CYY646" s="613"/>
      <c r="CYZ646" s="613"/>
      <c r="CZA646" s="613"/>
      <c r="CZB646" s="613"/>
      <c r="CZC646" s="613"/>
      <c r="CZD646" s="613"/>
      <c r="CZE646" s="613"/>
      <c r="CZF646" s="613"/>
      <c r="CZG646" s="613"/>
      <c r="CZH646" s="613"/>
      <c r="CZI646" s="613"/>
      <c r="CZJ646" s="613"/>
      <c r="CZK646" s="613"/>
      <c r="CZL646" s="613"/>
      <c r="CZM646" s="613"/>
      <c r="CZN646" s="613"/>
      <c r="CZO646" s="613"/>
      <c r="CZP646" s="613"/>
      <c r="CZQ646" s="613"/>
      <c r="CZR646" s="613"/>
      <c r="CZS646" s="613"/>
      <c r="CZT646" s="613"/>
      <c r="CZU646" s="613"/>
      <c r="CZV646" s="613"/>
      <c r="CZW646" s="613"/>
      <c r="CZX646" s="613"/>
      <c r="CZY646" s="613"/>
      <c r="CZZ646" s="613"/>
      <c r="DAA646" s="613"/>
      <c r="DAB646" s="613"/>
      <c r="DAC646" s="613"/>
      <c r="DAD646" s="613"/>
      <c r="DAE646" s="613"/>
      <c r="DAF646" s="613"/>
      <c r="DAG646" s="613"/>
      <c r="DAH646" s="613"/>
      <c r="DAI646" s="613"/>
      <c r="DAJ646" s="613"/>
      <c r="DAK646" s="613"/>
      <c r="DAL646" s="613"/>
      <c r="DAM646" s="613"/>
      <c r="DAN646" s="613"/>
      <c r="DAO646" s="613"/>
      <c r="DAP646" s="613"/>
      <c r="DAQ646" s="613"/>
      <c r="DAR646" s="613"/>
      <c r="DAS646" s="613"/>
      <c r="DAT646" s="613"/>
      <c r="DAU646" s="613"/>
      <c r="DAV646" s="613"/>
      <c r="DAW646" s="613"/>
      <c r="DAX646" s="613"/>
      <c r="DAY646" s="613"/>
      <c r="DAZ646" s="613"/>
      <c r="DBA646" s="613"/>
      <c r="DBB646" s="613"/>
      <c r="DBC646" s="613"/>
      <c r="DBD646" s="613"/>
      <c r="DBE646" s="613"/>
      <c r="DBF646" s="613"/>
      <c r="DBG646" s="613"/>
      <c r="DBH646" s="613"/>
      <c r="DBI646" s="613"/>
      <c r="DBJ646" s="613"/>
      <c r="DBK646" s="613"/>
      <c r="DBL646" s="613"/>
      <c r="DBM646" s="613"/>
      <c r="DBN646" s="613"/>
      <c r="DBO646" s="613"/>
      <c r="DBP646" s="613"/>
      <c r="DBQ646" s="613"/>
      <c r="DBR646" s="613"/>
      <c r="DBS646" s="613"/>
      <c r="DBT646" s="613"/>
      <c r="DBU646" s="613"/>
      <c r="DBV646" s="613"/>
      <c r="DBW646" s="613"/>
      <c r="DBX646" s="613"/>
      <c r="DBY646" s="613"/>
      <c r="DBZ646" s="613"/>
      <c r="DCA646" s="613"/>
      <c r="DCB646" s="613"/>
      <c r="DCC646" s="613"/>
      <c r="DCD646" s="613"/>
      <c r="DCE646" s="613"/>
      <c r="DCF646" s="613"/>
      <c r="DCG646" s="613"/>
      <c r="DCH646" s="613"/>
      <c r="DCI646" s="613"/>
      <c r="DCJ646" s="613"/>
      <c r="DCK646" s="613"/>
      <c r="DCL646" s="613"/>
      <c r="DCM646" s="613"/>
      <c r="DCN646" s="613"/>
      <c r="DCO646" s="613"/>
      <c r="DCP646" s="613"/>
      <c r="DCQ646" s="613"/>
      <c r="DCR646" s="613"/>
      <c r="DCS646" s="613"/>
      <c r="DCT646" s="613"/>
      <c r="DCU646" s="613"/>
      <c r="DCV646" s="613"/>
      <c r="DCW646" s="613"/>
      <c r="DCX646" s="613"/>
      <c r="DCY646" s="613"/>
      <c r="DCZ646" s="613"/>
      <c r="DDA646" s="613"/>
      <c r="DDB646" s="613"/>
      <c r="DDC646" s="613"/>
      <c r="DDD646" s="613"/>
      <c r="DDE646" s="613"/>
      <c r="DDF646" s="613"/>
      <c r="DDG646" s="613"/>
      <c r="DDH646" s="613"/>
      <c r="DDI646" s="613"/>
      <c r="DDJ646" s="613"/>
      <c r="DDK646" s="613"/>
      <c r="DDL646" s="613"/>
      <c r="DDM646" s="613"/>
      <c r="DDN646" s="613"/>
      <c r="DDO646" s="613"/>
      <c r="DDP646" s="613"/>
      <c r="DDQ646" s="613"/>
      <c r="DDR646" s="613"/>
      <c r="DDS646" s="613"/>
      <c r="DDT646" s="613"/>
      <c r="DDU646" s="613"/>
      <c r="DDV646" s="613"/>
      <c r="DDW646" s="613"/>
      <c r="DDX646" s="613"/>
      <c r="DDY646" s="613"/>
      <c r="DDZ646" s="613"/>
      <c r="DEA646" s="613"/>
      <c r="DEB646" s="613"/>
      <c r="DEC646" s="613"/>
      <c r="DED646" s="613"/>
      <c r="DEE646" s="613"/>
      <c r="DEF646" s="613"/>
      <c r="DEG646" s="613"/>
      <c r="DEH646" s="613"/>
      <c r="DEI646" s="613"/>
      <c r="DEJ646" s="613"/>
      <c r="DEK646" s="613"/>
      <c r="DEL646" s="613"/>
      <c r="DEM646" s="613"/>
      <c r="DEN646" s="613"/>
      <c r="DEO646" s="613"/>
      <c r="DEP646" s="613"/>
      <c r="DEQ646" s="613"/>
      <c r="DER646" s="613"/>
      <c r="DES646" s="613"/>
      <c r="DET646" s="613"/>
      <c r="DEU646" s="613"/>
      <c r="DEV646" s="613"/>
      <c r="DEW646" s="613"/>
      <c r="DEX646" s="613"/>
      <c r="DEY646" s="613"/>
      <c r="DEZ646" s="613"/>
      <c r="DFA646" s="613"/>
      <c r="DFB646" s="613"/>
      <c r="DFC646" s="613"/>
      <c r="DFD646" s="613"/>
      <c r="DFE646" s="613"/>
      <c r="DFF646" s="613"/>
      <c r="DFG646" s="613"/>
      <c r="DFH646" s="613"/>
      <c r="DFI646" s="613"/>
      <c r="DFJ646" s="613"/>
      <c r="DFK646" s="613"/>
      <c r="DFL646" s="613"/>
      <c r="DFM646" s="613"/>
      <c r="DFN646" s="613"/>
      <c r="DFO646" s="613"/>
      <c r="DFP646" s="613"/>
      <c r="DFQ646" s="613"/>
      <c r="DFR646" s="613"/>
      <c r="DFS646" s="613"/>
      <c r="DFT646" s="613"/>
      <c r="DFU646" s="613"/>
      <c r="DFV646" s="613"/>
      <c r="DFW646" s="613"/>
      <c r="DFX646" s="613"/>
      <c r="DFY646" s="613"/>
      <c r="DFZ646" s="613"/>
      <c r="DGA646" s="613"/>
      <c r="DGB646" s="613"/>
      <c r="DGC646" s="613"/>
      <c r="DGD646" s="613"/>
      <c r="DGE646" s="613"/>
      <c r="DGF646" s="613"/>
      <c r="DGG646" s="613"/>
      <c r="DGH646" s="613"/>
      <c r="DGI646" s="613"/>
      <c r="DGJ646" s="613"/>
      <c r="DGK646" s="613"/>
      <c r="DGL646" s="613"/>
      <c r="DGM646" s="613"/>
      <c r="DGN646" s="613"/>
      <c r="DGO646" s="613"/>
      <c r="DGP646" s="613"/>
      <c r="DGQ646" s="613"/>
      <c r="DGR646" s="613"/>
      <c r="DGS646" s="613"/>
      <c r="DGT646" s="613"/>
      <c r="DGU646" s="613"/>
      <c r="DGV646" s="613"/>
      <c r="DGW646" s="613"/>
      <c r="DGX646" s="613"/>
      <c r="DGY646" s="613"/>
      <c r="DGZ646" s="613"/>
      <c r="DHA646" s="613"/>
      <c r="DHB646" s="613"/>
      <c r="DHC646" s="613"/>
      <c r="DHD646" s="613"/>
      <c r="DHE646" s="613"/>
      <c r="DHF646" s="613"/>
      <c r="DHG646" s="613"/>
      <c r="DHH646" s="613"/>
      <c r="DHI646" s="613"/>
      <c r="DHJ646" s="613"/>
      <c r="DHK646" s="613"/>
      <c r="DHL646" s="613"/>
      <c r="DHM646" s="613"/>
      <c r="DHN646" s="613"/>
      <c r="DHO646" s="613"/>
      <c r="DHP646" s="613"/>
      <c r="DHQ646" s="613"/>
      <c r="DHR646" s="613"/>
      <c r="DHS646" s="613"/>
      <c r="DHT646" s="613"/>
      <c r="DHU646" s="613"/>
      <c r="DHV646" s="613"/>
      <c r="DHW646" s="613"/>
      <c r="DHX646" s="613"/>
      <c r="DHY646" s="613"/>
      <c r="DHZ646" s="613"/>
      <c r="DIA646" s="613"/>
      <c r="DIB646" s="613"/>
      <c r="DIC646" s="613"/>
      <c r="DID646" s="613"/>
      <c r="DIE646" s="613"/>
      <c r="DIF646" s="613"/>
      <c r="DIG646" s="613"/>
      <c r="DIH646" s="613"/>
      <c r="DII646" s="613"/>
      <c r="DIJ646" s="613"/>
      <c r="DIK646" s="613"/>
      <c r="DIL646" s="613"/>
      <c r="DIM646" s="613"/>
      <c r="DIN646" s="613"/>
      <c r="DIO646" s="613"/>
      <c r="DIP646" s="613"/>
      <c r="DIQ646" s="613"/>
      <c r="DIR646" s="613"/>
      <c r="DIS646" s="613"/>
      <c r="DIT646" s="613"/>
      <c r="DIU646" s="613"/>
      <c r="DIV646" s="613"/>
      <c r="DIW646" s="613"/>
      <c r="DIX646" s="613"/>
      <c r="DIY646" s="613"/>
      <c r="DIZ646" s="613"/>
      <c r="DJA646" s="613"/>
      <c r="DJB646" s="613"/>
      <c r="DJC646" s="613"/>
      <c r="DJD646" s="613"/>
      <c r="DJE646" s="613"/>
      <c r="DJF646" s="613"/>
      <c r="DJG646" s="613"/>
      <c r="DJH646" s="613"/>
      <c r="DJI646" s="613"/>
      <c r="DJJ646" s="613"/>
      <c r="DJK646" s="613"/>
      <c r="DJL646" s="613"/>
      <c r="DJM646" s="613"/>
      <c r="DJN646" s="613"/>
      <c r="DJO646" s="613"/>
      <c r="DJP646" s="613"/>
      <c r="DJQ646" s="613"/>
      <c r="DJR646" s="613"/>
      <c r="DJS646" s="613"/>
      <c r="DJT646" s="613"/>
      <c r="DJU646" s="613"/>
      <c r="DJV646" s="613"/>
      <c r="DJW646" s="613"/>
      <c r="DJX646" s="613"/>
      <c r="DJY646" s="613"/>
      <c r="DJZ646" s="613"/>
      <c r="DKA646" s="613"/>
      <c r="DKB646" s="613"/>
      <c r="DKC646" s="613"/>
      <c r="DKD646" s="613"/>
      <c r="DKE646" s="613"/>
      <c r="DKF646" s="613"/>
      <c r="DKG646" s="613"/>
      <c r="DKH646" s="613"/>
      <c r="DKI646" s="613"/>
      <c r="DKJ646" s="613"/>
      <c r="DKK646" s="613"/>
      <c r="DKL646" s="613"/>
      <c r="DKM646" s="613"/>
      <c r="DKN646" s="613"/>
      <c r="DKO646" s="613"/>
      <c r="DKP646" s="613"/>
      <c r="DKQ646" s="613"/>
      <c r="DKR646" s="613"/>
      <c r="DKS646" s="613"/>
      <c r="DKT646" s="613"/>
      <c r="DKU646" s="613"/>
      <c r="DKV646" s="613"/>
      <c r="DKW646" s="613"/>
      <c r="DKX646" s="613"/>
      <c r="DKY646" s="613"/>
      <c r="DKZ646" s="613"/>
      <c r="DLA646" s="613"/>
      <c r="DLB646" s="613"/>
      <c r="DLC646" s="613"/>
      <c r="DLD646" s="613"/>
      <c r="DLE646" s="613"/>
      <c r="DLF646" s="613"/>
      <c r="DLG646" s="613"/>
      <c r="DLH646" s="613"/>
      <c r="DLI646" s="613"/>
      <c r="DLJ646" s="613"/>
      <c r="DLK646" s="613"/>
      <c r="DLL646" s="613"/>
      <c r="DLM646" s="613"/>
      <c r="DLN646" s="613"/>
      <c r="DLO646" s="613"/>
      <c r="DLP646" s="613"/>
      <c r="DLQ646" s="613"/>
      <c r="DLR646" s="613"/>
      <c r="DLS646" s="613"/>
      <c r="DLT646" s="613"/>
      <c r="DLU646" s="613"/>
      <c r="DLV646" s="613"/>
      <c r="DLW646" s="613"/>
      <c r="DLX646" s="613"/>
      <c r="DLY646" s="613"/>
      <c r="DLZ646" s="613"/>
      <c r="DMA646" s="613"/>
      <c r="DMB646" s="613"/>
      <c r="DMC646" s="613"/>
      <c r="DMD646" s="613"/>
      <c r="DME646" s="613"/>
      <c r="DMF646" s="613"/>
      <c r="DMG646" s="613"/>
      <c r="DMH646" s="613"/>
      <c r="DMI646" s="613"/>
      <c r="DMJ646" s="613"/>
      <c r="DMK646" s="613"/>
      <c r="DML646" s="613"/>
      <c r="DMM646" s="613"/>
      <c r="DMN646" s="613"/>
      <c r="DMO646" s="613"/>
      <c r="DMP646" s="613"/>
      <c r="DMQ646" s="613"/>
      <c r="DMR646" s="613"/>
      <c r="DMS646" s="613"/>
      <c r="DMT646" s="613"/>
      <c r="DMU646" s="613"/>
      <c r="DMV646" s="613"/>
      <c r="DMW646" s="613"/>
      <c r="DMX646" s="613"/>
      <c r="DMY646" s="613"/>
      <c r="DMZ646" s="613"/>
      <c r="DNA646" s="613"/>
      <c r="DNB646" s="613"/>
      <c r="DNC646" s="613"/>
      <c r="DND646" s="613"/>
      <c r="DNE646" s="613"/>
      <c r="DNF646" s="613"/>
      <c r="DNG646" s="613"/>
      <c r="DNH646" s="613"/>
      <c r="DNI646" s="613"/>
      <c r="DNJ646" s="613"/>
      <c r="DNK646" s="613"/>
      <c r="DNL646" s="613"/>
      <c r="DNM646" s="613"/>
      <c r="DNN646" s="613"/>
      <c r="DNO646" s="613"/>
      <c r="DNP646" s="613"/>
      <c r="DNQ646" s="613"/>
      <c r="DNR646" s="613"/>
      <c r="DNS646" s="613"/>
      <c r="DNT646" s="613"/>
      <c r="DNU646" s="613"/>
      <c r="DNV646" s="613"/>
      <c r="DNW646" s="613"/>
      <c r="DNX646" s="613"/>
      <c r="DNY646" s="613"/>
      <c r="DNZ646" s="613"/>
      <c r="DOA646" s="613"/>
      <c r="DOB646" s="613"/>
      <c r="DOC646" s="613"/>
      <c r="DOD646" s="613"/>
      <c r="DOE646" s="613"/>
      <c r="DOF646" s="613"/>
      <c r="DOG646" s="613"/>
      <c r="DOH646" s="613"/>
      <c r="DOI646" s="613"/>
      <c r="DOJ646" s="613"/>
      <c r="DOK646" s="613"/>
      <c r="DOL646" s="613"/>
      <c r="DOM646" s="613"/>
      <c r="DON646" s="613"/>
      <c r="DOO646" s="613"/>
      <c r="DOP646" s="613"/>
      <c r="DOQ646" s="613"/>
      <c r="DOR646" s="613"/>
      <c r="DOS646" s="613"/>
      <c r="DOT646" s="613"/>
      <c r="DOU646" s="613"/>
      <c r="DOV646" s="613"/>
      <c r="DOW646" s="613"/>
      <c r="DOX646" s="613"/>
      <c r="DOY646" s="613"/>
      <c r="DOZ646" s="613"/>
      <c r="DPA646" s="613"/>
      <c r="DPB646" s="613"/>
      <c r="DPC646" s="613"/>
      <c r="DPD646" s="613"/>
      <c r="DPE646" s="613"/>
      <c r="DPF646" s="613"/>
      <c r="DPG646" s="613"/>
      <c r="DPH646" s="613"/>
      <c r="DPI646" s="613"/>
      <c r="DPJ646" s="613"/>
      <c r="DPK646" s="613"/>
      <c r="DPL646" s="613"/>
      <c r="DPM646" s="613"/>
      <c r="DPN646" s="613"/>
      <c r="DPO646" s="613"/>
      <c r="DPP646" s="613"/>
      <c r="DPQ646" s="613"/>
      <c r="DPR646" s="613"/>
      <c r="DPS646" s="613"/>
      <c r="DPT646" s="613"/>
      <c r="DPU646" s="613"/>
      <c r="DPV646" s="613"/>
      <c r="DPW646" s="613"/>
      <c r="DPX646" s="613"/>
      <c r="DPY646" s="613"/>
      <c r="DPZ646" s="613"/>
      <c r="DQA646" s="613"/>
      <c r="DQB646" s="613"/>
      <c r="DQC646" s="613"/>
      <c r="DQD646" s="613"/>
      <c r="DQE646" s="613"/>
      <c r="DQF646" s="613"/>
      <c r="DQG646" s="613"/>
      <c r="DQH646" s="613"/>
      <c r="DQI646" s="613"/>
      <c r="DQJ646" s="613"/>
      <c r="DQK646" s="613"/>
      <c r="DQL646" s="613"/>
      <c r="DQM646" s="613"/>
      <c r="DQN646" s="613"/>
      <c r="DQO646" s="613"/>
      <c r="DQP646" s="613"/>
      <c r="DQQ646" s="613"/>
      <c r="DQR646" s="613"/>
      <c r="DQS646" s="613"/>
      <c r="DQT646" s="613"/>
      <c r="DQU646" s="613"/>
      <c r="DQV646" s="613"/>
      <c r="DQW646" s="613"/>
      <c r="DQX646" s="613"/>
      <c r="DQY646" s="613"/>
      <c r="DQZ646" s="613"/>
      <c r="DRA646" s="613"/>
      <c r="DRB646" s="613"/>
      <c r="DRC646" s="613"/>
      <c r="DRD646" s="613"/>
      <c r="DRE646" s="613"/>
      <c r="DRF646" s="613"/>
      <c r="DRG646" s="613"/>
      <c r="DRH646" s="613"/>
      <c r="DRI646" s="613"/>
      <c r="DRJ646" s="613"/>
      <c r="DRK646" s="613"/>
      <c r="DRL646" s="613"/>
      <c r="DRM646" s="613"/>
      <c r="DRN646" s="613"/>
      <c r="DRO646" s="613"/>
      <c r="DRP646" s="613"/>
      <c r="DRQ646" s="613"/>
      <c r="DRR646" s="613"/>
      <c r="DRS646" s="613"/>
      <c r="DRT646" s="613"/>
      <c r="DRU646" s="613"/>
      <c r="DRV646" s="613"/>
      <c r="DRW646" s="613"/>
      <c r="DRX646" s="613"/>
      <c r="DRY646" s="613"/>
      <c r="DRZ646" s="613"/>
      <c r="DSA646" s="613"/>
      <c r="DSB646" s="613"/>
      <c r="DSC646" s="613"/>
      <c r="DSD646" s="613"/>
      <c r="DSE646" s="613"/>
      <c r="DSF646" s="613"/>
      <c r="DSG646" s="613"/>
      <c r="DSH646" s="613"/>
      <c r="DSI646" s="613"/>
      <c r="DSJ646" s="613"/>
      <c r="DSK646" s="613"/>
      <c r="DSL646" s="613"/>
      <c r="DSM646" s="613"/>
      <c r="DSN646" s="613"/>
      <c r="DSO646" s="613"/>
      <c r="DSP646" s="613"/>
      <c r="DSQ646" s="613"/>
      <c r="DSR646" s="613"/>
      <c r="DSS646" s="613"/>
      <c r="DST646" s="613"/>
      <c r="DSU646" s="613"/>
      <c r="DSV646" s="613"/>
      <c r="DSW646" s="613"/>
      <c r="DSX646" s="613"/>
      <c r="DSY646" s="613"/>
      <c r="DSZ646" s="613"/>
      <c r="DTA646" s="613"/>
      <c r="DTB646" s="613"/>
      <c r="DTC646" s="613"/>
      <c r="DTD646" s="613"/>
      <c r="DTE646" s="613"/>
      <c r="DTF646" s="613"/>
      <c r="DTG646" s="613"/>
      <c r="DTH646" s="613"/>
      <c r="DTI646" s="613"/>
      <c r="DTJ646" s="613"/>
      <c r="DTK646" s="613"/>
      <c r="DTL646" s="613"/>
      <c r="DTM646" s="613"/>
      <c r="DTN646" s="613"/>
      <c r="DTO646" s="613"/>
      <c r="DTP646" s="613"/>
      <c r="DTQ646" s="613"/>
      <c r="DTR646" s="613"/>
      <c r="DTS646" s="613"/>
      <c r="DTT646" s="613"/>
      <c r="DTU646" s="613"/>
      <c r="DTV646" s="613"/>
      <c r="DTW646" s="613"/>
      <c r="DTX646" s="613"/>
      <c r="DTY646" s="613"/>
      <c r="DTZ646" s="613"/>
      <c r="DUA646" s="613"/>
      <c r="DUB646" s="613"/>
      <c r="DUC646" s="613"/>
      <c r="DUD646" s="613"/>
      <c r="DUE646" s="613"/>
      <c r="DUF646" s="613"/>
      <c r="DUG646" s="613"/>
      <c r="DUH646" s="613"/>
      <c r="DUI646" s="613"/>
      <c r="DUJ646" s="613"/>
      <c r="DUK646" s="613"/>
      <c r="DUL646" s="613"/>
      <c r="DUM646" s="613"/>
      <c r="DUN646" s="613"/>
      <c r="DUO646" s="613"/>
      <c r="DUP646" s="613"/>
      <c r="DUQ646" s="613"/>
      <c r="DUR646" s="613"/>
      <c r="DUS646" s="613"/>
      <c r="DUT646" s="613"/>
      <c r="DUU646" s="613"/>
      <c r="DUV646" s="613"/>
      <c r="DUW646" s="613"/>
      <c r="DUX646" s="613"/>
      <c r="DUY646" s="613"/>
      <c r="DUZ646" s="613"/>
      <c r="DVA646" s="613"/>
      <c r="DVB646" s="613"/>
      <c r="DVC646" s="613"/>
      <c r="DVD646" s="613"/>
      <c r="DVE646" s="613"/>
      <c r="DVF646" s="613"/>
      <c r="DVG646" s="613"/>
      <c r="DVH646" s="613"/>
      <c r="DVI646" s="613"/>
      <c r="DVJ646" s="613"/>
      <c r="DVK646" s="613"/>
      <c r="DVL646" s="613"/>
      <c r="DVM646" s="613"/>
      <c r="DVN646" s="613"/>
      <c r="DVO646" s="613"/>
      <c r="DVP646" s="613"/>
      <c r="DVQ646" s="613"/>
      <c r="DVR646" s="613"/>
      <c r="DVS646" s="613"/>
      <c r="DVT646" s="613"/>
      <c r="DVU646" s="613"/>
      <c r="DVV646" s="613"/>
      <c r="DVW646" s="613"/>
      <c r="DVX646" s="613"/>
      <c r="DVY646" s="613"/>
      <c r="DVZ646" s="613"/>
      <c r="DWA646" s="613"/>
      <c r="DWB646" s="613"/>
      <c r="DWC646" s="613"/>
      <c r="DWD646" s="613"/>
      <c r="DWE646" s="613"/>
      <c r="DWF646" s="613"/>
      <c r="DWG646" s="613"/>
      <c r="DWH646" s="613"/>
      <c r="DWI646" s="613"/>
      <c r="DWJ646" s="613"/>
      <c r="DWK646" s="613"/>
      <c r="DWL646" s="613"/>
      <c r="DWM646" s="613"/>
      <c r="DWN646" s="613"/>
      <c r="DWO646" s="613"/>
      <c r="DWP646" s="613"/>
      <c r="DWQ646" s="613"/>
      <c r="DWR646" s="613"/>
      <c r="DWS646" s="613"/>
      <c r="DWT646" s="613"/>
      <c r="DWU646" s="613"/>
      <c r="DWV646" s="613"/>
      <c r="DWW646" s="613"/>
      <c r="DWX646" s="613"/>
      <c r="DWY646" s="613"/>
      <c r="DWZ646" s="613"/>
      <c r="DXA646" s="613"/>
      <c r="DXB646" s="613"/>
      <c r="DXC646" s="613"/>
      <c r="DXD646" s="613"/>
      <c r="DXE646" s="613"/>
      <c r="DXF646" s="613"/>
      <c r="DXG646" s="613"/>
      <c r="DXH646" s="613"/>
      <c r="DXI646" s="613"/>
      <c r="DXJ646" s="613"/>
      <c r="DXK646" s="613"/>
      <c r="DXL646" s="613"/>
      <c r="DXM646" s="613"/>
      <c r="DXN646" s="613"/>
      <c r="DXO646" s="613"/>
      <c r="DXP646" s="613"/>
      <c r="DXQ646" s="613"/>
      <c r="DXR646" s="613"/>
      <c r="DXS646" s="613"/>
      <c r="DXT646" s="613"/>
      <c r="DXU646" s="613"/>
      <c r="DXV646" s="613"/>
      <c r="DXW646" s="613"/>
      <c r="DXX646" s="613"/>
      <c r="DXY646" s="613"/>
      <c r="DXZ646" s="613"/>
      <c r="DYA646" s="613"/>
      <c r="DYB646" s="613"/>
      <c r="DYC646" s="613"/>
      <c r="DYD646" s="613"/>
      <c r="DYE646" s="613"/>
      <c r="DYF646" s="613"/>
      <c r="DYG646" s="613"/>
      <c r="DYH646" s="613"/>
      <c r="DYI646" s="613"/>
      <c r="DYJ646" s="613"/>
      <c r="DYK646" s="613"/>
      <c r="DYL646" s="613"/>
      <c r="DYM646" s="613"/>
      <c r="DYN646" s="613"/>
      <c r="DYO646" s="613"/>
      <c r="DYP646" s="613"/>
      <c r="DYQ646" s="613"/>
      <c r="DYR646" s="613"/>
      <c r="DYS646" s="613"/>
      <c r="DYT646" s="613"/>
      <c r="DYU646" s="613"/>
      <c r="DYV646" s="613"/>
      <c r="DYW646" s="613"/>
      <c r="DYX646" s="613"/>
      <c r="DYY646" s="613"/>
      <c r="DYZ646" s="613"/>
      <c r="DZA646" s="613"/>
      <c r="DZB646" s="613"/>
      <c r="DZC646" s="613"/>
      <c r="DZD646" s="613"/>
      <c r="DZE646" s="613"/>
      <c r="DZF646" s="613"/>
      <c r="DZG646" s="613"/>
      <c r="DZH646" s="613"/>
      <c r="DZI646" s="613"/>
      <c r="DZJ646" s="613"/>
      <c r="DZK646" s="613"/>
      <c r="DZL646" s="613"/>
      <c r="DZM646" s="613"/>
      <c r="DZN646" s="613"/>
      <c r="DZO646" s="613"/>
      <c r="DZP646" s="613"/>
      <c r="DZQ646" s="613"/>
      <c r="DZR646" s="613"/>
      <c r="DZS646" s="613"/>
      <c r="DZT646" s="613"/>
      <c r="DZU646" s="613"/>
      <c r="DZV646" s="613"/>
      <c r="DZW646" s="613"/>
      <c r="DZX646" s="613"/>
      <c r="DZY646" s="613"/>
      <c r="DZZ646" s="613"/>
      <c r="EAA646" s="613"/>
      <c r="EAB646" s="613"/>
      <c r="EAC646" s="613"/>
      <c r="EAD646" s="613"/>
      <c r="EAE646" s="613"/>
      <c r="EAF646" s="613"/>
      <c r="EAG646" s="613"/>
      <c r="EAH646" s="613"/>
      <c r="EAI646" s="613"/>
      <c r="EAJ646" s="613"/>
      <c r="EAK646" s="613"/>
      <c r="EAL646" s="613"/>
      <c r="EAM646" s="613"/>
      <c r="EAN646" s="613"/>
      <c r="EAO646" s="613"/>
      <c r="EAP646" s="613"/>
      <c r="EAQ646" s="613"/>
      <c r="EAR646" s="613"/>
      <c r="EAS646" s="613"/>
      <c r="EAT646" s="613"/>
      <c r="EAU646" s="613"/>
      <c r="EAV646" s="613"/>
      <c r="EAW646" s="613"/>
      <c r="EAX646" s="613"/>
      <c r="EAY646" s="613"/>
      <c r="EAZ646" s="613"/>
      <c r="EBA646" s="613"/>
      <c r="EBB646" s="613"/>
      <c r="EBC646" s="613"/>
      <c r="EBD646" s="613"/>
      <c r="EBE646" s="613"/>
      <c r="EBF646" s="613"/>
      <c r="EBG646" s="613"/>
      <c r="EBH646" s="613"/>
      <c r="EBI646" s="613"/>
      <c r="EBJ646" s="613"/>
      <c r="EBK646" s="613"/>
      <c r="EBL646" s="613"/>
      <c r="EBM646" s="613"/>
      <c r="EBN646" s="613"/>
      <c r="EBO646" s="613"/>
      <c r="EBP646" s="613"/>
      <c r="EBQ646" s="613"/>
      <c r="EBR646" s="613"/>
      <c r="EBS646" s="613"/>
      <c r="EBT646" s="613"/>
      <c r="EBU646" s="613"/>
      <c r="EBV646" s="613"/>
      <c r="EBW646" s="613"/>
      <c r="EBX646" s="613"/>
      <c r="EBY646" s="613"/>
      <c r="EBZ646" s="613"/>
      <c r="ECA646" s="613"/>
      <c r="ECB646" s="613"/>
      <c r="ECC646" s="613"/>
      <c r="ECD646" s="613"/>
      <c r="ECE646" s="613"/>
      <c r="ECF646" s="613"/>
      <c r="ECG646" s="613"/>
      <c r="ECH646" s="613"/>
      <c r="ECI646" s="613"/>
      <c r="ECJ646" s="613"/>
      <c r="ECK646" s="613"/>
      <c r="ECL646" s="613"/>
      <c r="ECM646" s="613"/>
      <c r="ECN646" s="613"/>
      <c r="ECO646" s="613"/>
      <c r="ECP646" s="613"/>
      <c r="ECQ646" s="613"/>
      <c r="ECR646" s="613"/>
      <c r="ECS646" s="613"/>
      <c r="ECT646" s="613"/>
      <c r="ECU646" s="613"/>
      <c r="ECV646" s="613"/>
      <c r="ECW646" s="613"/>
      <c r="ECX646" s="613"/>
      <c r="ECY646" s="613"/>
      <c r="ECZ646" s="613"/>
      <c r="EDA646" s="613"/>
      <c r="EDB646" s="613"/>
      <c r="EDC646" s="613"/>
      <c r="EDD646" s="613"/>
      <c r="EDE646" s="613"/>
      <c r="EDF646" s="613"/>
      <c r="EDG646" s="613"/>
      <c r="EDH646" s="613"/>
      <c r="EDI646" s="613"/>
      <c r="EDJ646" s="613"/>
      <c r="EDK646" s="613"/>
      <c r="EDL646" s="613"/>
      <c r="EDM646" s="613"/>
      <c r="EDN646" s="613"/>
      <c r="EDO646" s="613"/>
      <c r="EDP646" s="613"/>
      <c r="EDQ646" s="613"/>
      <c r="EDR646" s="613"/>
      <c r="EDS646" s="613"/>
      <c r="EDT646" s="613"/>
      <c r="EDU646" s="613"/>
      <c r="EDV646" s="613"/>
      <c r="EDW646" s="613"/>
      <c r="EDX646" s="613"/>
      <c r="EDY646" s="613"/>
      <c r="EDZ646" s="613"/>
      <c r="EEA646" s="613"/>
      <c r="EEB646" s="613"/>
      <c r="EEC646" s="613"/>
      <c r="EED646" s="613"/>
      <c r="EEE646" s="613"/>
      <c r="EEF646" s="613"/>
      <c r="EEG646" s="613"/>
      <c r="EEH646" s="613"/>
      <c r="EEI646" s="613"/>
      <c r="EEJ646" s="613"/>
      <c r="EEK646" s="613"/>
      <c r="EEL646" s="613"/>
      <c r="EEM646" s="613"/>
      <c r="EEN646" s="613"/>
      <c r="EEO646" s="613"/>
      <c r="EEP646" s="613"/>
      <c r="EEQ646" s="613"/>
      <c r="EER646" s="613"/>
      <c r="EES646" s="613"/>
      <c r="EET646" s="613"/>
      <c r="EEU646" s="613"/>
      <c r="EEV646" s="613"/>
      <c r="EEW646" s="613"/>
      <c r="EEX646" s="613"/>
      <c r="EEY646" s="613"/>
      <c r="EEZ646" s="613"/>
      <c r="EFA646" s="613"/>
      <c r="EFB646" s="613"/>
      <c r="EFC646" s="613"/>
      <c r="EFD646" s="613"/>
      <c r="EFE646" s="613"/>
      <c r="EFF646" s="613"/>
      <c r="EFG646" s="613"/>
      <c r="EFH646" s="613"/>
      <c r="EFI646" s="613"/>
      <c r="EFJ646" s="613"/>
      <c r="EFK646" s="613"/>
      <c r="EFL646" s="613"/>
      <c r="EFM646" s="613"/>
      <c r="EFN646" s="613"/>
      <c r="EFO646" s="613"/>
      <c r="EFP646" s="613"/>
      <c r="EFQ646" s="613"/>
      <c r="EFR646" s="613"/>
      <c r="EFS646" s="613"/>
      <c r="EFT646" s="613"/>
      <c r="EFU646" s="613"/>
      <c r="EFV646" s="613"/>
      <c r="EFW646" s="613"/>
      <c r="EFX646" s="613"/>
      <c r="EFY646" s="613"/>
      <c r="EFZ646" s="613"/>
      <c r="EGA646" s="613"/>
      <c r="EGB646" s="613"/>
      <c r="EGC646" s="613"/>
      <c r="EGD646" s="613"/>
      <c r="EGE646" s="613"/>
      <c r="EGF646" s="613"/>
      <c r="EGG646" s="613"/>
      <c r="EGH646" s="613"/>
      <c r="EGI646" s="613"/>
      <c r="EGJ646" s="613"/>
      <c r="EGK646" s="613"/>
      <c r="EGL646" s="613"/>
      <c r="EGM646" s="613"/>
      <c r="EGN646" s="613"/>
      <c r="EGO646" s="613"/>
      <c r="EGP646" s="613"/>
      <c r="EGQ646" s="613"/>
      <c r="EGR646" s="613"/>
      <c r="EGS646" s="613"/>
      <c r="EGT646" s="613"/>
      <c r="EGU646" s="613"/>
      <c r="EGV646" s="613"/>
      <c r="EGW646" s="613"/>
      <c r="EGX646" s="613"/>
      <c r="EGY646" s="613"/>
      <c r="EGZ646" s="613"/>
      <c r="EHA646" s="613"/>
      <c r="EHB646" s="613"/>
      <c r="EHC646" s="613"/>
      <c r="EHD646" s="613"/>
      <c r="EHE646" s="613"/>
      <c r="EHF646" s="613"/>
      <c r="EHG646" s="613"/>
      <c r="EHH646" s="613"/>
      <c r="EHI646" s="613"/>
      <c r="EHJ646" s="613"/>
      <c r="EHK646" s="613"/>
      <c r="EHL646" s="613"/>
      <c r="EHM646" s="613"/>
      <c r="EHN646" s="613"/>
      <c r="EHO646" s="613"/>
      <c r="EHP646" s="613"/>
      <c r="EHQ646" s="613"/>
      <c r="EHR646" s="613"/>
      <c r="EHS646" s="613"/>
      <c r="EHT646" s="613"/>
      <c r="EHU646" s="613"/>
      <c r="EHV646" s="613"/>
      <c r="EHW646" s="613"/>
      <c r="EHX646" s="613"/>
      <c r="EHY646" s="613"/>
      <c r="EHZ646" s="613"/>
      <c r="EIA646" s="613"/>
      <c r="EIB646" s="613"/>
      <c r="EIC646" s="613"/>
      <c r="EID646" s="613"/>
      <c r="EIE646" s="613"/>
      <c r="EIF646" s="613"/>
      <c r="EIG646" s="613"/>
      <c r="EIH646" s="613"/>
      <c r="EII646" s="613"/>
      <c r="EIJ646" s="613"/>
      <c r="EIK646" s="613"/>
      <c r="EIL646" s="613"/>
      <c r="EIM646" s="613"/>
      <c r="EIN646" s="613"/>
      <c r="EIO646" s="613"/>
      <c r="EIP646" s="613"/>
      <c r="EIQ646" s="613"/>
      <c r="EIR646" s="613"/>
      <c r="EIS646" s="613"/>
      <c r="EIT646" s="613"/>
      <c r="EIU646" s="613"/>
      <c r="EIV646" s="613"/>
      <c r="EIW646" s="613"/>
      <c r="EIX646" s="613"/>
      <c r="EIY646" s="613"/>
      <c r="EIZ646" s="613"/>
      <c r="EJA646" s="613"/>
      <c r="EJB646" s="613"/>
      <c r="EJC646" s="613"/>
      <c r="EJD646" s="613"/>
      <c r="EJE646" s="613"/>
      <c r="EJF646" s="613"/>
      <c r="EJG646" s="613"/>
      <c r="EJH646" s="613"/>
      <c r="EJI646" s="613"/>
      <c r="EJJ646" s="613"/>
      <c r="EJK646" s="613"/>
      <c r="EJL646" s="613"/>
      <c r="EJM646" s="613"/>
      <c r="EJN646" s="613"/>
      <c r="EJO646" s="613"/>
      <c r="EJP646" s="613"/>
      <c r="EJQ646" s="613"/>
      <c r="EJR646" s="613"/>
      <c r="EJS646" s="613"/>
      <c r="EJT646" s="613"/>
      <c r="EJU646" s="613"/>
      <c r="EJV646" s="613"/>
      <c r="EJW646" s="613"/>
      <c r="EJX646" s="613"/>
      <c r="EJY646" s="613"/>
      <c r="EJZ646" s="613"/>
      <c r="EKA646" s="613"/>
      <c r="EKB646" s="613"/>
      <c r="EKC646" s="613"/>
      <c r="EKD646" s="613"/>
      <c r="EKE646" s="613"/>
      <c r="EKF646" s="613"/>
      <c r="EKG646" s="613"/>
      <c r="EKH646" s="613"/>
      <c r="EKI646" s="613"/>
      <c r="EKJ646" s="613"/>
      <c r="EKK646" s="613"/>
      <c r="EKL646" s="613"/>
      <c r="EKM646" s="613"/>
      <c r="EKN646" s="613"/>
      <c r="EKO646" s="613"/>
      <c r="EKP646" s="613"/>
      <c r="EKQ646" s="613"/>
      <c r="EKR646" s="613"/>
      <c r="EKS646" s="613"/>
      <c r="EKT646" s="613"/>
      <c r="EKU646" s="613"/>
      <c r="EKV646" s="613"/>
      <c r="EKW646" s="613"/>
      <c r="EKX646" s="613"/>
      <c r="EKY646" s="613"/>
      <c r="EKZ646" s="613"/>
      <c r="ELA646" s="613"/>
      <c r="ELB646" s="613"/>
      <c r="ELC646" s="613"/>
      <c r="ELD646" s="613"/>
      <c r="ELE646" s="613"/>
      <c r="ELF646" s="613"/>
      <c r="ELG646" s="613"/>
      <c r="ELH646" s="613"/>
      <c r="ELI646" s="613"/>
      <c r="ELJ646" s="613"/>
      <c r="ELK646" s="613"/>
      <c r="ELL646" s="613"/>
      <c r="ELM646" s="613"/>
      <c r="ELN646" s="613"/>
      <c r="ELO646" s="613"/>
      <c r="ELP646" s="613"/>
      <c r="ELQ646" s="613"/>
      <c r="ELR646" s="613"/>
      <c r="ELS646" s="613"/>
      <c r="ELT646" s="613"/>
      <c r="ELU646" s="613"/>
      <c r="ELV646" s="613"/>
      <c r="ELW646" s="613"/>
      <c r="ELX646" s="613"/>
      <c r="ELY646" s="613"/>
      <c r="ELZ646" s="613"/>
      <c r="EMA646" s="613"/>
      <c r="EMB646" s="613"/>
      <c r="EMC646" s="613"/>
      <c r="EMD646" s="613"/>
      <c r="EME646" s="613"/>
      <c r="EMF646" s="613"/>
      <c r="EMG646" s="613"/>
      <c r="EMH646" s="613"/>
      <c r="EMI646" s="613"/>
      <c r="EMJ646" s="613"/>
      <c r="EMK646" s="613"/>
      <c r="EML646" s="613"/>
      <c r="EMM646" s="613"/>
      <c r="EMN646" s="613"/>
      <c r="EMO646" s="613"/>
      <c r="EMP646" s="613"/>
      <c r="EMQ646" s="613"/>
      <c r="EMR646" s="613"/>
      <c r="EMS646" s="613"/>
      <c r="EMT646" s="613"/>
      <c r="EMU646" s="613"/>
      <c r="EMV646" s="613"/>
      <c r="EMW646" s="613"/>
      <c r="EMX646" s="613"/>
      <c r="EMY646" s="613"/>
      <c r="EMZ646" s="613"/>
      <c r="ENA646" s="613"/>
      <c r="ENB646" s="613"/>
      <c r="ENC646" s="613"/>
      <c r="END646" s="613"/>
      <c r="ENE646" s="613"/>
      <c r="ENF646" s="613"/>
      <c r="ENG646" s="613"/>
      <c r="ENH646" s="613"/>
      <c r="ENI646" s="613"/>
      <c r="ENJ646" s="613"/>
      <c r="ENK646" s="613"/>
      <c r="ENL646" s="613"/>
      <c r="ENM646" s="613"/>
      <c r="ENN646" s="613"/>
      <c r="ENO646" s="613"/>
      <c r="ENP646" s="613"/>
      <c r="ENQ646" s="613"/>
      <c r="ENR646" s="613"/>
      <c r="ENS646" s="613"/>
      <c r="ENT646" s="613"/>
      <c r="ENU646" s="613"/>
      <c r="ENV646" s="613"/>
      <c r="ENW646" s="613"/>
      <c r="ENX646" s="613"/>
      <c r="ENY646" s="613"/>
      <c r="ENZ646" s="613"/>
      <c r="EOA646" s="613"/>
      <c r="EOB646" s="613"/>
      <c r="EOC646" s="613"/>
      <c r="EOD646" s="613"/>
      <c r="EOE646" s="613"/>
      <c r="EOF646" s="613"/>
      <c r="EOG646" s="613"/>
      <c r="EOH646" s="613"/>
      <c r="EOI646" s="613"/>
      <c r="EOJ646" s="613"/>
      <c r="EOK646" s="613"/>
      <c r="EOL646" s="613"/>
      <c r="EOM646" s="613"/>
      <c r="EON646" s="613"/>
      <c r="EOO646" s="613"/>
      <c r="EOP646" s="613"/>
      <c r="EOQ646" s="613"/>
      <c r="EOR646" s="613"/>
      <c r="EOS646" s="613"/>
      <c r="EOT646" s="613"/>
      <c r="EOU646" s="613"/>
      <c r="EOV646" s="613"/>
      <c r="EOW646" s="613"/>
      <c r="EOX646" s="613"/>
      <c r="EOY646" s="613"/>
      <c r="EOZ646" s="613"/>
      <c r="EPA646" s="613"/>
      <c r="EPB646" s="613"/>
      <c r="EPC646" s="613"/>
      <c r="EPD646" s="613"/>
      <c r="EPE646" s="613"/>
      <c r="EPF646" s="613"/>
      <c r="EPG646" s="613"/>
      <c r="EPH646" s="613"/>
      <c r="EPI646" s="613"/>
      <c r="EPJ646" s="613"/>
      <c r="EPK646" s="613"/>
      <c r="EPL646" s="613"/>
      <c r="EPM646" s="613"/>
      <c r="EPN646" s="613"/>
      <c r="EPO646" s="613"/>
      <c r="EPP646" s="613"/>
      <c r="EPQ646" s="613"/>
      <c r="EPR646" s="613"/>
      <c r="EPS646" s="613"/>
      <c r="EPT646" s="613"/>
      <c r="EPU646" s="613"/>
      <c r="EPV646" s="613"/>
      <c r="EPW646" s="613"/>
      <c r="EPX646" s="613"/>
      <c r="EPY646" s="613"/>
      <c r="EPZ646" s="613"/>
      <c r="EQA646" s="613"/>
      <c r="EQB646" s="613"/>
      <c r="EQC646" s="613"/>
      <c r="EQD646" s="613"/>
      <c r="EQE646" s="613"/>
      <c r="EQF646" s="613"/>
      <c r="EQG646" s="613"/>
      <c r="EQH646" s="613"/>
      <c r="EQI646" s="613"/>
      <c r="EQJ646" s="613"/>
      <c r="EQK646" s="613"/>
      <c r="EQL646" s="613"/>
      <c r="EQM646" s="613"/>
      <c r="EQN646" s="613"/>
      <c r="EQO646" s="613"/>
      <c r="EQP646" s="613"/>
      <c r="EQQ646" s="613"/>
      <c r="EQR646" s="613"/>
      <c r="EQS646" s="613"/>
      <c r="EQT646" s="613"/>
      <c r="EQU646" s="613"/>
      <c r="EQV646" s="613"/>
      <c r="EQW646" s="613"/>
      <c r="EQX646" s="613"/>
      <c r="EQY646" s="613"/>
      <c r="EQZ646" s="613"/>
      <c r="ERA646" s="613"/>
      <c r="ERB646" s="613"/>
      <c r="ERC646" s="613"/>
      <c r="ERD646" s="613"/>
      <c r="ERE646" s="613"/>
      <c r="ERF646" s="613"/>
      <c r="ERG646" s="613"/>
      <c r="ERH646" s="613"/>
      <c r="ERI646" s="613"/>
      <c r="ERJ646" s="613"/>
      <c r="ERK646" s="613"/>
      <c r="ERL646" s="613"/>
      <c r="ERM646" s="613"/>
      <c r="ERN646" s="613"/>
      <c r="ERO646" s="613"/>
      <c r="ERP646" s="613"/>
      <c r="ERQ646" s="613"/>
      <c r="ERR646" s="613"/>
      <c r="ERS646" s="613"/>
      <c r="ERT646" s="613"/>
      <c r="ERU646" s="613"/>
      <c r="ERV646" s="613"/>
      <c r="ERW646" s="613"/>
      <c r="ERX646" s="613"/>
      <c r="ERY646" s="613"/>
      <c r="ERZ646" s="613"/>
      <c r="ESA646" s="613"/>
      <c r="ESB646" s="613"/>
      <c r="ESC646" s="613"/>
      <c r="ESD646" s="613"/>
      <c r="ESE646" s="613"/>
      <c r="ESF646" s="613"/>
      <c r="ESG646" s="613"/>
      <c r="ESH646" s="613"/>
      <c r="ESI646" s="613"/>
      <c r="ESJ646" s="613"/>
      <c r="ESK646" s="613"/>
      <c r="ESL646" s="613"/>
      <c r="ESM646" s="613"/>
      <c r="ESN646" s="613"/>
      <c r="ESO646" s="613"/>
      <c r="ESP646" s="613"/>
      <c r="ESQ646" s="613"/>
      <c r="ESR646" s="613"/>
      <c r="ESS646" s="613"/>
      <c r="EST646" s="613"/>
      <c r="ESU646" s="613"/>
      <c r="ESV646" s="613"/>
      <c r="ESW646" s="613"/>
      <c r="ESX646" s="613"/>
      <c r="ESY646" s="613"/>
      <c r="ESZ646" s="613"/>
      <c r="ETA646" s="613"/>
      <c r="ETB646" s="613"/>
      <c r="ETC646" s="613"/>
      <c r="ETD646" s="613"/>
      <c r="ETE646" s="613"/>
      <c r="ETF646" s="613"/>
      <c r="ETG646" s="613"/>
      <c r="ETH646" s="613"/>
      <c r="ETI646" s="613"/>
      <c r="ETJ646" s="613"/>
      <c r="ETK646" s="613"/>
      <c r="ETL646" s="613"/>
      <c r="ETM646" s="613"/>
      <c r="ETN646" s="613"/>
      <c r="ETO646" s="613"/>
      <c r="ETP646" s="613"/>
      <c r="ETQ646" s="613"/>
      <c r="ETR646" s="613"/>
      <c r="ETS646" s="613"/>
      <c r="ETT646" s="613"/>
      <c r="ETU646" s="613"/>
      <c r="ETV646" s="613"/>
      <c r="ETW646" s="613"/>
      <c r="ETX646" s="613"/>
      <c r="ETY646" s="613"/>
      <c r="ETZ646" s="613"/>
      <c r="EUA646" s="613"/>
      <c r="EUB646" s="613"/>
      <c r="EUC646" s="613"/>
      <c r="EUD646" s="613"/>
      <c r="EUE646" s="613"/>
      <c r="EUF646" s="613"/>
      <c r="EUG646" s="613"/>
      <c r="EUH646" s="613"/>
      <c r="EUI646" s="613"/>
      <c r="EUJ646" s="613"/>
      <c r="EUK646" s="613"/>
      <c r="EUL646" s="613"/>
      <c r="EUM646" s="613"/>
      <c r="EUN646" s="613"/>
      <c r="EUO646" s="613"/>
      <c r="EUP646" s="613"/>
      <c r="EUQ646" s="613"/>
      <c r="EUR646" s="613"/>
      <c r="EUS646" s="613"/>
      <c r="EUT646" s="613"/>
      <c r="EUU646" s="613"/>
      <c r="EUV646" s="613"/>
      <c r="EUW646" s="613"/>
      <c r="EUX646" s="613"/>
      <c r="EUY646" s="613"/>
      <c r="EUZ646" s="613"/>
      <c r="EVA646" s="613"/>
      <c r="EVB646" s="613"/>
      <c r="EVC646" s="613"/>
      <c r="EVD646" s="613"/>
      <c r="EVE646" s="613"/>
      <c r="EVF646" s="613"/>
      <c r="EVG646" s="613"/>
      <c r="EVH646" s="613"/>
      <c r="EVI646" s="613"/>
      <c r="EVJ646" s="613"/>
      <c r="EVK646" s="613"/>
      <c r="EVL646" s="613"/>
      <c r="EVM646" s="613"/>
      <c r="EVN646" s="613"/>
      <c r="EVO646" s="613"/>
      <c r="EVP646" s="613"/>
      <c r="EVQ646" s="613"/>
      <c r="EVR646" s="613"/>
      <c r="EVS646" s="613"/>
      <c r="EVT646" s="613"/>
      <c r="EVU646" s="613"/>
      <c r="EVV646" s="613"/>
      <c r="EVW646" s="613"/>
      <c r="EVX646" s="613"/>
      <c r="EVY646" s="613"/>
      <c r="EVZ646" s="613"/>
      <c r="EWA646" s="613"/>
      <c r="EWB646" s="613"/>
      <c r="EWC646" s="613"/>
      <c r="EWD646" s="613"/>
      <c r="EWE646" s="613"/>
      <c r="EWF646" s="613"/>
      <c r="EWG646" s="613"/>
      <c r="EWH646" s="613"/>
      <c r="EWI646" s="613"/>
      <c r="EWJ646" s="613"/>
      <c r="EWK646" s="613"/>
      <c r="EWL646" s="613"/>
      <c r="EWM646" s="613"/>
      <c r="EWN646" s="613"/>
      <c r="EWO646" s="613"/>
      <c r="EWP646" s="613"/>
      <c r="EWQ646" s="613"/>
      <c r="EWR646" s="613"/>
      <c r="EWS646" s="613"/>
      <c r="EWT646" s="613"/>
      <c r="EWU646" s="613"/>
      <c r="EWV646" s="613"/>
      <c r="EWW646" s="613"/>
      <c r="EWX646" s="613"/>
      <c r="EWY646" s="613"/>
      <c r="EWZ646" s="613"/>
      <c r="EXA646" s="613"/>
      <c r="EXB646" s="613"/>
      <c r="EXC646" s="613"/>
      <c r="EXD646" s="613"/>
      <c r="EXE646" s="613"/>
      <c r="EXF646" s="613"/>
      <c r="EXG646" s="613"/>
      <c r="EXH646" s="613"/>
      <c r="EXI646" s="613"/>
      <c r="EXJ646" s="613"/>
      <c r="EXK646" s="613"/>
      <c r="EXL646" s="613"/>
      <c r="EXM646" s="613"/>
      <c r="EXN646" s="613"/>
      <c r="EXO646" s="613"/>
      <c r="EXP646" s="613"/>
      <c r="EXQ646" s="613"/>
      <c r="EXR646" s="613"/>
      <c r="EXS646" s="613"/>
      <c r="EXT646" s="613"/>
      <c r="EXU646" s="613"/>
      <c r="EXV646" s="613"/>
      <c r="EXW646" s="613"/>
      <c r="EXX646" s="613"/>
      <c r="EXY646" s="613"/>
      <c r="EXZ646" s="613"/>
      <c r="EYA646" s="613"/>
      <c r="EYB646" s="613"/>
      <c r="EYC646" s="613"/>
      <c r="EYD646" s="613"/>
      <c r="EYE646" s="613"/>
      <c r="EYF646" s="613"/>
      <c r="EYG646" s="613"/>
      <c r="EYH646" s="613"/>
      <c r="EYI646" s="613"/>
      <c r="EYJ646" s="613"/>
      <c r="EYK646" s="613"/>
      <c r="EYL646" s="613"/>
      <c r="EYM646" s="613"/>
      <c r="EYN646" s="613"/>
      <c r="EYO646" s="613"/>
      <c r="EYP646" s="613"/>
      <c r="EYQ646" s="613"/>
      <c r="EYR646" s="613"/>
      <c r="EYS646" s="613"/>
      <c r="EYT646" s="613"/>
      <c r="EYU646" s="613"/>
      <c r="EYV646" s="613"/>
      <c r="EYW646" s="613"/>
      <c r="EYX646" s="613"/>
      <c r="EYY646" s="613"/>
      <c r="EYZ646" s="613"/>
      <c r="EZA646" s="613"/>
      <c r="EZB646" s="613"/>
      <c r="EZC646" s="613"/>
      <c r="EZD646" s="613"/>
      <c r="EZE646" s="613"/>
      <c r="EZF646" s="613"/>
      <c r="EZG646" s="613"/>
      <c r="EZH646" s="613"/>
      <c r="EZI646" s="613"/>
      <c r="EZJ646" s="613"/>
      <c r="EZK646" s="613"/>
      <c r="EZL646" s="613"/>
      <c r="EZM646" s="613"/>
      <c r="EZN646" s="613"/>
      <c r="EZO646" s="613"/>
      <c r="EZP646" s="613"/>
      <c r="EZQ646" s="613"/>
      <c r="EZR646" s="613"/>
      <c r="EZS646" s="613"/>
      <c r="EZT646" s="613"/>
      <c r="EZU646" s="613"/>
      <c r="EZV646" s="613"/>
      <c r="EZW646" s="613"/>
      <c r="EZX646" s="613"/>
      <c r="EZY646" s="613"/>
      <c r="EZZ646" s="613"/>
      <c r="FAA646" s="613"/>
      <c r="FAB646" s="613"/>
      <c r="FAC646" s="613"/>
      <c r="FAD646" s="613"/>
      <c r="FAE646" s="613"/>
      <c r="FAF646" s="613"/>
      <c r="FAG646" s="613"/>
      <c r="FAH646" s="613"/>
      <c r="FAI646" s="613"/>
      <c r="FAJ646" s="613"/>
      <c r="FAK646" s="613"/>
      <c r="FAL646" s="613"/>
      <c r="FAM646" s="613"/>
      <c r="FAN646" s="613"/>
      <c r="FAO646" s="613"/>
      <c r="FAP646" s="613"/>
      <c r="FAQ646" s="613"/>
      <c r="FAR646" s="613"/>
      <c r="FAS646" s="613"/>
      <c r="FAT646" s="613"/>
      <c r="FAU646" s="613"/>
      <c r="FAV646" s="613"/>
      <c r="FAW646" s="613"/>
      <c r="FAX646" s="613"/>
      <c r="FAY646" s="613"/>
      <c r="FAZ646" s="613"/>
      <c r="FBA646" s="613"/>
      <c r="FBB646" s="613"/>
      <c r="FBC646" s="613"/>
      <c r="FBD646" s="613"/>
      <c r="FBE646" s="613"/>
      <c r="FBF646" s="613"/>
      <c r="FBG646" s="613"/>
      <c r="FBH646" s="613"/>
      <c r="FBI646" s="613"/>
      <c r="FBJ646" s="613"/>
      <c r="FBK646" s="613"/>
      <c r="FBL646" s="613"/>
      <c r="FBM646" s="613"/>
      <c r="FBN646" s="613"/>
      <c r="FBO646" s="613"/>
      <c r="FBP646" s="613"/>
      <c r="FBQ646" s="613"/>
      <c r="FBR646" s="613"/>
      <c r="FBS646" s="613"/>
      <c r="FBT646" s="613"/>
      <c r="FBU646" s="613"/>
      <c r="FBV646" s="613"/>
      <c r="FBW646" s="613"/>
      <c r="FBX646" s="613"/>
      <c r="FBY646" s="613"/>
      <c r="FBZ646" s="613"/>
      <c r="FCA646" s="613"/>
      <c r="FCB646" s="613"/>
      <c r="FCC646" s="613"/>
      <c r="FCD646" s="613"/>
      <c r="FCE646" s="613"/>
      <c r="FCF646" s="613"/>
      <c r="FCG646" s="613"/>
      <c r="FCH646" s="613"/>
      <c r="FCI646" s="613"/>
      <c r="FCJ646" s="613"/>
      <c r="FCK646" s="613"/>
      <c r="FCL646" s="613"/>
      <c r="FCM646" s="613"/>
      <c r="FCN646" s="613"/>
      <c r="FCO646" s="613"/>
      <c r="FCP646" s="613"/>
      <c r="FCQ646" s="613"/>
      <c r="FCR646" s="613"/>
      <c r="FCS646" s="613"/>
      <c r="FCT646" s="613"/>
      <c r="FCU646" s="613"/>
      <c r="FCV646" s="613"/>
      <c r="FCW646" s="613"/>
      <c r="FCX646" s="613"/>
      <c r="FCY646" s="613"/>
      <c r="FCZ646" s="613"/>
      <c r="FDA646" s="613"/>
      <c r="FDB646" s="613"/>
      <c r="FDC646" s="613"/>
      <c r="FDD646" s="613"/>
      <c r="FDE646" s="613"/>
      <c r="FDF646" s="613"/>
      <c r="FDG646" s="613"/>
      <c r="FDH646" s="613"/>
      <c r="FDI646" s="613"/>
      <c r="FDJ646" s="613"/>
      <c r="FDK646" s="613"/>
      <c r="FDL646" s="613"/>
      <c r="FDM646" s="613"/>
      <c r="FDN646" s="613"/>
      <c r="FDO646" s="613"/>
      <c r="FDP646" s="613"/>
      <c r="FDQ646" s="613"/>
      <c r="FDR646" s="613"/>
      <c r="FDS646" s="613"/>
      <c r="FDT646" s="613"/>
      <c r="FDU646" s="613"/>
      <c r="FDV646" s="613"/>
      <c r="FDW646" s="613"/>
      <c r="FDX646" s="613"/>
      <c r="FDY646" s="613"/>
      <c r="FDZ646" s="613"/>
      <c r="FEA646" s="613"/>
      <c r="FEB646" s="613"/>
      <c r="FEC646" s="613"/>
      <c r="FED646" s="613"/>
      <c r="FEE646" s="613"/>
      <c r="FEF646" s="613"/>
      <c r="FEG646" s="613"/>
      <c r="FEH646" s="613"/>
      <c r="FEI646" s="613"/>
      <c r="FEJ646" s="613"/>
      <c r="FEK646" s="613"/>
      <c r="FEL646" s="613"/>
      <c r="FEM646" s="613"/>
      <c r="FEN646" s="613"/>
      <c r="FEO646" s="613"/>
      <c r="FEP646" s="613"/>
      <c r="FEQ646" s="613"/>
      <c r="FER646" s="613"/>
      <c r="FES646" s="613"/>
      <c r="FET646" s="613"/>
      <c r="FEU646" s="613"/>
      <c r="FEV646" s="613"/>
      <c r="FEW646" s="613"/>
      <c r="FEX646" s="613"/>
      <c r="FEY646" s="613"/>
      <c r="FEZ646" s="613"/>
      <c r="FFA646" s="613"/>
      <c r="FFB646" s="613"/>
      <c r="FFC646" s="613"/>
      <c r="FFD646" s="613"/>
      <c r="FFE646" s="613"/>
      <c r="FFF646" s="613"/>
      <c r="FFG646" s="613"/>
      <c r="FFH646" s="613"/>
      <c r="FFI646" s="613"/>
      <c r="FFJ646" s="613"/>
      <c r="FFK646" s="613"/>
      <c r="FFL646" s="613"/>
      <c r="FFM646" s="613"/>
      <c r="FFN646" s="613"/>
      <c r="FFO646" s="613"/>
      <c r="FFP646" s="613"/>
      <c r="FFQ646" s="613"/>
      <c r="FFR646" s="613"/>
      <c r="FFS646" s="613"/>
      <c r="FFT646" s="613"/>
      <c r="FFU646" s="613"/>
      <c r="FFV646" s="613"/>
      <c r="FFW646" s="613"/>
      <c r="FFX646" s="613"/>
      <c r="FFY646" s="613"/>
      <c r="FFZ646" s="613"/>
      <c r="FGA646" s="613"/>
      <c r="FGB646" s="613"/>
      <c r="FGC646" s="613"/>
      <c r="FGD646" s="613"/>
      <c r="FGE646" s="613"/>
      <c r="FGF646" s="613"/>
      <c r="FGG646" s="613"/>
      <c r="FGH646" s="613"/>
      <c r="FGI646" s="613"/>
      <c r="FGJ646" s="613"/>
      <c r="FGK646" s="613"/>
      <c r="FGL646" s="613"/>
      <c r="FGM646" s="613"/>
      <c r="FGN646" s="613"/>
      <c r="FGO646" s="613"/>
      <c r="FGP646" s="613"/>
      <c r="FGQ646" s="613"/>
      <c r="FGR646" s="613"/>
      <c r="FGS646" s="613"/>
      <c r="FGT646" s="613"/>
      <c r="FGU646" s="613"/>
      <c r="FGV646" s="613"/>
      <c r="FGW646" s="613"/>
      <c r="FGX646" s="613"/>
      <c r="FGY646" s="613"/>
      <c r="FGZ646" s="613"/>
      <c r="FHA646" s="613"/>
      <c r="FHB646" s="613"/>
      <c r="FHC646" s="613"/>
      <c r="FHD646" s="613"/>
      <c r="FHE646" s="613"/>
      <c r="FHF646" s="613"/>
      <c r="FHG646" s="613"/>
      <c r="FHH646" s="613"/>
      <c r="FHI646" s="613"/>
      <c r="FHJ646" s="613"/>
      <c r="FHK646" s="613"/>
      <c r="FHL646" s="613"/>
      <c r="FHM646" s="613"/>
      <c r="FHN646" s="613"/>
      <c r="FHO646" s="613"/>
      <c r="FHP646" s="613"/>
      <c r="FHQ646" s="613"/>
      <c r="FHR646" s="613"/>
      <c r="FHS646" s="613"/>
      <c r="FHT646" s="613"/>
      <c r="FHU646" s="613"/>
      <c r="FHV646" s="613"/>
      <c r="FHW646" s="613"/>
      <c r="FHX646" s="613"/>
      <c r="FHY646" s="613"/>
      <c r="FHZ646" s="613"/>
      <c r="FIA646" s="613"/>
      <c r="FIB646" s="613"/>
      <c r="FIC646" s="613"/>
      <c r="FID646" s="613"/>
      <c r="FIE646" s="613"/>
      <c r="FIF646" s="613"/>
      <c r="FIG646" s="613"/>
      <c r="FIH646" s="613"/>
      <c r="FII646" s="613"/>
      <c r="FIJ646" s="613"/>
      <c r="FIK646" s="613"/>
      <c r="FIL646" s="613"/>
      <c r="FIM646" s="613"/>
      <c r="FIN646" s="613"/>
      <c r="FIO646" s="613"/>
      <c r="FIP646" s="613"/>
      <c r="FIQ646" s="613"/>
      <c r="FIR646" s="613"/>
      <c r="FIS646" s="613"/>
      <c r="FIT646" s="613"/>
      <c r="FIU646" s="613"/>
      <c r="FIV646" s="613"/>
      <c r="FIW646" s="613"/>
      <c r="FIX646" s="613"/>
      <c r="FIY646" s="613"/>
      <c r="FIZ646" s="613"/>
      <c r="FJA646" s="613"/>
      <c r="FJB646" s="613"/>
      <c r="FJC646" s="613"/>
      <c r="FJD646" s="613"/>
      <c r="FJE646" s="613"/>
      <c r="FJF646" s="613"/>
      <c r="FJG646" s="613"/>
      <c r="FJH646" s="613"/>
      <c r="FJI646" s="613"/>
      <c r="FJJ646" s="613"/>
      <c r="FJK646" s="613"/>
      <c r="FJL646" s="613"/>
      <c r="FJM646" s="613"/>
      <c r="FJN646" s="613"/>
      <c r="FJO646" s="613"/>
      <c r="FJP646" s="613"/>
      <c r="FJQ646" s="613"/>
      <c r="FJR646" s="613"/>
      <c r="FJS646" s="613"/>
      <c r="FJT646" s="613"/>
      <c r="FJU646" s="613"/>
      <c r="FJV646" s="613"/>
      <c r="FJW646" s="613"/>
      <c r="FJX646" s="613"/>
      <c r="FJY646" s="613"/>
      <c r="FJZ646" s="613"/>
      <c r="FKA646" s="613"/>
      <c r="FKB646" s="613"/>
      <c r="FKC646" s="613"/>
      <c r="FKD646" s="613"/>
      <c r="FKE646" s="613"/>
      <c r="FKF646" s="613"/>
      <c r="FKG646" s="613"/>
      <c r="FKH646" s="613"/>
      <c r="FKI646" s="613"/>
      <c r="FKJ646" s="613"/>
      <c r="FKK646" s="613"/>
      <c r="FKL646" s="613"/>
      <c r="FKM646" s="613"/>
      <c r="FKN646" s="613"/>
      <c r="FKO646" s="613"/>
      <c r="FKP646" s="613"/>
      <c r="FKQ646" s="613"/>
      <c r="FKR646" s="613"/>
      <c r="FKS646" s="613"/>
      <c r="FKT646" s="613"/>
      <c r="FKU646" s="613"/>
      <c r="FKV646" s="613"/>
      <c r="FKW646" s="613"/>
      <c r="FKX646" s="613"/>
      <c r="FKY646" s="613"/>
      <c r="FKZ646" s="613"/>
      <c r="FLA646" s="613"/>
      <c r="FLB646" s="613"/>
      <c r="FLC646" s="613"/>
      <c r="FLD646" s="613"/>
      <c r="FLE646" s="613"/>
      <c r="FLF646" s="613"/>
      <c r="FLG646" s="613"/>
      <c r="FLH646" s="613"/>
      <c r="FLI646" s="613"/>
      <c r="FLJ646" s="613"/>
      <c r="FLK646" s="613"/>
      <c r="FLL646" s="613"/>
      <c r="FLM646" s="613"/>
      <c r="FLN646" s="613"/>
      <c r="FLO646" s="613"/>
      <c r="FLP646" s="613"/>
      <c r="FLQ646" s="613"/>
      <c r="FLR646" s="613"/>
      <c r="FLS646" s="613"/>
      <c r="FLT646" s="613"/>
      <c r="FLU646" s="613"/>
      <c r="FLV646" s="613"/>
      <c r="FLW646" s="613"/>
      <c r="FLX646" s="613"/>
      <c r="FLY646" s="613"/>
      <c r="FLZ646" s="613"/>
      <c r="FMA646" s="613"/>
      <c r="FMB646" s="613"/>
      <c r="FMC646" s="613"/>
      <c r="FMD646" s="613"/>
      <c r="FME646" s="613"/>
      <c r="FMF646" s="613"/>
      <c r="FMG646" s="613"/>
      <c r="FMH646" s="613"/>
      <c r="FMI646" s="613"/>
      <c r="FMJ646" s="613"/>
      <c r="FMK646" s="613"/>
      <c r="FML646" s="613"/>
      <c r="FMM646" s="613"/>
      <c r="FMN646" s="613"/>
      <c r="FMO646" s="613"/>
      <c r="FMP646" s="613"/>
      <c r="FMQ646" s="613"/>
      <c r="FMR646" s="613"/>
      <c r="FMS646" s="613"/>
      <c r="FMT646" s="613"/>
      <c r="FMU646" s="613"/>
      <c r="FMV646" s="613"/>
      <c r="FMW646" s="613"/>
      <c r="FMX646" s="613"/>
      <c r="FMY646" s="613"/>
      <c r="FMZ646" s="613"/>
      <c r="FNA646" s="613"/>
      <c r="FNB646" s="613"/>
      <c r="FNC646" s="613"/>
      <c r="FND646" s="613"/>
      <c r="FNE646" s="613"/>
      <c r="FNF646" s="613"/>
      <c r="FNG646" s="613"/>
      <c r="FNH646" s="613"/>
      <c r="FNI646" s="613"/>
      <c r="FNJ646" s="613"/>
      <c r="FNK646" s="613"/>
      <c r="FNL646" s="613"/>
      <c r="FNM646" s="613"/>
      <c r="FNN646" s="613"/>
      <c r="FNO646" s="613"/>
      <c r="FNP646" s="613"/>
      <c r="FNQ646" s="613"/>
      <c r="FNR646" s="613"/>
      <c r="FNS646" s="613"/>
      <c r="FNT646" s="613"/>
      <c r="FNU646" s="613"/>
      <c r="FNV646" s="613"/>
      <c r="FNW646" s="613"/>
      <c r="FNX646" s="613"/>
      <c r="FNY646" s="613"/>
      <c r="FNZ646" s="613"/>
      <c r="FOA646" s="613"/>
      <c r="FOB646" s="613"/>
      <c r="FOC646" s="613"/>
      <c r="FOD646" s="613"/>
      <c r="FOE646" s="613"/>
      <c r="FOF646" s="613"/>
      <c r="FOG646" s="613"/>
      <c r="FOH646" s="613"/>
      <c r="FOI646" s="613"/>
      <c r="FOJ646" s="613"/>
      <c r="FOK646" s="613"/>
      <c r="FOL646" s="613"/>
      <c r="FOM646" s="613"/>
      <c r="FON646" s="613"/>
      <c r="FOO646" s="613"/>
      <c r="FOP646" s="613"/>
      <c r="FOQ646" s="613"/>
      <c r="FOR646" s="613"/>
      <c r="FOS646" s="613"/>
      <c r="FOT646" s="613"/>
      <c r="FOU646" s="613"/>
      <c r="FOV646" s="613"/>
      <c r="FOW646" s="613"/>
      <c r="FOX646" s="613"/>
      <c r="FOY646" s="613"/>
      <c r="FOZ646" s="613"/>
      <c r="FPA646" s="613"/>
      <c r="FPB646" s="613"/>
      <c r="FPC646" s="613"/>
      <c r="FPD646" s="613"/>
      <c r="FPE646" s="613"/>
      <c r="FPF646" s="613"/>
      <c r="FPG646" s="613"/>
      <c r="FPH646" s="613"/>
      <c r="FPI646" s="613"/>
      <c r="FPJ646" s="613"/>
      <c r="FPK646" s="613"/>
      <c r="FPL646" s="613"/>
      <c r="FPM646" s="613"/>
      <c r="FPN646" s="613"/>
      <c r="FPO646" s="613"/>
      <c r="FPP646" s="613"/>
      <c r="FPQ646" s="613"/>
      <c r="FPR646" s="613"/>
      <c r="FPS646" s="613"/>
      <c r="FPT646" s="613"/>
      <c r="FPU646" s="613"/>
      <c r="FPV646" s="613"/>
      <c r="FPW646" s="613"/>
      <c r="FPX646" s="613"/>
      <c r="FPY646" s="613"/>
      <c r="FPZ646" s="613"/>
      <c r="FQA646" s="613"/>
      <c r="FQB646" s="613"/>
      <c r="FQC646" s="613"/>
      <c r="FQD646" s="613"/>
      <c r="FQE646" s="613"/>
      <c r="FQF646" s="613"/>
      <c r="FQG646" s="613"/>
      <c r="FQH646" s="613"/>
      <c r="FQI646" s="613"/>
      <c r="FQJ646" s="613"/>
      <c r="FQK646" s="613"/>
      <c r="FQL646" s="613"/>
      <c r="FQM646" s="613"/>
      <c r="FQN646" s="613"/>
      <c r="FQO646" s="613"/>
      <c r="FQP646" s="613"/>
      <c r="FQQ646" s="613"/>
      <c r="FQR646" s="613"/>
      <c r="FQS646" s="613"/>
      <c r="FQT646" s="613"/>
      <c r="FQU646" s="613"/>
      <c r="FQV646" s="613"/>
      <c r="FQW646" s="613"/>
      <c r="FQX646" s="613"/>
      <c r="FQY646" s="613"/>
      <c r="FQZ646" s="613"/>
      <c r="FRA646" s="613"/>
      <c r="FRB646" s="613"/>
      <c r="FRC646" s="613"/>
      <c r="FRD646" s="613"/>
      <c r="FRE646" s="613"/>
      <c r="FRF646" s="613"/>
      <c r="FRG646" s="613"/>
      <c r="FRH646" s="613"/>
      <c r="FRI646" s="613"/>
      <c r="FRJ646" s="613"/>
      <c r="FRK646" s="613"/>
      <c r="FRL646" s="613"/>
      <c r="FRM646" s="613"/>
      <c r="FRN646" s="613"/>
      <c r="FRO646" s="613"/>
      <c r="FRP646" s="613"/>
      <c r="FRQ646" s="613"/>
      <c r="FRR646" s="613"/>
      <c r="FRS646" s="613"/>
      <c r="FRT646" s="613"/>
      <c r="FRU646" s="613"/>
      <c r="FRV646" s="613"/>
      <c r="FRW646" s="613"/>
      <c r="FRX646" s="613"/>
      <c r="FRY646" s="613"/>
      <c r="FRZ646" s="613"/>
      <c r="FSA646" s="613"/>
      <c r="FSB646" s="613"/>
      <c r="FSC646" s="613"/>
      <c r="FSD646" s="613"/>
      <c r="FSE646" s="613"/>
      <c r="FSF646" s="613"/>
      <c r="FSG646" s="613"/>
      <c r="FSH646" s="613"/>
      <c r="FSI646" s="613"/>
      <c r="FSJ646" s="613"/>
      <c r="FSK646" s="613"/>
      <c r="FSL646" s="613"/>
      <c r="FSM646" s="613"/>
      <c r="FSN646" s="613"/>
      <c r="FSO646" s="613"/>
      <c r="FSP646" s="613"/>
      <c r="FSQ646" s="613"/>
      <c r="FSR646" s="613"/>
      <c r="FSS646" s="613"/>
      <c r="FST646" s="613"/>
      <c r="FSU646" s="613"/>
      <c r="FSV646" s="613"/>
      <c r="FSW646" s="613"/>
      <c r="FSX646" s="613"/>
      <c r="FSY646" s="613"/>
      <c r="FSZ646" s="613"/>
      <c r="FTA646" s="613"/>
      <c r="FTB646" s="613"/>
      <c r="FTC646" s="613"/>
      <c r="FTD646" s="613"/>
      <c r="FTE646" s="613"/>
      <c r="FTF646" s="613"/>
      <c r="FTG646" s="613"/>
      <c r="FTH646" s="613"/>
      <c r="FTI646" s="613"/>
      <c r="FTJ646" s="613"/>
      <c r="FTK646" s="613"/>
      <c r="FTL646" s="613"/>
      <c r="FTM646" s="613"/>
      <c r="FTN646" s="613"/>
      <c r="FTO646" s="613"/>
      <c r="FTP646" s="613"/>
      <c r="FTQ646" s="613"/>
      <c r="FTR646" s="613"/>
      <c r="FTS646" s="613"/>
      <c r="FTT646" s="613"/>
      <c r="FTU646" s="613"/>
      <c r="FTV646" s="613"/>
      <c r="FTW646" s="613"/>
      <c r="FTX646" s="613"/>
      <c r="FTY646" s="613"/>
      <c r="FTZ646" s="613"/>
      <c r="FUA646" s="613"/>
      <c r="FUB646" s="613"/>
      <c r="FUC646" s="613"/>
      <c r="FUD646" s="613"/>
      <c r="FUE646" s="613"/>
      <c r="FUF646" s="613"/>
      <c r="FUG646" s="613"/>
      <c r="FUH646" s="613"/>
      <c r="FUI646" s="613"/>
      <c r="FUJ646" s="613"/>
      <c r="FUK646" s="613"/>
      <c r="FUL646" s="613"/>
      <c r="FUM646" s="613"/>
      <c r="FUN646" s="613"/>
      <c r="FUO646" s="613"/>
      <c r="FUP646" s="613"/>
      <c r="FUQ646" s="613"/>
      <c r="FUR646" s="613"/>
      <c r="FUS646" s="613"/>
      <c r="FUT646" s="613"/>
      <c r="FUU646" s="613"/>
      <c r="FUV646" s="613"/>
      <c r="FUW646" s="613"/>
      <c r="FUX646" s="613"/>
      <c r="FUY646" s="613"/>
      <c r="FUZ646" s="613"/>
      <c r="FVA646" s="613"/>
      <c r="FVB646" s="613"/>
      <c r="FVC646" s="613"/>
      <c r="FVD646" s="613"/>
      <c r="FVE646" s="613"/>
      <c r="FVF646" s="613"/>
      <c r="FVG646" s="613"/>
      <c r="FVH646" s="613"/>
      <c r="FVI646" s="613"/>
      <c r="FVJ646" s="613"/>
      <c r="FVK646" s="613"/>
      <c r="FVL646" s="613"/>
      <c r="FVM646" s="613"/>
      <c r="FVN646" s="613"/>
      <c r="FVO646" s="613"/>
      <c r="FVP646" s="613"/>
      <c r="FVQ646" s="613"/>
      <c r="FVR646" s="613"/>
      <c r="FVS646" s="613"/>
      <c r="FVT646" s="613"/>
      <c r="FVU646" s="613"/>
      <c r="FVV646" s="613"/>
      <c r="FVW646" s="613"/>
      <c r="FVX646" s="613"/>
      <c r="FVY646" s="613"/>
      <c r="FVZ646" s="613"/>
      <c r="FWA646" s="613"/>
      <c r="FWB646" s="613"/>
      <c r="FWC646" s="613"/>
      <c r="FWD646" s="613"/>
      <c r="FWE646" s="613"/>
      <c r="FWF646" s="613"/>
      <c r="FWG646" s="613"/>
      <c r="FWH646" s="613"/>
      <c r="FWI646" s="613"/>
      <c r="FWJ646" s="613"/>
      <c r="FWK646" s="613"/>
      <c r="FWL646" s="613"/>
      <c r="FWM646" s="613"/>
      <c r="FWN646" s="613"/>
      <c r="FWO646" s="613"/>
      <c r="FWP646" s="613"/>
      <c r="FWQ646" s="613"/>
      <c r="FWR646" s="613"/>
      <c r="FWS646" s="613"/>
      <c r="FWT646" s="613"/>
      <c r="FWU646" s="613"/>
      <c r="FWV646" s="613"/>
      <c r="FWW646" s="613"/>
      <c r="FWX646" s="613"/>
      <c r="FWY646" s="613"/>
      <c r="FWZ646" s="613"/>
      <c r="FXA646" s="613"/>
      <c r="FXB646" s="613"/>
      <c r="FXC646" s="613"/>
      <c r="FXD646" s="613"/>
      <c r="FXE646" s="613"/>
      <c r="FXF646" s="613"/>
      <c r="FXG646" s="613"/>
      <c r="FXH646" s="613"/>
      <c r="FXI646" s="613"/>
      <c r="FXJ646" s="613"/>
      <c r="FXK646" s="613"/>
      <c r="FXL646" s="613"/>
      <c r="FXM646" s="613"/>
      <c r="FXN646" s="613"/>
      <c r="FXO646" s="613"/>
      <c r="FXP646" s="613"/>
      <c r="FXQ646" s="613"/>
      <c r="FXR646" s="613"/>
      <c r="FXS646" s="613"/>
      <c r="FXT646" s="613"/>
      <c r="FXU646" s="613"/>
      <c r="FXV646" s="613"/>
      <c r="FXW646" s="613"/>
      <c r="FXX646" s="613"/>
      <c r="FXY646" s="613"/>
      <c r="FXZ646" s="613"/>
      <c r="FYA646" s="613"/>
      <c r="FYB646" s="613"/>
      <c r="FYC646" s="613"/>
      <c r="FYD646" s="613"/>
      <c r="FYE646" s="613"/>
      <c r="FYF646" s="613"/>
      <c r="FYG646" s="613"/>
      <c r="FYH646" s="613"/>
      <c r="FYI646" s="613"/>
      <c r="FYJ646" s="613"/>
      <c r="FYK646" s="613"/>
      <c r="FYL646" s="613"/>
      <c r="FYM646" s="613"/>
      <c r="FYN646" s="613"/>
      <c r="FYO646" s="613"/>
      <c r="FYP646" s="613"/>
      <c r="FYQ646" s="613"/>
      <c r="FYR646" s="613"/>
      <c r="FYS646" s="613"/>
      <c r="FYT646" s="613"/>
      <c r="FYU646" s="613"/>
      <c r="FYV646" s="613"/>
      <c r="FYW646" s="613"/>
      <c r="FYX646" s="613"/>
      <c r="FYY646" s="613"/>
      <c r="FYZ646" s="613"/>
      <c r="FZA646" s="613"/>
      <c r="FZB646" s="613"/>
      <c r="FZC646" s="613"/>
      <c r="FZD646" s="613"/>
      <c r="FZE646" s="613"/>
      <c r="FZF646" s="613"/>
      <c r="FZG646" s="613"/>
      <c r="FZH646" s="613"/>
      <c r="FZI646" s="613"/>
      <c r="FZJ646" s="613"/>
      <c r="FZK646" s="613"/>
      <c r="FZL646" s="613"/>
      <c r="FZM646" s="613"/>
      <c r="FZN646" s="613"/>
      <c r="FZO646" s="613"/>
      <c r="FZP646" s="613"/>
      <c r="FZQ646" s="613"/>
      <c r="FZR646" s="613"/>
      <c r="FZS646" s="613"/>
      <c r="FZT646" s="613"/>
      <c r="FZU646" s="613"/>
      <c r="FZV646" s="613"/>
      <c r="FZW646" s="613"/>
      <c r="FZX646" s="613"/>
      <c r="FZY646" s="613"/>
      <c r="FZZ646" s="613"/>
      <c r="GAA646" s="613"/>
      <c r="GAB646" s="613"/>
      <c r="GAC646" s="613"/>
      <c r="GAD646" s="613"/>
      <c r="GAE646" s="613"/>
      <c r="GAF646" s="613"/>
      <c r="GAG646" s="613"/>
      <c r="GAH646" s="613"/>
      <c r="GAI646" s="613"/>
      <c r="GAJ646" s="613"/>
      <c r="GAK646" s="613"/>
      <c r="GAL646" s="613"/>
      <c r="GAM646" s="613"/>
      <c r="GAN646" s="613"/>
      <c r="GAO646" s="613"/>
      <c r="GAP646" s="613"/>
      <c r="GAQ646" s="613"/>
      <c r="GAR646" s="613"/>
      <c r="GAS646" s="613"/>
      <c r="GAT646" s="613"/>
      <c r="GAU646" s="613"/>
      <c r="GAV646" s="613"/>
      <c r="GAW646" s="613"/>
      <c r="GAX646" s="613"/>
      <c r="GAY646" s="613"/>
      <c r="GAZ646" s="613"/>
      <c r="GBA646" s="613"/>
      <c r="GBB646" s="613"/>
      <c r="GBC646" s="613"/>
      <c r="GBD646" s="613"/>
      <c r="GBE646" s="613"/>
      <c r="GBF646" s="613"/>
      <c r="GBG646" s="613"/>
      <c r="GBH646" s="613"/>
      <c r="GBI646" s="613"/>
      <c r="GBJ646" s="613"/>
      <c r="GBK646" s="613"/>
      <c r="GBL646" s="613"/>
      <c r="GBM646" s="613"/>
      <c r="GBN646" s="613"/>
      <c r="GBO646" s="613"/>
      <c r="GBP646" s="613"/>
      <c r="GBQ646" s="613"/>
      <c r="GBR646" s="613"/>
      <c r="GBS646" s="613"/>
      <c r="GBT646" s="613"/>
      <c r="GBU646" s="613"/>
      <c r="GBV646" s="613"/>
      <c r="GBW646" s="613"/>
      <c r="GBX646" s="613"/>
      <c r="GBY646" s="613"/>
      <c r="GBZ646" s="613"/>
      <c r="GCA646" s="613"/>
      <c r="GCB646" s="613"/>
      <c r="GCC646" s="613"/>
      <c r="GCD646" s="613"/>
      <c r="GCE646" s="613"/>
      <c r="GCF646" s="613"/>
      <c r="GCG646" s="613"/>
      <c r="GCH646" s="613"/>
      <c r="GCI646" s="613"/>
      <c r="GCJ646" s="613"/>
      <c r="GCK646" s="613"/>
      <c r="GCL646" s="613"/>
      <c r="GCM646" s="613"/>
      <c r="GCN646" s="613"/>
      <c r="GCO646" s="613"/>
      <c r="GCP646" s="613"/>
      <c r="GCQ646" s="613"/>
      <c r="GCR646" s="613"/>
      <c r="GCS646" s="613"/>
      <c r="GCT646" s="613"/>
      <c r="GCU646" s="613"/>
      <c r="GCV646" s="613"/>
      <c r="GCW646" s="613"/>
      <c r="GCX646" s="613"/>
      <c r="GCY646" s="613"/>
      <c r="GCZ646" s="613"/>
      <c r="GDA646" s="613"/>
      <c r="GDB646" s="613"/>
      <c r="GDC646" s="613"/>
      <c r="GDD646" s="613"/>
      <c r="GDE646" s="613"/>
      <c r="GDF646" s="613"/>
      <c r="GDG646" s="613"/>
      <c r="GDH646" s="613"/>
      <c r="GDI646" s="613"/>
      <c r="GDJ646" s="613"/>
      <c r="GDK646" s="613"/>
      <c r="GDL646" s="613"/>
      <c r="GDM646" s="613"/>
      <c r="GDN646" s="613"/>
      <c r="GDO646" s="613"/>
      <c r="GDP646" s="613"/>
      <c r="GDQ646" s="613"/>
      <c r="GDR646" s="613"/>
      <c r="GDS646" s="613"/>
      <c r="GDT646" s="613"/>
      <c r="GDU646" s="613"/>
      <c r="GDV646" s="613"/>
      <c r="GDW646" s="613"/>
      <c r="GDX646" s="613"/>
      <c r="GDY646" s="613"/>
      <c r="GDZ646" s="613"/>
      <c r="GEA646" s="613"/>
      <c r="GEB646" s="613"/>
      <c r="GEC646" s="613"/>
      <c r="GED646" s="613"/>
      <c r="GEE646" s="613"/>
      <c r="GEF646" s="613"/>
      <c r="GEG646" s="613"/>
      <c r="GEH646" s="613"/>
      <c r="GEI646" s="613"/>
      <c r="GEJ646" s="613"/>
      <c r="GEK646" s="613"/>
      <c r="GEL646" s="613"/>
      <c r="GEM646" s="613"/>
      <c r="GEN646" s="613"/>
      <c r="GEO646" s="613"/>
      <c r="GEP646" s="613"/>
      <c r="GEQ646" s="613"/>
      <c r="GER646" s="613"/>
      <c r="GES646" s="613"/>
      <c r="GET646" s="613"/>
      <c r="GEU646" s="613"/>
      <c r="GEV646" s="613"/>
      <c r="GEW646" s="613"/>
      <c r="GEX646" s="613"/>
      <c r="GEY646" s="613"/>
      <c r="GEZ646" s="613"/>
      <c r="GFA646" s="613"/>
      <c r="GFB646" s="613"/>
      <c r="GFC646" s="613"/>
      <c r="GFD646" s="613"/>
      <c r="GFE646" s="613"/>
      <c r="GFF646" s="613"/>
      <c r="GFG646" s="613"/>
      <c r="GFH646" s="613"/>
      <c r="GFI646" s="613"/>
      <c r="GFJ646" s="613"/>
      <c r="GFK646" s="613"/>
      <c r="GFL646" s="613"/>
      <c r="GFM646" s="613"/>
      <c r="GFN646" s="613"/>
      <c r="GFO646" s="613"/>
      <c r="GFP646" s="613"/>
      <c r="GFQ646" s="613"/>
      <c r="GFR646" s="613"/>
      <c r="GFS646" s="613"/>
      <c r="GFT646" s="613"/>
      <c r="GFU646" s="613"/>
      <c r="GFV646" s="613"/>
      <c r="GFW646" s="613"/>
      <c r="GFX646" s="613"/>
      <c r="GFY646" s="613"/>
      <c r="GFZ646" s="613"/>
      <c r="GGA646" s="613"/>
      <c r="GGB646" s="613"/>
      <c r="GGC646" s="613"/>
      <c r="GGD646" s="613"/>
      <c r="GGE646" s="613"/>
      <c r="GGF646" s="613"/>
      <c r="GGG646" s="613"/>
      <c r="GGH646" s="613"/>
      <c r="GGI646" s="613"/>
      <c r="GGJ646" s="613"/>
      <c r="GGK646" s="613"/>
      <c r="GGL646" s="613"/>
      <c r="GGM646" s="613"/>
      <c r="GGN646" s="613"/>
      <c r="GGO646" s="613"/>
      <c r="GGP646" s="613"/>
      <c r="GGQ646" s="613"/>
      <c r="GGR646" s="613"/>
      <c r="GGS646" s="613"/>
      <c r="GGT646" s="613"/>
      <c r="GGU646" s="613"/>
      <c r="GGV646" s="613"/>
      <c r="GGW646" s="613"/>
      <c r="GGX646" s="613"/>
      <c r="GGY646" s="613"/>
      <c r="GGZ646" s="613"/>
      <c r="GHA646" s="613"/>
      <c r="GHB646" s="613"/>
      <c r="GHC646" s="613"/>
      <c r="GHD646" s="613"/>
      <c r="GHE646" s="613"/>
      <c r="GHF646" s="613"/>
      <c r="GHG646" s="613"/>
      <c r="GHH646" s="613"/>
      <c r="GHI646" s="613"/>
      <c r="GHJ646" s="613"/>
      <c r="GHK646" s="613"/>
      <c r="GHL646" s="613"/>
      <c r="GHM646" s="613"/>
      <c r="GHN646" s="613"/>
      <c r="GHO646" s="613"/>
      <c r="GHP646" s="613"/>
      <c r="GHQ646" s="613"/>
      <c r="GHR646" s="613"/>
      <c r="GHS646" s="613"/>
      <c r="GHT646" s="613"/>
      <c r="GHU646" s="613"/>
      <c r="GHV646" s="613"/>
      <c r="GHW646" s="613"/>
      <c r="GHX646" s="613"/>
      <c r="GHY646" s="613"/>
      <c r="GHZ646" s="613"/>
      <c r="GIA646" s="613"/>
      <c r="GIB646" s="613"/>
      <c r="GIC646" s="613"/>
      <c r="GID646" s="613"/>
      <c r="GIE646" s="613"/>
      <c r="GIF646" s="613"/>
      <c r="GIG646" s="613"/>
      <c r="GIH646" s="613"/>
      <c r="GII646" s="613"/>
      <c r="GIJ646" s="613"/>
      <c r="GIK646" s="613"/>
      <c r="GIL646" s="613"/>
      <c r="GIM646" s="613"/>
      <c r="GIN646" s="613"/>
      <c r="GIO646" s="613"/>
      <c r="GIP646" s="613"/>
      <c r="GIQ646" s="613"/>
      <c r="GIR646" s="613"/>
      <c r="GIS646" s="613"/>
      <c r="GIT646" s="613"/>
      <c r="GIU646" s="613"/>
      <c r="GIV646" s="613"/>
      <c r="GIW646" s="613"/>
      <c r="GIX646" s="613"/>
      <c r="GIY646" s="613"/>
      <c r="GIZ646" s="613"/>
      <c r="GJA646" s="613"/>
      <c r="GJB646" s="613"/>
      <c r="GJC646" s="613"/>
      <c r="GJD646" s="613"/>
      <c r="GJE646" s="613"/>
      <c r="GJF646" s="613"/>
      <c r="GJG646" s="613"/>
      <c r="GJH646" s="613"/>
      <c r="GJI646" s="613"/>
      <c r="GJJ646" s="613"/>
      <c r="GJK646" s="613"/>
      <c r="GJL646" s="613"/>
      <c r="GJM646" s="613"/>
      <c r="GJN646" s="613"/>
      <c r="GJO646" s="613"/>
      <c r="GJP646" s="613"/>
      <c r="GJQ646" s="613"/>
      <c r="GJR646" s="613"/>
      <c r="GJS646" s="613"/>
      <c r="GJT646" s="613"/>
      <c r="GJU646" s="613"/>
      <c r="GJV646" s="613"/>
      <c r="GJW646" s="613"/>
      <c r="GJX646" s="613"/>
      <c r="GJY646" s="613"/>
      <c r="GJZ646" s="613"/>
      <c r="GKA646" s="613"/>
      <c r="GKB646" s="613"/>
      <c r="GKC646" s="613"/>
      <c r="GKD646" s="613"/>
      <c r="GKE646" s="613"/>
      <c r="GKF646" s="613"/>
      <c r="GKG646" s="613"/>
      <c r="GKH646" s="613"/>
      <c r="GKI646" s="613"/>
      <c r="GKJ646" s="613"/>
      <c r="GKK646" s="613"/>
      <c r="GKL646" s="613"/>
      <c r="GKM646" s="613"/>
      <c r="GKN646" s="613"/>
      <c r="GKO646" s="613"/>
      <c r="GKP646" s="613"/>
      <c r="GKQ646" s="613"/>
      <c r="GKR646" s="613"/>
      <c r="GKS646" s="613"/>
      <c r="GKT646" s="613"/>
      <c r="GKU646" s="613"/>
      <c r="GKV646" s="613"/>
      <c r="GKW646" s="613"/>
      <c r="GKX646" s="613"/>
      <c r="GKY646" s="613"/>
      <c r="GKZ646" s="613"/>
      <c r="GLA646" s="613"/>
      <c r="GLB646" s="613"/>
      <c r="GLC646" s="613"/>
      <c r="GLD646" s="613"/>
      <c r="GLE646" s="613"/>
      <c r="GLF646" s="613"/>
      <c r="GLG646" s="613"/>
      <c r="GLH646" s="613"/>
      <c r="GLI646" s="613"/>
      <c r="GLJ646" s="613"/>
      <c r="GLK646" s="613"/>
      <c r="GLL646" s="613"/>
      <c r="GLM646" s="613"/>
      <c r="GLN646" s="613"/>
      <c r="GLO646" s="613"/>
      <c r="GLP646" s="613"/>
      <c r="GLQ646" s="613"/>
      <c r="GLR646" s="613"/>
      <c r="GLS646" s="613"/>
      <c r="GLT646" s="613"/>
      <c r="GLU646" s="613"/>
      <c r="GLV646" s="613"/>
      <c r="GLW646" s="613"/>
      <c r="GLX646" s="613"/>
      <c r="GLY646" s="613"/>
      <c r="GLZ646" s="613"/>
      <c r="GMA646" s="613"/>
      <c r="GMB646" s="613"/>
      <c r="GMC646" s="613"/>
      <c r="GMD646" s="613"/>
      <c r="GME646" s="613"/>
      <c r="GMF646" s="613"/>
      <c r="GMG646" s="613"/>
      <c r="GMH646" s="613"/>
      <c r="GMI646" s="613"/>
      <c r="GMJ646" s="613"/>
      <c r="GMK646" s="613"/>
      <c r="GML646" s="613"/>
      <c r="GMM646" s="613"/>
      <c r="GMN646" s="613"/>
      <c r="GMO646" s="613"/>
      <c r="GMP646" s="613"/>
      <c r="GMQ646" s="613"/>
      <c r="GMR646" s="613"/>
      <c r="GMS646" s="613"/>
      <c r="GMT646" s="613"/>
      <c r="GMU646" s="613"/>
      <c r="GMV646" s="613"/>
      <c r="GMW646" s="613"/>
      <c r="GMX646" s="613"/>
      <c r="GMY646" s="613"/>
      <c r="GMZ646" s="613"/>
      <c r="GNA646" s="613"/>
      <c r="GNB646" s="613"/>
      <c r="GNC646" s="613"/>
      <c r="GND646" s="613"/>
      <c r="GNE646" s="613"/>
      <c r="GNF646" s="613"/>
      <c r="GNG646" s="613"/>
      <c r="GNH646" s="613"/>
      <c r="GNI646" s="613"/>
      <c r="GNJ646" s="613"/>
      <c r="GNK646" s="613"/>
      <c r="GNL646" s="613"/>
      <c r="GNM646" s="613"/>
      <c r="GNN646" s="613"/>
      <c r="GNO646" s="613"/>
      <c r="GNP646" s="613"/>
      <c r="GNQ646" s="613"/>
      <c r="GNR646" s="613"/>
      <c r="GNS646" s="613"/>
      <c r="GNT646" s="613"/>
      <c r="GNU646" s="613"/>
      <c r="GNV646" s="613"/>
      <c r="GNW646" s="613"/>
      <c r="GNX646" s="613"/>
      <c r="GNY646" s="613"/>
      <c r="GNZ646" s="613"/>
      <c r="GOA646" s="613"/>
      <c r="GOB646" s="613"/>
      <c r="GOC646" s="613"/>
      <c r="GOD646" s="613"/>
      <c r="GOE646" s="613"/>
      <c r="GOF646" s="613"/>
      <c r="GOG646" s="613"/>
      <c r="GOH646" s="613"/>
      <c r="GOI646" s="613"/>
      <c r="GOJ646" s="613"/>
      <c r="GOK646" s="613"/>
      <c r="GOL646" s="613"/>
      <c r="GOM646" s="613"/>
      <c r="GON646" s="613"/>
      <c r="GOO646" s="613"/>
      <c r="GOP646" s="613"/>
      <c r="GOQ646" s="613"/>
      <c r="GOR646" s="613"/>
      <c r="GOS646" s="613"/>
      <c r="GOT646" s="613"/>
      <c r="GOU646" s="613"/>
      <c r="GOV646" s="613"/>
      <c r="GOW646" s="613"/>
      <c r="GOX646" s="613"/>
      <c r="GOY646" s="613"/>
      <c r="GOZ646" s="613"/>
      <c r="GPA646" s="613"/>
      <c r="GPB646" s="613"/>
      <c r="GPC646" s="613"/>
      <c r="GPD646" s="613"/>
      <c r="GPE646" s="613"/>
      <c r="GPF646" s="613"/>
      <c r="GPG646" s="613"/>
      <c r="GPH646" s="613"/>
      <c r="GPI646" s="613"/>
      <c r="GPJ646" s="613"/>
      <c r="GPK646" s="613"/>
      <c r="GPL646" s="613"/>
      <c r="GPM646" s="613"/>
      <c r="GPN646" s="613"/>
      <c r="GPO646" s="613"/>
      <c r="GPP646" s="613"/>
      <c r="GPQ646" s="613"/>
      <c r="GPR646" s="613"/>
      <c r="GPS646" s="613"/>
      <c r="GPT646" s="613"/>
      <c r="GPU646" s="613"/>
      <c r="GPV646" s="613"/>
      <c r="GPW646" s="613"/>
      <c r="GPX646" s="613"/>
      <c r="GPY646" s="613"/>
      <c r="GPZ646" s="613"/>
      <c r="GQA646" s="613"/>
      <c r="GQB646" s="613"/>
      <c r="GQC646" s="613"/>
      <c r="GQD646" s="613"/>
      <c r="GQE646" s="613"/>
      <c r="GQF646" s="613"/>
      <c r="GQG646" s="613"/>
      <c r="GQH646" s="613"/>
      <c r="GQI646" s="613"/>
      <c r="GQJ646" s="613"/>
      <c r="GQK646" s="613"/>
      <c r="GQL646" s="613"/>
      <c r="GQM646" s="613"/>
      <c r="GQN646" s="613"/>
      <c r="GQO646" s="613"/>
      <c r="GQP646" s="613"/>
      <c r="GQQ646" s="613"/>
      <c r="GQR646" s="613"/>
      <c r="GQS646" s="613"/>
      <c r="GQT646" s="613"/>
      <c r="GQU646" s="613"/>
      <c r="GQV646" s="613"/>
      <c r="GQW646" s="613"/>
      <c r="GQX646" s="613"/>
      <c r="GQY646" s="613"/>
      <c r="GQZ646" s="613"/>
      <c r="GRA646" s="613"/>
      <c r="GRB646" s="613"/>
      <c r="GRC646" s="613"/>
      <c r="GRD646" s="613"/>
      <c r="GRE646" s="613"/>
      <c r="GRF646" s="613"/>
      <c r="GRG646" s="613"/>
      <c r="GRH646" s="613"/>
      <c r="GRI646" s="613"/>
      <c r="GRJ646" s="613"/>
      <c r="GRK646" s="613"/>
      <c r="GRL646" s="613"/>
      <c r="GRM646" s="613"/>
      <c r="GRN646" s="613"/>
      <c r="GRO646" s="613"/>
      <c r="GRP646" s="613"/>
      <c r="GRQ646" s="613"/>
      <c r="GRR646" s="613"/>
      <c r="GRS646" s="613"/>
      <c r="GRT646" s="613"/>
      <c r="GRU646" s="613"/>
      <c r="GRV646" s="613"/>
      <c r="GRW646" s="613"/>
      <c r="GRX646" s="613"/>
      <c r="GRY646" s="613"/>
      <c r="GRZ646" s="613"/>
      <c r="GSA646" s="613"/>
      <c r="GSB646" s="613"/>
      <c r="GSC646" s="613"/>
      <c r="GSD646" s="613"/>
      <c r="GSE646" s="613"/>
      <c r="GSF646" s="613"/>
      <c r="GSG646" s="613"/>
      <c r="GSH646" s="613"/>
      <c r="GSI646" s="613"/>
      <c r="GSJ646" s="613"/>
      <c r="GSK646" s="613"/>
      <c r="GSL646" s="613"/>
      <c r="GSM646" s="613"/>
      <c r="GSN646" s="613"/>
      <c r="GSO646" s="613"/>
      <c r="GSP646" s="613"/>
      <c r="GSQ646" s="613"/>
      <c r="GSR646" s="613"/>
      <c r="GSS646" s="613"/>
      <c r="GST646" s="613"/>
      <c r="GSU646" s="613"/>
      <c r="GSV646" s="613"/>
      <c r="GSW646" s="613"/>
      <c r="GSX646" s="613"/>
      <c r="GSY646" s="613"/>
      <c r="GSZ646" s="613"/>
      <c r="GTA646" s="613"/>
      <c r="GTB646" s="613"/>
      <c r="GTC646" s="613"/>
      <c r="GTD646" s="613"/>
      <c r="GTE646" s="613"/>
      <c r="GTF646" s="613"/>
      <c r="GTG646" s="613"/>
      <c r="GTH646" s="613"/>
      <c r="GTI646" s="613"/>
      <c r="GTJ646" s="613"/>
      <c r="GTK646" s="613"/>
      <c r="GTL646" s="613"/>
      <c r="GTM646" s="613"/>
      <c r="GTN646" s="613"/>
      <c r="GTO646" s="613"/>
      <c r="GTP646" s="613"/>
      <c r="GTQ646" s="613"/>
      <c r="GTR646" s="613"/>
      <c r="GTS646" s="613"/>
      <c r="GTT646" s="613"/>
      <c r="GTU646" s="613"/>
      <c r="GTV646" s="613"/>
      <c r="GTW646" s="613"/>
      <c r="GTX646" s="613"/>
      <c r="GTY646" s="613"/>
      <c r="GTZ646" s="613"/>
      <c r="GUA646" s="613"/>
      <c r="GUB646" s="613"/>
      <c r="GUC646" s="613"/>
      <c r="GUD646" s="613"/>
      <c r="GUE646" s="613"/>
      <c r="GUF646" s="613"/>
      <c r="GUG646" s="613"/>
      <c r="GUH646" s="613"/>
      <c r="GUI646" s="613"/>
      <c r="GUJ646" s="613"/>
      <c r="GUK646" s="613"/>
      <c r="GUL646" s="613"/>
      <c r="GUM646" s="613"/>
      <c r="GUN646" s="613"/>
      <c r="GUO646" s="613"/>
      <c r="GUP646" s="613"/>
      <c r="GUQ646" s="613"/>
      <c r="GUR646" s="613"/>
      <c r="GUS646" s="613"/>
      <c r="GUT646" s="613"/>
      <c r="GUU646" s="613"/>
      <c r="GUV646" s="613"/>
      <c r="GUW646" s="613"/>
      <c r="GUX646" s="613"/>
      <c r="GUY646" s="613"/>
      <c r="GUZ646" s="613"/>
      <c r="GVA646" s="613"/>
      <c r="GVB646" s="613"/>
      <c r="GVC646" s="613"/>
      <c r="GVD646" s="613"/>
      <c r="GVE646" s="613"/>
      <c r="GVF646" s="613"/>
      <c r="GVG646" s="613"/>
      <c r="GVH646" s="613"/>
      <c r="GVI646" s="613"/>
      <c r="GVJ646" s="613"/>
      <c r="GVK646" s="613"/>
      <c r="GVL646" s="613"/>
      <c r="GVM646" s="613"/>
      <c r="GVN646" s="613"/>
      <c r="GVO646" s="613"/>
      <c r="GVP646" s="613"/>
      <c r="GVQ646" s="613"/>
      <c r="GVR646" s="613"/>
      <c r="GVS646" s="613"/>
      <c r="GVT646" s="613"/>
      <c r="GVU646" s="613"/>
      <c r="GVV646" s="613"/>
      <c r="GVW646" s="613"/>
      <c r="GVX646" s="613"/>
      <c r="GVY646" s="613"/>
      <c r="GVZ646" s="613"/>
      <c r="GWA646" s="613"/>
      <c r="GWB646" s="613"/>
      <c r="GWC646" s="613"/>
      <c r="GWD646" s="613"/>
      <c r="GWE646" s="613"/>
      <c r="GWF646" s="613"/>
      <c r="GWG646" s="613"/>
      <c r="GWH646" s="613"/>
      <c r="GWI646" s="613"/>
      <c r="GWJ646" s="613"/>
      <c r="GWK646" s="613"/>
      <c r="GWL646" s="613"/>
      <c r="GWM646" s="613"/>
      <c r="GWN646" s="613"/>
      <c r="GWO646" s="613"/>
      <c r="GWP646" s="613"/>
      <c r="GWQ646" s="613"/>
      <c r="GWR646" s="613"/>
      <c r="GWS646" s="613"/>
      <c r="GWT646" s="613"/>
      <c r="GWU646" s="613"/>
      <c r="GWV646" s="613"/>
      <c r="GWW646" s="613"/>
      <c r="GWX646" s="613"/>
      <c r="GWY646" s="613"/>
      <c r="GWZ646" s="613"/>
      <c r="GXA646" s="613"/>
      <c r="GXB646" s="613"/>
      <c r="GXC646" s="613"/>
      <c r="GXD646" s="613"/>
      <c r="GXE646" s="613"/>
      <c r="GXF646" s="613"/>
      <c r="GXG646" s="613"/>
      <c r="GXH646" s="613"/>
      <c r="GXI646" s="613"/>
      <c r="GXJ646" s="613"/>
      <c r="GXK646" s="613"/>
      <c r="GXL646" s="613"/>
      <c r="GXM646" s="613"/>
      <c r="GXN646" s="613"/>
      <c r="GXO646" s="613"/>
      <c r="GXP646" s="613"/>
      <c r="GXQ646" s="613"/>
      <c r="GXR646" s="613"/>
      <c r="GXS646" s="613"/>
      <c r="GXT646" s="613"/>
      <c r="GXU646" s="613"/>
      <c r="GXV646" s="613"/>
      <c r="GXW646" s="613"/>
      <c r="GXX646" s="613"/>
      <c r="GXY646" s="613"/>
      <c r="GXZ646" s="613"/>
      <c r="GYA646" s="613"/>
      <c r="GYB646" s="613"/>
      <c r="GYC646" s="613"/>
      <c r="GYD646" s="613"/>
      <c r="GYE646" s="613"/>
      <c r="GYF646" s="613"/>
      <c r="GYG646" s="613"/>
      <c r="GYH646" s="613"/>
      <c r="GYI646" s="613"/>
      <c r="GYJ646" s="613"/>
      <c r="GYK646" s="613"/>
      <c r="GYL646" s="613"/>
      <c r="GYM646" s="613"/>
      <c r="GYN646" s="613"/>
      <c r="GYO646" s="613"/>
      <c r="GYP646" s="613"/>
      <c r="GYQ646" s="613"/>
      <c r="GYR646" s="613"/>
      <c r="GYS646" s="613"/>
      <c r="GYT646" s="613"/>
      <c r="GYU646" s="613"/>
      <c r="GYV646" s="613"/>
      <c r="GYW646" s="613"/>
      <c r="GYX646" s="613"/>
      <c r="GYY646" s="613"/>
      <c r="GYZ646" s="613"/>
      <c r="GZA646" s="613"/>
      <c r="GZB646" s="613"/>
      <c r="GZC646" s="613"/>
      <c r="GZD646" s="613"/>
      <c r="GZE646" s="613"/>
      <c r="GZF646" s="613"/>
      <c r="GZG646" s="613"/>
      <c r="GZH646" s="613"/>
      <c r="GZI646" s="613"/>
      <c r="GZJ646" s="613"/>
      <c r="GZK646" s="613"/>
      <c r="GZL646" s="613"/>
      <c r="GZM646" s="613"/>
      <c r="GZN646" s="613"/>
      <c r="GZO646" s="613"/>
      <c r="GZP646" s="613"/>
      <c r="GZQ646" s="613"/>
      <c r="GZR646" s="613"/>
      <c r="GZS646" s="613"/>
      <c r="GZT646" s="613"/>
      <c r="GZU646" s="613"/>
      <c r="GZV646" s="613"/>
      <c r="GZW646" s="613"/>
      <c r="GZX646" s="613"/>
      <c r="GZY646" s="613"/>
      <c r="GZZ646" s="613"/>
      <c r="HAA646" s="613"/>
      <c r="HAB646" s="613"/>
      <c r="HAC646" s="613"/>
      <c r="HAD646" s="613"/>
      <c r="HAE646" s="613"/>
      <c r="HAF646" s="613"/>
      <c r="HAG646" s="613"/>
      <c r="HAH646" s="613"/>
      <c r="HAI646" s="613"/>
      <c r="HAJ646" s="613"/>
      <c r="HAK646" s="613"/>
      <c r="HAL646" s="613"/>
      <c r="HAM646" s="613"/>
      <c r="HAN646" s="613"/>
      <c r="HAO646" s="613"/>
      <c r="HAP646" s="613"/>
      <c r="HAQ646" s="613"/>
      <c r="HAR646" s="613"/>
      <c r="HAS646" s="613"/>
      <c r="HAT646" s="613"/>
      <c r="HAU646" s="613"/>
      <c r="HAV646" s="613"/>
      <c r="HAW646" s="613"/>
      <c r="HAX646" s="613"/>
      <c r="HAY646" s="613"/>
      <c r="HAZ646" s="613"/>
      <c r="HBA646" s="613"/>
      <c r="HBB646" s="613"/>
      <c r="HBC646" s="613"/>
      <c r="HBD646" s="613"/>
      <c r="HBE646" s="613"/>
      <c r="HBF646" s="613"/>
      <c r="HBG646" s="613"/>
      <c r="HBH646" s="613"/>
      <c r="HBI646" s="613"/>
      <c r="HBJ646" s="613"/>
      <c r="HBK646" s="613"/>
      <c r="HBL646" s="613"/>
      <c r="HBM646" s="613"/>
      <c r="HBN646" s="613"/>
      <c r="HBO646" s="613"/>
      <c r="HBP646" s="613"/>
      <c r="HBQ646" s="613"/>
      <c r="HBR646" s="613"/>
      <c r="HBS646" s="613"/>
      <c r="HBT646" s="613"/>
      <c r="HBU646" s="613"/>
      <c r="HBV646" s="613"/>
      <c r="HBW646" s="613"/>
      <c r="HBX646" s="613"/>
      <c r="HBY646" s="613"/>
      <c r="HBZ646" s="613"/>
      <c r="HCA646" s="613"/>
      <c r="HCB646" s="613"/>
      <c r="HCC646" s="613"/>
      <c r="HCD646" s="613"/>
      <c r="HCE646" s="613"/>
      <c r="HCF646" s="613"/>
      <c r="HCG646" s="613"/>
      <c r="HCH646" s="613"/>
      <c r="HCI646" s="613"/>
      <c r="HCJ646" s="613"/>
      <c r="HCK646" s="613"/>
      <c r="HCL646" s="613"/>
      <c r="HCM646" s="613"/>
      <c r="HCN646" s="613"/>
      <c r="HCO646" s="613"/>
      <c r="HCP646" s="613"/>
      <c r="HCQ646" s="613"/>
      <c r="HCR646" s="613"/>
      <c r="HCS646" s="613"/>
      <c r="HCT646" s="613"/>
      <c r="HCU646" s="613"/>
      <c r="HCV646" s="613"/>
      <c r="HCW646" s="613"/>
      <c r="HCX646" s="613"/>
      <c r="HCY646" s="613"/>
      <c r="HCZ646" s="613"/>
      <c r="HDA646" s="613"/>
      <c r="HDB646" s="613"/>
      <c r="HDC646" s="613"/>
      <c r="HDD646" s="613"/>
      <c r="HDE646" s="613"/>
      <c r="HDF646" s="613"/>
      <c r="HDG646" s="613"/>
      <c r="HDH646" s="613"/>
      <c r="HDI646" s="613"/>
      <c r="HDJ646" s="613"/>
      <c r="HDK646" s="613"/>
      <c r="HDL646" s="613"/>
      <c r="HDM646" s="613"/>
      <c r="HDN646" s="613"/>
      <c r="HDO646" s="613"/>
      <c r="HDP646" s="613"/>
      <c r="HDQ646" s="613"/>
      <c r="HDR646" s="613"/>
      <c r="HDS646" s="613"/>
      <c r="HDT646" s="613"/>
      <c r="HDU646" s="613"/>
      <c r="HDV646" s="613"/>
      <c r="HDW646" s="613"/>
      <c r="HDX646" s="613"/>
      <c r="HDY646" s="613"/>
      <c r="HDZ646" s="613"/>
      <c r="HEA646" s="613"/>
      <c r="HEB646" s="613"/>
      <c r="HEC646" s="613"/>
      <c r="HED646" s="613"/>
      <c r="HEE646" s="613"/>
      <c r="HEF646" s="613"/>
      <c r="HEG646" s="613"/>
      <c r="HEH646" s="613"/>
      <c r="HEI646" s="613"/>
      <c r="HEJ646" s="613"/>
      <c r="HEK646" s="613"/>
      <c r="HEL646" s="613"/>
      <c r="HEM646" s="613"/>
      <c r="HEN646" s="613"/>
      <c r="HEO646" s="613"/>
      <c r="HEP646" s="613"/>
      <c r="HEQ646" s="613"/>
      <c r="HER646" s="613"/>
      <c r="HES646" s="613"/>
      <c r="HET646" s="613"/>
      <c r="HEU646" s="613"/>
      <c r="HEV646" s="613"/>
      <c r="HEW646" s="613"/>
      <c r="HEX646" s="613"/>
      <c r="HEY646" s="613"/>
      <c r="HEZ646" s="613"/>
      <c r="HFA646" s="613"/>
      <c r="HFB646" s="613"/>
      <c r="HFC646" s="613"/>
      <c r="HFD646" s="613"/>
      <c r="HFE646" s="613"/>
      <c r="HFF646" s="613"/>
      <c r="HFG646" s="613"/>
      <c r="HFH646" s="613"/>
      <c r="HFI646" s="613"/>
      <c r="HFJ646" s="613"/>
      <c r="HFK646" s="613"/>
      <c r="HFL646" s="613"/>
      <c r="HFM646" s="613"/>
      <c r="HFN646" s="613"/>
      <c r="HFO646" s="613"/>
      <c r="HFP646" s="613"/>
      <c r="HFQ646" s="613"/>
      <c r="HFR646" s="613"/>
      <c r="HFS646" s="613"/>
      <c r="HFT646" s="613"/>
      <c r="HFU646" s="613"/>
      <c r="HFV646" s="613"/>
      <c r="HFW646" s="613"/>
      <c r="HFX646" s="613"/>
      <c r="HFY646" s="613"/>
      <c r="HFZ646" s="613"/>
      <c r="HGA646" s="613"/>
      <c r="HGB646" s="613"/>
      <c r="HGC646" s="613"/>
      <c r="HGD646" s="613"/>
      <c r="HGE646" s="613"/>
      <c r="HGF646" s="613"/>
      <c r="HGG646" s="613"/>
      <c r="HGH646" s="613"/>
      <c r="HGI646" s="613"/>
      <c r="HGJ646" s="613"/>
      <c r="HGK646" s="613"/>
      <c r="HGL646" s="613"/>
      <c r="HGM646" s="613"/>
      <c r="HGN646" s="613"/>
      <c r="HGO646" s="613"/>
      <c r="HGP646" s="613"/>
      <c r="HGQ646" s="613"/>
      <c r="HGR646" s="613"/>
      <c r="HGS646" s="613"/>
      <c r="HGT646" s="613"/>
      <c r="HGU646" s="613"/>
      <c r="HGV646" s="613"/>
      <c r="HGW646" s="613"/>
      <c r="HGX646" s="613"/>
      <c r="HGY646" s="613"/>
      <c r="HGZ646" s="613"/>
      <c r="HHA646" s="613"/>
      <c r="HHB646" s="613"/>
      <c r="HHC646" s="613"/>
      <c r="HHD646" s="613"/>
      <c r="HHE646" s="613"/>
      <c r="HHF646" s="613"/>
      <c r="HHG646" s="613"/>
      <c r="HHH646" s="613"/>
      <c r="HHI646" s="613"/>
      <c r="HHJ646" s="613"/>
      <c r="HHK646" s="613"/>
      <c r="HHL646" s="613"/>
      <c r="HHM646" s="613"/>
      <c r="HHN646" s="613"/>
      <c r="HHO646" s="613"/>
      <c r="HHP646" s="613"/>
      <c r="HHQ646" s="613"/>
      <c r="HHR646" s="613"/>
      <c r="HHS646" s="613"/>
      <c r="HHT646" s="613"/>
      <c r="HHU646" s="613"/>
      <c r="HHV646" s="613"/>
      <c r="HHW646" s="613"/>
      <c r="HHX646" s="613"/>
      <c r="HHY646" s="613"/>
      <c r="HHZ646" s="613"/>
      <c r="HIA646" s="613"/>
      <c r="HIB646" s="613"/>
      <c r="HIC646" s="613"/>
      <c r="HID646" s="613"/>
      <c r="HIE646" s="613"/>
      <c r="HIF646" s="613"/>
      <c r="HIG646" s="613"/>
      <c r="HIH646" s="613"/>
      <c r="HII646" s="613"/>
      <c r="HIJ646" s="613"/>
      <c r="HIK646" s="613"/>
      <c r="HIL646" s="613"/>
      <c r="HIM646" s="613"/>
      <c r="HIN646" s="613"/>
      <c r="HIO646" s="613"/>
      <c r="HIP646" s="613"/>
      <c r="HIQ646" s="613"/>
      <c r="HIR646" s="613"/>
      <c r="HIS646" s="613"/>
      <c r="HIT646" s="613"/>
      <c r="HIU646" s="613"/>
      <c r="HIV646" s="613"/>
      <c r="HIW646" s="613"/>
      <c r="HIX646" s="613"/>
      <c r="HIY646" s="613"/>
      <c r="HIZ646" s="613"/>
      <c r="HJA646" s="613"/>
      <c r="HJB646" s="613"/>
      <c r="HJC646" s="613"/>
      <c r="HJD646" s="613"/>
      <c r="HJE646" s="613"/>
      <c r="HJF646" s="613"/>
      <c r="HJG646" s="613"/>
      <c r="HJH646" s="613"/>
      <c r="HJI646" s="613"/>
      <c r="HJJ646" s="613"/>
      <c r="HJK646" s="613"/>
      <c r="HJL646" s="613"/>
      <c r="HJM646" s="613"/>
      <c r="HJN646" s="613"/>
      <c r="HJO646" s="613"/>
      <c r="HJP646" s="613"/>
      <c r="HJQ646" s="613"/>
      <c r="HJR646" s="613"/>
      <c r="HJS646" s="613"/>
      <c r="HJT646" s="613"/>
      <c r="HJU646" s="613"/>
      <c r="HJV646" s="613"/>
      <c r="HJW646" s="613"/>
      <c r="HJX646" s="613"/>
      <c r="HJY646" s="613"/>
      <c r="HJZ646" s="613"/>
      <c r="HKA646" s="613"/>
      <c r="HKB646" s="613"/>
      <c r="HKC646" s="613"/>
      <c r="HKD646" s="613"/>
      <c r="HKE646" s="613"/>
      <c r="HKF646" s="613"/>
      <c r="HKG646" s="613"/>
      <c r="HKH646" s="613"/>
      <c r="HKI646" s="613"/>
      <c r="HKJ646" s="613"/>
      <c r="HKK646" s="613"/>
      <c r="HKL646" s="613"/>
      <c r="HKM646" s="613"/>
      <c r="HKN646" s="613"/>
      <c r="HKO646" s="613"/>
      <c r="HKP646" s="613"/>
      <c r="HKQ646" s="613"/>
      <c r="HKR646" s="613"/>
      <c r="HKS646" s="613"/>
      <c r="HKT646" s="613"/>
      <c r="HKU646" s="613"/>
      <c r="HKV646" s="613"/>
      <c r="HKW646" s="613"/>
      <c r="HKX646" s="613"/>
      <c r="HKY646" s="613"/>
      <c r="HKZ646" s="613"/>
      <c r="HLA646" s="613"/>
      <c r="HLB646" s="613"/>
      <c r="HLC646" s="613"/>
      <c r="HLD646" s="613"/>
      <c r="HLE646" s="613"/>
      <c r="HLF646" s="613"/>
      <c r="HLG646" s="613"/>
      <c r="HLH646" s="613"/>
      <c r="HLI646" s="613"/>
      <c r="HLJ646" s="613"/>
      <c r="HLK646" s="613"/>
      <c r="HLL646" s="613"/>
      <c r="HLM646" s="613"/>
      <c r="HLN646" s="613"/>
      <c r="HLO646" s="613"/>
      <c r="HLP646" s="613"/>
      <c r="HLQ646" s="613"/>
      <c r="HLR646" s="613"/>
      <c r="HLS646" s="613"/>
      <c r="HLT646" s="613"/>
      <c r="HLU646" s="613"/>
      <c r="HLV646" s="613"/>
      <c r="HLW646" s="613"/>
      <c r="HLX646" s="613"/>
      <c r="HLY646" s="613"/>
      <c r="HLZ646" s="613"/>
      <c r="HMA646" s="613"/>
      <c r="HMB646" s="613"/>
      <c r="HMC646" s="613"/>
      <c r="HMD646" s="613"/>
      <c r="HME646" s="613"/>
      <c r="HMF646" s="613"/>
      <c r="HMG646" s="613"/>
      <c r="HMH646" s="613"/>
      <c r="HMI646" s="613"/>
      <c r="HMJ646" s="613"/>
      <c r="HMK646" s="613"/>
      <c r="HML646" s="613"/>
      <c r="HMM646" s="613"/>
      <c r="HMN646" s="613"/>
      <c r="HMO646" s="613"/>
      <c r="HMP646" s="613"/>
      <c r="HMQ646" s="613"/>
      <c r="HMR646" s="613"/>
      <c r="HMS646" s="613"/>
      <c r="HMT646" s="613"/>
      <c r="HMU646" s="613"/>
      <c r="HMV646" s="613"/>
      <c r="HMW646" s="613"/>
      <c r="HMX646" s="613"/>
      <c r="HMY646" s="613"/>
      <c r="HMZ646" s="613"/>
      <c r="HNA646" s="613"/>
      <c r="HNB646" s="613"/>
      <c r="HNC646" s="613"/>
      <c r="HND646" s="613"/>
      <c r="HNE646" s="613"/>
      <c r="HNF646" s="613"/>
      <c r="HNG646" s="613"/>
      <c r="HNH646" s="613"/>
      <c r="HNI646" s="613"/>
      <c r="HNJ646" s="613"/>
      <c r="HNK646" s="613"/>
      <c r="HNL646" s="613"/>
      <c r="HNM646" s="613"/>
      <c r="HNN646" s="613"/>
      <c r="HNO646" s="613"/>
      <c r="HNP646" s="613"/>
      <c r="HNQ646" s="613"/>
      <c r="HNR646" s="613"/>
      <c r="HNS646" s="613"/>
      <c r="HNT646" s="613"/>
      <c r="HNU646" s="613"/>
      <c r="HNV646" s="613"/>
      <c r="HNW646" s="613"/>
      <c r="HNX646" s="613"/>
      <c r="HNY646" s="613"/>
      <c r="HNZ646" s="613"/>
      <c r="HOA646" s="613"/>
      <c r="HOB646" s="613"/>
      <c r="HOC646" s="613"/>
      <c r="HOD646" s="613"/>
      <c r="HOE646" s="613"/>
      <c r="HOF646" s="613"/>
      <c r="HOG646" s="613"/>
      <c r="HOH646" s="613"/>
      <c r="HOI646" s="613"/>
      <c r="HOJ646" s="613"/>
      <c r="HOK646" s="613"/>
      <c r="HOL646" s="613"/>
      <c r="HOM646" s="613"/>
      <c r="HON646" s="613"/>
      <c r="HOO646" s="613"/>
      <c r="HOP646" s="613"/>
      <c r="HOQ646" s="613"/>
      <c r="HOR646" s="613"/>
      <c r="HOS646" s="613"/>
      <c r="HOT646" s="613"/>
      <c r="HOU646" s="613"/>
      <c r="HOV646" s="613"/>
      <c r="HOW646" s="613"/>
      <c r="HOX646" s="613"/>
      <c r="HOY646" s="613"/>
      <c r="HOZ646" s="613"/>
      <c r="HPA646" s="613"/>
      <c r="HPB646" s="613"/>
      <c r="HPC646" s="613"/>
      <c r="HPD646" s="613"/>
      <c r="HPE646" s="613"/>
      <c r="HPF646" s="613"/>
      <c r="HPG646" s="613"/>
      <c r="HPH646" s="613"/>
      <c r="HPI646" s="613"/>
      <c r="HPJ646" s="613"/>
      <c r="HPK646" s="613"/>
      <c r="HPL646" s="613"/>
      <c r="HPM646" s="613"/>
      <c r="HPN646" s="613"/>
      <c r="HPO646" s="613"/>
      <c r="HPP646" s="613"/>
      <c r="HPQ646" s="613"/>
      <c r="HPR646" s="613"/>
      <c r="HPS646" s="613"/>
      <c r="HPT646" s="613"/>
      <c r="HPU646" s="613"/>
      <c r="HPV646" s="613"/>
      <c r="HPW646" s="613"/>
      <c r="HPX646" s="613"/>
      <c r="HPY646" s="613"/>
      <c r="HPZ646" s="613"/>
      <c r="HQA646" s="613"/>
      <c r="HQB646" s="613"/>
      <c r="HQC646" s="613"/>
      <c r="HQD646" s="613"/>
      <c r="HQE646" s="613"/>
      <c r="HQF646" s="613"/>
      <c r="HQG646" s="613"/>
      <c r="HQH646" s="613"/>
      <c r="HQI646" s="613"/>
      <c r="HQJ646" s="613"/>
      <c r="HQK646" s="613"/>
      <c r="HQL646" s="613"/>
      <c r="HQM646" s="613"/>
      <c r="HQN646" s="613"/>
      <c r="HQO646" s="613"/>
      <c r="HQP646" s="613"/>
      <c r="HQQ646" s="613"/>
      <c r="HQR646" s="613"/>
      <c r="HQS646" s="613"/>
      <c r="HQT646" s="613"/>
      <c r="HQU646" s="613"/>
      <c r="HQV646" s="613"/>
      <c r="HQW646" s="613"/>
      <c r="HQX646" s="613"/>
      <c r="HQY646" s="613"/>
      <c r="HQZ646" s="613"/>
      <c r="HRA646" s="613"/>
      <c r="HRB646" s="613"/>
      <c r="HRC646" s="613"/>
      <c r="HRD646" s="613"/>
      <c r="HRE646" s="613"/>
      <c r="HRF646" s="613"/>
      <c r="HRG646" s="613"/>
      <c r="HRH646" s="613"/>
      <c r="HRI646" s="613"/>
      <c r="HRJ646" s="613"/>
      <c r="HRK646" s="613"/>
      <c r="HRL646" s="613"/>
      <c r="HRM646" s="613"/>
      <c r="HRN646" s="613"/>
      <c r="HRO646" s="613"/>
      <c r="HRP646" s="613"/>
      <c r="HRQ646" s="613"/>
      <c r="HRR646" s="613"/>
      <c r="HRS646" s="613"/>
      <c r="HRT646" s="613"/>
      <c r="HRU646" s="613"/>
      <c r="HRV646" s="613"/>
      <c r="HRW646" s="613"/>
      <c r="HRX646" s="613"/>
      <c r="HRY646" s="613"/>
      <c r="HRZ646" s="613"/>
      <c r="HSA646" s="613"/>
      <c r="HSB646" s="613"/>
      <c r="HSC646" s="613"/>
      <c r="HSD646" s="613"/>
      <c r="HSE646" s="613"/>
      <c r="HSF646" s="613"/>
      <c r="HSG646" s="613"/>
      <c r="HSH646" s="613"/>
      <c r="HSI646" s="613"/>
      <c r="HSJ646" s="613"/>
      <c r="HSK646" s="613"/>
      <c r="HSL646" s="613"/>
      <c r="HSM646" s="613"/>
      <c r="HSN646" s="613"/>
      <c r="HSO646" s="613"/>
      <c r="HSP646" s="613"/>
      <c r="HSQ646" s="613"/>
      <c r="HSR646" s="613"/>
      <c r="HSS646" s="613"/>
      <c r="HST646" s="613"/>
      <c r="HSU646" s="613"/>
      <c r="HSV646" s="613"/>
      <c r="HSW646" s="613"/>
      <c r="HSX646" s="613"/>
      <c r="HSY646" s="613"/>
      <c r="HSZ646" s="613"/>
      <c r="HTA646" s="613"/>
      <c r="HTB646" s="613"/>
      <c r="HTC646" s="613"/>
      <c r="HTD646" s="613"/>
      <c r="HTE646" s="613"/>
      <c r="HTF646" s="613"/>
      <c r="HTG646" s="613"/>
      <c r="HTH646" s="613"/>
      <c r="HTI646" s="613"/>
      <c r="HTJ646" s="613"/>
      <c r="HTK646" s="613"/>
      <c r="HTL646" s="613"/>
      <c r="HTM646" s="613"/>
      <c r="HTN646" s="613"/>
      <c r="HTO646" s="613"/>
      <c r="HTP646" s="613"/>
      <c r="HTQ646" s="613"/>
      <c r="HTR646" s="613"/>
      <c r="HTS646" s="613"/>
      <c r="HTT646" s="613"/>
      <c r="HTU646" s="613"/>
      <c r="HTV646" s="613"/>
      <c r="HTW646" s="613"/>
      <c r="HTX646" s="613"/>
      <c r="HTY646" s="613"/>
      <c r="HTZ646" s="613"/>
      <c r="HUA646" s="613"/>
      <c r="HUB646" s="613"/>
      <c r="HUC646" s="613"/>
      <c r="HUD646" s="613"/>
      <c r="HUE646" s="613"/>
      <c r="HUF646" s="613"/>
      <c r="HUG646" s="613"/>
      <c r="HUH646" s="613"/>
      <c r="HUI646" s="613"/>
      <c r="HUJ646" s="613"/>
      <c r="HUK646" s="613"/>
      <c r="HUL646" s="613"/>
      <c r="HUM646" s="613"/>
      <c r="HUN646" s="613"/>
      <c r="HUO646" s="613"/>
      <c r="HUP646" s="613"/>
      <c r="HUQ646" s="613"/>
      <c r="HUR646" s="613"/>
      <c r="HUS646" s="613"/>
      <c r="HUT646" s="613"/>
      <c r="HUU646" s="613"/>
      <c r="HUV646" s="613"/>
      <c r="HUW646" s="613"/>
      <c r="HUX646" s="613"/>
      <c r="HUY646" s="613"/>
      <c r="HUZ646" s="613"/>
      <c r="HVA646" s="613"/>
      <c r="HVB646" s="613"/>
      <c r="HVC646" s="613"/>
      <c r="HVD646" s="613"/>
      <c r="HVE646" s="613"/>
      <c r="HVF646" s="613"/>
      <c r="HVG646" s="613"/>
      <c r="HVH646" s="613"/>
      <c r="HVI646" s="613"/>
      <c r="HVJ646" s="613"/>
      <c r="HVK646" s="613"/>
      <c r="HVL646" s="613"/>
      <c r="HVM646" s="613"/>
      <c r="HVN646" s="613"/>
      <c r="HVO646" s="613"/>
      <c r="HVP646" s="613"/>
      <c r="HVQ646" s="613"/>
      <c r="HVR646" s="613"/>
      <c r="HVS646" s="613"/>
      <c r="HVT646" s="613"/>
      <c r="HVU646" s="613"/>
      <c r="HVV646" s="613"/>
      <c r="HVW646" s="613"/>
      <c r="HVX646" s="613"/>
      <c r="HVY646" s="613"/>
      <c r="HVZ646" s="613"/>
      <c r="HWA646" s="613"/>
      <c r="HWB646" s="613"/>
      <c r="HWC646" s="613"/>
      <c r="HWD646" s="613"/>
      <c r="HWE646" s="613"/>
      <c r="HWF646" s="613"/>
      <c r="HWG646" s="613"/>
      <c r="HWH646" s="613"/>
      <c r="HWI646" s="613"/>
      <c r="HWJ646" s="613"/>
      <c r="HWK646" s="613"/>
      <c r="HWL646" s="613"/>
      <c r="HWM646" s="613"/>
      <c r="HWN646" s="613"/>
      <c r="HWO646" s="613"/>
      <c r="HWP646" s="613"/>
      <c r="HWQ646" s="613"/>
      <c r="HWR646" s="613"/>
      <c r="HWS646" s="613"/>
      <c r="HWT646" s="613"/>
      <c r="HWU646" s="613"/>
      <c r="HWV646" s="613"/>
      <c r="HWW646" s="613"/>
      <c r="HWX646" s="613"/>
      <c r="HWY646" s="613"/>
      <c r="HWZ646" s="613"/>
      <c r="HXA646" s="613"/>
      <c r="HXB646" s="613"/>
      <c r="HXC646" s="613"/>
      <c r="HXD646" s="613"/>
      <c r="HXE646" s="613"/>
      <c r="HXF646" s="613"/>
      <c r="HXG646" s="613"/>
      <c r="HXH646" s="613"/>
      <c r="HXI646" s="613"/>
      <c r="HXJ646" s="613"/>
      <c r="HXK646" s="613"/>
      <c r="HXL646" s="613"/>
      <c r="HXM646" s="613"/>
      <c r="HXN646" s="613"/>
      <c r="HXO646" s="613"/>
      <c r="HXP646" s="613"/>
      <c r="HXQ646" s="613"/>
      <c r="HXR646" s="613"/>
      <c r="HXS646" s="613"/>
      <c r="HXT646" s="613"/>
      <c r="HXU646" s="613"/>
      <c r="HXV646" s="613"/>
      <c r="HXW646" s="613"/>
      <c r="HXX646" s="613"/>
      <c r="HXY646" s="613"/>
      <c r="HXZ646" s="613"/>
      <c r="HYA646" s="613"/>
      <c r="HYB646" s="613"/>
      <c r="HYC646" s="613"/>
      <c r="HYD646" s="613"/>
      <c r="HYE646" s="613"/>
      <c r="HYF646" s="613"/>
      <c r="HYG646" s="613"/>
      <c r="HYH646" s="613"/>
      <c r="HYI646" s="613"/>
      <c r="HYJ646" s="613"/>
      <c r="HYK646" s="613"/>
      <c r="HYL646" s="613"/>
      <c r="HYM646" s="613"/>
      <c r="HYN646" s="613"/>
      <c r="HYO646" s="613"/>
      <c r="HYP646" s="613"/>
      <c r="HYQ646" s="613"/>
      <c r="HYR646" s="613"/>
      <c r="HYS646" s="613"/>
      <c r="HYT646" s="613"/>
      <c r="HYU646" s="613"/>
      <c r="HYV646" s="613"/>
      <c r="HYW646" s="613"/>
      <c r="HYX646" s="613"/>
      <c r="HYY646" s="613"/>
      <c r="HYZ646" s="613"/>
      <c r="HZA646" s="613"/>
      <c r="HZB646" s="613"/>
      <c r="HZC646" s="613"/>
      <c r="HZD646" s="613"/>
      <c r="HZE646" s="613"/>
      <c r="HZF646" s="613"/>
      <c r="HZG646" s="613"/>
      <c r="HZH646" s="613"/>
      <c r="HZI646" s="613"/>
      <c r="HZJ646" s="613"/>
      <c r="HZK646" s="613"/>
      <c r="HZL646" s="613"/>
      <c r="HZM646" s="613"/>
      <c r="HZN646" s="613"/>
      <c r="HZO646" s="613"/>
      <c r="HZP646" s="613"/>
      <c r="HZQ646" s="613"/>
      <c r="HZR646" s="613"/>
      <c r="HZS646" s="613"/>
      <c r="HZT646" s="613"/>
      <c r="HZU646" s="613"/>
      <c r="HZV646" s="613"/>
      <c r="HZW646" s="613"/>
      <c r="HZX646" s="613"/>
      <c r="HZY646" s="613"/>
      <c r="HZZ646" s="613"/>
      <c r="IAA646" s="613"/>
      <c r="IAB646" s="613"/>
      <c r="IAC646" s="613"/>
      <c r="IAD646" s="613"/>
      <c r="IAE646" s="613"/>
      <c r="IAF646" s="613"/>
      <c r="IAG646" s="613"/>
      <c r="IAH646" s="613"/>
      <c r="IAI646" s="613"/>
      <c r="IAJ646" s="613"/>
      <c r="IAK646" s="613"/>
      <c r="IAL646" s="613"/>
      <c r="IAM646" s="613"/>
      <c r="IAN646" s="613"/>
      <c r="IAO646" s="613"/>
      <c r="IAP646" s="613"/>
      <c r="IAQ646" s="613"/>
      <c r="IAR646" s="613"/>
      <c r="IAS646" s="613"/>
      <c r="IAT646" s="613"/>
      <c r="IAU646" s="613"/>
      <c r="IAV646" s="613"/>
      <c r="IAW646" s="613"/>
      <c r="IAX646" s="613"/>
      <c r="IAY646" s="613"/>
      <c r="IAZ646" s="613"/>
      <c r="IBA646" s="613"/>
      <c r="IBB646" s="613"/>
      <c r="IBC646" s="613"/>
      <c r="IBD646" s="613"/>
      <c r="IBE646" s="613"/>
      <c r="IBF646" s="613"/>
      <c r="IBG646" s="613"/>
      <c r="IBH646" s="613"/>
      <c r="IBI646" s="613"/>
      <c r="IBJ646" s="613"/>
      <c r="IBK646" s="613"/>
      <c r="IBL646" s="613"/>
      <c r="IBM646" s="613"/>
      <c r="IBN646" s="613"/>
      <c r="IBO646" s="613"/>
      <c r="IBP646" s="613"/>
      <c r="IBQ646" s="613"/>
      <c r="IBR646" s="613"/>
      <c r="IBS646" s="613"/>
      <c r="IBT646" s="613"/>
      <c r="IBU646" s="613"/>
      <c r="IBV646" s="613"/>
      <c r="IBW646" s="613"/>
      <c r="IBX646" s="613"/>
      <c r="IBY646" s="613"/>
      <c r="IBZ646" s="613"/>
      <c r="ICA646" s="613"/>
      <c r="ICB646" s="613"/>
      <c r="ICC646" s="613"/>
      <c r="ICD646" s="613"/>
      <c r="ICE646" s="613"/>
      <c r="ICF646" s="613"/>
      <c r="ICG646" s="613"/>
      <c r="ICH646" s="613"/>
      <c r="ICI646" s="613"/>
      <c r="ICJ646" s="613"/>
      <c r="ICK646" s="613"/>
      <c r="ICL646" s="613"/>
      <c r="ICM646" s="613"/>
      <c r="ICN646" s="613"/>
      <c r="ICO646" s="613"/>
      <c r="ICP646" s="613"/>
      <c r="ICQ646" s="613"/>
      <c r="ICR646" s="613"/>
      <c r="ICS646" s="613"/>
      <c r="ICT646" s="613"/>
      <c r="ICU646" s="613"/>
      <c r="ICV646" s="613"/>
      <c r="ICW646" s="613"/>
      <c r="ICX646" s="613"/>
      <c r="ICY646" s="613"/>
      <c r="ICZ646" s="613"/>
      <c r="IDA646" s="613"/>
      <c r="IDB646" s="613"/>
      <c r="IDC646" s="613"/>
      <c r="IDD646" s="613"/>
      <c r="IDE646" s="613"/>
      <c r="IDF646" s="613"/>
      <c r="IDG646" s="613"/>
      <c r="IDH646" s="613"/>
      <c r="IDI646" s="613"/>
      <c r="IDJ646" s="613"/>
      <c r="IDK646" s="613"/>
      <c r="IDL646" s="613"/>
      <c r="IDM646" s="613"/>
      <c r="IDN646" s="613"/>
      <c r="IDO646" s="613"/>
      <c r="IDP646" s="613"/>
      <c r="IDQ646" s="613"/>
      <c r="IDR646" s="613"/>
      <c r="IDS646" s="613"/>
      <c r="IDT646" s="613"/>
      <c r="IDU646" s="613"/>
      <c r="IDV646" s="613"/>
      <c r="IDW646" s="613"/>
      <c r="IDX646" s="613"/>
      <c r="IDY646" s="613"/>
      <c r="IDZ646" s="613"/>
      <c r="IEA646" s="613"/>
      <c r="IEB646" s="613"/>
      <c r="IEC646" s="613"/>
      <c r="IED646" s="613"/>
      <c r="IEE646" s="613"/>
      <c r="IEF646" s="613"/>
      <c r="IEG646" s="613"/>
      <c r="IEH646" s="613"/>
      <c r="IEI646" s="613"/>
      <c r="IEJ646" s="613"/>
      <c r="IEK646" s="613"/>
      <c r="IEL646" s="613"/>
      <c r="IEM646" s="613"/>
      <c r="IEN646" s="613"/>
      <c r="IEO646" s="613"/>
      <c r="IEP646" s="613"/>
      <c r="IEQ646" s="613"/>
      <c r="IER646" s="613"/>
      <c r="IES646" s="613"/>
      <c r="IET646" s="613"/>
      <c r="IEU646" s="613"/>
      <c r="IEV646" s="613"/>
      <c r="IEW646" s="613"/>
      <c r="IEX646" s="613"/>
      <c r="IEY646" s="613"/>
      <c r="IEZ646" s="613"/>
      <c r="IFA646" s="613"/>
      <c r="IFB646" s="613"/>
      <c r="IFC646" s="613"/>
      <c r="IFD646" s="613"/>
      <c r="IFE646" s="613"/>
      <c r="IFF646" s="613"/>
      <c r="IFG646" s="613"/>
      <c r="IFH646" s="613"/>
      <c r="IFI646" s="613"/>
      <c r="IFJ646" s="613"/>
      <c r="IFK646" s="613"/>
      <c r="IFL646" s="613"/>
      <c r="IFM646" s="613"/>
      <c r="IFN646" s="613"/>
      <c r="IFO646" s="613"/>
      <c r="IFP646" s="613"/>
      <c r="IFQ646" s="613"/>
      <c r="IFR646" s="613"/>
      <c r="IFS646" s="613"/>
      <c r="IFT646" s="613"/>
      <c r="IFU646" s="613"/>
      <c r="IFV646" s="613"/>
      <c r="IFW646" s="613"/>
      <c r="IFX646" s="613"/>
      <c r="IFY646" s="613"/>
      <c r="IFZ646" s="613"/>
      <c r="IGA646" s="613"/>
      <c r="IGB646" s="613"/>
      <c r="IGC646" s="613"/>
      <c r="IGD646" s="613"/>
      <c r="IGE646" s="613"/>
      <c r="IGF646" s="613"/>
      <c r="IGG646" s="613"/>
      <c r="IGH646" s="613"/>
      <c r="IGI646" s="613"/>
      <c r="IGJ646" s="613"/>
      <c r="IGK646" s="613"/>
      <c r="IGL646" s="613"/>
      <c r="IGM646" s="613"/>
      <c r="IGN646" s="613"/>
      <c r="IGO646" s="613"/>
      <c r="IGP646" s="613"/>
      <c r="IGQ646" s="613"/>
      <c r="IGR646" s="613"/>
      <c r="IGS646" s="613"/>
      <c r="IGT646" s="613"/>
      <c r="IGU646" s="613"/>
      <c r="IGV646" s="613"/>
      <c r="IGW646" s="613"/>
      <c r="IGX646" s="613"/>
      <c r="IGY646" s="613"/>
      <c r="IGZ646" s="613"/>
      <c r="IHA646" s="613"/>
      <c r="IHB646" s="613"/>
      <c r="IHC646" s="613"/>
      <c r="IHD646" s="613"/>
      <c r="IHE646" s="613"/>
      <c r="IHF646" s="613"/>
      <c r="IHG646" s="613"/>
      <c r="IHH646" s="613"/>
      <c r="IHI646" s="613"/>
      <c r="IHJ646" s="613"/>
      <c r="IHK646" s="613"/>
      <c r="IHL646" s="613"/>
      <c r="IHM646" s="613"/>
      <c r="IHN646" s="613"/>
      <c r="IHO646" s="613"/>
      <c r="IHP646" s="613"/>
      <c r="IHQ646" s="613"/>
      <c r="IHR646" s="613"/>
      <c r="IHS646" s="613"/>
      <c r="IHT646" s="613"/>
      <c r="IHU646" s="613"/>
      <c r="IHV646" s="613"/>
      <c r="IHW646" s="613"/>
      <c r="IHX646" s="613"/>
      <c r="IHY646" s="613"/>
      <c r="IHZ646" s="613"/>
      <c r="IIA646" s="613"/>
      <c r="IIB646" s="613"/>
      <c r="IIC646" s="613"/>
      <c r="IID646" s="613"/>
      <c r="IIE646" s="613"/>
      <c r="IIF646" s="613"/>
      <c r="IIG646" s="613"/>
      <c r="IIH646" s="613"/>
      <c r="III646" s="613"/>
      <c r="IIJ646" s="613"/>
      <c r="IIK646" s="613"/>
      <c r="IIL646" s="613"/>
      <c r="IIM646" s="613"/>
      <c r="IIN646" s="613"/>
      <c r="IIO646" s="613"/>
      <c r="IIP646" s="613"/>
      <c r="IIQ646" s="613"/>
      <c r="IIR646" s="613"/>
      <c r="IIS646" s="613"/>
      <c r="IIT646" s="613"/>
      <c r="IIU646" s="613"/>
      <c r="IIV646" s="613"/>
      <c r="IIW646" s="613"/>
      <c r="IIX646" s="613"/>
      <c r="IIY646" s="613"/>
      <c r="IIZ646" s="613"/>
      <c r="IJA646" s="613"/>
      <c r="IJB646" s="613"/>
      <c r="IJC646" s="613"/>
      <c r="IJD646" s="613"/>
      <c r="IJE646" s="613"/>
      <c r="IJF646" s="613"/>
      <c r="IJG646" s="613"/>
      <c r="IJH646" s="613"/>
      <c r="IJI646" s="613"/>
      <c r="IJJ646" s="613"/>
      <c r="IJK646" s="613"/>
      <c r="IJL646" s="613"/>
      <c r="IJM646" s="613"/>
      <c r="IJN646" s="613"/>
      <c r="IJO646" s="613"/>
      <c r="IJP646" s="613"/>
      <c r="IJQ646" s="613"/>
      <c r="IJR646" s="613"/>
      <c r="IJS646" s="613"/>
      <c r="IJT646" s="613"/>
      <c r="IJU646" s="613"/>
      <c r="IJV646" s="613"/>
      <c r="IJW646" s="613"/>
      <c r="IJX646" s="613"/>
      <c r="IJY646" s="613"/>
      <c r="IJZ646" s="613"/>
      <c r="IKA646" s="613"/>
      <c r="IKB646" s="613"/>
      <c r="IKC646" s="613"/>
      <c r="IKD646" s="613"/>
      <c r="IKE646" s="613"/>
      <c r="IKF646" s="613"/>
      <c r="IKG646" s="613"/>
      <c r="IKH646" s="613"/>
      <c r="IKI646" s="613"/>
      <c r="IKJ646" s="613"/>
      <c r="IKK646" s="613"/>
      <c r="IKL646" s="613"/>
      <c r="IKM646" s="613"/>
      <c r="IKN646" s="613"/>
      <c r="IKO646" s="613"/>
      <c r="IKP646" s="613"/>
      <c r="IKQ646" s="613"/>
      <c r="IKR646" s="613"/>
      <c r="IKS646" s="613"/>
      <c r="IKT646" s="613"/>
      <c r="IKU646" s="613"/>
      <c r="IKV646" s="613"/>
      <c r="IKW646" s="613"/>
      <c r="IKX646" s="613"/>
      <c r="IKY646" s="613"/>
      <c r="IKZ646" s="613"/>
      <c r="ILA646" s="613"/>
      <c r="ILB646" s="613"/>
      <c r="ILC646" s="613"/>
      <c r="ILD646" s="613"/>
      <c r="ILE646" s="613"/>
      <c r="ILF646" s="613"/>
      <c r="ILG646" s="613"/>
      <c r="ILH646" s="613"/>
      <c r="ILI646" s="613"/>
      <c r="ILJ646" s="613"/>
      <c r="ILK646" s="613"/>
      <c r="ILL646" s="613"/>
      <c r="ILM646" s="613"/>
      <c r="ILN646" s="613"/>
      <c r="ILO646" s="613"/>
      <c r="ILP646" s="613"/>
      <c r="ILQ646" s="613"/>
      <c r="ILR646" s="613"/>
      <c r="ILS646" s="613"/>
      <c r="ILT646" s="613"/>
      <c r="ILU646" s="613"/>
      <c r="ILV646" s="613"/>
      <c r="ILW646" s="613"/>
      <c r="ILX646" s="613"/>
      <c r="ILY646" s="613"/>
      <c r="ILZ646" s="613"/>
      <c r="IMA646" s="613"/>
      <c r="IMB646" s="613"/>
      <c r="IMC646" s="613"/>
      <c r="IMD646" s="613"/>
      <c r="IME646" s="613"/>
      <c r="IMF646" s="613"/>
      <c r="IMG646" s="613"/>
      <c r="IMH646" s="613"/>
      <c r="IMI646" s="613"/>
      <c r="IMJ646" s="613"/>
      <c r="IMK646" s="613"/>
      <c r="IML646" s="613"/>
      <c r="IMM646" s="613"/>
      <c r="IMN646" s="613"/>
      <c r="IMO646" s="613"/>
      <c r="IMP646" s="613"/>
      <c r="IMQ646" s="613"/>
      <c r="IMR646" s="613"/>
      <c r="IMS646" s="613"/>
      <c r="IMT646" s="613"/>
      <c r="IMU646" s="613"/>
      <c r="IMV646" s="613"/>
      <c r="IMW646" s="613"/>
      <c r="IMX646" s="613"/>
      <c r="IMY646" s="613"/>
      <c r="IMZ646" s="613"/>
      <c r="INA646" s="613"/>
      <c r="INB646" s="613"/>
      <c r="INC646" s="613"/>
      <c r="IND646" s="613"/>
      <c r="INE646" s="613"/>
      <c r="INF646" s="613"/>
      <c r="ING646" s="613"/>
      <c r="INH646" s="613"/>
      <c r="INI646" s="613"/>
      <c r="INJ646" s="613"/>
      <c r="INK646" s="613"/>
      <c r="INL646" s="613"/>
      <c r="INM646" s="613"/>
      <c r="INN646" s="613"/>
      <c r="INO646" s="613"/>
      <c r="INP646" s="613"/>
      <c r="INQ646" s="613"/>
      <c r="INR646" s="613"/>
      <c r="INS646" s="613"/>
      <c r="INT646" s="613"/>
      <c r="INU646" s="613"/>
      <c r="INV646" s="613"/>
      <c r="INW646" s="613"/>
      <c r="INX646" s="613"/>
      <c r="INY646" s="613"/>
      <c r="INZ646" s="613"/>
      <c r="IOA646" s="613"/>
      <c r="IOB646" s="613"/>
      <c r="IOC646" s="613"/>
      <c r="IOD646" s="613"/>
      <c r="IOE646" s="613"/>
      <c r="IOF646" s="613"/>
      <c r="IOG646" s="613"/>
      <c r="IOH646" s="613"/>
      <c r="IOI646" s="613"/>
      <c r="IOJ646" s="613"/>
      <c r="IOK646" s="613"/>
      <c r="IOL646" s="613"/>
      <c r="IOM646" s="613"/>
      <c r="ION646" s="613"/>
      <c r="IOO646" s="613"/>
      <c r="IOP646" s="613"/>
      <c r="IOQ646" s="613"/>
      <c r="IOR646" s="613"/>
      <c r="IOS646" s="613"/>
      <c r="IOT646" s="613"/>
      <c r="IOU646" s="613"/>
      <c r="IOV646" s="613"/>
      <c r="IOW646" s="613"/>
      <c r="IOX646" s="613"/>
      <c r="IOY646" s="613"/>
      <c r="IOZ646" s="613"/>
      <c r="IPA646" s="613"/>
      <c r="IPB646" s="613"/>
      <c r="IPC646" s="613"/>
      <c r="IPD646" s="613"/>
      <c r="IPE646" s="613"/>
      <c r="IPF646" s="613"/>
      <c r="IPG646" s="613"/>
      <c r="IPH646" s="613"/>
      <c r="IPI646" s="613"/>
      <c r="IPJ646" s="613"/>
      <c r="IPK646" s="613"/>
      <c r="IPL646" s="613"/>
      <c r="IPM646" s="613"/>
      <c r="IPN646" s="613"/>
      <c r="IPO646" s="613"/>
      <c r="IPP646" s="613"/>
      <c r="IPQ646" s="613"/>
      <c r="IPR646" s="613"/>
      <c r="IPS646" s="613"/>
      <c r="IPT646" s="613"/>
      <c r="IPU646" s="613"/>
      <c r="IPV646" s="613"/>
      <c r="IPW646" s="613"/>
      <c r="IPX646" s="613"/>
      <c r="IPY646" s="613"/>
      <c r="IPZ646" s="613"/>
      <c r="IQA646" s="613"/>
      <c r="IQB646" s="613"/>
      <c r="IQC646" s="613"/>
      <c r="IQD646" s="613"/>
      <c r="IQE646" s="613"/>
      <c r="IQF646" s="613"/>
      <c r="IQG646" s="613"/>
      <c r="IQH646" s="613"/>
      <c r="IQI646" s="613"/>
      <c r="IQJ646" s="613"/>
      <c r="IQK646" s="613"/>
      <c r="IQL646" s="613"/>
      <c r="IQM646" s="613"/>
      <c r="IQN646" s="613"/>
      <c r="IQO646" s="613"/>
      <c r="IQP646" s="613"/>
      <c r="IQQ646" s="613"/>
      <c r="IQR646" s="613"/>
      <c r="IQS646" s="613"/>
      <c r="IQT646" s="613"/>
      <c r="IQU646" s="613"/>
      <c r="IQV646" s="613"/>
      <c r="IQW646" s="613"/>
      <c r="IQX646" s="613"/>
      <c r="IQY646" s="613"/>
      <c r="IQZ646" s="613"/>
      <c r="IRA646" s="613"/>
      <c r="IRB646" s="613"/>
      <c r="IRC646" s="613"/>
      <c r="IRD646" s="613"/>
      <c r="IRE646" s="613"/>
      <c r="IRF646" s="613"/>
      <c r="IRG646" s="613"/>
      <c r="IRH646" s="613"/>
      <c r="IRI646" s="613"/>
      <c r="IRJ646" s="613"/>
      <c r="IRK646" s="613"/>
      <c r="IRL646" s="613"/>
      <c r="IRM646" s="613"/>
      <c r="IRN646" s="613"/>
      <c r="IRO646" s="613"/>
      <c r="IRP646" s="613"/>
      <c r="IRQ646" s="613"/>
      <c r="IRR646" s="613"/>
      <c r="IRS646" s="613"/>
      <c r="IRT646" s="613"/>
      <c r="IRU646" s="613"/>
      <c r="IRV646" s="613"/>
      <c r="IRW646" s="613"/>
      <c r="IRX646" s="613"/>
      <c r="IRY646" s="613"/>
      <c r="IRZ646" s="613"/>
      <c r="ISA646" s="613"/>
      <c r="ISB646" s="613"/>
      <c r="ISC646" s="613"/>
      <c r="ISD646" s="613"/>
      <c r="ISE646" s="613"/>
      <c r="ISF646" s="613"/>
      <c r="ISG646" s="613"/>
      <c r="ISH646" s="613"/>
      <c r="ISI646" s="613"/>
      <c r="ISJ646" s="613"/>
      <c r="ISK646" s="613"/>
      <c r="ISL646" s="613"/>
      <c r="ISM646" s="613"/>
      <c r="ISN646" s="613"/>
      <c r="ISO646" s="613"/>
      <c r="ISP646" s="613"/>
      <c r="ISQ646" s="613"/>
      <c r="ISR646" s="613"/>
      <c r="ISS646" s="613"/>
      <c r="IST646" s="613"/>
      <c r="ISU646" s="613"/>
      <c r="ISV646" s="613"/>
      <c r="ISW646" s="613"/>
      <c r="ISX646" s="613"/>
      <c r="ISY646" s="613"/>
      <c r="ISZ646" s="613"/>
      <c r="ITA646" s="613"/>
      <c r="ITB646" s="613"/>
      <c r="ITC646" s="613"/>
      <c r="ITD646" s="613"/>
      <c r="ITE646" s="613"/>
      <c r="ITF646" s="613"/>
      <c r="ITG646" s="613"/>
      <c r="ITH646" s="613"/>
      <c r="ITI646" s="613"/>
      <c r="ITJ646" s="613"/>
      <c r="ITK646" s="613"/>
      <c r="ITL646" s="613"/>
      <c r="ITM646" s="613"/>
      <c r="ITN646" s="613"/>
      <c r="ITO646" s="613"/>
      <c r="ITP646" s="613"/>
      <c r="ITQ646" s="613"/>
      <c r="ITR646" s="613"/>
      <c r="ITS646" s="613"/>
      <c r="ITT646" s="613"/>
      <c r="ITU646" s="613"/>
      <c r="ITV646" s="613"/>
      <c r="ITW646" s="613"/>
      <c r="ITX646" s="613"/>
      <c r="ITY646" s="613"/>
      <c r="ITZ646" s="613"/>
      <c r="IUA646" s="613"/>
      <c r="IUB646" s="613"/>
      <c r="IUC646" s="613"/>
      <c r="IUD646" s="613"/>
      <c r="IUE646" s="613"/>
      <c r="IUF646" s="613"/>
      <c r="IUG646" s="613"/>
      <c r="IUH646" s="613"/>
      <c r="IUI646" s="613"/>
      <c r="IUJ646" s="613"/>
      <c r="IUK646" s="613"/>
      <c r="IUL646" s="613"/>
      <c r="IUM646" s="613"/>
      <c r="IUN646" s="613"/>
      <c r="IUO646" s="613"/>
      <c r="IUP646" s="613"/>
      <c r="IUQ646" s="613"/>
      <c r="IUR646" s="613"/>
      <c r="IUS646" s="613"/>
      <c r="IUT646" s="613"/>
      <c r="IUU646" s="613"/>
      <c r="IUV646" s="613"/>
      <c r="IUW646" s="613"/>
      <c r="IUX646" s="613"/>
      <c r="IUY646" s="613"/>
      <c r="IUZ646" s="613"/>
      <c r="IVA646" s="613"/>
      <c r="IVB646" s="613"/>
      <c r="IVC646" s="613"/>
      <c r="IVD646" s="613"/>
      <c r="IVE646" s="613"/>
      <c r="IVF646" s="613"/>
      <c r="IVG646" s="613"/>
      <c r="IVH646" s="613"/>
      <c r="IVI646" s="613"/>
      <c r="IVJ646" s="613"/>
      <c r="IVK646" s="613"/>
      <c r="IVL646" s="613"/>
      <c r="IVM646" s="613"/>
      <c r="IVN646" s="613"/>
      <c r="IVO646" s="613"/>
      <c r="IVP646" s="613"/>
      <c r="IVQ646" s="613"/>
      <c r="IVR646" s="613"/>
      <c r="IVS646" s="613"/>
      <c r="IVT646" s="613"/>
      <c r="IVU646" s="613"/>
      <c r="IVV646" s="613"/>
      <c r="IVW646" s="613"/>
      <c r="IVX646" s="613"/>
      <c r="IVY646" s="613"/>
      <c r="IVZ646" s="613"/>
      <c r="IWA646" s="613"/>
      <c r="IWB646" s="613"/>
      <c r="IWC646" s="613"/>
      <c r="IWD646" s="613"/>
      <c r="IWE646" s="613"/>
      <c r="IWF646" s="613"/>
      <c r="IWG646" s="613"/>
      <c r="IWH646" s="613"/>
      <c r="IWI646" s="613"/>
      <c r="IWJ646" s="613"/>
      <c r="IWK646" s="613"/>
      <c r="IWL646" s="613"/>
      <c r="IWM646" s="613"/>
      <c r="IWN646" s="613"/>
      <c r="IWO646" s="613"/>
      <c r="IWP646" s="613"/>
      <c r="IWQ646" s="613"/>
      <c r="IWR646" s="613"/>
      <c r="IWS646" s="613"/>
      <c r="IWT646" s="613"/>
      <c r="IWU646" s="613"/>
      <c r="IWV646" s="613"/>
      <c r="IWW646" s="613"/>
      <c r="IWX646" s="613"/>
      <c r="IWY646" s="613"/>
      <c r="IWZ646" s="613"/>
      <c r="IXA646" s="613"/>
      <c r="IXB646" s="613"/>
      <c r="IXC646" s="613"/>
      <c r="IXD646" s="613"/>
      <c r="IXE646" s="613"/>
      <c r="IXF646" s="613"/>
      <c r="IXG646" s="613"/>
      <c r="IXH646" s="613"/>
      <c r="IXI646" s="613"/>
      <c r="IXJ646" s="613"/>
      <c r="IXK646" s="613"/>
      <c r="IXL646" s="613"/>
      <c r="IXM646" s="613"/>
      <c r="IXN646" s="613"/>
      <c r="IXO646" s="613"/>
      <c r="IXP646" s="613"/>
      <c r="IXQ646" s="613"/>
      <c r="IXR646" s="613"/>
      <c r="IXS646" s="613"/>
      <c r="IXT646" s="613"/>
      <c r="IXU646" s="613"/>
      <c r="IXV646" s="613"/>
      <c r="IXW646" s="613"/>
      <c r="IXX646" s="613"/>
      <c r="IXY646" s="613"/>
      <c r="IXZ646" s="613"/>
      <c r="IYA646" s="613"/>
      <c r="IYB646" s="613"/>
      <c r="IYC646" s="613"/>
      <c r="IYD646" s="613"/>
      <c r="IYE646" s="613"/>
      <c r="IYF646" s="613"/>
      <c r="IYG646" s="613"/>
      <c r="IYH646" s="613"/>
      <c r="IYI646" s="613"/>
      <c r="IYJ646" s="613"/>
      <c r="IYK646" s="613"/>
      <c r="IYL646" s="613"/>
      <c r="IYM646" s="613"/>
      <c r="IYN646" s="613"/>
      <c r="IYO646" s="613"/>
      <c r="IYP646" s="613"/>
      <c r="IYQ646" s="613"/>
      <c r="IYR646" s="613"/>
      <c r="IYS646" s="613"/>
      <c r="IYT646" s="613"/>
      <c r="IYU646" s="613"/>
      <c r="IYV646" s="613"/>
      <c r="IYW646" s="613"/>
      <c r="IYX646" s="613"/>
      <c r="IYY646" s="613"/>
      <c r="IYZ646" s="613"/>
      <c r="IZA646" s="613"/>
      <c r="IZB646" s="613"/>
      <c r="IZC646" s="613"/>
      <c r="IZD646" s="613"/>
      <c r="IZE646" s="613"/>
      <c r="IZF646" s="613"/>
      <c r="IZG646" s="613"/>
      <c r="IZH646" s="613"/>
      <c r="IZI646" s="613"/>
      <c r="IZJ646" s="613"/>
      <c r="IZK646" s="613"/>
      <c r="IZL646" s="613"/>
      <c r="IZM646" s="613"/>
      <c r="IZN646" s="613"/>
      <c r="IZO646" s="613"/>
      <c r="IZP646" s="613"/>
      <c r="IZQ646" s="613"/>
      <c r="IZR646" s="613"/>
      <c r="IZS646" s="613"/>
      <c r="IZT646" s="613"/>
      <c r="IZU646" s="613"/>
      <c r="IZV646" s="613"/>
      <c r="IZW646" s="613"/>
      <c r="IZX646" s="613"/>
      <c r="IZY646" s="613"/>
      <c r="IZZ646" s="613"/>
      <c r="JAA646" s="613"/>
      <c r="JAB646" s="613"/>
      <c r="JAC646" s="613"/>
      <c r="JAD646" s="613"/>
      <c r="JAE646" s="613"/>
      <c r="JAF646" s="613"/>
      <c r="JAG646" s="613"/>
      <c r="JAH646" s="613"/>
      <c r="JAI646" s="613"/>
      <c r="JAJ646" s="613"/>
      <c r="JAK646" s="613"/>
      <c r="JAL646" s="613"/>
      <c r="JAM646" s="613"/>
      <c r="JAN646" s="613"/>
      <c r="JAO646" s="613"/>
      <c r="JAP646" s="613"/>
      <c r="JAQ646" s="613"/>
      <c r="JAR646" s="613"/>
      <c r="JAS646" s="613"/>
      <c r="JAT646" s="613"/>
      <c r="JAU646" s="613"/>
      <c r="JAV646" s="613"/>
      <c r="JAW646" s="613"/>
      <c r="JAX646" s="613"/>
      <c r="JAY646" s="613"/>
      <c r="JAZ646" s="613"/>
      <c r="JBA646" s="613"/>
      <c r="JBB646" s="613"/>
      <c r="JBC646" s="613"/>
      <c r="JBD646" s="613"/>
      <c r="JBE646" s="613"/>
      <c r="JBF646" s="613"/>
      <c r="JBG646" s="613"/>
      <c r="JBH646" s="613"/>
      <c r="JBI646" s="613"/>
      <c r="JBJ646" s="613"/>
      <c r="JBK646" s="613"/>
      <c r="JBL646" s="613"/>
      <c r="JBM646" s="613"/>
      <c r="JBN646" s="613"/>
      <c r="JBO646" s="613"/>
      <c r="JBP646" s="613"/>
      <c r="JBQ646" s="613"/>
      <c r="JBR646" s="613"/>
      <c r="JBS646" s="613"/>
      <c r="JBT646" s="613"/>
      <c r="JBU646" s="613"/>
      <c r="JBV646" s="613"/>
      <c r="JBW646" s="613"/>
      <c r="JBX646" s="613"/>
      <c r="JBY646" s="613"/>
      <c r="JBZ646" s="613"/>
      <c r="JCA646" s="613"/>
      <c r="JCB646" s="613"/>
      <c r="JCC646" s="613"/>
      <c r="JCD646" s="613"/>
      <c r="JCE646" s="613"/>
      <c r="JCF646" s="613"/>
      <c r="JCG646" s="613"/>
      <c r="JCH646" s="613"/>
      <c r="JCI646" s="613"/>
      <c r="JCJ646" s="613"/>
      <c r="JCK646" s="613"/>
      <c r="JCL646" s="613"/>
      <c r="JCM646" s="613"/>
      <c r="JCN646" s="613"/>
      <c r="JCO646" s="613"/>
      <c r="JCP646" s="613"/>
      <c r="JCQ646" s="613"/>
      <c r="JCR646" s="613"/>
      <c r="JCS646" s="613"/>
      <c r="JCT646" s="613"/>
      <c r="JCU646" s="613"/>
      <c r="JCV646" s="613"/>
      <c r="JCW646" s="613"/>
      <c r="JCX646" s="613"/>
      <c r="JCY646" s="613"/>
      <c r="JCZ646" s="613"/>
      <c r="JDA646" s="613"/>
      <c r="JDB646" s="613"/>
      <c r="JDC646" s="613"/>
      <c r="JDD646" s="613"/>
      <c r="JDE646" s="613"/>
      <c r="JDF646" s="613"/>
      <c r="JDG646" s="613"/>
      <c r="JDH646" s="613"/>
      <c r="JDI646" s="613"/>
      <c r="JDJ646" s="613"/>
      <c r="JDK646" s="613"/>
      <c r="JDL646" s="613"/>
      <c r="JDM646" s="613"/>
      <c r="JDN646" s="613"/>
      <c r="JDO646" s="613"/>
      <c r="JDP646" s="613"/>
      <c r="JDQ646" s="613"/>
      <c r="JDR646" s="613"/>
      <c r="JDS646" s="613"/>
      <c r="JDT646" s="613"/>
      <c r="JDU646" s="613"/>
      <c r="JDV646" s="613"/>
      <c r="JDW646" s="613"/>
      <c r="JDX646" s="613"/>
      <c r="JDY646" s="613"/>
      <c r="JDZ646" s="613"/>
      <c r="JEA646" s="613"/>
      <c r="JEB646" s="613"/>
      <c r="JEC646" s="613"/>
      <c r="JED646" s="613"/>
      <c r="JEE646" s="613"/>
      <c r="JEF646" s="613"/>
      <c r="JEG646" s="613"/>
      <c r="JEH646" s="613"/>
      <c r="JEI646" s="613"/>
      <c r="JEJ646" s="613"/>
      <c r="JEK646" s="613"/>
      <c r="JEL646" s="613"/>
      <c r="JEM646" s="613"/>
      <c r="JEN646" s="613"/>
      <c r="JEO646" s="613"/>
      <c r="JEP646" s="613"/>
      <c r="JEQ646" s="613"/>
      <c r="JER646" s="613"/>
      <c r="JES646" s="613"/>
      <c r="JET646" s="613"/>
      <c r="JEU646" s="613"/>
      <c r="JEV646" s="613"/>
      <c r="JEW646" s="613"/>
      <c r="JEX646" s="613"/>
      <c r="JEY646" s="613"/>
      <c r="JEZ646" s="613"/>
      <c r="JFA646" s="613"/>
      <c r="JFB646" s="613"/>
      <c r="JFC646" s="613"/>
      <c r="JFD646" s="613"/>
      <c r="JFE646" s="613"/>
      <c r="JFF646" s="613"/>
      <c r="JFG646" s="613"/>
      <c r="JFH646" s="613"/>
      <c r="JFI646" s="613"/>
      <c r="JFJ646" s="613"/>
      <c r="JFK646" s="613"/>
      <c r="JFL646" s="613"/>
      <c r="JFM646" s="613"/>
      <c r="JFN646" s="613"/>
      <c r="JFO646" s="613"/>
      <c r="JFP646" s="613"/>
      <c r="JFQ646" s="613"/>
      <c r="JFR646" s="613"/>
      <c r="JFS646" s="613"/>
      <c r="JFT646" s="613"/>
      <c r="JFU646" s="613"/>
      <c r="JFV646" s="613"/>
      <c r="JFW646" s="613"/>
      <c r="JFX646" s="613"/>
      <c r="JFY646" s="613"/>
      <c r="JFZ646" s="613"/>
      <c r="JGA646" s="613"/>
      <c r="JGB646" s="613"/>
      <c r="JGC646" s="613"/>
      <c r="JGD646" s="613"/>
      <c r="JGE646" s="613"/>
      <c r="JGF646" s="613"/>
      <c r="JGG646" s="613"/>
      <c r="JGH646" s="613"/>
      <c r="JGI646" s="613"/>
      <c r="JGJ646" s="613"/>
      <c r="JGK646" s="613"/>
      <c r="JGL646" s="613"/>
      <c r="JGM646" s="613"/>
      <c r="JGN646" s="613"/>
      <c r="JGO646" s="613"/>
      <c r="JGP646" s="613"/>
      <c r="JGQ646" s="613"/>
      <c r="JGR646" s="613"/>
      <c r="JGS646" s="613"/>
      <c r="JGT646" s="613"/>
      <c r="JGU646" s="613"/>
      <c r="JGV646" s="613"/>
      <c r="JGW646" s="613"/>
      <c r="JGX646" s="613"/>
      <c r="JGY646" s="613"/>
      <c r="JGZ646" s="613"/>
      <c r="JHA646" s="613"/>
      <c r="JHB646" s="613"/>
      <c r="JHC646" s="613"/>
      <c r="JHD646" s="613"/>
      <c r="JHE646" s="613"/>
      <c r="JHF646" s="613"/>
      <c r="JHG646" s="613"/>
      <c r="JHH646" s="613"/>
      <c r="JHI646" s="613"/>
      <c r="JHJ646" s="613"/>
      <c r="JHK646" s="613"/>
      <c r="JHL646" s="613"/>
      <c r="JHM646" s="613"/>
      <c r="JHN646" s="613"/>
      <c r="JHO646" s="613"/>
      <c r="JHP646" s="613"/>
      <c r="JHQ646" s="613"/>
      <c r="JHR646" s="613"/>
      <c r="JHS646" s="613"/>
      <c r="JHT646" s="613"/>
      <c r="JHU646" s="613"/>
      <c r="JHV646" s="613"/>
      <c r="JHW646" s="613"/>
      <c r="JHX646" s="613"/>
      <c r="JHY646" s="613"/>
      <c r="JHZ646" s="613"/>
      <c r="JIA646" s="613"/>
      <c r="JIB646" s="613"/>
      <c r="JIC646" s="613"/>
      <c r="JID646" s="613"/>
      <c r="JIE646" s="613"/>
      <c r="JIF646" s="613"/>
      <c r="JIG646" s="613"/>
      <c r="JIH646" s="613"/>
      <c r="JII646" s="613"/>
      <c r="JIJ646" s="613"/>
      <c r="JIK646" s="613"/>
      <c r="JIL646" s="613"/>
      <c r="JIM646" s="613"/>
      <c r="JIN646" s="613"/>
      <c r="JIO646" s="613"/>
      <c r="JIP646" s="613"/>
      <c r="JIQ646" s="613"/>
      <c r="JIR646" s="613"/>
      <c r="JIS646" s="613"/>
      <c r="JIT646" s="613"/>
      <c r="JIU646" s="613"/>
      <c r="JIV646" s="613"/>
      <c r="JIW646" s="613"/>
      <c r="JIX646" s="613"/>
      <c r="JIY646" s="613"/>
      <c r="JIZ646" s="613"/>
      <c r="JJA646" s="613"/>
      <c r="JJB646" s="613"/>
      <c r="JJC646" s="613"/>
      <c r="JJD646" s="613"/>
      <c r="JJE646" s="613"/>
      <c r="JJF646" s="613"/>
      <c r="JJG646" s="613"/>
      <c r="JJH646" s="613"/>
      <c r="JJI646" s="613"/>
      <c r="JJJ646" s="613"/>
      <c r="JJK646" s="613"/>
      <c r="JJL646" s="613"/>
      <c r="JJM646" s="613"/>
      <c r="JJN646" s="613"/>
      <c r="JJO646" s="613"/>
      <c r="JJP646" s="613"/>
      <c r="JJQ646" s="613"/>
      <c r="JJR646" s="613"/>
      <c r="JJS646" s="613"/>
      <c r="JJT646" s="613"/>
      <c r="JJU646" s="613"/>
      <c r="JJV646" s="613"/>
      <c r="JJW646" s="613"/>
      <c r="JJX646" s="613"/>
      <c r="JJY646" s="613"/>
      <c r="JJZ646" s="613"/>
      <c r="JKA646" s="613"/>
      <c r="JKB646" s="613"/>
      <c r="JKC646" s="613"/>
      <c r="JKD646" s="613"/>
      <c r="JKE646" s="613"/>
      <c r="JKF646" s="613"/>
      <c r="JKG646" s="613"/>
      <c r="JKH646" s="613"/>
      <c r="JKI646" s="613"/>
      <c r="JKJ646" s="613"/>
      <c r="JKK646" s="613"/>
      <c r="JKL646" s="613"/>
      <c r="JKM646" s="613"/>
      <c r="JKN646" s="613"/>
      <c r="JKO646" s="613"/>
      <c r="JKP646" s="613"/>
      <c r="JKQ646" s="613"/>
      <c r="JKR646" s="613"/>
      <c r="JKS646" s="613"/>
      <c r="JKT646" s="613"/>
      <c r="JKU646" s="613"/>
      <c r="JKV646" s="613"/>
      <c r="JKW646" s="613"/>
      <c r="JKX646" s="613"/>
      <c r="JKY646" s="613"/>
      <c r="JKZ646" s="613"/>
      <c r="JLA646" s="613"/>
      <c r="JLB646" s="613"/>
      <c r="JLC646" s="613"/>
      <c r="JLD646" s="613"/>
      <c r="JLE646" s="613"/>
      <c r="JLF646" s="613"/>
      <c r="JLG646" s="613"/>
      <c r="JLH646" s="613"/>
      <c r="JLI646" s="613"/>
      <c r="JLJ646" s="613"/>
      <c r="JLK646" s="613"/>
      <c r="JLL646" s="613"/>
      <c r="JLM646" s="613"/>
      <c r="JLN646" s="613"/>
      <c r="JLO646" s="613"/>
      <c r="JLP646" s="613"/>
      <c r="JLQ646" s="613"/>
      <c r="JLR646" s="613"/>
      <c r="JLS646" s="613"/>
      <c r="JLT646" s="613"/>
      <c r="JLU646" s="613"/>
      <c r="JLV646" s="613"/>
      <c r="JLW646" s="613"/>
      <c r="JLX646" s="613"/>
      <c r="JLY646" s="613"/>
      <c r="JLZ646" s="613"/>
      <c r="JMA646" s="613"/>
      <c r="JMB646" s="613"/>
      <c r="JMC646" s="613"/>
      <c r="JMD646" s="613"/>
      <c r="JME646" s="613"/>
      <c r="JMF646" s="613"/>
      <c r="JMG646" s="613"/>
      <c r="JMH646" s="613"/>
      <c r="JMI646" s="613"/>
      <c r="JMJ646" s="613"/>
      <c r="JMK646" s="613"/>
      <c r="JML646" s="613"/>
      <c r="JMM646" s="613"/>
      <c r="JMN646" s="613"/>
      <c r="JMO646" s="613"/>
      <c r="JMP646" s="613"/>
      <c r="JMQ646" s="613"/>
      <c r="JMR646" s="613"/>
      <c r="JMS646" s="613"/>
      <c r="JMT646" s="613"/>
      <c r="JMU646" s="613"/>
      <c r="JMV646" s="613"/>
      <c r="JMW646" s="613"/>
      <c r="JMX646" s="613"/>
      <c r="JMY646" s="613"/>
      <c r="JMZ646" s="613"/>
      <c r="JNA646" s="613"/>
      <c r="JNB646" s="613"/>
      <c r="JNC646" s="613"/>
      <c r="JND646" s="613"/>
      <c r="JNE646" s="613"/>
      <c r="JNF646" s="613"/>
      <c r="JNG646" s="613"/>
      <c r="JNH646" s="613"/>
      <c r="JNI646" s="613"/>
      <c r="JNJ646" s="613"/>
      <c r="JNK646" s="613"/>
      <c r="JNL646" s="613"/>
      <c r="JNM646" s="613"/>
      <c r="JNN646" s="613"/>
      <c r="JNO646" s="613"/>
      <c r="JNP646" s="613"/>
      <c r="JNQ646" s="613"/>
      <c r="JNR646" s="613"/>
      <c r="JNS646" s="613"/>
      <c r="JNT646" s="613"/>
      <c r="JNU646" s="613"/>
      <c r="JNV646" s="613"/>
      <c r="JNW646" s="613"/>
      <c r="JNX646" s="613"/>
      <c r="JNY646" s="613"/>
      <c r="JNZ646" s="613"/>
      <c r="JOA646" s="613"/>
      <c r="JOB646" s="613"/>
      <c r="JOC646" s="613"/>
      <c r="JOD646" s="613"/>
      <c r="JOE646" s="613"/>
      <c r="JOF646" s="613"/>
      <c r="JOG646" s="613"/>
      <c r="JOH646" s="613"/>
      <c r="JOI646" s="613"/>
      <c r="JOJ646" s="613"/>
      <c r="JOK646" s="613"/>
      <c r="JOL646" s="613"/>
      <c r="JOM646" s="613"/>
      <c r="JON646" s="613"/>
      <c r="JOO646" s="613"/>
      <c r="JOP646" s="613"/>
      <c r="JOQ646" s="613"/>
      <c r="JOR646" s="613"/>
      <c r="JOS646" s="613"/>
      <c r="JOT646" s="613"/>
      <c r="JOU646" s="613"/>
      <c r="JOV646" s="613"/>
      <c r="JOW646" s="613"/>
      <c r="JOX646" s="613"/>
      <c r="JOY646" s="613"/>
      <c r="JOZ646" s="613"/>
      <c r="JPA646" s="613"/>
      <c r="JPB646" s="613"/>
      <c r="JPC646" s="613"/>
      <c r="JPD646" s="613"/>
      <c r="JPE646" s="613"/>
      <c r="JPF646" s="613"/>
      <c r="JPG646" s="613"/>
      <c r="JPH646" s="613"/>
      <c r="JPI646" s="613"/>
      <c r="JPJ646" s="613"/>
      <c r="JPK646" s="613"/>
      <c r="JPL646" s="613"/>
      <c r="JPM646" s="613"/>
      <c r="JPN646" s="613"/>
      <c r="JPO646" s="613"/>
      <c r="JPP646" s="613"/>
      <c r="JPQ646" s="613"/>
      <c r="JPR646" s="613"/>
      <c r="JPS646" s="613"/>
      <c r="JPT646" s="613"/>
      <c r="JPU646" s="613"/>
      <c r="JPV646" s="613"/>
      <c r="JPW646" s="613"/>
      <c r="JPX646" s="613"/>
      <c r="JPY646" s="613"/>
      <c r="JPZ646" s="613"/>
      <c r="JQA646" s="613"/>
      <c r="JQB646" s="613"/>
      <c r="JQC646" s="613"/>
      <c r="JQD646" s="613"/>
      <c r="JQE646" s="613"/>
      <c r="JQF646" s="613"/>
      <c r="JQG646" s="613"/>
      <c r="JQH646" s="613"/>
      <c r="JQI646" s="613"/>
      <c r="JQJ646" s="613"/>
      <c r="JQK646" s="613"/>
      <c r="JQL646" s="613"/>
      <c r="JQM646" s="613"/>
      <c r="JQN646" s="613"/>
      <c r="JQO646" s="613"/>
      <c r="JQP646" s="613"/>
      <c r="JQQ646" s="613"/>
      <c r="JQR646" s="613"/>
      <c r="JQS646" s="613"/>
      <c r="JQT646" s="613"/>
      <c r="JQU646" s="613"/>
      <c r="JQV646" s="613"/>
      <c r="JQW646" s="613"/>
      <c r="JQX646" s="613"/>
      <c r="JQY646" s="613"/>
      <c r="JQZ646" s="613"/>
      <c r="JRA646" s="613"/>
      <c r="JRB646" s="613"/>
      <c r="JRC646" s="613"/>
      <c r="JRD646" s="613"/>
      <c r="JRE646" s="613"/>
      <c r="JRF646" s="613"/>
      <c r="JRG646" s="613"/>
      <c r="JRH646" s="613"/>
      <c r="JRI646" s="613"/>
      <c r="JRJ646" s="613"/>
      <c r="JRK646" s="613"/>
      <c r="JRL646" s="613"/>
      <c r="JRM646" s="613"/>
      <c r="JRN646" s="613"/>
      <c r="JRO646" s="613"/>
      <c r="JRP646" s="613"/>
      <c r="JRQ646" s="613"/>
      <c r="JRR646" s="613"/>
      <c r="JRS646" s="613"/>
      <c r="JRT646" s="613"/>
      <c r="JRU646" s="613"/>
      <c r="JRV646" s="613"/>
      <c r="JRW646" s="613"/>
      <c r="JRX646" s="613"/>
      <c r="JRY646" s="613"/>
      <c r="JRZ646" s="613"/>
      <c r="JSA646" s="613"/>
      <c r="JSB646" s="613"/>
      <c r="JSC646" s="613"/>
      <c r="JSD646" s="613"/>
      <c r="JSE646" s="613"/>
      <c r="JSF646" s="613"/>
      <c r="JSG646" s="613"/>
      <c r="JSH646" s="613"/>
      <c r="JSI646" s="613"/>
      <c r="JSJ646" s="613"/>
      <c r="JSK646" s="613"/>
      <c r="JSL646" s="613"/>
      <c r="JSM646" s="613"/>
      <c r="JSN646" s="613"/>
      <c r="JSO646" s="613"/>
      <c r="JSP646" s="613"/>
      <c r="JSQ646" s="613"/>
      <c r="JSR646" s="613"/>
      <c r="JSS646" s="613"/>
      <c r="JST646" s="613"/>
      <c r="JSU646" s="613"/>
      <c r="JSV646" s="613"/>
      <c r="JSW646" s="613"/>
      <c r="JSX646" s="613"/>
      <c r="JSY646" s="613"/>
      <c r="JSZ646" s="613"/>
      <c r="JTA646" s="613"/>
      <c r="JTB646" s="613"/>
      <c r="JTC646" s="613"/>
      <c r="JTD646" s="613"/>
      <c r="JTE646" s="613"/>
      <c r="JTF646" s="613"/>
      <c r="JTG646" s="613"/>
      <c r="JTH646" s="613"/>
      <c r="JTI646" s="613"/>
      <c r="JTJ646" s="613"/>
      <c r="JTK646" s="613"/>
      <c r="JTL646" s="613"/>
      <c r="JTM646" s="613"/>
      <c r="JTN646" s="613"/>
      <c r="JTO646" s="613"/>
      <c r="JTP646" s="613"/>
      <c r="JTQ646" s="613"/>
      <c r="JTR646" s="613"/>
      <c r="JTS646" s="613"/>
      <c r="JTT646" s="613"/>
      <c r="JTU646" s="613"/>
      <c r="JTV646" s="613"/>
      <c r="JTW646" s="613"/>
      <c r="JTX646" s="613"/>
      <c r="JTY646" s="613"/>
      <c r="JTZ646" s="613"/>
      <c r="JUA646" s="613"/>
      <c r="JUB646" s="613"/>
      <c r="JUC646" s="613"/>
      <c r="JUD646" s="613"/>
      <c r="JUE646" s="613"/>
      <c r="JUF646" s="613"/>
      <c r="JUG646" s="613"/>
      <c r="JUH646" s="613"/>
      <c r="JUI646" s="613"/>
      <c r="JUJ646" s="613"/>
      <c r="JUK646" s="613"/>
      <c r="JUL646" s="613"/>
      <c r="JUM646" s="613"/>
      <c r="JUN646" s="613"/>
      <c r="JUO646" s="613"/>
      <c r="JUP646" s="613"/>
      <c r="JUQ646" s="613"/>
      <c r="JUR646" s="613"/>
      <c r="JUS646" s="613"/>
      <c r="JUT646" s="613"/>
      <c r="JUU646" s="613"/>
      <c r="JUV646" s="613"/>
      <c r="JUW646" s="613"/>
      <c r="JUX646" s="613"/>
      <c r="JUY646" s="613"/>
      <c r="JUZ646" s="613"/>
      <c r="JVA646" s="613"/>
      <c r="JVB646" s="613"/>
      <c r="JVC646" s="613"/>
      <c r="JVD646" s="613"/>
      <c r="JVE646" s="613"/>
      <c r="JVF646" s="613"/>
      <c r="JVG646" s="613"/>
      <c r="JVH646" s="613"/>
      <c r="JVI646" s="613"/>
      <c r="JVJ646" s="613"/>
      <c r="JVK646" s="613"/>
      <c r="JVL646" s="613"/>
      <c r="JVM646" s="613"/>
      <c r="JVN646" s="613"/>
      <c r="JVO646" s="613"/>
      <c r="JVP646" s="613"/>
      <c r="JVQ646" s="613"/>
      <c r="JVR646" s="613"/>
      <c r="JVS646" s="613"/>
      <c r="JVT646" s="613"/>
      <c r="JVU646" s="613"/>
      <c r="JVV646" s="613"/>
      <c r="JVW646" s="613"/>
      <c r="JVX646" s="613"/>
      <c r="JVY646" s="613"/>
      <c r="JVZ646" s="613"/>
      <c r="JWA646" s="613"/>
      <c r="JWB646" s="613"/>
      <c r="JWC646" s="613"/>
      <c r="JWD646" s="613"/>
      <c r="JWE646" s="613"/>
      <c r="JWF646" s="613"/>
      <c r="JWG646" s="613"/>
      <c r="JWH646" s="613"/>
      <c r="JWI646" s="613"/>
      <c r="JWJ646" s="613"/>
      <c r="JWK646" s="613"/>
      <c r="JWL646" s="613"/>
      <c r="JWM646" s="613"/>
      <c r="JWN646" s="613"/>
      <c r="JWO646" s="613"/>
      <c r="JWP646" s="613"/>
      <c r="JWQ646" s="613"/>
      <c r="JWR646" s="613"/>
      <c r="JWS646" s="613"/>
      <c r="JWT646" s="613"/>
      <c r="JWU646" s="613"/>
      <c r="JWV646" s="613"/>
      <c r="JWW646" s="613"/>
      <c r="JWX646" s="613"/>
      <c r="JWY646" s="613"/>
      <c r="JWZ646" s="613"/>
      <c r="JXA646" s="613"/>
      <c r="JXB646" s="613"/>
      <c r="JXC646" s="613"/>
      <c r="JXD646" s="613"/>
      <c r="JXE646" s="613"/>
      <c r="JXF646" s="613"/>
      <c r="JXG646" s="613"/>
      <c r="JXH646" s="613"/>
      <c r="JXI646" s="613"/>
      <c r="JXJ646" s="613"/>
      <c r="JXK646" s="613"/>
      <c r="JXL646" s="613"/>
      <c r="JXM646" s="613"/>
      <c r="JXN646" s="613"/>
      <c r="JXO646" s="613"/>
      <c r="JXP646" s="613"/>
      <c r="JXQ646" s="613"/>
      <c r="JXR646" s="613"/>
      <c r="JXS646" s="613"/>
      <c r="JXT646" s="613"/>
      <c r="JXU646" s="613"/>
      <c r="JXV646" s="613"/>
      <c r="JXW646" s="613"/>
      <c r="JXX646" s="613"/>
      <c r="JXY646" s="613"/>
      <c r="JXZ646" s="613"/>
      <c r="JYA646" s="613"/>
      <c r="JYB646" s="613"/>
      <c r="JYC646" s="613"/>
      <c r="JYD646" s="613"/>
      <c r="JYE646" s="613"/>
      <c r="JYF646" s="613"/>
      <c r="JYG646" s="613"/>
      <c r="JYH646" s="613"/>
      <c r="JYI646" s="613"/>
      <c r="JYJ646" s="613"/>
      <c r="JYK646" s="613"/>
      <c r="JYL646" s="613"/>
      <c r="JYM646" s="613"/>
      <c r="JYN646" s="613"/>
      <c r="JYO646" s="613"/>
      <c r="JYP646" s="613"/>
      <c r="JYQ646" s="613"/>
      <c r="JYR646" s="613"/>
      <c r="JYS646" s="613"/>
      <c r="JYT646" s="613"/>
      <c r="JYU646" s="613"/>
      <c r="JYV646" s="613"/>
      <c r="JYW646" s="613"/>
      <c r="JYX646" s="613"/>
      <c r="JYY646" s="613"/>
      <c r="JYZ646" s="613"/>
      <c r="JZA646" s="613"/>
      <c r="JZB646" s="613"/>
      <c r="JZC646" s="613"/>
      <c r="JZD646" s="613"/>
      <c r="JZE646" s="613"/>
      <c r="JZF646" s="613"/>
      <c r="JZG646" s="613"/>
      <c r="JZH646" s="613"/>
      <c r="JZI646" s="613"/>
      <c r="JZJ646" s="613"/>
      <c r="JZK646" s="613"/>
      <c r="JZL646" s="613"/>
      <c r="JZM646" s="613"/>
      <c r="JZN646" s="613"/>
      <c r="JZO646" s="613"/>
      <c r="JZP646" s="613"/>
      <c r="JZQ646" s="613"/>
      <c r="JZR646" s="613"/>
      <c r="JZS646" s="613"/>
      <c r="JZT646" s="613"/>
      <c r="JZU646" s="613"/>
      <c r="JZV646" s="613"/>
      <c r="JZW646" s="613"/>
      <c r="JZX646" s="613"/>
      <c r="JZY646" s="613"/>
      <c r="JZZ646" s="613"/>
      <c r="KAA646" s="613"/>
      <c r="KAB646" s="613"/>
      <c r="KAC646" s="613"/>
      <c r="KAD646" s="613"/>
      <c r="KAE646" s="613"/>
      <c r="KAF646" s="613"/>
      <c r="KAG646" s="613"/>
      <c r="KAH646" s="613"/>
      <c r="KAI646" s="613"/>
      <c r="KAJ646" s="613"/>
      <c r="KAK646" s="613"/>
      <c r="KAL646" s="613"/>
      <c r="KAM646" s="613"/>
      <c r="KAN646" s="613"/>
      <c r="KAO646" s="613"/>
      <c r="KAP646" s="613"/>
      <c r="KAQ646" s="613"/>
      <c r="KAR646" s="613"/>
      <c r="KAS646" s="613"/>
      <c r="KAT646" s="613"/>
      <c r="KAU646" s="613"/>
      <c r="KAV646" s="613"/>
      <c r="KAW646" s="613"/>
      <c r="KAX646" s="613"/>
      <c r="KAY646" s="613"/>
      <c r="KAZ646" s="613"/>
      <c r="KBA646" s="613"/>
      <c r="KBB646" s="613"/>
      <c r="KBC646" s="613"/>
      <c r="KBD646" s="613"/>
      <c r="KBE646" s="613"/>
      <c r="KBF646" s="613"/>
      <c r="KBG646" s="613"/>
      <c r="KBH646" s="613"/>
      <c r="KBI646" s="613"/>
      <c r="KBJ646" s="613"/>
      <c r="KBK646" s="613"/>
      <c r="KBL646" s="613"/>
      <c r="KBM646" s="613"/>
      <c r="KBN646" s="613"/>
      <c r="KBO646" s="613"/>
      <c r="KBP646" s="613"/>
      <c r="KBQ646" s="613"/>
      <c r="KBR646" s="613"/>
      <c r="KBS646" s="613"/>
      <c r="KBT646" s="613"/>
      <c r="KBU646" s="613"/>
      <c r="KBV646" s="613"/>
      <c r="KBW646" s="613"/>
      <c r="KBX646" s="613"/>
      <c r="KBY646" s="613"/>
      <c r="KBZ646" s="613"/>
      <c r="KCA646" s="613"/>
      <c r="KCB646" s="613"/>
      <c r="KCC646" s="613"/>
      <c r="KCD646" s="613"/>
      <c r="KCE646" s="613"/>
      <c r="KCF646" s="613"/>
      <c r="KCG646" s="613"/>
      <c r="KCH646" s="613"/>
      <c r="KCI646" s="613"/>
      <c r="KCJ646" s="613"/>
      <c r="KCK646" s="613"/>
      <c r="KCL646" s="613"/>
      <c r="KCM646" s="613"/>
      <c r="KCN646" s="613"/>
      <c r="KCO646" s="613"/>
      <c r="KCP646" s="613"/>
      <c r="KCQ646" s="613"/>
      <c r="KCR646" s="613"/>
      <c r="KCS646" s="613"/>
      <c r="KCT646" s="613"/>
      <c r="KCU646" s="613"/>
      <c r="KCV646" s="613"/>
      <c r="KCW646" s="613"/>
      <c r="KCX646" s="613"/>
      <c r="KCY646" s="613"/>
      <c r="KCZ646" s="613"/>
      <c r="KDA646" s="613"/>
      <c r="KDB646" s="613"/>
      <c r="KDC646" s="613"/>
      <c r="KDD646" s="613"/>
      <c r="KDE646" s="613"/>
      <c r="KDF646" s="613"/>
      <c r="KDG646" s="613"/>
      <c r="KDH646" s="613"/>
      <c r="KDI646" s="613"/>
      <c r="KDJ646" s="613"/>
      <c r="KDK646" s="613"/>
      <c r="KDL646" s="613"/>
      <c r="KDM646" s="613"/>
      <c r="KDN646" s="613"/>
      <c r="KDO646" s="613"/>
      <c r="KDP646" s="613"/>
      <c r="KDQ646" s="613"/>
      <c r="KDR646" s="613"/>
      <c r="KDS646" s="613"/>
      <c r="KDT646" s="613"/>
      <c r="KDU646" s="613"/>
      <c r="KDV646" s="613"/>
      <c r="KDW646" s="613"/>
      <c r="KDX646" s="613"/>
      <c r="KDY646" s="613"/>
      <c r="KDZ646" s="613"/>
      <c r="KEA646" s="613"/>
      <c r="KEB646" s="613"/>
      <c r="KEC646" s="613"/>
      <c r="KED646" s="613"/>
      <c r="KEE646" s="613"/>
      <c r="KEF646" s="613"/>
      <c r="KEG646" s="613"/>
      <c r="KEH646" s="613"/>
      <c r="KEI646" s="613"/>
      <c r="KEJ646" s="613"/>
      <c r="KEK646" s="613"/>
      <c r="KEL646" s="613"/>
      <c r="KEM646" s="613"/>
      <c r="KEN646" s="613"/>
      <c r="KEO646" s="613"/>
      <c r="KEP646" s="613"/>
      <c r="KEQ646" s="613"/>
      <c r="KER646" s="613"/>
      <c r="KES646" s="613"/>
      <c r="KET646" s="613"/>
      <c r="KEU646" s="613"/>
      <c r="KEV646" s="613"/>
      <c r="KEW646" s="613"/>
      <c r="KEX646" s="613"/>
      <c r="KEY646" s="613"/>
      <c r="KEZ646" s="613"/>
      <c r="KFA646" s="613"/>
      <c r="KFB646" s="613"/>
      <c r="KFC646" s="613"/>
      <c r="KFD646" s="613"/>
      <c r="KFE646" s="613"/>
      <c r="KFF646" s="613"/>
      <c r="KFG646" s="613"/>
      <c r="KFH646" s="613"/>
      <c r="KFI646" s="613"/>
      <c r="KFJ646" s="613"/>
      <c r="KFK646" s="613"/>
      <c r="KFL646" s="613"/>
      <c r="KFM646" s="613"/>
      <c r="KFN646" s="613"/>
      <c r="KFO646" s="613"/>
      <c r="KFP646" s="613"/>
      <c r="KFQ646" s="613"/>
      <c r="KFR646" s="613"/>
      <c r="KFS646" s="613"/>
      <c r="KFT646" s="613"/>
      <c r="KFU646" s="613"/>
      <c r="KFV646" s="613"/>
      <c r="KFW646" s="613"/>
      <c r="KFX646" s="613"/>
      <c r="KFY646" s="613"/>
      <c r="KFZ646" s="613"/>
      <c r="KGA646" s="613"/>
      <c r="KGB646" s="613"/>
      <c r="KGC646" s="613"/>
      <c r="KGD646" s="613"/>
      <c r="KGE646" s="613"/>
      <c r="KGF646" s="613"/>
      <c r="KGG646" s="613"/>
      <c r="KGH646" s="613"/>
      <c r="KGI646" s="613"/>
      <c r="KGJ646" s="613"/>
      <c r="KGK646" s="613"/>
      <c r="KGL646" s="613"/>
      <c r="KGM646" s="613"/>
      <c r="KGN646" s="613"/>
      <c r="KGO646" s="613"/>
      <c r="KGP646" s="613"/>
      <c r="KGQ646" s="613"/>
      <c r="KGR646" s="613"/>
      <c r="KGS646" s="613"/>
      <c r="KGT646" s="613"/>
      <c r="KGU646" s="613"/>
      <c r="KGV646" s="613"/>
      <c r="KGW646" s="613"/>
      <c r="KGX646" s="613"/>
      <c r="KGY646" s="613"/>
      <c r="KGZ646" s="613"/>
      <c r="KHA646" s="613"/>
      <c r="KHB646" s="613"/>
      <c r="KHC646" s="613"/>
      <c r="KHD646" s="613"/>
      <c r="KHE646" s="613"/>
      <c r="KHF646" s="613"/>
      <c r="KHG646" s="613"/>
      <c r="KHH646" s="613"/>
      <c r="KHI646" s="613"/>
      <c r="KHJ646" s="613"/>
      <c r="KHK646" s="613"/>
      <c r="KHL646" s="613"/>
      <c r="KHM646" s="613"/>
      <c r="KHN646" s="613"/>
      <c r="KHO646" s="613"/>
      <c r="KHP646" s="613"/>
      <c r="KHQ646" s="613"/>
      <c r="KHR646" s="613"/>
      <c r="KHS646" s="613"/>
      <c r="KHT646" s="613"/>
      <c r="KHU646" s="613"/>
      <c r="KHV646" s="613"/>
      <c r="KHW646" s="613"/>
      <c r="KHX646" s="613"/>
      <c r="KHY646" s="613"/>
      <c r="KHZ646" s="613"/>
      <c r="KIA646" s="613"/>
      <c r="KIB646" s="613"/>
      <c r="KIC646" s="613"/>
      <c r="KID646" s="613"/>
      <c r="KIE646" s="613"/>
      <c r="KIF646" s="613"/>
      <c r="KIG646" s="613"/>
      <c r="KIH646" s="613"/>
      <c r="KII646" s="613"/>
      <c r="KIJ646" s="613"/>
      <c r="KIK646" s="613"/>
      <c r="KIL646" s="613"/>
      <c r="KIM646" s="613"/>
      <c r="KIN646" s="613"/>
      <c r="KIO646" s="613"/>
      <c r="KIP646" s="613"/>
      <c r="KIQ646" s="613"/>
      <c r="KIR646" s="613"/>
      <c r="KIS646" s="613"/>
      <c r="KIT646" s="613"/>
      <c r="KIU646" s="613"/>
      <c r="KIV646" s="613"/>
      <c r="KIW646" s="613"/>
      <c r="KIX646" s="613"/>
      <c r="KIY646" s="613"/>
      <c r="KIZ646" s="613"/>
      <c r="KJA646" s="613"/>
      <c r="KJB646" s="613"/>
      <c r="KJC646" s="613"/>
      <c r="KJD646" s="613"/>
      <c r="KJE646" s="613"/>
      <c r="KJF646" s="613"/>
      <c r="KJG646" s="613"/>
      <c r="KJH646" s="613"/>
      <c r="KJI646" s="613"/>
      <c r="KJJ646" s="613"/>
      <c r="KJK646" s="613"/>
      <c r="KJL646" s="613"/>
      <c r="KJM646" s="613"/>
      <c r="KJN646" s="613"/>
      <c r="KJO646" s="613"/>
      <c r="KJP646" s="613"/>
      <c r="KJQ646" s="613"/>
      <c r="KJR646" s="613"/>
      <c r="KJS646" s="613"/>
      <c r="KJT646" s="613"/>
      <c r="KJU646" s="613"/>
      <c r="KJV646" s="613"/>
      <c r="KJW646" s="613"/>
      <c r="KJX646" s="613"/>
      <c r="KJY646" s="613"/>
      <c r="KJZ646" s="613"/>
      <c r="KKA646" s="613"/>
      <c r="KKB646" s="613"/>
      <c r="KKC646" s="613"/>
      <c r="KKD646" s="613"/>
      <c r="KKE646" s="613"/>
      <c r="KKF646" s="613"/>
      <c r="KKG646" s="613"/>
      <c r="KKH646" s="613"/>
      <c r="KKI646" s="613"/>
      <c r="KKJ646" s="613"/>
      <c r="KKK646" s="613"/>
      <c r="KKL646" s="613"/>
      <c r="KKM646" s="613"/>
      <c r="KKN646" s="613"/>
      <c r="KKO646" s="613"/>
      <c r="KKP646" s="613"/>
      <c r="KKQ646" s="613"/>
      <c r="KKR646" s="613"/>
      <c r="KKS646" s="613"/>
      <c r="KKT646" s="613"/>
      <c r="KKU646" s="613"/>
      <c r="KKV646" s="613"/>
      <c r="KKW646" s="613"/>
      <c r="KKX646" s="613"/>
      <c r="KKY646" s="613"/>
      <c r="KKZ646" s="613"/>
      <c r="KLA646" s="613"/>
      <c r="KLB646" s="613"/>
      <c r="KLC646" s="613"/>
      <c r="KLD646" s="613"/>
      <c r="KLE646" s="613"/>
      <c r="KLF646" s="613"/>
      <c r="KLG646" s="613"/>
      <c r="KLH646" s="613"/>
      <c r="KLI646" s="613"/>
      <c r="KLJ646" s="613"/>
      <c r="KLK646" s="613"/>
      <c r="KLL646" s="613"/>
      <c r="KLM646" s="613"/>
      <c r="KLN646" s="613"/>
      <c r="KLO646" s="613"/>
      <c r="KLP646" s="613"/>
      <c r="KLQ646" s="613"/>
      <c r="KLR646" s="613"/>
      <c r="KLS646" s="613"/>
      <c r="KLT646" s="613"/>
      <c r="KLU646" s="613"/>
      <c r="KLV646" s="613"/>
      <c r="KLW646" s="613"/>
      <c r="KLX646" s="613"/>
      <c r="KLY646" s="613"/>
      <c r="KLZ646" s="613"/>
      <c r="KMA646" s="613"/>
      <c r="KMB646" s="613"/>
      <c r="KMC646" s="613"/>
      <c r="KMD646" s="613"/>
      <c r="KME646" s="613"/>
      <c r="KMF646" s="613"/>
      <c r="KMG646" s="613"/>
      <c r="KMH646" s="613"/>
      <c r="KMI646" s="613"/>
      <c r="KMJ646" s="613"/>
      <c r="KMK646" s="613"/>
      <c r="KML646" s="613"/>
      <c r="KMM646" s="613"/>
      <c r="KMN646" s="613"/>
      <c r="KMO646" s="613"/>
      <c r="KMP646" s="613"/>
      <c r="KMQ646" s="613"/>
      <c r="KMR646" s="613"/>
      <c r="KMS646" s="613"/>
      <c r="KMT646" s="613"/>
      <c r="KMU646" s="613"/>
      <c r="KMV646" s="613"/>
      <c r="KMW646" s="613"/>
      <c r="KMX646" s="613"/>
      <c r="KMY646" s="613"/>
      <c r="KMZ646" s="613"/>
      <c r="KNA646" s="613"/>
      <c r="KNB646" s="613"/>
      <c r="KNC646" s="613"/>
      <c r="KND646" s="613"/>
      <c r="KNE646" s="613"/>
      <c r="KNF646" s="613"/>
      <c r="KNG646" s="613"/>
      <c r="KNH646" s="613"/>
      <c r="KNI646" s="613"/>
      <c r="KNJ646" s="613"/>
      <c r="KNK646" s="613"/>
      <c r="KNL646" s="613"/>
      <c r="KNM646" s="613"/>
      <c r="KNN646" s="613"/>
      <c r="KNO646" s="613"/>
      <c r="KNP646" s="613"/>
      <c r="KNQ646" s="613"/>
      <c r="KNR646" s="613"/>
      <c r="KNS646" s="613"/>
      <c r="KNT646" s="613"/>
      <c r="KNU646" s="613"/>
      <c r="KNV646" s="613"/>
      <c r="KNW646" s="613"/>
      <c r="KNX646" s="613"/>
      <c r="KNY646" s="613"/>
      <c r="KNZ646" s="613"/>
      <c r="KOA646" s="613"/>
      <c r="KOB646" s="613"/>
      <c r="KOC646" s="613"/>
      <c r="KOD646" s="613"/>
      <c r="KOE646" s="613"/>
      <c r="KOF646" s="613"/>
      <c r="KOG646" s="613"/>
      <c r="KOH646" s="613"/>
      <c r="KOI646" s="613"/>
      <c r="KOJ646" s="613"/>
      <c r="KOK646" s="613"/>
      <c r="KOL646" s="613"/>
      <c r="KOM646" s="613"/>
      <c r="KON646" s="613"/>
      <c r="KOO646" s="613"/>
      <c r="KOP646" s="613"/>
      <c r="KOQ646" s="613"/>
      <c r="KOR646" s="613"/>
      <c r="KOS646" s="613"/>
      <c r="KOT646" s="613"/>
      <c r="KOU646" s="613"/>
      <c r="KOV646" s="613"/>
      <c r="KOW646" s="613"/>
      <c r="KOX646" s="613"/>
      <c r="KOY646" s="613"/>
      <c r="KOZ646" s="613"/>
      <c r="KPA646" s="613"/>
      <c r="KPB646" s="613"/>
      <c r="KPC646" s="613"/>
      <c r="KPD646" s="613"/>
      <c r="KPE646" s="613"/>
      <c r="KPF646" s="613"/>
      <c r="KPG646" s="613"/>
      <c r="KPH646" s="613"/>
      <c r="KPI646" s="613"/>
      <c r="KPJ646" s="613"/>
      <c r="KPK646" s="613"/>
      <c r="KPL646" s="613"/>
      <c r="KPM646" s="613"/>
      <c r="KPN646" s="613"/>
      <c r="KPO646" s="613"/>
      <c r="KPP646" s="613"/>
      <c r="KPQ646" s="613"/>
      <c r="KPR646" s="613"/>
      <c r="KPS646" s="613"/>
      <c r="KPT646" s="613"/>
      <c r="KPU646" s="613"/>
      <c r="KPV646" s="613"/>
      <c r="KPW646" s="613"/>
      <c r="KPX646" s="613"/>
      <c r="KPY646" s="613"/>
      <c r="KPZ646" s="613"/>
      <c r="KQA646" s="613"/>
      <c r="KQB646" s="613"/>
      <c r="KQC646" s="613"/>
      <c r="KQD646" s="613"/>
      <c r="KQE646" s="613"/>
      <c r="KQF646" s="613"/>
      <c r="KQG646" s="613"/>
      <c r="KQH646" s="613"/>
      <c r="KQI646" s="613"/>
      <c r="KQJ646" s="613"/>
      <c r="KQK646" s="613"/>
      <c r="KQL646" s="613"/>
      <c r="KQM646" s="613"/>
      <c r="KQN646" s="613"/>
      <c r="KQO646" s="613"/>
      <c r="KQP646" s="613"/>
      <c r="KQQ646" s="613"/>
      <c r="KQR646" s="613"/>
      <c r="KQS646" s="613"/>
      <c r="KQT646" s="613"/>
      <c r="KQU646" s="613"/>
      <c r="KQV646" s="613"/>
      <c r="KQW646" s="613"/>
      <c r="KQX646" s="613"/>
      <c r="KQY646" s="613"/>
      <c r="KQZ646" s="613"/>
      <c r="KRA646" s="613"/>
      <c r="KRB646" s="613"/>
      <c r="KRC646" s="613"/>
      <c r="KRD646" s="613"/>
      <c r="KRE646" s="613"/>
      <c r="KRF646" s="613"/>
      <c r="KRG646" s="613"/>
      <c r="KRH646" s="613"/>
      <c r="KRI646" s="613"/>
      <c r="KRJ646" s="613"/>
      <c r="KRK646" s="613"/>
      <c r="KRL646" s="613"/>
      <c r="KRM646" s="613"/>
      <c r="KRN646" s="613"/>
      <c r="KRO646" s="613"/>
      <c r="KRP646" s="613"/>
      <c r="KRQ646" s="613"/>
      <c r="KRR646" s="613"/>
      <c r="KRS646" s="613"/>
      <c r="KRT646" s="613"/>
      <c r="KRU646" s="613"/>
      <c r="KRV646" s="613"/>
      <c r="KRW646" s="613"/>
      <c r="KRX646" s="613"/>
      <c r="KRY646" s="613"/>
      <c r="KRZ646" s="613"/>
      <c r="KSA646" s="613"/>
      <c r="KSB646" s="613"/>
      <c r="KSC646" s="613"/>
      <c r="KSD646" s="613"/>
      <c r="KSE646" s="613"/>
      <c r="KSF646" s="613"/>
      <c r="KSG646" s="613"/>
      <c r="KSH646" s="613"/>
      <c r="KSI646" s="613"/>
      <c r="KSJ646" s="613"/>
      <c r="KSK646" s="613"/>
      <c r="KSL646" s="613"/>
      <c r="KSM646" s="613"/>
      <c r="KSN646" s="613"/>
      <c r="KSO646" s="613"/>
      <c r="KSP646" s="613"/>
      <c r="KSQ646" s="613"/>
      <c r="KSR646" s="613"/>
      <c r="KSS646" s="613"/>
      <c r="KST646" s="613"/>
      <c r="KSU646" s="613"/>
      <c r="KSV646" s="613"/>
      <c r="KSW646" s="613"/>
      <c r="KSX646" s="613"/>
      <c r="KSY646" s="613"/>
      <c r="KSZ646" s="613"/>
      <c r="KTA646" s="613"/>
      <c r="KTB646" s="613"/>
      <c r="KTC646" s="613"/>
      <c r="KTD646" s="613"/>
      <c r="KTE646" s="613"/>
      <c r="KTF646" s="613"/>
      <c r="KTG646" s="613"/>
      <c r="KTH646" s="613"/>
      <c r="KTI646" s="613"/>
      <c r="KTJ646" s="613"/>
      <c r="KTK646" s="613"/>
      <c r="KTL646" s="613"/>
      <c r="KTM646" s="613"/>
      <c r="KTN646" s="613"/>
      <c r="KTO646" s="613"/>
      <c r="KTP646" s="613"/>
      <c r="KTQ646" s="613"/>
      <c r="KTR646" s="613"/>
      <c r="KTS646" s="613"/>
      <c r="KTT646" s="613"/>
      <c r="KTU646" s="613"/>
      <c r="KTV646" s="613"/>
      <c r="KTW646" s="613"/>
      <c r="KTX646" s="613"/>
      <c r="KTY646" s="613"/>
      <c r="KTZ646" s="613"/>
      <c r="KUA646" s="613"/>
      <c r="KUB646" s="613"/>
      <c r="KUC646" s="613"/>
      <c r="KUD646" s="613"/>
      <c r="KUE646" s="613"/>
      <c r="KUF646" s="613"/>
      <c r="KUG646" s="613"/>
      <c r="KUH646" s="613"/>
      <c r="KUI646" s="613"/>
      <c r="KUJ646" s="613"/>
      <c r="KUK646" s="613"/>
      <c r="KUL646" s="613"/>
      <c r="KUM646" s="613"/>
      <c r="KUN646" s="613"/>
      <c r="KUO646" s="613"/>
      <c r="KUP646" s="613"/>
      <c r="KUQ646" s="613"/>
      <c r="KUR646" s="613"/>
      <c r="KUS646" s="613"/>
      <c r="KUT646" s="613"/>
      <c r="KUU646" s="613"/>
      <c r="KUV646" s="613"/>
      <c r="KUW646" s="613"/>
      <c r="KUX646" s="613"/>
      <c r="KUY646" s="613"/>
      <c r="KUZ646" s="613"/>
      <c r="KVA646" s="613"/>
      <c r="KVB646" s="613"/>
      <c r="KVC646" s="613"/>
      <c r="KVD646" s="613"/>
      <c r="KVE646" s="613"/>
      <c r="KVF646" s="613"/>
      <c r="KVG646" s="613"/>
      <c r="KVH646" s="613"/>
      <c r="KVI646" s="613"/>
      <c r="KVJ646" s="613"/>
      <c r="KVK646" s="613"/>
      <c r="KVL646" s="613"/>
      <c r="KVM646" s="613"/>
      <c r="KVN646" s="613"/>
      <c r="KVO646" s="613"/>
      <c r="KVP646" s="613"/>
      <c r="KVQ646" s="613"/>
      <c r="KVR646" s="613"/>
      <c r="KVS646" s="613"/>
      <c r="KVT646" s="613"/>
      <c r="KVU646" s="613"/>
      <c r="KVV646" s="613"/>
      <c r="KVW646" s="613"/>
      <c r="KVX646" s="613"/>
      <c r="KVY646" s="613"/>
      <c r="KVZ646" s="613"/>
      <c r="KWA646" s="613"/>
      <c r="KWB646" s="613"/>
      <c r="KWC646" s="613"/>
      <c r="KWD646" s="613"/>
      <c r="KWE646" s="613"/>
      <c r="KWF646" s="613"/>
      <c r="KWG646" s="613"/>
      <c r="KWH646" s="613"/>
      <c r="KWI646" s="613"/>
      <c r="KWJ646" s="613"/>
      <c r="KWK646" s="613"/>
      <c r="KWL646" s="613"/>
      <c r="KWM646" s="613"/>
      <c r="KWN646" s="613"/>
      <c r="KWO646" s="613"/>
      <c r="KWP646" s="613"/>
      <c r="KWQ646" s="613"/>
      <c r="KWR646" s="613"/>
      <c r="KWS646" s="613"/>
      <c r="KWT646" s="613"/>
      <c r="KWU646" s="613"/>
      <c r="KWV646" s="613"/>
      <c r="KWW646" s="613"/>
      <c r="KWX646" s="613"/>
      <c r="KWY646" s="613"/>
      <c r="KWZ646" s="613"/>
      <c r="KXA646" s="613"/>
      <c r="KXB646" s="613"/>
      <c r="KXC646" s="613"/>
      <c r="KXD646" s="613"/>
      <c r="KXE646" s="613"/>
      <c r="KXF646" s="613"/>
      <c r="KXG646" s="613"/>
      <c r="KXH646" s="613"/>
      <c r="KXI646" s="613"/>
      <c r="KXJ646" s="613"/>
      <c r="KXK646" s="613"/>
      <c r="KXL646" s="613"/>
      <c r="KXM646" s="613"/>
      <c r="KXN646" s="613"/>
      <c r="KXO646" s="613"/>
      <c r="KXP646" s="613"/>
      <c r="KXQ646" s="613"/>
      <c r="KXR646" s="613"/>
      <c r="KXS646" s="613"/>
      <c r="KXT646" s="613"/>
      <c r="KXU646" s="613"/>
      <c r="KXV646" s="613"/>
      <c r="KXW646" s="613"/>
      <c r="KXX646" s="613"/>
      <c r="KXY646" s="613"/>
      <c r="KXZ646" s="613"/>
      <c r="KYA646" s="613"/>
      <c r="KYB646" s="613"/>
      <c r="KYC646" s="613"/>
      <c r="KYD646" s="613"/>
      <c r="KYE646" s="613"/>
      <c r="KYF646" s="613"/>
      <c r="KYG646" s="613"/>
      <c r="KYH646" s="613"/>
      <c r="KYI646" s="613"/>
      <c r="KYJ646" s="613"/>
      <c r="KYK646" s="613"/>
      <c r="KYL646" s="613"/>
      <c r="KYM646" s="613"/>
      <c r="KYN646" s="613"/>
      <c r="KYO646" s="613"/>
      <c r="KYP646" s="613"/>
      <c r="KYQ646" s="613"/>
      <c r="KYR646" s="613"/>
      <c r="KYS646" s="613"/>
      <c r="KYT646" s="613"/>
      <c r="KYU646" s="613"/>
      <c r="KYV646" s="613"/>
      <c r="KYW646" s="613"/>
      <c r="KYX646" s="613"/>
      <c r="KYY646" s="613"/>
      <c r="KYZ646" s="613"/>
      <c r="KZA646" s="613"/>
      <c r="KZB646" s="613"/>
      <c r="KZC646" s="613"/>
      <c r="KZD646" s="613"/>
      <c r="KZE646" s="613"/>
      <c r="KZF646" s="613"/>
      <c r="KZG646" s="613"/>
      <c r="KZH646" s="613"/>
      <c r="KZI646" s="613"/>
      <c r="KZJ646" s="613"/>
      <c r="KZK646" s="613"/>
      <c r="KZL646" s="613"/>
      <c r="KZM646" s="613"/>
      <c r="KZN646" s="613"/>
      <c r="KZO646" s="613"/>
      <c r="KZP646" s="613"/>
      <c r="KZQ646" s="613"/>
      <c r="KZR646" s="613"/>
      <c r="KZS646" s="613"/>
      <c r="KZT646" s="613"/>
      <c r="KZU646" s="613"/>
      <c r="KZV646" s="613"/>
      <c r="KZW646" s="613"/>
      <c r="KZX646" s="613"/>
      <c r="KZY646" s="613"/>
      <c r="KZZ646" s="613"/>
      <c r="LAA646" s="613"/>
      <c r="LAB646" s="613"/>
      <c r="LAC646" s="613"/>
      <c r="LAD646" s="613"/>
      <c r="LAE646" s="613"/>
      <c r="LAF646" s="613"/>
      <c r="LAG646" s="613"/>
      <c r="LAH646" s="613"/>
      <c r="LAI646" s="613"/>
      <c r="LAJ646" s="613"/>
      <c r="LAK646" s="613"/>
      <c r="LAL646" s="613"/>
      <c r="LAM646" s="613"/>
      <c r="LAN646" s="613"/>
      <c r="LAO646" s="613"/>
      <c r="LAP646" s="613"/>
      <c r="LAQ646" s="613"/>
      <c r="LAR646" s="613"/>
      <c r="LAS646" s="613"/>
      <c r="LAT646" s="613"/>
      <c r="LAU646" s="613"/>
      <c r="LAV646" s="613"/>
      <c r="LAW646" s="613"/>
      <c r="LAX646" s="613"/>
      <c r="LAY646" s="613"/>
      <c r="LAZ646" s="613"/>
      <c r="LBA646" s="613"/>
      <c r="LBB646" s="613"/>
      <c r="LBC646" s="613"/>
      <c r="LBD646" s="613"/>
      <c r="LBE646" s="613"/>
      <c r="LBF646" s="613"/>
      <c r="LBG646" s="613"/>
      <c r="LBH646" s="613"/>
      <c r="LBI646" s="613"/>
      <c r="LBJ646" s="613"/>
      <c r="LBK646" s="613"/>
      <c r="LBL646" s="613"/>
      <c r="LBM646" s="613"/>
      <c r="LBN646" s="613"/>
      <c r="LBO646" s="613"/>
      <c r="LBP646" s="613"/>
      <c r="LBQ646" s="613"/>
      <c r="LBR646" s="613"/>
      <c r="LBS646" s="613"/>
      <c r="LBT646" s="613"/>
      <c r="LBU646" s="613"/>
      <c r="LBV646" s="613"/>
      <c r="LBW646" s="613"/>
      <c r="LBX646" s="613"/>
      <c r="LBY646" s="613"/>
      <c r="LBZ646" s="613"/>
      <c r="LCA646" s="613"/>
      <c r="LCB646" s="613"/>
      <c r="LCC646" s="613"/>
      <c r="LCD646" s="613"/>
      <c r="LCE646" s="613"/>
      <c r="LCF646" s="613"/>
      <c r="LCG646" s="613"/>
      <c r="LCH646" s="613"/>
      <c r="LCI646" s="613"/>
      <c r="LCJ646" s="613"/>
      <c r="LCK646" s="613"/>
      <c r="LCL646" s="613"/>
      <c r="LCM646" s="613"/>
      <c r="LCN646" s="613"/>
      <c r="LCO646" s="613"/>
      <c r="LCP646" s="613"/>
      <c r="LCQ646" s="613"/>
      <c r="LCR646" s="613"/>
      <c r="LCS646" s="613"/>
      <c r="LCT646" s="613"/>
      <c r="LCU646" s="613"/>
      <c r="LCV646" s="613"/>
      <c r="LCW646" s="613"/>
      <c r="LCX646" s="613"/>
      <c r="LCY646" s="613"/>
      <c r="LCZ646" s="613"/>
      <c r="LDA646" s="613"/>
      <c r="LDB646" s="613"/>
      <c r="LDC646" s="613"/>
      <c r="LDD646" s="613"/>
      <c r="LDE646" s="613"/>
      <c r="LDF646" s="613"/>
      <c r="LDG646" s="613"/>
      <c r="LDH646" s="613"/>
      <c r="LDI646" s="613"/>
      <c r="LDJ646" s="613"/>
      <c r="LDK646" s="613"/>
      <c r="LDL646" s="613"/>
      <c r="LDM646" s="613"/>
      <c r="LDN646" s="613"/>
      <c r="LDO646" s="613"/>
      <c r="LDP646" s="613"/>
      <c r="LDQ646" s="613"/>
      <c r="LDR646" s="613"/>
      <c r="LDS646" s="613"/>
      <c r="LDT646" s="613"/>
      <c r="LDU646" s="613"/>
      <c r="LDV646" s="613"/>
      <c r="LDW646" s="613"/>
      <c r="LDX646" s="613"/>
      <c r="LDY646" s="613"/>
      <c r="LDZ646" s="613"/>
      <c r="LEA646" s="613"/>
      <c r="LEB646" s="613"/>
      <c r="LEC646" s="613"/>
      <c r="LED646" s="613"/>
      <c r="LEE646" s="613"/>
      <c r="LEF646" s="613"/>
      <c r="LEG646" s="613"/>
      <c r="LEH646" s="613"/>
      <c r="LEI646" s="613"/>
      <c r="LEJ646" s="613"/>
      <c r="LEK646" s="613"/>
      <c r="LEL646" s="613"/>
      <c r="LEM646" s="613"/>
      <c r="LEN646" s="613"/>
      <c r="LEO646" s="613"/>
      <c r="LEP646" s="613"/>
      <c r="LEQ646" s="613"/>
      <c r="LER646" s="613"/>
      <c r="LES646" s="613"/>
      <c r="LET646" s="613"/>
      <c r="LEU646" s="613"/>
      <c r="LEV646" s="613"/>
      <c r="LEW646" s="613"/>
      <c r="LEX646" s="613"/>
      <c r="LEY646" s="613"/>
      <c r="LEZ646" s="613"/>
      <c r="LFA646" s="613"/>
      <c r="LFB646" s="613"/>
      <c r="LFC646" s="613"/>
      <c r="LFD646" s="613"/>
      <c r="LFE646" s="613"/>
      <c r="LFF646" s="613"/>
      <c r="LFG646" s="613"/>
      <c r="LFH646" s="613"/>
      <c r="LFI646" s="613"/>
      <c r="LFJ646" s="613"/>
      <c r="LFK646" s="613"/>
      <c r="LFL646" s="613"/>
      <c r="LFM646" s="613"/>
      <c r="LFN646" s="613"/>
      <c r="LFO646" s="613"/>
      <c r="LFP646" s="613"/>
      <c r="LFQ646" s="613"/>
      <c r="LFR646" s="613"/>
      <c r="LFS646" s="613"/>
      <c r="LFT646" s="613"/>
      <c r="LFU646" s="613"/>
      <c r="LFV646" s="613"/>
      <c r="LFW646" s="613"/>
      <c r="LFX646" s="613"/>
      <c r="LFY646" s="613"/>
      <c r="LFZ646" s="613"/>
      <c r="LGA646" s="613"/>
      <c r="LGB646" s="613"/>
      <c r="LGC646" s="613"/>
      <c r="LGD646" s="613"/>
      <c r="LGE646" s="613"/>
      <c r="LGF646" s="613"/>
      <c r="LGG646" s="613"/>
      <c r="LGH646" s="613"/>
      <c r="LGI646" s="613"/>
      <c r="LGJ646" s="613"/>
      <c r="LGK646" s="613"/>
      <c r="LGL646" s="613"/>
      <c r="LGM646" s="613"/>
      <c r="LGN646" s="613"/>
      <c r="LGO646" s="613"/>
      <c r="LGP646" s="613"/>
      <c r="LGQ646" s="613"/>
      <c r="LGR646" s="613"/>
      <c r="LGS646" s="613"/>
      <c r="LGT646" s="613"/>
      <c r="LGU646" s="613"/>
      <c r="LGV646" s="613"/>
      <c r="LGW646" s="613"/>
      <c r="LGX646" s="613"/>
      <c r="LGY646" s="613"/>
      <c r="LGZ646" s="613"/>
      <c r="LHA646" s="613"/>
      <c r="LHB646" s="613"/>
      <c r="LHC646" s="613"/>
      <c r="LHD646" s="613"/>
      <c r="LHE646" s="613"/>
      <c r="LHF646" s="613"/>
      <c r="LHG646" s="613"/>
      <c r="LHH646" s="613"/>
      <c r="LHI646" s="613"/>
      <c r="LHJ646" s="613"/>
      <c r="LHK646" s="613"/>
      <c r="LHL646" s="613"/>
      <c r="LHM646" s="613"/>
      <c r="LHN646" s="613"/>
      <c r="LHO646" s="613"/>
      <c r="LHP646" s="613"/>
      <c r="LHQ646" s="613"/>
      <c r="LHR646" s="613"/>
      <c r="LHS646" s="613"/>
      <c r="LHT646" s="613"/>
      <c r="LHU646" s="613"/>
      <c r="LHV646" s="613"/>
      <c r="LHW646" s="613"/>
      <c r="LHX646" s="613"/>
      <c r="LHY646" s="613"/>
      <c r="LHZ646" s="613"/>
      <c r="LIA646" s="613"/>
      <c r="LIB646" s="613"/>
      <c r="LIC646" s="613"/>
      <c r="LID646" s="613"/>
      <c r="LIE646" s="613"/>
      <c r="LIF646" s="613"/>
      <c r="LIG646" s="613"/>
      <c r="LIH646" s="613"/>
      <c r="LII646" s="613"/>
      <c r="LIJ646" s="613"/>
      <c r="LIK646" s="613"/>
      <c r="LIL646" s="613"/>
      <c r="LIM646" s="613"/>
      <c r="LIN646" s="613"/>
      <c r="LIO646" s="613"/>
      <c r="LIP646" s="613"/>
      <c r="LIQ646" s="613"/>
      <c r="LIR646" s="613"/>
      <c r="LIS646" s="613"/>
      <c r="LIT646" s="613"/>
      <c r="LIU646" s="613"/>
      <c r="LIV646" s="613"/>
      <c r="LIW646" s="613"/>
      <c r="LIX646" s="613"/>
      <c r="LIY646" s="613"/>
      <c r="LIZ646" s="613"/>
      <c r="LJA646" s="613"/>
      <c r="LJB646" s="613"/>
      <c r="LJC646" s="613"/>
      <c r="LJD646" s="613"/>
      <c r="LJE646" s="613"/>
      <c r="LJF646" s="613"/>
      <c r="LJG646" s="613"/>
      <c r="LJH646" s="613"/>
      <c r="LJI646" s="613"/>
      <c r="LJJ646" s="613"/>
      <c r="LJK646" s="613"/>
      <c r="LJL646" s="613"/>
      <c r="LJM646" s="613"/>
      <c r="LJN646" s="613"/>
      <c r="LJO646" s="613"/>
      <c r="LJP646" s="613"/>
      <c r="LJQ646" s="613"/>
      <c r="LJR646" s="613"/>
      <c r="LJS646" s="613"/>
      <c r="LJT646" s="613"/>
      <c r="LJU646" s="613"/>
      <c r="LJV646" s="613"/>
      <c r="LJW646" s="613"/>
      <c r="LJX646" s="613"/>
      <c r="LJY646" s="613"/>
      <c r="LJZ646" s="613"/>
      <c r="LKA646" s="613"/>
      <c r="LKB646" s="613"/>
      <c r="LKC646" s="613"/>
      <c r="LKD646" s="613"/>
      <c r="LKE646" s="613"/>
      <c r="LKF646" s="613"/>
      <c r="LKG646" s="613"/>
      <c r="LKH646" s="613"/>
      <c r="LKI646" s="613"/>
      <c r="LKJ646" s="613"/>
      <c r="LKK646" s="613"/>
      <c r="LKL646" s="613"/>
      <c r="LKM646" s="613"/>
      <c r="LKN646" s="613"/>
      <c r="LKO646" s="613"/>
      <c r="LKP646" s="613"/>
      <c r="LKQ646" s="613"/>
      <c r="LKR646" s="613"/>
      <c r="LKS646" s="613"/>
      <c r="LKT646" s="613"/>
      <c r="LKU646" s="613"/>
      <c r="LKV646" s="613"/>
      <c r="LKW646" s="613"/>
      <c r="LKX646" s="613"/>
      <c r="LKY646" s="613"/>
      <c r="LKZ646" s="613"/>
      <c r="LLA646" s="613"/>
      <c r="LLB646" s="613"/>
      <c r="LLC646" s="613"/>
      <c r="LLD646" s="613"/>
      <c r="LLE646" s="613"/>
      <c r="LLF646" s="613"/>
      <c r="LLG646" s="613"/>
      <c r="LLH646" s="613"/>
      <c r="LLI646" s="613"/>
      <c r="LLJ646" s="613"/>
      <c r="LLK646" s="613"/>
      <c r="LLL646" s="613"/>
      <c r="LLM646" s="613"/>
      <c r="LLN646" s="613"/>
      <c r="LLO646" s="613"/>
      <c r="LLP646" s="613"/>
      <c r="LLQ646" s="613"/>
      <c r="LLR646" s="613"/>
      <c r="LLS646" s="613"/>
      <c r="LLT646" s="613"/>
      <c r="LLU646" s="613"/>
      <c r="LLV646" s="613"/>
      <c r="LLW646" s="613"/>
      <c r="LLX646" s="613"/>
      <c r="LLY646" s="613"/>
      <c r="LLZ646" s="613"/>
      <c r="LMA646" s="613"/>
      <c r="LMB646" s="613"/>
      <c r="LMC646" s="613"/>
      <c r="LMD646" s="613"/>
      <c r="LME646" s="613"/>
      <c r="LMF646" s="613"/>
      <c r="LMG646" s="613"/>
      <c r="LMH646" s="613"/>
      <c r="LMI646" s="613"/>
      <c r="LMJ646" s="613"/>
      <c r="LMK646" s="613"/>
      <c r="LML646" s="613"/>
      <c r="LMM646" s="613"/>
      <c r="LMN646" s="613"/>
      <c r="LMO646" s="613"/>
      <c r="LMP646" s="613"/>
      <c r="LMQ646" s="613"/>
      <c r="LMR646" s="613"/>
      <c r="LMS646" s="613"/>
      <c r="LMT646" s="613"/>
      <c r="LMU646" s="613"/>
      <c r="LMV646" s="613"/>
      <c r="LMW646" s="613"/>
      <c r="LMX646" s="613"/>
      <c r="LMY646" s="613"/>
      <c r="LMZ646" s="613"/>
      <c r="LNA646" s="613"/>
      <c r="LNB646" s="613"/>
      <c r="LNC646" s="613"/>
      <c r="LND646" s="613"/>
      <c r="LNE646" s="613"/>
      <c r="LNF646" s="613"/>
      <c r="LNG646" s="613"/>
      <c r="LNH646" s="613"/>
      <c r="LNI646" s="613"/>
      <c r="LNJ646" s="613"/>
      <c r="LNK646" s="613"/>
      <c r="LNL646" s="613"/>
      <c r="LNM646" s="613"/>
      <c r="LNN646" s="613"/>
      <c r="LNO646" s="613"/>
      <c r="LNP646" s="613"/>
      <c r="LNQ646" s="613"/>
      <c r="LNR646" s="613"/>
      <c r="LNS646" s="613"/>
      <c r="LNT646" s="613"/>
      <c r="LNU646" s="613"/>
      <c r="LNV646" s="613"/>
      <c r="LNW646" s="613"/>
      <c r="LNX646" s="613"/>
      <c r="LNY646" s="613"/>
      <c r="LNZ646" s="613"/>
      <c r="LOA646" s="613"/>
      <c r="LOB646" s="613"/>
      <c r="LOC646" s="613"/>
      <c r="LOD646" s="613"/>
      <c r="LOE646" s="613"/>
      <c r="LOF646" s="613"/>
      <c r="LOG646" s="613"/>
      <c r="LOH646" s="613"/>
      <c r="LOI646" s="613"/>
      <c r="LOJ646" s="613"/>
      <c r="LOK646" s="613"/>
      <c r="LOL646" s="613"/>
      <c r="LOM646" s="613"/>
      <c r="LON646" s="613"/>
      <c r="LOO646" s="613"/>
      <c r="LOP646" s="613"/>
      <c r="LOQ646" s="613"/>
      <c r="LOR646" s="613"/>
      <c r="LOS646" s="613"/>
      <c r="LOT646" s="613"/>
      <c r="LOU646" s="613"/>
      <c r="LOV646" s="613"/>
      <c r="LOW646" s="613"/>
      <c r="LOX646" s="613"/>
      <c r="LOY646" s="613"/>
      <c r="LOZ646" s="613"/>
      <c r="LPA646" s="613"/>
      <c r="LPB646" s="613"/>
      <c r="LPC646" s="613"/>
      <c r="LPD646" s="613"/>
      <c r="LPE646" s="613"/>
      <c r="LPF646" s="613"/>
      <c r="LPG646" s="613"/>
      <c r="LPH646" s="613"/>
      <c r="LPI646" s="613"/>
      <c r="LPJ646" s="613"/>
      <c r="LPK646" s="613"/>
      <c r="LPL646" s="613"/>
      <c r="LPM646" s="613"/>
      <c r="LPN646" s="613"/>
      <c r="LPO646" s="613"/>
      <c r="LPP646" s="613"/>
      <c r="LPQ646" s="613"/>
      <c r="LPR646" s="613"/>
      <c r="LPS646" s="613"/>
      <c r="LPT646" s="613"/>
      <c r="LPU646" s="613"/>
      <c r="LPV646" s="613"/>
      <c r="LPW646" s="613"/>
      <c r="LPX646" s="613"/>
      <c r="LPY646" s="613"/>
      <c r="LPZ646" s="613"/>
      <c r="LQA646" s="613"/>
      <c r="LQB646" s="613"/>
      <c r="LQC646" s="613"/>
      <c r="LQD646" s="613"/>
      <c r="LQE646" s="613"/>
      <c r="LQF646" s="613"/>
      <c r="LQG646" s="613"/>
      <c r="LQH646" s="613"/>
      <c r="LQI646" s="613"/>
      <c r="LQJ646" s="613"/>
      <c r="LQK646" s="613"/>
      <c r="LQL646" s="613"/>
      <c r="LQM646" s="613"/>
      <c r="LQN646" s="613"/>
      <c r="LQO646" s="613"/>
      <c r="LQP646" s="613"/>
      <c r="LQQ646" s="613"/>
      <c r="LQR646" s="613"/>
      <c r="LQS646" s="613"/>
      <c r="LQT646" s="613"/>
      <c r="LQU646" s="613"/>
      <c r="LQV646" s="613"/>
      <c r="LQW646" s="613"/>
      <c r="LQX646" s="613"/>
      <c r="LQY646" s="613"/>
      <c r="LQZ646" s="613"/>
      <c r="LRA646" s="613"/>
      <c r="LRB646" s="613"/>
      <c r="LRC646" s="613"/>
      <c r="LRD646" s="613"/>
      <c r="LRE646" s="613"/>
      <c r="LRF646" s="613"/>
      <c r="LRG646" s="613"/>
      <c r="LRH646" s="613"/>
      <c r="LRI646" s="613"/>
      <c r="LRJ646" s="613"/>
      <c r="LRK646" s="613"/>
      <c r="LRL646" s="613"/>
      <c r="LRM646" s="613"/>
      <c r="LRN646" s="613"/>
      <c r="LRO646" s="613"/>
      <c r="LRP646" s="613"/>
      <c r="LRQ646" s="613"/>
      <c r="LRR646" s="613"/>
      <c r="LRS646" s="613"/>
      <c r="LRT646" s="613"/>
      <c r="LRU646" s="613"/>
      <c r="LRV646" s="613"/>
      <c r="LRW646" s="613"/>
      <c r="LRX646" s="613"/>
      <c r="LRY646" s="613"/>
      <c r="LRZ646" s="613"/>
      <c r="LSA646" s="613"/>
      <c r="LSB646" s="613"/>
      <c r="LSC646" s="613"/>
      <c r="LSD646" s="613"/>
      <c r="LSE646" s="613"/>
      <c r="LSF646" s="613"/>
      <c r="LSG646" s="613"/>
      <c r="LSH646" s="613"/>
      <c r="LSI646" s="613"/>
      <c r="LSJ646" s="613"/>
      <c r="LSK646" s="613"/>
      <c r="LSL646" s="613"/>
      <c r="LSM646" s="613"/>
      <c r="LSN646" s="613"/>
      <c r="LSO646" s="613"/>
      <c r="LSP646" s="613"/>
      <c r="LSQ646" s="613"/>
      <c r="LSR646" s="613"/>
      <c r="LSS646" s="613"/>
      <c r="LST646" s="613"/>
      <c r="LSU646" s="613"/>
      <c r="LSV646" s="613"/>
      <c r="LSW646" s="613"/>
      <c r="LSX646" s="613"/>
      <c r="LSY646" s="613"/>
      <c r="LSZ646" s="613"/>
      <c r="LTA646" s="613"/>
      <c r="LTB646" s="613"/>
      <c r="LTC646" s="613"/>
      <c r="LTD646" s="613"/>
      <c r="LTE646" s="613"/>
      <c r="LTF646" s="613"/>
      <c r="LTG646" s="613"/>
      <c r="LTH646" s="613"/>
      <c r="LTI646" s="613"/>
      <c r="LTJ646" s="613"/>
      <c r="LTK646" s="613"/>
      <c r="LTL646" s="613"/>
      <c r="LTM646" s="613"/>
      <c r="LTN646" s="613"/>
      <c r="LTO646" s="613"/>
      <c r="LTP646" s="613"/>
      <c r="LTQ646" s="613"/>
      <c r="LTR646" s="613"/>
      <c r="LTS646" s="613"/>
      <c r="LTT646" s="613"/>
      <c r="LTU646" s="613"/>
      <c r="LTV646" s="613"/>
      <c r="LTW646" s="613"/>
      <c r="LTX646" s="613"/>
      <c r="LTY646" s="613"/>
      <c r="LTZ646" s="613"/>
      <c r="LUA646" s="613"/>
      <c r="LUB646" s="613"/>
      <c r="LUC646" s="613"/>
      <c r="LUD646" s="613"/>
      <c r="LUE646" s="613"/>
      <c r="LUF646" s="613"/>
      <c r="LUG646" s="613"/>
      <c r="LUH646" s="613"/>
      <c r="LUI646" s="613"/>
      <c r="LUJ646" s="613"/>
      <c r="LUK646" s="613"/>
      <c r="LUL646" s="613"/>
      <c r="LUM646" s="613"/>
      <c r="LUN646" s="613"/>
      <c r="LUO646" s="613"/>
      <c r="LUP646" s="613"/>
      <c r="LUQ646" s="613"/>
      <c r="LUR646" s="613"/>
      <c r="LUS646" s="613"/>
      <c r="LUT646" s="613"/>
      <c r="LUU646" s="613"/>
      <c r="LUV646" s="613"/>
      <c r="LUW646" s="613"/>
      <c r="LUX646" s="613"/>
      <c r="LUY646" s="613"/>
      <c r="LUZ646" s="613"/>
      <c r="LVA646" s="613"/>
      <c r="LVB646" s="613"/>
      <c r="LVC646" s="613"/>
      <c r="LVD646" s="613"/>
      <c r="LVE646" s="613"/>
      <c r="LVF646" s="613"/>
      <c r="LVG646" s="613"/>
      <c r="LVH646" s="613"/>
      <c r="LVI646" s="613"/>
      <c r="LVJ646" s="613"/>
      <c r="LVK646" s="613"/>
      <c r="LVL646" s="613"/>
      <c r="LVM646" s="613"/>
      <c r="LVN646" s="613"/>
      <c r="LVO646" s="613"/>
      <c r="LVP646" s="613"/>
      <c r="LVQ646" s="613"/>
      <c r="LVR646" s="613"/>
      <c r="LVS646" s="613"/>
      <c r="LVT646" s="613"/>
      <c r="LVU646" s="613"/>
      <c r="LVV646" s="613"/>
      <c r="LVW646" s="613"/>
      <c r="LVX646" s="613"/>
      <c r="LVY646" s="613"/>
      <c r="LVZ646" s="613"/>
      <c r="LWA646" s="613"/>
      <c r="LWB646" s="613"/>
      <c r="LWC646" s="613"/>
      <c r="LWD646" s="613"/>
      <c r="LWE646" s="613"/>
      <c r="LWF646" s="613"/>
      <c r="LWG646" s="613"/>
      <c r="LWH646" s="613"/>
      <c r="LWI646" s="613"/>
      <c r="LWJ646" s="613"/>
      <c r="LWK646" s="613"/>
      <c r="LWL646" s="613"/>
      <c r="LWM646" s="613"/>
      <c r="LWN646" s="613"/>
      <c r="LWO646" s="613"/>
      <c r="LWP646" s="613"/>
      <c r="LWQ646" s="613"/>
      <c r="LWR646" s="613"/>
      <c r="LWS646" s="613"/>
      <c r="LWT646" s="613"/>
      <c r="LWU646" s="613"/>
      <c r="LWV646" s="613"/>
      <c r="LWW646" s="613"/>
      <c r="LWX646" s="613"/>
      <c r="LWY646" s="613"/>
      <c r="LWZ646" s="613"/>
      <c r="LXA646" s="613"/>
      <c r="LXB646" s="613"/>
      <c r="LXC646" s="613"/>
      <c r="LXD646" s="613"/>
      <c r="LXE646" s="613"/>
      <c r="LXF646" s="613"/>
      <c r="LXG646" s="613"/>
      <c r="LXH646" s="613"/>
      <c r="LXI646" s="613"/>
      <c r="LXJ646" s="613"/>
      <c r="LXK646" s="613"/>
      <c r="LXL646" s="613"/>
      <c r="LXM646" s="613"/>
      <c r="LXN646" s="613"/>
      <c r="LXO646" s="613"/>
      <c r="LXP646" s="613"/>
      <c r="LXQ646" s="613"/>
      <c r="LXR646" s="613"/>
      <c r="LXS646" s="613"/>
      <c r="LXT646" s="613"/>
      <c r="LXU646" s="613"/>
      <c r="LXV646" s="613"/>
      <c r="LXW646" s="613"/>
      <c r="LXX646" s="613"/>
      <c r="LXY646" s="613"/>
      <c r="LXZ646" s="613"/>
      <c r="LYA646" s="613"/>
      <c r="LYB646" s="613"/>
      <c r="LYC646" s="613"/>
      <c r="LYD646" s="613"/>
      <c r="LYE646" s="613"/>
      <c r="LYF646" s="613"/>
      <c r="LYG646" s="613"/>
      <c r="LYH646" s="613"/>
      <c r="LYI646" s="613"/>
      <c r="LYJ646" s="613"/>
      <c r="LYK646" s="613"/>
      <c r="LYL646" s="613"/>
      <c r="LYM646" s="613"/>
      <c r="LYN646" s="613"/>
      <c r="LYO646" s="613"/>
      <c r="LYP646" s="613"/>
      <c r="LYQ646" s="613"/>
      <c r="LYR646" s="613"/>
      <c r="LYS646" s="613"/>
      <c r="LYT646" s="613"/>
      <c r="LYU646" s="613"/>
      <c r="LYV646" s="613"/>
      <c r="LYW646" s="613"/>
      <c r="LYX646" s="613"/>
      <c r="LYY646" s="613"/>
      <c r="LYZ646" s="613"/>
      <c r="LZA646" s="613"/>
      <c r="LZB646" s="613"/>
      <c r="LZC646" s="613"/>
      <c r="LZD646" s="613"/>
      <c r="LZE646" s="613"/>
      <c r="LZF646" s="613"/>
      <c r="LZG646" s="613"/>
      <c r="LZH646" s="613"/>
      <c r="LZI646" s="613"/>
      <c r="LZJ646" s="613"/>
      <c r="LZK646" s="613"/>
      <c r="LZL646" s="613"/>
      <c r="LZM646" s="613"/>
      <c r="LZN646" s="613"/>
      <c r="LZO646" s="613"/>
      <c r="LZP646" s="613"/>
      <c r="LZQ646" s="613"/>
      <c r="LZR646" s="613"/>
      <c r="LZS646" s="613"/>
      <c r="LZT646" s="613"/>
      <c r="LZU646" s="613"/>
      <c r="LZV646" s="613"/>
      <c r="LZW646" s="613"/>
      <c r="LZX646" s="613"/>
      <c r="LZY646" s="613"/>
      <c r="LZZ646" s="613"/>
      <c r="MAA646" s="613"/>
      <c r="MAB646" s="613"/>
      <c r="MAC646" s="613"/>
      <c r="MAD646" s="613"/>
      <c r="MAE646" s="613"/>
      <c r="MAF646" s="613"/>
      <c r="MAG646" s="613"/>
      <c r="MAH646" s="613"/>
      <c r="MAI646" s="613"/>
      <c r="MAJ646" s="613"/>
      <c r="MAK646" s="613"/>
      <c r="MAL646" s="613"/>
      <c r="MAM646" s="613"/>
      <c r="MAN646" s="613"/>
      <c r="MAO646" s="613"/>
      <c r="MAP646" s="613"/>
      <c r="MAQ646" s="613"/>
      <c r="MAR646" s="613"/>
      <c r="MAS646" s="613"/>
      <c r="MAT646" s="613"/>
      <c r="MAU646" s="613"/>
      <c r="MAV646" s="613"/>
      <c r="MAW646" s="613"/>
      <c r="MAX646" s="613"/>
      <c r="MAY646" s="613"/>
      <c r="MAZ646" s="613"/>
      <c r="MBA646" s="613"/>
      <c r="MBB646" s="613"/>
      <c r="MBC646" s="613"/>
      <c r="MBD646" s="613"/>
      <c r="MBE646" s="613"/>
      <c r="MBF646" s="613"/>
      <c r="MBG646" s="613"/>
      <c r="MBH646" s="613"/>
      <c r="MBI646" s="613"/>
      <c r="MBJ646" s="613"/>
      <c r="MBK646" s="613"/>
      <c r="MBL646" s="613"/>
      <c r="MBM646" s="613"/>
      <c r="MBN646" s="613"/>
      <c r="MBO646" s="613"/>
      <c r="MBP646" s="613"/>
      <c r="MBQ646" s="613"/>
      <c r="MBR646" s="613"/>
      <c r="MBS646" s="613"/>
      <c r="MBT646" s="613"/>
      <c r="MBU646" s="613"/>
      <c r="MBV646" s="613"/>
      <c r="MBW646" s="613"/>
      <c r="MBX646" s="613"/>
      <c r="MBY646" s="613"/>
      <c r="MBZ646" s="613"/>
      <c r="MCA646" s="613"/>
      <c r="MCB646" s="613"/>
      <c r="MCC646" s="613"/>
      <c r="MCD646" s="613"/>
      <c r="MCE646" s="613"/>
      <c r="MCF646" s="613"/>
      <c r="MCG646" s="613"/>
      <c r="MCH646" s="613"/>
      <c r="MCI646" s="613"/>
      <c r="MCJ646" s="613"/>
      <c r="MCK646" s="613"/>
      <c r="MCL646" s="613"/>
      <c r="MCM646" s="613"/>
      <c r="MCN646" s="613"/>
      <c r="MCO646" s="613"/>
      <c r="MCP646" s="613"/>
      <c r="MCQ646" s="613"/>
      <c r="MCR646" s="613"/>
      <c r="MCS646" s="613"/>
      <c r="MCT646" s="613"/>
      <c r="MCU646" s="613"/>
      <c r="MCV646" s="613"/>
      <c r="MCW646" s="613"/>
      <c r="MCX646" s="613"/>
      <c r="MCY646" s="613"/>
      <c r="MCZ646" s="613"/>
      <c r="MDA646" s="613"/>
      <c r="MDB646" s="613"/>
      <c r="MDC646" s="613"/>
      <c r="MDD646" s="613"/>
      <c r="MDE646" s="613"/>
      <c r="MDF646" s="613"/>
      <c r="MDG646" s="613"/>
      <c r="MDH646" s="613"/>
      <c r="MDI646" s="613"/>
      <c r="MDJ646" s="613"/>
      <c r="MDK646" s="613"/>
      <c r="MDL646" s="613"/>
      <c r="MDM646" s="613"/>
      <c r="MDN646" s="613"/>
      <c r="MDO646" s="613"/>
      <c r="MDP646" s="613"/>
      <c r="MDQ646" s="613"/>
      <c r="MDR646" s="613"/>
      <c r="MDS646" s="613"/>
      <c r="MDT646" s="613"/>
      <c r="MDU646" s="613"/>
      <c r="MDV646" s="613"/>
      <c r="MDW646" s="613"/>
      <c r="MDX646" s="613"/>
      <c r="MDY646" s="613"/>
      <c r="MDZ646" s="613"/>
      <c r="MEA646" s="613"/>
      <c r="MEB646" s="613"/>
      <c r="MEC646" s="613"/>
      <c r="MED646" s="613"/>
      <c r="MEE646" s="613"/>
      <c r="MEF646" s="613"/>
      <c r="MEG646" s="613"/>
      <c r="MEH646" s="613"/>
      <c r="MEI646" s="613"/>
      <c r="MEJ646" s="613"/>
      <c r="MEK646" s="613"/>
      <c r="MEL646" s="613"/>
      <c r="MEM646" s="613"/>
      <c r="MEN646" s="613"/>
      <c r="MEO646" s="613"/>
      <c r="MEP646" s="613"/>
      <c r="MEQ646" s="613"/>
      <c r="MER646" s="613"/>
      <c r="MES646" s="613"/>
      <c r="MET646" s="613"/>
      <c r="MEU646" s="613"/>
      <c r="MEV646" s="613"/>
      <c r="MEW646" s="613"/>
      <c r="MEX646" s="613"/>
      <c r="MEY646" s="613"/>
      <c r="MEZ646" s="613"/>
      <c r="MFA646" s="613"/>
      <c r="MFB646" s="613"/>
      <c r="MFC646" s="613"/>
      <c r="MFD646" s="613"/>
      <c r="MFE646" s="613"/>
      <c r="MFF646" s="613"/>
      <c r="MFG646" s="613"/>
      <c r="MFH646" s="613"/>
      <c r="MFI646" s="613"/>
      <c r="MFJ646" s="613"/>
      <c r="MFK646" s="613"/>
      <c r="MFL646" s="613"/>
      <c r="MFM646" s="613"/>
      <c r="MFN646" s="613"/>
      <c r="MFO646" s="613"/>
      <c r="MFP646" s="613"/>
      <c r="MFQ646" s="613"/>
      <c r="MFR646" s="613"/>
      <c r="MFS646" s="613"/>
      <c r="MFT646" s="613"/>
      <c r="MFU646" s="613"/>
      <c r="MFV646" s="613"/>
      <c r="MFW646" s="613"/>
      <c r="MFX646" s="613"/>
      <c r="MFY646" s="613"/>
      <c r="MFZ646" s="613"/>
      <c r="MGA646" s="613"/>
      <c r="MGB646" s="613"/>
      <c r="MGC646" s="613"/>
      <c r="MGD646" s="613"/>
      <c r="MGE646" s="613"/>
      <c r="MGF646" s="613"/>
      <c r="MGG646" s="613"/>
      <c r="MGH646" s="613"/>
      <c r="MGI646" s="613"/>
      <c r="MGJ646" s="613"/>
      <c r="MGK646" s="613"/>
      <c r="MGL646" s="613"/>
      <c r="MGM646" s="613"/>
      <c r="MGN646" s="613"/>
      <c r="MGO646" s="613"/>
      <c r="MGP646" s="613"/>
      <c r="MGQ646" s="613"/>
      <c r="MGR646" s="613"/>
      <c r="MGS646" s="613"/>
      <c r="MGT646" s="613"/>
      <c r="MGU646" s="613"/>
      <c r="MGV646" s="613"/>
      <c r="MGW646" s="613"/>
      <c r="MGX646" s="613"/>
      <c r="MGY646" s="613"/>
      <c r="MGZ646" s="613"/>
      <c r="MHA646" s="613"/>
      <c r="MHB646" s="613"/>
      <c r="MHC646" s="613"/>
      <c r="MHD646" s="613"/>
      <c r="MHE646" s="613"/>
      <c r="MHF646" s="613"/>
      <c r="MHG646" s="613"/>
      <c r="MHH646" s="613"/>
      <c r="MHI646" s="613"/>
      <c r="MHJ646" s="613"/>
      <c r="MHK646" s="613"/>
      <c r="MHL646" s="613"/>
      <c r="MHM646" s="613"/>
      <c r="MHN646" s="613"/>
      <c r="MHO646" s="613"/>
      <c r="MHP646" s="613"/>
      <c r="MHQ646" s="613"/>
      <c r="MHR646" s="613"/>
      <c r="MHS646" s="613"/>
      <c r="MHT646" s="613"/>
      <c r="MHU646" s="613"/>
      <c r="MHV646" s="613"/>
      <c r="MHW646" s="613"/>
      <c r="MHX646" s="613"/>
      <c r="MHY646" s="613"/>
      <c r="MHZ646" s="613"/>
      <c r="MIA646" s="613"/>
      <c r="MIB646" s="613"/>
      <c r="MIC646" s="613"/>
      <c r="MID646" s="613"/>
      <c r="MIE646" s="613"/>
      <c r="MIF646" s="613"/>
      <c r="MIG646" s="613"/>
      <c r="MIH646" s="613"/>
      <c r="MII646" s="613"/>
      <c r="MIJ646" s="613"/>
      <c r="MIK646" s="613"/>
      <c r="MIL646" s="613"/>
      <c r="MIM646" s="613"/>
      <c r="MIN646" s="613"/>
      <c r="MIO646" s="613"/>
      <c r="MIP646" s="613"/>
      <c r="MIQ646" s="613"/>
      <c r="MIR646" s="613"/>
      <c r="MIS646" s="613"/>
      <c r="MIT646" s="613"/>
      <c r="MIU646" s="613"/>
      <c r="MIV646" s="613"/>
      <c r="MIW646" s="613"/>
      <c r="MIX646" s="613"/>
      <c r="MIY646" s="613"/>
      <c r="MIZ646" s="613"/>
      <c r="MJA646" s="613"/>
      <c r="MJB646" s="613"/>
      <c r="MJC646" s="613"/>
      <c r="MJD646" s="613"/>
      <c r="MJE646" s="613"/>
      <c r="MJF646" s="613"/>
      <c r="MJG646" s="613"/>
      <c r="MJH646" s="613"/>
      <c r="MJI646" s="613"/>
      <c r="MJJ646" s="613"/>
      <c r="MJK646" s="613"/>
      <c r="MJL646" s="613"/>
      <c r="MJM646" s="613"/>
      <c r="MJN646" s="613"/>
      <c r="MJO646" s="613"/>
      <c r="MJP646" s="613"/>
      <c r="MJQ646" s="613"/>
      <c r="MJR646" s="613"/>
      <c r="MJS646" s="613"/>
      <c r="MJT646" s="613"/>
      <c r="MJU646" s="613"/>
      <c r="MJV646" s="613"/>
      <c r="MJW646" s="613"/>
      <c r="MJX646" s="613"/>
      <c r="MJY646" s="613"/>
      <c r="MJZ646" s="613"/>
      <c r="MKA646" s="613"/>
      <c r="MKB646" s="613"/>
      <c r="MKC646" s="613"/>
      <c r="MKD646" s="613"/>
      <c r="MKE646" s="613"/>
      <c r="MKF646" s="613"/>
      <c r="MKG646" s="613"/>
      <c r="MKH646" s="613"/>
      <c r="MKI646" s="613"/>
      <c r="MKJ646" s="613"/>
      <c r="MKK646" s="613"/>
      <c r="MKL646" s="613"/>
      <c r="MKM646" s="613"/>
      <c r="MKN646" s="613"/>
      <c r="MKO646" s="613"/>
      <c r="MKP646" s="613"/>
      <c r="MKQ646" s="613"/>
      <c r="MKR646" s="613"/>
      <c r="MKS646" s="613"/>
      <c r="MKT646" s="613"/>
      <c r="MKU646" s="613"/>
      <c r="MKV646" s="613"/>
      <c r="MKW646" s="613"/>
      <c r="MKX646" s="613"/>
      <c r="MKY646" s="613"/>
      <c r="MKZ646" s="613"/>
      <c r="MLA646" s="613"/>
      <c r="MLB646" s="613"/>
      <c r="MLC646" s="613"/>
      <c r="MLD646" s="613"/>
      <c r="MLE646" s="613"/>
      <c r="MLF646" s="613"/>
      <c r="MLG646" s="613"/>
      <c r="MLH646" s="613"/>
      <c r="MLI646" s="613"/>
      <c r="MLJ646" s="613"/>
      <c r="MLK646" s="613"/>
      <c r="MLL646" s="613"/>
      <c r="MLM646" s="613"/>
      <c r="MLN646" s="613"/>
      <c r="MLO646" s="613"/>
      <c r="MLP646" s="613"/>
      <c r="MLQ646" s="613"/>
      <c r="MLR646" s="613"/>
      <c r="MLS646" s="613"/>
      <c r="MLT646" s="613"/>
      <c r="MLU646" s="613"/>
      <c r="MLV646" s="613"/>
      <c r="MLW646" s="613"/>
      <c r="MLX646" s="613"/>
      <c r="MLY646" s="613"/>
      <c r="MLZ646" s="613"/>
      <c r="MMA646" s="613"/>
      <c r="MMB646" s="613"/>
      <c r="MMC646" s="613"/>
      <c r="MMD646" s="613"/>
      <c r="MME646" s="613"/>
      <c r="MMF646" s="613"/>
      <c r="MMG646" s="613"/>
      <c r="MMH646" s="613"/>
      <c r="MMI646" s="613"/>
      <c r="MMJ646" s="613"/>
      <c r="MMK646" s="613"/>
      <c r="MML646" s="613"/>
      <c r="MMM646" s="613"/>
      <c r="MMN646" s="613"/>
      <c r="MMO646" s="613"/>
      <c r="MMP646" s="613"/>
      <c r="MMQ646" s="613"/>
      <c r="MMR646" s="613"/>
      <c r="MMS646" s="613"/>
      <c r="MMT646" s="613"/>
      <c r="MMU646" s="613"/>
      <c r="MMV646" s="613"/>
      <c r="MMW646" s="613"/>
      <c r="MMX646" s="613"/>
      <c r="MMY646" s="613"/>
      <c r="MMZ646" s="613"/>
      <c r="MNA646" s="613"/>
      <c r="MNB646" s="613"/>
      <c r="MNC646" s="613"/>
      <c r="MND646" s="613"/>
      <c r="MNE646" s="613"/>
      <c r="MNF646" s="613"/>
      <c r="MNG646" s="613"/>
      <c r="MNH646" s="613"/>
      <c r="MNI646" s="613"/>
      <c r="MNJ646" s="613"/>
      <c r="MNK646" s="613"/>
      <c r="MNL646" s="613"/>
      <c r="MNM646" s="613"/>
      <c r="MNN646" s="613"/>
      <c r="MNO646" s="613"/>
      <c r="MNP646" s="613"/>
      <c r="MNQ646" s="613"/>
      <c r="MNR646" s="613"/>
      <c r="MNS646" s="613"/>
      <c r="MNT646" s="613"/>
      <c r="MNU646" s="613"/>
      <c r="MNV646" s="613"/>
      <c r="MNW646" s="613"/>
      <c r="MNX646" s="613"/>
      <c r="MNY646" s="613"/>
      <c r="MNZ646" s="613"/>
      <c r="MOA646" s="613"/>
      <c r="MOB646" s="613"/>
      <c r="MOC646" s="613"/>
      <c r="MOD646" s="613"/>
      <c r="MOE646" s="613"/>
      <c r="MOF646" s="613"/>
      <c r="MOG646" s="613"/>
      <c r="MOH646" s="613"/>
      <c r="MOI646" s="613"/>
      <c r="MOJ646" s="613"/>
      <c r="MOK646" s="613"/>
      <c r="MOL646" s="613"/>
      <c r="MOM646" s="613"/>
      <c r="MON646" s="613"/>
      <c r="MOO646" s="613"/>
      <c r="MOP646" s="613"/>
      <c r="MOQ646" s="613"/>
      <c r="MOR646" s="613"/>
      <c r="MOS646" s="613"/>
      <c r="MOT646" s="613"/>
      <c r="MOU646" s="613"/>
      <c r="MOV646" s="613"/>
      <c r="MOW646" s="613"/>
      <c r="MOX646" s="613"/>
      <c r="MOY646" s="613"/>
      <c r="MOZ646" s="613"/>
      <c r="MPA646" s="613"/>
      <c r="MPB646" s="613"/>
      <c r="MPC646" s="613"/>
      <c r="MPD646" s="613"/>
      <c r="MPE646" s="613"/>
      <c r="MPF646" s="613"/>
      <c r="MPG646" s="613"/>
      <c r="MPH646" s="613"/>
      <c r="MPI646" s="613"/>
      <c r="MPJ646" s="613"/>
      <c r="MPK646" s="613"/>
      <c r="MPL646" s="613"/>
      <c r="MPM646" s="613"/>
      <c r="MPN646" s="613"/>
      <c r="MPO646" s="613"/>
      <c r="MPP646" s="613"/>
      <c r="MPQ646" s="613"/>
      <c r="MPR646" s="613"/>
      <c r="MPS646" s="613"/>
      <c r="MPT646" s="613"/>
      <c r="MPU646" s="613"/>
      <c r="MPV646" s="613"/>
      <c r="MPW646" s="613"/>
      <c r="MPX646" s="613"/>
      <c r="MPY646" s="613"/>
      <c r="MPZ646" s="613"/>
      <c r="MQA646" s="613"/>
      <c r="MQB646" s="613"/>
      <c r="MQC646" s="613"/>
      <c r="MQD646" s="613"/>
      <c r="MQE646" s="613"/>
      <c r="MQF646" s="613"/>
      <c r="MQG646" s="613"/>
      <c r="MQH646" s="613"/>
      <c r="MQI646" s="613"/>
      <c r="MQJ646" s="613"/>
      <c r="MQK646" s="613"/>
      <c r="MQL646" s="613"/>
      <c r="MQM646" s="613"/>
      <c r="MQN646" s="613"/>
      <c r="MQO646" s="613"/>
      <c r="MQP646" s="613"/>
      <c r="MQQ646" s="613"/>
      <c r="MQR646" s="613"/>
      <c r="MQS646" s="613"/>
      <c r="MQT646" s="613"/>
      <c r="MQU646" s="613"/>
      <c r="MQV646" s="613"/>
      <c r="MQW646" s="613"/>
      <c r="MQX646" s="613"/>
      <c r="MQY646" s="613"/>
      <c r="MQZ646" s="613"/>
      <c r="MRA646" s="613"/>
      <c r="MRB646" s="613"/>
      <c r="MRC646" s="613"/>
      <c r="MRD646" s="613"/>
      <c r="MRE646" s="613"/>
      <c r="MRF646" s="613"/>
      <c r="MRG646" s="613"/>
      <c r="MRH646" s="613"/>
      <c r="MRI646" s="613"/>
      <c r="MRJ646" s="613"/>
      <c r="MRK646" s="613"/>
      <c r="MRL646" s="613"/>
      <c r="MRM646" s="613"/>
      <c r="MRN646" s="613"/>
      <c r="MRO646" s="613"/>
      <c r="MRP646" s="613"/>
      <c r="MRQ646" s="613"/>
      <c r="MRR646" s="613"/>
      <c r="MRS646" s="613"/>
      <c r="MRT646" s="613"/>
      <c r="MRU646" s="613"/>
      <c r="MRV646" s="613"/>
      <c r="MRW646" s="613"/>
      <c r="MRX646" s="613"/>
      <c r="MRY646" s="613"/>
      <c r="MRZ646" s="613"/>
      <c r="MSA646" s="613"/>
      <c r="MSB646" s="613"/>
      <c r="MSC646" s="613"/>
      <c r="MSD646" s="613"/>
      <c r="MSE646" s="613"/>
      <c r="MSF646" s="613"/>
      <c r="MSG646" s="613"/>
      <c r="MSH646" s="613"/>
      <c r="MSI646" s="613"/>
      <c r="MSJ646" s="613"/>
      <c r="MSK646" s="613"/>
      <c r="MSL646" s="613"/>
      <c r="MSM646" s="613"/>
      <c r="MSN646" s="613"/>
      <c r="MSO646" s="613"/>
      <c r="MSP646" s="613"/>
      <c r="MSQ646" s="613"/>
      <c r="MSR646" s="613"/>
      <c r="MSS646" s="613"/>
      <c r="MST646" s="613"/>
      <c r="MSU646" s="613"/>
      <c r="MSV646" s="613"/>
      <c r="MSW646" s="613"/>
      <c r="MSX646" s="613"/>
      <c r="MSY646" s="613"/>
      <c r="MSZ646" s="613"/>
      <c r="MTA646" s="613"/>
      <c r="MTB646" s="613"/>
      <c r="MTC646" s="613"/>
      <c r="MTD646" s="613"/>
      <c r="MTE646" s="613"/>
      <c r="MTF646" s="613"/>
      <c r="MTG646" s="613"/>
      <c r="MTH646" s="613"/>
      <c r="MTI646" s="613"/>
      <c r="MTJ646" s="613"/>
      <c r="MTK646" s="613"/>
      <c r="MTL646" s="613"/>
      <c r="MTM646" s="613"/>
      <c r="MTN646" s="613"/>
      <c r="MTO646" s="613"/>
      <c r="MTP646" s="613"/>
      <c r="MTQ646" s="613"/>
      <c r="MTR646" s="613"/>
      <c r="MTS646" s="613"/>
      <c r="MTT646" s="613"/>
      <c r="MTU646" s="613"/>
      <c r="MTV646" s="613"/>
      <c r="MTW646" s="613"/>
      <c r="MTX646" s="613"/>
      <c r="MTY646" s="613"/>
      <c r="MTZ646" s="613"/>
      <c r="MUA646" s="613"/>
      <c r="MUB646" s="613"/>
      <c r="MUC646" s="613"/>
      <c r="MUD646" s="613"/>
      <c r="MUE646" s="613"/>
      <c r="MUF646" s="613"/>
      <c r="MUG646" s="613"/>
      <c r="MUH646" s="613"/>
      <c r="MUI646" s="613"/>
      <c r="MUJ646" s="613"/>
      <c r="MUK646" s="613"/>
      <c r="MUL646" s="613"/>
      <c r="MUM646" s="613"/>
      <c r="MUN646" s="613"/>
      <c r="MUO646" s="613"/>
      <c r="MUP646" s="613"/>
      <c r="MUQ646" s="613"/>
      <c r="MUR646" s="613"/>
      <c r="MUS646" s="613"/>
      <c r="MUT646" s="613"/>
      <c r="MUU646" s="613"/>
      <c r="MUV646" s="613"/>
      <c r="MUW646" s="613"/>
      <c r="MUX646" s="613"/>
      <c r="MUY646" s="613"/>
      <c r="MUZ646" s="613"/>
      <c r="MVA646" s="613"/>
      <c r="MVB646" s="613"/>
      <c r="MVC646" s="613"/>
      <c r="MVD646" s="613"/>
      <c r="MVE646" s="613"/>
      <c r="MVF646" s="613"/>
      <c r="MVG646" s="613"/>
      <c r="MVH646" s="613"/>
      <c r="MVI646" s="613"/>
      <c r="MVJ646" s="613"/>
      <c r="MVK646" s="613"/>
      <c r="MVL646" s="613"/>
      <c r="MVM646" s="613"/>
      <c r="MVN646" s="613"/>
      <c r="MVO646" s="613"/>
      <c r="MVP646" s="613"/>
      <c r="MVQ646" s="613"/>
      <c r="MVR646" s="613"/>
      <c r="MVS646" s="613"/>
      <c r="MVT646" s="613"/>
      <c r="MVU646" s="613"/>
      <c r="MVV646" s="613"/>
      <c r="MVW646" s="613"/>
      <c r="MVX646" s="613"/>
      <c r="MVY646" s="613"/>
      <c r="MVZ646" s="613"/>
      <c r="MWA646" s="613"/>
      <c r="MWB646" s="613"/>
      <c r="MWC646" s="613"/>
      <c r="MWD646" s="613"/>
      <c r="MWE646" s="613"/>
      <c r="MWF646" s="613"/>
      <c r="MWG646" s="613"/>
      <c r="MWH646" s="613"/>
      <c r="MWI646" s="613"/>
      <c r="MWJ646" s="613"/>
      <c r="MWK646" s="613"/>
      <c r="MWL646" s="613"/>
      <c r="MWM646" s="613"/>
      <c r="MWN646" s="613"/>
      <c r="MWO646" s="613"/>
      <c r="MWP646" s="613"/>
      <c r="MWQ646" s="613"/>
      <c r="MWR646" s="613"/>
      <c r="MWS646" s="613"/>
      <c r="MWT646" s="613"/>
      <c r="MWU646" s="613"/>
      <c r="MWV646" s="613"/>
      <c r="MWW646" s="613"/>
      <c r="MWX646" s="613"/>
      <c r="MWY646" s="613"/>
      <c r="MWZ646" s="613"/>
      <c r="MXA646" s="613"/>
      <c r="MXB646" s="613"/>
      <c r="MXC646" s="613"/>
      <c r="MXD646" s="613"/>
      <c r="MXE646" s="613"/>
      <c r="MXF646" s="613"/>
      <c r="MXG646" s="613"/>
      <c r="MXH646" s="613"/>
      <c r="MXI646" s="613"/>
      <c r="MXJ646" s="613"/>
      <c r="MXK646" s="613"/>
      <c r="MXL646" s="613"/>
      <c r="MXM646" s="613"/>
      <c r="MXN646" s="613"/>
      <c r="MXO646" s="613"/>
      <c r="MXP646" s="613"/>
      <c r="MXQ646" s="613"/>
      <c r="MXR646" s="613"/>
      <c r="MXS646" s="613"/>
      <c r="MXT646" s="613"/>
      <c r="MXU646" s="613"/>
      <c r="MXV646" s="613"/>
      <c r="MXW646" s="613"/>
      <c r="MXX646" s="613"/>
      <c r="MXY646" s="613"/>
      <c r="MXZ646" s="613"/>
      <c r="MYA646" s="613"/>
      <c r="MYB646" s="613"/>
      <c r="MYC646" s="613"/>
      <c r="MYD646" s="613"/>
      <c r="MYE646" s="613"/>
      <c r="MYF646" s="613"/>
      <c r="MYG646" s="613"/>
      <c r="MYH646" s="613"/>
      <c r="MYI646" s="613"/>
      <c r="MYJ646" s="613"/>
      <c r="MYK646" s="613"/>
      <c r="MYL646" s="613"/>
      <c r="MYM646" s="613"/>
      <c r="MYN646" s="613"/>
      <c r="MYO646" s="613"/>
      <c r="MYP646" s="613"/>
      <c r="MYQ646" s="613"/>
      <c r="MYR646" s="613"/>
      <c r="MYS646" s="613"/>
      <c r="MYT646" s="613"/>
      <c r="MYU646" s="613"/>
      <c r="MYV646" s="613"/>
      <c r="MYW646" s="613"/>
      <c r="MYX646" s="613"/>
      <c r="MYY646" s="613"/>
      <c r="MYZ646" s="613"/>
      <c r="MZA646" s="613"/>
      <c r="MZB646" s="613"/>
      <c r="MZC646" s="613"/>
      <c r="MZD646" s="613"/>
      <c r="MZE646" s="613"/>
      <c r="MZF646" s="613"/>
      <c r="MZG646" s="613"/>
      <c r="MZH646" s="613"/>
      <c r="MZI646" s="613"/>
      <c r="MZJ646" s="613"/>
      <c r="MZK646" s="613"/>
      <c r="MZL646" s="613"/>
      <c r="MZM646" s="613"/>
      <c r="MZN646" s="613"/>
      <c r="MZO646" s="613"/>
      <c r="MZP646" s="613"/>
      <c r="MZQ646" s="613"/>
      <c r="MZR646" s="613"/>
      <c r="MZS646" s="613"/>
      <c r="MZT646" s="613"/>
      <c r="MZU646" s="613"/>
      <c r="MZV646" s="613"/>
      <c r="MZW646" s="613"/>
      <c r="MZX646" s="613"/>
      <c r="MZY646" s="613"/>
      <c r="MZZ646" s="613"/>
      <c r="NAA646" s="613"/>
      <c r="NAB646" s="613"/>
      <c r="NAC646" s="613"/>
      <c r="NAD646" s="613"/>
      <c r="NAE646" s="613"/>
      <c r="NAF646" s="613"/>
      <c r="NAG646" s="613"/>
      <c r="NAH646" s="613"/>
      <c r="NAI646" s="613"/>
      <c r="NAJ646" s="613"/>
      <c r="NAK646" s="613"/>
      <c r="NAL646" s="613"/>
      <c r="NAM646" s="613"/>
      <c r="NAN646" s="613"/>
      <c r="NAO646" s="613"/>
      <c r="NAP646" s="613"/>
      <c r="NAQ646" s="613"/>
      <c r="NAR646" s="613"/>
      <c r="NAS646" s="613"/>
      <c r="NAT646" s="613"/>
      <c r="NAU646" s="613"/>
      <c r="NAV646" s="613"/>
      <c r="NAW646" s="613"/>
      <c r="NAX646" s="613"/>
      <c r="NAY646" s="613"/>
      <c r="NAZ646" s="613"/>
      <c r="NBA646" s="613"/>
      <c r="NBB646" s="613"/>
      <c r="NBC646" s="613"/>
      <c r="NBD646" s="613"/>
      <c r="NBE646" s="613"/>
      <c r="NBF646" s="613"/>
      <c r="NBG646" s="613"/>
      <c r="NBH646" s="613"/>
      <c r="NBI646" s="613"/>
      <c r="NBJ646" s="613"/>
      <c r="NBK646" s="613"/>
      <c r="NBL646" s="613"/>
      <c r="NBM646" s="613"/>
      <c r="NBN646" s="613"/>
      <c r="NBO646" s="613"/>
      <c r="NBP646" s="613"/>
      <c r="NBQ646" s="613"/>
      <c r="NBR646" s="613"/>
      <c r="NBS646" s="613"/>
      <c r="NBT646" s="613"/>
      <c r="NBU646" s="613"/>
      <c r="NBV646" s="613"/>
      <c r="NBW646" s="613"/>
      <c r="NBX646" s="613"/>
      <c r="NBY646" s="613"/>
      <c r="NBZ646" s="613"/>
      <c r="NCA646" s="613"/>
      <c r="NCB646" s="613"/>
      <c r="NCC646" s="613"/>
      <c r="NCD646" s="613"/>
      <c r="NCE646" s="613"/>
      <c r="NCF646" s="613"/>
      <c r="NCG646" s="613"/>
      <c r="NCH646" s="613"/>
      <c r="NCI646" s="613"/>
      <c r="NCJ646" s="613"/>
      <c r="NCK646" s="613"/>
      <c r="NCL646" s="613"/>
      <c r="NCM646" s="613"/>
      <c r="NCN646" s="613"/>
      <c r="NCO646" s="613"/>
      <c r="NCP646" s="613"/>
      <c r="NCQ646" s="613"/>
      <c r="NCR646" s="613"/>
      <c r="NCS646" s="613"/>
      <c r="NCT646" s="613"/>
      <c r="NCU646" s="613"/>
      <c r="NCV646" s="613"/>
      <c r="NCW646" s="613"/>
      <c r="NCX646" s="613"/>
      <c r="NCY646" s="613"/>
      <c r="NCZ646" s="613"/>
      <c r="NDA646" s="613"/>
      <c r="NDB646" s="613"/>
      <c r="NDC646" s="613"/>
      <c r="NDD646" s="613"/>
      <c r="NDE646" s="613"/>
      <c r="NDF646" s="613"/>
      <c r="NDG646" s="613"/>
      <c r="NDH646" s="613"/>
      <c r="NDI646" s="613"/>
      <c r="NDJ646" s="613"/>
      <c r="NDK646" s="613"/>
      <c r="NDL646" s="613"/>
      <c r="NDM646" s="613"/>
      <c r="NDN646" s="613"/>
      <c r="NDO646" s="613"/>
      <c r="NDP646" s="613"/>
      <c r="NDQ646" s="613"/>
      <c r="NDR646" s="613"/>
      <c r="NDS646" s="613"/>
      <c r="NDT646" s="613"/>
      <c r="NDU646" s="613"/>
      <c r="NDV646" s="613"/>
      <c r="NDW646" s="613"/>
      <c r="NDX646" s="613"/>
      <c r="NDY646" s="613"/>
      <c r="NDZ646" s="613"/>
      <c r="NEA646" s="613"/>
      <c r="NEB646" s="613"/>
      <c r="NEC646" s="613"/>
      <c r="NED646" s="613"/>
      <c r="NEE646" s="613"/>
      <c r="NEF646" s="613"/>
      <c r="NEG646" s="613"/>
      <c r="NEH646" s="613"/>
      <c r="NEI646" s="613"/>
      <c r="NEJ646" s="613"/>
      <c r="NEK646" s="613"/>
      <c r="NEL646" s="613"/>
      <c r="NEM646" s="613"/>
      <c r="NEN646" s="613"/>
      <c r="NEO646" s="613"/>
      <c r="NEP646" s="613"/>
      <c r="NEQ646" s="613"/>
      <c r="NER646" s="613"/>
      <c r="NES646" s="613"/>
      <c r="NET646" s="613"/>
      <c r="NEU646" s="613"/>
      <c r="NEV646" s="613"/>
      <c r="NEW646" s="613"/>
      <c r="NEX646" s="613"/>
      <c r="NEY646" s="613"/>
      <c r="NEZ646" s="613"/>
      <c r="NFA646" s="613"/>
      <c r="NFB646" s="613"/>
      <c r="NFC646" s="613"/>
      <c r="NFD646" s="613"/>
      <c r="NFE646" s="613"/>
      <c r="NFF646" s="613"/>
      <c r="NFG646" s="613"/>
      <c r="NFH646" s="613"/>
      <c r="NFI646" s="613"/>
      <c r="NFJ646" s="613"/>
      <c r="NFK646" s="613"/>
      <c r="NFL646" s="613"/>
      <c r="NFM646" s="613"/>
      <c r="NFN646" s="613"/>
      <c r="NFO646" s="613"/>
      <c r="NFP646" s="613"/>
      <c r="NFQ646" s="613"/>
      <c r="NFR646" s="613"/>
      <c r="NFS646" s="613"/>
      <c r="NFT646" s="613"/>
      <c r="NFU646" s="613"/>
      <c r="NFV646" s="613"/>
      <c r="NFW646" s="613"/>
      <c r="NFX646" s="613"/>
      <c r="NFY646" s="613"/>
      <c r="NFZ646" s="613"/>
      <c r="NGA646" s="613"/>
      <c r="NGB646" s="613"/>
      <c r="NGC646" s="613"/>
      <c r="NGD646" s="613"/>
      <c r="NGE646" s="613"/>
      <c r="NGF646" s="613"/>
      <c r="NGG646" s="613"/>
      <c r="NGH646" s="613"/>
      <c r="NGI646" s="613"/>
      <c r="NGJ646" s="613"/>
      <c r="NGK646" s="613"/>
      <c r="NGL646" s="613"/>
      <c r="NGM646" s="613"/>
      <c r="NGN646" s="613"/>
      <c r="NGO646" s="613"/>
      <c r="NGP646" s="613"/>
      <c r="NGQ646" s="613"/>
      <c r="NGR646" s="613"/>
      <c r="NGS646" s="613"/>
      <c r="NGT646" s="613"/>
      <c r="NGU646" s="613"/>
      <c r="NGV646" s="613"/>
      <c r="NGW646" s="613"/>
      <c r="NGX646" s="613"/>
      <c r="NGY646" s="613"/>
      <c r="NGZ646" s="613"/>
      <c r="NHA646" s="613"/>
      <c r="NHB646" s="613"/>
      <c r="NHC646" s="613"/>
      <c r="NHD646" s="613"/>
      <c r="NHE646" s="613"/>
      <c r="NHF646" s="613"/>
      <c r="NHG646" s="613"/>
      <c r="NHH646" s="613"/>
      <c r="NHI646" s="613"/>
      <c r="NHJ646" s="613"/>
      <c r="NHK646" s="613"/>
      <c r="NHL646" s="613"/>
      <c r="NHM646" s="613"/>
      <c r="NHN646" s="613"/>
      <c r="NHO646" s="613"/>
      <c r="NHP646" s="613"/>
      <c r="NHQ646" s="613"/>
      <c r="NHR646" s="613"/>
      <c r="NHS646" s="613"/>
      <c r="NHT646" s="613"/>
      <c r="NHU646" s="613"/>
      <c r="NHV646" s="613"/>
      <c r="NHW646" s="613"/>
      <c r="NHX646" s="613"/>
      <c r="NHY646" s="613"/>
      <c r="NHZ646" s="613"/>
      <c r="NIA646" s="613"/>
      <c r="NIB646" s="613"/>
      <c r="NIC646" s="613"/>
      <c r="NID646" s="613"/>
      <c r="NIE646" s="613"/>
      <c r="NIF646" s="613"/>
      <c r="NIG646" s="613"/>
      <c r="NIH646" s="613"/>
      <c r="NII646" s="613"/>
      <c r="NIJ646" s="613"/>
      <c r="NIK646" s="613"/>
      <c r="NIL646" s="613"/>
      <c r="NIM646" s="613"/>
      <c r="NIN646" s="613"/>
      <c r="NIO646" s="613"/>
      <c r="NIP646" s="613"/>
      <c r="NIQ646" s="613"/>
      <c r="NIR646" s="613"/>
      <c r="NIS646" s="613"/>
      <c r="NIT646" s="613"/>
      <c r="NIU646" s="613"/>
      <c r="NIV646" s="613"/>
      <c r="NIW646" s="613"/>
      <c r="NIX646" s="613"/>
      <c r="NIY646" s="613"/>
      <c r="NIZ646" s="613"/>
      <c r="NJA646" s="613"/>
      <c r="NJB646" s="613"/>
      <c r="NJC646" s="613"/>
      <c r="NJD646" s="613"/>
      <c r="NJE646" s="613"/>
      <c r="NJF646" s="613"/>
      <c r="NJG646" s="613"/>
      <c r="NJH646" s="613"/>
      <c r="NJI646" s="613"/>
      <c r="NJJ646" s="613"/>
      <c r="NJK646" s="613"/>
      <c r="NJL646" s="613"/>
      <c r="NJM646" s="613"/>
      <c r="NJN646" s="613"/>
      <c r="NJO646" s="613"/>
      <c r="NJP646" s="613"/>
      <c r="NJQ646" s="613"/>
      <c r="NJR646" s="613"/>
      <c r="NJS646" s="613"/>
      <c r="NJT646" s="613"/>
      <c r="NJU646" s="613"/>
      <c r="NJV646" s="613"/>
      <c r="NJW646" s="613"/>
      <c r="NJX646" s="613"/>
      <c r="NJY646" s="613"/>
      <c r="NJZ646" s="613"/>
      <c r="NKA646" s="613"/>
      <c r="NKB646" s="613"/>
      <c r="NKC646" s="613"/>
      <c r="NKD646" s="613"/>
      <c r="NKE646" s="613"/>
      <c r="NKF646" s="613"/>
      <c r="NKG646" s="613"/>
      <c r="NKH646" s="613"/>
      <c r="NKI646" s="613"/>
      <c r="NKJ646" s="613"/>
      <c r="NKK646" s="613"/>
      <c r="NKL646" s="613"/>
      <c r="NKM646" s="613"/>
      <c r="NKN646" s="613"/>
      <c r="NKO646" s="613"/>
      <c r="NKP646" s="613"/>
      <c r="NKQ646" s="613"/>
      <c r="NKR646" s="613"/>
      <c r="NKS646" s="613"/>
      <c r="NKT646" s="613"/>
      <c r="NKU646" s="613"/>
      <c r="NKV646" s="613"/>
      <c r="NKW646" s="613"/>
      <c r="NKX646" s="613"/>
      <c r="NKY646" s="613"/>
      <c r="NKZ646" s="613"/>
      <c r="NLA646" s="613"/>
      <c r="NLB646" s="613"/>
      <c r="NLC646" s="613"/>
      <c r="NLD646" s="613"/>
      <c r="NLE646" s="613"/>
      <c r="NLF646" s="613"/>
      <c r="NLG646" s="613"/>
      <c r="NLH646" s="613"/>
      <c r="NLI646" s="613"/>
      <c r="NLJ646" s="613"/>
      <c r="NLK646" s="613"/>
      <c r="NLL646" s="613"/>
      <c r="NLM646" s="613"/>
      <c r="NLN646" s="613"/>
      <c r="NLO646" s="613"/>
      <c r="NLP646" s="613"/>
      <c r="NLQ646" s="613"/>
      <c r="NLR646" s="613"/>
      <c r="NLS646" s="613"/>
      <c r="NLT646" s="613"/>
      <c r="NLU646" s="613"/>
      <c r="NLV646" s="613"/>
      <c r="NLW646" s="613"/>
      <c r="NLX646" s="613"/>
      <c r="NLY646" s="613"/>
      <c r="NLZ646" s="613"/>
      <c r="NMA646" s="613"/>
      <c r="NMB646" s="613"/>
      <c r="NMC646" s="613"/>
      <c r="NMD646" s="613"/>
      <c r="NME646" s="613"/>
      <c r="NMF646" s="613"/>
      <c r="NMG646" s="613"/>
      <c r="NMH646" s="613"/>
      <c r="NMI646" s="613"/>
      <c r="NMJ646" s="613"/>
      <c r="NMK646" s="613"/>
      <c r="NML646" s="613"/>
      <c r="NMM646" s="613"/>
      <c r="NMN646" s="613"/>
      <c r="NMO646" s="613"/>
      <c r="NMP646" s="613"/>
      <c r="NMQ646" s="613"/>
      <c r="NMR646" s="613"/>
      <c r="NMS646" s="613"/>
      <c r="NMT646" s="613"/>
      <c r="NMU646" s="613"/>
      <c r="NMV646" s="613"/>
      <c r="NMW646" s="613"/>
      <c r="NMX646" s="613"/>
      <c r="NMY646" s="613"/>
      <c r="NMZ646" s="613"/>
      <c r="NNA646" s="613"/>
      <c r="NNB646" s="613"/>
      <c r="NNC646" s="613"/>
      <c r="NND646" s="613"/>
      <c r="NNE646" s="613"/>
      <c r="NNF646" s="613"/>
      <c r="NNG646" s="613"/>
      <c r="NNH646" s="613"/>
      <c r="NNI646" s="613"/>
      <c r="NNJ646" s="613"/>
      <c r="NNK646" s="613"/>
      <c r="NNL646" s="613"/>
      <c r="NNM646" s="613"/>
      <c r="NNN646" s="613"/>
      <c r="NNO646" s="613"/>
      <c r="NNP646" s="613"/>
      <c r="NNQ646" s="613"/>
      <c r="NNR646" s="613"/>
      <c r="NNS646" s="613"/>
      <c r="NNT646" s="613"/>
      <c r="NNU646" s="613"/>
      <c r="NNV646" s="613"/>
      <c r="NNW646" s="613"/>
      <c r="NNX646" s="613"/>
      <c r="NNY646" s="613"/>
      <c r="NNZ646" s="613"/>
      <c r="NOA646" s="613"/>
      <c r="NOB646" s="613"/>
      <c r="NOC646" s="613"/>
      <c r="NOD646" s="613"/>
      <c r="NOE646" s="613"/>
      <c r="NOF646" s="613"/>
      <c r="NOG646" s="613"/>
      <c r="NOH646" s="613"/>
      <c r="NOI646" s="613"/>
      <c r="NOJ646" s="613"/>
      <c r="NOK646" s="613"/>
      <c r="NOL646" s="613"/>
      <c r="NOM646" s="613"/>
      <c r="NON646" s="613"/>
      <c r="NOO646" s="613"/>
      <c r="NOP646" s="613"/>
      <c r="NOQ646" s="613"/>
      <c r="NOR646" s="613"/>
      <c r="NOS646" s="613"/>
      <c r="NOT646" s="613"/>
      <c r="NOU646" s="613"/>
      <c r="NOV646" s="613"/>
      <c r="NOW646" s="613"/>
      <c r="NOX646" s="613"/>
      <c r="NOY646" s="613"/>
      <c r="NOZ646" s="613"/>
      <c r="NPA646" s="613"/>
      <c r="NPB646" s="613"/>
      <c r="NPC646" s="613"/>
      <c r="NPD646" s="613"/>
      <c r="NPE646" s="613"/>
      <c r="NPF646" s="613"/>
      <c r="NPG646" s="613"/>
      <c r="NPH646" s="613"/>
      <c r="NPI646" s="613"/>
      <c r="NPJ646" s="613"/>
      <c r="NPK646" s="613"/>
      <c r="NPL646" s="613"/>
      <c r="NPM646" s="613"/>
      <c r="NPN646" s="613"/>
      <c r="NPO646" s="613"/>
      <c r="NPP646" s="613"/>
      <c r="NPQ646" s="613"/>
      <c r="NPR646" s="613"/>
      <c r="NPS646" s="613"/>
      <c r="NPT646" s="613"/>
      <c r="NPU646" s="613"/>
      <c r="NPV646" s="613"/>
      <c r="NPW646" s="613"/>
      <c r="NPX646" s="613"/>
      <c r="NPY646" s="613"/>
      <c r="NPZ646" s="613"/>
      <c r="NQA646" s="613"/>
      <c r="NQB646" s="613"/>
      <c r="NQC646" s="613"/>
      <c r="NQD646" s="613"/>
      <c r="NQE646" s="613"/>
      <c r="NQF646" s="613"/>
      <c r="NQG646" s="613"/>
      <c r="NQH646" s="613"/>
      <c r="NQI646" s="613"/>
      <c r="NQJ646" s="613"/>
      <c r="NQK646" s="613"/>
      <c r="NQL646" s="613"/>
      <c r="NQM646" s="613"/>
      <c r="NQN646" s="613"/>
      <c r="NQO646" s="613"/>
      <c r="NQP646" s="613"/>
      <c r="NQQ646" s="613"/>
      <c r="NQR646" s="613"/>
      <c r="NQS646" s="613"/>
      <c r="NQT646" s="613"/>
      <c r="NQU646" s="613"/>
      <c r="NQV646" s="613"/>
      <c r="NQW646" s="613"/>
      <c r="NQX646" s="613"/>
      <c r="NQY646" s="613"/>
      <c r="NQZ646" s="613"/>
      <c r="NRA646" s="613"/>
      <c r="NRB646" s="613"/>
      <c r="NRC646" s="613"/>
      <c r="NRD646" s="613"/>
      <c r="NRE646" s="613"/>
      <c r="NRF646" s="613"/>
      <c r="NRG646" s="613"/>
      <c r="NRH646" s="613"/>
      <c r="NRI646" s="613"/>
      <c r="NRJ646" s="613"/>
      <c r="NRK646" s="613"/>
      <c r="NRL646" s="613"/>
      <c r="NRM646" s="613"/>
      <c r="NRN646" s="613"/>
      <c r="NRO646" s="613"/>
      <c r="NRP646" s="613"/>
      <c r="NRQ646" s="613"/>
      <c r="NRR646" s="613"/>
      <c r="NRS646" s="613"/>
      <c r="NRT646" s="613"/>
      <c r="NRU646" s="613"/>
      <c r="NRV646" s="613"/>
      <c r="NRW646" s="613"/>
      <c r="NRX646" s="613"/>
      <c r="NRY646" s="613"/>
      <c r="NRZ646" s="613"/>
      <c r="NSA646" s="613"/>
      <c r="NSB646" s="613"/>
      <c r="NSC646" s="613"/>
      <c r="NSD646" s="613"/>
      <c r="NSE646" s="613"/>
      <c r="NSF646" s="613"/>
      <c r="NSG646" s="613"/>
      <c r="NSH646" s="613"/>
      <c r="NSI646" s="613"/>
      <c r="NSJ646" s="613"/>
      <c r="NSK646" s="613"/>
      <c r="NSL646" s="613"/>
      <c r="NSM646" s="613"/>
      <c r="NSN646" s="613"/>
      <c r="NSO646" s="613"/>
      <c r="NSP646" s="613"/>
      <c r="NSQ646" s="613"/>
      <c r="NSR646" s="613"/>
      <c r="NSS646" s="613"/>
      <c r="NST646" s="613"/>
      <c r="NSU646" s="613"/>
      <c r="NSV646" s="613"/>
      <c r="NSW646" s="613"/>
      <c r="NSX646" s="613"/>
      <c r="NSY646" s="613"/>
      <c r="NSZ646" s="613"/>
      <c r="NTA646" s="613"/>
      <c r="NTB646" s="613"/>
      <c r="NTC646" s="613"/>
      <c r="NTD646" s="613"/>
      <c r="NTE646" s="613"/>
      <c r="NTF646" s="613"/>
      <c r="NTG646" s="613"/>
      <c r="NTH646" s="613"/>
      <c r="NTI646" s="613"/>
      <c r="NTJ646" s="613"/>
      <c r="NTK646" s="613"/>
      <c r="NTL646" s="613"/>
      <c r="NTM646" s="613"/>
      <c r="NTN646" s="613"/>
      <c r="NTO646" s="613"/>
      <c r="NTP646" s="613"/>
      <c r="NTQ646" s="613"/>
      <c r="NTR646" s="613"/>
      <c r="NTS646" s="613"/>
      <c r="NTT646" s="613"/>
      <c r="NTU646" s="613"/>
      <c r="NTV646" s="613"/>
      <c r="NTW646" s="613"/>
      <c r="NTX646" s="613"/>
      <c r="NTY646" s="613"/>
      <c r="NTZ646" s="613"/>
      <c r="NUA646" s="613"/>
      <c r="NUB646" s="613"/>
      <c r="NUC646" s="613"/>
      <c r="NUD646" s="613"/>
      <c r="NUE646" s="613"/>
      <c r="NUF646" s="613"/>
      <c r="NUG646" s="613"/>
      <c r="NUH646" s="613"/>
      <c r="NUI646" s="613"/>
      <c r="NUJ646" s="613"/>
      <c r="NUK646" s="613"/>
      <c r="NUL646" s="613"/>
      <c r="NUM646" s="613"/>
      <c r="NUN646" s="613"/>
      <c r="NUO646" s="613"/>
      <c r="NUP646" s="613"/>
      <c r="NUQ646" s="613"/>
      <c r="NUR646" s="613"/>
      <c r="NUS646" s="613"/>
      <c r="NUT646" s="613"/>
      <c r="NUU646" s="613"/>
      <c r="NUV646" s="613"/>
      <c r="NUW646" s="613"/>
      <c r="NUX646" s="613"/>
      <c r="NUY646" s="613"/>
      <c r="NUZ646" s="613"/>
      <c r="NVA646" s="613"/>
      <c r="NVB646" s="613"/>
      <c r="NVC646" s="613"/>
      <c r="NVD646" s="613"/>
      <c r="NVE646" s="613"/>
      <c r="NVF646" s="613"/>
      <c r="NVG646" s="613"/>
      <c r="NVH646" s="613"/>
      <c r="NVI646" s="613"/>
      <c r="NVJ646" s="613"/>
      <c r="NVK646" s="613"/>
      <c r="NVL646" s="613"/>
      <c r="NVM646" s="613"/>
      <c r="NVN646" s="613"/>
      <c r="NVO646" s="613"/>
      <c r="NVP646" s="613"/>
      <c r="NVQ646" s="613"/>
      <c r="NVR646" s="613"/>
      <c r="NVS646" s="613"/>
      <c r="NVT646" s="613"/>
      <c r="NVU646" s="613"/>
      <c r="NVV646" s="613"/>
      <c r="NVW646" s="613"/>
      <c r="NVX646" s="613"/>
      <c r="NVY646" s="613"/>
      <c r="NVZ646" s="613"/>
      <c r="NWA646" s="613"/>
      <c r="NWB646" s="613"/>
      <c r="NWC646" s="613"/>
      <c r="NWD646" s="613"/>
      <c r="NWE646" s="613"/>
      <c r="NWF646" s="613"/>
      <c r="NWG646" s="613"/>
      <c r="NWH646" s="613"/>
      <c r="NWI646" s="613"/>
      <c r="NWJ646" s="613"/>
      <c r="NWK646" s="613"/>
      <c r="NWL646" s="613"/>
      <c r="NWM646" s="613"/>
      <c r="NWN646" s="613"/>
      <c r="NWO646" s="613"/>
      <c r="NWP646" s="613"/>
      <c r="NWQ646" s="613"/>
      <c r="NWR646" s="613"/>
      <c r="NWS646" s="613"/>
      <c r="NWT646" s="613"/>
      <c r="NWU646" s="613"/>
      <c r="NWV646" s="613"/>
      <c r="NWW646" s="613"/>
      <c r="NWX646" s="613"/>
      <c r="NWY646" s="613"/>
      <c r="NWZ646" s="613"/>
      <c r="NXA646" s="613"/>
      <c r="NXB646" s="613"/>
      <c r="NXC646" s="613"/>
      <c r="NXD646" s="613"/>
      <c r="NXE646" s="613"/>
      <c r="NXF646" s="613"/>
      <c r="NXG646" s="613"/>
      <c r="NXH646" s="613"/>
      <c r="NXI646" s="613"/>
      <c r="NXJ646" s="613"/>
      <c r="NXK646" s="613"/>
      <c r="NXL646" s="613"/>
      <c r="NXM646" s="613"/>
      <c r="NXN646" s="613"/>
      <c r="NXO646" s="613"/>
      <c r="NXP646" s="613"/>
      <c r="NXQ646" s="613"/>
      <c r="NXR646" s="613"/>
      <c r="NXS646" s="613"/>
      <c r="NXT646" s="613"/>
      <c r="NXU646" s="613"/>
      <c r="NXV646" s="613"/>
      <c r="NXW646" s="613"/>
      <c r="NXX646" s="613"/>
      <c r="NXY646" s="613"/>
      <c r="NXZ646" s="613"/>
      <c r="NYA646" s="613"/>
      <c r="NYB646" s="613"/>
      <c r="NYC646" s="613"/>
      <c r="NYD646" s="613"/>
      <c r="NYE646" s="613"/>
      <c r="NYF646" s="613"/>
      <c r="NYG646" s="613"/>
      <c r="NYH646" s="613"/>
      <c r="NYI646" s="613"/>
      <c r="NYJ646" s="613"/>
      <c r="NYK646" s="613"/>
      <c r="NYL646" s="613"/>
      <c r="NYM646" s="613"/>
      <c r="NYN646" s="613"/>
      <c r="NYO646" s="613"/>
      <c r="NYP646" s="613"/>
      <c r="NYQ646" s="613"/>
      <c r="NYR646" s="613"/>
      <c r="NYS646" s="613"/>
      <c r="NYT646" s="613"/>
      <c r="NYU646" s="613"/>
      <c r="NYV646" s="613"/>
      <c r="NYW646" s="613"/>
      <c r="NYX646" s="613"/>
      <c r="NYY646" s="613"/>
      <c r="NYZ646" s="613"/>
      <c r="NZA646" s="613"/>
      <c r="NZB646" s="613"/>
      <c r="NZC646" s="613"/>
      <c r="NZD646" s="613"/>
      <c r="NZE646" s="613"/>
      <c r="NZF646" s="613"/>
      <c r="NZG646" s="613"/>
      <c r="NZH646" s="613"/>
      <c r="NZI646" s="613"/>
      <c r="NZJ646" s="613"/>
      <c r="NZK646" s="613"/>
      <c r="NZL646" s="613"/>
      <c r="NZM646" s="613"/>
      <c r="NZN646" s="613"/>
      <c r="NZO646" s="613"/>
      <c r="NZP646" s="613"/>
      <c r="NZQ646" s="613"/>
      <c r="NZR646" s="613"/>
      <c r="NZS646" s="613"/>
      <c r="NZT646" s="613"/>
      <c r="NZU646" s="613"/>
      <c r="NZV646" s="613"/>
      <c r="NZW646" s="613"/>
      <c r="NZX646" s="613"/>
      <c r="NZY646" s="613"/>
      <c r="NZZ646" s="613"/>
      <c r="OAA646" s="613"/>
      <c r="OAB646" s="613"/>
      <c r="OAC646" s="613"/>
      <c r="OAD646" s="613"/>
      <c r="OAE646" s="613"/>
      <c r="OAF646" s="613"/>
      <c r="OAG646" s="613"/>
      <c r="OAH646" s="613"/>
      <c r="OAI646" s="613"/>
      <c r="OAJ646" s="613"/>
      <c r="OAK646" s="613"/>
      <c r="OAL646" s="613"/>
      <c r="OAM646" s="613"/>
      <c r="OAN646" s="613"/>
      <c r="OAO646" s="613"/>
      <c r="OAP646" s="613"/>
      <c r="OAQ646" s="613"/>
      <c r="OAR646" s="613"/>
      <c r="OAS646" s="613"/>
      <c r="OAT646" s="613"/>
      <c r="OAU646" s="613"/>
      <c r="OAV646" s="613"/>
      <c r="OAW646" s="613"/>
      <c r="OAX646" s="613"/>
      <c r="OAY646" s="613"/>
      <c r="OAZ646" s="613"/>
      <c r="OBA646" s="613"/>
      <c r="OBB646" s="613"/>
      <c r="OBC646" s="613"/>
      <c r="OBD646" s="613"/>
      <c r="OBE646" s="613"/>
      <c r="OBF646" s="613"/>
      <c r="OBG646" s="613"/>
      <c r="OBH646" s="613"/>
      <c r="OBI646" s="613"/>
      <c r="OBJ646" s="613"/>
      <c r="OBK646" s="613"/>
      <c r="OBL646" s="613"/>
      <c r="OBM646" s="613"/>
      <c r="OBN646" s="613"/>
      <c r="OBO646" s="613"/>
      <c r="OBP646" s="613"/>
      <c r="OBQ646" s="613"/>
      <c r="OBR646" s="613"/>
      <c r="OBS646" s="613"/>
      <c r="OBT646" s="613"/>
      <c r="OBU646" s="613"/>
      <c r="OBV646" s="613"/>
      <c r="OBW646" s="613"/>
      <c r="OBX646" s="613"/>
      <c r="OBY646" s="613"/>
      <c r="OBZ646" s="613"/>
      <c r="OCA646" s="613"/>
      <c r="OCB646" s="613"/>
      <c r="OCC646" s="613"/>
      <c r="OCD646" s="613"/>
      <c r="OCE646" s="613"/>
      <c r="OCF646" s="613"/>
      <c r="OCG646" s="613"/>
      <c r="OCH646" s="613"/>
      <c r="OCI646" s="613"/>
      <c r="OCJ646" s="613"/>
      <c r="OCK646" s="613"/>
      <c r="OCL646" s="613"/>
      <c r="OCM646" s="613"/>
      <c r="OCN646" s="613"/>
      <c r="OCO646" s="613"/>
      <c r="OCP646" s="613"/>
      <c r="OCQ646" s="613"/>
      <c r="OCR646" s="613"/>
      <c r="OCS646" s="613"/>
      <c r="OCT646" s="613"/>
      <c r="OCU646" s="613"/>
      <c r="OCV646" s="613"/>
      <c r="OCW646" s="613"/>
      <c r="OCX646" s="613"/>
      <c r="OCY646" s="613"/>
      <c r="OCZ646" s="613"/>
      <c r="ODA646" s="613"/>
      <c r="ODB646" s="613"/>
      <c r="ODC646" s="613"/>
      <c r="ODD646" s="613"/>
      <c r="ODE646" s="613"/>
      <c r="ODF646" s="613"/>
      <c r="ODG646" s="613"/>
      <c r="ODH646" s="613"/>
      <c r="ODI646" s="613"/>
      <c r="ODJ646" s="613"/>
      <c r="ODK646" s="613"/>
      <c r="ODL646" s="613"/>
      <c r="ODM646" s="613"/>
      <c r="ODN646" s="613"/>
      <c r="ODO646" s="613"/>
      <c r="ODP646" s="613"/>
      <c r="ODQ646" s="613"/>
      <c r="ODR646" s="613"/>
      <c r="ODS646" s="613"/>
      <c r="ODT646" s="613"/>
      <c r="ODU646" s="613"/>
      <c r="ODV646" s="613"/>
      <c r="ODW646" s="613"/>
      <c r="ODX646" s="613"/>
      <c r="ODY646" s="613"/>
      <c r="ODZ646" s="613"/>
      <c r="OEA646" s="613"/>
      <c r="OEB646" s="613"/>
      <c r="OEC646" s="613"/>
      <c r="OED646" s="613"/>
      <c r="OEE646" s="613"/>
      <c r="OEF646" s="613"/>
      <c r="OEG646" s="613"/>
      <c r="OEH646" s="613"/>
      <c r="OEI646" s="613"/>
      <c r="OEJ646" s="613"/>
      <c r="OEK646" s="613"/>
      <c r="OEL646" s="613"/>
      <c r="OEM646" s="613"/>
      <c r="OEN646" s="613"/>
      <c r="OEO646" s="613"/>
      <c r="OEP646" s="613"/>
      <c r="OEQ646" s="613"/>
      <c r="OER646" s="613"/>
      <c r="OES646" s="613"/>
      <c r="OET646" s="613"/>
      <c r="OEU646" s="613"/>
      <c r="OEV646" s="613"/>
      <c r="OEW646" s="613"/>
      <c r="OEX646" s="613"/>
      <c r="OEY646" s="613"/>
      <c r="OEZ646" s="613"/>
      <c r="OFA646" s="613"/>
      <c r="OFB646" s="613"/>
      <c r="OFC646" s="613"/>
      <c r="OFD646" s="613"/>
      <c r="OFE646" s="613"/>
      <c r="OFF646" s="613"/>
      <c r="OFG646" s="613"/>
      <c r="OFH646" s="613"/>
      <c r="OFI646" s="613"/>
      <c r="OFJ646" s="613"/>
      <c r="OFK646" s="613"/>
      <c r="OFL646" s="613"/>
      <c r="OFM646" s="613"/>
      <c r="OFN646" s="613"/>
      <c r="OFO646" s="613"/>
      <c r="OFP646" s="613"/>
      <c r="OFQ646" s="613"/>
      <c r="OFR646" s="613"/>
      <c r="OFS646" s="613"/>
      <c r="OFT646" s="613"/>
      <c r="OFU646" s="613"/>
      <c r="OFV646" s="613"/>
      <c r="OFW646" s="613"/>
      <c r="OFX646" s="613"/>
      <c r="OFY646" s="613"/>
      <c r="OFZ646" s="613"/>
      <c r="OGA646" s="613"/>
      <c r="OGB646" s="613"/>
      <c r="OGC646" s="613"/>
      <c r="OGD646" s="613"/>
      <c r="OGE646" s="613"/>
      <c r="OGF646" s="613"/>
      <c r="OGG646" s="613"/>
      <c r="OGH646" s="613"/>
      <c r="OGI646" s="613"/>
      <c r="OGJ646" s="613"/>
      <c r="OGK646" s="613"/>
      <c r="OGL646" s="613"/>
      <c r="OGM646" s="613"/>
      <c r="OGN646" s="613"/>
      <c r="OGO646" s="613"/>
      <c r="OGP646" s="613"/>
      <c r="OGQ646" s="613"/>
      <c r="OGR646" s="613"/>
      <c r="OGS646" s="613"/>
      <c r="OGT646" s="613"/>
      <c r="OGU646" s="613"/>
      <c r="OGV646" s="613"/>
      <c r="OGW646" s="613"/>
      <c r="OGX646" s="613"/>
      <c r="OGY646" s="613"/>
      <c r="OGZ646" s="613"/>
      <c r="OHA646" s="613"/>
      <c r="OHB646" s="613"/>
      <c r="OHC646" s="613"/>
      <c r="OHD646" s="613"/>
      <c r="OHE646" s="613"/>
      <c r="OHF646" s="613"/>
      <c r="OHG646" s="613"/>
      <c r="OHH646" s="613"/>
      <c r="OHI646" s="613"/>
      <c r="OHJ646" s="613"/>
      <c r="OHK646" s="613"/>
      <c r="OHL646" s="613"/>
      <c r="OHM646" s="613"/>
      <c r="OHN646" s="613"/>
      <c r="OHO646" s="613"/>
      <c r="OHP646" s="613"/>
      <c r="OHQ646" s="613"/>
      <c r="OHR646" s="613"/>
      <c r="OHS646" s="613"/>
      <c r="OHT646" s="613"/>
      <c r="OHU646" s="613"/>
      <c r="OHV646" s="613"/>
      <c r="OHW646" s="613"/>
      <c r="OHX646" s="613"/>
      <c r="OHY646" s="613"/>
      <c r="OHZ646" s="613"/>
      <c r="OIA646" s="613"/>
      <c r="OIB646" s="613"/>
      <c r="OIC646" s="613"/>
      <c r="OID646" s="613"/>
      <c r="OIE646" s="613"/>
      <c r="OIF646" s="613"/>
      <c r="OIG646" s="613"/>
      <c r="OIH646" s="613"/>
      <c r="OII646" s="613"/>
      <c r="OIJ646" s="613"/>
      <c r="OIK646" s="613"/>
      <c r="OIL646" s="613"/>
      <c r="OIM646" s="613"/>
      <c r="OIN646" s="613"/>
      <c r="OIO646" s="613"/>
      <c r="OIP646" s="613"/>
      <c r="OIQ646" s="613"/>
      <c r="OIR646" s="613"/>
      <c r="OIS646" s="613"/>
      <c r="OIT646" s="613"/>
      <c r="OIU646" s="613"/>
      <c r="OIV646" s="613"/>
      <c r="OIW646" s="613"/>
      <c r="OIX646" s="613"/>
      <c r="OIY646" s="613"/>
      <c r="OIZ646" s="613"/>
      <c r="OJA646" s="613"/>
      <c r="OJB646" s="613"/>
      <c r="OJC646" s="613"/>
      <c r="OJD646" s="613"/>
      <c r="OJE646" s="613"/>
      <c r="OJF646" s="613"/>
      <c r="OJG646" s="613"/>
      <c r="OJH646" s="613"/>
      <c r="OJI646" s="613"/>
      <c r="OJJ646" s="613"/>
      <c r="OJK646" s="613"/>
      <c r="OJL646" s="613"/>
      <c r="OJM646" s="613"/>
      <c r="OJN646" s="613"/>
      <c r="OJO646" s="613"/>
      <c r="OJP646" s="613"/>
      <c r="OJQ646" s="613"/>
      <c r="OJR646" s="613"/>
      <c r="OJS646" s="613"/>
      <c r="OJT646" s="613"/>
      <c r="OJU646" s="613"/>
      <c r="OJV646" s="613"/>
      <c r="OJW646" s="613"/>
      <c r="OJX646" s="613"/>
      <c r="OJY646" s="613"/>
      <c r="OJZ646" s="613"/>
      <c r="OKA646" s="613"/>
      <c r="OKB646" s="613"/>
      <c r="OKC646" s="613"/>
      <c r="OKD646" s="613"/>
      <c r="OKE646" s="613"/>
      <c r="OKF646" s="613"/>
      <c r="OKG646" s="613"/>
      <c r="OKH646" s="613"/>
      <c r="OKI646" s="613"/>
      <c r="OKJ646" s="613"/>
      <c r="OKK646" s="613"/>
      <c r="OKL646" s="613"/>
      <c r="OKM646" s="613"/>
      <c r="OKN646" s="613"/>
      <c r="OKO646" s="613"/>
      <c r="OKP646" s="613"/>
      <c r="OKQ646" s="613"/>
      <c r="OKR646" s="613"/>
      <c r="OKS646" s="613"/>
      <c r="OKT646" s="613"/>
      <c r="OKU646" s="613"/>
      <c r="OKV646" s="613"/>
      <c r="OKW646" s="613"/>
      <c r="OKX646" s="613"/>
      <c r="OKY646" s="613"/>
      <c r="OKZ646" s="613"/>
      <c r="OLA646" s="613"/>
      <c r="OLB646" s="613"/>
      <c r="OLC646" s="613"/>
      <c r="OLD646" s="613"/>
      <c r="OLE646" s="613"/>
      <c r="OLF646" s="613"/>
      <c r="OLG646" s="613"/>
      <c r="OLH646" s="613"/>
      <c r="OLI646" s="613"/>
      <c r="OLJ646" s="613"/>
      <c r="OLK646" s="613"/>
      <c r="OLL646" s="613"/>
      <c r="OLM646" s="613"/>
      <c r="OLN646" s="613"/>
      <c r="OLO646" s="613"/>
      <c r="OLP646" s="613"/>
      <c r="OLQ646" s="613"/>
      <c r="OLR646" s="613"/>
      <c r="OLS646" s="613"/>
      <c r="OLT646" s="613"/>
      <c r="OLU646" s="613"/>
      <c r="OLV646" s="613"/>
      <c r="OLW646" s="613"/>
      <c r="OLX646" s="613"/>
      <c r="OLY646" s="613"/>
      <c r="OLZ646" s="613"/>
      <c r="OMA646" s="613"/>
      <c r="OMB646" s="613"/>
      <c r="OMC646" s="613"/>
      <c r="OMD646" s="613"/>
      <c r="OME646" s="613"/>
      <c r="OMF646" s="613"/>
      <c r="OMG646" s="613"/>
      <c r="OMH646" s="613"/>
      <c r="OMI646" s="613"/>
      <c r="OMJ646" s="613"/>
      <c r="OMK646" s="613"/>
      <c r="OML646" s="613"/>
      <c r="OMM646" s="613"/>
      <c r="OMN646" s="613"/>
      <c r="OMO646" s="613"/>
      <c r="OMP646" s="613"/>
      <c r="OMQ646" s="613"/>
      <c r="OMR646" s="613"/>
      <c r="OMS646" s="613"/>
      <c r="OMT646" s="613"/>
      <c r="OMU646" s="613"/>
      <c r="OMV646" s="613"/>
      <c r="OMW646" s="613"/>
      <c r="OMX646" s="613"/>
      <c r="OMY646" s="613"/>
      <c r="OMZ646" s="613"/>
      <c r="ONA646" s="613"/>
      <c r="ONB646" s="613"/>
      <c r="ONC646" s="613"/>
      <c r="OND646" s="613"/>
      <c r="ONE646" s="613"/>
      <c r="ONF646" s="613"/>
      <c r="ONG646" s="613"/>
      <c r="ONH646" s="613"/>
      <c r="ONI646" s="613"/>
      <c r="ONJ646" s="613"/>
      <c r="ONK646" s="613"/>
      <c r="ONL646" s="613"/>
      <c r="ONM646" s="613"/>
      <c r="ONN646" s="613"/>
      <c r="ONO646" s="613"/>
      <c r="ONP646" s="613"/>
      <c r="ONQ646" s="613"/>
      <c r="ONR646" s="613"/>
      <c r="ONS646" s="613"/>
      <c r="ONT646" s="613"/>
      <c r="ONU646" s="613"/>
      <c r="ONV646" s="613"/>
      <c r="ONW646" s="613"/>
      <c r="ONX646" s="613"/>
      <c r="ONY646" s="613"/>
      <c r="ONZ646" s="613"/>
      <c r="OOA646" s="613"/>
      <c r="OOB646" s="613"/>
      <c r="OOC646" s="613"/>
      <c r="OOD646" s="613"/>
      <c r="OOE646" s="613"/>
      <c r="OOF646" s="613"/>
      <c r="OOG646" s="613"/>
      <c r="OOH646" s="613"/>
      <c r="OOI646" s="613"/>
      <c r="OOJ646" s="613"/>
      <c r="OOK646" s="613"/>
      <c r="OOL646" s="613"/>
      <c r="OOM646" s="613"/>
      <c r="OON646" s="613"/>
      <c r="OOO646" s="613"/>
      <c r="OOP646" s="613"/>
      <c r="OOQ646" s="613"/>
      <c r="OOR646" s="613"/>
      <c r="OOS646" s="613"/>
      <c r="OOT646" s="613"/>
      <c r="OOU646" s="613"/>
      <c r="OOV646" s="613"/>
      <c r="OOW646" s="613"/>
      <c r="OOX646" s="613"/>
      <c r="OOY646" s="613"/>
      <c r="OOZ646" s="613"/>
      <c r="OPA646" s="613"/>
      <c r="OPB646" s="613"/>
      <c r="OPC646" s="613"/>
      <c r="OPD646" s="613"/>
      <c r="OPE646" s="613"/>
      <c r="OPF646" s="613"/>
      <c r="OPG646" s="613"/>
      <c r="OPH646" s="613"/>
      <c r="OPI646" s="613"/>
      <c r="OPJ646" s="613"/>
      <c r="OPK646" s="613"/>
      <c r="OPL646" s="613"/>
      <c r="OPM646" s="613"/>
      <c r="OPN646" s="613"/>
      <c r="OPO646" s="613"/>
      <c r="OPP646" s="613"/>
      <c r="OPQ646" s="613"/>
      <c r="OPR646" s="613"/>
      <c r="OPS646" s="613"/>
      <c r="OPT646" s="613"/>
      <c r="OPU646" s="613"/>
      <c r="OPV646" s="613"/>
      <c r="OPW646" s="613"/>
      <c r="OPX646" s="613"/>
      <c r="OPY646" s="613"/>
      <c r="OPZ646" s="613"/>
      <c r="OQA646" s="613"/>
      <c r="OQB646" s="613"/>
      <c r="OQC646" s="613"/>
      <c r="OQD646" s="613"/>
      <c r="OQE646" s="613"/>
      <c r="OQF646" s="613"/>
      <c r="OQG646" s="613"/>
      <c r="OQH646" s="613"/>
      <c r="OQI646" s="613"/>
      <c r="OQJ646" s="613"/>
      <c r="OQK646" s="613"/>
      <c r="OQL646" s="613"/>
      <c r="OQM646" s="613"/>
      <c r="OQN646" s="613"/>
      <c r="OQO646" s="613"/>
      <c r="OQP646" s="613"/>
      <c r="OQQ646" s="613"/>
      <c r="OQR646" s="613"/>
      <c r="OQS646" s="613"/>
      <c r="OQT646" s="613"/>
      <c r="OQU646" s="613"/>
      <c r="OQV646" s="613"/>
      <c r="OQW646" s="613"/>
      <c r="OQX646" s="613"/>
      <c r="OQY646" s="613"/>
      <c r="OQZ646" s="613"/>
      <c r="ORA646" s="613"/>
      <c r="ORB646" s="613"/>
      <c r="ORC646" s="613"/>
      <c r="ORD646" s="613"/>
      <c r="ORE646" s="613"/>
      <c r="ORF646" s="613"/>
      <c r="ORG646" s="613"/>
      <c r="ORH646" s="613"/>
      <c r="ORI646" s="613"/>
      <c r="ORJ646" s="613"/>
      <c r="ORK646" s="613"/>
      <c r="ORL646" s="613"/>
      <c r="ORM646" s="613"/>
      <c r="ORN646" s="613"/>
      <c r="ORO646" s="613"/>
      <c r="ORP646" s="613"/>
      <c r="ORQ646" s="613"/>
      <c r="ORR646" s="613"/>
      <c r="ORS646" s="613"/>
      <c r="ORT646" s="613"/>
      <c r="ORU646" s="613"/>
      <c r="ORV646" s="613"/>
      <c r="ORW646" s="613"/>
      <c r="ORX646" s="613"/>
      <c r="ORY646" s="613"/>
      <c r="ORZ646" s="613"/>
      <c r="OSA646" s="613"/>
      <c r="OSB646" s="613"/>
      <c r="OSC646" s="613"/>
      <c r="OSD646" s="613"/>
      <c r="OSE646" s="613"/>
      <c r="OSF646" s="613"/>
      <c r="OSG646" s="613"/>
      <c r="OSH646" s="613"/>
      <c r="OSI646" s="613"/>
      <c r="OSJ646" s="613"/>
      <c r="OSK646" s="613"/>
      <c r="OSL646" s="613"/>
      <c r="OSM646" s="613"/>
      <c r="OSN646" s="613"/>
      <c r="OSO646" s="613"/>
      <c r="OSP646" s="613"/>
      <c r="OSQ646" s="613"/>
      <c r="OSR646" s="613"/>
      <c r="OSS646" s="613"/>
      <c r="OST646" s="613"/>
      <c r="OSU646" s="613"/>
      <c r="OSV646" s="613"/>
      <c r="OSW646" s="613"/>
      <c r="OSX646" s="613"/>
      <c r="OSY646" s="613"/>
      <c r="OSZ646" s="613"/>
      <c r="OTA646" s="613"/>
      <c r="OTB646" s="613"/>
      <c r="OTC646" s="613"/>
      <c r="OTD646" s="613"/>
      <c r="OTE646" s="613"/>
      <c r="OTF646" s="613"/>
      <c r="OTG646" s="613"/>
      <c r="OTH646" s="613"/>
      <c r="OTI646" s="613"/>
      <c r="OTJ646" s="613"/>
      <c r="OTK646" s="613"/>
      <c r="OTL646" s="613"/>
      <c r="OTM646" s="613"/>
      <c r="OTN646" s="613"/>
      <c r="OTO646" s="613"/>
      <c r="OTP646" s="613"/>
      <c r="OTQ646" s="613"/>
      <c r="OTR646" s="613"/>
      <c r="OTS646" s="613"/>
      <c r="OTT646" s="613"/>
      <c r="OTU646" s="613"/>
      <c r="OTV646" s="613"/>
      <c r="OTW646" s="613"/>
      <c r="OTX646" s="613"/>
      <c r="OTY646" s="613"/>
      <c r="OTZ646" s="613"/>
      <c r="OUA646" s="613"/>
      <c r="OUB646" s="613"/>
      <c r="OUC646" s="613"/>
      <c r="OUD646" s="613"/>
      <c r="OUE646" s="613"/>
      <c r="OUF646" s="613"/>
      <c r="OUG646" s="613"/>
      <c r="OUH646" s="613"/>
      <c r="OUI646" s="613"/>
      <c r="OUJ646" s="613"/>
      <c r="OUK646" s="613"/>
      <c r="OUL646" s="613"/>
      <c r="OUM646" s="613"/>
      <c r="OUN646" s="613"/>
      <c r="OUO646" s="613"/>
      <c r="OUP646" s="613"/>
      <c r="OUQ646" s="613"/>
      <c r="OUR646" s="613"/>
      <c r="OUS646" s="613"/>
      <c r="OUT646" s="613"/>
      <c r="OUU646" s="613"/>
      <c r="OUV646" s="613"/>
      <c r="OUW646" s="613"/>
      <c r="OUX646" s="613"/>
      <c r="OUY646" s="613"/>
      <c r="OUZ646" s="613"/>
      <c r="OVA646" s="613"/>
      <c r="OVB646" s="613"/>
      <c r="OVC646" s="613"/>
      <c r="OVD646" s="613"/>
      <c r="OVE646" s="613"/>
      <c r="OVF646" s="613"/>
      <c r="OVG646" s="613"/>
      <c r="OVH646" s="613"/>
      <c r="OVI646" s="613"/>
      <c r="OVJ646" s="613"/>
      <c r="OVK646" s="613"/>
      <c r="OVL646" s="613"/>
      <c r="OVM646" s="613"/>
      <c r="OVN646" s="613"/>
      <c r="OVO646" s="613"/>
      <c r="OVP646" s="613"/>
      <c r="OVQ646" s="613"/>
      <c r="OVR646" s="613"/>
      <c r="OVS646" s="613"/>
      <c r="OVT646" s="613"/>
      <c r="OVU646" s="613"/>
      <c r="OVV646" s="613"/>
      <c r="OVW646" s="613"/>
      <c r="OVX646" s="613"/>
      <c r="OVY646" s="613"/>
      <c r="OVZ646" s="613"/>
      <c r="OWA646" s="613"/>
      <c r="OWB646" s="613"/>
      <c r="OWC646" s="613"/>
      <c r="OWD646" s="613"/>
      <c r="OWE646" s="613"/>
      <c r="OWF646" s="613"/>
      <c r="OWG646" s="613"/>
      <c r="OWH646" s="613"/>
      <c r="OWI646" s="613"/>
      <c r="OWJ646" s="613"/>
      <c r="OWK646" s="613"/>
      <c r="OWL646" s="613"/>
      <c r="OWM646" s="613"/>
      <c r="OWN646" s="613"/>
      <c r="OWO646" s="613"/>
      <c r="OWP646" s="613"/>
      <c r="OWQ646" s="613"/>
      <c r="OWR646" s="613"/>
      <c r="OWS646" s="613"/>
      <c r="OWT646" s="613"/>
      <c r="OWU646" s="613"/>
      <c r="OWV646" s="613"/>
      <c r="OWW646" s="613"/>
      <c r="OWX646" s="613"/>
      <c r="OWY646" s="613"/>
      <c r="OWZ646" s="613"/>
      <c r="OXA646" s="613"/>
      <c r="OXB646" s="613"/>
      <c r="OXC646" s="613"/>
      <c r="OXD646" s="613"/>
      <c r="OXE646" s="613"/>
      <c r="OXF646" s="613"/>
      <c r="OXG646" s="613"/>
      <c r="OXH646" s="613"/>
      <c r="OXI646" s="613"/>
      <c r="OXJ646" s="613"/>
      <c r="OXK646" s="613"/>
      <c r="OXL646" s="613"/>
      <c r="OXM646" s="613"/>
      <c r="OXN646" s="613"/>
      <c r="OXO646" s="613"/>
      <c r="OXP646" s="613"/>
      <c r="OXQ646" s="613"/>
      <c r="OXR646" s="613"/>
      <c r="OXS646" s="613"/>
      <c r="OXT646" s="613"/>
      <c r="OXU646" s="613"/>
      <c r="OXV646" s="613"/>
      <c r="OXW646" s="613"/>
      <c r="OXX646" s="613"/>
      <c r="OXY646" s="613"/>
      <c r="OXZ646" s="613"/>
      <c r="OYA646" s="613"/>
      <c r="OYB646" s="613"/>
      <c r="OYC646" s="613"/>
      <c r="OYD646" s="613"/>
      <c r="OYE646" s="613"/>
      <c r="OYF646" s="613"/>
      <c r="OYG646" s="613"/>
      <c r="OYH646" s="613"/>
      <c r="OYI646" s="613"/>
      <c r="OYJ646" s="613"/>
      <c r="OYK646" s="613"/>
      <c r="OYL646" s="613"/>
      <c r="OYM646" s="613"/>
      <c r="OYN646" s="613"/>
      <c r="OYO646" s="613"/>
      <c r="OYP646" s="613"/>
      <c r="OYQ646" s="613"/>
      <c r="OYR646" s="613"/>
      <c r="OYS646" s="613"/>
      <c r="OYT646" s="613"/>
      <c r="OYU646" s="613"/>
      <c r="OYV646" s="613"/>
      <c r="OYW646" s="613"/>
      <c r="OYX646" s="613"/>
      <c r="OYY646" s="613"/>
      <c r="OYZ646" s="613"/>
      <c r="OZA646" s="613"/>
      <c r="OZB646" s="613"/>
      <c r="OZC646" s="613"/>
      <c r="OZD646" s="613"/>
      <c r="OZE646" s="613"/>
      <c r="OZF646" s="613"/>
      <c r="OZG646" s="613"/>
      <c r="OZH646" s="613"/>
      <c r="OZI646" s="613"/>
      <c r="OZJ646" s="613"/>
      <c r="OZK646" s="613"/>
      <c r="OZL646" s="613"/>
      <c r="OZM646" s="613"/>
      <c r="OZN646" s="613"/>
      <c r="OZO646" s="613"/>
      <c r="OZP646" s="613"/>
      <c r="OZQ646" s="613"/>
      <c r="OZR646" s="613"/>
      <c r="OZS646" s="613"/>
      <c r="OZT646" s="613"/>
      <c r="OZU646" s="613"/>
      <c r="OZV646" s="613"/>
      <c r="OZW646" s="613"/>
      <c r="OZX646" s="613"/>
      <c r="OZY646" s="613"/>
      <c r="OZZ646" s="613"/>
      <c r="PAA646" s="613"/>
      <c r="PAB646" s="613"/>
      <c r="PAC646" s="613"/>
      <c r="PAD646" s="613"/>
      <c r="PAE646" s="613"/>
      <c r="PAF646" s="613"/>
      <c r="PAG646" s="613"/>
      <c r="PAH646" s="613"/>
      <c r="PAI646" s="613"/>
      <c r="PAJ646" s="613"/>
      <c r="PAK646" s="613"/>
      <c r="PAL646" s="613"/>
      <c r="PAM646" s="613"/>
      <c r="PAN646" s="613"/>
      <c r="PAO646" s="613"/>
      <c r="PAP646" s="613"/>
      <c r="PAQ646" s="613"/>
      <c r="PAR646" s="613"/>
      <c r="PAS646" s="613"/>
      <c r="PAT646" s="613"/>
      <c r="PAU646" s="613"/>
      <c r="PAV646" s="613"/>
      <c r="PAW646" s="613"/>
      <c r="PAX646" s="613"/>
      <c r="PAY646" s="613"/>
      <c r="PAZ646" s="613"/>
      <c r="PBA646" s="613"/>
      <c r="PBB646" s="613"/>
      <c r="PBC646" s="613"/>
      <c r="PBD646" s="613"/>
      <c r="PBE646" s="613"/>
      <c r="PBF646" s="613"/>
      <c r="PBG646" s="613"/>
      <c r="PBH646" s="613"/>
      <c r="PBI646" s="613"/>
      <c r="PBJ646" s="613"/>
      <c r="PBK646" s="613"/>
      <c r="PBL646" s="613"/>
      <c r="PBM646" s="613"/>
      <c r="PBN646" s="613"/>
      <c r="PBO646" s="613"/>
      <c r="PBP646" s="613"/>
      <c r="PBQ646" s="613"/>
      <c r="PBR646" s="613"/>
      <c r="PBS646" s="613"/>
      <c r="PBT646" s="613"/>
      <c r="PBU646" s="613"/>
      <c r="PBV646" s="613"/>
      <c r="PBW646" s="613"/>
      <c r="PBX646" s="613"/>
      <c r="PBY646" s="613"/>
      <c r="PBZ646" s="613"/>
      <c r="PCA646" s="613"/>
      <c r="PCB646" s="613"/>
      <c r="PCC646" s="613"/>
      <c r="PCD646" s="613"/>
      <c r="PCE646" s="613"/>
      <c r="PCF646" s="613"/>
      <c r="PCG646" s="613"/>
      <c r="PCH646" s="613"/>
      <c r="PCI646" s="613"/>
      <c r="PCJ646" s="613"/>
      <c r="PCK646" s="613"/>
      <c r="PCL646" s="613"/>
      <c r="PCM646" s="613"/>
      <c r="PCN646" s="613"/>
      <c r="PCO646" s="613"/>
      <c r="PCP646" s="613"/>
      <c r="PCQ646" s="613"/>
      <c r="PCR646" s="613"/>
      <c r="PCS646" s="613"/>
      <c r="PCT646" s="613"/>
      <c r="PCU646" s="613"/>
      <c r="PCV646" s="613"/>
      <c r="PCW646" s="613"/>
      <c r="PCX646" s="613"/>
      <c r="PCY646" s="613"/>
      <c r="PCZ646" s="613"/>
      <c r="PDA646" s="613"/>
      <c r="PDB646" s="613"/>
      <c r="PDC646" s="613"/>
      <c r="PDD646" s="613"/>
      <c r="PDE646" s="613"/>
      <c r="PDF646" s="613"/>
      <c r="PDG646" s="613"/>
      <c r="PDH646" s="613"/>
      <c r="PDI646" s="613"/>
      <c r="PDJ646" s="613"/>
      <c r="PDK646" s="613"/>
      <c r="PDL646" s="613"/>
      <c r="PDM646" s="613"/>
      <c r="PDN646" s="613"/>
      <c r="PDO646" s="613"/>
      <c r="PDP646" s="613"/>
      <c r="PDQ646" s="613"/>
      <c r="PDR646" s="613"/>
      <c r="PDS646" s="613"/>
      <c r="PDT646" s="613"/>
      <c r="PDU646" s="613"/>
      <c r="PDV646" s="613"/>
      <c r="PDW646" s="613"/>
      <c r="PDX646" s="613"/>
      <c r="PDY646" s="613"/>
      <c r="PDZ646" s="613"/>
      <c r="PEA646" s="613"/>
      <c r="PEB646" s="613"/>
      <c r="PEC646" s="613"/>
      <c r="PED646" s="613"/>
      <c r="PEE646" s="613"/>
      <c r="PEF646" s="613"/>
      <c r="PEG646" s="613"/>
      <c r="PEH646" s="613"/>
      <c r="PEI646" s="613"/>
      <c r="PEJ646" s="613"/>
      <c r="PEK646" s="613"/>
      <c r="PEL646" s="613"/>
      <c r="PEM646" s="613"/>
      <c r="PEN646" s="613"/>
      <c r="PEO646" s="613"/>
      <c r="PEP646" s="613"/>
      <c r="PEQ646" s="613"/>
      <c r="PER646" s="613"/>
      <c r="PES646" s="613"/>
      <c r="PET646" s="613"/>
      <c r="PEU646" s="613"/>
      <c r="PEV646" s="613"/>
      <c r="PEW646" s="613"/>
      <c r="PEX646" s="613"/>
      <c r="PEY646" s="613"/>
      <c r="PEZ646" s="613"/>
      <c r="PFA646" s="613"/>
      <c r="PFB646" s="613"/>
      <c r="PFC646" s="613"/>
      <c r="PFD646" s="613"/>
      <c r="PFE646" s="613"/>
      <c r="PFF646" s="613"/>
      <c r="PFG646" s="613"/>
      <c r="PFH646" s="613"/>
      <c r="PFI646" s="613"/>
      <c r="PFJ646" s="613"/>
      <c r="PFK646" s="613"/>
      <c r="PFL646" s="613"/>
      <c r="PFM646" s="613"/>
      <c r="PFN646" s="613"/>
      <c r="PFO646" s="613"/>
      <c r="PFP646" s="613"/>
      <c r="PFQ646" s="613"/>
      <c r="PFR646" s="613"/>
      <c r="PFS646" s="613"/>
      <c r="PFT646" s="613"/>
      <c r="PFU646" s="613"/>
      <c r="PFV646" s="613"/>
      <c r="PFW646" s="613"/>
      <c r="PFX646" s="613"/>
      <c r="PFY646" s="613"/>
      <c r="PFZ646" s="613"/>
      <c r="PGA646" s="613"/>
      <c r="PGB646" s="613"/>
      <c r="PGC646" s="613"/>
      <c r="PGD646" s="613"/>
      <c r="PGE646" s="613"/>
      <c r="PGF646" s="613"/>
      <c r="PGG646" s="613"/>
      <c r="PGH646" s="613"/>
      <c r="PGI646" s="613"/>
      <c r="PGJ646" s="613"/>
      <c r="PGK646" s="613"/>
      <c r="PGL646" s="613"/>
      <c r="PGM646" s="613"/>
      <c r="PGN646" s="613"/>
      <c r="PGO646" s="613"/>
      <c r="PGP646" s="613"/>
      <c r="PGQ646" s="613"/>
      <c r="PGR646" s="613"/>
      <c r="PGS646" s="613"/>
      <c r="PGT646" s="613"/>
      <c r="PGU646" s="613"/>
      <c r="PGV646" s="613"/>
      <c r="PGW646" s="613"/>
      <c r="PGX646" s="613"/>
      <c r="PGY646" s="613"/>
      <c r="PGZ646" s="613"/>
      <c r="PHA646" s="613"/>
      <c r="PHB646" s="613"/>
      <c r="PHC646" s="613"/>
      <c r="PHD646" s="613"/>
      <c r="PHE646" s="613"/>
      <c r="PHF646" s="613"/>
      <c r="PHG646" s="613"/>
      <c r="PHH646" s="613"/>
      <c r="PHI646" s="613"/>
      <c r="PHJ646" s="613"/>
      <c r="PHK646" s="613"/>
      <c r="PHL646" s="613"/>
      <c r="PHM646" s="613"/>
      <c r="PHN646" s="613"/>
      <c r="PHO646" s="613"/>
      <c r="PHP646" s="613"/>
      <c r="PHQ646" s="613"/>
      <c r="PHR646" s="613"/>
      <c r="PHS646" s="613"/>
      <c r="PHT646" s="613"/>
      <c r="PHU646" s="613"/>
      <c r="PHV646" s="613"/>
      <c r="PHW646" s="613"/>
      <c r="PHX646" s="613"/>
      <c r="PHY646" s="613"/>
      <c r="PHZ646" s="613"/>
      <c r="PIA646" s="613"/>
      <c r="PIB646" s="613"/>
      <c r="PIC646" s="613"/>
      <c r="PID646" s="613"/>
      <c r="PIE646" s="613"/>
      <c r="PIF646" s="613"/>
      <c r="PIG646" s="613"/>
      <c r="PIH646" s="613"/>
      <c r="PII646" s="613"/>
      <c r="PIJ646" s="613"/>
      <c r="PIK646" s="613"/>
      <c r="PIL646" s="613"/>
      <c r="PIM646" s="613"/>
      <c r="PIN646" s="613"/>
      <c r="PIO646" s="613"/>
      <c r="PIP646" s="613"/>
      <c r="PIQ646" s="613"/>
      <c r="PIR646" s="613"/>
      <c r="PIS646" s="613"/>
      <c r="PIT646" s="613"/>
      <c r="PIU646" s="613"/>
      <c r="PIV646" s="613"/>
      <c r="PIW646" s="613"/>
      <c r="PIX646" s="613"/>
      <c r="PIY646" s="613"/>
      <c r="PIZ646" s="613"/>
      <c r="PJA646" s="613"/>
      <c r="PJB646" s="613"/>
      <c r="PJC646" s="613"/>
      <c r="PJD646" s="613"/>
      <c r="PJE646" s="613"/>
      <c r="PJF646" s="613"/>
      <c r="PJG646" s="613"/>
      <c r="PJH646" s="613"/>
      <c r="PJI646" s="613"/>
      <c r="PJJ646" s="613"/>
      <c r="PJK646" s="613"/>
      <c r="PJL646" s="613"/>
      <c r="PJM646" s="613"/>
      <c r="PJN646" s="613"/>
      <c r="PJO646" s="613"/>
      <c r="PJP646" s="613"/>
      <c r="PJQ646" s="613"/>
      <c r="PJR646" s="613"/>
      <c r="PJS646" s="613"/>
      <c r="PJT646" s="613"/>
      <c r="PJU646" s="613"/>
      <c r="PJV646" s="613"/>
      <c r="PJW646" s="613"/>
      <c r="PJX646" s="613"/>
      <c r="PJY646" s="613"/>
      <c r="PJZ646" s="613"/>
      <c r="PKA646" s="613"/>
      <c r="PKB646" s="613"/>
      <c r="PKC646" s="613"/>
      <c r="PKD646" s="613"/>
      <c r="PKE646" s="613"/>
      <c r="PKF646" s="613"/>
      <c r="PKG646" s="613"/>
      <c r="PKH646" s="613"/>
      <c r="PKI646" s="613"/>
      <c r="PKJ646" s="613"/>
      <c r="PKK646" s="613"/>
      <c r="PKL646" s="613"/>
      <c r="PKM646" s="613"/>
      <c r="PKN646" s="613"/>
      <c r="PKO646" s="613"/>
      <c r="PKP646" s="613"/>
      <c r="PKQ646" s="613"/>
      <c r="PKR646" s="613"/>
      <c r="PKS646" s="613"/>
      <c r="PKT646" s="613"/>
      <c r="PKU646" s="613"/>
      <c r="PKV646" s="613"/>
      <c r="PKW646" s="613"/>
      <c r="PKX646" s="613"/>
      <c r="PKY646" s="613"/>
      <c r="PKZ646" s="613"/>
      <c r="PLA646" s="613"/>
      <c r="PLB646" s="613"/>
      <c r="PLC646" s="613"/>
      <c r="PLD646" s="613"/>
      <c r="PLE646" s="613"/>
      <c r="PLF646" s="613"/>
      <c r="PLG646" s="613"/>
      <c r="PLH646" s="613"/>
      <c r="PLI646" s="613"/>
      <c r="PLJ646" s="613"/>
      <c r="PLK646" s="613"/>
      <c r="PLL646" s="613"/>
      <c r="PLM646" s="613"/>
      <c r="PLN646" s="613"/>
      <c r="PLO646" s="613"/>
      <c r="PLP646" s="613"/>
      <c r="PLQ646" s="613"/>
      <c r="PLR646" s="613"/>
      <c r="PLS646" s="613"/>
      <c r="PLT646" s="613"/>
      <c r="PLU646" s="613"/>
      <c r="PLV646" s="613"/>
      <c r="PLW646" s="613"/>
      <c r="PLX646" s="613"/>
      <c r="PLY646" s="613"/>
      <c r="PLZ646" s="613"/>
      <c r="PMA646" s="613"/>
      <c r="PMB646" s="613"/>
      <c r="PMC646" s="613"/>
      <c r="PMD646" s="613"/>
      <c r="PME646" s="613"/>
      <c r="PMF646" s="613"/>
      <c r="PMG646" s="613"/>
      <c r="PMH646" s="613"/>
      <c r="PMI646" s="613"/>
      <c r="PMJ646" s="613"/>
      <c r="PMK646" s="613"/>
      <c r="PML646" s="613"/>
      <c r="PMM646" s="613"/>
      <c r="PMN646" s="613"/>
      <c r="PMO646" s="613"/>
      <c r="PMP646" s="613"/>
      <c r="PMQ646" s="613"/>
      <c r="PMR646" s="613"/>
      <c r="PMS646" s="613"/>
      <c r="PMT646" s="613"/>
      <c r="PMU646" s="613"/>
      <c r="PMV646" s="613"/>
      <c r="PMW646" s="613"/>
      <c r="PMX646" s="613"/>
      <c r="PMY646" s="613"/>
      <c r="PMZ646" s="613"/>
      <c r="PNA646" s="613"/>
      <c r="PNB646" s="613"/>
      <c r="PNC646" s="613"/>
      <c r="PND646" s="613"/>
      <c r="PNE646" s="613"/>
      <c r="PNF646" s="613"/>
      <c r="PNG646" s="613"/>
      <c r="PNH646" s="613"/>
      <c r="PNI646" s="613"/>
      <c r="PNJ646" s="613"/>
      <c r="PNK646" s="613"/>
      <c r="PNL646" s="613"/>
      <c r="PNM646" s="613"/>
      <c r="PNN646" s="613"/>
      <c r="PNO646" s="613"/>
      <c r="PNP646" s="613"/>
      <c r="PNQ646" s="613"/>
      <c r="PNR646" s="613"/>
      <c r="PNS646" s="613"/>
      <c r="PNT646" s="613"/>
      <c r="PNU646" s="613"/>
      <c r="PNV646" s="613"/>
      <c r="PNW646" s="613"/>
      <c r="PNX646" s="613"/>
      <c r="PNY646" s="613"/>
      <c r="PNZ646" s="613"/>
      <c r="POA646" s="613"/>
      <c r="POB646" s="613"/>
      <c r="POC646" s="613"/>
      <c r="POD646" s="613"/>
      <c r="POE646" s="613"/>
      <c r="POF646" s="613"/>
      <c r="POG646" s="613"/>
      <c r="POH646" s="613"/>
      <c r="POI646" s="613"/>
      <c r="POJ646" s="613"/>
      <c r="POK646" s="613"/>
      <c r="POL646" s="613"/>
      <c r="POM646" s="613"/>
      <c r="PON646" s="613"/>
      <c r="POO646" s="613"/>
      <c r="POP646" s="613"/>
      <c r="POQ646" s="613"/>
      <c r="POR646" s="613"/>
      <c r="POS646" s="613"/>
      <c r="POT646" s="613"/>
      <c r="POU646" s="613"/>
      <c r="POV646" s="613"/>
      <c r="POW646" s="613"/>
      <c r="POX646" s="613"/>
      <c r="POY646" s="613"/>
      <c r="POZ646" s="613"/>
      <c r="PPA646" s="613"/>
      <c r="PPB646" s="613"/>
      <c r="PPC646" s="613"/>
      <c r="PPD646" s="613"/>
      <c r="PPE646" s="613"/>
      <c r="PPF646" s="613"/>
      <c r="PPG646" s="613"/>
      <c r="PPH646" s="613"/>
      <c r="PPI646" s="613"/>
      <c r="PPJ646" s="613"/>
      <c r="PPK646" s="613"/>
      <c r="PPL646" s="613"/>
      <c r="PPM646" s="613"/>
      <c r="PPN646" s="613"/>
      <c r="PPO646" s="613"/>
      <c r="PPP646" s="613"/>
      <c r="PPQ646" s="613"/>
      <c r="PPR646" s="613"/>
      <c r="PPS646" s="613"/>
      <c r="PPT646" s="613"/>
      <c r="PPU646" s="613"/>
      <c r="PPV646" s="613"/>
      <c r="PPW646" s="613"/>
      <c r="PPX646" s="613"/>
      <c r="PPY646" s="613"/>
      <c r="PPZ646" s="613"/>
      <c r="PQA646" s="613"/>
      <c r="PQB646" s="613"/>
      <c r="PQC646" s="613"/>
      <c r="PQD646" s="613"/>
      <c r="PQE646" s="613"/>
      <c r="PQF646" s="613"/>
      <c r="PQG646" s="613"/>
      <c r="PQH646" s="613"/>
      <c r="PQI646" s="613"/>
      <c r="PQJ646" s="613"/>
      <c r="PQK646" s="613"/>
      <c r="PQL646" s="613"/>
      <c r="PQM646" s="613"/>
      <c r="PQN646" s="613"/>
      <c r="PQO646" s="613"/>
      <c r="PQP646" s="613"/>
      <c r="PQQ646" s="613"/>
      <c r="PQR646" s="613"/>
      <c r="PQS646" s="613"/>
      <c r="PQT646" s="613"/>
      <c r="PQU646" s="613"/>
      <c r="PQV646" s="613"/>
      <c r="PQW646" s="613"/>
      <c r="PQX646" s="613"/>
      <c r="PQY646" s="613"/>
      <c r="PQZ646" s="613"/>
      <c r="PRA646" s="613"/>
      <c r="PRB646" s="613"/>
      <c r="PRC646" s="613"/>
      <c r="PRD646" s="613"/>
      <c r="PRE646" s="613"/>
      <c r="PRF646" s="613"/>
      <c r="PRG646" s="613"/>
      <c r="PRH646" s="613"/>
      <c r="PRI646" s="613"/>
      <c r="PRJ646" s="613"/>
      <c r="PRK646" s="613"/>
      <c r="PRL646" s="613"/>
      <c r="PRM646" s="613"/>
      <c r="PRN646" s="613"/>
      <c r="PRO646" s="613"/>
      <c r="PRP646" s="613"/>
      <c r="PRQ646" s="613"/>
      <c r="PRR646" s="613"/>
      <c r="PRS646" s="613"/>
      <c r="PRT646" s="613"/>
      <c r="PRU646" s="613"/>
      <c r="PRV646" s="613"/>
      <c r="PRW646" s="613"/>
      <c r="PRX646" s="613"/>
      <c r="PRY646" s="613"/>
      <c r="PRZ646" s="613"/>
      <c r="PSA646" s="613"/>
      <c r="PSB646" s="613"/>
      <c r="PSC646" s="613"/>
      <c r="PSD646" s="613"/>
      <c r="PSE646" s="613"/>
      <c r="PSF646" s="613"/>
      <c r="PSG646" s="613"/>
      <c r="PSH646" s="613"/>
      <c r="PSI646" s="613"/>
      <c r="PSJ646" s="613"/>
      <c r="PSK646" s="613"/>
      <c r="PSL646" s="613"/>
      <c r="PSM646" s="613"/>
      <c r="PSN646" s="613"/>
      <c r="PSO646" s="613"/>
      <c r="PSP646" s="613"/>
      <c r="PSQ646" s="613"/>
      <c r="PSR646" s="613"/>
      <c r="PSS646" s="613"/>
      <c r="PST646" s="613"/>
      <c r="PSU646" s="613"/>
      <c r="PSV646" s="613"/>
      <c r="PSW646" s="613"/>
      <c r="PSX646" s="613"/>
      <c r="PSY646" s="613"/>
      <c r="PSZ646" s="613"/>
      <c r="PTA646" s="613"/>
      <c r="PTB646" s="613"/>
      <c r="PTC646" s="613"/>
      <c r="PTD646" s="613"/>
      <c r="PTE646" s="613"/>
      <c r="PTF646" s="613"/>
      <c r="PTG646" s="613"/>
      <c r="PTH646" s="613"/>
      <c r="PTI646" s="613"/>
      <c r="PTJ646" s="613"/>
      <c r="PTK646" s="613"/>
      <c r="PTL646" s="613"/>
      <c r="PTM646" s="613"/>
      <c r="PTN646" s="613"/>
      <c r="PTO646" s="613"/>
      <c r="PTP646" s="613"/>
      <c r="PTQ646" s="613"/>
      <c r="PTR646" s="613"/>
      <c r="PTS646" s="613"/>
      <c r="PTT646" s="613"/>
      <c r="PTU646" s="613"/>
      <c r="PTV646" s="613"/>
      <c r="PTW646" s="613"/>
      <c r="PTX646" s="613"/>
      <c r="PTY646" s="613"/>
      <c r="PTZ646" s="613"/>
      <c r="PUA646" s="613"/>
      <c r="PUB646" s="613"/>
      <c r="PUC646" s="613"/>
      <c r="PUD646" s="613"/>
      <c r="PUE646" s="613"/>
      <c r="PUF646" s="613"/>
      <c r="PUG646" s="613"/>
      <c r="PUH646" s="613"/>
      <c r="PUI646" s="613"/>
      <c r="PUJ646" s="613"/>
      <c r="PUK646" s="613"/>
      <c r="PUL646" s="613"/>
      <c r="PUM646" s="613"/>
      <c r="PUN646" s="613"/>
      <c r="PUO646" s="613"/>
      <c r="PUP646" s="613"/>
      <c r="PUQ646" s="613"/>
      <c r="PUR646" s="613"/>
      <c r="PUS646" s="613"/>
      <c r="PUT646" s="613"/>
      <c r="PUU646" s="613"/>
      <c r="PUV646" s="613"/>
      <c r="PUW646" s="613"/>
      <c r="PUX646" s="613"/>
      <c r="PUY646" s="613"/>
      <c r="PUZ646" s="613"/>
      <c r="PVA646" s="613"/>
      <c r="PVB646" s="613"/>
      <c r="PVC646" s="613"/>
      <c r="PVD646" s="613"/>
      <c r="PVE646" s="613"/>
      <c r="PVF646" s="613"/>
      <c r="PVG646" s="613"/>
      <c r="PVH646" s="613"/>
      <c r="PVI646" s="613"/>
      <c r="PVJ646" s="613"/>
      <c r="PVK646" s="613"/>
      <c r="PVL646" s="613"/>
      <c r="PVM646" s="613"/>
      <c r="PVN646" s="613"/>
      <c r="PVO646" s="613"/>
      <c r="PVP646" s="613"/>
      <c r="PVQ646" s="613"/>
      <c r="PVR646" s="613"/>
      <c r="PVS646" s="613"/>
      <c r="PVT646" s="613"/>
      <c r="PVU646" s="613"/>
      <c r="PVV646" s="613"/>
      <c r="PVW646" s="613"/>
      <c r="PVX646" s="613"/>
      <c r="PVY646" s="613"/>
      <c r="PVZ646" s="613"/>
      <c r="PWA646" s="613"/>
      <c r="PWB646" s="613"/>
      <c r="PWC646" s="613"/>
      <c r="PWD646" s="613"/>
      <c r="PWE646" s="613"/>
      <c r="PWF646" s="613"/>
      <c r="PWG646" s="613"/>
      <c r="PWH646" s="613"/>
      <c r="PWI646" s="613"/>
      <c r="PWJ646" s="613"/>
      <c r="PWK646" s="613"/>
      <c r="PWL646" s="613"/>
      <c r="PWM646" s="613"/>
      <c r="PWN646" s="613"/>
      <c r="PWO646" s="613"/>
      <c r="PWP646" s="613"/>
      <c r="PWQ646" s="613"/>
      <c r="PWR646" s="613"/>
      <c r="PWS646" s="613"/>
      <c r="PWT646" s="613"/>
      <c r="PWU646" s="613"/>
      <c r="PWV646" s="613"/>
      <c r="PWW646" s="613"/>
      <c r="PWX646" s="613"/>
      <c r="PWY646" s="613"/>
      <c r="PWZ646" s="613"/>
      <c r="PXA646" s="613"/>
      <c r="PXB646" s="613"/>
      <c r="PXC646" s="613"/>
      <c r="PXD646" s="613"/>
      <c r="PXE646" s="613"/>
      <c r="PXF646" s="613"/>
      <c r="PXG646" s="613"/>
      <c r="PXH646" s="613"/>
      <c r="PXI646" s="613"/>
      <c r="PXJ646" s="613"/>
      <c r="PXK646" s="613"/>
      <c r="PXL646" s="613"/>
      <c r="PXM646" s="613"/>
      <c r="PXN646" s="613"/>
      <c r="PXO646" s="613"/>
      <c r="PXP646" s="613"/>
      <c r="PXQ646" s="613"/>
      <c r="PXR646" s="613"/>
      <c r="PXS646" s="613"/>
      <c r="PXT646" s="613"/>
      <c r="PXU646" s="613"/>
      <c r="PXV646" s="613"/>
      <c r="PXW646" s="613"/>
      <c r="PXX646" s="613"/>
      <c r="PXY646" s="613"/>
      <c r="PXZ646" s="613"/>
      <c r="PYA646" s="613"/>
      <c r="PYB646" s="613"/>
      <c r="PYC646" s="613"/>
      <c r="PYD646" s="613"/>
      <c r="PYE646" s="613"/>
      <c r="PYF646" s="613"/>
      <c r="PYG646" s="613"/>
      <c r="PYH646" s="613"/>
      <c r="PYI646" s="613"/>
      <c r="PYJ646" s="613"/>
      <c r="PYK646" s="613"/>
      <c r="PYL646" s="613"/>
      <c r="PYM646" s="613"/>
      <c r="PYN646" s="613"/>
      <c r="PYO646" s="613"/>
      <c r="PYP646" s="613"/>
      <c r="PYQ646" s="613"/>
      <c r="PYR646" s="613"/>
      <c r="PYS646" s="613"/>
      <c r="PYT646" s="613"/>
      <c r="PYU646" s="613"/>
      <c r="PYV646" s="613"/>
      <c r="PYW646" s="613"/>
      <c r="PYX646" s="613"/>
      <c r="PYY646" s="613"/>
      <c r="PYZ646" s="613"/>
      <c r="PZA646" s="613"/>
      <c r="PZB646" s="613"/>
      <c r="PZC646" s="613"/>
      <c r="PZD646" s="613"/>
      <c r="PZE646" s="613"/>
      <c r="PZF646" s="613"/>
      <c r="PZG646" s="613"/>
      <c r="PZH646" s="613"/>
      <c r="PZI646" s="613"/>
      <c r="PZJ646" s="613"/>
      <c r="PZK646" s="613"/>
      <c r="PZL646" s="613"/>
      <c r="PZM646" s="613"/>
      <c r="PZN646" s="613"/>
      <c r="PZO646" s="613"/>
      <c r="PZP646" s="613"/>
      <c r="PZQ646" s="613"/>
      <c r="PZR646" s="613"/>
      <c r="PZS646" s="613"/>
      <c r="PZT646" s="613"/>
      <c r="PZU646" s="613"/>
      <c r="PZV646" s="613"/>
      <c r="PZW646" s="613"/>
      <c r="PZX646" s="613"/>
      <c r="PZY646" s="613"/>
      <c r="PZZ646" s="613"/>
      <c r="QAA646" s="613"/>
      <c r="QAB646" s="613"/>
      <c r="QAC646" s="613"/>
      <c r="QAD646" s="613"/>
      <c r="QAE646" s="613"/>
      <c r="QAF646" s="613"/>
      <c r="QAG646" s="613"/>
      <c r="QAH646" s="613"/>
      <c r="QAI646" s="613"/>
      <c r="QAJ646" s="613"/>
      <c r="QAK646" s="613"/>
      <c r="QAL646" s="613"/>
      <c r="QAM646" s="613"/>
      <c r="QAN646" s="613"/>
      <c r="QAO646" s="613"/>
      <c r="QAP646" s="613"/>
      <c r="QAQ646" s="613"/>
      <c r="QAR646" s="613"/>
      <c r="QAS646" s="613"/>
      <c r="QAT646" s="613"/>
      <c r="QAU646" s="613"/>
      <c r="QAV646" s="613"/>
      <c r="QAW646" s="613"/>
      <c r="QAX646" s="613"/>
      <c r="QAY646" s="613"/>
      <c r="QAZ646" s="613"/>
      <c r="QBA646" s="613"/>
      <c r="QBB646" s="613"/>
      <c r="QBC646" s="613"/>
      <c r="QBD646" s="613"/>
      <c r="QBE646" s="613"/>
      <c r="QBF646" s="613"/>
      <c r="QBG646" s="613"/>
      <c r="QBH646" s="613"/>
      <c r="QBI646" s="613"/>
      <c r="QBJ646" s="613"/>
      <c r="QBK646" s="613"/>
      <c r="QBL646" s="613"/>
      <c r="QBM646" s="613"/>
      <c r="QBN646" s="613"/>
      <c r="QBO646" s="613"/>
      <c r="QBP646" s="613"/>
      <c r="QBQ646" s="613"/>
      <c r="QBR646" s="613"/>
      <c r="QBS646" s="613"/>
      <c r="QBT646" s="613"/>
      <c r="QBU646" s="613"/>
      <c r="QBV646" s="613"/>
      <c r="QBW646" s="613"/>
      <c r="QBX646" s="613"/>
      <c r="QBY646" s="613"/>
      <c r="QBZ646" s="613"/>
      <c r="QCA646" s="613"/>
      <c r="QCB646" s="613"/>
      <c r="QCC646" s="613"/>
      <c r="QCD646" s="613"/>
      <c r="QCE646" s="613"/>
      <c r="QCF646" s="613"/>
      <c r="QCG646" s="613"/>
      <c r="QCH646" s="613"/>
      <c r="QCI646" s="613"/>
      <c r="QCJ646" s="613"/>
      <c r="QCK646" s="613"/>
      <c r="QCL646" s="613"/>
      <c r="QCM646" s="613"/>
      <c r="QCN646" s="613"/>
      <c r="QCO646" s="613"/>
      <c r="QCP646" s="613"/>
      <c r="QCQ646" s="613"/>
      <c r="QCR646" s="613"/>
      <c r="QCS646" s="613"/>
      <c r="QCT646" s="613"/>
      <c r="QCU646" s="613"/>
      <c r="QCV646" s="613"/>
      <c r="QCW646" s="613"/>
      <c r="QCX646" s="613"/>
      <c r="QCY646" s="613"/>
      <c r="QCZ646" s="613"/>
      <c r="QDA646" s="613"/>
      <c r="QDB646" s="613"/>
      <c r="QDC646" s="613"/>
      <c r="QDD646" s="613"/>
      <c r="QDE646" s="613"/>
      <c r="QDF646" s="613"/>
      <c r="QDG646" s="613"/>
      <c r="QDH646" s="613"/>
      <c r="QDI646" s="613"/>
      <c r="QDJ646" s="613"/>
      <c r="QDK646" s="613"/>
      <c r="QDL646" s="613"/>
      <c r="QDM646" s="613"/>
      <c r="QDN646" s="613"/>
      <c r="QDO646" s="613"/>
      <c r="QDP646" s="613"/>
      <c r="QDQ646" s="613"/>
      <c r="QDR646" s="613"/>
      <c r="QDS646" s="613"/>
      <c r="QDT646" s="613"/>
      <c r="QDU646" s="613"/>
      <c r="QDV646" s="613"/>
      <c r="QDW646" s="613"/>
      <c r="QDX646" s="613"/>
      <c r="QDY646" s="613"/>
      <c r="QDZ646" s="613"/>
      <c r="QEA646" s="613"/>
      <c r="QEB646" s="613"/>
      <c r="QEC646" s="613"/>
      <c r="QED646" s="613"/>
      <c r="QEE646" s="613"/>
      <c r="QEF646" s="613"/>
      <c r="QEG646" s="613"/>
      <c r="QEH646" s="613"/>
      <c r="QEI646" s="613"/>
      <c r="QEJ646" s="613"/>
      <c r="QEK646" s="613"/>
      <c r="QEL646" s="613"/>
      <c r="QEM646" s="613"/>
      <c r="QEN646" s="613"/>
      <c r="QEO646" s="613"/>
      <c r="QEP646" s="613"/>
      <c r="QEQ646" s="613"/>
      <c r="QER646" s="613"/>
      <c r="QES646" s="613"/>
      <c r="QET646" s="613"/>
      <c r="QEU646" s="613"/>
      <c r="QEV646" s="613"/>
      <c r="QEW646" s="613"/>
      <c r="QEX646" s="613"/>
      <c r="QEY646" s="613"/>
      <c r="QEZ646" s="613"/>
      <c r="QFA646" s="613"/>
      <c r="QFB646" s="613"/>
      <c r="QFC646" s="613"/>
      <c r="QFD646" s="613"/>
      <c r="QFE646" s="613"/>
      <c r="QFF646" s="613"/>
      <c r="QFG646" s="613"/>
      <c r="QFH646" s="613"/>
      <c r="QFI646" s="613"/>
      <c r="QFJ646" s="613"/>
      <c r="QFK646" s="613"/>
      <c r="QFL646" s="613"/>
      <c r="QFM646" s="613"/>
      <c r="QFN646" s="613"/>
      <c r="QFO646" s="613"/>
      <c r="QFP646" s="613"/>
      <c r="QFQ646" s="613"/>
      <c r="QFR646" s="613"/>
      <c r="QFS646" s="613"/>
      <c r="QFT646" s="613"/>
      <c r="QFU646" s="613"/>
      <c r="QFV646" s="613"/>
      <c r="QFW646" s="613"/>
      <c r="QFX646" s="613"/>
      <c r="QFY646" s="613"/>
      <c r="QFZ646" s="613"/>
      <c r="QGA646" s="613"/>
      <c r="QGB646" s="613"/>
      <c r="QGC646" s="613"/>
      <c r="QGD646" s="613"/>
      <c r="QGE646" s="613"/>
      <c r="QGF646" s="613"/>
      <c r="QGG646" s="613"/>
      <c r="QGH646" s="613"/>
      <c r="QGI646" s="613"/>
      <c r="QGJ646" s="613"/>
      <c r="QGK646" s="613"/>
      <c r="QGL646" s="613"/>
      <c r="QGM646" s="613"/>
      <c r="QGN646" s="613"/>
      <c r="QGO646" s="613"/>
      <c r="QGP646" s="613"/>
      <c r="QGQ646" s="613"/>
      <c r="QGR646" s="613"/>
      <c r="QGS646" s="613"/>
      <c r="QGT646" s="613"/>
      <c r="QGU646" s="613"/>
      <c r="QGV646" s="613"/>
      <c r="QGW646" s="613"/>
      <c r="QGX646" s="613"/>
      <c r="QGY646" s="613"/>
      <c r="QGZ646" s="613"/>
      <c r="QHA646" s="613"/>
      <c r="QHB646" s="613"/>
      <c r="QHC646" s="613"/>
      <c r="QHD646" s="613"/>
      <c r="QHE646" s="613"/>
      <c r="QHF646" s="613"/>
      <c r="QHG646" s="613"/>
      <c r="QHH646" s="613"/>
      <c r="QHI646" s="613"/>
      <c r="QHJ646" s="613"/>
      <c r="QHK646" s="613"/>
      <c r="QHL646" s="613"/>
      <c r="QHM646" s="613"/>
      <c r="QHN646" s="613"/>
      <c r="QHO646" s="613"/>
      <c r="QHP646" s="613"/>
      <c r="QHQ646" s="613"/>
      <c r="QHR646" s="613"/>
      <c r="QHS646" s="613"/>
      <c r="QHT646" s="613"/>
      <c r="QHU646" s="613"/>
      <c r="QHV646" s="613"/>
      <c r="QHW646" s="613"/>
      <c r="QHX646" s="613"/>
      <c r="QHY646" s="613"/>
      <c r="QHZ646" s="613"/>
      <c r="QIA646" s="613"/>
      <c r="QIB646" s="613"/>
      <c r="QIC646" s="613"/>
      <c r="QID646" s="613"/>
      <c r="QIE646" s="613"/>
      <c r="QIF646" s="613"/>
      <c r="QIG646" s="613"/>
      <c r="QIH646" s="613"/>
      <c r="QII646" s="613"/>
      <c r="QIJ646" s="613"/>
      <c r="QIK646" s="613"/>
      <c r="QIL646" s="613"/>
      <c r="QIM646" s="613"/>
      <c r="QIN646" s="613"/>
      <c r="QIO646" s="613"/>
      <c r="QIP646" s="613"/>
      <c r="QIQ646" s="613"/>
      <c r="QIR646" s="613"/>
      <c r="QIS646" s="613"/>
      <c r="QIT646" s="613"/>
      <c r="QIU646" s="613"/>
      <c r="QIV646" s="613"/>
      <c r="QIW646" s="613"/>
      <c r="QIX646" s="613"/>
      <c r="QIY646" s="613"/>
      <c r="QIZ646" s="613"/>
      <c r="QJA646" s="613"/>
      <c r="QJB646" s="613"/>
      <c r="QJC646" s="613"/>
      <c r="QJD646" s="613"/>
      <c r="QJE646" s="613"/>
      <c r="QJF646" s="613"/>
      <c r="QJG646" s="613"/>
      <c r="QJH646" s="613"/>
      <c r="QJI646" s="613"/>
      <c r="QJJ646" s="613"/>
      <c r="QJK646" s="613"/>
      <c r="QJL646" s="613"/>
      <c r="QJM646" s="613"/>
      <c r="QJN646" s="613"/>
      <c r="QJO646" s="613"/>
      <c r="QJP646" s="613"/>
      <c r="QJQ646" s="613"/>
      <c r="QJR646" s="613"/>
      <c r="QJS646" s="613"/>
      <c r="QJT646" s="613"/>
      <c r="QJU646" s="613"/>
      <c r="QJV646" s="613"/>
      <c r="QJW646" s="613"/>
      <c r="QJX646" s="613"/>
      <c r="QJY646" s="613"/>
      <c r="QJZ646" s="613"/>
      <c r="QKA646" s="613"/>
      <c r="QKB646" s="613"/>
      <c r="QKC646" s="613"/>
      <c r="QKD646" s="613"/>
      <c r="QKE646" s="613"/>
      <c r="QKF646" s="613"/>
      <c r="QKG646" s="613"/>
      <c r="QKH646" s="613"/>
      <c r="QKI646" s="613"/>
      <c r="QKJ646" s="613"/>
      <c r="QKK646" s="613"/>
      <c r="QKL646" s="613"/>
      <c r="QKM646" s="613"/>
      <c r="QKN646" s="613"/>
      <c r="QKO646" s="613"/>
      <c r="QKP646" s="613"/>
      <c r="QKQ646" s="613"/>
      <c r="QKR646" s="613"/>
      <c r="QKS646" s="613"/>
      <c r="QKT646" s="613"/>
      <c r="QKU646" s="613"/>
      <c r="QKV646" s="613"/>
      <c r="QKW646" s="613"/>
      <c r="QKX646" s="613"/>
      <c r="QKY646" s="613"/>
      <c r="QKZ646" s="613"/>
      <c r="QLA646" s="613"/>
      <c r="QLB646" s="613"/>
      <c r="QLC646" s="613"/>
      <c r="QLD646" s="613"/>
      <c r="QLE646" s="613"/>
      <c r="QLF646" s="613"/>
      <c r="QLG646" s="613"/>
      <c r="QLH646" s="613"/>
      <c r="QLI646" s="613"/>
      <c r="QLJ646" s="613"/>
      <c r="QLK646" s="613"/>
      <c r="QLL646" s="613"/>
      <c r="QLM646" s="613"/>
      <c r="QLN646" s="613"/>
      <c r="QLO646" s="613"/>
      <c r="QLP646" s="613"/>
      <c r="QLQ646" s="613"/>
      <c r="QLR646" s="613"/>
      <c r="QLS646" s="613"/>
      <c r="QLT646" s="613"/>
      <c r="QLU646" s="613"/>
      <c r="QLV646" s="613"/>
      <c r="QLW646" s="613"/>
      <c r="QLX646" s="613"/>
      <c r="QLY646" s="613"/>
      <c r="QLZ646" s="613"/>
      <c r="QMA646" s="613"/>
      <c r="QMB646" s="613"/>
      <c r="QMC646" s="613"/>
      <c r="QMD646" s="613"/>
      <c r="QME646" s="613"/>
      <c r="QMF646" s="613"/>
      <c r="QMG646" s="613"/>
      <c r="QMH646" s="613"/>
      <c r="QMI646" s="613"/>
      <c r="QMJ646" s="613"/>
      <c r="QMK646" s="613"/>
      <c r="QML646" s="613"/>
      <c r="QMM646" s="613"/>
      <c r="QMN646" s="613"/>
      <c r="QMO646" s="613"/>
      <c r="QMP646" s="613"/>
      <c r="QMQ646" s="613"/>
      <c r="QMR646" s="613"/>
      <c r="QMS646" s="613"/>
      <c r="QMT646" s="613"/>
      <c r="QMU646" s="613"/>
      <c r="QMV646" s="613"/>
      <c r="QMW646" s="613"/>
      <c r="QMX646" s="613"/>
      <c r="QMY646" s="613"/>
      <c r="QMZ646" s="613"/>
      <c r="QNA646" s="613"/>
      <c r="QNB646" s="613"/>
      <c r="QNC646" s="613"/>
      <c r="QND646" s="613"/>
      <c r="QNE646" s="613"/>
      <c r="QNF646" s="613"/>
      <c r="QNG646" s="613"/>
      <c r="QNH646" s="613"/>
      <c r="QNI646" s="613"/>
      <c r="QNJ646" s="613"/>
      <c r="QNK646" s="613"/>
      <c r="QNL646" s="613"/>
      <c r="QNM646" s="613"/>
      <c r="QNN646" s="613"/>
      <c r="QNO646" s="613"/>
      <c r="QNP646" s="613"/>
      <c r="QNQ646" s="613"/>
      <c r="QNR646" s="613"/>
      <c r="QNS646" s="613"/>
      <c r="QNT646" s="613"/>
      <c r="QNU646" s="613"/>
      <c r="QNV646" s="613"/>
      <c r="QNW646" s="613"/>
      <c r="QNX646" s="613"/>
      <c r="QNY646" s="613"/>
      <c r="QNZ646" s="613"/>
      <c r="QOA646" s="613"/>
      <c r="QOB646" s="613"/>
      <c r="QOC646" s="613"/>
      <c r="QOD646" s="613"/>
      <c r="QOE646" s="613"/>
      <c r="QOF646" s="613"/>
      <c r="QOG646" s="613"/>
      <c r="QOH646" s="613"/>
      <c r="QOI646" s="613"/>
      <c r="QOJ646" s="613"/>
      <c r="QOK646" s="613"/>
      <c r="QOL646" s="613"/>
      <c r="QOM646" s="613"/>
      <c r="QON646" s="613"/>
      <c r="QOO646" s="613"/>
      <c r="QOP646" s="613"/>
      <c r="QOQ646" s="613"/>
      <c r="QOR646" s="613"/>
      <c r="QOS646" s="613"/>
      <c r="QOT646" s="613"/>
      <c r="QOU646" s="613"/>
      <c r="QOV646" s="613"/>
      <c r="QOW646" s="613"/>
      <c r="QOX646" s="613"/>
      <c r="QOY646" s="613"/>
      <c r="QOZ646" s="613"/>
      <c r="QPA646" s="613"/>
      <c r="QPB646" s="613"/>
      <c r="QPC646" s="613"/>
      <c r="QPD646" s="613"/>
      <c r="QPE646" s="613"/>
      <c r="QPF646" s="613"/>
      <c r="QPG646" s="613"/>
      <c r="QPH646" s="613"/>
      <c r="QPI646" s="613"/>
      <c r="QPJ646" s="613"/>
      <c r="QPK646" s="613"/>
      <c r="QPL646" s="613"/>
      <c r="QPM646" s="613"/>
      <c r="QPN646" s="613"/>
      <c r="QPO646" s="613"/>
      <c r="QPP646" s="613"/>
      <c r="QPQ646" s="613"/>
      <c r="QPR646" s="613"/>
      <c r="QPS646" s="613"/>
      <c r="QPT646" s="613"/>
      <c r="QPU646" s="613"/>
      <c r="QPV646" s="613"/>
      <c r="QPW646" s="613"/>
      <c r="QPX646" s="613"/>
      <c r="QPY646" s="613"/>
      <c r="QPZ646" s="613"/>
      <c r="QQA646" s="613"/>
      <c r="QQB646" s="613"/>
      <c r="QQC646" s="613"/>
      <c r="QQD646" s="613"/>
      <c r="QQE646" s="613"/>
      <c r="QQF646" s="613"/>
      <c r="QQG646" s="613"/>
      <c r="QQH646" s="613"/>
      <c r="QQI646" s="613"/>
      <c r="QQJ646" s="613"/>
      <c r="QQK646" s="613"/>
      <c r="QQL646" s="613"/>
      <c r="QQM646" s="613"/>
      <c r="QQN646" s="613"/>
      <c r="QQO646" s="613"/>
      <c r="QQP646" s="613"/>
      <c r="QQQ646" s="613"/>
      <c r="QQR646" s="613"/>
      <c r="QQS646" s="613"/>
      <c r="QQT646" s="613"/>
      <c r="QQU646" s="613"/>
      <c r="QQV646" s="613"/>
      <c r="QQW646" s="613"/>
      <c r="QQX646" s="613"/>
      <c r="QQY646" s="613"/>
      <c r="QQZ646" s="613"/>
      <c r="QRA646" s="613"/>
      <c r="QRB646" s="613"/>
      <c r="QRC646" s="613"/>
      <c r="QRD646" s="613"/>
      <c r="QRE646" s="613"/>
      <c r="QRF646" s="613"/>
      <c r="QRG646" s="613"/>
      <c r="QRH646" s="613"/>
      <c r="QRI646" s="613"/>
      <c r="QRJ646" s="613"/>
      <c r="QRK646" s="613"/>
      <c r="QRL646" s="613"/>
      <c r="QRM646" s="613"/>
      <c r="QRN646" s="613"/>
      <c r="QRO646" s="613"/>
      <c r="QRP646" s="613"/>
      <c r="QRQ646" s="613"/>
      <c r="QRR646" s="613"/>
      <c r="QRS646" s="613"/>
      <c r="QRT646" s="613"/>
      <c r="QRU646" s="613"/>
      <c r="QRV646" s="613"/>
      <c r="QRW646" s="613"/>
      <c r="QRX646" s="613"/>
      <c r="QRY646" s="613"/>
      <c r="QRZ646" s="613"/>
      <c r="QSA646" s="613"/>
      <c r="QSB646" s="613"/>
      <c r="QSC646" s="613"/>
      <c r="QSD646" s="613"/>
      <c r="QSE646" s="613"/>
      <c r="QSF646" s="613"/>
      <c r="QSG646" s="613"/>
      <c r="QSH646" s="613"/>
      <c r="QSI646" s="613"/>
      <c r="QSJ646" s="613"/>
      <c r="QSK646" s="613"/>
      <c r="QSL646" s="613"/>
      <c r="QSM646" s="613"/>
      <c r="QSN646" s="613"/>
      <c r="QSO646" s="613"/>
      <c r="QSP646" s="613"/>
      <c r="QSQ646" s="613"/>
      <c r="QSR646" s="613"/>
      <c r="QSS646" s="613"/>
      <c r="QST646" s="613"/>
      <c r="QSU646" s="613"/>
      <c r="QSV646" s="613"/>
      <c r="QSW646" s="613"/>
      <c r="QSX646" s="613"/>
      <c r="QSY646" s="613"/>
      <c r="QSZ646" s="613"/>
      <c r="QTA646" s="613"/>
      <c r="QTB646" s="613"/>
      <c r="QTC646" s="613"/>
      <c r="QTD646" s="613"/>
      <c r="QTE646" s="613"/>
      <c r="QTF646" s="613"/>
      <c r="QTG646" s="613"/>
      <c r="QTH646" s="613"/>
      <c r="QTI646" s="613"/>
      <c r="QTJ646" s="613"/>
      <c r="QTK646" s="613"/>
      <c r="QTL646" s="613"/>
      <c r="QTM646" s="613"/>
      <c r="QTN646" s="613"/>
      <c r="QTO646" s="613"/>
      <c r="QTP646" s="613"/>
      <c r="QTQ646" s="613"/>
      <c r="QTR646" s="613"/>
      <c r="QTS646" s="613"/>
      <c r="QTT646" s="613"/>
      <c r="QTU646" s="613"/>
      <c r="QTV646" s="613"/>
      <c r="QTW646" s="613"/>
      <c r="QTX646" s="613"/>
      <c r="QTY646" s="613"/>
      <c r="QTZ646" s="613"/>
      <c r="QUA646" s="613"/>
      <c r="QUB646" s="613"/>
      <c r="QUC646" s="613"/>
      <c r="QUD646" s="613"/>
      <c r="QUE646" s="613"/>
      <c r="QUF646" s="613"/>
      <c r="QUG646" s="613"/>
      <c r="QUH646" s="613"/>
      <c r="QUI646" s="613"/>
      <c r="QUJ646" s="613"/>
      <c r="QUK646" s="613"/>
      <c r="QUL646" s="613"/>
      <c r="QUM646" s="613"/>
      <c r="QUN646" s="613"/>
      <c r="QUO646" s="613"/>
      <c r="QUP646" s="613"/>
      <c r="QUQ646" s="613"/>
      <c r="QUR646" s="613"/>
      <c r="QUS646" s="613"/>
      <c r="QUT646" s="613"/>
      <c r="QUU646" s="613"/>
      <c r="QUV646" s="613"/>
      <c r="QUW646" s="613"/>
      <c r="QUX646" s="613"/>
      <c r="QUY646" s="613"/>
      <c r="QUZ646" s="613"/>
      <c r="QVA646" s="613"/>
      <c r="QVB646" s="613"/>
      <c r="QVC646" s="613"/>
      <c r="QVD646" s="613"/>
      <c r="QVE646" s="613"/>
      <c r="QVF646" s="613"/>
      <c r="QVG646" s="613"/>
      <c r="QVH646" s="613"/>
      <c r="QVI646" s="613"/>
      <c r="QVJ646" s="613"/>
      <c r="QVK646" s="613"/>
      <c r="QVL646" s="613"/>
      <c r="QVM646" s="613"/>
      <c r="QVN646" s="613"/>
      <c r="QVO646" s="613"/>
      <c r="QVP646" s="613"/>
      <c r="QVQ646" s="613"/>
      <c r="QVR646" s="613"/>
      <c r="QVS646" s="613"/>
      <c r="QVT646" s="613"/>
      <c r="QVU646" s="613"/>
      <c r="QVV646" s="613"/>
      <c r="QVW646" s="613"/>
      <c r="QVX646" s="613"/>
      <c r="QVY646" s="613"/>
      <c r="QVZ646" s="613"/>
      <c r="QWA646" s="613"/>
      <c r="QWB646" s="613"/>
      <c r="QWC646" s="613"/>
      <c r="QWD646" s="613"/>
      <c r="QWE646" s="613"/>
      <c r="QWF646" s="613"/>
      <c r="QWG646" s="613"/>
      <c r="QWH646" s="613"/>
      <c r="QWI646" s="613"/>
      <c r="QWJ646" s="613"/>
      <c r="QWK646" s="613"/>
      <c r="QWL646" s="613"/>
      <c r="QWM646" s="613"/>
      <c r="QWN646" s="613"/>
      <c r="QWO646" s="613"/>
      <c r="QWP646" s="613"/>
      <c r="QWQ646" s="613"/>
      <c r="QWR646" s="613"/>
      <c r="QWS646" s="613"/>
      <c r="QWT646" s="613"/>
      <c r="QWU646" s="613"/>
      <c r="QWV646" s="613"/>
      <c r="QWW646" s="613"/>
      <c r="QWX646" s="613"/>
      <c r="QWY646" s="613"/>
      <c r="QWZ646" s="613"/>
      <c r="QXA646" s="613"/>
      <c r="QXB646" s="613"/>
      <c r="QXC646" s="613"/>
      <c r="QXD646" s="613"/>
      <c r="QXE646" s="613"/>
      <c r="QXF646" s="613"/>
      <c r="QXG646" s="613"/>
      <c r="QXH646" s="613"/>
      <c r="QXI646" s="613"/>
      <c r="QXJ646" s="613"/>
      <c r="QXK646" s="613"/>
      <c r="QXL646" s="613"/>
      <c r="QXM646" s="613"/>
      <c r="QXN646" s="613"/>
      <c r="QXO646" s="613"/>
      <c r="QXP646" s="613"/>
      <c r="QXQ646" s="613"/>
      <c r="QXR646" s="613"/>
      <c r="QXS646" s="613"/>
      <c r="QXT646" s="613"/>
      <c r="QXU646" s="613"/>
      <c r="QXV646" s="613"/>
      <c r="QXW646" s="613"/>
      <c r="QXX646" s="613"/>
      <c r="QXY646" s="613"/>
      <c r="QXZ646" s="613"/>
      <c r="QYA646" s="613"/>
      <c r="QYB646" s="613"/>
      <c r="QYC646" s="613"/>
      <c r="QYD646" s="613"/>
      <c r="QYE646" s="613"/>
      <c r="QYF646" s="613"/>
      <c r="QYG646" s="613"/>
      <c r="QYH646" s="613"/>
      <c r="QYI646" s="613"/>
      <c r="QYJ646" s="613"/>
      <c r="QYK646" s="613"/>
      <c r="QYL646" s="613"/>
      <c r="QYM646" s="613"/>
      <c r="QYN646" s="613"/>
      <c r="QYO646" s="613"/>
      <c r="QYP646" s="613"/>
      <c r="QYQ646" s="613"/>
      <c r="QYR646" s="613"/>
      <c r="QYS646" s="613"/>
      <c r="QYT646" s="613"/>
      <c r="QYU646" s="613"/>
      <c r="QYV646" s="613"/>
      <c r="QYW646" s="613"/>
      <c r="QYX646" s="613"/>
      <c r="QYY646" s="613"/>
      <c r="QYZ646" s="613"/>
      <c r="QZA646" s="613"/>
      <c r="QZB646" s="613"/>
      <c r="QZC646" s="613"/>
      <c r="QZD646" s="613"/>
      <c r="QZE646" s="613"/>
      <c r="QZF646" s="613"/>
      <c r="QZG646" s="613"/>
      <c r="QZH646" s="613"/>
      <c r="QZI646" s="613"/>
      <c r="QZJ646" s="613"/>
      <c r="QZK646" s="613"/>
      <c r="QZL646" s="613"/>
      <c r="QZM646" s="613"/>
      <c r="QZN646" s="613"/>
      <c r="QZO646" s="613"/>
      <c r="QZP646" s="613"/>
      <c r="QZQ646" s="613"/>
      <c r="QZR646" s="613"/>
      <c r="QZS646" s="613"/>
      <c r="QZT646" s="613"/>
      <c r="QZU646" s="613"/>
      <c r="QZV646" s="613"/>
      <c r="QZW646" s="613"/>
      <c r="QZX646" s="613"/>
      <c r="QZY646" s="613"/>
      <c r="QZZ646" s="613"/>
      <c r="RAA646" s="613"/>
      <c r="RAB646" s="613"/>
      <c r="RAC646" s="613"/>
      <c r="RAD646" s="613"/>
      <c r="RAE646" s="613"/>
      <c r="RAF646" s="613"/>
      <c r="RAG646" s="613"/>
      <c r="RAH646" s="613"/>
      <c r="RAI646" s="613"/>
      <c r="RAJ646" s="613"/>
      <c r="RAK646" s="613"/>
      <c r="RAL646" s="613"/>
      <c r="RAM646" s="613"/>
      <c r="RAN646" s="613"/>
      <c r="RAO646" s="613"/>
      <c r="RAP646" s="613"/>
      <c r="RAQ646" s="613"/>
      <c r="RAR646" s="613"/>
      <c r="RAS646" s="613"/>
      <c r="RAT646" s="613"/>
      <c r="RAU646" s="613"/>
      <c r="RAV646" s="613"/>
      <c r="RAW646" s="613"/>
      <c r="RAX646" s="613"/>
      <c r="RAY646" s="613"/>
      <c r="RAZ646" s="613"/>
      <c r="RBA646" s="613"/>
      <c r="RBB646" s="613"/>
      <c r="RBC646" s="613"/>
      <c r="RBD646" s="613"/>
      <c r="RBE646" s="613"/>
      <c r="RBF646" s="613"/>
      <c r="RBG646" s="613"/>
      <c r="RBH646" s="613"/>
      <c r="RBI646" s="613"/>
      <c r="RBJ646" s="613"/>
      <c r="RBK646" s="613"/>
      <c r="RBL646" s="613"/>
      <c r="RBM646" s="613"/>
      <c r="RBN646" s="613"/>
      <c r="RBO646" s="613"/>
      <c r="RBP646" s="613"/>
      <c r="RBQ646" s="613"/>
      <c r="RBR646" s="613"/>
      <c r="RBS646" s="613"/>
      <c r="RBT646" s="613"/>
      <c r="RBU646" s="613"/>
      <c r="RBV646" s="613"/>
      <c r="RBW646" s="613"/>
      <c r="RBX646" s="613"/>
      <c r="RBY646" s="613"/>
      <c r="RBZ646" s="613"/>
      <c r="RCA646" s="613"/>
      <c r="RCB646" s="613"/>
      <c r="RCC646" s="613"/>
      <c r="RCD646" s="613"/>
      <c r="RCE646" s="613"/>
      <c r="RCF646" s="613"/>
      <c r="RCG646" s="613"/>
      <c r="RCH646" s="613"/>
      <c r="RCI646" s="613"/>
      <c r="RCJ646" s="613"/>
      <c r="RCK646" s="613"/>
      <c r="RCL646" s="613"/>
      <c r="RCM646" s="613"/>
      <c r="RCN646" s="613"/>
      <c r="RCO646" s="613"/>
      <c r="RCP646" s="613"/>
      <c r="RCQ646" s="613"/>
      <c r="RCR646" s="613"/>
      <c r="RCS646" s="613"/>
      <c r="RCT646" s="613"/>
      <c r="RCU646" s="613"/>
      <c r="RCV646" s="613"/>
      <c r="RCW646" s="613"/>
      <c r="RCX646" s="613"/>
      <c r="RCY646" s="613"/>
      <c r="RCZ646" s="613"/>
      <c r="RDA646" s="613"/>
      <c r="RDB646" s="613"/>
      <c r="RDC646" s="613"/>
      <c r="RDD646" s="613"/>
      <c r="RDE646" s="613"/>
      <c r="RDF646" s="613"/>
      <c r="RDG646" s="613"/>
      <c r="RDH646" s="613"/>
      <c r="RDI646" s="613"/>
      <c r="RDJ646" s="613"/>
      <c r="RDK646" s="613"/>
      <c r="RDL646" s="613"/>
      <c r="RDM646" s="613"/>
      <c r="RDN646" s="613"/>
      <c r="RDO646" s="613"/>
      <c r="RDP646" s="613"/>
      <c r="RDQ646" s="613"/>
      <c r="RDR646" s="613"/>
      <c r="RDS646" s="613"/>
      <c r="RDT646" s="613"/>
      <c r="RDU646" s="613"/>
      <c r="RDV646" s="613"/>
      <c r="RDW646" s="613"/>
      <c r="RDX646" s="613"/>
      <c r="RDY646" s="613"/>
      <c r="RDZ646" s="613"/>
      <c r="REA646" s="613"/>
      <c r="REB646" s="613"/>
      <c r="REC646" s="613"/>
      <c r="RED646" s="613"/>
      <c r="REE646" s="613"/>
      <c r="REF646" s="613"/>
      <c r="REG646" s="613"/>
      <c r="REH646" s="613"/>
      <c r="REI646" s="613"/>
      <c r="REJ646" s="613"/>
      <c r="REK646" s="613"/>
      <c r="REL646" s="613"/>
      <c r="REM646" s="613"/>
      <c r="REN646" s="613"/>
      <c r="REO646" s="613"/>
      <c r="REP646" s="613"/>
      <c r="REQ646" s="613"/>
      <c r="RER646" s="613"/>
      <c r="RES646" s="613"/>
      <c r="RET646" s="613"/>
      <c r="REU646" s="613"/>
      <c r="REV646" s="613"/>
      <c r="REW646" s="613"/>
      <c r="REX646" s="613"/>
      <c r="REY646" s="613"/>
      <c r="REZ646" s="613"/>
      <c r="RFA646" s="613"/>
      <c r="RFB646" s="613"/>
      <c r="RFC646" s="613"/>
      <c r="RFD646" s="613"/>
      <c r="RFE646" s="613"/>
      <c r="RFF646" s="613"/>
      <c r="RFG646" s="613"/>
      <c r="RFH646" s="613"/>
      <c r="RFI646" s="613"/>
      <c r="RFJ646" s="613"/>
      <c r="RFK646" s="613"/>
      <c r="RFL646" s="613"/>
      <c r="RFM646" s="613"/>
      <c r="RFN646" s="613"/>
      <c r="RFO646" s="613"/>
      <c r="RFP646" s="613"/>
      <c r="RFQ646" s="613"/>
      <c r="RFR646" s="613"/>
      <c r="RFS646" s="613"/>
      <c r="RFT646" s="613"/>
      <c r="RFU646" s="613"/>
      <c r="RFV646" s="613"/>
      <c r="RFW646" s="613"/>
      <c r="RFX646" s="613"/>
      <c r="RFY646" s="613"/>
      <c r="RFZ646" s="613"/>
      <c r="RGA646" s="613"/>
      <c r="RGB646" s="613"/>
      <c r="RGC646" s="613"/>
      <c r="RGD646" s="613"/>
      <c r="RGE646" s="613"/>
      <c r="RGF646" s="613"/>
      <c r="RGG646" s="613"/>
      <c r="RGH646" s="613"/>
      <c r="RGI646" s="613"/>
      <c r="RGJ646" s="613"/>
      <c r="RGK646" s="613"/>
      <c r="RGL646" s="613"/>
      <c r="RGM646" s="613"/>
      <c r="RGN646" s="613"/>
      <c r="RGO646" s="613"/>
      <c r="RGP646" s="613"/>
      <c r="RGQ646" s="613"/>
      <c r="RGR646" s="613"/>
      <c r="RGS646" s="613"/>
      <c r="RGT646" s="613"/>
      <c r="RGU646" s="613"/>
      <c r="RGV646" s="613"/>
      <c r="RGW646" s="613"/>
      <c r="RGX646" s="613"/>
      <c r="RGY646" s="613"/>
      <c r="RGZ646" s="613"/>
      <c r="RHA646" s="613"/>
      <c r="RHB646" s="613"/>
      <c r="RHC646" s="613"/>
      <c r="RHD646" s="613"/>
      <c r="RHE646" s="613"/>
      <c r="RHF646" s="613"/>
      <c r="RHG646" s="613"/>
      <c r="RHH646" s="613"/>
      <c r="RHI646" s="613"/>
      <c r="RHJ646" s="613"/>
      <c r="RHK646" s="613"/>
      <c r="RHL646" s="613"/>
      <c r="RHM646" s="613"/>
      <c r="RHN646" s="613"/>
      <c r="RHO646" s="613"/>
      <c r="RHP646" s="613"/>
      <c r="RHQ646" s="613"/>
      <c r="RHR646" s="613"/>
      <c r="RHS646" s="613"/>
      <c r="RHT646" s="613"/>
      <c r="RHU646" s="613"/>
      <c r="RHV646" s="613"/>
      <c r="RHW646" s="613"/>
      <c r="RHX646" s="613"/>
      <c r="RHY646" s="613"/>
      <c r="RHZ646" s="613"/>
      <c r="RIA646" s="613"/>
      <c r="RIB646" s="613"/>
      <c r="RIC646" s="613"/>
      <c r="RID646" s="613"/>
      <c r="RIE646" s="613"/>
      <c r="RIF646" s="613"/>
      <c r="RIG646" s="613"/>
      <c r="RIH646" s="613"/>
      <c r="RII646" s="613"/>
      <c r="RIJ646" s="613"/>
      <c r="RIK646" s="613"/>
      <c r="RIL646" s="613"/>
      <c r="RIM646" s="613"/>
      <c r="RIN646" s="613"/>
      <c r="RIO646" s="613"/>
      <c r="RIP646" s="613"/>
      <c r="RIQ646" s="613"/>
      <c r="RIR646" s="613"/>
      <c r="RIS646" s="613"/>
      <c r="RIT646" s="613"/>
      <c r="RIU646" s="613"/>
      <c r="RIV646" s="613"/>
      <c r="RIW646" s="613"/>
      <c r="RIX646" s="613"/>
      <c r="RIY646" s="613"/>
      <c r="RIZ646" s="613"/>
      <c r="RJA646" s="613"/>
      <c r="RJB646" s="613"/>
      <c r="RJC646" s="613"/>
      <c r="RJD646" s="613"/>
      <c r="RJE646" s="613"/>
      <c r="RJF646" s="613"/>
      <c r="RJG646" s="613"/>
      <c r="RJH646" s="613"/>
      <c r="RJI646" s="613"/>
      <c r="RJJ646" s="613"/>
      <c r="RJK646" s="613"/>
      <c r="RJL646" s="613"/>
      <c r="RJM646" s="613"/>
      <c r="RJN646" s="613"/>
      <c r="RJO646" s="613"/>
      <c r="RJP646" s="613"/>
      <c r="RJQ646" s="613"/>
      <c r="RJR646" s="613"/>
      <c r="RJS646" s="613"/>
      <c r="RJT646" s="613"/>
      <c r="RJU646" s="613"/>
      <c r="RJV646" s="613"/>
      <c r="RJW646" s="613"/>
      <c r="RJX646" s="613"/>
      <c r="RJY646" s="613"/>
      <c r="RJZ646" s="613"/>
      <c r="RKA646" s="613"/>
      <c r="RKB646" s="613"/>
      <c r="RKC646" s="613"/>
      <c r="RKD646" s="613"/>
      <c r="RKE646" s="613"/>
      <c r="RKF646" s="613"/>
      <c r="RKG646" s="613"/>
      <c r="RKH646" s="613"/>
      <c r="RKI646" s="613"/>
      <c r="RKJ646" s="613"/>
      <c r="RKK646" s="613"/>
      <c r="RKL646" s="613"/>
      <c r="RKM646" s="613"/>
      <c r="RKN646" s="613"/>
      <c r="RKO646" s="613"/>
      <c r="RKP646" s="613"/>
      <c r="RKQ646" s="613"/>
      <c r="RKR646" s="613"/>
      <c r="RKS646" s="613"/>
      <c r="RKT646" s="613"/>
      <c r="RKU646" s="613"/>
      <c r="RKV646" s="613"/>
      <c r="RKW646" s="613"/>
      <c r="RKX646" s="613"/>
      <c r="RKY646" s="613"/>
      <c r="RKZ646" s="613"/>
      <c r="RLA646" s="613"/>
      <c r="RLB646" s="613"/>
      <c r="RLC646" s="613"/>
      <c r="RLD646" s="613"/>
      <c r="RLE646" s="613"/>
      <c r="RLF646" s="613"/>
      <c r="RLG646" s="613"/>
      <c r="RLH646" s="613"/>
      <c r="RLI646" s="613"/>
      <c r="RLJ646" s="613"/>
      <c r="RLK646" s="613"/>
      <c r="RLL646" s="613"/>
      <c r="RLM646" s="613"/>
      <c r="RLN646" s="613"/>
      <c r="RLO646" s="613"/>
      <c r="RLP646" s="613"/>
      <c r="RLQ646" s="613"/>
      <c r="RLR646" s="613"/>
      <c r="RLS646" s="613"/>
      <c r="RLT646" s="613"/>
      <c r="RLU646" s="613"/>
      <c r="RLV646" s="613"/>
      <c r="RLW646" s="613"/>
      <c r="RLX646" s="613"/>
      <c r="RLY646" s="613"/>
      <c r="RLZ646" s="613"/>
      <c r="RMA646" s="613"/>
      <c r="RMB646" s="613"/>
      <c r="RMC646" s="613"/>
      <c r="RMD646" s="613"/>
      <c r="RME646" s="613"/>
      <c r="RMF646" s="613"/>
      <c r="RMG646" s="613"/>
      <c r="RMH646" s="613"/>
      <c r="RMI646" s="613"/>
      <c r="RMJ646" s="613"/>
      <c r="RMK646" s="613"/>
      <c r="RML646" s="613"/>
      <c r="RMM646" s="613"/>
      <c r="RMN646" s="613"/>
      <c r="RMO646" s="613"/>
      <c r="RMP646" s="613"/>
      <c r="RMQ646" s="613"/>
      <c r="RMR646" s="613"/>
      <c r="RMS646" s="613"/>
      <c r="RMT646" s="613"/>
      <c r="RMU646" s="613"/>
      <c r="RMV646" s="613"/>
      <c r="RMW646" s="613"/>
      <c r="RMX646" s="613"/>
      <c r="RMY646" s="613"/>
      <c r="RMZ646" s="613"/>
      <c r="RNA646" s="613"/>
      <c r="RNB646" s="613"/>
      <c r="RNC646" s="613"/>
      <c r="RND646" s="613"/>
      <c r="RNE646" s="613"/>
      <c r="RNF646" s="613"/>
      <c r="RNG646" s="613"/>
      <c r="RNH646" s="613"/>
      <c r="RNI646" s="613"/>
      <c r="RNJ646" s="613"/>
      <c r="RNK646" s="613"/>
      <c r="RNL646" s="613"/>
      <c r="RNM646" s="613"/>
      <c r="RNN646" s="613"/>
      <c r="RNO646" s="613"/>
      <c r="RNP646" s="613"/>
      <c r="RNQ646" s="613"/>
      <c r="RNR646" s="613"/>
      <c r="RNS646" s="613"/>
      <c r="RNT646" s="613"/>
      <c r="RNU646" s="613"/>
      <c r="RNV646" s="613"/>
      <c r="RNW646" s="613"/>
      <c r="RNX646" s="613"/>
      <c r="RNY646" s="613"/>
      <c r="RNZ646" s="613"/>
      <c r="ROA646" s="613"/>
      <c r="ROB646" s="613"/>
      <c r="ROC646" s="613"/>
      <c r="ROD646" s="613"/>
      <c r="ROE646" s="613"/>
      <c r="ROF646" s="613"/>
      <c r="ROG646" s="613"/>
      <c r="ROH646" s="613"/>
      <c r="ROI646" s="613"/>
      <c r="ROJ646" s="613"/>
      <c r="ROK646" s="613"/>
      <c r="ROL646" s="613"/>
      <c r="ROM646" s="613"/>
      <c r="RON646" s="613"/>
      <c r="ROO646" s="613"/>
      <c r="ROP646" s="613"/>
      <c r="ROQ646" s="613"/>
      <c r="ROR646" s="613"/>
      <c r="ROS646" s="613"/>
      <c r="ROT646" s="613"/>
      <c r="ROU646" s="613"/>
      <c r="ROV646" s="613"/>
      <c r="ROW646" s="613"/>
      <c r="ROX646" s="613"/>
      <c r="ROY646" s="613"/>
      <c r="ROZ646" s="613"/>
      <c r="RPA646" s="613"/>
      <c r="RPB646" s="613"/>
      <c r="RPC646" s="613"/>
      <c r="RPD646" s="613"/>
      <c r="RPE646" s="613"/>
      <c r="RPF646" s="613"/>
      <c r="RPG646" s="613"/>
      <c r="RPH646" s="613"/>
      <c r="RPI646" s="613"/>
      <c r="RPJ646" s="613"/>
      <c r="RPK646" s="613"/>
      <c r="RPL646" s="613"/>
      <c r="RPM646" s="613"/>
      <c r="RPN646" s="613"/>
      <c r="RPO646" s="613"/>
      <c r="RPP646" s="613"/>
      <c r="RPQ646" s="613"/>
      <c r="RPR646" s="613"/>
      <c r="RPS646" s="613"/>
      <c r="RPT646" s="613"/>
      <c r="RPU646" s="613"/>
      <c r="RPV646" s="613"/>
      <c r="RPW646" s="613"/>
      <c r="RPX646" s="613"/>
      <c r="RPY646" s="613"/>
      <c r="RPZ646" s="613"/>
      <c r="RQA646" s="613"/>
      <c r="RQB646" s="613"/>
      <c r="RQC646" s="613"/>
      <c r="RQD646" s="613"/>
      <c r="RQE646" s="613"/>
      <c r="RQF646" s="613"/>
      <c r="RQG646" s="613"/>
      <c r="RQH646" s="613"/>
      <c r="RQI646" s="613"/>
      <c r="RQJ646" s="613"/>
      <c r="RQK646" s="613"/>
      <c r="RQL646" s="613"/>
      <c r="RQM646" s="613"/>
      <c r="RQN646" s="613"/>
      <c r="RQO646" s="613"/>
      <c r="RQP646" s="613"/>
      <c r="RQQ646" s="613"/>
      <c r="RQR646" s="613"/>
      <c r="RQS646" s="613"/>
      <c r="RQT646" s="613"/>
      <c r="RQU646" s="613"/>
      <c r="RQV646" s="613"/>
      <c r="RQW646" s="613"/>
      <c r="RQX646" s="613"/>
      <c r="RQY646" s="613"/>
      <c r="RQZ646" s="613"/>
      <c r="RRA646" s="613"/>
      <c r="RRB646" s="613"/>
      <c r="RRC646" s="613"/>
      <c r="RRD646" s="613"/>
      <c r="RRE646" s="613"/>
      <c r="RRF646" s="613"/>
      <c r="RRG646" s="613"/>
      <c r="RRH646" s="613"/>
      <c r="RRI646" s="613"/>
      <c r="RRJ646" s="613"/>
      <c r="RRK646" s="613"/>
      <c r="RRL646" s="613"/>
      <c r="RRM646" s="613"/>
      <c r="RRN646" s="613"/>
      <c r="RRO646" s="613"/>
      <c r="RRP646" s="613"/>
      <c r="RRQ646" s="613"/>
      <c r="RRR646" s="613"/>
      <c r="RRS646" s="613"/>
      <c r="RRT646" s="613"/>
      <c r="RRU646" s="613"/>
      <c r="RRV646" s="613"/>
      <c r="RRW646" s="613"/>
      <c r="RRX646" s="613"/>
      <c r="RRY646" s="613"/>
      <c r="RRZ646" s="613"/>
      <c r="RSA646" s="613"/>
      <c r="RSB646" s="613"/>
      <c r="RSC646" s="613"/>
      <c r="RSD646" s="613"/>
      <c r="RSE646" s="613"/>
      <c r="RSF646" s="613"/>
      <c r="RSG646" s="613"/>
      <c r="RSH646" s="613"/>
      <c r="RSI646" s="613"/>
      <c r="RSJ646" s="613"/>
      <c r="RSK646" s="613"/>
      <c r="RSL646" s="613"/>
      <c r="RSM646" s="613"/>
      <c r="RSN646" s="613"/>
      <c r="RSO646" s="613"/>
      <c r="RSP646" s="613"/>
      <c r="RSQ646" s="613"/>
      <c r="RSR646" s="613"/>
      <c r="RSS646" s="613"/>
      <c r="RST646" s="613"/>
      <c r="RSU646" s="613"/>
      <c r="RSV646" s="613"/>
      <c r="RSW646" s="613"/>
      <c r="RSX646" s="613"/>
      <c r="RSY646" s="613"/>
      <c r="RSZ646" s="613"/>
      <c r="RTA646" s="613"/>
      <c r="RTB646" s="613"/>
      <c r="RTC646" s="613"/>
      <c r="RTD646" s="613"/>
      <c r="RTE646" s="613"/>
      <c r="RTF646" s="613"/>
      <c r="RTG646" s="613"/>
      <c r="RTH646" s="613"/>
      <c r="RTI646" s="613"/>
      <c r="RTJ646" s="613"/>
      <c r="RTK646" s="613"/>
      <c r="RTL646" s="613"/>
      <c r="RTM646" s="613"/>
      <c r="RTN646" s="613"/>
      <c r="RTO646" s="613"/>
      <c r="RTP646" s="613"/>
      <c r="RTQ646" s="613"/>
      <c r="RTR646" s="613"/>
      <c r="RTS646" s="613"/>
      <c r="RTT646" s="613"/>
      <c r="RTU646" s="613"/>
      <c r="RTV646" s="613"/>
      <c r="RTW646" s="613"/>
      <c r="RTX646" s="613"/>
      <c r="RTY646" s="613"/>
      <c r="RTZ646" s="613"/>
      <c r="RUA646" s="613"/>
      <c r="RUB646" s="613"/>
      <c r="RUC646" s="613"/>
      <c r="RUD646" s="613"/>
      <c r="RUE646" s="613"/>
      <c r="RUF646" s="613"/>
      <c r="RUG646" s="613"/>
      <c r="RUH646" s="613"/>
      <c r="RUI646" s="613"/>
      <c r="RUJ646" s="613"/>
      <c r="RUK646" s="613"/>
      <c r="RUL646" s="613"/>
      <c r="RUM646" s="613"/>
      <c r="RUN646" s="613"/>
      <c r="RUO646" s="613"/>
      <c r="RUP646" s="613"/>
      <c r="RUQ646" s="613"/>
      <c r="RUR646" s="613"/>
      <c r="RUS646" s="613"/>
      <c r="RUT646" s="613"/>
      <c r="RUU646" s="613"/>
      <c r="RUV646" s="613"/>
      <c r="RUW646" s="613"/>
      <c r="RUX646" s="613"/>
      <c r="RUY646" s="613"/>
      <c r="RUZ646" s="613"/>
      <c r="RVA646" s="613"/>
      <c r="RVB646" s="613"/>
      <c r="RVC646" s="613"/>
      <c r="RVD646" s="613"/>
      <c r="RVE646" s="613"/>
      <c r="RVF646" s="613"/>
      <c r="RVG646" s="613"/>
      <c r="RVH646" s="613"/>
      <c r="RVI646" s="613"/>
      <c r="RVJ646" s="613"/>
      <c r="RVK646" s="613"/>
      <c r="RVL646" s="613"/>
      <c r="RVM646" s="613"/>
      <c r="RVN646" s="613"/>
      <c r="RVO646" s="613"/>
      <c r="RVP646" s="613"/>
      <c r="RVQ646" s="613"/>
      <c r="RVR646" s="613"/>
      <c r="RVS646" s="613"/>
      <c r="RVT646" s="613"/>
      <c r="RVU646" s="613"/>
      <c r="RVV646" s="613"/>
      <c r="RVW646" s="613"/>
      <c r="RVX646" s="613"/>
      <c r="RVY646" s="613"/>
      <c r="RVZ646" s="613"/>
      <c r="RWA646" s="613"/>
      <c r="RWB646" s="613"/>
      <c r="RWC646" s="613"/>
      <c r="RWD646" s="613"/>
      <c r="RWE646" s="613"/>
      <c r="RWF646" s="613"/>
      <c r="RWG646" s="613"/>
      <c r="RWH646" s="613"/>
      <c r="RWI646" s="613"/>
      <c r="RWJ646" s="613"/>
      <c r="RWK646" s="613"/>
      <c r="RWL646" s="613"/>
      <c r="RWM646" s="613"/>
      <c r="RWN646" s="613"/>
      <c r="RWO646" s="613"/>
      <c r="RWP646" s="613"/>
      <c r="RWQ646" s="613"/>
      <c r="RWR646" s="613"/>
      <c r="RWS646" s="613"/>
      <c r="RWT646" s="613"/>
      <c r="RWU646" s="613"/>
      <c r="RWV646" s="613"/>
      <c r="RWW646" s="613"/>
      <c r="RWX646" s="613"/>
      <c r="RWY646" s="613"/>
      <c r="RWZ646" s="613"/>
      <c r="RXA646" s="613"/>
      <c r="RXB646" s="613"/>
      <c r="RXC646" s="613"/>
      <c r="RXD646" s="613"/>
      <c r="RXE646" s="613"/>
      <c r="RXF646" s="613"/>
      <c r="RXG646" s="613"/>
      <c r="RXH646" s="613"/>
      <c r="RXI646" s="613"/>
      <c r="RXJ646" s="613"/>
      <c r="RXK646" s="613"/>
      <c r="RXL646" s="613"/>
      <c r="RXM646" s="613"/>
      <c r="RXN646" s="613"/>
      <c r="RXO646" s="613"/>
      <c r="RXP646" s="613"/>
      <c r="RXQ646" s="613"/>
      <c r="RXR646" s="613"/>
      <c r="RXS646" s="613"/>
      <c r="RXT646" s="613"/>
      <c r="RXU646" s="613"/>
      <c r="RXV646" s="613"/>
      <c r="RXW646" s="613"/>
      <c r="RXX646" s="613"/>
      <c r="RXY646" s="613"/>
      <c r="RXZ646" s="613"/>
      <c r="RYA646" s="613"/>
      <c r="RYB646" s="613"/>
      <c r="RYC646" s="613"/>
      <c r="RYD646" s="613"/>
      <c r="RYE646" s="613"/>
      <c r="RYF646" s="613"/>
      <c r="RYG646" s="613"/>
      <c r="RYH646" s="613"/>
      <c r="RYI646" s="613"/>
      <c r="RYJ646" s="613"/>
      <c r="RYK646" s="613"/>
      <c r="RYL646" s="613"/>
      <c r="RYM646" s="613"/>
      <c r="RYN646" s="613"/>
      <c r="RYO646" s="613"/>
      <c r="RYP646" s="613"/>
      <c r="RYQ646" s="613"/>
      <c r="RYR646" s="613"/>
      <c r="RYS646" s="613"/>
      <c r="RYT646" s="613"/>
      <c r="RYU646" s="613"/>
      <c r="RYV646" s="613"/>
      <c r="RYW646" s="613"/>
      <c r="RYX646" s="613"/>
      <c r="RYY646" s="613"/>
      <c r="RYZ646" s="613"/>
      <c r="RZA646" s="613"/>
      <c r="RZB646" s="613"/>
      <c r="RZC646" s="613"/>
      <c r="RZD646" s="613"/>
      <c r="RZE646" s="613"/>
      <c r="RZF646" s="613"/>
      <c r="RZG646" s="613"/>
      <c r="RZH646" s="613"/>
      <c r="RZI646" s="613"/>
      <c r="RZJ646" s="613"/>
      <c r="RZK646" s="613"/>
      <c r="RZL646" s="613"/>
      <c r="RZM646" s="613"/>
      <c r="RZN646" s="613"/>
      <c r="RZO646" s="613"/>
      <c r="RZP646" s="613"/>
      <c r="RZQ646" s="613"/>
      <c r="RZR646" s="613"/>
      <c r="RZS646" s="613"/>
      <c r="RZT646" s="613"/>
      <c r="RZU646" s="613"/>
      <c r="RZV646" s="613"/>
      <c r="RZW646" s="613"/>
      <c r="RZX646" s="613"/>
      <c r="RZY646" s="613"/>
      <c r="RZZ646" s="613"/>
      <c r="SAA646" s="613"/>
      <c r="SAB646" s="613"/>
      <c r="SAC646" s="613"/>
      <c r="SAD646" s="613"/>
      <c r="SAE646" s="613"/>
      <c r="SAF646" s="613"/>
      <c r="SAG646" s="613"/>
      <c r="SAH646" s="613"/>
      <c r="SAI646" s="613"/>
      <c r="SAJ646" s="613"/>
      <c r="SAK646" s="613"/>
      <c r="SAL646" s="613"/>
      <c r="SAM646" s="613"/>
      <c r="SAN646" s="613"/>
      <c r="SAO646" s="613"/>
      <c r="SAP646" s="613"/>
      <c r="SAQ646" s="613"/>
      <c r="SAR646" s="613"/>
      <c r="SAS646" s="613"/>
      <c r="SAT646" s="613"/>
      <c r="SAU646" s="613"/>
      <c r="SAV646" s="613"/>
      <c r="SAW646" s="613"/>
      <c r="SAX646" s="613"/>
      <c r="SAY646" s="613"/>
      <c r="SAZ646" s="613"/>
      <c r="SBA646" s="613"/>
      <c r="SBB646" s="613"/>
      <c r="SBC646" s="613"/>
      <c r="SBD646" s="613"/>
      <c r="SBE646" s="613"/>
      <c r="SBF646" s="613"/>
      <c r="SBG646" s="613"/>
      <c r="SBH646" s="613"/>
      <c r="SBI646" s="613"/>
      <c r="SBJ646" s="613"/>
      <c r="SBK646" s="613"/>
      <c r="SBL646" s="613"/>
      <c r="SBM646" s="613"/>
      <c r="SBN646" s="613"/>
      <c r="SBO646" s="613"/>
      <c r="SBP646" s="613"/>
      <c r="SBQ646" s="613"/>
      <c r="SBR646" s="613"/>
      <c r="SBS646" s="613"/>
      <c r="SBT646" s="613"/>
      <c r="SBU646" s="613"/>
      <c r="SBV646" s="613"/>
      <c r="SBW646" s="613"/>
      <c r="SBX646" s="613"/>
      <c r="SBY646" s="613"/>
      <c r="SBZ646" s="613"/>
      <c r="SCA646" s="613"/>
      <c r="SCB646" s="613"/>
      <c r="SCC646" s="613"/>
      <c r="SCD646" s="613"/>
      <c r="SCE646" s="613"/>
      <c r="SCF646" s="613"/>
      <c r="SCG646" s="613"/>
      <c r="SCH646" s="613"/>
      <c r="SCI646" s="613"/>
      <c r="SCJ646" s="613"/>
      <c r="SCK646" s="613"/>
      <c r="SCL646" s="613"/>
      <c r="SCM646" s="613"/>
      <c r="SCN646" s="613"/>
      <c r="SCO646" s="613"/>
      <c r="SCP646" s="613"/>
      <c r="SCQ646" s="613"/>
      <c r="SCR646" s="613"/>
      <c r="SCS646" s="613"/>
      <c r="SCT646" s="613"/>
      <c r="SCU646" s="613"/>
      <c r="SCV646" s="613"/>
      <c r="SCW646" s="613"/>
      <c r="SCX646" s="613"/>
      <c r="SCY646" s="613"/>
      <c r="SCZ646" s="613"/>
      <c r="SDA646" s="613"/>
      <c r="SDB646" s="613"/>
      <c r="SDC646" s="613"/>
      <c r="SDD646" s="613"/>
      <c r="SDE646" s="613"/>
      <c r="SDF646" s="613"/>
      <c r="SDG646" s="613"/>
      <c r="SDH646" s="613"/>
      <c r="SDI646" s="613"/>
      <c r="SDJ646" s="613"/>
      <c r="SDK646" s="613"/>
      <c r="SDL646" s="613"/>
      <c r="SDM646" s="613"/>
      <c r="SDN646" s="613"/>
      <c r="SDO646" s="613"/>
      <c r="SDP646" s="613"/>
      <c r="SDQ646" s="613"/>
      <c r="SDR646" s="613"/>
      <c r="SDS646" s="613"/>
      <c r="SDT646" s="613"/>
      <c r="SDU646" s="613"/>
      <c r="SDV646" s="613"/>
      <c r="SDW646" s="613"/>
      <c r="SDX646" s="613"/>
      <c r="SDY646" s="613"/>
      <c r="SDZ646" s="613"/>
      <c r="SEA646" s="613"/>
      <c r="SEB646" s="613"/>
      <c r="SEC646" s="613"/>
      <c r="SED646" s="613"/>
      <c r="SEE646" s="613"/>
      <c r="SEF646" s="613"/>
      <c r="SEG646" s="613"/>
      <c r="SEH646" s="613"/>
      <c r="SEI646" s="613"/>
      <c r="SEJ646" s="613"/>
      <c r="SEK646" s="613"/>
      <c r="SEL646" s="613"/>
      <c r="SEM646" s="613"/>
      <c r="SEN646" s="613"/>
      <c r="SEO646" s="613"/>
      <c r="SEP646" s="613"/>
      <c r="SEQ646" s="613"/>
      <c r="SER646" s="613"/>
      <c r="SES646" s="613"/>
      <c r="SET646" s="613"/>
      <c r="SEU646" s="613"/>
      <c r="SEV646" s="613"/>
      <c r="SEW646" s="613"/>
      <c r="SEX646" s="613"/>
      <c r="SEY646" s="613"/>
      <c r="SEZ646" s="613"/>
      <c r="SFA646" s="613"/>
      <c r="SFB646" s="613"/>
      <c r="SFC646" s="613"/>
      <c r="SFD646" s="613"/>
      <c r="SFE646" s="613"/>
      <c r="SFF646" s="613"/>
      <c r="SFG646" s="613"/>
      <c r="SFH646" s="613"/>
      <c r="SFI646" s="613"/>
      <c r="SFJ646" s="613"/>
      <c r="SFK646" s="613"/>
      <c r="SFL646" s="613"/>
      <c r="SFM646" s="613"/>
      <c r="SFN646" s="613"/>
      <c r="SFO646" s="613"/>
      <c r="SFP646" s="613"/>
      <c r="SFQ646" s="613"/>
      <c r="SFR646" s="613"/>
      <c r="SFS646" s="613"/>
      <c r="SFT646" s="613"/>
      <c r="SFU646" s="613"/>
      <c r="SFV646" s="613"/>
      <c r="SFW646" s="613"/>
      <c r="SFX646" s="613"/>
      <c r="SFY646" s="613"/>
      <c r="SFZ646" s="613"/>
      <c r="SGA646" s="613"/>
      <c r="SGB646" s="613"/>
      <c r="SGC646" s="613"/>
      <c r="SGD646" s="613"/>
      <c r="SGE646" s="613"/>
      <c r="SGF646" s="613"/>
      <c r="SGG646" s="613"/>
      <c r="SGH646" s="613"/>
      <c r="SGI646" s="613"/>
      <c r="SGJ646" s="613"/>
      <c r="SGK646" s="613"/>
      <c r="SGL646" s="613"/>
      <c r="SGM646" s="613"/>
      <c r="SGN646" s="613"/>
      <c r="SGO646" s="613"/>
      <c r="SGP646" s="613"/>
      <c r="SGQ646" s="613"/>
      <c r="SGR646" s="613"/>
      <c r="SGS646" s="613"/>
      <c r="SGT646" s="613"/>
      <c r="SGU646" s="613"/>
      <c r="SGV646" s="613"/>
      <c r="SGW646" s="613"/>
      <c r="SGX646" s="613"/>
      <c r="SGY646" s="613"/>
      <c r="SGZ646" s="613"/>
      <c r="SHA646" s="613"/>
      <c r="SHB646" s="613"/>
      <c r="SHC646" s="613"/>
      <c r="SHD646" s="613"/>
      <c r="SHE646" s="613"/>
      <c r="SHF646" s="613"/>
      <c r="SHG646" s="613"/>
      <c r="SHH646" s="613"/>
      <c r="SHI646" s="613"/>
      <c r="SHJ646" s="613"/>
      <c r="SHK646" s="613"/>
      <c r="SHL646" s="613"/>
      <c r="SHM646" s="613"/>
      <c r="SHN646" s="613"/>
      <c r="SHO646" s="613"/>
      <c r="SHP646" s="613"/>
      <c r="SHQ646" s="613"/>
      <c r="SHR646" s="613"/>
      <c r="SHS646" s="613"/>
      <c r="SHT646" s="613"/>
      <c r="SHU646" s="613"/>
      <c r="SHV646" s="613"/>
      <c r="SHW646" s="613"/>
      <c r="SHX646" s="613"/>
      <c r="SHY646" s="613"/>
      <c r="SHZ646" s="613"/>
      <c r="SIA646" s="613"/>
      <c r="SIB646" s="613"/>
      <c r="SIC646" s="613"/>
      <c r="SID646" s="613"/>
      <c r="SIE646" s="613"/>
      <c r="SIF646" s="613"/>
      <c r="SIG646" s="613"/>
      <c r="SIH646" s="613"/>
      <c r="SII646" s="613"/>
      <c r="SIJ646" s="613"/>
      <c r="SIK646" s="613"/>
      <c r="SIL646" s="613"/>
      <c r="SIM646" s="613"/>
      <c r="SIN646" s="613"/>
      <c r="SIO646" s="613"/>
      <c r="SIP646" s="613"/>
      <c r="SIQ646" s="613"/>
      <c r="SIR646" s="613"/>
      <c r="SIS646" s="613"/>
      <c r="SIT646" s="613"/>
      <c r="SIU646" s="613"/>
      <c r="SIV646" s="613"/>
      <c r="SIW646" s="613"/>
      <c r="SIX646" s="613"/>
      <c r="SIY646" s="613"/>
      <c r="SIZ646" s="613"/>
      <c r="SJA646" s="613"/>
      <c r="SJB646" s="613"/>
      <c r="SJC646" s="613"/>
      <c r="SJD646" s="613"/>
      <c r="SJE646" s="613"/>
      <c r="SJF646" s="613"/>
      <c r="SJG646" s="613"/>
      <c r="SJH646" s="613"/>
      <c r="SJI646" s="613"/>
      <c r="SJJ646" s="613"/>
      <c r="SJK646" s="613"/>
      <c r="SJL646" s="613"/>
      <c r="SJM646" s="613"/>
      <c r="SJN646" s="613"/>
      <c r="SJO646" s="613"/>
      <c r="SJP646" s="613"/>
      <c r="SJQ646" s="613"/>
      <c r="SJR646" s="613"/>
      <c r="SJS646" s="613"/>
      <c r="SJT646" s="613"/>
      <c r="SJU646" s="613"/>
      <c r="SJV646" s="613"/>
      <c r="SJW646" s="613"/>
      <c r="SJX646" s="613"/>
      <c r="SJY646" s="613"/>
      <c r="SJZ646" s="613"/>
      <c r="SKA646" s="613"/>
      <c r="SKB646" s="613"/>
      <c r="SKC646" s="613"/>
      <c r="SKD646" s="613"/>
      <c r="SKE646" s="613"/>
      <c r="SKF646" s="613"/>
      <c r="SKG646" s="613"/>
      <c r="SKH646" s="613"/>
      <c r="SKI646" s="613"/>
      <c r="SKJ646" s="613"/>
      <c r="SKK646" s="613"/>
      <c r="SKL646" s="613"/>
      <c r="SKM646" s="613"/>
      <c r="SKN646" s="613"/>
      <c r="SKO646" s="613"/>
      <c r="SKP646" s="613"/>
      <c r="SKQ646" s="613"/>
      <c r="SKR646" s="613"/>
      <c r="SKS646" s="613"/>
      <c r="SKT646" s="613"/>
      <c r="SKU646" s="613"/>
      <c r="SKV646" s="613"/>
      <c r="SKW646" s="613"/>
      <c r="SKX646" s="613"/>
      <c r="SKY646" s="613"/>
      <c r="SKZ646" s="613"/>
      <c r="SLA646" s="613"/>
      <c r="SLB646" s="613"/>
      <c r="SLC646" s="613"/>
      <c r="SLD646" s="613"/>
      <c r="SLE646" s="613"/>
      <c r="SLF646" s="613"/>
      <c r="SLG646" s="613"/>
      <c r="SLH646" s="613"/>
      <c r="SLI646" s="613"/>
      <c r="SLJ646" s="613"/>
      <c r="SLK646" s="613"/>
      <c r="SLL646" s="613"/>
      <c r="SLM646" s="613"/>
      <c r="SLN646" s="613"/>
      <c r="SLO646" s="613"/>
      <c r="SLP646" s="613"/>
      <c r="SLQ646" s="613"/>
      <c r="SLR646" s="613"/>
      <c r="SLS646" s="613"/>
      <c r="SLT646" s="613"/>
      <c r="SLU646" s="613"/>
      <c r="SLV646" s="613"/>
      <c r="SLW646" s="613"/>
      <c r="SLX646" s="613"/>
      <c r="SLY646" s="613"/>
      <c r="SLZ646" s="613"/>
      <c r="SMA646" s="613"/>
      <c r="SMB646" s="613"/>
      <c r="SMC646" s="613"/>
      <c r="SMD646" s="613"/>
      <c r="SME646" s="613"/>
      <c r="SMF646" s="613"/>
      <c r="SMG646" s="613"/>
      <c r="SMH646" s="613"/>
      <c r="SMI646" s="613"/>
      <c r="SMJ646" s="613"/>
      <c r="SMK646" s="613"/>
      <c r="SML646" s="613"/>
      <c r="SMM646" s="613"/>
      <c r="SMN646" s="613"/>
      <c r="SMO646" s="613"/>
      <c r="SMP646" s="613"/>
      <c r="SMQ646" s="613"/>
      <c r="SMR646" s="613"/>
      <c r="SMS646" s="613"/>
      <c r="SMT646" s="613"/>
      <c r="SMU646" s="613"/>
      <c r="SMV646" s="613"/>
      <c r="SMW646" s="613"/>
      <c r="SMX646" s="613"/>
      <c r="SMY646" s="613"/>
      <c r="SMZ646" s="613"/>
      <c r="SNA646" s="613"/>
      <c r="SNB646" s="613"/>
      <c r="SNC646" s="613"/>
      <c r="SND646" s="613"/>
      <c r="SNE646" s="613"/>
      <c r="SNF646" s="613"/>
      <c r="SNG646" s="613"/>
      <c r="SNH646" s="613"/>
      <c r="SNI646" s="613"/>
      <c r="SNJ646" s="613"/>
      <c r="SNK646" s="613"/>
      <c r="SNL646" s="613"/>
      <c r="SNM646" s="613"/>
      <c r="SNN646" s="613"/>
      <c r="SNO646" s="613"/>
      <c r="SNP646" s="613"/>
      <c r="SNQ646" s="613"/>
      <c r="SNR646" s="613"/>
      <c r="SNS646" s="613"/>
      <c r="SNT646" s="613"/>
      <c r="SNU646" s="613"/>
      <c r="SNV646" s="613"/>
      <c r="SNW646" s="613"/>
      <c r="SNX646" s="613"/>
      <c r="SNY646" s="613"/>
      <c r="SNZ646" s="613"/>
      <c r="SOA646" s="613"/>
      <c r="SOB646" s="613"/>
      <c r="SOC646" s="613"/>
      <c r="SOD646" s="613"/>
      <c r="SOE646" s="613"/>
      <c r="SOF646" s="613"/>
      <c r="SOG646" s="613"/>
      <c r="SOH646" s="613"/>
      <c r="SOI646" s="613"/>
      <c r="SOJ646" s="613"/>
      <c r="SOK646" s="613"/>
      <c r="SOL646" s="613"/>
      <c r="SOM646" s="613"/>
      <c r="SON646" s="613"/>
      <c r="SOO646" s="613"/>
      <c r="SOP646" s="613"/>
      <c r="SOQ646" s="613"/>
      <c r="SOR646" s="613"/>
      <c r="SOS646" s="613"/>
      <c r="SOT646" s="613"/>
      <c r="SOU646" s="613"/>
      <c r="SOV646" s="613"/>
      <c r="SOW646" s="613"/>
      <c r="SOX646" s="613"/>
      <c r="SOY646" s="613"/>
      <c r="SOZ646" s="613"/>
      <c r="SPA646" s="613"/>
      <c r="SPB646" s="613"/>
      <c r="SPC646" s="613"/>
      <c r="SPD646" s="613"/>
      <c r="SPE646" s="613"/>
      <c r="SPF646" s="613"/>
      <c r="SPG646" s="613"/>
      <c r="SPH646" s="613"/>
      <c r="SPI646" s="613"/>
      <c r="SPJ646" s="613"/>
      <c r="SPK646" s="613"/>
      <c r="SPL646" s="613"/>
      <c r="SPM646" s="613"/>
      <c r="SPN646" s="613"/>
      <c r="SPO646" s="613"/>
      <c r="SPP646" s="613"/>
      <c r="SPQ646" s="613"/>
      <c r="SPR646" s="613"/>
      <c r="SPS646" s="613"/>
      <c r="SPT646" s="613"/>
      <c r="SPU646" s="613"/>
      <c r="SPV646" s="613"/>
      <c r="SPW646" s="613"/>
      <c r="SPX646" s="613"/>
      <c r="SPY646" s="613"/>
      <c r="SPZ646" s="613"/>
      <c r="SQA646" s="613"/>
      <c r="SQB646" s="613"/>
      <c r="SQC646" s="613"/>
      <c r="SQD646" s="613"/>
      <c r="SQE646" s="613"/>
      <c r="SQF646" s="613"/>
      <c r="SQG646" s="613"/>
      <c r="SQH646" s="613"/>
      <c r="SQI646" s="613"/>
      <c r="SQJ646" s="613"/>
      <c r="SQK646" s="613"/>
      <c r="SQL646" s="613"/>
      <c r="SQM646" s="613"/>
      <c r="SQN646" s="613"/>
      <c r="SQO646" s="613"/>
      <c r="SQP646" s="613"/>
      <c r="SQQ646" s="613"/>
      <c r="SQR646" s="613"/>
      <c r="SQS646" s="613"/>
      <c r="SQT646" s="613"/>
      <c r="SQU646" s="613"/>
      <c r="SQV646" s="613"/>
      <c r="SQW646" s="613"/>
      <c r="SQX646" s="613"/>
      <c r="SQY646" s="613"/>
      <c r="SQZ646" s="613"/>
      <c r="SRA646" s="613"/>
      <c r="SRB646" s="613"/>
      <c r="SRC646" s="613"/>
      <c r="SRD646" s="613"/>
      <c r="SRE646" s="613"/>
      <c r="SRF646" s="613"/>
      <c r="SRG646" s="613"/>
      <c r="SRH646" s="613"/>
      <c r="SRI646" s="613"/>
      <c r="SRJ646" s="613"/>
      <c r="SRK646" s="613"/>
      <c r="SRL646" s="613"/>
      <c r="SRM646" s="613"/>
      <c r="SRN646" s="613"/>
      <c r="SRO646" s="613"/>
      <c r="SRP646" s="613"/>
      <c r="SRQ646" s="613"/>
      <c r="SRR646" s="613"/>
      <c r="SRS646" s="613"/>
      <c r="SRT646" s="613"/>
      <c r="SRU646" s="613"/>
      <c r="SRV646" s="613"/>
      <c r="SRW646" s="613"/>
      <c r="SRX646" s="613"/>
      <c r="SRY646" s="613"/>
      <c r="SRZ646" s="613"/>
      <c r="SSA646" s="613"/>
      <c r="SSB646" s="613"/>
      <c r="SSC646" s="613"/>
      <c r="SSD646" s="613"/>
      <c r="SSE646" s="613"/>
      <c r="SSF646" s="613"/>
      <c r="SSG646" s="613"/>
      <c r="SSH646" s="613"/>
      <c r="SSI646" s="613"/>
      <c r="SSJ646" s="613"/>
      <c r="SSK646" s="613"/>
      <c r="SSL646" s="613"/>
      <c r="SSM646" s="613"/>
      <c r="SSN646" s="613"/>
      <c r="SSO646" s="613"/>
      <c r="SSP646" s="613"/>
      <c r="SSQ646" s="613"/>
      <c r="SSR646" s="613"/>
      <c r="SSS646" s="613"/>
      <c r="SST646" s="613"/>
      <c r="SSU646" s="613"/>
      <c r="SSV646" s="613"/>
      <c r="SSW646" s="613"/>
      <c r="SSX646" s="613"/>
      <c r="SSY646" s="613"/>
      <c r="SSZ646" s="613"/>
      <c r="STA646" s="613"/>
      <c r="STB646" s="613"/>
      <c r="STC646" s="613"/>
      <c r="STD646" s="613"/>
      <c r="STE646" s="613"/>
      <c r="STF646" s="613"/>
      <c r="STG646" s="613"/>
      <c r="STH646" s="613"/>
      <c r="STI646" s="613"/>
      <c r="STJ646" s="613"/>
      <c r="STK646" s="613"/>
      <c r="STL646" s="613"/>
      <c r="STM646" s="613"/>
      <c r="STN646" s="613"/>
      <c r="STO646" s="613"/>
      <c r="STP646" s="613"/>
      <c r="STQ646" s="613"/>
      <c r="STR646" s="613"/>
      <c r="STS646" s="613"/>
      <c r="STT646" s="613"/>
      <c r="STU646" s="613"/>
      <c r="STV646" s="613"/>
      <c r="STW646" s="613"/>
      <c r="STX646" s="613"/>
      <c r="STY646" s="613"/>
      <c r="STZ646" s="613"/>
      <c r="SUA646" s="613"/>
      <c r="SUB646" s="613"/>
      <c r="SUC646" s="613"/>
      <c r="SUD646" s="613"/>
      <c r="SUE646" s="613"/>
      <c r="SUF646" s="613"/>
      <c r="SUG646" s="613"/>
      <c r="SUH646" s="613"/>
      <c r="SUI646" s="613"/>
      <c r="SUJ646" s="613"/>
      <c r="SUK646" s="613"/>
      <c r="SUL646" s="613"/>
      <c r="SUM646" s="613"/>
      <c r="SUN646" s="613"/>
      <c r="SUO646" s="613"/>
      <c r="SUP646" s="613"/>
      <c r="SUQ646" s="613"/>
      <c r="SUR646" s="613"/>
      <c r="SUS646" s="613"/>
      <c r="SUT646" s="613"/>
      <c r="SUU646" s="613"/>
      <c r="SUV646" s="613"/>
      <c r="SUW646" s="613"/>
      <c r="SUX646" s="613"/>
      <c r="SUY646" s="613"/>
      <c r="SUZ646" s="613"/>
      <c r="SVA646" s="613"/>
      <c r="SVB646" s="613"/>
      <c r="SVC646" s="613"/>
      <c r="SVD646" s="613"/>
      <c r="SVE646" s="613"/>
      <c r="SVF646" s="613"/>
      <c r="SVG646" s="613"/>
      <c r="SVH646" s="613"/>
      <c r="SVI646" s="613"/>
      <c r="SVJ646" s="613"/>
      <c r="SVK646" s="613"/>
      <c r="SVL646" s="613"/>
      <c r="SVM646" s="613"/>
      <c r="SVN646" s="613"/>
      <c r="SVO646" s="613"/>
      <c r="SVP646" s="613"/>
      <c r="SVQ646" s="613"/>
      <c r="SVR646" s="613"/>
      <c r="SVS646" s="613"/>
      <c r="SVT646" s="613"/>
      <c r="SVU646" s="613"/>
      <c r="SVV646" s="613"/>
      <c r="SVW646" s="613"/>
      <c r="SVX646" s="613"/>
      <c r="SVY646" s="613"/>
      <c r="SVZ646" s="613"/>
      <c r="SWA646" s="613"/>
      <c r="SWB646" s="613"/>
      <c r="SWC646" s="613"/>
      <c r="SWD646" s="613"/>
      <c r="SWE646" s="613"/>
      <c r="SWF646" s="613"/>
      <c r="SWG646" s="613"/>
      <c r="SWH646" s="613"/>
      <c r="SWI646" s="613"/>
      <c r="SWJ646" s="613"/>
      <c r="SWK646" s="613"/>
      <c r="SWL646" s="613"/>
      <c r="SWM646" s="613"/>
      <c r="SWN646" s="613"/>
      <c r="SWO646" s="613"/>
      <c r="SWP646" s="613"/>
      <c r="SWQ646" s="613"/>
      <c r="SWR646" s="613"/>
      <c r="SWS646" s="613"/>
      <c r="SWT646" s="613"/>
      <c r="SWU646" s="613"/>
      <c r="SWV646" s="613"/>
      <c r="SWW646" s="613"/>
      <c r="SWX646" s="613"/>
      <c r="SWY646" s="613"/>
      <c r="SWZ646" s="613"/>
      <c r="SXA646" s="613"/>
      <c r="SXB646" s="613"/>
      <c r="SXC646" s="613"/>
      <c r="SXD646" s="613"/>
      <c r="SXE646" s="613"/>
      <c r="SXF646" s="613"/>
      <c r="SXG646" s="613"/>
      <c r="SXH646" s="613"/>
      <c r="SXI646" s="613"/>
      <c r="SXJ646" s="613"/>
      <c r="SXK646" s="613"/>
      <c r="SXL646" s="613"/>
      <c r="SXM646" s="613"/>
      <c r="SXN646" s="613"/>
      <c r="SXO646" s="613"/>
      <c r="SXP646" s="613"/>
      <c r="SXQ646" s="613"/>
      <c r="SXR646" s="613"/>
      <c r="SXS646" s="613"/>
      <c r="SXT646" s="613"/>
      <c r="SXU646" s="613"/>
      <c r="SXV646" s="613"/>
      <c r="SXW646" s="613"/>
      <c r="SXX646" s="613"/>
      <c r="SXY646" s="613"/>
      <c r="SXZ646" s="613"/>
      <c r="SYA646" s="613"/>
      <c r="SYB646" s="613"/>
      <c r="SYC646" s="613"/>
      <c r="SYD646" s="613"/>
      <c r="SYE646" s="613"/>
      <c r="SYF646" s="613"/>
      <c r="SYG646" s="613"/>
      <c r="SYH646" s="613"/>
      <c r="SYI646" s="613"/>
      <c r="SYJ646" s="613"/>
      <c r="SYK646" s="613"/>
      <c r="SYL646" s="613"/>
      <c r="SYM646" s="613"/>
      <c r="SYN646" s="613"/>
      <c r="SYO646" s="613"/>
      <c r="SYP646" s="613"/>
      <c r="SYQ646" s="613"/>
      <c r="SYR646" s="613"/>
      <c r="SYS646" s="613"/>
      <c r="SYT646" s="613"/>
      <c r="SYU646" s="613"/>
      <c r="SYV646" s="613"/>
      <c r="SYW646" s="613"/>
      <c r="SYX646" s="613"/>
      <c r="SYY646" s="613"/>
      <c r="SYZ646" s="613"/>
      <c r="SZA646" s="613"/>
      <c r="SZB646" s="613"/>
      <c r="SZC646" s="613"/>
      <c r="SZD646" s="613"/>
      <c r="SZE646" s="613"/>
      <c r="SZF646" s="613"/>
      <c r="SZG646" s="613"/>
      <c r="SZH646" s="613"/>
      <c r="SZI646" s="613"/>
      <c r="SZJ646" s="613"/>
      <c r="SZK646" s="613"/>
      <c r="SZL646" s="613"/>
      <c r="SZM646" s="613"/>
      <c r="SZN646" s="613"/>
      <c r="SZO646" s="613"/>
      <c r="SZP646" s="613"/>
      <c r="SZQ646" s="613"/>
      <c r="SZR646" s="613"/>
      <c r="SZS646" s="613"/>
      <c r="SZT646" s="613"/>
      <c r="SZU646" s="613"/>
      <c r="SZV646" s="613"/>
      <c r="SZW646" s="613"/>
      <c r="SZX646" s="613"/>
      <c r="SZY646" s="613"/>
      <c r="SZZ646" s="613"/>
      <c r="TAA646" s="613"/>
      <c r="TAB646" s="613"/>
      <c r="TAC646" s="613"/>
      <c r="TAD646" s="613"/>
      <c r="TAE646" s="613"/>
      <c r="TAF646" s="613"/>
      <c r="TAG646" s="613"/>
      <c r="TAH646" s="613"/>
      <c r="TAI646" s="613"/>
      <c r="TAJ646" s="613"/>
      <c r="TAK646" s="613"/>
      <c r="TAL646" s="613"/>
      <c r="TAM646" s="613"/>
      <c r="TAN646" s="613"/>
      <c r="TAO646" s="613"/>
      <c r="TAP646" s="613"/>
      <c r="TAQ646" s="613"/>
      <c r="TAR646" s="613"/>
      <c r="TAS646" s="613"/>
      <c r="TAT646" s="613"/>
      <c r="TAU646" s="613"/>
      <c r="TAV646" s="613"/>
      <c r="TAW646" s="613"/>
      <c r="TAX646" s="613"/>
      <c r="TAY646" s="613"/>
      <c r="TAZ646" s="613"/>
      <c r="TBA646" s="613"/>
      <c r="TBB646" s="613"/>
      <c r="TBC646" s="613"/>
      <c r="TBD646" s="613"/>
      <c r="TBE646" s="613"/>
      <c r="TBF646" s="613"/>
      <c r="TBG646" s="613"/>
      <c r="TBH646" s="613"/>
      <c r="TBI646" s="613"/>
      <c r="TBJ646" s="613"/>
      <c r="TBK646" s="613"/>
      <c r="TBL646" s="613"/>
      <c r="TBM646" s="613"/>
      <c r="TBN646" s="613"/>
      <c r="TBO646" s="613"/>
      <c r="TBP646" s="613"/>
      <c r="TBQ646" s="613"/>
      <c r="TBR646" s="613"/>
      <c r="TBS646" s="613"/>
      <c r="TBT646" s="613"/>
      <c r="TBU646" s="613"/>
      <c r="TBV646" s="613"/>
      <c r="TBW646" s="613"/>
      <c r="TBX646" s="613"/>
      <c r="TBY646" s="613"/>
      <c r="TBZ646" s="613"/>
      <c r="TCA646" s="613"/>
      <c r="TCB646" s="613"/>
      <c r="TCC646" s="613"/>
      <c r="TCD646" s="613"/>
      <c r="TCE646" s="613"/>
      <c r="TCF646" s="613"/>
      <c r="TCG646" s="613"/>
      <c r="TCH646" s="613"/>
      <c r="TCI646" s="613"/>
      <c r="TCJ646" s="613"/>
      <c r="TCK646" s="613"/>
      <c r="TCL646" s="613"/>
      <c r="TCM646" s="613"/>
      <c r="TCN646" s="613"/>
      <c r="TCO646" s="613"/>
      <c r="TCP646" s="613"/>
      <c r="TCQ646" s="613"/>
      <c r="TCR646" s="613"/>
      <c r="TCS646" s="613"/>
      <c r="TCT646" s="613"/>
      <c r="TCU646" s="613"/>
      <c r="TCV646" s="613"/>
      <c r="TCW646" s="613"/>
      <c r="TCX646" s="613"/>
      <c r="TCY646" s="613"/>
      <c r="TCZ646" s="613"/>
      <c r="TDA646" s="613"/>
      <c r="TDB646" s="613"/>
      <c r="TDC646" s="613"/>
      <c r="TDD646" s="613"/>
      <c r="TDE646" s="613"/>
      <c r="TDF646" s="613"/>
      <c r="TDG646" s="613"/>
      <c r="TDH646" s="613"/>
      <c r="TDI646" s="613"/>
      <c r="TDJ646" s="613"/>
      <c r="TDK646" s="613"/>
      <c r="TDL646" s="613"/>
      <c r="TDM646" s="613"/>
      <c r="TDN646" s="613"/>
      <c r="TDO646" s="613"/>
      <c r="TDP646" s="613"/>
      <c r="TDQ646" s="613"/>
      <c r="TDR646" s="613"/>
      <c r="TDS646" s="613"/>
      <c r="TDT646" s="613"/>
      <c r="TDU646" s="613"/>
      <c r="TDV646" s="613"/>
      <c r="TDW646" s="613"/>
      <c r="TDX646" s="613"/>
      <c r="TDY646" s="613"/>
      <c r="TDZ646" s="613"/>
      <c r="TEA646" s="613"/>
      <c r="TEB646" s="613"/>
      <c r="TEC646" s="613"/>
      <c r="TED646" s="613"/>
      <c r="TEE646" s="613"/>
      <c r="TEF646" s="613"/>
      <c r="TEG646" s="613"/>
      <c r="TEH646" s="613"/>
      <c r="TEI646" s="613"/>
      <c r="TEJ646" s="613"/>
      <c r="TEK646" s="613"/>
      <c r="TEL646" s="613"/>
      <c r="TEM646" s="613"/>
      <c r="TEN646" s="613"/>
      <c r="TEO646" s="613"/>
      <c r="TEP646" s="613"/>
      <c r="TEQ646" s="613"/>
      <c r="TER646" s="613"/>
      <c r="TES646" s="613"/>
      <c r="TET646" s="613"/>
      <c r="TEU646" s="613"/>
      <c r="TEV646" s="613"/>
      <c r="TEW646" s="613"/>
      <c r="TEX646" s="613"/>
      <c r="TEY646" s="613"/>
      <c r="TEZ646" s="613"/>
      <c r="TFA646" s="613"/>
      <c r="TFB646" s="613"/>
      <c r="TFC646" s="613"/>
      <c r="TFD646" s="613"/>
      <c r="TFE646" s="613"/>
      <c r="TFF646" s="613"/>
      <c r="TFG646" s="613"/>
      <c r="TFH646" s="613"/>
      <c r="TFI646" s="613"/>
      <c r="TFJ646" s="613"/>
      <c r="TFK646" s="613"/>
      <c r="TFL646" s="613"/>
      <c r="TFM646" s="613"/>
      <c r="TFN646" s="613"/>
      <c r="TFO646" s="613"/>
      <c r="TFP646" s="613"/>
      <c r="TFQ646" s="613"/>
      <c r="TFR646" s="613"/>
      <c r="TFS646" s="613"/>
      <c r="TFT646" s="613"/>
      <c r="TFU646" s="613"/>
      <c r="TFV646" s="613"/>
      <c r="TFW646" s="613"/>
      <c r="TFX646" s="613"/>
      <c r="TFY646" s="613"/>
      <c r="TFZ646" s="613"/>
      <c r="TGA646" s="613"/>
      <c r="TGB646" s="613"/>
      <c r="TGC646" s="613"/>
      <c r="TGD646" s="613"/>
      <c r="TGE646" s="613"/>
      <c r="TGF646" s="613"/>
      <c r="TGG646" s="613"/>
      <c r="TGH646" s="613"/>
      <c r="TGI646" s="613"/>
      <c r="TGJ646" s="613"/>
      <c r="TGK646" s="613"/>
      <c r="TGL646" s="613"/>
      <c r="TGM646" s="613"/>
      <c r="TGN646" s="613"/>
      <c r="TGO646" s="613"/>
      <c r="TGP646" s="613"/>
      <c r="TGQ646" s="613"/>
      <c r="TGR646" s="613"/>
      <c r="TGS646" s="613"/>
      <c r="TGT646" s="613"/>
      <c r="TGU646" s="613"/>
      <c r="TGV646" s="613"/>
      <c r="TGW646" s="613"/>
      <c r="TGX646" s="613"/>
      <c r="TGY646" s="613"/>
      <c r="TGZ646" s="613"/>
      <c r="THA646" s="613"/>
      <c r="THB646" s="613"/>
      <c r="THC646" s="613"/>
      <c r="THD646" s="613"/>
      <c r="THE646" s="613"/>
      <c r="THF646" s="613"/>
      <c r="THG646" s="613"/>
      <c r="THH646" s="613"/>
      <c r="THI646" s="613"/>
      <c r="THJ646" s="613"/>
      <c r="THK646" s="613"/>
      <c r="THL646" s="613"/>
      <c r="THM646" s="613"/>
      <c r="THN646" s="613"/>
      <c r="THO646" s="613"/>
      <c r="THP646" s="613"/>
      <c r="THQ646" s="613"/>
      <c r="THR646" s="613"/>
      <c r="THS646" s="613"/>
      <c r="THT646" s="613"/>
      <c r="THU646" s="613"/>
      <c r="THV646" s="613"/>
      <c r="THW646" s="613"/>
      <c r="THX646" s="613"/>
      <c r="THY646" s="613"/>
      <c r="THZ646" s="613"/>
      <c r="TIA646" s="613"/>
      <c r="TIB646" s="613"/>
      <c r="TIC646" s="613"/>
      <c r="TID646" s="613"/>
      <c r="TIE646" s="613"/>
      <c r="TIF646" s="613"/>
      <c r="TIG646" s="613"/>
      <c r="TIH646" s="613"/>
      <c r="TII646" s="613"/>
      <c r="TIJ646" s="613"/>
      <c r="TIK646" s="613"/>
      <c r="TIL646" s="613"/>
      <c r="TIM646" s="613"/>
      <c r="TIN646" s="613"/>
      <c r="TIO646" s="613"/>
      <c r="TIP646" s="613"/>
      <c r="TIQ646" s="613"/>
      <c r="TIR646" s="613"/>
      <c r="TIS646" s="613"/>
      <c r="TIT646" s="613"/>
      <c r="TIU646" s="613"/>
      <c r="TIV646" s="613"/>
      <c r="TIW646" s="613"/>
      <c r="TIX646" s="613"/>
      <c r="TIY646" s="613"/>
      <c r="TIZ646" s="613"/>
      <c r="TJA646" s="613"/>
      <c r="TJB646" s="613"/>
      <c r="TJC646" s="613"/>
      <c r="TJD646" s="613"/>
      <c r="TJE646" s="613"/>
      <c r="TJF646" s="613"/>
      <c r="TJG646" s="613"/>
      <c r="TJH646" s="613"/>
      <c r="TJI646" s="613"/>
      <c r="TJJ646" s="613"/>
      <c r="TJK646" s="613"/>
      <c r="TJL646" s="613"/>
      <c r="TJM646" s="613"/>
      <c r="TJN646" s="613"/>
      <c r="TJO646" s="613"/>
      <c r="TJP646" s="613"/>
      <c r="TJQ646" s="613"/>
      <c r="TJR646" s="613"/>
      <c r="TJS646" s="613"/>
      <c r="TJT646" s="613"/>
      <c r="TJU646" s="613"/>
      <c r="TJV646" s="613"/>
      <c r="TJW646" s="613"/>
      <c r="TJX646" s="613"/>
      <c r="TJY646" s="613"/>
      <c r="TJZ646" s="613"/>
      <c r="TKA646" s="613"/>
      <c r="TKB646" s="613"/>
      <c r="TKC646" s="613"/>
      <c r="TKD646" s="613"/>
      <c r="TKE646" s="613"/>
      <c r="TKF646" s="613"/>
      <c r="TKG646" s="613"/>
      <c r="TKH646" s="613"/>
      <c r="TKI646" s="613"/>
      <c r="TKJ646" s="613"/>
      <c r="TKK646" s="613"/>
      <c r="TKL646" s="613"/>
      <c r="TKM646" s="613"/>
      <c r="TKN646" s="613"/>
      <c r="TKO646" s="613"/>
      <c r="TKP646" s="613"/>
      <c r="TKQ646" s="613"/>
      <c r="TKR646" s="613"/>
      <c r="TKS646" s="613"/>
      <c r="TKT646" s="613"/>
      <c r="TKU646" s="613"/>
      <c r="TKV646" s="613"/>
      <c r="TKW646" s="613"/>
      <c r="TKX646" s="613"/>
      <c r="TKY646" s="613"/>
      <c r="TKZ646" s="613"/>
      <c r="TLA646" s="613"/>
      <c r="TLB646" s="613"/>
      <c r="TLC646" s="613"/>
      <c r="TLD646" s="613"/>
      <c r="TLE646" s="613"/>
      <c r="TLF646" s="613"/>
      <c r="TLG646" s="613"/>
      <c r="TLH646" s="613"/>
      <c r="TLI646" s="613"/>
      <c r="TLJ646" s="613"/>
      <c r="TLK646" s="613"/>
      <c r="TLL646" s="613"/>
      <c r="TLM646" s="613"/>
      <c r="TLN646" s="613"/>
      <c r="TLO646" s="613"/>
      <c r="TLP646" s="613"/>
      <c r="TLQ646" s="613"/>
      <c r="TLR646" s="613"/>
      <c r="TLS646" s="613"/>
      <c r="TLT646" s="613"/>
      <c r="TLU646" s="613"/>
      <c r="TLV646" s="613"/>
      <c r="TLW646" s="613"/>
      <c r="TLX646" s="613"/>
      <c r="TLY646" s="613"/>
      <c r="TLZ646" s="613"/>
      <c r="TMA646" s="613"/>
      <c r="TMB646" s="613"/>
      <c r="TMC646" s="613"/>
      <c r="TMD646" s="613"/>
      <c r="TME646" s="613"/>
      <c r="TMF646" s="613"/>
      <c r="TMG646" s="613"/>
      <c r="TMH646" s="613"/>
      <c r="TMI646" s="613"/>
      <c r="TMJ646" s="613"/>
      <c r="TMK646" s="613"/>
      <c r="TML646" s="613"/>
      <c r="TMM646" s="613"/>
      <c r="TMN646" s="613"/>
      <c r="TMO646" s="613"/>
      <c r="TMP646" s="613"/>
      <c r="TMQ646" s="613"/>
      <c r="TMR646" s="613"/>
      <c r="TMS646" s="613"/>
      <c r="TMT646" s="613"/>
      <c r="TMU646" s="613"/>
      <c r="TMV646" s="613"/>
      <c r="TMW646" s="613"/>
      <c r="TMX646" s="613"/>
      <c r="TMY646" s="613"/>
      <c r="TMZ646" s="613"/>
      <c r="TNA646" s="613"/>
      <c r="TNB646" s="613"/>
      <c r="TNC646" s="613"/>
      <c r="TND646" s="613"/>
      <c r="TNE646" s="613"/>
      <c r="TNF646" s="613"/>
      <c r="TNG646" s="613"/>
      <c r="TNH646" s="613"/>
      <c r="TNI646" s="613"/>
      <c r="TNJ646" s="613"/>
      <c r="TNK646" s="613"/>
      <c r="TNL646" s="613"/>
      <c r="TNM646" s="613"/>
      <c r="TNN646" s="613"/>
      <c r="TNO646" s="613"/>
      <c r="TNP646" s="613"/>
      <c r="TNQ646" s="613"/>
      <c r="TNR646" s="613"/>
      <c r="TNS646" s="613"/>
      <c r="TNT646" s="613"/>
      <c r="TNU646" s="613"/>
      <c r="TNV646" s="613"/>
      <c r="TNW646" s="613"/>
      <c r="TNX646" s="613"/>
      <c r="TNY646" s="613"/>
      <c r="TNZ646" s="613"/>
      <c r="TOA646" s="613"/>
      <c r="TOB646" s="613"/>
      <c r="TOC646" s="613"/>
      <c r="TOD646" s="613"/>
      <c r="TOE646" s="613"/>
      <c r="TOF646" s="613"/>
      <c r="TOG646" s="613"/>
      <c r="TOH646" s="613"/>
      <c r="TOI646" s="613"/>
      <c r="TOJ646" s="613"/>
      <c r="TOK646" s="613"/>
      <c r="TOL646" s="613"/>
      <c r="TOM646" s="613"/>
      <c r="TON646" s="613"/>
      <c r="TOO646" s="613"/>
      <c r="TOP646" s="613"/>
      <c r="TOQ646" s="613"/>
      <c r="TOR646" s="613"/>
      <c r="TOS646" s="613"/>
      <c r="TOT646" s="613"/>
      <c r="TOU646" s="613"/>
      <c r="TOV646" s="613"/>
      <c r="TOW646" s="613"/>
      <c r="TOX646" s="613"/>
      <c r="TOY646" s="613"/>
      <c r="TOZ646" s="613"/>
      <c r="TPA646" s="613"/>
      <c r="TPB646" s="613"/>
      <c r="TPC646" s="613"/>
      <c r="TPD646" s="613"/>
      <c r="TPE646" s="613"/>
      <c r="TPF646" s="613"/>
      <c r="TPG646" s="613"/>
      <c r="TPH646" s="613"/>
      <c r="TPI646" s="613"/>
      <c r="TPJ646" s="613"/>
      <c r="TPK646" s="613"/>
      <c r="TPL646" s="613"/>
      <c r="TPM646" s="613"/>
      <c r="TPN646" s="613"/>
      <c r="TPO646" s="613"/>
      <c r="TPP646" s="613"/>
      <c r="TPQ646" s="613"/>
      <c r="TPR646" s="613"/>
      <c r="TPS646" s="613"/>
      <c r="TPT646" s="613"/>
      <c r="TPU646" s="613"/>
      <c r="TPV646" s="613"/>
      <c r="TPW646" s="613"/>
      <c r="TPX646" s="613"/>
      <c r="TPY646" s="613"/>
      <c r="TPZ646" s="613"/>
      <c r="TQA646" s="613"/>
      <c r="TQB646" s="613"/>
      <c r="TQC646" s="613"/>
      <c r="TQD646" s="613"/>
      <c r="TQE646" s="613"/>
      <c r="TQF646" s="613"/>
      <c r="TQG646" s="613"/>
      <c r="TQH646" s="613"/>
      <c r="TQI646" s="613"/>
      <c r="TQJ646" s="613"/>
      <c r="TQK646" s="613"/>
      <c r="TQL646" s="613"/>
      <c r="TQM646" s="613"/>
      <c r="TQN646" s="613"/>
      <c r="TQO646" s="613"/>
      <c r="TQP646" s="613"/>
      <c r="TQQ646" s="613"/>
      <c r="TQR646" s="613"/>
      <c r="TQS646" s="613"/>
      <c r="TQT646" s="613"/>
      <c r="TQU646" s="613"/>
      <c r="TQV646" s="613"/>
      <c r="TQW646" s="613"/>
      <c r="TQX646" s="613"/>
      <c r="TQY646" s="613"/>
      <c r="TQZ646" s="613"/>
      <c r="TRA646" s="613"/>
      <c r="TRB646" s="613"/>
      <c r="TRC646" s="613"/>
      <c r="TRD646" s="613"/>
      <c r="TRE646" s="613"/>
      <c r="TRF646" s="613"/>
      <c r="TRG646" s="613"/>
      <c r="TRH646" s="613"/>
      <c r="TRI646" s="613"/>
      <c r="TRJ646" s="613"/>
      <c r="TRK646" s="613"/>
      <c r="TRL646" s="613"/>
      <c r="TRM646" s="613"/>
      <c r="TRN646" s="613"/>
      <c r="TRO646" s="613"/>
      <c r="TRP646" s="613"/>
      <c r="TRQ646" s="613"/>
      <c r="TRR646" s="613"/>
      <c r="TRS646" s="613"/>
      <c r="TRT646" s="613"/>
      <c r="TRU646" s="613"/>
      <c r="TRV646" s="613"/>
      <c r="TRW646" s="613"/>
      <c r="TRX646" s="613"/>
      <c r="TRY646" s="613"/>
      <c r="TRZ646" s="613"/>
      <c r="TSA646" s="613"/>
      <c r="TSB646" s="613"/>
      <c r="TSC646" s="613"/>
      <c r="TSD646" s="613"/>
      <c r="TSE646" s="613"/>
      <c r="TSF646" s="613"/>
      <c r="TSG646" s="613"/>
      <c r="TSH646" s="613"/>
      <c r="TSI646" s="613"/>
      <c r="TSJ646" s="613"/>
      <c r="TSK646" s="613"/>
      <c r="TSL646" s="613"/>
      <c r="TSM646" s="613"/>
      <c r="TSN646" s="613"/>
      <c r="TSO646" s="613"/>
      <c r="TSP646" s="613"/>
      <c r="TSQ646" s="613"/>
      <c r="TSR646" s="613"/>
      <c r="TSS646" s="613"/>
      <c r="TST646" s="613"/>
      <c r="TSU646" s="613"/>
      <c r="TSV646" s="613"/>
      <c r="TSW646" s="613"/>
      <c r="TSX646" s="613"/>
      <c r="TSY646" s="613"/>
      <c r="TSZ646" s="613"/>
      <c r="TTA646" s="613"/>
      <c r="TTB646" s="613"/>
      <c r="TTC646" s="613"/>
      <c r="TTD646" s="613"/>
      <c r="TTE646" s="613"/>
      <c r="TTF646" s="613"/>
      <c r="TTG646" s="613"/>
      <c r="TTH646" s="613"/>
      <c r="TTI646" s="613"/>
      <c r="TTJ646" s="613"/>
      <c r="TTK646" s="613"/>
      <c r="TTL646" s="613"/>
      <c r="TTM646" s="613"/>
      <c r="TTN646" s="613"/>
      <c r="TTO646" s="613"/>
      <c r="TTP646" s="613"/>
      <c r="TTQ646" s="613"/>
      <c r="TTR646" s="613"/>
      <c r="TTS646" s="613"/>
      <c r="TTT646" s="613"/>
      <c r="TTU646" s="613"/>
      <c r="TTV646" s="613"/>
      <c r="TTW646" s="613"/>
      <c r="TTX646" s="613"/>
      <c r="TTY646" s="613"/>
      <c r="TTZ646" s="613"/>
      <c r="TUA646" s="613"/>
      <c r="TUB646" s="613"/>
      <c r="TUC646" s="613"/>
      <c r="TUD646" s="613"/>
      <c r="TUE646" s="613"/>
      <c r="TUF646" s="613"/>
      <c r="TUG646" s="613"/>
      <c r="TUH646" s="613"/>
      <c r="TUI646" s="613"/>
      <c r="TUJ646" s="613"/>
      <c r="TUK646" s="613"/>
      <c r="TUL646" s="613"/>
      <c r="TUM646" s="613"/>
      <c r="TUN646" s="613"/>
      <c r="TUO646" s="613"/>
      <c r="TUP646" s="613"/>
      <c r="TUQ646" s="613"/>
      <c r="TUR646" s="613"/>
      <c r="TUS646" s="613"/>
      <c r="TUT646" s="613"/>
      <c r="TUU646" s="613"/>
      <c r="TUV646" s="613"/>
      <c r="TUW646" s="613"/>
      <c r="TUX646" s="613"/>
      <c r="TUY646" s="613"/>
      <c r="TUZ646" s="613"/>
      <c r="TVA646" s="613"/>
      <c r="TVB646" s="613"/>
      <c r="TVC646" s="613"/>
      <c r="TVD646" s="613"/>
      <c r="TVE646" s="613"/>
      <c r="TVF646" s="613"/>
      <c r="TVG646" s="613"/>
      <c r="TVH646" s="613"/>
      <c r="TVI646" s="613"/>
      <c r="TVJ646" s="613"/>
      <c r="TVK646" s="613"/>
      <c r="TVL646" s="613"/>
      <c r="TVM646" s="613"/>
      <c r="TVN646" s="613"/>
      <c r="TVO646" s="613"/>
      <c r="TVP646" s="613"/>
      <c r="TVQ646" s="613"/>
      <c r="TVR646" s="613"/>
      <c r="TVS646" s="613"/>
      <c r="TVT646" s="613"/>
      <c r="TVU646" s="613"/>
      <c r="TVV646" s="613"/>
      <c r="TVW646" s="613"/>
      <c r="TVX646" s="613"/>
      <c r="TVY646" s="613"/>
      <c r="TVZ646" s="613"/>
      <c r="TWA646" s="613"/>
      <c r="TWB646" s="613"/>
      <c r="TWC646" s="613"/>
      <c r="TWD646" s="613"/>
      <c r="TWE646" s="613"/>
      <c r="TWF646" s="613"/>
      <c r="TWG646" s="613"/>
      <c r="TWH646" s="613"/>
      <c r="TWI646" s="613"/>
      <c r="TWJ646" s="613"/>
      <c r="TWK646" s="613"/>
      <c r="TWL646" s="613"/>
      <c r="TWM646" s="613"/>
      <c r="TWN646" s="613"/>
      <c r="TWO646" s="613"/>
      <c r="TWP646" s="613"/>
      <c r="TWQ646" s="613"/>
      <c r="TWR646" s="613"/>
      <c r="TWS646" s="613"/>
      <c r="TWT646" s="613"/>
      <c r="TWU646" s="613"/>
      <c r="TWV646" s="613"/>
      <c r="TWW646" s="613"/>
      <c r="TWX646" s="613"/>
      <c r="TWY646" s="613"/>
      <c r="TWZ646" s="613"/>
      <c r="TXA646" s="613"/>
      <c r="TXB646" s="613"/>
      <c r="TXC646" s="613"/>
      <c r="TXD646" s="613"/>
      <c r="TXE646" s="613"/>
      <c r="TXF646" s="613"/>
      <c r="TXG646" s="613"/>
      <c r="TXH646" s="613"/>
      <c r="TXI646" s="613"/>
      <c r="TXJ646" s="613"/>
      <c r="TXK646" s="613"/>
      <c r="TXL646" s="613"/>
      <c r="TXM646" s="613"/>
      <c r="TXN646" s="613"/>
      <c r="TXO646" s="613"/>
      <c r="TXP646" s="613"/>
      <c r="TXQ646" s="613"/>
      <c r="TXR646" s="613"/>
      <c r="TXS646" s="613"/>
      <c r="TXT646" s="613"/>
      <c r="TXU646" s="613"/>
      <c r="TXV646" s="613"/>
      <c r="TXW646" s="613"/>
      <c r="TXX646" s="613"/>
      <c r="TXY646" s="613"/>
      <c r="TXZ646" s="613"/>
      <c r="TYA646" s="613"/>
      <c r="TYB646" s="613"/>
      <c r="TYC646" s="613"/>
      <c r="TYD646" s="613"/>
      <c r="TYE646" s="613"/>
      <c r="TYF646" s="613"/>
      <c r="TYG646" s="613"/>
      <c r="TYH646" s="613"/>
      <c r="TYI646" s="613"/>
      <c r="TYJ646" s="613"/>
      <c r="TYK646" s="613"/>
      <c r="TYL646" s="613"/>
      <c r="TYM646" s="613"/>
      <c r="TYN646" s="613"/>
      <c r="TYO646" s="613"/>
      <c r="TYP646" s="613"/>
      <c r="TYQ646" s="613"/>
      <c r="TYR646" s="613"/>
      <c r="TYS646" s="613"/>
      <c r="TYT646" s="613"/>
      <c r="TYU646" s="613"/>
      <c r="TYV646" s="613"/>
      <c r="TYW646" s="613"/>
      <c r="TYX646" s="613"/>
      <c r="TYY646" s="613"/>
      <c r="TYZ646" s="613"/>
      <c r="TZA646" s="613"/>
      <c r="TZB646" s="613"/>
      <c r="TZC646" s="613"/>
      <c r="TZD646" s="613"/>
      <c r="TZE646" s="613"/>
      <c r="TZF646" s="613"/>
      <c r="TZG646" s="613"/>
      <c r="TZH646" s="613"/>
      <c r="TZI646" s="613"/>
      <c r="TZJ646" s="613"/>
      <c r="TZK646" s="613"/>
      <c r="TZL646" s="613"/>
      <c r="TZM646" s="613"/>
      <c r="TZN646" s="613"/>
      <c r="TZO646" s="613"/>
      <c r="TZP646" s="613"/>
      <c r="TZQ646" s="613"/>
      <c r="TZR646" s="613"/>
      <c r="TZS646" s="613"/>
      <c r="TZT646" s="613"/>
      <c r="TZU646" s="613"/>
      <c r="TZV646" s="613"/>
      <c r="TZW646" s="613"/>
      <c r="TZX646" s="613"/>
      <c r="TZY646" s="613"/>
      <c r="TZZ646" s="613"/>
      <c r="UAA646" s="613"/>
      <c r="UAB646" s="613"/>
      <c r="UAC646" s="613"/>
      <c r="UAD646" s="613"/>
      <c r="UAE646" s="613"/>
      <c r="UAF646" s="613"/>
      <c r="UAG646" s="613"/>
      <c r="UAH646" s="613"/>
      <c r="UAI646" s="613"/>
      <c r="UAJ646" s="613"/>
      <c r="UAK646" s="613"/>
      <c r="UAL646" s="613"/>
      <c r="UAM646" s="613"/>
      <c r="UAN646" s="613"/>
      <c r="UAO646" s="613"/>
      <c r="UAP646" s="613"/>
      <c r="UAQ646" s="613"/>
      <c r="UAR646" s="613"/>
      <c r="UAS646" s="613"/>
      <c r="UAT646" s="613"/>
      <c r="UAU646" s="613"/>
      <c r="UAV646" s="613"/>
      <c r="UAW646" s="613"/>
      <c r="UAX646" s="613"/>
      <c r="UAY646" s="613"/>
      <c r="UAZ646" s="613"/>
      <c r="UBA646" s="613"/>
      <c r="UBB646" s="613"/>
      <c r="UBC646" s="613"/>
      <c r="UBD646" s="613"/>
      <c r="UBE646" s="613"/>
      <c r="UBF646" s="613"/>
      <c r="UBG646" s="613"/>
      <c r="UBH646" s="613"/>
      <c r="UBI646" s="613"/>
      <c r="UBJ646" s="613"/>
      <c r="UBK646" s="613"/>
      <c r="UBL646" s="613"/>
      <c r="UBM646" s="613"/>
      <c r="UBN646" s="613"/>
      <c r="UBO646" s="613"/>
      <c r="UBP646" s="613"/>
      <c r="UBQ646" s="613"/>
      <c r="UBR646" s="613"/>
      <c r="UBS646" s="613"/>
      <c r="UBT646" s="613"/>
      <c r="UBU646" s="613"/>
      <c r="UBV646" s="613"/>
      <c r="UBW646" s="613"/>
      <c r="UBX646" s="613"/>
      <c r="UBY646" s="613"/>
      <c r="UBZ646" s="613"/>
      <c r="UCA646" s="613"/>
      <c r="UCB646" s="613"/>
      <c r="UCC646" s="613"/>
      <c r="UCD646" s="613"/>
      <c r="UCE646" s="613"/>
      <c r="UCF646" s="613"/>
      <c r="UCG646" s="613"/>
      <c r="UCH646" s="613"/>
      <c r="UCI646" s="613"/>
      <c r="UCJ646" s="613"/>
      <c r="UCK646" s="613"/>
      <c r="UCL646" s="613"/>
      <c r="UCM646" s="613"/>
      <c r="UCN646" s="613"/>
      <c r="UCO646" s="613"/>
      <c r="UCP646" s="613"/>
      <c r="UCQ646" s="613"/>
      <c r="UCR646" s="613"/>
      <c r="UCS646" s="613"/>
      <c r="UCT646" s="613"/>
      <c r="UCU646" s="613"/>
      <c r="UCV646" s="613"/>
      <c r="UCW646" s="613"/>
      <c r="UCX646" s="613"/>
      <c r="UCY646" s="613"/>
      <c r="UCZ646" s="613"/>
      <c r="UDA646" s="613"/>
      <c r="UDB646" s="613"/>
      <c r="UDC646" s="613"/>
      <c r="UDD646" s="613"/>
      <c r="UDE646" s="613"/>
      <c r="UDF646" s="613"/>
      <c r="UDG646" s="613"/>
      <c r="UDH646" s="613"/>
      <c r="UDI646" s="613"/>
      <c r="UDJ646" s="613"/>
      <c r="UDK646" s="613"/>
      <c r="UDL646" s="613"/>
      <c r="UDM646" s="613"/>
      <c r="UDN646" s="613"/>
      <c r="UDO646" s="613"/>
      <c r="UDP646" s="613"/>
      <c r="UDQ646" s="613"/>
      <c r="UDR646" s="613"/>
      <c r="UDS646" s="613"/>
      <c r="UDT646" s="613"/>
      <c r="UDU646" s="613"/>
      <c r="UDV646" s="613"/>
      <c r="UDW646" s="613"/>
      <c r="UDX646" s="613"/>
      <c r="UDY646" s="613"/>
      <c r="UDZ646" s="613"/>
      <c r="UEA646" s="613"/>
      <c r="UEB646" s="613"/>
      <c r="UEC646" s="613"/>
      <c r="UED646" s="613"/>
      <c r="UEE646" s="613"/>
      <c r="UEF646" s="613"/>
      <c r="UEG646" s="613"/>
      <c r="UEH646" s="613"/>
      <c r="UEI646" s="613"/>
      <c r="UEJ646" s="613"/>
      <c r="UEK646" s="613"/>
      <c r="UEL646" s="613"/>
      <c r="UEM646" s="613"/>
      <c r="UEN646" s="613"/>
      <c r="UEO646" s="613"/>
      <c r="UEP646" s="613"/>
      <c r="UEQ646" s="613"/>
      <c r="UER646" s="613"/>
      <c r="UES646" s="613"/>
      <c r="UET646" s="613"/>
      <c r="UEU646" s="613"/>
      <c r="UEV646" s="613"/>
      <c r="UEW646" s="613"/>
      <c r="UEX646" s="613"/>
      <c r="UEY646" s="613"/>
      <c r="UEZ646" s="613"/>
      <c r="UFA646" s="613"/>
      <c r="UFB646" s="613"/>
      <c r="UFC646" s="613"/>
      <c r="UFD646" s="613"/>
      <c r="UFE646" s="613"/>
      <c r="UFF646" s="613"/>
      <c r="UFG646" s="613"/>
      <c r="UFH646" s="613"/>
      <c r="UFI646" s="613"/>
      <c r="UFJ646" s="613"/>
      <c r="UFK646" s="613"/>
      <c r="UFL646" s="613"/>
      <c r="UFM646" s="613"/>
      <c r="UFN646" s="613"/>
      <c r="UFO646" s="613"/>
      <c r="UFP646" s="613"/>
      <c r="UFQ646" s="613"/>
      <c r="UFR646" s="613"/>
      <c r="UFS646" s="613"/>
      <c r="UFT646" s="613"/>
      <c r="UFU646" s="613"/>
      <c r="UFV646" s="613"/>
      <c r="UFW646" s="613"/>
      <c r="UFX646" s="613"/>
      <c r="UFY646" s="613"/>
      <c r="UFZ646" s="613"/>
      <c r="UGA646" s="613"/>
      <c r="UGB646" s="613"/>
      <c r="UGC646" s="613"/>
      <c r="UGD646" s="613"/>
      <c r="UGE646" s="613"/>
      <c r="UGF646" s="613"/>
      <c r="UGG646" s="613"/>
      <c r="UGH646" s="613"/>
      <c r="UGI646" s="613"/>
      <c r="UGJ646" s="613"/>
      <c r="UGK646" s="613"/>
      <c r="UGL646" s="613"/>
      <c r="UGM646" s="613"/>
      <c r="UGN646" s="613"/>
      <c r="UGO646" s="613"/>
      <c r="UGP646" s="613"/>
      <c r="UGQ646" s="613"/>
      <c r="UGR646" s="613"/>
      <c r="UGS646" s="613"/>
      <c r="UGT646" s="613"/>
      <c r="UGU646" s="613"/>
      <c r="UGV646" s="613"/>
      <c r="UGW646" s="613"/>
      <c r="UGX646" s="613"/>
      <c r="UGY646" s="613"/>
      <c r="UGZ646" s="613"/>
      <c r="UHA646" s="613"/>
      <c r="UHB646" s="613"/>
      <c r="UHC646" s="613"/>
      <c r="UHD646" s="613"/>
      <c r="UHE646" s="613"/>
      <c r="UHF646" s="613"/>
      <c r="UHG646" s="613"/>
      <c r="UHH646" s="613"/>
      <c r="UHI646" s="613"/>
      <c r="UHJ646" s="613"/>
      <c r="UHK646" s="613"/>
      <c r="UHL646" s="613"/>
      <c r="UHM646" s="613"/>
      <c r="UHN646" s="613"/>
      <c r="UHO646" s="613"/>
      <c r="UHP646" s="613"/>
      <c r="UHQ646" s="613"/>
      <c r="UHR646" s="613"/>
      <c r="UHS646" s="613"/>
      <c r="UHT646" s="613"/>
      <c r="UHU646" s="613"/>
      <c r="UHV646" s="613"/>
      <c r="UHW646" s="613"/>
      <c r="UHX646" s="613"/>
      <c r="UHY646" s="613"/>
      <c r="UHZ646" s="613"/>
      <c r="UIA646" s="613"/>
      <c r="UIB646" s="613"/>
      <c r="UIC646" s="613"/>
      <c r="UID646" s="613"/>
      <c r="UIE646" s="613"/>
      <c r="UIF646" s="613"/>
      <c r="UIG646" s="613"/>
      <c r="UIH646" s="613"/>
      <c r="UII646" s="613"/>
      <c r="UIJ646" s="613"/>
      <c r="UIK646" s="613"/>
      <c r="UIL646" s="613"/>
      <c r="UIM646" s="613"/>
      <c r="UIN646" s="613"/>
      <c r="UIO646" s="613"/>
      <c r="UIP646" s="613"/>
      <c r="UIQ646" s="613"/>
      <c r="UIR646" s="613"/>
      <c r="UIS646" s="613"/>
      <c r="UIT646" s="613"/>
      <c r="UIU646" s="613"/>
      <c r="UIV646" s="613"/>
      <c r="UIW646" s="613"/>
      <c r="UIX646" s="613"/>
      <c r="UIY646" s="613"/>
      <c r="UIZ646" s="613"/>
      <c r="UJA646" s="613"/>
      <c r="UJB646" s="613"/>
      <c r="UJC646" s="613"/>
      <c r="UJD646" s="613"/>
      <c r="UJE646" s="613"/>
      <c r="UJF646" s="613"/>
      <c r="UJG646" s="613"/>
      <c r="UJH646" s="613"/>
      <c r="UJI646" s="613"/>
      <c r="UJJ646" s="613"/>
      <c r="UJK646" s="613"/>
      <c r="UJL646" s="613"/>
      <c r="UJM646" s="613"/>
      <c r="UJN646" s="613"/>
      <c r="UJO646" s="613"/>
      <c r="UJP646" s="613"/>
      <c r="UJQ646" s="613"/>
      <c r="UJR646" s="613"/>
      <c r="UJS646" s="613"/>
      <c r="UJT646" s="613"/>
      <c r="UJU646" s="613"/>
      <c r="UJV646" s="613"/>
      <c r="UJW646" s="613"/>
      <c r="UJX646" s="613"/>
      <c r="UJY646" s="613"/>
      <c r="UJZ646" s="613"/>
      <c r="UKA646" s="613"/>
      <c r="UKB646" s="613"/>
      <c r="UKC646" s="613"/>
      <c r="UKD646" s="613"/>
      <c r="UKE646" s="613"/>
      <c r="UKF646" s="613"/>
      <c r="UKG646" s="613"/>
      <c r="UKH646" s="613"/>
      <c r="UKI646" s="613"/>
      <c r="UKJ646" s="613"/>
      <c r="UKK646" s="613"/>
      <c r="UKL646" s="613"/>
      <c r="UKM646" s="613"/>
      <c r="UKN646" s="613"/>
      <c r="UKO646" s="613"/>
      <c r="UKP646" s="613"/>
      <c r="UKQ646" s="613"/>
      <c r="UKR646" s="613"/>
      <c r="UKS646" s="613"/>
      <c r="UKT646" s="613"/>
      <c r="UKU646" s="613"/>
      <c r="UKV646" s="613"/>
      <c r="UKW646" s="613"/>
      <c r="UKX646" s="613"/>
      <c r="UKY646" s="613"/>
      <c r="UKZ646" s="613"/>
      <c r="ULA646" s="613"/>
      <c r="ULB646" s="613"/>
      <c r="ULC646" s="613"/>
      <c r="ULD646" s="613"/>
      <c r="ULE646" s="613"/>
      <c r="ULF646" s="613"/>
      <c r="ULG646" s="613"/>
      <c r="ULH646" s="613"/>
      <c r="ULI646" s="613"/>
      <c r="ULJ646" s="613"/>
      <c r="ULK646" s="613"/>
      <c r="ULL646" s="613"/>
      <c r="ULM646" s="613"/>
      <c r="ULN646" s="613"/>
      <c r="ULO646" s="613"/>
      <c r="ULP646" s="613"/>
      <c r="ULQ646" s="613"/>
      <c r="ULR646" s="613"/>
      <c r="ULS646" s="613"/>
      <c r="ULT646" s="613"/>
      <c r="ULU646" s="613"/>
      <c r="ULV646" s="613"/>
      <c r="ULW646" s="613"/>
      <c r="ULX646" s="613"/>
      <c r="ULY646" s="613"/>
      <c r="ULZ646" s="613"/>
      <c r="UMA646" s="613"/>
      <c r="UMB646" s="613"/>
      <c r="UMC646" s="613"/>
      <c r="UMD646" s="613"/>
      <c r="UME646" s="613"/>
      <c r="UMF646" s="613"/>
      <c r="UMG646" s="613"/>
      <c r="UMH646" s="613"/>
      <c r="UMI646" s="613"/>
      <c r="UMJ646" s="613"/>
      <c r="UMK646" s="613"/>
      <c r="UML646" s="613"/>
      <c r="UMM646" s="613"/>
      <c r="UMN646" s="613"/>
      <c r="UMO646" s="613"/>
      <c r="UMP646" s="613"/>
      <c r="UMQ646" s="613"/>
      <c r="UMR646" s="613"/>
      <c r="UMS646" s="613"/>
      <c r="UMT646" s="613"/>
      <c r="UMU646" s="613"/>
      <c r="UMV646" s="613"/>
      <c r="UMW646" s="613"/>
      <c r="UMX646" s="613"/>
      <c r="UMY646" s="613"/>
      <c r="UMZ646" s="613"/>
      <c r="UNA646" s="613"/>
      <c r="UNB646" s="613"/>
      <c r="UNC646" s="613"/>
      <c r="UND646" s="613"/>
      <c r="UNE646" s="613"/>
      <c r="UNF646" s="613"/>
      <c r="UNG646" s="613"/>
      <c r="UNH646" s="613"/>
      <c r="UNI646" s="613"/>
      <c r="UNJ646" s="613"/>
      <c r="UNK646" s="613"/>
      <c r="UNL646" s="613"/>
      <c r="UNM646" s="613"/>
      <c r="UNN646" s="613"/>
      <c r="UNO646" s="613"/>
      <c r="UNP646" s="613"/>
      <c r="UNQ646" s="613"/>
      <c r="UNR646" s="613"/>
      <c r="UNS646" s="613"/>
      <c r="UNT646" s="613"/>
      <c r="UNU646" s="613"/>
      <c r="UNV646" s="613"/>
      <c r="UNW646" s="613"/>
      <c r="UNX646" s="613"/>
      <c r="UNY646" s="613"/>
      <c r="UNZ646" s="613"/>
      <c r="UOA646" s="613"/>
      <c r="UOB646" s="613"/>
      <c r="UOC646" s="613"/>
      <c r="UOD646" s="613"/>
      <c r="UOE646" s="613"/>
      <c r="UOF646" s="613"/>
      <c r="UOG646" s="613"/>
      <c r="UOH646" s="613"/>
      <c r="UOI646" s="613"/>
      <c r="UOJ646" s="613"/>
      <c r="UOK646" s="613"/>
      <c r="UOL646" s="613"/>
      <c r="UOM646" s="613"/>
      <c r="UON646" s="613"/>
      <c r="UOO646" s="613"/>
      <c r="UOP646" s="613"/>
      <c r="UOQ646" s="613"/>
      <c r="UOR646" s="613"/>
      <c r="UOS646" s="613"/>
      <c r="UOT646" s="613"/>
      <c r="UOU646" s="613"/>
      <c r="UOV646" s="613"/>
      <c r="UOW646" s="613"/>
      <c r="UOX646" s="613"/>
      <c r="UOY646" s="613"/>
      <c r="UOZ646" s="613"/>
      <c r="UPA646" s="613"/>
      <c r="UPB646" s="613"/>
      <c r="UPC646" s="613"/>
      <c r="UPD646" s="613"/>
      <c r="UPE646" s="613"/>
      <c r="UPF646" s="613"/>
      <c r="UPG646" s="613"/>
      <c r="UPH646" s="613"/>
      <c r="UPI646" s="613"/>
      <c r="UPJ646" s="613"/>
      <c r="UPK646" s="613"/>
      <c r="UPL646" s="613"/>
      <c r="UPM646" s="613"/>
      <c r="UPN646" s="613"/>
      <c r="UPO646" s="613"/>
      <c r="UPP646" s="613"/>
      <c r="UPQ646" s="613"/>
      <c r="UPR646" s="613"/>
      <c r="UPS646" s="613"/>
      <c r="UPT646" s="613"/>
      <c r="UPU646" s="613"/>
      <c r="UPV646" s="613"/>
      <c r="UPW646" s="613"/>
      <c r="UPX646" s="613"/>
      <c r="UPY646" s="613"/>
      <c r="UPZ646" s="613"/>
      <c r="UQA646" s="613"/>
      <c r="UQB646" s="613"/>
      <c r="UQC646" s="613"/>
      <c r="UQD646" s="613"/>
      <c r="UQE646" s="613"/>
      <c r="UQF646" s="613"/>
      <c r="UQG646" s="613"/>
      <c r="UQH646" s="613"/>
      <c r="UQI646" s="613"/>
      <c r="UQJ646" s="613"/>
      <c r="UQK646" s="613"/>
      <c r="UQL646" s="613"/>
      <c r="UQM646" s="613"/>
      <c r="UQN646" s="613"/>
      <c r="UQO646" s="613"/>
      <c r="UQP646" s="613"/>
      <c r="UQQ646" s="613"/>
      <c r="UQR646" s="613"/>
      <c r="UQS646" s="613"/>
      <c r="UQT646" s="613"/>
      <c r="UQU646" s="613"/>
      <c r="UQV646" s="613"/>
      <c r="UQW646" s="613"/>
      <c r="UQX646" s="613"/>
      <c r="UQY646" s="613"/>
      <c r="UQZ646" s="613"/>
      <c r="URA646" s="613"/>
      <c r="URB646" s="613"/>
      <c r="URC646" s="613"/>
      <c r="URD646" s="613"/>
      <c r="URE646" s="613"/>
      <c r="URF646" s="613"/>
      <c r="URG646" s="613"/>
      <c r="URH646" s="613"/>
      <c r="URI646" s="613"/>
      <c r="URJ646" s="613"/>
      <c r="URK646" s="613"/>
      <c r="URL646" s="613"/>
      <c r="URM646" s="613"/>
      <c r="URN646" s="613"/>
      <c r="URO646" s="613"/>
      <c r="URP646" s="613"/>
      <c r="URQ646" s="613"/>
      <c r="URR646" s="613"/>
      <c r="URS646" s="613"/>
      <c r="URT646" s="613"/>
      <c r="URU646" s="613"/>
      <c r="URV646" s="613"/>
      <c r="URW646" s="613"/>
      <c r="URX646" s="613"/>
      <c r="URY646" s="613"/>
      <c r="URZ646" s="613"/>
      <c r="USA646" s="613"/>
      <c r="USB646" s="613"/>
      <c r="USC646" s="613"/>
      <c r="USD646" s="613"/>
      <c r="USE646" s="613"/>
      <c r="USF646" s="613"/>
      <c r="USG646" s="613"/>
      <c r="USH646" s="613"/>
      <c r="USI646" s="613"/>
      <c r="USJ646" s="613"/>
      <c r="USK646" s="613"/>
      <c r="USL646" s="613"/>
      <c r="USM646" s="613"/>
      <c r="USN646" s="613"/>
      <c r="USO646" s="613"/>
      <c r="USP646" s="613"/>
      <c r="USQ646" s="613"/>
      <c r="USR646" s="613"/>
      <c r="USS646" s="613"/>
      <c r="UST646" s="613"/>
      <c r="USU646" s="613"/>
      <c r="USV646" s="613"/>
      <c r="USW646" s="613"/>
      <c r="USX646" s="613"/>
      <c r="USY646" s="613"/>
      <c r="USZ646" s="613"/>
      <c r="UTA646" s="613"/>
      <c r="UTB646" s="613"/>
      <c r="UTC646" s="613"/>
      <c r="UTD646" s="613"/>
      <c r="UTE646" s="613"/>
      <c r="UTF646" s="613"/>
      <c r="UTG646" s="613"/>
      <c r="UTH646" s="613"/>
      <c r="UTI646" s="613"/>
      <c r="UTJ646" s="613"/>
      <c r="UTK646" s="613"/>
      <c r="UTL646" s="613"/>
      <c r="UTM646" s="613"/>
      <c r="UTN646" s="613"/>
      <c r="UTO646" s="613"/>
      <c r="UTP646" s="613"/>
      <c r="UTQ646" s="613"/>
      <c r="UTR646" s="613"/>
      <c r="UTS646" s="613"/>
      <c r="UTT646" s="613"/>
      <c r="UTU646" s="613"/>
      <c r="UTV646" s="613"/>
      <c r="UTW646" s="613"/>
      <c r="UTX646" s="613"/>
      <c r="UTY646" s="613"/>
      <c r="UTZ646" s="613"/>
      <c r="UUA646" s="613"/>
      <c r="UUB646" s="613"/>
      <c r="UUC646" s="613"/>
      <c r="UUD646" s="613"/>
      <c r="UUE646" s="613"/>
      <c r="UUF646" s="613"/>
      <c r="UUG646" s="613"/>
      <c r="UUH646" s="613"/>
      <c r="UUI646" s="613"/>
      <c r="UUJ646" s="613"/>
      <c r="UUK646" s="613"/>
      <c r="UUL646" s="613"/>
      <c r="UUM646" s="613"/>
      <c r="UUN646" s="613"/>
      <c r="UUO646" s="613"/>
      <c r="UUP646" s="613"/>
      <c r="UUQ646" s="613"/>
      <c r="UUR646" s="613"/>
      <c r="UUS646" s="613"/>
      <c r="UUT646" s="613"/>
      <c r="UUU646" s="613"/>
      <c r="UUV646" s="613"/>
      <c r="UUW646" s="613"/>
      <c r="UUX646" s="613"/>
      <c r="UUY646" s="613"/>
      <c r="UUZ646" s="613"/>
      <c r="UVA646" s="613"/>
      <c r="UVB646" s="613"/>
      <c r="UVC646" s="613"/>
      <c r="UVD646" s="613"/>
      <c r="UVE646" s="613"/>
      <c r="UVF646" s="613"/>
      <c r="UVG646" s="613"/>
      <c r="UVH646" s="613"/>
      <c r="UVI646" s="613"/>
      <c r="UVJ646" s="613"/>
      <c r="UVK646" s="613"/>
      <c r="UVL646" s="613"/>
      <c r="UVM646" s="613"/>
      <c r="UVN646" s="613"/>
      <c r="UVO646" s="613"/>
      <c r="UVP646" s="613"/>
      <c r="UVQ646" s="613"/>
      <c r="UVR646" s="613"/>
      <c r="UVS646" s="613"/>
      <c r="UVT646" s="613"/>
      <c r="UVU646" s="613"/>
      <c r="UVV646" s="613"/>
      <c r="UVW646" s="613"/>
      <c r="UVX646" s="613"/>
      <c r="UVY646" s="613"/>
      <c r="UVZ646" s="613"/>
      <c r="UWA646" s="613"/>
      <c r="UWB646" s="613"/>
      <c r="UWC646" s="613"/>
      <c r="UWD646" s="613"/>
      <c r="UWE646" s="613"/>
      <c r="UWF646" s="613"/>
      <c r="UWG646" s="613"/>
      <c r="UWH646" s="613"/>
      <c r="UWI646" s="613"/>
      <c r="UWJ646" s="613"/>
      <c r="UWK646" s="613"/>
      <c r="UWL646" s="613"/>
      <c r="UWM646" s="613"/>
      <c r="UWN646" s="613"/>
      <c r="UWO646" s="613"/>
      <c r="UWP646" s="613"/>
      <c r="UWQ646" s="613"/>
      <c r="UWR646" s="613"/>
      <c r="UWS646" s="613"/>
      <c r="UWT646" s="613"/>
      <c r="UWU646" s="613"/>
      <c r="UWV646" s="613"/>
      <c r="UWW646" s="613"/>
      <c r="UWX646" s="613"/>
      <c r="UWY646" s="613"/>
      <c r="UWZ646" s="613"/>
      <c r="UXA646" s="613"/>
      <c r="UXB646" s="613"/>
      <c r="UXC646" s="613"/>
      <c r="UXD646" s="613"/>
      <c r="UXE646" s="613"/>
      <c r="UXF646" s="613"/>
      <c r="UXG646" s="613"/>
      <c r="UXH646" s="613"/>
      <c r="UXI646" s="613"/>
      <c r="UXJ646" s="613"/>
      <c r="UXK646" s="613"/>
      <c r="UXL646" s="613"/>
      <c r="UXM646" s="613"/>
      <c r="UXN646" s="613"/>
      <c r="UXO646" s="613"/>
      <c r="UXP646" s="613"/>
      <c r="UXQ646" s="613"/>
      <c r="UXR646" s="613"/>
      <c r="UXS646" s="613"/>
      <c r="UXT646" s="613"/>
      <c r="UXU646" s="613"/>
      <c r="UXV646" s="613"/>
      <c r="UXW646" s="613"/>
      <c r="UXX646" s="613"/>
      <c r="UXY646" s="613"/>
      <c r="UXZ646" s="613"/>
      <c r="UYA646" s="613"/>
      <c r="UYB646" s="613"/>
      <c r="UYC646" s="613"/>
      <c r="UYD646" s="613"/>
      <c r="UYE646" s="613"/>
      <c r="UYF646" s="613"/>
      <c r="UYG646" s="613"/>
      <c r="UYH646" s="613"/>
      <c r="UYI646" s="613"/>
      <c r="UYJ646" s="613"/>
      <c r="UYK646" s="613"/>
      <c r="UYL646" s="613"/>
      <c r="UYM646" s="613"/>
      <c r="UYN646" s="613"/>
      <c r="UYO646" s="613"/>
      <c r="UYP646" s="613"/>
      <c r="UYQ646" s="613"/>
      <c r="UYR646" s="613"/>
      <c r="UYS646" s="613"/>
      <c r="UYT646" s="613"/>
      <c r="UYU646" s="613"/>
      <c r="UYV646" s="613"/>
      <c r="UYW646" s="613"/>
      <c r="UYX646" s="613"/>
      <c r="UYY646" s="613"/>
      <c r="UYZ646" s="613"/>
      <c r="UZA646" s="613"/>
      <c r="UZB646" s="613"/>
      <c r="UZC646" s="613"/>
      <c r="UZD646" s="613"/>
      <c r="UZE646" s="613"/>
      <c r="UZF646" s="613"/>
      <c r="UZG646" s="613"/>
      <c r="UZH646" s="613"/>
      <c r="UZI646" s="613"/>
      <c r="UZJ646" s="613"/>
      <c r="UZK646" s="613"/>
      <c r="UZL646" s="613"/>
      <c r="UZM646" s="613"/>
      <c r="UZN646" s="613"/>
      <c r="UZO646" s="613"/>
      <c r="UZP646" s="613"/>
      <c r="UZQ646" s="613"/>
      <c r="UZR646" s="613"/>
      <c r="UZS646" s="613"/>
      <c r="UZT646" s="613"/>
      <c r="UZU646" s="613"/>
      <c r="UZV646" s="613"/>
      <c r="UZW646" s="613"/>
      <c r="UZX646" s="613"/>
      <c r="UZY646" s="613"/>
      <c r="UZZ646" s="613"/>
      <c r="VAA646" s="613"/>
      <c r="VAB646" s="613"/>
      <c r="VAC646" s="613"/>
      <c r="VAD646" s="613"/>
      <c r="VAE646" s="613"/>
      <c r="VAF646" s="613"/>
      <c r="VAG646" s="613"/>
      <c r="VAH646" s="613"/>
      <c r="VAI646" s="613"/>
      <c r="VAJ646" s="613"/>
      <c r="VAK646" s="613"/>
      <c r="VAL646" s="613"/>
      <c r="VAM646" s="613"/>
      <c r="VAN646" s="613"/>
      <c r="VAO646" s="613"/>
      <c r="VAP646" s="613"/>
      <c r="VAQ646" s="613"/>
      <c r="VAR646" s="613"/>
      <c r="VAS646" s="613"/>
      <c r="VAT646" s="613"/>
      <c r="VAU646" s="613"/>
      <c r="VAV646" s="613"/>
      <c r="VAW646" s="613"/>
      <c r="VAX646" s="613"/>
      <c r="VAY646" s="613"/>
      <c r="VAZ646" s="613"/>
      <c r="VBA646" s="613"/>
      <c r="VBB646" s="613"/>
      <c r="VBC646" s="613"/>
      <c r="VBD646" s="613"/>
      <c r="VBE646" s="613"/>
      <c r="VBF646" s="613"/>
      <c r="VBG646" s="613"/>
      <c r="VBH646" s="613"/>
      <c r="VBI646" s="613"/>
      <c r="VBJ646" s="613"/>
      <c r="VBK646" s="613"/>
      <c r="VBL646" s="613"/>
      <c r="VBM646" s="613"/>
      <c r="VBN646" s="613"/>
      <c r="VBO646" s="613"/>
      <c r="VBP646" s="613"/>
      <c r="VBQ646" s="613"/>
      <c r="VBR646" s="613"/>
      <c r="VBS646" s="613"/>
      <c r="VBT646" s="613"/>
      <c r="VBU646" s="613"/>
      <c r="VBV646" s="613"/>
      <c r="VBW646" s="613"/>
      <c r="VBX646" s="613"/>
      <c r="VBY646" s="613"/>
      <c r="VBZ646" s="613"/>
      <c r="VCA646" s="613"/>
      <c r="VCB646" s="613"/>
      <c r="VCC646" s="613"/>
      <c r="VCD646" s="613"/>
      <c r="VCE646" s="613"/>
      <c r="VCF646" s="613"/>
      <c r="VCG646" s="613"/>
      <c r="VCH646" s="613"/>
      <c r="VCI646" s="613"/>
      <c r="VCJ646" s="613"/>
      <c r="VCK646" s="613"/>
      <c r="VCL646" s="613"/>
      <c r="VCM646" s="613"/>
      <c r="VCN646" s="613"/>
      <c r="VCO646" s="613"/>
      <c r="VCP646" s="613"/>
      <c r="VCQ646" s="613"/>
      <c r="VCR646" s="613"/>
      <c r="VCS646" s="613"/>
      <c r="VCT646" s="613"/>
      <c r="VCU646" s="613"/>
      <c r="VCV646" s="613"/>
      <c r="VCW646" s="613"/>
      <c r="VCX646" s="613"/>
      <c r="VCY646" s="613"/>
      <c r="VCZ646" s="613"/>
      <c r="VDA646" s="613"/>
      <c r="VDB646" s="613"/>
      <c r="VDC646" s="613"/>
      <c r="VDD646" s="613"/>
      <c r="VDE646" s="613"/>
      <c r="VDF646" s="613"/>
      <c r="VDG646" s="613"/>
      <c r="VDH646" s="613"/>
      <c r="VDI646" s="613"/>
      <c r="VDJ646" s="613"/>
      <c r="VDK646" s="613"/>
      <c r="VDL646" s="613"/>
      <c r="VDM646" s="613"/>
      <c r="VDN646" s="613"/>
      <c r="VDO646" s="613"/>
      <c r="VDP646" s="613"/>
      <c r="VDQ646" s="613"/>
      <c r="VDR646" s="613"/>
      <c r="VDS646" s="613"/>
      <c r="VDT646" s="613"/>
      <c r="VDU646" s="613"/>
      <c r="VDV646" s="613"/>
      <c r="VDW646" s="613"/>
      <c r="VDX646" s="613"/>
      <c r="VDY646" s="613"/>
      <c r="VDZ646" s="613"/>
      <c r="VEA646" s="613"/>
      <c r="VEB646" s="613"/>
      <c r="VEC646" s="613"/>
      <c r="VED646" s="613"/>
      <c r="VEE646" s="613"/>
      <c r="VEF646" s="613"/>
      <c r="VEG646" s="613"/>
      <c r="VEH646" s="613"/>
      <c r="VEI646" s="613"/>
      <c r="VEJ646" s="613"/>
      <c r="VEK646" s="613"/>
      <c r="VEL646" s="613"/>
      <c r="VEM646" s="613"/>
      <c r="VEN646" s="613"/>
      <c r="VEO646" s="613"/>
      <c r="VEP646" s="613"/>
      <c r="VEQ646" s="613"/>
      <c r="VER646" s="613"/>
      <c r="VES646" s="613"/>
      <c r="VET646" s="613"/>
      <c r="VEU646" s="613"/>
      <c r="VEV646" s="613"/>
      <c r="VEW646" s="613"/>
      <c r="VEX646" s="613"/>
      <c r="VEY646" s="613"/>
      <c r="VEZ646" s="613"/>
      <c r="VFA646" s="613"/>
      <c r="VFB646" s="613"/>
      <c r="VFC646" s="613"/>
      <c r="VFD646" s="613"/>
      <c r="VFE646" s="613"/>
      <c r="VFF646" s="613"/>
      <c r="VFG646" s="613"/>
      <c r="VFH646" s="613"/>
      <c r="VFI646" s="613"/>
      <c r="VFJ646" s="613"/>
      <c r="VFK646" s="613"/>
      <c r="VFL646" s="613"/>
      <c r="VFM646" s="613"/>
      <c r="VFN646" s="613"/>
      <c r="VFO646" s="613"/>
      <c r="VFP646" s="613"/>
      <c r="VFQ646" s="613"/>
      <c r="VFR646" s="613"/>
      <c r="VFS646" s="613"/>
      <c r="VFT646" s="613"/>
      <c r="VFU646" s="613"/>
      <c r="VFV646" s="613"/>
      <c r="VFW646" s="613"/>
      <c r="VFX646" s="613"/>
      <c r="VFY646" s="613"/>
      <c r="VFZ646" s="613"/>
      <c r="VGA646" s="613"/>
      <c r="VGB646" s="613"/>
      <c r="VGC646" s="613"/>
      <c r="VGD646" s="613"/>
      <c r="VGE646" s="613"/>
      <c r="VGF646" s="613"/>
      <c r="VGG646" s="613"/>
      <c r="VGH646" s="613"/>
      <c r="VGI646" s="613"/>
      <c r="VGJ646" s="613"/>
      <c r="VGK646" s="613"/>
      <c r="VGL646" s="613"/>
      <c r="VGM646" s="613"/>
      <c r="VGN646" s="613"/>
      <c r="VGO646" s="613"/>
      <c r="VGP646" s="613"/>
      <c r="VGQ646" s="613"/>
      <c r="VGR646" s="613"/>
      <c r="VGS646" s="613"/>
      <c r="VGT646" s="613"/>
      <c r="VGU646" s="613"/>
      <c r="VGV646" s="613"/>
      <c r="VGW646" s="613"/>
      <c r="VGX646" s="613"/>
      <c r="VGY646" s="613"/>
      <c r="VGZ646" s="613"/>
      <c r="VHA646" s="613"/>
      <c r="VHB646" s="613"/>
      <c r="VHC646" s="613"/>
      <c r="VHD646" s="613"/>
      <c r="VHE646" s="613"/>
      <c r="VHF646" s="613"/>
      <c r="VHG646" s="613"/>
      <c r="VHH646" s="613"/>
      <c r="VHI646" s="613"/>
      <c r="VHJ646" s="613"/>
      <c r="VHK646" s="613"/>
      <c r="VHL646" s="613"/>
      <c r="VHM646" s="613"/>
      <c r="VHN646" s="613"/>
      <c r="VHO646" s="613"/>
      <c r="VHP646" s="613"/>
      <c r="VHQ646" s="613"/>
      <c r="VHR646" s="613"/>
      <c r="VHS646" s="613"/>
      <c r="VHT646" s="613"/>
      <c r="VHU646" s="613"/>
      <c r="VHV646" s="613"/>
      <c r="VHW646" s="613"/>
      <c r="VHX646" s="613"/>
      <c r="VHY646" s="613"/>
      <c r="VHZ646" s="613"/>
      <c r="VIA646" s="613"/>
      <c r="VIB646" s="613"/>
      <c r="VIC646" s="613"/>
      <c r="VID646" s="613"/>
      <c r="VIE646" s="613"/>
      <c r="VIF646" s="613"/>
      <c r="VIG646" s="613"/>
      <c r="VIH646" s="613"/>
      <c r="VII646" s="613"/>
      <c r="VIJ646" s="613"/>
      <c r="VIK646" s="613"/>
      <c r="VIL646" s="613"/>
      <c r="VIM646" s="613"/>
      <c r="VIN646" s="613"/>
      <c r="VIO646" s="613"/>
      <c r="VIP646" s="613"/>
      <c r="VIQ646" s="613"/>
      <c r="VIR646" s="613"/>
      <c r="VIS646" s="613"/>
      <c r="VIT646" s="613"/>
      <c r="VIU646" s="613"/>
      <c r="VIV646" s="613"/>
      <c r="VIW646" s="613"/>
      <c r="VIX646" s="613"/>
      <c r="VIY646" s="613"/>
      <c r="VIZ646" s="613"/>
      <c r="VJA646" s="613"/>
      <c r="VJB646" s="613"/>
      <c r="VJC646" s="613"/>
      <c r="VJD646" s="613"/>
      <c r="VJE646" s="613"/>
      <c r="VJF646" s="613"/>
      <c r="VJG646" s="613"/>
      <c r="VJH646" s="613"/>
      <c r="VJI646" s="613"/>
      <c r="VJJ646" s="613"/>
      <c r="VJK646" s="613"/>
      <c r="VJL646" s="613"/>
      <c r="VJM646" s="613"/>
      <c r="VJN646" s="613"/>
      <c r="VJO646" s="613"/>
      <c r="VJP646" s="613"/>
      <c r="VJQ646" s="613"/>
      <c r="VJR646" s="613"/>
      <c r="VJS646" s="613"/>
      <c r="VJT646" s="613"/>
      <c r="VJU646" s="613"/>
      <c r="VJV646" s="613"/>
      <c r="VJW646" s="613"/>
      <c r="VJX646" s="613"/>
      <c r="VJY646" s="613"/>
      <c r="VJZ646" s="613"/>
      <c r="VKA646" s="613"/>
      <c r="VKB646" s="613"/>
      <c r="VKC646" s="613"/>
      <c r="VKD646" s="613"/>
      <c r="VKE646" s="613"/>
      <c r="VKF646" s="613"/>
      <c r="VKG646" s="613"/>
      <c r="VKH646" s="613"/>
      <c r="VKI646" s="613"/>
      <c r="VKJ646" s="613"/>
      <c r="VKK646" s="613"/>
      <c r="VKL646" s="613"/>
      <c r="VKM646" s="613"/>
      <c r="VKN646" s="613"/>
      <c r="VKO646" s="613"/>
      <c r="VKP646" s="613"/>
      <c r="VKQ646" s="613"/>
      <c r="VKR646" s="613"/>
      <c r="VKS646" s="613"/>
      <c r="VKT646" s="613"/>
      <c r="VKU646" s="613"/>
      <c r="VKV646" s="613"/>
      <c r="VKW646" s="613"/>
      <c r="VKX646" s="613"/>
      <c r="VKY646" s="613"/>
      <c r="VKZ646" s="613"/>
      <c r="VLA646" s="613"/>
      <c r="VLB646" s="613"/>
      <c r="VLC646" s="613"/>
      <c r="VLD646" s="613"/>
      <c r="VLE646" s="613"/>
      <c r="VLF646" s="613"/>
      <c r="VLG646" s="613"/>
      <c r="VLH646" s="613"/>
      <c r="VLI646" s="613"/>
      <c r="VLJ646" s="613"/>
      <c r="VLK646" s="613"/>
      <c r="VLL646" s="613"/>
      <c r="VLM646" s="613"/>
      <c r="VLN646" s="613"/>
      <c r="VLO646" s="613"/>
      <c r="VLP646" s="613"/>
      <c r="VLQ646" s="613"/>
      <c r="VLR646" s="613"/>
      <c r="VLS646" s="613"/>
      <c r="VLT646" s="613"/>
      <c r="VLU646" s="613"/>
      <c r="VLV646" s="613"/>
      <c r="VLW646" s="613"/>
      <c r="VLX646" s="613"/>
      <c r="VLY646" s="613"/>
      <c r="VLZ646" s="613"/>
      <c r="VMA646" s="613"/>
      <c r="VMB646" s="613"/>
      <c r="VMC646" s="613"/>
      <c r="VMD646" s="613"/>
      <c r="VME646" s="613"/>
      <c r="VMF646" s="613"/>
      <c r="VMG646" s="613"/>
      <c r="VMH646" s="613"/>
      <c r="VMI646" s="613"/>
      <c r="VMJ646" s="613"/>
      <c r="VMK646" s="613"/>
      <c r="VML646" s="613"/>
      <c r="VMM646" s="613"/>
      <c r="VMN646" s="613"/>
      <c r="VMO646" s="613"/>
      <c r="VMP646" s="613"/>
      <c r="VMQ646" s="613"/>
      <c r="VMR646" s="613"/>
      <c r="VMS646" s="613"/>
      <c r="VMT646" s="613"/>
      <c r="VMU646" s="613"/>
      <c r="VMV646" s="613"/>
      <c r="VMW646" s="613"/>
      <c r="VMX646" s="613"/>
      <c r="VMY646" s="613"/>
      <c r="VMZ646" s="613"/>
      <c r="VNA646" s="613"/>
      <c r="VNB646" s="613"/>
      <c r="VNC646" s="613"/>
      <c r="VND646" s="613"/>
      <c r="VNE646" s="613"/>
      <c r="VNF646" s="613"/>
      <c r="VNG646" s="613"/>
      <c r="VNH646" s="613"/>
      <c r="VNI646" s="613"/>
      <c r="VNJ646" s="613"/>
      <c r="VNK646" s="613"/>
      <c r="VNL646" s="613"/>
      <c r="VNM646" s="613"/>
      <c r="VNN646" s="613"/>
      <c r="VNO646" s="613"/>
      <c r="VNP646" s="613"/>
      <c r="VNQ646" s="613"/>
      <c r="VNR646" s="613"/>
      <c r="VNS646" s="613"/>
      <c r="VNT646" s="613"/>
      <c r="VNU646" s="613"/>
      <c r="VNV646" s="613"/>
      <c r="VNW646" s="613"/>
      <c r="VNX646" s="613"/>
      <c r="VNY646" s="613"/>
      <c r="VNZ646" s="613"/>
      <c r="VOA646" s="613"/>
      <c r="VOB646" s="613"/>
      <c r="VOC646" s="613"/>
      <c r="VOD646" s="613"/>
      <c r="VOE646" s="613"/>
      <c r="VOF646" s="613"/>
      <c r="VOG646" s="613"/>
      <c r="VOH646" s="613"/>
      <c r="VOI646" s="613"/>
      <c r="VOJ646" s="613"/>
      <c r="VOK646" s="613"/>
      <c r="VOL646" s="613"/>
      <c r="VOM646" s="613"/>
      <c r="VON646" s="613"/>
      <c r="VOO646" s="613"/>
      <c r="VOP646" s="613"/>
      <c r="VOQ646" s="613"/>
      <c r="VOR646" s="613"/>
      <c r="VOS646" s="613"/>
      <c r="VOT646" s="613"/>
      <c r="VOU646" s="613"/>
      <c r="VOV646" s="613"/>
      <c r="VOW646" s="613"/>
      <c r="VOX646" s="613"/>
      <c r="VOY646" s="613"/>
      <c r="VOZ646" s="613"/>
      <c r="VPA646" s="613"/>
      <c r="VPB646" s="613"/>
      <c r="VPC646" s="613"/>
      <c r="VPD646" s="613"/>
      <c r="VPE646" s="613"/>
      <c r="VPF646" s="613"/>
      <c r="VPG646" s="613"/>
      <c r="VPH646" s="613"/>
      <c r="VPI646" s="613"/>
      <c r="VPJ646" s="613"/>
      <c r="VPK646" s="613"/>
      <c r="VPL646" s="613"/>
      <c r="VPM646" s="613"/>
      <c r="VPN646" s="613"/>
      <c r="VPO646" s="613"/>
      <c r="VPP646" s="613"/>
      <c r="VPQ646" s="613"/>
      <c r="VPR646" s="613"/>
      <c r="VPS646" s="613"/>
      <c r="VPT646" s="613"/>
      <c r="VPU646" s="613"/>
      <c r="VPV646" s="613"/>
      <c r="VPW646" s="613"/>
      <c r="VPX646" s="613"/>
      <c r="VPY646" s="613"/>
      <c r="VPZ646" s="613"/>
      <c r="VQA646" s="613"/>
      <c r="VQB646" s="613"/>
      <c r="VQC646" s="613"/>
      <c r="VQD646" s="613"/>
      <c r="VQE646" s="613"/>
      <c r="VQF646" s="613"/>
      <c r="VQG646" s="613"/>
      <c r="VQH646" s="613"/>
      <c r="VQI646" s="613"/>
      <c r="VQJ646" s="613"/>
      <c r="VQK646" s="613"/>
      <c r="VQL646" s="613"/>
      <c r="VQM646" s="613"/>
      <c r="VQN646" s="613"/>
      <c r="VQO646" s="613"/>
      <c r="VQP646" s="613"/>
      <c r="VQQ646" s="613"/>
      <c r="VQR646" s="613"/>
      <c r="VQS646" s="613"/>
      <c r="VQT646" s="613"/>
      <c r="VQU646" s="613"/>
      <c r="VQV646" s="613"/>
      <c r="VQW646" s="613"/>
      <c r="VQX646" s="613"/>
      <c r="VQY646" s="613"/>
      <c r="VQZ646" s="613"/>
      <c r="VRA646" s="613"/>
      <c r="VRB646" s="613"/>
      <c r="VRC646" s="613"/>
      <c r="VRD646" s="613"/>
      <c r="VRE646" s="613"/>
      <c r="VRF646" s="613"/>
      <c r="VRG646" s="613"/>
      <c r="VRH646" s="613"/>
      <c r="VRI646" s="613"/>
      <c r="VRJ646" s="613"/>
      <c r="VRK646" s="613"/>
      <c r="VRL646" s="613"/>
      <c r="VRM646" s="613"/>
      <c r="VRN646" s="613"/>
      <c r="VRO646" s="613"/>
      <c r="VRP646" s="613"/>
      <c r="VRQ646" s="613"/>
      <c r="VRR646" s="613"/>
      <c r="VRS646" s="613"/>
      <c r="VRT646" s="613"/>
      <c r="VRU646" s="613"/>
      <c r="VRV646" s="613"/>
      <c r="VRW646" s="613"/>
      <c r="VRX646" s="613"/>
      <c r="VRY646" s="613"/>
      <c r="VRZ646" s="613"/>
      <c r="VSA646" s="613"/>
      <c r="VSB646" s="613"/>
      <c r="VSC646" s="613"/>
      <c r="VSD646" s="613"/>
      <c r="VSE646" s="613"/>
      <c r="VSF646" s="613"/>
      <c r="VSG646" s="613"/>
      <c r="VSH646" s="613"/>
      <c r="VSI646" s="613"/>
      <c r="VSJ646" s="613"/>
      <c r="VSK646" s="613"/>
      <c r="VSL646" s="613"/>
      <c r="VSM646" s="613"/>
      <c r="VSN646" s="613"/>
      <c r="VSO646" s="613"/>
      <c r="VSP646" s="613"/>
      <c r="VSQ646" s="613"/>
      <c r="VSR646" s="613"/>
      <c r="VSS646" s="613"/>
      <c r="VST646" s="613"/>
      <c r="VSU646" s="613"/>
      <c r="VSV646" s="613"/>
      <c r="VSW646" s="613"/>
      <c r="VSX646" s="613"/>
      <c r="VSY646" s="613"/>
      <c r="VSZ646" s="613"/>
      <c r="VTA646" s="613"/>
      <c r="VTB646" s="613"/>
      <c r="VTC646" s="613"/>
      <c r="VTD646" s="613"/>
      <c r="VTE646" s="613"/>
      <c r="VTF646" s="613"/>
      <c r="VTG646" s="613"/>
      <c r="VTH646" s="613"/>
      <c r="VTI646" s="613"/>
      <c r="VTJ646" s="613"/>
      <c r="VTK646" s="613"/>
      <c r="VTL646" s="613"/>
      <c r="VTM646" s="613"/>
      <c r="VTN646" s="613"/>
      <c r="VTO646" s="613"/>
      <c r="VTP646" s="613"/>
      <c r="VTQ646" s="613"/>
      <c r="VTR646" s="613"/>
      <c r="VTS646" s="613"/>
      <c r="VTT646" s="613"/>
      <c r="VTU646" s="613"/>
      <c r="VTV646" s="613"/>
      <c r="VTW646" s="613"/>
      <c r="VTX646" s="613"/>
      <c r="VTY646" s="613"/>
      <c r="VTZ646" s="613"/>
      <c r="VUA646" s="613"/>
      <c r="VUB646" s="613"/>
      <c r="VUC646" s="613"/>
      <c r="VUD646" s="613"/>
      <c r="VUE646" s="613"/>
      <c r="VUF646" s="613"/>
      <c r="VUG646" s="613"/>
      <c r="VUH646" s="613"/>
      <c r="VUI646" s="613"/>
      <c r="VUJ646" s="613"/>
      <c r="VUK646" s="613"/>
      <c r="VUL646" s="613"/>
      <c r="VUM646" s="613"/>
      <c r="VUN646" s="613"/>
      <c r="VUO646" s="613"/>
      <c r="VUP646" s="613"/>
      <c r="VUQ646" s="613"/>
      <c r="VUR646" s="613"/>
      <c r="VUS646" s="613"/>
      <c r="VUT646" s="613"/>
      <c r="VUU646" s="613"/>
      <c r="VUV646" s="613"/>
      <c r="VUW646" s="613"/>
      <c r="VUX646" s="613"/>
      <c r="VUY646" s="613"/>
      <c r="VUZ646" s="613"/>
      <c r="VVA646" s="613"/>
      <c r="VVB646" s="613"/>
      <c r="VVC646" s="613"/>
      <c r="VVD646" s="613"/>
      <c r="VVE646" s="613"/>
      <c r="VVF646" s="613"/>
      <c r="VVG646" s="613"/>
      <c r="VVH646" s="613"/>
      <c r="VVI646" s="613"/>
      <c r="VVJ646" s="613"/>
      <c r="VVK646" s="613"/>
      <c r="VVL646" s="613"/>
      <c r="VVM646" s="613"/>
      <c r="VVN646" s="613"/>
      <c r="VVO646" s="613"/>
      <c r="VVP646" s="613"/>
      <c r="VVQ646" s="613"/>
      <c r="VVR646" s="613"/>
      <c r="VVS646" s="613"/>
      <c r="VVT646" s="613"/>
      <c r="VVU646" s="613"/>
      <c r="VVV646" s="613"/>
      <c r="VVW646" s="613"/>
      <c r="VVX646" s="613"/>
      <c r="VVY646" s="613"/>
      <c r="VVZ646" s="613"/>
      <c r="VWA646" s="613"/>
      <c r="VWB646" s="613"/>
      <c r="VWC646" s="613"/>
      <c r="VWD646" s="613"/>
      <c r="VWE646" s="613"/>
      <c r="VWF646" s="613"/>
      <c r="VWG646" s="613"/>
      <c r="VWH646" s="613"/>
      <c r="VWI646" s="613"/>
      <c r="VWJ646" s="613"/>
      <c r="VWK646" s="613"/>
      <c r="VWL646" s="613"/>
      <c r="VWM646" s="613"/>
      <c r="VWN646" s="613"/>
      <c r="VWO646" s="613"/>
      <c r="VWP646" s="613"/>
      <c r="VWQ646" s="613"/>
      <c r="VWR646" s="613"/>
      <c r="VWS646" s="613"/>
      <c r="VWT646" s="613"/>
      <c r="VWU646" s="613"/>
      <c r="VWV646" s="613"/>
      <c r="VWW646" s="613"/>
      <c r="VWX646" s="613"/>
      <c r="VWY646" s="613"/>
      <c r="VWZ646" s="613"/>
      <c r="VXA646" s="613"/>
      <c r="VXB646" s="613"/>
      <c r="VXC646" s="613"/>
      <c r="VXD646" s="613"/>
      <c r="VXE646" s="613"/>
      <c r="VXF646" s="613"/>
      <c r="VXG646" s="613"/>
      <c r="VXH646" s="613"/>
      <c r="VXI646" s="613"/>
      <c r="VXJ646" s="613"/>
      <c r="VXK646" s="613"/>
      <c r="VXL646" s="613"/>
      <c r="VXM646" s="613"/>
      <c r="VXN646" s="613"/>
      <c r="VXO646" s="613"/>
      <c r="VXP646" s="613"/>
      <c r="VXQ646" s="613"/>
      <c r="VXR646" s="613"/>
      <c r="VXS646" s="613"/>
      <c r="VXT646" s="613"/>
      <c r="VXU646" s="613"/>
      <c r="VXV646" s="613"/>
      <c r="VXW646" s="613"/>
      <c r="VXX646" s="613"/>
      <c r="VXY646" s="613"/>
      <c r="VXZ646" s="613"/>
      <c r="VYA646" s="613"/>
      <c r="VYB646" s="613"/>
      <c r="VYC646" s="613"/>
      <c r="VYD646" s="613"/>
      <c r="VYE646" s="613"/>
      <c r="VYF646" s="613"/>
      <c r="VYG646" s="613"/>
      <c r="VYH646" s="613"/>
      <c r="VYI646" s="613"/>
      <c r="VYJ646" s="613"/>
      <c r="VYK646" s="613"/>
      <c r="VYL646" s="613"/>
      <c r="VYM646" s="613"/>
      <c r="VYN646" s="613"/>
      <c r="VYO646" s="613"/>
      <c r="VYP646" s="613"/>
      <c r="VYQ646" s="613"/>
      <c r="VYR646" s="613"/>
      <c r="VYS646" s="613"/>
      <c r="VYT646" s="613"/>
      <c r="VYU646" s="613"/>
      <c r="VYV646" s="613"/>
      <c r="VYW646" s="613"/>
      <c r="VYX646" s="613"/>
      <c r="VYY646" s="613"/>
      <c r="VYZ646" s="613"/>
      <c r="VZA646" s="613"/>
      <c r="VZB646" s="613"/>
      <c r="VZC646" s="613"/>
      <c r="VZD646" s="613"/>
      <c r="VZE646" s="613"/>
      <c r="VZF646" s="613"/>
      <c r="VZG646" s="613"/>
      <c r="VZH646" s="613"/>
      <c r="VZI646" s="613"/>
      <c r="VZJ646" s="613"/>
      <c r="VZK646" s="613"/>
      <c r="VZL646" s="613"/>
      <c r="VZM646" s="613"/>
      <c r="VZN646" s="613"/>
      <c r="VZO646" s="613"/>
      <c r="VZP646" s="613"/>
      <c r="VZQ646" s="613"/>
      <c r="VZR646" s="613"/>
      <c r="VZS646" s="613"/>
      <c r="VZT646" s="613"/>
      <c r="VZU646" s="613"/>
      <c r="VZV646" s="613"/>
      <c r="VZW646" s="613"/>
      <c r="VZX646" s="613"/>
      <c r="VZY646" s="613"/>
      <c r="VZZ646" s="613"/>
      <c r="WAA646" s="613"/>
      <c r="WAB646" s="613"/>
      <c r="WAC646" s="613"/>
      <c r="WAD646" s="613"/>
      <c r="WAE646" s="613"/>
      <c r="WAF646" s="613"/>
      <c r="WAG646" s="613"/>
      <c r="WAH646" s="613"/>
      <c r="WAI646" s="613"/>
      <c r="WAJ646" s="613"/>
      <c r="WAK646" s="613"/>
      <c r="WAL646" s="613"/>
      <c r="WAM646" s="613"/>
      <c r="WAN646" s="613"/>
      <c r="WAO646" s="613"/>
      <c r="WAP646" s="613"/>
      <c r="WAQ646" s="613"/>
      <c r="WAR646" s="613"/>
      <c r="WAS646" s="613"/>
      <c r="WAT646" s="613"/>
      <c r="WAU646" s="613"/>
      <c r="WAV646" s="613"/>
      <c r="WAW646" s="613"/>
      <c r="WAX646" s="613"/>
      <c r="WAY646" s="613"/>
      <c r="WAZ646" s="613"/>
      <c r="WBA646" s="613"/>
      <c r="WBB646" s="613"/>
      <c r="WBC646" s="613"/>
      <c r="WBD646" s="613"/>
      <c r="WBE646" s="613"/>
      <c r="WBF646" s="613"/>
      <c r="WBG646" s="613"/>
      <c r="WBH646" s="613"/>
      <c r="WBI646" s="613"/>
      <c r="WBJ646" s="613"/>
      <c r="WBK646" s="613"/>
      <c r="WBL646" s="613"/>
      <c r="WBM646" s="613"/>
      <c r="WBN646" s="613"/>
      <c r="WBO646" s="613"/>
      <c r="WBP646" s="613"/>
      <c r="WBQ646" s="613"/>
      <c r="WBR646" s="613"/>
      <c r="WBS646" s="613"/>
      <c r="WBT646" s="613"/>
      <c r="WBU646" s="613"/>
      <c r="WBV646" s="613"/>
      <c r="WBW646" s="613"/>
      <c r="WBX646" s="613"/>
      <c r="WBY646" s="613"/>
      <c r="WBZ646" s="613"/>
      <c r="WCA646" s="613"/>
      <c r="WCB646" s="613"/>
      <c r="WCC646" s="613"/>
      <c r="WCD646" s="613"/>
      <c r="WCE646" s="613"/>
      <c r="WCF646" s="613"/>
      <c r="WCG646" s="613"/>
      <c r="WCH646" s="613"/>
      <c r="WCI646" s="613"/>
      <c r="WCJ646" s="613"/>
      <c r="WCK646" s="613"/>
      <c r="WCL646" s="613"/>
      <c r="WCM646" s="613"/>
      <c r="WCN646" s="613"/>
      <c r="WCO646" s="613"/>
      <c r="WCP646" s="613"/>
      <c r="WCQ646" s="613"/>
      <c r="WCR646" s="613"/>
      <c r="WCS646" s="613"/>
      <c r="WCT646" s="613"/>
      <c r="WCU646" s="613"/>
      <c r="WCV646" s="613"/>
      <c r="WCW646" s="613"/>
      <c r="WCX646" s="613"/>
      <c r="WCY646" s="613"/>
      <c r="WCZ646" s="613"/>
      <c r="WDA646" s="613"/>
      <c r="WDB646" s="613"/>
      <c r="WDC646" s="613"/>
      <c r="WDD646" s="613"/>
      <c r="WDE646" s="613"/>
      <c r="WDF646" s="613"/>
      <c r="WDG646" s="613"/>
      <c r="WDH646" s="613"/>
      <c r="WDI646" s="613"/>
      <c r="WDJ646" s="613"/>
      <c r="WDK646" s="613"/>
      <c r="WDL646" s="613"/>
      <c r="WDM646" s="613"/>
      <c r="WDN646" s="613"/>
      <c r="WDO646" s="613"/>
      <c r="WDP646" s="613"/>
      <c r="WDQ646" s="613"/>
      <c r="WDR646" s="613"/>
      <c r="WDS646" s="613"/>
      <c r="WDT646" s="613"/>
      <c r="WDU646" s="613"/>
      <c r="WDV646" s="613"/>
      <c r="WDW646" s="613"/>
      <c r="WDX646" s="613"/>
      <c r="WDY646" s="613"/>
      <c r="WDZ646" s="613"/>
      <c r="WEA646" s="613"/>
      <c r="WEB646" s="613"/>
      <c r="WEC646" s="613"/>
      <c r="WED646" s="613"/>
      <c r="WEE646" s="613"/>
      <c r="WEF646" s="613"/>
      <c r="WEG646" s="613"/>
      <c r="WEH646" s="613"/>
      <c r="WEI646" s="613"/>
      <c r="WEJ646" s="613"/>
      <c r="WEK646" s="613"/>
      <c r="WEL646" s="613"/>
      <c r="WEM646" s="613"/>
      <c r="WEN646" s="613"/>
      <c r="WEO646" s="613"/>
      <c r="WEP646" s="613"/>
      <c r="WEQ646" s="613"/>
      <c r="WER646" s="613"/>
      <c r="WES646" s="613"/>
      <c r="WET646" s="613"/>
      <c r="WEU646" s="613"/>
      <c r="WEV646" s="613"/>
      <c r="WEW646" s="613"/>
      <c r="WEX646" s="613"/>
      <c r="WEY646" s="613"/>
      <c r="WEZ646" s="613"/>
      <c r="WFA646" s="613"/>
      <c r="WFB646" s="613"/>
      <c r="WFC646" s="613"/>
      <c r="WFD646" s="613"/>
      <c r="WFE646" s="613"/>
      <c r="WFF646" s="613"/>
      <c r="WFG646" s="613"/>
      <c r="WFH646" s="613"/>
      <c r="WFI646" s="613"/>
      <c r="WFJ646" s="613"/>
      <c r="WFK646" s="613"/>
      <c r="WFL646" s="613"/>
      <c r="WFM646" s="613"/>
      <c r="WFN646" s="613"/>
      <c r="WFO646" s="613"/>
      <c r="WFP646" s="613"/>
      <c r="WFQ646" s="613"/>
      <c r="WFR646" s="613"/>
      <c r="WFS646" s="613"/>
      <c r="WFT646" s="613"/>
      <c r="WFU646" s="613"/>
      <c r="WFV646" s="613"/>
      <c r="WFW646" s="613"/>
      <c r="WFX646" s="613"/>
      <c r="WFY646" s="613"/>
      <c r="WFZ646" s="613"/>
      <c r="WGA646" s="613"/>
      <c r="WGB646" s="613"/>
      <c r="WGC646" s="613"/>
      <c r="WGD646" s="613"/>
      <c r="WGE646" s="613"/>
      <c r="WGF646" s="613"/>
      <c r="WGG646" s="613"/>
      <c r="WGH646" s="613"/>
      <c r="WGI646" s="613"/>
      <c r="WGJ646" s="613"/>
      <c r="WGK646" s="613"/>
      <c r="WGL646" s="613"/>
      <c r="WGM646" s="613"/>
      <c r="WGN646" s="613"/>
      <c r="WGO646" s="613"/>
      <c r="WGP646" s="613"/>
      <c r="WGQ646" s="613"/>
      <c r="WGR646" s="613"/>
      <c r="WGS646" s="613"/>
      <c r="WGT646" s="613"/>
      <c r="WGU646" s="613"/>
      <c r="WGV646" s="613"/>
      <c r="WGW646" s="613"/>
      <c r="WGX646" s="613"/>
      <c r="WGY646" s="613"/>
      <c r="WGZ646" s="613"/>
      <c r="WHA646" s="613"/>
      <c r="WHB646" s="613"/>
      <c r="WHC646" s="613"/>
      <c r="WHD646" s="613"/>
      <c r="WHE646" s="613"/>
      <c r="WHF646" s="613"/>
      <c r="WHG646" s="613"/>
      <c r="WHH646" s="613"/>
      <c r="WHI646" s="613"/>
      <c r="WHJ646" s="613"/>
      <c r="WHK646" s="613"/>
      <c r="WHL646" s="613"/>
      <c r="WHM646" s="613"/>
      <c r="WHN646" s="613"/>
      <c r="WHO646" s="613"/>
      <c r="WHP646" s="613"/>
      <c r="WHQ646" s="613"/>
      <c r="WHR646" s="613"/>
      <c r="WHS646" s="613"/>
      <c r="WHT646" s="613"/>
      <c r="WHU646" s="613"/>
      <c r="WHV646" s="613"/>
      <c r="WHW646" s="613"/>
      <c r="WHX646" s="613"/>
      <c r="WHY646" s="613"/>
      <c r="WHZ646" s="613"/>
      <c r="WIA646" s="613"/>
      <c r="WIB646" s="613"/>
      <c r="WIC646" s="613"/>
      <c r="WID646" s="613"/>
      <c r="WIE646" s="613"/>
      <c r="WIF646" s="613"/>
      <c r="WIG646" s="613"/>
      <c r="WIH646" s="613"/>
      <c r="WII646" s="613"/>
      <c r="WIJ646" s="613"/>
      <c r="WIK646" s="613"/>
      <c r="WIL646" s="613"/>
      <c r="WIM646" s="613"/>
      <c r="WIN646" s="613"/>
      <c r="WIO646" s="613"/>
      <c r="WIP646" s="613"/>
      <c r="WIQ646" s="613"/>
      <c r="WIR646" s="613"/>
      <c r="WIS646" s="613"/>
      <c r="WIT646" s="613"/>
      <c r="WIU646" s="613"/>
      <c r="WIV646" s="613"/>
      <c r="WIW646" s="613"/>
      <c r="WIX646" s="613"/>
      <c r="WIY646" s="613"/>
      <c r="WIZ646" s="613"/>
      <c r="WJA646" s="613"/>
      <c r="WJB646" s="613"/>
      <c r="WJC646" s="613"/>
      <c r="WJD646" s="613"/>
      <c r="WJE646" s="613"/>
      <c r="WJF646" s="613"/>
      <c r="WJG646" s="613"/>
      <c r="WJH646" s="613"/>
      <c r="WJI646" s="613"/>
      <c r="WJJ646" s="613"/>
      <c r="WJK646" s="613"/>
      <c r="WJL646" s="613"/>
      <c r="WJM646" s="613"/>
      <c r="WJN646" s="613"/>
      <c r="WJO646" s="613"/>
      <c r="WJP646" s="613"/>
      <c r="WJQ646" s="613"/>
      <c r="WJR646" s="613"/>
      <c r="WJS646" s="613"/>
      <c r="WJT646" s="613"/>
      <c r="WJU646" s="613"/>
      <c r="WJV646" s="613"/>
      <c r="WJW646" s="613"/>
      <c r="WJX646" s="613"/>
      <c r="WJY646" s="613"/>
      <c r="WJZ646" s="613"/>
      <c r="WKA646" s="613"/>
      <c r="WKB646" s="613"/>
      <c r="WKC646" s="613"/>
      <c r="WKD646" s="613"/>
      <c r="WKE646" s="613"/>
      <c r="WKF646" s="613"/>
      <c r="WKG646" s="613"/>
      <c r="WKH646" s="613"/>
      <c r="WKI646" s="613"/>
      <c r="WKJ646" s="613"/>
      <c r="WKK646" s="613"/>
      <c r="WKL646" s="613"/>
      <c r="WKM646" s="613"/>
      <c r="WKN646" s="613"/>
      <c r="WKO646" s="613"/>
      <c r="WKP646" s="613"/>
      <c r="WKQ646" s="613"/>
      <c r="WKR646" s="613"/>
      <c r="WKS646" s="613"/>
      <c r="WKT646" s="613"/>
      <c r="WKU646" s="613"/>
      <c r="WKV646" s="613"/>
      <c r="WKW646" s="613"/>
      <c r="WKX646" s="613"/>
      <c r="WKY646" s="613"/>
      <c r="WKZ646" s="613"/>
      <c r="WLA646" s="613"/>
      <c r="WLB646" s="613"/>
      <c r="WLC646" s="613"/>
      <c r="WLD646" s="613"/>
      <c r="WLE646" s="613"/>
      <c r="WLF646" s="613"/>
      <c r="WLG646" s="613"/>
      <c r="WLH646" s="613"/>
      <c r="WLI646" s="613"/>
      <c r="WLJ646" s="613"/>
      <c r="WLK646" s="613"/>
      <c r="WLL646" s="613"/>
      <c r="WLM646" s="613"/>
      <c r="WLN646" s="613"/>
      <c r="WLO646" s="613"/>
      <c r="WLP646" s="613"/>
      <c r="WLQ646" s="613"/>
      <c r="WLR646" s="613"/>
      <c r="WLS646" s="613"/>
      <c r="WLT646" s="613"/>
      <c r="WLU646" s="613"/>
      <c r="WLV646" s="613"/>
      <c r="WLW646" s="613"/>
      <c r="WLX646" s="613"/>
      <c r="WLY646" s="613"/>
      <c r="WLZ646" s="613"/>
      <c r="WMA646" s="613"/>
      <c r="WMB646" s="613"/>
      <c r="WMC646" s="613"/>
      <c r="WMD646" s="613"/>
      <c r="WME646" s="613"/>
      <c r="WMF646" s="613"/>
      <c r="WMG646" s="613"/>
      <c r="WMH646" s="613"/>
      <c r="WMI646" s="613"/>
      <c r="WMJ646" s="613"/>
      <c r="WMK646" s="613"/>
      <c r="WML646" s="613"/>
      <c r="WMM646" s="613"/>
      <c r="WMN646" s="613"/>
      <c r="WMO646" s="613"/>
      <c r="WMP646" s="613"/>
      <c r="WMQ646" s="613"/>
      <c r="WMR646" s="613"/>
      <c r="WMS646" s="613"/>
      <c r="WMT646" s="613"/>
      <c r="WMU646" s="613"/>
      <c r="WMV646" s="613"/>
      <c r="WMW646" s="613"/>
      <c r="WMX646" s="613"/>
      <c r="WMY646" s="613"/>
      <c r="WMZ646" s="613"/>
      <c r="WNA646" s="613"/>
      <c r="WNB646" s="613"/>
      <c r="WNC646" s="613"/>
      <c r="WND646" s="613"/>
      <c r="WNE646" s="613"/>
      <c r="WNF646" s="613"/>
      <c r="WNG646" s="613"/>
      <c r="WNH646" s="613"/>
      <c r="WNI646" s="613"/>
      <c r="WNJ646" s="613"/>
      <c r="WNK646" s="613"/>
      <c r="WNL646" s="613"/>
      <c r="WNM646" s="613"/>
      <c r="WNN646" s="613"/>
      <c r="WNO646" s="613"/>
      <c r="WNP646" s="613"/>
      <c r="WNQ646" s="613"/>
      <c r="WNR646" s="613"/>
      <c r="WNS646" s="613"/>
      <c r="WNT646" s="613"/>
      <c r="WNU646" s="613"/>
      <c r="WNV646" s="613"/>
      <c r="WNW646" s="613"/>
      <c r="WNX646" s="613"/>
      <c r="WNY646" s="613"/>
      <c r="WNZ646" s="613"/>
      <c r="WOA646" s="613"/>
      <c r="WOB646" s="613"/>
      <c r="WOC646" s="613"/>
      <c r="WOD646" s="613"/>
      <c r="WOE646" s="613"/>
      <c r="WOF646" s="613"/>
      <c r="WOG646" s="613"/>
      <c r="WOH646" s="613"/>
      <c r="WOI646" s="613"/>
      <c r="WOJ646" s="613"/>
      <c r="WOK646" s="613"/>
      <c r="WOL646" s="613"/>
      <c r="WOM646" s="613"/>
      <c r="WON646" s="613"/>
      <c r="WOO646" s="613"/>
      <c r="WOP646" s="613"/>
      <c r="WOQ646" s="613"/>
      <c r="WOR646" s="613"/>
      <c r="WOS646" s="613"/>
      <c r="WOT646" s="613"/>
      <c r="WOU646" s="613"/>
      <c r="WOV646" s="613"/>
      <c r="WOW646" s="613"/>
      <c r="WOX646" s="613"/>
      <c r="WOY646" s="613"/>
      <c r="WOZ646" s="613"/>
      <c r="WPA646" s="613"/>
      <c r="WPB646" s="613"/>
      <c r="WPC646" s="613"/>
      <c r="WPD646" s="613"/>
      <c r="WPE646" s="613"/>
      <c r="WPF646" s="613"/>
      <c r="WPG646" s="613"/>
      <c r="WPH646" s="613"/>
      <c r="WPI646" s="613"/>
      <c r="WPJ646" s="613"/>
      <c r="WPK646" s="613"/>
      <c r="WPL646" s="613"/>
      <c r="WPM646" s="613"/>
      <c r="WPN646" s="613"/>
      <c r="WPO646" s="613"/>
      <c r="WPP646" s="613"/>
      <c r="WPQ646" s="613"/>
      <c r="WPR646" s="613"/>
      <c r="WPS646" s="613"/>
      <c r="WPT646" s="613"/>
      <c r="WPU646" s="613"/>
      <c r="WPV646" s="613"/>
      <c r="WPW646" s="613"/>
      <c r="WPX646" s="613"/>
      <c r="WPY646" s="613"/>
      <c r="WPZ646" s="613"/>
      <c r="WQA646" s="613"/>
      <c r="WQB646" s="613"/>
      <c r="WQC646" s="613"/>
      <c r="WQD646" s="613"/>
      <c r="WQE646" s="613"/>
      <c r="WQF646" s="613"/>
      <c r="WQG646" s="613"/>
      <c r="WQH646" s="613"/>
      <c r="WQI646" s="613"/>
      <c r="WQJ646" s="613"/>
      <c r="WQK646" s="613"/>
      <c r="WQL646" s="613"/>
      <c r="WQM646" s="613"/>
      <c r="WQN646" s="613"/>
      <c r="WQO646" s="613"/>
      <c r="WQP646" s="613"/>
      <c r="WQQ646" s="613"/>
      <c r="WQR646" s="613"/>
      <c r="WQS646" s="613"/>
      <c r="WQT646" s="613"/>
      <c r="WQU646" s="613"/>
      <c r="WQV646" s="613"/>
      <c r="WQW646" s="613"/>
      <c r="WQX646" s="613"/>
      <c r="WQY646" s="613"/>
      <c r="WQZ646" s="613"/>
      <c r="WRA646" s="613"/>
      <c r="WRB646" s="613"/>
      <c r="WRC646" s="613"/>
      <c r="WRD646" s="613"/>
      <c r="WRE646" s="613"/>
      <c r="WRF646" s="613"/>
      <c r="WRG646" s="613"/>
      <c r="WRH646" s="613"/>
      <c r="WRI646" s="613"/>
      <c r="WRJ646" s="613"/>
      <c r="WRK646" s="613"/>
      <c r="WRL646" s="613"/>
      <c r="WRM646" s="613"/>
      <c r="WRN646" s="613"/>
      <c r="WRO646" s="613"/>
      <c r="WRP646" s="613"/>
      <c r="WRQ646" s="613"/>
      <c r="WRR646" s="613"/>
      <c r="WRS646" s="613"/>
      <c r="WRT646" s="613"/>
      <c r="WRU646" s="613"/>
      <c r="WRV646" s="613"/>
      <c r="WRW646" s="613"/>
      <c r="WRX646" s="613"/>
      <c r="WRY646" s="613"/>
      <c r="WRZ646" s="613"/>
      <c r="WSA646" s="613"/>
      <c r="WSB646" s="613"/>
      <c r="WSC646" s="613"/>
      <c r="WSD646" s="613"/>
      <c r="WSE646" s="613"/>
      <c r="WSF646" s="613"/>
      <c r="WSG646" s="613"/>
      <c r="WSH646" s="613"/>
      <c r="WSI646" s="613"/>
      <c r="WSJ646" s="613"/>
      <c r="WSK646" s="613"/>
      <c r="WSL646" s="613"/>
      <c r="WSM646" s="613"/>
      <c r="WSN646" s="613"/>
      <c r="WSO646" s="613"/>
      <c r="WSP646" s="613"/>
      <c r="WSQ646" s="613"/>
      <c r="WSR646" s="613"/>
      <c r="WSS646" s="613"/>
      <c r="WST646" s="613"/>
      <c r="WSU646" s="613"/>
      <c r="WSV646" s="613"/>
      <c r="WSW646" s="613"/>
      <c r="WSX646" s="613"/>
      <c r="WSY646" s="613"/>
      <c r="WSZ646" s="613"/>
      <c r="WTA646" s="613"/>
      <c r="WTB646" s="613"/>
      <c r="WTC646" s="613"/>
      <c r="WTD646" s="613"/>
      <c r="WTE646" s="613"/>
      <c r="WTF646" s="613"/>
      <c r="WTG646" s="613"/>
      <c r="WTH646" s="613"/>
      <c r="WTI646" s="613"/>
      <c r="WTJ646" s="613"/>
      <c r="WTK646" s="613"/>
      <c r="WTL646" s="613"/>
      <c r="WTM646" s="613"/>
      <c r="WTN646" s="613"/>
      <c r="WTO646" s="613"/>
      <c r="WTP646" s="613"/>
      <c r="WTQ646" s="613"/>
      <c r="WTR646" s="613"/>
      <c r="WTS646" s="613"/>
      <c r="WTT646" s="613"/>
      <c r="WTU646" s="613"/>
      <c r="WTV646" s="613"/>
      <c r="WTW646" s="613"/>
      <c r="WTX646" s="613"/>
      <c r="WTY646" s="613"/>
      <c r="WTZ646" s="613"/>
      <c r="WUA646" s="613"/>
      <c r="WUB646" s="613"/>
      <c r="WUC646" s="613"/>
      <c r="WUD646" s="613"/>
      <c r="WUE646" s="613"/>
      <c r="WUF646" s="613"/>
      <c r="WUG646" s="613"/>
      <c r="WUH646" s="613"/>
      <c r="WUI646" s="613"/>
      <c r="WUJ646" s="613"/>
      <c r="WUK646" s="613"/>
      <c r="WUL646" s="613"/>
      <c r="WUM646" s="613"/>
      <c r="WUN646" s="613"/>
      <c r="WUO646" s="613"/>
      <c r="WUP646" s="613"/>
      <c r="WUQ646" s="613"/>
      <c r="WUR646" s="613"/>
      <c r="WUS646" s="613"/>
      <c r="WUT646" s="613"/>
      <c r="WUU646" s="613"/>
      <c r="WUV646" s="613"/>
      <c r="WUW646" s="613"/>
      <c r="WUX646" s="613"/>
      <c r="WUY646" s="613"/>
      <c r="WUZ646" s="613"/>
      <c r="WVA646" s="613"/>
      <c r="WVB646" s="613"/>
      <c r="WVC646" s="613"/>
      <c r="WVD646" s="613"/>
      <c r="WVE646" s="613"/>
      <c r="WVF646" s="613"/>
      <c r="WVG646" s="613"/>
      <c r="WVH646" s="613"/>
      <c r="WVI646" s="613"/>
      <c r="WVJ646" s="613"/>
      <c r="WVK646" s="613"/>
      <c r="WVL646" s="613"/>
      <c r="WVM646" s="613"/>
      <c r="WVN646" s="613"/>
      <c r="WVO646" s="613"/>
      <c r="WVP646" s="613"/>
      <c r="WVQ646" s="613"/>
      <c r="WVR646" s="613"/>
      <c r="WVS646" s="613"/>
      <c r="WVT646" s="613"/>
      <c r="WVU646" s="613"/>
      <c r="WVV646" s="613"/>
      <c r="WVW646" s="613"/>
      <c r="WVX646" s="613"/>
      <c r="WVY646" s="613"/>
      <c r="WVZ646" s="613"/>
      <c r="WWA646" s="613"/>
      <c r="WWB646" s="613"/>
      <c r="WWC646" s="613"/>
      <c r="WWD646" s="613"/>
      <c r="WWE646" s="613"/>
      <c r="WWF646" s="613"/>
      <c r="WWG646" s="613"/>
      <c r="WWH646" s="613"/>
      <c r="WWI646" s="613"/>
      <c r="WWJ646" s="613"/>
      <c r="WWK646" s="613"/>
      <c r="WWL646" s="613"/>
      <c r="WWM646" s="613"/>
      <c r="WWN646" s="613"/>
      <c r="WWO646" s="613"/>
      <c r="WWP646" s="613"/>
      <c r="WWQ646" s="613"/>
      <c r="WWR646" s="613"/>
      <c r="WWS646" s="613"/>
      <c r="WWT646" s="613"/>
      <c r="WWU646" s="613"/>
      <c r="WWV646" s="613"/>
      <c r="WWW646" s="613"/>
      <c r="WWX646" s="613"/>
      <c r="WWY646" s="613"/>
      <c r="WWZ646" s="613"/>
      <c r="WXA646" s="613"/>
      <c r="WXB646" s="613"/>
      <c r="WXC646" s="613"/>
      <c r="WXD646" s="613"/>
      <c r="WXE646" s="613"/>
      <c r="WXF646" s="613"/>
      <c r="WXG646" s="613"/>
      <c r="WXH646" s="613"/>
      <c r="WXI646" s="613"/>
      <c r="WXJ646" s="613"/>
      <c r="WXK646" s="613"/>
      <c r="WXL646" s="613"/>
      <c r="WXM646" s="613"/>
      <c r="WXN646" s="613"/>
      <c r="WXO646" s="613"/>
      <c r="WXP646" s="613"/>
      <c r="WXQ646" s="613"/>
      <c r="WXR646" s="613"/>
      <c r="WXS646" s="613"/>
      <c r="WXT646" s="613"/>
      <c r="WXU646" s="613"/>
      <c r="WXV646" s="613"/>
      <c r="WXW646" s="613"/>
      <c r="WXX646" s="613"/>
      <c r="WXY646" s="613"/>
      <c r="WXZ646" s="613"/>
      <c r="WYA646" s="613"/>
      <c r="WYB646" s="613"/>
      <c r="WYC646" s="613"/>
      <c r="WYD646" s="613"/>
      <c r="WYE646" s="613"/>
      <c r="WYF646" s="613"/>
      <c r="WYG646" s="613"/>
      <c r="WYH646" s="613"/>
      <c r="WYI646" s="613"/>
      <c r="WYJ646" s="613"/>
      <c r="WYK646" s="613"/>
      <c r="WYL646" s="613"/>
      <c r="WYM646" s="613"/>
      <c r="WYN646" s="613"/>
      <c r="WYO646" s="613"/>
      <c r="WYP646" s="613"/>
      <c r="WYQ646" s="613"/>
      <c r="WYR646" s="613"/>
      <c r="WYS646" s="613"/>
      <c r="WYT646" s="613"/>
      <c r="WYU646" s="613"/>
      <c r="WYV646" s="613"/>
      <c r="WYW646" s="613"/>
      <c r="WYX646" s="613"/>
      <c r="WYY646" s="613"/>
      <c r="WYZ646" s="613"/>
      <c r="WZA646" s="613"/>
      <c r="WZB646" s="613"/>
      <c r="WZC646" s="613"/>
      <c r="WZD646" s="613"/>
      <c r="WZE646" s="613"/>
      <c r="WZF646" s="613"/>
      <c r="WZG646" s="613"/>
      <c r="WZH646" s="613"/>
      <c r="WZI646" s="613"/>
      <c r="WZJ646" s="613"/>
      <c r="WZK646" s="613"/>
      <c r="WZL646" s="613"/>
      <c r="WZM646" s="613"/>
      <c r="WZN646" s="613"/>
      <c r="WZO646" s="613"/>
      <c r="WZP646" s="613"/>
      <c r="WZQ646" s="613"/>
      <c r="WZR646" s="613"/>
      <c r="WZS646" s="613"/>
      <c r="WZT646" s="613"/>
      <c r="WZU646" s="613"/>
      <c r="WZV646" s="613"/>
      <c r="WZW646" s="613"/>
      <c r="WZX646" s="613"/>
      <c r="WZY646" s="613"/>
      <c r="WZZ646" s="613"/>
      <c r="XAA646" s="613"/>
      <c r="XAB646" s="613"/>
      <c r="XAC646" s="613"/>
      <c r="XAD646" s="613"/>
      <c r="XAE646" s="613"/>
      <c r="XAF646" s="613"/>
      <c r="XAG646" s="613"/>
      <c r="XAH646" s="613"/>
      <c r="XAI646" s="613"/>
      <c r="XAJ646" s="613"/>
      <c r="XAK646" s="613"/>
      <c r="XAL646" s="613"/>
      <c r="XAM646" s="613"/>
      <c r="XAN646" s="613"/>
      <c r="XAO646" s="613"/>
      <c r="XAP646" s="613"/>
      <c r="XAQ646" s="613"/>
      <c r="XAR646" s="613"/>
      <c r="XAS646" s="613"/>
      <c r="XAT646" s="613"/>
      <c r="XAU646" s="613"/>
      <c r="XAV646" s="613"/>
      <c r="XAW646" s="613"/>
      <c r="XAX646" s="613"/>
      <c r="XAY646" s="613"/>
      <c r="XAZ646" s="613"/>
      <c r="XBA646" s="613"/>
      <c r="XBB646" s="613"/>
      <c r="XBC646" s="613"/>
      <c r="XBD646" s="613"/>
      <c r="XBE646" s="613"/>
      <c r="XBF646" s="613"/>
      <c r="XBG646" s="613"/>
      <c r="XBH646" s="613"/>
      <c r="XBI646" s="613"/>
      <c r="XBJ646" s="613"/>
      <c r="XBK646" s="613"/>
      <c r="XBL646" s="613"/>
      <c r="XBM646" s="613"/>
      <c r="XBN646" s="613"/>
      <c r="XBO646" s="613"/>
      <c r="XBP646" s="613"/>
      <c r="XBQ646" s="613"/>
      <c r="XBR646" s="613"/>
      <c r="XBS646" s="613"/>
      <c r="XBT646" s="613"/>
      <c r="XBU646" s="613"/>
      <c r="XBV646" s="613"/>
      <c r="XBW646" s="613"/>
      <c r="XBX646" s="613"/>
      <c r="XBY646" s="613"/>
      <c r="XBZ646" s="613"/>
      <c r="XCA646" s="613"/>
      <c r="XCB646" s="613"/>
      <c r="XCC646" s="613"/>
      <c r="XCD646" s="613"/>
      <c r="XCE646" s="613"/>
      <c r="XCF646" s="613"/>
      <c r="XCG646" s="613"/>
      <c r="XCH646" s="613"/>
      <c r="XCI646" s="613"/>
      <c r="XCJ646" s="613"/>
      <c r="XCK646" s="613"/>
      <c r="XCL646" s="613"/>
      <c r="XCM646" s="613"/>
      <c r="XCN646" s="613"/>
      <c r="XCO646" s="613"/>
      <c r="XCP646" s="613"/>
      <c r="XCQ646" s="613"/>
    </row>
    <row r="647" spans="1:16319" ht="56.1" customHeight="1" x14ac:dyDescent="0.2">
      <c r="A647" s="494"/>
      <c r="B647" s="610"/>
      <c r="C647" s="494"/>
      <c r="D647" s="481">
        <v>193</v>
      </c>
      <c r="E647" s="481"/>
      <c r="F647" s="481" t="s">
        <v>2481</v>
      </c>
      <c r="G647" s="482" t="s">
        <v>53</v>
      </c>
      <c r="H647" s="481" t="s">
        <v>329</v>
      </c>
      <c r="I647" s="654" t="s">
        <v>428</v>
      </c>
      <c r="J647" s="654" t="s">
        <v>369</v>
      </c>
      <c r="K647" s="495" t="s">
        <v>446</v>
      </c>
      <c r="L647" s="621"/>
      <c r="M647" s="484" t="s">
        <v>58</v>
      </c>
      <c r="N647" s="327" t="s">
        <v>1372</v>
      </c>
      <c r="O647" s="484" t="s">
        <v>2996</v>
      </c>
      <c r="P647" s="484" t="s">
        <v>81</v>
      </c>
      <c r="Q647" s="667" t="s">
        <v>334</v>
      </c>
      <c r="R647" s="484" t="s">
        <v>334</v>
      </c>
      <c r="S647" s="484" t="s">
        <v>187</v>
      </c>
      <c r="T647" s="484"/>
      <c r="U647" s="620" t="s">
        <v>63</v>
      </c>
      <c r="V647" s="620" t="s">
        <v>63</v>
      </c>
      <c r="W647" s="723">
        <v>81281.574877273233</v>
      </c>
      <c r="X647" s="723"/>
      <c r="Y647" s="654" t="s">
        <v>226</v>
      </c>
      <c r="Z647" s="654"/>
      <c r="AA647" s="723">
        <v>81281.574877273233</v>
      </c>
      <c r="AB647" s="652" t="s">
        <v>82</v>
      </c>
      <c r="AC647" s="652"/>
      <c r="AD647" s="496"/>
      <c r="AE647" s="496"/>
      <c r="AF647" s="496"/>
      <c r="AG647" s="496"/>
      <c r="AH647" s="496"/>
      <c r="AI647" s="487"/>
      <c r="AJ647" s="496"/>
      <c r="AK647" s="496"/>
      <c r="AL647" s="496"/>
      <c r="AM647" s="496"/>
      <c r="AN647" s="496"/>
      <c r="AO647" s="496"/>
      <c r="AP647" s="496"/>
      <c r="AQ647" s="496" t="s">
        <v>66</v>
      </c>
      <c r="AR647" s="496"/>
      <c r="AS647" s="496"/>
      <c r="AT647" s="496"/>
      <c r="AU647" s="487"/>
      <c r="AV647" s="487"/>
      <c r="AW647" s="487"/>
      <c r="AX647" s="487"/>
      <c r="AY647" s="487"/>
      <c r="AZ647" s="487"/>
      <c r="BA647" s="484"/>
      <c r="BB647" s="484"/>
      <c r="BC647" s="484"/>
      <c r="BD647" s="494"/>
      <c r="BE647" s="494"/>
      <c r="BF647" s="613"/>
      <c r="BG647" s="613"/>
      <c r="BH647" s="613"/>
      <c r="BI647" s="613"/>
      <c r="BJ647" s="613"/>
      <c r="BK647" s="613"/>
      <c r="BL647" s="613"/>
      <c r="BM647" s="613"/>
      <c r="BN647" s="613"/>
      <c r="BO647" s="613"/>
      <c r="BP647" s="613"/>
      <c r="BQ647" s="613"/>
      <c r="BR647" s="613"/>
      <c r="BS647" s="613"/>
      <c r="BT647" s="613"/>
      <c r="BU647" s="613"/>
      <c r="BV647" s="613"/>
      <c r="BW647" s="613"/>
      <c r="BX647" s="613"/>
      <c r="BY647" s="613"/>
      <c r="BZ647" s="613"/>
      <c r="CA647" s="613"/>
      <c r="CB647" s="613"/>
      <c r="CC647" s="613"/>
      <c r="CD647" s="613"/>
      <c r="CE647" s="613"/>
      <c r="CF647" s="613"/>
      <c r="CG647" s="613"/>
      <c r="CH647" s="613"/>
      <c r="CI647" s="613"/>
      <c r="CJ647" s="613"/>
      <c r="CK647" s="613"/>
      <c r="CL647" s="613"/>
      <c r="CM647" s="613"/>
      <c r="CN647" s="613"/>
      <c r="CO647" s="613"/>
      <c r="CP647" s="613"/>
      <c r="CQ647" s="613"/>
      <c r="CR647" s="613"/>
      <c r="CS647" s="613"/>
      <c r="CT647" s="613"/>
      <c r="CU647" s="613"/>
      <c r="CV647" s="613"/>
      <c r="CW647" s="613"/>
      <c r="CX647" s="613"/>
      <c r="CY647" s="613"/>
      <c r="CZ647" s="613"/>
      <c r="DA647" s="613"/>
      <c r="DB647" s="613"/>
      <c r="DC647" s="613"/>
      <c r="DD647" s="613"/>
      <c r="DE647" s="613"/>
      <c r="DF647" s="613"/>
      <c r="DG647" s="613"/>
      <c r="DH647" s="613"/>
      <c r="DI647" s="613"/>
      <c r="DJ647" s="613"/>
      <c r="DK647" s="613"/>
      <c r="DL647" s="613"/>
      <c r="DM647" s="613"/>
      <c r="DN647" s="613"/>
      <c r="DO647" s="613"/>
      <c r="DP647" s="613"/>
      <c r="DQ647" s="613"/>
      <c r="DR647" s="613"/>
      <c r="DS647" s="613"/>
      <c r="DT647" s="613"/>
      <c r="DU647" s="613"/>
      <c r="DV647" s="613"/>
      <c r="DW647" s="613"/>
      <c r="DX647" s="613"/>
      <c r="DY647" s="613"/>
      <c r="DZ647" s="613"/>
      <c r="EA647" s="613"/>
      <c r="EB647" s="613"/>
      <c r="EC647" s="613"/>
      <c r="ED647" s="613"/>
      <c r="EE647" s="613"/>
      <c r="EF647" s="613"/>
      <c r="EG647" s="613"/>
      <c r="EH647" s="613"/>
      <c r="EI647" s="613"/>
      <c r="EJ647" s="613"/>
      <c r="EK647" s="613"/>
      <c r="EL647" s="613"/>
      <c r="EM647" s="613"/>
      <c r="EN647" s="613"/>
      <c r="EO647" s="613"/>
      <c r="EP647" s="613"/>
      <c r="EQ647" s="613"/>
      <c r="ER647" s="613"/>
      <c r="ES647" s="613"/>
      <c r="ET647" s="613"/>
      <c r="EU647" s="613"/>
      <c r="EV647" s="613"/>
      <c r="EW647" s="613"/>
      <c r="EX647" s="613"/>
      <c r="EY647" s="613"/>
      <c r="EZ647" s="613"/>
      <c r="FA647" s="613"/>
      <c r="FB647" s="613"/>
      <c r="FC647" s="613"/>
      <c r="FD647" s="613"/>
      <c r="FE647" s="613"/>
      <c r="FF647" s="613"/>
      <c r="FG647" s="613"/>
      <c r="FH647" s="613"/>
      <c r="FI647" s="613"/>
      <c r="FJ647" s="613"/>
      <c r="FK647" s="613"/>
      <c r="FL647" s="613"/>
      <c r="FM647" s="613"/>
      <c r="FN647" s="613"/>
      <c r="FO647" s="613"/>
      <c r="FP647" s="613"/>
      <c r="FQ647" s="613"/>
      <c r="FR647" s="613"/>
      <c r="FS647" s="613"/>
      <c r="FT647" s="613"/>
      <c r="FU647" s="613"/>
      <c r="FV647" s="613"/>
      <c r="FW647" s="613"/>
      <c r="FX647" s="613"/>
      <c r="FY647" s="613"/>
      <c r="FZ647" s="613"/>
      <c r="GA647" s="613"/>
      <c r="GB647" s="613"/>
      <c r="GC647" s="613"/>
      <c r="GD647" s="613"/>
      <c r="GE647" s="613"/>
      <c r="GF647" s="613"/>
      <c r="GG647" s="613"/>
      <c r="GH647" s="613"/>
      <c r="GI647" s="613"/>
      <c r="GJ647" s="613"/>
      <c r="GK647" s="613"/>
      <c r="GL647" s="613"/>
      <c r="GM647" s="613"/>
      <c r="GN647" s="613"/>
      <c r="GO647" s="613"/>
      <c r="GP647" s="613"/>
      <c r="GQ647" s="613"/>
      <c r="GR647" s="613"/>
      <c r="GS647" s="613"/>
      <c r="GT647" s="613"/>
      <c r="GU647" s="613"/>
      <c r="GV647" s="613"/>
      <c r="GW647" s="613"/>
      <c r="GX647" s="613"/>
      <c r="GY647" s="613"/>
      <c r="GZ647" s="613"/>
      <c r="HA647" s="613"/>
      <c r="HB647" s="613"/>
      <c r="HC647" s="613"/>
      <c r="HD647" s="613"/>
      <c r="HE647" s="613"/>
      <c r="HF647" s="613"/>
      <c r="HG647" s="613"/>
      <c r="HH647" s="613"/>
      <c r="HI647" s="613"/>
      <c r="HJ647" s="613"/>
      <c r="HK647" s="613"/>
      <c r="HL647" s="613"/>
      <c r="HM647" s="613"/>
      <c r="HN647" s="613"/>
      <c r="HO647" s="613"/>
      <c r="HP647" s="613"/>
      <c r="HQ647" s="613"/>
      <c r="HR647" s="613"/>
      <c r="HS647" s="613"/>
      <c r="HT647" s="613"/>
      <c r="HU647" s="613"/>
      <c r="HV647" s="613"/>
      <c r="HW647" s="613"/>
      <c r="HX647" s="613"/>
      <c r="HY647" s="613"/>
      <c r="HZ647" s="613"/>
      <c r="IA647" s="613"/>
      <c r="IB647" s="613"/>
      <c r="IC647" s="613"/>
      <c r="ID647" s="613"/>
      <c r="IE647" s="613"/>
      <c r="IF647" s="613"/>
      <c r="IG647" s="613"/>
      <c r="IH647" s="613"/>
      <c r="II647" s="613"/>
      <c r="IJ647" s="613"/>
      <c r="IK647" s="613"/>
      <c r="IL647" s="613"/>
      <c r="IM647" s="613"/>
      <c r="IN647" s="613"/>
      <c r="IO647" s="613"/>
      <c r="IP647" s="613"/>
      <c r="IQ647" s="613"/>
      <c r="IR647" s="613"/>
      <c r="IS647" s="613"/>
      <c r="IT647" s="613"/>
      <c r="IU647" s="613"/>
      <c r="IV647" s="613"/>
      <c r="IW647" s="613"/>
      <c r="IX647" s="613"/>
      <c r="IY647" s="613"/>
      <c r="IZ647" s="613"/>
      <c r="JA647" s="613"/>
      <c r="JB647" s="613"/>
      <c r="JC647" s="613"/>
      <c r="JD647" s="613"/>
      <c r="JE647" s="613"/>
      <c r="JF647" s="613"/>
      <c r="JG647" s="613"/>
      <c r="JH647" s="613"/>
      <c r="JI647" s="613"/>
      <c r="JJ647" s="613"/>
      <c r="JK647" s="613"/>
      <c r="JL647" s="613"/>
      <c r="JM647" s="613"/>
      <c r="JN647" s="613"/>
      <c r="JO647" s="613"/>
      <c r="JP647" s="613"/>
      <c r="JQ647" s="613"/>
      <c r="JR647" s="613"/>
      <c r="JS647" s="613"/>
      <c r="JT647" s="613"/>
      <c r="JU647" s="613"/>
      <c r="JV647" s="613"/>
      <c r="JW647" s="613"/>
      <c r="JX647" s="613"/>
      <c r="JY647" s="613"/>
      <c r="JZ647" s="613"/>
      <c r="KA647" s="613"/>
      <c r="KB647" s="613"/>
      <c r="KC647" s="613"/>
      <c r="KD647" s="613"/>
      <c r="KE647" s="613"/>
      <c r="KF647" s="613"/>
      <c r="KG647" s="613"/>
      <c r="KH647" s="613"/>
      <c r="KI647" s="613"/>
      <c r="KJ647" s="613"/>
      <c r="KK647" s="613"/>
      <c r="KL647" s="613"/>
      <c r="KM647" s="613"/>
      <c r="KN647" s="613"/>
      <c r="KO647" s="613"/>
      <c r="KP647" s="613"/>
      <c r="KQ647" s="613"/>
      <c r="KR647" s="613"/>
      <c r="KS647" s="613"/>
      <c r="KT647" s="613"/>
      <c r="KU647" s="613"/>
      <c r="KV647" s="613"/>
      <c r="KW647" s="613"/>
      <c r="KX647" s="613"/>
      <c r="KY647" s="613"/>
      <c r="KZ647" s="613"/>
      <c r="LA647" s="613"/>
      <c r="LB647" s="613"/>
      <c r="LC647" s="613"/>
      <c r="LD647" s="613"/>
      <c r="LE647" s="613"/>
      <c r="LF647" s="613"/>
      <c r="LG647" s="613"/>
      <c r="LH647" s="613"/>
      <c r="LI647" s="613"/>
      <c r="LJ647" s="613"/>
      <c r="LK647" s="613"/>
      <c r="LL647" s="613"/>
      <c r="LM647" s="613"/>
      <c r="LN647" s="613"/>
      <c r="LO647" s="613"/>
      <c r="LP647" s="613"/>
      <c r="LQ647" s="613"/>
      <c r="LR647" s="613"/>
      <c r="LS647" s="613"/>
      <c r="LT647" s="613"/>
      <c r="LU647" s="613"/>
      <c r="LV647" s="613"/>
      <c r="LW647" s="613"/>
      <c r="LX647" s="613"/>
      <c r="LY647" s="613"/>
      <c r="LZ647" s="613"/>
      <c r="MA647" s="613"/>
      <c r="MB647" s="613"/>
      <c r="MC647" s="613"/>
      <c r="MD647" s="613"/>
      <c r="ME647" s="613"/>
      <c r="MF647" s="613"/>
      <c r="MG647" s="613"/>
      <c r="MH647" s="613"/>
      <c r="MI647" s="613"/>
      <c r="MJ647" s="613"/>
      <c r="MK647" s="613"/>
      <c r="ML647" s="613"/>
      <c r="MM647" s="613"/>
      <c r="MN647" s="613"/>
      <c r="MO647" s="613"/>
      <c r="MP647" s="613"/>
      <c r="MQ647" s="613"/>
      <c r="MR647" s="613"/>
      <c r="MS647" s="613"/>
      <c r="MT647" s="613"/>
      <c r="MU647" s="613"/>
      <c r="MV647" s="613"/>
      <c r="MW647" s="613"/>
      <c r="MX647" s="613"/>
      <c r="MY647" s="613"/>
      <c r="MZ647" s="613"/>
      <c r="NA647" s="613"/>
      <c r="NB647" s="613"/>
      <c r="NC647" s="613"/>
      <c r="ND647" s="613"/>
      <c r="NE647" s="613"/>
      <c r="NF647" s="613"/>
      <c r="NG647" s="613"/>
      <c r="NH647" s="613"/>
      <c r="NI647" s="613"/>
      <c r="NJ647" s="613"/>
      <c r="NK647" s="613"/>
      <c r="NL647" s="613"/>
      <c r="NM647" s="613"/>
      <c r="NN647" s="613"/>
      <c r="NO647" s="613"/>
      <c r="NP647" s="613"/>
      <c r="NQ647" s="613"/>
      <c r="NR647" s="613"/>
      <c r="NS647" s="613"/>
      <c r="NT647" s="613"/>
      <c r="NU647" s="613"/>
      <c r="NV647" s="613"/>
      <c r="NW647" s="613"/>
      <c r="NX647" s="613"/>
      <c r="NY647" s="613"/>
      <c r="NZ647" s="613"/>
      <c r="OA647" s="613"/>
      <c r="OB647" s="613"/>
      <c r="OC647" s="613"/>
      <c r="OD647" s="613"/>
      <c r="OE647" s="613"/>
      <c r="OF647" s="613"/>
      <c r="OG647" s="613"/>
      <c r="OH647" s="613"/>
      <c r="OI647" s="613"/>
      <c r="OJ647" s="613"/>
      <c r="OK647" s="613"/>
      <c r="OL647" s="613"/>
      <c r="OM647" s="613"/>
      <c r="ON647" s="613"/>
      <c r="OO647" s="613"/>
      <c r="OP647" s="613"/>
      <c r="OQ647" s="613"/>
      <c r="OR647" s="613"/>
      <c r="OS647" s="613"/>
      <c r="OT647" s="613"/>
      <c r="OU647" s="613"/>
      <c r="OV647" s="613"/>
      <c r="OW647" s="613"/>
      <c r="OX647" s="613"/>
      <c r="OY647" s="613"/>
      <c r="OZ647" s="613"/>
      <c r="PA647" s="613"/>
      <c r="PB647" s="613"/>
      <c r="PC647" s="613"/>
      <c r="PD647" s="613"/>
      <c r="PE647" s="613"/>
      <c r="PF647" s="613"/>
      <c r="PG647" s="613"/>
      <c r="PH647" s="613"/>
      <c r="PI647" s="613"/>
      <c r="PJ647" s="613"/>
      <c r="PK647" s="613"/>
      <c r="PL647" s="613"/>
      <c r="PM647" s="613"/>
      <c r="PN647" s="613"/>
      <c r="PO647" s="613"/>
      <c r="PP647" s="613"/>
      <c r="PQ647" s="613"/>
      <c r="PR647" s="613"/>
      <c r="PS647" s="613"/>
      <c r="PT647" s="613"/>
      <c r="PU647" s="613"/>
      <c r="PV647" s="613"/>
      <c r="PW647" s="613"/>
      <c r="PX647" s="613"/>
      <c r="PY647" s="613"/>
      <c r="PZ647" s="613"/>
      <c r="QA647" s="613"/>
      <c r="QB647" s="613"/>
      <c r="QC647" s="613"/>
      <c r="QD647" s="613"/>
      <c r="QE647" s="613"/>
      <c r="QF647" s="613"/>
      <c r="QG647" s="613"/>
      <c r="QH647" s="613"/>
      <c r="QI647" s="613"/>
      <c r="QJ647" s="613"/>
      <c r="QK647" s="613"/>
      <c r="QL647" s="613"/>
      <c r="QM647" s="613"/>
      <c r="QN647" s="613"/>
      <c r="QO647" s="613"/>
      <c r="QP647" s="613"/>
      <c r="QQ647" s="613"/>
      <c r="QR647" s="613"/>
      <c r="QS647" s="613"/>
      <c r="QT647" s="613"/>
      <c r="QU647" s="613"/>
      <c r="QV647" s="613"/>
      <c r="QW647" s="613"/>
      <c r="QX647" s="613"/>
      <c r="QY647" s="613"/>
      <c r="QZ647" s="613"/>
      <c r="RA647" s="613"/>
      <c r="RB647" s="613"/>
      <c r="RC647" s="613"/>
      <c r="RD647" s="613"/>
      <c r="RE647" s="613"/>
      <c r="RF647" s="613"/>
      <c r="RG647" s="613"/>
      <c r="RH647" s="613"/>
      <c r="RI647" s="613"/>
      <c r="RJ647" s="613"/>
      <c r="RK647" s="613"/>
      <c r="RL647" s="613"/>
      <c r="RM647" s="613"/>
      <c r="RN647" s="613"/>
      <c r="RO647" s="613"/>
      <c r="RP647" s="613"/>
      <c r="RQ647" s="613"/>
      <c r="RR647" s="613"/>
      <c r="RS647" s="613"/>
      <c r="RT647" s="613"/>
      <c r="RU647" s="613"/>
      <c r="RV647" s="613"/>
      <c r="RW647" s="613"/>
      <c r="RX647" s="613"/>
      <c r="RY647" s="613"/>
      <c r="RZ647" s="613"/>
      <c r="SA647" s="613"/>
      <c r="SB647" s="613"/>
      <c r="SC647" s="613"/>
      <c r="SD647" s="613"/>
      <c r="SE647" s="613"/>
      <c r="SF647" s="613"/>
      <c r="SG647" s="613"/>
      <c r="SH647" s="613"/>
      <c r="SI647" s="613"/>
      <c r="SJ647" s="613"/>
      <c r="SK647" s="613"/>
      <c r="SL647" s="613"/>
      <c r="SM647" s="613"/>
      <c r="SN647" s="613"/>
      <c r="SO647" s="613"/>
      <c r="SP647" s="613"/>
      <c r="SQ647" s="613"/>
      <c r="SR647" s="613"/>
      <c r="SS647" s="613"/>
      <c r="ST647" s="613"/>
      <c r="SU647" s="613"/>
      <c r="SV647" s="613"/>
      <c r="SW647" s="613"/>
      <c r="SX647" s="613"/>
      <c r="SY647" s="613"/>
      <c r="SZ647" s="613"/>
      <c r="TA647" s="613"/>
      <c r="TB647" s="613"/>
      <c r="TC647" s="613"/>
      <c r="TD647" s="613"/>
      <c r="TE647" s="613"/>
      <c r="TF647" s="613"/>
      <c r="TG647" s="613"/>
      <c r="TH647" s="613"/>
      <c r="TI647" s="613"/>
      <c r="TJ647" s="613"/>
      <c r="TK647" s="613"/>
      <c r="TL647" s="613"/>
      <c r="TM647" s="613"/>
      <c r="TN647" s="613"/>
      <c r="TO647" s="613"/>
      <c r="TP647" s="613"/>
      <c r="TQ647" s="613"/>
      <c r="TR647" s="613"/>
      <c r="TS647" s="613"/>
      <c r="TT647" s="613"/>
      <c r="TU647" s="613"/>
      <c r="TV647" s="613"/>
      <c r="TW647" s="613"/>
      <c r="TX647" s="613"/>
      <c r="TY647" s="613"/>
      <c r="TZ647" s="613"/>
      <c r="UA647" s="613"/>
      <c r="UB647" s="613"/>
      <c r="UC647" s="613"/>
      <c r="UD647" s="613"/>
      <c r="UE647" s="613"/>
      <c r="UF647" s="613"/>
      <c r="UG647" s="613"/>
      <c r="UH647" s="613"/>
      <c r="UI647" s="613"/>
      <c r="UJ647" s="613"/>
      <c r="UK647" s="613"/>
      <c r="UL647" s="613"/>
      <c r="UM647" s="613"/>
      <c r="UN647" s="613"/>
      <c r="UO647" s="613"/>
      <c r="UP647" s="613"/>
      <c r="UQ647" s="613"/>
      <c r="UR647" s="613"/>
      <c r="US647" s="613"/>
      <c r="UT647" s="613"/>
      <c r="UU647" s="613"/>
      <c r="UV647" s="613"/>
      <c r="UW647" s="613"/>
      <c r="UX647" s="613"/>
      <c r="UY647" s="613"/>
      <c r="UZ647" s="613"/>
      <c r="VA647" s="613"/>
      <c r="VB647" s="613"/>
      <c r="VC647" s="613"/>
      <c r="VD647" s="613"/>
      <c r="VE647" s="613"/>
      <c r="VF647" s="613"/>
      <c r="VG647" s="613"/>
      <c r="VH647" s="613"/>
      <c r="VI647" s="613"/>
      <c r="VJ647" s="613"/>
      <c r="VK647" s="613"/>
      <c r="VL647" s="613"/>
      <c r="VM647" s="613"/>
      <c r="VN647" s="613"/>
      <c r="VO647" s="613"/>
      <c r="VP647" s="613"/>
      <c r="VQ647" s="613"/>
      <c r="VR647" s="613"/>
      <c r="VS647" s="613"/>
      <c r="VT647" s="613"/>
      <c r="VU647" s="613"/>
      <c r="VV647" s="613"/>
      <c r="VW647" s="613"/>
      <c r="VX647" s="613"/>
      <c r="VY647" s="613"/>
      <c r="VZ647" s="613"/>
      <c r="WA647" s="613"/>
      <c r="WB647" s="613"/>
      <c r="WC647" s="613"/>
      <c r="WD647" s="613"/>
      <c r="WE647" s="613"/>
      <c r="WF647" s="613"/>
      <c r="WG647" s="613"/>
      <c r="WH647" s="613"/>
      <c r="WI647" s="613"/>
      <c r="WJ647" s="613"/>
      <c r="WK647" s="613"/>
      <c r="WL647" s="613"/>
      <c r="WM647" s="613"/>
      <c r="WN647" s="613"/>
      <c r="WO647" s="613"/>
      <c r="WP647" s="613"/>
      <c r="WQ647" s="613"/>
      <c r="WR647" s="613"/>
      <c r="WS647" s="613"/>
      <c r="WT647" s="613"/>
      <c r="WU647" s="613"/>
      <c r="WV647" s="613"/>
      <c r="WW647" s="613"/>
      <c r="WX647" s="613"/>
      <c r="WY647" s="613"/>
      <c r="WZ647" s="613"/>
      <c r="XA647" s="613"/>
      <c r="XB647" s="613"/>
      <c r="XC647" s="613"/>
      <c r="XD647" s="613"/>
      <c r="XE647" s="613"/>
      <c r="XF647" s="613"/>
      <c r="XG647" s="613"/>
      <c r="XH647" s="613"/>
      <c r="XI647" s="613"/>
      <c r="XJ647" s="613"/>
      <c r="XK647" s="613"/>
      <c r="XL647" s="613"/>
      <c r="XM647" s="613"/>
      <c r="XN647" s="613"/>
      <c r="XO647" s="613"/>
      <c r="XP647" s="613"/>
      <c r="XQ647" s="613"/>
      <c r="XR647" s="613"/>
      <c r="XS647" s="613"/>
      <c r="XT647" s="613"/>
      <c r="XU647" s="613"/>
      <c r="XV647" s="613"/>
      <c r="XW647" s="613"/>
      <c r="XX647" s="613"/>
      <c r="XY647" s="613"/>
      <c r="XZ647" s="613"/>
      <c r="YA647" s="613"/>
      <c r="YB647" s="613"/>
      <c r="YC647" s="613"/>
      <c r="YD647" s="613"/>
      <c r="YE647" s="613"/>
      <c r="YF647" s="613"/>
      <c r="YG647" s="613"/>
      <c r="YH647" s="613"/>
      <c r="YI647" s="613"/>
      <c r="YJ647" s="613"/>
      <c r="YK647" s="613"/>
      <c r="YL647" s="613"/>
      <c r="YM647" s="613"/>
      <c r="YN647" s="613"/>
      <c r="YO647" s="613"/>
      <c r="YP647" s="613"/>
      <c r="YQ647" s="613"/>
      <c r="YR647" s="613"/>
      <c r="YS647" s="613"/>
      <c r="YT647" s="613"/>
      <c r="YU647" s="613"/>
      <c r="YV647" s="613"/>
      <c r="YW647" s="613"/>
      <c r="YX647" s="613"/>
      <c r="YY647" s="613"/>
      <c r="YZ647" s="613"/>
      <c r="ZA647" s="613"/>
      <c r="ZB647" s="613"/>
      <c r="ZC647" s="613"/>
      <c r="ZD647" s="613"/>
      <c r="ZE647" s="613"/>
      <c r="ZF647" s="613"/>
      <c r="ZG647" s="613"/>
      <c r="ZH647" s="613"/>
      <c r="ZI647" s="613"/>
      <c r="ZJ647" s="613"/>
      <c r="ZK647" s="613"/>
      <c r="ZL647" s="613"/>
      <c r="ZM647" s="613"/>
      <c r="ZN647" s="613"/>
      <c r="ZO647" s="613"/>
      <c r="ZP647" s="613"/>
      <c r="ZQ647" s="613"/>
      <c r="ZR647" s="613"/>
      <c r="ZS647" s="613"/>
      <c r="ZT647" s="613"/>
      <c r="ZU647" s="613"/>
      <c r="ZV647" s="613"/>
      <c r="ZW647" s="613"/>
      <c r="ZX647" s="613"/>
      <c r="ZY647" s="613"/>
      <c r="ZZ647" s="613"/>
      <c r="AAA647" s="613"/>
      <c r="AAB647" s="613"/>
      <c r="AAC647" s="613"/>
      <c r="AAD647" s="613"/>
      <c r="AAE647" s="613"/>
      <c r="AAF647" s="613"/>
      <c r="AAG647" s="613"/>
      <c r="AAH647" s="613"/>
      <c r="AAI647" s="613"/>
      <c r="AAJ647" s="613"/>
      <c r="AAK647" s="613"/>
      <c r="AAL647" s="613"/>
      <c r="AAM647" s="613"/>
      <c r="AAN647" s="613"/>
      <c r="AAO647" s="613"/>
      <c r="AAP647" s="613"/>
      <c r="AAQ647" s="613"/>
      <c r="AAR647" s="613"/>
      <c r="AAS647" s="613"/>
      <c r="AAT647" s="613"/>
      <c r="AAU647" s="613"/>
      <c r="AAV647" s="613"/>
      <c r="AAW647" s="613"/>
      <c r="AAX647" s="613"/>
      <c r="AAY647" s="613"/>
      <c r="AAZ647" s="613"/>
      <c r="ABA647" s="613"/>
      <c r="ABB647" s="613"/>
      <c r="ABC647" s="613"/>
      <c r="ABD647" s="613"/>
      <c r="ABE647" s="613"/>
      <c r="ABF647" s="613"/>
      <c r="ABG647" s="613"/>
      <c r="ABH647" s="613"/>
      <c r="ABI647" s="613"/>
      <c r="ABJ647" s="613"/>
      <c r="ABK647" s="613"/>
      <c r="ABL647" s="613"/>
      <c r="ABM647" s="613"/>
      <c r="ABN647" s="613"/>
      <c r="ABO647" s="613"/>
      <c r="ABP647" s="613"/>
      <c r="ABQ647" s="613"/>
      <c r="ABR647" s="613"/>
      <c r="ABS647" s="613"/>
      <c r="ABT647" s="613"/>
      <c r="ABU647" s="613"/>
      <c r="ABV647" s="613"/>
      <c r="ABW647" s="613"/>
      <c r="ABX647" s="613"/>
      <c r="ABY647" s="613"/>
      <c r="ABZ647" s="613"/>
      <c r="ACA647" s="613"/>
      <c r="ACB647" s="613"/>
      <c r="ACC647" s="613"/>
      <c r="ACD647" s="613"/>
      <c r="ACE647" s="613"/>
      <c r="ACF647" s="613"/>
      <c r="ACG647" s="613"/>
      <c r="ACH647" s="613"/>
      <c r="ACI647" s="613"/>
      <c r="ACJ647" s="613"/>
      <c r="ACK647" s="613"/>
      <c r="ACL647" s="613"/>
      <c r="ACM647" s="613"/>
      <c r="ACN647" s="613"/>
      <c r="ACO647" s="613"/>
      <c r="ACP647" s="613"/>
      <c r="ACQ647" s="613"/>
      <c r="ACR647" s="613"/>
      <c r="ACS647" s="613"/>
      <c r="ACT647" s="613"/>
      <c r="ACU647" s="613"/>
      <c r="ACV647" s="613"/>
      <c r="ACW647" s="613"/>
      <c r="ACX647" s="613"/>
      <c r="ACY647" s="613"/>
      <c r="ACZ647" s="613"/>
      <c r="ADA647" s="613"/>
      <c r="ADB647" s="613"/>
      <c r="ADC647" s="613"/>
      <c r="ADD647" s="613"/>
      <c r="ADE647" s="613"/>
      <c r="ADF647" s="613"/>
      <c r="ADG647" s="613"/>
      <c r="ADH647" s="613"/>
      <c r="ADI647" s="613"/>
      <c r="ADJ647" s="613"/>
      <c r="ADK647" s="613"/>
      <c r="ADL647" s="613"/>
      <c r="ADM647" s="613"/>
      <c r="ADN647" s="613"/>
      <c r="ADO647" s="613"/>
      <c r="ADP647" s="613"/>
      <c r="ADQ647" s="613"/>
      <c r="ADR647" s="613"/>
      <c r="ADS647" s="613"/>
      <c r="ADT647" s="613"/>
      <c r="ADU647" s="613"/>
      <c r="ADV647" s="613"/>
      <c r="ADW647" s="613"/>
      <c r="ADX647" s="613"/>
      <c r="ADY647" s="613"/>
      <c r="ADZ647" s="613"/>
      <c r="AEA647" s="613"/>
      <c r="AEB647" s="613"/>
      <c r="AEC647" s="613"/>
      <c r="AED647" s="613"/>
      <c r="AEE647" s="613"/>
      <c r="AEF647" s="613"/>
      <c r="AEG647" s="613"/>
      <c r="AEH647" s="613"/>
      <c r="AEI647" s="613"/>
      <c r="AEJ647" s="613"/>
      <c r="AEK647" s="613"/>
      <c r="AEL647" s="613"/>
      <c r="AEM647" s="613"/>
      <c r="AEN647" s="613"/>
      <c r="AEO647" s="613"/>
      <c r="AEP647" s="613"/>
      <c r="AEQ647" s="613"/>
      <c r="AER647" s="613"/>
      <c r="AES647" s="613"/>
      <c r="AET647" s="613"/>
      <c r="AEU647" s="613"/>
      <c r="AEV647" s="613"/>
      <c r="AEW647" s="613"/>
      <c r="AEX647" s="613"/>
      <c r="AEY647" s="613"/>
      <c r="AEZ647" s="613"/>
      <c r="AFA647" s="613"/>
      <c r="AFB647" s="613"/>
      <c r="AFC647" s="613"/>
      <c r="AFD647" s="613"/>
      <c r="AFE647" s="613"/>
      <c r="AFF647" s="613"/>
      <c r="AFG647" s="613"/>
      <c r="AFH647" s="613"/>
      <c r="AFI647" s="613"/>
      <c r="AFJ647" s="613"/>
      <c r="AFK647" s="613"/>
      <c r="AFL647" s="613"/>
      <c r="AFM647" s="613"/>
      <c r="AFN647" s="613"/>
      <c r="AFO647" s="613"/>
      <c r="AFP647" s="613"/>
      <c r="AFQ647" s="613"/>
      <c r="AFR647" s="613"/>
      <c r="AFS647" s="613"/>
      <c r="AFT647" s="613"/>
      <c r="AFU647" s="613"/>
      <c r="AFV647" s="613"/>
      <c r="AFW647" s="613"/>
      <c r="AFX647" s="613"/>
      <c r="AFY647" s="613"/>
      <c r="AFZ647" s="613"/>
      <c r="AGA647" s="613"/>
      <c r="AGB647" s="613"/>
      <c r="AGC647" s="613"/>
      <c r="AGD647" s="613"/>
      <c r="AGE647" s="613"/>
      <c r="AGF647" s="613"/>
      <c r="AGG647" s="613"/>
      <c r="AGH647" s="613"/>
      <c r="AGI647" s="613"/>
      <c r="AGJ647" s="613"/>
      <c r="AGK647" s="613"/>
      <c r="AGL647" s="613"/>
      <c r="AGM647" s="613"/>
      <c r="AGN647" s="613"/>
      <c r="AGO647" s="613"/>
      <c r="AGP647" s="613"/>
      <c r="AGQ647" s="613"/>
      <c r="AGR647" s="613"/>
      <c r="AGS647" s="613"/>
      <c r="AGT647" s="613"/>
      <c r="AGU647" s="613"/>
      <c r="AGV647" s="613"/>
      <c r="AGW647" s="613"/>
      <c r="AGX647" s="613"/>
      <c r="AGY647" s="613"/>
      <c r="AGZ647" s="613"/>
      <c r="AHA647" s="613"/>
      <c r="AHB647" s="613"/>
      <c r="AHC647" s="613"/>
      <c r="AHD647" s="613"/>
      <c r="AHE647" s="613"/>
      <c r="AHF647" s="613"/>
      <c r="AHG647" s="613"/>
      <c r="AHH647" s="613"/>
      <c r="AHI647" s="613"/>
      <c r="AHJ647" s="613"/>
      <c r="AHK647" s="613"/>
      <c r="AHL647" s="613"/>
      <c r="AHM647" s="613"/>
      <c r="AHN647" s="613"/>
      <c r="AHO647" s="613"/>
      <c r="AHP647" s="613"/>
      <c r="AHQ647" s="613"/>
      <c r="AHR647" s="613"/>
      <c r="AHS647" s="613"/>
      <c r="AHT647" s="613"/>
      <c r="AHU647" s="613"/>
      <c r="AHV647" s="613"/>
      <c r="AHW647" s="613"/>
      <c r="AHX647" s="613"/>
      <c r="AHY647" s="613"/>
      <c r="AHZ647" s="613"/>
      <c r="AIA647" s="613"/>
      <c r="AIB647" s="613"/>
      <c r="AIC647" s="613"/>
      <c r="AID647" s="613"/>
      <c r="AIE647" s="613"/>
      <c r="AIF647" s="613"/>
      <c r="AIG647" s="613"/>
      <c r="AIH647" s="613"/>
      <c r="AII647" s="613"/>
      <c r="AIJ647" s="613"/>
      <c r="AIK647" s="613"/>
      <c r="AIL647" s="613"/>
      <c r="AIM647" s="613"/>
      <c r="AIN647" s="613"/>
      <c r="AIO647" s="613"/>
      <c r="AIP647" s="613"/>
      <c r="AIQ647" s="613"/>
      <c r="AIR647" s="613"/>
      <c r="AIS647" s="613"/>
      <c r="AIT647" s="613"/>
      <c r="AIU647" s="613"/>
      <c r="AIV647" s="613"/>
      <c r="AIW647" s="613"/>
      <c r="AIX647" s="613"/>
      <c r="AIY647" s="613"/>
      <c r="AIZ647" s="613"/>
      <c r="AJA647" s="613"/>
      <c r="AJB647" s="613"/>
      <c r="AJC647" s="613"/>
      <c r="AJD647" s="613"/>
      <c r="AJE647" s="613"/>
      <c r="AJF647" s="613"/>
      <c r="AJG647" s="613"/>
      <c r="AJH647" s="613"/>
      <c r="AJI647" s="613"/>
      <c r="AJJ647" s="613"/>
      <c r="AJK647" s="613"/>
      <c r="AJL647" s="613"/>
      <c r="AJM647" s="613"/>
      <c r="AJN647" s="613"/>
      <c r="AJO647" s="613"/>
      <c r="AJP647" s="613"/>
      <c r="AJQ647" s="613"/>
      <c r="AJR647" s="613"/>
      <c r="AJS647" s="613"/>
      <c r="AJT647" s="613"/>
      <c r="AJU647" s="613"/>
      <c r="AJV647" s="613"/>
      <c r="AJW647" s="613"/>
      <c r="AJX647" s="613"/>
      <c r="AJY647" s="613"/>
      <c r="AJZ647" s="613"/>
      <c r="AKA647" s="613"/>
      <c r="AKB647" s="613"/>
      <c r="AKC647" s="613"/>
      <c r="AKD647" s="613"/>
      <c r="AKE647" s="613"/>
      <c r="AKF647" s="613"/>
      <c r="AKG647" s="613"/>
      <c r="AKH647" s="613"/>
      <c r="AKI647" s="613"/>
      <c r="AKJ647" s="613"/>
      <c r="AKK647" s="613"/>
      <c r="AKL647" s="613"/>
      <c r="AKM647" s="613"/>
      <c r="AKN647" s="613"/>
      <c r="AKO647" s="613"/>
      <c r="AKP647" s="613"/>
      <c r="AKQ647" s="613"/>
      <c r="AKR647" s="613"/>
      <c r="AKS647" s="613"/>
      <c r="AKT647" s="613"/>
      <c r="AKU647" s="613"/>
      <c r="AKV647" s="613"/>
      <c r="AKW647" s="613"/>
      <c r="AKX647" s="613"/>
      <c r="AKY647" s="613"/>
      <c r="AKZ647" s="613"/>
      <c r="ALA647" s="613"/>
      <c r="ALB647" s="613"/>
      <c r="ALC647" s="613"/>
      <c r="ALD647" s="613"/>
      <c r="ALE647" s="613"/>
      <c r="ALF647" s="613"/>
      <c r="ALG647" s="613"/>
      <c r="ALH647" s="613"/>
      <c r="ALI647" s="613"/>
      <c r="ALJ647" s="613"/>
      <c r="ALK647" s="613"/>
      <c r="ALL647" s="613"/>
      <c r="ALM647" s="613"/>
      <c r="ALN647" s="613"/>
      <c r="ALO647" s="613"/>
      <c r="ALP647" s="613"/>
      <c r="ALQ647" s="613"/>
      <c r="ALR647" s="613"/>
      <c r="ALS647" s="613"/>
      <c r="ALT647" s="613"/>
      <c r="ALU647" s="613"/>
      <c r="ALV647" s="613"/>
      <c r="ALW647" s="613"/>
      <c r="ALX647" s="613"/>
      <c r="ALY647" s="613"/>
      <c r="ALZ647" s="613"/>
      <c r="AMA647" s="613"/>
      <c r="AMB647" s="613"/>
      <c r="AMC647" s="613"/>
      <c r="AMD647" s="613"/>
      <c r="AME647" s="613"/>
      <c r="AMF647" s="613"/>
      <c r="AMG647" s="613"/>
      <c r="AMH647" s="613"/>
      <c r="AMI647" s="613"/>
      <c r="AMJ647" s="613"/>
      <c r="AMK647" s="613"/>
      <c r="AML647" s="613"/>
      <c r="AMM647" s="613"/>
      <c r="AMN647" s="613"/>
      <c r="AMO647" s="613"/>
      <c r="AMP647" s="613"/>
      <c r="AMQ647" s="613"/>
      <c r="AMR647" s="613"/>
      <c r="AMS647" s="613"/>
      <c r="AMT647" s="613"/>
      <c r="AMU647" s="613"/>
      <c r="AMV647" s="613"/>
      <c r="AMW647" s="613"/>
      <c r="AMX647" s="613"/>
      <c r="AMY647" s="613"/>
      <c r="AMZ647" s="613"/>
      <c r="ANA647" s="613"/>
      <c r="ANB647" s="613"/>
      <c r="ANC647" s="613"/>
      <c r="AND647" s="613"/>
      <c r="ANE647" s="613"/>
      <c r="ANF647" s="613"/>
      <c r="ANG647" s="613"/>
      <c r="ANH647" s="613"/>
      <c r="ANI647" s="613"/>
      <c r="ANJ647" s="613"/>
      <c r="ANK647" s="613"/>
      <c r="ANL647" s="613"/>
      <c r="ANM647" s="613"/>
      <c r="ANN647" s="613"/>
      <c r="ANO647" s="613"/>
      <c r="ANP647" s="613"/>
      <c r="ANQ647" s="613"/>
      <c r="ANR647" s="613"/>
      <c r="ANS647" s="613"/>
      <c r="ANT647" s="613"/>
      <c r="ANU647" s="613"/>
      <c r="ANV647" s="613"/>
      <c r="ANW647" s="613"/>
      <c r="ANX647" s="613"/>
      <c r="ANY647" s="613"/>
      <c r="ANZ647" s="613"/>
      <c r="AOA647" s="613"/>
      <c r="AOB647" s="613"/>
      <c r="AOC647" s="613"/>
      <c r="AOD647" s="613"/>
      <c r="AOE647" s="613"/>
      <c r="AOF647" s="613"/>
      <c r="AOG647" s="613"/>
      <c r="AOH647" s="613"/>
      <c r="AOI647" s="613"/>
      <c r="AOJ647" s="613"/>
      <c r="AOK647" s="613"/>
      <c r="AOL647" s="613"/>
      <c r="AOM647" s="613"/>
      <c r="AON647" s="613"/>
      <c r="AOO647" s="613"/>
      <c r="AOP647" s="613"/>
      <c r="AOQ647" s="613"/>
      <c r="AOR647" s="613"/>
      <c r="AOS647" s="613"/>
      <c r="AOT647" s="613"/>
      <c r="AOU647" s="613"/>
      <c r="AOV647" s="613"/>
      <c r="AOW647" s="613"/>
      <c r="AOX647" s="613"/>
      <c r="AOY647" s="613"/>
      <c r="AOZ647" s="613"/>
      <c r="APA647" s="613"/>
      <c r="APB647" s="613"/>
      <c r="APC647" s="613"/>
      <c r="APD647" s="613"/>
      <c r="APE647" s="613"/>
      <c r="APF647" s="613"/>
      <c r="APG647" s="613"/>
      <c r="APH647" s="613"/>
      <c r="API647" s="613"/>
      <c r="APJ647" s="613"/>
      <c r="APK647" s="613"/>
      <c r="APL647" s="613"/>
      <c r="APM647" s="613"/>
      <c r="APN647" s="613"/>
      <c r="APO647" s="613"/>
      <c r="APP647" s="613"/>
      <c r="APQ647" s="613"/>
      <c r="APR647" s="613"/>
      <c r="APS647" s="613"/>
      <c r="APT647" s="613"/>
      <c r="APU647" s="613"/>
      <c r="APV647" s="613"/>
      <c r="APW647" s="613"/>
      <c r="APX647" s="613"/>
      <c r="APY647" s="613"/>
      <c r="APZ647" s="613"/>
      <c r="AQA647" s="613"/>
      <c r="AQB647" s="613"/>
      <c r="AQC647" s="613"/>
      <c r="AQD647" s="613"/>
      <c r="AQE647" s="613"/>
      <c r="AQF647" s="613"/>
      <c r="AQG647" s="613"/>
      <c r="AQH647" s="613"/>
      <c r="AQI647" s="613"/>
      <c r="AQJ647" s="613"/>
      <c r="AQK647" s="613"/>
      <c r="AQL647" s="613"/>
      <c r="AQM647" s="613"/>
      <c r="AQN647" s="613"/>
      <c r="AQO647" s="613"/>
      <c r="AQP647" s="613"/>
      <c r="AQQ647" s="613"/>
      <c r="AQR647" s="613"/>
      <c r="AQS647" s="613"/>
      <c r="AQT647" s="613"/>
      <c r="AQU647" s="613"/>
      <c r="AQV647" s="613"/>
      <c r="AQW647" s="613"/>
      <c r="AQX647" s="613"/>
      <c r="AQY647" s="613"/>
      <c r="AQZ647" s="613"/>
      <c r="ARA647" s="613"/>
      <c r="ARB647" s="613"/>
      <c r="ARC647" s="613"/>
      <c r="ARD647" s="613"/>
      <c r="ARE647" s="613"/>
      <c r="ARF647" s="613"/>
      <c r="ARG647" s="613"/>
      <c r="ARH647" s="613"/>
      <c r="ARI647" s="613"/>
      <c r="ARJ647" s="613"/>
      <c r="ARK647" s="613"/>
      <c r="ARL647" s="613"/>
      <c r="ARM647" s="613"/>
      <c r="ARN647" s="613"/>
      <c r="ARO647" s="613"/>
      <c r="ARP647" s="613"/>
      <c r="ARQ647" s="613"/>
      <c r="ARR647" s="613"/>
      <c r="ARS647" s="613"/>
      <c r="ART647" s="613"/>
      <c r="ARU647" s="613"/>
      <c r="ARV647" s="613"/>
      <c r="ARW647" s="613"/>
      <c r="ARX647" s="613"/>
      <c r="ARY647" s="613"/>
      <c r="ARZ647" s="613"/>
      <c r="ASA647" s="613"/>
      <c r="ASB647" s="613"/>
      <c r="ASC647" s="613"/>
      <c r="ASD647" s="613"/>
      <c r="ASE647" s="613"/>
      <c r="ASF647" s="613"/>
      <c r="ASG647" s="613"/>
      <c r="ASH647" s="613"/>
      <c r="ASI647" s="613"/>
      <c r="ASJ647" s="613"/>
      <c r="ASK647" s="613"/>
      <c r="ASL647" s="613"/>
      <c r="ASM647" s="613"/>
      <c r="ASN647" s="613"/>
      <c r="ASO647" s="613"/>
      <c r="ASP647" s="613"/>
      <c r="ASQ647" s="613"/>
      <c r="ASR647" s="613"/>
      <c r="ASS647" s="613"/>
      <c r="AST647" s="613"/>
      <c r="ASU647" s="613"/>
      <c r="ASV647" s="613"/>
      <c r="ASW647" s="613"/>
      <c r="ASX647" s="613"/>
      <c r="ASY647" s="613"/>
      <c r="ASZ647" s="613"/>
      <c r="ATA647" s="613"/>
      <c r="ATB647" s="613"/>
      <c r="ATC647" s="613"/>
      <c r="ATD647" s="613"/>
      <c r="ATE647" s="613"/>
      <c r="ATF647" s="613"/>
      <c r="ATG647" s="613"/>
      <c r="ATH647" s="613"/>
      <c r="ATI647" s="613"/>
      <c r="ATJ647" s="613"/>
      <c r="ATK647" s="613"/>
      <c r="ATL647" s="613"/>
      <c r="ATM647" s="613"/>
      <c r="ATN647" s="613"/>
      <c r="ATO647" s="613"/>
      <c r="ATP647" s="613"/>
      <c r="ATQ647" s="613"/>
      <c r="ATR647" s="613"/>
      <c r="ATS647" s="613"/>
      <c r="ATT647" s="613"/>
      <c r="ATU647" s="613"/>
      <c r="ATV647" s="613"/>
      <c r="ATW647" s="613"/>
      <c r="ATX647" s="613"/>
      <c r="ATY647" s="613"/>
      <c r="ATZ647" s="613"/>
      <c r="AUA647" s="613"/>
      <c r="AUB647" s="613"/>
      <c r="AUC647" s="613"/>
      <c r="AUD647" s="613"/>
      <c r="AUE647" s="613"/>
      <c r="AUF647" s="613"/>
      <c r="AUG647" s="613"/>
      <c r="AUH647" s="613"/>
      <c r="AUI647" s="613"/>
      <c r="AUJ647" s="613"/>
      <c r="AUK647" s="613"/>
      <c r="AUL647" s="613"/>
      <c r="AUM647" s="613"/>
      <c r="AUN647" s="613"/>
      <c r="AUO647" s="613"/>
      <c r="AUP647" s="613"/>
      <c r="AUQ647" s="613"/>
      <c r="AUR647" s="613"/>
      <c r="AUS647" s="613"/>
      <c r="AUT647" s="613"/>
      <c r="AUU647" s="613"/>
      <c r="AUV647" s="613"/>
      <c r="AUW647" s="613"/>
      <c r="AUX647" s="613"/>
      <c r="AUY647" s="613"/>
      <c r="AUZ647" s="613"/>
      <c r="AVA647" s="613"/>
      <c r="AVB647" s="613"/>
      <c r="AVC647" s="613"/>
      <c r="AVD647" s="613"/>
      <c r="AVE647" s="613"/>
      <c r="AVF647" s="613"/>
      <c r="AVG647" s="613"/>
      <c r="AVH647" s="613"/>
      <c r="AVI647" s="613"/>
      <c r="AVJ647" s="613"/>
      <c r="AVK647" s="613"/>
      <c r="AVL647" s="613"/>
      <c r="AVM647" s="613"/>
      <c r="AVN647" s="613"/>
      <c r="AVO647" s="613"/>
      <c r="AVP647" s="613"/>
      <c r="AVQ647" s="613"/>
      <c r="AVR647" s="613"/>
      <c r="AVS647" s="613"/>
      <c r="AVT647" s="613"/>
      <c r="AVU647" s="613"/>
      <c r="AVV647" s="613"/>
      <c r="AVW647" s="613"/>
      <c r="AVX647" s="613"/>
      <c r="AVY647" s="613"/>
      <c r="AVZ647" s="613"/>
      <c r="AWA647" s="613"/>
      <c r="AWB647" s="613"/>
      <c r="AWC647" s="613"/>
      <c r="AWD647" s="613"/>
      <c r="AWE647" s="613"/>
      <c r="AWF647" s="613"/>
      <c r="AWG647" s="613"/>
      <c r="AWH647" s="613"/>
      <c r="AWI647" s="613"/>
      <c r="AWJ647" s="613"/>
      <c r="AWK647" s="613"/>
      <c r="AWL647" s="613"/>
      <c r="AWM647" s="613"/>
      <c r="AWN647" s="613"/>
      <c r="AWO647" s="613"/>
      <c r="AWP647" s="613"/>
      <c r="AWQ647" s="613"/>
      <c r="AWR647" s="613"/>
      <c r="AWS647" s="613"/>
      <c r="AWT647" s="613"/>
      <c r="AWU647" s="613"/>
      <c r="AWV647" s="613"/>
      <c r="AWW647" s="613"/>
      <c r="AWX647" s="613"/>
      <c r="AWY647" s="613"/>
      <c r="AWZ647" s="613"/>
      <c r="AXA647" s="613"/>
      <c r="AXB647" s="613"/>
      <c r="AXC647" s="613"/>
      <c r="AXD647" s="613"/>
      <c r="AXE647" s="613"/>
      <c r="AXF647" s="613"/>
      <c r="AXG647" s="613"/>
      <c r="AXH647" s="613"/>
      <c r="AXI647" s="613"/>
      <c r="AXJ647" s="613"/>
      <c r="AXK647" s="613"/>
      <c r="AXL647" s="613"/>
      <c r="AXM647" s="613"/>
      <c r="AXN647" s="613"/>
      <c r="AXO647" s="613"/>
      <c r="AXP647" s="613"/>
      <c r="AXQ647" s="613"/>
      <c r="AXR647" s="613"/>
      <c r="AXS647" s="613"/>
      <c r="AXT647" s="613"/>
      <c r="AXU647" s="613"/>
      <c r="AXV647" s="613"/>
      <c r="AXW647" s="613"/>
      <c r="AXX647" s="613"/>
      <c r="AXY647" s="613"/>
      <c r="AXZ647" s="613"/>
      <c r="AYA647" s="613"/>
      <c r="AYB647" s="613"/>
      <c r="AYC647" s="613"/>
      <c r="AYD647" s="613"/>
      <c r="AYE647" s="613"/>
      <c r="AYF647" s="613"/>
      <c r="AYG647" s="613"/>
      <c r="AYH647" s="613"/>
      <c r="AYI647" s="613"/>
      <c r="AYJ647" s="613"/>
      <c r="AYK647" s="613"/>
      <c r="AYL647" s="613"/>
      <c r="AYM647" s="613"/>
      <c r="AYN647" s="613"/>
      <c r="AYO647" s="613"/>
      <c r="AYP647" s="613"/>
      <c r="AYQ647" s="613"/>
      <c r="AYR647" s="613"/>
      <c r="AYS647" s="613"/>
      <c r="AYT647" s="613"/>
      <c r="AYU647" s="613"/>
      <c r="AYV647" s="613"/>
      <c r="AYW647" s="613"/>
      <c r="AYX647" s="613"/>
      <c r="AYY647" s="613"/>
      <c r="AYZ647" s="613"/>
      <c r="AZA647" s="613"/>
      <c r="AZB647" s="613"/>
      <c r="AZC647" s="613"/>
      <c r="AZD647" s="613"/>
      <c r="AZE647" s="613"/>
      <c r="AZF647" s="613"/>
      <c r="AZG647" s="613"/>
      <c r="AZH647" s="613"/>
      <c r="AZI647" s="613"/>
      <c r="AZJ647" s="613"/>
      <c r="AZK647" s="613"/>
      <c r="AZL647" s="613"/>
      <c r="AZM647" s="613"/>
      <c r="AZN647" s="613"/>
      <c r="AZO647" s="613"/>
      <c r="AZP647" s="613"/>
      <c r="AZQ647" s="613"/>
      <c r="AZR647" s="613"/>
      <c r="AZS647" s="613"/>
      <c r="AZT647" s="613"/>
      <c r="AZU647" s="613"/>
      <c r="AZV647" s="613"/>
      <c r="AZW647" s="613"/>
      <c r="AZX647" s="613"/>
      <c r="AZY647" s="613"/>
      <c r="AZZ647" s="613"/>
      <c r="BAA647" s="613"/>
      <c r="BAB647" s="613"/>
      <c r="BAC647" s="613"/>
      <c r="BAD647" s="613"/>
      <c r="BAE647" s="613"/>
      <c r="BAF647" s="613"/>
      <c r="BAG647" s="613"/>
      <c r="BAH647" s="613"/>
      <c r="BAI647" s="613"/>
      <c r="BAJ647" s="613"/>
      <c r="BAK647" s="613"/>
      <c r="BAL647" s="613"/>
      <c r="BAM647" s="613"/>
      <c r="BAN647" s="613"/>
      <c r="BAO647" s="613"/>
      <c r="BAP647" s="613"/>
      <c r="BAQ647" s="613"/>
      <c r="BAR647" s="613"/>
      <c r="BAS647" s="613"/>
      <c r="BAT647" s="613"/>
      <c r="BAU647" s="613"/>
      <c r="BAV647" s="613"/>
      <c r="BAW647" s="613"/>
      <c r="BAX647" s="613"/>
      <c r="BAY647" s="613"/>
      <c r="BAZ647" s="613"/>
      <c r="BBA647" s="613"/>
      <c r="BBB647" s="613"/>
      <c r="BBC647" s="613"/>
      <c r="BBD647" s="613"/>
      <c r="BBE647" s="613"/>
      <c r="BBF647" s="613"/>
      <c r="BBG647" s="613"/>
      <c r="BBH647" s="613"/>
      <c r="BBI647" s="613"/>
      <c r="BBJ647" s="613"/>
      <c r="BBK647" s="613"/>
      <c r="BBL647" s="613"/>
      <c r="BBM647" s="613"/>
      <c r="BBN647" s="613"/>
      <c r="BBO647" s="613"/>
      <c r="BBP647" s="613"/>
      <c r="BBQ647" s="613"/>
      <c r="BBR647" s="613"/>
      <c r="BBS647" s="613"/>
      <c r="BBT647" s="613"/>
      <c r="BBU647" s="613"/>
      <c r="BBV647" s="613"/>
      <c r="BBW647" s="613"/>
      <c r="BBX647" s="613"/>
      <c r="BBY647" s="613"/>
      <c r="BBZ647" s="613"/>
      <c r="BCA647" s="613"/>
      <c r="BCB647" s="613"/>
      <c r="BCC647" s="613"/>
      <c r="BCD647" s="613"/>
      <c r="BCE647" s="613"/>
      <c r="BCF647" s="613"/>
      <c r="BCG647" s="613"/>
      <c r="BCH647" s="613"/>
      <c r="BCI647" s="613"/>
      <c r="BCJ647" s="613"/>
      <c r="BCK647" s="613"/>
      <c r="BCL647" s="613"/>
      <c r="BCM647" s="613"/>
      <c r="BCN647" s="613"/>
      <c r="BCO647" s="613"/>
      <c r="BCP647" s="613"/>
      <c r="BCQ647" s="613"/>
      <c r="BCR647" s="613"/>
      <c r="BCS647" s="613"/>
      <c r="BCT647" s="613"/>
      <c r="BCU647" s="613"/>
      <c r="BCV647" s="613"/>
      <c r="BCW647" s="613"/>
      <c r="BCX647" s="613"/>
      <c r="BCY647" s="613"/>
      <c r="BCZ647" s="613"/>
      <c r="BDA647" s="613"/>
      <c r="BDB647" s="613"/>
      <c r="BDC647" s="613"/>
      <c r="BDD647" s="613"/>
      <c r="BDE647" s="613"/>
      <c r="BDF647" s="613"/>
      <c r="BDG647" s="613"/>
      <c r="BDH647" s="613"/>
      <c r="BDI647" s="613"/>
      <c r="BDJ647" s="613"/>
      <c r="BDK647" s="613"/>
      <c r="BDL647" s="613"/>
      <c r="BDM647" s="613"/>
      <c r="BDN647" s="613"/>
      <c r="BDO647" s="613"/>
      <c r="BDP647" s="613"/>
      <c r="BDQ647" s="613"/>
      <c r="BDR647" s="613"/>
      <c r="BDS647" s="613"/>
      <c r="BDT647" s="613"/>
      <c r="BDU647" s="613"/>
      <c r="BDV647" s="613"/>
      <c r="BDW647" s="613"/>
      <c r="BDX647" s="613"/>
      <c r="BDY647" s="613"/>
      <c r="BDZ647" s="613"/>
      <c r="BEA647" s="613"/>
      <c r="BEB647" s="613"/>
      <c r="BEC647" s="613"/>
      <c r="BED647" s="613"/>
      <c r="BEE647" s="613"/>
      <c r="BEF647" s="613"/>
      <c r="BEG647" s="613"/>
      <c r="BEH647" s="613"/>
      <c r="BEI647" s="613"/>
      <c r="BEJ647" s="613"/>
      <c r="BEK647" s="613"/>
      <c r="BEL647" s="613"/>
      <c r="BEM647" s="613"/>
      <c r="BEN647" s="613"/>
      <c r="BEO647" s="613"/>
      <c r="BEP647" s="613"/>
      <c r="BEQ647" s="613"/>
      <c r="BER647" s="613"/>
      <c r="BES647" s="613"/>
      <c r="BET647" s="613"/>
      <c r="BEU647" s="613"/>
      <c r="BEV647" s="613"/>
      <c r="BEW647" s="613"/>
      <c r="BEX647" s="613"/>
      <c r="BEY647" s="613"/>
      <c r="BEZ647" s="613"/>
      <c r="BFA647" s="613"/>
      <c r="BFB647" s="613"/>
      <c r="BFC647" s="613"/>
      <c r="BFD647" s="613"/>
      <c r="BFE647" s="613"/>
      <c r="BFF647" s="613"/>
      <c r="BFG647" s="613"/>
      <c r="BFH647" s="613"/>
      <c r="BFI647" s="613"/>
      <c r="BFJ647" s="613"/>
      <c r="BFK647" s="613"/>
      <c r="BFL647" s="613"/>
      <c r="BFM647" s="613"/>
      <c r="BFN647" s="613"/>
      <c r="BFO647" s="613"/>
      <c r="BFP647" s="613"/>
      <c r="BFQ647" s="613"/>
      <c r="BFR647" s="613"/>
      <c r="BFS647" s="613"/>
      <c r="BFT647" s="613"/>
      <c r="BFU647" s="613"/>
      <c r="BFV647" s="613"/>
      <c r="BFW647" s="613"/>
      <c r="BFX647" s="613"/>
      <c r="BFY647" s="613"/>
      <c r="BFZ647" s="613"/>
      <c r="BGA647" s="613"/>
      <c r="BGB647" s="613"/>
      <c r="BGC647" s="613"/>
      <c r="BGD647" s="613"/>
      <c r="BGE647" s="613"/>
      <c r="BGF647" s="613"/>
      <c r="BGG647" s="613"/>
      <c r="BGH647" s="613"/>
      <c r="BGI647" s="613"/>
      <c r="BGJ647" s="613"/>
      <c r="BGK647" s="613"/>
      <c r="BGL647" s="613"/>
      <c r="BGM647" s="613"/>
      <c r="BGN647" s="613"/>
      <c r="BGO647" s="613"/>
      <c r="BGP647" s="613"/>
      <c r="BGQ647" s="613"/>
      <c r="BGR647" s="613"/>
      <c r="BGS647" s="613"/>
      <c r="BGT647" s="613"/>
      <c r="BGU647" s="613"/>
      <c r="BGV647" s="613"/>
      <c r="BGW647" s="613"/>
      <c r="BGX647" s="613"/>
      <c r="BGY647" s="613"/>
      <c r="BGZ647" s="613"/>
      <c r="BHA647" s="613"/>
      <c r="BHB647" s="613"/>
      <c r="BHC647" s="613"/>
      <c r="BHD647" s="613"/>
      <c r="BHE647" s="613"/>
      <c r="BHF647" s="613"/>
      <c r="BHG647" s="613"/>
      <c r="BHH647" s="613"/>
      <c r="BHI647" s="613"/>
      <c r="BHJ647" s="613"/>
      <c r="BHK647" s="613"/>
      <c r="BHL647" s="613"/>
      <c r="BHM647" s="613"/>
      <c r="BHN647" s="613"/>
      <c r="BHO647" s="613"/>
      <c r="BHP647" s="613"/>
      <c r="BHQ647" s="613"/>
      <c r="BHR647" s="613"/>
      <c r="BHS647" s="613"/>
      <c r="BHT647" s="613"/>
      <c r="BHU647" s="613"/>
      <c r="BHV647" s="613"/>
      <c r="BHW647" s="613"/>
      <c r="BHX647" s="613"/>
      <c r="BHY647" s="613"/>
      <c r="BHZ647" s="613"/>
      <c r="BIA647" s="613"/>
      <c r="BIB647" s="613"/>
      <c r="BIC647" s="613"/>
      <c r="BID647" s="613"/>
      <c r="BIE647" s="613"/>
      <c r="BIF647" s="613"/>
      <c r="BIG647" s="613"/>
      <c r="BIH647" s="613"/>
      <c r="BII647" s="613"/>
      <c r="BIJ647" s="613"/>
      <c r="BIK647" s="613"/>
      <c r="BIL647" s="613"/>
      <c r="BIM647" s="613"/>
      <c r="BIN647" s="613"/>
      <c r="BIO647" s="613"/>
      <c r="BIP647" s="613"/>
      <c r="BIQ647" s="613"/>
      <c r="BIR647" s="613"/>
      <c r="BIS647" s="613"/>
      <c r="BIT647" s="613"/>
      <c r="BIU647" s="613"/>
      <c r="BIV647" s="613"/>
      <c r="BIW647" s="613"/>
      <c r="BIX647" s="613"/>
      <c r="BIY647" s="613"/>
      <c r="BIZ647" s="613"/>
      <c r="BJA647" s="613"/>
      <c r="BJB647" s="613"/>
      <c r="BJC647" s="613"/>
      <c r="BJD647" s="613"/>
      <c r="BJE647" s="613"/>
      <c r="BJF647" s="613"/>
      <c r="BJG647" s="613"/>
      <c r="BJH647" s="613"/>
      <c r="BJI647" s="613"/>
      <c r="BJJ647" s="613"/>
      <c r="BJK647" s="613"/>
      <c r="BJL647" s="613"/>
      <c r="BJM647" s="613"/>
      <c r="BJN647" s="613"/>
      <c r="BJO647" s="613"/>
      <c r="BJP647" s="613"/>
      <c r="BJQ647" s="613"/>
      <c r="BJR647" s="613"/>
      <c r="BJS647" s="613"/>
      <c r="BJT647" s="613"/>
      <c r="BJU647" s="613"/>
      <c r="BJV647" s="613"/>
      <c r="BJW647" s="613"/>
      <c r="BJX647" s="613"/>
      <c r="BJY647" s="613"/>
      <c r="BJZ647" s="613"/>
      <c r="BKA647" s="613"/>
      <c r="BKB647" s="613"/>
      <c r="BKC647" s="613"/>
      <c r="BKD647" s="613"/>
      <c r="BKE647" s="613"/>
      <c r="BKF647" s="613"/>
      <c r="BKG647" s="613"/>
      <c r="BKH647" s="613"/>
      <c r="BKI647" s="613"/>
      <c r="BKJ647" s="613"/>
      <c r="BKK647" s="613"/>
      <c r="BKL647" s="613"/>
      <c r="BKM647" s="613"/>
      <c r="BKN647" s="613"/>
      <c r="BKO647" s="613"/>
      <c r="BKP647" s="613"/>
      <c r="BKQ647" s="613"/>
      <c r="BKR647" s="613"/>
      <c r="BKS647" s="613"/>
      <c r="BKT647" s="613"/>
      <c r="BKU647" s="613"/>
      <c r="BKV647" s="613"/>
      <c r="BKW647" s="613"/>
      <c r="BKX647" s="613"/>
      <c r="BKY647" s="613"/>
      <c r="BKZ647" s="613"/>
      <c r="BLA647" s="613"/>
      <c r="BLB647" s="613"/>
      <c r="BLC647" s="613"/>
      <c r="BLD647" s="613"/>
      <c r="BLE647" s="613"/>
      <c r="BLF647" s="613"/>
      <c r="BLG647" s="613"/>
      <c r="BLH647" s="613"/>
      <c r="BLI647" s="613"/>
      <c r="BLJ647" s="613"/>
      <c r="BLK647" s="613"/>
      <c r="BLL647" s="613"/>
      <c r="BLM647" s="613"/>
      <c r="BLN647" s="613"/>
      <c r="BLO647" s="613"/>
      <c r="BLP647" s="613"/>
      <c r="BLQ647" s="613"/>
      <c r="BLR647" s="613"/>
      <c r="BLS647" s="613"/>
      <c r="BLT647" s="613"/>
      <c r="BLU647" s="613"/>
      <c r="BLV647" s="613"/>
      <c r="BLW647" s="613"/>
      <c r="BLX647" s="613"/>
      <c r="BLY647" s="613"/>
      <c r="BLZ647" s="613"/>
      <c r="BMA647" s="613"/>
      <c r="BMB647" s="613"/>
      <c r="BMC647" s="613"/>
      <c r="BMD647" s="613"/>
      <c r="BME647" s="613"/>
      <c r="BMF647" s="613"/>
      <c r="BMG647" s="613"/>
      <c r="BMH647" s="613"/>
      <c r="BMI647" s="613"/>
      <c r="BMJ647" s="613"/>
      <c r="BMK647" s="613"/>
      <c r="BML647" s="613"/>
      <c r="BMM647" s="613"/>
      <c r="BMN647" s="613"/>
      <c r="BMO647" s="613"/>
      <c r="BMP647" s="613"/>
      <c r="BMQ647" s="613"/>
      <c r="BMR647" s="613"/>
      <c r="BMS647" s="613"/>
      <c r="BMT647" s="613"/>
      <c r="BMU647" s="613"/>
      <c r="BMV647" s="613"/>
      <c r="BMW647" s="613"/>
      <c r="BMX647" s="613"/>
      <c r="BMY647" s="613"/>
      <c r="BMZ647" s="613"/>
      <c r="BNA647" s="613"/>
      <c r="BNB647" s="613"/>
      <c r="BNC647" s="613"/>
      <c r="BND647" s="613"/>
      <c r="BNE647" s="613"/>
      <c r="BNF647" s="613"/>
      <c r="BNG647" s="613"/>
      <c r="BNH647" s="613"/>
      <c r="BNI647" s="613"/>
      <c r="BNJ647" s="613"/>
      <c r="BNK647" s="613"/>
      <c r="BNL647" s="613"/>
      <c r="BNM647" s="613"/>
      <c r="BNN647" s="613"/>
      <c r="BNO647" s="613"/>
      <c r="BNP647" s="613"/>
      <c r="BNQ647" s="613"/>
      <c r="BNR647" s="613"/>
      <c r="BNS647" s="613"/>
      <c r="BNT647" s="613"/>
      <c r="BNU647" s="613"/>
      <c r="BNV647" s="613"/>
      <c r="BNW647" s="613"/>
      <c r="BNX647" s="613"/>
      <c r="BNY647" s="613"/>
      <c r="BNZ647" s="613"/>
      <c r="BOA647" s="613"/>
      <c r="BOB647" s="613"/>
      <c r="BOC647" s="613"/>
      <c r="BOD647" s="613"/>
      <c r="BOE647" s="613"/>
      <c r="BOF647" s="613"/>
      <c r="BOG647" s="613"/>
      <c r="BOH647" s="613"/>
      <c r="BOI647" s="613"/>
      <c r="BOJ647" s="613"/>
      <c r="BOK647" s="613"/>
      <c r="BOL647" s="613"/>
      <c r="BOM647" s="613"/>
      <c r="BON647" s="613"/>
      <c r="BOO647" s="613"/>
      <c r="BOP647" s="613"/>
      <c r="BOQ647" s="613"/>
      <c r="BOR647" s="613"/>
      <c r="BOS647" s="613"/>
      <c r="BOT647" s="613"/>
      <c r="BOU647" s="613"/>
      <c r="BOV647" s="613"/>
      <c r="BOW647" s="613"/>
      <c r="BOX647" s="613"/>
      <c r="BOY647" s="613"/>
      <c r="BOZ647" s="613"/>
      <c r="BPA647" s="613"/>
      <c r="BPB647" s="613"/>
      <c r="BPC647" s="613"/>
      <c r="BPD647" s="613"/>
      <c r="BPE647" s="613"/>
      <c r="BPF647" s="613"/>
      <c r="BPG647" s="613"/>
      <c r="BPH647" s="613"/>
      <c r="BPI647" s="613"/>
      <c r="BPJ647" s="613"/>
      <c r="BPK647" s="613"/>
      <c r="BPL647" s="613"/>
      <c r="BPM647" s="613"/>
      <c r="BPN647" s="613"/>
      <c r="BPO647" s="613"/>
      <c r="BPP647" s="613"/>
      <c r="BPQ647" s="613"/>
      <c r="BPR647" s="613"/>
      <c r="BPS647" s="613"/>
      <c r="BPT647" s="613"/>
      <c r="BPU647" s="613"/>
      <c r="BPV647" s="613"/>
      <c r="BPW647" s="613"/>
      <c r="BPX647" s="613"/>
      <c r="BPY647" s="613"/>
      <c r="BPZ647" s="613"/>
      <c r="BQA647" s="613"/>
      <c r="BQB647" s="613"/>
      <c r="BQC647" s="613"/>
      <c r="BQD647" s="613"/>
      <c r="BQE647" s="613"/>
      <c r="BQF647" s="613"/>
      <c r="BQG647" s="613"/>
      <c r="BQH647" s="613"/>
      <c r="BQI647" s="613"/>
      <c r="BQJ647" s="613"/>
      <c r="BQK647" s="613"/>
      <c r="BQL647" s="613"/>
      <c r="BQM647" s="613"/>
      <c r="BQN647" s="613"/>
      <c r="BQO647" s="613"/>
      <c r="BQP647" s="613"/>
      <c r="BQQ647" s="613"/>
      <c r="BQR647" s="613"/>
      <c r="BQS647" s="613"/>
      <c r="BQT647" s="613"/>
      <c r="BQU647" s="613"/>
      <c r="BQV647" s="613"/>
      <c r="BQW647" s="613"/>
      <c r="BQX647" s="613"/>
      <c r="BQY647" s="613"/>
      <c r="BQZ647" s="613"/>
      <c r="BRA647" s="613"/>
      <c r="BRB647" s="613"/>
      <c r="BRC647" s="613"/>
      <c r="BRD647" s="613"/>
      <c r="BRE647" s="613"/>
      <c r="BRF647" s="613"/>
      <c r="BRG647" s="613"/>
      <c r="BRH647" s="613"/>
      <c r="BRI647" s="613"/>
      <c r="BRJ647" s="613"/>
      <c r="BRK647" s="613"/>
      <c r="BRL647" s="613"/>
      <c r="BRM647" s="613"/>
      <c r="BRN647" s="613"/>
      <c r="BRO647" s="613"/>
      <c r="BRP647" s="613"/>
      <c r="BRQ647" s="613"/>
      <c r="BRR647" s="613"/>
      <c r="BRS647" s="613"/>
      <c r="BRT647" s="613"/>
      <c r="BRU647" s="613"/>
      <c r="BRV647" s="613"/>
      <c r="BRW647" s="613"/>
      <c r="BRX647" s="613"/>
      <c r="BRY647" s="613"/>
      <c r="BRZ647" s="613"/>
      <c r="BSA647" s="613"/>
      <c r="BSB647" s="613"/>
      <c r="BSC647" s="613"/>
      <c r="BSD647" s="613"/>
      <c r="BSE647" s="613"/>
      <c r="BSF647" s="613"/>
      <c r="BSG647" s="613"/>
      <c r="BSH647" s="613"/>
      <c r="BSI647" s="613"/>
      <c r="BSJ647" s="613"/>
      <c r="BSK647" s="613"/>
      <c r="BSL647" s="613"/>
      <c r="BSM647" s="613"/>
      <c r="BSN647" s="613"/>
      <c r="BSO647" s="613"/>
      <c r="BSP647" s="613"/>
      <c r="BSQ647" s="613"/>
      <c r="BSR647" s="613"/>
      <c r="BSS647" s="613"/>
      <c r="BST647" s="613"/>
      <c r="BSU647" s="613"/>
      <c r="BSV647" s="613"/>
      <c r="BSW647" s="613"/>
      <c r="BSX647" s="613"/>
      <c r="BSY647" s="613"/>
      <c r="BSZ647" s="613"/>
      <c r="BTA647" s="613"/>
      <c r="BTB647" s="613"/>
      <c r="BTC647" s="613"/>
      <c r="BTD647" s="613"/>
      <c r="BTE647" s="613"/>
      <c r="BTF647" s="613"/>
      <c r="BTG647" s="613"/>
      <c r="BTH647" s="613"/>
      <c r="BTI647" s="613"/>
      <c r="BTJ647" s="613"/>
      <c r="BTK647" s="613"/>
      <c r="BTL647" s="613"/>
      <c r="BTM647" s="613"/>
      <c r="BTN647" s="613"/>
      <c r="BTO647" s="613"/>
      <c r="BTP647" s="613"/>
      <c r="BTQ647" s="613"/>
      <c r="BTR647" s="613"/>
      <c r="BTS647" s="613"/>
      <c r="BTT647" s="613"/>
      <c r="BTU647" s="613"/>
      <c r="BTV647" s="613"/>
      <c r="BTW647" s="613"/>
      <c r="BTX647" s="613"/>
      <c r="BTY647" s="613"/>
      <c r="BTZ647" s="613"/>
      <c r="BUA647" s="613"/>
      <c r="BUB647" s="613"/>
      <c r="BUC647" s="613"/>
      <c r="BUD647" s="613"/>
      <c r="BUE647" s="613"/>
      <c r="BUF647" s="613"/>
      <c r="BUG647" s="613"/>
      <c r="BUH647" s="613"/>
      <c r="BUI647" s="613"/>
      <c r="BUJ647" s="613"/>
      <c r="BUK647" s="613"/>
      <c r="BUL647" s="613"/>
      <c r="BUM647" s="613"/>
      <c r="BUN647" s="613"/>
      <c r="BUO647" s="613"/>
      <c r="BUP647" s="613"/>
      <c r="BUQ647" s="613"/>
      <c r="BUR647" s="613"/>
      <c r="BUS647" s="613"/>
      <c r="BUT647" s="613"/>
      <c r="BUU647" s="613"/>
      <c r="BUV647" s="613"/>
      <c r="BUW647" s="613"/>
      <c r="BUX647" s="613"/>
      <c r="BUY647" s="613"/>
      <c r="BUZ647" s="613"/>
      <c r="BVA647" s="613"/>
      <c r="BVB647" s="613"/>
      <c r="BVC647" s="613"/>
      <c r="BVD647" s="613"/>
      <c r="BVE647" s="613"/>
      <c r="BVF647" s="613"/>
      <c r="BVG647" s="613"/>
      <c r="BVH647" s="613"/>
      <c r="BVI647" s="613"/>
      <c r="BVJ647" s="613"/>
      <c r="BVK647" s="613"/>
      <c r="BVL647" s="613"/>
      <c r="BVM647" s="613"/>
      <c r="BVN647" s="613"/>
      <c r="BVO647" s="613"/>
      <c r="BVP647" s="613"/>
      <c r="BVQ647" s="613"/>
      <c r="BVR647" s="613"/>
      <c r="BVS647" s="613"/>
      <c r="BVT647" s="613"/>
      <c r="BVU647" s="613"/>
      <c r="BVV647" s="613"/>
      <c r="BVW647" s="613"/>
      <c r="BVX647" s="613"/>
      <c r="BVY647" s="613"/>
      <c r="BVZ647" s="613"/>
      <c r="BWA647" s="613"/>
      <c r="BWB647" s="613"/>
      <c r="BWC647" s="613"/>
      <c r="BWD647" s="613"/>
      <c r="BWE647" s="613"/>
      <c r="BWF647" s="613"/>
      <c r="BWG647" s="613"/>
      <c r="BWH647" s="613"/>
      <c r="BWI647" s="613"/>
      <c r="BWJ647" s="613"/>
      <c r="BWK647" s="613"/>
      <c r="BWL647" s="613"/>
      <c r="BWM647" s="613"/>
      <c r="BWN647" s="613"/>
      <c r="BWO647" s="613"/>
      <c r="BWP647" s="613"/>
      <c r="BWQ647" s="613"/>
      <c r="BWR647" s="613"/>
      <c r="BWS647" s="613"/>
      <c r="BWT647" s="613"/>
      <c r="BWU647" s="613"/>
      <c r="BWV647" s="613"/>
      <c r="BWW647" s="613"/>
      <c r="BWX647" s="613"/>
      <c r="BWY647" s="613"/>
      <c r="BWZ647" s="613"/>
      <c r="BXA647" s="613"/>
      <c r="BXB647" s="613"/>
      <c r="BXC647" s="613"/>
      <c r="BXD647" s="613"/>
      <c r="BXE647" s="613"/>
      <c r="BXF647" s="613"/>
      <c r="BXG647" s="613"/>
      <c r="BXH647" s="613"/>
      <c r="BXI647" s="613"/>
      <c r="BXJ647" s="613"/>
      <c r="BXK647" s="613"/>
      <c r="BXL647" s="613"/>
      <c r="BXM647" s="613"/>
      <c r="BXN647" s="613"/>
      <c r="BXO647" s="613"/>
      <c r="BXP647" s="613"/>
      <c r="BXQ647" s="613"/>
      <c r="BXR647" s="613"/>
      <c r="BXS647" s="613"/>
      <c r="BXT647" s="613"/>
      <c r="BXU647" s="613"/>
      <c r="BXV647" s="613"/>
      <c r="BXW647" s="613"/>
      <c r="BXX647" s="613"/>
      <c r="BXY647" s="613"/>
      <c r="BXZ647" s="613"/>
      <c r="BYA647" s="613"/>
      <c r="BYB647" s="613"/>
      <c r="BYC647" s="613"/>
      <c r="BYD647" s="613"/>
      <c r="BYE647" s="613"/>
      <c r="BYF647" s="613"/>
      <c r="BYG647" s="613"/>
      <c r="BYH647" s="613"/>
      <c r="BYI647" s="613"/>
      <c r="BYJ647" s="613"/>
      <c r="BYK647" s="613"/>
      <c r="BYL647" s="613"/>
      <c r="BYM647" s="613"/>
      <c r="BYN647" s="613"/>
      <c r="BYO647" s="613"/>
      <c r="BYP647" s="613"/>
      <c r="BYQ647" s="613"/>
      <c r="BYR647" s="613"/>
      <c r="BYS647" s="613"/>
      <c r="BYT647" s="613"/>
      <c r="BYU647" s="613"/>
      <c r="BYV647" s="613"/>
      <c r="BYW647" s="613"/>
      <c r="BYX647" s="613"/>
      <c r="BYY647" s="613"/>
      <c r="BYZ647" s="613"/>
      <c r="BZA647" s="613"/>
      <c r="BZB647" s="613"/>
      <c r="BZC647" s="613"/>
      <c r="BZD647" s="613"/>
      <c r="BZE647" s="613"/>
      <c r="BZF647" s="613"/>
      <c r="BZG647" s="613"/>
      <c r="BZH647" s="613"/>
      <c r="BZI647" s="613"/>
      <c r="BZJ647" s="613"/>
      <c r="BZK647" s="613"/>
      <c r="BZL647" s="613"/>
      <c r="BZM647" s="613"/>
      <c r="BZN647" s="613"/>
      <c r="BZO647" s="613"/>
      <c r="BZP647" s="613"/>
      <c r="BZQ647" s="613"/>
      <c r="BZR647" s="613"/>
      <c r="BZS647" s="613"/>
      <c r="BZT647" s="613"/>
      <c r="BZU647" s="613"/>
      <c r="BZV647" s="613"/>
      <c r="BZW647" s="613"/>
      <c r="BZX647" s="613"/>
      <c r="BZY647" s="613"/>
      <c r="BZZ647" s="613"/>
      <c r="CAA647" s="613"/>
      <c r="CAB647" s="613"/>
      <c r="CAC647" s="613"/>
      <c r="CAD647" s="613"/>
      <c r="CAE647" s="613"/>
      <c r="CAF647" s="613"/>
      <c r="CAG647" s="613"/>
      <c r="CAH647" s="613"/>
      <c r="CAI647" s="613"/>
      <c r="CAJ647" s="613"/>
      <c r="CAK647" s="613"/>
      <c r="CAL647" s="613"/>
      <c r="CAM647" s="613"/>
      <c r="CAN647" s="613"/>
      <c r="CAO647" s="613"/>
      <c r="CAP647" s="613"/>
      <c r="CAQ647" s="613"/>
      <c r="CAR647" s="613"/>
      <c r="CAS647" s="613"/>
      <c r="CAT647" s="613"/>
      <c r="CAU647" s="613"/>
      <c r="CAV647" s="613"/>
      <c r="CAW647" s="613"/>
      <c r="CAX647" s="613"/>
      <c r="CAY647" s="613"/>
      <c r="CAZ647" s="613"/>
      <c r="CBA647" s="613"/>
      <c r="CBB647" s="613"/>
      <c r="CBC647" s="613"/>
      <c r="CBD647" s="613"/>
      <c r="CBE647" s="613"/>
      <c r="CBF647" s="613"/>
      <c r="CBG647" s="613"/>
      <c r="CBH647" s="613"/>
      <c r="CBI647" s="613"/>
      <c r="CBJ647" s="613"/>
      <c r="CBK647" s="613"/>
      <c r="CBL647" s="613"/>
      <c r="CBM647" s="613"/>
      <c r="CBN647" s="613"/>
      <c r="CBO647" s="613"/>
      <c r="CBP647" s="613"/>
      <c r="CBQ647" s="613"/>
      <c r="CBR647" s="613"/>
      <c r="CBS647" s="613"/>
      <c r="CBT647" s="613"/>
      <c r="CBU647" s="613"/>
      <c r="CBV647" s="613"/>
      <c r="CBW647" s="613"/>
      <c r="CBX647" s="613"/>
      <c r="CBY647" s="613"/>
      <c r="CBZ647" s="613"/>
      <c r="CCA647" s="613"/>
      <c r="CCB647" s="613"/>
      <c r="CCC647" s="613"/>
      <c r="CCD647" s="613"/>
      <c r="CCE647" s="613"/>
      <c r="CCF647" s="613"/>
      <c r="CCG647" s="613"/>
      <c r="CCH647" s="613"/>
      <c r="CCI647" s="613"/>
      <c r="CCJ647" s="613"/>
      <c r="CCK647" s="613"/>
      <c r="CCL647" s="613"/>
      <c r="CCM647" s="613"/>
      <c r="CCN647" s="613"/>
      <c r="CCO647" s="613"/>
      <c r="CCP647" s="613"/>
      <c r="CCQ647" s="613"/>
      <c r="CCR647" s="613"/>
      <c r="CCS647" s="613"/>
      <c r="CCT647" s="613"/>
      <c r="CCU647" s="613"/>
      <c r="CCV647" s="613"/>
      <c r="CCW647" s="613"/>
      <c r="CCX647" s="613"/>
      <c r="CCY647" s="613"/>
      <c r="CCZ647" s="613"/>
      <c r="CDA647" s="613"/>
      <c r="CDB647" s="613"/>
      <c r="CDC647" s="613"/>
      <c r="CDD647" s="613"/>
      <c r="CDE647" s="613"/>
      <c r="CDF647" s="613"/>
      <c r="CDG647" s="613"/>
      <c r="CDH647" s="613"/>
      <c r="CDI647" s="613"/>
      <c r="CDJ647" s="613"/>
      <c r="CDK647" s="613"/>
      <c r="CDL647" s="613"/>
      <c r="CDM647" s="613"/>
      <c r="CDN647" s="613"/>
      <c r="CDO647" s="613"/>
      <c r="CDP647" s="613"/>
      <c r="CDQ647" s="613"/>
      <c r="CDR647" s="613"/>
      <c r="CDS647" s="613"/>
      <c r="CDT647" s="613"/>
      <c r="CDU647" s="613"/>
      <c r="CDV647" s="613"/>
      <c r="CDW647" s="613"/>
      <c r="CDX647" s="613"/>
      <c r="CDY647" s="613"/>
      <c r="CDZ647" s="613"/>
      <c r="CEA647" s="613"/>
      <c r="CEB647" s="613"/>
      <c r="CEC647" s="613"/>
      <c r="CED647" s="613"/>
      <c r="CEE647" s="613"/>
      <c r="CEF647" s="613"/>
      <c r="CEG647" s="613"/>
      <c r="CEH647" s="613"/>
      <c r="CEI647" s="613"/>
      <c r="CEJ647" s="613"/>
      <c r="CEK647" s="613"/>
      <c r="CEL647" s="613"/>
      <c r="CEM647" s="613"/>
      <c r="CEN647" s="613"/>
      <c r="CEO647" s="613"/>
      <c r="CEP647" s="613"/>
      <c r="CEQ647" s="613"/>
      <c r="CER647" s="613"/>
      <c r="CES647" s="613"/>
      <c r="CET647" s="613"/>
      <c r="CEU647" s="613"/>
      <c r="CEV647" s="613"/>
      <c r="CEW647" s="613"/>
      <c r="CEX647" s="613"/>
      <c r="CEY647" s="613"/>
      <c r="CEZ647" s="613"/>
      <c r="CFA647" s="613"/>
      <c r="CFB647" s="613"/>
      <c r="CFC647" s="613"/>
      <c r="CFD647" s="613"/>
      <c r="CFE647" s="613"/>
      <c r="CFF647" s="613"/>
      <c r="CFG647" s="613"/>
      <c r="CFH647" s="613"/>
      <c r="CFI647" s="613"/>
      <c r="CFJ647" s="613"/>
      <c r="CFK647" s="613"/>
      <c r="CFL647" s="613"/>
      <c r="CFM647" s="613"/>
      <c r="CFN647" s="613"/>
      <c r="CFO647" s="613"/>
      <c r="CFP647" s="613"/>
      <c r="CFQ647" s="613"/>
      <c r="CFR647" s="613"/>
      <c r="CFS647" s="613"/>
      <c r="CFT647" s="613"/>
      <c r="CFU647" s="613"/>
      <c r="CFV647" s="613"/>
      <c r="CFW647" s="613"/>
      <c r="CFX647" s="613"/>
      <c r="CFY647" s="613"/>
      <c r="CFZ647" s="613"/>
      <c r="CGA647" s="613"/>
      <c r="CGB647" s="613"/>
      <c r="CGC647" s="613"/>
      <c r="CGD647" s="613"/>
      <c r="CGE647" s="613"/>
      <c r="CGF647" s="613"/>
      <c r="CGG647" s="613"/>
      <c r="CGH647" s="613"/>
      <c r="CGI647" s="613"/>
      <c r="CGJ647" s="613"/>
      <c r="CGK647" s="613"/>
      <c r="CGL647" s="613"/>
      <c r="CGM647" s="613"/>
      <c r="CGN647" s="613"/>
      <c r="CGO647" s="613"/>
      <c r="CGP647" s="613"/>
      <c r="CGQ647" s="613"/>
      <c r="CGR647" s="613"/>
      <c r="CGS647" s="613"/>
      <c r="CGT647" s="613"/>
      <c r="CGU647" s="613"/>
      <c r="CGV647" s="613"/>
      <c r="CGW647" s="613"/>
      <c r="CGX647" s="613"/>
      <c r="CGY647" s="613"/>
      <c r="CGZ647" s="613"/>
      <c r="CHA647" s="613"/>
      <c r="CHB647" s="613"/>
      <c r="CHC647" s="613"/>
      <c r="CHD647" s="613"/>
      <c r="CHE647" s="613"/>
      <c r="CHF647" s="613"/>
      <c r="CHG647" s="613"/>
      <c r="CHH647" s="613"/>
      <c r="CHI647" s="613"/>
      <c r="CHJ647" s="613"/>
      <c r="CHK647" s="613"/>
      <c r="CHL647" s="613"/>
      <c r="CHM647" s="613"/>
      <c r="CHN647" s="613"/>
      <c r="CHO647" s="613"/>
      <c r="CHP647" s="613"/>
      <c r="CHQ647" s="613"/>
      <c r="CHR647" s="613"/>
      <c r="CHS647" s="613"/>
      <c r="CHT647" s="613"/>
      <c r="CHU647" s="613"/>
      <c r="CHV647" s="613"/>
      <c r="CHW647" s="613"/>
      <c r="CHX647" s="613"/>
      <c r="CHY647" s="613"/>
      <c r="CHZ647" s="613"/>
      <c r="CIA647" s="613"/>
      <c r="CIB647" s="613"/>
      <c r="CIC647" s="613"/>
      <c r="CID647" s="613"/>
      <c r="CIE647" s="613"/>
      <c r="CIF647" s="613"/>
      <c r="CIG647" s="613"/>
      <c r="CIH647" s="613"/>
      <c r="CII647" s="613"/>
      <c r="CIJ647" s="613"/>
      <c r="CIK647" s="613"/>
      <c r="CIL647" s="613"/>
      <c r="CIM647" s="613"/>
      <c r="CIN647" s="613"/>
      <c r="CIO647" s="613"/>
      <c r="CIP647" s="613"/>
      <c r="CIQ647" s="613"/>
      <c r="CIR647" s="613"/>
      <c r="CIS647" s="613"/>
      <c r="CIT647" s="613"/>
      <c r="CIU647" s="613"/>
      <c r="CIV647" s="613"/>
      <c r="CIW647" s="613"/>
      <c r="CIX647" s="613"/>
      <c r="CIY647" s="613"/>
      <c r="CIZ647" s="613"/>
      <c r="CJA647" s="613"/>
      <c r="CJB647" s="613"/>
      <c r="CJC647" s="613"/>
      <c r="CJD647" s="613"/>
      <c r="CJE647" s="613"/>
      <c r="CJF647" s="613"/>
      <c r="CJG647" s="613"/>
      <c r="CJH647" s="613"/>
      <c r="CJI647" s="613"/>
      <c r="CJJ647" s="613"/>
      <c r="CJK647" s="613"/>
      <c r="CJL647" s="613"/>
      <c r="CJM647" s="613"/>
      <c r="CJN647" s="613"/>
      <c r="CJO647" s="613"/>
      <c r="CJP647" s="613"/>
      <c r="CJQ647" s="613"/>
      <c r="CJR647" s="613"/>
      <c r="CJS647" s="613"/>
      <c r="CJT647" s="613"/>
      <c r="CJU647" s="613"/>
      <c r="CJV647" s="613"/>
      <c r="CJW647" s="613"/>
      <c r="CJX647" s="613"/>
      <c r="CJY647" s="613"/>
      <c r="CJZ647" s="613"/>
      <c r="CKA647" s="613"/>
      <c r="CKB647" s="613"/>
      <c r="CKC647" s="613"/>
      <c r="CKD647" s="613"/>
      <c r="CKE647" s="613"/>
      <c r="CKF647" s="613"/>
      <c r="CKG647" s="613"/>
      <c r="CKH647" s="613"/>
      <c r="CKI647" s="613"/>
      <c r="CKJ647" s="613"/>
      <c r="CKK647" s="613"/>
      <c r="CKL647" s="613"/>
      <c r="CKM647" s="613"/>
      <c r="CKN647" s="613"/>
      <c r="CKO647" s="613"/>
      <c r="CKP647" s="613"/>
      <c r="CKQ647" s="613"/>
      <c r="CKR647" s="613"/>
      <c r="CKS647" s="613"/>
      <c r="CKT647" s="613"/>
      <c r="CKU647" s="613"/>
      <c r="CKV647" s="613"/>
      <c r="CKW647" s="613"/>
      <c r="CKX647" s="613"/>
      <c r="CKY647" s="613"/>
      <c r="CKZ647" s="613"/>
      <c r="CLA647" s="613"/>
      <c r="CLB647" s="613"/>
      <c r="CLC647" s="613"/>
      <c r="CLD647" s="613"/>
      <c r="CLE647" s="613"/>
      <c r="CLF647" s="613"/>
      <c r="CLG647" s="613"/>
      <c r="CLH647" s="613"/>
      <c r="CLI647" s="613"/>
      <c r="CLJ647" s="613"/>
      <c r="CLK647" s="613"/>
      <c r="CLL647" s="613"/>
      <c r="CLM647" s="613"/>
      <c r="CLN647" s="613"/>
      <c r="CLO647" s="613"/>
      <c r="CLP647" s="613"/>
      <c r="CLQ647" s="613"/>
      <c r="CLR647" s="613"/>
      <c r="CLS647" s="613"/>
      <c r="CLT647" s="613"/>
      <c r="CLU647" s="613"/>
      <c r="CLV647" s="613"/>
      <c r="CLW647" s="613"/>
      <c r="CLX647" s="613"/>
      <c r="CLY647" s="613"/>
      <c r="CLZ647" s="613"/>
      <c r="CMA647" s="613"/>
      <c r="CMB647" s="613"/>
      <c r="CMC647" s="613"/>
      <c r="CMD647" s="613"/>
      <c r="CME647" s="613"/>
      <c r="CMF647" s="613"/>
      <c r="CMG647" s="613"/>
      <c r="CMH647" s="613"/>
      <c r="CMI647" s="613"/>
      <c r="CMJ647" s="613"/>
      <c r="CMK647" s="613"/>
      <c r="CML647" s="613"/>
      <c r="CMM647" s="613"/>
      <c r="CMN647" s="613"/>
      <c r="CMO647" s="613"/>
      <c r="CMP647" s="613"/>
      <c r="CMQ647" s="613"/>
      <c r="CMR647" s="613"/>
      <c r="CMS647" s="613"/>
      <c r="CMT647" s="613"/>
      <c r="CMU647" s="613"/>
      <c r="CMV647" s="613"/>
      <c r="CMW647" s="613"/>
      <c r="CMX647" s="613"/>
      <c r="CMY647" s="613"/>
      <c r="CMZ647" s="613"/>
      <c r="CNA647" s="613"/>
      <c r="CNB647" s="613"/>
      <c r="CNC647" s="613"/>
      <c r="CND647" s="613"/>
      <c r="CNE647" s="613"/>
      <c r="CNF647" s="613"/>
      <c r="CNG647" s="613"/>
      <c r="CNH647" s="613"/>
      <c r="CNI647" s="613"/>
      <c r="CNJ647" s="613"/>
      <c r="CNK647" s="613"/>
      <c r="CNL647" s="613"/>
      <c r="CNM647" s="613"/>
      <c r="CNN647" s="613"/>
      <c r="CNO647" s="613"/>
      <c r="CNP647" s="613"/>
      <c r="CNQ647" s="613"/>
      <c r="CNR647" s="613"/>
      <c r="CNS647" s="613"/>
      <c r="CNT647" s="613"/>
      <c r="CNU647" s="613"/>
      <c r="CNV647" s="613"/>
      <c r="CNW647" s="613"/>
      <c r="CNX647" s="613"/>
      <c r="CNY647" s="613"/>
      <c r="CNZ647" s="613"/>
      <c r="COA647" s="613"/>
      <c r="COB647" s="613"/>
      <c r="COC647" s="613"/>
      <c r="COD647" s="613"/>
      <c r="COE647" s="613"/>
      <c r="COF647" s="613"/>
      <c r="COG647" s="613"/>
      <c r="COH647" s="613"/>
      <c r="COI647" s="613"/>
      <c r="COJ647" s="613"/>
      <c r="COK647" s="613"/>
      <c r="COL647" s="613"/>
      <c r="COM647" s="613"/>
      <c r="CON647" s="613"/>
      <c r="COO647" s="613"/>
      <c r="COP647" s="613"/>
      <c r="COQ647" s="613"/>
      <c r="COR647" s="613"/>
      <c r="COS647" s="613"/>
      <c r="COT647" s="613"/>
      <c r="COU647" s="613"/>
      <c r="COV647" s="613"/>
      <c r="COW647" s="613"/>
      <c r="COX647" s="613"/>
      <c r="COY647" s="613"/>
      <c r="COZ647" s="613"/>
      <c r="CPA647" s="613"/>
      <c r="CPB647" s="613"/>
      <c r="CPC647" s="613"/>
      <c r="CPD647" s="613"/>
      <c r="CPE647" s="613"/>
      <c r="CPF647" s="613"/>
      <c r="CPG647" s="613"/>
      <c r="CPH647" s="613"/>
      <c r="CPI647" s="613"/>
      <c r="CPJ647" s="613"/>
      <c r="CPK647" s="613"/>
      <c r="CPL647" s="613"/>
      <c r="CPM647" s="613"/>
      <c r="CPN647" s="613"/>
      <c r="CPO647" s="613"/>
      <c r="CPP647" s="613"/>
      <c r="CPQ647" s="613"/>
      <c r="CPR647" s="613"/>
      <c r="CPS647" s="613"/>
      <c r="CPT647" s="613"/>
      <c r="CPU647" s="613"/>
      <c r="CPV647" s="613"/>
      <c r="CPW647" s="613"/>
      <c r="CPX647" s="613"/>
      <c r="CPY647" s="613"/>
      <c r="CPZ647" s="613"/>
      <c r="CQA647" s="613"/>
      <c r="CQB647" s="613"/>
      <c r="CQC647" s="613"/>
      <c r="CQD647" s="613"/>
      <c r="CQE647" s="613"/>
      <c r="CQF647" s="613"/>
      <c r="CQG647" s="613"/>
      <c r="CQH647" s="613"/>
      <c r="CQI647" s="613"/>
      <c r="CQJ647" s="613"/>
      <c r="CQK647" s="613"/>
      <c r="CQL647" s="613"/>
      <c r="CQM647" s="613"/>
      <c r="CQN647" s="613"/>
      <c r="CQO647" s="613"/>
      <c r="CQP647" s="613"/>
      <c r="CQQ647" s="613"/>
      <c r="CQR647" s="613"/>
      <c r="CQS647" s="613"/>
      <c r="CQT647" s="613"/>
      <c r="CQU647" s="613"/>
      <c r="CQV647" s="613"/>
      <c r="CQW647" s="613"/>
      <c r="CQX647" s="613"/>
      <c r="CQY647" s="613"/>
      <c r="CQZ647" s="613"/>
      <c r="CRA647" s="613"/>
      <c r="CRB647" s="613"/>
      <c r="CRC647" s="613"/>
      <c r="CRD647" s="613"/>
      <c r="CRE647" s="613"/>
      <c r="CRF647" s="613"/>
      <c r="CRG647" s="613"/>
      <c r="CRH647" s="613"/>
      <c r="CRI647" s="613"/>
      <c r="CRJ647" s="613"/>
      <c r="CRK647" s="613"/>
      <c r="CRL647" s="613"/>
      <c r="CRM647" s="613"/>
      <c r="CRN647" s="613"/>
      <c r="CRO647" s="613"/>
      <c r="CRP647" s="613"/>
      <c r="CRQ647" s="613"/>
      <c r="CRR647" s="613"/>
      <c r="CRS647" s="613"/>
      <c r="CRT647" s="613"/>
      <c r="CRU647" s="613"/>
      <c r="CRV647" s="613"/>
      <c r="CRW647" s="613"/>
      <c r="CRX647" s="613"/>
      <c r="CRY647" s="613"/>
      <c r="CRZ647" s="613"/>
      <c r="CSA647" s="613"/>
      <c r="CSB647" s="613"/>
      <c r="CSC647" s="613"/>
      <c r="CSD647" s="613"/>
      <c r="CSE647" s="613"/>
      <c r="CSF647" s="613"/>
      <c r="CSG647" s="613"/>
      <c r="CSH647" s="613"/>
      <c r="CSI647" s="613"/>
      <c r="CSJ647" s="613"/>
      <c r="CSK647" s="613"/>
      <c r="CSL647" s="613"/>
      <c r="CSM647" s="613"/>
      <c r="CSN647" s="613"/>
      <c r="CSO647" s="613"/>
      <c r="CSP647" s="613"/>
      <c r="CSQ647" s="613"/>
      <c r="CSR647" s="613"/>
      <c r="CSS647" s="613"/>
      <c r="CST647" s="613"/>
      <c r="CSU647" s="613"/>
      <c r="CSV647" s="613"/>
      <c r="CSW647" s="613"/>
      <c r="CSX647" s="613"/>
      <c r="CSY647" s="613"/>
      <c r="CSZ647" s="613"/>
      <c r="CTA647" s="613"/>
      <c r="CTB647" s="613"/>
      <c r="CTC647" s="613"/>
      <c r="CTD647" s="613"/>
      <c r="CTE647" s="613"/>
      <c r="CTF647" s="613"/>
      <c r="CTG647" s="613"/>
      <c r="CTH647" s="613"/>
      <c r="CTI647" s="613"/>
      <c r="CTJ647" s="613"/>
      <c r="CTK647" s="613"/>
      <c r="CTL647" s="613"/>
      <c r="CTM647" s="613"/>
      <c r="CTN647" s="613"/>
      <c r="CTO647" s="613"/>
      <c r="CTP647" s="613"/>
      <c r="CTQ647" s="613"/>
      <c r="CTR647" s="613"/>
      <c r="CTS647" s="613"/>
      <c r="CTT647" s="613"/>
      <c r="CTU647" s="613"/>
      <c r="CTV647" s="613"/>
      <c r="CTW647" s="613"/>
      <c r="CTX647" s="613"/>
      <c r="CTY647" s="613"/>
      <c r="CTZ647" s="613"/>
      <c r="CUA647" s="613"/>
      <c r="CUB647" s="613"/>
      <c r="CUC647" s="613"/>
      <c r="CUD647" s="613"/>
      <c r="CUE647" s="613"/>
      <c r="CUF647" s="613"/>
      <c r="CUG647" s="613"/>
      <c r="CUH647" s="613"/>
      <c r="CUI647" s="613"/>
      <c r="CUJ647" s="613"/>
      <c r="CUK647" s="613"/>
      <c r="CUL647" s="613"/>
      <c r="CUM647" s="613"/>
      <c r="CUN647" s="613"/>
      <c r="CUO647" s="613"/>
      <c r="CUP647" s="613"/>
      <c r="CUQ647" s="613"/>
      <c r="CUR647" s="613"/>
      <c r="CUS647" s="613"/>
      <c r="CUT647" s="613"/>
      <c r="CUU647" s="613"/>
      <c r="CUV647" s="613"/>
      <c r="CUW647" s="613"/>
      <c r="CUX647" s="613"/>
      <c r="CUY647" s="613"/>
      <c r="CUZ647" s="613"/>
      <c r="CVA647" s="613"/>
      <c r="CVB647" s="613"/>
      <c r="CVC647" s="613"/>
      <c r="CVD647" s="613"/>
      <c r="CVE647" s="613"/>
      <c r="CVF647" s="613"/>
      <c r="CVG647" s="613"/>
      <c r="CVH647" s="613"/>
      <c r="CVI647" s="613"/>
      <c r="CVJ647" s="613"/>
      <c r="CVK647" s="613"/>
      <c r="CVL647" s="613"/>
      <c r="CVM647" s="613"/>
      <c r="CVN647" s="613"/>
      <c r="CVO647" s="613"/>
      <c r="CVP647" s="613"/>
      <c r="CVQ647" s="613"/>
      <c r="CVR647" s="613"/>
      <c r="CVS647" s="613"/>
      <c r="CVT647" s="613"/>
      <c r="CVU647" s="613"/>
      <c r="CVV647" s="613"/>
      <c r="CVW647" s="613"/>
      <c r="CVX647" s="613"/>
      <c r="CVY647" s="613"/>
      <c r="CVZ647" s="613"/>
      <c r="CWA647" s="613"/>
      <c r="CWB647" s="613"/>
      <c r="CWC647" s="613"/>
      <c r="CWD647" s="613"/>
      <c r="CWE647" s="613"/>
      <c r="CWF647" s="613"/>
      <c r="CWG647" s="613"/>
      <c r="CWH647" s="613"/>
      <c r="CWI647" s="613"/>
      <c r="CWJ647" s="613"/>
      <c r="CWK647" s="613"/>
      <c r="CWL647" s="613"/>
      <c r="CWM647" s="613"/>
      <c r="CWN647" s="613"/>
      <c r="CWO647" s="613"/>
      <c r="CWP647" s="613"/>
      <c r="CWQ647" s="613"/>
      <c r="CWR647" s="613"/>
      <c r="CWS647" s="613"/>
      <c r="CWT647" s="613"/>
      <c r="CWU647" s="613"/>
      <c r="CWV647" s="613"/>
      <c r="CWW647" s="613"/>
      <c r="CWX647" s="613"/>
      <c r="CWY647" s="613"/>
      <c r="CWZ647" s="613"/>
      <c r="CXA647" s="613"/>
      <c r="CXB647" s="613"/>
      <c r="CXC647" s="613"/>
      <c r="CXD647" s="613"/>
      <c r="CXE647" s="613"/>
      <c r="CXF647" s="613"/>
      <c r="CXG647" s="613"/>
      <c r="CXH647" s="613"/>
      <c r="CXI647" s="613"/>
      <c r="CXJ647" s="613"/>
      <c r="CXK647" s="613"/>
      <c r="CXL647" s="613"/>
      <c r="CXM647" s="613"/>
      <c r="CXN647" s="613"/>
      <c r="CXO647" s="613"/>
      <c r="CXP647" s="613"/>
      <c r="CXQ647" s="613"/>
      <c r="CXR647" s="613"/>
      <c r="CXS647" s="613"/>
      <c r="CXT647" s="613"/>
      <c r="CXU647" s="613"/>
      <c r="CXV647" s="613"/>
      <c r="CXW647" s="613"/>
      <c r="CXX647" s="613"/>
      <c r="CXY647" s="613"/>
      <c r="CXZ647" s="613"/>
      <c r="CYA647" s="613"/>
      <c r="CYB647" s="613"/>
      <c r="CYC647" s="613"/>
      <c r="CYD647" s="613"/>
      <c r="CYE647" s="613"/>
      <c r="CYF647" s="613"/>
      <c r="CYG647" s="613"/>
      <c r="CYH647" s="613"/>
      <c r="CYI647" s="613"/>
      <c r="CYJ647" s="613"/>
      <c r="CYK647" s="613"/>
      <c r="CYL647" s="613"/>
      <c r="CYM647" s="613"/>
      <c r="CYN647" s="613"/>
      <c r="CYO647" s="613"/>
      <c r="CYP647" s="613"/>
      <c r="CYQ647" s="613"/>
      <c r="CYR647" s="613"/>
      <c r="CYS647" s="613"/>
      <c r="CYT647" s="613"/>
      <c r="CYU647" s="613"/>
      <c r="CYV647" s="613"/>
      <c r="CYW647" s="613"/>
      <c r="CYX647" s="613"/>
      <c r="CYY647" s="613"/>
      <c r="CYZ647" s="613"/>
      <c r="CZA647" s="613"/>
      <c r="CZB647" s="613"/>
      <c r="CZC647" s="613"/>
      <c r="CZD647" s="613"/>
      <c r="CZE647" s="613"/>
      <c r="CZF647" s="613"/>
      <c r="CZG647" s="613"/>
      <c r="CZH647" s="613"/>
      <c r="CZI647" s="613"/>
      <c r="CZJ647" s="613"/>
      <c r="CZK647" s="613"/>
      <c r="CZL647" s="613"/>
      <c r="CZM647" s="613"/>
      <c r="CZN647" s="613"/>
      <c r="CZO647" s="613"/>
      <c r="CZP647" s="613"/>
      <c r="CZQ647" s="613"/>
      <c r="CZR647" s="613"/>
      <c r="CZS647" s="613"/>
      <c r="CZT647" s="613"/>
      <c r="CZU647" s="613"/>
      <c r="CZV647" s="613"/>
      <c r="CZW647" s="613"/>
      <c r="CZX647" s="613"/>
      <c r="CZY647" s="613"/>
      <c r="CZZ647" s="613"/>
      <c r="DAA647" s="613"/>
      <c r="DAB647" s="613"/>
      <c r="DAC647" s="613"/>
      <c r="DAD647" s="613"/>
      <c r="DAE647" s="613"/>
      <c r="DAF647" s="613"/>
      <c r="DAG647" s="613"/>
      <c r="DAH647" s="613"/>
      <c r="DAI647" s="613"/>
      <c r="DAJ647" s="613"/>
      <c r="DAK647" s="613"/>
      <c r="DAL647" s="613"/>
      <c r="DAM647" s="613"/>
      <c r="DAN647" s="613"/>
      <c r="DAO647" s="613"/>
      <c r="DAP647" s="613"/>
      <c r="DAQ647" s="613"/>
      <c r="DAR647" s="613"/>
      <c r="DAS647" s="613"/>
      <c r="DAT647" s="613"/>
      <c r="DAU647" s="613"/>
      <c r="DAV647" s="613"/>
      <c r="DAW647" s="613"/>
      <c r="DAX647" s="613"/>
      <c r="DAY647" s="613"/>
      <c r="DAZ647" s="613"/>
      <c r="DBA647" s="613"/>
      <c r="DBB647" s="613"/>
      <c r="DBC647" s="613"/>
      <c r="DBD647" s="613"/>
      <c r="DBE647" s="613"/>
      <c r="DBF647" s="613"/>
      <c r="DBG647" s="613"/>
      <c r="DBH647" s="613"/>
      <c r="DBI647" s="613"/>
      <c r="DBJ647" s="613"/>
      <c r="DBK647" s="613"/>
      <c r="DBL647" s="613"/>
      <c r="DBM647" s="613"/>
      <c r="DBN647" s="613"/>
      <c r="DBO647" s="613"/>
      <c r="DBP647" s="613"/>
      <c r="DBQ647" s="613"/>
      <c r="DBR647" s="613"/>
      <c r="DBS647" s="613"/>
      <c r="DBT647" s="613"/>
      <c r="DBU647" s="613"/>
      <c r="DBV647" s="613"/>
      <c r="DBW647" s="613"/>
      <c r="DBX647" s="613"/>
      <c r="DBY647" s="613"/>
      <c r="DBZ647" s="613"/>
      <c r="DCA647" s="613"/>
      <c r="DCB647" s="613"/>
      <c r="DCC647" s="613"/>
      <c r="DCD647" s="613"/>
      <c r="DCE647" s="613"/>
      <c r="DCF647" s="613"/>
      <c r="DCG647" s="613"/>
      <c r="DCH647" s="613"/>
      <c r="DCI647" s="613"/>
      <c r="DCJ647" s="613"/>
      <c r="DCK647" s="613"/>
      <c r="DCL647" s="613"/>
      <c r="DCM647" s="613"/>
      <c r="DCN647" s="613"/>
      <c r="DCO647" s="613"/>
      <c r="DCP647" s="613"/>
      <c r="DCQ647" s="613"/>
      <c r="DCR647" s="613"/>
      <c r="DCS647" s="613"/>
      <c r="DCT647" s="613"/>
      <c r="DCU647" s="613"/>
      <c r="DCV647" s="613"/>
      <c r="DCW647" s="613"/>
      <c r="DCX647" s="613"/>
      <c r="DCY647" s="613"/>
      <c r="DCZ647" s="613"/>
      <c r="DDA647" s="613"/>
      <c r="DDB647" s="613"/>
      <c r="DDC647" s="613"/>
      <c r="DDD647" s="613"/>
      <c r="DDE647" s="613"/>
      <c r="DDF647" s="613"/>
      <c r="DDG647" s="613"/>
      <c r="DDH647" s="613"/>
      <c r="DDI647" s="613"/>
      <c r="DDJ647" s="613"/>
      <c r="DDK647" s="613"/>
      <c r="DDL647" s="613"/>
      <c r="DDM647" s="613"/>
      <c r="DDN647" s="613"/>
      <c r="DDO647" s="613"/>
      <c r="DDP647" s="613"/>
      <c r="DDQ647" s="613"/>
      <c r="DDR647" s="613"/>
      <c r="DDS647" s="613"/>
      <c r="DDT647" s="613"/>
      <c r="DDU647" s="613"/>
      <c r="DDV647" s="613"/>
      <c r="DDW647" s="613"/>
      <c r="DDX647" s="613"/>
      <c r="DDY647" s="613"/>
      <c r="DDZ647" s="613"/>
      <c r="DEA647" s="613"/>
      <c r="DEB647" s="613"/>
      <c r="DEC647" s="613"/>
      <c r="DED647" s="613"/>
      <c r="DEE647" s="613"/>
      <c r="DEF647" s="613"/>
      <c r="DEG647" s="613"/>
      <c r="DEH647" s="613"/>
      <c r="DEI647" s="613"/>
      <c r="DEJ647" s="613"/>
      <c r="DEK647" s="613"/>
      <c r="DEL647" s="613"/>
      <c r="DEM647" s="613"/>
      <c r="DEN647" s="613"/>
      <c r="DEO647" s="613"/>
      <c r="DEP647" s="613"/>
      <c r="DEQ647" s="613"/>
      <c r="DER647" s="613"/>
      <c r="DES647" s="613"/>
      <c r="DET647" s="613"/>
      <c r="DEU647" s="613"/>
      <c r="DEV647" s="613"/>
      <c r="DEW647" s="613"/>
      <c r="DEX647" s="613"/>
      <c r="DEY647" s="613"/>
      <c r="DEZ647" s="613"/>
      <c r="DFA647" s="613"/>
      <c r="DFB647" s="613"/>
      <c r="DFC647" s="613"/>
      <c r="DFD647" s="613"/>
      <c r="DFE647" s="613"/>
      <c r="DFF647" s="613"/>
      <c r="DFG647" s="613"/>
      <c r="DFH647" s="613"/>
      <c r="DFI647" s="613"/>
      <c r="DFJ647" s="613"/>
      <c r="DFK647" s="613"/>
      <c r="DFL647" s="613"/>
      <c r="DFM647" s="613"/>
      <c r="DFN647" s="613"/>
      <c r="DFO647" s="613"/>
      <c r="DFP647" s="613"/>
      <c r="DFQ647" s="613"/>
      <c r="DFR647" s="613"/>
      <c r="DFS647" s="613"/>
      <c r="DFT647" s="613"/>
      <c r="DFU647" s="613"/>
      <c r="DFV647" s="613"/>
      <c r="DFW647" s="613"/>
      <c r="DFX647" s="613"/>
      <c r="DFY647" s="613"/>
      <c r="DFZ647" s="613"/>
      <c r="DGA647" s="613"/>
      <c r="DGB647" s="613"/>
      <c r="DGC647" s="613"/>
      <c r="DGD647" s="613"/>
      <c r="DGE647" s="613"/>
      <c r="DGF647" s="613"/>
      <c r="DGG647" s="613"/>
      <c r="DGH647" s="613"/>
      <c r="DGI647" s="613"/>
      <c r="DGJ647" s="613"/>
      <c r="DGK647" s="613"/>
      <c r="DGL647" s="613"/>
      <c r="DGM647" s="613"/>
      <c r="DGN647" s="613"/>
      <c r="DGO647" s="613"/>
      <c r="DGP647" s="613"/>
      <c r="DGQ647" s="613"/>
      <c r="DGR647" s="613"/>
      <c r="DGS647" s="613"/>
      <c r="DGT647" s="613"/>
      <c r="DGU647" s="613"/>
      <c r="DGV647" s="613"/>
      <c r="DGW647" s="613"/>
      <c r="DGX647" s="613"/>
      <c r="DGY647" s="613"/>
      <c r="DGZ647" s="613"/>
      <c r="DHA647" s="613"/>
      <c r="DHB647" s="613"/>
      <c r="DHC647" s="613"/>
      <c r="DHD647" s="613"/>
      <c r="DHE647" s="613"/>
      <c r="DHF647" s="613"/>
      <c r="DHG647" s="613"/>
      <c r="DHH647" s="613"/>
      <c r="DHI647" s="613"/>
      <c r="DHJ647" s="613"/>
      <c r="DHK647" s="613"/>
      <c r="DHL647" s="613"/>
      <c r="DHM647" s="613"/>
      <c r="DHN647" s="613"/>
      <c r="DHO647" s="613"/>
      <c r="DHP647" s="613"/>
      <c r="DHQ647" s="613"/>
      <c r="DHR647" s="613"/>
      <c r="DHS647" s="613"/>
      <c r="DHT647" s="613"/>
      <c r="DHU647" s="613"/>
      <c r="DHV647" s="613"/>
      <c r="DHW647" s="613"/>
      <c r="DHX647" s="613"/>
      <c r="DHY647" s="613"/>
      <c r="DHZ647" s="613"/>
      <c r="DIA647" s="613"/>
      <c r="DIB647" s="613"/>
      <c r="DIC647" s="613"/>
      <c r="DID647" s="613"/>
      <c r="DIE647" s="613"/>
      <c r="DIF647" s="613"/>
      <c r="DIG647" s="613"/>
      <c r="DIH647" s="613"/>
      <c r="DII647" s="613"/>
      <c r="DIJ647" s="613"/>
      <c r="DIK647" s="613"/>
      <c r="DIL647" s="613"/>
      <c r="DIM647" s="613"/>
      <c r="DIN647" s="613"/>
      <c r="DIO647" s="613"/>
      <c r="DIP647" s="613"/>
      <c r="DIQ647" s="613"/>
      <c r="DIR647" s="613"/>
      <c r="DIS647" s="613"/>
      <c r="DIT647" s="613"/>
      <c r="DIU647" s="613"/>
      <c r="DIV647" s="613"/>
      <c r="DIW647" s="613"/>
      <c r="DIX647" s="613"/>
      <c r="DIY647" s="613"/>
      <c r="DIZ647" s="613"/>
      <c r="DJA647" s="613"/>
      <c r="DJB647" s="613"/>
      <c r="DJC647" s="613"/>
      <c r="DJD647" s="613"/>
      <c r="DJE647" s="613"/>
      <c r="DJF647" s="613"/>
      <c r="DJG647" s="613"/>
      <c r="DJH647" s="613"/>
      <c r="DJI647" s="613"/>
      <c r="DJJ647" s="613"/>
      <c r="DJK647" s="613"/>
      <c r="DJL647" s="613"/>
      <c r="DJM647" s="613"/>
      <c r="DJN647" s="613"/>
      <c r="DJO647" s="613"/>
      <c r="DJP647" s="613"/>
      <c r="DJQ647" s="613"/>
      <c r="DJR647" s="613"/>
      <c r="DJS647" s="613"/>
      <c r="DJT647" s="613"/>
      <c r="DJU647" s="613"/>
      <c r="DJV647" s="613"/>
      <c r="DJW647" s="613"/>
      <c r="DJX647" s="613"/>
      <c r="DJY647" s="613"/>
      <c r="DJZ647" s="613"/>
      <c r="DKA647" s="613"/>
      <c r="DKB647" s="613"/>
      <c r="DKC647" s="613"/>
      <c r="DKD647" s="613"/>
      <c r="DKE647" s="613"/>
      <c r="DKF647" s="613"/>
      <c r="DKG647" s="613"/>
      <c r="DKH647" s="613"/>
      <c r="DKI647" s="613"/>
      <c r="DKJ647" s="613"/>
      <c r="DKK647" s="613"/>
      <c r="DKL647" s="613"/>
      <c r="DKM647" s="613"/>
      <c r="DKN647" s="613"/>
      <c r="DKO647" s="613"/>
      <c r="DKP647" s="613"/>
      <c r="DKQ647" s="613"/>
      <c r="DKR647" s="613"/>
      <c r="DKS647" s="613"/>
      <c r="DKT647" s="613"/>
      <c r="DKU647" s="613"/>
      <c r="DKV647" s="613"/>
      <c r="DKW647" s="613"/>
      <c r="DKX647" s="613"/>
      <c r="DKY647" s="613"/>
      <c r="DKZ647" s="613"/>
      <c r="DLA647" s="613"/>
      <c r="DLB647" s="613"/>
      <c r="DLC647" s="613"/>
      <c r="DLD647" s="613"/>
      <c r="DLE647" s="613"/>
      <c r="DLF647" s="613"/>
      <c r="DLG647" s="613"/>
      <c r="DLH647" s="613"/>
      <c r="DLI647" s="613"/>
      <c r="DLJ647" s="613"/>
      <c r="DLK647" s="613"/>
      <c r="DLL647" s="613"/>
      <c r="DLM647" s="613"/>
      <c r="DLN647" s="613"/>
      <c r="DLO647" s="613"/>
      <c r="DLP647" s="613"/>
      <c r="DLQ647" s="613"/>
      <c r="DLR647" s="613"/>
      <c r="DLS647" s="613"/>
      <c r="DLT647" s="613"/>
      <c r="DLU647" s="613"/>
      <c r="DLV647" s="613"/>
      <c r="DLW647" s="613"/>
      <c r="DLX647" s="613"/>
      <c r="DLY647" s="613"/>
      <c r="DLZ647" s="613"/>
      <c r="DMA647" s="613"/>
      <c r="DMB647" s="613"/>
      <c r="DMC647" s="613"/>
      <c r="DMD647" s="613"/>
      <c r="DME647" s="613"/>
      <c r="DMF647" s="613"/>
      <c r="DMG647" s="613"/>
      <c r="DMH647" s="613"/>
      <c r="DMI647" s="613"/>
      <c r="DMJ647" s="613"/>
      <c r="DMK647" s="613"/>
      <c r="DML647" s="613"/>
      <c r="DMM647" s="613"/>
      <c r="DMN647" s="613"/>
      <c r="DMO647" s="613"/>
      <c r="DMP647" s="613"/>
      <c r="DMQ647" s="613"/>
      <c r="DMR647" s="613"/>
      <c r="DMS647" s="613"/>
      <c r="DMT647" s="613"/>
      <c r="DMU647" s="613"/>
      <c r="DMV647" s="613"/>
      <c r="DMW647" s="613"/>
      <c r="DMX647" s="613"/>
      <c r="DMY647" s="613"/>
      <c r="DMZ647" s="613"/>
      <c r="DNA647" s="613"/>
      <c r="DNB647" s="613"/>
      <c r="DNC647" s="613"/>
      <c r="DND647" s="613"/>
      <c r="DNE647" s="613"/>
      <c r="DNF647" s="613"/>
      <c r="DNG647" s="613"/>
      <c r="DNH647" s="613"/>
      <c r="DNI647" s="613"/>
      <c r="DNJ647" s="613"/>
      <c r="DNK647" s="613"/>
      <c r="DNL647" s="613"/>
      <c r="DNM647" s="613"/>
      <c r="DNN647" s="613"/>
      <c r="DNO647" s="613"/>
      <c r="DNP647" s="613"/>
      <c r="DNQ647" s="613"/>
      <c r="DNR647" s="613"/>
      <c r="DNS647" s="613"/>
      <c r="DNT647" s="613"/>
      <c r="DNU647" s="613"/>
      <c r="DNV647" s="613"/>
      <c r="DNW647" s="613"/>
      <c r="DNX647" s="613"/>
      <c r="DNY647" s="613"/>
      <c r="DNZ647" s="613"/>
      <c r="DOA647" s="613"/>
      <c r="DOB647" s="613"/>
      <c r="DOC647" s="613"/>
      <c r="DOD647" s="613"/>
      <c r="DOE647" s="613"/>
      <c r="DOF647" s="613"/>
      <c r="DOG647" s="613"/>
      <c r="DOH647" s="613"/>
      <c r="DOI647" s="613"/>
      <c r="DOJ647" s="613"/>
      <c r="DOK647" s="613"/>
      <c r="DOL647" s="613"/>
      <c r="DOM647" s="613"/>
      <c r="DON647" s="613"/>
      <c r="DOO647" s="613"/>
      <c r="DOP647" s="613"/>
      <c r="DOQ647" s="613"/>
      <c r="DOR647" s="613"/>
      <c r="DOS647" s="613"/>
      <c r="DOT647" s="613"/>
      <c r="DOU647" s="613"/>
      <c r="DOV647" s="613"/>
      <c r="DOW647" s="613"/>
      <c r="DOX647" s="613"/>
      <c r="DOY647" s="613"/>
      <c r="DOZ647" s="613"/>
      <c r="DPA647" s="613"/>
      <c r="DPB647" s="613"/>
      <c r="DPC647" s="613"/>
      <c r="DPD647" s="613"/>
      <c r="DPE647" s="613"/>
      <c r="DPF647" s="613"/>
      <c r="DPG647" s="613"/>
      <c r="DPH647" s="613"/>
      <c r="DPI647" s="613"/>
      <c r="DPJ647" s="613"/>
      <c r="DPK647" s="613"/>
      <c r="DPL647" s="613"/>
      <c r="DPM647" s="613"/>
      <c r="DPN647" s="613"/>
      <c r="DPO647" s="613"/>
      <c r="DPP647" s="613"/>
      <c r="DPQ647" s="613"/>
      <c r="DPR647" s="613"/>
      <c r="DPS647" s="613"/>
      <c r="DPT647" s="613"/>
      <c r="DPU647" s="613"/>
      <c r="DPV647" s="613"/>
      <c r="DPW647" s="613"/>
      <c r="DPX647" s="613"/>
      <c r="DPY647" s="613"/>
      <c r="DPZ647" s="613"/>
      <c r="DQA647" s="613"/>
      <c r="DQB647" s="613"/>
      <c r="DQC647" s="613"/>
      <c r="DQD647" s="613"/>
      <c r="DQE647" s="613"/>
      <c r="DQF647" s="613"/>
      <c r="DQG647" s="613"/>
      <c r="DQH647" s="613"/>
      <c r="DQI647" s="613"/>
      <c r="DQJ647" s="613"/>
      <c r="DQK647" s="613"/>
      <c r="DQL647" s="613"/>
      <c r="DQM647" s="613"/>
      <c r="DQN647" s="613"/>
      <c r="DQO647" s="613"/>
      <c r="DQP647" s="613"/>
      <c r="DQQ647" s="613"/>
      <c r="DQR647" s="613"/>
      <c r="DQS647" s="613"/>
      <c r="DQT647" s="613"/>
      <c r="DQU647" s="613"/>
      <c r="DQV647" s="613"/>
      <c r="DQW647" s="613"/>
      <c r="DQX647" s="613"/>
      <c r="DQY647" s="613"/>
      <c r="DQZ647" s="613"/>
      <c r="DRA647" s="613"/>
      <c r="DRB647" s="613"/>
      <c r="DRC647" s="613"/>
      <c r="DRD647" s="613"/>
      <c r="DRE647" s="613"/>
      <c r="DRF647" s="613"/>
      <c r="DRG647" s="613"/>
      <c r="DRH647" s="613"/>
      <c r="DRI647" s="613"/>
      <c r="DRJ647" s="613"/>
      <c r="DRK647" s="613"/>
      <c r="DRL647" s="613"/>
      <c r="DRM647" s="613"/>
      <c r="DRN647" s="613"/>
      <c r="DRO647" s="613"/>
      <c r="DRP647" s="613"/>
      <c r="DRQ647" s="613"/>
      <c r="DRR647" s="613"/>
      <c r="DRS647" s="613"/>
      <c r="DRT647" s="613"/>
      <c r="DRU647" s="613"/>
      <c r="DRV647" s="613"/>
      <c r="DRW647" s="613"/>
      <c r="DRX647" s="613"/>
      <c r="DRY647" s="613"/>
      <c r="DRZ647" s="613"/>
      <c r="DSA647" s="613"/>
      <c r="DSB647" s="613"/>
      <c r="DSC647" s="613"/>
      <c r="DSD647" s="613"/>
      <c r="DSE647" s="613"/>
      <c r="DSF647" s="613"/>
      <c r="DSG647" s="613"/>
      <c r="DSH647" s="613"/>
      <c r="DSI647" s="613"/>
      <c r="DSJ647" s="613"/>
      <c r="DSK647" s="613"/>
      <c r="DSL647" s="613"/>
      <c r="DSM647" s="613"/>
      <c r="DSN647" s="613"/>
      <c r="DSO647" s="613"/>
      <c r="DSP647" s="613"/>
      <c r="DSQ647" s="613"/>
      <c r="DSR647" s="613"/>
      <c r="DSS647" s="613"/>
      <c r="DST647" s="613"/>
      <c r="DSU647" s="613"/>
      <c r="DSV647" s="613"/>
      <c r="DSW647" s="613"/>
      <c r="DSX647" s="613"/>
      <c r="DSY647" s="613"/>
      <c r="DSZ647" s="613"/>
      <c r="DTA647" s="613"/>
      <c r="DTB647" s="613"/>
      <c r="DTC647" s="613"/>
      <c r="DTD647" s="613"/>
      <c r="DTE647" s="613"/>
      <c r="DTF647" s="613"/>
      <c r="DTG647" s="613"/>
      <c r="DTH647" s="613"/>
      <c r="DTI647" s="613"/>
      <c r="DTJ647" s="613"/>
      <c r="DTK647" s="613"/>
      <c r="DTL647" s="613"/>
      <c r="DTM647" s="613"/>
      <c r="DTN647" s="613"/>
      <c r="DTO647" s="613"/>
      <c r="DTP647" s="613"/>
      <c r="DTQ647" s="613"/>
      <c r="DTR647" s="613"/>
      <c r="DTS647" s="613"/>
      <c r="DTT647" s="613"/>
      <c r="DTU647" s="613"/>
      <c r="DTV647" s="613"/>
      <c r="DTW647" s="613"/>
      <c r="DTX647" s="613"/>
      <c r="DTY647" s="613"/>
      <c r="DTZ647" s="613"/>
      <c r="DUA647" s="613"/>
      <c r="DUB647" s="613"/>
      <c r="DUC647" s="613"/>
      <c r="DUD647" s="613"/>
      <c r="DUE647" s="613"/>
      <c r="DUF647" s="613"/>
      <c r="DUG647" s="613"/>
      <c r="DUH647" s="613"/>
      <c r="DUI647" s="613"/>
      <c r="DUJ647" s="613"/>
      <c r="DUK647" s="613"/>
      <c r="DUL647" s="613"/>
      <c r="DUM647" s="613"/>
      <c r="DUN647" s="613"/>
      <c r="DUO647" s="613"/>
      <c r="DUP647" s="613"/>
      <c r="DUQ647" s="613"/>
      <c r="DUR647" s="613"/>
      <c r="DUS647" s="613"/>
      <c r="DUT647" s="613"/>
      <c r="DUU647" s="613"/>
      <c r="DUV647" s="613"/>
      <c r="DUW647" s="613"/>
      <c r="DUX647" s="613"/>
      <c r="DUY647" s="613"/>
      <c r="DUZ647" s="613"/>
      <c r="DVA647" s="613"/>
      <c r="DVB647" s="613"/>
      <c r="DVC647" s="613"/>
      <c r="DVD647" s="613"/>
      <c r="DVE647" s="613"/>
      <c r="DVF647" s="613"/>
      <c r="DVG647" s="613"/>
      <c r="DVH647" s="613"/>
      <c r="DVI647" s="613"/>
      <c r="DVJ647" s="613"/>
      <c r="DVK647" s="613"/>
      <c r="DVL647" s="613"/>
      <c r="DVM647" s="613"/>
      <c r="DVN647" s="613"/>
      <c r="DVO647" s="613"/>
      <c r="DVP647" s="613"/>
      <c r="DVQ647" s="613"/>
      <c r="DVR647" s="613"/>
      <c r="DVS647" s="613"/>
      <c r="DVT647" s="613"/>
      <c r="DVU647" s="613"/>
      <c r="DVV647" s="613"/>
      <c r="DVW647" s="613"/>
      <c r="DVX647" s="613"/>
      <c r="DVY647" s="613"/>
      <c r="DVZ647" s="613"/>
      <c r="DWA647" s="613"/>
      <c r="DWB647" s="613"/>
      <c r="DWC647" s="613"/>
      <c r="DWD647" s="613"/>
      <c r="DWE647" s="613"/>
      <c r="DWF647" s="613"/>
      <c r="DWG647" s="613"/>
      <c r="DWH647" s="613"/>
      <c r="DWI647" s="613"/>
      <c r="DWJ647" s="613"/>
      <c r="DWK647" s="613"/>
      <c r="DWL647" s="613"/>
      <c r="DWM647" s="613"/>
      <c r="DWN647" s="613"/>
      <c r="DWO647" s="613"/>
      <c r="DWP647" s="613"/>
      <c r="DWQ647" s="613"/>
      <c r="DWR647" s="613"/>
      <c r="DWS647" s="613"/>
      <c r="DWT647" s="613"/>
      <c r="DWU647" s="613"/>
      <c r="DWV647" s="613"/>
      <c r="DWW647" s="613"/>
      <c r="DWX647" s="613"/>
      <c r="DWY647" s="613"/>
      <c r="DWZ647" s="613"/>
      <c r="DXA647" s="613"/>
      <c r="DXB647" s="613"/>
      <c r="DXC647" s="613"/>
      <c r="DXD647" s="613"/>
      <c r="DXE647" s="613"/>
      <c r="DXF647" s="613"/>
      <c r="DXG647" s="613"/>
      <c r="DXH647" s="613"/>
      <c r="DXI647" s="613"/>
      <c r="DXJ647" s="613"/>
      <c r="DXK647" s="613"/>
      <c r="DXL647" s="613"/>
      <c r="DXM647" s="613"/>
      <c r="DXN647" s="613"/>
      <c r="DXO647" s="613"/>
      <c r="DXP647" s="613"/>
      <c r="DXQ647" s="613"/>
      <c r="DXR647" s="613"/>
      <c r="DXS647" s="613"/>
      <c r="DXT647" s="613"/>
      <c r="DXU647" s="613"/>
      <c r="DXV647" s="613"/>
      <c r="DXW647" s="613"/>
      <c r="DXX647" s="613"/>
      <c r="DXY647" s="613"/>
      <c r="DXZ647" s="613"/>
      <c r="DYA647" s="613"/>
      <c r="DYB647" s="613"/>
      <c r="DYC647" s="613"/>
      <c r="DYD647" s="613"/>
      <c r="DYE647" s="613"/>
      <c r="DYF647" s="613"/>
      <c r="DYG647" s="613"/>
      <c r="DYH647" s="613"/>
      <c r="DYI647" s="613"/>
      <c r="DYJ647" s="613"/>
      <c r="DYK647" s="613"/>
      <c r="DYL647" s="613"/>
      <c r="DYM647" s="613"/>
      <c r="DYN647" s="613"/>
      <c r="DYO647" s="613"/>
      <c r="DYP647" s="613"/>
      <c r="DYQ647" s="613"/>
      <c r="DYR647" s="613"/>
      <c r="DYS647" s="613"/>
      <c r="DYT647" s="613"/>
      <c r="DYU647" s="613"/>
      <c r="DYV647" s="613"/>
      <c r="DYW647" s="613"/>
      <c r="DYX647" s="613"/>
      <c r="DYY647" s="613"/>
      <c r="DYZ647" s="613"/>
      <c r="DZA647" s="613"/>
      <c r="DZB647" s="613"/>
      <c r="DZC647" s="613"/>
      <c r="DZD647" s="613"/>
      <c r="DZE647" s="613"/>
      <c r="DZF647" s="613"/>
      <c r="DZG647" s="613"/>
      <c r="DZH647" s="613"/>
      <c r="DZI647" s="613"/>
      <c r="DZJ647" s="613"/>
      <c r="DZK647" s="613"/>
      <c r="DZL647" s="613"/>
      <c r="DZM647" s="613"/>
      <c r="DZN647" s="613"/>
      <c r="DZO647" s="613"/>
      <c r="DZP647" s="613"/>
      <c r="DZQ647" s="613"/>
      <c r="DZR647" s="613"/>
      <c r="DZS647" s="613"/>
      <c r="DZT647" s="613"/>
      <c r="DZU647" s="613"/>
      <c r="DZV647" s="613"/>
      <c r="DZW647" s="613"/>
      <c r="DZX647" s="613"/>
      <c r="DZY647" s="613"/>
      <c r="DZZ647" s="613"/>
      <c r="EAA647" s="613"/>
      <c r="EAB647" s="613"/>
      <c r="EAC647" s="613"/>
      <c r="EAD647" s="613"/>
      <c r="EAE647" s="613"/>
      <c r="EAF647" s="613"/>
      <c r="EAG647" s="613"/>
      <c r="EAH647" s="613"/>
      <c r="EAI647" s="613"/>
      <c r="EAJ647" s="613"/>
      <c r="EAK647" s="613"/>
      <c r="EAL647" s="613"/>
      <c r="EAM647" s="613"/>
      <c r="EAN647" s="613"/>
      <c r="EAO647" s="613"/>
      <c r="EAP647" s="613"/>
      <c r="EAQ647" s="613"/>
      <c r="EAR647" s="613"/>
      <c r="EAS647" s="613"/>
      <c r="EAT647" s="613"/>
      <c r="EAU647" s="613"/>
      <c r="EAV647" s="613"/>
      <c r="EAW647" s="613"/>
      <c r="EAX647" s="613"/>
      <c r="EAY647" s="613"/>
      <c r="EAZ647" s="613"/>
      <c r="EBA647" s="613"/>
      <c r="EBB647" s="613"/>
      <c r="EBC647" s="613"/>
      <c r="EBD647" s="613"/>
      <c r="EBE647" s="613"/>
      <c r="EBF647" s="613"/>
      <c r="EBG647" s="613"/>
      <c r="EBH647" s="613"/>
      <c r="EBI647" s="613"/>
      <c r="EBJ647" s="613"/>
      <c r="EBK647" s="613"/>
      <c r="EBL647" s="613"/>
      <c r="EBM647" s="613"/>
      <c r="EBN647" s="613"/>
      <c r="EBO647" s="613"/>
      <c r="EBP647" s="613"/>
      <c r="EBQ647" s="613"/>
      <c r="EBR647" s="613"/>
      <c r="EBS647" s="613"/>
      <c r="EBT647" s="613"/>
      <c r="EBU647" s="613"/>
      <c r="EBV647" s="613"/>
      <c r="EBW647" s="613"/>
      <c r="EBX647" s="613"/>
      <c r="EBY647" s="613"/>
      <c r="EBZ647" s="613"/>
      <c r="ECA647" s="613"/>
      <c r="ECB647" s="613"/>
      <c r="ECC647" s="613"/>
      <c r="ECD647" s="613"/>
      <c r="ECE647" s="613"/>
      <c r="ECF647" s="613"/>
      <c r="ECG647" s="613"/>
      <c r="ECH647" s="613"/>
      <c r="ECI647" s="613"/>
      <c r="ECJ647" s="613"/>
      <c r="ECK647" s="613"/>
      <c r="ECL647" s="613"/>
      <c r="ECM647" s="613"/>
      <c r="ECN647" s="613"/>
      <c r="ECO647" s="613"/>
      <c r="ECP647" s="613"/>
      <c r="ECQ647" s="613"/>
      <c r="ECR647" s="613"/>
      <c r="ECS647" s="613"/>
      <c r="ECT647" s="613"/>
      <c r="ECU647" s="613"/>
      <c r="ECV647" s="613"/>
      <c r="ECW647" s="613"/>
      <c r="ECX647" s="613"/>
      <c r="ECY647" s="613"/>
      <c r="ECZ647" s="613"/>
      <c r="EDA647" s="613"/>
      <c r="EDB647" s="613"/>
      <c r="EDC647" s="613"/>
      <c r="EDD647" s="613"/>
      <c r="EDE647" s="613"/>
      <c r="EDF647" s="613"/>
      <c r="EDG647" s="613"/>
      <c r="EDH647" s="613"/>
      <c r="EDI647" s="613"/>
      <c r="EDJ647" s="613"/>
      <c r="EDK647" s="613"/>
      <c r="EDL647" s="613"/>
      <c r="EDM647" s="613"/>
      <c r="EDN647" s="613"/>
      <c r="EDO647" s="613"/>
      <c r="EDP647" s="613"/>
      <c r="EDQ647" s="613"/>
      <c r="EDR647" s="613"/>
      <c r="EDS647" s="613"/>
      <c r="EDT647" s="613"/>
      <c r="EDU647" s="613"/>
      <c r="EDV647" s="613"/>
      <c r="EDW647" s="613"/>
      <c r="EDX647" s="613"/>
      <c r="EDY647" s="613"/>
      <c r="EDZ647" s="613"/>
      <c r="EEA647" s="613"/>
      <c r="EEB647" s="613"/>
      <c r="EEC647" s="613"/>
      <c r="EED647" s="613"/>
      <c r="EEE647" s="613"/>
      <c r="EEF647" s="613"/>
      <c r="EEG647" s="613"/>
      <c r="EEH647" s="613"/>
      <c r="EEI647" s="613"/>
      <c r="EEJ647" s="613"/>
      <c r="EEK647" s="613"/>
      <c r="EEL647" s="613"/>
      <c r="EEM647" s="613"/>
      <c r="EEN647" s="613"/>
      <c r="EEO647" s="613"/>
      <c r="EEP647" s="613"/>
      <c r="EEQ647" s="613"/>
      <c r="EER647" s="613"/>
      <c r="EES647" s="613"/>
      <c r="EET647" s="613"/>
      <c r="EEU647" s="613"/>
      <c r="EEV647" s="613"/>
      <c r="EEW647" s="613"/>
      <c r="EEX647" s="613"/>
      <c r="EEY647" s="613"/>
      <c r="EEZ647" s="613"/>
      <c r="EFA647" s="613"/>
      <c r="EFB647" s="613"/>
      <c r="EFC647" s="613"/>
      <c r="EFD647" s="613"/>
      <c r="EFE647" s="613"/>
      <c r="EFF647" s="613"/>
      <c r="EFG647" s="613"/>
      <c r="EFH647" s="613"/>
      <c r="EFI647" s="613"/>
      <c r="EFJ647" s="613"/>
      <c r="EFK647" s="613"/>
      <c r="EFL647" s="613"/>
      <c r="EFM647" s="613"/>
      <c r="EFN647" s="613"/>
      <c r="EFO647" s="613"/>
      <c r="EFP647" s="613"/>
      <c r="EFQ647" s="613"/>
      <c r="EFR647" s="613"/>
      <c r="EFS647" s="613"/>
      <c r="EFT647" s="613"/>
      <c r="EFU647" s="613"/>
      <c r="EFV647" s="613"/>
      <c r="EFW647" s="613"/>
      <c r="EFX647" s="613"/>
      <c r="EFY647" s="613"/>
      <c r="EFZ647" s="613"/>
      <c r="EGA647" s="613"/>
      <c r="EGB647" s="613"/>
      <c r="EGC647" s="613"/>
      <c r="EGD647" s="613"/>
      <c r="EGE647" s="613"/>
      <c r="EGF647" s="613"/>
      <c r="EGG647" s="613"/>
      <c r="EGH647" s="613"/>
      <c r="EGI647" s="613"/>
      <c r="EGJ647" s="613"/>
      <c r="EGK647" s="613"/>
      <c r="EGL647" s="613"/>
      <c r="EGM647" s="613"/>
      <c r="EGN647" s="613"/>
      <c r="EGO647" s="613"/>
      <c r="EGP647" s="613"/>
      <c r="EGQ647" s="613"/>
      <c r="EGR647" s="613"/>
      <c r="EGS647" s="613"/>
      <c r="EGT647" s="613"/>
      <c r="EGU647" s="613"/>
      <c r="EGV647" s="613"/>
      <c r="EGW647" s="613"/>
      <c r="EGX647" s="613"/>
      <c r="EGY647" s="613"/>
      <c r="EGZ647" s="613"/>
      <c r="EHA647" s="613"/>
      <c r="EHB647" s="613"/>
      <c r="EHC647" s="613"/>
      <c r="EHD647" s="613"/>
      <c r="EHE647" s="613"/>
      <c r="EHF647" s="613"/>
      <c r="EHG647" s="613"/>
      <c r="EHH647" s="613"/>
      <c r="EHI647" s="613"/>
      <c r="EHJ647" s="613"/>
      <c r="EHK647" s="613"/>
      <c r="EHL647" s="613"/>
      <c r="EHM647" s="613"/>
      <c r="EHN647" s="613"/>
      <c r="EHO647" s="613"/>
      <c r="EHP647" s="613"/>
      <c r="EHQ647" s="613"/>
      <c r="EHR647" s="613"/>
      <c r="EHS647" s="613"/>
      <c r="EHT647" s="613"/>
      <c r="EHU647" s="613"/>
      <c r="EHV647" s="613"/>
      <c r="EHW647" s="613"/>
      <c r="EHX647" s="613"/>
      <c r="EHY647" s="613"/>
      <c r="EHZ647" s="613"/>
      <c r="EIA647" s="613"/>
      <c r="EIB647" s="613"/>
      <c r="EIC647" s="613"/>
      <c r="EID647" s="613"/>
      <c r="EIE647" s="613"/>
      <c r="EIF647" s="613"/>
      <c r="EIG647" s="613"/>
      <c r="EIH647" s="613"/>
      <c r="EII647" s="613"/>
      <c r="EIJ647" s="613"/>
      <c r="EIK647" s="613"/>
      <c r="EIL647" s="613"/>
      <c r="EIM647" s="613"/>
      <c r="EIN647" s="613"/>
      <c r="EIO647" s="613"/>
      <c r="EIP647" s="613"/>
      <c r="EIQ647" s="613"/>
      <c r="EIR647" s="613"/>
      <c r="EIS647" s="613"/>
      <c r="EIT647" s="613"/>
      <c r="EIU647" s="613"/>
      <c r="EIV647" s="613"/>
      <c r="EIW647" s="613"/>
      <c r="EIX647" s="613"/>
      <c r="EIY647" s="613"/>
      <c r="EIZ647" s="613"/>
      <c r="EJA647" s="613"/>
      <c r="EJB647" s="613"/>
      <c r="EJC647" s="613"/>
      <c r="EJD647" s="613"/>
      <c r="EJE647" s="613"/>
      <c r="EJF647" s="613"/>
      <c r="EJG647" s="613"/>
      <c r="EJH647" s="613"/>
      <c r="EJI647" s="613"/>
      <c r="EJJ647" s="613"/>
      <c r="EJK647" s="613"/>
      <c r="EJL647" s="613"/>
      <c r="EJM647" s="613"/>
      <c r="EJN647" s="613"/>
      <c r="EJO647" s="613"/>
      <c r="EJP647" s="613"/>
      <c r="EJQ647" s="613"/>
      <c r="EJR647" s="613"/>
      <c r="EJS647" s="613"/>
      <c r="EJT647" s="613"/>
      <c r="EJU647" s="613"/>
      <c r="EJV647" s="613"/>
      <c r="EJW647" s="613"/>
      <c r="EJX647" s="613"/>
      <c r="EJY647" s="613"/>
      <c r="EJZ647" s="613"/>
      <c r="EKA647" s="613"/>
      <c r="EKB647" s="613"/>
      <c r="EKC647" s="613"/>
      <c r="EKD647" s="613"/>
      <c r="EKE647" s="613"/>
      <c r="EKF647" s="613"/>
      <c r="EKG647" s="613"/>
      <c r="EKH647" s="613"/>
      <c r="EKI647" s="613"/>
      <c r="EKJ647" s="613"/>
      <c r="EKK647" s="613"/>
      <c r="EKL647" s="613"/>
      <c r="EKM647" s="613"/>
      <c r="EKN647" s="613"/>
      <c r="EKO647" s="613"/>
      <c r="EKP647" s="613"/>
      <c r="EKQ647" s="613"/>
      <c r="EKR647" s="613"/>
      <c r="EKS647" s="613"/>
      <c r="EKT647" s="613"/>
      <c r="EKU647" s="613"/>
      <c r="EKV647" s="613"/>
      <c r="EKW647" s="613"/>
      <c r="EKX647" s="613"/>
      <c r="EKY647" s="613"/>
      <c r="EKZ647" s="613"/>
      <c r="ELA647" s="613"/>
      <c r="ELB647" s="613"/>
      <c r="ELC647" s="613"/>
      <c r="ELD647" s="613"/>
      <c r="ELE647" s="613"/>
      <c r="ELF647" s="613"/>
      <c r="ELG647" s="613"/>
      <c r="ELH647" s="613"/>
      <c r="ELI647" s="613"/>
      <c r="ELJ647" s="613"/>
      <c r="ELK647" s="613"/>
      <c r="ELL647" s="613"/>
      <c r="ELM647" s="613"/>
      <c r="ELN647" s="613"/>
      <c r="ELO647" s="613"/>
      <c r="ELP647" s="613"/>
      <c r="ELQ647" s="613"/>
      <c r="ELR647" s="613"/>
      <c r="ELS647" s="613"/>
      <c r="ELT647" s="613"/>
      <c r="ELU647" s="613"/>
      <c r="ELV647" s="613"/>
      <c r="ELW647" s="613"/>
      <c r="ELX647" s="613"/>
      <c r="ELY647" s="613"/>
      <c r="ELZ647" s="613"/>
      <c r="EMA647" s="613"/>
      <c r="EMB647" s="613"/>
      <c r="EMC647" s="613"/>
      <c r="EMD647" s="613"/>
      <c r="EME647" s="613"/>
      <c r="EMF647" s="613"/>
      <c r="EMG647" s="613"/>
      <c r="EMH647" s="613"/>
      <c r="EMI647" s="613"/>
      <c r="EMJ647" s="613"/>
      <c r="EMK647" s="613"/>
      <c r="EML647" s="613"/>
      <c r="EMM647" s="613"/>
      <c r="EMN647" s="613"/>
      <c r="EMO647" s="613"/>
      <c r="EMP647" s="613"/>
      <c r="EMQ647" s="613"/>
      <c r="EMR647" s="613"/>
      <c r="EMS647" s="613"/>
      <c r="EMT647" s="613"/>
      <c r="EMU647" s="613"/>
      <c r="EMV647" s="613"/>
      <c r="EMW647" s="613"/>
      <c r="EMX647" s="613"/>
      <c r="EMY647" s="613"/>
      <c r="EMZ647" s="613"/>
      <c r="ENA647" s="613"/>
      <c r="ENB647" s="613"/>
      <c r="ENC647" s="613"/>
      <c r="END647" s="613"/>
      <c r="ENE647" s="613"/>
      <c r="ENF647" s="613"/>
      <c r="ENG647" s="613"/>
      <c r="ENH647" s="613"/>
      <c r="ENI647" s="613"/>
      <c r="ENJ647" s="613"/>
      <c r="ENK647" s="613"/>
      <c r="ENL647" s="613"/>
      <c r="ENM647" s="613"/>
      <c r="ENN647" s="613"/>
      <c r="ENO647" s="613"/>
      <c r="ENP647" s="613"/>
      <c r="ENQ647" s="613"/>
      <c r="ENR647" s="613"/>
      <c r="ENS647" s="613"/>
      <c r="ENT647" s="613"/>
      <c r="ENU647" s="613"/>
      <c r="ENV647" s="613"/>
      <c r="ENW647" s="613"/>
      <c r="ENX647" s="613"/>
      <c r="ENY647" s="613"/>
      <c r="ENZ647" s="613"/>
      <c r="EOA647" s="613"/>
      <c r="EOB647" s="613"/>
      <c r="EOC647" s="613"/>
      <c r="EOD647" s="613"/>
      <c r="EOE647" s="613"/>
      <c r="EOF647" s="613"/>
      <c r="EOG647" s="613"/>
      <c r="EOH647" s="613"/>
      <c r="EOI647" s="613"/>
      <c r="EOJ647" s="613"/>
      <c r="EOK647" s="613"/>
      <c r="EOL647" s="613"/>
      <c r="EOM647" s="613"/>
      <c r="EON647" s="613"/>
      <c r="EOO647" s="613"/>
      <c r="EOP647" s="613"/>
      <c r="EOQ647" s="613"/>
      <c r="EOR647" s="613"/>
      <c r="EOS647" s="613"/>
      <c r="EOT647" s="613"/>
      <c r="EOU647" s="613"/>
      <c r="EOV647" s="613"/>
      <c r="EOW647" s="613"/>
      <c r="EOX647" s="613"/>
      <c r="EOY647" s="613"/>
      <c r="EOZ647" s="613"/>
      <c r="EPA647" s="613"/>
      <c r="EPB647" s="613"/>
      <c r="EPC647" s="613"/>
      <c r="EPD647" s="613"/>
      <c r="EPE647" s="613"/>
      <c r="EPF647" s="613"/>
      <c r="EPG647" s="613"/>
      <c r="EPH647" s="613"/>
      <c r="EPI647" s="613"/>
      <c r="EPJ647" s="613"/>
      <c r="EPK647" s="613"/>
      <c r="EPL647" s="613"/>
      <c r="EPM647" s="613"/>
      <c r="EPN647" s="613"/>
      <c r="EPO647" s="613"/>
      <c r="EPP647" s="613"/>
      <c r="EPQ647" s="613"/>
      <c r="EPR647" s="613"/>
      <c r="EPS647" s="613"/>
      <c r="EPT647" s="613"/>
      <c r="EPU647" s="613"/>
      <c r="EPV647" s="613"/>
      <c r="EPW647" s="613"/>
      <c r="EPX647" s="613"/>
      <c r="EPY647" s="613"/>
      <c r="EPZ647" s="613"/>
      <c r="EQA647" s="613"/>
      <c r="EQB647" s="613"/>
      <c r="EQC647" s="613"/>
      <c r="EQD647" s="613"/>
      <c r="EQE647" s="613"/>
      <c r="EQF647" s="613"/>
      <c r="EQG647" s="613"/>
      <c r="EQH647" s="613"/>
      <c r="EQI647" s="613"/>
      <c r="EQJ647" s="613"/>
      <c r="EQK647" s="613"/>
      <c r="EQL647" s="613"/>
      <c r="EQM647" s="613"/>
      <c r="EQN647" s="613"/>
      <c r="EQO647" s="613"/>
      <c r="EQP647" s="613"/>
      <c r="EQQ647" s="613"/>
      <c r="EQR647" s="613"/>
      <c r="EQS647" s="613"/>
      <c r="EQT647" s="613"/>
      <c r="EQU647" s="613"/>
      <c r="EQV647" s="613"/>
      <c r="EQW647" s="613"/>
      <c r="EQX647" s="613"/>
      <c r="EQY647" s="613"/>
      <c r="EQZ647" s="613"/>
      <c r="ERA647" s="613"/>
      <c r="ERB647" s="613"/>
      <c r="ERC647" s="613"/>
      <c r="ERD647" s="613"/>
      <c r="ERE647" s="613"/>
      <c r="ERF647" s="613"/>
      <c r="ERG647" s="613"/>
      <c r="ERH647" s="613"/>
      <c r="ERI647" s="613"/>
      <c r="ERJ647" s="613"/>
      <c r="ERK647" s="613"/>
      <c r="ERL647" s="613"/>
      <c r="ERM647" s="613"/>
      <c r="ERN647" s="613"/>
      <c r="ERO647" s="613"/>
      <c r="ERP647" s="613"/>
      <c r="ERQ647" s="613"/>
      <c r="ERR647" s="613"/>
      <c r="ERS647" s="613"/>
      <c r="ERT647" s="613"/>
      <c r="ERU647" s="613"/>
      <c r="ERV647" s="613"/>
      <c r="ERW647" s="613"/>
      <c r="ERX647" s="613"/>
      <c r="ERY647" s="613"/>
      <c r="ERZ647" s="613"/>
      <c r="ESA647" s="613"/>
      <c r="ESB647" s="613"/>
      <c r="ESC647" s="613"/>
      <c r="ESD647" s="613"/>
      <c r="ESE647" s="613"/>
      <c r="ESF647" s="613"/>
      <c r="ESG647" s="613"/>
      <c r="ESH647" s="613"/>
      <c r="ESI647" s="613"/>
      <c r="ESJ647" s="613"/>
      <c r="ESK647" s="613"/>
      <c r="ESL647" s="613"/>
      <c r="ESM647" s="613"/>
      <c r="ESN647" s="613"/>
      <c r="ESO647" s="613"/>
      <c r="ESP647" s="613"/>
      <c r="ESQ647" s="613"/>
      <c r="ESR647" s="613"/>
      <c r="ESS647" s="613"/>
      <c r="EST647" s="613"/>
      <c r="ESU647" s="613"/>
      <c r="ESV647" s="613"/>
      <c r="ESW647" s="613"/>
      <c r="ESX647" s="613"/>
      <c r="ESY647" s="613"/>
      <c r="ESZ647" s="613"/>
      <c r="ETA647" s="613"/>
      <c r="ETB647" s="613"/>
      <c r="ETC647" s="613"/>
      <c r="ETD647" s="613"/>
      <c r="ETE647" s="613"/>
      <c r="ETF647" s="613"/>
      <c r="ETG647" s="613"/>
      <c r="ETH647" s="613"/>
      <c r="ETI647" s="613"/>
      <c r="ETJ647" s="613"/>
      <c r="ETK647" s="613"/>
      <c r="ETL647" s="613"/>
      <c r="ETM647" s="613"/>
      <c r="ETN647" s="613"/>
      <c r="ETO647" s="613"/>
      <c r="ETP647" s="613"/>
      <c r="ETQ647" s="613"/>
      <c r="ETR647" s="613"/>
      <c r="ETS647" s="613"/>
      <c r="ETT647" s="613"/>
      <c r="ETU647" s="613"/>
      <c r="ETV647" s="613"/>
      <c r="ETW647" s="613"/>
      <c r="ETX647" s="613"/>
      <c r="ETY647" s="613"/>
      <c r="ETZ647" s="613"/>
      <c r="EUA647" s="613"/>
      <c r="EUB647" s="613"/>
      <c r="EUC647" s="613"/>
      <c r="EUD647" s="613"/>
      <c r="EUE647" s="613"/>
      <c r="EUF647" s="613"/>
      <c r="EUG647" s="613"/>
      <c r="EUH647" s="613"/>
      <c r="EUI647" s="613"/>
      <c r="EUJ647" s="613"/>
      <c r="EUK647" s="613"/>
      <c r="EUL647" s="613"/>
      <c r="EUM647" s="613"/>
      <c r="EUN647" s="613"/>
      <c r="EUO647" s="613"/>
      <c r="EUP647" s="613"/>
      <c r="EUQ647" s="613"/>
      <c r="EUR647" s="613"/>
      <c r="EUS647" s="613"/>
      <c r="EUT647" s="613"/>
      <c r="EUU647" s="613"/>
      <c r="EUV647" s="613"/>
      <c r="EUW647" s="613"/>
      <c r="EUX647" s="613"/>
      <c r="EUY647" s="613"/>
      <c r="EUZ647" s="613"/>
      <c r="EVA647" s="613"/>
      <c r="EVB647" s="613"/>
      <c r="EVC647" s="613"/>
      <c r="EVD647" s="613"/>
      <c r="EVE647" s="613"/>
      <c r="EVF647" s="613"/>
      <c r="EVG647" s="613"/>
      <c r="EVH647" s="613"/>
      <c r="EVI647" s="613"/>
      <c r="EVJ647" s="613"/>
      <c r="EVK647" s="613"/>
      <c r="EVL647" s="613"/>
      <c r="EVM647" s="613"/>
      <c r="EVN647" s="613"/>
      <c r="EVO647" s="613"/>
      <c r="EVP647" s="613"/>
      <c r="EVQ647" s="613"/>
      <c r="EVR647" s="613"/>
      <c r="EVS647" s="613"/>
      <c r="EVT647" s="613"/>
      <c r="EVU647" s="613"/>
      <c r="EVV647" s="613"/>
      <c r="EVW647" s="613"/>
      <c r="EVX647" s="613"/>
      <c r="EVY647" s="613"/>
      <c r="EVZ647" s="613"/>
      <c r="EWA647" s="613"/>
      <c r="EWB647" s="613"/>
      <c r="EWC647" s="613"/>
      <c r="EWD647" s="613"/>
      <c r="EWE647" s="613"/>
      <c r="EWF647" s="613"/>
      <c r="EWG647" s="613"/>
      <c r="EWH647" s="613"/>
      <c r="EWI647" s="613"/>
      <c r="EWJ647" s="613"/>
      <c r="EWK647" s="613"/>
      <c r="EWL647" s="613"/>
      <c r="EWM647" s="613"/>
      <c r="EWN647" s="613"/>
      <c r="EWO647" s="613"/>
      <c r="EWP647" s="613"/>
      <c r="EWQ647" s="613"/>
      <c r="EWR647" s="613"/>
      <c r="EWS647" s="613"/>
      <c r="EWT647" s="613"/>
      <c r="EWU647" s="613"/>
      <c r="EWV647" s="613"/>
      <c r="EWW647" s="613"/>
      <c r="EWX647" s="613"/>
      <c r="EWY647" s="613"/>
      <c r="EWZ647" s="613"/>
      <c r="EXA647" s="613"/>
      <c r="EXB647" s="613"/>
      <c r="EXC647" s="613"/>
      <c r="EXD647" s="613"/>
      <c r="EXE647" s="613"/>
      <c r="EXF647" s="613"/>
      <c r="EXG647" s="613"/>
      <c r="EXH647" s="613"/>
      <c r="EXI647" s="613"/>
      <c r="EXJ647" s="613"/>
      <c r="EXK647" s="613"/>
      <c r="EXL647" s="613"/>
      <c r="EXM647" s="613"/>
      <c r="EXN647" s="613"/>
      <c r="EXO647" s="613"/>
      <c r="EXP647" s="613"/>
      <c r="EXQ647" s="613"/>
      <c r="EXR647" s="613"/>
      <c r="EXS647" s="613"/>
      <c r="EXT647" s="613"/>
      <c r="EXU647" s="613"/>
      <c r="EXV647" s="613"/>
      <c r="EXW647" s="613"/>
      <c r="EXX647" s="613"/>
      <c r="EXY647" s="613"/>
      <c r="EXZ647" s="613"/>
      <c r="EYA647" s="613"/>
      <c r="EYB647" s="613"/>
      <c r="EYC647" s="613"/>
      <c r="EYD647" s="613"/>
      <c r="EYE647" s="613"/>
      <c r="EYF647" s="613"/>
      <c r="EYG647" s="613"/>
      <c r="EYH647" s="613"/>
      <c r="EYI647" s="613"/>
      <c r="EYJ647" s="613"/>
      <c r="EYK647" s="613"/>
      <c r="EYL647" s="613"/>
      <c r="EYM647" s="613"/>
      <c r="EYN647" s="613"/>
      <c r="EYO647" s="613"/>
      <c r="EYP647" s="613"/>
      <c r="EYQ647" s="613"/>
      <c r="EYR647" s="613"/>
      <c r="EYS647" s="613"/>
      <c r="EYT647" s="613"/>
      <c r="EYU647" s="613"/>
      <c r="EYV647" s="613"/>
      <c r="EYW647" s="613"/>
      <c r="EYX647" s="613"/>
      <c r="EYY647" s="613"/>
      <c r="EYZ647" s="613"/>
      <c r="EZA647" s="613"/>
      <c r="EZB647" s="613"/>
      <c r="EZC647" s="613"/>
      <c r="EZD647" s="613"/>
      <c r="EZE647" s="613"/>
      <c r="EZF647" s="613"/>
      <c r="EZG647" s="613"/>
      <c r="EZH647" s="613"/>
      <c r="EZI647" s="613"/>
      <c r="EZJ647" s="613"/>
      <c r="EZK647" s="613"/>
      <c r="EZL647" s="613"/>
      <c r="EZM647" s="613"/>
      <c r="EZN647" s="613"/>
      <c r="EZO647" s="613"/>
      <c r="EZP647" s="613"/>
      <c r="EZQ647" s="613"/>
      <c r="EZR647" s="613"/>
      <c r="EZS647" s="613"/>
      <c r="EZT647" s="613"/>
      <c r="EZU647" s="613"/>
      <c r="EZV647" s="613"/>
      <c r="EZW647" s="613"/>
      <c r="EZX647" s="613"/>
      <c r="EZY647" s="613"/>
      <c r="EZZ647" s="613"/>
      <c r="FAA647" s="613"/>
      <c r="FAB647" s="613"/>
      <c r="FAC647" s="613"/>
      <c r="FAD647" s="613"/>
      <c r="FAE647" s="613"/>
      <c r="FAF647" s="613"/>
      <c r="FAG647" s="613"/>
      <c r="FAH647" s="613"/>
      <c r="FAI647" s="613"/>
      <c r="FAJ647" s="613"/>
      <c r="FAK647" s="613"/>
      <c r="FAL647" s="613"/>
      <c r="FAM647" s="613"/>
      <c r="FAN647" s="613"/>
      <c r="FAO647" s="613"/>
      <c r="FAP647" s="613"/>
      <c r="FAQ647" s="613"/>
      <c r="FAR647" s="613"/>
      <c r="FAS647" s="613"/>
      <c r="FAT647" s="613"/>
      <c r="FAU647" s="613"/>
      <c r="FAV647" s="613"/>
      <c r="FAW647" s="613"/>
      <c r="FAX647" s="613"/>
      <c r="FAY647" s="613"/>
      <c r="FAZ647" s="613"/>
      <c r="FBA647" s="613"/>
      <c r="FBB647" s="613"/>
      <c r="FBC647" s="613"/>
      <c r="FBD647" s="613"/>
      <c r="FBE647" s="613"/>
      <c r="FBF647" s="613"/>
      <c r="FBG647" s="613"/>
      <c r="FBH647" s="613"/>
      <c r="FBI647" s="613"/>
      <c r="FBJ647" s="613"/>
      <c r="FBK647" s="613"/>
      <c r="FBL647" s="613"/>
      <c r="FBM647" s="613"/>
      <c r="FBN647" s="613"/>
      <c r="FBO647" s="613"/>
      <c r="FBP647" s="613"/>
      <c r="FBQ647" s="613"/>
      <c r="FBR647" s="613"/>
      <c r="FBS647" s="613"/>
      <c r="FBT647" s="613"/>
      <c r="FBU647" s="613"/>
      <c r="FBV647" s="613"/>
      <c r="FBW647" s="613"/>
      <c r="FBX647" s="613"/>
      <c r="FBY647" s="613"/>
      <c r="FBZ647" s="613"/>
      <c r="FCA647" s="613"/>
      <c r="FCB647" s="613"/>
      <c r="FCC647" s="613"/>
      <c r="FCD647" s="613"/>
      <c r="FCE647" s="613"/>
      <c r="FCF647" s="613"/>
      <c r="FCG647" s="613"/>
      <c r="FCH647" s="613"/>
      <c r="FCI647" s="613"/>
      <c r="FCJ647" s="613"/>
      <c r="FCK647" s="613"/>
      <c r="FCL647" s="613"/>
      <c r="FCM647" s="613"/>
      <c r="FCN647" s="613"/>
      <c r="FCO647" s="613"/>
      <c r="FCP647" s="613"/>
      <c r="FCQ647" s="613"/>
      <c r="FCR647" s="613"/>
      <c r="FCS647" s="613"/>
      <c r="FCT647" s="613"/>
      <c r="FCU647" s="613"/>
      <c r="FCV647" s="613"/>
      <c r="FCW647" s="613"/>
      <c r="FCX647" s="613"/>
      <c r="FCY647" s="613"/>
      <c r="FCZ647" s="613"/>
      <c r="FDA647" s="613"/>
      <c r="FDB647" s="613"/>
      <c r="FDC647" s="613"/>
      <c r="FDD647" s="613"/>
      <c r="FDE647" s="613"/>
      <c r="FDF647" s="613"/>
      <c r="FDG647" s="613"/>
      <c r="FDH647" s="613"/>
      <c r="FDI647" s="613"/>
      <c r="FDJ647" s="613"/>
      <c r="FDK647" s="613"/>
      <c r="FDL647" s="613"/>
      <c r="FDM647" s="613"/>
      <c r="FDN647" s="613"/>
      <c r="FDO647" s="613"/>
      <c r="FDP647" s="613"/>
      <c r="FDQ647" s="613"/>
      <c r="FDR647" s="613"/>
      <c r="FDS647" s="613"/>
      <c r="FDT647" s="613"/>
      <c r="FDU647" s="613"/>
      <c r="FDV647" s="613"/>
      <c r="FDW647" s="613"/>
      <c r="FDX647" s="613"/>
      <c r="FDY647" s="613"/>
      <c r="FDZ647" s="613"/>
      <c r="FEA647" s="613"/>
      <c r="FEB647" s="613"/>
      <c r="FEC647" s="613"/>
      <c r="FED647" s="613"/>
      <c r="FEE647" s="613"/>
      <c r="FEF647" s="613"/>
      <c r="FEG647" s="613"/>
      <c r="FEH647" s="613"/>
      <c r="FEI647" s="613"/>
      <c r="FEJ647" s="613"/>
      <c r="FEK647" s="613"/>
      <c r="FEL647" s="613"/>
      <c r="FEM647" s="613"/>
      <c r="FEN647" s="613"/>
      <c r="FEO647" s="613"/>
      <c r="FEP647" s="613"/>
      <c r="FEQ647" s="613"/>
      <c r="FER647" s="613"/>
      <c r="FES647" s="613"/>
      <c r="FET647" s="613"/>
      <c r="FEU647" s="613"/>
      <c r="FEV647" s="613"/>
      <c r="FEW647" s="613"/>
      <c r="FEX647" s="613"/>
      <c r="FEY647" s="613"/>
      <c r="FEZ647" s="613"/>
      <c r="FFA647" s="613"/>
      <c r="FFB647" s="613"/>
      <c r="FFC647" s="613"/>
      <c r="FFD647" s="613"/>
      <c r="FFE647" s="613"/>
      <c r="FFF647" s="613"/>
      <c r="FFG647" s="613"/>
      <c r="FFH647" s="613"/>
      <c r="FFI647" s="613"/>
      <c r="FFJ647" s="613"/>
      <c r="FFK647" s="613"/>
      <c r="FFL647" s="613"/>
      <c r="FFM647" s="613"/>
      <c r="FFN647" s="613"/>
      <c r="FFO647" s="613"/>
      <c r="FFP647" s="613"/>
      <c r="FFQ647" s="613"/>
      <c r="FFR647" s="613"/>
      <c r="FFS647" s="613"/>
      <c r="FFT647" s="613"/>
      <c r="FFU647" s="613"/>
      <c r="FFV647" s="613"/>
      <c r="FFW647" s="613"/>
      <c r="FFX647" s="613"/>
      <c r="FFY647" s="613"/>
      <c r="FFZ647" s="613"/>
      <c r="FGA647" s="613"/>
      <c r="FGB647" s="613"/>
      <c r="FGC647" s="613"/>
      <c r="FGD647" s="613"/>
      <c r="FGE647" s="613"/>
      <c r="FGF647" s="613"/>
      <c r="FGG647" s="613"/>
      <c r="FGH647" s="613"/>
      <c r="FGI647" s="613"/>
      <c r="FGJ647" s="613"/>
      <c r="FGK647" s="613"/>
      <c r="FGL647" s="613"/>
      <c r="FGM647" s="613"/>
      <c r="FGN647" s="613"/>
      <c r="FGO647" s="613"/>
      <c r="FGP647" s="613"/>
      <c r="FGQ647" s="613"/>
      <c r="FGR647" s="613"/>
      <c r="FGS647" s="613"/>
      <c r="FGT647" s="613"/>
      <c r="FGU647" s="613"/>
      <c r="FGV647" s="613"/>
      <c r="FGW647" s="613"/>
      <c r="FGX647" s="613"/>
      <c r="FGY647" s="613"/>
      <c r="FGZ647" s="613"/>
      <c r="FHA647" s="613"/>
      <c r="FHB647" s="613"/>
      <c r="FHC647" s="613"/>
      <c r="FHD647" s="613"/>
      <c r="FHE647" s="613"/>
      <c r="FHF647" s="613"/>
      <c r="FHG647" s="613"/>
      <c r="FHH647" s="613"/>
      <c r="FHI647" s="613"/>
      <c r="FHJ647" s="613"/>
      <c r="FHK647" s="613"/>
      <c r="FHL647" s="613"/>
      <c r="FHM647" s="613"/>
      <c r="FHN647" s="613"/>
      <c r="FHO647" s="613"/>
      <c r="FHP647" s="613"/>
      <c r="FHQ647" s="613"/>
      <c r="FHR647" s="613"/>
      <c r="FHS647" s="613"/>
      <c r="FHT647" s="613"/>
      <c r="FHU647" s="613"/>
      <c r="FHV647" s="613"/>
      <c r="FHW647" s="613"/>
      <c r="FHX647" s="613"/>
      <c r="FHY647" s="613"/>
      <c r="FHZ647" s="613"/>
      <c r="FIA647" s="613"/>
      <c r="FIB647" s="613"/>
      <c r="FIC647" s="613"/>
      <c r="FID647" s="613"/>
      <c r="FIE647" s="613"/>
      <c r="FIF647" s="613"/>
      <c r="FIG647" s="613"/>
      <c r="FIH647" s="613"/>
      <c r="FII647" s="613"/>
      <c r="FIJ647" s="613"/>
      <c r="FIK647" s="613"/>
      <c r="FIL647" s="613"/>
      <c r="FIM647" s="613"/>
      <c r="FIN647" s="613"/>
      <c r="FIO647" s="613"/>
      <c r="FIP647" s="613"/>
      <c r="FIQ647" s="613"/>
      <c r="FIR647" s="613"/>
      <c r="FIS647" s="613"/>
      <c r="FIT647" s="613"/>
      <c r="FIU647" s="613"/>
      <c r="FIV647" s="613"/>
      <c r="FIW647" s="613"/>
      <c r="FIX647" s="613"/>
      <c r="FIY647" s="613"/>
      <c r="FIZ647" s="613"/>
      <c r="FJA647" s="613"/>
      <c r="FJB647" s="613"/>
      <c r="FJC647" s="613"/>
      <c r="FJD647" s="613"/>
      <c r="FJE647" s="613"/>
      <c r="FJF647" s="613"/>
      <c r="FJG647" s="613"/>
      <c r="FJH647" s="613"/>
      <c r="FJI647" s="613"/>
      <c r="FJJ647" s="613"/>
      <c r="FJK647" s="613"/>
      <c r="FJL647" s="613"/>
      <c r="FJM647" s="613"/>
      <c r="FJN647" s="613"/>
      <c r="FJO647" s="613"/>
      <c r="FJP647" s="613"/>
      <c r="FJQ647" s="613"/>
      <c r="FJR647" s="613"/>
      <c r="FJS647" s="613"/>
      <c r="FJT647" s="613"/>
      <c r="FJU647" s="613"/>
      <c r="FJV647" s="613"/>
      <c r="FJW647" s="613"/>
      <c r="FJX647" s="613"/>
      <c r="FJY647" s="613"/>
      <c r="FJZ647" s="613"/>
      <c r="FKA647" s="613"/>
      <c r="FKB647" s="613"/>
      <c r="FKC647" s="613"/>
      <c r="FKD647" s="613"/>
      <c r="FKE647" s="613"/>
      <c r="FKF647" s="613"/>
      <c r="FKG647" s="613"/>
      <c r="FKH647" s="613"/>
      <c r="FKI647" s="613"/>
      <c r="FKJ647" s="613"/>
      <c r="FKK647" s="613"/>
      <c r="FKL647" s="613"/>
      <c r="FKM647" s="613"/>
      <c r="FKN647" s="613"/>
      <c r="FKO647" s="613"/>
      <c r="FKP647" s="613"/>
      <c r="FKQ647" s="613"/>
      <c r="FKR647" s="613"/>
      <c r="FKS647" s="613"/>
      <c r="FKT647" s="613"/>
      <c r="FKU647" s="613"/>
      <c r="FKV647" s="613"/>
      <c r="FKW647" s="613"/>
      <c r="FKX647" s="613"/>
      <c r="FKY647" s="613"/>
      <c r="FKZ647" s="613"/>
      <c r="FLA647" s="613"/>
      <c r="FLB647" s="613"/>
      <c r="FLC647" s="613"/>
      <c r="FLD647" s="613"/>
      <c r="FLE647" s="613"/>
      <c r="FLF647" s="613"/>
      <c r="FLG647" s="613"/>
      <c r="FLH647" s="613"/>
      <c r="FLI647" s="613"/>
      <c r="FLJ647" s="613"/>
      <c r="FLK647" s="613"/>
      <c r="FLL647" s="613"/>
      <c r="FLM647" s="613"/>
      <c r="FLN647" s="613"/>
      <c r="FLO647" s="613"/>
      <c r="FLP647" s="613"/>
      <c r="FLQ647" s="613"/>
      <c r="FLR647" s="613"/>
      <c r="FLS647" s="613"/>
      <c r="FLT647" s="613"/>
      <c r="FLU647" s="613"/>
      <c r="FLV647" s="613"/>
      <c r="FLW647" s="613"/>
      <c r="FLX647" s="613"/>
      <c r="FLY647" s="613"/>
      <c r="FLZ647" s="613"/>
      <c r="FMA647" s="613"/>
      <c r="FMB647" s="613"/>
      <c r="FMC647" s="613"/>
      <c r="FMD647" s="613"/>
      <c r="FME647" s="613"/>
      <c r="FMF647" s="613"/>
      <c r="FMG647" s="613"/>
      <c r="FMH647" s="613"/>
      <c r="FMI647" s="613"/>
      <c r="FMJ647" s="613"/>
      <c r="FMK647" s="613"/>
      <c r="FML647" s="613"/>
      <c r="FMM647" s="613"/>
      <c r="FMN647" s="613"/>
      <c r="FMO647" s="613"/>
      <c r="FMP647" s="613"/>
      <c r="FMQ647" s="613"/>
      <c r="FMR647" s="613"/>
      <c r="FMS647" s="613"/>
      <c r="FMT647" s="613"/>
      <c r="FMU647" s="613"/>
      <c r="FMV647" s="613"/>
      <c r="FMW647" s="613"/>
      <c r="FMX647" s="613"/>
      <c r="FMY647" s="613"/>
      <c r="FMZ647" s="613"/>
      <c r="FNA647" s="613"/>
      <c r="FNB647" s="613"/>
      <c r="FNC647" s="613"/>
      <c r="FND647" s="613"/>
      <c r="FNE647" s="613"/>
      <c r="FNF647" s="613"/>
      <c r="FNG647" s="613"/>
      <c r="FNH647" s="613"/>
      <c r="FNI647" s="613"/>
      <c r="FNJ647" s="613"/>
      <c r="FNK647" s="613"/>
      <c r="FNL647" s="613"/>
      <c r="FNM647" s="613"/>
      <c r="FNN647" s="613"/>
      <c r="FNO647" s="613"/>
      <c r="FNP647" s="613"/>
      <c r="FNQ647" s="613"/>
      <c r="FNR647" s="613"/>
      <c r="FNS647" s="613"/>
      <c r="FNT647" s="613"/>
      <c r="FNU647" s="613"/>
      <c r="FNV647" s="613"/>
      <c r="FNW647" s="613"/>
      <c r="FNX647" s="613"/>
      <c r="FNY647" s="613"/>
      <c r="FNZ647" s="613"/>
      <c r="FOA647" s="613"/>
      <c r="FOB647" s="613"/>
      <c r="FOC647" s="613"/>
      <c r="FOD647" s="613"/>
      <c r="FOE647" s="613"/>
      <c r="FOF647" s="613"/>
      <c r="FOG647" s="613"/>
      <c r="FOH647" s="613"/>
      <c r="FOI647" s="613"/>
      <c r="FOJ647" s="613"/>
      <c r="FOK647" s="613"/>
      <c r="FOL647" s="613"/>
      <c r="FOM647" s="613"/>
      <c r="FON647" s="613"/>
      <c r="FOO647" s="613"/>
      <c r="FOP647" s="613"/>
      <c r="FOQ647" s="613"/>
      <c r="FOR647" s="613"/>
      <c r="FOS647" s="613"/>
      <c r="FOT647" s="613"/>
      <c r="FOU647" s="613"/>
      <c r="FOV647" s="613"/>
      <c r="FOW647" s="613"/>
      <c r="FOX647" s="613"/>
      <c r="FOY647" s="613"/>
      <c r="FOZ647" s="613"/>
      <c r="FPA647" s="613"/>
      <c r="FPB647" s="613"/>
      <c r="FPC647" s="613"/>
      <c r="FPD647" s="613"/>
      <c r="FPE647" s="613"/>
      <c r="FPF647" s="613"/>
      <c r="FPG647" s="613"/>
      <c r="FPH647" s="613"/>
      <c r="FPI647" s="613"/>
      <c r="FPJ647" s="613"/>
      <c r="FPK647" s="613"/>
      <c r="FPL647" s="613"/>
      <c r="FPM647" s="613"/>
      <c r="FPN647" s="613"/>
      <c r="FPO647" s="613"/>
      <c r="FPP647" s="613"/>
      <c r="FPQ647" s="613"/>
      <c r="FPR647" s="613"/>
      <c r="FPS647" s="613"/>
      <c r="FPT647" s="613"/>
      <c r="FPU647" s="613"/>
      <c r="FPV647" s="613"/>
      <c r="FPW647" s="613"/>
      <c r="FPX647" s="613"/>
      <c r="FPY647" s="613"/>
      <c r="FPZ647" s="613"/>
      <c r="FQA647" s="613"/>
      <c r="FQB647" s="613"/>
      <c r="FQC647" s="613"/>
      <c r="FQD647" s="613"/>
      <c r="FQE647" s="613"/>
      <c r="FQF647" s="613"/>
      <c r="FQG647" s="613"/>
      <c r="FQH647" s="613"/>
      <c r="FQI647" s="613"/>
      <c r="FQJ647" s="613"/>
      <c r="FQK647" s="613"/>
      <c r="FQL647" s="613"/>
      <c r="FQM647" s="613"/>
      <c r="FQN647" s="613"/>
      <c r="FQO647" s="613"/>
      <c r="FQP647" s="613"/>
      <c r="FQQ647" s="613"/>
      <c r="FQR647" s="613"/>
      <c r="FQS647" s="613"/>
      <c r="FQT647" s="613"/>
      <c r="FQU647" s="613"/>
      <c r="FQV647" s="613"/>
      <c r="FQW647" s="613"/>
      <c r="FQX647" s="613"/>
      <c r="FQY647" s="613"/>
      <c r="FQZ647" s="613"/>
      <c r="FRA647" s="613"/>
      <c r="FRB647" s="613"/>
      <c r="FRC647" s="613"/>
      <c r="FRD647" s="613"/>
      <c r="FRE647" s="613"/>
      <c r="FRF647" s="613"/>
      <c r="FRG647" s="613"/>
      <c r="FRH647" s="613"/>
      <c r="FRI647" s="613"/>
      <c r="FRJ647" s="613"/>
      <c r="FRK647" s="613"/>
      <c r="FRL647" s="613"/>
      <c r="FRM647" s="613"/>
      <c r="FRN647" s="613"/>
      <c r="FRO647" s="613"/>
      <c r="FRP647" s="613"/>
      <c r="FRQ647" s="613"/>
      <c r="FRR647" s="613"/>
      <c r="FRS647" s="613"/>
      <c r="FRT647" s="613"/>
      <c r="FRU647" s="613"/>
      <c r="FRV647" s="613"/>
      <c r="FRW647" s="613"/>
      <c r="FRX647" s="613"/>
      <c r="FRY647" s="613"/>
      <c r="FRZ647" s="613"/>
      <c r="FSA647" s="613"/>
      <c r="FSB647" s="613"/>
      <c r="FSC647" s="613"/>
      <c r="FSD647" s="613"/>
      <c r="FSE647" s="613"/>
      <c r="FSF647" s="613"/>
      <c r="FSG647" s="613"/>
      <c r="FSH647" s="613"/>
      <c r="FSI647" s="613"/>
      <c r="FSJ647" s="613"/>
      <c r="FSK647" s="613"/>
      <c r="FSL647" s="613"/>
      <c r="FSM647" s="613"/>
      <c r="FSN647" s="613"/>
      <c r="FSO647" s="613"/>
      <c r="FSP647" s="613"/>
      <c r="FSQ647" s="613"/>
      <c r="FSR647" s="613"/>
      <c r="FSS647" s="613"/>
      <c r="FST647" s="613"/>
      <c r="FSU647" s="613"/>
      <c r="FSV647" s="613"/>
      <c r="FSW647" s="613"/>
      <c r="FSX647" s="613"/>
      <c r="FSY647" s="613"/>
      <c r="FSZ647" s="613"/>
      <c r="FTA647" s="613"/>
      <c r="FTB647" s="613"/>
      <c r="FTC647" s="613"/>
      <c r="FTD647" s="613"/>
      <c r="FTE647" s="613"/>
      <c r="FTF647" s="613"/>
      <c r="FTG647" s="613"/>
      <c r="FTH647" s="613"/>
      <c r="FTI647" s="613"/>
      <c r="FTJ647" s="613"/>
      <c r="FTK647" s="613"/>
      <c r="FTL647" s="613"/>
      <c r="FTM647" s="613"/>
      <c r="FTN647" s="613"/>
      <c r="FTO647" s="613"/>
      <c r="FTP647" s="613"/>
      <c r="FTQ647" s="613"/>
      <c r="FTR647" s="613"/>
      <c r="FTS647" s="613"/>
      <c r="FTT647" s="613"/>
      <c r="FTU647" s="613"/>
      <c r="FTV647" s="613"/>
      <c r="FTW647" s="613"/>
      <c r="FTX647" s="613"/>
      <c r="FTY647" s="613"/>
      <c r="FTZ647" s="613"/>
      <c r="FUA647" s="613"/>
      <c r="FUB647" s="613"/>
      <c r="FUC647" s="613"/>
      <c r="FUD647" s="613"/>
      <c r="FUE647" s="613"/>
      <c r="FUF647" s="613"/>
      <c r="FUG647" s="613"/>
      <c r="FUH647" s="613"/>
      <c r="FUI647" s="613"/>
      <c r="FUJ647" s="613"/>
      <c r="FUK647" s="613"/>
      <c r="FUL647" s="613"/>
      <c r="FUM647" s="613"/>
      <c r="FUN647" s="613"/>
      <c r="FUO647" s="613"/>
      <c r="FUP647" s="613"/>
      <c r="FUQ647" s="613"/>
      <c r="FUR647" s="613"/>
      <c r="FUS647" s="613"/>
      <c r="FUT647" s="613"/>
      <c r="FUU647" s="613"/>
      <c r="FUV647" s="613"/>
      <c r="FUW647" s="613"/>
      <c r="FUX647" s="613"/>
      <c r="FUY647" s="613"/>
      <c r="FUZ647" s="613"/>
      <c r="FVA647" s="613"/>
      <c r="FVB647" s="613"/>
      <c r="FVC647" s="613"/>
      <c r="FVD647" s="613"/>
      <c r="FVE647" s="613"/>
      <c r="FVF647" s="613"/>
      <c r="FVG647" s="613"/>
      <c r="FVH647" s="613"/>
      <c r="FVI647" s="613"/>
      <c r="FVJ647" s="613"/>
      <c r="FVK647" s="613"/>
      <c r="FVL647" s="613"/>
      <c r="FVM647" s="613"/>
      <c r="FVN647" s="613"/>
      <c r="FVO647" s="613"/>
      <c r="FVP647" s="613"/>
      <c r="FVQ647" s="613"/>
      <c r="FVR647" s="613"/>
      <c r="FVS647" s="613"/>
      <c r="FVT647" s="613"/>
      <c r="FVU647" s="613"/>
      <c r="FVV647" s="613"/>
      <c r="FVW647" s="613"/>
      <c r="FVX647" s="613"/>
      <c r="FVY647" s="613"/>
      <c r="FVZ647" s="613"/>
      <c r="FWA647" s="613"/>
      <c r="FWB647" s="613"/>
      <c r="FWC647" s="613"/>
      <c r="FWD647" s="613"/>
      <c r="FWE647" s="613"/>
      <c r="FWF647" s="613"/>
      <c r="FWG647" s="613"/>
      <c r="FWH647" s="613"/>
      <c r="FWI647" s="613"/>
      <c r="FWJ647" s="613"/>
      <c r="FWK647" s="613"/>
      <c r="FWL647" s="613"/>
      <c r="FWM647" s="613"/>
      <c r="FWN647" s="613"/>
      <c r="FWO647" s="613"/>
      <c r="FWP647" s="613"/>
      <c r="FWQ647" s="613"/>
      <c r="FWR647" s="613"/>
      <c r="FWS647" s="613"/>
      <c r="FWT647" s="613"/>
      <c r="FWU647" s="613"/>
      <c r="FWV647" s="613"/>
      <c r="FWW647" s="613"/>
      <c r="FWX647" s="613"/>
      <c r="FWY647" s="613"/>
      <c r="FWZ647" s="613"/>
      <c r="FXA647" s="613"/>
      <c r="FXB647" s="613"/>
      <c r="FXC647" s="613"/>
      <c r="FXD647" s="613"/>
      <c r="FXE647" s="613"/>
      <c r="FXF647" s="613"/>
      <c r="FXG647" s="613"/>
      <c r="FXH647" s="613"/>
      <c r="FXI647" s="613"/>
      <c r="FXJ647" s="613"/>
      <c r="FXK647" s="613"/>
      <c r="FXL647" s="613"/>
      <c r="FXM647" s="613"/>
      <c r="FXN647" s="613"/>
      <c r="FXO647" s="613"/>
      <c r="FXP647" s="613"/>
      <c r="FXQ647" s="613"/>
      <c r="FXR647" s="613"/>
      <c r="FXS647" s="613"/>
      <c r="FXT647" s="613"/>
      <c r="FXU647" s="613"/>
      <c r="FXV647" s="613"/>
      <c r="FXW647" s="613"/>
      <c r="FXX647" s="613"/>
      <c r="FXY647" s="613"/>
      <c r="FXZ647" s="613"/>
      <c r="FYA647" s="613"/>
      <c r="FYB647" s="613"/>
      <c r="FYC647" s="613"/>
      <c r="FYD647" s="613"/>
      <c r="FYE647" s="613"/>
      <c r="FYF647" s="613"/>
      <c r="FYG647" s="613"/>
      <c r="FYH647" s="613"/>
      <c r="FYI647" s="613"/>
      <c r="FYJ647" s="613"/>
      <c r="FYK647" s="613"/>
      <c r="FYL647" s="613"/>
      <c r="FYM647" s="613"/>
      <c r="FYN647" s="613"/>
      <c r="FYO647" s="613"/>
      <c r="FYP647" s="613"/>
      <c r="FYQ647" s="613"/>
      <c r="FYR647" s="613"/>
      <c r="FYS647" s="613"/>
      <c r="FYT647" s="613"/>
      <c r="FYU647" s="613"/>
      <c r="FYV647" s="613"/>
      <c r="FYW647" s="613"/>
      <c r="FYX647" s="613"/>
      <c r="FYY647" s="613"/>
      <c r="FYZ647" s="613"/>
      <c r="FZA647" s="613"/>
      <c r="FZB647" s="613"/>
      <c r="FZC647" s="613"/>
      <c r="FZD647" s="613"/>
      <c r="FZE647" s="613"/>
      <c r="FZF647" s="613"/>
      <c r="FZG647" s="613"/>
      <c r="FZH647" s="613"/>
      <c r="FZI647" s="613"/>
      <c r="FZJ647" s="613"/>
      <c r="FZK647" s="613"/>
      <c r="FZL647" s="613"/>
      <c r="FZM647" s="613"/>
      <c r="FZN647" s="613"/>
      <c r="FZO647" s="613"/>
      <c r="FZP647" s="613"/>
      <c r="FZQ647" s="613"/>
      <c r="FZR647" s="613"/>
      <c r="FZS647" s="613"/>
      <c r="FZT647" s="613"/>
      <c r="FZU647" s="613"/>
      <c r="FZV647" s="613"/>
      <c r="FZW647" s="613"/>
      <c r="FZX647" s="613"/>
      <c r="FZY647" s="613"/>
      <c r="FZZ647" s="613"/>
      <c r="GAA647" s="613"/>
      <c r="GAB647" s="613"/>
      <c r="GAC647" s="613"/>
      <c r="GAD647" s="613"/>
      <c r="GAE647" s="613"/>
      <c r="GAF647" s="613"/>
      <c r="GAG647" s="613"/>
      <c r="GAH647" s="613"/>
      <c r="GAI647" s="613"/>
      <c r="GAJ647" s="613"/>
      <c r="GAK647" s="613"/>
      <c r="GAL647" s="613"/>
      <c r="GAM647" s="613"/>
      <c r="GAN647" s="613"/>
      <c r="GAO647" s="613"/>
      <c r="GAP647" s="613"/>
      <c r="GAQ647" s="613"/>
      <c r="GAR647" s="613"/>
      <c r="GAS647" s="613"/>
      <c r="GAT647" s="613"/>
      <c r="GAU647" s="613"/>
      <c r="GAV647" s="613"/>
      <c r="GAW647" s="613"/>
      <c r="GAX647" s="613"/>
      <c r="GAY647" s="613"/>
      <c r="GAZ647" s="613"/>
      <c r="GBA647" s="613"/>
      <c r="GBB647" s="613"/>
      <c r="GBC647" s="613"/>
      <c r="GBD647" s="613"/>
      <c r="GBE647" s="613"/>
      <c r="GBF647" s="613"/>
      <c r="GBG647" s="613"/>
      <c r="GBH647" s="613"/>
      <c r="GBI647" s="613"/>
      <c r="GBJ647" s="613"/>
      <c r="GBK647" s="613"/>
      <c r="GBL647" s="613"/>
      <c r="GBM647" s="613"/>
      <c r="GBN647" s="613"/>
      <c r="GBO647" s="613"/>
      <c r="GBP647" s="613"/>
      <c r="GBQ647" s="613"/>
      <c r="GBR647" s="613"/>
      <c r="GBS647" s="613"/>
      <c r="GBT647" s="613"/>
      <c r="GBU647" s="613"/>
      <c r="GBV647" s="613"/>
      <c r="GBW647" s="613"/>
      <c r="GBX647" s="613"/>
      <c r="GBY647" s="613"/>
      <c r="GBZ647" s="613"/>
      <c r="GCA647" s="613"/>
      <c r="GCB647" s="613"/>
      <c r="GCC647" s="613"/>
      <c r="GCD647" s="613"/>
      <c r="GCE647" s="613"/>
      <c r="GCF647" s="613"/>
      <c r="GCG647" s="613"/>
      <c r="GCH647" s="613"/>
      <c r="GCI647" s="613"/>
      <c r="GCJ647" s="613"/>
      <c r="GCK647" s="613"/>
      <c r="GCL647" s="613"/>
      <c r="GCM647" s="613"/>
      <c r="GCN647" s="613"/>
      <c r="GCO647" s="613"/>
      <c r="GCP647" s="613"/>
      <c r="GCQ647" s="613"/>
      <c r="GCR647" s="613"/>
      <c r="GCS647" s="613"/>
      <c r="GCT647" s="613"/>
      <c r="GCU647" s="613"/>
      <c r="GCV647" s="613"/>
      <c r="GCW647" s="613"/>
      <c r="GCX647" s="613"/>
      <c r="GCY647" s="613"/>
      <c r="GCZ647" s="613"/>
      <c r="GDA647" s="613"/>
      <c r="GDB647" s="613"/>
      <c r="GDC647" s="613"/>
      <c r="GDD647" s="613"/>
      <c r="GDE647" s="613"/>
      <c r="GDF647" s="613"/>
      <c r="GDG647" s="613"/>
      <c r="GDH647" s="613"/>
      <c r="GDI647" s="613"/>
      <c r="GDJ647" s="613"/>
      <c r="GDK647" s="613"/>
      <c r="GDL647" s="613"/>
      <c r="GDM647" s="613"/>
      <c r="GDN647" s="613"/>
      <c r="GDO647" s="613"/>
      <c r="GDP647" s="613"/>
      <c r="GDQ647" s="613"/>
      <c r="GDR647" s="613"/>
      <c r="GDS647" s="613"/>
      <c r="GDT647" s="613"/>
      <c r="GDU647" s="613"/>
      <c r="GDV647" s="613"/>
      <c r="GDW647" s="613"/>
      <c r="GDX647" s="613"/>
      <c r="GDY647" s="613"/>
      <c r="GDZ647" s="613"/>
      <c r="GEA647" s="613"/>
      <c r="GEB647" s="613"/>
      <c r="GEC647" s="613"/>
      <c r="GED647" s="613"/>
      <c r="GEE647" s="613"/>
      <c r="GEF647" s="613"/>
      <c r="GEG647" s="613"/>
      <c r="GEH647" s="613"/>
      <c r="GEI647" s="613"/>
      <c r="GEJ647" s="613"/>
      <c r="GEK647" s="613"/>
      <c r="GEL647" s="613"/>
      <c r="GEM647" s="613"/>
      <c r="GEN647" s="613"/>
      <c r="GEO647" s="613"/>
      <c r="GEP647" s="613"/>
      <c r="GEQ647" s="613"/>
      <c r="GER647" s="613"/>
      <c r="GES647" s="613"/>
      <c r="GET647" s="613"/>
      <c r="GEU647" s="613"/>
      <c r="GEV647" s="613"/>
      <c r="GEW647" s="613"/>
      <c r="GEX647" s="613"/>
      <c r="GEY647" s="613"/>
      <c r="GEZ647" s="613"/>
      <c r="GFA647" s="613"/>
      <c r="GFB647" s="613"/>
      <c r="GFC647" s="613"/>
      <c r="GFD647" s="613"/>
      <c r="GFE647" s="613"/>
      <c r="GFF647" s="613"/>
      <c r="GFG647" s="613"/>
      <c r="GFH647" s="613"/>
      <c r="GFI647" s="613"/>
      <c r="GFJ647" s="613"/>
      <c r="GFK647" s="613"/>
      <c r="GFL647" s="613"/>
      <c r="GFM647" s="613"/>
      <c r="GFN647" s="613"/>
      <c r="GFO647" s="613"/>
      <c r="GFP647" s="613"/>
      <c r="GFQ647" s="613"/>
      <c r="GFR647" s="613"/>
      <c r="GFS647" s="613"/>
      <c r="GFT647" s="613"/>
      <c r="GFU647" s="613"/>
      <c r="GFV647" s="613"/>
      <c r="GFW647" s="613"/>
      <c r="GFX647" s="613"/>
      <c r="GFY647" s="613"/>
      <c r="GFZ647" s="613"/>
      <c r="GGA647" s="613"/>
      <c r="GGB647" s="613"/>
      <c r="GGC647" s="613"/>
      <c r="GGD647" s="613"/>
      <c r="GGE647" s="613"/>
      <c r="GGF647" s="613"/>
      <c r="GGG647" s="613"/>
      <c r="GGH647" s="613"/>
      <c r="GGI647" s="613"/>
      <c r="GGJ647" s="613"/>
      <c r="GGK647" s="613"/>
      <c r="GGL647" s="613"/>
      <c r="GGM647" s="613"/>
      <c r="GGN647" s="613"/>
      <c r="GGO647" s="613"/>
      <c r="GGP647" s="613"/>
      <c r="GGQ647" s="613"/>
      <c r="GGR647" s="613"/>
      <c r="GGS647" s="613"/>
      <c r="GGT647" s="613"/>
      <c r="GGU647" s="613"/>
      <c r="GGV647" s="613"/>
      <c r="GGW647" s="613"/>
      <c r="GGX647" s="613"/>
      <c r="GGY647" s="613"/>
      <c r="GGZ647" s="613"/>
      <c r="GHA647" s="613"/>
      <c r="GHB647" s="613"/>
      <c r="GHC647" s="613"/>
      <c r="GHD647" s="613"/>
      <c r="GHE647" s="613"/>
      <c r="GHF647" s="613"/>
      <c r="GHG647" s="613"/>
      <c r="GHH647" s="613"/>
      <c r="GHI647" s="613"/>
      <c r="GHJ647" s="613"/>
      <c r="GHK647" s="613"/>
      <c r="GHL647" s="613"/>
      <c r="GHM647" s="613"/>
      <c r="GHN647" s="613"/>
      <c r="GHO647" s="613"/>
      <c r="GHP647" s="613"/>
      <c r="GHQ647" s="613"/>
      <c r="GHR647" s="613"/>
      <c r="GHS647" s="613"/>
      <c r="GHT647" s="613"/>
      <c r="GHU647" s="613"/>
      <c r="GHV647" s="613"/>
      <c r="GHW647" s="613"/>
      <c r="GHX647" s="613"/>
      <c r="GHY647" s="613"/>
      <c r="GHZ647" s="613"/>
      <c r="GIA647" s="613"/>
      <c r="GIB647" s="613"/>
      <c r="GIC647" s="613"/>
      <c r="GID647" s="613"/>
      <c r="GIE647" s="613"/>
      <c r="GIF647" s="613"/>
      <c r="GIG647" s="613"/>
      <c r="GIH647" s="613"/>
      <c r="GII647" s="613"/>
      <c r="GIJ647" s="613"/>
      <c r="GIK647" s="613"/>
      <c r="GIL647" s="613"/>
      <c r="GIM647" s="613"/>
      <c r="GIN647" s="613"/>
      <c r="GIO647" s="613"/>
      <c r="GIP647" s="613"/>
      <c r="GIQ647" s="613"/>
      <c r="GIR647" s="613"/>
      <c r="GIS647" s="613"/>
      <c r="GIT647" s="613"/>
      <c r="GIU647" s="613"/>
      <c r="GIV647" s="613"/>
      <c r="GIW647" s="613"/>
      <c r="GIX647" s="613"/>
      <c r="GIY647" s="613"/>
      <c r="GIZ647" s="613"/>
      <c r="GJA647" s="613"/>
      <c r="GJB647" s="613"/>
      <c r="GJC647" s="613"/>
      <c r="GJD647" s="613"/>
      <c r="GJE647" s="613"/>
      <c r="GJF647" s="613"/>
      <c r="GJG647" s="613"/>
      <c r="GJH647" s="613"/>
      <c r="GJI647" s="613"/>
      <c r="GJJ647" s="613"/>
      <c r="GJK647" s="613"/>
      <c r="GJL647" s="613"/>
      <c r="GJM647" s="613"/>
      <c r="GJN647" s="613"/>
      <c r="GJO647" s="613"/>
      <c r="GJP647" s="613"/>
      <c r="GJQ647" s="613"/>
      <c r="GJR647" s="613"/>
      <c r="GJS647" s="613"/>
      <c r="GJT647" s="613"/>
      <c r="GJU647" s="613"/>
      <c r="GJV647" s="613"/>
      <c r="GJW647" s="613"/>
      <c r="GJX647" s="613"/>
      <c r="GJY647" s="613"/>
      <c r="GJZ647" s="613"/>
      <c r="GKA647" s="613"/>
      <c r="GKB647" s="613"/>
      <c r="GKC647" s="613"/>
      <c r="GKD647" s="613"/>
      <c r="GKE647" s="613"/>
      <c r="GKF647" s="613"/>
      <c r="GKG647" s="613"/>
      <c r="GKH647" s="613"/>
      <c r="GKI647" s="613"/>
      <c r="GKJ647" s="613"/>
      <c r="GKK647" s="613"/>
      <c r="GKL647" s="613"/>
      <c r="GKM647" s="613"/>
      <c r="GKN647" s="613"/>
      <c r="GKO647" s="613"/>
      <c r="GKP647" s="613"/>
      <c r="GKQ647" s="613"/>
      <c r="GKR647" s="613"/>
      <c r="GKS647" s="613"/>
      <c r="GKT647" s="613"/>
      <c r="GKU647" s="613"/>
      <c r="GKV647" s="613"/>
      <c r="GKW647" s="613"/>
      <c r="GKX647" s="613"/>
      <c r="GKY647" s="613"/>
      <c r="GKZ647" s="613"/>
      <c r="GLA647" s="613"/>
      <c r="GLB647" s="613"/>
      <c r="GLC647" s="613"/>
      <c r="GLD647" s="613"/>
      <c r="GLE647" s="613"/>
      <c r="GLF647" s="613"/>
      <c r="GLG647" s="613"/>
      <c r="GLH647" s="613"/>
      <c r="GLI647" s="613"/>
      <c r="GLJ647" s="613"/>
      <c r="GLK647" s="613"/>
      <c r="GLL647" s="613"/>
      <c r="GLM647" s="613"/>
      <c r="GLN647" s="613"/>
      <c r="GLO647" s="613"/>
      <c r="GLP647" s="613"/>
      <c r="GLQ647" s="613"/>
      <c r="GLR647" s="613"/>
      <c r="GLS647" s="613"/>
      <c r="GLT647" s="613"/>
      <c r="GLU647" s="613"/>
      <c r="GLV647" s="613"/>
      <c r="GLW647" s="613"/>
      <c r="GLX647" s="613"/>
      <c r="GLY647" s="613"/>
      <c r="GLZ647" s="613"/>
      <c r="GMA647" s="613"/>
      <c r="GMB647" s="613"/>
      <c r="GMC647" s="613"/>
      <c r="GMD647" s="613"/>
      <c r="GME647" s="613"/>
      <c r="GMF647" s="613"/>
      <c r="GMG647" s="613"/>
      <c r="GMH647" s="613"/>
      <c r="GMI647" s="613"/>
      <c r="GMJ647" s="613"/>
      <c r="GMK647" s="613"/>
      <c r="GML647" s="613"/>
      <c r="GMM647" s="613"/>
      <c r="GMN647" s="613"/>
      <c r="GMO647" s="613"/>
      <c r="GMP647" s="613"/>
      <c r="GMQ647" s="613"/>
      <c r="GMR647" s="613"/>
      <c r="GMS647" s="613"/>
      <c r="GMT647" s="613"/>
      <c r="GMU647" s="613"/>
      <c r="GMV647" s="613"/>
      <c r="GMW647" s="613"/>
      <c r="GMX647" s="613"/>
      <c r="GMY647" s="613"/>
      <c r="GMZ647" s="613"/>
      <c r="GNA647" s="613"/>
      <c r="GNB647" s="613"/>
      <c r="GNC647" s="613"/>
      <c r="GND647" s="613"/>
      <c r="GNE647" s="613"/>
      <c r="GNF647" s="613"/>
      <c r="GNG647" s="613"/>
      <c r="GNH647" s="613"/>
      <c r="GNI647" s="613"/>
      <c r="GNJ647" s="613"/>
      <c r="GNK647" s="613"/>
      <c r="GNL647" s="613"/>
      <c r="GNM647" s="613"/>
      <c r="GNN647" s="613"/>
      <c r="GNO647" s="613"/>
      <c r="GNP647" s="613"/>
      <c r="GNQ647" s="613"/>
      <c r="GNR647" s="613"/>
      <c r="GNS647" s="613"/>
      <c r="GNT647" s="613"/>
      <c r="GNU647" s="613"/>
      <c r="GNV647" s="613"/>
      <c r="GNW647" s="613"/>
      <c r="GNX647" s="613"/>
      <c r="GNY647" s="613"/>
      <c r="GNZ647" s="613"/>
      <c r="GOA647" s="613"/>
      <c r="GOB647" s="613"/>
      <c r="GOC647" s="613"/>
      <c r="GOD647" s="613"/>
      <c r="GOE647" s="613"/>
      <c r="GOF647" s="613"/>
      <c r="GOG647" s="613"/>
      <c r="GOH647" s="613"/>
      <c r="GOI647" s="613"/>
      <c r="GOJ647" s="613"/>
      <c r="GOK647" s="613"/>
      <c r="GOL647" s="613"/>
      <c r="GOM647" s="613"/>
      <c r="GON647" s="613"/>
      <c r="GOO647" s="613"/>
      <c r="GOP647" s="613"/>
      <c r="GOQ647" s="613"/>
      <c r="GOR647" s="613"/>
      <c r="GOS647" s="613"/>
      <c r="GOT647" s="613"/>
      <c r="GOU647" s="613"/>
      <c r="GOV647" s="613"/>
      <c r="GOW647" s="613"/>
      <c r="GOX647" s="613"/>
      <c r="GOY647" s="613"/>
      <c r="GOZ647" s="613"/>
      <c r="GPA647" s="613"/>
      <c r="GPB647" s="613"/>
      <c r="GPC647" s="613"/>
      <c r="GPD647" s="613"/>
      <c r="GPE647" s="613"/>
      <c r="GPF647" s="613"/>
      <c r="GPG647" s="613"/>
      <c r="GPH647" s="613"/>
      <c r="GPI647" s="613"/>
      <c r="GPJ647" s="613"/>
      <c r="GPK647" s="613"/>
      <c r="GPL647" s="613"/>
      <c r="GPM647" s="613"/>
      <c r="GPN647" s="613"/>
      <c r="GPO647" s="613"/>
      <c r="GPP647" s="613"/>
      <c r="GPQ647" s="613"/>
      <c r="GPR647" s="613"/>
      <c r="GPS647" s="613"/>
      <c r="GPT647" s="613"/>
      <c r="GPU647" s="613"/>
      <c r="GPV647" s="613"/>
      <c r="GPW647" s="613"/>
      <c r="GPX647" s="613"/>
      <c r="GPY647" s="613"/>
      <c r="GPZ647" s="613"/>
      <c r="GQA647" s="613"/>
      <c r="GQB647" s="613"/>
      <c r="GQC647" s="613"/>
      <c r="GQD647" s="613"/>
      <c r="GQE647" s="613"/>
      <c r="GQF647" s="613"/>
      <c r="GQG647" s="613"/>
      <c r="GQH647" s="613"/>
      <c r="GQI647" s="613"/>
      <c r="GQJ647" s="613"/>
      <c r="GQK647" s="613"/>
      <c r="GQL647" s="613"/>
      <c r="GQM647" s="613"/>
      <c r="GQN647" s="613"/>
      <c r="GQO647" s="613"/>
      <c r="GQP647" s="613"/>
      <c r="GQQ647" s="613"/>
      <c r="GQR647" s="613"/>
      <c r="GQS647" s="613"/>
      <c r="GQT647" s="613"/>
      <c r="GQU647" s="613"/>
      <c r="GQV647" s="613"/>
      <c r="GQW647" s="613"/>
      <c r="GQX647" s="613"/>
      <c r="GQY647" s="613"/>
      <c r="GQZ647" s="613"/>
      <c r="GRA647" s="613"/>
      <c r="GRB647" s="613"/>
      <c r="GRC647" s="613"/>
      <c r="GRD647" s="613"/>
      <c r="GRE647" s="613"/>
      <c r="GRF647" s="613"/>
      <c r="GRG647" s="613"/>
      <c r="GRH647" s="613"/>
      <c r="GRI647" s="613"/>
      <c r="GRJ647" s="613"/>
      <c r="GRK647" s="613"/>
      <c r="GRL647" s="613"/>
      <c r="GRM647" s="613"/>
      <c r="GRN647" s="613"/>
      <c r="GRO647" s="613"/>
      <c r="GRP647" s="613"/>
      <c r="GRQ647" s="613"/>
      <c r="GRR647" s="613"/>
      <c r="GRS647" s="613"/>
      <c r="GRT647" s="613"/>
      <c r="GRU647" s="613"/>
      <c r="GRV647" s="613"/>
      <c r="GRW647" s="613"/>
      <c r="GRX647" s="613"/>
      <c r="GRY647" s="613"/>
      <c r="GRZ647" s="613"/>
      <c r="GSA647" s="613"/>
      <c r="GSB647" s="613"/>
      <c r="GSC647" s="613"/>
      <c r="GSD647" s="613"/>
      <c r="GSE647" s="613"/>
      <c r="GSF647" s="613"/>
      <c r="GSG647" s="613"/>
      <c r="GSH647" s="613"/>
      <c r="GSI647" s="613"/>
      <c r="GSJ647" s="613"/>
      <c r="GSK647" s="613"/>
      <c r="GSL647" s="613"/>
      <c r="GSM647" s="613"/>
      <c r="GSN647" s="613"/>
      <c r="GSO647" s="613"/>
      <c r="GSP647" s="613"/>
      <c r="GSQ647" s="613"/>
      <c r="GSR647" s="613"/>
      <c r="GSS647" s="613"/>
      <c r="GST647" s="613"/>
      <c r="GSU647" s="613"/>
      <c r="GSV647" s="613"/>
      <c r="GSW647" s="613"/>
      <c r="GSX647" s="613"/>
      <c r="GSY647" s="613"/>
      <c r="GSZ647" s="613"/>
      <c r="GTA647" s="613"/>
      <c r="GTB647" s="613"/>
      <c r="GTC647" s="613"/>
      <c r="GTD647" s="613"/>
      <c r="GTE647" s="613"/>
      <c r="GTF647" s="613"/>
      <c r="GTG647" s="613"/>
      <c r="GTH647" s="613"/>
      <c r="GTI647" s="613"/>
      <c r="GTJ647" s="613"/>
      <c r="GTK647" s="613"/>
      <c r="GTL647" s="613"/>
      <c r="GTM647" s="613"/>
      <c r="GTN647" s="613"/>
      <c r="GTO647" s="613"/>
      <c r="GTP647" s="613"/>
      <c r="GTQ647" s="613"/>
      <c r="GTR647" s="613"/>
      <c r="GTS647" s="613"/>
      <c r="GTT647" s="613"/>
      <c r="GTU647" s="613"/>
      <c r="GTV647" s="613"/>
      <c r="GTW647" s="613"/>
      <c r="GTX647" s="613"/>
      <c r="GTY647" s="613"/>
      <c r="GTZ647" s="613"/>
      <c r="GUA647" s="613"/>
      <c r="GUB647" s="613"/>
      <c r="GUC647" s="613"/>
      <c r="GUD647" s="613"/>
      <c r="GUE647" s="613"/>
      <c r="GUF647" s="613"/>
      <c r="GUG647" s="613"/>
      <c r="GUH647" s="613"/>
      <c r="GUI647" s="613"/>
      <c r="GUJ647" s="613"/>
      <c r="GUK647" s="613"/>
      <c r="GUL647" s="613"/>
      <c r="GUM647" s="613"/>
      <c r="GUN647" s="613"/>
      <c r="GUO647" s="613"/>
      <c r="GUP647" s="613"/>
      <c r="GUQ647" s="613"/>
      <c r="GUR647" s="613"/>
      <c r="GUS647" s="613"/>
      <c r="GUT647" s="613"/>
      <c r="GUU647" s="613"/>
      <c r="GUV647" s="613"/>
      <c r="GUW647" s="613"/>
      <c r="GUX647" s="613"/>
      <c r="GUY647" s="613"/>
      <c r="GUZ647" s="613"/>
      <c r="GVA647" s="613"/>
      <c r="GVB647" s="613"/>
      <c r="GVC647" s="613"/>
      <c r="GVD647" s="613"/>
      <c r="GVE647" s="613"/>
      <c r="GVF647" s="613"/>
      <c r="GVG647" s="613"/>
      <c r="GVH647" s="613"/>
      <c r="GVI647" s="613"/>
      <c r="GVJ647" s="613"/>
      <c r="GVK647" s="613"/>
      <c r="GVL647" s="613"/>
      <c r="GVM647" s="613"/>
      <c r="GVN647" s="613"/>
      <c r="GVO647" s="613"/>
      <c r="GVP647" s="613"/>
      <c r="GVQ647" s="613"/>
      <c r="GVR647" s="613"/>
      <c r="GVS647" s="613"/>
      <c r="GVT647" s="613"/>
      <c r="GVU647" s="613"/>
      <c r="GVV647" s="613"/>
      <c r="GVW647" s="613"/>
      <c r="GVX647" s="613"/>
      <c r="GVY647" s="613"/>
      <c r="GVZ647" s="613"/>
      <c r="GWA647" s="613"/>
      <c r="GWB647" s="613"/>
      <c r="GWC647" s="613"/>
      <c r="GWD647" s="613"/>
      <c r="GWE647" s="613"/>
      <c r="GWF647" s="613"/>
      <c r="GWG647" s="613"/>
      <c r="GWH647" s="613"/>
      <c r="GWI647" s="613"/>
      <c r="GWJ647" s="613"/>
      <c r="GWK647" s="613"/>
      <c r="GWL647" s="613"/>
      <c r="GWM647" s="613"/>
      <c r="GWN647" s="613"/>
      <c r="GWO647" s="613"/>
      <c r="GWP647" s="613"/>
      <c r="GWQ647" s="613"/>
      <c r="GWR647" s="613"/>
      <c r="GWS647" s="613"/>
      <c r="GWT647" s="613"/>
      <c r="GWU647" s="613"/>
      <c r="GWV647" s="613"/>
      <c r="GWW647" s="613"/>
      <c r="GWX647" s="613"/>
      <c r="GWY647" s="613"/>
      <c r="GWZ647" s="613"/>
      <c r="GXA647" s="613"/>
      <c r="GXB647" s="613"/>
      <c r="GXC647" s="613"/>
      <c r="GXD647" s="613"/>
      <c r="GXE647" s="613"/>
      <c r="GXF647" s="613"/>
      <c r="GXG647" s="613"/>
      <c r="GXH647" s="613"/>
      <c r="GXI647" s="613"/>
      <c r="GXJ647" s="613"/>
      <c r="GXK647" s="613"/>
      <c r="GXL647" s="613"/>
      <c r="GXM647" s="613"/>
      <c r="GXN647" s="613"/>
      <c r="GXO647" s="613"/>
      <c r="GXP647" s="613"/>
      <c r="GXQ647" s="613"/>
      <c r="GXR647" s="613"/>
      <c r="GXS647" s="613"/>
      <c r="GXT647" s="613"/>
      <c r="GXU647" s="613"/>
      <c r="GXV647" s="613"/>
      <c r="GXW647" s="613"/>
      <c r="GXX647" s="613"/>
      <c r="GXY647" s="613"/>
      <c r="GXZ647" s="613"/>
      <c r="GYA647" s="613"/>
      <c r="GYB647" s="613"/>
      <c r="GYC647" s="613"/>
      <c r="GYD647" s="613"/>
      <c r="GYE647" s="613"/>
      <c r="GYF647" s="613"/>
      <c r="GYG647" s="613"/>
      <c r="GYH647" s="613"/>
      <c r="GYI647" s="613"/>
      <c r="GYJ647" s="613"/>
      <c r="GYK647" s="613"/>
      <c r="GYL647" s="613"/>
      <c r="GYM647" s="613"/>
      <c r="GYN647" s="613"/>
      <c r="GYO647" s="613"/>
      <c r="GYP647" s="613"/>
      <c r="GYQ647" s="613"/>
      <c r="GYR647" s="613"/>
      <c r="GYS647" s="613"/>
      <c r="GYT647" s="613"/>
      <c r="GYU647" s="613"/>
      <c r="GYV647" s="613"/>
      <c r="GYW647" s="613"/>
      <c r="GYX647" s="613"/>
      <c r="GYY647" s="613"/>
      <c r="GYZ647" s="613"/>
      <c r="GZA647" s="613"/>
      <c r="GZB647" s="613"/>
      <c r="GZC647" s="613"/>
      <c r="GZD647" s="613"/>
      <c r="GZE647" s="613"/>
      <c r="GZF647" s="613"/>
      <c r="GZG647" s="613"/>
      <c r="GZH647" s="613"/>
      <c r="GZI647" s="613"/>
      <c r="GZJ647" s="613"/>
      <c r="GZK647" s="613"/>
      <c r="GZL647" s="613"/>
      <c r="GZM647" s="613"/>
      <c r="GZN647" s="613"/>
      <c r="GZO647" s="613"/>
      <c r="GZP647" s="613"/>
      <c r="GZQ647" s="613"/>
      <c r="GZR647" s="613"/>
      <c r="GZS647" s="613"/>
      <c r="GZT647" s="613"/>
      <c r="GZU647" s="613"/>
      <c r="GZV647" s="613"/>
      <c r="GZW647" s="613"/>
      <c r="GZX647" s="613"/>
      <c r="GZY647" s="613"/>
      <c r="GZZ647" s="613"/>
      <c r="HAA647" s="613"/>
      <c r="HAB647" s="613"/>
      <c r="HAC647" s="613"/>
      <c r="HAD647" s="613"/>
      <c r="HAE647" s="613"/>
      <c r="HAF647" s="613"/>
      <c r="HAG647" s="613"/>
      <c r="HAH647" s="613"/>
      <c r="HAI647" s="613"/>
      <c r="HAJ647" s="613"/>
      <c r="HAK647" s="613"/>
      <c r="HAL647" s="613"/>
      <c r="HAM647" s="613"/>
      <c r="HAN647" s="613"/>
      <c r="HAO647" s="613"/>
      <c r="HAP647" s="613"/>
      <c r="HAQ647" s="613"/>
      <c r="HAR647" s="613"/>
      <c r="HAS647" s="613"/>
      <c r="HAT647" s="613"/>
      <c r="HAU647" s="613"/>
      <c r="HAV647" s="613"/>
      <c r="HAW647" s="613"/>
      <c r="HAX647" s="613"/>
      <c r="HAY647" s="613"/>
      <c r="HAZ647" s="613"/>
      <c r="HBA647" s="613"/>
      <c r="HBB647" s="613"/>
      <c r="HBC647" s="613"/>
      <c r="HBD647" s="613"/>
      <c r="HBE647" s="613"/>
      <c r="HBF647" s="613"/>
      <c r="HBG647" s="613"/>
      <c r="HBH647" s="613"/>
      <c r="HBI647" s="613"/>
      <c r="HBJ647" s="613"/>
      <c r="HBK647" s="613"/>
      <c r="HBL647" s="613"/>
      <c r="HBM647" s="613"/>
      <c r="HBN647" s="613"/>
      <c r="HBO647" s="613"/>
      <c r="HBP647" s="613"/>
      <c r="HBQ647" s="613"/>
      <c r="HBR647" s="613"/>
      <c r="HBS647" s="613"/>
      <c r="HBT647" s="613"/>
      <c r="HBU647" s="613"/>
      <c r="HBV647" s="613"/>
      <c r="HBW647" s="613"/>
      <c r="HBX647" s="613"/>
      <c r="HBY647" s="613"/>
      <c r="HBZ647" s="613"/>
      <c r="HCA647" s="613"/>
      <c r="HCB647" s="613"/>
      <c r="HCC647" s="613"/>
      <c r="HCD647" s="613"/>
      <c r="HCE647" s="613"/>
      <c r="HCF647" s="613"/>
      <c r="HCG647" s="613"/>
      <c r="HCH647" s="613"/>
      <c r="HCI647" s="613"/>
      <c r="HCJ647" s="613"/>
      <c r="HCK647" s="613"/>
      <c r="HCL647" s="613"/>
      <c r="HCM647" s="613"/>
      <c r="HCN647" s="613"/>
      <c r="HCO647" s="613"/>
      <c r="HCP647" s="613"/>
      <c r="HCQ647" s="613"/>
      <c r="HCR647" s="613"/>
      <c r="HCS647" s="613"/>
      <c r="HCT647" s="613"/>
      <c r="HCU647" s="613"/>
      <c r="HCV647" s="613"/>
      <c r="HCW647" s="613"/>
      <c r="HCX647" s="613"/>
      <c r="HCY647" s="613"/>
      <c r="HCZ647" s="613"/>
      <c r="HDA647" s="613"/>
      <c r="HDB647" s="613"/>
      <c r="HDC647" s="613"/>
      <c r="HDD647" s="613"/>
      <c r="HDE647" s="613"/>
      <c r="HDF647" s="613"/>
      <c r="HDG647" s="613"/>
      <c r="HDH647" s="613"/>
      <c r="HDI647" s="613"/>
      <c r="HDJ647" s="613"/>
      <c r="HDK647" s="613"/>
      <c r="HDL647" s="613"/>
      <c r="HDM647" s="613"/>
      <c r="HDN647" s="613"/>
      <c r="HDO647" s="613"/>
      <c r="HDP647" s="613"/>
      <c r="HDQ647" s="613"/>
      <c r="HDR647" s="613"/>
      <c r="HDS647" s="613"/>
      <c r="HDT647" s="613"/>
      <c r="HDU647" s="613"/>
      <c r="HDV647" s="613"/>
      <c r="HDW647" s="613"/>
      <c r="HDX647" s="613"/>
      <c r="HDY647" s="613"/>
      <c r="HDZ647" s="613"/>
      <c r="HEA647" s="613"/>
      <c r="HEB647" s="613"/>
      <c r="HEC647" s="613"/>
      <c r="HED647" s="613"/>
      <c r="HEE647" s="613"/>
      <c r="HEF647" s="613"/>
      <c r="HEG647" s="613"/>
      <c r="HEH647" s="613"/>
      <c r="HEI647" s="613"/>
      <c r="HEJ647" s="613"/>
      <c r="HEK647" s="613"/>
      <c r="HEL647" s="613"/>
      <c r="HEM647" s="613"/>
      <c r="HEN647" s="613"/>
      <c r="HEO647" s="613"/>
      <c r="HEP647" s="613"/>
      <c r="HEQ647" s="613"/>
      <c r="HER647" s="613"/>
      <c r="HES647" s="613"/>
      <c r="HET647" s="613"/>
      <c r="HEU647" s="613"/>
      <c r="HEV647" s="613"/>
      <c r="HEW647" s="613"/>
      <c r="HEX647" s="613"/>
      <c r="HEY647" s="613"/>
      <c r="HEZ647" s="613"/>
      <c r="HFA647" s="613"/>
      <c r="HFB647" s="613"/>
      <c r="HFC647" s="613"/>
      <c r="HFD647" s="613"/>
      <c r="HFE647" s="613"/>
      <c r="HFF647" s="613"/>
      <c r="HFG647" s="613"/>
      <c r="HFH647" s="613"/>
      <c r="HFI647" s="613"/>
      <c r="HFJ647" s="613"/>
      <c r="HFK647" s="613"/>
      <c r="HFL647" s="613"/>
      <c r="HFM647" s="613"/>
      <c r="HFN647" s="613"/>
      <c r="HFO647" s="613"/>
      <c r="HFP647" s="613"/>
      <c r="HFQ647" s="613"/>
      <c r="HFR647" s="613"/>
      <c r="HFS647" s="613"/>
      <c r="HFT647" s="613"/>
      <c r="HFU647" s="613"/>
      <c r="HFV647" s="613"/>
      <c r="HFW647" s="613"/>
      <c r="HFX647" s="613"/>
      <c r="HFY647" s="613"/>
      <c r="HFZ647" s="613"/>
      <c r="HGA647" s="613"/>
      <c r="HGB647" s="613"/>
      <c r="HGC647" s="613"/>
      <c r="HGD647" s="613"/>
      <c r="HGE647" s="613"/>
      <c r="HGF647" s="613"/>
      <c r="HGG647" s="613"/>
      <c r="HGH647" s="613"/>
      <c r="HGI647" s="613"/>
      <c r="HGJ647" s="613"/>
      <c r="HGK647" s="613"/>
      <c r="HGL647" s="613"/>
      <c r="HGM647" s="613"/>
      <c r="HGN647" s="613"/>
      <c r="HGO647" s="613"/>
      <c r="HGP647" s="613"/>
      <c r="HGQ647" s="613"/>
      <c r="HGR647" s="613"/>
      <c r="HGS647" s="613"/>
      <c r="HGT647" s="613"/>
      <c r="HGU647" s="613"/>
      <c r="HGV647" s="613"/>
      <c r="HGW647" s="613"/>
      <c r="HGX647" s="613"/>
      <c r="HGY647" s="613"/>
      <c r="HGZ647" s="613"/>
      <c r="HHA647" s="613"/>
      <c r="HHB647" s="613"/>
      <c r="HHC647" s="613"/>
      <c r="HHD647" s="613"/>
      <c r="HHE647" s="613"/>
      <c r="HHF647" s="613"/>
      <c r="HHG647" s="613"/>
      <c r="HHH647" s="613"/>
      <c r="HHI647" s="613"/>
      <c r="HHJ647" s="613"/>
      <c r="HHK647" s="613"/>
      <c r="HHL647" s="613"/>
      <c r="HHM647" s="613"/>
      <c r="HHN647" s="613"/>
      <c r="HHO647" s="613"/>
      <c r="HHP647" s="613"/>
      <c r="HHQ647" s="613"/>
      <c r="HHR647" s="613"/>
      <c r="HHS647" s="613"/>
      <c r="HHT647" s="613"/>
      <c r="HHU647" s="613"/>
      <c r="HHV647" s="613"/>
      <c r="HHW647" s="613"/>
      <c r="HHX647" s="613"/>
      <c r="HHY647" s="613"/>
      <c r="HHZ647" s="613"/>
      <c r="HIA647" s="613"/>
      <c r="HIB647" s="613"/>
      <c r="HIC647" s="613"/>
      <c r="HID647" s="613"/>
      <c r="HIE647" s="613"/>
      <c r="HIF647" s="613"/>
      <c r="HIG647" s="613"/>
      <c r="HIH647" s="613"/>
      <c r="HII647" s="613"/>
      <c r="HIJ647" s="613"/>
      <c r="HIK647" s="613"/>
      <c r="HIL647" s="613"/>
      <c r="HIM647" s="613"/>
      <c r="HIN647" s="613"/>
      <c r="HIO647" s="613"/>
      <c r="HIP647" s="613"/>
      <c r="HIQ647" s="613"/>
      <c r="HIR647" s="613"/>
      <c r="HIS647" s="613"/>
      <c r="HIT647" s="613"/>
      <c r="HIU647" s="613"/>
      <c r="HIV647" s="613"/>
      <c r="HIW647" s="613"/>
      <c r="HIX647" s="613"/>
      <c r="HIY647" s="613"/>
      <c r="HIZ647" s="613"/>
      <c r="HJA647" s="613"/>
      <c r="HJB647" s="613"/>
      <c r="HJC647" s="613"/>
      <c r="HJD647" s="613"/>
      <c r="HJE647" s="613"/>
      <c r="HJF647" s="613"/>
      <c r="HJG647" s="613"/>
      <c r="HJH647" s="613"/>
      <c r="HJI647" s="613"/>
      <c r="HJJ647" s="613"/>
      <c r="HJK647" s="613"/>
      <c r="HJL647" s="613"/>
      <c r="HJM647" s="613"/>
      <c r="HJN647" s="613"/>
      <c r="HJO647" s="613"/>
      <c r="HJP647" s="613"/>
      <c r="HJQ647" s="613"/>
      <c r="HJR647" s="613"/>
      <c r="HJS647" s="613"/>
      <c r="HJT647" s="613"/>
      <c r="HJU647" s="613"/>
      <c r="HJV647" s="613"/>
      <c r="HJW647" s="613"/>
      <c r="HJX647" s="613"/>
      <c r="HJY647" s="613"/>
      <c r="HJZ647" s="613"/>
      <c r="HKA647" s="613"/>
      <c r="HKB647" s="613"/>
      <c r="HKC647" s="613"/>
      <c r="HKD647" s="613"/>
      <c r="HKE647" s="613"/>
      <c r="HKF647" s="613"/>
      <c r="HKG647" s="613"/>
      <c r="HKH647" s="613"/>
      <c r="HKI647" s="613"/>
      <c r="HKJ647" s="613"/>
      <c r="HKK647" s="613"/>
      <c r="HKL647" s="613"/>
      <c r="HKM647" s="613"/>
      <c r="HKN647" s="613"/>
      <c r="HKO647" s="613"/>
      <c r="HKP647" s="613"/>
      <c r="HKQ647" s="613"/>
      <c r="HKR647" s="613"/>
      <c r="HKS647" s="613"/>
      <c r="HKT647" s="613"/>
      <c r="HKU647" s="613"/>
      <c r="HKV647" s="613"/>
      <c r="HKW647" s="613"/>
      <c r="HKX647" s="613"/>
      <c r="HKY647" s="613"/>
      <c r="HKZ647" s="613"/>
      <c r="HLA647" s="613"/>
      <c r="HLB647" s="613"/>
      <c r="HLC647" s="613"/>
      <c r="HLD647" s="613"/>
      <c r="HLE647" s="613"/>
      <c r="HLF647" s="613"/>
      <c r="HLG647" s="613"/>
      <c r="HLH647" s="613"/>
      <c r="HLI647" s="613"/>
      <c r="HLJ647" s="613"/>
      <c r="HLK647" s="613"/>
      <c r="HLL647" s="613"/>
      <c r="HLM647" s="613"/>
      <c r="HLN647" s="613"/>
      <c r="HLO647" s="613"/>
      <c r="HLP647" s="613"/>
      <c r="HLQ647" s="613"/>
      <c r="HLR647" s="613"/>
      <c r="HLS647" s="613"/>
      <c r="HLT647" s="613"/>
      <c r="HLU647" s="613"/>
      <c r="HLV647" s="613"/>
      <c r="HLW647" s="613"/>
      <c r="HLX647" s="613"/>
      <c r="HLY647" s="613"/>
      <c r="HLZ647" s="613"/>
      <c r="HMA647" s="613"/>
      <c r="HMB647" s="613"/>
      <c r="HMC647" s="613"/>
      <c r="HMD647" s="613"/>
      <c r="HME647" s="613"/>
      <c r="HMF647" s="613"/>
      <c r="HMG647" s="613"/>
      <c r="HMH647" s="613"/>
      <c r="HMI647" s="613"/>
      <c r="HMJ647" s="613"/>
      <c r="HMK647" s="613"/>
      <c r="HML647" s="613"/>
      <c r="HMM647" s="613"/>
      <c r="HMN647" s="613"/>
      <c r="HMO647" s="613"/>
      <c r="HMP647" s="613"/>
      <c r="HMQ647" s="613"/>
      <c r="HMR647" s="613"/>
      <c r="HMS647" s="613"/>
      <c r="HMT647" s="613"/>
      <c r="HMU647" s="613"/>
      <c r="HMV647" s="613"/>
      <c r="HMW647" s="613"/>
      <c r="HMX647" s="613"/>
      <c r="HMY647" s="613"/>
      <c r="HMZ647" s="613"/>
      <c r="HNA647" s="613"/>
      <c r="HNB647" s="613"/>
      <c r="HNC647" s="613"/>
      <c r="HND647" s="613"/>
      <c r="HNE647" s="613"/>
      <c r="HNF647" s="613"/>
      <c r="HNG647" s="613"/>
      <c r="HNH647" s="613"/>
      <c r="HNI647" s="613"/>
      <c r="HNJ647" s="613"/>
      <c r="HNK647" s="613"/>
      <c r="HNL647" s="613"/>
      <c r="HNM647" s="613"/>
      <c r="HNN647" s="613"/>
      <c r="HNO647" s="613"/>
      <c r="HNP647" s="613"/>
      <c r="HNQ647" s="613"/>
      <c r="HNR647" s="613"/>
      <c r="HNS647" s="613"/>
      <c r="HNT647" s="613"/>
      <c r="HNU647" s="613"/>
      <c r="HNV647" s="613"/>
      <c r="HNW647" s="613"/>
      <c r="HNX647" s="613"/>
      <c r="HNY647" s="613"/>
      <c r="HNZ647" s="613"/>
      <c r="HOA647" s="613"/>
      <c r="HOB647" s="613"/>
      <c r="HOC647" s="613"/>
      <c r="HOD647" s="613"/>
      <c r="HOE647" s="613"/>
      <c r="HOF647" s="613"/>
      <c r="HOG647" s="613"/>
      <c r="HOH647" s="613"/>
      <c r="HOI647" s="613"/>
      <c r="HOJ647" s="613"/>
      <c r="HOK647" s="613"/>
      <c r="HOL647" s="613"/>
      <c r="HOM647" s="613"/>
      <c r="HON647" s="613"/>
      <c r="HOO647" s="613"/>
      <c r="HOP647" s="613"/>
      <c r="HOQ647" s="613"/>
      <c r="HOR647" s="613"/>
      <c r="HOS647" s="613"/>
      <c r="HOT647" s="613"/>
      <c r="HOU647" s="613"/>
      <c r="HOV647" s="613"/>
      <c r="HOW647" s="613"/>
      <c r="HOX647" s="613"/>
      <c r="HOY647" s="613"/>
      <c r="HOZ647" s="613"/>
      <c r="HPA647" s="613"/>
      <c r="HPB647" s="613"/>
      <c r="HPC647" s="613"/>
      <c r="HPD647" s="613"/>
      <c r="HPE647" s="613"/>
      <c r="HPF647" s="613"/>
      <c r="HPG647" s="613"/>
      <c r="HPH647" s="613"/>
      <c r="HPI647" s="613"/>
      <c r="HPJ647" s="613"/>
      <c r="HPK647" s="613"/>
      <c r="HPL647" s="613"/>
      <c r="HPM647" s="613"/>
      <c r="HPN647" s="613"/>
      <c r="HPO647" s="613"/>
      <c r="HPP647" s="613"/>
      <c r="HPQ647" s="613"/>
      <c r="HPR647" s="613"/>
      <c r="HPS647" s="613"/>
      <c r="HPT647" s="613"/>
      <c r="HPU647" s="613"/>
      <c r="HPV647" s="613"/>
      <c r="HPW647" s="613"/>
      <c r="HPX647" s="613"/>
      <c r="HPY647" s="613"/>
      <c r="HPZ647" s="613"/>
      <c r="HQA647" s="613"/>
      <c r="HQB647" s="613"/>
      <c r="HQC647" s="613"/>
      <c r="HQD647" s="613"/>
      <c r="HQE647" s="613"/>
      <c r="HQF647" s="613"/>
      <c r="HQG647" s="613"/>
      <c r="HQH647" s="613"/>
      <c r="HQI647" s="613"/>
      <c r="HQJ647" s="613"/>
      <c r="HQK647" s="613"/>
      <c r="HQL647" s="613"/>
      <c r="HQM647" s="613"/>
      <c r="HQN647" s="613"/>
      <c r="HQO647" s="613"/>
      <c r="HQP647" s="613"/>
      <c r="HQQ647" s="613"/>
      <c r="HQR647" s="613"/>
      <c r="HQS647" s="613"/>
      <c r="HQT647" s="613"/>
      <c r="HQU647" s="613"/>
      <c r="HQV647" s="613"/>
      <c r="HQW647" s="613"/>
      <c r="HQX647" s="613"/>
      <c r="HQY647" s="613"/>
      <c r="HQZ647" s="613"/>
      <c r="HRA647" s="613"/>
      <c r="HRB647" s="613"/>
      <c r="HRC647" s="613"/>
      <c r="HRD647" s="613"/>
      <c r="HRE647" s="613"/>
      <c r="HRF647" s="613"/>
      <c r="HRG647" s="613"/>
      <c r="HRH647" s="613"/>
      <c r="HRI647" s="613"/>
      <c r="HRJ647" s="613"/>
      <c r="HRK647" s="613"/>
      <c r="HRL647" s="613"/>
      <c r="HRM647" s="613"/>
      <c r="HRN647" s="613"/>
      <c r="HRO647" s="613"/>
      <c r="HRP647" s="613"/>
      <c r="HRQ647" s="613"/>
      <c r="HRR647" s="613"/>
      <c r="HRS647" s="613"/>
      <c r="HRT647" s="613"/>
      <c r="HRU647" s="613"/>
      <c r="HRV647" s="613"/>
      <c r="HRW647" s="613"/>
      <c r="HRX647" s="613"/>
      <c r="HRY647" s="613"/>
      <c r="HRZ647" s="613"/>
      <c r="HSA647" s="613"/>
      <c r="HSB647" s="613"/>
      <c r="HSC647" s="613"/>
      <c r="HSD647" s="613"/>
      <c r="HSE647" s="613"/>
      <c r="HSF647" s="613"/>
      <c r="HSG647" s="613"/>
      <c r="HSH647" s="613"/>
      <c r="HSI647" s="613"/>
      <c r="HSJ647" s="613"/>
      <c r="HSK647" s="613"/>
      <c r="HSL647" s="613"/>
      <c r="HSM647" s="613"/>
      <c r="HSN647" s="613"/>
      <c r="HSO647" s="613"/>
      <c r="HSP647" s="613"/>
      <c r="HSQ647" s="613"/>
      <c r="HSR647" s="613"/>
      <c r="HSS647" s="613"/>
      <c r="HST647" s="613"/>
      <c r="HSU647" s="613"/>
      <c r="HSV647" s="613"/>
      <c r="HSW647" s="613"/>
      <c r="HSX647" s="613"/>
      <c r="HSY647" s="613"/>
      <c r="HSZ647" s="613"/>
      <c r="HTA647" s="613"/>
      <c r="HTB647" s="613"/>
      <c r="HTC647" s="613"/>
      <c r="HTD647" s="613"/>
      <c r="HTE647" s="613"/>
      <c r="HTF647" s="613"/>
      <c r="HTG647" s="613"/>
      <c r="HTH647" s="613"/>
      <c r="HTI647" s="613"/>
      <c r="HTJ647" s="613"/>
      <c r="HTK647" s="613"/>
      <c r="HTL647" s="613"/>
      <c r="HTM647" s="613"/>
      <c r="HTN647" s="613"/>
      <c r="HTO647" s="613"/>
      <c r="HTP647" s="613"/>
      <c r="HTQ647" s="613"/>
      <c r="HTR647" s="613"/>
      <c r="HTS647" s="613"/>
      <c r="HTT647" s="613"/>
      <c r="HTU647" s="613"/>
      <c r="HTV647" s="613"/>
      <c r="HTW647" s="613"/>
      <c r="HTX647" s="613"/>
      <c r="HTY647" s="613"/>
      <c r="HTZ647" s="613"/>
      <c r="HUA647" s="613"/>
      <c r="HUB647" s="613"/>
      <c r="HUC647" s="613"/>
      <c r="HUD647" s="613"/>
      <c r="HUE647" s="613"/>
      <c r="HUF647" s="613"/>
      <c r="HUG647" s="613"/>
      <c r="HUH647" s="613"/>
      <c r="HUI647" s="613"/>
      <c r="HUJ647" s="613"/>
      <c r="HUK647" s="613"/>
      <c r="HUL647" s="613"/>
      <c r="HUM647" s="613"/>
      <c r="HUN647" s="613"/>
      <c r="HUO647" s="613"/>
      <c r="HUP647" s="613"/>
      <c r="HUQ647" s="613"/>
      <c r="HUR647" s="613"/>
      <c r="HUS647" s="613"/>
      <c r="HUT647" s="613"/>
      <c r="HUU647" s="613"/>
      <c r="HUV647" s="613"/>
      <c r="HUW647" s="613"/>
      <c r="HUX647" s="613"/>
      <c r="HUY647" s="613"/>
      <c r="HUZ647" s="613"/>
      <c r="HVA647" s="613"/>
      <c r="HVB647" s="613"/>
      <c r="HVC647" s="613"/>
      <c r="HVD647" s="613"/>
      <c r="HVE647" s="613"/>
      <c r="HVF647" s="613"/>
      <c r="HVG647" s="613"/>
      <c r="HVH647" s="613"/>
      <c r="HVI647" s="613"/>
      <c r="HVJ647" s="613"/>
      <c r="HVK647" s="613"/>
      <c r="HVL647" s="613"/>
      <c r="HVM647" s="613"/>
      <c r="HVN647" s="613"/>
      <c r="HVO647" s="613"/>
      <c r="HVP647" s="613"/>
      <c r="HVQ647" s="613"/>
      <c r="HVR647" s="613"/>
      <c r="HVS647" s="613"/>
      <c r="HVT647" s="613"/>
      <c r="HVU647" s="613"/>
      <c r="HVV647" s="613"/>
      <c r="HVW647" s="613"/>
      <c r="HVX647" s="613"/>
      <c r="HVY647" s="613"/>
      <c r="HVZ647" s="613"/>
      <c r="HWA647" s="613"/>
      <c r="HWB647" s="613"/>
      <c r="HWC647" s="613"/>
      <c r="HWD647" s="613"/>
      <c r="HWE647" s="613"/>
      <c r="HWF647" s="613"/>
      <c r="HWG647" s="613"/>
      <c r="HWH647" s="613"/>
      <c r="HWI647" s="613"/>
      <c r="HWJ647" s="613"/>
      <c r="HWK647" s="613"/>
      <c r="HWL647" s="613"/>
      <c r="HWM647" s="613"/>
      <c r="HWN647" s="613"/>
      <c r="HWO647" s="613"/>
      <c r="HWP647" s="613"/>
      <c r="HWQ647" s="613"/>
      <c r="HWR647" s="613"/>
      <c r="HWS647" s="613"/>
      <c r="HWT647" s="613"/>
      <c r="HWU647" s="613"/>
      <c r="HWV647" s="613"/>
      <c r="HWW647" s="613"/>
      <c r="HWX647" s="613"/>
      <c r="HWY647" s="613"/>
      <c r="HWZ647" s="613"/>
      <c r="HXA647" s="613"/>
      <c r="HXB647" s="613"/>
      <c r="HXC647" s="613"/>
      <c r="HXD647" s="613"/>
      <c r="HXE647" s="613"/>
      <c r="HXF647" s="613"/>
      <c r="HXG647" s="613"/>
      <c r="HXH647" s="613"/>
      <c r="HXI647" s="613"/>
      <c r="HXJ647" s="613"/>
      <c r="HXK647" s="613"/>
      <c r="HXL647" s="613"/>
      <c r="HXM647" s="613"/>
      <c r="HXN647" s="613"/>
      <c r="HXO647" s="613"/>
      <c r="HXP647" s="613"/>
      <c r="HXQ647" s="613"/>
      <c r="HXR647" s="613"/>
      <c r="HXS647" s="613"/>
      <c r="HXT647" s="613"/>
      <c r="HXU647" s="613"/>
      <c r="HXV647" s="613"/>
      <c r="HXW647" s="613"/>
      <c r="HXX647" s="613"/>
      <c r="HXY647" s="613"/>
      <c r="HXZ647" s="613"/>
      <c r="HYA647" s="613"/>
      <c r="HYB647" s="613"/>
      <c r="HYC647" s="613"/>
      <c r="HYD647" s="613"/>
      <c r="HYE647" s="613"/>
      <c r="HYF647" s="613"/>
      <c r="HYG647" s="613"/>
      <c r="HYH647" s="613"/>
      <c r="HYI647" s="613"/>
      <c r="HYJ647" s="613"/>
      <c r="HYK647" s="613"/>
      <c r="HYL647" s="613"/>
      <c r="HYM647" s="613"/>
      <c r="HYN647" s="613"/>
      <c r="HYO647" s="613"/>
      <c r="HYP647" s="613"/>
      <c r="HYQ647" s="613"/>
      <c r="HYR647" s="613"/>
      <c r="HYS647" s="613"/>
      <c r="HYT647" s="613"/>
      <c r="HYU647" s="613"/>
      <c r="HYV647" s="613"/>
      <c r="HYW647" s="613"/>
      <c r="HYX647" s="613"/>
      <c r="HYY647" s="613"/>
      <c r="HYZ647" s="613"/>
      <c r="HZA647" s="613"/>
      <c r="HZB647" s="613"/>
      <c r="HZC647" s="613"/>
      <c r="HZD647" s="613"/>
      <c r="HZE647" s="613"/>
      <c r="HZF647" s="613"/>
      <c r="HZG647" s="613"/>
      <c r="HZH647" s="613"/>
      <c r="HZI647" s="613"/>
      <c r="HZJ647" s="613"/>
      <c r="HZK647" s="613"/>
      <c r="HZL647" s="613"/>
      <c r="HZM647" s="613"/>
      <c r="HZN647" s="613"/>
      <c r="HZO647" s="613"/>
      <c r="HZP647" s="613"/>
      <c r="HZQ647" s="613"/>
      <c r="HZR647" s="613"/>
      <c r="HZS647" s="613"/>
      <c r="HZT647" s="613"/>
      <c r="HZU647" s="613"/>
      <c r="HZV647" s="613"/>
      <c r="HZW647" s="613"/>
      <c r="HZX647" s="613"/>
      <c r="HZY647" s="613"/>
      <c r="HZZ647" s="613"/>
      <c r="IAA647" s="613"/>
      <c r="IAB647" s="613"/>
      <c r="IAC647" s="613"/>
      <c r="IAD647" s="613"/>
      <c r="IAE647" s="613"/>
      <c r="IAF647" s="613"/>
      <c r="IAG647" s="613"/>
      <c r="IAH647" s="613"/>
      <c r="IAI647" s="613"/>
      <c r="IAJ647" s="613"/>
      <c r="IAK647" s="613"/>
      <c r="IAL647" s="613"/>
      <c r="IAM647" s="613"/>
      <c r="IAN647" s="613"/>
      <c r="IAO647" s="613"/>
      <c r="IAP647" s="613"/>
      <c r="IAQ647" s="613"/>
      <c r="IAR647" s="613"/>
      <c r="IAS647" s="613"/>
      <c r="IAT647" s="613"/>
      <c r="IAU647" s="613"/>
      <c r="IAV647" s="613"/>
      <c r="IAW647" s="613"/>
      <c r="IAX647" s="613"/>
      <c r="IAY647" s="613"/>
      <c r="IAZ647" s="613"/>
      <c r="IBA647" s="613"/>
      <c r="IBB647" s="613"/>
      <c r="IBC647" s="613"/>
      <c r="IBD647" s="613"/>
      <c r="IBE647" s="613"/>
      <c r="IBF647" s="613"/>
      <c r="IBG647" s="613"/>
      <c r="IBH647" s="613"/>
      <c r="IBI647" s="613"/>
      <c r="IBJ647" s="613"/>
      <c r="IBK647" s="613"/>
      <c r="IBL647" s="613"/>
      <c r="IBM647" s="613"/>
      <c r="IBN647" s="613"/>
      <c r="IBO647" s="613"/>
      <c r="IBP647" s="613"/>
      <c r="IBQ647" s="613"/>
      <c r="IBR647" s="613"/>
      <c r="IBS647" s="613"/>
      <c r="IBT647" s="613"/>
      <c r="IBU647" s="613"/>
      <c r="IBV647" s="613"/>
      <c r="IBW647" s="613"/>
      <c r="IBX647" s="613"/>
      <c r="IBY647" s="613"/>
      <c r="IBZ647" s="613"/>
      <c r="ICA647" s="613"/>
      <c r="ICB647" s="613"/>
      <c r="ICC647" s="613"/>
      <c r="ICD647" s="613"/>
      <c r="ICE647" s="613"/>
      <c r="ICF647" s="613"/>
      <c r="ICG647" s="613"/>
      <c r="ICH647" s="613"/>
      <c r="ICI647" s="613"/>
      <c r="ICJ647" s="613"/>
      <c r="ICK647" s="613"/>
      <c r="ICL647" s="613"/>
      <c r="ICM647" s="613"/>
      <c r="ICN647" s="613"/>
      <c r="ICO647" s="613"/>
      <c r="ICP647" s="613"/>
      <c r="ICQ647" s="613"/>
      <c r="ICR647" s="613"/>
      <c r="ICS647" s="613"/>
      <c r="ICT647" s="613"/>
      <c r="ICU647" s="613"/>
      <c r="ICV647" s="613"/>
      <c r="ICW647" s="613"/>
      <c r="ICX647" s="613"/>
      <c r="ICY647" s="613"/>
      <c r="ICZ647" s="613"/>
      <c r="IDA647" s="613"/>
      <c r="IDB647" s="613"/>
      <c r="IDC647" s="613"/>
      <c r="IDD647" s="613"/>
      <c r="IDE647" s="613"/>
      <c r="IDF647" s="613"/>
      <c r="IDG647" s="613"/>
      <c r="IDH647" s="613"/>
      <c r="IDI647" s="613"/>
      <c r="IDJ647" s="613"/>
      <c r="IDK647" s="613"/>
      <c r="IDL647" s="613"/>
      <c r="IDM647" s="613"/>
      <c r="IDN647" s="613"/>
      <c r="IDO647" s="613"/>
      <c r="IDP647" s="613"/>
      <c r="IDQ647" s="613"/>
      <c r="IDR647" s="613"/>
      <c r="IDS647" s="613"/>
      <c r="IDT647" s="613"/>
      <c r="IDU647" s="613"/>
      <c r="IDV647" s="613"/>
      <c r="IDW647" s="613"/>
      <c r="IDX647" s="613"/>
      <c r="IDY647" s="613"/>
      <c r="IDZ647" s="613"/>
      <c r="IEA647" s="613"/>
      <c r="IEB647" s="613"/>
      <c r="IEC647" s="613"/>
      <c r="IED647" s="613"/>
      <c r="IEE647" s="613"/>
      <c r="IEF647" s="613"/>
      <c r="IEG647" s="613"/>
      <c r="IEH647" s="613"/>
      <c r="IEI647" s="613"/>
      <c r="IEJ647" s="613"/>
      <c r="IEK647" s="613"/>
      <c r="IEL647" s="613"/>
      <c r="IEM647" s="613"/>
      <c r="IEN647" s="613"/>
      <c r="IEO647" s="613"/>
      <c r="IEP647" s="613"/>
      <c r="IEQ647" s="613"/>
      <c r="IER647" s="613"/>
      <c r="IES647" s="613"/>
      <c r="IET647" s="613"/>
      <c r="IEU647" s="613"/>
      <c r="IEV647" s="613"/>
      <c r="IEW647" s="613"/>
      <c r="IEX647" s="613"/>
      <c r="IEY647" s="613"/>
      <c r="IEZ647" s="613"/>
      <c r="IFA647" s="613"/>
      <c r="IFB647" s="613"/>
      <c r="IFC647" s="613"/>
      <c r="IFD647" s="613"/>
      <c r="IFE647" s="613"/>
      <c r="IFF647" s="613"/>
      <c r="IFG647" s="613"/>
      <c r="IFH647" s="613"/>
      <c r="IFI647" s="613"/>
      <c r="IFJ647" s="613"/>
      <c r="IFK647" s="613"/>
      <c r="IFL647" s="613"/>
      <c r="IFM647" s="613"/>
      <c r="IFN647" s="613"/>
      <c r="IFO647" s="613"/>
      <c r="IFP647" s="613"/>
      <c r="IFQ647" s="613"/>
      <c r="IFR647" s="613"/>
      <c r="IFS647" s="613"/>
      <c r="IFT647" s="613"/>
      <c r="IFU647" s="613"/>
      <c r="IFV647" s="613"/>
      <c r="IFW647" s="613"/>
      <c r="IFX647" s="613"/>
      <c r="IFY647" s="613"/>
      <c r="IFZ647" s="613"/>
      <c r="IGA647" s="613"/>
      <c r="IGB647" s="613"/>
      <c r="IGC647" s="613"/>
      <c r="IGD647" s="613"/>
      <c r="IGE647" s="613"/>
      <c r="IGF647" s="613"/>
      <c r="IGG647" s="613"/>
      <c r="IGH647" s="613"/>
      <c r="IGI647" s="613"/>
      <c r="IGJ647" s="613"/>
      <c r="IGK647" s="613"/>
      <c r="IGL647" s="613"/>
      <c r="IGM647" s="613"/>
      <c r="IGN647" s="613"/>
      <c r="IGO647" s="613"/>
      <c r="IGP647" s="613"/>
      <c r="IGQ647" s="613"/>
      <c r="IGR647" s="613"/>
      <c r="IGS647" s="613"/>
      <c r="IGT647" s="613"/>
      <c r="IGU647" s="613"/>
      <c r="IGV647" s="613"/>
      <c r="IGW647" s="613"/>
      <c r="IGX647" s="613"/>
      <c r="IGY647" s="613"/>
      <c r="IGZ647" s="613"/>
      <c r="IHA647" s="613"/>
      <c r="IHB647" s="613"/>
      <c r="IHC647" s="613"/>
      <c r="IHD647" s="613"/>
      <c r="IHE647" s="613"/>
      <c r="IHF647" s="613"/>
      <c r="IHG647" s="613"/>
      <c r="IHH647" s="613"/>
      <c r="IHI647" s="613"/>
      <c r="IHJ647" s="613"/>
      <c r="IHK647" s="613"/>
      <c r="IHL647" s="613"/>
      <c r="IHM647" s="613"/>
      <c r="IHN647" s="613"/>
      <c r="IHO647" s="613"/>
      <c r="IHP647" s="613"/>
      <c r="IHQ647" s="613"/>
      <c r="IHR647" s="613"/>
      <c r="IHS647" s="613"/>
      <c r="IHT647" s="613"/>
      <c r="IHU647" s="613"/>
      <c r="IHV647" s="613"/>
      <c r="IHW647" s="613"/>
      <c r="IHX647" s="613"/>
      <c r="IHY647" s="613"/>
      <c r="IHZ647" s="613"/>
      <c r="IIA647" s="613"/>
      <c r="IIB647" s="613"/>
      <c r="IIC647" s="613"/>
      <c r="IID647" s="613"/>
      <c r="IIE647" s="613"/>
      <c r="IIF647" s="613"/>
      <c r="IIG647" s="613"/>
      <c r="IIH647" s="613"/>
      <c r="III647" s="613"/>
      <c r="IIJ647" s="613"/>
      <c r="IIK647" s="613"/>
      <c r="IIL647" s="613"/>
      <c r="IIM647" s="613"/>
      <c r="IIN647" s="613"/>
      <c r="IIO647" s="613"/>
      <c r="IIP647" s="613"/>
      <c r="IIQ647" s="613"/>
      <c r="IIR647" s="613"/>
      <c r="IIS647" s="613"/>
      <c r="IIT647" s="613"/>
      <c r="IIU647" s="613"/>
      <c r="IIV647" s="613"/>
      <c r="IIW647" s="613"/>
      <c r="IIX647" s="613"/>
      <c r="IIY647" s="613"/>
      <c r="IIZ647" s="613"/>
      <c r="IJA647" s="613"/>
      <c r="IJB647" s="613"/>
      <c r="IJC647" s="613"/>
      <c r="IJD647" s="613"/>
      <c r="IJE647" s="613"/>
      <c r="IJF647" s="613"/>
      <c r="IJG647" s="613"/>
      <c r="IJH647" s="613"/>
      <c r="IJI647" s="613"/>
      <c r="IJJ647" s="613"/>
      <c r="IJK647" s="613"/>
      <c r="IJL647" s="613"/>
      <c r="IJM647" s="613"/>
      <c r="IJN647" s="613"/>
      <c r="IJO647" s="613"/>
      <c r="IJP647" s="613"/>
      <c r="IJQ647" s="613"/>
      <c r="IJR647" s="613"/>
      <c r="IJS647" s="613"/>
      <c r="IJT647" s="613"/>
      <c r="IJU647" s="613"/>
      <c r="IJV647" s="613"/>
      <c r="IJW647" s="613"/>
      <c r="IJX647" s="613"/>
      <c r="IJY647" s="613"/>
      <c r="IJZ647" s="613"/>
      <c r="IKA647" s="613"/>
      <c r="IKB647" s="613"/>
      <c r="IKC647" s="613"/>
      <c r="IKD647" s="613"/>
      <c r="IKE647" s="613"/>
      <c r="IKF647" s="613"/>
      <c r="IKG647" s="613"/>
      <c r="IKH647" s="613"/>
      <c r="IKI647" s="613"/>
      <c r="IKJ647" s="613"/>
      <c r="IKK647" s="613"/>
      <c r="IKL647" s="613"/>
      <c r="IKM647" s="613"/>
      <c r="IKN647" s="613"/>
      <c r="IKO647" s="613"/>
      <c r="IKP647" s="613"/>
      <c r="IKQ647" s="613"/>
      <c r="IKR647" s="613"/>
      <c r="IKS647" s="613"/>
      <c r="IKT647" s="613"/>
      <c r="IKU647" s="613"/>
      <c r="IKV647" s="613"/>
      <c r="IKW647" s="613"/>
      <c r="IKX647" s="613"/>
      <c r="IKY647" s="613"/>
      <c r="IKZ647" s="613"/>
      <c r="ILA647" s="613"/>
      <c r="ILB647" s="613"/>
      <c r="ILC647" s="613"/>
      <c r="ILD647" s="613"/>
      <c r="ILE647" s="613"/>
      <c r="ILF647" s="613"/>
      <c r="ILG647" s="613"/>
      <c r="ILH647" s="613"/>
      <c r="ILI647" s="613"/>
      <c r="ILJ647" s="613"/>
      <c r="ILK647" s="613"/>
      <c r="ILL647" s="613"/>
      <c r="ILM647" s="613"/>
      <c r="ILN647" s="613"/>
      <c r="ILO647" s="613"/>
      <c r="ILP647" s="613"/>
      <c r="ILQ647" s="613"/>
      <c r="ILR647" s="613"/>
      <c r="ILS647" s="613"/>
      <c r="ILT647" s="613"/>
      <c r="ILU647" s="613"/>
      <c r="ILV647" s="613"/>
      <c r="ILW647" s="613"/>
      <c r="ILX647" s="613"/>
      <c r="ILY647" s="613"/>
      <c r="ILZ647" s="613"/>
      <c r="IMA647" s="613"/>
      <c r="IMB647" s="613"/>
      <c r="IMC647" s="613"/>
      <c r="IMD647" s="613"/>
      <c r="IME647" s="613"/>
      <c r="IMF647" s="613"/>
      <c r="IMG647" s="613"/>
      <c r="IMH647" s="613"/>
      <c r="IMI647" s="613"/>
      <c r="IMJ647" s="613"/>
      <c r="IMK647" s="613"/>
      <c r="IML647" s="613"/>
      <c r="IMM647" s="613"/>
      <c r="IMN647" s="613"/>
      <c r="IMO647" s="613"/>
      <c r="IMP647" s="613"/>
      <c r="IMQ647" s="613"/>
      <c r="IMR647" s="613"/>
      <c r="IMS647" s="613"/>
      <c r="IMT647" s="613"/>
      <c r="IMU647" s="613"/>
      <c r="IMV647" s="613"/>
      <c r="IMW647" s="613"/>
      <c r="IMX647" s="613"/>
      <c r="IMY647" s="613"/>
      <c r="IMZ647" s="613"/>
      <c r="INA647" s="613"/>
      <c r="INB647" s="613"/>
      <c r="INC647" s="613"/>
      <c r="IND647" s="613"/>
      <c r="INE647" s="613"/>
      <c r="INF647" s="613"/>
      <c r="ING647" s="613"/>
      <c r="INH647" s="613"/>
      <c r="INI647" s="613"/>
      <c r="INJ647" s="613"/>
      <c r="INK647" s="613"/>
      <c r="INL647" s="613"/>
      <c r="INM647" s="613"/>
      <c r="INN647" s="613"/>
      <c r="INO647" s="613"/>
      <c r="INP647" s="613"/>
      <c r="INQ647" s="613"/>
      <c r="INR647" s="613"/>
      <c r="INS647" s="613"/>
      <c r="INT647" s="613"/>
      <c r="INU647" s="613"/>
      <c r="INV647" s="613"/>
      <c r="INW647" s="613"/>
      <c r="INX647" s="613"/>
      <c r="INY647" s="613"/>
      <c r="INZ647" s="613"/>
      <c r="IOA647" s="613"/>
      <c r="IOB647" s="613"/>
      <c r="IOC647" s="613"/>
      <c r="IOD647" s="613"/>
      <c r="IOE647" s="613"/>
      <c r="IOF647" s="613"/>
      <c r="IOG647" s="613"/>
      <c r="IOH647" s="613"/>
      <c r="IOI647" s="613"/>
      <c r="IOJ647" s="613"/>
      <c r="IOK647" s="613"/>
      <c r="IOL647" s="613"/>
      <c r="IOM647" s="613"/>
      <c r="ION647" s="613"/>
      <c r="IOO647" s="613"/>
      <c r="IOP647" s="613"/>
      <c r="IOQ647" s="613"/>
      <c r="IOR647" s="613"/>
      <c r="IOS647" s="613"/>
      <c r="IOT647" s="613"/>
      <c r="IOU647" s="613"/>
      <c r="IOV647" s="613"/>
      <c r="IOW647" s="613"/>
      <c r="IOX647" s="613"/>
      <c r="IOY647" s="613"/>
      <c r="IOZ647" s="613"/>
      <c r="IPA647" s="613"/>
      <c r="IPB647" s="613"/>
      <c r="IPC647" s="613"/>
      <c r="IPD647" s="613"/>
      <c r="IPE647" s="613"/>
      <c r="IPF647" s="613"/>
      <c r="IPG647" s="613"/>
      <c r="IPH647" s="613"/>
      <c r="IPI647" s="613"/>
      <c r="IPJ647" s="613"/>
      <c r="IPK647" s="613"/>
      <c r="IPL647" s="613"/>
      <c r="IPM647" s="613"/>
      <c r="IPN647" s="613"/>
      <c r="IPO647" s="613"/>
      <c r="IPP647" s="613"/>
      <c r="IPQ647" s="613"/>
      <c r="IPR647" s="613"/>
      <c r="IPS647" s="613"/>
      <c r="IPT647" s="613"/>
      <c r="IPU647" s="613"/>
      <c r="IPV647" s="613"/>
      <c r="IPW647" s="613"/>
      <c r="IPX647" s="613"/>
      <c r="IPY647" s="613"/>
      <c r="IPZ647" s="613"/>
      <c r="IQA647" s="613"/>
      <c r="IQB647" s="613"/>
      <c r="IQC647" s="613"/>
      <c r="IQD647" s="613"/>
      <c r="IQE647" s="613"/>
      <c r="IQF647" s="613"/>
      <c r="IQG647" s="613"/>
      <c r="IQH647" s="613"/>
      <c r="IQI647" s="613"/>
      <c r="IQJ647" s="613"/>
      <c r="IQK647" s="613"/>
      <c r="IQL647" s="613"/>
      <c r="IQM647" s="613"/>
      <c r="IQN647" s="613"/>
      <c r="IQO647" s="613"/>
      <c r="IQP647" s="613"/>
      <c r="IQQ647" s="613"/>
      <c r="IQR647" s="613"/>
      <c r="IQS647" s="613"/>
      <c r="IQT647" s="613"/>
      <c r="IQU647" s="613"/>
      <c r="IQV647" s="613"/>
      <c r="IQW647" s="613"/>
      <c r="IQX647" s="613"/>
      <c r="IQY647" s="613"/>
      <c r="IQZ647" s="613"/>
      <c r="IRA647" s="613"/>
      <c r="IRB647" s="613"/>
      <c r="IRC647" s="613"/>
      <c r="IRD647" s="613"/>
      <c r="IRE647" s="613"/>
      <c r="IRF647" s="613"/>
      <c r="IRG647" s="613"/>
      <c r="IRH647" s="613"/>
      <c r="IRI647" s="613"/>
      <c r="IRJ647" s="613"/>
      <c r="IRK647" s="613"/>
      <c r="IRL647" s="613"/>
      <c r="IRM647" s="613"/>
      <c r="IRN647" s="613"/>
      <c r="IRO647" s="613"/>
      <c r="IRP647" s="613"/>
      <c r="IRQ647" s="613"/>
      <c r="IRR647" s="613"/>
      <c r="IRS647" s="613"/>
      <c r="IRT647" s="613"/>
      <c r="IRU647" s="613"/>
      <c r="IRV647" s="613"/>
      <c r="IRW647" s="613"/>
      <c r="IRX647" s="613"/>
      <c r="IRY647" s="613"/>
      <c r="IRZ647" s="613"/>
      <c r="ISA647" s="613"/>
      <c r="ISB647" s="613"/>
      <c r="ISC647" s="613"/>
      <c r="ISD647" s="613"/>
      <c r="ISE647" s="613"/>
      <c r="ISF647" s="613"/>
      <c r="ISG647" s="613"/>
      <c r="ISH647" s="613"/>
      <c r="ISI647" s="613"/>
      <c r="ISJ647" s="613"/>
      <c r="ISK647" s="613"/>
      <c r="ISL647" s="613"/>
      <c r="ISM647" s="613"/>
      <c r="ISN647" s="613"/>
      <c r="ISO647" s="613"/>
      <c r="ISP647" s="613"/>
      <c r="ISQ647" s="613"/>
      <c r="ISR647" s="613"/>
      <c r="ISS647" s="613"/>
      <c r="IST647" s="613"/>
      <c r="ISU647" s="613"/>
      <c r="ISV647" s="613"/>
      <c r="ISW647" s="613"/>
      <c r="ISX647" s="613"/>
      <c r="ISY647" s="613"/>
      <c r="ISZ647" s="613"/>
      <c r="ITA647" s="613"/>
      <c r="ITB647" s="613"/>
      <c r="ITC647" s="613"/>
      <c r="ITD647" s="613"/>
      <c r="ITE647" s="613"/>
      <c r="ITF647" s="613"/>
      <c r="ITG647" s="613"/>
      <c r="ITH647" s="613"/>
      <c r="ITI647" s="613"/>
      <c r="ITJ647" s="613"/>
      <c r="ITK647" s="613"/>
      <c r="ITL647" s="613"/>
      <c r="ITM647" s="613"/>
      <c r="ITN647" s="613"/>
      <c r="ITO647" s="613"/>
      <c r="ITP647" s="613"/>
      <c r="ITQ647" s="613"/>
      <c r="ITR647" s="613"/>
      <c r="ITS647" s="613"/>
      <c r="ITT647" s="613"/>
      <c r="ITU647" s="613"/>
      <c r="ITV647" s="613"/>
      <c r="ITW647" s="613"/>
      <c r="ITX647" s="613"/>
      <c r="ITY647" s="613"/>
      <c r="ITZ647" s="613"/>
      <c r="IUA647" s="613"/>
      <c r="IUB647" s="613"/>
      <c r="IUC647" s="613"/>
      <c r="IUD647" s="613"/>
      <c r="IUE647" s="613"/>
      <c r="IUF647" s="613"/>
      <c r="IUG647" s="613"/>
      <c r="IUH647" s="613"/>
      <c r="IUI647" s="613"/>
      <c r="IUJ647" s="613"/>
      <c r="IUK647" s="613"/>
      <c r="IUL647" s="613"/>
      <c r="IUM647" s="613"/>
      <c r="IUN647" s="613"/>
      <c r="IUO647" s="613"/>
      <c r="IUP647" s="613"/>
      <c r="IUQ647" s="613"/>
      <c r="IUR647" s="613"/>
      <c r="IUS647" s="613"/>
      <c r="IUT647" s="613"/>
      <c r="IUU647" s="613"/>
      <c r="IUV647" s="613"/>
      <c r="IUW647" s="613"/>
      <c r="IUX647" s="613"/>
      <c r="IUY647" s="613"/>
      <c r="IUZ647" s="613"/>
      <c r="IVA647" s="613"/>
      <c r="IVB647" s="613"/>
      <c r="IVC647" s="613"/>
      <c r="IVD647" s="613"/>
      <c r="IVE647" s="613"/>
      <c r="IVF647" s="613"/>
      <c r="IVG647" s="613"/>
      <c r="IVH647" s="613"/>
      <c r="IVI647" s="613"/>
      <c r="IVJ647" s="613"/>
      <c r="IVK647" s="613"/>
      <c r="IVL647" s="613"/>
      <c r="IVM647" s="613"/>
      <c r="IVN647" s="613"/>
      <c r="IVO647" s="613"/>
      <c r="IVP647" s="613"/>
      <c r="IVQ647" s="613"/>
      <c r="IVR647" s="613"/>
      <c r="IVS647" s="613"/>
      <c r="IVT647" s="613"/>
      <c r="IVU647" s="613"/>
      <c r="IVV647" s="613"/>
      <c r="IVW647" s="613"/>
      <c r="IVX647" s="613"/>
      <c r="IVY647" s="613"/>
      <c r="IVZ647" s="613"/>
      <c r="IWA647" s="613"/>
      <c r="IWB647" s="613"/>
      <c r="IWC647" s="613"/>
      <c r="IWD647" s="613"/>
      <c r="IWE647" s="613"/>
      <c r="IWF647" s="613"/>
      <c r="IWG647" s="613"/>
      <c r="IWH647" s="613"/>
      <c r="IWI647" s="613"/>
      <c r="IWJ647" s="613"/>
      <c r="IWK647" s="613"/>
      <c r="IWL647" s="613"/>
      <c r="IWM647" s="613"/>
      <c r="IWN647" s="613"/>
      <c r="IWO647" s="613"/>
      <c r="IWP647" s="613"/>
      <c r="IWQ647" s="613"/>
      <c r="IWR647" s="613"/>
      <c r="IWS647" s="613"/>
      <c r="IWT647" s="613"/>
      <c r="IWU647" s="613"/>
      <c r="IWV647" s="613"/>
      <c r="IWW647" s="613"/>
      <c r="IWX647" s="613"/>
      <c r="IWY647" s="613"/>
      <c r="IWZ647" s="613"/>
      <c r="IXA647" s="613"/>
      <c r="IXB647" s="613"/>
      <c r="IXC647" s="613"/>
      <c r="IXD647" s="613"/>
      <c r="IXE647" s="613"/>
      <c r="IXF647" s="613"/>
      <c r="IXG647" s="613"/>
      <c r="IXH647" s="613"/>
      <c r="IXI647" s="613"/>
      <c r="IXJ647" s="613"/>
      <c r="IXK647" s="613"/>
      <c r="IXL647" s="613"/>
      <c r="IXM647" s="613"/>
      <c r="IXN647" s="613"/>
      <c r="IXO647" s="613"/>
      <c r="IXP647" s="613"/>
      <c r="IXQ647" s="613"/>
      <c r="IXR647" s="613"/>
      <c r="IXS647" s="613"/>
      <c r="IXT647" s="613"/>
      <c r="IXU647" s="613"/>
      <c r="IXV647" s="613"/>
      <c r="IXW647" s="613"/>
      <c r="IXX647" s="613"/>
      <c r="IXY647" s="613"/>
      <c r="IXZ647" s="613"/>
      <c r="IYA647" s="613"/>
      <c r="IYB647" s="613"/>
      <c r="IYC647" s="613"/>
      <c r="IYD647" s="613"/>
      <c r="IYE647" s="613"/>
      <c r="IYF647" s="613"/>
      <c r="IYG647" s="613"/>
      <c r="IYH647" s="613"/>
      <c r="IYI647" s="613"/>
      <c r="IYJ647" s="613"/>
      <c r="IYK647" s="613"/>
      <c r="IYL647" s="613"/>
      <c r="IYM647" s="613"/>
      <c r="IYN647" s="613"/>
      <c r="IYO647" s="613"/>
      <c r="IYP647" s="613"/>
      <c r="IYQ647" s="613"/>
      <c r="IYR647" s="613"/>
      <c r="IYS647" s="613"/>
      <c r="IYT647" s="613"/>
      <c r="IYU647" s="613"/>
      <c r="IYV647" s="613"/>
      <c r="IYW647" s="613"/>
      <c r="IYX647" s="613"/>
      <c r="IYY647" s="613"/>
      <c r="IYZ647" s="613"/>
      <c r="IZA647" s="613"/>
      <c r="IZB647" s="613"/>
      <c r="IZC647" s="613"/>
      <c r="IZD647" s="613"/>
      <c r="IZE647" s="613"/>
      <c r="IZF647" s="613"/>
      <c r="IZG647" s="613"/>
      <c r="IZH647" s="613"/>
      <c r="IZI647" s="613"/>
      <c r="IZJ647" s="613"/>
      <c r="IZK647" s="613"/>
      <c r="IZL647" s="613"/>
      <c r="IZM647" s="613"/>
      <c r="IZN647" s="613"/>
      <c r="IZO647" s="613"/>
      <c r="IZP647" s="613"/>
      <c r="IZQ647" s="613"/>
      <c r="IZR647" s="613"/>
      <c r="IZS647" s="613"/>
      <c r="IZT647" s="613"/>
      <c r="IZU647" s="613"/>
      <c r="IZV647" s="613"/>
      <c r="IZW647" s="613"/>
      <c r="IZX647" s="613"/>
      <c r="IZY647" s="613"/>
      <c r="IZZ647" s="613"/>
      <c r="JAA647" s="613"/>
      <c r="JAB647" s="613"/>
      <c r="JAC647" s="613"/>
      <c r="JAD647" s="613"/>
      <c r="JAE647" s="613"/>
      <c r="JAF647" s="613"/>
      <c r="JAG647" s="613"/>
      <c r="JAH647" s="613"/>
      <c r="JAI647" s="613"/>
      <c r="JAJ647" s="613"/>
      <c r="JAK647" s="613"/>
      <c r="JAL647" s="613"/>
      <c r="JAM647" s="613"/>
      <c r="JAN647" s="613"/>
      <c r="JAO647" s="613"/>
      <c r="JAP647" s="613"/>
      <c r="JAQ647" s="613"/>
      <c r="JAR647" s="613"/>
      <c r="JAS647" s="613"/>
      <c r="JAT647" s="613"/>
      <c r="JAU647" s="613"/>
      <c r="JAV647" s="613"/>
      <c r="JAW647" s="613"/>
      <c r="JAX647" s="613"/>
      <c r="JAY647" s="613"/>
      <c r="JAZ647" s="613"/>
      <c r="JBA647" s="613"/>
      <c r="JBB647" s="613"/>
      <c r="JBC647" s="613"/>
      <c r="JBD647" s="613"/>
      <c r="JBE647" s="613"/>
      <c r="JBF647" s="613"/>
      <c r="JBG647" s="613"/>
      <c r="JBH647" s="613"/>
      <c r="JBI647" s="613"/>
      <c r="JBJ647" s="613"/>
      <c r="JBK647" s="613"/>
      <c r="JBL647" s="613"/>
      <c r="JBM647" s="613"/>
      <c r="JBN647" s="613"/>
      <c r="JBO647" s="613"/>
      <c r="JBP647" s="613"/>
      <c r="JBQ647" s="613"/>
      <c r="JBR647" s="613"/>
      <c r="JBS647" s="613"/>
      <c r="JBT647" s="613"/>
      <c r="JBU647" s="613"/>
      <c r="JBV647" s="613"/>
      <c r="JBW647" s="613"/>
      <c r="JBX647" s="613"/>
      <c r="JBY647" s="613"/>
      <c r="JBZ647" s="613"/>
      <c r="JCA647" s="613"/>
      <c r="JCB647" s="613"/>
      <c r="JCC647" s="613"/>
      <c r="JCD647" s="613"/>
      <c r="JCE647" s="613"/>
      <c r="JCF647" s="613"/>
      <c r="JCG647" s="613"/>
      <c r="JCH647" s="613"/>
      <c r="JCI647" s="613"/>
      <c r="JCJ647" s="613"/>
      <c r="JCK647" s="613"/>
      <c r="JCL647" s="613"/>
      <c r="JCM647" s="613"/>
      <c r="JCN647" s="613"/>
      <c r="JCO647" s="613"/>
      <c r="JCP647" s="613"/>
      <c r="JCQ647" s="613"/>
      <c r="JCR647" s="613"/>
      <c r="JCS647" s="613"/>
      <c r="JCT647" s="613"/>
      <c r="JCU647" s="613"/>
      <c r="JCV647" s="613"/>
      <c r="JCW647" s="613"/>
      <c r="JCX647" s="613"/>
      <c r="JCY647" s="613"/>
      <c r="JCZ647" s="613"/>
      <c r="JDA647" s="613"/>
      <c r="JDB647" s="613"/>
      <c r="JDC647" s="613"/>
      <c r="JDD647" s="613"/>
      <c r="JDE647" s="613"/>
      <c r="JDF647" s="613"/>
      <c r="JDG647" s="613"/>
      <c r="JDH647" s="613"/>
      <c r="JDI647" s="613"/>
      <c r="JDJ647" s="613"/>
      <c r="JDK647" s="613"/>
      <c r="JDL647" s="613"/>
      <c r="JDM647" s="613"/>
      <c r="JDN647" s="613"/>
      <c r="JDO647" s="613"/>
      <c r="JDP647" s="613"/>
      <c r="JDQ647" s="613"/>
      <c r="JDR647" s="613"/>
      <c r="JDS647" s="613"/>
      <c r="JDT647" s="613"/>
      <c r="JDU647" s="613"/>
      <c r="JDV647" s="613"/>
      <c r="JDW647" s="613"/>
      <c r="JDX647" s="613"/>
      <c r="JDY647" s="613"/>
      <c r="JDZ647" s="613"/>
      <c r="JEA647" s="613"/>
      <c r="JEB647" s="613"/>
      <c r="JEC647" s="613"/>
      <c r="JED647" s="613"/>
      <c r="JEE647" s="613"/>
      <c r="JEF647" s="613"/>
      <c r="JEG647" s="613"/>
      <c r="JEH647" s="613"/>
      <c r="JEI647" s="613"/>
      <c r="JEJ647" s="613"/>
      <c r="JEK647" s="613"/>
      <c r="JEL647" s="613"/>
      <c r="JEM647" s="613"/>
      <c r="JEN647" s="613"/>
      <c r="JEO647" s="613"/>
      <c r="JEP647" s="613"/>
      <c r="JEQ647" s="613"/>
      <c r="JER647" s="613"/>
      <c r="JES647" s="613"/>
      <c r="JET647" s="613"/>
      <c r="JEU647" s="613"/>
      <c r="JEV647" s="613"/>
      <c r="JEW647" s="613"/>
      <c r="JEX647" s="613"/>
      <c r="JEY647" s="613"/>
      <c r="JEZ647" s="613"/>
      <c r="JFA647" s="613"/>
      <c r="JFB647" s="613"/>
      <c r="JFC647" s="613"/>
      <c r="JFD647" s="613"/>
      <c r="JFE647" s="613"/>
      <c r="JFF647" s="613"/>
      <c r="JFG647" s="613"/>
      <c r="JFH647" s="613"/>
      <c r="JFI647" s="613"/>
      <c r="JFJ647" s="613"/>
      <c r="JFK647" s="613"/>
      <c r="JFL647" s="613"/>
      <c r="JFM647" s="613"/>
      <c r="JFN647" s="613"/>
      <c r="JFO647" s="613"/>
      <c r="JFP647" s="613"/>
      <c r="JFQ647" s="613"/>
      <c r="JFR647" s="613"/>
      <c r="JFS647" s="613"/>
      <c r="JFT647" s="613"/>
      <c r="JFU647" s="613"/>
      <c r="JFV647" s="613"/>
      <c r="JFW647" s="613"/>
      <c r="JFX647" s="613"/>
      <c r="JFY647" s="613"/>
      <c r="JFZ647" s="613"/>
      <c r="JGA647" s="613"/>
      <c r="JGB647" s="613"/>
      <c r="JGC647" s="613"/>
      <c r="JGD647" s="613"/>
      <c r="JGE647" s="613"/>
      <c r="JGF647" s="613"/>
      <c r="JGG647" s="613"/>
      <c r="JGH647" s="613"/>
      <c r="JGI647" s="613"/>
      <c r="JGJ647" s="613"/>
      <c r="JGK647" s="613"/>
      <c r="JGL647" s="613"/>
      <c r="JGM647" s="613"/>
      <c r="JGN647" s="613"/>
      <c r="JGO647" s="613"/>
      <c r="JGP647" s="613"/>
      <c r="JGQ647" s="613"/>
      <c r="JGR647" s="613"/>
      <c r="JGS647" s="613"/>
      <c r="JGT647" s="613"/>
      <c r="JGU647" s="613"/>
      <c r="JGV647" s="613"/>
      <c r="JGW647" s="613"/>
      <c r="JGX647" s="613"/>
      <c r="JGY647" s="613"/>
      <c r="JGZ647" s="613"/>
      <c r="JHA647" s="613"/>
      <c r="JHB647" s="613"/>
      <c r="JHC647" s="613"/>
      <c r="JHD647" s="613"/>
      <c r="JHE647" s="613"/>
      <c r="JHF647" s="613"/>
      <c r="JHG647" s="613"/>
      <c r="JHH647" s="613"/>
      <c r="JHI647" s="613"/>
      <c r="JHJ647" s="613"/>
      <c r="JHK647" s="613"/>
      <c r="JHL647" s="613"/>
      <c r="JHM647" s="613"/>
      <c r="JHN647" s="613"/>
      <c r="JHO647" s="613"/>
      <c r="JHP647" s="613"/>
      <c r="JHQ647" s="613"/>
      <c r="JHR647" s="613"/>
      <c r="JHS647" s="613"/>
      <c r="JHT647" s="613"/>
      <c r="JHU647" s="613"/>
      <c r="JHV647" s="613"/>
      <c r="JHW647" s="613"/>
      <c r="JHX647" s="613"/>
      <c r="JHY647" s="613"/>
      <c r="JHZ647" s="613"/>
      <c r="JIA647" s="613"/>
      <c r="JIB647" s="613"/>
      <c r="JIC647" s="613"/>
      <c r="JID647" s="613"/>
      <c r="JIE647" s="613"/>
      <c r="JIF647" s="613"/>
      <c r="JIG647" s="613"/>
      <c r="JIH647" s="613"/>
      <c r="JII647" s="613"/>
      <c r="JIJ647" s="613"/>
      <c r="JIK647" s="613"/>
      <c r="JIL647" s="613"/>
      <c r="JIM647" s="613"/>
      <c r="JIN647" s="613"/>
      <c r="JIO647" s="613"/>
      <c r="JIP647" s="613"/>
      <c r="JIQ647" s="613"/>
      <c r="JIR647" s="613"/>
      <c r="JIS647" s="613"/>
      <c r="JIT647" s="613"/>
      <c r="JIU647" s="613"/>
      <c r="JIV647" s="613"/>
      <c r="JIW647" s="613"/>
      <c r="JIX647" s="613"/>
      <c r="JIY647" s="613"/>
      <c r="JIZ647" s="613"/>
      <c r="JJA647" s="613"/>
      <c r="JJB647" s="613"/>
      <c r="JJC647" s="613"/>
      <c r="JJD647" s="613"/>
      <c r="JJE647" s="613"/>
      <c r="JJF647" s="613"/>
      <c r="JJG647" s="613"/>
      <c r="JJH647" s="613"/>
      <c r="JJI647" s="613"/>
      <c r="JJJ647" s="613"/>
      <c r="JJK647" s="613"/>
      <c r="JJL647" s="613"/>
      <c r="JJM647" s="613"/>
      <c r="JJN647" s="613"/>
      <c r="JJO647" s="613"/>
      <c r="JJP647" s="613"/>
      <c r="JJQ647" s="613"/>
      <c r="JJR647" s="613"/>
      <c r="JJS647" s="613"/>
      <c r="JJT647" s="613"/>
      <c r="JJU647" s="613"/>
      <c r="JJV647" s="613"/>
      <c r="JJW647" s="613"/>
      <c r="JJX647" s="613"/>
      <c r="JJY647" s="613"/>
      <c r="JJZ647" s="613"/>
      <c r="JKA647" s="613"/>
      <c r="JKB647" s="613"/>
      <c r="JKC647" s="613"/>
      <c r="JKD647" s="613"/>
      <c r="JKE647" s="613"/>
      <c r="JKF647" s="613"/>
      <c r="JKG647" s="613"/>
      <c r="JKH647" s="613"/>
      <c r="JKI647" s="613"/>
      <c r="JKJ647" s="613"/>
      <c r="JKK647" s="613"/>
      <c r="JKL647" s="613"/>
      <c r="JKM647" s="613"/>
      <c r="JKN647" s="613"/>
      <c r="JKO647" s="613"/>
      <c r="JKP647" s="613"/>
      <c r="JKQ647" s="613"/>
      <c r="JKR647" s="613"/>
      <c r="JKS647" s="613"/>
      <c r="JKT647" s="613"/>
      <c r="JKU647" s="613"/>
      <c r="JKV647" s="613"/>
      <c r="JKW647" s="613"/>
      <c r="JKX647" s="613"/>
      <c r="JKY647" s="613"/>
      <c r="JKZ647" s="613"/>
      <c r="JLA647" s="613"/>
      <c r="JLB647" s="613"/>
      <c r="JLC647" s="613"/>
      <c r="JLD647" s="613"/>
      <c r="JLE647" s="613"/>
      <c r="JLF647" s="613"/>
      <c r="JLG647" s="613"/>
      <c r="JLH647" s="613"/>
      <c r="JLI647" s="613"/>
      <c r="JLJ647" s="613"/>
      <c r="JLK647" s="613"/>
      <c r="JLL647" s="613"/>
      <c r="JLM647" s="613"/>
      <c r="JLN647" s="613"/>
      <c r="JLO647" s="613"/>
      <c r="JLP647" s="613"/>
      <c r="JLQ647" s="613"/>
      <c r="JLR647" s="613"/>
      <c r="JLS647" s="613"/>
      <c r="JLT647" s="613"/>
      <c r="JLU647" s="613"/>
      <c r="JLV647" s="613"/>
      <c r="JLW647" s="613"/>
      <c r="JLX647" s="613"/>
      <c r="JLY647" s="613"/>
      <c r="JLZ647" s="613"/>
      <c r="JMA647" s="613"/>
      <c r="JMB647" s="613"/>
      <c r="JMC647" s="613"/>
      <c r="JMD647" s="613"/>
      <c r="JME647" s="613"/>
      <c r="JMF647" s="613"/>
      <c r="JMG647" s="613"/>
      <c r="JMH647" s="613"/>
      <c r="JMI647" s="613"/>
      <c r="JMJ647" s="613"/>
      <c r="JMK647" s="613"/>
      <c r="JML647" s="613"/>
      <c r="JMM647" s="613"/>
      <c r="JMN647" s="613"/>
      <c r="JMO647" s="613"/>
      <c r="JMP647" s="613"/>
      <c r="JMQ647" s="613"/>
      <c r="JMR647" s="613"/>
      <c r="JMS647" s="613"/>
      <c r="JMT647" s="613"/>
      <c r="JMU647" s="613"/>
      <c r="JMV647" s="613"/>
      <c r="JMW647" s="613"/>
      <c r="JMX647" s="613"/>
      <c r="JMY647" s="613"/>
      <c r="JMZ647" s="613"/>
      <c r="JNA647" s="613"/>
      <c r="JNB647" s="613"/>
      <c r="JNC647" s="613"/>
      <c r="JND647" s="613"/>
      <c r="JNE647" s="613"/>
      <c r="JNF647" s="613"/>
      <c r="JNG647" s="613"/>
      <c r="JNH647" s="613"/>
      <c r="JNI647" s="613"/>
      <c r="JNJ647" s="613"/>
      <c r="JNK647" s="613"/>
      <c r="JNL647" s="613"/>
      <c r="JNM647" s="613"/>
      <c r="JNN647" s="613"/>
      <c r="JNO647" s="613"/>
      <c r="JNP647" s="613"/>
      <c r="JNQ647" s="613"/>
      <c r="JNR647" s="613"/>
      <c r="JNS647" s="613"/>
      <c r="JNT647" s="613"/>
      <c r="JNU647" s="613"/>
      <c r="JNV647" s="613"/>
      <c r="JNW647" s="613"/>
      <c r="JNX647" s="613"/>
      <c r="JNY647" s="613"/>
      <c r="JNZ647" s="613"/>
      <c r="JOA647" s="613"/>
      <c r="JOB647" s="613"/>
      <c r="JOC647" s="613"/>
      <c r="JOD647" s="613"/>
      <c r="JOE647" s="613"/>
      <c r="JOF647" s="613"/>
      <c r="JOG647" s="613"/>
      <c r="JOH647" s="613"/>
      <c r="JOI647" s="613"/>
      <c r="JOJ647" s="613"/>
      <c r="JOK647" s="613"/>
      <c r="JOL647" s="613"/>
      <c r="JOM647" s="613"/>
      <c r="JON647" s="613"/>
      <c r="JOO647" s="613"/>
      <c r="JOP647" s="613"/>
      <c r="JOQ647" s="613"/>
      <c r="JOR647" s="613"/>
      <c r="JOS647" s="613"/>
      <c r="JOT647" s="613"/>
      <c r="JOU647" s="613"/>
      <c r="JOV647" s="613"/>
      <c r="JOW647" s="613"/>
      <c r="JOX647" s="613"/>
      <c r="JOY647" s="613"/>
      <c r="JOZ647" s="613"/>
      <c r="JPA647" s="613"/>
      <c r="JPB647" s="613"/>
      <c r="JPC647" s="613"/>
      <c r="JPD647" s="613"/>
      <c r="JPE647" s="613"/>
      <c r="JPF647" s="613"/>
      <c r="JPG647" s="613"/>
      <c r="JPH647" s="613"/>
      <c r="JPI647" s="613"/>
      <c r="JPJ647" s="613"/>
      <c r="JPK647" s="613"/>
      <c r="JPL647" s="613"/>
      <c r="JPM647" s="613"/>
      <c r="JPN647" s="613"/>
      <c r="JPO647" s="613"/>
      <c r="JPP647" s="613"/>
      <c r="JPQ647" s="613"/>
      <c r="JPR647" s="613"/>
      <c r="JPS647" s="613"/>
      <c r="JPT647" s="613"/>
      <c r="JPU647" s="613"/>
      <c r="JPV647" s="613"/>
      <c r="JPW647" s="613"/>
      <c r="JPX647" s="613"/>
      <c r="JPY647" s="613"/>
      <c r="JPZ647" s="613"/>
      <c r="JQA647" s="613"/>
      <c r="JQB647" s="613"/>
      <c r="JQC647" s="613"/>
      <c r="JQD647" s="613"/>
      <c r="JQE647" s="613"/>
      <c r="JQF647" s="613"/>
      <c r="JQG647" s="613"/>
      <c r="JQH647" s="613"/>
      <c r="JQI647" s="613"/>
      <c r="JQJ647" s="613"/>
      <c r="JQK647" s="613"/>
      <c r="JQL647" s="613"/>
      <c r="JQM647" s="613"/>
      <c r="JQN647" s="613"/>
      <c r="JQO647" s="613"/>
      <c r="JQP647" s="613"/>
      <c r="JQQ647" s="613"/>
      <c r="JQR647" s="613"/>
      <c r="JQS647" s="613"/>
      <c r="JQT647" s="613"/>
      <c r="JQU647" s="613"/>
      <c r="JQV647" s="613"/>
      <c r="JQW647" s="613"/>
      <c r="JQX647" s="613"/>
      <c r="JQY647" s="613"/>
      <c r="JQZ647" s="613"/>
      <c r="JRA647" s="613"/>
      <c r="JRB647" s="613"/>
      <c r="JRC647" s="613"/>
      <c r="JRD647" s="613"/>
      <c r="JRE647" s="613"/>
      <c r="JRF647" s="613"/>
      <c r="JRG647" s="613"/>
      <c r="JRH647" s="613"/>
      <c r="JRI647" s="613"/>
      <c r="JRJ647" s="613"/>
      <c r="JRK647" s="613"/>
      <c r="JRL647" s="613"/>
      <c r="JRM647" s="613"/>
      <c r="JRN647" s="613"/>
      <c r="JRO647" s="613"/>
      <c r="JRP647" s="613"/>
      <c r="JRQ647" s="613"/>
      <c r="JRR647" s="613"/>
      <c r="JRS647" s="613"/>
      <c r="JRT647" s="613"/>
      <c r="JRU647" s="613"/>
      <c r="JRV647" s="613"/>
      <c r="JRW647" s="613"/>
      <c r="JRX647" s="613"/>
      <c r="JRY647" s="613"/>
      <c r="JRZ647" s="613"/>
      <c r="JSA647" s="613"/>
      <c r="JSB647" s="613"/>
      <c r="JSC647" s="613"/>
      <c r="JSD647" s="613"/>
      <c r="JSE647" s="613"/>
      <c r="JSF647" s="613"/>
      <c r="JSG647" s="613"/>
      <c r="JSH647" s="613"/>
      <c r="JSI647" s="613"/>
      <c r="JSJ647" s="613"/>
      <c r="JSK647" s="613"/>
      <c r="JSL647" s="613"/>
      <c r="JSM647" s="613"/>
      <c r="JSN647" s="613"/>
      <c r="JSO647" s="613"/>
      <c r="JSP647" s="613"/>
      <c r="JSQ647" s="613"/>
      <c r="JSR647" s="613"/>
      <c r="JSS647" s="613"/>
      <c r="JST647" s="613"/>
      <c r="JSU647" s="613"/>
      <c r="JSV647" s="613"/>
      <c r="JSW647" s="613"/>
      <c r="JSX647" s="613"/>
      <c r="JSY647" s="613"/>
      <c r="JSZ647" s="613"/>
      <c r="JTA647" s="613"/>
      <c r="JTB647" s="613"/>
      <c r="JTC647" s="613"/>
      <c r="JTD647" s="613"/>
      <c r="JTE647" s="613"/>
      <c r="JTF647" s="613"/>
      <c r="JTG647" s="613"/>
      <c r="JTH647" s="613"/>
      <c r="JTI647" s="613"/>
      <c r="JTJ647" s="613"/>
      <c r="JTK647" s="613"/>
      <c r="JTL647" s="613"/>
      <c r="JTM647" s="613"/>
      <c r="JTN647" s="613"/>
      <c r="JTO647" s="613"/>
      <c r="JTP647" s="613"/>
      <c r="JTQ647" s="613"/>
      <c r="JTR647" s="613"/>
      <c r="JTS647" s="613"/>
      <c r="JTT647" s="613"/>
      <c r="JTU647" s="613"/>
      <c r="JTV647" s="613"/>
      <c r="JTW647" s="613"/>
      <c r="JTX647" s="613"/>
      <c r="JTY647" s="613"/>
      <c r="JTZ647" s="613"/>
      <c r="JUA647" s="613"/>
      <c r="JUB647" s="613"/>
      <c r="JUC647" s="613"/>
      <c r="JUD647" s="613"/>
      <c r="JUE647" s="613"/>
      <c r="JUF647" s="613"/>
      <c r="JUG647" s="613"/>
      <c r="JUH647" s="613"/>
      <c r="JUI647" s="613"/>
      <c r="JUJ647" s="613"/>
      <c r="JUK647" s="613"/>
      <c r="JUL647" s="613"/>
      <c r="JUM647" s="613"/>
      <c r="JUN647" s="613"/>
      <c r="JUO647" s="613"/>
      <c r="JUP647" s="613"/>
      <c r="JUQ647" s="613"/>
      <c r="JUR647" s="613"/>
      <c r="JUS647" s="613"/>
      <c r="JUT647" s="613"/>
      <c r="JUU647" s="613"/>
      <c r="JUV647" s="613"/>
      <c r="JUW647" s="613"/>
      <c r="JUX647" s="613"/>
      <c r="JUY647" s="613"/>
      <c r="JUZ647" s="613"/>
      <c r="JVA647" s="613"/>
      <c r="JVB647" s="613"/>
      <c r="JVC647" s="613"/>
      <c r="JVD647" s="613"/>
      <c r="JVE647" s="613"/>
      <c r="JVF647" s="613"/>
      <c r="JVG647" s="613"/>
      <c r="JVH647" s="613"/>
      <c r="JVI647" s="613"/>
      <c r="JVJ647" s="613"/>
      <c r="JVK647" s="613"/>
      <c r="JVL647" s="613"/>
      <c r="JVM647" s="613"/>
      <c r="JVN647" s="613"/>
      <c r="JVO647" s="613"/>
      <c r="JVP647" s="613"/>
      <c r="JVQ647" s="613"/>
      <c r="JVR647" s="613"/>
      <c r="JVS647" s="613"/>
      <c r="JVT647" s="613"/>
      <c r="JVU647" s="613"/>
      <c r="JVV647" s="613"/>
      <c r="JVW647" s="613"/>
      <c r="JVX647" s="613"/>
      <c r="JVY647" s="613"/>
      <c r="JVZ647" s="613"/>
      <c r="JWA647" s="613"/>
      <c r="JWB647" s="613"/>
      <c r="JWC647" s="613"/>
      <c r="JWD647" s="613"/>
      <c r="JWE647" s="613"/>
      <c r="JWF647" s="613"/>
      <c r="JWG647" s="613"/>
      <c r="JWH647" s="613"/>
      <c r="JWI647" s="613"/>
      <c r="JWJ647" s="613"/>
      <c r="JWK647" s="613"/>
      <c r="JWL647" s="613"/>
      <c r="JWM647" s="613"/>
      <c r="JWN647" s="613"/>
      <c r="JWO647" s="613"/>
      <c r="JWP647" s="613"/>
      <c r="JWQ647" s="613"/>
      <c r="JWR647" s="613"/>
      <c r="JWS647" s="613"/>
      <c r="JWT647" s="613"/>
      <c r="JWU647" s="613"/>
      <c r="JWV647" s="613"/>
      <c r="JWW647" s="613"/>
      <c r="JWX647" s="613"/>
      <c r="JWY647" s="613"/>
      <c r="JWZ647" s="613"/>
      <c r="JXA647" s="613"/>
      <c r="JXB647" s="613"/>
      <c r="JXC647" s="613"/>
      <c r="JXD647" s="613"/>
      <c r="JXE647" s="613"/>
      <c r="JXF647" s="613"/>
      <c r="JXG647" s="613"/>
      <c r="JXH647" s="613"/>
      <c r="JXI647" s="613"/>
      <c r="JXJ647" s="613"/>
      <c r="JXK647" s="613"/>
      <c r="JXL647" s="613"/>
      <c r="JXM647" s="613"/>
      <c r="JXN647" s="613"/>
      <c r="JXO647" s="613"/>
      <c r="JXP647" s="613"/>
      <c r="JXQ647" s="613"/>
      <c r="JXR647" s="613"/>
      <c r="JXS647" s="613"/>
      <c r="JXT647" s="613"/>
      <c r="JXU647" s="613"/>
      <c r="JXV647" s="613"/>
      <c r="JXW647" s="613"/>
      <c r="JXX647" s="613"/>
      <c r="JXY647" s="613"/>
      <c r="JXZ647" s="613"/>
      <c r="JYA647" s="613"/>
      <c r="JYB647" s="613"/>
      <c r="JYC647" s="613"/>
      <c r="JYD647" s="613"/>
      <c r="JYE647" s="613"/>
      <c r="JYF647" s="613"/>
      <c r="JYG647" s="613"/>
      <c r="JYH647" s="613"/>
      <c r="JYI647" s="613"/>
      <c r="JYJ647" s="613"/>
      <c r="JYK647" s="613"/>
      <c r="JYL647" s="613"/>
      <c r="JYM647" s="613"/>
      <c r="JYN647" s="613"/>
      <c r="JYO647" s="613"/>
      <c r="JYP647" s="613"/>
      <c r="JYQ647" s="613"/>
      <c r="JYR647" s="613"/>
      <c r="JYS647" s="613"/>
      <c r="JYT647" s="613"/>
      <c r="JYU647" s="613"/>
      <c r="JYV647" s="613"/>
      <c r="JYW647" s="613"/>
      <c r="JYX647" s="613"/>
      <c r="JYY647" s="613"/>
      <c r="JYZ647" s="613"/>
      <c r="JZA647" s="613"/>
      <c r="JZB647" s="613"/>
      <c r="JZC647" s="613"/>
      <c r="JZD647" s="613"/>
      <c r="JZE647" s="613"/>
      <c r="JZF647" s="613"/>
      <c r="JZG647" s="613"/>
      <c r="JZH647" s="613"/>
      <c r="JZI647" s="613"/>
      <c r="JZJ647" s="613"/>
      <c r="JZK647" s="613"/>
      <c r="JZL647" s="613"/>
      <c r="JZM647" s="613"/>
      <c r="JZN647" s="613"/>
      <c r="JZO647" s="613"/>
      <c r="JZP647" s="613"/>
      <c r="JZQ647" s="613"/>
      <c r="JZR647" s="613"/>
      <c r="JZS647" s="613"/>
      <c r="JZT647" s="613"/>
      <c r="JZU647" s="613"/>
      <c r="JZV647" s="613"/>
      <c r="JZW647" s="613"/>
      <c r="JZX647" s="613"/>
      <c r="JZY647" s="613"/>
      <c r="JZZ647" s="613"/>
      <c r="KAA647" s="613"/>
      <c r="KAB647" s="613"/>
      <c r="KAC647" s="613"/>
      <c r="KAD647" s="613"/>
      <c r="KAE647" s="613"/>
      <c r="KAF647" s="613"/>
      <c r="KAG647" s="613"/>
      <c r="KAH647" s="613"/>
      <c r="KAI647" s="613"/>
      <c r="KAJ647" s="613"/>
      <c r="KAK647" s="613"/>
      <c r="KAL647" s="613"/>
      <c r="KAM647" s="613"/>
      <c r="KAN647" s="613"/>
      <c r="KAO647" s="613"/>
      <c r="KAP647" s="613"/>
      <c r="KAQ647" s="613"/>
      <c r="KAR647" s="613"/>
      <c r="KAS647" s="613"/>
      <c r="KAT647" s="613"/>
      <c r="KAU647" s="613"/>
      <c r="KAV647" s="613"/>
      <c r="KAW647" s="613"/>
      <c r="KAX647" s="613"/>
      <c r="KAY647" s="613"/>
      <c r="KAZ647" s="613"/>
      <c r="KBA647" s="613"/>
      <c r="KBB647" s="613"/>
      <c r="KBC647" s="613"/>
      <c r="KBD647" s="613"/>
      <c r="KBE647" s="613"/>
      <c r="KBF647" s="613"/>
      <c r="KBG647" s="613"/>
      <c r="KBH647" s="613"/>
      <c r="KBI647" s="613"/>
      <c r="KBJ647" s="613"/>
      <c r="KBK647" s="613"/>
      <c r="KBL647" s="613"/>
      <c r="KBM647" s="613"/>
      <c r="KBN647" s="613"/>
      <c r="KBO647" s="613"/>
      <c r="KBP647" s="613"/>
      <c r="KBQ647" s="613"/>
      <c r="KBR647" s="613"/>
      <c r="KBS647" s="613"/>
      <c r="KBT647" s="613"/>
      <c r="KBU647" s="613"/>
      <c r="KBV647" s="613"/>
      <c r="KBW647" s="613"/>
      <c r="KBX647" s="613"/>
      <c r="KBY647" s="613"/>
      <c r="KBZ647" s="613"/>
      <c r="KCA647" s="613"/>
      <c r="KCB647" s="613"/>
      <c r="KCC647" s="613"/>
      <c r="KCD647" s="613"/>
      <c r="KCE647" s="613"/>
      <c r="KCF647" s="613"/>
      <c r="KCG647" s="613"/>
      <c r="KCH647" s="613"/>
      <c r="KCI647" s="613"/>
      <c r="KCJ647" s="613"/>
      <c r="KCK647" s="613"/>
      <c r="KCL647" s="613"/>
      <c r="KCM647" s="613"/>
      <c r="KCN647" s="613"/>
      <c r="KCO647" s="613"/>
      <c r="KCP647" s="613"/>
      <c r="KCQ647" s="613"/>
      <c r="KCR647" s="613"/>
      <c r="KCS647" s="613"/>
      <c r="KCT647" s="613"/>
      <c r="KCU647" s="613"/>
      <c r="KCV647" s="613"/>
      <c r="KCW647" s="613"/>
      <c r="KCX647" s="613"/>
      <c r="KCY647" s="613"/>
      <c r="KCZ647" s="613"/>
      <c r="KDA647" s="613"/>
      <c r="KDB647" s="613"/>
      <c r="KDC647" s="613"/>
      <c r="KDD647" s="613"/>
      <c r="KDE647" s="613"/>
      <c r="KDF647" s="613"/>
      <c r="KDG647" s="613"/>
      <c r="KDH647" s="613"/>
      <c r="KDI647" s="613"/>
      <c r="KDJ647" s="613"/>
      <c r="KDK647" s="613"/>
      <c r="KDL647" s="613"/>
      <c r="KDM647" s="613"/>
      <c r="KDN647" s="613"/>
      <c r="KDO647" s="613"/>
      <c r="KDP647" s="613"/>
      <c r="KDQ647" s="613"/>
      <c r="KDR647" s="613"/>
      <c r="KDS647" s="613"/>
      <c r="KDT647" s="613"/>
      <c r="KDU647" s="613"/>
      <c r="KDV647" s="613"/>
      <c r="KDW647" s="613"/>
      <c r="KDX647" s="613"/>
      <c r="KDY647" s="613"/>
      <c r="KDZ647" s="613"/>
      <c r="KEA647" s="613"/>
      <c r="KEB647" s="613"/>
      <c r="KEC647" s="613"/>
      <c r="KED647" s="613"/>
      <c r="KEE647" s="613"/>
      <c r="KEF647" s="613"/>
      <c r="KEG647" s="613"/>
      <c r="KEH647" s="613"/>
      <c r="KEI647" s="613"/>
      <c r="KEJ647" s="613"/>
      <c r="KEK647" s="613"/>
      <c r="KEL647" s="613"/>
      <c r="KEM647" s="613"/>
      <c r="KEN647" s="613"/>
      <c r="KEO647" s="613"/>
      <c r="KEP647" s="613"/>
      <c r="KEQ647" s="613"/>
      <c r="KER647" s="613"/>
      <c r="KES647" s="613"/>
      <c r="KET647" s="613"/>
      <c r="KEU647" s="613"/>
      <c r="KEV647" s="613"/>
      <c r="KEW647" s="613"/>
      <c r="KEX647" s="613"/>
      <c r="KEY647" s="613"/>
      <c r="KEZ647" s="613"/>
      <c r="KFA647" s="613"/>
      <c r="KFB647" s="613"/>
      <c r="KFC647" s="613"/>
      <c r="KFD647" s="613"/>
      <c r="KFE647" s="613"/>
      <c r="KFF647" s="613"/>
      <c r="KFG647" s="613"/>
      <c r="KFH647" s="613"/>
      <c r="KFI647" s="613"/>
      <c r="KFJ647" s="613"/>
      <c r="KFK647" s="613"/>
      <c r="KFL647" s="613"/>
      <c r="KFM647" s="613"/>
      <c r="KFN647" s="613"/>
      <c r="KFO647" s="613"/>
      <c r="KFP647" s="613"/>
      <c r="KFQ647" s="613"/>
      <c r="KFR647" s="613"/>
      <c r="KFS647" s="613"/>
      <c r="KFT647" s="613"/>
      <c r="KFU647" s="613"/>
      <c r="KFV647" s="613"/>
      <c r="KFW647" s="613"/>
      <c r="KFX647" s="613"/>
      <c r="KFY647" s="613"/>
      <c r="KFZ647" s="613"/>
      <c r="KGA647" s="613"/>
      <c r="KGB647" s="613"/>
      <c r="KGC647" s="613"/>
      <c r="KGD647" s="613"/>
      <c r="KGE647" s="613"/>
      <c r="KGF647" s="613"/>
      <c r="KGG647" s="613"/>
      <c r="KGH647" s="613"/>
      <c r="KGI647" s="613"/>
      <c r="KGJ647" s="613"/>
      <c r="KGK647" s="613"/>
      <c r="KGL647" s="613"/>
      <c r="KGM647" s="613"/>
      <c r="KGN647" s="613"/>
      <c r="KGO647" s="613"/>
      <c r="KGP647" s="613"/>
      <c r="KGQ647" s="613"/>
      <c r="KGR647" s="613"/>
      <c r="KGS647" s="613"/>
      <c r="KGT647" s="613"/>
      <c r="KGU647" s="613"/>
      <c r="KGV647" s="613"/>
      <c r="KGW647" s="613"/>
      <c r="KGX647" s="613"/>
      <c r="KGY647" s="613"/>
      <c r="KGZ647" s="613"/>
      <c r="KHA647" s="613"/>
      <c r="KHB647" s="613"/>
      <c r="KHC647" s="613"/>
      <c r="KHD647" s="613"/>
      <c r="KHE647" s="613"/>
      <c r="KHF647" s="613"/>
      <c r="KHG647" s="613"/>
      <c r="KHH647" s="613"/>
      <c r="KHI647" s="613"/>
      <c r="KHJ647" s="613"/>
      <c r="KHK647" s="613"/>
      <c r="KHL647" s="613"/>
      <c r="KHM647" s="613"/>
      <c r="KHN647" s="613"/>
      <c r="KHO647" s="613"/>
      <c r="KHP647" s="613"/>
      <c r="KHQ647" s="613"/>
      <c r="KHR647" s="613"/>
      <c r="KHS647" s="613"/>
      <c r="KHT647" s="613"/>
      <c r="KHU647" s="613"/>
      <c r="KHV647" s="613"/>
      <c r="KHW647" s="613"/>
      <c r="KHX647" s="613"/>
      <c r="KHY647" s="613"/>
      <c r="KHZ647" s="613"/>
      <c r="KIA647" s="613"/>
      <c r="KIB647" s="613"/>
      <c r="KIC647" s="613"/>
      <c r="KID647" s="613"/>
      <c r="KIE647" s="613"/>
      <c r="KIF647" s="613"/>
      <c r="KIG647" s="613"/>
      <c r="KIH647" s="613"/>
      <c r="KII647" s="613"/>
      <c r="KIJ647" s="613"/>
      <c r="KIK647" s="613"/>
      <c r="KIL647" s="613"/>
      <c r="KIM647" s="613"/>
      <c r="KIN647" s="613"/>
      <c r="KIO647" s="613"/>
      <c r="KIP647" s="613"/>
      <c r="KIQ647" s="613"/>
      <c r="KIR647" s="613"/>
      <c r="KIS647" s="613"/>
      <c r="KIT647" s="613"/>
      <c r="KIU647" s="613"/>
      <c r="KIV647" s="613"/>
      <c r="KIW647" s="613"/>
      <c r="KIX647" s="613"/>
      <c r="KIY647" s="613"/>
      <c r="KIZ647" s="613"/>
      <c r="KJA647" s="613"/>
      <c r="KJB647" s="613"/>
      <c r="KJC647" s="613"/>
      <c r="KJD647" s="613"/>
      <c r="KJE647" s="613"/>
      <c r="KJF647" s="613"/>
      <c r="KJG647" s="613"/>
      <c r="KJH647" s="613"/>
      <c r="KJI647" s="613"/>
      <c r="KJJ647" s="613"/>
      <c r="KJK647" s="613"/>
      <c r="KJL647" s="613"/>
      <c r="KJM647" s="613"/>
      <c r="KJN647" s="613"/>
      <c r="KJO647" s="613"/>
      <c r="KJP647" s="613"/>
      <c r="KJQ647" s="613"/>
      <c r="KJR647" s="613"/>
      <c r="KJS647" s="613"/>
      <c r="KJT647" s="613"/>
      <c r="KJU647" s="613"/>
      <c r="KJV647" s="613"/>
      <c r="KJW647" s="613"/>
      <c r="KJX647" s="613"/>
      <c r="KJY647" s="613"/>
      <c r="KJZ647" s="613"/>
      <c r="KKA647" s="613"/>
      <c r="KKB647" s="613"/>
      <c r="KKC647" s="613"/>
      <c r="KKD647" s="613"/>
      <c r="KKE647" s="613"/>
      <c r="KKF647" s="613"/>
      <c r="KKG647" s="613"/>
      <c r="KKH647" s="613"/>
      <c r="KKI647" s="613"/>
      <c r="KKJ647" s="613"/>
      <c r="KKK647" s="613"/>
      <c r="KKL647" s="613"/>
      <c r="KKM647" s="613"/>
      <c r="KKN647" s="613"/>
      <c r="KKO647" s="613"/>
      <c r="KKP647" s="613"/>
      <c r="KKQ647" s="613"/>
      <c r="KKR647" s="613"/>
      <c r="KKS647" s="613"/>
      <c r="KKT647" s="613"/>
      <c r="KKU647" s="613"/>
      <c r="KKV647" s="613"/>
      <c r="KKW647" s="613"/>
      <c r="KKX647" s="613"/>
      <c r="KKY647" s="613"/>
      <c r="KKZ647" s="613"/>
      <c r="KLA647" s="613"/>
      <c r="KLB647" s="613"/>
      <c r="KLC647" s="613"/>
      <c r="KLD647" s="613"/>
      <c r="KLE647" s="613"/>
      <c r="KLF647" s="613"/>
      <c r="KLG647" s="613"/>
      <c r="KLH647" s="613"/>
      <c r="KLI647" s="613"/>
      <c r="KLJ647" s="613"/>
      <c r="KLK647" s="613"/>
      <c r="KLL647" s="613"/>
      <c r="KLM647" s="613"/>
      <c r="KLN647" s="613"/>
      <c r="KLO647" s="613"/>
      <c r="KLP647" s="613"/>
      <c r="KLQ647" s="613"/>
      <c r="KLR647" s="613"/>
      <c r="KLS647" s="613"/>
      <c r="KLT647" s="613"/>
      <c r="KLU647" s="613"/>
      <c r="KLV647" s="613"/>
      <c r="KLW647" s="613"/>
      <c r="KLX647" s="613"/>
      <c r="KLY647" s="613"/>
      <c r="KLZ647" s="613"/>
      <c r="KMA647" s="613"/>
      <c r="KMB647" s="613"/>
      <c r="KMC647" s="613"/>
      <c r="KMD647" s="613"/>
      <c r="KME647" s="613"/>
      <c r="KMF647" s="613"/>
      <c r="KMG647" s="613"/>
      <c r="KMH647" s="613"/>
      <c r="KMI647" s="613"/>
      <c r="KMJ647" s="613"/>
      <c r="KMK647" s="613"/>
      <c r="KML647" s="613"/>
      <c r="KMM647" s="613"/>
      <c r="KMN647" s="613"/>
      <c r="KMO647" s="613"/>
      <c r="KMP647" s="613"/>
      <c r="KMQ647" s="613"/>
      <c r="KMR647" s="613"/>
      <c r="KMS647" s="613"/>
      <c r="KMT647" s="613"/>
      <c r="KMU647" s="613"/>
      <c r="KMV647" s="613"/>
      <c r="KMW647" s="613"/>
      <c r="KMX647" s="613"/>
      <c r="KMY647" s="613"/>
      <c r="KMZ647" s="613"/>
      <c r="KNA647" s="613"/>
      <c r="KNB647" s="613"/>
      <c r="KNC647" s="613"/>
      <c r="KND647" s="613"/>
      <c r="KNE647" s="613"/>
      <c r="KNF647" s="613"/>
      <c r="KNG647" s="613"/>
      <c r="KNH647" s="613"/>
      <c r="KNI647" s="613"/>
      <c r="KNJ647" s="613"/>
      <c r="KNK647" s="613"/>
      <c r="KNL647" s="613"/>
      <c r="KNM647" s="613"/>
      <c r="KNN647" s="613"/>
      <c r="KNO647" s="613"/>
      <c r="KNP647" s="613"/>
      <c r="KNQ647" s="613"/>
      <c r="KNR647" s="613"/>
      <c r="KNS647" s="613"/>
      <c r="KNT647" s="613"/>
      <c r="KNU647" s="613"/>
      <c r="KNV647" s="613"/>
      <c r="KNW647" s="613"/>
      <c r="KNX647" s="613"/>
      <c r="KNY647" s="613"/>
      <c r="KNZ647" s="613"/>
      <c r="KOA647" s="613"/>
      <c r="KOB647" s="613"/>
      <c r="KOC647" s="613"/>
      <c r="KOD647" s="613"/>
      <c r="KOE647" s="613"/>
      <c r="KOF647" s="613"/>
      <c r="KOG647" s="613"/>
      <c r="KOH647" s="613"/>
      <c r="KOI647" s="613"/>
      <c r="KOJ647" s="613"/>
      <c r="KOK647" s="613"/>
      <c r="KOL647" s="613"/>
      <c r="KOM647" s="613"/>
      <c r="KON647" s="613"/>
      <c r="KOO647" s="613"/>
      <c r="KOP647" s="613"/>
      <c r="KOQ647" s="613"/>
      <c r="KOR647" s="613"/>
      <c r="KOS647" s="613"/>
      <c r="KOT647" s="613"/>
      <c r="KOU647" s="613"/>
      <c r="KOV647" s="613"/>
      <c r="KOW647" s="613"/>
      <c r="KOX647" s="613"/>
      <c r="KOY647" s="613"/>
      <c r="KOZ647" s="613"/>
      <c r="KPA647" s="613"/>
      <c r="KPB647" s="613"/>
      <c r="KPC647" s="613"/>
      <c r="KPD647" s="613"/>
      <c r="KPE647" s="613"/>
      <c r="KPF647" s="613"/>
      <c r="KPG647" s="613"/>
      <c r="KPH647" s="613"/>
      <c r="KPI647" s="613"/>
      <c r="KPJ647" s="613"/>
      <c r="KPK647" s="613"/>
      <c r="KPL647" s="613"/>
      <c r="KPM647" s="613"/>
      <c r="KPN647" s="613"/>
      <c r="KPO647" s="613"/>
      <c r="KPP647" s="613"/>
      <c r="KPQ647" s="613"/>
      <c r="KPR647" s="613"/>
      <c r="KPS647" s="613"/>
      <c r="KPT647" s="613"/>
      <c r="KPU647" s="613"/>
      <c r="KPV647" s="613"/>
      <c r="KPW647" s="613"/>
      <c r="KPX647" s="613"/>
      <c r="KPY647" s="613"/>
      <c r="KPZ647" s="613"/>
      <c r="KQA647" s="613"/>
      <c r="KQB647" s="613"/>
      <c r="KQC647" s="613"/>
      <c r="KQD647" s="613"/>
      <c r="KQE647" s="613"/>
      <c r="KQF647" s="613"/>
      <c r="KQG647" s="613"/>
      <c r="KQH647" s="613"/>
      <c r="KQI647" s="613"/>
      <c r="KQJ647" s="613"/>
      <c r="KQK647" s="613"/>
      <c r="KQL647" s="613"/>
      <c r="KQM647" s="613"/>
      <c r="KQN647" s="613"/>
      <c r="KQO647" s="613"/>
      <c r="KQP647" s="613"/>
      <c r="KQQ647" s="613"/>
      <c r="KQR647" s="613"/>
      <c r="KQS647" s="613"/>
      <c r="KQT647" s="613"/>
      <c r="KQU647" s="613"/>
      <c r="KQV647" s="613"/>
      <c r="KQW647" s="613"/>
      <c r="KQX647" s="613"/>
      <c r="KQY647" s="613"/>
      <c r="KQZ647" s="613"/>
      <c r="KRA647" s="613"/>
      <c r="KRB647" s="613"/>
      <c r="KRC647" s="613"/>
      <c r="KRD647" s="613"/>
      <c r="KRE647" s="613"/>
      <c r="KRF647" s="613"/>
      <c r="KRG647" s="613"/>
      <c r="KRH647" s="613"/>
      <c r="KRI647" s="613"/>
      <c r="KRJ647" s="613"/>
      <c r="KRK647" s="613"/>
      <c r="KRL647" s="613"/>
      <c r="KRM647" s="613"/>
      <c r="KRN647" s="613"/>
      <c r="KRO647" s="613"/>
      <c r="KRP647" s="613"/>
      <c r="KRQ647" s="613"/>
      <c r="KRR647" s="613"/>
      <c r="KRS647" s="613"/>
      <c r="KRT647" s="613"/>
      <c r="KRU647" s="613"/>
      <c r="KRV647" s="613"/>
      <c r="KRW647" s="613"/>
      <c r="KRX647" s="613"/>
      <c r="KRY647" s="613"/>
      <c r="KRZ647" s="613"/>
      <c r="KSA647" s="613"/>
      <c r="KSB647" s="613"/>
      <c r="KSC647" s="613"/>
      <c r="KSD647" s="613"/>
      <c r="KSE647" s="613"/>
      <c r="KSF647" s="613"/>
      <c r="KSG647" s="613"/>
      <c r="KSH647" s="613"/>
      <c r="KSI647" s="613"/>
      <c r="KSJ647" s="613"/>
      <c r="KSK647" s="613"/>
      <c r="KSL647" s="613"/>
      <c r="KSM647" s="613"/>
      <c r="KSN647" s="613"/>
      <c r="KSO647" s="613"/>
      <c r="KSP647" s="613"/>
      <c r="KSQ647" s="613"/>
      <c r="KSR647" s="613"/>
      <c r="KSS647" s="613"/>
      <c r="KST647" s="613"/>
      <c r="KSU647" s="613"/>
      <c r="KSV647" s="613"/>
      <c r="KSW647" s="613"/>
      <c r="KSX647" s="613"/>
      <c r="KSY647" s="613"/>
      <c r="KSZ647" s="613"/>
      <c r="KTA647" s="613"/>
      <c r="KTB647" s="613"/>
      <c r="KTC647" s="613"/>
      <c r="KTD647" s="613"/>
      <c r="KTE647" s="613"/>
      <c r="KTF647" s="613"/>
      <c r="KTG647" s="613"/>
      <c r="KTH647" s="613"/>
      <c r="KTI647" s="613"/>
      <c r="KTJ647" s="613"/>
      <c r="KTK647" s="613"/>
      <c r="KTL647" s="613"/>
      <c r="KTM647" s="613"/>
      <c r="KTN647" s="613"/>
      <c r="KTO647" s="613"/>
      <c r="KTP647" s="613"/>
      <c r="KTQ647" s="613"/>
      <c r="KTR647" s="613"/>
      <c r="KTS647" s="613"/>
      <c r="KTT647" s="613"/>
      <c r="KTU647" s="613"/>
      <c r="KTV647" s="613"/>
      <c r="KTW647" s="613"/>
      <c r="KTX647" s="613"/>
      <c r="KTY647" s="613"/>
      <c r="KTZ647" s="613"/>
      <c r="KUA647" s="613"/>
      <c r="KUB647" s="613"/>
      <c r="KUC647" s="613"/>
      <c r="KUD647" s="613"/>
      <c r="KUE647" s="613"/>
      <c r="KUF647" s="613"/>
      <c r="KUG647" s="613"/>
      <c r="KUH647" s="613"/>
      <c r="KUI647" s="613"/>
      <c r="KUJ647" s="613"/>
      <c r="KUK647" s="613"/>
      <c r="KUL647" s="613"/>
      <c r="KUM647" s="613"/>
      <c r="KUN647" s="613"/>
      <c r="KUO647" s="613"/>
      <c r="KUP647" s="613"/>
      <c r="KUQ647" s="613"/>
      <c r="KUR647" s="613"/>
      <c r="KUS647" s="613"/>
      <c r="KUT647" s="613"/>
      <c r="KUU647" s="613"/>
      <c r="KUV647" s="613"/>
      <c r="KUW647" s="613"/>
      <c r="KUX647" s="613"/>
      <c r="KUY647" s="613"/>
      <c r="KUZ647" s="613"/>
      <c r="KVA647" s="613"/>
      <c r="KVB647" s="613"/>
      <c r="KVC647" s="613"/>
      <c r="KVD647" s="613"/>
      <c r="KVE647" s="613"/>
      <c r="KVF647" s="613"/>
      <c r="KVG647" s="613"/>
      <c r="KVH647" s="613"/>
      <c r="KVI647" s="613"/>
      <c r="KVJ647" s="613"/>
      <c r="KVK647" s="613"/>
      <c r="KVL647" s="613"/>
      <c r="KVM647" s="613"/>
      <c r="KVN647" s="613"/>
      <c r="KVO647" s="613"/>
      <c r="KVP647" s="613"/>
      <c r="KVQ647" s="613"/>
      <c r="KVR647" s="613"/>
      <c r="KVS647" s="613"/>
      <c r="KVT647" s="613"/>
      <c r="KVU647" s="613"/>
      <c r="KVV647" s="613"/>
      <c r="KVW647" s="613"/>
      <c r="KVX647" s="613"/>
      <c r="KVY647" s="613"/>
      <c r="KVZ647" s="613"/>
      <c r="KWA647" s="613"/>
      <c r="KWB647" s="613"/>
      <c r="KWC647" s="613"/>
      <c r="KWD647" s="613"/>
      <c r="KWE647" s="613"/>
      <c r="KWF647" s="613"/>
      <c r="KWG647" s="613"/>
      <c r="KWH647" s="613"/>
      <c r="KWI647" s="613"/>
      <c r="KWJ647" s="613"/>
      <c r="KWK647" s="613"/>
      <c r="KWL647" s="613"/>
      <c r="KWM647" s="613"/>
      <c r="KWN647" s="613"/>
      <c r="KWO647" s="613"/>
      <c r="KWP647" s="613"/>
      <c r="KWQ647" s="613"/>
      <c r="KWR647" s="613"/>
      <c r="KWS647" s="613"/>
      <c r="KWT647" s="613"/>
      <c r="KWU647" s="613"/>
      <c r="KWV647" s="613"/>
      <c r="KWW647" s="613"/>
      <c r="KWX647" s="613"/>
      <c r="KWY647" s="613"/>
      <c r="KWZ647" s="613"/>
      <c r="KXA647" s="613"/>
      <c r="KXB647" s="613"/>
      <c r="KXC647" s="613"/>
      <c r="KXD647" s="613"/>
      <c r="KXE647" s="613"/>
      <c r="KXF647" s="613"/>
      <c r="KXG647" s="613"/>
      <c r="KXH647" s="613"/>
      <c r="KXI647" s="613"/>
      <c r="KXJ647" s="613"/>
      <c r="KXK647" s="613"/>
      <c r="KXL647" s="613"/>
      <c r="KXM647" s="613"/>
      <c r="KXN647" s="613"/>
      <c r="KXO647" s="613"/>
      <c r="KXP647" s="613"/>
      <c r="KXQ647" s="613"/>
      <c r="KXR647" s="613"/>
      <c r="KXS647" s="613"/>
      <c r="KXT647" s="613"/>
      <c r="KXU647" s="613"/>
      <c r="KXV647" s="613"/>
      <c r="KXW647" s="613"/>
      <c r="KXX647" s="613"/>
      <c r="KXY647" s="613"/>
      <c r="KXZ647" s="613"/>
      <c r="KYA647" s="613"/>
      <c r="KYB647" s="613"/>
      <c r="KYC647" s="613"/>
      <c r="KYD647" s="613"/>
      <c r="KYE647" s="613"/>
      <c r="KYF647" s="613"/>
      <c r="KYG647" s="613"/>
      <c r="KYH647" s="613"/>
      <c r="KYI647" s="613"/>
      <c r="KYJ647" s="613"/>
      <c r="KYK647" s="613"/>
      <c r="KYL647" s="613"/>
      <c r="KYM647" s="613"/>
      <c r="KYN647" s="613"/>
      <c r="KYO647" s="613"/>
      <c r="KYP647" s="613"/>
      <c r="KYQ647" s="613"/>
      <c r="KYR647" s="613"/>
      <c r="KYS647" s="613"/>
      <c r="KYT647" s="613"/>
      <c r="KYU647" s="613"/>
      <c r="KYV647" s="613"/>
      <c r="KYW647" s="613"/>
      <c r="KYX647" s="613"/>
      <c r="KYY647" s="613"/>
      <c r="KYZ647" s="613"/>
      <c r="KZA647" s="613"/>
      <c r="KZB647" s="613"/>
      <c r="KZC647" s="613"/>
      <c r="KZD647" s="613"/>
      <c r="KZE647" s="613"/>
      <c r="KZF647" s="613"/>
      <c r="KZG647" s="613"/>
      <c r="KZH647" s="613"/>
      <c r="KZI647" s="613"/>
      <c r="KZJ647" s="613"/>
      <c r="KZK647" s="613"/>
      <c r="KZL647" s="613"/>
      <c r="KZM647" s="613"/>
      <c r="KZN647" s="613"/>
      <c r="KZO647" s="613"/>
      <c r="KZP647" s="613"/>
      <c r="KZQ647" s="613"/>
      <c r="KZR647" s="613"/>
      <c r="KZS647" s="613"/>
      <c r="KZT647" s="613"/>
      <c r="KZU647" s="613"/>
      <c r="KZV647" s="613"/>
      <c r="KZW647" s="613"/>
      <c r="KZX647" s="613"/>
      <c r="KZY647" s="613"/>
      <c r="KZZ647" s="613"/>
      <c r="LAA647" s="613"/>
      <c r="LAB647" s="613"/>
      <c r="LAC647" s="613"/>
      <c r="LAD647" s="613"/>
      <c r="LAE647" s="613"/>
      <c r="LAF647" s="613"/>
      <c r="LAG647" s="613"/>
      <c r="LAH647" s="613"/>
      <c r="LAI647" s="613"/>
      <c r="LAJ647" s="613"/>
      <c r="LAK647" s="613"/>
      <c r="LAL647" s="613"/>
      <c r="LAM647" s="613"/>
      <c r="LAN647" s="613"/>
      <c r="LAO647" s="613"/>
      <c r="LAP647" s="613"/>
      <c r="LAQ647" s="613"/>
      <c r="LAR647" s="613"/>
      <c r="LAS647" s="613"/>
      <c r="LAT647" s="613"/>
      <c r="LAU647" s="613"/>
      <c r="LAV647" s="613"/>
      <c r="LAW647" s="613"/>
      <c r="LAX647" s="613"/>
      <c r="LAY647" s="613"/>
      <c r="LAZ647" s="613"/>
      <c r="LBA647" s="613"/>
      <c r="LBB647" s="613"/>
      <c r="LBC647" s="613"/>
      <c r="LBD647" s="613"/>
      <c r="LBE647" s="613"/>
      <c r="LBF647" s="613"/>
      <c r="LBG647" s="613"/>
      <c r="LBH647" s="613"/>
      <c r="LBI647" s="613"/>
      <c r="LBJ647" s="613"/>
      <c r="LBK647" s="613"/>
      <c r="LBL647" s="613"/>
      <c r="LBM647" s="613"/>
      <c r="LBN647" s="613"/>
      <c r="LBO647" s="613"/>
      <c r="LBP647" s="613"/>
      <c r="LBQ647" s="613"/>
      <c r="LBR647" s="613"/>
      <c r="LBS647" s="613"/>
      <c r="LBT647" s="613"/>
      <c r="LBU647" s="613"/>
      <c r="LBV647" s="613"/>
      <c r="LBW647" s="613"/>
      <c r="LBX647" s="613"/>
      <c r="LBY647" s="613"/>
      <c r="LBZ647" s="613"/>
      <c r="LCA647" s="613"/>
      <c r="LCB647" s="613"/>
      <c r="LCC647" s="613"/>
      <c r="LCD647" s="613"/>
      <c r="LCE647" s="613"/>
      <c r="LCF647" s="613"/>
      <c r="LCG647" s="613"/>
      <c r="LCH647" s="613"/>
      <c r="LCI647" s="613"/>
      <c r="LCJ647" s="613"/>
      <c r="LCK647" s="613"/>
      <c r="LCL647" s="613"/>
      <c r="LCM647" s="613"/>
      <c r="LCN647" s="613"/>
      <c r="LCO647" s="613"/>
      <c r="LCP647" s="613"/>
      <c r="LCQ647" s="613"/>
      <c r="LCR647" s="613"/>
      <c r="LCS647" s="613"/>
      <c r="LCT647" s="613"/>
      <c r="LCU647" s="613"/>
      <c r="LCV647" s="613"/>
      <c r="LCW647" s="613"/>
      <c r="LCX647" s="613"/>
      <c r="LCY647" s="613"/>
      <c r="LCZ647" s="613"/>
      <c r="LDA647" s="613"/>
      <c r="LDB647" s="613"/>
      <c r="LDC647" s="613"/>
      <c r="LDD647" s="613"/>
      <c r="LDE647" s="613"/>
      <c r="LDF647" s="613"/>
      <c r="LDG647" s="613"/>
      <c r="LDH647" s="613"/>
      <c r="LDI647" s="613"/>
      <c r="LDJ647" s="613"/>
      <c r="LDK647" s="613"/>
      <c r="LDL647" s="613"/>
      <c r="LDM647" s="613"/>
      <c r="LDN647" s="613"/>
      <c r="LDO647" s="613"/>
      <c r="LDP647" s="613"/>
      <c r="LDQ647" s="613"/>
      <c r="LDR647" s="613"/>
      <c r="LDS647" s="613"/>
      <c r="LDT647" s="613"/>
      <c r="LDU647" s="613"/>
      <c r="LDV647" s="613"/>
      <c r="LDW647" s="613"/>
      <c r="LDX647" s="613"/>
      <c r="LDY647" s="613"/>
      <c r="LDZ647" s="613"/>
      <c r="LEA647" s="613"/>
      <c r="LEB647" s="613"/>
      <c r="LEC647" s="613"/>
      <c r="LED647" s="613"/>
      <c r="LEE647" s="613"/>
      <c r="LEF647" s="613"/>
      <c r="LEG647" s="613"/>
      <c r="LEH647" s="613"/>
      <c r="LEI647" s="613"/>
      <c r="LEJ647" s="613"/>
      <c r="LEK647" s="613"/>
      <c r="LEL647" s="613"/>
      <c r="LEM647" s="613"/>
      <c r="LEN647" s="613"/>
      <c r="LEO647" s="613"/>
      <c r="LEP647" s="613"/>
      <c r="LEQ647" s="613"/>
      <c r="LER647" s="613"/>
      <c r="LES647" s="613"/>
      <c r="LET647" s="613"/>
      <c r="LEU647" s="613"/>
      <c r="LEV647" s="613"/>
      <c r="LEW647" s="613"/>
      <c r="LEX647" s="613"/>
      <c r="LEY647" s="613"/>
      <c r="LEZ647" s="613"/>
      <c r="LFA647" s="613"/>
      <c r="LFB647" s="613"/>
      <c r="LFC647" s="613"/>
      <c r="LFD647" s="613"/>
      <c r="LFE647" s="613"/>
      <c r="LFF647" s="613"/>
      <c r="LFG647" s="613"/>
      <c r="LFH647" s="613"/>
      <c r="LFI647" s="613"/>
      <c r="LFJ647" s="613"/>
      <c r="LFK647" s="613"/>
      <c r="LFL647" s="613"/>
      <c r="LFM647" s="613"/>
      <c r="LFN647" s="613"/>
      <c r="LFO647" s="613"/>
      <c r="LFP647" s="613"/>
      <c r="LFQ647" s="613"/>
      <c r="LFR647" s="613"/>
      <c r="LFS647" s="613"/>
      <c r="LFT647" s="613"/>
      <c r="LFU647" s="613"/>
      <c r="LFV647" s="613"/>
      <c r="LFW647" s="613"/>
      <c r="LFX647" s="613"/>
      <c r="LFY647" s="613"/>
      <c r="LFZ647" s="613"/>
      <c r="LGA647" s="613"/>
      <c r="LGB647" s="613"/>
      <c r="LGC647" s="613"/>
      <c r="LGD647" s="613"/>
      <c r="LGE647" s="613"/>
      <c r="LGF647" s="613"/>
      <c r="LGG647" s="613"/>
      <c r="LGH647" s="613"/>
      <c r="LGI647" s="613"/>
      <c r="LGJ647" s="613"/>
      <c r="LGK647" s="613"/>
      <c r="LGL647" s="613"/>
      <c r="LGM647" s="613"/>
      <c r="LGN647" s="613"/>
      <c r="LGO647" s="613"/>
      <c r="LGP647" s="613"/>
      <c r="LGQ647" s="613"/>
      <c r="LGR647" s="613"/>
      <c r="LGS647" s="613"/>
      <c r="LGT647" s="613"/>
      <c r="LGU647" s="613"/>
      <c r="LGV647" s="613"/>
      <c r="LGW647" s="613"/>
      <c r="LGX647" s="613"/>
      <c r="LGY647" s="613"/>
      <c r="LGZ647" s="613"/>
      <c r="LHA647" s="613"/>
      <c r="LHB647" s="613"/>
      <c r="LHC647" s="613"/>
      <c r="LHD647" s="613"/>
      <c r="LHE647" s="613"/>
      <c r="LHF647" s="613"/>
      <c r="LHG647" s="613"/>
      <c r="LHH647" s="613"/>
      <c r="LHI647" s="613"/>
      <c r="LHJ647" s="613"/>
      <c r="LHK647" s="613"/>
      <c r="LHL647" s="613"/>
      <c r="LHM647" s="613"/>
      <c r="LHN647" s="613"/>
      <c r="LHO647" s="613"/>
      <c r="LHP647" s="613"/>
      <c r="LHQ647" s="613"/>
      <c r="LHR647" s="613"/>
      <c r="LHS647" s="613"/>
      <c r="LHT647" s="613"/>
      <c r="LHU647" s="613"/>
      <c r="LHV647" s="613"/>
      <c r="LHW647" s="613"/>
      <c r="LHX647" s="613"/>
      <c r="LHY647" s="613"/>
      <c r="LHZ647" s="613"/>
      <c r="LIA647" s="613"/>
      <c r="LIB647" s="613"/>
      <c r="LIC647" s="613"/>
      <c r="LID647" s="613"/>
      <c r="LIE647" s="613"/>
      <c r="LIF647" s="613"/>
      <c r="LIG647" s="613"/>
      <c r="LIH647" s="613"/>
      <c r="LII647" s="613"/>
      <c r="LIJ647" s="613"/>
      <c r="LIK647" s="613"/>
      <c r="LIL647" s="613"/>
      <c r="LIM647" s="613"/>
      <c r="LIN647" s="613"/>
      <c r="LIO647" s="613"/>
      <c r="LIP647" s="613"/>
      <c r="LIQ647" s="613"/>
      <c r="LIR647" s="613"/>
      <c r="LIS647" s="613"/>
      <c r="LIT647" s="613"/>
      <c r="LIU647" s="613"/>
      <c r="LIV647" s="613"/>
      <c r="LIW647" s="613"/>
      <c r="LIX647" s="613"/>
      <c r="LIY647" s="613"/>
      <c r="LIZ647" s="613"/>
      <c r="LJA647" s="613"/>
      <c r="LJB647" s="613"/>
      <c r="LJC647" s="613"/>
      <c r="LJD647" s="613"/>
      <c r="LJE647" s="613"/>
      <c r="LJF647" s="613"/>
      <c r="LJG647" s="613"/>
      <c r="LJH647" s="613"/>
      <c r="LJI647" s="613"/>
      <c r="LJJ647" s="613"/>
      <c r="LJK647" s="613"/>
      <c r="LJL647" s="613"/>
      <c r="LJM647" s="613"/>
      <c r="LJN647" s="613"/>
      <c r="LJO647" s="613"/>
      <c r="LJP647" s="613"/>
      <c r="LJQ647" s="613"/>
      <c r="LJR647" s="613"/>
      <c r="LJS647" s="613"/>
      <c r="LJT647" s="613"/>
      <c r="LJU647" s="613"/>
      <c r="LJV647" s="613"/>
      <c r="LJW647" s="613"/>
      <c r="LJX647" s="613"/>
      <c r="LJY647" s="613"/>
      <c r="LJZ647" s="613"/>
      <c r="LKA647" s="613"/>
      <c r="LKB647" s="613"/>
      <c r="LKC647" s="613"/>
      <c r="LKD647" s="613"/>
      <c r="LKE647" s="613"/>
      <c r="LKF647" s="613"/>
      <c r="LKG647" s="613"/>
      <c r="LKH647" s="613"/>
      <c r="LKI647" s="613"/>
      <c r="LKJ647" s="613"/>
      <c r="LKK647" s="613"/>
      <c r="LKL647" s="613"/>
      <c r="LKM647" s="613"/>
      <c r="LKN647" s="613"/>
      <c r="LKO647" s="613"/>
      <c r="LKP647" s="613"/>
      <c r="LKQ647" s="613"/>
      <c r="LKR647" s="613"/>
      <c r="LKS647" s="613"/>
      <c r="LKT647" s="613"/>
      <c r="LKU647" s="613"/>
      <c r="LKV647" s="613"/>
      <c r="LKW647" s="613"/>
      <c r="LKX647" s="613"/>
      <c r="LKY647" s="613"/>
      <c r="LKZ647" s="613"/>
      <c r="LLA647" s="613"/>
      <c r="LLB647" s="613"/>
      <c r="LLC647" s="613"/>
      <c r="LLD647" s="613"/>
      <c r="LLE647" s="613"/>
      <c r="LLF647" s="613"/>
      <c r="LLG647" s="613"/>
      <c r="LLH647" s="613"/>
      <c r="LLI647" s="613"/>
      <c r="LLJ647" s="613"/>
      <c r="LLK647" s="613"/>
      <c r="LLL647" s="613"/>
      <c r="LLM647" s="613"/>
      <c r="LLN647" s="613"/>
      <c r="LLO647" s="613"/>
      <c r="LLP647" s="613"/>
      <c r="LLQ647" s="613"/>
      <c r="LLR647" s="613"/>
      <c r="LLS647" s="613"/>
      <c r="LLT647" s="613"/>
      <c r="LLU647" s="613"/>
      <c r="LLV647" s="613"/>
      <c r="LLW647" s="613"/>
      <c r="LLX647" s="613"/>
      <c r="LLY647" s="613"/>
      <c r="LLZ647" s="613"/>
      <c r="LMA647" s="613"/>
      <c r="LMB647" s="613"/>
      <c r="LMC647" s="613"/>
      <c r="LMD647" s="613"/>
      <c r="LME647" s="613"/>
      <c r="LMF647" s="613"/>
      <c r="LMG647" s="613"/>
      <c r="LMH647" s="613"/>
      <c r="LMI647" s="613"/>
      <c r="LMJ647" s="613"/>
      <c r="LMK647" s="613"/>
      <c r="LML647" s="613"/>
      <c r="LMM647" s="613"/>
      <c r="LMN647" s="613"/>
      <c r="LMO647" s="613"/>
      <c r="LMP647" s="613"/>
      <c r="LMQ647" s="613"/>
      <c r="LMR647" s="613"/>
      <c r="LMS647" s="613"/>
      <c r="LMT647" s="613"/>
      <c r="LMU647" s="613"/>
      <c r="LMV647" s="613"/>
      <c r="LMW647" s="613"/>
      <c r="LMX647" s="613"/>
      <c r="LMY647" s="613"/>
      <c r="LMZ647" s="613"/>
      <c r="LNA647" s="613"/>
      <c r="LNB647" s="613"/>
      <c r="LNC647" s="613"/>
      <c r="LND647" s="613"/>
      <c r="LNE647" s="613"/>
      <c r="LNF647" s="613"/>
      <c r="LNG647" s="613"/>
      <c r="LNH647" s="613"/>
      <c r="LNI647" s="613"/>
      <c r="LNJ647" s="613"/>
      <c r="LNK647" s="613"/>
      <c r="LNL647" s="613"/>
      <c r="LNM647" s="613"/>
      <c r="LNN647" s="613"/>
      <c r="LNO647" s="613"/>
      <c r="LNP647" s="613"/>
      <c r="LNQ647" s="613"/>
      <c r="LNR647" s="613"/>
      <c r="LNS647" s="613"/>
      <c r="LNT647" s="613"/>
      <c r="LNU647" s="613"/>
      <c r="LNV647" s="613"/>
      <c r="LNW647" s="613"/>
      <c r="LNX647" s="613"/>
      <c r="LNY647" s="613"/>
      <c r="LNZ647" s="613"/>
      <c r="LOA647" s="613"/>
      <c r="LOB647" s="613"/>
      <c r="LOC647" s="613"/>
      <c r="LOD647" s="613"/>
      <c r="LOE647" s="613"/>
      <c r="LOF647" s="613"/>
      <c r="LOG647" s="613"/>
      <c r="LOH647" s="613"/>
      <c r="LOI647" s="613"/>
      <c r="LOJ647" s="613"/>
      <c r="LOK647" s="613"/>
      <c r="LOL647" s="613"/>
      <c r="LOM647" s="613"/>
      <c r="LON647" s="613"/>
      <c r="LOO647" s="613"/>
      <c r="LOP647" s="613"/>
      <c r="LOQ647" s="613"/>
      <c r="LOR647" s="613"/>
      <c r="LOS647" s="613"/>
      <c r="LOT647" s="613"/>
      <c r="LOU647" s="613"/>
      <c r="LOV647" s="613"/>
      <c r="LOW647" s="613"/>
      <c r="LOX647" s="613"/>
      <c r="LOY647" s="613"/>
      <c r="LOZ647" s="613"/>
      <c r="LPA647" s="613"/>
      <c r="LPB647" s="613"/>
      <c r="LPC647" s="613"/>
      <c r="LPD647" s="613"/>
      <c r="LPE647" s="613"/>
      <c r="LPF647" s="613"/>
      <c r="LPG647" s="613"/>
      <c r="LPH647" s="613"/>
      <c r="LPI647" s="613"/>
      <c r="LPJ647" s="613"/>
      <c r="LPK647" s="613"/>
      <c r="LPL647" s="613"/>
      <c r="LPM647" s="613"/>
      <c r="LPN647" s="613"/>
      <c r="LPO647" s="613"/>
      <c r="LPP647" s="613"/>
      <c r="LPQ647" s="613"/>
      <c r="LPR647" s="613"/>
      <c r="LPS647" s="613"/>
      <c r="LPT647" s="613"/>
      <c r="LPU647" s="613"/>
      <c r="LPV647" s="613"/>
      <c r="LPW647" s="613"/>
      <c r="LPX647" s="613"/>
      <c r="LPY647" s="613"/>
      <c r="LPZ647" s="613"/>
      <c r="LQA647" s="613"/>
      <c r="LQB647" s="613"/>
      <c r="LQC647" s="613"/>
      <c r="LQD647" s="613"/>
      <c r="LQE647" s="613"/>
      <c r="LQF647" s="613"/>
      <c r="LQG647" s="613"/>
      <c r="LQH647" s="613"/>
      <c r="LQI647" s="613"/>
      <c r="LQJ647" s="613"/>
      <c r="LQK647" s="613"/>
      <c r="LQL647" s="613"/>
      <c r="LQM647" s="613"/>
      <c r="LQN647" s="613"/>
      <c r="LQO647" s="613"/>
      <c r="LQP647" s="613"/>
      <c r="LQQ647" s="613"/>
      <c r="LQR647" s="613"/>
      <c r="LQS647" s="613"/>
      <c r="LQT647" s="613"/>
      <c r="LQU647" s="613"/>
      <c r="LQV647" s="613"/>
      <c r="LQW647" s="613"/>
      <c r="LQX647" s="613"/>
      <c r="LQY647" s="613"/>
      <c r="LQZ647" s="613"/>
      <c r="LRA647" s="613"/>
      <c r="LRB647" s="613"/>
      <c r="LRC647" s="613"/>
      <c r="LRD647" s="613"/>
      <c r="LRE647" s="613"/>
      <c r="LRF647" s="613"/>
      <c r="LRG647" s="613"/>
      <c r="LRH647" s="613"/>
      <c r="LRI647" s="613"/>
      <c r="LRJ647" s="613"/>
      <c r="LRK647" s="613"/>
      <c r="LRL647" s="613"/>
      <c r="LRM647" s="613"/>
      <c r="LRN647" s="613"/>
      <c r="LRO647" s="613"/>
      <c r="LRP647" s="613"/>
      <c r="LRQ647" s="613"/>
      <c r="LRR647" s="613"/>
      <c r="LRS647" s="613"/>
      <c r="LRT647" s="613"/>
      <c r="LRU647" s="613"/>
      <c r="LRV647" s="613"/>
      <c r="LRW647" s="613"/>
      <c r="LRX647" s="613"/>
      <c r="LRY647" s="613"/>
      <c r="LRZ647" s="613"/>
      <c r="LSA647" s="613"/>
      <c r="LSB647" s="613"/>
      <c r="LSC647" s="613"/>
      <c r="LSD647" s="613"/>
      <c r="LSE647" s="613"/>
      <c r="LSF647" s="613"/>
      <c r="LSG647" s="613"/>
      <c r="LSH647" s="613"/>
      <c r="LSI647" s="613"/>
      <c r="LSJ647" s="613"/>
      <c r="LSK647" s="613"/>
      <c r="LSL647" s="613"/>
      <c r="LSM647" s="613"/>
      <c r="LSN647" s="613"/>
      <c r="LSO647" s="613"/>
      <c r="LSP647" s="613"/>
      <c r="LSQ647" s="613"/>
      <c r="LSR647" s="613"/>
      <c r="LSS647" s="613"/>
      <c r="LST647" s="613"/>
      <c r="LSU647" s="613"/>
      <c r="LSV647" s="613"/>
      <c r="LSW647" s="613"/>
      <c r="LSX647" s="613"/>
      <c r="LSY647" s="613"/>
      <c r="LSZ647" s="613"/>
      <c r="LTA647" s="613"/>
      <c r="LTB647" s="613"/>
      <c r="LTC647" s="613"/>
      <c r="LTD647" s="613"/>
      <c r="LTE647" s="613"/>
      <c r="LTF647" s="613"/>
      <c r="LTG647" s="613"/>
      <c r="LTH647" s="613"/>
      <c r="LTI647" s="613"/>
      <c r="LTJ647" s="613"/>
      <c r="LTK647" s="613"/>
      <c r="LTL647" s="613"/>
      <c r="LTM647" s="613"/>
      <c r="LTN647" s="613"/>
      <c r="LTO647" s="613"/>
      <c r="LTP647" s="613"/>
      <c r="LTQ647" s="613"/>
      <c r="LTR647" s="613"/>
      <c r="LTS647" s="613"/>
      <c r="LTT647" s="613"/>
      <c r="LTU647" s="613"/>
      <c r="LTV647" s="613"/>
      <c r="LTW647" s="613"/>
      <c r="LTX647" s="613"/>
      <c r="LTY647" s="613"/>
      <c r="LTZ647" s="613"/>
      <c r="LUA647" s="613"/>
      <c r="LUB647" s="613"/>
      <c r="LUC647" s="613"/>
      <c r="LUD647" s="613"/>
      <c r="LUE647" s="613"/>
      <c r="LUF647" s="613"/>
      <c r="LUG647" s="613"/>
      <c r="LUH647" s="613"/>
      <c r="LUI647" s="613"/>
      <c r="LUJ647" s="613"/>
      <c r="LUK647" s="613"/>
      <c r="LUL647" s="613"/>
      <c r="LUM647" s="613"/>
      <c r="LUN647" s="613"/>
      <c r="LUO647" s="613"/>
      <c r="LUP647" s="613"/>
      <c r="LUQ647" s="613"/>
      <c r="LUR647" s="613"/>
      <c r="LUS647" s="613"/>
      <c r="LUT647" s="613"/>
      <c r="LUU647" s="613"/>
      <c r="LUV647" s="613"/>
      <c r="LUW647" s="613"/>
      <c r="LUX647" s="613"/>
      <c r="LUY647" s="613"/>
      <c r="LUZ647" s="613"/>
      <c r="LVA647" s="613"/>
      <c r="LVB647" s="613"/>
      <c r="LVC647" s="613"/>
      <c r="LVD647" s="613"/>
      <c r="LVE647" s="613"/>
      <c r="LVF647" s="613"/>
      <c r="LVG647" s="613"/>
      <c r="LVH647" s="613"/>
      <c r="LVI647" s="613"/>
      <c r="LVJ647" s="613"/>
      <c r="LVK647" s="613"/>
      <c r="LVL647" s="613"/>
      <c r="LVM647" s="613"/>
      <c r="LVN647" s="613"/>
      <c r="LVO647" s="613"/>
      <c r="LVP647" s="613"/>
      <c r="LVQ647" s="613"/>
      <c r="LVR647" s="613"/>
      <c r="LVS647" s="613"/>
      <c r="LVT647" s="613"/>
      <c r="LVU647" s="613"/>
      <c r="LVV647" s="613"/>
      <c r="LVW647" s="613"/>
      <c r="LVX647" s="613"/>
      <c r="LVY647" s="613"/>
      <c r="LVZ647" s="613"/>
      <c r="LWA647" s="613"/>
      <c r="LWB647" s="613"/>
      <c r="LWC647" s="613"/>
      <c r="LWD647" s="613"/>
      <c r="LWE647" s="613"/>
      <c r="LWF647" s="613"/>
      <c r="LWG647" s="613"/>
      <c r="LWH647" s="613"/>
      <c r="LWI647" s="613"/>
      <c r="LWJ647" s="613"/>
      <c r="LWK647" s="613"/>
      <c r="LWL647" s="613"/>
      <c r="LWM647" s="613"/>
      <c r="LWN647" s="613"/>
      <c r="LWO647" s="613"/>
      <c r="LWP647" s="613"/>
      <c r="LWQ647" s="613"/>
      <c r="LWR647" s="613"/>
      <c r="LWS647" s="613"/>
      <c r="LWT647" s="613"/>
      <c r="LWU647" s="613"/>
      <c r="LWV647" s="613"/>
      <c r="LWW647" s="613"/>
      <c r="LWX647" s="613"/>
      <c r="LWY647" s="613"/>
      <c r="LWZ647" s="613"/>
      <c r="LXA647" s="613"/>
      <c r="LXB647" s="613"/>
      <c r="LXC647" s="613"/>
      <c r="LXD647" s="613"/>
      <c r="LXE647" s="613"/>
      <c r="LXF647" s="613"/>
      <c r="LXG647" s="613"/>
      <c r="LXH647" s="613"/>
      <c r="LXI647" s="613"/>
      <c r="LXJ647" s="613"/>
      <c r="LXK647" s="613"/>
      <c r="LXL647" s="613"/>
      <c r="LXM647" s="613"/>
      <c r="LXN647" s="613"/>
      <c r="LXO647" s="613"/>
      <c r="LXP647" s="613"/>
      <c r="LXQ647" s="613"/>
      <c r="LXR647" s="613"/>
      <c r="LXS647" s="613"/>
      <c r="LXT647" s="613"/>
      <c r="LXU647" s="613"/>
      <c r="LXV647" s="613"/>
      <c r="LXW647" s="613"/>
      <c r="LXX647" s="613"/>
      <c r="LXY647" s="613"/>
      <c r="LXZ647" s="613"/>
      <c r="LYA647" s="613"/>
      <c r="LYB647" s="613"/>
      <c r="LYC647" s="613"/>
      <c r="LYD647" s="613"/>
      <c r="LYE647" s="613"/>
      <c r="LYF647" s="613"/>
      <c r="LYG647" s="613"/>
      <c r="LYH647" s="613"/>
      <c r="LYI647" s="613"/>
      <c r="LYJ647" s="613"/>
      <c r="LYK647" s="613"/>
      <c r="LYL647" s="613"/>
      <c r="LYM647" s="613"/>
      <c r="LYN647" s="613"/>
      <c r="LYO647" s="613"/>
      <c r="LYP647" s="613"/>
      <c r="LYQ647" s="613"/>
      <c r="LYR647" s="613"/>
      <c r="LYS647" s="613"/>
      <c r="LYT647" s="613"/>
      <c r="LYU647" s="613"/>
      <c r="LYV647" s="613"/>
      <c r="LYW647" s="613"/>
      <c r="LYX647" s="613"/>
      <c r="LYY647" s="613"/>
      <c r="LYZ647" s="613"/>
      <c r="LZA647" s="613"/>
      <c r="LZB647" s="613"/>
      <c r="LZC647" s="613"/>
      <c r="LZD647" s="613"/>
      <c r="LZE647" s="613"/>
      <c r="LZF647" s="613"/>
      <c r="LZG647" s="613"/>
      <c r="LZH647" s="613"/>
      <c r="LZI647" s="613"/>
      <c r="LZJ647" s="613"/>
      <c r="LZK647" s="613"/>
      <c r="LZL647" s="613"/>
      <c r="LZM647" s="613"/>
      <c r="LZN647" s="613"/>
      <c r="LZO647" s="613"/>
      <c r="LZP647" s="613"/>
      <c r="LZQ647" s="613"/>
      <c r="LZR647" s="613"/>
      <c r="LZS647" s="613"/>
      <c r="LZT647" s="613"/>
      <c r="LZU647" s="613"/>
      <c r="LZV647" s="613"/>
      <c r="LZW647" s="613"/>
      <c r="LZX647" s="613"/>
      <c r="LZY647" s="613"/>
      <c r="LZZ647" s="613"/>
      <c r="MAA647" s="613"/>
      <c r="MAB647" s="613"/>
      <c r="MAC647" s="613"/>
      <c r="MAD647" s="613"/>
      <c r="MAE647" s="613"/>
      <c r="MAF647" s="613"/>
      <c r="MAG647" s="613"/>
      <c r="MAH647" s="613"/>
      <c r="MAI647" s="613"/>
      <c r="MAJ647" s="613"/>
      <c r="MAK647" s="613"/>
      <c r="MAL647" s="613"/>
      <c r="MAM647" s="613"/>
      <c r="MAN647" s="613"/>
      <c r="MAO647" s="613"/>
      <c r="MAP647" s="613"/>
      <c r="MAQ647" s="613"/>
      <c r="MAR647" s="613"/>
      <c r="MAS647" s="613"/>
      <c r="MAT647" s="613"/>
      <c r="MAU647" s="613"/>
      <c r="MAV647" s="613"/>
      <c r="MAW647" s="613"/>
      <c r="MAX647" s="613"/>
      <c r="MAY647" s="613"/>
      <c r="MAZ647" s="613"/>
      <c r="MBA647" s="613"/>
      <c r="MBB647" s="613"/>
      <c r="MBC647" s="613"/>
      <c r="MBD647" s="613"/>
      <c r="MBE647" s="613"/>
      <c r="MBF647" s="613"/>
      <c r="MBG647" s="613"/>
      <c r="MBH647" s="613"/>
      <c r="MBI647" s="613"/>
      <c r="MBJ647" s="613"/>
      <c r="MBK647" s="613"/>
      <c r="MBL647" s="613"/>
      <c r="MBM647" s="613"/>
      <c r="MBN647" s="613"/>
      <c r="MBO647" s="613"/>
      <c r="MBP647" s="613"/>
      <c r="MBQ647" s="613"/>
      <c r="MBR647" s="613"/>
      <c r="MBS647" s="613"/>
      <c r="MBT647" s="613"/>
      <c r="MBU647" s="613"/>
      <c r="MBV647" s="613"/>
      <c r="MBW647" s="613"/>
      <c r="MBX647" s="613"/>
      <c r="MBY647" s="613"/>
      <c r="MBZ647" s="613"/>
      <c r="MCA647" s="613"/>
      <c r="MCB647" s="613"/>
      <c r="MCC647" s="613"/>
      <c r="MCD647" s="613"/>
      <c r="MCE647" s="613"/>
      <c r="MCF647" s="613"/>
      <c r="MCG647" s="613"/>
      <c r="MCH647" s="613"/>
      <c r="MCI647" s="613"/>
      <c r="MCJ647" s="613"/>
      <c r="MCK647" s="613"/>
      <c r="MCL647" s="613"/>
      <c r="MCM647" s="613"/>
      <c r="MCN647" s="613"/>
      <c r="MCO647" s="613"/>
      <c r="MCP647" s="613"/>
      <c r="MCQ647" s="613"/>
      <c r="MCR647" s="613"/>
      <c r="MCS647" s="613"/>
      <c r="MCT647" s="613"/>
      <c r="MCU647" s="613"/>
      <c r="MCV647" s="613"/>
      <c r="MCW647" s="613"/>
      <c r="MCX647" s="613"/>
      <c r="MCY647" s="613"/>
      <c r="MCZ647" s="613"/>
      <c r="MDA647" s="613"/>
      <c r="MDB647" s="613"/>
      <c r="MDC647" s="613"/>
      <c r="MDD647" s="613"/>
      <c r="MDE647" s="613"/>
      <c r="MDF647" s="613"/>
      <c r="MDG647" s="613"/>
      <c r="MDH647" s="613"/>
      <c r="MDI647" s="613"/>
      <c r="MDJ647" s="613"/>
      <c r="MDK647" s="613"/>
      <c r="MDL647" s="613"/>
      <c r="MDM647" s="613"/>
      <c r="MDN647" s="613"/>
      <c r="MDO647" s="613"/>
      <c r="MDP647" s="613"/>
      <c r="MDQ647" s="613"/>
      <c r="MDR647" s="613"/>
      <c r="MDS647" s="613"/>
      <c r="MDT647" s="613"/>
      <c r="MDU647" s="613"/>
      <c r="MDV647" s="613"/>
      <c r="MDW647" s="613"/>
      <c r="MDX647" s="613"/>
      <c r="MDY647" s="613"/>
      <c r="MDZ647" s="613"/>
      <c r="MEA647" s="613"/>
      <c r="MEB647" s="613"/>
      <c r="MEC647" s="613"/>
      <c r="MED647" s="613"/>
      <c r="MEE647" s="613"/>
      <c r="MEF647" s="613"/>
      <c r="MEG647" s="613"/>
      <c r="MEH647" s="613"/>
      <c r="MEI647" s="613"/>
      <c r="MEJ647" s="613"/>
      <c r="MEK647" s="613"/>
      <c r="MEL647" s="613"/>
      <c r="MEM647" s="613"/>
      <c r="MEN647" s="613"/>
      <c r="MEO647" s="613"/>
      <c r="MEP647" s="613"/>
      <c r="MEQ647" s="613"/>
      <c r="MER647" s="613"/>
      <c r="MES647" s="613"/>
      <c r="MET647" s="613"/>
      <c r="MEU647" s="613"/>
      <c r="MEV647" s="613"/>
      <c r="MEW647" s="613"/>
      <c r="MEX647" s="613"/>
      <c r="MEY647" s="613"/>
      <c r="MEZ647" s="613"/>
      <c r="MFA647" s="613"/>
      <c r="MFB647" s="613"/>
      <c r="MFC647" s="613"/>
      <c r="MFD647" s="613"/>
      <c r="MFE647" s="613"/>
      <c r="MFF647" s="613"/>
      <c r="MFG647" s="613"/>
      <c r="MFH647" s="613"/>
      <c r="MFI647" s="613"/>
      <c r="MFJ647" s="613"/>
      <c r="MFK647" s="613"/>
      <c r="MFL647" s="613"/>
      <c r="MFM647" s="613"/>
      <c r="MFN647" s="613"/>
      <c r="MFO647" s="613"/>
      <c r="MFP647" s="613"/>
      <c r="MFQ647" s="613"/>
      <c r="MFR647" s="613"/>
      <c r="MFS647" s="613"/>
      <c r="MFT647" s="613"/>
      <c r="MFU647" s="613"/>
      <c r="MFV647" s="613"/>
      <c r="MFW647" s="613"/>
      <c r="MFX647" s="613"/>
      <c r="MFY647" s="613"/>
      <c r="MFZ647" s="613"/>
      <c r="MGA647" s="613"/>
      <c r="MGB647" s="613"/>
      <c r="MGC647" s="613"/>
      <c r="MGD647" s="613"/>
      <c r="MGE647" s="613"/>
      <c r="MGF647" s="613"/>
      <c r="MGG647" s="613"/>
      <c r="MGH647" s="613"/>
      <c r="MGI647" s="613"/>
      <c r="MGJ647" s="613"/>
      <c r="MGK647" s="613"/>
      <c r="MGL647" s="613"/>
      <c r="MGM647" s="613"/>
      <c r="MGN647" s="613"/>
      <c r="MGO647" s="613"/>
      <c r="MGP647" s="613"/>
      <c r="MGQ647" s="613"/>
      <c r="MGR647" s="613"/>
      <c r="MGS647" s="613"/>
      <c r="MGT647" s="613"/>
      <c r="MGU647" s="613"/>
      <c r="MGV647" s="613"/>
      <c r="MGW647" s="613"/>
      <c r="MGX647" s="613"/>
      <c r="MGY647" s="613"/>
      <c r="MGZ647" s="613"/>
      <c r="MHA647" s="613"/>
      <c r="MHB647" s="613"/>
      <c r="MHC647" s="613"/>
      <c r="MHD647" s="613"/>
      <c r="MHE647" s="613"/>
      <c r="MHF647" s="613"/>
      <c r="MHG647" s="613"/>
      <c r="MHH647" s="613"/>
      <c r="MHI647" s="613"/>
      <c r="MHJ647" s="613"/>
      <c r="MHK647" s="613"/>
      <c r="MHL647" s="613"/>
      <c r="MHM647" s="613"/>
      <c r="MHN647" s="613"/>
      <c r="MHO647" s="613"/>
      <c r="MHP647" s="613"/>
      <c r="MHQ647" s="613"/>
      <c r="MHR647" s="613"/>
      <c r="MHS647" s="613"/>
      <c r="MHT647" s="613"/>
      <c r="MHU647" s="613"/>
      <c r="MHV647" s="613"/>
      <c r="MHW647" s="613"/>
      <c r="MHX647" s="613"/>
      <c r="MHY647" s="613"/>
      <c r="MHZ647" s="613"/>
      <c r="MIA647" s="613"/>
      <c r="MIB647" s="613"/>
      <c r="MIC647" s="613"/>
      <c r="MID647" s="613"/>
      <c r="MIE647" s="613"/>
      <c r="MIF647" s="613"/>
      <c r="MIG647" s="613"/>
      <c r="MIH647" s="613"/>
      <c r="MII647" s="613"/>
      <c r="MIJ647" s="613"/>
      <c r="MIK647" s="613"/>
      <c r="MIL647" s="613"/>
      <c r="MIM647" s="613"/>
      <c r="MIN647" s="613"/>
      <c r="MIO647" s="613"/>
      <c r="MIP647" s="613"/>
      <c r="MIQ647" s="613"/>
      <c r="MIR647" s="613"/>
      <c r="MIS647" s="613"/>
      <c r="MIT647" s="613"/>
      <c r="MIU647" s="613"/>
      <c r="MIV647" s="613"/>
      <c r="MIW647" s="613"/>
      <c r="MIX647" s="613"/>
      <c r="MIY647" s="613"/>
      <c r="MIZ647" s="613"/>
      <c r="MJA647" s="613"/>
      <c r="MJB647" s="613"/>
      <c r="MJC647" s="613"/>
      <c r="MJD647" s="613"/>
      <c r="MJE647" s="613"/>
      <c r="MJF647" s="613"/>
      <c r="MJG647" s="613"/>
      <c r="MJH647" s="613"/>
      <c r="MJI647" s="613"/>
      <c r="MJJ647" s="613"/>
      <c r="MJK647" s="613"/>
      <c r="MJL647" s="613"/>
      <c r="MJM647" s="613"/>
      <c r="MJN647" s="613"/>
      <c r="MJO647" s="613"/>
      <c r="MJP647" s="613"/>
      <c r="MJQ647" s="613"/>
      <c r="MJR647" s="613"/>
      <c r="MJS647" s="613"/>
      <c r="MJT647" s="613"/>
      <c r="MJU647" s="613"/>
      <c r="MJV647" s="613"/>
      <c r="MJW647" s="613"/>
      <c r="MJX647" s="613"/>
      <c r="MJY647" s="613"/>
      <c r="MJZ647" s="613"/>
      <c r="MKA647" s="613"/>
      <c r="MKB647" s="613"/>
      <c r="MKC647" s="613"/>
      <c r="MKD647" s="613"/>
      <c r="MKE647" s="613"/>
      <c r="MKF647" s="613"/>
      <c r="MKG647" s="613"/>
      <c r="MKH647" s="613"/>
      <c r="MKI647" s="613"/>
      <c r="MKJ647" s="613"/>
      <c r="MKK647" s="613"/>
      <c r="MKL647" s="613"/>
      <c r="MKM647" s="613"/>
      <c r="MKN647" s="613"/>
      <c r="MKO647" s="613"/>
      <c r="MKP647" s="613"/>
      <c r="MKQ647" s="613"/>
      <c r="MKR647" s="613"/>
      <c r="MKS647" s="613"/>
      <c r="MKT647" s="613"/>
      <c r="MKU647" s="613"/>
      <c r="MKV647" s="613"/>
      <c r="MKW647" s="613"/>
      <c r="MKX647" s="613"/>
      <c r="MKY647" s="613"/>
      <c r="MKZ647" s="613"/>
      <c r="MLA647" s="613"/>
      <c r="MLB647" s="613"/>
      <c r="MLC647" s="613"/>
      <c r="MLD647" s="613"/>
      <c r="MLE647" s="613"/>
      <c r="MLF647" s="613"/>
      <c r="MLG647" s="613"/>
      <c r="MLH647" s="613"/>
      <c r="MLI647" s="613"/>
      <c r="MLJ647" s="613"/>
      <c r="MLK647" s="613"/>
      <c r="MLL647" s="613"/>
      <c r="MLM647" s="613"/>
      <c r="MLN647" s="613"/>
      <c r="MLO647" s="613"/>
      <c r="MLP647" s="613"/>
      <c r="MLQ647" s="613"/>
      <c r="MLR647" s="613"/>
      <c r="MLS647" s="613"/>
      <c r="MLT647" s="613"/>
      <c r="MLU647" s="613"/>
      <c r="MLV647" s="613"/>
      <c r="MLW647" s="613"/>
      <c r="MLX647" s="613"/>
      <c r="MLY647" s="613"/>
      <c r="MLZ647" s="613"/>
      <c r="MMA647" s="613"/>
      <c r="MMB647" s="613"/>
      <c r="MMC647" s="613"/>
      <c r="MMD647" s="613"/>
      <c r="MME647" s="613"/>
      <c r="MMF647" s="613"/>
      <c r="MMG647" s="613"/>
      <c r="MMH647" s="613"/>
      <c r="MMI647" s="613"/>
      <c r="MMJ647" s="613"/>
      <c r="MMK647" s="613"/>
      <c r="MML647" s="613"/>
      <c r="MMM647" s="613"/>
      <c r="MMN647" s="613"/>
      <c r="MMO647" s="613"/>
      <c r="MMP647" s="613"/>
      <c r="MMQ647" s="613"/>
      <c r="MMR647" s="613"/>
      <c r="MMS647" s="613"/>
      <c r="MMT647" s="613"/>
      <c r="MMU647" s="613"/>
      <c r="MMV647" s="613"/>
      <c r="MMW647" s="613"/>
      <c r="MMX647" s="613"/>
      <c r="MMY647" s="613"/>
      <c r="MMZ647" s="613"/>
      <c r="MNA647" s="613"/>
      <c r="MNB647" s="613"/>
      <c r="MNC647" s="613"/>
      <c r="MND647" s="613"/>
      <c r="MNE647" s="613"/>
      <c r="MNF647" s="613"/>
      <c r="MNG647" s="613"/>
      <c r="MNH647" s="613"/>
      <c r="MNI647" s="613"/>
      <c r="MNJ647" s="613"/>
      <c r="MNK647" s="613"/>
      <c r="MNL647" s="613"/>
      <c r="MNM647" s="613"/>
      <c r="MNN647" s="613"/>
      <c r="MNO647" s="613"/>
      <c r="MNP647" s="613"/>
      <c r="MNQ647" s="613"/>
      <c r="MNR647" s="613"/>
      <c r="MNS647" s="613"/>
      <c r="MNT647" s="613"/>
      <c r="MNU647" s="613"/>
      <c r="MNV647" s="613"/>
      <c r="MNW647" s="613"/>
      <c r="MNX647" s="613"/>
      <c r="MNY647" s="613"/>
      <c r="MNZ647" s="613"/>
      <c r="MOA647" s="613"/>
      <c r="MOB647" s="613"/>
      <c r="MOC647" s="613"/>
      <c r="MOD647" s="613"/>
      <c r="MOE647" s="613"/>
      <c r="MOF647" s="613"/>
      <c r="MOG647" s="613"/>
      <c r="MOH647" s="613"/>
      <c r="MOI647" s="613"/>
      <c r="MOJ647" s="613"/>
      <c r="MOK647" s="613"/>
      <c r="MOL647" s="613"/>
      <c r="MOM647" s="613"/>
      <c r="MON647" s="613"/>
      <c r="MOO647" s="613"/>
      <c r="MOP647" s="613"/>
      <c r="MOQ647" s="613"/>
      <c r="MOR647" s="613"/>
      <c r="MOS647" s="613"/>
      <c r="MOT647" s="613"/>
      <c r="MOU647" s="613"/>
      <c r="MOV647" s="613"/>
      <c r="MOW647" s="613"/>
      <c r="MOX647" s="613"/>
      <c r="MOY647" s="613"/>
      <c r="MOZ647" s="613"/>
      <c r="MPA647" s="613"/>
      <c r="MPB647" s="613"/>
      <c r="MPC647" s="613"/>
      <c r="MPD647" s="613"/>
      <c r="MPE647" s="613"/>
      <c r="MPF647" s="613"/>
      <c r="MPG647" s="613"/>
      <c r="MPH647" s="613"/>
      <c r="MPI647" s="613"/>
      <c r="MPJ647" s="613"/>
      <c r="MPK647" s="613"/>
      <c r="MPL647" s="613"/>
      <c r="MPM647" s="613"/>
      <c r="MPN647" s="613"/>
      <c r="MPO647" s="613"/>
      <c r="MPP647" s="613"/>
      <c r="MPQ647" s="613"/>
      <c r="MPR647" s="613"/>
      <c r="MPS647" s="613"/>
      <c r="MPT647" s="613"/>
      <c r="MPU647" s="613"/>
      <c r="MPV647" s="613"/>
      <c r="MPW647" s="613"/>
      <c r="MPX647" s="613"/>
      <c r="MPY647" s="613"/>
      <c r="MPZ647" s="613"/>
      <c r="MQA647" s="613"/>
      <c r="MQB647" s="613"/>
      <c r="MQC647" s="613"/>
      <c r="MQD647" s="613"/>
      <c r="MQE647" s="613"/>
      <c r="MQF647" s="613"/>
      <c r="MQG647" s="613"/>
      <c r="MQH647" s="613"/>
      <c r="MQI647" s="613"/>
      <c r="MQJ647" s="613"/>
      <c r="MQK647" s="613"/>
      <c r="MQL647" s="613"/>
      <c r="MQM647" s="613"/>
      <c r="MQN647" s="613"/>
      <c r="MQO647" s="613"/>
      <c r="MQP647" s="613"/>
      <c r="MQQ647" s="613"/>
      <c r="MQR647" s="613"/>
      <c r="MQS647" s="613"/>
      <c r="MQT647" s="613"/>
      <c r="MQU647" s="613"/>
      <c r="MQV647" s="613"/>
      <c r="MQW647" s="613"/>
      <c r="MQX647" s="613"/>
      <c r="MQY647" s="613"/>
      <c r="MQZ647" s="613"/>
      <c r="MRA647" s="613"/>
      <c r="MRB647" s="613"/>
      <c r="MRC647" s="613"/>
      <c r="MRD647" s="613"/>
      <c r="MRE647" s="613"/>
      <c r="MRF647" s="613"/>
      <c r="MRG647" s="613"/>
      <c r="MRH647" s="613"/>
      <c r="MRI647" s="613"/>
      <c r="MRJ647" s="613"/>
      <c r="MRK647" s="613"/>
      <c r="MRL647" s="613"/>
      <c r="MRM647" s="613"/>
      <c r="MRN647" s="613"/>
      <c r="MRO647" s="613"/>
      <c r="MRP647" s="613"/>
      <c r="MRQ647" s="613"/>
      <c r="MRR647" s="613"/>
      <c r="MRS647" s="613"/>
      <c r="MRT647" s="613"/>
      <c r="MRU647" s="613"/>
      <c r="MRV647" s="613"/>
      <c r="MRW647" s="613"/>
      <c r="MRX647" s="613"/>
      <c r="MRY647" s="613"/>
      <c r="MRZ647" s="613"/>
      <c r="MSA647" s="613"/>
      <c r="MSB647" s="613"/>
      <c r="MSC647" s="613"/>
      <c r="MSD647" s="613"/>
      <c r="MSE647" s="613"/>
      <c r="MSF647" s="613"/>
      <c r="MSG647" s="613"/>
      <c r="MSH647" s="613"/>
      <c r="MSI647" s="613"/>
      <c r="MSJ647" s="613"/>
      <c r="MSK647" s="613"/>
      <c r="MSL647" s="613"/>
      <c r="MSM647" s="613"/>
      <c r="MSN647" s="613"/>
      <c r="MSO647" s="613"/>
      <c r="MSP647" s="613"/>
      <c r="MSQ647" s="613"/>
      <c r="MSR647" s="613"/>
      <c r="MSS647" s="613"/>
      <c r="MST647" s="613"/>
      <c r="MSU647" s="613"/>
      <c r="MSV647" s="613"/>
      <c r="MSW647" s="613"/>
      <c r="MSX647" s="613"/>
      <c r="MSY647" s="613"/>
      <c r="MSZ647" s="613"/>
      <c r="MTA647" s="613"/>
      <c r="MTB647" s="613"/>
      <c r="MTC647" s="613"/>
      <c r="MTD647" s="613"/>
      <c r="MTE647" s="613"/>
      <c r="MTF647" s="613"/>
      <c r="MTG647" s="613"/>
      <c r="MTH647" s="613"/>
      <c r="MTI647" s="613"/>
      <c r="MTJ647" s="613"/>
      <c r="MTK647" s="613"/>
      <c r="MTL647" s="613"/>
      <c r="MTM647" s="613"/>
      <c r="MTN647" s="613"/>
      <c r="MTO647" s="613"/>
      <c r="MTP647" s="613"/>
      <c r="MTQ647" s="613"/>
      <c r="MTR647" s="613"/>
      <c r="MTS647" s="613"/>
      <c r="MTT647" s="613"/>
      <c r="MTU647" s="613"/>
      <c r="MTV647" s="613"/>
      <c r="MTW647" s="613"/>
      <c r="MTX647" s="613"/>
      <c r="MTY647" s="613"/>
      <c r="MTZ647" s="613"/>
      <c r="MUA647" s="613"/>
      <c r="MUB647" s="613"/>
      <c r="MUC647" s="613"/>
      <c r="MUD647" s="613"/>
      <c r="MUE647" s="613"/>
      <c r="MUF647" s="613"/>
      <c r="MUG647" s="613"/>
      <c r="MUH647" s="613"/>
      <c r="MUI647" s="613"/>
      <c r="MUJ647" s="613"/>
      <c r="MUK647" s="613"/>
      <c r="MUL647" s="613"/>
      <c r="MUM647" s="613"/>
      <c r="MUN647" s="613"/>
      <c r="MUO647" s="613"/>
      <c r="MUP647" s="613"/>
      <c r="MUQ647" s="613"/>
      <c r="MUR647" s="613"/>
      <c r="MUS647" s="613"/>
      <c r="MUT647" s="613"/>
      <c r="MUU647" s="613"/>
      <c r="MUV647" s="613"/>
      <c r="MUW647" s="613"/>
      <c r="MUX647" s="613"/>
      <c r="MUY647" s="613"/>
      <c r="MUZ647" s="613"/>
      <c r="MVA647" s="613"/>
      <c r="MVB647" s="613"/>
      <c r="MVC647" s="613"/>
      <c r="MVD647" s="613"/>
      <c r="MVE647" s="613"/>
      <c r="MVF647" s="613"/>
      <c r="MVG647" s="613"/>
      <c r="MVH647" s="613"/>
      <c r="MVI647" s="613"/>
      <c r="MVJ647" s="613"/>
      <c r="MVK647" s="613"/>
      <c r="MVL647" s="613"/>
      <c r="MVM647" s="613"/>
      <c r="MVN647" s="613"/>
      <c r="MVO647" s="613"/>
      <c r="MVP647" s="613"/>
      <c r="MVQ647" s="613"/>
      <c r="MVR647" s="613"/>
      <c r="MVS647" s="613"/>
      <c r="MVT647" s="613"/>
      <c r="MVU647" s="613"/>
      <c r="MVV647" s="613"/>
      <c r="MVW647" s="613"/>
      <c r="MVX647" s="613"/>
      <c r="MVY647" s="613"/>
      <c r="MVZ647" s="613"/>
      <c r="MWA647" s="613"/>
      <c r="MWB647" s="613"/>
      <c r="MWC647" s="613"/>
      <c r="MWD647" s="613"/>
      <c r="MWE647" s="613"/>
      <c r="MWF647" s="613"/>
      <c r="MWG647" s="613"/>
      <c r="MWH647" s="613"/>
      <c r="MWI647" s="613"/>
      <c r="MWJ647" s="613"/>
      <c r="MWK647" s="613"/>
      <c r="MWL647" s="613"/>
      <c r="MWM647" s="613"/>
      <c r="MWN647" s="613"/>
      <c r="MWO647" s="613"/>
      <c r="MWP647" s="613"/>
      <c r="MWQ647" s="613"/>
      <c r="MWR647" s="613"/>
      <c r="MWS647" s="613"/>
      <c r="MWT647" s="613"/>
      <c r="MWU647" s="613"/>
      <c r="MWV647" s="613"/>
      <c r="MWW647" s="613"/>
      <c r="MWX647" s="613"/>
      <c r="MWY647" s="613"/>
      <c r="MWZ647" s="613"/>
      <c r="MXA647" s="613"/>
      <c r="MXB647" s="613"/>
      <c r="MXC647" s="613"/>
      <c r="MXD647" s="613"/>
      <c r="MXE647" s="613"/>
      <c r="MXF647" s="613"/>
      <c r="MXG647" s="613"/>
      <c r="MXH647" s="613"/>
      <c r="MXI647" s="613"/>
      <c r="MXJ647" s="613"/>
      <c r="MXK647" s="613"/>
      <c r="MXL647" s="613"/>
      <c r="MXM647" s="613"/>
      <c r="MXN647" s="613"/>
      <c r="MXO647" s="613"/>
      <c r="MXP647" s="613"/>
      <c r="MXQ647" s="613"/>
      <c r="MXR647" s="613"/>
      <c r="MXS647" s="613"/>
      <c r="MXT647" s="613"/>
      <c r="MXU647" s="613"/>
      <c r="MXV647" s="613"/>
      <c r="MXW647" s="613"/>
      <c r="MXX647" s="613"/>
      <c r="MXY647" s="613"/>
      <c r="MXZ647" s="613"/>
      <c r="MYA647" s="613"/>
      <c r="MYB647" s="613"/>
      <c r="MYC647" s="613"/>
      <c r="MYD647" s="613"/>
      <c r="MYE647" s="613"/>
      <c r="MYF647" s="613"/>
      <c r="MYG647" s="613"/>
      <c r="MYH647" s="613"/>
      <c r="MYI647" s="613"/>
      <c r="MYJ647" s="613"/>
      <c r="MYK647" s="613"/>
      <c r="MYL647" s="613"/>
      <c r="MYM647" s="613"/>
      <c r="MYN647" s="613"/>
      <c r="MYO647" s="613"/>
      <c r="MYP647" s="613"/>
      <c r="MYQ647" s="613"/>
      <c r="MYR647" s="613"/>
      <c r="MYS647" s="613"/>
      <c r="MYT647" s="613"/>
      <c r="MYU647" s="613"/>
      <c r="MYV647" s="613"/>
      <c r="MYW647" s="613"/>
      <c r="MYX647" s="613"/>
      <c r="MYY647" s="613"/>
      <c r="MYZ647" s="613"/>
      <c r="MZA647" s="613"/>
      <c r="MZB647" s="613"/>
      <c r="MZC647" s="613"/>
      <c r="MZD647" s="613"/>
      <c r="MZE647" s="613"/>
      <c r="MZF647" s="613"/>
      <c r="MZG647" s="613"/>
      <c r="MZH647" s="613"/>
      <c r="MZI647" s="613"/>
      <c r="MZJ647" s="613"/>
      <c r="MZK647" s="613"/>
      <c r="MZL647" s="613"/>
      <c r="MZM647" s="613"/>
      <c r="MZN647" s="613"/>
      <c r="MZO647" s="613"/>
      <c r="MZP647" s="613"/>
      <c r="MZQ647" s="613"/>
      <c r="MZR647" s="613"/>
      <c r="MZS647" s="613"/>
      <c r="MZT647" s="613"/>
      <c r="MZU647" s="613"/>
      <c r="MZV647" s="613"/>
      <c r="MZW647" s="613"/>
      <c r="MZX647" s="613"/>
      <c r="MZY647" s="613"/>
      <c r="MZZ647" s="613"/>
      <c r="NAA647" s="613"/>
      <c r="NAB647" s="613"/>
      <c r="NAC647" s="613"/>
      <c r="NAD647" s="613"/>
      <c r="NAE647" s="613"/>
      <c r="NAF647" s="613"/>
      <c r="NAG647" s="613"/>
      <c r="NAH647" s="613"/>
      <c r="NAI647" s="613"/>
      <c r="NAJ647" s="613"/>
      <c r="NAK647" s="613"/>
      <c r="NAL647" s="613"/>
      <c r="NAM647" s="613"/>
      <c r="NAN647" s="613"/>
      <c r="NAO647" s="613"/>
      <c r="NAP647" s="613"/>
      <c r="NAQ647" s="613"/>
      <c r="NAR647" s="613"/>
      <c r="NAS647" s="613"/>
      <c r="NAT647" s="613"/>
      <c r="NAU647" s="613"/>
      <c r="NAV647" s="613"/>
      <c r="NAW647" s="613"/>
      <c r="NAX647" s="613"/>
      <c r="NAY647" s="613"/>
      <c r="NAZ647" s="613"/>
      <c r="NBA647" s="613"/>
      <c r="NBB647" s="613"/>
      <c r="NBC647" s="613"/>
      <c r="NBD647" s="613"/>
      <c r="NBE647" s="613"/>
      <c r="NBF647" s="613"/>
      <c r="NBG647" s="613"/>
      <c r="NBH647" s="613"/>
      <c r="NBI647" s="613"/>
      <c r="NBJ647" s="613"/>
      <c r="NBK647" s="613"/>
      <c r="NBL647" s="613"/>
      <c r="NBM647" s="613"/>
      <c r="NBN647" s="613"/>
      <c r="NBO647" s="613"/>
      <c r="NBP647" s="613"/>
      <c r="NBQ647" s="613"/>
      <c r="NBR647" s="613"/>
      <c r="NBS647" s="613"/>
      <c r="NBT647" s="613"/>
      <c r="NBU647" s="613"/>
      <c r="NBV647" s="613"/>
      <c r="NBW647" s="613"/>
      <c r="NBX647" s="613"/>
      <c r="NBY647" s="613"/>
      <c r="NBZ647" s="613"/>
      <c r="NCA647" s="613"/>
      <c r="NCB647" s="613"/>
      <c r="NCC647" s="613"/>
      <c r="NCD647" s="613"/>
      <c r="NCE647" s="613"/>
      <c r="NCF647" s="613"/>
      <c r="NCG647" s="613"/>
      <c r="NCH647" s="613"/>
      <c r="NCI647" s="613"/>
      <c r="NCJ647" s="613"/>
      <c r="NCK647" s="613"/>
      <c r="NCL647" s="613"/>
      <c r="NCM647" s="613"/>
      <c r="NCN647" s="613"/>
      <c r="NCO647" s="613"/>
      <c r="NCP647" s="613"/>
      <c r="NCQ647" s="613"/>
      <c r="NCR647" s="613"/>
      <c r="NCS647" s="613"/>
      <c r="NCT647" s="613"/>
      <c r="NCU647" s="613"/>
      <c r="NCV647" s="613"/>
      <c r="NCW647" s="613"/>
      <c r="NCX647" s="613"/>
      <c r="NCY647" s="613"/>
      <c r="NCZ647" s="613"/>
      <c r="NDA647" s="613"/>
      <c r="NDB647" s="613"/>
      <c r="NDC647" s="613"/>
      <c r="NDD647" s="613"/>
      <c r="NDE647" s="613"/>
      <c r="NDF647" s="613"/>
      <c r="NDG647" s="613"/>
      <c r="NDH647" s="613"/>
      <c r="NDI647" s="613"/>
      <c r="NDJ647" s="613"/>
      <c r="NDK647" s="613"/>
      <c r="NDL647" s="613"/>
      <c r="NDM647" s="613"/>
      <c r="NDN647" s="613"/>
      <c r="NDO647" s="613"/>
      <c r="NDP647" s="613"/>
      <c r="NDQ647" s="613"/>
      <c r="NDR647" s="613"/>
      <c r="NDS647" s="613"/>
      <c r="NDT647" s="613"/>
      <c r="NDU647" s="613"/>
      <c r="NDV647" s="613"/>
      <c r="NDW647" s="613"/>
      <c r="NDX647" s="613"/>
      <c r="NDY647" s="613"/>
      <c r="NDZ647" s="613"/>
      <c r="NEA647" s="613"/>
      <c r="NEB647" s="613"/>
      <c r="NEC647" s="613"/>
      <c r="NED647" s="613"/>
      <c r="NEE647" s="613"/>
      <c r="NEF647" s="613"/>
      <c r="NEG647" s="613"/>
      <c r="NEH647" s="613"/>
      <c r="NEI647" s="613"/>
      <c r="NEJ647" s="613"/>
      <c r="NEK647" s="613"/>
      <c r="NEL647" s="613"/>
      <c r="NEM647" s="613"/>
      <c r="NEN647" s="613"/>
      <c r="NEO647" s="613"/>
      <c r="NEP647" s="613"/>
      <c r="NEQ647" s="613"/>
      <c r="NER647" s="613"/>
      <c r="NES647" s="613"/>
      <c r="NET647" s="613"/>
      <c r="NEU647" s="613"/>
      <c r="NEV647" s="613"/>
      <c r="NEW647" s="613"/>
      <c r="NEX647" s="613"/>
      <c r="NEY647" s="613"/>
      <c r="NEZ647" s="613"/>
      <c r="NFA647" s="613"/>
      <c r="NFB647" s="613"/>
      <c r="NFC647" s="613"/>
      <c r="NFD647" s="613"/>
      <c r="NFE647" s="613"/>
      <c r="NFF647" s="613"/>
      <c r="NFG647" s="613"/>
      <c r="NFH647" s="613"/>
      <c r="NFI647" s="613"/>
      <c r="NFJ647" s="613"/>
      <c r="NFK647" s="613"/>
      <c r="NFL647" s="613"/>
      <c r="NFM647" s="613"/>
      <c r="NFN647" s="613"/>
      <c r="NFO647" s="613"/>
      <c r="NFP647" s="613"/>
      <c r="NFQ647" s="613"/>
      <c r="NFR647" s="613"/>
      <c r="NFS647" s="613"/>
      <c r="NFT647" s="613"/>
      <c r="NFU647" s="613"/>
      <c r="NFV647" s="613"/>
      <c r="NFW647" s="613"/>
      <c r="NFX647" s="613"/>
      <c r="NFY647" s="613"/>
      <c r="NFZ647" s="613"/>
      <c r="NGA647" s="613"/>
      <c r="NGB647" s="613"/>
      <c r="NGC647" s="613"/>
      <c r="NGD647" s="613"/>
      <c r="NGE647" s="613"/>
      <c r="NGF647" s="613"/>
      <c r="NGG647" s="613"/>
      <c r="NGH647" s="613"/>
      <c r="NGI647" s="613"/>
      <c r="NGJ647" s="613"/>
      <c r="NGK647" s="613"/>
      <c r="NGL647" s="613"/>
      <c r="NGM647" s="613"/>
      <c r="NGN647" s="613"/>
      <c r="NGO647" s="613"/>
      <c r="NGP647" s="613"/>
      <c r="NGQ647" s="613"/>
      <c r="NGR647" s="613"/>
      <c r="NGS647" s="613"/>
      <c r="NGT647" s="613"/>
      <c r="NGU647" s="613"/>
      <c r="NGV647" s="613"/>
      <c r="NGW647" s="613"/>
      <c r="NGX647" s="613"/>
      <c r="NGY647" s="613"/>
      <c r="NGZ647" s="613"/>
      <c r="NHA647" s="613"/>
      <c r="NHB647" s="613"/>
      <c r="NHC647" s="613"/>
      <c r="NHD647" s="613"/>
      <c r="NHE647" s="613"/>
      <c r="NHF647" s="613"/>
      <c r="NHG647" s="613"/>
      <c r="NHH647" s="613"/>
      <c r="NHI647" s="613"/>
      <c r="NHJ647" s="613"/>
      <c r="NHK647" s="613"/>
      <c r="NHL647" s="613"/>
      <c r="NHM647" s="613"/>
      <c r="NHN647" s="613"/>
      <c r="NHO647" s="613"/>
      <c r="NHP647" s="613"/>
      <c r="NHQ647" s="613"/>
      <c r="NHR647" s="613"/>
      <c r="NHS647" s="613"/>
      <c r="NHT647" s="613"/>
      <c r="NHU647" s="613"/>
      <c r="NHV647" s="613"/>
      <c r="NHW647" s="613"/>
      <c r="NHX647" s="613"/>
      <c r="NHY647" s="613"/>
      <c r="NHZ647" s="613"/>
      <c r="NIA647" s="613"/>
      <c r="NIB647" s="613"/>
      <c r="NIC647" s="613"/>
      <c r="NID647" s="613"/>
      <c r="NIE647" s="613"/>
      <c r="NIF647" s="613"/>
      <c r="NIG647" s="613"/>
      <c r="NIH647" s="613"/>
      <c r="NII647" s="613"/>
      <c r="NIJ647" s="613"/>
      <c r="NIK647" s="613"/>
      <c r="NIL647" s="613"/>
      <c r="NIM647" s="613"/>
      <c r="NIN647" s="613"/>
      <c r="NIO647" s="613"/>
      <c r="NIP647" s="613"/>
      <c r="NIQ647" s="613"/>
      <c r="NIR647" s="613"/>
      <c r="NIS647" s="613"/>
      <c r="NIT647" s="613"/>
      <c r="NIU647" s="613"/>
      <c r="NIV647" s="613"/>
      <c r="NIW647" s="613"/>
      <c r="NIX647" s="613"/>
      <c r="NIY647" s="613"/>
      <c r="NIZ647" s="613"/>
      <c r="NJA647" s="613"/>
      <c r="NJB647" s="613"/>
      <c r="NJC647" s="613"/>
      <c r="NJD647" s="613"/>
      <c r="NJE647" s="613"/>
      <c r="NJF647" s="613"/>
      <c r="NJG647" s="613"/>
      <c r="NJH647" s="613"/>
      <c r="NJI647" s="613"/>
      <c r="NJJ647" s="613"/>
      <c r="NJK647" s="613"/>
      <c r="NJL647" s="613"/>
      <c r="NJM647" s="613"/>
      <c r="NJN647" s="613"/>
      <c r="NJO647" s="613"/>
      <c r="NJP647" s="613"/>
      <c r="NJQ647" s="613"/>
      <c r="NJR647" s="613"/>
      <c r="NJS647" s="613"/>
      <c r="NJT647" s="613"/>
      <c r="NJU647" s="613"/>
      <c r="NJV647" s="613"/>
      <c r="NJW647" s="613"/>
      <c r="NJX647" s="613"/>
      <c r="NJY647" s="613"/>
      <c r="NJZ647" s="613"/>
      <c r="NKA647" s="613"/>
      <c r="NKB647" s="613"/>
      <c r="NKC647" s="613"/>
      <c r="NKD647" s="613"/>
      <c r="NKE647" s="613"/>
      <c r="NKF647" s="613"/>
      <c r="NKG647" s="613"/>
      <c r="NKH647" s="613"/>
      <c r="NKI647" s="613"/>
      <c r="NKJ647" s="613"/>
      <c r="NKK647" s="613"/>
      <c r="NKL647" s="613"/>
      <c r="NKM647" s="613"/>
      <c r="NKN647" s="613"/>
      <c r="NKO647" s="613"/>
      <c r="NKP647" s="613"/>
      <c r="NKQ647" s="613"/>
      <c r="NKR647" s="613"/>
      <c r="NKS647" s="613"/>
      <c r="NKT647" s="613"/>
      <c r="NKU647" s="613"/>
      <c r="NKV647" s="613"/>
      <c r="NKW647" s="613"/>
      <c r="NKX647" s="613"/>
      <c r="NKY647" s="613"/>
      <c r="NKZ647" s="613"/>
      <c r="NLA647" s="613"/>
      <c r="NLB647" s="613"/>
      <c r="NLC647" s="613"/>
      <c r="NLD647" s="613"/>
      <c r="NLE647" s="613"/>
      <c r="NLF647" s="613"/>
      <c r="NLG647" s="613"/>
      <c r="NLH647" s="613"/>
      <c r="NLI647" s="613"/>
      <c r="NLJ647" s="613"/>
      <c r="NLK647" s="613"/>
      <c r="NLL647" s="613"/>
      <c r="NLM647" s="613"/>
      <c r="NLN647" s="613"/>
      <c r="NLO647" s="613"/>
      <c r="NLP647" s="613"/>
      <c r="NLQ647" s="613"/>
      <c r="NLR647" s="613"/>
      <c r="NLS647" s="613"/>
      <c r="NLT647" s="613"/>
      <c r="NLU647" s="613"/>
      <c r="NLV647" s="613"/>
      <c r="NLW647" s="613"/>
      <c r="NLX647" s="613"/>
      <c r="NLY647" s="613"/>
      <c r="NLZ647" s="613"/>
      <c r="NMA647" s="613"/>
      <c r="NMB647" s="613"/>
      <c r="NMC647" s="613"/>
      <c r="NMD647" s="613"/>
      <c r="NME647" s="613"/>
      <c r="NMF647" s="613"/>
      <c r="NMG647" s="613"/>
      <c r="NMH647" s="613"/>
      <c r="NMI647" s="613"/>
      <c r="NMJ647" s="613"/>
      <c r="NMK647" s="613"/>
      <c r="NML647" s="613"/>
      <c r="NMM647" s="613"/>
      <c r="NMN647" s="613"/>
      <c r="NMO647" s="613"/>
      <c r="NMP647" s="613"/>
      <c r="NMQ647" s="613"/>
      <c r="NMR647" s="613"/>
      <c r="NMS647" s="613"/>
      <c r="NMT647" s="613"/>
      <c r="NMU647" s="613"/>
      <c r="NMV647" s="613"/>
      <c r="NMW647" s="613"/>
      <c r="NMX647" s="613"/>
      <c r="NMY647" s="613"/>
      <c r="NMZ647" s="613"/>
      <c r="NNA647" s="613"/>
      <c r="NNB647" s="613"/>
      <c r="NNC647" s="613"/>
      <c r="NND647" s="613"/>
      <c r="NNE647" s="613"/>
      <c r="NNF647" s="613"/>
      <c r="NNG647" s="613"/>
      <c r="NNH647" s="613"/>
      <c r="NNI647" s="613"/>
      <c r="NNJ647" s="613"/>
      <c r="NNK647" s="613"/>
      <c r="NNL647" s="613"/>
      <c r="NNM647" s="613"/>
      <c r="NNN647" s="613"/>
      <c r="NNO647" s="613"/>
      <c r="NNP647" s="613"/>
      <c r="NNQ647" s="613"/>
      <c r="NNR647" s="613"/>
      <c r="NNS647" s="613"/>
      <c r="NNT647" s="613"/>
      <c r="NNU647" s="613"/>
      <c r="NNV647" s="613"/>
      <c r="NNW647" s="613"/>
      <c r="NNX647" s="613"/>
      <c r="NNY647" s="613"/>
      <c r="NNZ647" s="613"/>
      <c r="NOA647" s="613"/>
      <c r="NOB647" s="613"/>
      <c r="NOC647" s="613"/>
      <c r="NOD647" s="613"/>
      <c r="NOE647" s="613"/>
      <c r="NOF647" s="613"/>
      <c r="NOG647" s="613"/>
      <c r="NOH647" s="613"/>
      <c r="NOI647" s="613"/>
      <c r="NOJ647" s="613"/>
      <c r="NOK647" s="613"/>
      <c r="NOL647" s="613"/>
      <c r="NOM647" s="613"/>
      <c r="NON647" s="613"/>
      <c r="NOO647" s="613"/>
      <c r="NOP647" s="613"/>
      <c r="NOQ647" s="613"/>
      <c r="NOR647" s="613"/>
      <c r="NOS647" s="613"/>
      <c r="NOT647" s="613"/>
      <c r="NOU647" s="613"/>
      <c r="NOV647" s="613"/>
      <c r="NOW647" s="613"/>
      <c r="NOX647" s="613"/>
      <c r="NOY647" s="613"/>
      <c r="NOZ647" s="613"/>
      <c r="NPA647" s="613"/>
      <c r="NPB647" s="613"/>
      <c r="NPC647" s="613"/>
      <c r="NPD647" s="613"/>
      <c r="NPE647" s="613"/>
      <c r="NPF647" s="613"/>
      <c r="NPG647" s="613"/>
      <c r="NPH647" s="613"/>
      <c r="NPI647" s="613"/>
      <c r="NPJ647" s="613"/>
      <c r="NPK647" s="613"/>
      <c r="NPL647" s="613"/>
      <c r="NPM647" s="613"/>
      <c r="NPN647" s="613"/>
      <c r="NPO647" s="613"/>
      <c r="NPP647" s="613"/>
      <c r="NPQ647" s="613"/>
      <c r="NPR647" s="613"/>
      <c r="NPS647" s="613"/>
      <c r="NPT647" s="613"/>
      <c r="NPU647" s="613"/>
      <c r="NPV647" s="613"/>
      <c r="NPW647" s="613"/>
      <c r="NPX647" s="613"/>
      <c r="NPY647" s="613"/>
      <c r="NPZ647" s="613"/>
      <c r="NQA647" s="613"/>
      <c r="NQB647" s="613"/>
      <c r="NQC647" s="613"/>
      <c r="NQD647" s="613"/>
      <c r="NQE647" s="613"/>
      <c r="NQF647" s="613"/>
      <c r="NQG647" s="613"/>
      <c r="NQH647" s="613"/>
      <c r="NQI647" s="613"/>
      <c r="NQJ647" s="613"/>
      <c r="NQK647" s="613"/>
      <c r="NQL647" s="613"/>
      <c r="NQM647" s="613"/>
      <c r="NQN647" s="613"/>
      <c r="NQO647" s="613"/>
      <c r="NQP647" s="613"/>
      <c r="NQQ647" s="613"/>
      <c r="NQR647" s="613"/>
      <c r="NQS647" s="613"/>
      <c r="NQT647" s="613"/>
      <c r="NQU647" s="613"/>
      <c r="NQV647" s="613"/>
      <c r="NQW647" s="613"/>
      <c r="NQX647" s="613"/>
      <c r="NQY647" s="613"/>
      <c r="NQZ647" s="613"/>
      <c r="NRA647" s="613"/>
      <c r="NRB647" s="613"/>
      <c r="NRC647" s="613"/>
      <c r="NRD647" s="613"/>
      <c r="NRE647" s="613"/>
      <c r="NRF647" s="613"/>
      <c r="NRG647" s="613"/>
      <c r="NRH647" s="613"/>
      <c r="NRI647" s="613"/>
      <c r="NRJ647" s="613"/>
      <c r="NRK647" s="613"/>
      <c r="NRL647" s="613"/>
      <c r="NRM647" s="613"/>
      <c r="NRN647" s="613"/>
      <c r="NRO647" s="613"/>
      <c r="NRP647" s="613"/>
      <c r="NRQ647" s="613"/>
      <c r="NRR647" s="613"/>
      <c r="NRS647" s="613"/>
      <c r="NRT647" s="613"/>
      <c r="NRU647" s="613"/>
      <c r="NRV647" s="613"/>
      <c r="NRW647" s="613"/>
      <c r="NRX647" s="613"/>
      <c r="NRY647" s="613"/>
      <c r="NRZ647" s="613"/>
      <c r="NSA647" s="613"/>
      <c r="NSB647" s="613"/>
      <c r="NSC647" s="613"/>
      <c r="NSD647" s="613"/>
      <c r="NSE647" s="613"/>
      <c r="NSF647" s="613"/>
      <c r="NSG647" s="613"/>
      <c r="NSH647" s="613"/>
      <c r="NSI647" s="613"/>
      <c r="NSJ647" s="613"/>
      <c r="NSK647" s="613"/>
      <c r="NSL647" s="613"/>
      <c r="NSM647" s="613"/>
      <c r="NSN647" s="613"/>
      <c r="NSO647" s="613"/>
      <c r="NSP647" s="613"/>
      <c r="NSQ647" s="613"/>
      <c r="NSR647" s="613"/>
      <c r="NSS647" s="613"/>
      <c r="NST647" s="613"/>
      <c r="NSU647" s="613"/>
      <c r="NSV647" s="613"/>
      <c r="NSW647" s="613"/>
      <c r="NSX647" s="613"/>
      <c r="NSY647" s="613"/>
      <c r="NSZ647" s="613"/>
      <c r="NTA647" s="613"/>
      <c r="NTB647" s="613"/>
      <c r="NTC647" s="613"/>
      <c r="NTD647" s="613"/>
      <c r="NTE647" s="613"/>
      <c r="NTF647" s="613"/>
      <c r="NTG647" s="613"/>
      <c r="NTH647" s="613"/>
      <c r="NTI647" s="613"/>
      <c r="NTJ647" s="613"/>
      <c r="NTK647" s="613"/>
      <c r="NTL647" s="613"/>
      <c r="NTM647" s="613"/>
      <c r="NTN647" s="613"/>
      <c r="NTO647" s="613"/>
      <c r="NTP647" s="613"/>
      <c r="NTQ647" s="613"/>
      <c r="NTR647" s="613"/>
      <c r="NTS647" s="613"/>
      <c r="NTT647" s="613"/>
      <c r="NTU647" s="613"/>
      <c r="NTV647" s="613"/>
      <c r="NTW647" s="613"/>
      <c r="NTX647" s="613"/>
      <c r="NTY647" s="613"/>
      <c r="NTZ647" s="613"/>
      <c r="NUA647" s="613"/>
      <c r="NUB647" s="613"/>
      <c r="NUC647" s="613"/>
      <c r="NUD647" s="613"/>
      <c r="NUE647" s="613"/>
      <c r="NUF647" s="613"/>
      <c r="NUG647" s="613"/>
      <c r="NUH647" s="613"/>
      <c r="NUI647" s="613"/>
      <c r="NUJ647" s="613"/>
      <c r="NUK647" s="613"/>
      <c r="NUL647" s="613"/>
      <c r="NUM647" s="613"/>
      <c r="NUN647" s="613"/>
      <c r="NUO647" s="613"/>
      <c r="NUP647" s="613"/>
      <c r="NUQ647" s="613"/>
      <c r="NUR647" s="613"/>
      <c r="NUS647" s="613"/>
      <c r="NUT647" s="613"/>
      <c r="NUU647" s="613"/>
      <c r="NUV647" s="613"/>
      <c r="NUW647" s="613"/>
      <c r="NUX647" s="613"/>
      <c r="NUY647" s="613"/>
      <c r="NUZ647" s="613"/>
      <c r="NVA647" s="613"/>
      <c r="NVB647" s="613"/>
      <c r="NVC647" s="613"/>
      <c r="NVD647" s="613"/>
      <c r="NVE647" s="613"/>
      <c r="NVF647" s="613"/>
      <c r="NVG647" s="613"/>
      <c r="NVH647" s="613"/>
      <c r="NVI647" s="613"/>
      <c r="NVJ647" s="613"/>
      <c r="NVK647" s="613"/>
      <c r="NVL647" s="613"/>
      <c r="NVM647" s="613"/>
      <c r="NVN647" s="613"/>
      <c r="NVO647" s="613"/>
      <c r="NVP647" s="613"/>
      <c r="NVQ647" s="613"/>
      <c r="NVR647" s="613"/>
      <c r="NVS647" s="613"/>
      <c r="NVT647" s="613"/>
      <c r="NVU647" s="613"/>
      <c r="NVV647" s="613"/>
      <c r="NVW647" s="613"/>
      <c r="NVX647" s="613"/>
      <c r="NVY647" s="613"/>
      <c r="NVZ647" s="613"/>
      <c r="NWA647" s="613"/>
      <c r="NWB647" s="613"/>
      <c r="NWC647" s="613"/>
      <c r="NWD647" s="613"/>
      <c r="NWE647" s="613"/>
      <c r="NWF647" s="613"/>
      <c r="NWG647" s="613"/>
      <c r="NWH647" s="613"/>
      <c r="NWI647" s="613"/>
      <c r="NWJ647" s="613"/>
      <c r="NWK647" s="613"/>
      <c r="NWL647" s="613"/>
      <c r="NWM647" s="613"/>
      <c r="NWN647" s="613"/>
      <c r="NWO647" s="613"/>
      <c r="NWP647" s="613"/>
      <c r="NWQ647" s="613"/>
      <c r="NWR647" s="613"/>
      <c r="NWS647" s="613"/>
      <c r="NWT647" s="613"/>
      <c r="NWU647" s="613"/>
      <c r="NWV647" s="613"/>
      <c r="NWW647" s="613"/>
      <c r="NWX647" s="613"/>
      <c r="NWY647" s="613"/>
      <c r="NWZ647" s="613"/>
      <c r="NXA647" s="613"/>
      <c r="NXB647" s="613"/>
      <c r="NXC647" s="613"/>
      <c r="NXD647" s="613"/>
      <c r="NXE647" s="613"/>
      <c r="NXF647" s="613"/>
      <c r="NXG647" s="613"/>
      <c r="NXH647" s="613"/>
      <c r="NXI647" s="613"/>
      <c r="NXJ647" s="613"/>
      <c r="NXK647" s="613"/>
      <c r="NXL647" s="613"/>
      <c r="NXM647" s="613"/>
      <c r="NXN647" s="613"/>
      <c r="NXO647" s="613"/>
      <c r="NXP647" s="613"/>
      <c r="NXQ647" s="613"/>
      <c r="NXR647" s="613"/>
      <c r="NXS647" s="613"/>
      <c r="NXT647" s="613"/>
      <c r="NXU647" s="613"/>
      <c r="NXV647" s="613"/>
      <c r="NXW647" s="613"/>
      <c r="NXX647" s="613"/>
      <c r="NXY647" s="613"/>
      <c r="NXZ647" s="613"/>
      <c r="NYA647" s="613"/>
      <c r="NYB647" s="613"/>
      <c r="NYC647" s="613"/>
      <c r="NYD647" s="613"/>
      <c r="NYE647" s="613"/>
      <c r="NYF647" s="613"/>
      <c r="NYG647" s="613"/>
      <c r="NYH647" s="613"/>
      <c r="NYI647" s="613"/>
      <c r="NYJ647" s="613"/>
      <c r="NYK647" s="613"/>
      <c r="NYL647" s="613"/>
      <c r="NYM647" s="613"/>
      <c r="NYN647" s="613"/>
      <c r="NYO647" s="613"/>
      <c r="NYP647" s="613"/>
      <c r="NYQ647" s="613"/>
      <c r="NYR647" s="613"/>
      <c r="NYS647" s="613"/>
      <c r="NYT647" s="613"/>
      <c r="NYU647" s="613"/>
      <c r="NYV647" s="613"/>
      <c r="NYW647" s="613"/>
      <c r="NYX647" s="613"/>
      <c r="NYY647" s="613"/>
      <c r="NYZ647" s="613"/>
      <c r="NZA647" s="613"/>
      <c r="NZB647" s="613"/>
      <c r="NZC647" s="613"/>
      <c r="NZD647" s="613"/>
      <c r="NZE647" s="613"/>
      <c r="NZF647" s="613"/>
      <c r="NZG647" s="613"/>
      <c r="NZH647" s="613"/>
      <c r="NZI647" s="613"/>
      <c r="NZJ647" s="613"/>
      <c r="NZK647" s="613"/>
      <c r="NZL647" s="613"/>
      <c r="NZM647" s="613"/>
      <c r="NZN647" s="613"/>
      <c r="NZO647" s="613"/>
      <c r="NZP647" s="613"/>
      <c r="NZQ647" s="613"/>
      <c r="NZR647" s="613"/>
      <c r="NZS647" s="613"/>
      <c r="NZT647" s="613"/>
      <c r="NZU647" s="613"/>
      <c r="NZV647" s="613"/>
      <c r="NZW647" s="613"/>
      <c r="NZX647" s="613"/>
      <c r="NZY647" s="613"/>
      <c r="NZZ647" s="613"/>
      <c r="OAA647" s="613"/>
      <c r="OAB647" s="613"/>
      <c r="OAC647" s="613"/>
      <c r="OAD647" s="613"/>
      <c r="OAE647" s="613"/>
      <c r="OAF647" s="613"/>
      <c r="OAG647" s="613"/>
      <c r="OAH647" s="613"/>
      <c r="OAI647" s="613"/>
      <c r="OAJ647" s="613"/>
      <c r="OAK647" s="613"/>
      <c r="OAL647" s="613"/>
      <c r="OAM647" s="613"/>
      <c r="OAN647" s="613"/>
      <c r="OAO647" s="613"/>
      <c r="OAP647" s="613"/>
      <c r="OAQ647" s="613"/>
      <c r="OAR647" s="613"/>
      <c r="OAS647" s="613"/>
      <c r="OAT647" s="613"/>
      <c r="OAU647" s="613"/>
      <c r="OAV647" s="613"/>
      <c r="OAW647" s="613"/>
      <c r="OAX647" s="613"/>
      <c r="OAY647" s="613"/>
      <c r="OAZ647" s="613"/>
      <c r="OBA647" s="613"/>
      <c r="OBB647" s="613"/>
      <c r="OBC647" s="613"/>
      <c r="OBD647" s="613"/>
      <c r="OBE647" s="613"/>
      <c r="OBF647" s="613"/>
      <c r="OBG647" s="613"/>
      <c r="OBH647" s="613"/>
      <c r="OBI647" s="613"/>
      <c r="OBJ647" s="613"/>
      <c r="OBK647" s="613"/>
      <c r="OBL647" s="613"/>
      <c r="OBM647" s="613"/>
      <c r="OBN647" s="613"/>
      <c r="OBO647" s="613"/>
      <c r="OBP647" s="613"/>
      <c r="OBQ647" s="613"/>
      <c r="OBR647" s="613"/>
      <c r="OBS647" s="613"/>
      <c r="OBT647" s="613"/>
      <c r="OBU647" s="613"/>
      <c r="OBV647" s="613"/>
      <c r="OBW647" s="613"/>
      <c r="OBX647" s="613"/>
      <c r="OBY647" s="613"/>
      <c r="OBZ647" s="613"/>
      <c r="OCA647" s="613"/>
      <c r="OCB647" s="613"/>
      <c r="OCC647" s="613"/>
      <c r="OCD647" s="613"/>
      <c r="OCE647" s="613"/>
      <c r="OCF647" s="613"/>
      <c r="OCG647" s="613"/>
      <c r="OCH647" s="613"/>
      <c r="OCI647" s="613"/>
      <c r="OCJ647" s="613"/>
      <c r="OCK647" s="613"/>
      <c r="OCL647" s="613"/>
      <c r="OCM647" s="613"/>
      <c r="OCN647" s="613"/>
      <c r="OCO647" s="613"/>
      <c r="OCP647" s="613"/>
      <c r="OCQ647" s="613"/>
      <c r="OCR647" s="613"/>
      <c r="OCS647" s="613"/>
      <c r="OCT647" s="613"/>
      <c r="OCU647" s="613"/>
      <c r="OCV647" s="613"/>
      <c r="OCW647" s="613"/>
      <c r="OCX647" s="613"/>
      <c r="OCY647" s="613"/>
      <c r="OCZ647" s="613"/>
      <c r="ODA647" s="613"/>
      <c r="ODB647" s="613"/>
      <c r="ODC647" s="613"/>
      <c r="ODD647" s="613"/>
      <c r="ODE647" s="613"/>
      <c r="ODF647" s="613"/>
      <c r="ODG647" s="613"/>
      <c r="ODH647" s="613"/>
      <c r="ODI647" s="613"/>
      <c r="ODJ647" s="613"/>
      <c r="ODK647" s="613"/>
      <c r="ODL647" s="613"/>
      <c r="ODM647" s="613"/>
      <c r="ODN647" s="613"/>
      <c r="ODO647" s="613"/>
      <c r="ODP647" s="613"/>
      <c r="ODQ647" s="613"/>
      <c r="ODR647" s="613"/>
      <c r="ODS647" s="613"/>
      <c r="ODT647" s="613"/>
      <c r="ODU647" s="613"/>
      <c r="ODV647" s="613"/>
      <c r="ODW647" s="613"/>
      <c r="ODX647" s="613"/>
      <c r="ODY647" s="613"/>
      <c r="ODZ647" s="613"/>
      <c r="OEA647" s="613"/>
      <c r="OEB647" s="613"/>
      <c r="OEC647" s="613"/>
      <c r="OED647" s="613"/>
      <c r="OEE647" s="613"/>
      <c r="OEF647" s="613"/>
      <c r="OEG647" s="613"/>
      <c r="OEH647" s="613"/>
      <c r="OEI647" s="613"/>
      <c r="OEJ647" s="613"/>
      <c r="OEK647" s="613"/>
      <c r="OEL647" s="613"/>
      <c r="OEM647" s="613"/>
      <c r="OEN647" s="613"/>
      <c r="OEO647" s="613"/>
      <c r="OEP647" s="613"/>
      <c r="OEQ647" s="613"/>
      <c r="OER647" s="613"/>
      <c r="OES647" s="613"/>
      <c r="OET647" s="613"/>
      <c r="OEU647" s="613"/>
      <c r="OEV647" s="613"/>
      <c r="OEW647" s="613"/>
      <c r="OEX647" s="613"/>
      <c r="OEY647" s="613"/>
      <c r="OEZ647" s="613"/>
      <c r="OFA647" s="613"/>
      <c r="OFB647" s="613"/>
      <c r="OFC647" s="613"/>
      <c r="OFD647" s="613"/>
      <c r="OFE647" s="613"/>
      <c r="OFF647" s="613"/>
      <c r="OFG647" s="613"/>
      <c r="OFH647" s="613"/>
      <c r="OFI647" s="613"/>
      <c r="OFJ647" s="613"/>
      <c r="OFK647" s="613"/>
      <c r="OFL647" s="613"/>
      <c r="OFM647" s="613"/>
      <c r="OFN647" s="613"/>
      <c r="OFO647" s="613"/>
      <c r="OFP647" s="613"/>
      <c r="OFQ647" s="613"/>
      <c r="OFR647" s="613"/>
      <c r="OFS647" s="613"/>
      <c r="OFT647" s="613"/>
      <c r="OFU647" s="613"/>
      <c r="OFV647" s="613"/>
      <c r="OFW647" s="613"/>
      <c r="OFX647" s="613"/>
      <c r="OFY647" s="613"/>
      <c r="OFZ647" s="613"/>
      <c r="OGA647" s="613"/>
      <c r="OGB647" s="613"/>
      <c r="OGC647" s="613"/>
      <c r="OGD647" s="613"/>
      <c r="OGE647" s="613"/>
      <c r="OGF647" s="613"/>
      <c r="OGG647" s="613"/>
      <c r="OGH647" s="613"/>
      <c r="OGI647" s="613"/>
      <c r="OGJ647" s="613"/>
      <c r="OGK647" s="613"/>
      <c r="OGL647" s="613"/>
      <c r="OGM647" s="613"/>
      <c r="OGN647" s="613"/>
      <c r="OGO647" s="613"/>
      <c r="OGP647" s="613"/>
      <c r="OGQ647" s="613"/>
      <c r="OGR647" s="613"/>
      <c r="OGS647" s="613"/>
      <c r="OGT647" s="613"/>
      <c r="OGU647" s="613"/>
      <c r="OGV647" s="613"/>
      <c r="OGW647" s="613"/>
      <c r="OGX647" s="613"/>
      <c r="OGY647" s="613"/>
      <c r="OGZ647" s="613"/>
      <c r="OHA647" s="613"/>
      <c r="OHB647" s="613"/>
      <c r="OHC647" s="613"/>
      <c r="OHD647" s="613"/>
      <c r="OHE647" s="613"/>
      <c r="OHF647" s="613"/>
      <c r="OHG647" s="613"/>
      <c r="OHH647" s="613"/>
      <c r="OHI647" s="613"/>
      <c r="OHJ647" s="613"/>
      <c r="OHK647" s="613"/>
      <c r="OHL647" s="613"/>
      <c r="OHM647" s="613"/>
      <c r="OHN647" s="613"/>
      <c r="OHO647" s="613"/>
      <c r="OHP647" s="613"/>
      <c r="OHQ647" s="613"/>
      <c r="OHR647" s="613"/>
      <c r="OHS647" s="613"/>
      <c r="OHT647" s="613"/>
      <c r="OHU647" s="613"/>
      <c r="OHV647" s="613"/>
      <c r="OHW647" s="613"/>
      <c r="OHX647" s="613"/>
      <c r="OHY647" s="613"/>
      <c r="OHZ647" s="613"/>
      <c r="OIA647" s="613"/>
      <c r="OIB647" s="613"/>
      <c r="OIC647" s="613"/>
      <c r="OID647" s="613"/>
      <c r="OIE647" s="613"/>
      <c r="OIF647" s="613"/>
      <c r="OIG647" s="613"/>
      <c r="OIH647" s="613"/>
      <c r="OII647" s="613"/>
      <c r="OIJ647" s="613"/>
      <c r="OIK647" s="613"/>
      <c r="OIL647" s="613"/>
      <c r="OIM647" s="613"/>
      <c r="OIN647" s="613"/>
      <c r="OIO647" s="613"/>
      <c r="OIP647" s="613"/>
      <c r="OIQ647" s="613"/>
      <c r="OIR647" s="613"/>
      <c r="OIS647" s="613"/>
      <c r="OIT647" s="613"/>
      <c r="OIU647" s="613"/>
      <c r="OIV647" s="613"/>
      <c r="OIW647" s="613"/>
      <c r="OIX647" s="613"/>
      <c r="OIY647" s="613"/>
      <c r="OIZ647" s="613"/>
      <c r="OJA647" s="613"/>
      <c r="OJB647" s="613"/>
      <c r="OJC647" s="613"/>
      <c r="OJD647" s="613"/>
      <c r="OJE647" s="613"/>
      <c r="OJF647" s="613"/>
      <c r="OJG647" s="613"/>
      <c r="OJH647" s="613"/>
      <c r="OJI647" s="613"/>
      <c r="OJJ647" s="613"/>
      <c r="OJK647" s="613"/>
      <c r="OJL647" s="613"/>
      <c r="OJM647" s="613"/>
      <c r="OJN647" s="613"/>
      <c r="OJO647" s="613"/>
      <c r="OJP647" s="613"/>
      <c r="OJQ647" s="613"/>
      <c r="OJR647" s="613"/>
      <c r="OJS647" s="613"/>
      <c r="OJT647" s="613"/>
      <c r="OJU647" s="613"/>
      <c r="OJV647" s="613"/>
      <c r="OJW647" s="613"/>
      <c r="OJX647" s="613"/>
      <c r="OJY647" s="613"/>
      <c r="OJZ647" s="613"/>
      <c r="OKA647" s="613"/>
      <c r="OKB647" s="613"/>
      <c r="OKC647" s="613"/>
      <c r="OKD647" s="613"/>
      <c r="OKE647" s="613"/>
      <c r="OKF647" s="613"/>
      <c r="OKG647" s="613"/>
      <c r="OKH647" s="613"/>
      <c r="OKI647" s="613"/>
      <c r="OKJ647" s="613"/>
      <c r="OKK647" s="613"/>
      <c r="OKL647" s="613"/>
      <c r="OKM647" s="613"/>
      <c r="OKN647" s="613"/>
      <c r="OKO647" s="613"/>
      <c r="OKP647" s="613"/>
      <c r="OKQ647" s="613"/>
      <c r="OKR647" s="613"/>
      <c r="OKS647" s="613"/>
      <c r="OKT647" s="613"/>
      <c r="OKU647" s="613"/>
      <c r="OKV647" s="613"/>
      <c r="OKW647" s="613"/>
      <c r="OKX647" s="613"/>
      <c r="OKY647" s="613"/>
      <c r="OKZ647" s="613"/>
      <c r="OLA647" s="613"/>
      <c r="OLB647" s="613"/>
      <c r="OLC647" s="613"/>
      <c r="OLD647" s="613"/>
      <c r="OLE647" s="613"/>
      <c r="OLF647" s="613"/>
      <c r="OLG647" s="613"/>
      <c r="OLH647" s="613"/>
      <c r="OLI647" s="613"/>
      <c r="OLJ647" s="613"/>
      <c r="OLK647" s="613"/>
      <c r="OLL647" s="613"/>
      <c r="OLM647" s="613"/>
      <c r="OLN647" s="613"/>
      <c r="OLO647" s="613"/>
      <c r="OLP647" s="613"/>
      <c r="OLQ647" s="613"/>
      <c r="OLR647" s="613"/>
      <c r="OLS647" s="613"/>
      <c r="OLT647" s="613"/>
      <c r="OLU647" s="613"/>
      <c r="OLV647" s="613"/>
      <c r="OLW647" s="613"/>
      <c r="OLX647" s="613"/>
      <c r="OLY647" s="613"/>
      <c r="OLZ647" s="613"/>
      <c r="OMA647" s="613"/>
      <c r="OMB647" s="613"/>
      <c r="OMC647" s="613"/>
      <c r="OMD647" s="613"/>
      <c r="OME647" s="613"/>
      <c r="OMF647" s="613"/>
      <c r="OMG647" s="613"/>
      <c r="OMH647" s="613"/>
      <c r="OMI647" s="613"/>
      <c r="OMJ647" s="613"/>
      <c r="OMK647" s="613"/>
      <c r="OML647" s="613"/>
      <c r="OMM647" s="613"/>
      <c r="OMN647" s="613"/>
      <c r="OMO647" s="613"/>
      <c r="OMP647" s="613"/>
      <c r="OMQ647" s="613"/>
      <c r="OMR647" s="613"/>
      <c r="OMS647" s="613"/>
      <c r="OMT647" s="613"/>
      <c r="OMU647" s="613"/>
      <c r="OMV647" s="613"/>
      <c r="OMW647" s="613"/>
      <c r="OMX647" s="613"/>
      <c r="OMY647" s="613"/>
      <c r="OMZ647" s="613"/>
      <c r="ONA647" s="613"/>
      <c r="ONB647" s="613"/>
      <c r="ONC647" s="613"/>
      <c r="OND647" s="613"/>
      <c r="ONE647" s="613"/>
      <c r="ONF647" s="613"/>
      <c r="ONG647" s="613"/>
      <c r="ONH647" s="613"/>
      <c r="ONI647" s="613"/>
      <c r="ONJ647" s="613"/>
      <c r="ONK647" s="613"/>
      <c r="ONL647" s="613"/>
      <c r="ONM647" s="613"/>
      <c r="ONN647" s="613"/>
      <c r="ONO647" s="613"/>
      <c r="ONP647" s="613"/>
      <c r="ONQ647" s="613"/>
      <c r="ONR647" s="613"/>
      <c r="ONS647" s="613"/>
      <c r="ONT647" s="613"/>
      <c r="ONU647" s="613"/>
      <c r="ONV647" s="613"/>
      <c r="ONW647" s="613"/>
      <c r="ONX647" s="613"/>
      <c r="ONY647" s="613"/>
      <c r="ONZ647" s="613"/>
      <c r="OOA647" s="613"/>
      <c r="OOB647" s="613"/>
      <c r="OOC647" s="613"/>
      <c r="OOD647" s="613"/>
      <c r="OOE647" s="613"/>
      <c r="OOF647" s="613"/>
      <c r="OOG647" s="613"/>
      <c r="OOH647" s="613"/>
      <c r="OOI647" s="613"/>
      <c r="OOJ647" s="613"/>
      <c r="OOK647" s="613"/>
      <c r="OOL647" s="613"/>
      <c r="OOM647" s="613"/>
      <c r="OON647" s="613"/>
      <c r="OOO647" s="613"/>
      <c r="OOP647" s="613"/>
      <c r="OOQ647" s="613"/>
      <c r="OOR647" s="613"/>
      <c r="OOS647" s="613"/>
      <c r="OOT647" s="613"/>
      <c r="OOU647" s="613"/>
      <c r="OOV647" s="613"/>
      <c r="OOW647" s="613"/>
      <c r="OOX647" s="613"/>
      <c r="OOY647" s="613"/>
      <c r="OOZ647" s="613"/>
      <c r="OPA647" s="613"/>
      <c r="OPB647" s="613"/>
      <c r="OPC647" s="613"/>
      <c r="OPD647" s="613"/>
      <c r="OPE647" s="613"/>
      <c r="OPF647" s="613"/>
      <c r="OPG647" s="613"/>
      <c r="OPH647" s="613"/>
      <c r="OPI647" s="613"/>
      <c r="OPJ647" s="613"/>
      <c r="OPK647" s="613"/>
      <c r="OPL647" s="613"/>
      <c r="OPM647" s="613"/>
      <c r="OPN647" s="613"/>
      <c r="OPO647" s="613"/>
      <c r="OPP647" s="613"/>
      <c r="OPQ647" s="613"/>
      <c r="OPR647" s="613"/>
      <c r="OPS647" s="613"/>
      <c r="OPT647" s="613"/>
      <c r="OPU647" s="613"/>
      <c r="OPV647" s="613"/>
      <c r="OPW647" s="613"/>
      <c r="OPX647" s="613"/>
      <c r="OPY647" s="613"/>
      <c r="OPZ647" s="613"/>
      <c r="OQA647" s="613"/>
      <c r="OQB647" s="613"/>
      <c r="OQC647" s="613"/>
      <c r="OQD647" s="613"/>
      <c r="OQE647" s="613"/>
      <c r="OQF647" s="613"/>
      <c r="OQG647" s="613"/>
      <c r="OQH647" s="613"/>
      <c r="OQI647" s="613"/>
      <c r="OQJ647" s="613"/>
      <c r="OQK647" s="613"/>
      <c r="OQL647" s="613"/>
      <c r="OQM647" s="613"/>
      <c r="OQN647" s="613"/>
      <c r="OQO647" s="613"/>
      <c r="OQP647" s="613"/>
      <c r="OQQ647" s="613"/>
      <c r="OQR647" s="613"/>
      <c r="OQS647" s="613"/>
      <c r="OQT647" s="613"/>
      <c r="OQU647" s="613"/>
      <c r="OQV647" s="613"/>
      <c r="OQW647" s="613"/>
      <c r="OQX647" s="613"/>
      <c r="OQY647" s="613"/>
      <c r="OQZ647" s="613"/>
      <c r="ORA647" s="613"/>
      <c r="ORB647" s="613"/>
      <c r="ORC647" s="613"/>
      <c r="ORD647" s="613"/>
      <c r="ORE647" s="613"/>
      <c r="ORF647" s="613"/>
      <c r="ORG647" s="613"/>
      <c r="ORH647" s="613"/>
      <c r="ORI647" s="613"/>
      <c r="ORJ647" s="613"/>
      <c r="ORK647" s="613"/>
      <c r="ORL647" s="613"/>
      <c r="ORM647" s="613"/>
      <c r="ORN647" s="613"/>
      <c r="ORO647" s="613"/>
      <c r="ORP647" s="613"/>
      <c r="ORQ647" s="613"/>
      <c r="ORR647" s="613"/>
      <c r="ORS647" s="613"/>
      <c r="ORT647" s="613"/>
      <c r="ORU647" s="613"/>
      <c r="ORV647" s="613"/>
      <c r="ORW647" s="613"/>
      <c r="ORX647" s="613"/>
      <c r="ORY647" s="613"/>
      <c r="ORZ647" s="613"/>
      <c r="OSA647" s="613"/>
      <c r="OSB647" s="613"/>
      <c r="OSC647" s="613"/>
      <c r="OSD647" s="613"/>
      <c r="OSE647" s="613"/>
      <c r="OSF647" s="613"/>
      <c r="OSG647" s="613"/>
      <c r="OSH647" s="613"/>
      <c r="OSI647" s="613"/>
      <c r="OSJ647" s="613"/>
      <c r="OSK647" s="613"/>
      <c r="OSL647" s="613"/>
      <c r="OSM647" s="613"/>
      <c r="OSN647" s="613"/>
      <c r="OSO647" s="613"/>
      <c r="OSP647" s="613"/>
      <c r="OSQ647" s="613"/>
      <c r="OSR647" s="613"/>
      <c r="OSS647" s="613"/>
      <c r="OST647" s="613"/>
      <c r="OSU647" s="613"/>
      <c r="OSV647" s="613"/>
      <c r="OSW647" s="613"/>
      <c r="OSX647" s="613"/>
      <c r="OSY647" s="613"/>
      <c r="OSZ647" s="613"/>
      <c r="OTA647" s="613"/>
      <c r="OTB647" s="613"/>
      <c r="OTC647" s="613"/>
      <c r="OTD647" s="613"/>
      <c r="OTE647" s="613"/>
      <c r="OTF647" s="613"/>
      <c r="OTG647" s="613"/>
      <c r="OTH647" s="613"/>
      <c r="OTI647" s="613"/>
      <c r="OTJ647" s="613"/>
      <c r="OTK647" s="613"/>
      <c r="OTL647" s="613"/>
      <c r="OTM647" s="613"/>
      <c r="OTN647" s="613"/>
      <c r="OTO647" s="613"/>
      <c r="OTP647" s="613"/>
      <c r="OTQ647" s="613"/>
      <c r="OTR647" s="613"/>
      <c r="OTS647" s="613"/>
      <c r="OTT647" s="613"/>
      <c r="OTU647" s="613"/>
      <c r="OTV647" s="613"/>
      <c r="OTW647" s="613"/>
      <c r="OTX647" s="613"/>
      <c r="OTY647" s="613"/>
      <c r="OTZ647" s="613"/>
      <c r="OUA647" s="613"/>
      <c r="OUB647" s="613"/>
      <c r="OUC647" s="613"/>
      <c r="OUD647" s="613"/>
      <c r="OUE647" s="613"/>
      <c r="OUF647" s="613"/>
      <c r="OUG647" s="613"/>
      <c r="OUH647" s="613"/>
      <c r="OUI647" s="613"/>
      <c r="OUJ647" s="613"/>
      <c r="OUK647" s="613"/>
      <c r="OUL647" s="613"/>
      <c r="OUM647" s="613"/>
      <c r="OUN647" s="613"/>
      <c r="OUO647" s="613"/>
      <c r="OUP647" s="613"/>
      <c r="OUQ647" s="613"/>
      <c r="OUR647" s="613"/>
      <c r="OUS647" s="613"/>
      <c r="OUT647" s="613"/>
      <c r="OUU647" s="613"/>
      <c r="OUV647" s="613"/>
      <c r="OUW647" s="613"/>
      <c r="OUX647" s="613"/>
      <c r="OUY647" s="613"/>
      <c r="OUZ647" s="613"/>
      <c r="OVA647" s="613"/>
      <c r="OVB647" s="613"/>
      <c r="OVC647" s="613"/>
      <c r="OVD647" s="613"/>
      <c r="OVE647" s="613"/>
      <c r="OVF647" s="613"/>
      <c r="OVG647" s="613"/>
      <c r="OVH647" s="613"/>
      <c r="OVI647" s="613"/>
      <c r="OVJ647" s="613"/>
      <c r="OVK647" s="613"/>
      <c r="OVL647" s="613"/>
      <c r="OVM647" s="613"/>
      <c r="OVN647" s="613"/>
      <c r="OVO647" s="613"/>
      <c r="OVP647" s="613"/>
      <c r="OVQ647" s="613"/>
      <c r="OVR647" s="613"/>
      <c r="OVS647" s="613"/>
      <c r="OVT647" s="613"/>
      <c r="OVU647" s="613"/>
      <c r="OVV647" s="613"/>
      <c r="OVW647" s="613"/>
      <c r="OVX647" s="613"/>
      <c r="OVY647" s="613"/>
      <c r="OVZ647" s="613"/>
      <c r="OWA647" s="613"/>
      <c r="OWB647" s="613"/>
      <c r="OWC647" s="613"/>
      <c r="OWD647" s="613"/>
      <c r="OWE647" s="613"/>
      <c r="OWF647" s="613"/>
      <c r="OWG647" s="613"/>
      <c r="OWH647" s="613"/>
      <c r="OWI647" s="613"/>
      <c r="OWJ647" s="613"/>
      <c r="OWK647" s="613"/>
      <c r="OWL647" s="613"/>
      <c r="OWM647" s="613"/>
      <c r="OWN647" s="613"/>
      <c r="OWO647" s="613"/>
      <c r="OWP647" s="613"/>
      <c r="OWQ647" s="613"/>
      <c r="OWR647" s="613"/>
      <c r="OWS647" s="613"/>
      <c r="OWT647" s="613"/>
      <c r="OWU647" s="613"/>
      <c r="OWV647" s="613"/>
      <c r="OWW647" s="613"/>
      <c r="OWX647" s="613"/>
      <c r="OWY647" s="613"/>
      <c r="OWZ647" s="613"/>
      <c r="OXA647" s="613"/>
      <c r="OXB647" s="613"/>
      <c r="OXC647" s="613"/>
      <c r="OXD647" s="613"/>
      <c r="OXE647" s="613"/>
      <c r="OXF647" s="613"/>
      <c r="OXG647" s="613"/>
      <c r="OXH647" s="613"/>
      <c r="OXI647" s="613"/>
      <c r="OXJ647" s="613"/>
      <c r="OXK647" s="613"/>
      <c r="OXL647" s="613"/>
      <c r="OXM647" s="613"/>
      <c r="OXN647" s="613"/>
      <c r="OXO647" s="613"/>
      <c r="OXP647" s="613"/>
      <c r="OXQ647" s="613"/>
      <c r="OXR647" s="613"/>
      <c r="OXS647" s="613"/>
      <c r="OXT647" s="613"/>
      <c r="OXU647" s="613"/>
      <c r="OXV647" s="613"/>
      <c r="OXW647" s="613"/>
      <c r="OXX647" s="613"/>
      <c r="OXY647" s="613"/>
      <c r="OXZ647" s="613"/>
      <c r="OYA647" s="613"/>
      <c r="OYB647" s="613"/>
      <c r="OYC647" s="613"/>
      <c r="OYD647" s="613"/>
      <c r="OYE647" s="613"/>
      <c r="OYF647" s="613"/>
      <c r="OYG647" s="613"/>
      <c r="OYH647" s="613"/>
      <c r="OYI647" s="613"/>
      <c r="OYJ647" s="613"/>
      <c r="OYK647" s="613"/>
      <c r="OYL647" s="613"/>
      <c r="OYM647" s="613"/>
      <c r="OYN647" s="613"/>
      <c r="OYO647" s="613"/>
      <c r="OYP647" s="613"/>
      <c r="OYQ647" s="613"/>
      <c r="OYR647" s="613"/>
      <c r="OYS647" s="613"/>
      <c r="OYT647" s="613"/>
      <c r="OYU647" s="613"/>
      <c r="OYV647" s="613"/>
      <c r="OYW647" s="613"/>
      <c r="OYX647" s="613"/>
      <c r="OYY647" s="613"/>
      <c r="OYZ647" s="613"/>
      <c r="OZA647" s="613"/>
      <c r="OZB647" s="613"/>
      <c r="OZC647" s="613"/>
      <c r="OZD647" s="613"/>
      <c r="OZE647" s="613"/>
      <c r="OZF647" s="613"/>
      <c r="OZG647" s="613"/>
      <c r="OZH647" s="613"/>
      <c r="OZI647" s="613"/>
      <c r="OZJ647" s="613"/>
      <c r="OZK647" s="613"/>
      <c r="OZL647" s="613"/>
      <c r="OZM647" s="613"/>
      <c r="OZN647" s="613"/>
      <c r="OZO647" s="613"/>
      <c r="OZP647" s="613"/>
      <c r="OZQ647" s="613"/>
      <c r="OZR647" s="613"/>
      <c r="OZS647" s="613"/>
      <c r="OZT647" s="613"/>
      <c r="OZU647" s="613"/>
      <c r="OZV647" s="613"/>
      <c r="OZW647" s="613"/>
      <c r="OZX647" s="613"/>
      <c r="OZY647" s="613"/>
      <c r="OZZ647" s="613"/>
      <c r="PAA647" s="613"/>
      <c r="PAB647" s="613"/>
      <c r="PAC647" s="613"/>
      <c r="PAD647" s="613"/>
      <c r="PAE647" s="613"/>
      <c r="PAF647" s="613"/>
      <c r="PAG647" s="613"/>
      <c r="PAH647" s="613"/>
      <c r="PAI647" s="613"/>
      <c r="PAJ647" s="613"/>
      <c r="PAK647" s="613"/>
      <c r="PAL647" s="613"/>
      <c r="PAM647" s="613"/>
      <c r="PAN647" s="613"/>
      <c r="PAO647" s="613"/>
      <c r="PAP647" s="613"/>
      <c r="PAQ647" s="613"/>
      <c r="PAR647" s="613"/>
      <c r="PAS647" s="613"/>
      <c r="PAT647" s="613"/>
      <c r="PAU647" s="613"/>
      <c r="PAV647" s="613"/>
      <c r="PAW647" s="613"/>
      <c r="PAX647" s="613"/>
      <c r="PAY647" s="613"/>
      <c r="PAZ647" s="613"/>
      <c r="PBA647" s="613"/>
      <c r="PBB647" s="613"/>
      <c r="PBC647" s="613"/>
      <c r="PBD647" s="613"/>
      <c r="PBE647" s="613"/>
      <c r="PBF647" s="613"/>
      <c r="PBG647" s="613"/>
      <c r="PBH647" s="613"/>
      <c r="PBI647" s="613"/>
      <c r="PBJ647" s="613"/>
      <c r="PBK647" s="613"/>
      <c r="PBL647" s="613"/>
      <c r="PBM647" s="613"/>
      <c r="PBN647" s="613"/>
      <c r="PBO647" s="613"/>
      <c r="PBP647" s="613"/>
      <c r="PBQ647" s="613"/>
      <c r="PBR647" s="613"/>
      <c r="PBS647" s="613"/>
      <c r="PBT647" s="613"/>
      <c r="PBU647" s="613"/>
      <c r="PBV647" s="613"/>
      <c r="PBW647" s="613"/>
      <c r="PBX647" s="613"/>
      <c r="PBY647" s="613"/>
      <c r="PBZ647" s="613"/>
      <c r="PCA647" s="613"/>
      <c r="PCB647" s="613"/>
      <c r="PCC647" s="613"/>
      <c r="PCD647" s="613"/>
      <c r="PCE647" s="613"/>
      <c r="PCF647" s="613"/>
      <c r="PCG647" s="613"/>
      <c r="PCH647" s="613"/>
      <c r="PCI647" s="613"/>
      <c r="PCJ647" s="613"/>
      <c r="PCK647" s="613"/>
      <c r="PCL647" s="613"/>
      <c r="PCM647" s="613"/>
      <c r="PCN647" s="613"/>
      <c r="PCO647" s="613"/>
      <c r="PCP647" s="613"/>
      <c r="PCQ647" s="613"/>
      <c r="PCR647" s="613"/>
      <c r="PCS647" s="613"/>
      <c r="PCT647" s="613"/>
      <c r="PCU647" s="613"/>
      <c r="PCV647" s="613"/>
      <c r="PCW647" s="613"/>
      <c r="PCX647" s="613"/>
      <c r="PCY647" s="613"/>
      <c r="PCZ647" s="613"/>
      <c r="PDA647" s="613"/>
      <c r="PDB647" s="613"/>
      <c r="PDC647" s="613"/>
      <c r="PDD647" s="613"/>
      <c r="PDE647" s="613"/>
      <c r="PDF647" s="613"/>
      <c r="PDG647" s="613"/>
      <c r="PDH647" s="613"/>
      <c r="PDI647" s="613"/>
      <c r="PDJ647" s="613"/>
      <c r="PDK647" s="613"/>
      <c r="PDL647" s="613"/>
      <c r="PDM647" s="613"/>
      <c r="PDN647" s="613"/>
      <c r="PDO647" s="613"/>
      <c r="PDP647" s="613"/>
      <c r="PDQ647" s="613"/>
      <c r="PDR647" s="613"/>
      <c r="PDS647" s="613"/>
      <c r="PDT647" s="613"/>
      <c r="PDU647" s="613"/>
      <c r="PDV647" s="613"/>
      <c r="PDW647" s="613"/>
      <c r="PDX647" s="613"/>
      <c r="PDY647" s="613"/>
      <c r="PDZ647" s="613"/>
      <c r="PEA647" s="613"/>
      <c r="PEB647" s="613"/>
      <c r="PEC647" s="613"/>
      <c r="PED647" s="613"/>
      <c r="PEE647" s="613"/>
      <c r="PEF647" s="613"/>
      <c r="PEG647" s="613"/>
      <c r="PEH647" s="613"/>
      <c r="PEI647" s="613"/>
      <c r="PEJ647" s="613"/>
      <c r="PEK647" s="613"/>
      <c r="PEL647" s="613"/>
      <c r="PEM647" s="613"/>
      <c r="PEN647" s="613"/>
      <c r="PEO647" s="613"/>
      <c r="PEP647" s="613"/>
      <c r="PEQ647" s="613"/>
      <c r="PER647" s="613"/>
      <c r="PES647" s="613"/>
      <c r="PET647" s="613"/>
      <c r="PEU647" s="613"/>
      <c r="PEV647" s="613"/>
      <c r="PEW647" s="613"/>
      <c r="PEX647" s="613"/>
      <c r="PEY647" s="613"/>
      <c r="PEZ647" s="613"/>
      <c r="PFA647" s="613"/>
      <c r="PFB647" s="613"/>
      <c r="PFC647" s="613"/>
      <c r="PFD647" s="613"/>
      <c r="PFE647" s="613"/>
      <c r="PFF647" s="613"/>
      <c r="PFG647" s="613"/>
      <c r="PFH647" s="613"/>
      <c r="PFI647" s="613"/>
      <c r="PFJ647" s="613"/>
      <c r="PFK647" s="613"/>
      <c r="PFL647" s="613"/>
      <c r="PFM647" s="613"/>
      <c r="PFN647" s="613"/>
      <c r="PFO647" s="613"/>
      <c r="PFP647" s="613"/>
      <c r="PFQ647" s="613"/>
      <c r="PFR647" s="613"/>
      <c r="PFS647" s="613"/>
      <c r="PFT647" s="613"/>
      <c r="PFU647" s="613"/>
      <c r="PFV647" s="613"/>
      <c r="PFW647" s="613"/>
      <c r="PFX647" s="613"/>
      <c r="PFY647" s="613"/>
      <c r="PFZ647" s="613"/>
      <c r="PGA647" s="613"/>
      <c r="PGB647" s="613"/>
      <c r="PGC647" s="613"/>
      <c r="PGD647" s="613"/>
      <c r="PGE647" s="613"/>
      <c r="PGF647" s="613"/>
      <c r="PGG647" s="613"/>
      <c r="PGH647" s="613"/>
      <c r="PGI647" s="613"/>
      <c r="PGJ647" s="613"/>
      <c r="PGK647" s="613"/>
      <c r="PGL647" s="613"/>
      <c r="PGM647" s="613"/>
      <c r="PGN647" s="613"/>
      <c r="PGO647" s="613"/>
      <c r="PGP647" s="613"/>
      <c r="PGQ647" s="613"/>
      <c r="PGR647" s="613"/>
      <c r="PGS647" s="613"/>
      <c r="PGT647" s="613"/>
      <c r="PGU647" s="613"/>
      <c r="PGV647" s="613"/>
      <c r="PGW647" s="613"/>
      <c r="PGX647" s="613"/>
      <c r="PGY647" s="613"/>
      <c r="PGZ647" s="613"/>
      <c r="PHA647" s="613"/>
      <c r="PHB647" s="613"/>
      <c r="PHC647" s="613"/>
      <c r="PHD647" s="613"/>
      <c r="PHE647" s="613"/>
      <c r="PHF647" s="613"/>
      <c r="PHG647" s="613"/>
      <c r="PHH647" s="613"/>
      <c r="PHI647" s="613"/>
      <c r="PHJ647" s="613"/>
      <c r="PHK647" s="613"/>
      <c r="PHL647" s="613"/>
      <c r="PHM647" s="613"/>
      <c r="PHN647" s="613"/>
      <c r="PHO647" s="613"/>
      <c r="PHP647" s="613"/>
      <c r="PHQ647" s="613"/>
      <c r="PHR647" s="613"/>
      <c r="PHS647" s="613"/>
      <c r="PHT647" s="613"/>
      <c r="PHU647" s="613"/>
      <c r="PHV647" s="613"/>
      <c r="PHW647" s="613"/>
      <c r="PHX647" s="613"/>
      <c r="PHY647" s="613"/>
      <c r="PHZ647" s="613"/>
      <c r="PIA647" s="613"/>
      <c r="PIB647" s="613"/>
      <c r="PIC647" s="613"/>
      <c r="PID647" s="613"/>
      <c r="PIE647" s="613"/>
      <c r="PIF647" s="613"/>
      <c r="PIG647" s="613"/>
      <c r="PIH647" s="613"/>
      <c r="PII647" s="613"/>
      <c r="PIJ647" s="613"/>
      <c r="PIK647" s="613"/>
      <c r="PIL647" s="613"/>
      <c r="PIM647" s="613"/>
      <c r="PIN647" s="613"/>
      <c r="PIO647" s="613"/>
      <c r="PIP647" s="613"/>
      <c r="PIQ647" s="613"/>
      <c r="PIR647" s="613"/>
      <c r="PIS647" s="613"/>
      <c r="PIT647" s="613"/>
      <c r="PIU647" s="613"/>
      <c r="PIV647" s="613"/>
      <c r="PIW647" s="613"/>
      <c r="PIX647" s="613"/>
      <c r="PIY647" s="613"/>
      <c r="PIZ647" s="613"/>
      <c r="PJA647" s="613"/>
      <c r="PJB647" s="613"/>
      <c r="PJC647" s="613"/>
      <c r="PJD647" s="613"/>
      <c r="PJE647" s="613"/>
      <c r="PJF647" s="613"/>
      <c r="PJG647" s="613"/>
      <c r="PJH647" s="613"/>
      <c r="PJI647" s="613"/>
      <c r="PJJ647" s="613"/>
      <c r="PJK647" s="613"/>
      <c r="PJL647" s="613"/>
      <c r="PJM647" s="613"/>
      <c r="PJN647" s="613"/>
      <c r="PJO647" s="613"/>
      <c r="PJP647" s="613"/>
      <c r="PJQ647" s="613"/>
      <c r="PJR647" s="613"/>
      <c r="PJS647" s="613"/>
      <c r="PJT647" s="613"/>
      <c r="PJU647" s="613"/>
      <c r="PJV647" s="613"/>
      <c r="PJW647" s="613"/>
      <c r="PJX647" s="613"/>
      <c r="PJY647" s="613"/>
      <c r="PJZ647" s="613"/>
      <c r="PKA647" s="613"/>
      <c r="PKB647" s="613"/>
      <c r="PKC647" s="613"/>
      <c r="PKD647" s="613"/>
      <c r="PKE647" s="613"/>
      <c r="PKF647" s="613"/>
      <c r="PKG647" s="613"/>
      <c r="PKH647" s="613"/>
      <c r="PKI647" s="613"/>
      <c r="PKJ647" s="613"/>
      <c r="PKK647" s="613"/>
      <c r="PKL647" s="613"/>
      <c r="PKM647" s="613"/>
      <c r="PKN647" s="613"/>
      <c r="PKO647" s="613"/>
      <c r="PKP647" s="613"/>
      <c r="PKQ647" s="613"/>
      <c r="PKR647" s="613"/>
      <c r="PKS647" s="613"/>
      <c r="PKT647" s="613"/>
      <c r="PKU647" s="613"/>
      <c r="PKV647" s="613"/>
      <c r="PKW647" s="613"/>
      <c r="PKX647" s="613"/>
      <c r="PKY647" s="613"/>
      <c r="PKZ647" s="613"/>
      <c r="PLA647" s="613"/>
      <c r="PLB647" s="613"/>
      <c r="PLC647" s="613"/>
      <c r="PLD647" s="613"/>
      <c r="PLE647" s="613"/>
      <c r="PLF647" s="613"/>
      <c r="PLG647" s="613"/>
      <c r="PLH647" s="613"/>
      <c r="PLI647" s="613"/>
      <c r="PLJ647" s="613"/>
      <c r="PLK647" s="613"/>
      <c r="PLL647" s="613"/>
      <c r="PLM647" s="613"/>
      <c r="PLN647" s="613"/>
      <c r="PLO647" s="613"/>
      <c r="PLP647" s="613"/>
      <c r="PLQ647" s="613"/>
      <c r="PLR647" s="613"/>
      <c r="PLS647" s="613"/>
      <c r="PLT647" s="613"/>
      <c r="PLU647" s="613"/>
      <c r="PLV647" s="613"/>
      <c r="PLW647" s="613"/>
      <c r="PLX647" s="613"/>
      <c r="PLY647" s="613"/>
      <c r="PLZ647" s="613"/>
      <c r="PMA647" s="613"/>
      <c r="PMB647" s="613"/>
      <c r="PMC647" s="613"/>
      <c r="PMD647" s="613"/>
      <c r="PME647" s="613"/>
      <c r="PMF647" s="613"/>
      <c r="PMG647" s="613"/>
      <c r="PMH647" s="613"/>
      <c r="PMI647" s="613"/>
      <c r="PMJ647" s="613"/>
      <c r="PMK647" s="613"/>
      <c r="PML647" s="613"/>
      <c r="PMM647" s="613"/>
      <c r="PMN647" s="613"/>
      <c r="PMO647" s="613"/>
      <c r="PMP647" s="613"/>
      <c r="PMQ647" s="613"/>
      <c r="PMR647" s="613"/>
      <c r="PMS647" s="613"/>
      <c r="PMT647" s="613"/>
      <c r="PMU647" s="613"/>
      <c r="PMV647" s="613"/>
      <c r="PMW647" s="613"/>
      <c r="PMX647" s="613"/>
      <c r="PMY647" s="613"/>
      <c r="PMZ647" s="613"/>
      <c r="PNA647" s="613"/>
      <c r="PNB647" s="613"/>
      <c r="PNC647" s="613"/>
      <c r="PND647" s="613"/>
      <c r="PNE647" s="613"/>
      <c r="PNF647" s="613"/>
      <c r="PNG647" s="613"/>
      <c r="PNH647" s="613"/>
      <c r="PNI647" s="613"/>
      <c r="PNJ647" s="613"/>
      <c r="PNK647" s="613"/>
      <c r="PNL647" s="613"/>
      <c r="PNM647" s="613"/>
      <c r="PNN647" s="613"/>
      <c r="PNO647" s="613"/>
      <c r="PNP647" s="613"/>
      <c r="PNQ647" s="613"/>
      <c r="PNR647" s="613"/>
      <c r="PNS647" s="613"/>
      <c r="PNT647" s="613"/>
      <c r="PNU647" s="613"/>
      <c r="PNV647" s="613"/>
      <c r="PNW647" s="613"/>
      <c r="PNX647" s="613"/>
      <c r="PNY647" s="613"/>
      <c r="PNZ647" s="613"/>
      <c r="POA647" s="613"/>
      <c r="POB647" s="613"/>
      <c r="POC647" s="613"/>
      <c r="POD647" s="613"/>
      <c r="POE647" s="613"/>
      <c r="POF647" s="613"/>
      <c r="POG647" s="613"/>
      <c r="POH647" s="613"/>
      <c r="POI647" s="613"/>
      <c r="POJ647" s="613"/>
      <c r="POK647" s="613"/>
      <c r="POL647" s="613"/>
      <c r="POM647" s="613"/>
      <c r="PON647" s="613"/>
      <c r="POO647" s="613"/>
      <c r="POP647" s="613"/>
      <c r="POQ647" s="613"/>
      <c r="POR647" s="613"/>
      <c r="POS647" s="613"/>
      <c r="POT647" s="613"/>
      <c r="POU647" s="613"/>
      <c r="POV647" s="613"/>
      <c r="POW647" s="613"/>
      <c r="POX647" s="613"/>
      <c r="POY647" s="613"/>
      <c r="POZ647" s="613"/>
      <c r="PPA647" s="613"/>
      <c r="PPB647" s="613"/>
      <c r="PPC647" s="613"/>
      <c r="PPD647" s="613"/>
      <c r="PPE647" s="613"/>
      <c r="PPF647" s="613"/>
      <c r="PPG647" s="613"/>
      <c r="PPH647" s="613"/>
      <c r="PPI647" s="613"/>
      <c r="PPJ647" s="613"/>
      <c r="PPK647" s="613"/>
      <c r="PPL647" s="613"/>
      <c r="PPM647" s="613"/>
      <c r="PPN647" s="613"/>
      <c r="PPO647" s="613"/>
      <c r="PPP647" s="613"/>
      <c r="PPQ647" s="613"/>
      <c r="PPR647" s="613"/>
      <c r="PPS647" s="613"/>
      <c r="PPT647" s="613"/>
      <c r="PPU647" s="613"/>
      <c r="PPV647" s="613"/>
      <c r="PPW647" s="613"/>
      <c r="PPX647" s="613"/>
      <c r="PPY647" s="613"/>
      <c r="PPZ647" s="613"/>
      <c r="PQA647" s="613"/>
      <c r="PQB647" s="613"/>
      <c r="PQC647" s="613"/>
      <c r="PQD647" s="613"/>
      <c r="PQE647" s="613"/>
      <c r="PQF647" s="613"/>
      <c r="PQG647" s="613"/>
      <c r="PQH647" s="613"/>
      <c r="PQI647" s="613"/>
      <c r="PQJ647" s="613"/>
      <c r="PQK647" s="613"/>
      <c r="PQL647" s="613"/>
      <c r="PQM647" s="613"/>
      <c r="PQN647" s="613"/>
      <c r="PQO647" s="613"/>
      <c r="PQP647" s="613"/>
      <c r="PQQ647" s="613"/>
      <c r="PQR647" s="613"/>
      <c r="PQS647" s="613"/>
      <c r="PQT647" s="613"/>
      <c r="PQU647" s="613"/>
      <c r="PQV647" s="613"/>
      <c r="PQW647" s="613"/>
      <c r="PQX647" s="613"/>
      <c r="PQY647" s="613"/>
      <c r="PQZ647" s="613"/>
      <c r="PRA647" s="613"/>
      <c r="PRB647" s="613"/>
      <c r="PRC647" s="613"/>
      <c r="PRD647" s="613"/>
      <c r="PRE647" s="613"/>
      <c r="PRF647" s="613"/>
      <c r="PRG647" s="613"/>
      <c r="PRH647" s="613"/>
      <c r="PRI647" s="613"/>
      <c r="PRJ647" s="613"/>
      <c r="PRK647" s="613"/>
      <c r="PRL647" s="613"/>
      <c r="PRM647" s="613"/>
      <c r="PRN647" s="613"/>
      <c r="PRO647" s="613"/>
      <c r="PRP647" s="613"/>
      <c r="PRQ647" s="613"/>
      <c r="PRR647" s="613"/>
      <c r="PRS647" s="613"/>
      <c r="PRT647" s="613"/>
      <c r="PRU647" s="613"/>
      <c r="PRV647" s="613"/>
      <c r="PRW647" s="613"/>
      <c r="PRX647" s="613"/>
      <c r="PRY647" s="613"/>
      <c r="PRZ647" s="613"/>
      <c r="PSA647" s="613"/>
      <c r="PSB647" s="613"/>
      <c r="PSC647" s="613"/>
      <c r="PSD647" s="613"/>
      <c r="PSE647" s="613"/>
      <c r="PSF647" s="613"/>
      <c r="PSG647" s="613"/>
      <c r="PSH647" s="613"/>
      <c r="PSI647" s="613"/>
      <c r="PSJ647" s="613"/>
      <c r="PSK647" s="613"/>
      <c r="PSL647" s="613"/>
      <c r="PSM647" s="613"/>
      <c r="PSN647" s="613"/>
      <c r="PSO647" s="613"/>
      <c r="PSP647" s="613"/>
      <c r="PSQ647" s="613"/>
      <c r="PSR647" s="613"/>
      <c r="PSS647" s="613"/>
      <c r="PST647" s="613"/>
      <c r="PSU647" s="613"/>
      <c r="PSV647" s="613"/>
      <c r="PSW647" s="613"/>
      <c r="PSX647" s="613"/>
      <c r="PSY647" s="613"/>
      <c r="PSZ647" s="613"/>
      <c r="PTA647" s="613"/>
      <c r="PTB647" s="613"/>
      <c r="PTC647" s="613"/>
      <c r="PTD647" s="613"/>
      <c r="PTE647" s="613"/>
      <c r="PTF647" s="613"/>
      <c r="PTG647" s="613"/>
      <c r="PTH647" s="613"/>
      <c r="PTI647" s="613"/>
      <c r="PTJ647" s="613"/>
      <c r="PTK647" s="613"/>
      <c r="PTL647" s="613"/>
      <c r="PTM647" s="613"/>
      <c r="PTN647" s="613"/>
      <c r="PTO647" s="613"/>
      <c r="PTP647" s="613"/>
      <c r="PTQ647" s="613"/>
      <c r="PTR647" s="613"/>
      <c r="PTS647" s="613"/>
      <c r="PTT647" s="613"/>
      <c r="PTU647" s="613"/>
      <c r="PTV647" s="613"/>
      <c r="PTW647" s="613"/>
      <c r="PTX647" s="613"/>
      <c r="PTY647" s="613"/>
      <c r="PTZ647" s="613"/>
      <c r="PUA647" s="613"/>
      <c r="PUB647" s="613"/>
      <c r="PUC647" s="613"/>
      <c r="PUD647" s="613"/>
      <c r="PUE647" s="613"/>
      <c r="PUF647" s="613"/>
      <c r="PUG647" s="613"/>
      <c r="PUH647" s="613"/>
      <c r="PUI647" s="613"/>
      <c r="PUJ647" s="613"/>
      <c r="PUK647" s="613"/>
      <c r="PUL647" s="613"/>
      <c r="PUM647" s="613"/>
      <c r="PUN647" s="613"/>
      <c r="PUO647" s="613"/>
      <c r="PUP647" s="613"/>
      <c r="PUQ647" s="613"/>
      <c r="PUR647" s="613"/>
      <c r="PUS647" s="613"/>
      <c r="PUT647" s="613"/>
      <c r="PUU647" s="613"/>
      <c r="PUV647" s="613"/>
      <c r="PUW647" s="613"/>
      <c r="PUX647" s="613"/>
      <c r="PUY647" s="613"/>
      <c r="PUZ647" s="613"/>
      <c r="PVA647" s="613"/>
      <c r="PVB647" s="613"/>
      <c r="PVC647" s="613"/>
      <c r="PVD647" s="613"/>
      <c r="PVE647" s="613"/>
      <c r="PVF647" s="613"/>
      <c r="PVG647" s="613"/>
      <c r="PVH647" s="613"/>
      <c r="PVI647" s="613"/>
      <c r="PVJ647" s="613"/>
      <c r="PVK647" s="613"/>
      <c r="PVL647" s="613"/>
      <c r="PVM647" s="613"/>
      <c r="PVN647" s="613"/>
      <c r="PVO647" s="613"/>
      <c r="PVP647" s="613"/>
      <c r="PVQ647" s="613"/>
      <c r="PVR647" s="613"/>
      <c r="PVS647" s="613"/>
      <c r="PVT647" s="613"/>
      <c r="PVU647" s="613"/>
      <c r="PVV647" s="613"/>
      <c r="PVW647" s="613"/>
      <c r="PVX647" s="613"/>
      <c r="PVY647" s="613"/>
      <c r="PVZ647" s="613"/>
      <c r="PWA647" s="613"/>
      <c r="PWB647" s="613"/>
      <c r="PWC647" s="613"/>
      <c r="PWD647" s="613"/>
      <c r="PWE647" s="613"/>
      <c r="PWF647" s="613"/>
      <c r="PWG647" s="613"/>
      <c r="PWH647" s="613"/>
      <c r="PWI647" s="613"/>
      <c r="PWJ647" s="613"/>
      <c r="PWK647" s="613"/>
      <c r="PWL647" s="613"/>
      <c r="PWM647" s="613"/>
      <c r="PWN647" s="613"/>
      <c r="PWO647" s="613"/>
      <c r="PWP647" s="613"/>
      <c r="PWQ647" s="613"/>
      <c r="PWR647" s="613"/>
      <c r="PWS647" s="613"/>
      <c r="PWT647" s="613"/>
      <c r="PWU647" s="613"/>
      <c r="PWV647" s="613"/>
      <c r="PWW647" s="613"/>
      <c r="PWX647" s="613"/>
      <c r="PWY647" s="613"/>
      <c r="PWZ647" s="613"/>
      <c r="PXA647" s="613"/>
      <c r="PXB647" s="613"/>
      <c r="PXC647" s="613"/>
      <c r="PXD647" s="613"/>
      <c r="PXE647" s="613"/>
      <c r="PXF647" s="613"/>
      <c r="PXG647" s="613"/>
      <c r="PXH647" s="613"/>
      <c r="PXI647" s="613"/>
      <c r="PXJ647" s="613"/>
      <c r="PXK647" s="613"/>
      <c r="PXL647" s="613"/>
      <c r="PXM647" s="613"/>
      <c r="PXN647" s="613"/>
      <c r="PXO647" s="613"/>
      <c r="PXP647" s="613"/>
      <c r="PXQ647" s="613"/>
      <c r="PXR647" s="613"/>
      <c r="PXS647" s="613"/>
      <c r="PXT647" s="613"/>
      <c r="PXU647" s="613"/>
      <c r="PXV647" s="613"/>
      <c r="PXW647" s="613"/>
      <c r="PXX647" s="613"/>
      <c r="PXY647" s="613"/>
      <c r="PXZ647" s="613"/>
      <c r="PYA647" s="613"/>
      <c r="PYB647" s="613"/>
      <c r="PYC647" s="613"/>
      <c r="PYD647" s="613"/>
      <c r="PYE647" s="613"/>
      <c r="PYF647" s="613"/>
      <c r="PYG647" s="613"/>
      <c r="PYH647" s="613"/>
      <c r="PYI647" s="613"/>
      <c r="PYJ647" s="613"/>
      <c r="PYK647" s="613"/>
      <c r="PYL647" s="613"/>
      <c r="PYM647" s="613"/>
      <c r="PYN647" s="613"/>
      <c r="PYO647" s="613"/>
      <c r="PYP647" s="613"/>
      <c r="PYQ647" s="613"/>
      <c r="PYR647" s="613"/>
      <c r="PYS647" s="613"/>
      <c r="PYT647" s="613"/>
      <c r="PYU647" s="613"/>
      <c r="PYV647" s="613"/>
      <c r="PYW647" s="613"/>
      <c r="PYX647" s="613"/>
      <c r="PYY647" s="613"/>
      <c r="PYZ647" s="613"/>
      <c r="PZA647" s="613"/>
      <c r="PZB647" s="613"/>
      <c r="PZC647" s="613"/>
      <c r="PZD647" s="613"/>
      <c r="PZE647" s="613"/>
      <c r="PZF647" s="613"/>
      <c r="PZG647" s="613"/>
      <c r="PZH647" s="613"/>
      <c r="PZI647" s="613"/>
      <c r="PZJ647" s="613"/>
      <c r="PZK647" s="613"/>
      <c r="PZL647" s="613"/>
      <c r="PZM647" s="613"/>
      <c r="PZN647" s="613"/>
      <c r="PZO647" s="613"/>
      <c r="PZP647" s="613"/>
      <c r="PZQ647" s="613"/>
      <c r="PZR647" s="613"/>
      <c r="PZS647" s="613"/>
      <c r="PZT647" s="613"/>
      <c r="PZU647" s="613"/>
      <c r="PZV647" s="613"/>
      <c r="PZW647" s="613"/>
      <c r="PZX647" s="613"/>
      <c r="PZY647" s="613"/>
      <c r="PZZ647" s="613"/>
      <c r="QAA647" s="613"/>
      <c r="QAB647" s="613"/>
      <c r="QAC647" s="613"/>
      <c r="QAD647" s="613"/>
      <c r="QAE647" s="613"/>
      <c r="QAF647" s="613"/>
      <c r="QAG647" s="613"/>
      <c r="QAH647" s="613"/>
      <c r="QAI647" s="613"/>
      <c r="QAJ647" s="613"/>
      <c r="QAK647" s="613"/>
      <c r="QAL647" s="613"/>
      <c r="QAM647" s="613"/>
      <c r="QAN647" s="613"/>
      <c r="QAO647" s="613"/>
      <c r="QAP647" s="613"/>
      <c r="QAQ647" s="613"/>
      <c r="QAR647" s="613"/>
      <c r="QAS647" s="613"/>
      <c r="QAT647" s="613"/>
      <c r="QAU647" s="613"/>
      <c r="QAV647" s="613"/>
      <c r="QAW647" s="613"/>
      <c r="QAX647" s="613"/>
      <c r="QAY647" s="613"/>
      <c r="QAZ647" s="613"/>
      <c r="QBA647" s="613"/>
      <c r="QBB647" s="613"/>
      <c r="QBC647" s="613"/>
      <c r="QBD647" s="613"/>
      <c r="QBE647" s="613"/>
      <c r="QBF647" s="613"/>
      <c r="QBG647" s="613"/>
      <c r="QBH647" s="613"/>
      <c r="QBI647" s="613"/>
      <c r="QBJ647" s="613"/>
      <c r="QBK647" s="613"/>
      <c r="QBL647" s="613"/>
      <c r="QBM647" s="613"/>
      <c r="QBN647" s="613"/>
      <c r="QBO647" s="613"/>
      <c r="QBP647" s="613"/>
      <c r="QBQ647" s="613"/>
      <c r="QBR647" s="613"/>
      <c r="QBS647" s="613"/>
      <c r="QBT647" s="613"/>
      <c r="QBU647" s="613"/>
      <c r="QBV647" s="613"/>
      <c r="QBW647" s="613"/>
      <c r="QBX647" s="613"/>
      <c r="QBY647" s="613"/>
      <c r="QBZ647" s="613"/>
      <c r="QCA647" s="613"/>
      <c r="QCB647" s="613"/>
      <c r="QCC647" s="613"/>
      <c r="QCD647" s="613"/>
      <c r="QCE647" s="613"/>
      <c r="QCF647" s="613"/>
      <c r="QCG647" s="613"/>
      <c r="QCH647" s="613"/>
      <c r="QCI647" s="613"/>
      <c r="QCJ647" s="613"/>
      <c r="QCK647" s="613"/>
      <c r="QCL647" s="613"/>
      <c r="QCM647" s="613"/>
      <c r="QCN647" s="613"/>
      <c r="QCO647" s="613"/>
      <c r="QCP647" s="613"/>
      <c r="QCQ647" s="613"/>
      <c r="QCR647" s="613"/>
      <c r="QCS647" s="613"/>
      <c r="QCT647" s="613"/>
      <c r="QCU647" s="613"/>
      <c r="QCV647" s="613"/>
      <c r="QCW647" s="613"/>
      <c r="QCX647" s="613"/>
      <c r="QCY647" s="613"/>
      <c r="QCZ647" s="613"/>
      <c r="QDA647" s="613"/>
      <c r="QDB647" s="613"/>
      <c r="QDC647" s="613"/>
      <c r="QDD647" s="613"/>
      <c r="QDE647" s="613"/>
      <c r="QDF647" s="613"/>
      <c r="QDG647" s="613"/>
      <c r="QDH647" s="613"/>
      <c r="QDI647" s="613"/>
      <c r="QDJ647" s="613"/>
      <c r="QDK647" s="613"/>
      <c r="QDL647" s="613"/>
      <c r="QDM647" s="613"/>
      <c r="QDN647" s="613"/>
      <c r="QDO647" s="613"/>
      <c r="QDP647" s="613"/>
      <c r="QDQ647" s="613"/>
      <c r="QDR647" s="613"/>
      <c r="QDS647" s="613"/>
      <c r="QDT647" s="613"/>
      <c r="QDU647" s="613"/>
      <c r="QDV647" s="613"/>
      <c r="QDW647" s="613"/>
      <c r="QDX647" s="613"/>
      <c r="QDY647" s="613"/>
      <c r="QDZ647" s="613"/>
      <c r="QEA647" s="613"/>
      <c r="QEB647" s="613"/>
      <c r="QEC647" s="613"/>
      <c r="QED647" s="613"/>
      <c r="QEE647" s="613"/>
      <c r="QEF647" s="613"/>
      <c r="QEG647" s="613"/>
      <c r="QEH647" s="613"/>
      <c r="QEI647" s="613"/>
      <c r="QEJ647" s="613"/>
      <c r="QEK647" s="613"/>
      <c r="QEL647" s="613"/>
      <c r="QEM647" s="613"/>
      <c r="QEN647" s="613"/>
      <c r="QEO647" s="613"/>
      <c r="QEP647" s="613"/>
      <c r="QEQ647" s="613"/>
      <c r="QER647" s="613"/>
      <c r="QES647" s="613"/>
      <c r="QET647" s="613"/>
      <c r="QEU647" s="613"/>
      <c r="QEV647" s="613"/>
      <c r="QEW647" s="613"/>
      <c r="QEX647" s="613"/>
      <c r="QEY647" s="613"/>
      <c r="QEZ647" s="613"/>
      <c r="QFA647" s="613"/>
      <c r="QFB647" s="613"/>
      <c r="QFC647" s="613"/>
      <c r="QFD647" s="613"/>
      <c r="QFE647" s="613"/>
      <c r="QFF647" s="613"/>
      <c r="QFG647" s="613"/>
      <c r="QFH647" s="613"/>
      <c r="QFI647" s="613"/>
      <c r="QFJ647" s="613"/>
      <c r="QFK647" s="613"/>
      <c r="QFL647" s="613"/>
      <c r="QFM647" s="613"/>
      <c r="QFN647" s="613"/>
      <c r="QFO647" s="613"/>
      <c r="QFP647" s="613"/>
      <c r="QFQ647" s="613"/>
      <c r="QFR647" s="613"/>
      <c r="QFS647" s="613"/>
      <c r="QFT647" s="613"/>
      <c r="QFU647" s="613"/>
      <c r="QFV647" s="613"/>
      <c r="QFW647" s="613"/>
      <c r="QFX647" s="613"/>
      <c r="QFY647" s="613"/>
      <c r="QFZ647" s="613"/>
      <c r="QGA647" s="613"/>
      <c r="QGB647" s="613"/>
      <c r="QGC647" s="613"/>
      <c r="QGD647" s="613"/>
      <c r="QGE647" s="613"/>
      <c r="QGF647" s="613"/>
      <c r="QGG647" s="613"/>
      <c r="QGH647" s="613"/>
      <c r="QGI647" s="613"/>
      <c r="QGJ647" s="613"/>
      <c r="QGK647" s="613"/>
      <c r="QGL647" s="613"/>
      <c r="QGM647" s="613"/>
      <c r="QGN647" s="613"/>
      <c r="QGO647" s="613"/>
      <c r="QGP647" s="613"/>
      <c r="QGQ647" s="613"/>
      <c r="QGR647" s="613"/>
      <c r="QGS647" s="613"/>
      <c r="QGT647" s="613"/>
      <c r="QGU647" s="613"/>
      <c r="QGV647" s="613"/>
      <c r="QGW647" s="613"/>
      <c r="QGX647" s="613"/>
      <c r="QGY647" s="613"/>
      <c r="QGZ647" s="613"/>
      <c r="QHA647" s="613"/>
      <c r="QHB647" s="613"/>
      <c r="QHC647" s="613"/>
      <c r="QHD647" s="613"/>
      <c r="QHE647" s="613"/>
      <c r="QHF647" s="613"/>
      <c r="QHG647" s="613"/>
      <c r="QHH647" s="613"/>
      <c r="QHI647" s="613"/>
      <c r="QHJ647" s="613"/>
      <c r="QHK647" s="613"/>
      <c r="QHL647" s="613"/>
      <c r="QHM647" s="613"/>
      <c r="QHN647" s="613"/>
      <c r="QHO647" s="613"/>
      <c r="QHP647" s="613"/>
      <c r="QHQ647" s="613"/>
      <c r="QHR647" s="613"/>
      <c r="QHS647" s="613"/>
      <c r="QHT647" s="613"/>
      <c r="QHU647" s="613"/>
      <c r="QHV647" s="613"/>
      <c r="QHW647" s="613"/>
      <c r="QHX647" s="613"/>
      <c r="QHY647" s="613"/>
      <c r="QHZ647" s="613"/>
      <c r="QIA647" s="613"/>
      <c r="QIB647" s="613"/>
      <c r="QIC647" s="613"/>
      <c r="QID647" s="613"/>
      <c r="QIE647" s="613"/>
      <c r="QIF647" s="613"/>
      <c r="QIG647" s="613"/>
      <c r="QIH647" s="613"/>
      <c r="QII647" s="613"/>
      <c r="QIJ647" s="613"/>
      <c r="QIK647" s="613"/>
      <c r="QIL647" s="613"/>
      <c r="QIM647" s="613"/>
      <c r="QIN647" s="613"/>
      <c r="QIO647" s="613"/>
      <c r="QIP647" s="613"/>
      <c r="QIQ647" s="613"/>
      <c r="QIR647" s="613"/>
      <c r="QIS647" s="613"/>
      <c r="QIT647" s="613"/>
      <c r="QIU647" s="613"/>
      <c r="QIV647" s="613"/>
      <c r="QIW647" s="613"/>
      <c r="QIX647" s="613"/>
      <c r="QIY647" s="613"/>
      <c r="QIZ647" s="613"/>
      <c r="QJA647" s="613"/>
      <c r="QJB647" s="613"/>
      <c r="QJC647" s="613"/>
      <c r="QJD647" s="613"/>
      <c r="QJE647" s="613"/>
      <c r="QJF647" s="613"/>
      <c r="QJG647" s="613"/>
      <c r="QJH647" s="613"/>
      <c r="QJI647" s="613"/>
      <c r="QJJ647" s="613"/>
      <c r="QJK647" s="613"/>
      <c r="QJL647" s="613"/>
      <c r="QJM647" s="613"/>
      <c r="QJN647" s="613"/>
      <c r="QJO647" s="613"/>
      <c r="QJP647" s="613"/>
      <c r="QJQ647" s="613"/>
      <c r="QJR647" s="613"/>
      <c r="QJS647" s="613"/>
      <c r="QJT647" s="613"/>
      <c r="QJU647" s="613"/>
      <c r="QJV647" s="613"/>
      <c r="QJW647" s="613"/>
      <c r="QJX647" s="613"/>
      <c r="QJY647" s="613"/>
      <c r="QJZ647" s="613"/>
      <c r="QKA647" s="613"/>
      <c r="QKB647" s="613"/>
      <c r="QKC647" s="613"/>
      <c r="QKD647" s="613"/>
      <c r="QKE647" s="613"/>
      <c r="QKF647" s="613"/>
      <c r="QKG647" s="613"/>
      <c r="QKH647" s="613"/>
      <c r="QKI647" s="613"/>
      <c r="QKJ647" s="613"/>
      <c r="QKK647" s="613"/>
      <c r="QKL647" s="613"/>
      <c r="QKM647" s="613"/>
      <c r="QKN647" s="613"/>
      <c r="QKO647" s="613"/>
      <c r="QKP647" s="613"/>
      <c r="QKQ647" s="613"/>
      <c r="QKR647" s="613"/>
      <c r="QKS647" s="613"/>
      <c r="QKT647" s="613"/>
      <c r="QKU647" s="613"/>
      <c r="QKV647" s="613"/>
      <c r="QKW647" s="613"/>
      <c r="QKX647" s="613"/>
      <c r="QKY647" s="613"/>
      <c r="QKZ647" s="613"/>
      <c r="QLA647" s="613"/>
      <c r="QLB647" s="613"/>
      <c r="QLC647" s="613"/>
      <c r="QLD647" s="613"/>
      <c r="QLE647" s="613"/>
      <c r="QLF647" s="613"/>
      <c r="QLG647" s="613"/>
      <c r="QLH647" s="613"/>
      <c r="QLI647" s="613"/>
      <c r="QLJ647" s="613"/>
      <c r="QLK647" s="613"/>
      <c r="QLL647" s="613"/>
      <c r="QLM647" s="613"/>
      <c r="QLN647" s="613"/>
      <c r="QLO647" s="613"/>
      <c r="QLP647" s="613"/>
      <c r="QLQ647" s="613"/>
      <c r="QLR647" s="613"/>
      <c r="QLS647" s="613"/>
      <c r="QLT647" s="613"/>
      <c r="QLU647" s="613"/>
      <c r="QLV647" s="613"/>
      <c r="QLW647" s="613"/>
      <c r="QLX647" s="613"/>
      <c r="QLY647" s="613"/>
      <c r="QLZ647" s="613"/>
      <c r="QMA647" s="613"/>
      <c r="QMB647" s="613"/>
      <c r="QMC647" s="613"/>
      <c r="QMD647" s="613"/>
      <c r="QME647" s="613"/>
      <c r="QMF647" s="613"/>
      <c r="QMG647" s="613"/>
      <c r="QMH647" s="613"/>
      <c r="QMI647" s="613"/>
      <c r="QMJ647" s="613"/>
      <c r="QMK647" s="613"/>
      <c r="QML647" s="613"/>
      <c r="QMM647" s="613"/>
      <c r="QMN647" s="613"/>
      <c r="QMO647" s="613"/>
      <c r="QMP647" s="613"/>
      <c r="QMQ647" s="613"/>
      <c r="QMR647" s="613"/>
      <c r="QMS647" s="613"/>
      <c r="QMT647" s="613"/>
      <c r="QMU647" s="613"/>
      <c r="QMV647" s="613"/>
      <c r="QMW647" s="613"/>
      <c r="QMX647" s="613"/>
      <c r="QMY647" s="613"/>
      <c r="QMZ647" s="613"/>
      <c r="QNA647" s="613"/>
      <c r="QNB647" s="613"/>
      <c r="QNC647" s="613"/>
      <c r="QND647" s="613"/>
      <c r="QNE647" s="613"/>
      <c r="QNF647" s="613"/>
      <c r="QNG647" s="613"/>
      <c r="QNH647" s="613"/>
      <c r="QNI647" s="613"/>
      <c r="QNJ647" s="613"/>
      <c r="QNK647" s="613"/>
      <c r="QNL647" s="613"/>
      <c r="QNM647" s="613"/>
      <c r="QNN647" s="613"/>
      <c r="QNO647" s="613"/>
      <c r="QNP647" s="613"/>
      <c r="QNQ647" s="613"/>
      <c r="QNR647" s="613"/>
      <c r="QNS647" s="613"/>
      <c r="QNT647" s="613"/>
      <c r="QNU647" s="613"/>
      <c r="QNV647" s="613"/>
      <c r="QNW647" s="613"/>
      <c r="QNX647" s="613"/>
      <c r="QNY647" s="613"/>
      <c r="QNZ647" s="613"/>
      <c r="QOA647" s="613"/>
      <c r="QOB647" s="613"/>
      <c r="QOC647" s="613"/>
      <c r="QOD647" s="613"/>
      <c r="QOE647" s="613"/>
      <c r="QOF647" s="613"/>
      <c r="QOG647" s="613"/>
      <c r="QOH647" s="613"/>
      <c r="QOI647" s="613"/>
      <c r="QOJ647" s="613"/>
      <c r="QOK647" s="613"/>
      <c r="QOL647" s="613"/>
      <c r="QOM647" s="613"/>
      <c r="QON647" s="613"/>
      <c r="QOO647" s="613"/>
      <c r="QOP647" s="613"/>
      <c r="QOQ647" s="613"/>
      <c r="QOR647" s="613"/>
      <c r="QOS647" s="613"/>
      <c r="QOT647" s="613"/>
      <c r="QOU647" s="613"/>
      <c r="QOV647" s="613"/>
      <c r="QOW647" s="613"/>
      <c r="QOX647" s="613"/>
      <c r="QOY647" s="613"/>
      <c r="QOZ647" s="613"/>
      <c r="QPA647" s="613"/>
      <c r="QPB647" s="613"/>
      <c r="QPC647" s="613"/>
      <c r="QPD647" s="613"/>
      <c r="QPE647" s="613"/>
      <c r="QPF647" s="613"/>
      <c r="QPG647" s="613"/>
      <c r="QPH647" s="613"/>
      <c r="QPI647" s="613"/>
      <c r="QPJ647" s="613"/>
      <c r="QPK647" s="613"/>
      <c r="QPL647" s="613"/>
      <c r="QPM647" s="613"/>
      <c r="QPN647" s="613"/>
      <c r="QPO647" s="613"/>
      <c r="QPP647" s="613"/>
      <c r="QPQ647" s="613"/>
      <c r="QPR647" s="613"/>
      <c r="QPS647" s="613"/>
      <c r="QPT647" s="613"/>
      <c r="QPU647" s="613"/>
      <c r="QPV647" s="613"/>
      <c r="QPW647" s="613"/>
      <c r="QPX647" s="613"/>
      <c r="QPY647" s="613"/>
      <c r="QPZ647" s="613"/>
      <c r="QQA647" s="613"/>
      <c r="QQB647" s="613"/>
      <c r="QQC647" s="613"/>
      <c r="QQD647" s="613"/>
      <c r="QQE647" s="613"/>
      <c r="QQF647" s="613"/>
      <c r="QQG647" s="613"/>
      <c r="QQH647" s="613"/>
      <c r="QQI647" s="613"/>
      <c r="QQJ647" s="613"/>
      <c r="QQK647" s="613"/>
      <c r="QQL647" s="613"/>
      <c r="QQM647" s="613"/>
      <c r="QQN647" s="613"/>
      <c r="QQO647" s="613"/>
      <c r="QQP647" s="613"/>
      <c r="QQQ647" s="613"/>
      <c r="QQR647" s="613"/>
      <c r="QQS647" s="613"/>
      <c r="QQT647" s="613"/>
      <c r="QQU647" s="613"/>
      <c r="QQV647" s="613"/>
      <c r="QQW647" s="613"/>
      <c r="QQX647" s="613"/>
      <c r="QQY647" s="613"/>
      <c r="QQZ647" s="613"/>
      <c r="QRA647" s="613"/>
      <c r="QRB647" s="613"/>
      <c r="QRC647" s="613"/>
      <c r="QRD647" s="613"/>
      <c r="QRE647" s="613"/>
      <c r="QRF647" s="613"/>
      <c r="QRG647" s="613"/>
      <c r="QRH647" s="613"/>
      <c r="QRI647" s="613"/>
      <c r="QRJ647" s="613"/>
      <c r="QRK647" s="613"/>
      <c r="QRL647" s="613"/>
      <c r="QRM647" s="613"/>
      <c r="QRN647" s="613"/>
      <c r="QRO647" s="613"/>
      <c r="QRP647" s="613"/>
      <c r="QRQ647" s="613"/>
      <c r="QRR647" s="613"/>
      <c r="QRS647" s="613"/>
      <c r="QRT647" s="613"/>
      <c r="QRU647" s="613"/>
      <c r="QRV647" s="613"/>
      <c r="QRW647" s="613"/>
      <c r="QRX647" s="613"/>
      <c r="QRY647" s="613"/>
      <c r="QRZ647" s="613"/>
      <c r="QSA647" s="613"/>
      <c r="QSB647" s="613"/>
      <c r="QSC647" s="613"/>
      <c r="QSD647" s="613"/>
      <c r="QSE647" s="613"/>
      <c r="QSF647" s="613"/>
      <c r="QSG647" s="613"/>
      <c r="QSH647" s="613"/>
      <c r="QSI647" s="613"/>
      <c r="QSJ647" s="613"/>
      <c r="QSK647" s="613"/>
      <c r="QSL647" s="613"/>
      <c r="QSM647" s="613"/>
      <c r="QSN647" s="613"/>
      <c r="QSO647" s="613"/>
      <c r="QSP647" s="613"/>
      <c r="QSQ647" s="613"/>
      <c r="QSR647" s="613"/>
      <c r="QSS647" s="613"/>
      <c r="QST647" s="613"/>
      <c r="QSU647" s="613"/>
      <c r="QSV647" s="613"/>
      <c r="QSW647" s="613"/>
      <c r="QSX647" s="613"/>
      <c r="QSY647" s="613"/>
      <c r="QSZ647" s="613"/>
      <c r="QTA647" s="613"/>
      <c r="QTB647" s="613"/>
      <c r="QTC647" s="613"/>
      <c r="QTD647" s="613"/>
      <c r="QTE647" s="613"/>
      <c r="QTF647" s="613"/>
      <c r="QTG647" s="613"/>
      <c r="QTH647" s="613"/>
      <c r="QTI647" s="613"/>
      <c r="QTJ647" s="613"/>
      <c r="QTK647" s="613"/>
      <c r="QTL647" s="613"/>
      <c r="QTM647" s="613"/>
      <c r="QTN647" s="613"/>
      <c r="QTO647" s="613"/>
      <c r="QTP647" s="613"/>
      <c r="QTQ647" s="613"/>
      <c r="QTR647" s="613"/>
      <c r="QTS647" s="613"/>
      <c r="QTT647" s="613"/>
      <c r="QTU647" s="613"/>
      <c r="QTV647" s="613"/>
      <c r="QTW647" s="613"/>
      <c r="QTX647" s="613"/>
      <c r="QTY647" s="613"/>
      <c r="QTZ647" s="613"/>
      <c r="QUA647" s="613"/>
      <c r="QUB647" s="613"/>
      <c r="QUC647" s="613"/>
      <c r="QUD647" s="613"/>
      <c r="QUE647" s="613"/>
      <c r="QUF647" s="613"/>
      <c r="QUG647" s="613"/>
      <c r="QUH647" s="613"/>
      <c r="QUI647" s="613"/>
      <c r="QUJ647" s="613"/>
      <c r="QUK647" s="613"/>
      <c r="QUL647" s="613"/>
      <c r="QUM647" s="613"/>
      <c r="QUN647" s="613"/>
      <c r="QUO647" s="613"/>
      <c r="QUP647" s="613"/>
      <c r="QUQ647" s="613"/>
      <c r="QUR647" s="613"/>
      <c r="QUS647" s="613"/>
      <c r="QUT647" s="613"/>
      <c r="QUU647" s="613"/>
      <c r="QUV647" s="613"/>
      <c r="QUW647" s="613"/>
      <c r="QUX647" s="613"/>
      <c r="QUY647" s="613"/>
      <c r="QUZ647" s="613"/>
      <c r="QVA647" s="613"/>
      <c r="QVB647" s="613"/>
      <c r="QVC647" s="613"/>
      <c r="QVD647" s="613"/>
      <c r="QVE647" s="613"/>
      <c r="QVF647" s="613"/>
      <c r="QVG647" s="613"/>
      <c r="QVH647" s="613"/>
      <c r="QVI647" s="613"/>
      <c r="QVJ647" s="613"/>
      <c r="QVK647" s="613"/>
      <c r="QVL647" s="613"/>
      <c r="QVM647" s="613"/>
      <c r="QVN647" s="613"/>
      <c r="QVO647" s="613"/>
      <c r="QVP647" s="613"/>
      <c r="QVQ647" s="613"/>
      <c r="QVR647" s="613"/>
      <c r="QVS647" s="613"/>
      <c r="QVT647" s="613"/>
      <c r="QVU647" s="613"/>
      <c r="QVV647" s="613"/>
      <c r="QVW647" s="613"/>
      <c r="QVX647" s="613"/>
      <c r="QVY647" s="613"/>
      <c r="QVZ647" s="613"/>
      <c r="QWA647" s="613"/>
      <c r="QWB647" s="613"/>
      <c r="QWC647" s="613"/>
      <c r="QWD647" s="613"/>
      <c r="QWE647" s="613"/>
      <c r="QWF647" s="613"/>
      <c r="QWG647" s="613"/>
      <c r="QWH647" s="613"/>
      <c r="QWI647" s="613"/>
      <c r="QWJ647" s="613"/>
      <c r="QWK647" s="613"/>
      <c r="QWL647" s="613"/>
      <c r="QWM647" s="613"/>
      <c r="QWN647" s="613"/>
      <c r="QWO647" s="613"/>
      <c r="QWP647" s="613"/>
      <c r="QWQ647" s="613"/>
      <c r="QWR647" s="613"/>
      <c r="QWS647" s="613"/>
      <c r="QWT647" s="613"/>
      <c r="QWU647" s="613"/>
      <c r="QWV647" s="613"/>
      <c r="QWW647" s="613"/>
      <c r="QWX647" s="613"/>
      <c r="QWY647" s="613"/>
      <c r="QWZ647" s="613"/>
      <c r="QXA647" s="613"/>
      <c r="QXB647" s="613"/>
      <c r="QXC647" s="613"/>
      <c r="QXD647" s="613"/>
      <c r="QXE647" s="613"/>
      <c r="QXF647" s="613"/>
      <c r="QXG647" s="613"/>
      <c r="QXH647" s="613"/>
      <c r="QXI647" s="613"/>
      <c r="QXJ647" s="613"/>
      <c r="QXK647" s="613"/>
      <c r="QXL647" s="613"/>
      <c r="QXM647" s="613"/>
      <c r="QXN647" s="613"/>
      <c r="QXO647" s="613"/>
      <c r="QXP647" s="613"/>
      <c r="QXQ647" s="613"/>
      <c r="QXR647" s="613"/>
      <c r="QXS647" s="613"/>
      <c r="QXT647" s="613"/>
      <c r="QXU647" s="613"/>
      <c r="QXV647" s="613"/>
      <c r="QXW647" s="613"/>
      <c r="QXX647" s="613"/>
      <c r="QXY647" s="613"/>
      <c r="QXZ647" s="613"/>
      <c r="QYA647" s="613"/>
      <c r="QYB647" s="613"/>
      <c r="QYC647" s="613"/>
      <c r="QYD647" s="613"/>
      <c r="QYE647" s="613"/>
      <c r="QYF647" s="613"/>
      <c r="QYG647" s="613"/>
      <c r="QYH647" s="613"/>
      <c r="QYI647" s="613"/>
      <c r="QYJ647" s="613"/>
      <c r="QYK647" s="613"/>
      <c r="QYL647" s="613"/>
      <c r="QYM647" s="613"/>
      <c r="QYN647" s="613"/>
      <c r="QYO647" s="613"/>
      <c r="QYP647" s="613"/>
      <c r="QYQ647" s="613"/>
      <c r="QYR647" s="613"/>
      <c r="QYS647" s="613"/>
      <c r="QYT647" s="613"/>
      <c r="QYU647" s="613"/>
      <c r="QYV647" s="613"/>
      <c r="QYW647" s="613"/>
      <c r="QYX647" s="613"/>
      <c r="QYY647" s="613"/>
      <c r="QYZ647" s="613"/>
      <c r="QZA647" s="613"/>
      <c r="QZB647" s="613"/>
      <c r="QZC647" s="613"/>
      <c r="QZD647" s="613"/>
      <c r="QZE647" s="613"/>
      <c r="QZF647" s="613"/>
      <c r="QZG647" s="613"/>
      <c r="QZH647" s="613"/>
      <c r="QZI647" s="613"/>
      <c r="QZJ647" s="613"/>
      <c r="QZK647" s="613"/>
      <c r="QZL647" s="613"/>
      <c r="QZM647" s="613"/>
      <c r="QZN647" s="613"/>
      <c r="QZO647" s="613"/>
      <c r="QZP647" s="613"/>
      <c r="QZQ647" s="613"/>
      <c r="QZR647" s="613"/>
      <c r="QZS647" s="613"/>
      <c r="QZT647" s="613"/>
      <c r="QZU647" s="613"/>
      <c r="QZV647" s="613"/>
      <c r="QZW647" s="613"/>
      <c r="QZX647" s="613"/>
      <c r="QZY647" s="613"/>
      <c r="QZZ647" s="613"/>
      <c r="RAA647" s="613"/>
      <c r="RAB647" s="613"/>
      <c r="RAC647" s="613"/>
      <c r="RAD647" s="613"/>
      <c r="RAE647" s="613"/>
      <c r="RAF647" s="613"/>
      <c r="RAG647" s="613"/>
      <c r="RAH647" s="613"/>
      <c r="RAI647" s="613"/>
      <c r="RAJ647" s="613"/>
      <c r="RAK647" s="613"/>
      <c r="RAL647" s="613"/>
      <c r="RAM647" s="613"/>
      <c r="RAN647" s="613"/>
      <c r="RAO647" s="613"/>
      <c r="RAP647" s="613"/>
      <c r="RAQ647" s="613"/>
      <c r="RAR647" s="613"/>
      <c r="RAS647" s="613"/>
      <c r="RAT647" s="613"/>
      <c r="RAU647" s="613"/>
      <c r="RAV647" s="613"/>
      <c r="RAW647" s="613"/>
      <c r="RAX647" s="613"/>
      <c r="RAY647" s="613"/>
      <c r="RAZ647" s="613"/>
      <c r="RBA647" s="613"/>
      <c r="RBB647" s="613"/>
      <c r="RBC647" s="613"/>
      <c r="RBD647" s="613"/>
      <c r="RBE647" s="613"/>
      <c r="RBF647" s="613"/>
      <c r="RBG647" s="613"/>
      <c r="RBH647" s="613"/>
      <c r="RBI647" s="613"/>
      <c r="RBJ647" s="613"/>
      <c r="RBK647" s="613"/>
      <c r="RBL647" s="613"/>
      <c r="RBM647" s="613"/>
      <c r="RBN647" s="613"/>
      <c r="RBO647" s="613"/>
      <c r="RBP647" s="613"/>
      <c r="RBQ647" s="613"/>
      <c r="RBR647" s="613"/>
      <c r="RBS647" s="613"/>
      <c r="RBT647" s="613"/>
      <c r="RBU647" s="613"/>
      <c r="RBV647" s="613"/>
      <c r="RBW647" s="613"/>
      <c r="RBX647" s="613"/>
      <c r="RBY647" s="613"/>
      <c r="RBZ647" s="613"/>
      <c r="RCA647" s="613"/>
      <c r="RCB647" s="613"/>
      <c r="RCC647" s="613"/>
      <c r="RCD647" s="613"/>
      <c r="RCE647" s="613"/>
      <c r="RCF647" s="613"/>
      <c r="RCG647" s="613"/>
      <c r="RCH647" s="613"/>
      <c r="RCI647" s="613"/>
      <c r="RCJ647" s="613"/>
      <c r="RCK647" s="613"/>
      <c r="RCL647" s="613"/>
      <c r="RCM647" s="613"/>
      <c r="RCN647" s="613"/>
      <c r="RCO647" s="613"/>
      <c r="RCP647" s="613"/>
      <c r="RCQ647" s="613"/>
      <c r="RCR647" s="613"/>
      <c r="RCS647" s="613"/>
      <c r="RCT647" s="613"/>
      <c r="RCU647" s="613"/>
      <c r="RCV647" s="613"/>
      <c r="RCW647" s="613"/>
      <c r="RCX647" s="613"/>
      <c r="RCY647" s="613"/>
      <c r="RCZ647" s="613"/>
      <c r="RDA647" s="613"/>
      <c r="RDB647" s="613"/>
      <c r="RDC647" s="613"/>
      <c r="RDD647" s="613"/>
      <c r="RDE647" s="613"/>
      <c r="RDF647" s="613"/>
      <c r="RDG647" s="613"/>
      <c r="RDH647" s="613"/>
      <c r="RDI647" s="613"/>
      <c r="RDJ647" s="613"/>
      <c r="RDK647" s="613"/>
      <c r="RDL647" s="613"/>
      <c r="RDM647" s="613"/>
      <c r="RDN647" s="613"/>
      <c r="RDO647" s="613"/>
      <c r="RDP647" s="613"/>
      <c r="RDQ647" s="613"/>
      <c r="RDR647" s="613"/>
      <c r="RDS647" s="613"/>
      <c r="RDT647" s="613"/>
      <c r="RDU647" s="613"/>
      <c r="RDV647" s="613"/>
      <c r="RDW647" s="613"/>
      <c r="RDX647" s="613"/>
      <c r="RDY647" s="613"/>
      <c r="RDZ647" s="613"/>
      <c r="REA647" s="613"/>
      <c r="REB647" s="613"/>
      <c r="REC647" s="613"/>
      <c r="RED647" s="613"/>
      <c r="REE647" s="613"/>
      <c r="REF647" s="613"/>
      <c r="REG647" s="613"/>
      <c r="REH647" s="613"/>
      <c r="REI647" s="613"/>
      <c r="REJ647" s="613"/>
      <c r="REK647" s="613"/>
      <c r="REL647" s="613"/>
      <c r="REM647" s="613"/>
      <c r="REN647" s="613"/>
      <c r="REO647" s="613"/>
      <c r="REP647" s="613"/>
      <c r="REQ647" s="613"/>
      <c r="RER647" s="613"/>
      <c r="RES647" s="613"/>
      <c r="RET647" s="613"/>
      <c r="REU647" s="613"/>
      <c r="REV647" s="613"/>
      <c r="REW647" s="613"/>
      <c r="REX647" s="613"/>
      <c r="REY647" s="613"/>
      <c r="REZ647" s="613"/>
      <c r="RFA647" s="613"/>
      <c r="RFB647" s="613"/>
      <c r="RFC647" s="613"/>
      <c r="RFD647" s="613"/>
      <c r="RFE647" s="613"/>
      <c r="RFF647" s="613"/>
      <c r="RFG647" s="613"/>
      <c r="RFH647" s="613"/>
      <c r="RFI647" s="613"/>
      <c r="RFJ647" s="613"/>
      <c r="RFK647" s="613"/>
      <c r="RFL647" s="613"/>
      <c r="RFM647" s="613"/>
      <c r="RFN647" s="613"/>
      <c r="RFO647" s="613"/>
      <c r="RFP647" s="613"/>
      <c r="RFQ647" s="613"/>
      <c r="RFR647" s="613"/>
      <c r="RFS647" s="613"/>
      <c r="RFT647" s="613"/>
      <c r="RFU647" s="613"/>
      <c r="RFV647" s="613"/>
      <c r="RFW647" s="613"/>
      <c r="RFX647" s="613"/>
      <c r="RFY647" s="613"/>
      <c r="RFZ647" s="613"/>
      <c r="RGA647" s="613"/>
      <c r="RGB647" s="613"/>
      <c r="RGC647" s="613"/>
      <c r="RGD647" s="613"/>
      <c r="RGE647" s="613"/>
      <c r="RGF647" s="613"/>
      <c r="RGG647" s="613"/>
      <c r="RGH647" s="613"/>
      <c r="RGI647" s="613"/>
      <c r="RGJ647" s="613"/>
      <c r="RGK647" s="613"/>
      <c r="RGL647" s="613"/>
      <c r="RGM647" s="613"/>
      <c r="RGN647" s="613"/>
      <c r="RGO647" s="613"/>
      <c r="RGP647" s="613"/>
      <c r="RGQ647" s="613"/>
      <c r="RGR647" s="613"/>
      <c r="RGS647" s="613"/>
      <c r="RGT647" s="613"/>
      <c r="RGU647" s="613"/>
      <c r="RGV647" s="613"/>
      <c r="RGW647" s="613"/>
      <c r="RGX647" s="613"/>
      <c r="RGY647" s="613"/>
      <c r="RGZ647" s="613"/>
      <c r="RHA647" s="613"/>
      <c r="RHB647" s="613"/>
      <c r="RHC647" s="613"/>
      <c r="RHD647" s="613"/>
      <c r="RHE647" s="613"/>
      <c r="RHF647" s="613"/>
      <c r="RHG647" s="613"/>
      <c r="RHH647" s="613"/>
      <c r="RHI647" s="613"/>
      <c r="RHJ647" s="613"/>
      <c r="RHK647" s="613"/>
      <c r="RHL647" s="613"/>
      <c r="RHM647" s="613"/>
      <c r="RHN647" s="613"/>
      <c r="RHO647" s="613"/>
      <c r="RHP647" s="613"/>
      <c r="RHQ647" s="613"/>
      <c r="RHR647" s="613"/>
      <c r="RHS647" s="613"/>
      <c r="RHT647" s="613"/>
      <c r="RHU647" s="613"/>
      <c r="RHV647" s="613"/>
      <c r="RHW647" s="613"/>
      <c r="RHX647" s="613"/>
      <c r="RHY647" s="613"/>
      <c r="RHZ647" s="613"/>
      <c r="RIA647" s="613"/>
      <c r="RIB647" s="613"/>
      <c r="RIC647" s="613"/>
      <c r="RID647" s="613"/>
      <c r="RIE647" s="613"/>
      <c r="RIF647" s="613"/>
      <c r="RIG647" s="613"/>
      <c r="RIH647" s="613"/>
      <c r="RII647" s="613"/>
      <c r="RIJ647" s="613"/>
      <c r="RIK647" s="613"/>
      <c r="RIL647" s="613"/>
      <c r="RIM647" s="613"/>
      <c r="RIN647" s="613"/>
      <c r="RIO647" s="613"/>
      <c r="RIP647" s="613"/>
      <c r="RIQ647" s="613"/>
      <c r="RIR647" s="613"/>
      <c r="RIS647" s="613"/>
      <c r="RIT647" s="613"/>
      <c r="RIU647" s="613"/>
      <c r="RIV647" s="613"/>
      <c r="RIW647" s="613"/>
      <c r="RIX647" s="613"/>
      <c r="RIY647" s="613"/>
      <c r="RIZ647" s="613"/>
      <c r="RJA647" s="613"/>
      <c r="RJB647" s="613"/>
      <c r="RJC647" s="613"/>
      <c r="RJD647" s="613"/>
      <c r="RJE647" s="613"/>
      <c r="RJF647" s="613"/>
      <c r="RJG647" s="613"/>
      <c r="RJH647" s="613"/>
      <c r="RJI647" s="613"/>
      <c r="RJJ647" s="613"/>
      <c r="RJK647" s="613"/>
      <c r="RJL647" s="613"/>
      <c r="RJM647" s="613"/>
      <c r="RJN647" s="613"/>
      <c r="RJO647" s="613"/>
      <c r="RJP647" s="613"/>
      <c r="RJQ647" s="613"/>
      <c r="RJR647" s="613"/>
      <c r="RJS647" s="613"/>
      <c r="RJT647" s="613"/>
      <c r="RJU647" s="613"/>
      <c r="RJV647" s="613"/>
      <c r="RJW647" s="613"/>
      <c r="RJX647" s="613"/>
      <c r="RJY647" s="613"/>
      <c r="RJZ647" s="613"/>
      <c r="RKA647" s="613"/>
      <c r="RKB647" s="613"/>
      <c r="RKC647" s="613"/>
      <c r="RKD647" s="613"/>
      <c r="RKE647" s="613"/>
      <c r="RKF647" s="613"/>
      <c r="RKG647" s="613"/>
      <c r="RKH647" s="613"/>
      <c r="RKI647" s="613"/>
      <c r="RKJ647" s="613"/>
      <c r="RKK647" s="613"/>
      <c r="RKL647" s="613"/>
      <c r="RKM647" s="613"/>
      <c r="RKN647" s="613"/>
      <c r="RKO647" s="613"/>
      <c r="RKP647" s="613"/>
      <c r="RKQ647" s="613"/>
      <c r="RKR647" s="613"/>
      <c r="RKS647" s="613"/>
      <c r="RKT647" s="613"/>
      <c r="RKU647" s="613"/>
      <c r="RKV647" s="613"/>
      <c r="RKW647" s="613"/>
      <c r="RKX647" s="613"/>
      <c r="RKY647" s="613"/>
      <c r="RKZ647" s="613"/>
      <c r="RLA647" s="613"/>
      <c r="RLB647" s="613"/>
      <c r="RLC647" s="613"/>
      <c r="RLD647" s="613"/>
      <c r="RLE647" s="613"/>
      <c r="RLF647" s="613"/>
      <c r="RLG647" s="613"/>
      <c r="RLH647" s="613"/>
      <c r="RLI647" s="613"/>
      <c r="RLJ647" s="613"/>
      <c r="RLK647" s="613"/>
      <c r="RLL647" s="613"/>
      <c r="RLM647" s="613"/>
      <c r="RLN647" s="613"/>
      <c r="RLO647" s="613"/>
      <c r="RLP647" s="613"/>
      <c r="RLQ647" s="613"/>
      <c r="RLR647" s="613"/>
      <c r="RLS647" s="613"/>
      <c r="RLT647" s="613"/>
      <c r="RLU647" s="613"/>
      <c r="RLV647" s="613"/>
      <c r="RLW647" s="613"/>
      <c r="RLX647" s="613"/>
      <c r="RLY647" s="613"/>
      <c r="RLZ647" s="613"/>
      <c r="RMA647" s="613"/>
      <c r="RMB647" s="613"/>
      <c r="RMC647" s="613"/>
      <c r="RMD647" s="613"/>
      <c r="RME647" s="613"/>
      <c r="RMF647" s="613"/>
      <c r="RMG647" s="613"/>
      <c r="RMH647" s="613"/>
      <c r="RMI647" s="613"/>
      <c r="RMJ647" s="613"/>
      <c r="RMK647" s="613"/>
      <c r="RML647" s="613"/>
      <c r="RMM647" s="613"/>
      <c r="RMN647" s="613"/>
      <c r="RMO647" s="613"/>
      <c r="RMP647" s="613"/>
      <c r="RMQ647" s="613"/>
      <c r="RMR647" s="613"/>
      <c r="RMS647" s="613"/>
      <c r="RMT647" s="613"/>
      <c r="RMU647" s="613"/>
      <c r="RMV647" s="613"/>
      <c r="RMW647" s="613"/>
      <c r="RMX647" s="613"/>
      <c r="RMY647" s="613"/>
      <c r="RMZ647" s="613"/>
      <c r="RNA647" s="613"/>
      <c r="RNB647" s="613"/>
      <c r="RNC647" s="613"/>
      <c r="RND647" s="613"/>
      <c r="RNE647" s="613"/>
      <c r="RNF647" s="613"/>
      <c r="RNG647" s="613"/>
      <c r="RNH647" s="613"/>
      <c r="RNI647" s="613"/>
      <c r="RNJ647" s="613"/>
      <c r="RNK647" s="613"/>
      <c r="RNL647" s="613"/>
      <c r="RNM647" s="613"/>
      <c r="RNN647" s="613"/>
      <c r="RNO647" s="613"/>
      <c r="RNP647" s="613"/>
      <c r="RNQ647" s="613"/>
      <c r="RNR647" s="613"/>
      <c r="RNS647" s="613"/>
      <c r="RNT647" s="613"/>
      <c r="RNU647" s="613"/>
      <c r="RNV647" s="613"/>
      <c r="RNW647" s="613"/>
      <c r="RNX647" s="613"/>
      <c r="RNY647" s="613"/>
      <c r="RNZ647" s="613"/>
      <c r="ROA647" s="613"/>
      <c r="ROB647" s="613"/>
      <c r="ROC647" s="613"/>
      <c r="ROD647" s="613"/>
      <c r="ROE647" s="613"/>
      <c r="ROF647" s="613"/>
      <c r="ROG647" s="613"/>
      <c r="ROH647" s="613"/>
      <c r="ROI647" s="613"/>
      <c r="ROJ647" s="613"/>
      <c r="ROK647" s="613"/>
      <c r="ROL647" s="613"/>
      <c r="ROM647" s="613"/>
      <c r="RON647" s="613"/>
      <c r="ROO647" s="613"/>
      <c r="ROP647" s="613"/>
      <c r="ROQ647" s="613"/>
      <c r="ROR647" s="613"/>
      <c r="ROS647" s="613"/>
      <c r="ROT647" s="613"/>
      <c r="ROU647" s="613"/>
      <c r="ROV647" s="613"/>
      <c r="ROW647" s="613"/>
      <c r="ROX647" s="613"/>
      <c r="ROY647" s="613"/>
      <c r="ROZ647" s="613"/>
      <c r="RPA647" s="613"/>
      <c r="RPB647" s="613"/>
      <c r="RPC647" s="613"/>
      <c r="RPD647" s="613"/>
      <c r="RPE647" s="613"/>
      <c r="RPF647" s="613"/>
      <c r="RPG647" s="613"/>
      <c r="RPH647" s="613"/>
      <c r="RPI647" s="613"/>
      <c r="RPJ647" s="613"/>
      <c r="RPK647" s="613"/>
      <c r="RPL647" s="613"/>
      <c r="RPM647" s="613"/>
      <c r="RPN647" s="613"/>
      <c r="RPO647" s="613"/>
      <c r="RPP647" s="613"/>
      <c r="RPQ647" s="613"/>
      <c r="RPR647" s="613"/>
      <c r="RPS647" s="613"/>
      <c r="RPT647" s="613"/>
      <c r="RPU647" s="613"/>
      <c r="RPV647" s="613"/>
      <c r="RPW647" s="613"/>
      <c r="RPX647" s="613"/>
      <c r="RPY647" s="613"/>
      <c r="RPZ647" s="613"/>
      <c r="RQA647" s="613"/>
      <c r="RQB647" s="613"/>
      <c r="RQC647" s="613"/>
      <c r="RQD647" s="613"/>
      <c r="RQE647" s="613"/>
      <c r="RQF647" s="613"/>
      <c r="RQG647" s="613"/>
      <c r="RQH647" s="613"/>
      <c r="RQI647" s="613"/>
      <c r="RQJ647" s="613"/>
      <c r="RQK647" s="613"/>
      <c r="RQL647" s="613"/>
      <c r="RQM647" s="613"/>
      <c r="RQN647" s="613"/>
      <c r="RQO647" s="613"/>
      <c r="RQP647" s="613"/>
      <c r="RQQ647" s="613"/>
      <c r="RQR647" s="613"/>
      <c r="RQS647" s="613"/>
      <c r="RQT647" s="613"/>
      <c r="RQU647" s="613"/>
      <c r="RQV647" s="613"/>
      <c r="RQW647" s="613"/>
      <c r="RQX647" s="613"/>
      <c r="RQY647" s="613"/>
      <c r="RQZ647" s="613"/>
      <c r="RRA647" s="613"/>
      <c r="RRB647" s="613"/>
      <c r="RRC647" s="613"/>
      <c r="RRD647" s="613"/>
      <c r="RRE647" s="613"/>
      <c r="RRF647" s="613"/>
      <c r="RRG647" s="613"/>
      <c r="RRH647" s="613"/>
      <c r="RRI647" s="613"/>
      <c r="RRJ647" s="613"/>
      <c r="RRK647" s="613"/>
      <c r="RRL647" s="613"/>
      <c r="RRM647" s="613"/>
      <c r="RRN647" s="613"/>
      <c r="RRO647" s="613"/>
      <c r="RRP647" s="613"/>
      <c r="RRQ647" s="613"/>
      <c r="RRR647" s="613"/>
      <c r="RRS647" s="613"/>
      <c r="RRT647" s="613"/>
      <c r="RRU647" s="613"/>
      <c r="RRV647" s="613"/>
      <c r="RRW647" s="613"/>
      <c r="RRX647" s="613"/>
      <c r="RRY647" s="613"/>
      <c r="RRZ647" s="613"/>
      <c r="RSA647" s="613"/>
      <c r="RSB647" s="613"/>
      <c r="RSC647" s="613"/>
      <c r="RSD647" s="613"/>
      <c r="RSE647" s="613"/>
      <c r="RSF647" s="613"/>
      <c r="RSG647" s="613"/>
      <c r="RSH647" s="613"/>
      <c r="RSI647" s="613"/>
      <c r="RSJ647" s="613"/>
      <c r="RSK647" s="613"/>
      <c r="RSL647" s="613"/>
      <c r="RSM647" s="613"/>
      <c r="RSN647" s="613"/>
      <c r="RSO647" s="613"/>
      <c r="RSP647" s="613"/>
      <c r="RSQ647" s="613"/>
      <c r="RSR647" s="613"/>
      <c r="RSS647" s="613"/>
      <c r="RST647" s="613"/>
      <c r="RSU647" s="613"/>
      <c r="RSV647" s="613"/>
      <c r="RSW647" s="613"/>
      <c r="RSX647" s="613"/>
      <c r="RSY647" s="613"/>
      <c r="RSZ647" s="613"/>
      <c r="RTA647" s="613"/>
      <c r="RTB647" s="613"/>
      <c r="RTC647" s="613"/>
      <c r="RTD647" s="613"/>
      <c r="RTE647" s="613"/>
      <c r="RTF647" s="613"/>
      <c r="RTG647" s="613"/>
      <c r="RTH647" s="613"/>
      <c r="RTI647" s="613"/>
      <c r="RTJ647" s="613"/>
      <c r="RTK647" s="613"/>
      <c r="RTL647" s="613"/>
      <c r="RTM647" s="613"/>
      <c r="RTN647" s="613"/>
      <c r="RTO647" s="613"/>
      <c r="RTP647" s="613"/>
      <c r="RTQ647" s="613"/>
      <c r="RTR647" s="613"/>
      <c r="RTS647" s="613"/>
      <c r="RTT647" s="613"/>
      <c r="RTU647" s="613"/>
      <c r="RTV647" s="613"/>
      <c r="RTW647" s="613"/>
      <c r="RTX647" s="613"/>
      <c r="RTY647" s="613"/>
      <c r="RTZ647" s="613"/>
      <c r="RUA647" s="613"/>
      <c r="RUB647" s="613"/>
      <c r="RUC647" s="613"/>
      <c r="RUD647" s="613"/>
      <c r="RUE647" s="613"/>
      <c r="RUF647" s="613"/>
      <c r="RUG647" s="613"/>
      <c r="RUH647" s="613"/>
      <c r="RUI647" s="613"/>
      <c r="RUJ647" s="613"/>
      <c r="RUK647" s="613"/>
      <c r="RUL647" s="613"/>
      <c r="RUM647" s="613"/>
      <c r="RUN647" s="613"/>
      <c r="RUO647" s="613"/>
      <c r="RUP647" s="613"/>
      <c r="RUQ647" s="613"/>
      <c r="RUR647" s="613"/>
      <c r="RUS647" s="613"/>
      <c r="RUT647" s="613"/>
      <c r="RUU647" s="613"/>
      <c r="RUV647" s="613"/>
      <c r="RUW647" s="613"/>
      <c r="RUX647" s="613"/>
      <c r="RUY647" s="613"/>
      <c r="RUZ647" s="613"/>
      <c r="RVA647" s="613"/>
      <c r="RVB647" s="613"/>
      <c r="RVC647" s="613"/>
      <c r="RVD647" s="613"/>
      <c r="RVE647" s="613"/>
      <c r="RVF647" s="613"/>
      <c r="RVG647" s="613"/>
      <c r="RVH647" s="613"/>
      <c r="RVI647" s="613"/>
      <c r="RVJ647" s="613"/>
      <c r="RVK647" s="613"/>
      <c r="RVL647" s="613"/>
      <c r="RVM647" s="613"/>
      <c r="RVN647" s="613"/>
      <c r="RVO647" s="613"/>
      <c r="RVP647" s="613"/>
      <c r="RVQ647" s="613"/>
      <c r="RVR647" s="613"/>
      <c r="RVS647" s="613"/>
      <c r="RVT647" s="613"/>
      <c r="RVU647" s="613"/>
      <c r="RVV647" s="613"/>
      <c r="RVW647" s="613"/>
      <c r="RVX647" s="613"/>
      <c r="RVY647" s="613"/>
      <c r="RVZ647" s="613"/>
      <c r="RWA647" s="613"/>
      <c r="RWB647" s="613"/>
      <c r="RWC647" s="613"/>
      <c r="RWD647" s="613"/>
      <c r="RWE647" s="613"/>
      <c r="RWF647" s="613"/>
      <c r="RWG647" s="613"/>
      <c r="RWH647" s="613"/>
      <c r="RWI647" s="613"/>
      <c r="RWJ647" s="613"/>
      <c r="RWK647" s="613"/>
      <c r="RWL647" s="613"/>
      <c r="RWM647" s="613"/>
      <c r="RWN647" s="613"/>
      <c r="RWO647" s="613"/>
      <c r="RWP647" s="613"/>
      <c r="RWQ647" s="613"/>
      <c r="RWR647" s="613"/>
      <c r="RWS647" s="613"/>
      <c r="RWT647" s="613"/>
      <c r="RWU647" s="613"/>
      <c r="RWV647" s="613"/>
      <c r="RWW647" s="613"/>
      <c r="RWX647" s="613"/>
      <c r="RWY647" s="613"/>
      <c r="RWZ647" s="613"/>
      <c r="RXA647" s="613"/>
      <c r="RXB647" s="613"/>
      <c r="RXC647" s="613"/>
      <c r="RXD647" s="613"/>
      <c r="RXE647" s="613"/>
      <c r="RXF647" s="613"/>
      <c r="RXG647" s="613"/>
      <c r="RXH647" s="613"/>
      <c r="RXI647" s="613"/>
      <c r="RXJ647" s="613"/>
      <c r="RXK647" s="613"/>
      <c r="RXL647" s="613"/>
      <c r="RXM647" s="613"/>
      <c r="RXN647" s="613"/>
      <c r="RXO647" s="613"/>
      <c r="RXP647" s="613"/>
      <c r="RXQ647" s="613"/>
      <c r="RXR647" s="613"/>
      <c r="RXS647" s="613"/>
      <c r="RXT647" s="613"/>
      <c r="RXU647" s="613"/>
      <c r="RXV647" s="613"/>
      <c r="RXW647" s="613"/>
      <c r="RXX647" s="613"/>
      <c r="RXY647" s="613"/>
      <c r="RXZ647" s="613"/>
      <c r="RYA647" s="613"/>
      <c r="RYB647" s="613"/>
      <c r="RYC647" s="613"/>
      <c r="RYD647" s="613"/>
      <c r="RYE647" s="613"/>
      <c r="RYF647" s="613"/>
      <c r="RYG647" s="613"/>
      <c r="RYH647" s="613"/>
      <c r="RYI647" s="613"/>
      <c r="RYJ647" s="613"/>
      <c r="RYK647" s="613"/>
      <c r="RYL647" s="613"/>
      <c r="RYM647" s="613"/>
      <c r="RYN647" s="613"/>
      <c r="RYO647" s="613"/>
      <c r="RYP647" s="613"/>
      <c r="RYQ647" s="613"/>
      <c r="RYR647" s="613"/>
      <c r="RYS647" s="613"/>
      <c r="RYT647" s="613"/>
      <c r="RYU647" s="613"/>
      <c r="RYV647" s="613"/>
      <c r="RYW647" s="613"/>
      <c r="RYX647" s="613"/>
      <c r="RYY647" s="613"/>
      <c r="RYZ647" s="613"/>
      <c r="RZA647" s="613"/>
      <c r="RZB647" s="613"/>
      <c r="RZC647" s="613"/>
      <c r="RZD647" s="613"/>
      <c r="RZE647" s="613"/>
      <c r="RZF647" s="613"/>
      <c r="RZG647" s="613"/>
      <c r="RZH647" s="613"/>
      <c r="RZI647" s="613"/>
      <c r="RZJ647" s="613"/>
      <c r="RZK647" s="613"/>
      <c r="RZL647" s="613"/>
      <c r="RZM647" s="613"/>
      <c r="RZN647" s="613"/>
      <c r="RZO647" s="613"/>
      <c r="RZP647" s="613"/>
      <c r="RZQ647" s="613"/>
      <c r="RZR647" s="613"/>
      <c r="RZS647" s="613"/>
      <c r="RZT647" s="613"/>
      <c r="RZU647" s="613"/>
      <c r="RZV647" s="613"/>
      <c r="RZW647" s="613"/>
      <c r="RZX647" s="613"/>
      <c r="RZY647" s="613"/>
      <c r="RZZ647" s="613"/>
      <c r="SAA647" s="613"/>
      <c r="SAB647" s="613"/>
      <c r="SAC647" s="613"/>
      <c r="SAD647" s="613"/>
      <c r="SAE647" s="613"/>
      <c r="SAF647" s="613"/>
      <c r="SAG647" s="613"/>
      <c r="SAH647" s="613"/>
      <c r="SAI647" s="613"/>
      <c r="SAJ647" s="613"/>
      <c r="SAK647" s="613"/>
      <c r="SAL647" s="613"/>
      <c r="SAM647" s="613"/>
      <c r="SAN647" s="613"/>
      <c r="SAO647" s="613"/>
      <c r="SAP647" s="613"/>
      <c r="SAQ647" s="613"/>
      <c r="SAR647" s="613"/>
      <c r="SAS647" s="613"/>
      <c r="SAT647" s="613"/>
      <c r="SAU647" s="613"/>
      <c r="SAV647" s="613"/>
      <c r="SAW647" s="613"/>
      <c r="SAX647" s="613"/>
      <c r="SAY647" s="613"/>
      <c r="SAZ647" s="613"/>
      <c r="SBA647" s="613"/>
      <c r="SBB647" s="613"/>
      <c r="SBC647" s="613"/>
      <c r="SBD647" s="613"/>
      <c r="SBE647" s="613"/>
      <c r="SBF647" s="613"/>
      <c r="SBG647" s="613"/>
      <c r="SBH647" s="613"/>
      <c r="SBI647" s="613"/>
      <c r="SBJ647" s="613"/>
      <c r="SBK647" s="613"/>
      <c r="SBL647" s="613"/>
      <c r="SBM647" s="613"/>
      <c r="SBN647" s="613"/>
      <c r="SBO647" s="613"/>
      <c r="SBP647" s="613"/>
      <c r="SBQ647" s="613"/>
      <c r="SBR647" s="613"/>
      <c r="SBS647" s="613"/>
      <c r="SBT647" s="613"/>
      <c r="SBU647" s="613"/>
      <c r="SBV647" s="613"/>
      <c r="SBW647" s="613"/>
      <c r="SBX647" s="613"/>
      <c r="SBY647" s="613"/>
      <c r="SBZ647" s="613"/>
      <c r="SCA647" s="613"/>
      <c r="SCB647" s="613"/>
      <c r="SCC647" s="613"/>
      <c r="SCD647" s="613"/>
      <c r="SCE647" s="613"/>
      <c r="SCF647" s="613"/>
      <c r="SCG647" s="613"/>
      <c r="SCH647" s="613"/>
      <c r="SCI647" s="613"/>
      <c r="SCJ647" s="613"/>
      <c r="SCK647" s="613"/>
      <c r="SCL647" s="613"/>
      <c r="SCM647" s="613"/>
      <c r="SCN647" s="613"/>
      <c r="SCO647" s="613"/>
      <c r="SCP647" s="613"/>
      <c r="SCQ647" s="613"/>
      <c r="SCR647" s="613"/>
      <c r="SCS647" s="613"/>
      <c r="SCT647" s="613"/>
      <c r="SCU647" s="613"/>
      <c r="SCV647" s="613"/>
      <c r="SCW647" s="613"/>
      <c r="SCX647" s="613"/>
      <c r="SCY647" s="613"/>
      <c r="SCZ647" s="613"/>
      <c r="SDA647" s="613"/>
      <c r="SDB647" s="613"/>
      <c r="SDC647" s="613"/>
      <c r="SDD647" s="613"/>
      <c r="SDE647" s="613"/>
      <c r="SDF647" s="613"/>
      <c r="SDG647" s="613"/>
      <c r="SDH647" s="613"/>
      <c r="SDI647" s="613"/>
      <c r="SDJ647" s="613"/>
      <c r="SDK647" s="613"/>
      <c r="SDL647" s="613"/>
      <c r="SDM647" s="613"/>
      <c r="SDN647" s="613"/>
      <c r="SDO647" s="613"/>
      <c r="SDP647" s="613"/>
      <c r="SDQ647" s="613"/>
      <c r="SDR647" s="613"/>
      <c r="SDS647" s="613"/>
      <c r="SDT647" s="613"/>
      <c r="SDU647" s="613"/>
      <c r="SDV647" s="613"/>
      <c r="SDW647" s="613"/>
      <c r="SDX647" s="613"/>
      <c r="SDY647" s="613"/>
      <c r="SDZ647" s="613"/>
      <c r="SEA647" s="613"/>
      <c r="SEB647" s="613"/>
      <c r="SEC647" s="613"/>
      <c r="SED647" s="613"/>
      <c r="SEE647" s="613"/>
      <c r="SEF647" s="613"/>
      <c r="SEG647" s="613"/>
      <c r="SEH647" s="613"/>
      <c r="SEI647" s="613"/>
      <c r="SEJ647" s="613"/>
      <c r="SEK647" s="613"/>
      <c r="SEL647" s="613"/>
      <c r="SEM647" s="613"/>
      <c r="SEN647" s="613"/>
      <c r="SEO647" s="613"/>
      <c r="SEP647" s="613"/>
      <c r="SEQ647" s="613"/>
      <c r="SER647" s="613"/>
      <c r="SES647" s="613"/>
      <c r="SET647" s="613"/>
      <c r="SEU647" s="613"/>
      <c r="SEV647" s="613"/>
      <c r="SEW647" s="613"/>
      <c r="SEX647" s="613"/>
      <c r="SEY647" s="613"/>
      <c r="SEZ647" s="613"/>
      <c r="SFA647" s="613"/>
      <c r="SFB647" s="613"/>
      <c r="SFC647" s="613"/>
      <c r="SFD647" s="613"/>
      <c r="SFE647" s="613"/>
      <c r="SFF647" s="613"/>
      <c r="SFG647" s="613"/>
      <c r="SFH647" s="613"/>
      <c r="SFI647" s="613"/>
      <c r="SFJ647" s="613"/>
      <c r="SFK647" s="613"/>
      <c r="SFL647" s="613"/>
      <c r="SFM647" s="613"/>
      <c r="SFN647" s="613"/>
      <c r="SFO647" s="613"/>
      <c r="SFP647" s="613"/>
      <c r="SFQ647" s="613"/>
      <c r="SFR647" s="613"/>
      <c r="SFS647" s="613"/>
      <c r="SFT647" s="613"/>
      <c r="SFU647" s="613"/>
      <c r="SFV647" s="613"/>
      <c r="SFW647" s="613"/>
      <c r="SFX647" s="613"/>
      <c r="SFY647" s="613"/>
      <c r="SFZ647" s="613"/>
      <c r="SGA647" s="613"/>
      <c r="SGB647" s="613"/>
      <c r="SGC647" s="613"/>
      <c r="SGD647" s="613"/>
      <c r="SGE647" s="613"/>
      <c r="SGF647" s="613"/>
      <c r="SGG647" s="613"/>
      <c r="SGH647" s="613"/>
      <c r="SGI647" s="613"/>
      <c r="SGJ647" s="613"/>
      <c r="SGK647" s="613"/>
      <c r="SGL647" s="613"/>
      <c r="SGM647" s="613"/>
      <c r="SGN647" s="613"/>
      <c r="SGO647" s="613"/>
      <c r="SGP647" s="613"/>
      <c r="SGQ647" s="613"/>
      <c r="SGR647" s="613"/>
      <c r="SGS647" s="613"/>
      <c r="SGT647" s="613"/>
      <c r="SGU647" s="613"/>
      <c r="SGV647" s="613"/>
      <c r="SGW647" s="613"/>
      <c r="SGX647" s="613"/>
      <c r="SGY647" s="613"/>
      <c r="SGZ647" s="613"/>
      <c r="SHA647" s="613"/>
      <c r="SHB647" s="613"/>
      <c r="SHC647" s="613"/>
      <c r="SHD647" s="613"/>
      <c r="SHE647" s="613"/>
      <c r="SHF647" s="613"/>
      <c r="SHG647" s="613"/>
      <c r="SHH647" s="613"/>
      <c r="SHI647" s="613"/>
      <c r="SHJ647" s="613"/>
      <c r="SHK647" s="613"/>
      <c r="SHL647" s="613"/>
      <c r="SHM647" s="613"/>
      <c r="SHN647" s="613"/>
      <c r="SHO647" s="613"/>
      <c r="SHP647" s="613"/>
      <c r="SHQ647" s="613"/>
      <c r="SHR647" s="613"/>
      <c r="SHS647" s="613"/>
      <c r="SHT647" s="613"/>
      <c r="SHU647" s="613"/>
      <c r="SHV647" s="613"/>
      <c r="SHW647" s="613"/>
      <c r="SHX647" s="613"/>
      <c r="SHY647" s="613"/>
      <c r="SHZ647" s="613"/>
      <c r="SIA647" s="613"/>
      <c r="SIB647" s="613"/>
      <c r="SIC647" s="613"/>
      <c r="SID647" s="613"/>
      <c r="SIE647" s="613"/>
      <c r="SIF647" s="613"/>
      <c r="SIG647" s="613"/>
      <c r="SIH647" s="613"/>
      <c r="SII647" s="613"/>
      <c r="SIJ647" s="613"/>
      <c r="SIK647" s="613"/>
      <c r="SIL647" s="613"/>
      <c r="SIM647" s="613"/>
      <c r="SIN647" s="613"/>
      <c r="SIO647" s="613"/>
      <c r="SIP647" s="613"/>
      <c r="SIQ647" s="613"/>
      <c r="SIR647" s="613"/>
      <c r="SIS647" s="613"/>
      <c r="SIT647" s="613"/>
      <c r="SIU647" s="613"/>
      <c r="SIV647" s="613"/>
      <c r="SIW647" s="613"/>
      <c r="SIX647" s="613"/>
      <c r="SIY647" s="613"/>
      <c r="SIZ647" s="613"/>
      <c r="SJA647" s="613"/>
      <c r="SJB647" s="613"/>
      <c r="SJC647" s="613"/>
      <c r="SJD647" s="613"/>
      <c r="SJE647" s="613"/>
      <c r="SJF647" s="613"/>
      <c r="SJG647" s="613"/>
      <c r="SJH647" s="613"/>
      <c r="SJI647" s="613"/>
      <c r="SJJ647" s="613"/>
      <c r="SJK647" s="613"/>
      <c r="SJL647" s="613"/>
      <c r="SJM647" s="613"/>
      <c r="SJN647" s="613"/>
      <c r="SJO647" s="613"/>
      <c r="SJP647" s="613"/>
      <c r="SJQ647" s="613"/>
      <c r="SJR647" s="613"/>
      <c r="SJS647" s="613"/>
      <c r="SJT647" s="613"/>
      <c r="SJU647" s="613"/>
      <c r="SJV647" s="613"/>
      <c r="SJW647" s="613"/>
      <c r="SJX647" s="613"/>
      <c r="SJY647" s="613"/>
      <c r="SJZ647" s="613"/>
      <c r="SKA647" s="613"/>
      <c r="SKB647" s="613"/>
      <c r="SKC647" s="613"/>
      <c r="SKD647" s="613"/>
      <c r="SKE647" s="613"/>
      <c r="SKF647" s="613"/>
      <c r="SKG647" s="613"/>
      <c r="SKH647" s="613"/>
      <c r="SKI647" s="613"/>
      <c r="SKJ647" s="613"/>
      <c r="SKK647" s="613"/>
      <c r="SKL647" s="613"/>
      <c r="SKM647" s="613"/>
      <c r="SKN647" s="613"/>
      <c r="SKO647" s="613"/>
      <c r="SKP647" s="613"/>
      <c r="SKQ647" s="613"/>
      <c r="SKR647" s="613"/>
      <c r="SKS647" s="613"/>
      <c r="SKT647" s="613"/>
      <c r="SKU647" s="613"/>
      <c r="SKV647" s="613"/>
      <c r="SKW647" s="613"/>
      <c r="SKX647" s="613"/>
      <c r="SKY647" s="613"/>
      <c r="SKZ647" s="613"/>
      <c r="SLA647" s="613"/>
      <c r="SLB647" s="613"/>
      <c r="SLC647" s="613"/>
      <c r="SLD647" s="613"/>
      <c r="SLE647" s="613"/>
      <c r="SLF647" s="613"/>
      <c r="SLG647" s="613"/>
      <c r="SLH647" s="613"/>
      <c r="SLI647" s="613"/>
      <c r="SLJ647" s="613"/>
      <c r="SLK647" s="613"/>
      <c r="SLL647" s="613"/>
      <c r="SLM647" s="613"/>
      <c r="SLN647" s="613"/>
      <c r="SLO647" s="613"/>
      <c r="SLP647" s="613"/>
      <c r="SLQ647" s="613"/>
      <c r="SLR647" s="613"/>
      <c r="SLS647" s="613"/>
      <c r="SLT647" s="613"/>
      <c r="SLU647" s="613"/>
      <c r="SLV647" s="613"/>
      <c r="SLW647" s="613"/>
      <c r="SLX647" s="613"/>
      <c r="SLY647" s="613"/>
      <c r="SLZ647" s="613"/>
      <c r="SMA647" s="613"/>
      <c r="SMB647" s="613"/>
      <c r="SMC647" s="613"/>
      <c r="SMD647" s="613"/>
      <c r="SME647" s="613"/>
      <c r="SMF647" s="613"/>
      <c r="SMG647" s="613"/>
      <c r="SMH647" s="613"/>
      <c r="SMI647" s="613"/>
      <c r="SMJ647" s="613"/>
      <c r="SMK647" s="613"/>
      <c r="SML647" s="613"/>
      <c r="SMM647" s="613"/>
      <c r="SMN647" s="613"/>
      <c r="SMO647" s="613"/>
      <c r="SMP647" s="613"/>
      <c r="SMQ647" s="613"/>
      <c r="SMR647" s="613"/>
      <c r="SMS647" s="613"/>
      <c r="SMT647" s="613"/>
      <c r="SMU647" s="613"/>
      <c r="SMV647" s="613"/>
      <c r="SMW647" s="613"/>
      <c r="SMX647" s="613"/>
      <c r="SMY647" s="613"/>
      <c r="SMZ647" s="613"/>
      <c r="SNA647" s="613"/>
      <c r="SNB647" s="613"/>
      <c r="SNC647" s="613"/>
      <c r="SND647" s="613"/>
      <c r="SNE647" s="613"/>
      <c r="SNF647" s="613"/>
      <c r="SNG647" s="613"/>
      <c r="SNH647" s="613"/>
      <c r="SNI647" s="613"/>
      <c r="SNJ647" s="613"/>
      <c r="SNK647" s="613"/>
      <c r="SNL647" s="613"/>
      <c r="SNM647" s="613"/>
      <c r="SNN647" s="613"/>
      <c r="SNO647" s="613"/>
      <c r="SNP647" s="613"/>
      <c r="SNQ647" s="613"/>
      <c r="SNR647" s="613"/>
      <c r="SNS647" s="613"/>
      <c r="SNT647" s="613"/>
      <c r="SNU647" s="613"/>
      <c r="SNV647" s="613"/>
      <c r="SNW647" s="613"/>
      <c r="SNX647" s="613"/>
      <c r="SNY647" s="613"/>
      <c r="SNZ647" s="613"/>
      <c r="SOA647" s="613"/>
      <c r="SOB647" s="613"/>
      <c r="SOC647" s="613"/>
      <c r="SOD647" s="613"/>
      <c r="SOE647" s="613"/>
      <c r="SOF647" s="613"/>
      <c r="SOG647" s="613"/>
      <c r="SOH647" s="613"/>
      <c r="SOI647" s="613"/>
      <c r="SOJ647" s="613"/>
      <c r="SOK647" s="613"/>
      <c r="SOL647" s="613"/>
      <c r="SOM647" s="613"/>
      <c r="SON647" s="613"/>
      <c r="SOO647" s="613"/>
      <c r="SOP647" s="613"/>
      <c r="SOQ647" s="613"/>
      <c r="SOR647" s="613"/>
      <c r="SOS647" s="613"/>
      <c r="SOT647" s="613"/>
      <c r="SOU647" s="613"/>
      <c r="SOV647" s="613"/>
      <c r="SOW647" s="613"/>
      <c r="SOX647" s="613"/>
      <c r="SOY647" s="613"/>
      <c r="SOZ647" s="613"/>
      <c r="SPA647" s="613"/>
      <c r="SPB647" s="613"/>
      <c r="SPC647" s="613"/>
      <c r="SPD647" s="613"/>
      <c r="SPE647" s="613"/>
      <c r="SPF647" s="613"/>
      <c r="SPG647" s="613"/>
      <c r="SPH647" s="613"/>
      <c r="SPI647" s="613"/>
      <c r="SPJ647" s="613"/>
      <c r="SPK647" s="613"/>
      <c r="SPL647" s="613"/>
      <c r="SPM647" s="613"/>
      <c r="SPN647" s="613"/>
      <c r="SPO647" s="613"/>
      <c r="SPP647" s="613"/>
      <c r="SPQ647" s="613"/>
      <c r="SPR647" s="613"/>
      <c r="SPS647" s="613"/>
      <c r="SPT647" s="613"/>
      <c r="SPU647" s="613"/>
      <c r="SPV647" s="613"/>
      <c r="SPW647" s="613"/>
      <c r="SPX647" s="613"/>
      <c r="SPY647" s="613"/>
      <c r="SPZ647" s="613"/>
      <c r="SQA647" s="613"/>
      <c r="SQB647" s="613"/>
      <c r="SQC647" s="613"/>
      <c r="SQD647" s="613"/>
      <c r="SQE647" s="613"/>
      <c r="SQF647" s="613"/>
      <c r="SQG647" s="613"/>
      <c r="SQH647" s="613"/>
      <c r="SQI647" s="613"/>
      <c r="SQJ647" s="613"/>
      <c r="SQK647" s="613"/>
      <c r="SQL647" s="613"/>
      <c r="SQM647" s="613"/>
      <c r="SQN647" s="613"/>
      <c r="SQO647" s="613"/>
      <c r="SQP647" s="613"/>
      <c r="SQQ647" s="613"/>
      <c r="SQR647" s="613"/>
      <c r="SQS647" s="613"/>
      <c r="SQT647" s="613"/>
      <c r="SQU647" s="613"/>
      <c r="SQV647" s="613"/>
      <c r="SQW647" s="613"/>
      <c r="SQX647" s="613"/>
      <c r="SQY647" s="613"/>
      <c r="SQZ647" s="613"/>
      <c r="SRA647" s="613"/>
      <c r="SRB647" s="613"/>
      <c r="SRC647" s="613"/>
      <c r="SRD647" s="613"/>
      <c r="SRE647" s="613"/>
      <c r="SRF647" s="613"/>
      <c r="SRG647" s="613"/>
      <c r="SRH647" s="613"/>
      <c r="SRI647" s="613"/>
      <c r="SRJ647" s="613"/>
      <c r="SRK647" s="613"/>
      <c r="SRL647" s="613"/>
      <c r="SRM647" s="613"/>
      <c r="SRN647" s="613"/>
      <c r="SRO647" s="613"/>
      <c r="SRP647" s="613"/>
      <c r="SRQ647" s="613"/>
      <c r="SRR647" s="613"/>
      <c r="SRS647" s="613"/>
      <c r="SRT647" s="613"/>
      <c r="SRU647" s="613"/>
      <c r="SRV647" s="613"/>
      <c r="SRW647" s="613"/>
      <c r="SRX647" s="613"/>
      <c r="SRY647" s="613"/>
      <c r="SRZ647" s="613"/>
      <c r="SSA647" s="613"/>
      <c r="SSB647" s="613"/>
      <c r="SSC647" s="613"/>
      <c r="SSD647" s="613"/>
      <c r="SSE647" s="613"/>
      <c r="SSF647" s="613"/>
      <c r="SSG647" s="613"/>
      <c r="SSH647" s="613"/>
      <c r="SSI647" s="613"/>
      <c r="SSJ647" s="613"/>
      <c r="SSK647" s="613"/>
      <c r="SSL647" s="613"/>
      <c r="SSM647" s="613"/>
      <c r="SSN647" s="613"/>
      <c r="SSO647" s="613"/>
      <c r="SSP647" s="613"/>
      <c r="SSQ647" s="613"/>
      <c r="SSR647" s="613"/>
      <c r="SSS647" s="613"/>
      <c r="SST647" s="613"/>
      <c r="SSU647" s="613"/>
      <c r="SSV647" s="613"/>
      <c r="SSW647" s="613"/>
      <c r="SSX647" s="613"/>
      <c r="SSY647" s="613"/>
      <c r="SSZ647" s="613"/>
      <c r="STA647" s="613"/>
      <c r="STB647" s="613"/>
      <c r="STC647" s="613"/>
      <c r="STD647" s="613"/>
      <c r="STE647" s="613"/>
      <c r="STF647" s="613"/>
      <c r="STG647" s="613"/>
      <c r="STH647" s="613"/>
      <c r="STI647" s="613"/>
      <c r="STJ647" s="613"/>
      <c r="STK647" s="613"/>
      <c r="STL647" s="613"/>
      <c r="STM647" s="613"/>
      <c r="STN647" s="613"/>
      <c r="STO647" s="613"/>
      <c r="STP647" s="613"/>
      <c r="STQ647" s="613"/>
      <c r="STR647" s="613"/>
      <c r="STS647" s="613"/>
      <c r="STT647" s="613"/>
      <c r="STU647" s="613"/>
      <c r="STV647" s="613"/>
      <c r="STW647" s="613"/>
      <c r="STX647" s="613"/>
      <c r="STY647" s="613"/>
      <c r="STZ647" s="613"/>
      <c r="SUA647" s="613"/>
      <c r="SUB647" s="613"/>
      <c r="SUC647" s="613"/>
      <c r="SUD647" s="613"/>
      <c r="SUE647" s="613"/>
      <c r="SUF647" s="613"/>
      <c r="SUG647" s="613"/>
      <c r="SUH647" s="613"/>
      <c r="SUI647" s="613"/>
      <c r="SUJ647" s="613"/>
      <c r="SUK647" s="613"/>
      <c r="SUL647" s="613"/>
      <c r="SUM647" s="613"/>
      <c r="SUN647" s="613"/>
      <c r="SUO647" s="613"/>
      <c r="SUP647" s="613"/>
      <c r="SUQ647" s="613"/>
      <c r="SUR647" s="613"/>
      <c r="SUS647" s="613"/>
      <c r="SUT647" s="613"/>
      <c r="SUU647" s="613"/>
      <c r="SUV647" s="613"/>
      <c r="SUW647" s="613"/>
      <c r="SUX647" s="613"/>
      <c r="SUY647" s="613"/>
      <c r="SUZ647" s="613"/>
      <c r="SVA647" s="613"/>
      <c r="SVB647" s="613"/>
      <c r="SVC647" s="613"/>
      <c r="SVD647" s="613"/>
      <c r="SVE647" s="613"/>
      <c r="SVF647" s="613"/>
      <c r="SVG647" s="613"/>
      <c r="SVH647" s="613"/>
      <c r="SVI647" s="613"/>
      <c r="SVJ647" s="613"/>
      <c r="SVK647" s="613"/>
      <c r="SVL647" s="613"/>
      <c r="SVM647" s="613"/>
      <c r="SVN647" s="613"/>
      <c r="SVO647" s="613"/>
      <c r="SVP647" s="613"/>
      <c r="SVQ647" s="613"/>
      <c r="SVR647" s="613"/>
      <c r="SVS647" s="613"/>
      <c r="SVT647" s="613"/>
      <c r="SVU647" s="613"/>
      <c r="SVV647" s="613"/>
      <c r="SVW647" s="613"/>
      <c r="SVX647" s="613"/>
      <c r="SVY647" s="613"/>
      <c r="SVZ647" s="613"/>
      <c r="SWA647" s="613"/>
      <c r="SWB647" s="613"/>
      <c r="SWC647" s="613"/>
      <c r="SWD647" s="613"/>
      <c r="SWE647" s="613"/>
      <c r="SWF647" s="613"/>
      <c r="SWG647" s="613"/>
      <c r="SWH647" s="613"/>
      <c r="SWI647" s="613"/>
      <c r="SWJ647" s="613"/>
      <c r="SWK647" s="613"/>
      <c r="SWL647" s="613"/>
      <c r="SWM647" s="613"/>
      <c r="SWN647" s="613"/>
      <c r="SWO647" s="613"/>
      <c r="SWP647" s="613"/>
      <c r="SWQ647" s="613"/>
      <c r="SWR647" s="613"/>
      <c r="SWS647" s="613"/>
      <c r="SWT647" s="613"/>
      <c r="SWU647" s="613"/>
      <c r="SWV647" s="613"/>
      <c r="SWW647" s="613"/>
      <c r="SWX647" s="613"/>
      <c r="SWY647" s="613"/>
      <c r="SWZ647" s="613"/>
      <c r="SXA647" s="613"/>
      <c r="SXB647" s="613"/>
      <c r="SXC647" s="613"/>
      <c r="SXD647" s="613"/>
      <c r="SXE647" s="613"/>
      <c r="SXF647" s="613"/>
      <c r="SXG647" s="613"/>
      <c r="SXH647" s="613"/>
      <c r="SXI647" s="613"/>
      <c r="SXJ647" s="613"/>
      <c r="SXK647" s="613"/>
      <c r="SXL647" s="613"/>
      <c r="SXM647" s="613"/>
      <c r="SXN647" s="613"/>
      <c r="SXO647" s="613"/>
      <c r="SXP647" s="613"/>
      <c r="SXQ647" s="613"/>
      <c r="SXR647" s="613"/>
      <c r="SXS647" s="613"/>
      <c r="SXT647" s="613"/>
      <c r="SXU647" s="613"/>
      <c r="SXV647" s="613"/>
      <c r="SXW647" s="613"/>
      <c r="SXX647" s="613"/>
      <c r="SXY647" s="613"/>
      <c r="SXZ647" s="613"/>
      <c r="SYA647" s="613"/>
      <c r="SYB647" s="613"/>
      <c r="SYC647" s="613"/>
      <c r="SYD647" s="613"/>
      <c r="SYE647" s="613"/>
      <c r="SYF647" s="613"/>
      <c r="SYG647" s="613"/>
      <c r="SYH647" s="613"/>
      <c r="SYI647" s="613"/>
      <c r="SYJ647" s="613"/>
      <c r="SYK647" s="613"/>
      <c r="SYL647" s="613"/>
      <c r="SYM647" s="613"/>
      <c r="SYN647" s="613"/>
      <c r="SYO647" s="613"/>
      <c r="SYP647" s="613"/>
      <c r="SYQ647" s="613"/>
      <c r="SYR647" s="613"/>
      <c r="SYS647" s="613"/>
      <c r="SYT647" s="613"/>
      <c r="SYU647" s="613"/>
      <c r="SYV647" s="613"/>
      <c r="SYW647" s="613"/>
      <c r="SYX647" s="613"/>
      <c r="SYY647" s="613"/>
      <c r="SYZ647" s="613"/>
      <c r="SZA647" s="613"/>
      <c r="SZB647" s="613"/>
      <c r="SZC647" s="613"/>
      <c r="SZD647" s="613"/>
      <c r="SZE647" s="613"/>
      <c r="SZF647" s="613"/>
      <c r="SZG647" s="613"/>
      <c r="SZH647" s="613"/>
      <c r="SZI647" s="613"/>
      <c r="SZJ647" s="613"/>
      <c r="SZK647" s="613"/>
      <c r="SZL647" s="613"/>
      <c r="SZM647" s="613"/>
      <c r="SZN647" s="613"/>
      <c r="SZO647" s="613"/>
      <c r="SZP647" s="613"/>
      <c r="SZQ647" s="613"/>
      <c r="SZR647" s="613"/>
      <c r="SZS647" s="613"/>
      <c r="SZT647" s="613"/>
      <c r="SZU647" s="613"/>
      <c r="SZV647" s="613"/>
      <c r="SZW647" s="613"/>
      <c r="SZX647" s="613"/>
      <c r="SZY647" s="613"/>
      <c r="SZZ647" s="613"/>
      <c r="TAA647" s="613"/>
      <c r="TAB647" s="613"/>
      <c r="TAC647" s="613"/>
      <c r="TAD647" s="613"/>
      <c r="TAE647" s="613"/>
      <c r="TAF647" s="613"/>
      <c r="TAG647" s="613"/>
      <c r="TAH647" s="613"/>
      <c r="TAI647" s="613"/>
      <c r="TAJ647" s="613"/>
      <c r="TAK647" s="613"/>
      <c r="TAL647" s="613"/>
      <c r="TAM647" s="613"/>
      <c r="TAN647" s="613"/>
      <c r="TAO647" s="613"/>
      <c r="TAP647" s="613"/>
      <c r="TAQ647" s="613"/>
      <c r="TAR647" s="613"/>
      <c r="TAS647" s="613"/>
      <c r="TAT647" s="613"/>
      <c r="TAU647" s="613"/>
      <c r="TAV647" s="613"/>
      <c r="TAW647" s="613"/>
      <c r="TAX647" s="613"/>
      <c r="TAY647" s="613"/>
      <c r="TAZ647" s="613"/>
      <c r="TBA647" s="613"/>
      <c r="TBB647" s="613"/>
      <c r="TBC647" s="613"/>
      <c r="TBD647" s="613"/>
      <c r="TBE647" s="613"/>
      <c r="TBF647" s="613"/>
      <c r="TBG647" s="613"/>
      <c r="TBH647" s="613"/>
      <c r="TBI647" s="613"/>
      <c r="TBJ647" s="613"/>
      <c r="TBK647" s="613"/>
      <c r="TBL647" s="613"/>
      <c r="TBM647" s="613"/>
      <c r="TBN647" s="613"/>
      <c r="TBO647" s="613"/>
      <c r="TBP647" s="613"/>
      <c r="TBQ647" s="613"/>
      <c r="TBR647" s="613"/>
      <c r="TBS647" s="613"/>
      <c r="TBT647" s="613"/>
      <c r="TBU647" s="613"/>
      <c r="TBV647" s="613"/>
      <c r="TBW647" s="613"/>
      <c r="TBX647" s="613"/>
      <c r="TBY647" s="613"/>
      <c r="TBZ647" s="613"/>
      <c r="TCA647" s="613"/>
      <c r="TCB647" s="613"/>
      <c r="TCC647" s="613"/>
      <c r="TCD647" s="613"/>
      <c r="TCE647" s="613"/>
      <c r="TCF647" s="613"/>
      <c r="TCG647" s="613"/>
      <c r="TCH647" s="613"/>
      <c r="TCI647" s="613"/>
      <c r="TCJ647" s="613"/>
      <c r="TCK647" s="613"/>
      <c r="TCL647" s="613"/>
      <c r="TCM647" s="613"/>
      <c r="TCN647" s="613"/>
      <c r="TCO647" s="613"/>
      <c r="TCP647" s="613"/>
      <c r="TCQ647" s="613"/>
      <c r="TCR647" s="613"/>
      <c r="TCS647" s="613"/>
      <c r="TCT647" s="613"/>
      <c r="TCU647" s="613"/>
      <c r="TCV647" s="613"/>
      <c r="TCW647" s="613"/>
      <c r="TCX647" s="613"/>
      <c r="TCY647" s="613"/>
      <c r="TCZ647" s="613"/>
      <c r="TDA647" s="613"/>
      <c r="TDB647" s="613"/>
      <c r="TDC647" s="613"/>
      <c r="TDD647" s="613"/>
      <c r="TDE647" s="613"/>
      <c r="TDF647" s="613"/>
      <c r="TDG647" s="613"/>
      <c r="TDH647" s="613"/>
      <c r="TDI647" s="613"/>
      <c r="TDJ647" s="613"/>
      <c r="TDK647" s="613"/>
      <c r="TDL647" s="613"/>
      <c r="TDM647" s="613"/>
      <c r="TDN647" s="613"/>
      <c r="TDO647" s="613"/>
      <c r="TDP647" s="613"/>
      <c r="TDQ647" s="613"/>
      <c r="TDR647" s="613"/>
      <c r="TDS647" s="613"/>
      <c r="TDT647" s="613"/>
      <c r="TDU647" s="613"/>
      <c r="TDV647" s="613"/>
      <c r="TDW647" s="613"/>
      <c r="TDX647" s="613"/>
      <c r="TDY647" s="613"/>
      <c r="TDZ647" s="613"/>
      <c r="TEA647" s="613"/>
      <c r="TEB647" s="613"/>
      <c r="TEC647" s="613"/>
      <c r="TED647" s="613"/>
      <c r="TEE647" s="613"/>
      <c r="TEF647" s="613"/>
      <c r="TEG647" s="613"/>
      <c r="TEH647" s="613"/>
      <c r="TEI647" s="613"/>
      <c r="TEJ647" s="613"/>
      <c r="TEK647" s="613"/>
      <c r="TEL647" s="613"/>
      <c r="TEM647" s="613"/>
      <c r="TEN647" s="613"/>
      <c r="TEO647" s="613"/>
      <c r="TEP647" s="613"/>
      <c r="TEQ647" s="613"/>
      <c r="TER647" s="613"/>
      <c r="TES647" s="613"/>
      <c r="TET647" s="613"/>
      <c r="TEU647" s="613"/>
      <c r="TEV647" s="613"/>
      <c r="TEW647" s="613"/>
      <c r="TEX647" s="613"/>
      <c r="TEY647" s="613"/>
      <c r="TEZ647" s="613"/>
      <c r="TFA647" s="613"/>
      <c r="TFB647" s="613"/>
      <c r="TFC647" s="613"/>
      <c r="TFD647" s="613"/>
      <c r="TFE647" s="613"/>
      <c r="TFF647" s="613"/>
      <c r="TFG647" s="613"/>
      <c r="TFH647" s="613"/>
      <c r="TFI647" s="613"/>
      <c r="TFJ647" s="613"/>
      <c r="TFK647" s="613"/>
      <c r="TFL647" s="613"/>
      <c r="TFM647" s="613"/>
      <c r="TFN647" s="613"/>
      <c r="TFO647" s="613"/>
      <c r="TFP647" s="613"/>
      <c r="TFQ647" s="613"/>
      <c r="TFR647" s="613"/>
      <c r="TFS647" s="613"/>
      <c r="TFT647" s="613"/>
      <c r="TFU647" s="613"/>
      <c r="TFV647" s="613"/>
      <c r="TFW647" s="613"/>
      <c r="TFX647" s="613"/>
      <c r="TFY647" s="613"/>
      <c r="TFZ647" s="613"/>
      <c r="TGA647" s="613"/>
      <c r="TGB647" s="613"/>
      <c r="TGC647" s="613"/>
      <c r="TGD647" s="613"/>
      <c r="TGE647" s="613"/>
      <c r="TGF647" s="613"/>
      <c r="TGG647" s="613"/>
      <c r="TGH647" s="613"/>
      <c r="TGI647" s="613"/>
      <c r="TGJ647" s="613"/>
      <c r="TGK647" s="613"/>
      <c r="TGL647" s="613"/>
      <c r="TGM647" s="613"/>
      <c r="TGN647" s="613"/>
      <c r="TGO647" s="613"/>
      <c r="TGP647" s="613"/>
      <c r="TGQ647" s="613"/>
      <c r="TGR647" s="613"/>
      <c r="TGS647" s="613"/>
      <c r="TGT647" s="613"/>
      <c r="TGU647" s="613"/>
      <c r="TGV647" s="613"/>
      <c r="TGW647" s="613"/>
      <c r="TGX647" s="613"/>
      <c r="TGY647" s="613"/>
      <c r="TGZ647" s="613"/>
      <c r="THA647" s="613"/>
      <c r="THB647" s="613"/>
      <c r="THC647" s="613"/>
      <c r="THD647" s="613"/>
      <c r="THE647" s="613"/>
      <c r="THF647" s="613"/>
      <c r="THG647" s="613"/>
      <c r="THH647" s="613"/>
      <c r="THI647" s="613"/>
      <c r="THJ647" s="613"/>
      <c r="THK647" s="613"/>
      <c r="THL647" s="613"/>
      <c r="THM647" s="613"/>
      <c r="THN647" s="613"/>
      <c r="THO647" s="613"/>
      <c r="THP647" s="613"/>
      <c r="THQ647" s="613"/>
      <c r="THR647" s="613"/>
      <c r="THS647" s="613"/>
      <c r="THT647" s="613"/>
      <c r="THU647" s="613"/>
      <c r="THV647" s="613"/>
      <c r="THW647" s="613"/>
      <c r="THX647" s="613"/>
      <c r="THY647" s="613"/>
      <c r="THZ647" s="613"/>
      <c r="TIA647" s="613"/>
      <c r="TIB647" s="613"/>
      <c r="TIC647" s="613"/>
      <c r="TID647" s="613"/>
      <c r="TIE647" s="613"/>
      <c r="TIF647" s="613"/>
      <c r="TIG647" s="613"/>
      <c r="TIH647" s="613"/>
      <c r="TII647" s="613"/>
      <c r="TIJ647" s="613"/>
      <c r="TIK647" s="613"/>
      <c r="TIL647" s="613"/>
      <c r="TIM647" s="613"/>
      <c r="TIN647" s="613"/>
      <c r="TIO647" s="613"/>
      <c r="TIP647" s="613"/>
      <c r="TIQ647" s="613"/>
      <c r="TIR647" s="613"/>
      <c r="TIS647" s="613"/>
      <c r="TIT647" s="613"/>
      <c r="TIU647" s="613"/>
      <c r="TIV647" s="613"/>
      <c r="TIW647" s="613"/>
      <c r="TIX647" s="613"/>
      <c r="TIY647" s="613"/>
      <c r="TIZ647" s="613"/>
      <c r="TJA647" s="613"/>
      <c r="TJB647" s="613"/>
      <c r="TJC647" s="613"/>
      <c r="TJD647" s="613"/>
      <c r="TJE647" s="613"/>
      <c r="TJF647" s="613"/>
      <c r="TJG647" s="613"/>
      <c r="TJH647" s="613"/>
      <c r="TJI647" s="613"/>
      <c r="TJJ647" s="613"/>
      <c r="TJK647" s="613"/>
      <c r="TJL647" s="613"/>
      <c r="TJM647" s="613"/>
      <c r="TJN647" s="613"/>
      <c r="TJO647" s="613"/>
      <c r="TJP647" s="613"/>
      <c r="TJQ647" s="613"/>
      <c r="TJR647" s="613"/>
      <c r="TJS647" s="613"/>
      <c r="TJT647" s="613"/>
      <c r="TJU647" s="613"/>
      <c r="TJV647" s="613"/>
      <c r="TJW647" s="613"/>
      <c r="TJX647" s="613"/>
      <c r="TJY647" s="613"/>
      <c r="TJZ647" s="613"/>
      <c r="TKA647" s="613"/>
      <c r="TKB647" s="613"/>
      <c r="TKC647" s="613"/>
      <c r="TKD647" s="613"/>
      <c r="TKE647" s="613"/>
      <c r="TKF647" s="613"/>
      <c r="TKG647" s="613"/>
      <c r="TKH647" s="613"/>
      <c r="TKI647" s="613"/>
      <c r="TKJ647" s="613"/>
      <c r="TKK647" s="613"/>
      <c r="TKL647" s="613"/>
      <c r="TKM647" s="613"/>
      <c r="TKN647" s="613"/>
      <c r="TKO647" s="613"/>
      <c r="TKP647" s="613"/>
      <c r="TKQ647" s="613"/>
      <c r="TKR647" s="613"/>
      <c r="TKS647" s="613"/>
      <c r="TKT647" s="613"/>
      <c r="TKU647" s="613"/>
      <c r="TKV647" s="613"/>
      <c r="TKW647" s="613"/>
      <c r="TKX647" s="613"/>
      <c r="TKY647" s="613"/>
      <c r="TKZ647" s="613"/>
      <c r="TLA647" s="613"/>
      <c r="TLB647" s="613"/>
      <c r="TLC647" s="613"/>
      <c r="TLD647" s="613"/>
      <c r="TLE647" s="613"/>
      <c r="TLF647" s="613"/>
      <c r="TLG647" s="613"/>
      <c r="TLH647" s="613"/>
      <c r="TLI647" s="613"/>
      <c r="TLJ647" s="613"/>
      <c r="TLK647" s="613"/>
      <c r="TLL647" s="613"/>
      <c r="TLM647" s="613"/>
      <c r="TLN647" s="613"/>
      <c r="TLO647" s="613"/>
      <c r="TLP647" s="613"/>
      <c r="TLQ647" s="613"/>
      <c r="TLR647" s="613"/>
      <c r="TLS647" s="613"/>
      <c r="TLT647" s="613"/>
      <c r="TLU647" s="613"/>
      <c r="TLV647" s="613"/>
      <c r="TLW647" s="613"/>
      <c r="TLX647" s="613"/>
      <c r="TLY647" s="613"/>
      <c r="TLZ647" s="613"/>
      <c r="TMA647" s="613"/>
      <c r="TMB647" s="613"/>
      <c r="TMC647" s="613"/>
      <c r="TMD647" s="613"/>
      <c r="TME647" s="613"/>
      <c r="TMF647" s="613"/>
      <c r="TMG647" s="613"/>
      <c r="TMH647" s="613"/>
      <c r="TMI647" s="613"/>
      <c r="TMJ647" s="613"/>
      <c r="TMK647" s="613"/>
      <c r="TML647" s="613"/>
      <c r="TMM647" s="613"/>
      <c r="TMN647" s="613"/>
      <c r="TMO647" s="613"/>
      <c r="TMP647" s="613"/>
      <c r="TMQ647" s="613"/>
      <c r="TMR647" s="613"/>
      <c r="TMS647" s="613"/>
      <c r="TMT647" s="613"/>
      <c r="TMU647" s="613"/>
      <c r="TMV647" s="613"/>
      <c r="TMW647" s="613"/>
      <c r="TMX647" s="613"/>
      <c r="TMY647" s="613"/>
      <c r="TMZ647" s="613"/>
      <c r="TNA647" s="613"/>
      <c r="TNB647" s="613"/>
      <c r="TNC647" s="613"/>
      <c r="TND647" s="613"/>
      <c r="TNE647" s="613"/>
      <c r="TNF647" s="613"/>
      <c r="TNG647" s="613"/>
      <c r="TNH647" s="613"/>
      <c r="TNI647" s="613"/>
      <c r="TNJ647" s="613"/>
      <c r="TNK647" s="613"/>
      <c r="TNL647" s="613"/>
      <c r="TNM647" s="613"/>
      <c r="TNN647" s="613"/>
      <c r="TNO647" s="613"/>
      <c r="TNP647" s="613"/>
      <c r="TNQ647" s="613"/>
      <c r="TNR647" s="613"/>
      <c r="TNS647" s="613"/>
      <c r="TNT647" s="613"/>
      <c r="TNU647" s="613"/>
      <c r="TNV647" s="613"/>
      <c r="TNW647" s="613"/>
      <c r="TNX647" s="613"/>
      <c r="TNY647" s="613"/>
      <c r="TNZ647" s="613"/>
      <c r="TOA647" s="613"/>
      <c r="TOB647" s="613"/>
      <c r="TOC647" s="613"/>
      <c r="TOD647" s="613"/>
      <c r="TOE647" s="613"/>
      <c r="TOF647" s="613"/>
      <c r="TOG647" s="613"/>
      <c r="TOH647" s="613"/>
      <c r="TOI647" s="613"/>
      <c r="TOJ647" s="613"/>
      <c r="TOK647" s="613"/>
      <c r="TOL647" s="613"/>
      <c r="TOM647" s="613"/>
      <c r="TON647" s="613"/>
      <c r="TOO647" s="613"/>
      <c r="TOP647" s="613"/>
      <c r="TOQ647" s="613"/>
      <c r="TOR647" s="613"/>
      <c r="TOS647" s="613"/>
      <c r="TOT647" s="613"/>
      <c r="TOU647" s="613"/>
      <c r="TOV647" s="613"/>
      <c r="TOW647" s="613"/>
      <c r="TOX647" s="613"/>
      <c r="TOY647" s="613"/>
      <c r="TOZ647" s="613"/>
      <c r="TPA647" s="613"/>
      <c r="TPB647" s="613"/>
      <c r="TPC647" s="613"/>
      <c r="TPD647" s="613"/>
      <c r="TPE647" s="613"/>
      <c r="TPF647" s="613"/>
      <c r="TPG647" s="613"/>
      <c r="TPH647" s="613"/>
      <c r="TPI647" s="613"/>
      <c r="TPJ647" s="613"/>
      <c r="TPK647" s="613"/>
      <c r="TPL647" s="613"/>
      <c r="TPM647" s="613"/>
      <c r="TPN647" s="613"/>
      <c r="TPO647" s="613"/>
      <c r="TPP647" s="613"/>
      <c r="TPQ647" s="613"/>
      <c r="TPR647" s="613"/>
      <c r="TPS647" s="613"/>
      <c r="TPT647" s="613"/>
      <c r="TPU647" s="613"/>
      <c r="TPV647" s="613"/>
      <c r="TPW647" s="613"/>
      <c r="TPX647" s="613"/>
      <c r="TPY647" s="613"/>
      <c r="TPZ647" s="613"/>
      <c r="TQA647" s="613"/>
      <c r="TQB647" s="613"/>
      <c r="TQC647" s="613"/>
      <c r="TQD647" s="613"/>
      <c r="TQE647" s="613"/>
      <c r="TQF647" s="613"/>
      <c r="TQG647" s="613"/>
      <c r="TQH647" s="613"/>
      <c r="TQI647" s="613"/>
      <c r="TQJ647" s="613"/>
      <c r="TQK647" s="613"/>
      <c r="TQL647" s="613"/>
      <c r="TQM647" s="613"/>
      <c r="TQN647" s="613"/>
      <c r="TQO647" s="613"/>
      <c r="TQP647" s="613"/>
      <c r="TQQ647" s="613"/>
      <c r="TQR647" s="613"/>
      <c r="TQS647" s="613"/>
      <c r="TQT647" s="613"/>
      <c r="TQU647" s="613"/>
      <c r="TQV647" s="613"/>
      <c r="TQW647" s="613"/>
      <c r="TQX647" s="613"/>
      <c r="TQY647" s="613"/>
      <c r="TQZ647" s="613"/>
      <c r="TRA647" s="613"/>
      <c r="TRB647" s="613"/>
      <c r="TRC647" s="613"/>
      <c r="TRD647" s="613"/>
      <c r="TRE647" s="613"/>
      <c r="TRF647" s="613"/>
      <c r="TRG647" s="613"/>
      <c r="TRH647" s="613"/>
      <c r="TRI647" s="613"/>
      <c r="TRJ647" s="613"/>
      <c r="TRK647" s="613"/>
      <c r="TRL647" s="613"/>
      <c r="TRM647" s="613"/>
      <c r="TRN647" s="613"/>
      <c r="TRO647" s="613"/>
      <c r="TRP647" s="613"/>
      <c r="TRQ647" s="613"/>
      <c r="TRR647" s="613"/>
      <c r="TRS647" s="613"/>
      <c r="TRT647" s="613"/>
      <c r="TRU647" s="613"/>
      <c r="TRV647" s="613"/>
      <c r="TRW647" s="613"/>
      <c r="TRX647" s="613"/>
      <c r="TRY647" s="613"/>
      <c r="TRZ647" s="613"/>
      <c r="TSA647" s="613"/>
      <c r="TSB647" s="613"/>
      <c r="TSC647" s="613"/>
      <c r="TSD647" s="613"/>
      <c r="TSE647" s="613"/>
      <c r="TSF647" s="613"/>
      <c r="TSG647" s="613"/>
      <c r="TSH647" s="613"/>
      <c r="TSI647" s="613"/>
      <c r="TSJ647" s="613"/>
      <c r="TSK647" s="613"/>
      <c r="TSL647" s="613"/>
      <c r="TSM647" s="613"/>
      <c r="TSN647" s="613"/>
      <c r="TSO647" s="613"/>
      <c r="TSP647" s="613"/>
      <c r="TSQ647" s="613"/>
      <c r="TSR647" s="613"/>
      <c r="TSS647" s="613"/>
      <c r="TST647" s="613"/>
      <c r="TSU647" s="613"/>
      <c r="TSV647" s="613"/>
      <c r="TSW647" s="613"/>
      <c r="TSX647" s="613"/>
      <c r="TSY647" s="613"/>
      <c r="TSZ647" s="613"/>
      <c r="TTA647" s="613"/>
      <c r="TTB647" s="613"/>
      <c r="TTC647" s="613"/>
      <c r="TTD647" s="613"/>
      <c r="TTE647" s="613"/>
      <c r="TTF647" s="613"/>
      <c r="TTG647" s="613"/>
      <c r="TTH647" s="613"/>
      <c r="TTI647" s="613"/>
      <c r="TTJ647" s="613"/>
      <c r="TTK647" s="613"/>
      <c r="TTL647" s="613"/>
      <c r="TTM647" s="613"/>
      <c r="TTN647" s="613"/>
      <c r="TTO647" s="613"/>
      <c r="TTP647" s="613"/>
      <c r="TTQ647" s="613"/>
      <c r="TTR647" s="613"/>
      <c r="TTS647" s="613"/>
      <c r="TTT647" s="613"/>
      <c r="TTU647" s="613"/>
      <c r="TTV647" s="613"/>
      <c r="TTW647" s="613"/>
      <c r="TTX647" s="613"/>
      <c r="TTY647" s="613"/>
      <c r="TTZ647" s="613"/>
      <c r="TUA647" s="613"/>
      <c r="TUB647" s="613"/>
      <c r="TUC647" s="613"/>
      <c r="TUD647" s="613"/>
      <c r="TUE647" s="613"/>
      <c r="TUF647" s="613"/>
      <c r="TUG647" s="613"/>
      <c r="TUH647" s="613"/>
      <c r="TUI647" s="613"/>
      <c r="TUJ647" s="613"/>
      <c r="TUK647" s="613"/>
      <c r="TUL647" s="613"/>
      <c r="TUM647" s="613"/>
      <c r="TUN647" s="613"/>
      <c r="TUO647" s="613"/>
      <c r="TUP647" s="613"/>
      <c r="TUQ647" s="613"/>
      <c r="TUR647" s="613"/>
      <c r="TUS647" s="613"/>
      <c r="TUT647" s="613"/>
      <c r="TUU647" s="613"/>
      <c r="TUV647" s="613"/>
      <c r="TUW647" s="613"/>
      <c r="TUX647" s="613"/>
      <c r="TUY647" s="613"/>
      <c r="TUZ647" s="613"/>
      <c r="TVA647" s="613"/>
      <c r="TVB647" s="613"/>
      <c r="TVC647" s="613"/>
      <c r="TVD647" s="613"/>
      <c r="TVE647" s="613"/>
      <c r="TVF647" s="613"/>
      <c r="TVG647" s="613"/>
      <c r="TVH647" s="613"/>
      <c r="TVI647" s="613"/>
      <c r="TVJ647" s="613"/>
      <c r="TVK647" s="613"/>
      <c r="TVL647" s="613"/>
      <c r="TVM647" s="613"/>
      <c r="TVN647" s="613"/>
      <c r="TVO647" s="613"/>
      <c r="TVP647" s="613"/>
      <c r="TVQ647" s="613"/>
      <c r="TVR647" s="613"/>
      <c r="TVS647" s="613"/>
      <c r="TVT647" s="613"/>
      <c r="TVU647" s="613"/>
      <c r="TVV647" s="613"/>
      <c r="TVW647" s="613"/>
      <c r="TVX647" s="613"/>
      <c r="TVY647" s="613"/>
      <c r="TVZ647" s="613"/>
      <c r="TWA647" s="613"/>
      <c r="TWB647" s="613"/>
      <c r="TWC647" s="613"/>
      <c r="TWD647" s="613"/>
      <c r="TWE647" s="613"/>
      <c r="TWF647" s="613"/>
      <c r="TWG647" s="613"/>
      <c r="TWH647" s="613"/>
      <c r="TWI647" s="613"/>
      <c r="TWJ647" s="613"/>
      <c r="TWK647" s="613"/>
      <c r="TWL647" s="613"/>
      <c r="TWM647" s="613"/>
      <c r="TWN647" s="613"/>
      <c r="TWO647" s="613"/>
      <c r="TWP647" s="613"/>
      <c r="TWQ647" s="613"/>
      <c r="TWR647" s="613"/>
      <c r="TWS647" s="613"/>
      <c r="TWT647" s="613"/>
      <c r="TWU647" s="613"/>
      <c r="TWV647" s="613"/>
      <c r="TWW647" s="613"/>
      <c r="TWX647" s="613"/>
      <c r="TWY647" s="613"/>
      <c r="TWZ647" s="613"/>
      <c r="TXA647" s="613"/>
      <c r="TXB647" s="613"/>
      <c r="TXC647" s="613"/>
      <c r="TXD647" s="613"/>
      <c r="TXE647" s="613"/>
      <c r="TXF647" s="613"/>
      <c r="TXG647" s="613"/>
      <c r="TXH647" s="613"/>
      <c r="TXI647" s="613"/>
      <c r="TXJ647" s="613"/>
      <c r="TXK647" s="613"/>
      <c r="TXL647" s="613"/>
      <c r="TXM647" s="613"/>
      <c r="TXN647" s="613"/>
      <c r="TXO647" s="613"/>
      <c r="TXP647" s="613"/>
      <c r="TXQ647" s="613"/>
      <c r="TXR647" s="613"/>
      <c r="TXS647" s="613"/>
      <c r="TXT647" s="613"/>
      <c r="TXU647" s="613"/>
      <c r="TXV647" s="613"/>
      <c r="TXW647" s="613"/>
      <c r="TXX647" s="613"/>
      <c r="TXY647" s="613"/>
      <c r="TXZ647" s="613"/>
      <c r="TYA647" s="613"/>
      <c r="TYB647" s="613"/>
      <c r="TYC647" s="613"/>
      <c r="TYD647" s="613"/>
      <c r="TYE647" s="613"/>
      <c r="TYF647" s="613"/>
      <c r="TYG647" s="613"/>
      <c r="TYH647" s="613"/>
      <c r="TYI647" s="613"/>
      <c r="TYJ647" s="613"/>
      <c r="TYK647" s="613"/>
      <c r="TYL647" s="613"/>
      <c r="TYM647" s="613"/>
      <c r="TYN647" s="613"/>
      <c r="TYO647" s="613"/>
      <c r="TYP647" s="613"/>
      <c r="TYQ647" s="613"/>
      <c r="TYR647" s="613"/>
      <c r="TYS647" s="613"/>
      <c r="TYT647" s="613"/>
      <c r="TYU647" s="613"/>
      <c r="TYV647" s="613"/>
      <c r="TYW647" s="613"/>
      <c r="TYX647" s="613"/>
      <c r="TYY647" s="613"/>
      <c r="TYZ647" s="613"/>
      <c r="TZA647" s="613"/>
      <c r="TZB647" s="613"/>
      <c r="TZC647" s="613"/>
      <c r="TZD647" s="613"/>
      <c r="TZE647" s="613"/>
      <c r="TZF647" s="613"/>
      <c r="TZG647" s="613"/>
      <c r="TZH647" s="613"/>
      <c r="TZI647" s="613"/>
      <c r="TZJ647" s="613"/>
      <c r="TZK647" s="613"/>
      <c r="TZL647" s="613"/>
      <c r="TZM647" s="613"/>
      <c r="TZN647" s="613"/>
      <c r="TZO647" s="613"/>
      <c r="TZP647" s="613"/>
      <c r="TZQ647" s="613"/>
      <c r="TZR647" s="613"/>
      <c r="TZS647" s="613"/>
      <c r="TZT647" s="613"/>
      <c r="TZU647" s="613"/>
      <c r="TZV647" s="613"/>
      <c r="TZW647" s="613"/>
      <c r="TZX647" s="613"/>
      <c r="TZY647" s="613"/>
      <c r="TZZ647" s="613"/>
      <c r="UAA647" s="613"/>
      <c r="UAB647" s="613"/>
      <c r="UAC647" s="613"/>
      <c r="UAD647" s="613"/>
      <c r="UAE647" s="613"/>
      <c r="UAF647" s="613"/>
      <c r="UAG647" s="613"/>
      <c r="UAH647" s="613"/>
      <c r="UAI647" s="613"/>
      <c r="UAJ647" s="613"/>
      <c r="UAK647" s="613"/>
      <c r="UAL647" s="613"/>
      <c r="UAM647" s="613"/>
      <c r="UAN647" s="613"/>
      <c r="UAO647" s="613"/>
      <c r="UAP647" s="613"/>
      <c r="UAQ647" s="613"/>
      <c r="UAR647" s="613"/>
      <c r="UAS647" s="613"/>
      <c r="UAT647" s="613"/>
      <c r="UAU647" s="613"/>
      <c r="UAV647" s="613"/>
      <c r="UAW647" s="613"/>
      <c r="UAX647" s="613"/>
      <c r="UAY647" s="613"/>
      <c r="UAZ647" s="613"/>
      <c r="UBA647" s="613"/>
      <c r="UBB647" s="613"/>
      <c r="UBC647" s="613"/>
      <c r="UBD647" s="613"/>
      <c r="UBE647" s="613"/>
      <c r="UBF647" s="613"/>
      <c r="UBG647" s="613"/>
      <c r="UBH647" s="613"/>
      <c r="UBI647" s="613"/>
      <c r="UBJ647" s="613"/>
      <c r="UBK647" s="613"/>
      <c r="UBL647" s="613"/>
      <c r="UBM647" s="613"/>
      <c r="UBN647" s="613"/>
      <c r="UBO647" s="613"/>
      <c r="UBP647" s="613"/>
      <c r="UBQ647" s="613"/>
      <c r="UBR647" s="613"/>
      <c r="UBS647" s="613"/>
      <c r="UBT647" s="613"/>
      <c r="UBU647" s="613"/>
      <c r="UBV647" s="613"/>
      <c r="UBW647" s="613"/>
      <c r="UBX647" s="613"/>
      <c r="UBY647" s="613"/>
      <c r="UBZ647" s="613"/>
      <c r="UCA647" s="613"/>
      <c r="UCB647" s="613"/>
      <c r="UCC647" s="613"/>
      <c r="UCD647" s="613"/>
      <c r="UCE647" s="613"/>
      <c r="UCF647" s="613"/>
      <c r="UCG647" s="613"/>
      <c r="UCH647" s="613"/>
      <c r="UCI647" s="613"/>
      <c r="UCJ647" s="613"/>
      <c r="UCK647" s="613"/>
      <c r="UCL647" s="613"/>
      <c r="UCM647" s="613"/>
      <c r="UCN647" s="613"/>
      <c r="UCO647" s="613"/>
      <c r="UCP647" s="613"/>
      <c r="UCQ647" s="613"/>
      <c r="UCR647" s="613"/>
      <c r="UCS647" s="613"/>
      <c r="UCT647" s="613"/>
      <c r="UCU647" s="613"/>
      <c r="UCV647" s="613"/>
      <c r="UCW647" s="613"/>
      <c r="UCX647" s="613"/>
      <c r="UCY647" s="613"/>
      <c r="UCZ647" s="613"/>
      <c r="UDA647" s="613"/>
      <c r="UDB647" s="613"/>
      <c r="UDC647" s="613"/>
      <c r="UDD647" s="613"/>
      <c r="UDE647" s="613"/>
      <c r="UDF647" s="613"/>
      <c r="UDG647" s="613"/>
      <c r="UDH647" s="613"/>
      <c r="UDI647" s="613"/>
      <c r="UDJ647" s="613"/>
      <c r="UDK647" s="613"/>
      <c r="UDL647" s="613"/>
      <c r="UDM647" s="613"/>
      <c r="UDN647" s="613"/>
      <c r="UDO647" s="613"/>
      <c r="UDP647" s="613"/>
      <c r="UDQ647" s="613"/>
      <c r="UDR647" s="613"/>
      <c r="UDS647" s="613"/>
      <c r="UDT647" s="613"/>
      <c r="UDU647" s="613"/>
      <c r="UDV647" s="613"/>
      <c r="UDW647" s="613"/>
      <c r="UDX647" s="613"/>
      <c r="UDY647" s="613"/>
      <c r="UDZ647" s="613"/>
      <c r="UEA647" s="613"/>
      <c r="UEB647" s="613"/>
      <c r="UEC647" s="613"/>
      <c r="UED647" s="613"/>
      <c r="UEE647" s="613"/>
      <c r="UEF647" s="613"/>
      <c r="UEG647" s="613"/>
      <c r="UEH647" s="613"/>
      <c r="UEI647" s="613"/>
      <c r="UEJ647" s="613"/>
      <c r="UEK647" s="613"/>
      <c r="UEL647" s="613"/>
      <c r="UEM647" s="613"/>
      <c r="UEN647" s="613"/>
      <c r="UEO647" s="613"/>
      <c r="UEP647" s="613"/>
      <c r="UEQ647" s="613"/>
      <c r="UER647" s="613"/>
      <c r="UES647" s="613"/>
      <c r="UET647" s="613"/>
      <c r="UEU647" s="613"/>
      <c r="UEV647" s="613"/>
      <c r="UEW647" s="613"/>
      <c r="UEX647" s="613"/>
      <c r="UEY647" s="613"/>
      <c r="UEZ647" s="613"/>
      <c r="UFA647" s="613"/>
      <c r="UFB647" s="613"/>
      <c r="UFC647" s="613"/>
      <c r="UFD647" s="613"/>
      <c r="UFE647" s="613"/>
      <c r="UFF647" s="613"/>
      <c r="UFG647" s="613"/>
      <c r="UFH647" s="613"/>
      <c r="UFI647" s="613"/>
      <c r="UFJ647" s="613"/>
      <c r="UFK647" s="613"/>
      <c r="UFL647" s="613"/>
      <c r="UFM647" s="613"/>
      <c r="UFN647" s="613"/>
      <c r="UFO647" s="613"/>
      <c r="UFP647" s="613"/>
      <c r="UFQ647" s="613"/>
      <c r="UFR647" s="613"/>
      <c r="UFS647" s="613"/>
      <c r="UFT647" s="613"/>
      <c r="UFU647" s="613"/>
      <c r="UFV647" s="613"/>
      <c r="UFW647" s="613"/>
      <c r="UFX647" s="613"/>
      <c r="UFY647" s="613"/>
      <c r="UFZ647" s="613"/>
      <c r="UGA647" s="613"/>
      <c r="UGB647" s="613"/>
      <c r="UGC647" s="613"/>
      <c r="UGD647" s="613"/>
      <c r="UGE647" s="613"/>
      <c r="UGF647" s="613"/>
      <c r="UGG647" s="613"/>
      <c r="UGH647" s="613"/>
      <c r="UGI647" s="613"/>
      <c r="UGJ647" s="613"/>
      <c r="UGK647" s="613"/>
      <c r="UGL647" s="613"/>
      <c r="UGM647" s="613"/>
      <c r="UGN647" s="613"/>
      <c r="UGO647" s="613"/>
      <c r="UGP647" s="613"/>
      <c r="UGQ647" s="613"/>
      <c r="UGR647" s="613"/>
      <c r="UGS647" s="613"/>
      <c r="UGT647" s="613"/>
      <c r="UGU647" s="613"/>
      <c r="UGV647" s="613"/>
      <c r="UGW647" s="613"/>
      <c r="UGX647" s="613"/>
      <c r="UGY647" s="613"/>
      <c r="UGZ647" s="613"/>
      <c r="UHA647" s="613"/>
      <c r="UHB647" s="613"/>
      <c r="UHC647" s="613"/>
      <c r="UHD647" s="613"/>
      <c r="UHE647" s="613"/>
      <c r="UHF647" s="613"/>
      <c r="UHG647" s="613"/>
      <c r="UHH647" s="613"/>
      <c r="UHI647" s="613"/>
      <c r="UHJ647" s="613"/>
      <c r="UHK647" s="613"/>
      <c r="UHL647" s="613"/>
      <c r="UHM647" s="613"/>
      <c r="UHN647" s="613"/>
      <c r="UHO647" s="613"/>
      <c r="UHP647" s="613"/>
      <c r="UHQ647" s="613"/>
      <c r="UHR647" s="613"/>
      <c r="UHS647" s="613"/>
      <c r="UHT647" s="613"/>
      <c r="UHU647" s="613"/>
      <c r="UHV647" s="613"/>
      <c r="UHW647" s="613"/>
      <c r="UHX647" s="613"/>
      <c r="UHY647" s="613"/>
      <c r="UHZ647" s="613"/>
      <c r="UIA647" s="613"/>
      <c r="UIB647" s="613"/>
      <c r="UIC647" s="613"/>
      <c r="UID647" s="613"/>
      <c r="UIE647" s="613"/>
      <c r="UIF647" s="613"/>
      <c r="UIG647" s="613"/>
      <c r="UIH647" s="613"/>
      <c r="UII647" s="613"/>
      <c r="UIJ647" s="613"/>
      <c r="UIK647" s="613"/>
      <c r="UIL647" s="613"/>
      <c r="UIM647" s="613"/>
      <c r="UIN647" s="613"/>
      <c r="UIO647" s="613"/>
      <c r="UIP647" s="613"/>
      <c r="UIQ647" s="613"/>
      <c r="UIR647" s="613"/>
      <c r="UIS647" s="613"/>
      <c r="UIT647" s="613"/>
      <c r="UIU647" s="613"/>
      <c r="UIV647" s="613"/>
      <c r="UIW647" s="613"/>
      <c r="UIX647" s="613"/>
      <c r="UIY647" s="613"/>
      <c r="UIZ647" s="613"/>
      <c r="UJA647" s="613"/>
      <c r="UJB647" s="613"/>
      <c r="UJC647" s="613"/>
      <c r="UJD647" s="613"/>
      <c r="UJE647" s="613"/>
      <c r="UJF647" s="613"/>
      <c r="UJG647" s="613"/>
      <c r="UJH647" s="613"/>
      <c r="UJI647" s="613"/>
      <c r="UJJ647" s="613"/>
      <c r="UJK647" s="613"/>
      <c r="UJL647" s="613"/>
      <c r="UJM647" s="613"/>
      <c r="UJN647" s="613"/>
      <c r="UJO647" s="613"/>
      <c r="UJP647" s="613"/>
      <c r="UJQ647" s="613"/>
      <c r="UJR647" s="613"/>
      <c r="UJS647" s="613"/>
      <c r="UJT647" s="613"/>
      <c r="UJU647" s="613"/>
      <c r="UJV647" s="613"/>
      <c r="UJW647" s="613"/>
      <c r="UJX647" s="613"/>
      <c r="UJY647" s="613"/>
      <c r="UJZ647" s="613"/>
      <c r="UKA647" s="613"/>
      <c r="UKB647" s="613"/>
      <c r="UKC647" s="613"/>
      <c r="UKD647" s="613"/>
      <c r="UKE647" s="613"/>
      <c r="UKF647" s="613"/>
      <c r="UKG647" s="613"/>
      <c r="UKH647" s="613"/>
      <c r="UKI647" s="613"/>
      <c r="UKJ647" s="613"/>
      <c r="UKK647" s="613"/>
      <c r="UKL647" s="613"/>
      <c r="UKM647" s="613"/>
      <c r="UKN647" s="613"/>
      <c r="UKO647" s="613"/>
      <c r="UKP647" s="613"/>
      <c r="UKQ647" s="613"/>
      <c r="UKR647" s="613"/>
      <c r="UKS647" s="613"/>
      <c r="UKT647" s="613"/>
      <c r="UKU647" s="613"/>
      <c r="UKV647" s="613"/>
      <c r="UKW647" s="613"/>
      <c r="UKX647" s="613"/>
      <c r="UKY647" s="613"/>
      <c r="UKZ647" s="613"/>
      <c r="ULA647" s="613"/>
      <c r="ULB647" s="613"/>
      <c r="ULC647" s="613"/>
      <c r="ULD647" s="613"/>
      <c r="ULE647" s="613"/>
      <c r="ULF647" s="613"/>
      <c r="ULG647" s="613"/>
      <c r="ULH647" s="613"/>
      <c r="ULI647" s="613"/>
      <c r="ULJ647" s="613"/>
      <c r="ULK647" s="613"/>
      <c r="ULL647" s="613"/>
      <c r="ULM647" s="613"/>
      <c r="ULN647" s="613"/>
      <c r="ULO647" s="613"/>
      <c r="ULP647" s="613"/>
      <c r="ULQ647" s="613"/>
      <c r="ULR647" s="613"/>
      <c r="ULS647" s="613"/>
      <c r="ULT647" s="613"/>
      <c r="ULU647" s="613"/>
      <c r="ULV647" s="613"/>
      <c r="ULW647" s="613"/>
      <c r="ULX647" s="613"/>
      <c r="ULY647" s="613"/>
      <c r="ULZ647" s="613"/>
      <c r="UMA647" s="613"/>
      <c r="UMB647" s="613"/>
      <c r="UMC647" s="613"/>
      <c r="UMD647" s="613"/>
      <c r="UME647" s="613"/>
      <c r="UMF647" s="613"/>
      <c r="UMG647" s="613"/>
      <c r="UMH647" s="613"/>
      <c r="UMI647" s="613"/>
      <c r="UMJ647" s="613"/>
      <c r="UMK647" s="613"/>
      <c r="UML647" s="613"/>
      <c r="UMM647" s="613"/>
      <c r="UMN647" s="613"/>
      <c r="UMO647" s="613"/>
      <c r="UMP647" s="613"/>
      <c r="UMQ647" s="613"/>
      <c r="UMR647" s="613"/>
      <c r="UMS647" s="613"/>
      <c r="UMT647" s="613"/>
      <c r="UMU647" s="613"/>
      <c r="UMV647" s="613"/>
      <c r="UMW647" s="613"/>
      <c r="UMX647" s="613"/>
      <c r="UMY647" s="613"/>
      <c r="UMZ647" s="613"/>
      <c r="UNA647" s="613"/>
      <c r="UNB647" s="613"/>
      <c r="UNC647" s="613"/>
      <c r="UND647" s="613"/>
      <c r="UNE647" s="613"/>
      <c r="UNF647" s="613"/>
      <c r="UNG647" s="613"/>
      <c r="UNH647" s="613"/>
      <c r="UNI647" s="613"/>
      <c r="UNJ647" s="613"/>
      <c r="UNK647" s="613"/>
      <c r="UNL647" s="613"/>
      <c r="UNM647" s="613"/>
      <c r="UNN647" s="613"/>
      <c r="UNO647" s="613"/>
      <c r="UNP647" s="613"/>
      <c r="UNQ647" s="613"/>
      <c r="UNR647" s="613"/>
      <c r="UNS647" s="613"/>
      <c r="UNT647" s="613"/>
      <c r="UNU647" s="613"/>
      <c r="UNV647" s="613"/>
      <c r="UNW647" s="613"/>
      <c r="UNX647" s="613"/>
      <c r="UNY647" s="613"/>
      <c r="UNZ647" s="613"/>
      <c r="UOA647" s="613"/>
      <c r="UOB647" s="613"/>
      <c r="UOC647" s="613"/>
      <c r="UOD647" s="613"/>
      <c r="UOE647" s="613"/>
      <c r="UOF647" s="613"/>
      <c r="UOG647" s="613"/>
      <c r="UOH647" s="613"/>
      <c r="UOI647" s="613"/>
      <c r="UOJ647" s="613"/>
      <c r="UOK647" s="613"/>
      <c r="UOL647" s="613"/>
      <c r="UOM647" s="613"/>
      <c r="UON647" s="613"/>
      <c r="UOO647" s="613"/>
      <c r="UOP647" s="613"/>
      <c r="UOQ647" s="613"/>
      <c r="UOR647" s="613"/>
      <c r="UOS647" s="613"/>
      <c r="UOT647" s="613"/>
      <c r="UOU647" s="613"/>
      <c r="UOV647" s="613"/>
      <c r="UOW647" s="613"/>
      <c r="UOX647" s="613"/>
      <c r="UOY647" s="613"/>
      <c r="UOZ647" s="613"/>
      <c r="UPA647" s="613"/>
      <c r="UPB647" s="613"/>
      <c r="UPC647" s="613"/>
      <c r="UPD647" s="613"/>
      <c r="UPE647" s="613"/>
      <c r="UPF647" s="613"/>
      <c r="UPG647" s="613"/>
      <c r="UPH647" s="613"/>
      <c r="UPI647" s="613"/>
      <c r="UPJ647" s="613"/>
      <c r="UPK647" s="613"/>
      <c r="UPL647" s="613"/>
      <c r="UPM647" s="613"/>
      <c r="UPN647" s="613"/>
      <c r="UPO647" s="613"/>
      <c r="UPP647" s="613"/>
      <c r="UPQ647" s="613"/>
      <c r="UPR647" s="613"/>
      <c r="UPS647" s="613"/>
      <c r="UPT647" s="613"/>
      <c r="UPU647" s="613"/>
      <c r="UPV647" s="613"/>
      <c r="UPW647" s="613"/>
      <c r="UPX647" s="613"/>
      <c r="UPY647" s="613"/>
      <c r="UPZ647" s="613"/>
      <c r="UQA647" s="613"/>
      <c r="UQB647" s="613"/>
      <c r="UQC647" s="613"/>
      <c r="UQD647" s="613"/>
      <c r="UQE647" s="613"/>
      <c r="UQF647" s="613"/>
      <c r="UQG647" s="613"/>
      <c r="UQH647" s="613"/>
      <c r="UQI647" s="613"/>
      <c r="UQJ647" s="613"/>
      <c r="UQK647" s="613"/>
      <c r="UQL647" s="613"/>
      <c r="UQM647" s="613"/>
      <c r="UQN647" s="613"/>
      <c r="UQO647" s="613"/>
      <c r="UQP647" s="613"/>
      <c r="UQQ647" s="613"/>
      <c r="UQR647" s="613"/>
      <c r="UQS647" s="613"/>
      <c r="UQT647" s="613"/>
      <c r="UQU647" s="613"/>
      <c r="UQV647" s="613"/>
      <c r="UQW647" s="613"/>
      <c r="UQX647" s="613"/>
      <c r="UQY647" s="613"/>
      <c r="UQZ647" s="613"/>
      <c r="URA647" s="613"/>
      <c r="URB647" s="613"/>
      <c r="URC647" s="613"/>
      <c r="URD647" s="613"/>
      <c r="URE647" s="613"/>
      <c r="URF647" s="613"/>
      <c r="URG647" s="613"/>
      <c r="URH647" s="613"/>
      <c r="URI647" s="613"/>
      <c r="URJ647" s="613"/>
      <c r="URK647" s="613"/>
      <c r="URL647" s="613"/>
      <c r="URM647" s="613"/>
      <c r="URN647" s="613"/>
      <c r="URO647" s="613"/>
      <c r="URP647" s="613"/>
      <c r="URQ647" s="613"/>
      <c r="URR647" s="613"/>
      <c r="URS647" s="613"/>
      <c r="URT647" s="613"/>
      <c r="URU647" s="613"/>
      <c r="URV647" s="613"/>
      <c r="URW647" s="613"/>
      <c r="URX647" s="613"/>
      <c r="URY647" s="613"/>
      <c r="URZ647" s="613"/>
      <c r="USA647" s="613"/>
      <c r="USB647" s="613"/>
      <c r="USC647" s="613"/>
      <c r="USD647" s="613"/>
      <c r="USE647" s="613"/>
      <c r="USF647" s="613"/>
      <c r="USG647" s="613"/>
      <c r="USH647" s="613"/>
      <c r="USI647" s="613"/>
      <c r="USJ647" s="613"/>
      <c r="USK647" s="613"/>
      <c r="USL647" s="613"/>
      <c r="USM647" s="613"/>
      <c r="USN647" s="613"/>
      <c r="USO647" s="613"/>
      <c r="USP647" s="613"/>
      <c r="USQ647" s="613"/>
      <c r="USR647" s="613"/>
      <c r="USS647" s="613"/>
      <c r="UST647" s="613"/>
      <c r="USU647" s="613"/>
      <c r="USV647" s="613"/>
      <c r="USW647" s="613"/>
      <c r="USX647" s="613"/>
      <c r="USY647" s="613"/>
      <c r="USZ647" s="613"/>
      <c r="UTA647" s="613"/>
      <c r="UTB647" s="613"/>
      <c r="UTC647" s="613"/>
      <c r="UTD647" s="613"/>
      <c r="UTE647" s="613"/>
      <c r="UTF647" s="613"/>
      <c r="UTG647" s="613"/>
      <c r="UTH647" s="613"/>
      <c r="UTI647" s="613"/>
      <c r="UTJ647" s="613"/>
      <c r="UTK647" s="613"/>
      <c r="UTL647" s="613"/>
      <c r="UTM647" s="613"/>
      <c r="UTN647" s="613"/>
      <c r="UTO647" s="613"/>
      <c r="UTP647" s="613"/>
      <c r="UTQ647" s="613"/>
      <c r="UTR647" s="613"/>
      <c r="UTS647" s="613"/>
      <c r="UTT647" s="613"/>
      <c r="UTU647" s="613"/>
      <c r="UTV647" s="613"/>
      <c r="UTW647" s="613"/>
      <c r="UTX647" s="613"/>
      <c r="UTY647" s="613"/>
      <c r="UTZ647" s="613"/>
      <c r="UUA647" s="613"/>
      <c r="UUB647" s="613"/>
      <c r="UUC647" s="613"/>
      <c r="UUD647" s="613"/>
      <c r="UUE647" s="613"/>
      <c r="UUF647" s="613"/>
      <c r="UUG647" s="613"/>
      <c r="UUH647" s="613"/>
      <c r="UUI647" s="613"/>
      <c r="UUJ647" s="613"/>
      <c r="UUK647" s="613"/>
      <c r="UUL647" s="613"/>
      <c r="UUM647" s="613"/>
      <c r="UUN647" s="613"/>
      <c r="UUO647" s="613"/>
      <c r="UUP647" s="613"/>
      <c r="UUQ647" s="613"/>
      <c r="UUR647" s="613"/>
      <c r="UUS647" s="613"/>
      <c r="UUT647" s="613"/>
      <c r="UUU647" s="613"/>
      <c r="UUV647" s="613"/>
      <c r="UUW647" s="613"/>
      <c r="UUX647" s="613"/>
      <c r="UUY647" s="613"/>
      <c r="UUZ647" s="613"/>
      <c r="UVA647" s="613"/>
      <c r="UVB647" s="613"/>
      <c r="UVC647" s="613"/>
      <c r="UVD647" s="613"/>
      <c r="UVE647" s="613"/>
      <c r="UVF647" s="613"/>
      <c r="UVG647" s="613"/>
      <c r="UVH647" s="613"/>
      <c r="UVI647" s="613"/>
      <c r="UVJ647" s="613"/>
      <c r="UVK647" s="613"/>
      <c r="UVL647" s="613"/>
      <c r="UVM647" s="613"/>
      <c r="UVN647" s="613"/>
      <c r="UVO647" s="613"/>
      <c r="UVP647" s="613"/>
      <c r="UVQ647" s="613"/>
      <c r="UVR647" s="613"/>
      <c r="UVS647" s="613"/>
      <c r="UVT647" s="613"/>
      <c r="UVU647" s="613"/>
      <c r="UVV647" s="613"/>
      <c r="UVW647" s="613"/>
      <c r="UVX647" s="613"/>
      <c r="UVY647" s="613"/>
      <c r="UVZ647" s="613"/>
      <c r="UWA647" s="613"/>
      <c r="UWB647" s="613"/>
      <c r="UWC647" s="613"/>
      <c r="UWD647" s="613"/>
      <c r="UWE647" s="613"/>
      <c r="UWF647" s="613"/>
      <c r="UWG647" s="613"/>
      <c r="UWH647" s="613"/>
      <c r="UWI647" s="613"/>
      <c r="UWJ647" s="613"/>
      <c r="UWK647" s="613"/>
      <c r="UWL647" s="613"/>
      <c r="UWM647" s="613"/>
      <c r="UWN647" s="613"/>
      <c r="UWO647" s="613"/>
      <c r="UWP647" s="613"/>
      <c r="UWQ647" s="613"/>
      <c r="UWR647" s="613"/>
      <c r="UWS647" s="613"/>
      <c r="UWT647" s="613"/>
      <c r="UWU647" s="613"/>
      <c r="UWV647" s="613"/>
      <c r="UWW647" s="613"/>
      <c r="UWX647" s="613"/>
      <c r="UWY647" s="613"/>
      <c r="UWZ647" s="613"/>
      <c r="UXA647" s="613"/>
      <c r="UXB647" s="613"/>
      <c r="UXC647" s="613"/>
      <c r="UXD647" s="613"/>
      <c r="UXE647" s="613"/>
      <c r="UXF647" s="613"/>
      <c r="UXG647" s="613"/>
      <c r="UXH647" s="613"/>
      <c r="UXI647" s="613"/>
      <c r="UXJ647" s="613"/>
      <c r="UXK647" s="613"/>
      <c r="UXL647" s="613"/>
      <c r="UXM647" s="613"/>
      <c r="UXN647" s="613"/>
      <c r="UXO647" s="613"/>
      <c r="UXP647" s="613"/>
      <c r="UXQ647" s="613"/>
      <c r="UXR647" s="613"/>
      <c r="UXS647" s="613"/>
      <c r="UXT647" s="613"/>
      <c r="UXU647" s="613"/>
      <c r="UXV647" s="613"/>
      <c r="UXW647" s="613"/>
      <c r="UXX647" s="613"/>
      <c r="UXY647" s="613"/>
      <c r="UXZ647" s="613"/>
      <c r="UYA647" s="613"/>
      <c r="UYB647" s="613"/>
      <c r="UYC647" s="613"/>
      <c r="UYD647" s="613"/>
      <c r="UYE647" s="613"/>
      <c r="UYF647" s="613"/>
      <c r="UYG647" s="613"/>
      <c r="UYH647" s="613"/>
      <c r="UYI647" s="613"/>
      <c r="UYJ647" s="613"/>
      <c r="UYK647" s="613"/>
      <c r="UYL647" s="613"/>
      <c r="UYM647" s="613"/>
      <c r="UYN647" s="613"/>
      <c r="UYO647" s="613"/>
      <c r="UYP647" s="613"/>
      <c r="UYQ647" s="613"/>
      <c r="UYR647" s="613"/>
      <c r="UYS647" s="613"/>
      <c r="UYT647" s="613"/>
      <c r="UYU647" s="613"/>
      <c r="UYV647" s="613"/>
      <c r="UYW647" s="613"/>
      <c r="UYX647" s="613"/>
      <c r="UYY647" s="613"/>
      <c r="UYZ647" s="613"/>
      <c r="UZA647" s="613"/>
      <c r="UZB647" s="613"/>
      <c r="UZC647" s="613"/>
      <c r="UZD647" s="613"/>
      <c r="UZE647" s="613"/>
      <c r="UZF647" s="613"/>
      <c r="UZG647" s="613"/>
      <c r="UZH647" s="613"/>
      <c r="UZI647" s="613"/>
      <c r="UZJ647" s="613"/>
      <c r="UZK647" s="613"/>
      <c r="UZL647" s="613"/>
      <c r="UZM647" s="613"/>
      <c r="UZN647" s="613"/>
      <c r="UZO647" s="613"/>
      <c r="UZP647" s="613"/>
      <c r="UZQ647" s="613"/>
      <c r="UZR647" s="613"/>
      <c r="UZS647" s="613"/>
      <c r="UZT647" s="613"/>
      <c r="UZU647" s="613"/>
      <c r="UZV647" s="613"/>
      <c r="UZW647" s="613"/>
      <c r="UZX647" s="613"/>
      <c r="UZY647" s="613"/>
      <c r="UZZ647" s="613"/>
      <c r="VAA647" s="613"/>
      <c r="VAB647" s="613"/>
      <c r="VAC647" s="613"/>
      <c r="VAD647" s="613"/>
      <c r="VAE647" s="613"/>
      <c r="VAF647" s="613"/>
      <c r="VAG647" s="613"/>
      <c r="VAH647" s="613"/>
      <c r="VAI647" s="613"/>
      <c r="VAJ647" s="613"/>
      <c r="VAK647" s="613"/>
      <c r="VAL647" s="613"/>
      <c r="VAM647" s="613"/>
      <c r="VAN647" s="613"/>
      <c r="VAO647" s="613"/>
      <c r="VAP647" s="613"/>
      <c r="VAQ647" s="613"/>
      <c r="VAR647" s="613"/>
      <c r="VAS647" s="613"/>
      <c r="VAT647" s="613"/>
      <c r="VAU647" s="613"/>
      <c r="VAV647" s="613"/>
      <c r="VAW647" s="613"/>
      <c r="VAX647" s="613"/>
      <c r="VAY647" s="613"/>
      <c r="VAZ647" s="613"/>
      <c r="VBA647" s="613"/>
      <c r="VBB647" s="613"/>
      <c r="VBC647" s="613"/>
      <c r="VBD647" s="613"/>
      <c r="VBE647" s="613"/>
      <c r="VBF647" s="613"/>
      <c r="VBG647" s="613"/>
      <c r="VBH647" s="613"/>
      <c r="VBI647" s="613"/>
      <c r="VBJ647" s="613"/>
      <c r="VBK647" s="613"/>
      <c r="VBL647" s="613"/>
      <c r="VBM647" s="613"/>
      <c r="VBN647" s="613"/>
      <c r="VBO647" s="613"/>
      <c r="VBP647" s="613"/>
      <c r="VBQ647" s="613"/>
      <c r="VBR647" s="613"/>
      <c r="VBS647" s="613"/>
      <c r="VBT647" s="613"/>
      <c r="VBU647" s="613"/>
      <c r="VBV647" s="613"/>
      <c r="VBW647" s="613"/>
      <c r="VBX647" s="613"/>
      <c r="VBY647" s="613"/>
      <c r="VBZ647" s="613"/>
      <c r="VCA647" s="613"/>
      <c r="VCB647" s="613"/>
      <c r="VCC647" s="613"/>
      <c r="VCD647" s="613"/>
      <c r="VCE647" s="613"/>
      <c r="VCF647" s="613"/>
      <c r="VCG647" s="613"/>
      <c r="VCH647" s="613"/>
      <c r="VCI647" s="613"/>
      <c r="VCJ647" s="613"/>
      <c r="VCK647" s="613"/>
      <c r="VCL647" s="613"/>
      <c r="VCM647" s="613"/>
      <c r="VCN647" s="613"/>
      <c r="VCO647" s="613"/>
      <c r="VCP647" s="613"/>
      <c r="VCQ647" s="613"/>
      <c r="VCR647" s="613"/>
      <c r="VCS647" s="613"/>
      <c r="VCT647" s="613"/>
      <c r="VCU647" s="613"/>
      <c r="VCV647" s="613"/>
      <c r="VCW647" s="613"/>
      <c r="VCX647" s="613"/>
      <c r="VCY647" s="613"/>
      <c r="VCZ647" s="613"/>
      <c r="VDA647" s="613"/>
      <c r="VDB647" s="613"/>
      <c r="VDC647" s="613"/>
      <c r="VDD647" s="613"/>
      <c r="VDE647" s="613"/>
      <c r="VDF647" s="613"/>
      <c r="VDG647" s="613"/>
      <c r="VDH647" s="613"/>
      <c r="VDI647" s="613"/>
      <c r="VDJ647" s="613"/>
      <c r="VDK647" s="613"/>
      <c r="VDL647" s="613"/>
      <c r="VDM647" s="613"/>
      <c r="VDN647" s="613"/>
      <c r="VDO647" s="613"/>
      <c r="VDP647" s="613"/>
      <c r="VDQ647" s="613"/>
      <c r="VDR647" s="613"/>
      <c r="VDS647" s="613"/>
      <c r="VDT647" s="613"/>
      <c r="VDU647" s="613"/>
      <c r="VDV647" s="613"/>
      <c r="VDW647" s="613"/>
      <c r="VDX647" s="613"/>
      <c r="VDY647" s="613"/>
      <c r="VDZ647" s="613"/>
      <c r="VEA647" s="613"/>
      <c r="VEB647" s="613"/>
      <c r="VEC647" s="613"/>
      <c r="VED647" s="613"/>
      <c r="VEE647" s="613"/>
      <c r="VEF647" s="613"/>
      <c r="VEG647" s="613"/>
      <c r="VEH647" s="613"/>
      <c r="VEI647" s="613"/>
      <c r="VEJ647" s="613"/>
      <c r="VEK647" s="613"/>
      <c r="VEL647" s="613"/>
      <c r="VEM647" s="613"/>
      <c r="VEN647" s="613"/>
      <c r="VEO647" s="613"/>
      <c r="VEP647" s="613"/>
      <c r="VEQ647" s="613"/>
      <c r="VER647" s="613"/>
      <c r="VES647" s="613"/>
      <c r="VET647" s="613"/>
      <c r="VEU647" s="613"/>
      <c r="VEV647" s="613"/>
      <c r="VEW647" s="613"/>
      <c r="VEX647" s="613"/>
      <c r="VEY647" s="613"/>
      <c r="VEZ647" s="613"/>
      <c r="VFA647" s="613"/>
      <c r="VFB647" s="613"/>
      <c r="VFC647" s="613"/>
      <c r="VFD647" s="613"/>
      <c r="VFE647" s="613"/>
      <c r="VFF647" s="613"/>
      <c r="VFG647" s="613"/>
      <c r="VFH647" s="613"/>
      <c r="VFI647" s="613"/>
      <c r="VFJ647" s="613"/>
      <c r="VFK647" s="613"/>
      <c r="VFL647" s="613"/>
      <c r="VFM647" s="613"/>
      <c r="VFN647" s="613"/>
      <c r="VFO647" s="613"/>
      <c r="VFP647" s="613"/>
      <c r="VFQ647" s="613"/>
      <c r="VFR647" s="613"/>
      <c r="VFS647" s="613"/>
      <c r="VFT647" s="613"/>
      <c r="VFU647" s="613"/>
      <c r="VFV647" s="613"/>
      <c r="VFW647" s="613"/>
      <c r="VFX647" s="613"/>
      <c r="VFY647" s="613"/>
      <c r="VFZ647" s="613"/>
      <c r="VGA647" s="613"/>
      <c r="VGB647" s="613"/>
      <c r="VGC647" s="613"/>
      <c r="VGD647" s="613"/>
      <c r="VGE647" s="613"/>
      <c r="VGF647" s="613"/>
      <c r="VGG647" s="613"/>
      <c r="VGH647" s="613"/>
      <c r="VGI647" s="613"/>
      <c r="VGJ647" s="613"/>
      <c r="VGK647" s="613"/>
      <c r="VGL647" s="613"/>
      <c r="VGM647" s="613"/>
      <c r="VGN647" s="613"/>
      <c r="VGO647" s="613"/>
      <c r="VGP647" s="613"/>
      <c r="VGQ647" s="613"/>
      <c r="VGR647" s="613"/>
      <c r="VGS647" s="613"/>
      <c r="VGT647" s="613"/>
      <c r="VGU647" s="613"/>
      <c r="VGV647" s="613"/>
      <c r="VGW647" s="613"/>
      <c r="VGX647" s="613"/>
      <c r="VGY647" s="613"/>
      <c r="VGZ647" s="613"/>
      <c r="VHA647" s="613"/>
      <c r="VHB647" s="613"/>
      <c r="VHC647" s="613"/>
      <c r="VHD647" s="613"/>
      <c r="VHE647" s="613"/>
      <c r="VHF647" s="613"/>
      <c r="VHG647" s="613"/>
      <c r="VHH647" s="613"/>
      <c r="VHI647" s="613"/>
      <c r="VHJ647" s="613"/>
      <c r="VHK647" s="613"/>
      <c r="VHL647" s="613"/>
      <c r="VHM647" s="613"/>
      <c r="VHN647" s="613"/>
      <c r="VHO647" s="613"/>
      <c r="VHP647" s="613"/>
      <c r="VHQ647" s="613"/>
      <c r="VHR647" s="613"/>
      <c r="VHS647" s="613"/>
      <c r="VHT647" s="613"/>
      <c r="VHU647" s="613"/>
      <c r="VHV647" s="613"/>
      <c r="VHW647" s="613"/>
      <c r="VHX647" s="613"/>
      <c r="VHY647" s="613"/>
      <c r="VHZ647" s="613"/>
      <c r="VIA647" s="613"/>
      <c r="VIB647" s="613"/>
      <c r="VIC647" s="613"/>
      <c r="VID647" s="613"/>
      <c r="VIE647" s="613"/>
      <c r="VIF647" s="613"/>
      <c r="VIG647" s="613"/>
      <c r="VIH647" s="613"/>
      <c r="VII647" s="613"/>
      <c r="VIJ647" s="613"/>
      <c r="VIK647" s="613"/>
      <c r="VIL647" s="613"/>
      <c r="VIM647" s="613"/>
      <c r="VIN647" s="613"/>
      <c r="VIO647" s="613"/>
      <c r="VIP647" s="613"/>
      <c r="VIQ647" s="613"/>
      <c r="VIR647" s="613"/>
      <c r="VIS647" s="613"/>
      <c r="VIT647" s="613"/>
      <c r="VIU647" s="613"/>
      <c r="VIV647" s="613"/>
      <c r="VIW647" s="613"/>
      <c r="VIX647" s="613"/>
      <c r="VIY647" s="613"/>
      <c r="VIZ647" s="613"/>
      <c r="VJA647" s="613"/>
      <c r="VJB647" s="613"/>
      <c r="VJC647" s="613"/>
      <c r="VJD647" s="613"/>
      <c r="VJE647" s="613"/>
      <c r="VJF647" s="613"/>
      <c r="VJG647" s="613"/>
      <c r="VJH647" s="613"/>
      <c r="VJI647" s="613"/>
      <c r="VJJ647" s="613"/>
      <c r="VJK647" s="613"/>
      <c r="VJL647" s="613"/>
      <c r="VJM647" s="613"/>
      <c r="VJN647" s="613"/>
      <c r="VJO647" s="613"/>
      <c r="VJP647" s="613"/>
      <c r="VJQ647" s="613"/>
      <c r="VJR647" s="613"/>
      <c r="VJS647" s="613"/>
      <c r="VJT647" s="613"/>
      <c r="VJU647" s="613"/>
      <c r="VJV647" s="613"/>
      <c r="VJW647" s="613"/>
      <c r="VJX647" s="613"/>
      <c r="VJY647" s="613"/>
      <c r="VJZ647" s="613"/>
      <c r="VKA647" s="613"/>
      <c r="VKB647" s="613"/>
      <c r="VKC647" s="613"/>
      <c r="VKD647" s="613"/>
      <c r="VKE647" s="613"/>
      <c r="VKF647" s="613"/>
      <c r="VKG647" s="613"/>
      <c r="VKH647" s="613"/>
      <c r="VKI647" s="613"/>
      <c r="VKJ647" s="613"/>
      <c r="VKK647" s="613"/>
      <c r="VKL647" s="613"/>
      <c r="VKM647" s="613"/>
      <c r="VKN647" s="613"/>
      <c r="VKO647" s="613"/>
      <c r="VKP647" s="613"/>
      <c r="VKQ647" s="613"/>
      <c r="VKR647" s="613"/>
      <c r="VKS647" s="613"/>
      <c r="VKT647" s="613"/>
      <c r="VKU647" s="613"/>
      <c r="VKV647" s="613"/>
      <c r="VKW647" s="613"/>
      <c r="VKX647" s="613"/>
      <c r="VKY647" s="613"/>
      <c r="VKZ647" s="613"/>
      <c r="VLA647" s="613"/>
      <c r="VLB647" s="613"/>
      <c r="VLC647" s="613"/>
      <c r="VLD647" s="613"/>
      <c r="VLE647" s="613"/>
      <c r="VLF647" s="613"/>
      <c r="VLG647" s="613"/>
      <c r="VLH647" s="613"/>
      <c r="VLI647" s="613"/>
      <c r="VLJ647" s="613"/>
      <c r="VLK647" s="613"/>
      <c r="VLL647" s="613"/>
      <c r="VLM647" s="613"/>
      <c r="VLN647" s="613"/>
      <c r="VLO647" s="613"/>
      <c r="VLP647" s="613"/>
      <c r="VLQ647" s="613"/>
      <c r="VLR647" s="613"/>
      <c r="VLS647" s="613"/>
      <c r="VLT647" s="613"/>
      <c r="VLU647" s="613"/>
      <c r="VLV647" s="613"/>
      <c r="VLW647" s="613"/>
      <c r="VLX647" s="613"/>
      <c r="VLY647" s="613"/>
      <c r="VLZ647" s="613"/>
      <c r="VMA647" s="613"/>
      <c r="VMB647" s="613"/>
      <c r="VMC647" s="613"/>
      <c r="VMD647" s="613"/>
      <c r="VME647" s="613"/>
      <c r="VMF647" s="613"/>
      <c r="VMG647" s="613"/>
      <c r="VMH647" s="613"/>
      <c r="VMI647" s="613"/>
      <c r="VMJ647" s="613"/>
      <c r="VMK647" s="613"/>
      <c r="VML647" s="613"/>
      <c r="VMM647" s="613"/>
      <c r="VMN647" s="613"/>
      <c r="VMO647" s="613"/>
      <c r="VMP647" s="613"/>
      <c r="VMQ647" s="613"/>
      <c r="VMR647" s="613"/>
      <c r="VMS647" s="613"/>
      <c r="VMT647" s="613"/>
      <c r="VMU647" s="613"/>
      <c r="VMV647" s="613"/>
      <c r="VMW647" s="613"/>
      <c r="VMX647" s="613"/>
      <c r="VMY647" s="613"/>
      <c r="VMZ647" s="613"/>
      <c r="VNA647" s="613"/>
      <c r="VNB647" s="613"/>
      <c r="VNC647" s="613"/>
      <c r="VND647" s="613"/>
      <c r="VNE647" s="613"/>
      <c r="VNF647" s="613"/>
      <c r="VNG647" s="613"/>
      <c r="VNH647" s="613"/>
      <c r="VNI647" s="613"/>
      <c r="VNJ647" s="613"/>
      <c r="VNK647" s="613"/>
      <c r="VNL647" s="613"/>
      <c r="VNM647" s="613"/>
      <c r="VNN647" s="613"/>
      <c r="VNO647" s="613"/>
      <c r="VNP647" s="613"/>
      <c r="VNQ647" s="613"/>
      <c r="VNR647" s="613"/>
      <c r="VNS647" s="613"/>
      <c r="VNT647" s="613"/>
      <c r="VNU647" s="613"/>
      <c r="VNV647" s="613"/>
      <c r="VNW647" s="613"/>
      <c r="VNX647" s="613"/>
      <c r="VNY647" s="613"/>
      <c r="VNZ647" s="613"/>
      <c r="VOA647" s="613"/>
      <c r="VOB647" s="613"/>
      <c r="VOC647" s="613"/>
      <c r="VOD647" s="613"/>
      <c r="VOE647" s="613"/>
      <c r="VOF647" s="613"/>
      <c r="VOG647" s="613"/>
      <c r="VOH647" s="613"/>
      <c r="VOI647" s="613"/>
      <c r="VOJ647" s="613"/>
      <c r="VOK647" s="613"/>
      <c r="VOL647" s="613"/>
      <c r="VOM647" s="613"/>
      <c r="VON647" s="613"/>
      <c r="VOO647" s="613"/>
      <c r="VOP647" s="613"/>
      <c r="VOQ647" s="613"/>
      <c r="VOR647" s="613"/>
      <c r="VOS647" s="613"/>
      <c r="VOT647" s="613"/>
      <c r="VOU647" s="613"/>
      <c r="VOV647" s="613"/>
      <c r="VOW647" s="613"/>
      <c r="VOX647" s="613"/>
      <c r="VOY647" s="613"/>
      <c r="VOZ647" s="613"/>
      <c r="VPA647" s="613"/>
      <c r="VPB647" s="613"/>
      <c r="VPC647" s="613"/>
      <c r="VPD647" s="613"/>
      <c r="VPE647" s="613"/>
      <c r="VPF647" s="613"/>
      <c r="VPG647" s="613"/>
      <c r="VPH647" s="613"/>
      <c r="VPI647" s="613"/>
      <c r="VPJ647" s="613"/>
      <c r="VPK647" s="613"/>
      <c r="VPL647" s="613"/>
      <c r="VPM647" s="613"/>
      <c r="VPN647" s="613"/>
      <c r="VPO647" s="613"/>
      <c r="VPP647" s="613"/>
      <c r="VPQ647" s="613"/>
      <c r="VPR647" s="613"/>
      <c r="VPS647" s="613"/>
      <c r="VPT647" s="613"/>
      <c r="VPU647" s="613"/>
      <c r="VPV647" s="613"/>
      <c r="VPW647" s="613"/>
      <c r="VPX647" s="613"/>
      <c r="VPY647" s="613"/>
      <c r="VPZ647" s="613"/>
      <c r="VQA647" s="613"/>
      <c r="VQB647" s="613"/>
      <c r="VQC647" s="613"/>
      <c r="VQD647" s="613"/>
      <c r="VQE647" s="613"/>
      <c r="VQF647" s="613"/>
      <c r="VQG647" s="613"/>
      <c r="VQH647" s="613"/>
      <c r="VQI647" s="613"/>
      <c r="VQJ647" s="613"/>
      <c r="VQK647" s="613"/>
      <c r="VQL647" s="613"/>
      <c r="VQM647" s="613"/>
      <c r="VQN647" s="613"/>
      <c r="VQO647" s="613"/>
      <c r="VQP647" s="613"/>
      <c r="VQQ647" s="613"/>
      <c r="VQR647" s="613"/>
      <c r="VQS647" s="613"/>
      <c r="VQT647" s="613"/>
      <c r="VQU647" s="613"/>
      <c r="VQV647" s="613"/>
      <c r="VQW647" s="613"/>
      <c r="VQX647" s="613"/>
      <c r="VQY647" s="613"/>
      <c r="VQZ647" s="613"/>
      <c r="VRA647" s="613"/>
      <c r="VRB647" s="613"/>
      <c r="VRC647" s="613"/>
      <c r="VRD647" s="613"/>
      <c r="VRE647" s="613"/>
      <c r="VRF647" s="613"/>
      <c r="VRG647" s="613"/>
      <c r="VRH647" s="613"/>
      <c r="VRI647" s="613"/>
      <c r="VRJ647" s="613"/>
      <c r="VRK647" s="613"/>
      <c r="VRL647" s="613"/>
      <c r="VRM647" s="613"/>
      <c r="VRN647" s="613"/>
      <c r="VRO647" s="613"/>
      <c r="VRP647" s="613"/>
      <c r="VRQ647" s="613"/>
      <c r="VRR647" s="613"/>
      <c r="VRS647" s="613"/>
      <c r="VRT647" s="613"/>
      <c r="VRU647" s="613"/>
      <c r="VRV647" s="613"/>
      <c r="VRW647" s="613"/>
      <c r="VRX647" s="613"/>
      <c r="VRY647" s="613"/>
      <c r="VRZ647" s="613"/>
      <c r="VSA647" s="613"/>
      <c r="VSB647" s="613"/>
      <c r="VSC647" s="613"/>
      <c r="VSD647" s="613"/>
      <c r="VSE647" s="613"/>
      <c r="VSF647" s="613"/>
      <c r="VSG647" s="613"/>
      <c r="VSH647" s="613"/>
      <c r="VSI647" s="613"/>
      <c r="VSJ647" s="613"/>
      <c r="VSK647" s="613"/>
      <c r="VSL647" s="613"/>
      <c r="VSM647" s="613"/>
      <c r="VSN647" s="613"/>
      <c r="VSO647" s="613"/>
      <c r="VSP647" s="613"/>
      <c r="VSQ647" s="613"/>
      <c r="VSR647" s="613"/>
      <c r="VSS647" s="613"/>
      <c r="VST647" s="613"/>
      <c r="VSU647" s="613"/>
      <c r="VSV647" s="613"/>
      <c r="VSW647" s="613"/>
      <c r="VSX647" s="613"/>
      <c r="VSY647" s="613"/>
      <c r="VSZ647" s="613"/>
      <c r="VTA647" s="613"/>
      <c r="VTB647" s="613"/>
      <c r="VTC647" s="613"/>
      <c r="VTD647" s="613"/>
      <c r="VTE647" s="613"/>
      <c r="VTF647" s="613"/>
      <c r="VTG647" s="613"/>
      <c r="VTH647" s="613"/>
      <c r="VTI647" s="613"/>
      <c r="VTJ647" s="613"/>
      <c r="VTK647" s="613"/>
      <c r="VTL647" s="613"/>
      <c r="VTM647" s="613"/>
      <c r="VTN647" s="613"/>
      <c r="VTO647" s="613"/>
      <c r="VTP647" s="613"/>
      <c r="VTQ647" s="613"/>
      <c r="VTR647" s="613"/>
      <c r="VTS647" s="613"/>
      <c r="VTT647" s="613"/>
      <c r="VTU647" s="613"/>
      <c r="VTV647" s="613"/>
      <c r="VTW647" s="613"/>
      <c r="VTX647" s="613"/>
      <c r="VTY647" s="613"/>
      <c r="VTZ647" s="613"/>
      <c r="VUA647" s="613"/>
      <c r="VUB647" s="613"/>
      <c r="VUC647" s="613"/>
      <c r="VUD647" s="613"/>
      <c r="VUE647" s="613"/>
      <c r="VUF647" s="613"/>
      <c r="VUG647" s="613"/>
      <c r="VUH647" s="613"/>
      <c r="VUI647" s="613"/>
      <c r="VUJ647" s="613"/>
      <c r="VUK647" s="613"/>
      <c r="VUL647" s="613"/>
      <c r="VUM647" s="613"/>
      <c r="VUN647" s="613"/>
      <c r="VUO647" s="613"/>
      <c r="VUP647" s="613"/>
      <c r="VUQ647" s="613"/>
      <c r="VUR647" s="613"/>
      <c r="VUS647" s="613"/>
      <c r="VUT647" s="613"/>
      <c r="VUU647" s="613"/>
      <c r="VUV647" s="613"/>
      <c r="VUW647" s="613"/>
      <c r="VUX647" s="613"/>
      <c r="VUY647" s="613"/>
      <c r="VUZ647" s="613"/>
      <c r="VVA647" s="613"/>
      <c r="VVB647" s="613"/>
      <c r="VVC647" s="613"/>
      <c r="VVD647" s="613"/>
      <c r="VVE647" s="613"/>
      <c r="VVF647" s="613"/>
      <c r="VVG647" s="613"/>
      <c r="VVH647" s="613"/>
      <c r="VVI647" s="613"/>
      <c r="VVJ647" s="613"/>
      <c r="VVK647" s="613"/>
      <c r="VVL647" s="613"/>
      <c r="VVM647" s="613"/>
      <c r="VVN647" s="613"/>
      <c r="VVO647" s="613"/>
      <c r="VVP647" s="613"/>
      <c r="VVQ647" s="613"/>
      <c r="VVR647" s="613"/>
      <c r="VVS647" s="613"/>
      <c r="VVT647" s="613"/>
      <c r="VVU647" s="613"/>
      <c r="VVV647" s="613"/>
      <c r="VVW647" s="613"/>
      <c r="VVX647" s="613"/>
      <c r="VVY647" s="613"/>
      <c r="VVZ647" s="613"/>
      <c r="VWA647" s="613"/>
      <c r="VWB647" s="613"/>
      <c r="VWC647" s="613"/>
      <c r="VWD647" s="613"/>
      <c r="VWE647" s="613"/>
      <c r="VWF647" s="613"/>
      <c r="VWG647" s="613"/>
      <c r="VWH647" s="613"/>
      <c r="VWI647" s="613"/>
      <c r="VWJ647" s="613"/>
      <c r="VWK647" s="613"/>
      <c r="VWL647" s="613"/>
      <c r="VWM647" s="613"/>
      <c r="VWN647" s="613"/>
      <c r="VWO647" s="613"/>
      <c r="VWP647" s="613"/>
      <c r="VWQ647" s="613"/>
      <c r="VWR647" s="613"/>
      <c r="VWS647" s="613"/>
      <c r="VWT647" s="613"/>
      <c r="VWU647" s="613"/>
      <c r="VWV647" s="613"/>
      <c r="VWW647" s="613"/>
      <c r="VWX647" s="613"/>
      <c r="VWY647" s="613"/>
      <c r="VWZ647" s="613"/>
      <c r="VXA647" s="613"/>
      <c r="VXB647" s="613"/>
      <c r="VXC647" s="613"/>
      <c r="VXD647" s="613"/>
      <c r="VXE647" s="613"/>
      <c r="VXF647" s="613"/>
      <c r="VXG647" s="613"/>
      <c r="VXH647" s="613"/>
      <c r="VXI647" s="613"/>
      <c r="VXJ647" s="613"/>
      <c r="VXK647" s="613"/>
      <c r="VXL647" s="613"/>
      <c r="VXM647" s="613"/>
      <c r="VXN647" s="613"/>
      <c r="VXO647" s="613"/>
      <c r="VXP647" s="613"/>
      <c r="VXQ647" s="613"/>
      <c r="VXR647" s="613"/>
      <c r="VXS647" s="613"/>
      <c r="VXT647" s="613"/>
      <c r="VXU647" s="613"/>
      <c r="VXV647" s="613"/>
      <c r="VXW647" s="613"/>
      <c r="VXX647" s="613"/>
      <c r="VXY647" s="613"/>
      <c r="VXZ647" s="613"/>
      <c r="VYA647" s="613"/>
      <c r="VYB647" s="613"/>
      <c r="VYC647" s="613"/>
      <c r="VYD647" s="613"/>
      <c r="VYE647" s="613"/>
      <c r="VYF647" s="613"/>
      <c r="VYG647" s="613"/>
      <c r="VYH647" s="613"/>
      <c r="VYI647" s="613"/>
      <c r="VYJ647" s="613"/>
      <c r="VYK647" s="613"/>
      <c r="VYL647" s="613"/>
      <c r="VYM647" s="613"/>
      <c r="VYN647" s="613"/>
      <c r="VYO647" s="613"/>
      <c r="VYP647" s="613"/>
      <c r="VYQ647" s="613"/>
      <c r="VYR647" s="613"/>
      <c r="VYS647" s="613"/>
      <c r="VYT647" s="613"/>
      <c r="VYU647" s="613"/>
      <c r="VYV647" s="613"/>
      <c r="VYW647" s="613"/>
      <c r="VYX647" s="613"/>
      <c r="VYY647" s="613"/>
      <c r="VYZ647" s="613"/>
      <c r="VZA647" s="613"/>
      <c r="VZB647" s="613"/>
      <c r="VZC647" s="613"/>
      <c r="VZD647" s="613"/>
      <c r="VZE647" s="613"/>
      <c r="VZF647" s="613"/>
      <c r="VZG647" s="613"/>
      <c r="VZH647" s="613"/>
      <c r="VZI647" s="613"/>
      <c r="VZJ647" s="613"/>
      <c r="VZK647" s="613"/>
      <c r="VZL647" s="613"/>
      <c r="VZM647" s="613"/>
      <c r="VZN647" s="613"/>
      <c r="VZO647" s="613"/>
      <c r="VZP647" s="613"/>
      <c r="VZQ647" s="613"/>
      <c r="VZR647" s="613"/>
      <c r="VZS647" s="613"/>
      <c r="VZT647" s="613"/>
      <c r="VZU647" s="613"/>
      <c r="VZV647" s="613"/>
      <c r="VZW647" s="613"/>
      <c r="VZX647" s="613"/>
      <c r="VZY647" s="613"/>
      <c r="VZZ647" s="613"/>
      <c r="WAA647" s="613"/>
      <c r="WAB647" s="613"/>
      <c r="WAC647" s="613"/>
      <c r="WAD647" s="613"/>
      <c r="WAE647" s="613"/>
      <c r="WAF647" s="613"/>
      <c r="WAG647" s="613"/>
      <c r="WAH647" s="613"/>
      <c r="WAI647" s="613"/>
      <c r="WAJ647" s="613"/>
      <c r="WAK647" s="613"/>
      <c r="WAL647" s="613"/>
      <c r="WAM647" s="613"/>
      <c r="WAN647" s="613"/>
      <c r="WAO647" s="613"/>
      <c r="WAP647" s="613"/>
      <c r="WAQ647" s="613"/>
      <c r="WAR647" s="613"/>
      <c r="WAS647" s="613"/>
      <c r="WAT647" s="613"/>
      <c r="WAU647" s="613"/>
      <c r="WAV647" s="613"/>
      <c r="WAW647" s="613"/>
      <c r="WAX647" s="613"/>
      <c r="WAY647" s="613"/>
      <c r="WAZ647" s="613"/>
      <c r="WBA647" s="613"/>
      <c r="WBB647" s="613"/>
      <c r="WBC647" s="613"/>
      <c r="WBD647" s="613"/>
      <c r="WBE647" s="613"/>
      <c r="WBF647" s="613"/>
      <c r="WBG647" s="613"/>
      <c r="WBH647" s="613"/>
      <c r="WBI647" s="613"/>
      <c r="WBJ647" s="613"/>
      <c r="WBK647" s="613"/>
      <c r="WBL647" s="613"/>
      <c r="WBM647" s="613"/>
      <c r="WBN647" s="613"/>
      <c r="WBO647" s="613"/>
      <c r="WBP647" s="613"/>
      <c r="WBQ647" s="613"/>
      <c r="WBR647" s="613"/>
      <c r="WBS647" s="613"/>
      <c r="WBT647" s="613"/>
      <c r="WBU647" s="613"/>
      <c r="WBV647" s="613"/>
      <c r="WBW647" s="613"/>
      <c r="WBX647" s="613"/>
      <c r="WBY647" s="613"/>
      <c r="WBZ647" s="613"/>
      <c r="WCA647" s="613"/>
      <c r="WCB647" s="613"/>
      <c r="WCC647" s="613"/>
      <c r="WCD647" s="613"/>
      <c r="WCE647" s="613"/>
      <c r="WCF647" s="613"/>
      <c r="WCG647" s="613"/>
      <c r="WCH647" s="613"/>
      <c r="WCI647" s="613"/>
      <c r="WCJ647" s="613"/>
      <c r="WCK647" s="613"/>
      <c r="WCL647" s="613"/>
      <c r="WCM647" s="613"/>
      <c r="WCN647" s="613"/>
      <c r="WCO647" s="613"/>
      <c r="WCP647" s="613"/>
      <c r="WCQ647" s="613"/>
      <c r="WCR647" s="613"/>
      <c r="WCS647" s="613"/>
      <c r="WCT647" s="613"/>
      <c r="WCU647" s="613"/>
      <c r="WCV647" s="613"/>
      <c r="WCW647" s="613"/>
      <c r="WCX647" s="613"/>
      <c r="WCY647" s="613"/>
      <c r="WCZ647" s="613"/>
      <c r="WDA647" s="613"/>
      <c r="WDB647" s="613"/>
      <c r="WDC647" s="613"/>
      <c r="WDD647" s="613"/>
      <c r="WDE647" s="613"/>
      <c r="WDF647" s="613"/>
      <c r="WDG647" s="613"/>
      <c r="WDH647" s="613"/>
      <c r="WDI647" s="613"/>
      <c r="WDJ647" s="613"/>
      <c r="WDK647" s="613"/>
      <c r="WDL647" s="613"/>
      <c r="WDM647" s="613"/>
      <c r="WDN647" s="613"/>
      <c r="WDO647" s="613"/>
      <c r="WDP647" s="613"/>
      <c r="WDQ647" s="613"/>
      <c r="WDR647" s="613"/>
      <c r="WDS647" s="613"/>
      <c r="WDT647" s="613"/>
      <c r="WDU647" s="613"/>
      <c r="WDV647" s="613"/>
      <c r="WDW647" s="613"/>
      <c r="WDX647" s="613"/>
      <c r="WDY647" s="613"/>
      <c r="WDZ647" s="613"/>
      <c r="WEA647" s="613"/>
      <c r="WEB647" s="613"/>
      <c r="WEC647" s="613"/>
      <c r="WED647" s="613"/>
      <c r="WEE647" s="613"/>
      <c r="WEF647" s="613"/>
      <c r="WEG647" s="613"/>
      <c r="WEH647" s="613"/>
      <c r="WEI647" s="613"/>
      <c r="WEJ647" s="613"/>
      <c r="WEK647" s="613"/>
      <c r="WEL647" s="613"/>
      <c r="WEM647" s="613"/>
      <c r="WEN647" s="613"/>
      <c r="WEO647" s="613"/>
      <c r="WEP647" s="613"/>
      <c r="WEQ647" s="613"/>
      <c r="WER647" s="613"/>
      <c r="WES647" s="613"/>
      <c r="WET647" s="613"/>
      <c r="WEU647" s="613"/>
      <c r="WEV647" s="613"/>
      <c r="WEW647" s="613"/>
      <c r="WEX647" s="613"/>
      <c r="WEY647" s="613"/>
      <c r="WEZ647" s="613"/>
      <c r="WFA647" s="613"/>
      <c r="WFB647" s="613"/>
      <c r="WFC647" s="613"/>
      <c r="WFD647" s="613"/>
      <c r="WFE647" s="613"/>
      <c r="WFF647" s="613"/>
      <c r="WFG647" s="613"/>
      <c r="WFH647" s="613"/>
      <c r="WFI647" s="613"/>
      <c r="WFJ647" s="613"/>
      <c r="WFK647" s="613"/>
      <c r="WFL647" s="613"/>
      <c r="WFM647" s="613"/>
      <c r="WFN647" s="613"/>
      <c r="WFO647" s="613"/>
      <c r="WFP647" s="613"/>
      <c r="WFQ647" s="613"/>
      <c r="WFR647" s="613"/>
      <c r="WFS647" s="613"/>
      <c r="WFT647" s="613"/>
      <c r="WFU647" s="613"/>
      <c r="WFV647" s="613"/>
      <c r="WFW647" s="613"/>
      <c r="WFX647" s="613"/>
      <c r="WFY647" s="613"/>
      <c r="WFZ647" s="613"/>
      <c r="WGA647" s="613"/>
      <c r="WGB647" s="613"/>
      <c r="WGC647" s="613"/>
      <c r="WGD647" s="613"/>
      <c r="WGE647" s="613"/>
      <c r="WGF647" s="613"/>
      <c r="WGG647" s="613"/>
      <c r="WGH647" s="613"/>
      <c r="WGI647" s="613"/>
      <c r="WGJ647" s="613"/>
      <c r="WGK647" s="613"/>
      <c r="WGL647" s="613"/>
      <c r="WGM647" s="613"/>
      <c r="WGN647" s="613"/>
      <c r="WGO647" s="613"/>
      <c r="WGP647" s="613"/>
      <c r="WGQ647" s="613"/>
      <c r="WGR647" s="613"/>
      <c r="WGS647" s="613"/>
      <c r="WGT647" s="613"/>
      <c r="WGU647" s="613"/>
      <c r="WGV647" s="613"/>
      <c r="WGW647" s="613"/>
      <c r="WGX647" s="613"/>
      <c r="WGY647" s="613"/>
      <c r="WGZ647" s="613"/>
      <c r="WHA647" s="613"/>
      <c r="WHB647" s="613"/>
      <c r="WHC647" s="613"/>
      <c r="WHD647" s="613"/>
      <c r="WHE647" s="613"/>
      <c r="WHF647" s="613"/>
      <c r="WHG647" s="613"/>
      <c r="WHH647" s="613"/>
      <c r="WHI647" s="613"/>
      <c r="WHJ647" s="613"/>
      <c r="WHK647" s="613"/>
      <c r="WHL647" s="613"/>
      <c r="WHM647" s="613"/>
      <c r="WHN647" s="613"/>
      <c r="WHO647" s="613"/>
      <c r="WHP647" s="613"/>
      <c r="WHQ647" s="613"/>
      <c r="WHR647" s="613"/>
      <c r="WHS647" s="613"/>
      <c r="WHT647" s="613"/>
      <c r="WHU647" s="613"/>
      <c r="WHV647" s="613"/>
      <c r="WHW647" s="613"/>
      <c r="WHX647" s="613"/>
      <c r="WHY647" s="613"/>
      <c r="WHZ647" s="613"/>
      <c r="WIA647" s="613"/>
      <c r="WIB647" s="613"/>
      <c r="WIC647" s="613"/>
      <c r="WID647" s="613"/>
      <c r="WIE647" s="613"/>
      <c r="WIF647" s="613"/>
      <c r="WIG647" s="613"/>
      <c r="WIH647" s="613"/>
      <c r="WII647" s="613"/>
      <c r="WIJ647" s="613"/>
      <c r="WIK647" s="613"/>
      <c r="WIL647" s="613"/>
      <c r="WIM647" s="613"/>
      <c r="WIN647" s="613"/>
      <c r="WIO647" s="613"/>
      <c r="WIP647" s="613"/>
      <c r="WIQ647" s="613"/>
      <c r="WIR647" s="613"/>
      <c r="WIS647" s="613"/>
      <c r="WIT647" s="613"/>
      <c r="WIU647" s="613"/>
      <c r="WIV647" s="613"/>
      <c r="WIW647" s="613"/>
      <c r="WIX647" s="613"/>
      <c r="WIY647" s="613"/>
      <c r="WIZ647" s="613"/>
      <c r="WJA647" s="613"/>
      <c r="WJB647" s="613"/>
      <c r="WJC647" s="613"/>
      <c r="WJD647" s="613"/>
      <c r="WJE647" s="613"/>
      <c r="WJF647" s="613"/>
      <c r="WJG647" s="613"/>
      <c r="WJH647" s="613"/>
      <c r="WJI647" s="613"/>
      <c r="WJJ647" s="613"/>
      <c r="WJK647" s="613"/>
      <c r="WJL647" s="613"/>
      <c r="WJM647" s="613"/>
      <c r="WJN647" s="613"/>
      <c r="WJO647" s="613"/>
      <c r="WJP647" s="613"/>
      <c r="WJQ647" s="613"/>
      <c r="WJR647" s="613"/>
      <c r="WJS647" s="613"/>
      <c r="WJT647" s="613"/>
      <c r="WJU647" s="613"/>
      <c r="WJV647" s="613"/>
      <c r="WJW647" s="613"/>
      <c r="WJX647" s="613"/>
      <c r="WJY647" s="613"/>
      <c r="WJZ647" s="613"/>
      <c r="WKA647" s="613"/>
      <c r="WKB647" s="613"/>
      <c r="WKC647" s="613"/>
      <c r="WKD647" s="613"/>
      <c r="WKE647" s="613"/>
      <c r="WKF647" s="613"/>
      <c r="WKG647" s="613"/>
      <c r="WKH647" s="613"/>
      <c r="WKI647" s="613"/>
      <c r="WKJ647" s="613"/>
      <c r="WKK647" s="613"/>
      <c r="WKL647" s="613"/>
      <c r="WKM647" s="613"/>
      <c r="WKN647" s="613"/>
      <c r="WKO647" s="613"/>
      <c r="WKP647" s="613"/>
      <c r="WKQ647" s="613"/>
      <c r="WKR647" s="613"/>
      <c r="WKS647" s="613"/>
      <c r="WKT647" s="613"/>
      <c r="WKU647" s="613"/>
      <c r="WKV647" s="613"/>
      <c r="WKW647" s="613"/>
      <c r="WKX647" s="613"/>
      <c r="WKY647" s="613"/>
      <c r="WKZ647" s="613"/>
      <c r="WLA647" s="613"/>
      <c r="WLB647" s="613"/>
      <c r="WLC647" s="613"/>
      <c r="WLD647" s="613"/>
      <c r="WLE647" s="613"/>
      <c r="WLF647" s="613"/>
      <c r="WLG647" s="613"/>
      <c r="WLH647" s="613"/>
      <c r="WLI647" s="613"/>
      <c r="WLJ647" s="613"/>
      <c r="WLK647" s="613"/>
      <c r="WLL647" s="613"/>
      <c r="WLM647" s="613"/>
      <c r="WLN647" s="613"/>
      <c r="WLO647" s="613"/>
      <c r="WLP647" s="613"/>
      <c r="WLQ647" s="613"/>
      <c r="WLR647" s="613"/>
      <c r="WLS647" s="613"/>
      <c r="WLT647" s="613"/>
      <c r="WLU647" s="613"/>
      <c r="WLV647" s="613"/>
      <c r="WLW647" s="613"/>
      <c r="WLX647" s="613"/>
      <c r="WLY647" s="613"/>
      <c r="WLZ647" s="613"/>
      <c r="WMA647" s="613"/>
      <c r="WMB647" s="613"/>
      <c r="WMC647" s="613"/>
      <c r="WMD647" s="613"/>
      <c r="WME647" s="613"/>
      <c r="WMF647" s="613"/>
      <c r="WMG647" s="613"/>
      <c r="WMH647" s="613"/>
      <c r="WMI647" s="613"/>
      <c r="WMJ647" s="613"/>
      <c r="WMK647" s="613"/>
      <c r="WML647" s="613"/>
      <c r="WMM647" s="613"/>
      <c r="WMN647" s="613"/>
      <c r="WMO647" s="613"/>
      <c r="WMP647" s="613"/>
      <c r="WMQ647" s="613"/>
      <c r="WMR647" s="613"/>
      <c r="WMS647" s="613"/>
      <c r="WMT647" s="613"/>
      <c r="WMU647" s="613"/>
      <c r="WMV647" s="613"/>
      <c r="WMW647" s="613"/>
      <c r="WMX647" s="613"/>
      <c r="WMY647" s="613"/>
      <c r="WMZ647" s="613"/>
      <c r="WNA647" s="613"/>
      <c r="WNB647" s="613"/>
      <c r="WNC647" s="613"/>
      <c r="WND647" s="613"/>
      <c r="WNE647" s="613"/>
      <c r="WNF647" s="613"/>
      <c r="WNG647" s="613"/>
      <c r="WNH647" s="613"/>
      <c r="WNI647" s="613"/>
      <c r="WNJ647" s="613"/>
      <c r="WNK647" s="613"/>
      <c r="WNL647" s="613"/>
      <c r="WNM647" s="613"/>
      <c r="WNN647" s="613"/>
      <c r="WNO647" s="613"/>
      <c r="WNP647" s="613"/>
      <c r="WNQ647" s="613"/>
      <c r="WNR647" s="613"/>
      <c r="WNS647" s="613"/>
      <c r="WNT647" s="613"/>
      <c r="WNU647" s="613"/>
      <c r="WNV647" s="613"/>
      <c r="WNW647" s="613"/>
      <c r="WNX647" s="613"/>
      <c r="WNY647" s="613"/>
      <c r="WNZ647" s="613"/>
      <c r="WOA647" s="613"/>
      <c r="WOB647" s="613"/>
      <c r="WOC647" s="613"/>
      <c r="WOD647" s="613"/>
      <c r="WOE647" s="613"/>
      <c r="WOF647" s="613"/>
      <c r="WOG647" s="613"/>
      <c r="WOH647" s="613"/>
      <c r="WOI647" s="613"/>
      <c r="WOJ647" s="613"/>
      <c r="WOK647" s="613"/>
      <c r="WOL647" s="613"/>
      <c r="WOM647" s="613"/>
      <c r="WON647" s="613"/>
      <c r="WOO647" s="613"/>
      <c r="WOP647" s="613"/>
      <c r="WOQ647" s="613"/>
      <c r="WOR647" s="613"/>
      <c r="WOS647" s="613"/>
      <c r="WOT647" s="613"/>
      <c r="WOU647" s="613"/>
      <c r="WOV647" s="613"/>
      <c r="WOW647" s="613"/>
      <c r="WOX647" s="613"/>
      <c r="WOY647" s="613"/>
      <c r="WOZ647" s="613"/>
      <c r="WPA647" s="613"/>
      <c r="WPB647" s="613"/>
      <c r="WPC647" s="613"/>
      <c r="WPD647" s="613"/>
      <c r="WPE647" s="613"/>
      <c r="WPF647" s="613"/>
      <c r="WPG647" s="613"/>
      <c r="WPH647" s="613"/>
      <c r="WPI647" s="613"/>
      <c r="WPJ647" s="613"/>
      <c r="WPK647" s="613"/>
      <c r="WPL647" s="613"/>
      <c r="WPM647" s="613"/>
      <c r="WPN647" s="613"/>
      <c r="WPO647" s="613"/>
      <c r="WPP647" s="613"/>
      <c r="WPQ647" s="613"/>
      <c r="WPR647" s="613"/>
      <c r="WPS647" s="613"/>
      <c r="WPT647" s="613"/>
      <c r="WPU647" s="613"/>
      <c r="WPV647" s="613"/>
      <c r="WPW647" s="613"/>
      <c r="WPX647" s="613"/>
      <c r="WPY647" s="613"/>
      <c r="WPZ647" s="613"/>
      <c r="WQA647" s="613"/>
      <c r="WQB647" s="613"/>
      <c r="WQC647" s="613"/>
      <c r="WQD647" s="613"/>
      <c r="WQE647" s="613"/>
      <c r="WQF647" s="613"/>
      <c r="WQG647" s="613"/>
      <c r="WQH647" s="613"/>
      <c r="WQI647" s="613"/>
      <c r="WQJ647" s="613"/>
      <c r="WQK647" s="613"/>
      <c r="WQL647" s="613"/>
      <c r="WQM647" s="613"/>
      <c r="WQN647" s="613"/>
      <c r="WQO647" s="613"/>
      <c r="WQP647" s="613"/>
      <c r="WQQ647" s="613"/>
      <c r="WQR647" s="613"/>
      <c r="WQS647" s="613"/>
      <c r="WQT647" s="613"/>
      <c r="WQU647" s="613"/>
      <c r="WQV647" s="613"/>
      <c r="WQW647" s="613"/>
      <c r="WQX647" s="613"/>
      <c r="WQY647" s="613"/>
      <c r="WQZ647" s="613"/>
      <c r="WRA647" s="613"/>
      <c r="WRB647" s="613"/>
      <c r="WRC647" s="613"/>
      <c r="WRD647" s="613"/>
      <c r="WRE647" s="613"/>
      <c r="WRF647" s="613"/>
      <c r="WRG647" s="613"/>
      <c r="WRH647" s="613"/>
      <c r="WRI647" s="613"/>
      <c r="WRJ647" s="613"/>
      <c r="WRK647" s="613"/>
      <c r="WRL647" s="613"/>
      <c r="WRM647" s="613"/>
      <c r="WRN647" s="613"/>
      <c r="WRO647" s="613"/>
      <c r="WRP647" s="613"/>
      <c r="WRQ647" s="613"/>
      <c r="WRR647" s="613"/>
      <c r="WRS647" s="613"/>
      <c r="WRT647" s="613"/>
      <c r="WRU647" s="613"/>
      <c r="WRV647" s="613"/>
      <c r="WRW647" s="613"/>
      <c r="WRX647" s="613"/>
      <c r="WRY647" s="613"/>
      <c r="WRZ647" s="613"/>
      <c r="WSA647" s="613"/>
      <c r="WSB647" s="613"/>
      <c r="WSC647" s="613"/>
      <c r="WSD647" s="613"/>
      <c r="WSE647" s="613"/>
      <c r="WSF647" s="613"/>
      <c r="WSG647" s="613"/>
      <c r="WSH647" s="613"/>
      <c r="WSI647" s="613"/>
      <c r="WSJ647" s="613"/>
      <c r="WSK647" s="613"/>
      <c r="WSL647" s="613"/>
      <c r="WSM647" s="613"/>
      <c r="WSN647" s="613"/>
      <c r="WSO647" s="613"/>
      <c r="WSP647" s="613"/>
      <c r="WSQ647" s="613"/>
      <c r="WSR647" s="613"/>
      <c r="WSS647" s="613"/>
      <c r="WST647" s="613"/>
      <c r="WSU647" s="613"/>
      <c r="WSV647" s="613"/>
      <c r="WSW647" s="613"/>
      <c r="WSX647" s="613"/>
      <c r="WSY647" s="613"/>
      <c r="WSZ647" s="613"/>
      <c r="WTA647" s="613"/>
      <c r="WTB647" s="613"/>
      <c r="WTC647" s="613"/>
      <c r="WTD647" s="613"/>
      <c r="WTE647" s="613"/>
      <c r="WTF647" s="613"/>
      <c r="WTG647" s="613"/>
      <c r="WTH647" s="613"/>
      <c r="WTI647" s="613"/>
      <c r="WTJ647" s="613"/>
      <c r="WTK647" s="613"/>
      <c r="WTL647" s="613"/>
      <c r="WTM647" s="613"/>
      <c r="WTN647" s="613"/>
      <c r="WTO647" s="613"/>
      <c r="WTP647" s="613"/>
      <c r="WTQ647" s="613"/>
      <c r="WTR647" s="613"/>
      <c r="WTS647" s="613"/>
      <c r="WTT647" s="613"/>
      <c r="WTU647" s="613"/>
      <c r="WTV647" s="613"/>
      <c r="WTW647" s="613"/>
      <c r="WTX647" s="613"/>
      <c r="WTY647" s="613"/>
      <c r="WTZ647" s="613"/>
      <c r="WUA647" s="613"/>
      <c r="WUB647" s="613"/>
      <c r="WUC647" s="613"/>
      <c r="WUD647" s="613"/>
      <c r="WUE647" s="613"/>
      <c r="WUF647" s="613"/>
      <c r="WUG647" s="613"/>
      <c r="WUH647" s="613"/>
      <c r="WUI647" s="613"/>
      <c r="WUJ647" s="613"/>
      <c r="WUK647" s="613"/>
      <c r="WUL647" s="613"/>
      <c r="WUM647" s="613"/>
      <c r="WUN647" s="613"/>
      <c r="WUO647" s="613"/>
      <c r="WUP647" s="613"/>
      <c r="WUQ647" s="613"/>
      <c r="WUR647" s="613"/>
      <c r="WUS647" s="613"/>
      <c r="WUT647" s="613"/>
      <c r="WUU647" s="613"/>
      <c r="WUV647" s="613"/>
      <c r="WUW647" s="613"/>
      <c r="WUX647" s="613"/>
      <c r="WUY647" s="613"/>
      <c r="WUZ647" s="613"/>
      <c r="WVA647" s="613"/>
      <c r="WVB647" s="613"/>
      <c r="WVC647" s="613"/>
      <c r="WVD647" s="613"/>
      <c r="WVE647" s="613"/>
      <c r="WVF647" s="613"/>
      <c r="WVG647" s="613"/>
      <c r="WVH647" s="613"/>
      <c r="WVI647" s="613"/>
      <c r="WVJ647" s="613"/>
      <c r="WVK647" s="613"/>
      <c r="WVL647" s="613"/>
      <c r="WVM647" s="613"/>
      <c r="WVN647" s="613"/>
      <c r="WVO647" s="613"/>
      <c r="WVP647" s="613"/>
      <c r="WVQ647" s="613"/>
      <c r="WVR647" s="613"/>
      <c r="WVS647" s="613"/>
      <c r="WVT647" s="613"/>
      <c r="WVU647" s="613"/>
      <c r="WVV647" s="613"/>
      <c r="WVW647" s="613"/>
      <c r="WVX647" s="613"/>
      <c r="WVY647" s="613"/>
      <c r="WVZ647" s="613"/>
      <c r="WWA647" s="613"/>
      <c r="WWB647" s="613"/>
      <c r="WWC647" s="613"/>
      <c r="WWD647" s="613"/>
      <c r="WWE647" s="613"/>
      <c r="WWF647" s="613"/>
      <c r="WWG647" s="613"/>
      <c r="WWH647" s="613"/>
      <c r="WWI647" s="613"/>
      <c r="WWJ647" s="613"/>
      <c r="WWK647" s="613"/>
      <c r="WWL647" s="613"/>
      <c r="WWM647" s="613"/>
      <c r="WWN647" s="613"/>
      <c r="WWO647" s="613"/>
      <c r="WWP647" s="613"/>
      <c r="WWQ647" s="613"/>
      <c r="WWR647" s="613"/>
      <c r="WWS647" s="613"/>
      <c r="WWT647" s="613"/>
      <c r="WWU647" s="613"/>
      <c r="WWV647" s="613"/>
      <c r="WWW647" s="613"/>
      <c r="WWX647" s="613"/>
      <c r="WWY647" s="613"/>
      <c r="WWZ647" s="613"/>
      <c r="WXA647" s="613"/>
      <c r="WXB647" s="613"/>
      <c r="WXC647" s="613"/>
      <c r="WXD647" s="613"/>
      <c r="WXE647" s="613"/>
      <c r="WXF647" s="613"/>
      <c r="WXG647" s="613"/>
      <c r="WXH647" s="613"/>
      <c r="WXI647" s="613"/>
      <c r="WXJ647" s="613"/>
      <c r="WXK647" s="613"/>
      <c r="WXL647" s="613"/>
      <c r="WXM647" s="613"/>
      <c r="WXN647" s="613"/>
      <c r="WXO647" s="613"/>
      <c r="WXP647" s="613"/>
      <c r="WXQ647" s="613"/>
      <c r="WXR647" s="613"/>
      <c r="WXS647" s="613"/>
      <c r="WXT647" s="613"/>
      <c r="WXU647" s="613"/>
      <c r="WXV647" s="613"/>
      <c r="WXW647" s="613"/>
      <c r="WXX647" s="613"/>
      <c r="WXY647" s="613"/>
      <c r="WXZ647" s="613"/>
      <c r="WYA647" s="613"/>
      <c r="WYB647" s="613"/>
      <c r="WYC647" s="613"/>
      <c r="WYD647" s="613"/>
      <c r="WYE647" s="613"/>
      <c r="WYF647" s="613"/>
      <c r="WYG647" s="613"/>
      <c r="WYH647" s="613"/>
      <c r="WYI647" s="613"/>
      <c r="WYJ647" s="613"/>
      <c r="WYK647" s="613"/>
      <c r="WYL647" s="613"/>
      <c r="WYM647" s="613"/>
      <c r="WYN647" s="613"/>
      <c r="WYO647" s="613"/>
      <c r="WYP647" s="613"/>
      <c r="WYQ647" s="613"/>
      <c r="WYR647" s="613"/>
      <c r="WYS647" s="613"/>
      <c r="WYT647" s="613"/>
      <c r="WYU647" s="613"/>
      <c r="WYV647" s="613"/>
      <c r="WYW647" s="613"/>
      <c r="WYX647" s="613"/>
      <c r="WYY647" s="613"/>
      <c r="WYZ647" s="613"/>
      <c r="WZA647" s="613"/>
      <c r="WZB647" s="613"/>
      <c r="WZC647" s="613"/>
      <c r="WZD647" s="613"/>
      <c r="WZE647" s="613"/>
      <c r="WZF647" s="613"/>
      <c r="WZG647" s="613"/>
      <c r="WZH647" s="613"/>
      <c r="WZI647" s="613"/>
      <c r="WZJ647" s="613"/>
      <c r="WZK647" s="613"/>
      <c r="WZL647" s="613"/>
      <c r="WZM647" s="613"/>
      <c r="WZN647" s="613"/>
      <c r="WZO647" s="613"/>
      <c r="WZP647" s="613"/>
      <c r="WZQ647" s="613"/>
      <c r="WZR647" s="613"/>
      <c r="WZS647" s="613"/>
      <c r="WZT647" s="613"/>
      <c r="WZU647" s="613"/>
      <c r="WZV647" s="613"/>
      <c r="WZW647" s="613"/>
      <c r="WZX647" s="613"/>
      <c r="WZY647" s="613"/>
      <c r="WZZ647" s="613"/>
      <c r="XAA647" s="613"/>
      <c r="XAB647" s="613"/>
      <c r="XAC647" s="613"/>
      <c r="XAD647" s="613"/>
      <c r="XAE647" s="613"/>
      <c r="XAF647" s="613"/>
      <c r="XAG647" s="613"/>
      <c r="XAH647" s="613"/>
      <c r="XAI647" s="613"/>
      <c r="XAJ647" s="613"/>
      <c r="XAK647" s="613"/>
      <c r="XAL647" s="613"/>
      <c r="XAM647" s="613"/>
      <c r="XAN647" s="613"/>
      <c r="XAO647" s="613"/>
      <c r="XAP647" s="613"/>
      <c r="XAQ647" s="613"/>
      <c r="XAR647" s="613"/>
      <c r="XAS647" s="613"/>
      <c r="XAT647" s="613"/>
      <c r="XAU647" s="613"/>
      <c r="XAV647" s="613"/>
      <c r="XAW647" s="613"/>
      <c r="XAX647" s="613"/>
      <c r="XAY647" s="613"/>
      <c r="XAZ647" s="613"/>
      <c r="XBA647" s="613"/>
      <c r="XBB647" s="613"/>
      <c r="XBC647" s="613"/>
      <c r="XBD647" s="613"/>
      <c r="XBE647" s="613"/>
      <c r="XBF647" s="613"/>
      <c r="XBG647" s="613"/>
      <c r="XBH647" s="613"/>
      <c r="XBI647" s="613"/>
      <c r="XBJ647" s="613"/>
      <c r="XBK647" s="613"/>
      <c r="XBL647" s="613"/>
      <c r="XBM647" s="613"/>
      <c r="XBN647" s="613"/>
      <c r="XBO647" s="613"/>
      <c r="XBP647" s="613"/>
      <c r="XBQ647" s="613"/>
      <c r="XBR647" s="613"/>
      <c r="XBS647" s="613"/>
      <c r="XBT647" s="613"/>
      <c r="XBU647" s="613"/>
      <c r="XBV647" s="613"/>
      <c r="XBW647" s="613"/>
      <c r="XBX647" s="613"/>
      <c r="XBY647" s="613"/>
      <c r="XBZ647" s="613"/>
      <c r="XCA647" s="613"/>
      <c r="XCB647" s="613"/>
      <c r="XCC647" s="613"/>
      <c r="XCD647" s="613"/>
      <c r="XCE647" s="613"/>
      <c r="XCF647" s="613"/>
      <c r="XCG647" s="613"/>
      <c r="XCH647" s="613"/>
      <c r="XCI647" s="613"/>
      <c r="XCJ647" s="613"/>
      <c r="XCK647" s="613"/>
      <c r="XCL647" s="613"/>
      <c r="XCM647" s="613"/>
      <c r="XCN647" s="613"/>
      <c r="XCO647" s="613"/>
      <c r="XCP647" s="613"/>
      <c r="XCQ647" s="613"/>
    </row>
    <row r="648" spans="1:16319" ht="56.1" customHeight="1" x14ac:dyDescent="0.2">
      <c r="A648" s="273" t="s">
        <v>3017</v>
      </c>
      <c r="B648" s="610"/>
      <c r="C648" s="77"/>
      <c r="D648" s="481">
        <v>188</v>
      </c>
      <c r="E648" s="481"/>
      <c r="F648" s="481" t="s">
        <v>2481</v>
      </c>
      <c r="G648" s="482" t="s">
        <v>53</v>
      </c>
      <c r="H648" s="481" t="s">
        <v>329</v>
      </c>
      <c r="I648" s="654" t="s">
        <v>428</v>
      </c>
      <c r="J648" s="654" t="s">
        <v>369</v>
      </c>
      <c r="K648" s="495" t="s">
        <v>452</v>
      </c>
      <c r="L648" s="621"/>
      <c r="M648" s="484" t="s">
        <v>58</v>
      </c>
      <c r="N648" s="329" t="s">
        <v>1365</v>
      </c>
      <c r="O648" s="484" t="s">
        <v>2996</v>
      </c>
      <c r="P648" s="484" t="s">
        <v>81</v>
      </c>
      <c r="Q648" s="667" t="s">
        <v>334</v>
      </c>
      <c r="R648" s="484" t="s">
        <v>334</v>
      </c>
      <c r="S648" s="484" t="s">
        <v>187</v>
      </c>
      <c r="T648" s="484"/>
      <c r="U648" s="620" t="s">
        <v>63</v>
      </c>
      <c r="V648" s="620" t="s">
        <v>63</v>
      </c>
      <c r="W648" s="723">
        <v>111459</v>
      </c>
      <c r="X648" s="723"/>
      <c r="Y648" s="654" t="s">
        <v>226</v>
      </c>
      <c r="Z648" s="654"/>
      <c r="AA648" s="723">
        <v>111459</v>
      </c>
      <c r="AB648" s="652" t="s">
        <v>82</v>
      </c>
      <c r="AC648" s="652"/>
      <c r="AD648" s="496"/>
      <c r="AE648" s="496"/>
      <c r="AF648" s="496"/>
      <c r="AG648" s="496"/>
      <c r="AH648" s="496"/>
      <c r="AI648" s="487" t="s">
        <v>66</v>
      </c>
      <c r="AJ648" s="496"/>
      <c r="AK648" s="496"/>
      <c r="AL648" s="496"/>
      <c r="AM648" s="496"/>
      <c r="AN648" s="496"/>
      <c r="AO648" s="496"/>
      <c r="AP648" s="496"/>
      <c r="AQ648" s="496"/>
      <c r="AR648" s="496"/>
      <c r="AS648" s="496"/>
      <c r="AT648" s="496"/>
      <c r="AU648" s="487"/>
      <c r="AV648" s="487"/>
      <c r="AW648" s="487"/>
      <c r="AX648" s="487"/>
      <c r="AY648" s="487"/>
      <c r="AZ648" s="487"/>
      <c r="BA648" s="484"/>
      <c r="BB648" s="484" t="s">
        <v>340</v>
      </c>
      <c r="BC648" s="484" t="s">
        <v>3041</v>
      </c>
      <c r="BD648" s="494"/>
      <c r="BE648" s="494"/>
      <c r="BF648" s="613"/>
      <c r="BG648" s="613"/>
      <c r="BH648" s="613"/>
      <c r="BI648" s="613"/>
      <c r="BJ648" s="613"/>
      <c r="BK648" s="613"/>
      <c r="BL648" s="613"/>
      <c r="BM648" s="613"/>
      <c r="BN648" s="613"/>
      <c r="BO648" s="613"/>
      <c r="BP648" s="613"/>
      <c r="BQ648" s="613"/>
      <c r="BR648" s="613"/>
      <c r="BS648" s="613"/>
      <c r="BT648" s="613"/>
      <c r="BU648" s="613"/>
      <c r="BV648" s="613"/>
      <c r="BW648" s="613"/>
      <c r="BX648" s="613"/>
      <c r="BY648" s="613"/>
      <c r="BZ648" s="613"/>
      <c r="CA648" s="613"/>
      <c r="CB648" s="613"/>
      <c r="CC648" s="613"/>
      <c r="CD648" s="613"/>
      <c r="CE648" s="613"/>
      <c r="CF648" s="613"/>
      <c r="CG648" s="613"/>
      <c r="CH648" s="613"/>
      <c r="CI648" s="613"/>
      <c r="CJ648" s="613"/>
      <c r="CK648" s="613"/>
      <c r="CL648" s="613"/>
      <c r="CM648" s="613"/>
      <c r="CN648" s="613"/>
      <c r="CO648" s="613"/>
      <c r="CP648" s="613"/>
      <c r="CQ648" s="613"/>
      <c r="CR648" s="613"/>
      <c r="CS648" s="613"/>
      <c r="CT648" s="613"/>
      <c r="CU648" s="613"/>
      <c r="CV648" s="613"/>
      <c r="CW648" s="613"/>
      <c r="CX648" s="613"/>
      <c r="CY648" s="613"/>
      <c r="CZ648" s="613"/>
      <c r="DA648" s="613"/>
      <c r="DB648" s="613"/>
      <c r="DC648" s="613"/>
      <c r="DD648" s="613"/>
      <c r="DE648" s="613"/>
      <c r="DF648" s="613"/>
      <c r="DG648" s="613"/>
      <c r="DH648" s="613"/>
      <c r="DI648" s="613"/>
      <c r="DJ648" s="613"/>
      <c r="DK648" s="613"/>
      <c r="DL648" s="613"/>
      <c r="DM648" s="613"/>
      <c r="DN648" s="613"/>
      <c r="DO648" s="613"/>
      <c r="DP648" s="613"/>
      <c r="DQ648" s="613"/>
      <c r="DR648" s="613"/>
      <c r="DS648" s="613"/>
      <c r="DT648" s="613"/>
      <c r="DU648" s="613"/>
      <c r="DV648" s="613"/>
      <c r="DW648" s="613"/>
      <c r="DX648" s="613"/>
      <c r="DY648" s="613"/>
      <c r="DZ648" s="613"/>
      <c r="EA648" s="613"/>
      <c r="EB648" s="613"/>
      <c r="EC648" s="613"/>
      <c r="ED648" s="613"/>
      <c r="EE648" s="613"/>
      <c r="EF648" s="613"/>
      <c r="EG648" s="613"/>
      <c r="EH648" s="613"/>
      <c r="EI648" s="613"/>
      <c r="EJ648" s="613"/>
      <c r="EK648" s="613"/>
      <c r="EL648" s="613"/>
      <c r="EM648" s="613"/>
      <c r="EN648" s="613"/>
      <c r="EO648" s="613"/>
      <c r="EP648" s="613"/>
      <c r="EQ648" s="613"/>
      <c r="ER648" s="613"/>
      <c r="ES648" s="613"/>
      <c r="ET648" s="613"/>
      <c r="EU648" s="613"/>
      <c r="EV648" s="613"/>
      <c r="EW648" s="613"/>
      <c r="EX648" s="613"/>
      <c r="EY648" s="613"/>
      <c r="EZ648" s="613"/>
      <c r="FA648" s="613"/>
      <c r="FB648" s="613"/>
      <c r="FC648" s="613"/>
      <c r="FD648" s="613"/>
      <c r="FE648" s="613"/>
      <c r="FF648" s="613"/>
      <c r="FG648" s="613"/>
      <c r="FH648" s="613"/>
      <c r="FI648" s="613"/>
      <c r="FJ648" s="613"/>
      <c r="FK648" s="613"/>
      <c r="FL648" s="613"/>
      <c r="FM648" s="613"/>
      <c r="FN648" s="613"/>
      <c r="FO648" s="613"/>
      <c r="FP648" s="613"/>
      <c r="FQ648" s="613"/>
      <c r="FR648" s="613"/>
      <c r="FS648" s="613"/>
      <c r="FT648" s="613"/>
      <c r="FU648" s="613"/>
      <c r="FV648" s="613"/>
      <c r="FW648" s="613"/>
      <c r="FX648" s="613"/>
      <c r="FY648" s="613"/>
      <c r="FZ648" s="613"/>
      <c r="GA648" s="613"/>
      <c r="GB648" s="613"/>
      <c r="GC648" s="613"/>
      <c r="GD648" s="613"/>
      <c r="GE648" s="613"/>
      <c r="GF648" s="613"/>
      <c r="GG648" s="613"/>
      <c r="GH648" s="613"/>
      <c r="GI648" s="613"/>
      <c r="GJ648" s="613"/>
      <c r="GK648" s="613"/>
      <c r="GL648" s="613"/>
      <c r="GM648" s="613"/>
      <c r="GN648" s="613"/>
      <c r="GO648" s="613"/>
      <c r="GP648" s="613"/>
      <c r="GQ648" s="613"/>
      <c r="GR648" s="613"/>
      <c r="GS648" s="613"/>
      <c r="GT648" s="613"/>
      <c r="GU648" s="613"/>
      <c r="GV648" s="613"/>
      <c r="GW648" s="613"/>
      <c r="GX648" s="613"/>
      <c r="GY648" s="613"/>
      <c r="GZ648" s="613"/>
      <c r="HA648" s="613"/>
      <c r="HB648" s="613"/>
      <c r="HC648" s="613"/>
      <c r="HD648" s="613"/>
      <c r="HE648" s="613"/>
      <c r="HF648" s="613"/>
      <c r="HG648" s="613"/>
      <c r="HH648" s="613"/>
      <c r="HI648" s="613"/>
      <c r="HJ648" s="613"/>
      <c r="HK648" s="613"/>
      <c r="HL648" s="613"/>
      <c r="HM648" s="613"/>
      <c r="HN648" s="613"/>
      <c r="HO648" s="613"/>
      <c r="HP648" s="613"/>
      <c r="HQ648" s="613"/>
      <c r="HR648" s="613"/>
      <c r="HS648" s="613"/>
      <c r="HT648" s="613"/>
      <c r="HU648" s="613"/>
      <c r="HV648" s="613"/>
      <c r="HW648" s="613"/>
      <c r="HX648" s="613"/>
      <c r="HY648" s="613"/>
      <c r="HZ648" s="613"/>
      <c r="IA648" s="613"/>
      <c r="IB648" s="613"/>
      <c r="IC648" s="613"/>
      <c r="ID648" s="613"/>
      <c r="IE648" s="613"/>
      <c r="IF648" s="613"/>
      <c r="IG648" s="613"/>
      <c r="IH648" s="613"/>
      <c r="II648" s="613"/>
      <c r="IJ648" s="613"/>
      <c r="IK648" s="613"/>
      <c r="IL648" s="613"/>
      <c r="IM648" s="613"/>
      <c r="IN648" s="613"/>
      <c r="IO648" s="613"/>
      <c r="IP648" s="613"/>
      <c r="IQ648" s="613"/>
      <c r="IR648" s="613"/>
      <c r="IS648" s="613"/>
      <c r="IT648" s="613"/>
      <c r="IU648" s="613"/>
      <c r="IV648" s="613"/>
      <c r="IW648" s="613"/>
      <c r="IX648" s="613"/>
      <c r="IY648" s="613"/>
      <c r="IZ648" s="613"/>
      <c r="JA648" s="613"/>
      <c r="JB648" s="613"/>
      <c r="JC648" s="613"/>
      <c r="JD648" s="613"/>
      <c r="JE648" s="613"/>
      <c r="JF648" s="613"/>
      <c r="JG648" s="613"/>
      <c r="JH648" s="613"/>
      <c r="JI648" s="613"/>
      <c r="JJ648" s="613"/>
      <c r="JK648" s="613"/>
      <c r="JL648" s="613"/>
      <c r="JM648" s="613"/>
      <c r="JN648" s="613"/>
      <c r="JO648" s="613"/>
      <c r="JP648" s="613"/>
      <c r="JQ648" s="613"/>
      <c r="JR648" s="613"/>
      <c r="JS648" s="613"/>
      <c r="JT648" s="613"/>
      <c r="JU648" s="613"/>
      <c r="JV648" s="613"/>
      <c r="JW648" s="613"/>
      <c r="JX648" s="613"/>
      <c r="JY648" s="613"/>
      <c r="JZ648" s="613"/>
      <c r="KA648" s="613"/>
      <c r="KB648" s="613"/>
      <c r="KC648" s="613"/>
      <c r="KD648" s="613"/>
      <c r="KE648" s="613"/>
      <c r="KF648" s="613"/>
      <c r="KG648" s="613"/>
      <c r="KH648" s="613"/>
      <c r="KI648" s="613"/>
      <c r="KJ648" s="613"/>
      <c r="KK648" s="613"/>
      <c r="KL648" s="613"/>
      <c r="KM648" s="613"/>
      <c r="KN648" s="613"/>
      <c r="KO648" s="613"/>
      <c r="KP648" s="613"/>
      <c r="KQ648" s="613"/>
      <c r="KR648" s="613"/>
      <c r="KS648" s="613"/>
      <c r="KT648" s="613"/>
      <c r="KU648" s="613"/>
      <c r="KV648" s="613"/>
      <c r="KW648" s="613"/>
      <c r="KX648" s="613"/>
      <c r="KY648" s="613"/>
      <c r="KZ648" s="613"/>
      <c r="LA648" s="613"/>
      <c r="LB648" s="613"/>
      <c r="LC648" s="613"/>
      <c r="LD648" s="613"/>
      <c r="LE648" s="613"/>
      <c r="LF648" s="613"/>
      <c r="LG648" s="613"/>
      <c r="LH648" s="613"/>
      <c r="LI648" s="613"/>
      <c r="LJ648" s="613"/>
      <c r="LK648" s="613"/>
      <c r="LL648" s="613"/>
      <c r="LM648" s="613"/>
      <c r="LN648" s="613"/>
      <c r="LO648" s="613"/>
      <c r="LP648" s="613"/>
      <c r="LQ648" s="613"/>
      <c r="LR648" s="613"/>
      <c r="LS648" s="613"/>
      <c r="LT648" s="613"/>
      <c r="LU648" s="613"/>
      <c r="LV648" s="613"/>
      <c r="LW648" s="613"/>
      <c r="LX648" s="613"/>
      <c r="LY648" s="613"/>
      <c r="LZ648" s="613"/>
      <c r="MA648" s="613"/>
      <c r="MB648" s="613"/>
      <c r="MC648" s="613"/>
      <c r="MD648" s="613"/>
      <c r="ME648" s="613"/>
      <c r="MF648" s="613"/>
      <c r="MG648" s="613"/>
      <c r="MH648" s="613"/>
      <c r="MI648" s="613"/>
      <c r="MJ648" s="613"/>
      <c r="MK648" s="613"/>
      <c r="ML648" s="613"/>
      <c r="MM648" s="613"/>
      <c r="MN648" s="613"/>
      <c r="MO648" s="613"/>
      <c r="MP648" s="613"/>
      <c r="MQ648" s="613"/>
      <c r="MR648" s="613"/>
      <c r="MS648" s="613"/>
      <c r="MT648" s="613"/>
      <c r="MU648" s="613"/>
      <c r="MV648" s="613"/>
      <c r="MW648" s="613"/>
      <c r="MX648" s="613"/>
      <c r="MY648" s="613"/>
      <c r="MZ648" s="613"/>
      <c r="NA648" s="613"/>
      <c r="NB648" s="613"/>
      <c r="NC648" s="613"/>
      <c r="ND648" s="613"/>
      <c r="NE648" s="613"/>
      <c r="NF648" s="613"/>
      <c r="NG648" s="613"/>
      <c r="NH648" s="613"/>
      <c r="NI648" s="613"/>
      <c r="NJ648" s="613"/>
      <c r="NK648" s="613"/>
      <c r="NL648" s="613"/>
      <c r="NM648" s="613"/>
      <c r="NN648" s="613"/>
      <c r="NO648" s="613"/>
      <c r="NP648" s="613"/>
      <c r="NQ648" s="613"/>
      <c r="NR648" s="613"/>
      <c r="NS648" s="613"/>
      <c r="NT648" s="613"/>
      <c r="NU648" s="613"/>
      <c r="NV648" s="613"/>
      <c r="NW648" s="613"/>
      <c r="NX648" s="613"/>
      <c r="NY648" s="613"/>
      <c r="NZ648" s="613"/>
      <c r="OA648" s="613"/>
      <c r="OB648" s="613"/>
      <c r="OC648" s="613"/>
      <c r="OD648" s="613"/>
      <c r="OE648" s="613"/>
      <c r="OF648" s="613"/>
      <c r="OG648" s="613"/>
      <c r="OH648" s="613"/>
      <c r="OI648" s="613"/>
      <c r="OJ648" s="613"/>
      <c r="OK648" s="613"/>
      <c r="OL648" s="613"/>
      <c r="OM648" s="613"/>
      <c r="ON648" s="613"/>
      <c r="OO648" s="613"/>
      <c r="OP648" s="613"/>
      <c r="OQ648" s="613"/>
      <c r="OR648" s="613"/>
      <c r="OS648" s="613"/>
      <c r="OT648" s="613"/>
      <c r="OU648" s="613"/>
      <c r="OV648" s="613"/>
      <c r="OW648" s="613"/>
      <c r="OX648" s="613"/>
      <c r="OY648" s="613"/>
      <c r="OZ648" s="613"/>
      <c r="PA648" s="613"/>
      <c r="PB648" s="613"/>
      <c r="PC648" s="613"/>
      <c r="PD648" s="613"/>
      <c r="PE648" s="613"/>
      <c r="PF648" s="613"/>
      <c r="PG648" s="613"/>
      <c r="PH648" s="613"/>
      <c r="PI648" s="613"/>
      <c r="PJ648" s="613"/>
      <c r="PK648" s="613"/>
      <c r="PL648" s="613"/>
      <c r="PM648" s="613"/>
      <c r="PN648" s="613"/>
      <c r="PO648" s="613"/>
      <c r="PP648" s="613"/>
      <c r="PQ648" s="613"/>
      <c r="PR648" s="613"/>
      <c r="PS648" s="613"/>
      <c r="PT648" s="613"/>
      <c r="PU648" s="613"/>
      <c r="PV648" s="613"/>
      <c r="PW648" s="613"/>
      <c r="PX648" s="613"/>
      <c r="PY648" s="613"/>
      <c r="PZ648" s="613"/>
      <c r="QA648" s="613"/>
      <c r="QB648" s="613"/>
      <c r="QC648" s="613"/>
      <c r="QD648" s="613"/>
      <c r="QE648" s="613"/>
      <c r="QF648" s="613"/>
      <c r="QG648" s="613"/>
      <c r="QH648" s="613"/>
      <c r="QI648" s="613"/>
      <c r="QJ648" s="613"/>
      <c r="QK648" s="613"/>
      <c r="QL648" s="613"/>
      <c r="QM648" s="613"/>
      <c r="QN648" s="613"/>
      <c r="QO648" s="613"/>
      <c r="QP648" s="613"/>
      <c r="QQ648" s="613"/>
      <c r="QR648" s="613"/>
      <c r="QS648" s="613"/>
      <c r="QT648" s="613"/>
      <c r="QU648" s="613"/>
      <c r="QV648" s="613"/>
      <c r="QW648" s="613"/>
      <c r="QX648" s="613"/>
      <c r="QY648" s="613"/>
      <c r="QZ648" s="613"/>
      <c r="RA648" s="613"/>
      <c r="RB648" s="613"/>
      <c r="RC648" s="613"/>
      <c r="RD648" s="613"/>
      <c r="RE648" s="613"/>
      <c r="RF648" s="613"/>
      <c r="RG648" s="613"/>
      <c r="RH648" s="613"/>
      <c r="RI648" s="613"/>
      <c r="RJ648" s="613"/>
      <c r="RK648" s="613"/>
      <c r="RL648" s="613"/>
      <c r="RM648" s="613"/>
      <c r="RN648" s="613"/>
      <c r="RO648" s="613"/>
      <c r="RP648" s="613"/>
      <c r="RQ648" s="613"/>
      <c r="RR648" s="613"/>
      <c r="RS648" s="613"/>
      <c r="RT648" s="613"/>
      <c r="RU648" s="613"/>
      <c r="RV648" s="613"/>
      <c r="RW648" s="613"/>
      <c r="RX648" s="613"/>
      <c r="RY648" s="613"/>
      <c r="RZ648" s="613"/>
      <c r="SA648" s="613"/>
      <c r="SB648" s="613"/>
      <c r="SC648" s="613"/>
      <c r="SD648" s="613"/>
      <c r="SE648" s="613"/>
      <c r="SF648" s="613"/>
      <c r="SG648" s="613"/>
      <c r="SH648" s="613"/>
      <c r="SI648" s="613"/>
      <c r="SJ648" s="613"/>
      <c r="SK648" s="613"/>
      <c r="SL648" s="613"/>
      <c r="SM648" s="613"/>
      <c r="SN648" s="613"/>
      <c r="SO648" s="613"/>
      <c r="SP648" s="613"/>
      <c r="SQ648" s="613"/>
      <c r="SR648" s="613"/>
      <c r="SS648" s="613"/>
      <c r="ST648" s="613"/>
      <c r="SU648" s="613"/>
      <c r="SV648" s="613"/>
      <c r="SW648" s="613"/>
      <c r="SX648" s="613"/>
      <c r="SY648" s="613"/>
      <c r="SZ648" s="613"/>
      <c r="TA648" s="613"/>
      <c r="TB648" s="613"/>
      <c r="TC648" s="613"/>
      <c r="TD648" s="613"/>
      <c r="TE648" s="613"/>
      <c r="TF648" s="613"/>
      <c r="TG648" s="613"/>
      <c r="TH648" s="613"/>
      <c r="TI648" s="613"/>
      <c r="TJ648" s="613"/>
      <c r="TK648" s="613"/>
      <c r="TL648" s="613"/>
      <c r="TM648" s="613"/>
      <c r="TN648" s="613"/>
      <c r="TO648" s="613"/>
      <c r="TP648" s="613"/>
      <c r="TQ648" s="613"/>
      <c r="TR648" s="613"/>
      <c r="TS648" s="613"/>
      <c r="TT648" s="613"/>
      <c r="TU648" s="613"/>
      <c r="TV648" s="613"/>
      <c r="TW648" s="613"/>
      <c r="TX648" s="613"/>
      <c r="TY648" s="613"/>
      <c r="TZ648" s="613"/>
      <c r="UA648" s="613"/>
      <c r="UB648" s="613"/>
      <c r="UC648" s="613"/>
      <c r="UD648" s="613"/>
      <c r="UE648" s="613"/>
      <c r="UF648" s="613"/>
      <c r="UG648" s="613"/>
      <c r="UH648" s="613"/>
      <c r="UI648" s="613"/>
      <c r="UJ648" s="613"/>
      <c r="UK648" s="613"/>
      <c r="UL648" s="613"/>
      <c r="UM648" s="613"/>
      <c r="UN648" s="613"/>
      <c r="UO648" s="613"/>
      <c r="UP648" s="613"/>
      <c r="UQ648" s="613"/>
      <c r="UR648" s="613"/>
      <c r="US648" s="613"/>
      <c r="UT648" s="613"/>
      <c r="UU648" s="613"/>
      <c r="UV648" s="613"/>
      <c r="UW648" s="613"/>
      <c r="UX648" s="613"/>
      <c r="UY648" s="613"/>
      <c r="UZ648" s="613"/>
      <c r="VA648" s="613"/>
      <c r="VB648" s="613"/>
      <c r="VC648" s="613"/>
      <c r="VD648" s="613"/>
      <c r="VE648" s="613"/>
      <c r="VF648" s="613"/>
      <c r="VG648" s="613"/>
      <c r="VH648" s="613"/>
      <c r="VI648" s="613"/>
      <c r="VJ648" s="613"/>
      <c r="VK648" s="613"/>
      <c r="VL648" s="613"/>
      <c r="VM648" s="613"/>
      <c r="VN648" s="613"/>
      <c r="VO648" s="613"/>
      <c r="VP648" s="613"/>
      <c r="VQ648" s="613"/>
      <c r="VR648" s="613"/>
      <c r="VS648" s="613"/>
      <c r="VT648" s="613"/>
      <c r="VU648" s="613"/>
      <c r="VV648" s="613"/>
      <c r="VW648" s="613"/>
      <c r="VX648" s="613"/>
      <c r="VY648" s="613"/>
      <c r="VZ648" s="613"/>
      <c r="WA648" s="613"/>
      <c r="WB648" s="613"/>
      <c r="WC648" s="613"/>
      <c r="WD648" s="613"/>
      <c r="WE648" s="613"/>
      <c r="WF648" s="613"/>
      <c r="WG648" s="613"/>
      <c r="WH648" s="613"/>
      <c r="WI648" s="613"/>
      <c r="WJ648" s="613"/>
      <c r="WK648" s="613"/>
      <c r="WL648" s="613"/>
      <c r="WM648" s="613"/>
      <c r="WN648" s="613"/>
      <c r="WO648" s="613"/>
      <c r="WP648" s="613"/>
      <c r="WQ648" s="613"/>
      <c r="WR648" s="613"/>
      <c r="WS648" s="613"/>
      <c r="WT648" s="613"/>
      <c r="WU648" s="613"/>
      <c r="WV648" s="613"/>
      <c r="WW648" s="613"/>
      <c r="WX648" s="613"/>
      <c r="WY648" s="613"/>
      <c r="WZ648" s="613"/>
      <c r="XA648" s="613"/>
      <c r="XB648" s="613"/>
      <c r="XC648" s="613"/>
      <c r="XD648" s="613"/>
      <c r="XE648" s="613"/>
      <c r="XF648" s="613"/>
      <c r="XG648" s="613"/>
      <c r="XH648" s="613"/>
      <c r="XI648" s="613"/>
      <c r="XJ648" s="613"/>
      <c r="XK648" s="613"/>
      <c r="XL648" s="613"/>
      <c r="XM648" s="613"/>
      <c r="XN648" s="613"/>
      <c r="XO648" s="613"/>
      <c r="XP648" s="613"/>
      <c r="XQ648" s="613"/>
      <c r="XR648" s="613"/>
      <c r="XS648" s="613"/>
      <c r="XT648" s="613"/>
      <c r="XU648" s="613"/>
      <c r="XV648" s="613"/>
      <c r="XW648" s="613"/>
      <c r="XX648" s="613"/>
      <c r="XY648" s="613"/>
      <c r="XZ648" s="613"/>
      <c r="YA648" s="613"/>
      <c r="YB648" s="613"/>
      <c r="YC648" s="613"/>
      <c r="YD648" s="613"/>
      <c r="YE648" s="613"/>
      <c r="YF648" s="613"/>
      <c r="YG648" s="613"/>
      <c r="YH648" s="613"/>
      <c r="YI648" s="613"/>
      <c r="YJ648" s="613"/>
      <c r="YK648" s="613"/>
      <c r="YL648" s="613"/>
      <c r="YM648" s="613"/>
      <c r="YN648" s="613"/>
      <c r="YO648" s="613"/>
      <c r="YP648" s="613"/>
      <c r="YQ648" s="613"/>
      <c r="YR648" s="613"/>
      <c r="YS648" s="613"/>
      <c r="YT648" s="613"/>
      <c r="YU648" s="613"/>
      <c r="YV648" s="613"/>
      <c r="YW648" s="613"/>
      <c r="YX648" s="613"/>
      <c r="YY648" s="613"/>
      <c r="YZ648" s="613"/>
      <c r="ZA648" s="613"/>
      <c r="ZB648" s="613"/>
      <c r="ZC648" s="613"/>
      <c r="ZD648" s="613"/>
      <c r="ZE648" s="613"/>
      <c r="ZF648" s="613"/>
      <c r="ZG648" s="613"/>
      <c r="ZH648" s="613"/>
      <c r="ZI648" s="613"/>
      <c r="ZJ648" s="613"/>
      <c r="ZK648" s="613"/>
      <c r="ZL648" s="613"/>
      <c r="ZM648" s="613"/>
      <c r="ZN648" s="613"/>
      <c r="ZO648" s="613"/>
      <c r="ZP648" s="613"/>
      <c r="ZQ648" s="613"/>
      <c r="ZR648" s="613"/>
      <c r="ZS648" s="613"/>
      <c r="ZT648" s="613"/>
      <c r="ZU648" s="613"/>
      <c r="ZV648" s="613"/>
      <c r="ZW648" s="613"/>
      <c r="ZX648" s="613"/>
      <c r="ZY648" s="613"/>
      <c r="ZZ648" s="613"/>
      <c r="AAA648" s="613"/>
      <c r="AAB648" s="613"/>
      <c r="AAC648" s="613"/>
      <c r="AAD648" s="613"/>
      <c r="AAE648" s="613"/>
      <c r="AAF648" s="613"/>
      <c r="AAG648" s="613"/>
      <c r="AAH648" s="613"/>
      <c r="AAI648" s="613"/>
      <c r="AAJ648" s="613"/>
      <c r="AAK648" s="613"/>
      <c r="AAL648" s="613"/>
      <c r="AAM648" s="613"/>
      <c r="AAN648" s="613"/>
      <c r="AAO648" s="613"/>
      <c r="AAP648" s="613"/>
      <c r="AAQ648" s="613"/>
      <c r="AAR648" s="613"/>
      <c r="AAS648" s="613"/>
      <c r="AAT648" s="613"/>
      <c r="AAU648" s="613"/>
      <c r="AAV648" s="613"/>
      <c r="AAW648" s="613"/>
      <c r="AAX648" s="613"/>
      <c r="AAY648" s="613"/>
      <c r="AAZ648" s="613"/>
      <c r="ABA648" s="613"/>
      <c r="ABB648" s="613"/>
      <c r="ABC648" s="613"/>
      <c r="ABD648" s="613"/>
      <c r="ABE648" s="613"/>
      <c r="ABF648" s="613"/>
      <c r="ABG648" s="613"/>
      <c r="ABH648" s="613"/>
      <c r="ABI648" s="613"/>
      <c r="ABJ648" s="613"/>
      <c r="ABK648" s="613"/>
      <c r="ABL648" s="613"/>
      <c r="ABM648" s="613"/>
      <c r="ABN648" s="613"/>
      <c r="ABO648" s="613"/>
      <c r="ABP648" s="613"/>
      <c r="ABQ648" s="613"/>
      <c r="ABR648" s="613"/>
      <c r="ABS648" s="613"/>
      <c r="ABT648" s="613"/>
      <c r="ABU648" s="613"/>
      <c r="ABV648" s="613"/>
      <c r="ABW648" s="613"/>
      <c r="ABX648" s="613"/>
      <c r="ABY648" s="613"/>
      <c r="ABZ648" s="613"/>
      <c r="ACA648" s="613"/>
      <c r="ACB648" s="613"/>
      <c r="ACC648" s="613"/>
      <c r="ACD648" s="613"/>
      <c r="ACE648" s="613"/>
      <c r="ACF648" s="613"/>
      <c r="ACG648" s="613"/>
      <c r="ACH648" s="613"/>
      <c r="ACI648" s="613"/>
      <c r="ACJ648" s="613"/>
      <c r="ACK648" s="613"/>
      <c r="ACL648" s="613"/>
      <c r="ACM648" s="613"/>
      <c r="ACN648" s="613"/>
      <c r="ACO648" s="613"/>
      <c r="ACP648" s="613"/>
      <c r="ACQ648" s="613"/>
      <c r="ACR648" s="613"/>
      <c r="ACS648" s="613"/>
      <c r="ACT648" s="613"/>
      <c r="ACU648" s="613"/>
      <c r="ACV648" s="613"/>
      <c r="ACW648" s="613"/>
      <c r="ACX648" s="613"/>
      <c r="ACY648" s="613"/>
      <c r="ACZ648" s="613"/>
      <c r="ADA648" s="613"/>
      <c r="ADB648" s="613"/>
      <c r="ADC648" s="613"/>
      <c r="ADD648" s="613"/>
      <c r="ADE648" s="613"/>
      <c r="ADF648" s="613"/>
      <c r="ADG648" s="613"/>
      <c r="ADH648" s="613"/>
      <c r="ADI648" s="613"/>
      <c r="ADJ648" s="613"/>
      <c r="ADK648" s="613"/>
      <c r="ADL648" s="613"/>
      <c r="ADM648" s="613"/>
      <c r="ADN648" s="613"/>
      <c r="ADO648" s="613"/>
      <c r="ADP648" s="613"/>
      <c r="ADQ648" s="613"/>
      <c r="ADR648" s="613"/>
      <c r="ADS648" s="613"/>
      <c r="ADT648" s="613"/>
      <c r="ADU648" s="613"/>
      <c r="ADV648" s="613"/>
      <c r="ADW648" s="613"/>
      <c r="ADX648" s="613"/>
      <c r="ADY648" s="613"/>
      <c r="ADZ648" s="613"/>
      <c r="AEA648" s="613"/>
      <c r="AEB648" s="613"/>
      <c r="AEC648" s="613"/>
      <c r="AED648" s="613"/>
      <c r="AEE648" s="613"/>
      <c r="AEF648" s="613"/>
      <c r="AEG648" s="613"/>
      <c r="AEH648" s="613"/>
      <c r="AEI648" s="613"/>
      <c r="AEJ648" s="613"/>
      <c r="AEK648" s="613"/>
      <c r="AEL648" s="613"/>
      <c r="AEM648" s="613"/>
      <c r="AEN648" s="613"/>
      <c r="AEO648" s="613"/>
      <c r="AEP648" s="613"/>
      <c r="AEQ648" s="613"/>
      <c r="AER648" s="613"/>
      <c r="AES648" s="613"/>
      <c r="AET648" s="613"/>
      <c r="AEU648" s="613"/>
      <c r="AEV648" s="613"/>
      <c r="AEW648" s="613"/>
      <c r="AEX648" s="613"/>
      <c r="AEY648" s="613"/>
      <c r="AEZ648" s="613"/>
      <c r="AFA648" s="613"/>
      <c r="AFB648" s="613"/>
      <c r="AFC648" s="613"/>
      <c r="AFD648" s="613"/>
      <c r="AFE648" s="613"/>
      <c r="AFF648" s="613"/>
      <c r="AFG648" s="613"/>
      <c r="AFH648" s="613"/>
      <c r="AFI648" s="613"/>
      <c r="AFJ648" s="613"/>
      <c r="AFK648" s="613"/>
      <c r="AFL648" s="613"/>
      <c r="AFM648" s="613"/>
      <c r="AFN648" s="613"/>
      <c r="AFO648" s="613"/>
      <c r="AFP648" s="613"/>
      <c r="AFQ648" s="613"/>
      <c r="AFR648" s="613"/>
      <c r="AFS648" s="613"/>
      <c r="AFT648" s="613"/>
      <c r="AFU648" s="613"/>
      <c r="AFV648" s="613"/>
      <c r="AFW648" s="613"/>
      <c r="AFX648" s="613"/>
      <c r="AFY648" s="613"/>
      <c r="AFZ648" s="613"/>
      <c r="AGA648" s="613"/>
      <c r="AGB648" s="613"/>
      <c r="AGC648" s="613"/>
      <c r="AGD648" s="613"/>
      <c r="AGE648" s="613"/>
      <c r="AGF648" s="613"/>
      <c r="AGG648" s="613"/>
      <c r="AGH648" s="613"/>
      <c r="AGI648" s="613"/>
      <c r="AGJ648" s="613"/>
      <c r="AGK648" s="613"/>
      <c r="AGL648" s="613"/>
      <c r="AGM648" s="613"/>
      <c r="AGN648" s="613"/>
      <c r="AGO648" s="613"/>
      <c r="AGP648" s="613"/>
      <c r="AGQ648" s="613"/>
      <c r="AGR648" s="613"/>
      <c r="AGS648" s="613"/>
      <c r="AGT648" s="613"/>
      <c r="AGU648" s="613"/>
      <c r="AGV648" s="613"/>
      <c r="AGW648" s="613"/>
      <c r="AGX648" s="613"/>
      <c r="AGY648" s="613"/>
      <c r="AGZ648" s="613"/>
      <c r="AHA648" s="613"/>
      <c r="AHB648" s="613"/>
      <c r="AHC648" s="613"/>
      <c r="AHD648" s="613"/>
      <c r="AHE648" s="613"/>
      <c r="AHF648" s="613"/>
      <c r="AHG648" s="613"/>
      <c r="AHH648" s="613"/>
      <c r="AHI648" s="613"/>
      <c r="AHJ648" s="613"/>
      <c r="AHK648" s="613"/>
      <c r="AHL648" s="613"/>
      <c r="AHM648" s="613"/>
      <c r="AHN648" s="613"/>
      <c r="AHO648" s="613"/>
      <c r="AHP648" s="613"/>
      <c r="AHQ648" s="613"/>
      <c r="AHR648" s="613"/>
      <c r="AHS648" s="613"/>
      <c r="AHT648" s="613"/>
      <c r="AHU648" s="613"/>
      <c r="AHV648" s="613"/>
      <c r="AHW648" s="613"/>
      <c r="AHX648" s="613"/>
      <c r="AHY648" s="613"/>
      <c r="AHZ648" s="613"/>
      <c r="AIA648" s="613"/>
      <c r="AIB648" s="613"/>
      <c r="AIC648" s="613"/>
      <c r="AID648" s="613"/>
      <c r="AIE648" s="613"/>
      <c r="AIF648" s="613"/>
      <c r="AIG648" s="613"/>
      <c r="AIH648" s="613"/>
      <c r="AII648" s="613"/>
      <c r="AIJ648" s="613"/>
      <c r="AIK648" s="613"/>
      <c r="AIL648" s="613"/>
      <c r="AIM648" s="613"/>
      <c r="AIN648" s="613"/>
      <c r="AIO648" s="613"/>
      <c r="AIP648" s="613"/>
      <c r="AIQ648" s="613"/>
      <c r="AIR648" s="613"/>
      <c r="AIS648" s="613"/>
      <c r="AIT648" s="613"/>
      <c r="AIU648" s="613"/>
      <c r="AIV648" s="613"/>
      <c r="AIW648" s="613"/>
      <c r="AIX648" s="613"/>
      <c r="AIY648" s="613"/>
      <c r="AIZ648" s="613"/>
      <c r="AJA648" s="613"/>
      <c r="AJB648" s="613"/>
      <c r="AJC648" s="613"/>
      <c r="AJD648" s="613"/>
      <c r="AJE648" s="613"/>
      <c r="AJF648" s="613"/>
      <c r="AJG648" s="613"/>
      <c r="AJH648" s="613"/>
      <c r="AJI648" s="613"/>
      <c r="AJJ648" s="613"/>
      <c r="AJK648" s="613"/>
      <c r="AJL648" s="613"/>
      <c r="AJM648" s="613"/>
      <c r="AJN648" s="613"/>
      <c r="AJO648" s="613"/>
      <c r="AJP648" s="613"/>
      <c r="AJQ648" s="613"/>
      <c r="AJR648" s="613"/>
      <c r="AJS648" s="613"/>
      <c r="AJT648" s="613"/>
      <c r="AJU648" s="613"/>
      <c r="AJV648" s="613"/>
      <c r="AJW648" s="613"/>
      <c r="AJX648" s="613"/>
      <c r="AJY648" s="613"/>
      <c r="AJZ648" s="613"/>
      <c r="AKA648" s="613"/>
      <c r="AKB648" s="613"/>
      <c r="AKC648" s="613"/>
      <c r="AKD648" s="613"/>
      <c r="AKE648" s="613"/>
      <c r="AKF648" s="613"/>
      <c r="AKG648" s="613"/>
      <c r="AKH648" s="613"/>
      <c r="AKI648" s="613"/>
      <c r="AKJ648" s="613"/>
      <c r="AKK648" s="613"/>
      <c r="AKL648" s="613"/>
      <c r="AKM648" s="613"/>
      <c r="AKN648" s="613"/>
      <c r="AKO648" s="613"/>
      <c r="AKP648" s="613"/>
      <c r="AKQ648" s="613"/>
      <c r="AKR648" s="613"/>
      <c r="AKS648" s="613"/>
      <c r="AKT648" s="613"/>
      <c r="AKU648" s="613"/>
      <c r="AKV648" s="613"/>
      <c r="AKW648" s="613"/>
      <c r="AKX648" s="613"/>
      <c r="AKY648" s="613"/>
      <c r="AKZ648" s="613"/>
      <c r="ALA648" s="613"/>
      <c r="ALB648" s="613"/>
      <c r="ALC648" s="613"/>
      <c r="ALD648" s="613"/>
      <c r="ALE648" s="613"/>
      <c r="ALF648" s="613"/>
      <c r="ALG648" s="613"/>
      <c r="ALH648" s="613"/>
      <c r="ALI648" s="613"/>
      <c r="ALJ648" s="613"/>
      <c r="ALK648" s="613"/>
      <c r="ALL648" s="613"/>
      <c r="ALM648" s="613"/>
      <c r="ALN648" s="613"/>
      <c r="ALO648" s="613"/>
      <c r="ALP648" s="613"/>
      <c r="ALQ648" s="613"/>
      <c r="ALR648" s="613"/>
      <c r="ALS648" s="613"/>
      <c r="ALT648" s="613"/>
      <c r="ALU648" s="613"/>
      <c r="ALV648" s="613"/>
      <c r="ALW648" s="613"/>
      <c r="ALX648" s="613"/>
      <c r="ALY648" s="613"/>
      <c r="ALZ648" s="613"/>
      <c r="AMA648" s="613"/>
      <c r="AMB648" s="613"/>
      <c r="AMC648" s="613"/>
      <c r="AMD648" s="613"/>
      <c r="AME648" s="613"/>
      <c r="AMF648" s="613"/>
      <c r="AMG648" s="613"/>
      <c r="AMH648" s="613"/>
      <c r="AMI648" s="613"/>
      <c r="AMJ648" s="613"/>
      <c r="AMK648" s="613"/>
      <c r="AML648" s="613"/>
      <c r="AMM648" s="613"/>
      <c r="AMN648" s="613"/>
      <c r="AMO648" s="613"/>
      <c r="AMP648" s="613"/>
      <c r="AMQ648" s="613"/>
      <c r="AMR648" s="613"/>
      <c r="AMS648" s="613"/>
      <c r="AMT648" s="613"/>
      <c r="AMU648" s="613"/>
      <c r="AMV648" s="613"/>
      <c r="AMW648" s="613"/>
      <c r="AMX648" s="613"/>
      <c r="AMY648" s="613"/>
      <c r="AMZ648" s="613"/>
      <c r="ANA648" s="613"/>
      <c r="ANB648" s="613"/>
      <c r="ANC648" s="613"/>
      <c r="AND648" s="613"/>
      <c r="ANE648" s="613"/>
      <c r="ANF648" s="613"/>
      <c r="ANG648" s="613"/>
      <c r="ANH648" s="613"/>
      <c r="ANI648" s="613"/>
      <c r="ANJ648" s="613"/>
      <c r="ANK648" s="613"/>
      <c r="ANL648" s="613"/>
      <c r="ANM648" s="613"/>
      <c r="ANN648" s="613"/>
      <c r="ANO648" s="613"/>
      <c r="ANP648" s="613"/>
      <c r="ANQ648" s="613"/>
      <c r="ANR648" s="613"/>
      <c r="ANS648" s="613"/>
      <c r="ANT648" s="613"/>
      <c r="ANU648" s="613"/>
      <c r="ANV648" s="613"/>
      <c r="ANW648" s="613"/>
      <c r="ANX648" s="613"/>
      <c r="ANY648" s="613"/>
      <c r="ANZ648" s="613"/>
      <c r="AOA648" s="613"/>
      <c r="AOB648" s="613"/>
      <c r="AOC648" s="613"/>
      <c r="AOD648" s="613"/>
      <c r="AOE648" s="613"/>
      <c r="AOF648" s="613"/>
      <c r="AOG648" s="613"/>
      <c r="AOH648" s="613"/>
      <c r="AOI648" s="613"/>
      <c r="AOJ648" s="613"/>
      <c r="AOK648" s="613"/>
      <c r="AOL648" s="613"/>
      <c r="AOM648" s="613"/>
      <c r="AON648" s="613"/>
      <c r="AOO648" s="613"/>
      <c r="AOP648" s="613"/>
      <c r="AOQ648" s="613"/>
      <c r="AOR648" s="613"/>
      <c r="AOS648" s="613"/>
      <c r="AOT648" s="613"/>
      <c r="AOU648" s="613"/>
      <c r="AOV648" s="613"/>
      <c r="AOW648" s="613"/>
      <c r="AOX648" s="613"/>
      <c r="AOY648" s="613"/>
      <c r="AOZ648" s="613"/>
      <c r="APA648" s="613"/>
      <c r="APB648" s="613"/>
      <c r="APC648" s="613"/>
      <c r="APD648" s="613"/>
      <c r="APE648" s="613"/>
      <c r="APF648" s="613"/>
      <c r="APG648" s="613"/>
      <c r="APH648" s="613"/>
      <c r="API648" s="613"/>
      <c r="APJ648" s="613"/>
      <c r="APK648" s="613"/>
      <c r="APL648" s="613"/>
      <c r="APM648" s="613"/>
      <c r="APN648" s="613"/>
      <c r="APO648" s="613"/>
      <c r="APP648" s="613"/>
      <c r="APQ648" s="613"/>
      <c r="APR648" s="613"/>
      <c r="APS648" s="613"/>
      <c r="APT648" s="613"/>
      <c r="APU648" s="613"/>
      <c r="APV648" s="613"/>
      <c r="APW648" s="613"/>
      <c r="APX648" s="613"/>
      <c r="APY648" s="613"/>
      <c r="APZ648" s="613"/>
      <c r="AQA648" s="613"/>
      <c r="AQB648" s="613"/>
      <c r="AQC648" s="613"/>
      <c r="AQD648" s="613"/>
      <c r="AQE648" s="613"/>
      <c r="AQF648" s="613"/>
      <c r="AQG648" s="613"/>
      <c r="AQH648" s="613"/>
      <c r="AQI648" s="613"/>
      <c r="AQJ648" s="613"/>
      <c r="AQK648" s="613"/>
      <c r="AQL648" s="613"/>
      <c r="AQM648" s="613"/>
      <c r="AQN648" s="613"/>
      <c r="AQO648" s="613"/>
      <c r="AQP648" s="613"/>
      <c r="AQQ648" s="613"/>
      <c r="AQR648" s="613"/>
      <c r="AQS648" s="613"/>
      <c r="AQT648" s="613"/>
      <c r="AQU648" s="613"/>
      <c r="AQV648" s="613"/>
      <c r="AQW648" s="613"/>
      <c r="AQX648" s="613"/>
      <c r="AQY648" s="613"/>
      <c r="AQZ648" s="613"/>
      <c r="ARA648" s="613"/>
      <c r="ARB648" s="613"/>
      <c r="ARC648" s="613"/>
      <c r="ARD648" s="613"/>
      <c r="ARE648" s="613"/>
      <c r="ARF648" s="613"/>
      <c r="ARG648" s="613"/>
      <c r="ARH648" s="613"/>
      <c r="ARI648" s="613"/>
      <c r="ARJ648" s="613"/>
      <c r="ARK648" s="613"/>
      <c r="ARL648" s="613"/>
      <c r="ARM648" s="613"/>
      <c r="ARN648" s="613"/>
      <c r="ARO648" s="613"/>
      <c r="ARP648" s="613"/>
      <c r="ARQ648" s="613"/>
      <c r="ARR648" s="613"/>
      <c r="ARS648" s="613"/>
      <c r="ART648" s="613"/>
      <c r="ARU648" s="613"/>
      <c r="ARV648" s="613"/>
      <c r="ARW648" s="613"/>
      <c r="ARX648" s="613"/>
      <c r="ARY648" s="613"/>
      <c r="ARZ648" s="613"/>
      <c r="ASA648" s="613"/>
      <c r="ASB648" s="613"/>
      <c r="ASC648" s="613"/>
      <c r="ASD648" s="613"/>
      <c r="ASE648" s="613"/>
      <c r="ASF648" s="613"/>
      <c r="ASG648" s="613"/>
      <c r="ASH648" s="613"/>
      <c r="ASI648" s="613"/>
      <c r="ASJ648" s="613"/>
      <c r="ASK648" s="613"/>
      <c r="ASL648" s="613"/>
      <c r="ASM648" s="613"/>
      <c r="ASN648" s="613"/>
      <c r="ASO648" s="613"/>
      <c r="ASP648" s="613"/>
      <c r="ASQ648" s="613"/>
      <c r="ASR648" s="613"/>
      <c r="ASS648" s="613"/>
      <c r="AST648" s="613"/>
      <c r="ASU648" s="613"/>
      <c r="ASV648" s="613"/>
      <c r="ASW648" s="613"/>
      <c r="ASX648" s="613"/>
      <c r="ASY648" s="613"/>
      <c r="ASZ648" s="613"/>
      <c r="ATA648" s="613"/>
      <c r="ATB648" s="613"/>
      <c r="ATC648" s="613"/>
      <c r="ATD648" s="613"/>
      <c r="ATE648" s="613"/>
      <c r="ATF648" s="613"/>
      <c r="ATG648" s="613"/>
      <c r="ATH648" s="613"/>
      <c r="ATI648" s="613"/>
      <c r="ATJ648" s="613"/>
      <c r="ATK648" s="613"/>
      <c r="ATL648" s="613"/>
      <c r="ATM648" s="613"/>
      <c r="ATN648" s="613"/>
      <c r="ATO648" s="613"/>
      <c r="ATP648" s="613"/>
      <c r="ATQ648" s="613"/>
      <c r="ATR648" s="613"/>
      <c r="ATS648" s="613"/>
      <c r="ATT648" s="613"/>
      <c r="ATU648" s="613"/>
      <c r="ATV648" s="613"/>
      <c r="ATW648" s="613"/>
      <c r="ATX648" s="613"/>
      <c r="ATY648" s="613"/>
      <c r="ATZ648" s="613"/>
      <c r="AUA648" s="613"/>
      <c r="AUB648" s="613"/>
      <c r="AUC648" s="613"/>
      <c r="AUD648" s="613"/>
      <c r="AUE648" s="613"/>
      <c r="AUF648" s="613"/>
      <c r="AUG648" s="613"/>
      <c r="AUH648" s="613"/>
      <c r="AUI648" s="613"/>
      <c r="AUJ648" s="613"/>
      <c r="AUK648" s="613"/>
      <c r="AUL648" s="613"/>
      <c r="AUM648" s="613"/>
      <c r="AUN648" s="613"/>
      <c r="AUO648" s="613"/>
      <c r="AUP648" s="613"/>
      <c r="AUQ648" s="613"/>
      <c r="AUR648" s="613"/>
      <c r="AUS648" s="613"/>
      <c r="AUT648" s="613"/>
      <c r="AUU648" s="613"/>
      <c r="AUV648" s="613"/>
      <c r="AUW648" s="613"/>
      <c r="AUX648" s="613"/>
      <c r="AUY648" s="613"/>
      <c r="AUZ648" s="613"/>
      <c r="AVA648" s="613"/>
      <c r="AVB648" s="613"/>
      <c r="AVC648" s="613"/>
      <c r="AVD648" s="613"/>
      <c r="AVE648" s="613"/>
      <c r="AVF648" s="613"/>
      <c r="AVG648" s="613"/>
      <c r="AVH648" s="613"/>
      <c r="AVI648" s="613"/>
      <c r="AVJ648" s="613"/>
      <c r="AVK648" s="613"/>
      <c r="AVL648" s="613"/>
      <c r="AVM648" s="613"/>
      <c r="AVN648" s="613"/>
      <c r="AVO648" s="613"/>
      <c r="AVP648" s="613"/>
      <c r="AVQ648" s="613"/>
      <c r="AVR648" s="613"/>
      <c r="AVS648" s="613"/>
      <c r="AVT648" s="613"/>
      <c r="AVU648" s="613"/>
      <c r="AVV648" s="613"/>
      <c r="AVW648" s="613"/>
      <c r="AVX648" s="613"/>
      <c r="AVY648" s="613"/>
      <c r="AVZ648" s="613"/>
      <c r="AWA648" s="613"/>
      <c r="AWB648" s="613"/>
      <c r="AWC648" s="613"/>
      <c r="AWD648" s="613"/>
      <c r="AWE648" s="613"/>
      <c r="AWF648" s="613"/>
      <c r="AWG648" s="613"/>
      <c r="AWH648" s="613"/>
      <c r="AWI648" s="613"/>
      <c r="AWJ648" s="613"/>
      <c r="AWK648" s="613"/>
      <c r="AWL648" s="613"/>
      <c r="AWM648" s="613"/>
      <c r="AWN648" s="613"/>
      <c r="AWO648" s="613"/>
      <c r="AWP648" s="613"/>
      <c r="AWQ648" s="613"/>
      <c r="AWR648" s="613"/>
      <c r="AWS648" s="613"/>
      <c r="AWT648" s="613"/>
      <c r="AWU648" s="613"/>
      <c r="AWV648" s="613"/>
      <c r="AWW648" s="613"/>
      <c r="AWX648" s="613"/>
      <c r="AWY648" s="613"/>
      <c r="AWZ648" s="613"/>
      <c r="AXA648" s="613"/>
      <c r="AXB648" s="613"/>
      <c r="AXC648" s="613"/>
      <c r="AXD648" s="613"/>
      <c r="AXE648" s="613"/>
      <c r="AXF648" s="613"/>
      <c r="AXG648" s="613"/>
      <c r="AXH648" s="613"/>
      <c r="AXI648" s="613"/>
      <c r="AXJ648" s="613"/>
      <c r="AXK648" s="613"/>
      <c r="AXL648" s="613"/>
      <c r="AXM648" s="613"/>
      <c r="AXN648" s="613"/>
      <c r="AXO648" s="613"/>
      <c r="AXP648" s="613"/>
      <c r="AXQ648" s="613"/>
      <c r="AXR648" s="613"/>
      <c r="AXS648" s="613"/>
      <c r="AXT648" s="613"/>
      <c r="AXU648" s="613"/>
      <c r="AXV648" s="613"/>
      <c r="AXW648" s="613"/>
      <c r="AXX648" s="613"/>
      <c r="AXY648" s="613"/>
      <c r="AXZ648" s="613"/>
      <c r="AYA648" s="613"/>
      <c r="AYB648" s="613"/>
      <c r="AYC648" s="613"/>
      <c r="AYD648" s="613"/>
      <c r="AYE648" s="613"/>
      <c r="AYF648" s="613"/>
      <c r="AYG648" s="613"/>
      <c r="AYH648" s="613"/>
      <c r="AYI648" s="613"/>
      <c r="AYJ648" s="613"/>
      <c r="AYK648" s="613"/>
      <c r="AYL648" s="613"/>
      <c r="AYM648" s="613"/>
      <c r="AYN648" s="613"/>
      <c r="AYO648" s="613"/>
      <c r="AYP648" s="613"/>
      <c r="AYQ648" s="613"/>
      <c r="AYR648" s="613"/>
      <c r="AYS648" s="613"/>
      <c r="AYT648" s="613"/>
      <c r="AYU648" s="613"/>
      <c r="AYV648" s="613"/>
      <c r="AYW648" s="613"/>
      <c r="AYX648" s="613"/>
      <c r="AYY648" s="613"/>
      <c r="AYZ648" s="613"/>
      <c r="AZA648" s="613"/>
      <c r="AZB648" s="613"/>
      <c r="AZC648" s="613"/>
      <c r="AZD648" s="613"/>
      <c r="AZE648" s="613"/>
      <c r="AZF648" s="613"/>
      <c r="AZG648" s="613"/>
      <c r="AZH648" s="613"/>
      <c r="AZI648" s="613"/>
      <c r="AZJ648" s="613"/>
      <c r="AZK648" s="613"/>
      <c r="AZL648" s="613"/>
      <c r="AZM648" s="613"/>
      <c r="AZN648" s="613"/>
      <c r="AZO648" s="613"/>
      <c r="AZP648" s="613"/>
      <c r="AZQ648" s="613"/>
      <c r="AZR648" s="613"/>
      <c r="AZS648" s="613"/>
      <c r="AZT648" s="613"/>
      <c r="AZU648" s="613"/>
      <c r="AZV648" s="613"/>
      <c r="AZW648" s="613"/>
      <c r="AZX648" s="613"/>
      <c r="AZY648" s="613"/>
      <c r="AZZ648" s="613"/>
      <c r="BAA648" s="613"/>
      <c r="BAB648" s="613"/>
      <c r="BAC648" s="613"/>
      <c r="BAD648" s="613"/>
      <c r="BAE648" s="613"/>
      <c r="BAF648" s="613"/>
      <c r="BAG648" s="613"/>
      <c r="BAH648" s="613"/>
      <c r="BAI648" s="613"/>
      <c r="BAJ648" s="613"/>
      <c r="BAK648" s="613"/>
      <c r="BAL648" s="613"/>
      <c r="BAM648" s="613"/>
      <c r="BAN648" s="613"/>
      <c r="BAO648" s="613"/>
      <c r="BAP648" s="613"/>
      <c r="BAQ648" s="613"/>
      <c r="BAR648" s="613"/>
      <c r="BAS648" s="613"/>
      <c r="BAT648" s="613"/>
      <c r="BAU648" s="613"/>
      <c r="BAV648" s="613"/>
      <c r="BAW648" s="613"/>
      <c r="BAX648" s="613"/>
      <c r="BAY648" s="613"/>
      <c r="BAZ648" s="613"/>
      <c r="BBA648" s="613"/>
      <c r="BBB648" s="613"/>
      <c r="BBC648" s="613"/>
      <c r="BBD648" s="613"/>
      <c r="BBE648" s="613"/>
      <c r="BBF648" s="613"/>
      <c r="BBG648" s="613"/>
      <c r="BBH648" s="613"/>
      <c r="BBI648" s="613"/>
      <c r="BBJ648" s="613"/>
      <c r="BBK648" s="613"/>
      <c r="BBL648" s="613"/>
      <c r="BBM648" s="613"/>
      <c r="BBN648" s="613"/>
      <c r="BBO648" s="613"/>
      <c r="BBP648" s="613"/>
      <c r="BBQ648" s="613"/>
      <c r="BBR648" s="613"/>
      <c r="BBS648" s="613"/>
      <c r="BBT648" s="613"/>
      <c r="BBU648" s="613"/>
      <c r="BBV648" s="613"/>
      <c r="BBW648" s="613"/>
      <c r="BBX648" s="613"/>
      <c r="BBY648" s="613"/>
      <c r="BBZ648" s="613"/>
      <c r="BCA648" s="613"/>
      <c r="BCB648" s="613"/>
      <c r="BCC648" s="613"/>
      <c r="BCD648" s="613"/>
      <c r="BCE648" s="613"/>
      <c r="BCF648" s="613"/>
      <c r="BCG648" s="613"/>
      <c r="BCH648" s="613"/>
      <c r="BCI648" s="613"/>
      <c r="BCJ648" s="613"/>
      <c r="BCK648" s="613"/>
      <c r="BCL648" s="613"/>
      <c r="BCM648" s="613"/>
      <c r="BCN648" s="613"/>
      <c r="BCO648" s="613"/>
      <c r="BCP648" s="613"/>
      <c r="BCQ648" s="613"/>
      <c r="BCR648" s="613"/>
      <c r="BCS648" s="613"/>
      <c r="BCT648" s="613"/>
      <c r="BCU648" s="613"/>
      <c r="BCV648" s="613"/>
      <c r="BCW648" s="613"/>
      <c r="BCX648" s="613"/>
      <c r="BCY648" s="613"/>
      <c r="BCZ648" s="613"/>
      <c r="BDA648" s="613"/>
      <c r="BDB648" s="613"/>
      <c r="BDC648" s="613"/>
      <c r="BDD648" s="613"/>
      <c r="BDE648" s="613"/>
      <c r="BDF648" s="613"/>
      <c r="BDG648" s="613"/>
      <c r="BDH648" s="613"/>
      <c r="BDI648" s="613"/>
      <c r="BDJ648" s="613"/>
      <c r="BDK648" s="613"/>
      <c r="BDL648" s="613"/>
      <c r="BDM648" s="613"/>
      <c r="BDN648" s="613"/>
      <c r="BDO648" s="613"/>
      <c r="BDP648" s="613"/>
      <c r="BDQ648" s="613"/>
      <c r="BDR648" s="613"/>
      <c r="BDS648" s="613"/>
      <c r="BDT648" s="613"/>
      <c r="BDU648" s="613"/>
      <c r="BDV648" s="613"/>
      <c r="BDW648" s="613"/>
      <c r="BDX648" s="613"/>
      <c r="BDY648" s="613"/>
      <c r="BDZ648" s="613"/>
      <c r="BEA648" s="613"/>
      <c r="BEB648" s="613"/>
      <c r="BEC648" s="613"/>
      <c r="BED648" s="613"/>
      <c r="BEE648" s="613"/>
      <c r="BEF648" s="613"/>
      <c r="BEG648" s="613"/>
      <c r="BEH648" s="613"/>
      <c r="BEI648" s="613"/>
      <c r="BEJ648" s="613"/>
      <c r="BEK648" s="613"/>
      <c r="BEL648" s="613"/>
      <c r="BEM648" s="613"/>
      <c r="BEN648" s="613"/>
      <c r="BEO648" s="613"/>
      <c r="BEP648" s="613"/>
      <c r="BEQ648" s="613"/>
      <c r="BER648" s="613"/>
      <c r="BES648" s="613"/>
      <c r="BET648" s="613"/>
      <c r="BEU648" s="613"/>
      <c r="BEV648" s="613"/>
      <c r="BEW648" s="613"/>
      <c r="BEX648" s="613"/>
      <c r="BEY648" s="613"/>
      <c r="BEZ648" s="613"/>
      <c r="BFA648" s="613"/>
      <c r="BFB648" s="613"/>
      <c r="BFC648" s="613"/>
      <c r="BFD648" s="613"/>
      <c r="BFE648" s="613"/>
      <c r="BFF648" s="613"/>
      <c r="BFG648" s="613"/>
      <c r="BFH648" s="613"/>
      <c r="BFI648" s="613"/>
      <c r="BFJ648" s="613"/>
      <c r="BFK648" s="613"/>
      <c r="BFL648" s="613"/>
      <c r="BFM648" s="613"/>
      <c r="BFN648" s="613"/>
      <c r="BFO648" s="613"/>
      <c r="BFP648" s="613"/>
      <c r="BFQ648" s="613"/>
      <c r="BFR648" s="613"/>
      <c r="BFS648" s="613"/>
      <c r="BFT648" s="613"/>
      <c r="BFU648" s="613"/>
      <c r="BFV648" s="613"/>
      <c r="BFW648" s="613"/>
      <c r="BFX648" s="613"/>
      <c r="BFY648" s="613"/>
      <c r="BFZ648" s="613"/>
      <c r="BGA648" s="613"/>
      <c r="BGB648" s="613"/>
      <c r="BGC648" s="613"/>
      <c r="BGD648" s="613"/>
      <c r="BGE648" s="613"/>
      <c r="BGF648" s="613"/>
      <c r="BGG648" s="613"/>
      <c r="BGH648" s="613"/>
      <c r="BGI648" s="613"/>
      <c r="BGJ648" s="613"/>
      <c r="BGK648" s="613"/>
      <c r="BGL648" s="613"/>
      <c r="BGM648" s="613"/>
      <c r="BGN648" s="613"/>
      <c r="BGO648" s="613"/>
      <c r="BGP648" s="613"/>
      <c r="BGQ648" s="613"/>
      <c r="BGR648" s="613"/>
      <c r="BGS648" s="613"/>
      <c r="BGT648" s="613"/>
      <c r="BGU648" s="613"/>
      <c r="BGV648" s="613"/>
      <c r="BGW648" s="613"/>
      <c r="BGX648" s="613"/>
      <c r="BGY648" s="613"/>
      <c r="BGZ648" s="613"/>
      <c r="BHA648" s="613"/>
      <c r="BHB648" s="613"/>
      <c r="BHC648" s="613"/>
      <c r="BHD648" s="613"/>
      <c r="BHE648" s="613"/>
      <c r="BHF648" s="613"/>
      <c r="BHG648" s="613"/>
      <c r="BHH648" s="613"/>
      <c r="BHI648" s="613"/>
      <c r="BHJ648" s="613"/>
      <c r="BHK648" s="613"/>
      <c r="BHL648" s="613"/>
      <c r="BHM648" s="613"/>
      <c r="BHN648" s="613"/>
      <c r="BHO648" s="613"/>
      <c r="BHP648" s="613"/>
      <c r="BHQ648" s="613"/>
      <c r="BHR648" s="613"/>
      <c r="BHS648" s="613"/>
      <c r="BHT648" s="613"/>
      <c r="BHU648" s="613"/>
      <c r="BHV648" s="613"/>
      <c r="BHW648" s="613"/>
      <c r="BHX648" s="613"/>
      <c r="BHY648" s="613"/>
      <c r="BHZ648" s="613"/>
      <c r="BIA648" s="613"/>
      <c r="BIB648" s="613"/>
      <c r="BIC648" s="613"/>
      <c r="BID648" s="613"/>
      <c r="BIE648" s="613"/>
      <c r="BIF648" s="613"/>
      <c r="BIG648" s="613"/>
      <c r="BIH648" s="613"/>
      <c r="BII648" s="613"/>
      <c r="BIJ648" s="613"/>
      <c r="BIK648" s="613"/>
      <c r="BIL648" s="613"/>
      <c r="BIM648" s="613"/>
      <c r="BIN648" s="613"/>
      <c r="BIO648" s="613"/>
      <c r="BIP648" s="613"/>
      <c r="BIQ648" s="613"/>
      <c r="BIR648" s="613"/>
      <c r="BIS648" s="613"/>
      <c r="BIT648" s="613"/>
      <c r="BIU648" s="613"/>
      <c r="BIV648" s="613"/>
      <c r="BIW648" s="613"/>
      <c r="BIX648" s="613"/>
      <c r="BIY648" s="613"/>
      <c r="BIZ648" s="613"/>
      <c r="BJA648" s="613"/>
      <c r="BJB648" s="613"/>
      <c r="BJC648" s="613"/>
      <c r="BJD648" s="613"/>
      <c r="BJE648" s="613"/>
      <c r="BJF648" s="613"/>
      <c r="BJG648" s="613"/>
      <c r="BJH648" s="613"/>
      <c r="BJI648" s="613"/>
      <c r="BJJ648" s="613"/>
      <c r="BJK648" s="613"/>
      <c r="BJL648" s="613"/>
      <c r="BJM648" s="613"/>
      <c r="BJN648" s="613"/>
      <c r="BJO648" s="613"/>
      <c r="BJP648" s="613"/>
      <c r="BJQ648" s="613"/>
      <c r="BJR648" s="613"/>
      <c r="BJS648" s="613"/>
      <c r="BJT648" s="613"/>
      <c r="BJU648" s="613"/>
      <c r="BJV648" s="613"/>
      <c r="BJW648" s="613"/>
      <c r="BJX648" s="613"/>
      <c r="BJY648" s="613"/>
      <c r="BJZ648" s="613"/>
      <c r="BKA648" s="613"/>
      <c r="BKB648" s="613"/>
      <c r="BKC648" s="613"/>
      <c r="BKD648" s="613"/>
      <c r="BKE648" s="613"/>
      <c r="BKF648" s="613"/>
      <c r="BKG648" s="613"/>
      <c r="BKH648" s="613"/>
      <c r="BKI648" s="613"/>
      <c r="BKJ648" s="613"/>
      <c r="BKK648" s="613"/>
      <c r="BKL648" s="613"/>
      <c r="BKM648" s="613"/>
      <c r="BKN648" s="613"/>
      <c r="BKO648" s="613"/>
      <c r="BKP648" s="613"/>
      <c r="BKQ648" s="613"/>
      <c r="BKR648" s="613"/>
      <c r="BKS648" s="613"/>
      <c r="BKT648" s="613"/>
      <c r="BKU648" s="613"/>
      <c r="BKV648" s="613"/>
      <c r="BKW648" s="613"/>
      <c r="BKX648" s="613"/>
      <c r="BKY648" s="613"/>
      <c r="BKZ648" s="613"/>
      <c r="BLA648" s="613"/>
      <c r="BLB648" s="613"/>
      <c r="BLC648" s="613"/>
      <c r="BLD648" s="613"/>
      <c r="BLE648" s="613"/>
      <c r="BLF648" s="613"/>
      <c r="BLG648" s="613"/>
      <c r="BLH648" s="613"/>
      <c r="BLI648" s="613"/>
      <c r="BLJ648" s="613"/>
      <c r="BLK648" s="613"/>
      <c r="BLL648" s="613"/>
      <c r="BLM648" s="613"/>
      <c r="BLN648" s="613"/>
      <c r="BLO648" s="613"/>
      <c r="BLP648" s="613"/>
      <c r="BLQ648" s="613"/>
      <c r="BLR648" s="613"/>
      <c r="BLS648" s="613"/>
      <c r="BLT648" s="613"/>
      <c r="BLU648" s="613"/>
      <c r="BLV648" s="613"/>
      <c r="BLW648" s="613"/>
      <c r="BLX648" s="613"/>
      <c r="BLY648" s="613"/>
      <c r="BLZ648" s="613"/>
      <c r="BMA648" s="613"/>
      <c r="BMB648" s="613"/>
      <c r="BMC648" s="613"/>
      <c r="BMD648" s="613"/>
      <c r="BME648" s="613"/>
      <c r="BMF648" s="613"/>
      <c r="BMG648" s="613"/>
      <c r="BMH648" s="613"/>
      <c r="BMI648" s="613"/>
      <c r="BMJ648" s="613"/>
      <c r="BMK648" s="613"/>
      <c r="BML648" s="613"/>
      <c r="BMM648" s="613"/>
      <c r="BMN648" s="613"/>
      <c r="BMO648" s="613"/>
      <c r="BMP648" s="613"/>
      <c r="BMQ648" s="613"/>
      <c r="BMR648" s="613"/>
      <c r="BMS648" s="613"/>
      <c r="BMT648" s="613"/>
      <c r="BMU648" s="613"/>
      <c r="BMV648" s="613"/>
      <c r="BMW648" s="613"/>
      <c r="BMX648" s="613"/>
      <c r="BMY648" s="613"/>
      <c r="BMZ648" s="613"/>
      <c r="BNA648" s="613"/>
      <c r="BNB648" s="613"/>
      <c r="BNC648" s="613"/>
      <c r="BND648" s="613"/>
      <c r="BNE648" s="613"/>
      <c r="BNF648" s="613"/>
      <c r="BNG648" s="613"/>
      <c r="BNH648" s="613"/>
      <c r="BNI648" s="613"/>
      <c r="BNJ648" s="613"/>
      <c r="BNK648" s="613"/>
      <c r="BNL648" s="613"/>
      <c r="BNM648" s="613"/>
      <c r="BNN648" s="613"/>
      <c r="BNO648" s="613"/>
      <c r="BNP648" s="613"/>
      <c r="BNQ648" s="613"/>
      <c r="BNR648" s="613"/>
      <c r="BNS648" s="613"/>
      <c r="BNT648" s="613"/>
      <c r="BNU648" s="613"/>
      <c r="BNV648" s="613"/>
      <c r="BNW648" s="613"/>
      <c r="BNX648" s="613"/>
      <c r="BNY648" s="613"/>
      <c r="BNZ648" s="613"/>
      <c r="BOA648" s="613"/>
      <c r="BOB648" s="613"/>
      <c r="BOC648" s="613"/>
      <c r="BOD648" s="613"/>
      <c r="BOE648" s="613"/>
      <c r="BOF648" s="613"/>
      <c r="BOG648" s="613"/>
      <c r="BOH648" s="613"/>
      <c r="BOI648" s="613"/>
      <c r="BOJ648" s="613"/>
      <c r="BOK648" s="613"/>
      <c r="BOL648" s="613"/>
      <c r="BOM648" s="613"/>
      <c r="BON648" s="613"/>
      <c r="BOO648" s="613"/>
      <c r="BOP648" s="613"/>
      <c r="BOQ648" s="613"/>
      <c r="BOR648" s="613"/>
      <c r="BOS648" s="613"/>
      <c r="BOT648" s="613"/>
      <c r="BOU648" s="613"/>
      <c r="BOV648" s="613"/>
      <c r="BOW648" s="613"/>
      <c r="BOX648" s="613"/>
      <c r="BOY648" s="613"/>
      <c r="BOZ648" s="613"/>
      <c r="BPA648" s="613"/>
      <c r="BPB648" s="613"/>
      <c r="BPC648" s="613"/>
      <c r="BPD648" s="613"/>
      <c r="BPE648" s="613"/>
      <c r="BPF648" s="613"/>
      <c r="BPG648" s="613"/>
      <c r="BPH648" s="613"/>
      <c r="BPI648" s="613"/>
      <c r="BPJ648" s="613"/>
      <c r="BPK648" s="613"/>
      <c r="BPL648" s="613"/>
      <c r="BPM648" s="613"/>
      <c r="BPN648" s="613"/>
      <c r="BPO648" s="613"/>
      <c r="BPP648" s="613"/>
      <c r="BPQ648" s="613"/>
      <c r="BPR648" s="613"/>
      <c r="BPS648" s="613"/>
      <c r="BPT648" s="613"/>
      <c r="BPU648" s="613"/>
      <c r="BPV648" s="613"/>
      <c r="BPW648" s="613"/>
      <c r="BPX648" s="613"/>
      <c r="BPY648" s="613"/>
      <c r="BPZ648" s="613"/>
      <c r="BQA648" s="613"/>
      <c r="BQB648" s="613"/>
      <c r="BQC648" s="613"/>
      <c r="BQD648" s="613"/>
      <c r="BQE648" s="613"/>
      <c r="BQF648" s="613"/>
      <c r="BQG648" s="613"/>
      <c r="BQH648" s="613"/>
      <c r="BQI648" s="613"/>
      <c r="BQJ648" s="613"/>
      <c r="BQK648" s="613"/>
      <c r="BQL648" s="613"/>
      <c r="BQM648" s="613"/>
      <c r="BQN648" s="613"/>
      <c r="BQO648" s="613"/>
      <c r="BQP648" s="613"/>
      <c r="BQQ648" s="613"/>
      <c r="BQR648" s="613"/>
      <c r="BQS648" s="613"/>
      <c r="BQT648" s="613"/>
      <c r="BQU648" s="613"/>
      <c r="BQV648" s="613"/>
      <c r="BQW648" s="613"/>
      <c r="BQX648" s="613"/>
      <c r="BQY648" s="613"/>
      <c r="BQZ648" s="613"/>
      <c r="BRA648" s="613"/>
      <c r="BRB648" s="613"/>
      <c r="BRC648" s="613"/>
      <c r="BRD648" s="613"/>
      <c r="BRE648" s="613"/>
      <c r="BRF648" s="613"/>
      <c r="BRG648" s="613"/>
      <c r="BRH648" s="613"/>
      <c r="BRI648" s="613"/>
      <c r="BRJ648" s="613"/>
      <c r="BRK648" s="613"/>
      <c r="BRL648" s="613"/>
      <c r="BRM648" s="613"/>
      <c r="BRN648" s="613"/>
      <c r="BRO648" s="613"/>
      <c r="BRP648" s="613"/>
      <c r="BRQ648" s="613"/>
      <c r="BRR648" s="613"/>
      <c r="BRS648" s="613"/>
      <c r="BRT648" s="613"/>
      <c r="BRU648" s="613"/>
      <c r="BRV648" s="613"/>
      <c r="BRW648" s="613"/>
      <c r="BRX648" s="613"/>
      <c r="BRY648" s="613"/>
      <c r="BRZ648" s="613"/>
      <c r="BSA648" s="613"/>
      <c r="BSB648" s="613"/>
      <c r="BSC648" s="613"/>
      <c r="BSD648" s="613"/>
      <c r="BSE648" s="613"/>
      <c r="BSF648" s="613"/>
      <c r="BSG648" s="613"/>
      <c r="BSH648" s="613"/>
      <c r="BSI648" s="613"/>
      <c r="BSJ648" s="613"/>
      <c r="BSK648" s="613"/>
      <c r="BSL648" s="613"/>
      <c r="BSM648" s="613"/>
      <c r="BSN648" s="613"/>
      <c r="BSO648" s="613"/>
      <c r="BSP648" s="613"/>
      <c r="BSQ648" s="613"/>
      <c r="BSR648" s="613"/>
      <c r="BSS648" s="613"/>
      <c r="BST648" s="613"/>
      <c r="BSU648" s="613"/>
      <c r="BSV648" s="613"/>
      <c r="BSW648" s="613"/>
      <c r="BSX648" s="613"/>
      <c r="BSY648" s="613"/>
      <c r="BSZ648" s="613"/>
      <c r="BTA648" s="613"/>
      <c r="BTB648" s="613"/>
      <c r="BTC648" s="613"/>
      <c r="BTD648" s="613"/>
      <c r="BTE648" s="613"/>
      <c r="BTF648" s="613"/>
      <c r="BTG648" s="613"/>
      <c r="BTH648" s="613"/>
      <c r="BTI648" s="613"/>
      <c r="BTJ648" s="613"/>
      <c r="BTK648" s="613"/>
      <c r="BTL648" s="613"/>
      <c r="BTM648" s="613"/>
      <c r="BTN648" s="613"/>
      <c r="BTO648" s="613"/>
      <c r="BTP648" s="613"/>
      <c r="BTQ648" s="613"/>
      <c r="BTR648" s="613"/>
      <c r="BTS648" s="613"/>
      <c r="BTT648" s="613"/>
      <c r="BTU648" s="613"/>
      <c r="BTV648" s="613"/>
      <c r="BTW648" s="613"/>
      <c r="BTX648" s="613"/>
      <c r="BTY648" s="613"/>
      <c r="BTZ648" s="613"/>
      <c r="BUA648" s="613"/>
      <c r="BUB648" s="613"/>
      <c r="BUC648" s="613"/>
      <c r="BUD648" s="613"/>
      <c r="BUE648" s="613"/>
      <c r="BUF648" s="613"/>
      <c r="BUG648" s="613"/>
      <c r="BUH648" s="613"/>
      <c r="BUI648" s="613"/>
      <c r="BUJ648" s="613"/>
      <c r="BUK648" s="613"/>
      <c r="BUL648" s="613"/>
      <c r="BUM648" s="613"/>
      <c r="BUN648" s="613"/>
      <c r="BUO648" s="613"/>
      <c r="BUP648" s="613"/>
      <c r="BUQ648" s="613"/>
      <c r="BUR648" s="613"/>
      <c r="BUS648" s="613"/>
      <c r="BUT648" s="613"/>
      <c r="BUU648" s="613"/>
      <c r="BUV648" s="613"/>
      <c r="BUW648" s="613"/>
      <c r="BUX648" s="613"/>
      <c r="BUY648" s="613"/>
      <c r="BUZ648" s="613"/>
      <c r="BVA648" s="613"/>
      <c r="BVB648" s="613"/>
      <c r="BVC648" s="613"/>
      <c r="BVD648" s="613"/>
      <c r="BVE648" s="613"/>
      <c r="BVF648" s="613"/>
      <c r="BVG648" s="613"/>
      <c r="BVH648" s="613"/>
      <c r="BVI648" s="613"/>
      <c r="BVJ648" s="613"/>
      <c r="BVK648" s="613"/>
      <c r="BVL648" s="613"/>
      <c r="BVM648" s="613"/>
      <c r="BVN648" s="613"/>
      <c r="BVO648" s="613"/>
      <c r="BVP648" s="613"/>
      <c r="BVQ648" s="613"/>
      <c r="BVR648" s="613"/>
      <c r="BVS648" s="613"/>
      <c r="BVT648" s="613"/>
      <c r="BVU648" s="613"/>
      <c r="BVV648" s="613"/>
      <c r="BVW648" s="613"/>
      <c r="BVX648" s="613"/>
      <c r="BVY648" s="613"/>
      <c r="BVZ648" s="613"/>
      <c r="BWA648" s="613"/>
      <c r="BWB648" s="613"/>
      <c r="BWC648" s="613"/>
      <c r="BWD648" s="613"/>
      <c r="BWE648" s="613"/>
      <c r="BWF648" s="613"/>
      <c r="BWG648" s="613"/>
      <c r="BWH648" s="613"/>
      <c r="BWI648" s="613"/>
      <c r="BWJ648" s="613"/>
      <c r="BWK648" s="613"/>
      <c r="BWL648" s="613"/>
      <c r="BWM648" s="613"/>
      <c r="BWN648" s="613"/>
      <c r="BWO648" s="613"/>
      <c r="BWP648" s="613"/>
      <c r="BWQ648" s="613"/>
      <c r="BWR648" s="613"/>
      <c r="BWS648" s="613"/>
      <c r="BWT648" s="613"/>
      <c r="BWU648" s="613"/>
      <c r="BWV648" s="613"/>
      <c r="BWW648" s="613"/>
      <c r="BWX648" s="613"/>
      <c r="BWY648" s="613"/>
      <c r="BWZ648" s="613"/>
      <c r="BXA648" s="613"/>
      <c r="BXB648" s="613"/>
      <c r="BXC648" s="613"/>
      <c r="BXD648" s="613"/>
      <c r="BXE648" s="613"/>
      <c r="BXF648" s="613"/>
      <c r="BXG648" s="613"/>
      <c r="BXH648" s="613"/>
      <c r="BXI648" s="613"/>
      <c r="BXJ648" s="613"/>
      <c r="BXK648" s="613"/>
      <c r="BXL648" s="613"/>
      <c r="BXM648" s="613"/>
      <c r="BXN648" s="613"/>
      <c r="BXO648" s="613"/>
      <c r="BXP648" s="613"/>
      <c r="BXQ648" s="613"/>
      <c r="BXR648" s="613"/>
      <c r="BXS648" s="613"/>
      <c r="BXT648" s="613"/>
      <c r="BXU648" s="613"/>
      <c r="BXV648" s="613"/>
      <c r="BXW648" s="613"/>
      <c r="BXX648" s="613"/>
      <c r="BXY648" s="613"/>
      <c r="BXZ648" s="613"/>
      <c r="BYA648" s="613"/>
      <c r="BYB648" s="613"/>
      <c r="BYC648" s="613"/>
      <c r="BYD648" s="613"/>
      <c r="BYE648" s="613"/>
      <c r="BYF648" s="613"/>
      <c r="BYG648" s="613"/>
      <c r="BYH648" s="613"/>
      <c r="BYI648" s="613"/>
      <c r="BYJ648" s="613"/>
      <c r="BYK648" s="613"/>
      <c r="BYL648" s="613"/>
      <c r="BYM648" s="613"/>
      <c r="BYN648" s="613"/>
      <c r="BYO648" s="613"/>
      <c r="BYP648" s="613"/>
      <c r="BYQ648" s="613"/>
      <c r="BYR648" s="613"/>
      <c r="BYS648" s="613"/>
      <c r="BYT648" s="613"/>
      <c r="BYU648" s="613"/>
      <c r="BYV648" s="613"/>
      <c r="BYW648" s="613"/>
      <c r="BYX648" s="613"/>
      <c r="BYY648" s="613"/>
      <c r="BYZ648" s="613"/>
      <c r="BZA648" s="613"/>
      <c r="BZB648" s="613"/>
      <c r="BZC648" s="613"/>
      <c r="BZD648" s="613"/>
      <c r="BZE648" s="613"/>
      <c r="BZF648" s="613"/>
      <c r="BZG648" s="613"/>
      <c r="BZH648" s="613"/>
      <c r="BZI648" s="613"/>
      <c r="BZJ648" s="613"/>
      <c r="BZK648" s="613"/>
      <c r="BZL648" s="613"/>
      <c r="BZM648" s="613"/>
      <c r="BZN648" s="613"/>
      <c r="BZO648" s="613"/>
      <c r="BZP648" s="613"/>
      <c r="BZQ648" s="613"/>
      <c r="BZR648" s="613"/>
      <c r="BZS648" s="613"/>
      <c r="BZT648" s="613"/>
      <c r="BZU648" s="613"/>
      <c r="BZV648" s="613"/>
      <c r="BZW648" s="613"/>
      <c r="BZX648" s="613"/>
      <c r="BZY648" s="613"/>
      <c r="BZZ648" s="613"/>
      <c r="CAA648" s="613"/>
      <c r="CAB648" s="613"/>
      <c r="CAC648" s="613"/>
      <c r="CAD648" s="613"/>
      <c r="CAE648" s="613"/>
      <c r="CAF648" s="613"/>
      <c r="CAG648" s="613"/>
      <c r="CAH648" s="613"/>
      <c r="CAI648" s="613"/>
      <c r="CAJ648" s="613"/>
      <c r="CAK648" s="613"/>
      <c r="CAL648" s="613"/>
      <c r="CAM648" s="613"/>
      <c r="CAN648" s="613"/>
      <c r="CAO648" s="613"/>
      <c r="CAP648" s="613"/>
      <c r="CAQ648" s="613"/>
      <c r="CAR648" s="613"/>
      <c r="CAS648" s="613"/>
      <c r="CAT648" s="613"/>
      <c r="CAU648" s="613"/>
      <c r="CAV648" s="613"/>
      <c r="CAW648" s="613"/>
      <c r="CAX648" s="613"/>
      <c r="CAY648" s="613"/>
      <c r="CAZ648" s="613"/>
      <c r="CBA648" s="613"/>
      <c r="CBB648" s="613"/>
      <c r="CBC648" s="613"/>
      <c r="CBD648" s="613"/>
      <c r="CBE648" s="613"/>
      <c r="CBF648" s="613"/>
      <c r="CBG648" s="613"/>
      <c r="CBH648" s="613"/>
      <c r="CBI648" s="613"/>
      <c r="CBJ648" s="613"/>
      <c r="CBK648" s="613"/>
      <c r="CBL648" s="613"/>
      <c r="CBM648" s="613"/>
      <c r="CBN648" s="613"/>
      <c r="CBO648" s="613"/>
      <c r="CBP648" s="613"/>
      <c r="CBQ648" s="613"/>
      <c r="CBR648" s="613"/>
      <c r="CBS648" s="613"/>
      <c r="CBT648" s="613"/>
      <c r="CBU648" s="613"/>
      <c r="CBV648" s="613"/>
      <c r="CBW648" s="613"/>
      <c r="CBX648" s="613"/>
      <c r="CBY648" s="613"/>
      <c r="CBZ648" s="613"/>
      <c r="CCA648" s="613"/>
      <c r="CCB648" s="613"/>
      <c r="CCC648" s="613"/>
      <c r="CCD648" s="613"/>
      <c r="CCE648" s="613"/>
      <c r="CCF648" s="613"/>
      <c r="CCG648" s="613"/>
      <c r="CCH648" s="613"/>
      <c r="CCI648" s="613"/>
      <c r="CCJ648" s="613"/>
      <c r="CCK648" s="613"/>
      <c r="CCL648" s="613"/>
      <c r="CCM648" s="613"/>
      <c r="CCN648" s="613"/>
      <c r="CCO648" s="613"/>
      <c r="CCP648" s="613"/>
      <c r="CCQ648" s="613"/>
      <c r="CCR648" s="613"/>
      <c r="CCS648" s="613"/>
      <c r="CCT648" s="613"/>
      <c r="CCU648" s="613"/>
      <c r="CCV648" s="613"/>
      <c r="CCW648" s="613"/>
      <c r="CCX648" s="613"/>
      <c r="CCY648" s="613"/>
      <c r="CCZ648" s="613"/>
      <c r="CDA648" s="613"/>
      <c r="CDB648" s="613"/>
      <c r="CDC648" s="613"/>
      <c r="CDD648" s="613"/>
      <c r="CDE648" s="613"/>
      <c r="CDF648" s="613"/>
      <c r="CDG648" s="613"/>
      <c r="CDH648" s="613"/>
      <c r="CDI648" s="613"/>
      <c r="CDJ648" s="613"/>
      <c r="CDK648" s="613"/>
      <c r="CDL648" s="613"/>
      <c r="CDM648" s="613"/>
      <c r="CDN648" s="613"/>
      <c r="CDO648" s="613"/>
      <c r="CDP648" s="613"/>
      <c r="CDQ648" s="613"/>
      <c r="CDR648" s="613"/>
      <c r="CDS648" s="613"/>
      <c r="CDT648" s="613"/>
      <c r="CDU648" s="613"/>
      <c r="CDV648" s="613"/>
      <c r="CDW648" s="613"/>
      <c r="CDX648" s="613"/>
      <c r="CDY648" s="613"/>
      <c r="CDZ648" s="613"/>
      <c r="CEA648" s="613"/>
      <c r="CEB648" s="613"/>
      <c r="CEC648" s="613"/>
      <c r="CED648" s="613"/>
      <c r="CEE648" s="613"/>
      <c r="CEF648" s="613"/>
      <c r="CEG648" s="613"/>
      <c r="CEH648" s="613"/>
      <c r="CEI648" s="613"/>
      <c r="CEJ648" s="613"/>
      <c r="CEK648" s="613"/>
      <c r="CEL648" s="613"/>
      <c r="CEM648" s="613"/>
      <c r="CEN648" s="613"/>
      <c r="CEO648" s="613"/>
      <c r="CEP648" s="613"/>
      <c r="CEQ648" s="613"/>
      <c r="CER648" s="613"/>
      <c r="CES648" s="613"/>
      <c r="CET648" s="613"/>
      <c r="CEU648" s="613"/>
      <c r="CEV648" s="613"/>
      <c r="CEW648" s="613"/>
      <c r="CEX648" s="613"/>
      <c r="CEY648" s="613"/>
      <c r="CEZ648" s="613"/>
      <c r="CFA648" s="613"/>
      <c r="CFB648" s="613"/>
      <c r="CFC648" s="613"/>
      <c r="CFD648" s="613"/>
      <c r="CFE648" s="613"/>
      <c r="CFF648" s="613"/>
      <c r="CFG648" s="613"/>
      <c r="CFH648" s="613"/>
      <c r="CFI648" s="613"/>
      <c r="CFJ648" s="613"/>
      <c r="CFK648" s="613"/>
      <c r="CFL648" s="613"/>
      <c r="CFM648" s="613"/>
      <c r="CFN648" s="613"/>
      <c r="CFO648" s="613"/>
      <c r="CFP648" s="613"/>
      <c r="CFQ648" s="613"/>
      <c r="CFR648" s="613"/>
      <c r="CFS648" s="613"/>
      <c r="CFT648" s="613"/>
      <c r="CFU648" s="613"/>
      <c r="CFV648" s="613"/>
      <c r="CFW648" s="613"/>
      <c r="CFX648" s="613"/>
      <c r="CFY648" s="613"/>
      <c r="CFZ648" s="613"/>
      <c r="CGA648" s="613"/>
      <c r="CGB648" s="613"/>
      <c r="CGC648" s="613"/>
      <c r="CGD648" s="613"/>
      <c r="CGE648" s="613"/>
      <c r="CGF648" s="613"/>
      <c r="CGG648" s="613"/>
      <c r="CGH648" s="613"/>
      <c r="CGI648" s="613"/>
      <c r="CGJ648" s="613"/>
      <c r="CGK648" s="613"/>
      <c r="CGL648" s="613"/>
      <c r="CGM648" s="613"/>
      <c r="CGN648" s="613"/>
      <c r="CGO648" s="613"/>
      <c r="CGP648" s="613"/>
      <c r="CGQ648" s="613"/>
      <c r="CGR648" s="613"/>
      <c r="CGS648" s="613"/>
      <c r="CGT648" s="613"/>
      <c r="CGU648" s="613"/>
      <c r="CGV648" s="613"/>
      <c r="CGW648" s="613"/>
      <c r="CGX648" s="613"/>
      <c r="CGY648" s="613"/>
      <c r="CGZ648" s="613"/>
      <c r="CHA648" s="613"/>
      <c r="CHB648" s="613"/>
      <c r="CHC648" s="613"/>
      <c r="CHD648" s="613"/>
      <c r="CHE648" s="613"/>
      <c r="CHF648" s="613"/>
      <c r="CHG648" s="613"/>
      <c r="CHH648" s="613"/>
      <c r="CHI648" s="613"/>
      <c r="CHJ648" s="613"/>
      <c r="CHK648" s="613"/>
      <c r="CHL648" s="613"/>
      <c r="CHM648" s="613"/>
      <c r="CHN648" s="613"/>
      <c r="CHO648" s="613"/>
      <c r="CHP648" s="613"/>
      <c r="CHQ648" s="613"/>
      <c r="CHR648" s="613"/>
      <c r="CHS648" s="613"/>
      <c r="CHT648" s="613"/>
      <c r="CHU648" s="613"/>
      <c r="CHV648" s="613"/>
      <c r="CHW648" s="613"/>
      <c r="CHX648" s="613"/>
      <c r="CHY648" s="613"/>
      <c r="CHZ648" s="613"/>
      <c r="CIA648" s="613"/>
      <c r="CIB648" s="613"/>
      <c r="CIC648" s="613"/>
      <c r="CID648" s="613"/>
      <c r="CIE648" s="613"/>
      <c r="CIF648" s="613"/>
      <c r="CIG648" s="613"/>
      <c r="CIH648" s="613"/>
      <c r="CII648" s="613"/>
      <c r="CIJ648" s="613"/>
      <c r="CIK648" s="613"/>
      <c r="CIL648" s="613"/>
      <c r="CIM648" s="613"/>
      <c r="CIN648" s="613"/>
      <c r="CIO648" s="613"/>
      <c r="CIP648" s="613"/>
      <c r="CIQ648" s="613"/>
      <c r="CIR648" s="613"/>
      <c r="CIS648" s="613"/>
      <c r="CIT648" s="613"/>
      <c r="CIU648" s="613"/>
      <c r="CIV648" s="613"/>
      <c r="CIW648" s="613"/>
      <c r="CIX648" s="613"/>
      <c r="CIY648" s="613"/>
      <c r="CIZ648" s="613"/>
      <c r="CJA648" s="613"/>
      <c r="CJB648" s="613"/>
      <c r="CJC648" s="613"/>
      <c r="CJD648" s="613"/>
      <c r="CJE648" s="613"/>
      <c r="CJF648" s="613"/>
      <c r="CJG648" s="613"/>
      <c r="CJH648" s="613"/>
      <c r="CJI648" s="613"/>
      <c r="CJJ648" s="613"/>
      <c r="CJK648" s="613"/>
      <c r="CJL648" s="613"/>
      <c r="CJM648" s="613"/>
      <c r="CJN648" s="613"/>
      <c r="CJO648" s="613"/>
      <c r="CJP648" s="613"/>
      <c r="CJQ648" s="613"/>
      <c r="CJR648" s="613"/>
      <c r="CJS648" s="613"/>
      <c r="CJT648" s="613"/>
      <c r="CJU648" s="613"/>
      <c r="CJV648" s="613"/>
      <c r="CJW648" s="613"/>
      <c r="CJX648" s="613"/>
      <c r="CJY648" s="613"/>
      <c r="CJZ648" s="613"/>
      <c r="CKA648" s="613"/>
      <c r="CKB648" s="613"/>
      <c r="CKC648" s="613"/>
      <c r="CKD648" s="613"/>
      <c r="CKE648" s="613"/>
      <c r="CKF648" s="613"/>
      <c r="CKG648" s="613"/>
      <c r="CKH648" s="613"/>
      <c r="CKI648" s="613"/>
      <c r="CKJ648" s="613"/>
      <c r="CKK648" s="613"/>
      <c r="CKL648" s="613"/>
      <c r="CKM648" s="613"/>
      <c r="CKN648" s="613"/>
      <c r="CKO648" s="613"/>
      <c r="CKP648" s="613"/>
      <c r="CKQ648" s="613"/>
      <c r="CKR648" s="613"/>
      <c r="CKS648" s="613"/>
      <c r="CKT648" s="613"/>
      <c r="CKU648" s="613"/>
      <c r="CKV648" s="613"/>
      <c r="CKW648" s="613"/>
      <c r="CKX648" s="613"/>
      <c r="CKY648" s="613"/>
      <c r="CKZ648" s="613"/>
      <c r="CLA648" s="613"/>
      <c r="CLB648" s="613"/>
      <c r="CLC648" s="613"/>
      <c r="CLD648" s="613"/>
      <c r="CLE648" s="613"/>
      <c r="CLF648" s="613"/>
      <c r="CLG648" s="613"/>
      <c r="CLH648" s="613"/>
      <c r="CLI648" s="613"/>
      <c r="CLJ648" s="613"/>
      <c r="CLK648" s="613"/>
      <c r="CLL648" s="613"/>
      <c r="CLM648" s="613"/>
      <c r="CLN648" s="613"/>
      <c r="CLO648" s="613"/>
      <c r="CLP648" s="613"/>
      <c r="CLQ648" s="613"/>
      <c r="CLR648" s="613"/>
      <c r="CLS648" s="613"/>
      <c r="CLT648" s="613"/>
      <c r="CLU648" s="613"/>
      <c r="CLV648" s="613"/>
      <c r="CLW648" s="613"/>
      <c r="CLX648" s="613"/>
      <c r="CLY648" s="613"/>
      <c r="CLZ648" s="613"/>
      <c r="CMA648" s="613"/>
      <c r="CMB648" s="613"/>
      <c r="CMC648" s="613"/>
      <c r="CMD648" s="613"/>
      <c r="CME648" s="613"/>
      <c r="CMF648" s="613"/>
      <c r="CMG648" s="613"/>
      <c r="CMH648" s="613"/>
      <c r="CMI648" s="613"/>
      <c r="CMJ648" s="613"/>
      <c r="CMK648" s="613"/>
      <c r="CML648" s="613"/>
      <c r="CMM648" s="613"/>
      <c r="CMN648" s="613"/>
      <c r="CMO648" s="613"/>
      <c r="CMP648" s="613"/>
      <c r="CMQ648" s="613"/>
      <c r="CMR648" s="613"/>
      <c r="CMS648" s="613"/>
      <c r="CMT648" s="613"/>
      <c r="CMU648" s="613"/>
      <c r="CMV648" s="613"/>
      <c r="CMW648" s="613"/>
      <c r="CMX648" s="613"/>
      <c r="CMY648" s="613"/>
      <c r="CMZ648" s="613"/>
      <c r="CNA648" s="613"/>
      <c r="CNB648" s="613"/>
      <c r="CNC648" s="613"/>
      <c r="CND648" s="613"/>
      <c r="CNE648" s="613"/>
      <c r="CNF648" s="613"/>
      <c r="CNG648" s="613"/>
      <c r="CNH648" s="613"/>
      <c r="CNI648" s="613"/>
      <c r="CNJ648" s="613"/>
      <c r="CNK648" s="613"/>
      <c r="CNL648" s="613"/>
      <c r="CNM648" s="613"/>
      <c r="CNN648" s="613"/>
      <c r="CNO648" s="613"/>
      <c r="CNP648" s="613"/>
      <c r="CNQ648" s="613"/>
      <c r="CNR648" s="613"/>
      <c r="CNS648" s="613"/>
      <c r="CNT648" s="613"/>
      <c r="CNU648" s="613"/>
      <c r="CNV648" s="613"/>
      <c r="CNW648" s="613"/>
      <c r="CNX648" s="613"/>
      <c r="CNY648" s="613"/>
      <c r="CNZ648" s="613"/>
      <c r="COA648" s="613"/>
      <c r="COB648" s="613"/>
      <c r="COC648" s="613"/>
      <c r="COD648" s="613"/>
      <c r="COE648" s="613"/>
      <c r="COF648" s="613"/>
      <c r="COG648" s="613"/>
      <c r="COH648" s="613"/>
      <c r="COI648" s="613"/>
      <c r="COJ648" s="613"/>
      <c r="COK648" s="613"/>
      <c r="COL648" s="613"/>
      <c r="COM648" s="613"/>
      <c r="CON648" s="613"/>
      <c r="COO648" s="613"/>
      <c r="COP648" s="613"/>
      <c r="COQ648" s="613"/>
      <c r="COR648" s="613"/>
      <c r="COS648" s="613"/>
      <c r="COT648" s="613"/>
      <c r="COU648" s="613"/>
      <c r="COV648" s="613"/>
      <c r="COW648" s="613"/>
      <c r="COX648" s="613"/>
      <c r="COY648" s="613"/>
      <c r="COZ648" s="613"/>
      <c r="CPA648" s="613"/>
      <c r="CPB648" s="613"/>
      <c r="CPC648" s="613"/>
      <c r="CPD648" s="613"/>
      <c r="CPE648" s="613"/>
      <c r="CPF648" s="613"/>
      <c r="CPG648" s="613"/>
      <c r="CPH648" s="613"/>
      <c r="CPI648" s="613"/>
      <c r="CPJ648" s="613"/>
      <c r="CPK648" s="613"/>
      <c r="CPL648" s="613"/>
      <c r="CPM648" s="613"/>
      <c r="CPN648" s="613"/>
      <c r="CPO648" s="613"/>
      <c r="CPP648" s="613"/>
      <c r="CPQ648" s="613"/>
      <c r="CPR648" s="613"/>
      <c r="CPS648" s="613"/>
      <c r="CPT648" s="613"/>
      <c r="CPU648" s="613"/>
      <c r="CPV648" s="613"/>
      <c r="CPW648" s="613"/>
      <c r="CPX648" s="613"/>
      <c r="CPY648" s="613"/>
      <c r="CPZ648" s="613"/>
      <c r="CQA648" s="613"/>
      <c r="CQB648" s="613"/>
      <c r="CQC648" s="613"/>
      <c r="CQD648" s="613"/>
      <c r="CQE648" s="613"/>
      <c r="CQF648" s="613"/>
      <c r="CQG648" s="613"/>
      <c r="CQH648" s="613"/>
      <c r="CQI648" s="613"/>
      <c r="CQJ648" s="613"/>
      <c r="CQK648" s="613"/>
      <c r="CQL648" s="613"/>
      <c r="CQM648" s="613"/>
      <c r="CQN648" s="613"/>
      <c r="CQO648" s="613"/>
      <c r="CQP648" s="613"/>
      <c r="CQQ648" s="613"/>
      <c r="CQR648" s="613"/>
      <c r="CQS648" s="613"/>
      <c r="CQT648" s="613"/>
      <c r="CQU648" s="613"/>
      <c r="CQV648" s="613"/>
      <c r="CQW648" s="613"/>
      <c r="CQX648" s="613"/>
      <c r="CQY648" s="613"/>
      <c r="CQZ648" s="613"/>
      <c r="CRA648" s="613"/>
      <c r="CRB648" s="613"/>
      <c r="CRC648" s="613"/>
      <c r="CRD648" s="613"/>
      <c r="CRE648" s="613"/>
      <c r="CRF648" s="613"/>
      <c r="CRG648" s="613"/>
      <c r="CRH648" s="613"/>
      <c r="CRI648" s="613"/>
      <c r="CRJ648" s="613"/>
      <c r="CRK648" s="613"/>
      <c r="CRL648" s="613"/>
      <c r="CRM648" s="613"/>
      <c r="CRN648" s="613"/>
      <c r="CRO648" s="613"/>
      <c r="CRP648" s="613"/>
      <c r="CRQ648" s="613"/>
      <c r="CRR648" s="613"/>
      <c r="CRS648" s="613"/>
      <c r="CRT648" s="613"/>
      <c r="CRU648" s="613"/>
      <c r="CRV648" s="613"/>
      <c r="CRW648" s="613"/>
      <c r="CRX648" s="613"/>
      <c r="CRY648" s="613"/>
      <c r="CRZ648" s="613"/>
      <c r="CSA648" s="613"/>
      <c r="CSB648" s="613"/>
      <c r="CSC648" s="613"/>
      <c r="CSD648" s="613"/>
      <c r="CSE648" s="613"/>
      <c r="CSF648" s="613"/>
      <c r="CSG648" s="613"/>
      <c r="CSH648" s="613"/>
      <c r="CSI648" s="613"/>
      <c r="CSJ648" s="613"/>
      <c r="CSK648" s="613"/>
      <c r="CSL648" s="613"/>
      <c r="CSM648" s="613"/>
      <c r="CSN648" s="613"/>
      <c r="CSO648" s="613"/>
      <c r="CSP648" s="613"/>
      <c r="CSQ648" s="613"/>
      <c r="CSR648" s="613"/>
      <c r="CSS648" s="613"/>
      <c r="CST648" s="613"/>
      <c r="CSU648" s="613"/>
      <c r="CSV648" s="613"/>
      <c r="CSW648" s="613"/>
      <c r="CSX648" s="613"/>
      <c r="CSY648" s="613"/>
      <c r="CSZ648" s="613"/>
      <c r="CTA648" s="613"/>
      <c r="CTB648" s="613"/>
      <c r="CTC648" s="613"/>
      <c r="CTD648" s="613"/>
      <c r="CTE648" s="613"/>
      <c r="CTF648" s="613"/>
      <c r="CTG648" s="613"/>
      <c r="CTH648" s="613"/>
      <c r="CTI648" s="613"/>
      <c r="CTJ648" s="613"/>
      <c r="CTK648" s="613"/>
      <c r="CTL648" s="613"/>
      <c r="CTM648" s="613"/>
      <c r="CTN648" s="613"/>
      <c r="CTO648" s="613"/>
      <c r="CTP648" s="613"/>
      <c r="CTQ648" s="613"/>
      <c r="CTR648" s="613"/>
      <c r="CTS648" s="613"/>
      <c r="CTT648" s="613"/>
      <c r="CTU648" s="613"/>
      <c r="CTV648" s="613"/>
      <c r="CTW648" s="613"/>
      <c r="CTX648" s="613"/>
      <c r="CTY648" s="613"/>
      <c r="CTZ648" s="613"/>
      <c r="CUA648" s="613"/>
      <c r="CUB648" s="613"/>
      <c r="CUC648" s="613"/>
      <c r="CUD648" s="613"/>
      <c r="CUE648" s="613"/>
      <c r="CUF648" s="613"/>
      <c r="CUG648" s="613"/>
      <c r="CUH648" s="613"/>
      <c r="CUI648" s="613"/>
      <c r="CUJ648" s="613"/>
      <c r="CUK648" s="613"/>
      <c r="CUL648" s="613"/>
      <c r="CUM648" s="613"/>
      <c r="CUN648" s="613"/>
      <c r="CUO648" s="613"/>
      <c r="CUP648" s="613"/>
      <c r="CUQ648" s="613"/>
      <c r="CUR648" s="613"/>
      <c r="CUS648" s="613"/>
      <c r="CUT648" s="613"/>
      <c r="CUU648" s="613"/>
      <c r="CUV648" s="613"/>
      <c r="CUW648" s="613"/>
      <c r="CUX648" s="613"/>
      <c r="CUY648" s="613"/>
      <c r="CUZ648" s="613"/>
      <c r="CVA648" s="613"/>
      <c r="CVB648" s="613"/>
      <c r="CVC648" s="613"/>
      <c r="CVD648" s="613"/>
      <c r="CVE648" s="613"/>
      <c r="CVF648" s="613"/>
      <c r="CVG648" s="613"/>
      <c r="CVH648" s="613"/>
      <c r="CVI648" s="613"/>
      <c r="CVJ648" s="613"/>
      <c r="CVK648" s="613"/>
      <c r="CVL648" s="613"/>
      <c r="CVM648" s="613"/>
      <c r="CVN648" s="613"/>
      <c r="CVO648" s="613"/>
      <c r="CVP648" s="613"/>
      <c r="CVQ648" s="613"/>
      <c r="CVR648" s="613"/>
      <c r="CVS648" s="613"/>
      <c r="CVT648" s="613"/>
      <c r="CVU648" s="613"/>
      <c r="CVV648" s="613"/>
      <c r="CVW648" s="613"/>
      <c r="CVX648" s="613"/>
      <c r="CVY648" s="613"/>
      <c r="CVZ648" s="613"/>
      <c r="CWA648" s="613"/>
      <c r="CWB648" s="613"/>
      <c r="CWC648" s="613"/>
      <c r="CWD648" s="613"/>
      <c r="CWE648" s="613"/>
      <c r="CWF648" s="613"/>
      <c r="CWG648" s="613"/>
      <c r="CWH648" s="613"/>
      <c r="CWI648" s="613"/>
      <c r="CWJ648" s="613"/>
      <c r="CWK648" s="613"/>
      <c r="CWL648" s="613"/>
      <c r="CWM648" s="613"/>
      <c r="CWN648" s="613"/>
      <c r="CWO648" s="613"/>
      <c r="CWP648" s="613"/>
      <c r="CWQ648" s="613"/>
      <c r="CWR648" s="613"/>
      <c r="CWS648" s="613"/>
      <c r="CWT648" s="613"/>
      <c r="CWU648" s="613"/>
      <c r="CWV648" s="613"/>
      <c r="CWW648" s="613"/>
      <c r="CWX648" s="613"/>
      <c r="CWY648" s="613"/>
      <c r="CWZ648" s="613"/>
      <c r="CXA648" s="613"/>
      <c r="CXB648" s="613"/>
      <c r="CXC648" s="613"/>
      <c r="CXD648" s="613"/>
      <c r="CXE648" s="613"/>
      <c r="CXF648" s="613"/>
      <c r="CXG648" s="613"/>
      <c r="CXH648" s="613"/>
      <c r="CXI648" s="613"/>
      <c r="CXJ648" s="613"/>
      <c r="CXK648" s="613"/>
      <c r="CXL648" s="613"/>
      <c r="CXM648" s="613"/>
      <c r="CXN648" s="613"/>
      <c r="CXO648" s="613"/>
      <c r="CXP648" s="613"/>
      <c r="CXQ648" s="613"/>
      <c r="CXR648" s="613"/>
      <c r="CXS648" s="613"/>
      <c r="CXT648" s="613"/>
      <c r="CXU648" s="613"/>
      <c r="CXV648" s="613"/>
      <c r="CXW648" s="613"/>
      <c r="CXX648" s="613"/>
      <c r="CXY648" s="613"/>
      <c r="CXZ648" s="613"/>
      <c r="CYA648" s="613"/>
      <c r="CYB648" s="613"/>
      <c r="CYC648" s="613"/>
      <c r="CYD648" s="613"/>
      <c r="CYE648" s="613"/>
      <c r="CYF648" s="613"/>
      <c r="CYG648" s="613"/>
      <c r="CYH648" s="613"/>
      <c r="CYI648" s="613"/>
      <c r="CYJ648" s="613"/>
      <c r="CYK648" s="613"/>
      <c r="CYL648" s="613"/>
      <c r="CYM648" s="613"/>
      <c r="CYN648" s="613"/>
      <c r="CYO648" s="613"/>
      <c r="CYP648" s="613"/>
      <c r="CYQ648" s="613"/>
      <c r="CYR648" s="613"/>
      <c r="CYS648" s="613"/>
      <c r="CYT648" s="613"/>
      <c r="CYU648" s="613"/>
      <c r="CYV648" s="613"/>
      <c r="CYW648" s="613"/>
      <c r="CYX648" s="613"/>
      <c r="CYY648" s="613"/>
      <c r="CYZ648" s="613"/>
      <c r="CZA648" s="613"/>
      <c r="CZB648" s="613"/>
      <c r="CZC648" s="613"/>
      <c r="CZD648" s="613"/>
      <c r="CZE648" s="613"/>
      <c r="CZF648" s="613"/>
      <c r="CZG648" s="613"/>
      <c r="CZH648" s="613"/>
      <c r="CZI648" s="613"/>
      <c r="CZJ648" s="613"/>
      <c r="CZK648" s="613"/>
      <c r="CZL648" s="613"/>
      <c r="CZM648" s="613"/>
      <c r="CZN648" s="613"/>
      <c r="CZO648" s="613"/>
      <c r="CZP648" s="613"/>
      <c r="CZQ648" s="613"/>
      <c r="CZR648" s="613"/>
      <c r="CZS648" s="613"/>
      <c r="CZT648" s="613"/>
      <c r="CZU648" s="613"/>
      <c r="CZV648" s="613"/>
      <c r="CZW648" s="613"/>
      <c r="CZX648" s="613"/>
      <c r="CZY648" s="613"/>
      <c r="CZZ648" s="613"/>
      <c r="DAA648" s="613"/>
      <c r="DAB648" s="613"/>
      <c r="DAC648" s="613"/>
      <c r="DAD648" s="613"/>
      <c r="DAE648" s="613"/>
      <c r="DAF648" s="613"/>
      <c r="DAG648" s="613"/>
      <c r="DAH648" s="613"/>
      <c r="DAI648" s="613"/>
      <c r="DAJ648" s="613"/>
      <c r="DAK648" s="613"/>
      <c r="DAL648" s="613"/>
      <c r="DAM648" s="613"/>
      <c r="DAN648" s="613"/>
      <c r="DAO648" s="613"/>
      <c r="DAP648" s="613"/>
      <c r="DAQ648" s="613"/>
      <c r="DAR648" s="613"/>
      <c r="DAS648" s="613"/>
      <c r="DAT648" s="613"/>
      <c r="DAU648" s="613"/>
      <c r="DAV648" s="613"/>
      <c r="DAW648" s="613"/>
      <c r="DAX648" s="613"/>
      <c r="DAY648" s="613"/>
      <c r="DAZ648" s="613"/>
      <c r="DBA648" s="613"/>
      <c r="DBB648" s="613"/>
      <c r="DBC648" s="613"/>
      <c r="DBD648" s="613"/>
      <c r="DBE648" s="613"/>
      <c r="DBF648" s="613"/>
      <c r="DBG648" s="613"/>
      <c r="DBH648" s="613"/>
      <c r="DBI648" s="613"/>
      <c r="DBJ648" s="613"/>
      <c r="DBK648" s="613"/>
      <c r="DBL648" s="613"/>
      <c r="DBM648" s="613"/>
      <c r="DBN648" s="613"/>
      <c r="DBO648" s="613"/>
      <c r="DBP648" s="613"/>
      <c r="DBQ648" s="613"/>
      <c r="DBR648" s="613"/>
      <c r="DBS648" s="613"/>
      <c r="DBT648" s="613"/>
      <c r="DBU648" s="613"/>
      <c r="DBV648" s="613"/>
      <c r="DBW648" s="613"/>
      <c r="DBX648" s="613"/>
      <c r="DBY648" s="613"/>
      <c r="DBZ648" s="613"/>
      <c r="DCA648" s="613"/>
      <c r="DCB648" s="613"/>
      <c r="DCC648" s="613"/>
      <c r="DCD648" s="613"/>
      <c r="DCE648" s="613"/>
      <c r="DCF648" s="613"/>
      <c r="DCG648" s="613"/>
      <c r="DCH648" s="613"/>
      <c r="DCI648" s="613"/>
      <c r="DCJ648" s="613"/>
      <c r="DCK648" s="613"/>
      <c r="DCL648" s="613"/>
      <c r="DCM648" s="613"/>
      <c r="DCN648" s="613"/>
      <c r="DCO648" s="613"/>
      <c r="DCP648" s="613"/>
      <c r="DCQ648" s="613"/>
      <c r="DCR648" s="613"/>
      <c r="DCS648" s="613"/>
      <c r="DCT648" s="613"/>
      <c r="DCU648" s="613"/>
      <c r="DCV648" s="613"/>
      <c r="DCW648" s="613"/>
      <c r="DCX648" s="613"/>
      <c r="DCY648" s="613"/>
      <c r="DCZ648" s="613"/>
      <c r="DDA648" s="613"/>
      <c r="DDB648" s="613"/>
      <c r="DDC648" s="613"/>
      <c r="DDD648" s="613"/>
      <c r="DDE648" s="613"/>
      <c r="DDF648" s="613"/>
      <c r="DDG648" s="613"/>
      <c r="DDH648" s="613"/>
      <c r="DDI648" s="613"/>
      <c r="DDJ648" s="613"/>
      <c r="DDK648" s="613"/>
      <c r="DDL648" s="613"/>
      <c r="DDM648" s="613"/>
      <c r="DDN648" s="613"/>
      <c r="DDO648" s="613"/>
      <c r="DDP648" s="613"/>
      <c r="DDQ648" s="613"/>
      <c r="DDR648" s="613"/>
      <c r="DDS648" s="613"/>
      <c r="DDT648" s="613"/>
      <c r="DDU648" s="613"/>
      <c r="DDV648" s="613"/>
      <c r="DDW648" s="613"/>
      <c r="DDX648" s="613"/>
      <c r="DDY648" s="613"/>
      <c r="DDZ648" s="613"/>
      <c r="DEA648" s="613"/>
      <c r="DEB648" s="613"/>
      <c r="DEC648" s="613"/>
      <c r="DED648" s="613"/>
      <c r="DEE648" s="613"/>
      <c r="DEF648" s="613"/>
      <c r="DEG648" s="613"/>
      <c r="DEH648" s="613"/>
      <c r="DEI648" s="613"/>
      <c r="DEJ648" s="613"/>
      <c r="DEK648" s="613"/>
      <c r="DEL648" s="613"/>
      <c r="DEM648" s="613"/>
      <c r="DEN648" s="613"/>
      <c r="DEO648" s="613"/>
      <c r="DEP648" s="613"/>
      <c r="DEQ648" s="613"/>
      <c r="DER648" s="613"/>
      <c r="DES648" s="613"/>
      <c r="DET648" s="613"/>
      <c r="DEU648" s="613"/>
      <c r="DEV648" s="613"/>
      <c r="DEW648" s="613"/>
      <c r="DEX648" s="613"/>
      <c r="DEY648" s="613"/>
      <c r="DEZ648" s="613"/>
      <c r="DFA648" s="613"/>
      <c r="DFB648" s="613"/>
      <c r="DFC648" s="613"/>
      <c r="DFD648" s="613"/>
      <c r="DFE648" s="613"/>
      <c r="DFF648" s="613"/>
      <c r="DFG648" s="613"/>
      <c r="DFH648" s="613"/>
      <c r="DFI648" s="613"/>
      <c r="DFJ648" s="613"/>
      <c r="DFK648" s="613"/>
      <c r="DFL648" s="613"/>
      <c r="DFM648" s="613"/>
      <c r="DFN648" s="613"/>
      <c r="DFO648" s="613"/>
      <c r="DFP648" s="613"/>
      <c r="DFQ648" s="613"/>
      <c r="DFR648" s="613"/>
      <c r="DFS648" s="613"/>
      <c r="DFT648" s="613"/>
      <c r="DFU648" s="613"/>
      <c r="DFV648" s="613"/>
      <c r="DFW648" s="613"/>
      <c r="DFX648" s="613"/>
      <c r="DFY648" s="613"/>
      <c r="DFZ648" s="613"/>
      <c r="DGA648" s="613"/>
      <c r="DGB648" s="613"/>
      <c r="DGC648" s="613"/>
      <c r="DGD648" s="613"/>
      <c r="DGE648" s="613"/>
      <c r="DGF648" s="613"/>
      <c r="DGG648" s="613"/>
      <c r="DGH648" s="613"/>
      <c r="DGI648" s="613"/>
      <c r="DGJ648" s="613"/>
      <c r="DGK648" s="613"/>
      <c r="DGL648" s="613"/>
      <c r="DGM648" s="613"/>
      <c r="DGN648" s="613"/>
      <c r="DGO648" s="613"/>
      <c r="DGP648" s="613"/>
      <c r="DGQ648" s="613"/>
      <c r="DGR648" s="613"/>
      <c r="DGS648" s="613"/>
      <c r="DGT648" s="613"/>
      <c r="DGU648" s="613"/>
      <c r="DGV648" s="613"/>
      <c r="DGW648" s="613"/>
      <c r="DGX648" s="613"/>
      <c r="DGY648" s="613"/>
      <c r="DGZ648" s="613"/>
      <c r="DHA648" s="613"/>
      <c r="DHB648" s="613"/>
      <c r="DHC648" s="613"/>
      <c r="DHD648" s="613"/>
      <c r="DHE648" s="613"/>
      <c r="DHF648" s="613"/>
      <c r="DHG648" s="613"/>
      <c r="DHH648" s="613"/>
      <c r="DHI648" s="613"/>
      <c r="DHJ648" s="613"/>
      <c r="DHK648" s="613"/>
      <c r="DHL648" s="613"/>
      <c r="DHM648" s="613"/>
      <c r="DHN648" s="613"/>
      <c r="DHO648" s="613"/>
      <c r="DHP648" s="613"/>
      <c r="DHQ648" s="613"/>
      <c r="DHR648" s="613"/>
      <c r="DHS648" s="613"/>
      <c r="DHT648" s="613"/>
      <c r="DHU648" s="613"/>
      <c r="DHV648" s="613"/>
      <c r="DHW648" s="613"/>
      <c r="DHX648" s="613"/>
      <c r="DHY648" s="613"/>
      <c r="DHZ648" s="613"/>
      <c r="DIA648" s="613"/>
      <c r="DIB648" s="613"/>
      <c r="DIC648" s="613"/>
      <c r="DID648" s="613"/>
      <c r="DIE648" s="613"/>
      <c r="DIF648" s="613"/>
      <c r="DIG648" s="613"/>
      <c r="DIH648" s="613"/>
      <c r="DII648" s="613"/>
      <c r="DIJ648" s="613"/>
      <c r="DIK648" s="613"/>
      <c r="DIL648" s="613"/>
      <c r="DIM648" s="613"/>
      <c r="DIN648" s="613"/>
      <c r="DIO648" s="613"/>
      <c r="DIP648" s="613"/>
      <c r="DIQ648" s="613"/>
      <c r="DIR648" s="613"/>
      <c r="DIS648" s="613"/>
      <c r="DIT648" s="613"/>
      <c r="DIU648" s="613"/>
      <c r="DIV648" s="613"/>
      <c r="DIW648" s="613"/>
      <c r="DIX648" s="613"/>
      <c r="DIY648" s="613"/>
      <c r="DIZ648" s="613"/>
      <c r="DJA648" s="613"/>
      <c r="DJB648" s="613"/>
      <c r="DJC648" s="613"/>
      <c r="DJD648" s="613"/>
      <c r="DJE648" s="613"/>
      <c r="DJF648" s="613"/>
      <c r="DJG648" s="613"/>
      <c r="DJH648" s="613"/>
      <c r="DJI648" s="613"/>
      <c r="DJJ648" s="613"/>
      <c r="DJK648" s="613"/>
      <c r="DJL648" s="613"/>
      <c r="DJM648" s="613"/>
      <c r="DJN648" s="613"/>
      <c r="DJO648" s="613"/>
      <c r="DJP648" s="613"/>
      <c r="DJQ648" s="613"/>
      <c r="DJR648" s="613"/>
      <c r="DJS648" s="613"/>
      <c r="DJT648" s="613"/>
      <c r="DJU648" s="613"/>
      <c r="DJV648" s="613"/>
      <c r="DJW648" s="613"/>
      <c r="DJX648" s="613"/>
      <c r="DJY648" s="613"/>
      <c r="DJZ648" s="613"/>
      <c r="DKA648" s="613"/>
      <c r="DKB648" s="613"/>
      <c r="DKC648" s="613"/>
      <c r="DKD648" s="613"/>
      <c r="DKE648" s="613"/>
      <c r="DKF648" s="613"/>
      <c r="DKG648" s="613"/>
      <c r="DKH648" s="613"/>
      <c r="DKI648" s="613"/>
      <c r="DKJ648" s="613"/>
      <c r="DKK648" s="613"/>
      <c r="DKL648" s="613"/>
      <c r="DKM648" s="613"/>
      <c r="DKN648" s="613"/>
      <c r="DKO648" s="613"/>
      <c r="DKP648" s="613"/>
      <c r="DKQ648" s="613"/>
      <c r="DKR648" s="613"/>
      <c r="DKS648" s="613"/>
      <c r="DKT648" s="613"/>
      <c r="DKU648" s="613"/>
      <c r="DKV648" s="613"/>
      <c r="DKW648" s="613"/>
      <c r="DKX648" s="613"/>
      <c r="DKY648" s="613"/>
      <c r="DKZ648" s="613"/>
      <c r="DLA648" s="613"/>
      <c r="DLB648" s="613"/>
      <c r="DLC648" s="613"/>
      <c r="DLD648" s="613"/>
      <c r="DLE648" s="613"/>
      <c r="DLF648" s="613"/>
      <c r="DLG648" s="613"/>
      <c r="DLH648" s="613"/>
      <c r="DLI648" s="613"/>
      <c r="DLJ648" s="613"/>
      <c r="DLK648" s="613"/>
      <c r="DLL648" s="613"/>
      <c r="DLM648" s="613"/>
      <c r="DLN648" s="613"/>
      <c r="DLO648" s="613"/>
      <c r="DLP648" s="613"/>
      <c r="DLQ648" s="613"/>
      <c r="DLR648" s="613"/>
      <c r="DLS648" s="613"/>
      <c r="DLT648" s="613"/>
      <c r="DLU648" s="613"/>
      <c r="DLV648" s="613"/>
      <c r="DLW648" s="613"/>
      <c r="DLX648" s="613"/>
      <c r="DLY648" s="613"/>
      <c r="DLZ648" s="613"/>
      <c r="DMA648" s="613"/>
      <c r="DMB648" s="613"/>
      <c r="DMC648" s="613"/>
      <c r="DMD648" s="613"/>
      <c r="DME648" s="613"/>
      <c r="DMF648" s="613"/>
      <c r="DMG648" s="613"/>
      <c r="DMH648" s="613"/>
      <c r="DMI648" s="613"/>
      <c r="DMJ648" s="613"/>
      <c r="DMK648" s="613"/>
      <c r="DML648" s="613"/>
      <c r="DMM648" s="613"/>
      <c r="DMN648" s="613"/>
      <c r="DMO648" s="613"/>
      <c r="DMP648" s="613"/>
      <c r="DMQ648" s="613"/>
      <c r="DMR648" s="613"/>
      <c r="DMS648" s="613"/>
      <c r="DMT648" s="613"/>
      <c r="DMU648" s="613"/>
      <c r="DMV648" s="613"/>
      <c r="DMW648" s="613"/>
      <c r="DMX648" s="613"/>
      <c r="DMY648" s="613"/>
      <c r="DMZ648" s="613"/>
      <c r="DNA648" s="613"/>
      <c r="DNB648" s="613"/>
      <c r="DNC648" s="613"/>
      <c r="DND648" s="613"/>
      <c r="DNE648" s="613"/>
      <c r="DNF648" s="613"/>
      <c r="DNG648" s="613"/>
      <c r="DNH648" s="613"/>
      <c r="DNI648" s="613"/>
      <c r="DNJ648" s="613"/>
      <c r="DNK648" s="613"/>
      <c r="DNL648" s="613"/>
      <c r="DNM648" s="613"/>
      <c r="DNN648" s="613"/>
      <c r="DNO648" s="613"/>
      <c r="DNP648" s="613"/>
      <c r="DNQ648" s="613"/>
      <c r="DNR648" s="613"/>
      <c r="DNS648" s="613"/>
      <c r="DNT648" s="613"/>
      <c r="DNU648" s="613"/>
      <c r="DNV648" s="613"/>
      <c r="DNW648" s="613"/>
      <c r="DNX648" s="613"/>
      <c r="DNY648" s="613"/>
      <c r="DNZ648" s="613"/>
      <c r="DOA648" s="613"/>
      <c r="DOB648" s="613"/>
      <c r="DOC648" s="613"/>
      <c r="DOD648" s="613"/>
      <c r="DOE648" s="613"/>
      <c r="DOF648" s="613"/>
      <c r="DOG648" s="613"/>
      <c r="DOH648" s="613"/>
      <c r="DOI648" s="613"/>
      <c r="DOJ648" s="613"/>
      <c r="DOK648" s="613"/>
      <c r="DOL648" s="613"/>
      <c r="DOM648" s="613"/>
      <c r="DON648" s="613"/>
      <c r="DOO648" s="613"/>
      <c r="DOP648" s="613"/>
      <c r="DOQ648" s="613"/>
      <c r="DOR648" s="613"/>
      <c r="DOS648" s="613"/>
      <c r="DOT648" s="613"/>
      <c r="DOU648" s="613"/>
      <c r="DOV648" s="613"/>
      <c r="DOW648" s="613"/>
      <c r="DOX648" s="613"/>
      <c r="DOY648" s="613"/>
      <c r="DOZ648" s="613"/>
      <c r="DPA648" s="613"/>
      <c r="DPB648" s="613"/>
      <c r="DPC648" s="613"/>
      <c r="DPD648" s="613"/>
      <c r="DPE648" s="613"/>
      <c r="DPF648" s="613"/>
      <c r="DPG648" s="613"/>
      <c r="DPH648" s="613"/>
      <c r="DPI648" s="613"/>
      <c r="DPJ648" s="613"/>
      <c r="DPK648" s="613"/>
      <c r="DPL648" s="613"/>
      <c r="DPM648" s="613"/>
      <c r="DPN648" s="613"/>
      <c r="DPO648" s="613"/>
      <c r="DPP648" s="613"/>
      <c r="DPQ648" s="613"/>
      <c r="DPR648" s="613"/>
      <c r="DPS648" s="613"/>
      <c r="DPT648" s="613"/>
      <c r="DPU648" s="613"/>
      <c r="DPV648" s="613"/>
      <c r="DPW648" s="613"/>
      <c r="DPX648" s="613"/>
      <c r="DPY648" s="613"/>
      <c r="DPZ648" s="613"/>
      <c r="DQA648" s="613"/>
      <c r="DQB648" s="613"/>
      <c r="DQC648" s="613"/>
      <c r="DQD648" s="613"/>
      <c r="DQE648" s="613"/>
      <c r="DQF648" s="613"/>
      <c r="DQG648" s="613"/>
      <c r="DQH648" s="613"/>
      <c r="DQI648" s="613"/>
      <c r="DQJ648" s="613"/>
      <c r="DQK648" s="613"/>
      <c r="DQL648" s="613"/>
      <c r="DQM648" s="613"/>
      <c r="DQN648" s="613"/>
      <c r="DQO648" s="613"/>
      <c r="DQP648" s="613"/>
      <c r="DQQ648" s="613"/>
      <c r="DQR648" s="613"/>
      <c r="DQS648" s="613"/>
      <c r="DQT648" s="613"/>
      <c r="DQU648" s="613"/>
      <c r="DQV648" s="613"/>
      <c r="DQW648" s="613"/>
      <c r="DQX648" s="613"/>
      <c r="DQY648" s="613"/>
      <c r="DQZ648" s="613"/>
      <c r="DRA648" s="613"/>
      <c r="DRB648" s="613"/>
      <c r="DRC648" s="613"/>
      <c r="DRD648" s="613"/>
      <c r="DRE648" s="613"/>
      <c r="DRF648" s="613"/>
      <c r="DRG648" s="613"/>
      <c r="DRH648" s="613"/>
      <c r="DRI648" s="613"/>
      <c r="DRJ648" s="613"/>
      <c r="DRK648" s="613"/>
      <c r="DRL648" s="613"/>
      <c r="DRM648" s="613"/>
      <c r="DRN648" s="613"/>
      <c r="DRO648" s="613"/>
      <c r="DRP648" s="613"/>
      <c r="DRQ648" s="613"/>
      <c r="DRR648" s="613"/>
      <c r="DRS648" s="613"/>
      <c r="DRT648" s="613"/>
      <c r="DRU648" s="613"/>
      <c r="DRV648" s="613"/>
      <c r="DRW648" s="613"/>
      <c r="DRX648" s="613"/>
      <c r="DRY648" s="613"/>
      <c r="DRZ648" s="613"/>
      <c r="DSA648" s="613"/>
      <c r="DSB648" s="613"/>
      <c r="DSC648" s="613"/>
      <c r="DSD648" s="613"/>
      <c r="DSE648" s="613"/>
      <c r="DSF648" s="613"/>
      <c r="DSG648" s="613"/>
      <c r="DSH648" s="613"/>
      <c r="DSI648" s="613"/>
      <c r="DSJ648" s="613"/>
      <c r="DSK648" s="613"/>
      <c r="DSL648" s="613"/>
      <c r="DSM648" s="613"/>
      <c r="DSN648" s="613"/>
      <c r="DSO648" s="613"/>
      <c r="DSP648" s="613"/>
      <c r="DSQ648" s="613"/>
      <c r="DSR648" s="613"/>
      <c r="DSS648" s="613"/>
      <c r="DST648" s="613"/>
      <c r="DSU648" s="613"/>
      <c r="DSV648" s="613"/>
      <c r="DSW648" s="613"/>
      <c r="DSX648" s="613"/>
      <c r="DSY648" s="613"/>
      <c r="DSZ648" s="613"/>
      <c r="DTA648" s="613"/>
      <c r="DTB648" s="613"/>
      <c r="DTC648" s="613"/>
      <c r="DTD648" s="613"/>
      <c r="DTE648" s="613"/>
      <c r="DTF648" s="613"/>
      <c r="DTG648" s="613"/>
      <c r="DTH648" s="613"/>
      <c r="DTI648" s="613"/>
      <c r="DTJ648" s="613"/>
      <c r="DTK648" s="613"/>
      <c r="DTL648" s="613"/>
      <c r="DTM648" s="613"/>
      <c r="DTN648" s="613"/>
      <c r="DTO648" s="613"/>
      <c r="DTP648" s="613"/>
      <c r="DTQ648" s="613"/>
      <c r="DTR648" s="613"/>
      <c r="DTS648" s="613"/>
      <c r="DTT648" s="613"/>
      <c r="DTU648" s="613"/>
      <c r="DTV648" s="613"/>
      <c r="DTW648" s="613"/>
      <c r="DTX648" s="613"/>
      <c r="DTY648" s="613"/>
      <c r="DTZ648" s="613"/>
      <c r="DUA648" s="613"/>
      <c r="DUB648" s="613"/>
      <c r="DUC648" s="613"/>
      <c r="DUD648" s="613"/>
      <c r="DUE648" s="613"/>
      <c r="DUF648" s="613"/>
      <c r="DUG648" s="613"/>
      <c r="DUH648" s="613"/>
      <c r="DUI648" s="613"/>
      <c r="DUJ648" s="613"/>
      <c r="DUK648" s="613"/>
      <c r="DUL648" s="613"/>
      <c r="DUM648" s="613"/>
      <c r="DUN648" s="613"/>
      <c r="DUO648" s="613"/>
      <c r="DUP648" s="613"/>
      <c r="DUQ648" s="613"/>
      <c r="DUR648" s="613"/>
      <c r="DUS648" s="613"/>
      <c r="DUT648" s="613"/>
      <c r="DUU648" s="613"/>
      <c r="DUV648" s="613"/>
      <c r="DUW648" s="613"/>
      <c r="DUX648" s="613"/>
      <c r="DUY648" s="613"/>
      <c r="DUZ648" s="613"/>
      <c r="DVA648" s="613"/>
      <c r="DVB648" s="613"/>
      <c r="DVC648" s="613"/>
      <c r="DVD648" s="613"/>
      <c r="DVE648" s="613"/>
      <c r="DVF648" s="613"/>
      <c r="DVG648" s="613"/>
      <c r="DVH648" s="613"/>
      <c r="DVI648" s="613"/>
      <c r="DVJ648" s="613"/>
      <c r="DVK648" s="613"/>
      <c r="DVL648" s="613"/>
      <c r="DVM648" s="613"/>
      <c r="DVN648" s="613"/>
      <c r="DVO648" s="613"/>
      <c r="DVP648" s="613"/>
      <c r="DVQ648" s="613"/>
      <c r="DVR648" s="613"/>
      <c r="DVS648" s="613"/>
      <c r="DVT648" s="613"/>
      <c r="DVU648" s="613"/>
      <c r="DVV648" s="613"/>
      <c r="DVW648" s="613"/>
      <c r="DVX648" s="613"/>
      <c r="DVY648" s="613"/>
      <c r="DVZ648" s="613"/>
      <c r="DWA648" s="613"/>
      <c r="DWB648" s="613"/>
      <c r="DWC648" s="613"/>
      <c r="DWD648" s="613"/>
      <c r="DWE648" s="613"/>
      <c r="DWF648" s="613"/>
      <c r="DWG648" s="613"/>
      <c r="DWH648" s="613"/>
      <c r="DWI648" s="613"/>
      <c r="DWJ648" s="613"/>
      <c r="DWK648" s="613"/>
      <c r="DWL648" s="613"/>
      <c r="DWM648" s="613"/>
      <c r="DWN648" s="613"/>
      <c r="DWO648" s="613"/>
      <c r="DWP648" s="613"/>
      <c r="DWQ648" s="613"/>
      <c r="DWR648" s="613"/>
      <c r="DWS648" s="613"/>
      <c r="DWT648" s="613"/>
      <c r="DWU648" s="613"/>
      <c r="DWV648" s="613"/>
      <c r="DWW648" s="613"/>
      <c r="DWX648" s="613"/>
      <c r="DWY648" s="613"/>
      <c r="DWZ648" s="613"/>
      <c r="DXA648" s="613"/>
      <c r="DXB648" s="613"/>
      <c r="DXC648" s="613"/>
      <c r="DXD648" s="613"/>
      <c r="DXE648" s="613"/>
      <c r="DXF648" s="613"/>
      <c r="DXG648" s="613"/>
      <c r="DXH648" s="613"/>
      <c r="DXI648" s="613"/>
      <c r="DXJ648" s="613"/>
      <c r="DXK648" s="613"/>
      <c r="DXL648" s="613"/>
      <c r="DXM648" s="613"/>
      <c r="DXN648" s="613"/>
      <c r="DXO648" s="613"/>
      <c r="DXP648" s="613"/>
      <c r="DXQ648" s="613"/>
      <c r="DXR648" s="613"/>
      <c r="DXS648" s="613"/>
      <c r="DXT648" s="613"/>
      <c r="DXU648" s="613"/>
      <c r="DXV648" s="613"/>
      <c r="DXW648" s="613"/>
      <c r="DXX648" s="613"/>
      <c r="DXY648" s="613"/>
      <c r="DXZ648" s="613"/>
      <c r="DYA648" s="613"/>
      <c r="DYB648" s="613"/>
      <c r="DYC648" s="613"/>
      <c r="DYD648" s="613"/>
      <c r="DYE648" s="613"/>
      <c r="DYF648" s="613"/>
      <c r="DYG648" s="613"/>
      <c r="DYH648" s="613"/>
      <c r="DYI648" s="613"/>
      <c r="DYJ648" s="613"/>
      <c r="DYK648" s="613"/>
      <c r="DYL648" s="613"/>
      <c r="DYM648" s="613"/>
      <c r="DYN648" s="613"/>
      <c r="DYO648" s="613"/>
      <c r="DYP648" s="613"/>
      <c r="DYQ648" s="613"/>
      <c r="DYR648" s="613"/>
      <c r="DYS648" s="613"/>
      <c r="DYT648" s="613"/>
      <c r="DYU648" s="613"/>
      <c r="DYV648" s="613"/>
      <c r="DYW648" s="613"/>
      <c r="DYX648" s="613"/>
      <c r="DYY648" s="613"/>
      <c r="DYZ648" s="613"/>
      <c r="DZA648" s="613"/>
      <c r="DZB648" s="613"/>
      <c r="DZC648" s="613"/>
      <c r="DZD648" s="613"/>
      <c r="DZE648" s="613"/>
      <c r="DZF648" s="613"/>
      <c r="DZG648" s="613"/>
      <c r="DZH648" s="613"/>
      <c r="DZI648" s="613"/>
      <c r="DZJ648" s="613"/>
      <c r="DZK648" s="613"/>
      <c r="DZL648" s="613"/>
      <c r="DZM648" s="613"/>
      <c r="DZN648" s="613"/>
      <c r="DZO648" s="613"/>
      <c r="DZP648" s="613"/>
      <c r="DZQ648" s="613"/>
      <c r="DZR648" s="613"/>
      <c r="DZS648" s="613"/>
      <c r="DZT648" s="613"/>
      <c r="DZU648" s="613"/>
      <c r="DZV648" s="613"/>
      <c r="DZW648" s="613"/>
      <c r="DZX648" s="613"/>
      <c r="DZY648" s="613"/>
      <c r="DZZ648" s="613"/>
      <c r="EAA648" s="613"/>
      <c r="EAB648" s="613"/>
      <c r="EAC648" s="613"/>
      <c r="EAD648" s="613"/>
      <c r="EAE648" s="613"/>
      <c r="EAF648" s="613"/>
      <c r="EAG648" s="613"/>
      <c r="EAH648" s="613"/>
      <c r="EAI648" s="613"/>
      <c r="EAJ648" s="613"/>
      <c r="EAK648" s="613"/>
      <c r="EAL648" s="613"/>
      <c r="EAM648" s="613"/>
      <c r="EAN648" s="613"/>
      <c r="EAO648" s="613"/>
      <c r="EAP648" s="613"/>
      <c r="EAQ648" s="613"/>
      <c r="EAR648" s="613"/>
      <c r="EAS648" s="613"/>
      <c r="EAT648" s="613"/>
      <c r="EAU648" s="613"/>
      <c r="EAV648" s="613"/>
      <c r="EAW648" s="613"/>
      <c r="EAX648" s="613"/>
      <c r="EAY648" s="613"/>
      <c r="EAZ648" s="613"/>
      <c r="EBA648" s="613"/>
      <c r="EBB648" s="613"/>
      <c r="EBC648" s="613"/>
      <c r="EBD648" s="613"/>
      <c r="EBE648" s="613"/>
      <c r="EBF648" s="613"/>
      <c r="EBG648" s="613"/>
      <c r="EBH648" s="613"/>
      <c r="EBI648" s="613"/>
      <c r="EBJ648" s="613"/>
      <c r="EBK648" s="613"/>
      <c r="EBL648" s="613"/>
      <c r="EBM648" s="613"/>
      <c r="EBN648" s="613"/>
      <c r="EBO648" s="613"/>
      <c r="EBP648" s="613"/>
      <c r="EBQ648" s="613"/>
      <c r="EBR648" s="613"/>
      <c r="EBS648" s="613"/>
      <c r="EBT648" s="613"/>
      <c r="EBU648" s="613"/>
      <c r="EBV648" s="613"/>
      <c r="EBW648" s="613"/>
      <c r="EBX648" s="613"/>
      <c r="EBY648" s="613"/>
      <c r="EBZ648" s="613"/>
      <c r="ECA648" s="613"/>
      <c r="ECB648" s="613"/>
      <c r="ECC648" s="613"/>
      <c r="ECD648" s="613"/>
      <c r="ECE648" s="613"/>
      <c r="ECF648" s="613"/>
      <c r="ECG648" s="613"/>
      <c r="ECH648" s="613"/>
      <c r="ECI648" s="613"/>
      <c r="ECJ648" s="613"/>
      <c r="ECK648" s="613"/>
      <c r="ECL648" s="613"/>
      <c r="ECM648" s="613"/>
      <c r="ECN648" s="613"/>
      <c r="ECO648" s="613"/>
      <c r="ECP648" s="613"/>
      <c r="ECQ648" s="613"/>
      <c r="ECR648" s="613"/>
      <c r="ECS648" s="613"/>
      <c r="ECT648" s="613"/>
      <c r="ECU648" s="613"/>
      <c r="ECV648" s="613"/>
      <c r="ECW648" s="613"/>
      <c r="ECX648" s="613"/>
      <c r="ECY648" s="613"/>
      <c r="ECZ648" s="613"/>
      <c r="EDA648" s="613"/>
      <c r="EDB648" s="613"/>
      <c r="EDC648" s="613"/>
      <c r="EDD648" s="613"/>
      <c r="EDE648" s="613"/>
      <c r="EDF648" s="613"/>
      <c r="EDG648" s="613"/>
      <c r="EDH648" s="613"/>
      <c r="EDI648" s="613"/>
      <c r="EDJ648" s="613"/>
      <c r="EDK648" s="613"/>
      <c r="EDL648" s="613"/>
      <c r="EDM648" s="613"/>
      <c r="EDN648" s="613"/>
      <c r="EDO648" s="613"/>
      <c r="EDP648" s="613"/>
      <c r="EDQ648" s="613"/>
      <c r="EDR648" s="613"/>
      <c r="EDS648" s="613"/>
      <c r="EDT648" s="613"/>
      <c r="EDU648" s="613"/>
      <c r="EDV648" s="613"/>
      <c r="EDW648" s="613"/>
      <c r="EDX648" s="613"/>
      <c r="EDY648" s="613"/>
      <c r="EDZ648" s="613"/>
      <c r="EEA648" s="613"/>
      <c r="EEB648" s="613"/>
      <c r="EEC648" s="613"/>
      <c r="EED648" s="613"/>
      <c r="EEE648" s="613"/>
      <c r="EEF648" s="613"/>
      <c r="EEG648" s="613"/>
      <c r="EEH648" s="613"/>
      <c r="EEI648" s="613"/>
      <c r="EEJ648" s="613"/>
      <c r="EEK648" s="613"/>
      <c r="EEL648" s="613"/>
      <c r="EEM648" s="613"/>
      <c r="EEN648" s="613"/>
      <c r="EEO648" s="613"/>
      <c r="EEP648" s="613"/>
      <c r="EEQ648" s="613"/>
      <c r="EER648" s="613"/>
      <c r="EES648" s="613"/>
      <c r="EET648" s="613"/>
      <c r="EEU648" s="613"/>
      <c r="EEV648" s="613"/>
      <c r="EEW648" s="613"/>
      <c r="EEX648" s="613"/>
      <c r="EEY648" s="613"/>
      <c r="EEZ648" s="613"/>
      <c r="EFA648" s="613"/>
      <c r="EFB648" s="613"/>
      <c r="EFC648" s="613"/>
      <c r="EFD648" s="613"/>
      <c r="EFE648" s="613"/>
      <c r="EFF648" s="613"/>
      <c r="EFG648" s="613"/>
      <c r="EFH648" s="613"/>
      <c r="EFI648" s="613"/>
      <c r="EFJ648" s="613"/>
      <c r="EFK648" s="613"/>
      <c r="EFL648" s="613"/>
      <c r="EFM648" s="613"/>
      <c r="EFN648" s="613"/>
      <c r="EFO648" s="613"/>
      <c r="EFP648" s="613"/>
      <c r="EFQ648" s="613"/>
      <c r="EFR648" s="613"/>
      <c r="EFS648" s="613"/>
      <c r="EFT648" s="613"/>
      <c r="EFU648" s="613"/>
      <c r="EFV648" s="613"/>
      <c r="EFW648" s="613"/>
      <c r="EFX648" s="613"/>
      <c r="EFY648" s="613"/>
      <c r="EFZ648" s="613"/>
      <c r="EGA648" s="613"/>
      <c r="EGB648" s="613"/>
      <c r="EGC648" s="613"/>
      <c r="EGD648" s="613"/>
      <c r="EGE648" s="613"/>
      <c r="EGF648" s="613"/>
      <c r="EGG648" s="613"/>
      <c r="EGH648" s="613"/>
      <c r="EGI648" s="613"/>
      <c r="EGJ648" s="613"/>
      <c r="EGK648" s="613"/>
      <c r="EGL648" s="613"/>
      <c r="EGM648" s="613"/>
      <c r="EGN648" s="613"/>
      <c r="EGO648" s="613"/>
      <c r="EGP648" s="613"/>
      <c r="EGQ648" s="613"/>
      <c r="EGR648" s="613"/>
      <c r="EGS648" s="613"/>
      <c r="EGT648" s="613"/>
      <c r="EGU648" s="613"/>
      <c r="EGV648" s="613"/>
      <c r="EGW648" s="613"/>
      <c r="EGX648" s="613"/>
      <c r="EGY648" s="613"/>
      <c r="EGZ648" s="613"/>
      <c r="EHA648" s="613"/>
      <c r="EHB648" s="613"/>
      <c r="EHC648" s="613"/>
      <c r="EHD648" s="613"/>
      <c r="EHE648" s="613"/>
      <c r="EHF648" s="613"/>
      <c r="EHG648" s="613"/>
      <c r="EHH648" s="613"/>
      <c r="EHI648" s="613"/>
      <c r="EHJ648" s="613"/>
      <c r="EHK648" s="613"/>
      <c r="EHL648" s="613"/>
      <c r="EHM648" s="613"/>
      <c r="EHN648" s="613"/>
      <c r="EHO648" s="613"/>
      <c r="EHP648" s="613"/>
      <c r="EHQ648" s="613"/>
      <c r="EHR648" s="613"/>
      <c r="EHS648" s="613"/>
      <c r="EHT648" s="613"/>
      <c r="EHU648" s="613"/>
      <c r="EHV648" s="613"/>
      <c r="EHW648" s="613"/>
      <c r="EHX648" s="613"/>
      <c r="EHY648" s="613"/>
      <c r="EHZ648" s="613"/>
      <c r="EIA648" s="613"/>
      <c r="EIB648" s="613"/>
      <c r="EIC648" s="613"/>
      <c r="EID648" s="613"/>
      <c r="EIE648" s="613"/>
      <c r="EIF648" s="613"/>
      <c r="EIG648" s="613"/>
      <c r="EIH648" s="613"/>
      <c r="EII648" s="613"/>
      <c r="EIJ648" s="613"/>
      <c r="EIK648" s="613"/>
      <c r="EIL648" s="613"/>
      <c r="EIM648" s="613"/>
      <c r="EIN648" s="613"/>
      <c r="EIO648" s="613"/>
      <c r="EIP648" s="613"/>
      <c r="EIQ648" s="613"/>
      <c r="EIR648" s="613"/>
      <c r="EIS648" s="613"/>
      <c r="EIT648" s="613"/>
      <c r="EIU648" s="613"/>
      <c r="EIV648" s="613"/>
      <c r="EIW648" s="613"/>
      <c r="EIX648" s="613"/>
      <c r="EIY648" s="613"/>
      <c r="EIZ648" s="613"/>
      <c r="EJA648" s="613"/>
      <c r="EJB648" s="613"/>
      <c r="EJC648" s="613"/>
      <c r="EJD648" s="613"/>
      <c r="EJE648" s="613"/>
      <c r="EJF648" s="613"/>
      <c r="EJG648" s="613"/>
      <c r="EJH648" s="613"/>
      <c r="EJI648" s="613"/>
      <c r="EJJ648" s="613"/>
      <c r="EJK648" s="613"/>
      <c r="EJL648" s="613"/>
      <c r="EJM648" s="613"/>
      <c r="EJN648" s="613"/>
      <c r="EJO648" s="613"/>
      <c r="EJP648" s="613"/>
      <c r="EJQ648" s="613"/>
      <c r="EJR648" s="613"/>
      <c r="EJS648" s="613"/>
      <c r="EJT648" s="613"/>
      <c r="EJU648" s="613"/>
      <c r="EJV648" s="613"/>
      <c r="EJW648" s="613"/>
      <c r="EJX648" s="613"/>
      <c r="EJY648" s="613"/>
      <c r="EJZ648" s="613"/>
      <c r="EKA648" s="613"/>
      <c r="EKB648" s="613"/>
      <c r="EKC648" s="613"/>
      <c r="EKD648" s="613"/>
      <c r="EKE648" s="613"/>
      <c r="EKF648" s="613"/>
      <c r="EKG648" s="613"/>
      <c r="EKH648" s="613"/>
      <c r="EKI648" s="613"/>
      <c r="EKJ648" s="613"/>
      <c r="EKK648" s="613"/>
      <c r="EKL648" s="613"/>
      <c r="EKM648" s="613"/>
      <c r="EKN648" s="613"/>
      <c r="EKO648" s="613"/>
      <c r="EKP648" s="613"/>
      <c r="EKQ648" s="613"/>
      <c r="EKR648" s="613"/>
      <c r="EKS648" s="613"/>
      <c r="EKT648" s="613"/>
      <c r="EKU648" s="613"/>
      <c r="EKV648" s="613"/>
      <c r="EKW648" s="613"/>
      <c r="EKX648" s="613"/>
      <c r="EKY648" s="613"/>
      <c r="EKZ648" s="613"/>
      <c r="ELA648" s="613"/>
      <c r="ELB648" s="613"/>
      <c r="ELC648" s="613"/>
      <c r="ELD648" s="613"/>
      <c r="ELE648" s="613"/>
      <c r="ELF648" s="613"/>
      <c r="ELG648" s="613"/>
      <c r="ELH648" s="613"/>
      <c r="ELI648" s="613"/>
      <c r="ELJ648" s="613"/>
      <c r="ELK648" s="613"/>
      <c r="ELL648" s="613"/>
      <c r="ELM648" s="613"/>
      <c r="ELN648" s="613"/>
      <c r="ELO648" s="613"/>
      <c r="ELP648" s="613"/>
      <c r="ELQ648" s="613"/>
      <c r="ELR648" s="613"/>
      <c r="ELS648" s="613"/>
      <c r="ELT648" s="613"/>
      <c r="ELU648" s="613"/>
      <c r="ELV648" s="613"/>
      <c r="ELW648" s="613"/>
      <c r="ELX648" s="613"/>
      <c r="ELY648" s="613"/>
      <c r="ELZ648" s="613"/>
      <c r="EMA648" s="613"/>
      <c r="EMB648" s="613"/>
      <c r="EMC648" s="613"/>
      <c r="EMD648" s="613"/>
      <c r="EME648" s="613"/>
      <c r="EMF648" s="613"/>
      <c r="EMG648" s="613"/>
      <c r="EMH648" s="613"/>
      <c r="EMI648" s="613"/>
      <c r="EMJ648" s="613"/>
      <c r="EMK648" s="613"/>
      <c r="EML648" s="613"/>
      <c r="EMM648" s="613"/>
      <c r="EMN648" s="613"/>
      <c r="EMO648" s="613"/>
      <c r="EMP648" s="613"/>
      <c r="EMQ648" s="613"/>
      <c r="EMR648" s="613"/>
      <c r="EMS648" s="613"/>
      <c r="EMT648" s="613"/>
      <c r="EMU648" s="613"/>
      <c r="EMV648" s="613"/>
      <c r="EMW648" s="613"/>
      <c r="EMX648" s="613"/>
      <c r="EMY648" s="613"/>
      <c r="EMZ648" s="613"/>
      <c r="ENA648" s="613"/>
      <c r="ENB648" s="613"/>
      <c r="ENC648" s="613"/>
      <c r="END648" s="613"/>
      <c r="ENE648" s="613"/>
      <c r="ENF648" s="613"/>
      <c r="ENG648" s="613"/>
      <c r="ENH648" s="613"/>
      <c r="ENI648" s="613"/>
      <c r="ENJ648" s="613"/>
      <c r="ENK648" s="613"/>
      <c r="ENL648" s="613"/>
      <c r="ENM648" s="613"/>
      <c r="ENN648" s="613"/>
      <c r="ENO648" s="613"/>
      <c r="ENP648" s="613"/>
      <c r="ENQ648" s="613"/>
      <c r="ENR648" s="613"/>
      <c r="ENS648" s="613"/>
      <c r="ENT648" s="613"/>
      <c r="ENU648" s="613"/>
      <c r="ENV648" s="613"/>
      <c r="ENW648" s="613"/>
      <c r="ENX648" s="613"/>
      <c r="ENY648" s="613"/>
      <c r="ENZ648" s="613"/>
      <c r="EOA648" s="613"/>
      <c r="EOB648" s="613"/>
      <c r="EOC648" s="613"/>
      <c r="EOD648" s="613"/>
      <c r="EOE648" s="613"/>
      <c r="EOF648" s="613"/>
      <c r="EOG648" s="613"/>
      <c r="EOH648" s="613"/>
      <c r="EOI648" s="613"/>
      <c r="EOJ648" s="613"/>
      <c r="EOK648" s="613"/>
      <c r="EOL648" s="613"/>
      <c r="EOM648" s="613"/>
      <c r="EON648" s="613"/>
      <c r="EOO648" s="613"/>
      <c r="EOP648" s="613"/>
      <c r="EOQ648" s="613"/>
      <c r="EOR648" s="613"/>
      <c r="EOS648" s="613"/>
      <c r="EOT648" s="613"/>
      <c r="EOU648" s="613"/>
      <c r="EOV648" s="613"/>
      <c r="EOW648" s="613"/>
      <c r="EOX648" s="613"/>
      <c r="EOY648" s="613"/>
      <c r="EOZ648" s="613"/>
      <c r="EPA648" s="613"/>
      <c r="EPB648" s="613"/>
      <c r="EPC648" s="613"/>
      <c r="EPD648" s="613"/>
      <c r="EPE648" s="613"/>
      <c r="EPF648" s="613"/>
      <c r="EPG648" s="613"/>
      <c r="EPH648" s="613"/>
      <c r="EPI648" s="613"/>
      <c r="EPJ648" s="613"/>
      <c r="EPK648" s="613"/>
      <c r="EPL648" s="613"/>
      <c r="EPM648" s="613"/>
      <c r="EPN648" s="613"/>
      <c r="EPO648" s="613"/>
      <c r="EPP648" s="613"/>
      <c r="EPQ648" s="613"/>
      <c r="EPR648" s="613"/>
      <c r="EPS648" s="613"/>
      <c r="EPT648" s="613"/>
      <c r="EPU648" s="613"/>
      <c r="EPV648" s="613"/>
      <c r="EPW648" s="613"/>
      <c r="EPX648" s="613"/>
      <c r="EPY648" s="613"/>
      <c r="EPZ648" s="613"/>
      <c r="EQA648" s="613"/>
      <c r="EQB648" s="613"/>
      <c r="EQC648" s="613"/>
      <c r="EQD648" s="613"/>
      <c r="EQE648" s="613"/>
      <c r="EQF648" s="613"/>
      <c r="EQG648" s="613"/>
      <c r="EQH648" s="613"/>
      <c r="EQI648" s="613"/>
      <c r="EQJ648" s="613"/>
      <c r="EQK648" s="613"/>
      <c r="EQL648" s="613"/>
      <c r="EQM648" s="613"/>
      <c r="EQN648" s="613"/>
      <c r="EQO648" s="613"/>
      <c r="EQP648" s="613"/>
      <c r="EQQ648" s="613"/>
      <c r="EQR648" s="613"/>
      <c r="EQS648" s="613"/>
      <c r="EQT648" s="613"/>
      <c r="EQU648" s="613"/>
      <c r="EQV648" s="613"/>
      <c r="EQW648" s="613"/>
      <c r="EQX648" s="613"/>
      <c r="EQY648" s="613"/>
      <c r="EQZ648" s="613"/>
      <c r="ERA648" s="613"/>
      <c r="ERB648" s="613"/>
      <c r="ERC648" s="613"/>
      <c r="ERD648" s="613"/>
      <c r="ERE648" s="613"/>
      <c r="ERF648" s="613"/>
      <c r="ERG648" s="613"/>
      <c r="ERH648" s="613"/>
      <c r="ERI648" s="613"/>
      <c r="ERJ648" s="613"/>
      <c r="ERK648" s="613"/>
      <c r="ERL648" s="613"/>
      <c r="ERM648" s="613"/>
      <c r="ERN648" s="613"/>
      <c r="ERO648" s="613"/>
      <c r="ERP648" s="613"/>
      <c r="ERQ648" s="613"/>
      <c r="ERR648" s="613"/>
      <c r="ERS648" s="613"/>
      <c r="ERT648" s="613"/>
      <c r="ERU648" s="613"/>
      <c r="ERV648" s="613"/>
      <c r="ERW648" s="613"/>
      <c r="ERX648" s="613"/>
      <c r="ERY648" s="613"/>
      <c r="ERZ648" s="613"/>
      <c r="ESA648" s="613"/>
      <c r="ESB648" s="613"/>
      <c r="ESC648" s="613"/>
      <c r="ESD648" s="613"/>
      <c r="ESE648" s="613"/>
      <c r="ESF648" s="613"/>
      <c r="ESG648" s="613"/>
      <c r="ESH648" s="613"/>
      <c r="ESI648" s="613"/>
      <c r="ESJ648" s="613"/>
      <c r="ESK648" s="613"/>
      <c r="ESL648" s="613"/>
      <c r="ESM648" s="613"/>
      <c r="ESN648" s="613"/>
      <c r="ESO648" s="613"/>
      <c r="ESP648" s="613"/>
      <c r="ESQ648" s="613"/>
      <c r="ESR648" s="613"/>
      <c r="ESS648" s="613"/>
      <c r="EST648" s="613"/>
      <c r="ESU648" s="613"/>
      <c r="ESV648" s="613"/>
      <c r="ESW648" s="613"/>
      <c r="ESX648" s="613"/>
      <c r="ESY648" s="613"/>
      <c r="ESZ648" s="613"/>
      <c r="ETA648" s="613"/>
      <c r="ETB648" s="613"/>
      <c r="ETC648" s="613"/>
      <c r="ETD648" s="613"/>
      <c r="ETE648" s="613"/>
      <c r="ETF648" s="613"/>
      <c r="ETG648" s="613"/>
      <c r="ETH648" s="613"/>
      <c r="ETI648" s="613"/>
      <c r="ETJ648" s="613"/>
      <c r="ETK648" s="613"/>
      <c r="ETL648" s="613"/>
      <c r="ETM648" s="613"/>
      <c r="ETN648" s="613"/>
      <c r="ETO648" s="613"/>
      <c r="ETP648" s="613"/>
      <c r="ETQ648" s="613"/>
      <c r="ETR648" s="613"/>
      <c r="ETS648" s="613"/>
      <c r="ETT648" s="613"/>
      <c r="ETU648" s="613"/>
      <c r="ETV648" s="613"/>
      <c r="ETW648" s="613"/>
      <c r="ETX648" s="613"/>
      <c r="ETY648" s="613"/>
      <c r="ETZ648" s="613"/>
      <c r="EUA648" s="613"/>
      <c r="EUB648" s="613"/>
      <c r="EUC648" s="613"/>
      <c r="EUD648" s="613"/>
      <c r="EUE648" s="613"/>
      <c r="EUF648" s="613"/>
      <c r="EUG648" s="613"/>
      <c r="EUH648" s="613"/>
      <c r="EUI648" s="613"/>
      <c r="EUJ648" s="613"/>
      <c r="EUK648" s="613"/>
      <c r="EUL648" s="613"/>
      <c r="EUM648" s="613"/>
      <c r="EUN648" s="613"/>
      <c r="EUO648" s="613"/>
      <c r="EUP648" s="613"/>
      <c r="EUQ648" s="613"/>
      <c r="EUR648" s="613"/>
      <c r="EUS648" s="613"/>
      <c r="EUT648" s="613"/>
      <c r="EUU648" s="613"/>
      <c r="EUV648" s="613"/>
      <c r="EUW648" s="613"/>
      <c r="EUX648" s="613"/>
      <c r="EUY648" s="613"/>
      <c r="EUZ648" s="613"/>
      <c r="EVA648" s="613"/>
      <c r="EVB648" s="613"/>
      <c r="EVC648" s="613"/>
      <c r="EVD648" s="613"/>
      <c r="EVE648" s="613"/>
      <c r="EVF648" s="613"/>
      <c r="EVG648" s="613"/>
      <c r="EVH648" s="613"/>
      <c r="EVI648" s="613"/>
      <c r="EVJ648" s="613"/>
      <c r="EVK648" s="613"/>
      <c r="EVL648" s="613"/>
      <c r="EVM648" s="613"/>
      <c r="EVN648" s="613"/>
      <c r="EVO648" s="613"/>
      <c r="EVP648" s="613"/>
      <c r="EVQ648" s="613"/>
      <c r="EVR648" s="613"/>
      <c r="EVS648" s="613"/>
      <c r="EVT648" s="613"/>
      <c r="EVU648" s="613"/>
      <c r="EVV648" s="613"/>
      <c r="EVW648" s="613"/>
      <c r="EVX648" s="613"/>
      <c r="EVY648" s="613"/>
      <c r="EVZ648" s="613"/>
      <c r="EWA648" s="613"/>
      <c r="EWB648" s="613"/>
      <c r="EWC648" s="613"/>
      <c r="EWD648" s="613"/>
      <c r="EWE648" s="613"/>
      <c r="EWF648" s="613"/>
      <c r="EWG648" s="613"/>
      <c r="EWH648" s="613"/>
      <c r="EWI648" s="613"/>
      <c r="EWJ648" s="613"/>
      <c r="EWK648" s="613"/>
      <c r="EWL648" s="613"/>
      <c r="EWM648" s="613"/>
      <c r="EWN648" s="613"/>
      <c r="EWO648" s="613"/>
      <c r="EWP648" s="613"/>
      <c r="EWQ648" s="613"/>
      <c r="EWR648" s="613"/>
      <c r="EWS648" s="613"/>
      <c r="EWT648" s="613"/>
      <c r="EWU648" s="613"/>
      <c r="EWV648" s="613"/>
      <c r="EWW648" s="613"/>
      <c r="EWX648" s="613"/>
      <c r="EWY648" s="613"/>
      <c r="EWZ648" s="613"/>
      <c r="EXA648" s="613"/>
      <c r="EXB648" s="613"/>
      <c r="EXC648" s="613"/>
      <c r="EXD648" s="613"/>
      <c r="EXE648" s="613"/>
      <c r="EXF648" s="613"/>
      <c r="EXG648" s="613"/>
      <c r="EXH648" s="613"/>
      <c r="EXI648" s="613"/>
      <c r="EXJ648" s="613"/>
      <c r="EXK648" s="613"/>
      <c r="EXL648" s="613"/>
      <c r="EXM648" s="613"/>
      <c r="EXN648" s="613"/>
      <c r="EXO648" s="613"/>
      <c r="EXP648" s="613"/>
      <c r="EXQ648" s="613"/>
      <c r="EXR648" s="613"/>
      <c r="EXS648" s="613"/>
      <c r="EXT648" s="613"/>
      <c r="EXU648" s="613"/>
      <c r="EXV648" s="613"/>
      <c r="EXW648" s="613"/>
      <c r="EXX648" s="613"/>
      <c r="EXY648" s="613"/>
      <c r="EXZ648" s="613"/>
      <c r="EYA648" s="613"/>
      <c r="EYB648" s="613"/>
      <c r="EYC648" s="613"/>
      <c r="EYD648" s="613"/>
      <c r="EYE648" s="613"/>
      <c r="EYF648" s="613"/>
      <c r="EYG648" s="613"/>
      <c r="EYH648" s="613"/>
      <c r="EYI648" s="613"/>
      <c r="EYJ648" s="613"/>
      <c r="EYK648" s="613"/>
      <c r="EYL648" s="613"/>
      <c r="EYM648" s="613"/>
      <c r="EYN648" s="613"/>
      <c r="EYO648" s="613"/>
      <c r="EYP648" s="613"/>
      <c r="EYQ648" s="613"/>
      <c r="EYR648" s="613"/>
      <c r="EYS648" s="613"/>
      <c r="EYT648" s="613"/>
      <c r="EYU648" s="613"/>
      <c r="EYV648" s="613"/>
      <c r="EYW648" s="613"/>
      <c r="EYX648" s="613"/>
      <c r="EYY648" s="613"/>
      <c r="EYZ648" s="613"/>
      <c r="EZA648" s="613"/>
      <c r="EZB648" s="613"/>
      <c r="EZC648" s="613"/>
      <c r="EZD648" s="613"/>
      <c r="EZE648" s="613"/>
      <c r="EZF648" s="613"/>
      <c r="EZG648" s="613"/>
      <c r="EZH648" s="613"/>
      <c r="EZI648" s="613"/>
      <c r="EZJ648" s="613"/>
      <c r="EZK648" s="613"/>
      <c r="EZL648" s="613"/>
      <c r="EZM648" s="613"/>
      <c r="EZN648" s="613"/>
      <c r="EZO648" s="613"/>
      <c r="EZP648" s="613"/>
      <c r="EZQ648" s="613"/>
      <c r="EZR648" s="613"/>
      <c r="EZS648" s="613"/>
      <c r="EZT648" s="613"/>
      <c r="EZU648" s="613"/>
      <c r="EZV648" s="613"/>
      <c r="EZW648" s="613"/>
      <c r="EZX648" s="613"/>
      <c r="EZY648" s="613"/>
      <c r="EZZ648" s="613"/>
      <c r="FAA648" s="613"/>
      <c r="FAB648" s="613"/>
      <c r="FAC648" s="613"/>
      <c r="FAD648" s="613"/>
      <c r="FAE648" s="613"/>
      <c r="FAF648" s="613"/>
      <c r="FAG648" s="613"/>
      <c r="FAH648" s="613"/>
      <c r="FAI648" s="613"/>
      <c r="FAJ648" s="613"/>
      <c r="FAK648" s="613"/>
      <c r="FAL648" s="613"/>
      <c r="FAM648" s="613"/>
      <c r="FAN648" s="613"/>
      <c r="FAO648" s="613"/>
      <c r="FAP648" s="613"/>
      <c r="FAQ648" s="613"/>
      <c r="FAR648" s="613"/>
      <c r="FAS648" s="613"/>
      <c r="FAT648" s="613"/>
      <c r="FAU648" s="613"/>
      <c r="FAV648" s="613"/>
      <c r="FAW648" s="613"/>
      <c r="FAX648" s="613"/>
      <c r="FAY648" s="613"/>
      <c r="FAZ648" s="613"/>
      <c r="FBA648" s="613"/>
      <c r="FBB648" s="613"/>
      <c r="FBC648" s="613"/>
      <c r="FBD648" s="613"/>
      <c r="FBE648" s="613"/>
      <c r="FBF648" s="613"/>
      <c r="FBG648" s="613"/>
      <c r="FBH648" s="613"/>
      <c r="FBI648" s="613"/>
      <c r="FBJ648" s="613"/>
      <c r="FBK648" s="613"/>
      <c r="FBL648" s="613"/>
      <c r="FBM648" s="613"/>
      <c r="FBN648" s="613"/>
      <c r="FBO648" s="613"/>
      <c r="FBP648" s="613"/>
      <c r="FBQ648" s="613"/>
      <c r="FBR648" s="613"/>
      <c r="FBS648" s="613"/>
      <c r="FBT648" s="613"/>
      <c r="FBU648" s="613"/>
      <c r="FBV648" s="613"/>
      <c r="FBW648" s="613"/>
      <c r="FBX648" s="613"/>
      <c r="FBY648" s="613"/>
      <c r="FBZ648" s="613"/>
      <c r="FCA648" s="613"/>
      <c r="FCB648" s="613"/>
      <c r="FCC648" s="613"/>
      <c r="FCD648" s="613"/>
      <c r="FCE648" s="613"/>
      <c r="FCF648" s="613"/>
      <c r="FCG648" s="613"/>
      <c r="FCH648" s="613"/>
      <c r="FCI648" s="613"/>
      <c r="FCJ648" s="613"/>
      <c r="FCK648" s="613"/>
      <c r="FCL648" s="613"/>
      <c r="FCM648" s="613"/>
      <c r="FCN648" s="613"/>
      <c r="FCO648" s="613"/>
      <c r="FCP648" s="613"/>
      <c r="FCQ648" s="613"/>
      <c r="FCR648" s="613"/>
      <c r="FCS648" s="613"/>
      <c r="FCT648" s="613"/>
      <c r="FCU648" s="613"/>
      <c r="FCV648" s="613"/>
      <c r="FCW648" s="613"/>
      <c r="FCX648" s="613"/>
      <c r="FCY648" s="613"/>
      <c r="FCZ648" s="613"/>
      <c r="FDA648" s="613"/>
      <c r="FDB648" s="613"/>
      <c r="FDC648" s="613"/>
      <c r="FDD648" s="613"/>
      <c r="FDE648" s="613"/>
      <c r="FDF648" s="613"/>
      <c r="FDG648" s="613"/>
      <c r="FDH648" s="613"/>
      <c r="FDI648" s="613"/>
      <c r="FDJ648" s="613"/>
      <c r="FDK648" s="613"/>
      <c r="FDL648" s="613"/>
      <c r="FDM648" s="613"/>
      <c r="FDN648" s="613"/>
      <c r="FDO648" s="613"/>
      <c r="FDP648" s="613"/>
      <c r="FDQ648" s="613"/>
      <c r="FDR648" s="613"/>
      <c r="FDS648" s="613"/>
      <c r="FDT648" s="613"/>
      <c r="FDU648" s="613"/>
      <c r="FDV648" s="613"/>
      <c r="FDW648" s="613"/>
      <c r="FDX648" s="613"/>
      <c r="FDY648" s="613"/>
      <c r="FDZ648" s="613"/>
      <c r="FEA648" s="613"/>
      <c r="FEB648" s="613"/>
      <c r="FEC648" s="613"/>
      <c r="FED648" s="613"/>
      <c r="FEE648" s="613"/>
      <c r="FEF648" s="613"/>
      <c r="FEG648" s="613"/>
      <c r="FEH648" s="613"/>
      <c r="FEI648" s="613"/>
      <c r="FEJ648" s="613"/>
      <c r="FEK648" s="613"/>
      <c r="FEL648" s="613"/>
      <c r="FEM648" s="613"/>
      <c r="FEN648" s="613"/>
      <c r="FEO648" s="613"/>
      <c r="FEP648" s="613"/>
      <c r="FEQ648" s="613"/>
      <c r="FER648" s="613"/>
      <c r="FES648" s="613"/>
      <c r="FET648" s="613"/>
      <c r="FEU648" s="613"/>
      <c r="FEV648" s="613"/>
      <c r="FEW648" s="613"/>
      <c r="FEX648" s="613"/>
      <c r="FEY648" s="613"/>
      <c r="FEZ648" s="613"/>
      <c r="FFA648" s="613"/>
      <c r="FFB648" s="613"/>
      <c r="FFC648" s="613"/>
      <c r="FFD648" s="613"/>
      <c r="FFE648" s="613"/>
      <c r="FFF648" s="613"/>
      <c r="FFG648" s="613"/>
      <c r="FFH648" s="613"/>
      <c r="FFI648" s="613"/>
      <c r="FFJ648" s="613"/>
      <c r="FFK648" s="613"/>
      <c r="FFL648" s="613"/>
      <c r="FFM648" s="613"/>
      <c r="FFN648" s="613"/>
      <c r="FFO648" s="613"/>
      <c r="FFP648" s="613"/>
      <c r="FFQ648" s="613"/>
      <c r="FFR648" s="613"/>
      <c r="FFS648" s="613"/>
      <c r="FFT648" s="613"/>
      <c r="FFU648" s="613"/>
      <c r="FFV648" s="613"/>
      <c r="FFW648" s="613"/>
      <c r="FFX648" s="613"/>
      <c r="FFY648" s="613"/>
      <c r="FFZ648" s="613"/>
      <c r="FGA648" s="613"/>
      <c r="FGB648" s="613"/>
      <c r="FGC648" s="613"/>
      <c r="FGD648" s="613"/>
      <c r="FGE648" s="613"/>
      <c r="FGF648" s="613"/>
      <c r="FGG648" s="613"/>
      <c r="FGH648" s="613"/>
      <c r="FGI648" s="613"/>
      <c r="FGJ648" s="613"/>
      <c r="FGK648" s="613"/>
      <c r="FGL648" s="613"/>
      <c r="FGM648" s="613"/>
      <c r="FGN648" s="613"/>
      <c r="FGO648" s="613"/>
      <c r="FGP648" s="613"/>
      <c r="FGQ648" s="613"/>
      <c r="FGR648" s="613"/>
      <c r="FGS648" s="613"/>
      <c r="FGT648" s="613"/>
      <c r="FGU648" s="613"/>
      <c r="FGV648" s="613"/>
      <c r="FGW648" s="613"/>
      <c r="FGX648" s="613"/>
      <c r="FGY648" s="613"/>
      <c r="FGZ648" s="613"/>
      <c r="FHA648" s="613"/>
      <c r="FHB648" s="613"/>
      <c r="FHC648" s="613"/>
      <c r="FHD648" s="613"/>
      <c r="FHE648" s="613"/>
      <c r="FHF648" s="613"/>
      <c r="FHG648" s="613"/>
      <c r="FHH648" s="613"/>
      <c r="FHI648" s="613"/>
      <c r="FHJ648" s="613"/>
      <c r="FHK648" s="613"/>
      <c r="FHL648" s="613"/>
      <c r="FHM648" s="613"/>
      <c r="FHN648" s="613"/>
      <c r="FHO648" s="613"/>
      <c r="FHP648" s="613"/>
      <c r="FHQ648" s="613"/>
      <c r="FHR648" s="613"/>
      <c r="FHS648" s="613"/>
      <c r="FHT648" s="613"/>
      <c r="FHU648" s="613"/>
      <c r="FHV648" s="613"/>
      <c r="FHW648" s="613"/>
      <c r="FHX648" s="613"/>
      <c r="FHY648" s="613"/>
      <c r="FHZ648" s="613"/>
      <c r="FIA648" s="613"/>
      <c r="FIB648" s="613"/>
      <c r="FIC648" s="613"/>
      <c r="FID648" s="613"/>
      <c r="FIE648" s="613"/>
      <c r="FIF648" s="613"/>
      <c r="FIG648" s="613"/>
      <c r="FIH648" s="613"/>
      <c r="FII648" s="613"/>
      <c r="FIJ648" s="613"/>
      <c r="FIK648" s="613"/>
      <c r="FIL648" s="613"/>
      <c r="FIM648" s="613"/>
      <c r="FIN648" s="613"/>
      <c r="FIO648" s="613"/>
      <c r="FIP648" s="613"/>
      <c r="FIQ648" s="613"/>
      <c r="FIR648" s="613"/>
      <c r="FIS648" s="613"/>
      <c r="FIT648" s="613"/>
      <c r="FIU648" s="613"/>
      <c r="FIV648" s="613"/>
      <c r="FIW648" s="613"/>
      <c r="FIX648" s="613"/>
      <c r="FIY648" s="613"/>
      <c r="FIZ648" s="613"/>
      <c r="FJA648" s="613"/>
      <c r="FJB648" s="613"/>
      <c r="FJC648" s="613"/>
      <c r="FJD648" s="613"/>
      <c r="FJE648" s="613"/>
      <c r="FJF648" s="613"/>
      <c r="FJG648" s="613"/>
      <c r="FJH648" s="613"/>
      <c r="FJI648" s="613"/>
      <c r="FJJ648" s="613"/>
      <c r="FJK648" s="613"/>
      <c r="FJL648" s="613"/>
      <c r="FJM648" s="613"/>
      <c r="FJN648" s="613"/>
      <c r="FJO648" s="613"/>
      <c r="FJP648" s="613"/>
      <c r="FJQ648" s="613"/>
      <c r="FJR648" s="613"/>
      <c r="FJS648" s="613"/>
      <c r="FJT648" s="613"/>
      <c r="FJU648" s="613"/>
      <c r="FJV648" s="613"/>
      <c r="FJW648" s="613"/>
      <c r="FJX648" s="613"/>
      <c r="FJY648" s="613"/>
      <c r="FJZ648" s="613"/>
      <c r="FKA648" s="613"/>
      <c r="FKB648" s="613"/>
      <c r="FKC648" s="613"/>
      <c r="FKD648" s="613"/>
      <c r="FKE648" s="613"/>
      <c r="FKF648" s="613"/>
      <c r="FKG648" s="613"/>
      <c r="FKH648" s="613"/>
      <c r="FKI648" s="613"/>
      <c r="FKJ648" s="613"/>
      <c r="FKK648" s="613"/>
      <c r="FKL648" s="613"/>
      <c r="FKM648" s="613"/>
      <c r="FKN648" s="613"/>
      <c r="FKO648" s="613"/>
      <c r="FKP648" s="613"/>
      <c r="FKQ648" s="613"/>
      <c r="FKR648" s="613"/>
      <c r="FKS648" s="613"/>
      <c r="FKT648" s="613"/>
      <c r="FKU648" s="613"/>
      <c r="FKV648" s="613"/>
      <c r="FKW648" s="613"/>
      <c r="FKX648" s="613"/>
      <c r="FKY648" s="613"/>
      <c r="FKZ648" s="613"/>
      <c r="FLA648" s="613"/>
      <c r="FLB648" s="613"/>
      <c r="FLC648" s="613"/>
      <c r="FLD648" s="613"/>
      <c r="FLE648" s="613"/>
      <c r="FLF648" s="613"/>
      <c r="FLG648" s="613"/>
      <c r="FLH648" s="613"/>
      <c r="FLI648" s="613"/>
      <c r="FLJ648" s="613"/>
      <c r="FLK648" s="613"/>
      <c r="FLL648" s="613"/>
      <c r="FLM648" s="613"/>
      <c r="FLN648" s="613"/>
      <c r="FLO648" s="613"/>
      <c r="FLP648" s="613"/>
      <c r="FLQ648" s="613"/>
      <c r="FLR648" s="613"/>
      <c r="FLS648" s="613"/>
      <c r="FLT648" s="613"/>
      <c r="FLU648" s="613"/>
      <c r="FLV648" s="613"/>
      <c r="FLW648" s="613"/>
      <c r="FLX648" s="613"/>
      <c r="FLY648" s="613"/>
      <c r="FLZ648" s="613"/>
      <c r="FMA648" s="613"/>
      <c r="FMB648" s="613"/>
      <c r="FMC648" s="613"/>
      <c r="FMD648" s="613"/>
      <c r="FME648" s="613"/>
      <c r="FMF648" s="613"/>
      <c r="FMG648" s="613"/>
      <c r="FMH648" s="613"/>
      <c r="FMI648" s="613"/>
      <c r="FMJ648" s="613"/>
      <c r="FMK648" s="613"/>
      <c r="FML648" s="613"/>
      <c r="FMM648" s="613"/>
      <c r="FMN648" s="613"/>
      <c r="FMO648" s="613"/>
      <c r="FMP648" s="613"/>
      <c r="FMQ648" s="613"/>
      <c r="FMR648" s="613"/>
      <c r="FMS648" s="613"/>
      <c r="FMT648" s="613"/>
      <c r="FMU648" s="613"/>
      <c r="FMV648" s="613"/>
      <c r="FMW648" s="613"/>
      <c r="FMX648" s="613"/>
      <c r="FMY648" s="613"/>
      <c r="FMZ648" s="613"/>
      <c r="FNA648" s="613"/>
      <c r="FNB648" s="613"/>
      <c r="FNC648" s="613"/>
      <c r="FND648" s="613"/>
      <c r="FNE648" s="613"/>
      <c r="FNF648" s="613"/>
      <c r="FNG648" s="613"/>
      <c r="FNH648" s="613"/>
      <c r="FNI648" s="613"/>
      <c r="FNJ648" s="613"/>
      <c r="FNK648" s="613"/>
      <c r="FNL648" s="613"/>
      <c r="FNM648" s="613"/>
      <c r="FNN648" s="613"/>
      <c r="FNO648" s="613"/>
      <c r="FNP648" s="613"/>
      <c r="FNQ648" s="613"/>
      <c r="FNR648" s="613"/>
      <c r="FNS648" s="613"/>
      <c r="FNT648" s="613"/>
      <c r="FNU648" s="613"/>
      <c r="FNV648" s="613"/>
      <c r="FNW648" s="613"/>
      <c r="FNX648" s="613"/>
      <c r="FNY648" s="613"/>
      <c r="FNZ648" s="613"/>
      <c r="FOA648" s="613"/>
      <c r="FOB648" s="613"/>
      <c r="FOC648" s="613"/>
      <c r="FOD648" s="613"/>
      <c r="FOE648" s="613"/>
      <c r="FOF648" s="613"/>
      <c r="FOG648" s="613"/>
      <c r="FOH648" s="613"/>
      <c r="FOI648" s="613"/>
      <c r="FOJ648" s="613"/>
      <c r="FOK648" s="613"/>
      <c r="FOL648" s="613"/>
      <c r="FOM648" s="613"/>
      <c r="FON648" s="613"/>
      <c r="FOO648" s="613"/>
      <c r="FOP648" s="613"/>
      <c r="FOQ648" s="613"/>
      <c r="FOR648" s="613"/>
      <c r="FOS648" s="613"/>
      <c r="FOT648" s="613"/>
      <c r="FOU648" s="613"/>
      <c r="FOV648" s="613"/>
      <c r="FOW648" s="613"/>
      <c r="FOX648" s="613"/>
      <c r="FOY648" s="613"/>
      <c r="FOZ648" s="613"/>
      <c r="FPA648" s="613"/>
      <c r="FPB648" s="613"/>
      <c r="FPC648" s="613"/>
      <c r="FPD648" s="613"/>
      <c r="FPE648" s="613"/>
      <c r="FPF648" s="613"/>
      <c r="FPG648" s="613"/>
      <c r="FPH648" s="613"/>
      <c r="FPI648" s="613"/>
      <c r="FPJ648" s="613"/>
      <c r="FPK648" s="613"/>
      <c r="FPL648" s="613"/>
      <c r="FPM648" s="613"/>
      <c r="FPN648" s="613"/>
      <c r="FPO648" s="613"/>
      <c r="FPP648" s="613"/>
      <c r="FPQ648" s="613"/>
      <c r="FPR648" s="613"/>
      <c r="FPS648" s="613"/>
      <c r="FPT648" s="613"/>
      <c r="FPU648" s="613"/>
      <c r="FPV648" s="613"/>
      <c r="FPW648" s="613"/>
      <c r="FPX648" s="613"/>
      <c r="FPY648" s="613"/>
      <c r="FPZ648" s="613"/>
      <c r="FQA648" s="613"/>
      <c r="FQB648" s="613"/>
      <c r="FQC648" s="613"/>
      <c r="FQD648" s="613"/>
      <c r="FQE648" s="613"/>
      <c r="FQF648" s="613"/>
      <c r="FQG648" s="613"/>
      <c r="FQH648" s="613"/>
      <c r="FQI648" s="613"/>
      <c r="FQJ648" s="613"/>
      <c r="FQK648" s="613"/>
      <c r="FQL648" s="613"/>
      <c r="FQM648" s="613"/>
      <c r="FQN648" s="613"/>
      <c r="FQO648" s="613"/>
      <c r="FQP648" s="613"/>
      <c r="FQQ648" s="613"/>
      <c r="FQR648" s="613"/>
      <c r="FQS648" s="613"/>
      <c r="FQT648" s="613"/>
      <c r="FQU648" s="613"/>
      <c r="FQV648" s="613"/>
      <c r="FQW648" s="613"/>
      <c r="FQX648" s="613"/>
      <c r="FQY648" s="613"/>
      <c r="FQZ648" s="613"/>
      <c r="FRA648" s="613"/>
      <c r="FRB648" s="613"/>
      <c r="FRC648" s="613"/>
      <c r="FRD648" s="613"/>
      <c r="FRE648" s="613"/>
      <c r="FRF648" s="613"/>
      <c r="FRG648" s="613"/>
      <c r="FRH648" s="613"/>
      <c r="FRI648" s="613"/>
      <c r="FRJ648" s="613"/>
      <c r="FRK648" s="613"/>
      <c r="FRL648" s="613"/>
      <c r="FRM648" s="613"/>
      <c r="FRN648" s="613"/>
      <c r="FRO648" s="613"/>
      <c r="FRP648" s="613"/>
      <c r="FRQ648" s="613"/>
      <c r="FRR648" s="613"/>
      <c r="FRS648" s="613"/>
      <c r="FRT648" s="613"/>
      <c r="FRU648" s="613"/>
      <c r="FRV648" s="613"/>
      <c r="FRW648" s="613"/>
      <c r="FRX648" s="613"/>
      <c r="FRY648" s="613"/>
      <c r="FRZ648" s="613"/>
      <c r="FSA648" s="613"/>
      <c r="FSB648" s="613"/>
      <c r="FSC648" s="613"/>
      <c r="FSD648" s="613"/>
      <c r="FSE648" s="613"/>
      <c r="FSF648" s="613"/>
      <c r="FSG648" s="613"/>
      <c r="FSH648" s="613"/>
      <c r="FSI648" s="613"/>
      <c r="FSJ648" s="613"/>
      <c r="FSK648" s="613"/>
      <c r="FSL648" s="613"/>
      <c r="FSM648" s="613"/>
      <c r="FSN648" s="613"/>
      <c r="FSO648" s="613"/>
      <c r="FSP648" s="613"/>
      <c r="FSQ648" s="613"/>
      <c r="FSR648" s="613"/>
      <c r="FSS648" s="613"/>
      <c r="FST648" s="613"/>
      <c r="FSU648" s="613"/>
      <c r="FSV648" s="613"/>
      <c r="FSW648" s="613"/>
      <c r="FSX648" s="613"/>
      <c r="FSY648" s="613"/>
      <c r="FSZ648" s="613"/>
      <c r="FTA648" s="613"/>
      <c r="FTB648" s="613"/>
      <c r="FTC648" s="613"/>
      <c r="FTD648" s="613"/>
      <c r="FTE648" s="613"/>
      <c r="FTF648" s="613"/>
      <c r="FTG648" s="613"/>
      <c r="FTH648" s="613"/>
      <c r="FTI648" s="613"/>
      <c r="FTJ648" s="613"/>
      <c r="FTK648" s="613"/>
      <c r="FTL648" s="613"/>
      <c r="FTM648" s="613"/>
      <c r="FTN648" s="613"/>
      <c r="FTO648" s="613"/>
      <c r="FTP648" s="613"/>
      <c r="FTQ648" s="613"/>
      <c r="FTR648" s="613"/>
      <c r="FTS648" s="613"/>
      <c r="FTT648" s="613"/>
      <c r="FTU648" s="613"/>
      <c r="FTV648" s="613"/>
      <c r="FTW648" s="613"/>
      <c r="FTX648" s="613"/>
      <c r="FTY648" s="613"/>
      <c r="FTZ648" s="613"/>
      <c r="FUA648" s="613"/>
      <c r="FUB648" s="613"/>
      <c r="FUC648" s="613"/>
      <c r="FUD648" s="613"/>
      <c r="FUE648" s="613"/>
      <c r="FUF648" s="613"/>
      <c r="FUG648" s="613"/>
      <c r="FUH648" s="613"/>
      <c r="FUI648" s="613"/>
      <c r="FUJ648" s="613"/>
      <c r="FUK648" s="613"/>
      <c r="FUL648" s="613"/>
      <c r="FUM648" s="613"/>
      <c r="FUN648" s="613"/>
      <c r="FUO648" s="613"/>
      <c r="FUP648" s="613"/>
      <c r="FUQ648" s="613"/>
      <c r="FUR648" s="613"/>
      <c r="FUS648" s="613"/>
      <c r="FUT648" s="613"/>
      <c r="FUU648" s="613"/>
      <c r="FUV648" s="613"/>
      <c r="FUW648" s="613"/>
      <c r="FUX648" s="613"/>
      <c r="FUY648" s="613"/>
      <c r="FUZ648" s="613"/>
      <c r="FVA648" s="613"/>
      <c r="FVB648" s="613"/>
      <c r="FVC648" s="613"/>
      <c r="FVD648" s="613"/>
      <c r="FVE648" s="613"/>
      <c r="FVF648" s="613"/>
      <c r="FVG648" s="613"/>
      <c r="FVH648" s="613"/>
      <c r="FVI648" s="613"/>
      <c r="FVJ648" s="613"/>
      <c r="FVK648" s="613"/>
      <c r="FVL648" s="613"/>
      <c r="FVM648" s="613"/>
      <c r="FVN648" s="613"/>
      <c r="FVO648" s="613"/>
      <c r="FVP648" s="613"/>
      <c r="FVQ648" s="613"/>
      <c r="FVR648" s="613"/>
      <c r="FVS648" s="613"/>
      <c r="FVT648" s="613"/>
      <c r="FVU648" s="613"/>
      <c r="FVV648" s="613"/>
      <c r="FVW648" s="613"/>
      <c r="FVX648" s="613"/>
      <c r="FVY648" s="613"/>
      <c r="FVZ648" s="613"/>
      <c r="FWA648" s="613"/>
      <c r="FWB648" s="613"/>
      <c r="FWC648" s="613"/>
      <c r="FWD648" s="613"/>
      <c r="FWE648" s="613"/>
      <c r="FWF648" s="613"/>
      <c r="FWG648" s="613"/>
      <c r="FWH648" s="613"/>
      <c r="FWI648" s="613"/>
      <c r="FWJ648" s="613"/>
      <c r="FWK648" s="613"/>
      <c r="FWL648" s="613"/>
      <c r="FWM648" s="613"/>
      <c r="FWN648" s="613"/>
      <c r="FWO648" s="613"/>
      <c r="FWP648" s="613"/>
      <c r="FWQ648" s="613"/>
      <c r="FWR648" s="613"/>
      <c r="FWS648" s="613"/>
      <c r="FWT648" s="613"/>
      <c r="FWU648" s="613"/>
      <c r="FWV648" s="613"/>
      <c r="FWW648" s="613"/>
      <c r="FWX648" s="613"/>
      <c r="FWY648" s="613"/>
      <c r="FWZ648" s="613"/>
      <c r="FXA648" s="613"/>
      <c r="FXB648" s="613"/>
      <c r="FXC648" s="613"/>
      <c r="FXD648" s="613"/>
      <c r="FXE648" s="613"/>
      <c r="FXF648" s="613"/>
      <c r="FXG648" s="613"/>
      <c r="FXH648" s="613"/>
      <c r="FXI648" s="613"/>
      <c r="FXJ648" s="613"/>
      <c r="FXK648" s="613"/>
      <c r="FXL648" s="613"/>
      <c r="FXM648" s="613"/>
      <c r="FXN648" s="613"/>
      <c r="FXO648" s="613"/>
      <c r="FXP648" s="613"/>
      <c r="FXQ648" s="613"/>
      <c r="FXR648" s="613"/>
      <c r="FXS648" s="613"/>
      <c r="FXT648" s="613"/>
      <c r="FXU648" s="613"/>
      <c r="FXV648" s="613"/>
      <c r="FXW648" s="613"/>
      <c r="FXX648" s="613"/>
      <c r="FXY648" s="613"/>
      <c r="FXZ648" s="613"/>
      <c r="FYA648" s="613"/>
      <c r="FYB648" s="613"/>
      <c r="FYC648" s="613"/>
      <c r="FYD648" s="613"/>
      <c r="FYE648" s="613"/>
      <c r="FYF648" s="613"/>
      <c r="FYG648" s="613"/>
      <c r="FYH648" s="613"/>
      <c r="FYI648" s="613"/>
      <c r="FYJ648" s="613"/>
      <c r="FYK648" s="613"/>
      <c r="FYL648" s="613"/>
      <c r="FYM648" s="613"/>
      <c r="FYN648" s="613"/>
      <c r="FYO648" s="613"/>
      <c r="FYP648" s="613"/>
      <c r="FYQ648" s="613"/>
      <c r="FYR648" s="613"/>
      <c r="FYS648" s="613"/>
      <c r="FYT648" s="613"/>
      <c r="FYU648" s="613"/>
      <c r="FYV648" s="613"/>
      <c r="FYW648" s="613"/>
      <c r="FYX648" s="613"/>
      <c r="FYY648" s="613"/>
      <c r="FYZ648" s="613"/>
      <c r="FZA648" s="613"/>
      <c r="FZB648" s="613"/>
      <c r="FZC648" s="613"/>
      <c r="FZD648" s="613"/>
      <c r="FZE648" s="613"/>
      <c r="FZF648" s="613"/>
      <c r="FZG648" s="613"/>
      <c r="FZH648" s="613"/>
      <c r="FZI648" s="613"/>
      <c r="FZJ648" s="613"/>
      <c r="FZK648" s="613"/>
      <c r="FZL648" s="613"/>
      <c r="FZM648" s="613"/>
      <c r="FZN648" s="613"/>
      <c r="FZO648" s="613"/>
      <c r="FZP648" s="613"/>
      <c r="FZQ648" s="613"/>
      <c r="FZR648" s="613"/>
      <c r="FZS648" s="613"/>
      <c r="FZT648" s="613"/>
      <c r="FZU648" s="613"/>
      <c r="FZV648" s="613"/>
      <c r="FZW648" s="613"/>
      <c r="FZX648" s="613"/>
      <c r="FZY648" s="613"/>
      <c r="FZZ648" s="613"/>
      <c r="GAA648" s="613"/>
      <c r="GAB648" s="613"/>
      <c r="GAC648" s="613"/>
      <c r="GAD648" s="613"/>
      <c r="GAE648" s="613"/>
      <c r="GAF648" s="613"/>
      <c r="GAG648" s="613"/>
      <c r="GAH648" s="613"/>
      <c r="GAI648" s="613"/>
      <c r="GAJ648" s="613"/>
      <c r="GAK648" s="613"/>
      <c r="GAL648" s="613"/>
      <c r="GAM648" s="613"/>
      <c r="GAN648" s="613"/>
      <c r="GAO648" s="613"/>
      <c r="GAP648" s="613"/>
      <c r="GAQ648" s="613"/>
      <c r="GAR648" s="613"/>
      <c r="GAS648" s="613"/>
      <c r="GAT648" s="613"/>
      <c r="GAU648" s="613"/>
      <c r="GAV648" s="613"/>
      <c r="GAW648" s="613"/>
      <c r="GAX648" s="613"/>
      <c r="GAY648" s="613"/>
      <c r="GAZ648" s="613"/>
      <c r="GBA648" s="613"/>
      <c r="GBB648" s="613"/>
      <c r="GBC648" s="613"/>
      <c r="GBD648" s="613"/>
      <c r="GBE648" s="613"/>
      <c r="GBF648" s="613"/>
      <c r="GBG648" s="613"/>
      <c r="GBH648" s="613"/>
      <c r="GBI648" s="613"/>
      <c r="GBJ648" s="613"/>
      <c r="GBK648" s="613"/>
      <c r="GBL648" s="613"/>
      <c r="GBM648" s="613"/>
      <c r="GBN648" s="613"/>
      <c r="GBO648" s="613"/>
      <c r="GBP648" s="613"/>
      <c r="GBQ648" s="613"/>
      <c r="GBR648" s="613"/>
      <c r="GBS648" s="613"/>
      <c r="GBT648" s="613"/>
      <c r="GBU648" s="613"/>
      <c r="GBV648" s="613"/>
      <c r="GBW648" s="613"/>
      <c r="GBX648" s="613"/>
      <c r="GBY648" s="613"/>
      <c r="GBZ648" s="613"/>
      <c r="GCA648" s="613"/>
      <c r="GCB648" s="613"/>
      <c r="GCC648" s="613"/>
      <c r="GCD648" s="613"/>
      <c r="GCE648" s="613"/>
      <c r="GCF648" s="613"/>
      <c r="GCG648" s="613"/>
      <c r="GCH648" s="613"/>
      <c r="GCI648" s="613"/>
      <c r="GCJ648" s="613"/>
      <c r="GCK648" s="613"/>
      <c r="GCL648" s="613"/>
      <c r="GCM648" s="613"/>
      <c r="GCN648" s="613"/>
      <c r="GCO648" s="613"/>
      <c r="GCP648" s="613"/>
      <c r="GCQ648" s="613"/>
      <c r="GCR648" s="613"/>
      <c r="GCS648" s="613"/>
      <c r="GCT648" s="613"/>
      <c r="GCU648" s="613"/>
      <c r="GCV648" s="613"/>
      <c r="GCW648" s="613"/>
      <c r="GCX648" s="613"/>
      <c r="GCY648" s="613"/>
      <c r="GCZ648" s="613"/>
      <c r="GDA648" s="613"/>
      <c r="GDB648" s="613"/>
      <c r="GDC648" s="613"/>
      <c r="GDD648" s="613"/>
      <c r="GDE648" s="613"/>
      <c r="GDF648" s="613"/>
      <c r="GDG648" s="613"/>
      <c r="GDH648" s="613"/>
      <c r="GDI648" s="613"/>
      <c r="GDJ648" s="613"/>
      <c r="GDK648" s="613"/>
      <c r="GDL648" s="613"/>
      <c r="GDM648" s="613"/>
      <c r="GDN648" s="613"/>
      <c r="GDO648" s="613"/>
      <c r="GDP648" s="613"/>
      <c r="GDQ648" s="613"/>
      <c r="GDR648" s="613"/>
      <c r="GDS648" s="613"/>
      <c r="GDT648" s="613"/>
      <c r="GDU648" s="613"/>
      <c r="GDV648" s="613"/>
      <c r="GDW648" s="613"/>
      <c r="GDX648" s="613"/>
      <c r="GDY648" s="613"/>
      <c r="GDZ648" s="613"/>
      <c r="GEA648" s="613"/>
      <c r="GEB648" s="613"/>
      <c r="GEC648" s="613"/>
      <c r="GED648" s="613"/>
      <c r="GEE648" s="613"/>
      <c r="GEF648" s="613"/>
      <c r="GEG648" s="613"/>
      <c r="GEH648" s="613"/>
      <c r="GEI648" s="613"/>
      <c r="GEJ648" s="613"/>
      <c r="GEK648" s="613"/>
      <c r="GEL648" s="613"/>
      <c r="GEM648" s="613"/>
      <c r="GEN648" s="613"/>
      <c r="GEO648" s="613"/>
      <c r="GEP648" s="613"/>
      <c r="GEQ648" s="613"/>
      <c r="GER648" s="613"/>
      <c r="GES648" s="613"/>
      <c r="GET648" s="613"/>
      <c r="GEU648" s="613"/>
      <c r="GEV648" s="613"/>
      <c r="GEW648" s="613"/>
      <c r="GEX648" s="613"/>
      <c r="GEY648" s="613"/>
      <c r="GEZ648" s="613"/>
      <c r="GFA648" s="613"/>
      <c r="GFB648" s="613"/>
      <c r="GFC648" s="613"/>
      <c r="GFD648" s="613"/>
      <c r="GFE648" s="613"/>
      <c r="GFF648" s="613"/>
      <c r="GFG648" s="613"/>
      <c r="GFH648" s="613"/>
      <c r="GFI648" s="613"/>
      <c r="GFJ648" s="613"/>
      <c r="GFK648" s="613"/>
      <c r="GFL648" s="613"/>
      <c r="GFM648" s="613"/>
      <c r="GFN648" s="613"/>
      <c r="GFO648" s="613"/>
      <c r="GFP648" s="613"/>
      <c r="GFQ648" s="613"/>
      <c r="GFR648" s="613"/>
      <c r="GFS648" s="613"/>
      <c r="GFT648" s="613"/>
      <c r="GFU648" s="613"/>
      <c r="GFV648" s="613"/>
      <c r="GFW648" s="613"/>
      <c r="GFX648" s="613"/>
      <c r="GFY648" s="613"/>
      <c r="GFZ648" s="613"/>
      <c r="GGA648" s="613"/>
      <c r="GGB648" s="613"/>
      <c r="GGC648" s="613"/>
      <c r="GGD648" s="613"/>
      <c r="GGE648" s="613"/>
      <c r="GGF648" s="613"/>
      <c r="GGG648" s="613"/>
      <c r="GGH648" s="613"/>
      <c r="GGI648" s="613"/>
      <c r="GGJ648" s="613"/>
      <c r="GGK648" s="613"/>
      <c r="GGL648" s="613"/>
      <c r="GGM648" s="613"/>
      <c r="GGN648" s="613"/>
      <c r="GGO648" s="613"/>
      <c r="GGP648" s="613"/>
      <c r="GGQ648" s="613"/>
      <c r="GGR648" s="613"/>
      <c r="GGS648" s="613"/>
      <c r="GGT648" s="613"/>
      <c r="GGU648" s="613"/>
      <c r="GGV648" s="613"/>
      <c r="GGW648" s="613"/>
      <c r="GGX648" s="613"/>
      <c r="GGY648" s="613"/>
      <c r="GGZ648" s="613"/>
      <c r="GHA648" s="613"/>
      <c r="GHB648" s="613"/>
      <c r="GHC648" s="613"/>
      <c r="GHD648" s="613"/>
      <c r="GHE648" s="613"/>
      <c r="GHF648" s="613"/>
      <c r="GHG648" s="613"/>
      <c r="GHH648" s="613"/>
      <c r="GHI648" s="613"/>
      <c r="GHJ648" s="613"/>
      <c r="GHK648" s="613"/>
      <c r="GHL648" s="613"/>
      <c r="GHM648" s="613"/>
      <c r="GHN648" s="613"/>
      <c r="GHO648" s="613"/>
      <c r="GHP648" s="613"/>
      <c r="GHQ648" s="613"/>
      <c r="GHR648" s="613"/>
      <c r="GHS648" s="613"/>
      <c r="GHT648" s="613"/>
      <c r="GHU648" s="613"/>
      <c r="GHV648" s="613"/>
      <c r="GHW648" s="613"/>
      <c r="GHX648" s="613"/>
      <c r="GHY648" s="613"/>
      <c r="GHZ648" s="613"/>
      <c r="GIA648" s="613"/>
      <c r="GIB648" s="613"/>
      <c r="GIC648" s="613"/>
      <c r="GID648" s="613"/>
      <c r="GIE648" s="613"/>
      <c r="GIF648" s="613"/>
      <c r="GIG648" s="613"/>
      <c r="GIH648" s="613"/>
      <c r="GII648" s="613"/>
      <c r="GIJ648" s="613"/>
      <c r="GIK648" s="613"/>
      <c r="GIL648" s="613"/>
      <c r="GIM648" s="613"/>
      <c r="GIN648" s="613"/>
      <c r="GIO648" s="613"/>
      <c r="GIP648" s="613"/>
      <c r="GIQ648" s="613"/>
      <c r="GIR648" s="613"/>
      <c r="GIS648" s="613"/>
      <c r="GIT648" s="613"/>
      <c r="GIU648" s="613"/>
      <c r="GIV648" s="613"/>
      <c r="GIW648" s="613"/>
      <c r="GIX648" s="613"/>
      <c r="GIY648" s="613"/>
      <c r="GIZ648" s="613"/>
      <c r="GJA648" s="613"/>
      <c r="GJB648" s="613"/>
      <c r="GJC648" s="613"/>
      <c r="GJD648" s="613"/>
      <c r="GJE648" s="613"/>
      <c r="GJF648" s="613"/>
      <c r="GJG648" s="613"/>
      <c r="GJH648" s="613"/>
      <c r="GJI648" s="613"/>
      <c r="GJJ648" s="613"/>
      <c r="GJK648" s="613"/>
      <c r="GJL648" s="613"/>
      <c r="GJM648" s="613"/>
      <c r="GJN648" s="613"/>
      <c r="GJO648" s="613"/>
      <c r="GJP648" s="613"/>
      <c r="GJQ648" s="613"/>
      <c r="GJR648" s="613"/>
      <c r="GJS648" s="613"/>
      <c r="GJT648" s="613"/>
      <c r="GJU648" s="613"/>
      <c r="GJV648" s="613"/>
      <c r="GJW648" s="613"/>
      <c r="GJX648" s="613"/>
      <c r="GJY648" s="613"/>
      <c r="GJZ648" s="613"/>
      <c r="GKA648" s="613"/>
      <c r="GKB648" s="613"/>
      <c r="GKC648" s="613"/>
      <c r="GKD648" s="613"/>
      <c r="GKE648" s="613"/>
      <c r="GKF648" s="613"/>
      <c r="GKG648" s="613"/>
      <c r="GKH648" s="613"/>
      <c r="GKI648" s="613"/>
      <c r="GKJ648" s="613"/>
      <c r="GKK648" s="613"/>
      <c r="GKL648" s="613"/>
      <c r="GKM648" s="613"/>
      <c r="GKN648" s="613"/>
      <c r="GKO648" s="613"/>
      <c r="GKP648" s="613"/>
      <c r="GKQ648" s="613"/>
      <c r="GKR648" s="613"/>
      <c r="GKS648" s="613"/>
      <c r="GKT648" s="613"/>
      <c r="GKU648" s="613"/>
      <c r="GKV648" s="613"/>
      <c r="GKW648" s="613"/>
      <c r="GKX648" s="613"/>
      <c r="GKY648" s="613"/>
      <c r="GKZ648" s="613"/>
      <c r="GLA648" s="613"/>
      <c r="GLB648" s="613"/>
      <c r="GLC648" s="613"/>
      <c r="GLD648" s="613"/>
      <c r="GLE648" s="613"/>
      <c r="GLF648" s="613"/>
      <c r="GLG648" s="613"/>
      <c r="GLH648" s="613"/>
      <c r="GLI648" s="613"/>
      <c r="GLJ648" s="613"/>
      <c r="GLK648" s="613"/>
      <c r="GLL648" s="613"/>
      <c r="GLM648" s="613"/>
      <c r="GLN648" s="613"/>
      <c r="GLO648" s="613"/>
      <c r="GLP648" s="613"/>
      <c r="GLQ648" s="613"/>
      <c r="GLR648" s="613"/>
      <c r="GLS648" s="613"/>
      <c r="GLT648" s="613"/>
      <c r="GLU648" s="613"/>
      <c r="GLV648" s="613"/>
      <c r="GLW648" s="613"/>
      <c r="GLX648" s="613"/>
      <c r="GLY648" s="613"/>
      <c r="GLZ648" s="613"/>
      <c r="GMA648" s="613"/>
      <c r="GMB648" s="613"/>
      <c r="GMC648" s="613"/>
      <c r="GMD648" s="613"/>
      <c r="GME648" s="613"/>
      <c r="GMF648" s="613"/>
      <c r="GMG648" s="613"/>
      <c r="GMH648" s="613"/>
      <c r="GMI648" s="613"/>
      <c r="GMJ648" s="613"/>
      <c r="GMK648" s="613"/>
      <c r="GML648" s="613"/>
      <c r="GMM648" s="613"/>
      <c r="GMN648" s="613"/>
      <c r="GMO648" s="613"/>
      <c r="GMP648" s="613"/>
      <c r="GMQ648" s="613"/>
      <c r="GMR648" s="613"/>
      <c r="GMS648" s="613"/>
      <c r="GMT648" s="613"/>
      <c r="GMU648" s="613"/>
      <c r="GMV648" s="613"/>
      <c r="GMW648" s="613"/>
      <c r="GMX648" s="613"/>
      <c r="GMY648" s="613"/>
      <c r="GMZ648" s="613"/>
      <c r="GNA648" s="613"/>
      <c r="GNB648" s="613"/>
      <c r="GNC648" s="613"/>
      <c r="GND648" s="613"/>
      <c r="GNE648" s="613"/>
      <c r="GNF648" s="613"/>
      <c r="GNG648" s="613"/>
      <c r="GNH648" s="613"/>
      <c r="GNI648" s="613"/>
      <c r="GNJ648" s="613"/>
      <c r="GNK648" s="613"/>
      <c r="GNL648" s="613"/>
      <c r="GNM648" s="613"/>
      <c r="GNN648" s="613"/>
      <c r="GNO648" s="613"/>
      <c r="GNP648" s="613"/>
      <c r="GNQ648" s="613"/>
      <c r="GNR648" s="613"/>
      <c r="GNS648" s="613"/>
      <c r="GNT648" s="613"/>
      <c r="GNU648" s="613"/>
      <c r="GNV648" s="613"/>
      <c r="GNW648" s="613"/>
      <c r="GNX648" s="613"/>
      <c r="GNY648" s="613"/>
      <c r="GNZ648" s="613"/>
      <c r="GOA648" s="613"/>
      <c r="GOB648" s="613"/>
      <c r="GOC648" s="613"/>
      <c r="GOD648" s="613"/>
      <c r="GOE648" s="613"/>
      <c r="GOF648" s="613"/>
      <c r="GOG648" s="613"/>
      <c r="GOH648" s="613"/>
      <c r="GOI648" s="613"/>
      <c r="GOJ648" s="613"/>
      <c r="GOK648" s="613"/>
      <c r="GOL648" s="613"/>
      <c r="GOM648" s="613"/>
      <c r="GON648" s="613"/>
      <c r="GOO648" s="613"/>
      <c r="GOP648" s="613"/>
      <c r="GOQ648" s="613"/>
      <c r="GOR648" s="613"/>
      <c r="GOS648" s="613"/>
      <c r="GOT648" s="613"/>
      <c r="GOU648" s="613"/>
      <c r="GOV648" s="613"/>
      <c r="GOW648" s="613"/>
      <c r="GOX648" s="613"/>
      <c r="GOY648" s="613"/>
      <c r="GOZ648" s="613"/>
      <c r="GPA648" s="613"/>
      <c r="GPB648" s="613"/>
      <c r="GPC648" s="613"/>
      <c r="GPD648" s="613"/>
      <c r="GPE648" s="613"/>
      <c r="GPF648" s="613"/>
      <c r="GPG648" s="613"/>
      <c r="GPH648" s="613"/>
      <c r="GPI648" s="613"/>
      <c r="GPJ648" s="613"/>
      <c r="GPK648" s="613"/>
      <c r="GPL648" s="613"/>
      <c r="GPM648" s="613"/>
      <c r="GPN648" s="613"/>
      <c r="GPO648" s="613"/>
      <c r="GPP648" s="613"/>
      <c r="GPQ648" s="613"/>
      <c r="GPR648" s="613"/>
      <c r="GPS648" s="613"/>
      <c r="GPT648" s="613"/>
      <c r="GPU648" s="613"/>
      <c r="GPV648" s="613"/>
      <c r="GPW648" s="613"/>
      <c r="GPX648" s="613"/>
      <c r="GPY648" s="613"/>
      <c r="GPZ648" s="613"/>
      <c r="GQA648" s="613"/>
      <c r="GQB648" s="613"/>
      <c r="GQC648" s="613"/>
      <c r="GQD648" s="613"/>
      <c r="GQE648" s="613"/>
      <c r="GQF648" s="613"/>
      <c r="GQG648" s="613"/>
      <c r="GQH648" s="613"/>
      <c r="GQI648" s="613"/>
      <c r="GQJ648" s="613"/>
      <c r="GQK648" s="613"/>
      <c r="GQL648" s="613"/>
      <c r="GQM648" s="613"/>
      <c r="GQN648" s="613"/>
      <c r="GQO648" s="613"/>
      <c r="GQP648" s="613"/>
      <c r="GQQ648" s="613"/>
      <c r="GQR648" s="613"/>
      <c r="GQS648" s="613"/>
      <c r="GQT648" s="613"/>
      <c r="GQU648" s="613"/>
      <c r="GQV648" s="613"/>
      <c r="GQW648" s="613"/>
      <c r="GQX648" s="613"/>
      <c r="GQY648" s="613"/>
      <c r="GQZ648" s="613"/>
      <c r="GRA648" s="613"/>
      <c r="GRB648" s="613"/>
      <c r="GRC648" s="613"/>
      <c r="GRD648" s="613"/>
      <c r="GRE648" s="613"/>
      <c r="GRF648" s="613"/>
      <c r="GRG648" s="613"/>
      <c r="GRH648" s="613"/>
      <c r="GRI648" s="613"/>
      <c r="GRJ648" s="613"/>
      <c r="GRK648" s="613"/>
      <c r="GRL648" s="613"/>
      <c r="GRM648" s="613"/>
      <c r="GRN648" s="613"/>
      <c r="GRO648" s="613"/>
      <c r="GRP648" s="613"/>
      <c r="GRQ648" s="613"/>
      <c r="GRR648" s="613"/>
      <c r="GRS648" s="613"/>
      <c r="GRT648" s="613"/>
      <c r="GRU648" s="613"/>
      <c r="GRV648" s="613"/>
      <c r="GRW648" s="613"/>
      <c r="GRX648" s="613"/>
      <c r="GRY648" s="613"/>
      <c r="GRZ648" s="613"/>
      <c r="GSA648" s="613"/>
      <c r="GSB648" s="613"/>
      <c r="GSC648" s="613"/>
      <c r="GSD648" s="613"/>
      <c r="GSE648" s="613"/>
      <c r="GSF648" s="613"/>
      <c r="GSG648" s="613"/>
      <c r="GSH648" s="613"/>
      <c r="GSI648" s="613"/>
      <c r="GSJ648" s="613"/>
      <c r="GSK648" s="613"/>
      <c r="GSL648" s="613"/>
      <c r="GSM648" s="613"/>
      <c r="GSN648" s="613"/>
      <c r="GSO648" s="613"/>
      <c r="GSP648" s="613"/>
      <c r="GSQ648" s="613"/>
      <c r="GSR648" s="613"/>
      <c r="GSS648" s="613"/>
      <c r="GST648" s="613"/>
      <c r="GSU648" s="613"/>
      <c r="GSV648" s="613"/>
      <c r="GSW648" s="613"/>
      <c r="GSX648" s="613"/>
      <c r="GSY648" s="613"/>
      <c r="GSZ648" s="613"/>
      <c r="GTA648" s="613"/>
      <c r="GTB648" s="613"/>
      <c r="GTC648" s="613"/>
      <c r="GTD648" s="613"/>
      <c r="GTE648" s="613"/>
      <c r="GTF648" s="613"/>
      <c r="GTG648" s="613"/>
      <c r="GTH648" s="613"/>
      <c r="GTI648" s="613"/>
      <c r="GTJ648" s="613"/>
      <c r="GTK648" s="613"/>
      <c r="GTL648" s="613"/>
      <c r="GTM648" s="613"/>
      <c r="GTN648" s="613"/>
      <c r="GTO648" s="613"/>
      <c r="GTP648" s="613"/>
      <c r="GTQ648" s="613"/>
      <c r="GTR648" s="613"/>
      <c r="GTS648" s="613"/>
      <c r="GTT648" s="613"/>
      <c r="GTU648" s="613"/>
      <c r="GTV648" s="613"/>
      <c r="GTW648" s="613"/>
      <c r="GTX648" s="613"/>
      <c r="GTY648" s="613"/>
      <c r="GTZ648" s="613"/>
      <c r="GUA648" s="613"/>
      <c r="GUB648" s="613"/>
      <c r="GUC648" s="613"/>
      <c r="GUD648" s="613"/>
      <c r="GUE648" s="613"/>
      <c r="GUF648" s="613"/>
      <c r="GUG648" s="613"/>
      <c r="GUH648" s="613"/>
      <c r="GUI648" s="613"/>
      <c r="GUJ648" s="613"/>
      <c r="GUK648" s="613"/>
      <c r="GUL648" s="613"/>
      <c r="GUM648" s="613"/>
      <c r="GUN648" s="613"/>
      <c r="GUO648" s="613"/>
      <c r="GUP648" s="613"/>
      <c r="GUQ648" s="613"/>
      <c r="GUR648" s="613"/>
      <c r="GUS648" s="613"/>
      <c r="GUT648" s="613"/>
      <c r="GUU648" s="613"/>
      <c r="GUV648" s="613"/>
      <c r="GUW648" s="613"/>
      <c r="GUX648" s="613"/>
      <c r="GUY648" s="613"/>
      <c r="GUZ648" s="613"/>
      <c r="GVA648" s="613"/>
      <c r="GVB648" s="613"/>
      <c r="GVC648" s="613"/>
      <c r="GVD648" s="613"/>
      <c r="GVE648" s="613"/>
      <c r="GVF648" s="613"/>
      <c r="GVG648" s="613"/>
      <c r="GVH648" s="613"/>
      <c r="GVI648" s="613"/>
      <c r="GVJ648" s="613"/>
      <c r="GVK648" s="613"/>
      <c r="GVL648" s="613"/>
      <c r="GVM648" s="613"/>
      <c r="GVN648" s="613"/>
      <c r="GVO648" s="613"/>
      <c r="GVP648" s="613"/>
      <c r="GVQ648" s="613"/>
      <c r="GVR648" s="613"/>
      <c r="GVS648" s="613"/>
      <c r="GVT648" s="613"/>
      <c r="GVU648" s="613"/>
      <c r="GVV648" s="613"/>
      <c r="GVW648" s="613"/>
      <c r="GVX648" s="613"/>
      <c r="GVY648" s="613"/>
      <c r="GVZ648" s="613"/>
      <c r="GWA648" s="613"/>
      <c r="GWB648" s="613"/>
      <c r="GWC648" s="613"/>
      <c r="GWD648" s="613"/>
      <c r="GWE648" s="613"/>
      <c r="GWF648" s="613"/>
      <c r="GWG648" s="613"/>
      <c r="GWH648" s="613"/>
      <c r="GWI648" s="613"/>
      <c r="GWJ648" s="613"/>
      <c r="GWK648" s="613"/>
      <c r="GWL648" s="613"/>
      <c r="GWM648" s="613"/>
      <c r="GWN648" s="613"/>
      <c r="GWO648" s="613"/>
      <c r="GWP648" s="613"/>
      <c r="GWQ648" s="613"/>
      <c r="GWR648" s="613"/>
      <c r="GWS648" s="613"/>
      <c r="GWT648" s="613"/>
      <c r="GWU648" s="613"/>
      <c r="GWV648" s="613"/>
      <c r="GWW648" s="613"/>
      <c r="GWX648" s="613"/>
      <c r="GWY648" s="613"/>
      <c r="GWZ648" s="613"/>
      <c r="GXA648" s="613"/>
      <c r="GXB648" s="613"/>
      <c r="GXC648" s="613"/>
      <c r="GXD648" s="613"/>
      <c r="GXE648" s="613"/>
      <c r="GXF648" s="613"/>
      <c r="GXG648" s="613"/>
      <c r="GXH648" s="613"/>
      <c r="GXI648" s="613"/>
      <c r="GXJ648" s="613"/>
      <c r="GXK648" s="613"/>
      <c r="GXL648" s="613"/>
      <c r="GXM648" s="613"/>
      <c r="GXN648" s="613"/>
      <c r="GXO648" s="613"/>
      <c r="GXP648" s="613"/>
      <c r="GXQ648" s="613"/>
      <c r="GXR648" s="613"/>
      <c r="GXS648" s="613"/>
      <c r="GXT648" s="613"/>
      <c r="GXU648" s="613"/>
      <c r="GXV648" s="613"/>
      <c r="GXW648" s="613"/>
      <c r="GXX648" s="613"/>
      <c r="GXY648" s="613"/>
      <c r="GXZ648" s="613"/>
      <c r="GYA648" s="613"/>
      <c r="GYB648" s="613"/>
      <c r="GYC648" s="613"/>
      <c r="GYD648" s="613"/>
      <c r="GYE648" s="613"/>
      <c r="GYF648" s="613"/>
      <c r="GYG648" s="613"/>
      <c r="GYH648" s="613"/>
      <c r="GYI648" s="613"/>
      <c r="GYJ648" s="613"/>
      <c r="GYK648" s="613"/>
      <c r="GYL648" s="613"/>
      <c r="GYM648" s="613"/>
      <c r="GYN648" s="613"/>
      <c r="GYO648" s="613"/>
      <c r="GYP648" s="613"/>
      <c r="GYQ648" s="613"/>
      <c r="GYR648" s="613"/>
      <c r="GYS648" s="613"/>
      <c r="GYT648" s="613"/>
      <c r="GYU648" s="613"/>
      <c r="GYV648" s="613"/>
      <c r="GYW648" s="613"/>
      <c r="GYX648" s="613"/>
      <c r="GYY648" s="613"/>
      <c r="GYZ648" s="613"/>
      <c r="GZA648" s="613"/>
      <c r="GZB648" s="613"/>
      <c r="GZC648" s="613"/>
      <c r="GZD648" s="613"/>
      <c r="GZE648" s="613"/>
      <c r="GZF648" s="613"/>
      <c r="GZG648" s="613"/>
      <c r="GZH648" s="613"/>
      <c r="GZI648" s="613"/>
      <c r="GZJ648" s="613"/>
      <c r="GZK648" s="613"/>
      <c r="GZL648" s="613"/>
      <c r="GZM648" s="613"/>
      <c r="GZN648" s="613"/>
      <c r="GZO648" s="613"/>
      <c r="GZP648" s="613"/>
      <c r="GZQ648" s="613"/>
      <c r="GZR648" s="613"/>
      <c r="GZS648" s="613"/>
      <c r="GZT648" s="613"/>
      <c r="GZU648" s="613"/>
      <c r="GZV648" s="613"/>
      <c r="GZW648" s="613"/>
      <c r="GZX648" s="613"/>
      <c r="GZY648" s="613"/>
      <c r="GZZ648" s="613"/>
      <c r="HAA648" s="613"/>
      <c r="HAB648" s="613"/>
      <c r="HAC648" s="613"/>
      <c r="HAD648" s="613"/>
      <c r="HAE648" s="613"/>
      <c r="HAF648" s="613"/>
      <c r="HAG648" s="613"/>
      <c r="HAH648" s="613"/>
      <c r="HAI648" s="613"/>
      <c r="HAJ648" s="613"/>
      <c r="HAK648" s="613"/>
      <c r="HAL648" s="613"/>
      <c r="HAM648" s="613"/>
      <c r="HAN648" s="613"/>
      <c r="HAO648" s="613"/>
      <c r="HAP648" s="613"/>
      <c r="HAQ648" s="613"/>
      <c r="HAR648" s="613"/>
      <c r="HAS648" s="613"/>
      <c r="HAT648" s="613"/>
      <c r="HAU648" s="613"/>
      <c r="HAV648" s="613"/>
      <c r="HAW648" s="613"/>
      <c r="HAX648" s="613"/>
      <c r="HAY648" s="613"/>
      <c r="HAZ648" s="613"/>
      <c r="HBA648" s="613"/>
      <c r="HBB648" s="613"/>
      <c r="HBC648" s="613"/>
      <c r="HBD648" s="613"/>
      <c r="HBE648" s="613"/>
      <c r="HBF648" s="613"/>
      <c r="HBG648" s="613"/>
      <c r="HBH648" s="613"/>
      <c r="HBI648" s="613"/>
      <c r="HBJ648" s="613"/>
      <c r="HBK648" s="613"/>
      <c r="HBL648" s="613"/>
      <c r="HBM648" s="613"/>
      <c r="HBN648" s="613"/>
      <c r="HBO648" s="613"/>
      <c r="HBP648" s="613"/>
      <c r="HBQ648" s="613"/>
      <c r="HBR648" s="613"/>
      <c r="HBS648" s="613"/>
      <c r="HBT648" s="613"/>
      <c r="HBU648" s="613"/>
      <c r="HBV648" s="613"/>
      <c r="HBW648" s="613"/>
      <c r="HBX648" s="613"/>
      <c r="HBY648" s="613"/>
      <c r="HBZ648" s="613"/>
      <c r="HCA648" s="613"/>
      <c r="HCB648" s="613"/>
      <c r="HCC648" s="613"/>
      <c r="HCD648" s="613"/>
      <c r="HCE648" s="613"/>
      <c r="HCF648" s="613"/>
      <c r="HCG648" s="613"/>
      <c r="HCH648" s="613"/>
      <c r="HCI648" s="613"/>
      <c r="HCJ648" s="613"/>
      <c r="HCK648" s="613"/>
      <c r="HCL648" s="613"/>
      <c r="HCM648" s="613"/>
      <c r="HCN648" s="613"/>
      <c r="HCO648" s="613"/>
      <c r="HCP648" s="613"/>
      <c r="HCQ648" s="613"/>
      <c r="HCR648" s="613"/>
      <c r="HCS648" s="613"/>
      <c r="HCT648" s="613"/>
      <c r="HCU648" s="613"/>
      <c r="HCV648" s="613"/>
      <c r="HCW648" s="613"/>
      <c r="HCX648" s="613"/>
      <c r="HCY648" s="613"/>
      <c r="HCZ648" s="613"/>
      <c r="HDA648" s="613"/>
      <c r="HDB648" s="613"/>
      <c r="HDC648" s="613"/>
      <c r="HDD648" s="613"/>
      <c r="HDE648" s="613"/>
      <c r="HDF648" s="613"/>
      <c r="HDG648" s="613"/>
      <c r="HDH648" s="613"/>
      <c r="HDI648" s="613"/>
      <c r="HDJ648" s="613"/>
      <c r="HDK648" s="613"/>
      <c r="HDL648" s="613"/>
      <c r="HDM648" s="613"/>
      <c r="HDN648" s="613"/>
      <c r="HDO648" s="613"/>
      <c r="HDP648" s="613"/>
      <c r="HDQ648" s="613"/>
      <c r="HDR648" s="613"/>
      <c r="HDS648" s="613"/>
      <c r="HDT648" s="613"/>
      <c r="HDU648" s="613"/>
      <c r="HDV648" s="613"/>
      <c r="HDW648" s="613"/>
      <c r="HDX648" s="613"/>
      <c r="HDY648" s="613"/>
      <c r="HDZ648" s="613"/>
      <c r="HEA648" s="613"/>
      <c r="HEB648" s="613"/>
      <c r="HEC648" s="613"/>
      <c r="HED648" s="613"/>
      <c r="HEE648" s="613"/>
      <c r="HEF648" s="613"/>
      <c r="HEG648" s="613"/>
      <c r="HEH648" s="613"/>
      <c r="HEI648" s="613"/>
      <c r="HEJ648" s="613"/>
      <c r="HEK648" s="613"/>
      <c r="HEL648" s="613"/>
      <c r="HEM648" s="613"/>
      <c r="HEN648" s="613"/>
      <c r="HEO648" s="613"/>
      <c r="HEP648" s="613"/>
      <c r="HEQ648" s="613"/>
      <c r="HER648" s="613"/>
      <c r="HES648" s="613"/>
      <c r="HET648" s="613"/>
      <c r="HEU648" s="613"/>
      <c r="HEV648" s="613"/>
      <c r="HEW648" s="613"/>
      <c r="HEX648" s="613"/>
      <c r="HEY648" s="613"/>
      <c r="HEZ648" s="613"/>
      <c r="HFA648" s="613"/>
      <c r="HFB648" s="613"/>
      <c r="HFC648" s="613"/>
      <c r="HFD648" s="613"/>
      <c r="HFE648" s="613"/>
      <c r="HFF648" s="613"/>
      <c r="HFG648" s="613"/>
      <c r="HFH648" s="613"/>
      <c r="HFI648" s="613"/>
      <c r="HFJ648" s="613"/>
      <c r="HFK648" s="613"/>
      <c r="HFL648" s="613"/>
      <c r="HFM648" s="613"/>
      <c r="HFN648" s="613"/>
      <c r="HFO648" s="613"/>
      <c r="HFP648" s="613"/>
      <c r="HFQ648" s="613"/>
      <c r="HFR648" s="613"/>
      <c r="HFS648" s="613"/>
      <c r="HFT648" s="613"/>
      <c r="HFU648" s="613"/>
      <c r="HFV648" s="613"/>
      <c r="HFW648" s="613"/>
      <c r="HFX648" s="613"/>
      <c r="HFY648" s="613"/>
      <c r="HFZ648" s="613"/>
      <c r="HGA648" s="613"/>
      <c r="HGB648" s="613"/>
      <c r="HGC648" s="613"/>
      <c r="HGD648" s="613"/>
      <c r="HGE648" s="613"/>
      <c r="HGF648" s="613"/>
      <c r="HGG648" s="613"/>
      <c r="HGH648" s="613"/>
      <c r="HGI648" s="613"/>
      <c r="HGJ648" s="613"/>
      <c r="HGK648" s="613"/>
      <c r="HGL648" s="613"/>
      <c r="HGM648" s="613"/>
      <c r="HGN648" s="613"/>
      <c r="HGO648" s="613"/>
      <c r="HGP648" s="613"/>
      <c r="HGQ648" s="613"/>
      <c r="HGR648" s="613"/>
      <c r="HGS648" s="613"/>
      <c r="HGT648" s="613"/>
      <c r="HGU648" s="613"/>
      <c r="HGV648" s="613"/>
      <c r="HGW648" s="613"/>
      <c r="HGX648" s="613"/>
      <c r="HGY648" s="613"/>
      <c r="HGZ648" s="613"/>
      <c r="HHA648" s="613"/>
      <c r="HHB648" s="613"/>
      <c r="HHC648" s="613"/>
      <c r="HHD648" s="613"/>
      <c r="HHE648" s="613"/>
      <c r="HHF648" s="613"/>
      <c r="HHG648" s="613"/>
      <c r="HHH648" s="613"/>
      <c r="HHI648" s="613"/>
      <c r="HHJ648" s="613"/>
      <c r="HHK648" s="613"/>
      <c r="HHL648" s="613"/>
      <c r="HHM648" s="613"/>
      <c r="HHN648" s="613"/>
      <c r="HHO648" s="613"/>
      <c r="HHP648" s="613"/>
      <c r="HHQ648" s="613"/>
      <c r="HHR648" s="613"/>
      <c r="HHS648" s="613"/>
      <c r="HHT648" s="613"/>
      <c r="HHU648" s="613"/>
      <c r="HHV648" s="613"/>
      <c r="HHW648" s="613"/>
      <c r="HHX648" s="613"/>
      <c r="HHY648" s="613"/>
      <c r="HHZ648" s="613"/>
      <c r="HIA648" s="613"/>
      <c r="HIB648" s="613"/>
      <c r="HIC648" s="613"/>
      <c r="HID648" s="613"/>
      <c r="HIE648" s="613"/>
      <c r="HIF648" s="613"/>
      <c r="HIG648" s="613"/>
      <c r="HIH648" s="613"/>
      <c r="HII648" s="613"/>
      <c r="HIJ648" s="613"/>
      <c r="HIK648" s="613"/>
      <c r="HIL648" s="613"/>
      <c r="HIM648" s="613"/>
      <c r="HIN648" s="613"/>
      <c r="HIO648" s="613"/>
      <c r="HIP648" s="613"/>
      <c r="HIQ648" s="613"/>
      <c r="HIR648" s="613"/>
      <c r="HIS648" s="613"/>
      <c r="HIT648" s="613"/>
      <c r="HIU648" s="613"/>
      <c r="HIV648" s="613"/>
      <c r="HIW648" s="613"/>
      <c r="HIX648" s="613"/>
      <c r="HIY648" s="613"/>
      <c r="HIZ648" s="613"/>
      <c r="HJA648" s="613"/>
      <c r="HJB648" s="613"/>
      <c r="HJC648" s="613"/>
      <c r="HJD648" s="613"/>
      <c r="HJE648" s="613"/>
      <c r="HJF648" s="613"/>
      <c r="HJG648" s="613"/>
      <c r="HJH648" s="613"/>
      <c r="HJI648" s="613"/>
      <c r="HJJ648" s="613"/>
      <c r="HJK648" s="613"/>
      <c r="HJL648" s="613"/>
      <c r="HJM648" s="613"/>
      <c r="HJN648" s="613"/>
      <c r="HJO648" s="613"/>
      <c r="HJP648" s="613"/>
      <c r="HJQ648" s="613"/>
      <c r="HJR648" s="613"/>
      <c r="HJS648" s="613"/>
      <c r="HJT648" s="613"/>
      <c r="HJU648" s="613"/>
      <c r="HJV648" s="613"/>
      <c r="HJW648" s="613"/>
      <c r="HJX648" s="613"/>
      <c r="HJY648" s="613"/>
      <c r="HJZ648" s="613"/>
      <c r="HKA648" s="613"/>
      <c r="HKB648" s="613"/>
      <c r="HKC648" s="613"/>
      <c r="HKD648" s="613"/>
      <c r="HKE648" s="613"/>
      <c r="HKF648" s="613"/>
      <c r="HKG648" s="613"/>
      <c r="HKH648" s="613"/>
      <c r="HKI648" s="613"/>
      <c r="HKJ648" s="613"/>
      <c r="HKK648" s="613"/>
      <c r="HKL648" s="613"/>
      <c r="HKM648" s="613"/>
      <c r="HKN648" s="613"/>
      <c r="HKO648" s="613"/>
      <c r="HKP648" s="613"/>
      <c r="HKQ648" s="613"/>
      <c r="HKR648" s="613"/>
      <c r="HKS648" s="613"/>
      <c r="HKT648" s="613"/>
      <c r="HKU648" s="613"/>
      <c r="HKV648" s="613"/>
      <c r="HKW648" s="613"/>
      <c r="HKX648" s="613"/>
      <c r="HKY648" s="613"/>
      <c r="HKZ648" s="613"/>
      <c r="HLA648" s="613"/>
      <c r="HLB648" s="613"/>
      <c r="HLC648" s="613"/>
      <c r="HLD648" s="613"/>
      <c r="HLE648" s="613"/>
      <c r="HLF648" s="613"/>
      <c r="HLG648" s="613"/>
      <c r="HLH648" s="613"/>
      <c r="HLI648" s="613"/>
      <c r="HLJ648" s="613"/>
      <c r="HLK648" s="613"/>
      <c r="HLL648" s="613"/>
      <c r="HLM648" s="613"/>
      <c r="HLN648" s="613"/>
      <c r="HLO648" s="613"/>
      <c r="HLP648" s="613"/>
      <c r="HLQ648" s="613"/>
      <c r="HLR648" s="613"/>
      <c r="HLS648" s="613"/>
      <c r="HLT648" s="613"/>
      <c r="HLU648" s="613"/>
      <c r="HLV648" s="613"/>
      <c r="HLW648" s="613"/>
      <c r="HLX648" s="613"/>
      <c r="HLY648" s="613"/>
      <c r="HLZ648" s="613"/>
      <c r="HMA648" s="613"/>
      <c r="HMB648" s="613"/>
      <c r="HMC648" s="613"/>
      <c r="HMD648" s="613"/>
      <c r="HME648" s="613"/>
      <c r="HMF648" s="613"/>
      <c r="HMG648" s="613"/>
      <c r="HMH648" s="613"/>
      <c r="HMI648" s="613"/>
      <c r="HMJ648" s="613"/>
      <c r="HMK648" s="613"/>
      <c r="HML648" s="613"/>
      <c r="HMM648" s="613"/>
      <c r="HMN648" s="613"/>
      <c r="HMO648" s="613"/>
      <c r="HMP648" s="613"/>
      <c r="HMQ648" s="613"/>
      <c r="HMR648" s="613"/>
      <c r="HMS648" s="613"/>
      <c r="HMT648" s="613"/>
      <c r="HMU648" s="613"/>
      <c r="HMV648" s="613"/>
      <c r="HMW648" s="613"/>
      <c r="HMX648" s="613"/>
      <c r="HMY648" s="613"/>
      <c r="HMZ648" s="613"/>
      <c r="HNA648" s="613"/>
      <c r="HNB648" s="613"/>
      <c r="HNC648" s="613"/>
      <c r="HND648" s="613"/>
      <c r="HNE648" s="613"/>
      <c r="HNF648" s="613"/>
      <c r="HNG648" s="613"/>
      <c r="HNH648" s="613"/>
      <c r="HNI648" s="613"/>
      <c r="HNJ648" s="613"/>
      <c r="HNK648" s="613"/>
      <c r="HNL648" s="613"/>
      <c r="HNM648" s="613"/>
      <c r="HNN648" s="613"/>
      <c r="HNO648" s="613"/>
      <c r="HNP648" s="613"/>
      <c r="HNQ648" s="613"/>
      <c r="HNR648" s="613"/>
      <c r="HNS648" s="613"/>
      <c r="HNT648" s="613"/>
      <c r="HNU648" s="613"/>
      <c r="HNV648" s="613"/>
      <c r="HNW648" s="613"/>
      <c r="HNX648" s="613"/>
      <c r="HNY648" s="613"/>
      <c r="HNZ648" s="613"/>
      <c r="HOA648" s="613"/>
      <c r="HOB648" s="613"/>
      <c r="HOC648" s="613"/>
      <c r="HOD648" s="613"/>
      <c r="HOE648" s="613"/>
      <c r="HOF648" s="613"/>
      <c r="HOG648" s="613"/>
      <c r="HOH648" s="613"/>
      <c r="HOI648" s="613"/>
      <c r="HOJ648" s="613"/>
      <c r="HOK648" s="613"/>
      <c r="HOL648" s="613"/>
      <c r="HOM648" s="613"/>
      <c r="HON648" s="613"/>
      <c r="HOO648" s="613"/>
      <c r="HOP648" s="613"/>
      <c r="HOQ648" s="613"/>
      <c r="HOR648" s="613"/>
      <c r="HOS648" s="613"/>
      <c r="HOT648" s="613"/>
      <c r="HOU648" s="613"/>
      <c r="HOV648" s="613"/>
      <c r="HOW648" s="613"/>
      <c r="HOX648" s="613"/>
      <c r="HOY648" s="613"/>
      <c r="HOZ648" s="613"/>
      <c r="HPA648" s="613"/>
      <c r="HPB648" s="613"/>
      <c r="HPC648" s="613"/>
      <c r="HPD648" s="613"/>
      <c r="HPE648" s="613"/>
      <c r="HPF648" s="613"/>
      <c r="HPG648" s="613"/>
      <c r="HPH648" s="613"/>
      <c r="HPI648" s="613"/>
      <c r="HPJ648" s="613"/>
      <c r="HPK648" s="613"/>
      <c r="HPL648" s="613"/>
      <c r="HPM648" s="613"/>
      <c r="HPN648" s="613"/>
      <c r="HPO648" s="613"/>
      <c r="HPP648" s="613"/>
      <c r="HPQ648" s="613"/>
      <c r="HPR648" s="613"/>
      <c r="HPS648" s="613"/>
      <c r="HPT648" s="613"/>
      <c r="HPU648" s="613"/>
      <c r="HPV648" s="613"/>
      <c r="HPW648" s="613"/>
      <c r="HPX648" s="613"/>
      <c r="HPY648" s="613"/>
      <c r="HPZ648" s="613"/>
      <c r="HQA648" s="613"/>
      <c r="HQB648" s="613"/>
      <c r="HQC648" s="613"/>
      <c r="HQD648" s="613"/>
      <c r="HQE648" s="613"/>
      <c r="HQF648" s="613"/>
      <c r="HQG648" s="613"/>
      <c r="HQH648" s="613"/>
      <c r="HQI648" s="613"/>
      <c r="HQJ648" s="613"/>
      <c r="HQK648" s="613"/>
      <c r="HQL648" s="613"/>
      <c r="HQM648" s="613"/>
      <c r="HQN648" s="613"/>
      <c r="HQO648" s="613"/>
      <c r="HQP648" s="613"/>
      <c r="HQQ648" s="613"/>
      <c r="HQR648" s="613"/>
      <c r="HQS648" s="613"/>
      <c r="HQT648" s="613"/>
      <c r="HQU648" s="613"/>
      <c r="HQV648" s="613"/>
      <c r="HQW648" s="613"/>
      <c r="HQX648" s="613"/>
      <c r="HQY648" s="613"/>
      <c r="HQZ648" s="613"/>
      <c r="HRA648" s="613"/>
      <c r="HRB648" s="613"/>
      <c r="HRC648" s="613"/>
      <c r="HRD648" s="613"/>
      <c r="HRE648" s="613"/>
      <c r="HRF648" s="613"/>
      <c r="HRG648" s="613"/>
      <c r="HRH648" s="613"/>
      <c r="HRI648" s="613"/>
      <c r="HRJ648" s="613"/>
      <c r="HRK648" s="613"/>
      <c r="HRL648" s="613"/>
      <c r="HRM648" s="613"/>
      <c r="HRN648" s="613"/>
      <c r="HRO648" s="613"/>
      <c r="HRP648" s="613"/>
      <c r="HRQ648" s="613"/>
      <c r="HRR648" s="613"/>
      <c r="HRS648" s="613"/>
      <c r="HRT648" s="613"/>
      <c r="HRU648" s="613"/>
      <c r="HRV648" s="613"/>
      <c r="HRW648" s="613"/>
      <c r="HRX648" s="613"/>
      <c r="HRY648" s="613"/>
      <c r="HRZ648" s="613"/>
      <c r="HSA648" s="613"/>
      <c r="HSB648" s="613"/>
      <c r="HSC648" s="613"/>
      <c r="HSD648" s="613"/>
      <c r="HSE648" s="613"/>
      <c r="HSF648" s="613"/>
      <c r="HSG648" s="613"/>
      <c r="HSH648" s="613"/>
      <c r="HSI648" s="613"/>
      <c r="HSJ648" s="613"/>
      <c r="HSK648" s="613"/>
      <c r="HSL648" s="613"/>
      <c r="HSM648" s="613"/>
      <c r="HSN648" s="613"/>
      <c r="HSO648" s="613"/>
      <c r="HSP648" s="613"/>
      <c r="HSQ648" s="613"/>
      <c r="HSR648" s="613"/>
      <c r="HSS648" s="613"/>
      <c r="HST648" s="613"/>
      <c r="HSU648" s="613"/>
      <c r="HSV648" s="613"/>
      <c r="HSW648" s="613"/>
      <c r="HSX648" s="613"/>
      <c r="HSY648" s="613"/>
      <c r="HSZ648" s="613"/>
      <c r="HTA648" s="613"/>
      <c r="HTB648" s="613"/>
      <c r="HTC648" s="613"/>
      <c r="HTD648" s="613"/>
      <c r="HTE648" s="613"/>
      <c r="HTF648" s="613"/>
      <c r="HTG648" s="613"/>
      <c r="HTH648" s="613"/>
      <c r="HTI648" s="613"/>
      <c r="HTJ648" s="613"/>
      <c r="HTK648" s="613"/>
      <c r="HTL648" s="613"/>
      <c r="HTM648" s="613"/>
      <c r="HTN648" s="613"/>
      <c r="HTO648" s="613"/>
      <c r="HTP648" s="613"/>
      <c r="HTQ648" s="613"/>
      <c r="HTR648" s="613"/>
      <c r="HTS648" s="613"/>
      <c r="HTT648" s="613"/>
      <c r="HTU648" s="613"/>
      <c r="HTV648" s="613"/>
      <c r="HTW648" s="613"/>
      <c r="HTX648" s="613"/>
      <c r="HTY648" s="613"/>
      <c r="HTZ648" s="613"/>
      <c r="HUA648" s="613"/>
      <c r="HUB648" s="613"/>
      <c r="HUC648" s="613"/>
      <c r="HUD648" s="613"/>
      <c r="HUE648" s="613"/>
      <c r="HUF648" s="613"/>
      <c r="HUG648" s="613"/>
      <c r="HUH648" s="613"/>
      <c r="HUI648" s="613"/>
      <c r="HUJ648" s="613"/>
      <c r="HUK648" s="613"/>
      <c r="HUL648" s="613"/>
      <c r="HUM648" s="613"/>
      <c r="HUN648" s="613"/>
      <c r="HUO648" s="613"/>
      <c r="HUP648" s="613"/>
      <c r="HUQ648" s="613"/>
      <c r="HUR648" s="613"/>
      <c r="HUS648" s="613"/>
      <c r="HUT648" s="613"/>
      <c r="HUU648" s="613"/>
      <c r="HUV648" s="613"/>
      <c r="HUW648" s="613"/>
      <c r="HUX648" s="613"/>
      <c r="HUY648" s="613"/>
      <c r="HUZ648" s="613"/>
      <c r="HVA648" s="613"/>
      <c r="HVB648" s="613"/>
      <c r="HVC648" s="613"/>
      <c r="HVD648" s="613"/>
      <c r="HVE648" s="613"/>
      <c r="HVF648" s="613"/>
      <c r="HVG648" s="613"/>
      <c r="HVH648" s="613"/>
      <c r="HVI648" s="613"/>
      <c r="HVJ648" s="613"/>
      <c r="HVK648" s="613"/>
      <c r="HVL648" s="613"/>
      <c r="HVM648" s="613"/>
      <c r="HVN648" s="613"/>
      <c r="HVO648" s="613"/>
      <c r="HVP648" s="613"/>
      <c r="HVQ648" s="613"/>
      <c r="HVR648" s="613"/>
      <c r="HVS648" s="613"/>
      <c r="HVT648" s="613"/>
      <c r="HVU648" s="613"/>
      <c r="HVV648" s="613"/>
      <c r="HVW648" s="613"/>
      <c r="HVX648" s="613"/>
      <c r="HVY648" s="613"/>
      <c r="HVZ648" s="613"/>
      <c r="HWA648" s="613"/>
      <c r="HWB648" s="613"/>
      <c r="HWC648" s="613"/>
      <c r="HWD648" s="613"/>
      <c r="HWE648" s="613"/>
      <c r="HWF648" s="613"/>
      <c r="HWG648" s="613"/>
      <c r="HWH648" s="613"/>
      <c r="HWI648" s="613"/>
      <c r="HWJ648" s="613"/>
      <c r="HWK648" s="613"/>
      <c r="HWL648" s="613"/>
      <c r="HWM648" s="613"/>
      <c r="HWN648" s="613"/>
      <c r="HWO648" s="613"/>
      <c r="HWP648" s="613"/>
      <c r="HWQ648" s="613"/>
      <c r="HWR648" s="613"/>
      <c r="HWS648" s="613"/>
      <c r="HWT648" s="613"/>
      <c r="HWU648" s="613"/>
      <c r="HWV648" s="613"/>
      <c r="HWW648" s="613"/>
      <c r="HWX648" s="613"/>
      <c r="HWY648" s="613"/>
      <c r="HWZ648" s="613"/>
      <c r="HXA648" s="613"/>
      <c r="HXB648" s="613"/>
      <c r="HXC648" s="613"/>
      <c r="HXD648" s="613"/>
      <c r="HXE648" s="613"/>
      <c r="HXF648" s="613"/>
      <c r="HXG648" s="613"/>
      <c r="HXH648" s="613"/>
      <c r="HXI648" s="613"/>
      <c r="HXJ648" s="613"/>
      <c r="HXK648" s="613"/>
      <c r="HXL648" s="613"/>
      <c r="HXM648" s="613"/>
      <c r="HXN648" s="613"/>
      <c r="HXO648" s="613"/>
      <c r="HXP648" s="613"/>
      <c r="HXQ648" s="613"/>
      <c r="HXR648" s="613"/>
      <c r="HXS648" s="613"/>
      <c r="HXT648" s="613"/>
      <c r="HXU648" s="613"/>
      <c r="HXV648" s="613"/>
      <c r="HXW648" s="613"/>
      <c r="HXX648" s="613"/>
      <c r="HXY648" s="613"/>
      <c r="HXZ648" s="613"/>
      <c r="HYA648" s="613"/>
      <c r="HYB648" s="613"/>
      <c r="HYC648" s="613"/>
      <c r="HYD648" s="613"/>
      <c r="HYE648" s="613"/>
      <c r="HYF648" s="613"/>
      <c r="HYG648" s="613"/>
      <c r="HYH648" s="613"/>
      <c r="HYI648" s="613"/>
      <c r="HYJ648" s="613"/>
      <c r="HYK648" s="613"/>
      <c r="HYL648" s="613"/>
      <c r="HYM648" s="613"/>
      <c r="HYN648" s="613"/>
      <c r="HYO648" s="613"/>
      <c r="HYP648" s="613"/>
      <c r="HYQ648" s="613"/>
      <c r="HYR648" s="613"/>
      <c r="HYS648" s="613"/>
      <c r="HYT648" s="613"/>
      <c r="HYU648" s="613"/>
      <c r="HYV648" s="613"/>
      <c r="HYW648" s="613"/>
      <c r="HYX648" s="613"/>
      <c r="HYY648" s="613"/>
      <c r="HYZ648" s="613"/>
      <c r="HZA648" s="613"/>
      <c r="HZB648" s="613"/>
      <c r="HZC648" s="613"/>
      <c r="HZD648" s="613"/>
      <c r="HZE648" s="613"/>
      <c r="HZF648" s="613"/>
      <c r="HZG648" s="613"/>
      <c r="HZH648" s="613"/>
      <c r="HZI648" s="613"/>
      <c r="HZJ648" s="613"/>
      <c r="HZK648" s="613"/>
      <c r="HZL648" s="613"/>
      <c r="HZM648" s="613"/>
      <c r="HZN648" s="613"/>
      <c r="HZO648" s="613"/>
      <c r="HZP648" s="613"/>
      <c r="HZQ648" s="613"/>
      <c r="HZR648" s="613"/>
      <c r="HZS648" s="613"/>
      <c r="HZT648" s="613"/>
      <c r="HZU648" s="613"/>
      <c r="HZV648" s="613"/>
      <c r="HZW648" s="613"/>
      <c r="HZX648" s="613"/>
      <c r="HZY648" s="613"/>
      <c r="HZZ648" s="613"/>
      <c r="IAA648" s="613"/>
      <c r="IAB648" s="613"/>
      <c r="IAC648" s="613"/>
      <c r="IAD648" s="613"/>
      <c r="IAE648" s="613"/>
      <c r="IAF648" s="613"/>
      <c r="IAG648" s="613"/>
      <c r="IAH648" s="613"/>
      <c r="IAI648" s="613"/>
      <c r="IAJ648" s="613"/>
      <c r="IAK648" s="613"/>
      <c r="IAL648" s="613"/>
      <c r="IAM648" s="613"/>
      <c r="IAN648" s="613"/>
      <c r="IAO648" s="613"/>
      <c r="IAP648" s="613"/>
      <c r="IAQ648" s="613"/>
      <c r="IAR648" s="613"/>
      <c r="IAS648" s="613"/>
      <c r="IAT648" s="613"/>
      <c r="IAU648" s="613"/>
      <c r="IAV648" s="613"/>
      <c r="IAW648" s="613"/>
      <c r="IAX648" s="613"/>
      <c r="IAY648" s="613"/>
      <c r="IAZ648" s="613"/>
      <c r="IBA648" s="613"/>
      <c r="IBB648" s="613"/>
      <c r="IBC648" s="613"/>
      <c r="IBD648" s="613"/>
      <c r="IBE648" s="613"/>
      <c r="IBF648" s="613"/>
      <c r="IBG648" s="613"/>
      <c r="IBH648" s="613"/>
      <c r="IBI648" s="613"/>
      <c r="IBJ648" s="613"/>
      <c r="IBK648" s="613"/>
      <c r="IBL648" s="613"/>
      <c r="IBM648" s="613"/>
      <c r="IBN648" s="613"/>
      <c r="IBO648" s="613"/>
      <c r="IBP648" s="613"/>
      <c r="IBQ648" s="613"/>
      <c r="IBR648" s="613"/>
      <c r="IBS648" s="613"/>
      <c r="IBT648" s="613"/>
      <c r="IBU648" s="613"/>
      <c r="IBV648" s="613"/>
      <c r="IBW648" s="613"/>
      <c r="IBX648" s="613"/>
      <c r="IBY648" s="613"/>
      <c r="IBZ648" s="613"/>
      <c r="ICA648" s="613"/>
      <c r="ICB648" s="613"/>
      <c r="ICC648" s="613"/>
      <c r="ICD648" s="613"/>
      <c r="ICE648" s="613"/>
      <c r="ICF648" s="613"/>
      <c r="ICG648" s="613"/>
      <c r="ICH648" s="613"/>
      <c r="ICI648" s="613"/>
      <c r="ICJ648" s="613"/>
      <c r="ICK648" s="613"/>
      <c r="ICL648" s="613"/>
      <c r="ICM648" s="613"/>
      <c r="ICN648" s="613"/>
      <c r="ICO648" s="613"/>
      <c r="ICP648" s="613"/>
      <c r="ICQ648" s="613"/>
      <c r="ICR648" s="613"/>
      <c r="ICS648" s="613"/>
      <c r="ICT648" s="613"/>
      <c r="ICU648" s="613"/>
      <c r="ICV648" s="613"/>
      <c r="ICW648" s="613"/>
      <c r="ICX648" s="613"/>
      <c r="ICY648" s="613"/>
      <c r="ICZ648" s="613"/>
      <c r="IDA648" s="613"/>
      <c r="IDB648" s="613"/>
      <c r="IDC648" s="613"/>
      <c r="IDD648" s="613"/>
      <c r="IDE648" s="613"/>
      <c r="IDF648" s="613"/>
      <c r="IDG648" s="613"/>
      <c r="IDH648" s="613"/>
      <c r="IDI648" s="613"/>
      <c r="IDJ648" s="613"/>
      <c r="IDK648" s="613"/>
      <c r="IDL648" s="613"/>
      <c r="IDM648" s="613"/>
      <c r="IDN648" s="613"/>
      <c r="IDO648" s="613"/>
      <c r="IDP648" s="613"/>
      <c r="IDQ648" s="613"/>
      <c r="IDR648" s="613"/>
      <c r="IDS648" s="613"/>
      <c r="IDT648" s="613"/>
      <c r="IDU648" s="613"/>
      <c r="IDV648" s="613"/>
      <c r="IDW648" s="613"/>
      <c r="IDX648" s="613"/>
      <c r="IDY648" s="613"/>
      <c r="IDZ648" s="613"/>
      <c r="IEA648" s="613"/>
      <c r="IEB648" s="613"/>
      <c r="IEC648" s="613"/>
      <c r="IED648" s="613"/>
      <c r="IEE648" s="613"/>
      <c r="IEF648" s="613"/>
      <c r="IEG648" s="613"/>
      <c r="IEH648" s="613"/>
      <c r="IEI648" s="613"/>
      <c r="IEJ648" s="613"/>
      <c r="IEK648" s="613"/>
      <c r="IEL648" s="613"/>
      <c r="IEM648" s="613"/>
      <c r="IEN648" s="613"/>
      <c r="IEO648" s="613"/>
      <c r="IEP648" s="613"/>
      <c r="IEQ648" s="613"/>
      <c r="IER648" s="613"/>
      <c r="IES648" s="613"/>
      <c r="IET648" s="613"/>
      <c r="IEU648" s="613"/>
      <c r="IEV648" s="613"/>
      <c r="IEW648" s="613"/>
      <c r="IEX648" s="613"/>
      <c r="IEY648" s="613"/>
      <c r="IEZ648" s="613"/>
      <c r="IFA648" s="613"/>
      <c r="IFB648" s="613"/>
      <c r="IFC648" s="613"/>
      <c r="IFD648" s="613"/>
      <c r="IFE648" s="613"/>
      <c r="IFF648" s="613"/>
      <c r="IFG648" s="613"/>
      <c r="IFH648" s="613"/>
      <c r="IFI648" s="613"/>
      <c r="IFJ648" s="613"/>
      <c r="IFK648" s="613"/>
      <c r="IFL648" s="613"/>
      <c r="IFM648" s="613"/>
      <c r="IFN648" s="613"/>
      <c r="IFO648" s="613"/>
      <c r="IFP648" s="613"/>
      <c r="IFQ648" s="613"/>
      <c r="IFR648" s="613"/>
      <c r="IFS648" s="613"/>
      <c r="IFT648" s="613"/>
      <c r="IFU648" s="613"/>
      <c r="IFV648" s="613"/>
      <c r="IFW648" s="613"/>
      <c r="IFX648" s="613"/>
      <c r="IFY648" s="613"/>
      <c r="IFZ648" s="613"/>
      <c r="IGA648" s="613"/>
      <c r="IGB648" s="613"/>
      <c r="IGC648" s="613"/>
      <c r="IGD648" s="613"/>
      <c r="IGE648" s="613"/>
      <c r="IGF648" s="613"/>
      <c r="IGG648" s="613"/>
      <c r="IGH648" s="613"/>
      <c r="IGI648" s="613"/>
      <c r="IGJ648" s="613"/>
      <c r="IGK648" s="613"/>
      <c r="IGL648" s="613"/>
      <c r="IGM648" s="613"/>
      <c r="IGN648" s="613"/>
      <c r="IGO648" s="613"/>
      <c r="IGP648" s="613"/>
      <c r="IGQ648" s="613"/>
      <c r="IGR648" s="613"/>
      <c r="IGS648" s="613"/>
      <c r="IGT648" s="613"/>
      <c r="IGU648" s="613"/>
      <c r="IGV648" s="613"/>
      <c r="IGW648" s="613"/>
      <c r="IGX648" s="613"/>
      <c r="IGY648" s="613"/>
      <c r="IGZ648" s="613"/>
      <c r="IHA648" s="613"/>
      <c r="IHB648" s="613"/>
      <c r="IHC648" s="613"/>
      <c r="IHD648" s="613"/>
      <c r="IHE648" s="613"/>
      <c r="IHF648" s="613"/>
      <c r="IHG648" s="613"/>
      <c r="IHH648" s="613"/>
      <c r="IHI648" s="613"/>
      <c r="IHJ648" s="613"/>
      <c r="IHK648" s="613"/>
      <c r="IHL648" s="613"/>
      <c r="IHM648" s="613"/>
      <c r="IHN648" s="613"/>
      <c r="IHO648" s="613"/>
      <c r="IHP648" s="613"/>
      <c r="IHQ648" s="613"/>
      <c r="IHR648" s="613"/>
      <c r="IHS648" s="613"/>
      <c r="IHT648" s="613"/>
      <c r="IHU648" s="613"/>
      <c r="IHV648" s="613"/>
      <c r="IHW648" s="613"/>
      <c r="IHX648" s="613"/>
      <c r="IHY648" s="613"/>
      <c r="IHZ648" s="613"/>
      <c r="IIA648" s="613"/>
      <c r="IIB648" s="613"/>
      <c r="IIC648" s="613"/>
      <c r="IID648" s="613"/>
      <c r="IIE648" s="613"/>
      <c r="IIF648" s="613"/>
      <c r="IIG648" s="613"/>
      <c r="IIH648" s="613"/>
      <c r="III648" s="613"/>
      <c r="IIJ648" s="613"/>
      <c r="IIK648" s="613"/>
      <c r="IIL648" s="613"/>
      <c r="IIM648" s="613"/>
      <c r="IIN648" s="613"/>
      <c r="IIO648" s="613"/>
      <c r="IIP648" s="613"/>
      <c r="IIQ648" s="613"/>
      <c r="IIR648" s="613"/>
      <c r="IIS648" s="613"/>
      <c r="IIT648" s="613"/>
      <c r="IIU648" s="613"/>
      <c r="IIV648" s="613"/>
      <c r="IIW648" s="613"/>
      <c r="IIX648" s="613"/>
      <c r="IIY648" s="613"/>
      <c r="IIZ648" s="613"/>
      <c r="IJA648" s="613"/>
      <c r="IJB648" s="613"/>
      <c r="IJC648" s="613"/>
      <c r="IJD648" s="613"/>
      <c r="IJE648" s="613"/>
      <c r="IJF648" s="613"/>
      <c r="IJG648" s="613"/>
      <c r="IJH648" s="613"/>
      <c r="IJI648" s="613"/>
      <c r="IJJ648" s="613"/>
      <c r="IJK648" s="613"/>
      <c r="IJL648" s="613"/>
      <c r="IJM648" s="613"/>
      <c r="IJN648" s="613"/>
      <c r="IJO648" s="613"/>
      <c r="IJP648" s="613"/>
      <c r="IJQ648" s="613"/>
      <c r="IJR648" s="613"/>
      <c r="IJS648" s="613"/>
      <c r="IJT648" s="613"/>
      <c r="IJU648" s="613"/>
      <c r="IJV648" s="613"/>
      <c r="IJW648" s="613"/>
      <c r="IJX648" s="613"/>
      <c r="IJY648" s="613"/>
      <c r="IJZ648" s="613"/>
      <c r="IKA648" s="613"/>
      <c r="IKB648" s="613"/>
      <c r="IKC648" s="613"/>
      <c r="IKD648" s="613"/>
      <c r="IKE648" s="613"/>
      <c r="IKF648" s="613"/>
      <c r="IKG648" s="613"/>
      <c r="IKH648" s="613"/>
      <c r="IKI648" s="613"/>
      <c r="IKJ648" s="613"/>
      <c r="IKK648" s="613"/>
      <c r="IKL648" s="613"/>
      <c r="IKM648" s="613"/>
      <c r="IKN648" s="613"/>
      <c r="IKO648" s="613"/>
      <c r="IKP648" s="613"/>
      <c r="IKQ648" s="613"/>
      <c r="IKR648" s="613"/>
      <c r="IKS648" s="613"/>
      <c r="IKT648" s="613"/>
      <c r="IKU648" s="613"/>
      <c r="IKV648" s="613"/>
      <c r="IKW648" s="613"/>
      <c r="IKX648" s="613"/>
      <c r="IKY648" s="613"/>
      <c r="IKZ648" s="613"/>
      <c r="ILA648" s="613"/>
      <c r="ILB648" s="613"/>
      <c r="ILC648" s="613"/>
      <c r="ILD648" s="613"/>
      <c r="ILE648" s="613"/>
      <c r="ILF648" s="613"/>
      <c r="ILG648" s="613"/>
      <c r="ILH648" s="613"/>
      <c r="ILI648" s="613"/>
      <c r="ILJ648" s="613"/>
      <c r="ILK648" s="613"/>
      <c r="ILL648" s="613"/>
      <c r="ILM648" s="613"/>
      <c r="ILN648" s="613"/>
      <c r="ILO648" s="613"/>
      <c r="ILP648" s="613"/>
      <c r="ILQ648" s="613"/>
      <c r="ILR648" s="613"/>
      <c r="ILS648" s="613"/>
      <c r="ILT648" s="613"/>
      <c r="ILU648" s="613"/>
      <c r="ILV648" s="613"/>
      <c r="ILW648" s="613"/>
      <c r="ILX648" s="613"/>
      <c r="ILY648" s="613"/>
      <c r="ILZ648" s="613"/>
      <c r="IMA648" s="613"/>
      <c r="IMB648" s="613"/>
      <c r="IMC648" s="613"/>
      <c r="IMD648" s="613"/>
      <c r="IME648" s="613"/>
      <c r="IMF648" s="613"/>
      <c r="IMG648" s="613"/>
      <c r="IMH648" s="613"/>
      <c r="IMI648" s="613"/>
      <c r="IMJ648" s="613"/>
      <c r="IMK648" s="613"/>
      <c r="IML648" s="613"/>
      <c r="IMM648" s="613"/>
      <c r="IMN648" s="613"/>
      <c r="IMO648" s="613"/>
      <c r="IMP648" s="613"/>
      <c r="IMQ648" s="613"/>
      <c r="IMR648" s="613"/>
      <c r="IMS648" s="613"/>
      <c r="IMT648" s="613"/>
      <c r="IMU648" s="613"/>
      <c r="IMV648" s="613"/>
      <c r="IMW648" s="613"/>
      <c r="IMX648" s="613"/>
      <c r="IMY648" s="613"/>
      <c r="IMZ648" s="613"/>
      <c r="INA648" s="613"/>
      <c r="INB648" s="613"/>
      <c r="INC648" s="613"/>
      <c r="IND648" s="613"/>
      <c r="INE648" s="613"/>
      <c r="INF648" s="613"/>
      <c r="ING648" s="613"/>
      <c r="INH648" s="613"/>
      <c r="INI648" s="613"/>
      <c r="INJ648" s="613"/>
      <c r="INK648" s="613"/>
      <c r="INL648" s="613"/>
      <c r="INM648" s="613"/>
      <c r="INN648" s="613"/>
      <c r="INO648" s="613"/>
      <c r="INP648" s="613"/>
      <c r="INQ648" s="613"/>
      <c r="INR648" s="613"/>
      <c r="INS648" s="613"/>
      <c r="INT648" s="613"/>
      <c r="INU648" s="613"/>
      <c r="INV648" s="613"/>
      <c r="INW648" s="613"/>
      <c r="INX648" s="613"/>
      <c r="INY648" s="613"/>
      <c r="INZ648" s="613"/>
      <c r="IOA648" s="613"/>
      <c r="IOB648" s="613"/>
      <c r="IOC648" s="613"/>
      <c r="IOD648" s="613"/>
      <c r="IOE648" s="613"/>
      <c r="IOF648" s="613"/>
      <c r="IOG648" s="613"/>
      <c r="IOH648" s="613"/>
      <c r="IOI648" s="613"/>
      <c r="IOJ648" s="613"/>
      <c r="IOK648" s="613"/>
      <c r="IOL648" s="613"/>
      <c r="IOM648" s="613"/>
      <c r="ION648" s="613"/>
      <c r="IOO648" s="613"/>
      <c r="IOP648" s="613"/>
      <c r="IOQ648" s="613"/>
      <c r="IOR648" s="613"/>
      <c r="IOS648" s="613"/>
      <c r="IOT648" s="613"/>
      <c r="IOU648" s="613"/>
      <c r="IOV648" s="613"/>
      <c r="IOW648" s="613"/>
      <c r="IOX648" s="613"/>
      <c r="IOY648" s="613"/>
      <c r="IOZ648" s="613"/>
      <c r="IPA648" s="613"/>
      <c r="IPB648" s="613"/>
      <c r="IPC648" s="613"/>
      <c r="IPD648" s="613"/>
      <c r="IPE648" s="613"/>
      <c r="IPF648" s="613"/>
      <c r="IPG648" s="613"/>
      <c r="IPH648" s="613"/>
      <c r="IPI648" s="613"/>
      <c r="IPJ648" s="613"/>
      <c r="IPK648" s="613"/>
      <c r="IPL648" s="613"/>
      <c r="IPM648" s="613"/>
      <c r="IPN648" s="613"/>
      <c r="IPO648" s="613"/>
      <c r="IPP648" s="613"/>
      <c r="IPQ648" s="613"/>
      <c r="IPR648" s="613"/>
      <c r="IPS648" s="613"/>
      <c r="IPT648" s="613"/>
      <c r="IPU648" s="613"/>
      <c r="IPV648" s="613"/>
      <c r="IPW648" s="613"/>
      <c r="IPX648" s="613"/>
      <c r="IPY648" s="613"/>
      <c r="IPZ648" s="613"/>
      <c r="IQA648" s="613"/>
      <c r="IQB648" s="613"/>
      <c r="IQC648" s="613"/>
      <c r="IQD648" s="613"/>
      <c r="IQE648" s="613"/>
      <c r="IQF648" s="613"/>
      <c r="IQG648" s="613"/>
      <c r="IQH648" s="613"/>
      <c r="IQI648" s="613"/>
      <c r="IQJ648" s="613"/>
      <c r="IQK648" s="613"/>
      <c r="IQL648" s="613"/>
      <c r="IQM648" s="613"/>
      <c r="IQN648" s="613"/>
      <c r="IQO648" s="613"/>
      <c r="IQP648" s="613"/>
      <c r="IQQ648" s="613"/>
      <c r="IQR648" s="613"/>
      <c r="IQS648" s="613"/>
      <c r="IQT648" s="613"/>
      <c r="IQU648" s="613"/>
      <c r="IQV648" s="613"/>
      <c r="IQW648" s="613"/>
      <c r="IQX648" s="613"/>
      <c r="IQY648" s="613"/>
      <c r="IQZ648" s="613"/>
      <c r="IRA648" s="613"/>
      <c r="IRB648" s="613"/>
      <c r="IRC648" s="613"/>
      <c r="IRD648" s="613"/>
      <c r="IRE648" s="613"/>
      <c r="IRF648" s="613"/>
      <c r="IRG648" s="613"/>
      <c r="IRH648" s="613"/>
      <c r="IRI648" s="613"/>
      <c r="IRJ648" s="613"/>
      <c r="IRK648" s="613"/>
      <c r="IRL648" s="613"/>
      <c r="IRM648" s="613"/>
      <c r="IRN648" s="613"/>
      <c r="IRO648" s="613"/>
      <c r="IRP648" s="613"/>
      <c r="IRQ648" s="613"/>
      <c r="IRR648" s="613"/>
      <c r="IRS648" s="613"/>
      <c r="IRT648" s="613"/>
      <c r="IRU648" s="613"/>
      <c r="IRV648" s="613"/>
      <c r="IRW648" s="613"/>
      <c r="IRX648" s="613"/>
      <c r="IRY648" s="613"/>
      <c r="IRZ648" s="613"/>
      <c r="ISA648" s="613"/>
      <c r="ISB648" s="613"/>
      <c r="ISC648" s="613"/>
      <c r="ISD648" s="613"/>
      <c r="ISE648" s="613"/>
      <c r="ISF648" s="613"/>
      <c r="ISG648" s="613"/>
      <c r="ISH648" s="613"/>
      <c r="ISI648" s="613"/>
      <c r="ISJ648" s="613"/>
      <c r="ISK648" s="613"/>
      <c r="ISL648" s="613"/>
      <c r="ISM648" s="613"/>
      <c r="ISN648" s="613"/>
      <c r="ISO648" s="613"/>
      <c r="ISP648" s="613"/>
      <c r="ISQ648" s="613"/>
      <c r="ISR648" s="613"/>
      <c r="ISS648" s="613"/>
      <c r="IST648" s="613"/>
      <c r="ISU648" s="613"/>
      <c r="ISV648" s="613"/>
      <c r="ISW648" s="613"/>
      <c r="ISX648" s="613"/>
      <c r="ISY648" s="613"/>
      <c r="ISZ648" s="613"/>
      <c r="ITA648" s="613"/>
      <c r="ITB648" s="613"/>
      <c r="ITC648" s="613"/>
      <c r="ITD648" s="613"/>
      <c r="ITE648" s="613"/>
      <c r="ITF648" s="613"/>
      <c r="ITG648" s="613"/>
      <c r="ITH648" s="613"/>
      <c r="ITI648" s="613"/>
      <c r="ITJ648" s="613"/>
      <c r="ITK648" s="613"/>
      <c r="ITL648" s="613"/>
      <c r="ITM648" s="613"/>
      <c r="ITN648" s="613"/>
      <c r="ITO648" s="613"/>
      <c r="ITP648" s="613"/>
      <c r="ITQ648" s="613"/>
      <c r="ITR648" s="613"/>
      <c r="ITS648" s="613"/>
      <c r="ITT648" s="613"/>
      <c r="ITU648" s="613"/>
      <c r="ITV648" s="613"/>
      <c r="ITW648" s="613"/>
      <c r="ITX648" s="613"/>
      <c r="ITY648" s="613"/>
      <c r="ITZ648" s="613"/>
      <c r="IUA648" s="613"/>
      <c r="IUB648" s="613"/>
      <c r="IUC648" s="613"/>
      <c r="IUD648" s="613"/>
      <c r="IUE648" s="613"/>
      <c r="IUF648" s="613"/>
      <c r="IUG648" s="613"/>
      <c r="IUH648" s="613"/>
      <c r="IUI648" s="613"/>
      <c r="IUJ648" s="613"/>
      <c r="IUK648" s="613"/>
      <c r="IUL648" s="613"/>
      <c r="IUM648" s="613"/>
      <c r="IUN648" s="613"/>
      <c r="IUO648" s="613"/>
      <c r="IUP648" s="613"/>
      <c r="IUQ648" s="613"/>
      <c r="IUR648" s="613"/>
      <c r="IUS648" s="613"/>
      <c r="IUT648" s="613"/>
      <c r="IUU648" s="613"/>
      <c r="IUV648" s="613"/>
      <c r="IUW648" s="613"/>
      <c r="IUX648" s="613"/>
      <c r="IUY648" s="613"/>
      <c r="IUZ648" s="613"/>
      <c r="IVA648" s="613"/>
      <c r="IVB648" s="613"/>
      <c r="IVC648" s="613"/>
      <c r="IVD648" s="613"/>
      <c r="IVE648" s="613"/>
      <c r="IVF648" s="613"/>
      <c r="IVG648" s="613"/>
      <c r="IVH648" s="613"/>
      <c r="IVI648" s="613"/>
      <c r="IVJ648" s="613"/>
      <c r="IVK648" s="613"/>
      <c r="IVL648" s="613"/>
      <c r="IVM648" s="613"/>
      <c r="IVN648" s="613"/>
      <c r="IVO648" s="613"/>
      <c r="IVP648" s="613"/>
      <c r="IVQ648" s="613"/>
      <c r="IVR648" s="613"/>
      <c r="IVS648" s="613"/>
      <c r="IVT648" s="613"/>
      <c r="IVU648" s="613"/>
      <c r="IVV648" s="613"/>
      <c r="IVW648" s="613"/>
      <c r="IVX648" s="613"/>
      <c r="IVY648" s="613"/>
      <c r="IVZ648" s="613"/>
      <c r="IWA648" s="613"/>
      <c r="IWB648" s="613"/>
      <c r="IWC648" s="613"/>
      <c r="IWD648" s="613"/>
      <c r="IWE648" s="613"/>
      <c r="IWF648" s="613"/>
      <c r="IWG648" s="613"/>
      <c r="IWH648" s="613"/>
      <c r="IWI648" s="613"/>
      <c r="IWJ648" s="613"/>
      <c r="IWK648" s="613"/>
      <c r="IWL648" s="613"/>
      <c r="IWM648" s="613"/>
      <c r="IWN648" s="613"/>
      <c r="IWO648" s="613"/>
      <c r="IWP648" s="613"/>
      <c r="IWQ648" s="613"/>
      <c r="IWR648" s="613"/>
      <c r="IWS648" s="613"/>
      <c r="IWT648" s="613"/>
      <c r="IWU648" s="613"/>
      <c r="IWV648" s="613"/>
      <c r="IWW648" s="613"/>
      <c r="IWX648" s="613"/>
      <c r="IWY648" s="613"/>
      <c r="IWZ648" s="613"/>
      <c r="IXA648" s="613"/>
      <c r="IXB648" s="613"/>
      <c r="IXC648" s="613"/>
      <c r="IXD648" s="613"/>
      <c r="IXE648" s="613"/>
      <c r="IXF648" s="613"/>
      <c r="IXG648" s="613"/>
      <c r="IXH648" s="613"/>
      <c r="IXI648" s="613"/>
      <c r="IXJ648" s="613"/>
      <c r="IXK648" s="613"/>
      <c r="IXL648" s="613"/>
      <c r="IXM648" s="613"/>
      <c r="IXN648" s="613"/>
      <c r="IXO648" s="613"/>
      <c r="IXP648" s="613"/>
      <c r="IXQ648" s="613"/>
      <c r="IXR648" s="613"/>
      <c r="IXS648" s="613"/>
      <c r="IXT648" s="613"/>
      <c r="IXU648" s="613"/>
      <c r="IXV648" s="613"/>
      <c r="IXW648" s="613"/>
      <c r="IXX648" s="613"/>
      <c r="IXY648" s="613"/>
      <c r="IXZ648" s="613"/>
      <c r="IYA648" s="613"/>
      <c r="IYB648" s="613"/>
      <c r="IYC648" s="613"/>
      <c r="IYD648" s="613"/>
      <c r="IYE648" s="613"/>
      <c r="IYF648" s="613"/>
      <c r="IYG648" s="613"/>
      <c r="IYH648" s="613"/>
      <c r="IYI648" s="613"/>
      <c r="IYJ648" s="613"/>
      <c r="IYK648" s="613"/>
      <c r="IYL648" s="613"/>
      <c r="IYM648" s="613"/>
      <c r="IYN648" s="613"/>
      <c r="IYO648" s="613"/>
      <c r="IYP648" s="613"/>
      <c r="IYQ648" s="613"/>
      <c r="IYR648" s="613"/>
      <c r="IYS648" s="613"/>
      <c r="IYT648" s="613"/>
      <c r="IYU648" s="613"/>
      <c r="IYV648" s="613"/>
      <c r="IYW648" s="613"/>
      <c r="IYX648" s="613"/>
      <c r="IYY648" s="613"/>
      <c r="IYZ648" s="613"/>
      <c r="IZA648" s="613"/>
      <c r="IZB648" s="613"/>
      <c r="IZC648" s="613"/>
      <c r="IZD648" s="613"/>
      <c r="IZE648" s="613"/>
      <c r="IZF648" s="613"/>
      <c r="IZG648" s="613"/>
      <c r="IZH648" s="613"/>
      <c r="IZI648" s="613"/>
      <c r="IZJ648" s="613"/>
      <c r="IZK648" s="613"/>
      <c r="IZL648" s="613"/>
      <c r="IZM648" s="613"/>
      <c r="IZN648" s="613"/>
      <c r="IZO648" s="613"/>
      <c r="IZP648" s="613"/>
      <c r="IZQ648" s="613"/>
      <c r="IZR648" s="613"/>
      <c r="IZS648" s="613"/>
      <c r="IZT648" s="613"/>
      <c r="IZU648" s="613"/>
      <c r="IZV648" s="613"/>
      <c r="IZW648" s="613"/>
      <c r="IZX648" s="613"/>
      <c r="IZY648" s="613"/>
      <c r="IZZ648" s="613"/>
      <c r="JAA648" s="613"/>
      <c r="JAB648" s="613"/>
      <c r="JAC648" s="613"/>
      <c r="JAD648" s="613"/>
      <c r="JAE648" s="613"/>
      <c r="JAF648" s="613"/>
      <c r="JAG648" s="613"/>
      <c r="JAH648" s="613"/>
      <c r="JAI648" s="613"/>
      <c r="JAJ648" s="613"/>
      <c r="JAK648" s="613"/>
      <c r="JAL648" s="613"/>
      <c r="JAM648" s="613"/>
      <c r="JAN648" s="613"/>
      <c r="JAO648" s="613"/>
      <c r="JAP648" s="613"/>
      <c r="JAQ648" s="613"/>
      <c r="JAR648" s="613"/>
      <c r="JAS648" s="613"/>
      <c r="JAT648" s="613"/>
      <c r="JAU648" s="613"/>
      <c r="JAV648" s="613"/>
      <c r="JAW648" s="613"/>
      <c r="JAX648" s="613"/>
      <c r="JAY648" s="613"/>
      <c r="JAZ648" s="613"/>
      <c r="JBA648" s="613"/>
      <c r="JBB648" s="613"/>
      <c r="JBC648" s="613"/>
      <c r="JBD648" s="613"/>
      <c r="JBE648" s="613"/>
      <c r="JBF648" s="613"/>
      <c r="JBG648" s="613"/>
      <c r="JBH648" s="613"/>
      <c r="JBI648" s="613"/>
      <c r="JBJ648" s="613"/>
      <c r="JBK648" s="613"/>
      <c r="JBL648" s="613"/>
      <c r="JBM648" s="613"/>
      <c r="JBN648" s="613"/>
      <c r="JBO648" s="613"/>
      <c r="JBP648" s="613"/>
      <c r="JBQ648" s="613"/>
      <c r="JBR648" s="613"/>
      <c r="JBS648" s="613"/>
      <c r="JBT648" s="613"/>
      <c r="JBU648" s="613"/>
      <c r="JBV648" s="613"/>
      <c r="JBW648" s="613"/>
      <c r="JBX648" s="613"/>
      <c r="JBY648" s="613"/>
      <c r="JBZ648" s="613"/>
      <c r="JCA648" s="613"/>
      <c r="JCB648" s="613"/>
      <c r="JCC648" s="613"/>
      <c r="JCD648" s="613"/>
      <c r="JCE648" s="613"/>
      <c r="JCF648" s="613"/>
      <c r="JCG648" s="613"/>
      <c r="JCH648" s="613"/>
      <c r="JCI648" s="613"/>
      <c r="JCJ648" s="613"/>
      <c r="JCK648" s="613"/>
      <c r="JCL648" s="613"/>
      <c r="JCM648" s="613"/>
      <c r="JCN648" s="613"/>
      <c r="JCO648" s="613"/>
      <c r="JCP648" s="613"/>
      <c r="JCQ648" s="613"/>
      <c r="JCR648" s="613"/>
      <c r="JCS648" s="613"/>
      <c r="JCT648" s="613"/>
      <c r="JCU648" s="613"/>
      <c r="JCV648" s="613"/>
      <c r="JCW648" s="613"/>
      <c r="JCX648" s="613"/>
      <c r="JCY648" s="613"/>
      <c r="JCZ648" s="613"/>
      <c r="JDA648" s="613"/>
      <c r="JDB648" s="613"/>
      <c r="JDC648" s="613"/>
      <c r="JDD648" s="613"/>
      <c r="JDE648" s="613"/>
      <c r="JDF648" s="613"/>
      <c r="JDG648" s="613"/>
      <c r="JDH648" s="613"/>
      <c r="JDI648" s="613"/>
      <c r="JDJ648" s="613"/>
      <c r="JDK648" s="613"/>
      <c r="JDL648" s="613"/>
      <c r="JDM648" s="613"/>
      <c r="JDN648" s="613"/>
      <c r="JDO648" s="613"/>
      <c r="JDP648" s="613"/>
      <c r="JDQ648" s="613"/>
      <c r="JDR648" s="613"/>
      <c r="JDS648" s="613"/>
      <c r="JDT648" s="613"/>
      <c r="JDU648" s="613"/>
      <c r="JDV648" s="613"/>
      <c r="JDW648" s="613"/>
      <c r="JDX648" s="613"/>
      <c r="JDY648" s="613"/>
      <c r="JDZ648" s="613"/>
      <c r="JEA648" s="613"/>
      <c r="JEB648" s="613"/>
      <c r="JEC648" s="613"/>
      <c r="JED648" s="613"/>
      <c r="JEE648" s="613"/>
      <c r="JEF648" s="613"/>
      <c r="JEG648" s="613"/>
      <c r="JEH648" s="613"/>
      <c r="JEI648" s="613"/>
      <c r="JEJ648" s="613"/>
      <c r="JEK648" s="613"/>
      <c r="JEL648" s="613"/>
      <c r="JEM648" s="613"/>
      <c r="JEN648" s="613"/>
      <c r="JEO648" s="613"/>
      <c r="JEP648" s="613"/>
      <c r="JEQ648" s="613"/>
      <c r="JER648" s="613"/>
      <c r="JES648" s="613"/>
      <c r="JET648" s="613"/>
      <c r="JEU648" s="613"/>
      <c r="JEV648" s="613"/>
      <c r="JEW648" s="613"/>
      <c r="JEX648" s="613"/>
      <c r="JEY648" s="613"/>
      <c r="JEZ648" s="613"/>
      <c r="JFA648" s="613"/>
      <c r="JFB648" s="613"/>
      <c r="JFC648" s="613"/>
      <c r="JFD648" s="613"/>
      <c r="JFE648" s="613"/>
      <c r="JFF648" s="613"/>
      <c r="JFG648" s="613"/>
      <c r="JFH648" s="613"/>
      <c r="JFI648" s="613"/>
      <c r="JFJ648" s="613"/>
      <c r="JFK648" s="613"/>
      <c r="JFL648" s="613"/>
      <c r="JFM648" s="613"/>
      <c r="JFN648" s="613"/>
      <c r="JFO648" s="613"/>
      <c r="JFP648" s="613"/>
      <c r="JFQ648" s="613"/>
      <c r="JFR648" s="613"/>
      <c r="JFS648" s="613"/>
      <c r="JFT648" s="613"/>
      <c r="JFU648" s="613"/>
      <c r="JFV648" s="613"/>
      <c r="JFW648" s="613"/>
      <c r="JFX648" s="613"/>
      <c r="JFY648" s="613"/>
      <c r="JFZ648" s="613"/>
      <c r="JGA648" s="613"/>
      <c r="JGB648" s="613"/>
      <c r="JGC648" s="613"/>
      <c r="JGD648" s="613"/>
      <c r="JGE648" s="613"/>
      <c r="JGF648" s="613"/>
      <c r="JGG648" s="613"/>
      <c r="JGH648" s="613"/>
      <c r="JGI648" s="613"/>
      <c r="JGJ648" s="613"/>
      <c r="JGK648" s="613"/>
      <c r="JGL648" s="613"/>
      <c r="JGM648" s="613"/>
      <c r="JGN648" s="613"/>
      <c r="JGO648" s="613"/>
      <c r="JGP648" s="613"/>
      <c r="JGQ648" s="613"/>
      <c r="JGR648" s="613"/>
      <c r="JGS648" s="613"/>
      <c r="JGT648" s="613"/>
      <c r="JGU648" s="613"/>
      <c r="JGV648" s="613"/>
      <c r="JGW648" s="613"/>
      <c r="JGX648" s="613"/>
      <c r="JGY648" s="613"/>
      <c r="JGZ648" s="613"/>
      <c r="JHA648" s="613"/>
      <c r="JHB648" s="613"/>
      <c r="JHC648" s="613"/>
      <c r="JHD648" s="613"/>
      <c r="JHE648" s="613"/>
      <c r="JHF648" s="613"/>
      <c r="JHG648" s="613"/>
      <c r="JHH648" s="613"/>
      <c r="JHI648" s="613"/>
      <c r="JHJ648" s="613"/>
      <c r="JHK648" s="613"/>
      <c r="JHL648" s="613"/>
      <c r="JHM648" s="613"/>
      <c r="JHN648" s="613"/>
      <c r="JHO648" s="613"/>
      <c r="JHP648" s="613"/>
      <c r="JHQ648" s="613"/>
      <c r="JHR648" s="613"/>
      <c r="JHS648" s="613"/>
      <c r="JHT648" s="613"/>
      <c r="JHU648" s="613"/>
      <c r="JHV648" s="613"/>
      <c r="JHW648" s="613"/>
      <c r="JHX648" s="613"/>
      <c r="JHY648" s="613"/>
      <c r="JHZ648" s="613"/>
      <c r="JIA648" s="613"/>
      <c r="JIB648" s="613"/>
      <c r="JIC648" s="613"/>
      <c r="JID648" s="613"/>
      <c r="JIE648" s="613"/>
      <c r="JIF648" s="613"/>
      <c r="JIG648" s="613"/>
      <c r="JIH648" s="613"/>
      <c r="JII648" s="613"/>
      <c r="JIJ648" s="613"/>
      <c r="JIK648" s="613"/>
      <c r="JIL648" s="613"/>
      <c r="JIM648" s="613"/>
      <c r="JIN648" s="613"/>
      <c r="JIO648" s="613"/>
      <c r="JIP648" s="613"/>
      <c r="JIQ648" s="613"/>
      <c r="JIR648" s="613"/>
      <c r="JIS648" s="613"/>
      <c r="JIT648" s="613"/>
      <c r="JIU648" s="613"/>
      <c r="JIV648" s="613"/>
      <c r="JIW648" s="613"/>
      <c r="JIX648" s="613"/>
      <c r="JIY648" s="613"/>
      <c r="JIZ648" s="613"/>
      <c r="JJA648" s="613"/>
      <c r="JJB648" s="613"/>
      <c r="JJC648" s="613"/>
      <c r="JJD648" s="613"/>
      <c r="JJE648" s="613"/>
      <c r="JJF648" s="613"/>
      <c r="JJG648" s="613"/>
      <c r="JJH648" s="613"/>
      <c r="JJI648" s="613"/>
      <c r="JJJ648" s="613"/>
      <c r="JJK648" s="613"/>
      <c r="JJL648" s="613"/>
      <c r="JJM648" s="613"/>
      <c r="JJN648" s="613"/>
      <c r="JJO648" s="613"/>
      <c r="JJP648" s="613"/>
      <c r="JJQ648" s="613"/>
      <c r="JJR648" s="613"/>
      <c r="JJS648" s="613"/>
      <c r="JJT648" s="613"/>
      <c r="JJU648" s="613"/>
      <c r="JJV648" s="613"/>
      <c r="JJW648" s="613"/>
      <c r="JJX648" s="613"/>
      <c r="JJY648" s="613"/>
      <c r="JJZ648" s="613"/>
      <c r="JKA648" s="613"/>
      <c r="JKB648" s="613"/>
      <c r="JKC648" s="613"/>
      <c r="JKD648" s="613"/>
      <c r="JKE648" s="613"/>
      <c r="JKF648" s="613"/>
      <c r="JKG648" s="613"/>
      <c r="JKH648" s="613"/>
      <c r="JKI648" s="613"/>
      <c r="JKJ648" s="613"/>
      <c r="JKK648" s="613"/>
      <c r="JKL648" s="613"/>
      <c r="JKM648" s="613"/>
      <c r="JKN648" s="613"/>
      <c r="JKO648" s="613"/>
      <c r="JKP648" s="613"/>
      <c r="JKQ648" s="613"/>
      <c r="JKR648" s="613"/>
      <c r="JKS648" s="613"/>
      <c r="JKT648" s="613"/>
      <c r="JKU648" s="613"/>
      <c r="JKV648" s="613"/>
      <c r="JKW648" s="613"/>
      <c r="JKX648" s="613"/>
      <c r="JKY648" s="613"/>
      <c r="JKZ648" s="613"/>
      <c r="JLA648" s="613"/>
      <c r="JLB648" s="613"/>
      <c r="JLC648" s="613"/>
      <c r="JLD648" s="613"/>
      <c r="JLE648" s="613"/>
      <c r="JLF648" s="613"/>
      <c r="JLG648" s="613"/>
      <c r="JLH648" s="613"/>
      <c r="JLI648" s="613"/>
      <c r="JLJ648" s="613"/>
      <c r="JLK648" s="613"/>
      <c r="JLL648" s="613"/>
      <c r="JLM648" s="613"/>
      <c r="JLN648" s="613"/>
      <c r="JLO648" s="613"/>
      <c r="JLP648" s="613"/>
      <c r="JLQ648" s="613"/>
      <c r="JLR648" s="613"/>
      <c r="JLS648" s="613"/>
      <c r="JLT648" s="613"/>
      <c r="JLU648" s="613"/>
      <c r="JLV648" s="613"/>
      <c r="JLW648" s="613"/>
      <c r="JLX648" s="613"/>
      <c r="JLY648" s="613"/>
      <c r="JLZ648" s="613"/>
      <c r="JMA648" s="613"/>
      <c r="JMB648" s="613"/>
      <c r="JMC648" s="613"/>
      <c r="JMD648" s="613"/>
      <c r="JME648" s="613"/>
      <c r="JMF648" s="613"/>
      <c r="JMG648" s="613"/>
      <c r="JMH648" s="613"/>
      <c r="JMI648" s="613"/>
      <c r="JMJ648" s="613"/>
      <c r="JMK648" s="613"/>
      <c r="JML648" s="613"/>
      <c r="JMM648" s="613"/>
      <c r="JMN648" s="613"/>
      <c r="JMO648" s="613"/>
      <c r="JMP648" s="613"/>
      <c r="JMQ648" s="613"/>
      <c r="JMR648" s="613"/>
      <c r="JMS648" s="613"/>
      <c r="JMT648" s="613"/>
      <c r="JMU648" s="613"/>
      <c r="JMV648" s="613"/>
      <c r="JMW648" s="613"/>
      <c r="JMX648" s="613"/>
      <c r="JMY648" s="613"/>
      <c r="JMZ648" s="613"/>
      <c r="JNA648" s="613"/>
      <c r="JNB648" s="613"/>
      <c r="JNC648" s="613"/>
      <c r="JND648" s="613"/>
      <c r="JNE648" s="613"/>
      <c r="JNF648" s="613"/>
      <c r="JNG648" s="613"/>
      <c r="JNH648" s="613"/>
      <c r="JNI648" s="613"/>
      <c r="JNJ648" s="613"/>
      <c r="JNK648" s="613"/>
      <c r="JNL648" s="613"/>
      <c r="JNM648" s="613"/>
      <c r="JNN648" s="613"/>
      <c r="JNO648" s="613"/>
      <c r="JNP648" s="613"/>
      <c r="JNQ648" s="613"/>
      <c r="JNR648" s="613"/>
      <c r="JNS648" s="613"/>
      <c r="JNT648" s="613"/>
      <c r="JNU648" s="613"/>
      <c r="JNV648" s="613"/>
      <c r="JNW648" s="613"/>
      <c r="JNX648" s="613"/>
      <c r="JNY648" s="613"/>
      <c r="JNZ648" s="613"/>
      <c r="JOA648" s="613"/>
      <c r="JOB648" s="613"/>
      <c r="JOC648" s="613"/>
      <c r="JOD648" s="613"/>
      <c r="JOE648" s="613"/>
      <c r="JOF648" s="613"/>
      <c r="JOG648" s="613"/>
      <c r="JOH648" s="613"/>
      <c r="JOI648" s="613"/>
      <c r="JOJ648" s="613"/>
      <c r="JOK648" s="613"/>
      <c r="JOL648" s="613"/>
      <c r="JOM648" s="613"/>
      <c r="JON648" s="613"/>
      <c r="JOO648" s="613"/>
      <c r="JOP648" s="613"/>
      <c r="JOQ648" s="613"/>
      <c r="JOR648" s="613"/>
      <c r="JOS648" s="613"/>
      <c r="JOT648" s="613"/>
      <c r="JOU648" s="613"/>
      <c r="JOV648" s="613"/>
      <c r="JOW648" s="613"/>
      <c r="JOX648" s="613"/>
      <c r="JOY648" s="613"/>
      <c r="JOZ648" s="613"/>
      <c r="JPA648" s="613"/>
      <c r="JPB648" s="613"/>
      <c r="JPC648" s="613"/>
      <c r="JPD648" s="613"/>
      <c r="JPE648" s="613"/>
      <c r="JPF648" s="613"/>
      <c r="JPG648" s="613"/>
      <c r="JPH648" s="613"/>
      <c r="JPI648" s="613"/>
      <c r="JPJ648" s="613"/>
      <c r="JPK648" s="613"/>
      <c r="JPL648" s="613"/>
      <c r="JPM648" s="613"/>
      <c r="JPN648" s="613"/>
      <c r="JPO648" s="613"/>
      <c r="JPP648" s="613"/>
      <c r="JPQ648" s="613"/>
      <c r="JPR648" s="613"/>
      <c r="JPS648" s="613"/>
      <c r="JPT648" s="613"/>
      <c r="JPU648" s="613"/>
      <c r="JPV648" s="613"/>
      <c r="JPW648" s="613"/>
      <c r="JPX648" s="613"/>
      <c r="JPY648" s="613"/>
      <c r="JPZ648" s="613"/>
      <c r="JQA648" s="613"/>
      <c r="JQB648" s="613"/>
      <c r="JQC648" s="613"/>
      <c r="JQD648" s="613"/>
      <c r="JQE648" s="613"/>
      <c r="JQF648" s="613"/>
      <c r="JQG648" s="613"/>
      <c r="JQH648" s="613"/>
      <c r="JQI648" s="613"/>
      <c r="JQJ648" s="613"/>
      <c r="JQK648" s="613"/>
      <c r="JQL648" s="613"/>
      <c r="JQM648" s="613"/>
      <c r="JQN648" s="613"/>
      <c r="JQO648" s="613"/>
      <c r="JQP648" s="613"/>
      <c r="JQQ648" s="613"/>
      <c r="JQR648" s="613"/>
      <c r="JQS648" s="613"/>
      <c r="JQT648" s="613"/>
      <c r="JQU648" s="613"/>
      <c r="JQV648" s="613"/>
      <c r="JQW648" s="613"/>
      <c r="JQX648" s="613"/>
      <c r="JQY648" s="613"/>
      <c r="JQZ648" s="613"/>
      <c r="JRA648" s="613"/>
      <c r="JRB648" s="613"/>
      <c r="JRC648" s="613"/>
      <c r="JRD648" s="613"/>
      <c r="JRE648" s="613"/>
      <c r="JRF648" s="613"/>
      <c r="JRG648" s="613"/>
      <c r="JRH648" s="613"/>
      <c r="JRI648" s="613"/>
      <c r="JRJ648" s="613"/>
      <c r="JRK648" s="613"/>
      <c r="JRL648" s="613"/>
      <c r="JRM648" s="613"/>
      <c r="JRN648" s="613"/>
      <c r="JRO648" s="613"/>
      <c r="JRP648" s="613"/>
      <c r="JRQ648" s="613"/>
      <c r="JRR648" s="613"/>
      <c r="JRS648" s="613"/>
      <c r="JRT648" s="613"/>
      <c r="JRU648" s="613"/>
      <c r="JRV648" s="613"/>
      <c r="JRW648" s="613"/>
      <c r="JRX648" s="613"/>
      <c r="JRY648" s="613"/>
      <c r="JRZ648" s="613"/>
      <c r="JSA648" s="613"/>
      <c r="JSB648" s="613"/>
      <c r="JSC648" s="613"/>
      <c r="JSD648" s="613"/>
      <c r="JSE648" s="613"/>
      <c r="JSF648" s="613"/>
      <c r="JSG648" s="613"/>
      <c r="JSH648" s="613"/>
      <c r="JSI648" s="613"/>
      <c r="JSJ648" s="613"/>
      <c r="JSK648" s="613"/>
      <c r="JSL648" s="613"/>
      <c r="JSM648" s="613"/>
      <c r="JSN648" s="613"/>
      <c r="JSO648" s="613"/>
      <c r="JSP648" s="613"/>
      <c r="JSQ648" s="613"/>
      <c r="JSR648" s="613"/>
      <c r="JSS648" s="613"/>
      <c r="JST648" s="613"/>
      <c r="JSU648" s="613"/>
      <c r="JSV648" s="613"/>
      <c r="JSW648" s="613"/>
      <c r="JSX648" s="613"/>
      <c r="JSY648" s="613"/>
      <c r="JSZ648" s="613"/>
      <c r="JTA648" s="613"/>
      <c r="JTB648" s="613"/>
      <c r="JTC648" s="613"/>
      <c r="JTD648" s="613"/>
      <c r="JTE648" s="613"/>
      <c r="JTF648" s="613"/>
      <c r="JTG648" s="613"/>
      <c r="JTH648" s="613"/>
      <c r="JTI648" s="613"/>
      <c r="JTJ648" s="613"/>
      <c r="JTK648" s="613"/>
      <c r="JTL648" s="613"/>
      <c r="JTM648" s="613"/>
      <c r="JTN648" s="613"/>
      <c r="JTO648" s="613"/>
      <c r="JTP648" s="613"/>
      <c r="JTQ648" s="613"/>
      <c r="JTR648" s="613"/>
      <c r="JTS648" s="613"/>
      <c r="JTT648" s="613"/>
      <c r="JTU648" s="613"/>
      <c r="JTV648" s="613"/>
      <c r="JTW648" s="613"/>
      <c r="JTX648" s="613"/>
      <c r="JTY648" s="613"/>
      <c r="JTZ648" s="613"/>
      <c r="JUA648" s="613"/>
      <c r="JUB648" s="613"/>
      <c r="JUC648" s="613"/>
      <c r="JUD648" s="613"/>
      <c r="JUE648" s="613"/>
      <c r="JUF648" s="613"/>
      <c r="JUG648" s="613"/>
      <c r="JUH648" s="613"/>
      <c r="JUI648" s="613"/>
      <c r="JUJ648" s="613"/>
      <c r="JUK648" s="613"/>
      <c r="JUL648" s="613"/>
      <c r="JUM648" s="613"/>
      <c r="JUN648" s="613"/>
      <c r="JUO648" s="613"/>
      <c r="JUP648" s="613"/>
      <c r="JUQ648" s="613"/>
      <c r="JUR648" s="613"/>
      <c r="JUS648" s="613"/>
      <c r="JUT648" s="613"/>
      <c r="JUU648" s="613"/>
      <c r="JUV648" s="613"/>
      <c r="JUW648" s="613"/>
      <c r="JUX648" s="613"/>
      <c r="JUY648" s="613"/>
      <c r="JUZ648" s="613"/>
      <c r="JVA648" s="613"/>
      <c r="JVB648" s="613"/>
      <c r="JVC648" s="613"/>
      <c r="JVD648" s="613"/>
      <c r="JVE648" s="613"/>
      <c r="JVF648" s="613"/>
      <c r="JVG648" s="613"/>
      <c r="JVH648" s="613"/>
      <c r="JVI648" s="613"/>
      <c r="JVJ648" s="613"/>
      <c r="JVK648" s="613"/>
      <c r="JVL648" s="613"/>
      <c r="JVM648" s="613"/>
      <c r="JVN648" s="613"/>
      <c r="JVO648" s="613"/>
      <c r="JVP648" s="613"/>
      <c r="JVQ648" s="613"/>
      <c r="JVR648" s="613"/>
      <c r="JVS648" s="613"/>
      <c r="JVT648" s="613"/>
      <c r="JVU648" s="613"/>
      <c r="JVV648" s="613"/>
      <c r="JVW648" s="613"/>
      <c r="JVX648" s="613"/>
      <c r="JVY648" s="613"/>
      <c r="JVZ648" s="613"/>
      <c r="JWA648" s="613"/>
      <c r="JWB648" s="613"/>
      <c r="JWC648" s="613"/>
      <c r="JWD648" s="613"/>
      <c r="JWE648" s="613"/>
      <c r="JWF648" s="613"/>
      <c r="JWG648" s="613"/>
      <c r="JWH648" s="613"/>
      <c r="JWI648" s="613"/>
      <c r="JWJ648" s="613"/>
      <c r="JWK648" s="613"/>
      <c r="JWL648" s="613"/>
      <c r="JWM648" s="613"/>
      <c r="JWN648" s="613"/>
      <c r="JWO648" s="613"/>
      <c r="JWP648" s="613"/>
      <c r="JWQ648" s="613"/>
      <c r="JWR648" s="613"/>
      <c r="JWS648" s="613"/>
      <c r="JWT648" s="613"/>
      <c r="JWU648" s="613"/>
      <c r="JWV648" s="613"/>
      <c r="JWW648" s="613"/>
      <c r="JWX648" s="613"/>
      <c r="JWY648" s="613"/>
      <c r="JWZ648" s="613"/>
      <c r="JXA648" s="613"/>
      <c r="JXB648" s="613"/>
      <c r="JXC648" s="613"/>
      <c r="JXD648" s="613"/>
      <c r="JXE648" s="613"/>
      <c r="JXF648" s="613"/>
      <c r="JXG648" s="613"/>
      <c r="JXH648" s="613"/>
      <c r="JXI648" s="613"/>
      <c r="JXJ648" s="613"/>
      <c r="JXK648" s="613"/>
      <c r="JXL648" s="613"/>
      <c r="JXM648" s="613"/>
      <c r="JXN648" s="613"/>
      <c r="JXO648" s="613"/>
      <c r="JXP648" s="613"/>
      <c r="JXQ648" s="613"/>
      <c r="JXR648" s="613"/>
      <c r="JXS648" s="613"/>
      <c r="JXT648" s="613"/>
      <c r="JXU648" s="613"/>
      <c r="JXV648" s="613"/>
      <c r="JXW648" s="613"/>
      <c r="JXX648" s="613"/>
      <c r="JXY648" s="613"/>
      <c r="JXZ648" s="613"/>
      <c r="JYA648" s="613"/>
      <c r="JYB648" s="613"/>
      <c r="JYC648" s="613"/>
      <c r="JYD648" s="613"/>
      <c r="JYE648" s="613"/>
      <c r="JYF648" s="613"/>
      <c r="JYG648" s="613"/>
      <c r="JYH648" s="613"/>
      <c r="JYI648" s="613"/>
      <c r="JYJ648" s="613"/>
      <c r="JYK648" s="613"/>
      <c r="JYL648" s="613"/>
      <c r="JYM648" s="613"/>
      <c r="JYN648" s="613"/>
      <c r="JYO648" s="613"/>
      <c r="JYP648" s="613"/>
      <c r="JYQ648" s="613"/>
      <c r="JYR648" s="613"/>
      <c r="JYS648" s="613"/>
      <c r="JYT648" s="613"/>
      <c r="JYU648" s="613"/>
      <c r="JYV648" s="613"/>
      <c r="JYW648" s="613"/>
      <c r="JYX648" s="613"/>
      <c r="JYY648" s="613"/>
      <c r="JYZ648" s="613"/>
      <c r="JZA648" s="613"/>
      <c r="JZB648" s="613"/>
      <c r="JZC648" s="613"/>
      <c r="JZD648" s="613"/>
      <c r="JZE648" s="613"/>
      <c r="JZF648" s="613"/>
      <c r="JZG648" s="613"/>
      <c r="JZH648" s="613"/>
      <c r="JZI648" s="613"/>
      <c r="JZJ648" s="613"/>
      <c r="JZK648" s="613"/>
      <c r="JZL648" s="613"/>
      <c r="JZM648" s="613"/>
      <c r="JZN648" s="613"/>
      <c r="JZO648" s="613"/>
      <c r="JZP648" s="613"/>
      <c r="JZQ648" s="613"/>
      <c r="JZR648" s="613"/>
      <c r="JZS648" s="613"/>
      <c r="JZT648" s="613"/>
      <c r="JZU648" s="613"/>
      <c r="JZV648" s="613"/>
      <c r="JZW648" s="613"/>
      <c r="JZX648" s="613"/>
      <c r="JZY648" s="613"/>
      <c r="JZZ648" s="613"/>
      <c r="KAA648" s="613"/>
      <c r="KAB648" s="613"/>
      <c r="KAC648" s="613"/>
      <c r="KAD648" s="613"/>
      <c r="KAE648" s="613"/>
      <c r="KAF648" s="613"/>
      <c r="KAG648" s="613"/>
      <c r="KAH648" s="613"/>
      <c r="KAI648" s="613"/>
      <c r="KAJ648" s="613"/>
      <c r="KAK648" s="613"/>
      <c r="KAL648" s="613"/>
      <c r="KAM648" s="613"/>
      <c r="KAN648" s="613"/>
      <c r="KAO648" s="613"/>
      <c r="KAP648" s="613"/>
      <c r="KAQ648" s="613"/>
      <c r="KAR648" s="613"/>
      <c r="KAS648" s="613"/>
      <c r="KAT648" s="613"/>
      <c r="KAU648" s="613"/>
      <c r="KAV648" s="613"/>
      <c r="KAW648" s="613"/>
      <c r="KAX648" s="613"/>
      <c r="KAY648" s="613"/>
      <c r="KAZ648" s="613"/>
      <c r="KBA648" s="613"/>
      <c r="KBB648" s="613"/>
      <c r="KBC648" s="613"/>
      <c r="KBD648" s="613"/>
      <c r="KBE648" s="613"/>
      <c r="KBF648" s="613"/>
      <c r="KBG648" s="613"/>
      <c r="KBH648" s="613"/>
      <c r="KBI648" s="613"/>
      <c r="KBJ648" s="613"/>
      <c r="KBK648" s="613"/>
      <c r="KBL648" s="613"/>
      <c r="KBM648" s="613"/>
      <c r="KBN648" s="613"/>
      <c r="KBO648" s="613"/>
      <c r="KBP648" s="613"/>
      <c r="KBQ648" s="613"/>
      <c r="KBR648" s="613"/>
      <c r="KBS648" s="613"/>
      <c r="KBT648" s="613"/>
      <c r="KBU648" s="613"/>
      <c r="KBV648" s="613"/>
      <c r="KBW648" s="613"/>
      <c r="KBX648" s="613"/>
      <c r="KBY648" s="613"/>
      <c r="KBZ648" s="613"/>
      <c r="KCA648" s="613"/>
      <c r="KCB648" s="613"/>
      <c r="KCC648" s="613"/>
      <c r="KCD648" s="613"/>
      <c r="KCE648" s="613"/>
      <c r="KCF648" s="613"/>
      <c r="KCG648" s="613"/>
      <c r="KCH648" s="613"/>
      <c r="KCI648" s="613"/>
      <c r="KCJ648" s="613"/>
      <c r="KCK648" s="613"/>
      <c r="KCL648" s="613"/>
      <c r="KCM648" s="613"/>
      <c r="KCN648" s="613"/>
      <c r="KCO648" s="613"/>
      <c r="KCP648" s="613"/>
      <c r="KCQ648" s="613"/>
      <c r="KCR648" s="613"/>
      <c r="KCS648" s="613"/>
      <c r="KCT648" s="613"/>
      <c r="KCU648" s="613"/>
      <c r="KCV648" s="613"/>
      <c r="KCW648" s="613"/>
      <c r="KCX648" s="613"/>
      <c r="KCY648" s="613"/>
      <c r="KCZ648" s="613"/>
      <c r="KDA648" s="613"/>
      <c r="KDB648" s="613"/>
      <c r="KDC648" s="613"/>
      <c r="KDD648" s="613"/>
      <c r="KDE648" s="613"/>
      <c r="KDF648" s="613"/>
      <c r="KDG648" s="613"/>
      <c r="KDH648" s="613"/>
      <c r="KDI648" s="613"/>
      <c r="KDJ648" s="613"/>
      <c r="KDK648" s="613"/>
      <c r="KDL648" s="613"/>
      <c r="KDM648" s="613"/>
      <c r="KDN648" s="613"/>
      <c r="KDO648" s="613"/>
      <c r="KDP648" s="613"/>
      <c r="KDQ648" s="613"/>
      <c r="KDR648" s="613"/>
      <c r="KDS648" s="613"/>
      <c r="KDT648" s="613"/>
      <c r="KDU648" s="613"/>
      <c r="KDV648" s="613"/>
      <c r="KDW648" s="613"/>
      <c r="KDX648" s="613"/>
      <c r="KDY648" s="613"/>
      <c r="KDZ648" s="613"/>
      <c r="KEA648" s="613"/>
      <c r="KEB648" s="613"/>
      <c r="KEC648" s="613"/>
      <c r="KED648" s="613"/>
      <c r="KEE648" s="613"/>
      <c r="KEF648" s="613"/>
      <c r="KEG648" s="613"/>
      <c r="KEH648" s="613"/>
      <c r="KEI648" s="613"/>
      <c r="KEJ648" s="613"/>
      <c r="KEK648" s="613"/>
      <c r="KEL648" s="613"/>
      <c r="KEM648" s="613"/>
      <c r="KEN648" s="613"/>
      <c r="KEO648" s="613"/>
      <c r="KEP648" s="613"/>
      <c r="KEQ648" s="613"/>
      <c r="KER648" s="613"/>
      <c r="KES648" s="613"/>
      <c r="KET648" s="613"/>
      <c r="KEU648" s="613"/>
      <c r="KEV648" s="613"/>
      <c r="KEW648" s="613"/>
      <c r="KEX648" s="613"/>
      <c r="KEY648" s="613"/>
      <c r="KEZ648" s="613"/>
      <c r="KFA648" s="613"/>
      <c r="KFB648" s="613"/>
      <c r="KFC648" s="613"/>
      <c r="KFD648" s="613"/>
      <c r="KFE648" s="613"/>
      <c r="KFF648" s="613"/>
      <c r="KFG648" s="613"/>
      <c r="KFH648" s="613"/>
      <c r="KFI648" s="613"/>
      <c r="KFJ648" s="613"/>
      <c r="KFK648" s="613"/>
      <c r="KFL648" s="613"/>
      <c r="KFM648" s="613"/>
      <c r="KFN648" s="613"/>
      <c r="KFO648" s="613"/>
      <c r="KFP648" s="613"/>
      <c r="KFQ648" s="613"/>
      <c r="KFR648" s="613"/>
      <c r="KFS648" s="613"/>
      <c r="KFT648" s="613"/>
      <c r="KFU648" s="613"/>
      <c r="KFV648" s="613"/>
      <c r="KFW648" s="613"/>
      <c r="KFX648" s="613"/>
      <c r="KFY648" s="613"/>
      <c r="KFZ648" s="613"/>
      <c r="KGA648" s="613"/>
      <c r="KGB648" s="613"/>
      <c r="KGC648" s="613"/>
      <c r="KGD648" s="613"/>
      <c r="KGE648" s="613"/>
      <c r="KGF648" s="613"/>
      <c r="KGG648" s="613"/>
      <c r="KGH648" s="613"/>
      <c r="KGI648" s="613"/>
      <c r="KGJ648" s="613"/>
      <c r="KGK648" s="613"/>
      <c r="KGL648" s="613"/>
      <c r="KGM648" s="613"/>
      <c r="KGN648" s="613"/>
      <c r="KGO648" s="613"/>
      <c r="KGP648" s="613"/>
      <c r="KGQ648" s="613"/>
      <c r="KGR648" s="613"/>
      <c r="KGS648" s="613"/>
      <c r="KGT648" s="613"/>
      <c r="KGU648" s="613"/>
      <c r="KGV648" s="613"/>
      <c r="KGW648" s="613"/>
      <c r="KGX648" s="613"/>
      <c r="KGY648" s="613"/>
      <c r="KGZ648" s="613"/>
      <c r="KHA648" s="613"/>
      <c r="KHB648" s="613"/>
      <c r="KHC648" s="613"/>
      <c r="KHD648" s="613"/>
      <c r="KHE648" s="613"/>
      <c r="KHF648" s="613"/>
      <c r="KHG648" s="613"/>
      <c r="KHH648" s="613"/>
      <c r="KHI648" s="613"/>
      <c r="KHJ648" s="613"/>
      <c r="KHK648" s="613"/>
      <c r="KHL648" s="613"/>
      <c r="KHM648" s="613"/>
      <c r="KHN648" s="613"/>
      <c r="KHO648" s="613"/>
      <c r="KHP648" s="613"/>
      <c r="KHQ648" s="613"/>
      <c r="KHR648" s="613"/>
      <c r="KHS648" s="613"/>
      <c r="KHT648" s="613"/>
      <c r="KHU648" s="613"/>
      <c r="KHV648" s="613"/>
      <c r="KHW648" s="613"/>
      <c r="KHX648" s="613"/>
      <c r="KHY648" s="613"/>
      <c r="KHZ648" s="613"/>
      <c r="KIA648" s="613"/>
      <c r="KIB648" s="613"/>
      <c r="KIC648" s="613"/>
      <c r="KID648" s="613"/>
      <c r="KIE648" s="613"/>
      <c r="KIF648" s="613"/>
      <c r="KIG648" s="613"/>
      <c r="KIH648" s="613"/>
      <c r="KII648" s="613"/>
      <c r="KIJ648" s="613"/>
      <c r="KIK648" s="613"/>
      <c r="KIL648" s="613"/>
      <c r="KIM648" s="613"/>
      <c r="KIN648" s="613"/>
      <c r="KIO648" s="613"/>
      <c r="KIP648" s="613"/>
      <c r="KIQ648" s="613"/>
      <c r="KIR648" s="613"/>
      <c r="KIS648" s="613"/>
      <c r="KIT648" s="613"/>
      <c r="KIU648" s="613"/>
      <c r="KIV648" s="613"/>
      <c r="KIW648" s="613"/>
      <c r="KIX648" s="613"/>
      <c r="KIY648" s="613"/>
      <c r="KIZ648" s="613"/>
      <c r="KJA648" s="613"/>
      <c r="KJB648" s="613"/>
      <c r="KJC648" s="613"/>
      <c r="KJD648" s="613"/>
      <c r="KJE648" s="613"/>
      <c r="KJF648" s="613"/>
      <c r="KJG648" s="613"/>
      <c r="KJH648" s="613"/>
      <c r="KJI648" s="613"/>
      <c r="KJJ648" s="613"/>
      <c r="KJK648" s="613"/>
      <c r="KJL648" s="613"/>
      <c r="KJM648" s="613"/>
      <c r="KJN648" s="613"/>
      <c r="KJO648" s="613"/>
      <c r="KJP648" s="613"/>
      <c r="KJQ648" s="613"/>
      <c r="KJR648" s="613"/>
      <c r="KJS648" s="613"/>
      <c r="KJT648" s="613"/>
      <c r="KJU648" s="613"/>
      <c r="KJV648" s="613"/>
      <c r="KJW648" s="613"/>
      <c r="KJX648" s="613"/>
      <c r="KJY648" s="613"/>
      <c r="KJZ648" s="613"/>
      <c r="KKA648" s="613"/>
      <c r="KKB648" s="613"/>
      <c r="KKC648" s="613"/>
      <c r="KKD648" s="613"/>
      <c r="KKE648" s="613"/>
      <c r="KKF648" s="613"/>
      <c r="KKG648" s="613"/>
      <c r="KKH648" s="613"/>
      <c r="KKI648" s="613"/>
      <c r="KKJ648" s="613"/>
      <c r="KKK648" s="613"/>
      <c r="KKL648" s="613"/>
      <c r="KKM648" s="613"/>
      <c r="KKN648" s="613"/>
      <c r="KKO648" s="613"/>
      <c r="KKP648" s="613"/>
      <c r="KKQ648" s="613"/>
      <c r="KKR648" s="613"/>
      <c r="KKS648" s="613"/>
      <c r="KKT648" s="613"/>
      <c r="KKU648" s="613"/>
      <c r="KKV648" s="613"/>
      <c r="KKW648" s="613"/>
      <c r="KKX648" s="613"/>
      <c r="KKY648" s="613"/>
      <c r="KKZ648" s="613"/>
      <c r="KLA648" s="613"/>
      <c r="KLB648" s="613"/>
      <c r="KLC648" s="613"/>
      <c r="KLD648" s="613"/>
      <c r="KLE648" s="613"/>
      <c r="KLF648" s="613"/>
      <c r="KLG648" s="613"/>
      <c r="KLH648" s="613"/>
      <c r="KLI648" s="613"/>
      <c r="KLJ648" s="613"/>
      <c r="KLK648" s="613"/>
      <c r="KLL648" s="613"/>
      <c r="KLM648" s="613"/>
      <c r="KLN648" s="613"/>
      <c r="KLO648" s="613"/>
      <c r="KLP648" s="613"/>
      <c r="KLQ648" s="613"/>
      <c r="KLR648" s="613"/>
      <c r="KLS648" s="613"/>
      <c r="KLT648" s="613"/>
      <c r="KLU648" s="613"/>
      <c r="KLV648" s="613"/>
      <c r="KLW648" s="613"/>
      <c r="KLX648" s="613"/>
      <c r="KLY648" s="613"/>
      <c r="KLZ648" s="613"/>
      <c r="KMA648" s="613"/>
      <c r="KMB648" s="613"/>
      <c r="KMC648" s="613"/>
      <c r="KMD648" s="613"/>
      <c r="KME648" s="613"/>
      <c r="KMF648" s="613"/>
      <c r="KMG648" s="613"/>
      <c r="KMH648" s="613"/>
      <c r="KMI648" s="613"/>
      <c r="KMJ648" s="613"/>
      <c r="KMK648" s="613"/>
      <c r="KML648" s="613"/>
      <c r="KMM648" s="613"/>
      <c r="KMN648" s="613"/>
      <c r="KMO648" s="613"/>
      <c r="KMP648" s="613"/>
      <c r="KMQ648" s="613"/>
      <c r="KMR648" s="613"/>
      <c r="KMS648" s="613"/>
      <c r="KMT648" s="613"/>
      <c r="KMU648" s="613"/>
      <c r="KMV648" s="613"/>
      <c r="KMW648" s="613"/>
      <c r="KMX648" s="613"/>
      <c r="KMY648" s="613"/>
      <c r="KMZ648" s="613"/>
      <c r="KNA648" s="613"/>
      <c r="KNB648" s="613"/>
      <c r="KNC648" s="613"/>
      <c r="KND648" s="613"/>
      <c r="KNE648" s="613"/>
      <c r="KNF648" s="613"/>
      <c r="KNG648" s="613"/>
      <c r="KNH648" s="613"/>
      <c r="KNI648" s="613"/>
      <c r="KNJ648" s="613"/>
      <c r="KNK648" s="613"/>
      <c r="KNL648" s="613"/>
      <c r="KNM648" s="613"/>
      <c r="KNN648" s="613"/>
      <c r="KNO648" s="613"/>
      <c r="KNP648" s="613"/>
      <c r="KNQ648" s="613"/>
      <c r="KNR648" s="613"/>
      <c r="KNS648" s="613"/>
      <c r="KNT648" s="613"/>
      <c r="KNU648" s="613"/>
      <c r="KNV648" s="613"/>
      <c r="KNW648" s="613"/>
      <c r="KNX648" s="613"/>
      <c r="KNY648" s="613"/>
      <c r="KNZ648" s="613"/>
      <c r="KOA648" s="613"/>
      <c r="KOB648" s="613"/>
      <c r="KOC648" s="613"/>
      <c r="KOD648" s="613"/>
      <c r="KOE648" s="613"/>
      <c r="KOF648" s="613"/>
      <c r="KOG648" s="613"/>
      <c r="KOH648" s="613"/>
      <c r="KOI648" s="613"/>
      <c r="KOJ648" s="613"/>
      <c r="KOK648" s="613"/>
      <c r="KOL648" s="613"/>
      <c r="KOM648" s="613"/>
      <c r="KON648" s="613"/>
      <c r="KOO648" s="613"/>
      <c r="KOP648" s="613"/>
      <c r="KOQ648" s="613"/>
      <c r="KOR648" s="613"/>
      <c r="KOS648" s="613"/>
      <c r="KOT648" s="613"/>
      <c r="KOU648" s="613"/>
      <c r="KOV648" s="613"/>
      <c r="KOW648" s="613"/>
      <c r="KOX648" s="613"/>
      <c r="KOY648" s="613"/>
      <c r="KOZ648" s="613"/>
      <c r="KPA648" s="613"/>
      <c r="KPB648" s="613"/>
      <c r="KPC648" s="613"/>
      <c r="KPD648" s="613"/>
      <c r="KPE648" s="613"/>
      <c r="KPF648" s="613"/>
      <c r="KPG648" s="613"/>
      <c r="KPH648" s="613"/>
      <c r="KPI648" s="613"/>
      <c r="KPJ648" s="613"/>
      <c r="KPK648" s="613"/>
      <c r="KPL648" s="613"/>
      <c r="KPM648" s="613"/>
      <c r="KPN648" s="613"/>
      <c r="KPO648" s="613"/>
      <c r="KPP648" s="613"/>
      <c r="KPQ648" s="613"/>
      <c r="KPR648" s="613"/>
      <c r="KPS648" s="613"/>
      <c r="KPT648" s="613"/>
      <c r="KPU648" s="613"/>
      <c r="KPV648" s="613"/>
      <c r="KPW648" s="613"/>
      <c r="KPX648" s="613"/>
      <c r="KPY648" s="613"/>
      <c r="KPZ648" s="613"/>
      <c r="KQA648" s="613"/>
      <c r="KQB648" s="613"/>
      <c r="KQC648" s="613"/>
      <c r="KQD648" s="613"/>
      <c r="KQE648" s="613"/>
      <c r="KQF648" s="613"/>
      <c r="KQG648" s="613"/>
      <c r="KQH648" s="613"/>
      <c r="KQI648" s="613"/>
      <c r="KQJ648" s="613"/>
      <c r="KQK648" s="613"/>
      <c r="KQL648" s="613"/>
      <c r="KQM648" s="613"/>
      <c r="KQN648" s="613"/>
      <c r="KQO648" s="613"/>
      <c r="KQP648" s="613"/>
      <c r="KQQ648" s="613"/>
      <c r="KQR648" s="613"/>
      <c r="KQS648" s="613"/>
      <c r="KQT648" s="613"/>
      <c r="KQU648" s="613"/>
      <c r="KQV648" s="613"/>
      <c r="KQW648" s="613"/>
      <c r="KQX648" s="613"/>
      <c r="KQY648" s="613"/>
      <c r="KQZ648" s="613"/>
      <c r="KRA648" s="613"/>
      <c r="KRB648" s="613"/>
      <c r="KRC648" s="613"/>
      <c r="KRD648" s="613"/>
      <c r="KRE648" s="613"/>
      <c r="KRF648" s="613"/>
      <c r="KRG648" s="613"/>
      <c r="KRH648" s="613"/>
      <c r="KRI648" s="613"/>
      <c r="KRJ648" s="613"/>
      <c r="KRK648" s="613"/>
      <c r="KRL648" s="613"/>
      <c r="KRM648" s="613"/>
      <c r="KRN648" s="613"/>
      <c r="KRO648" s="613"/>
      <c r="KRP648" s="613"/>
      <c r="KRQ648" s="613"/>
      <c r="KRR648" s="613"/>
      <c r="KRS648" s="613"/>
      <c r="KRT648" s="613"/>
      <c r="KRU648" s="613"/>
      <c r="KRV648" s="613"/>
      <c r="KRW648" s="613"/>
      <c r="KRX648" s="613"/>
      <c r="KRY648" s="613"/>
      <c r="KRZ648" s="613"/>
      <c r="KSA648" s="613"/>
      <c r="KSB648" s="613"/>
      <c r="KSC648" s="613"/>
      <c r="KSD648" s="613"/>
      <c r="KSE648" s="613"/>
      <c r="KSF648" s="613"/>
      <c r="KSG648" s="613"/>
      <c r="KSH648" s="613"/>
      <c r="KSI648" s="613"/>
      <c r="KSJ648" s="613"/>
      <c r="KSK648" s="613"/>
      <c r="KSL648" s="613"/>
      <c r="KSM648" s="613"/>
      <c r="KSN648" s="613"/>
      <c r="KSO648" s="613"/>
      <c r="KSP648" s="613"/>
      <c r="KSQ648" s="613"/>
      <c r="KSR648" s="613"/>
      <c r="KSS648" s="613"/>
      <c r="KST648" s="613"/>
      <c r="KSU648" s="613"/>
      <c r="KSV648" s="613"/>
      <c r="KSW648" s="613"/>
      <c r="KSX648" s="613"/>
      <c r="KSY648" s="613"/>
      <c r="KSZ648" s="613"/>
      <c r="KTA648" s="613"/>
      <c r="KTB648" s="613"/>
      <c r="KTC648" s="613"/>
      <c r="KTD648" s="613"/>
      <c r="KTE648" s="613"/>
      <c r="KTF648" s="613"/>
      <c r="KTG648" s="613"/>
      <c r="KTH648" s="613"/>
      <c r="KTI648" s="613"/>
      <c r="KTJ648" s="613"/>
      <c r="KTK648" s="613"/>
      <c r="KTL648" s="613"/>
      <c r="KTM648" s="613"/>
      <c r="KTN648" s="613"/>
      <c r="KTO648" s="613"/>
      <c r="KTP648" s="613"/>
      <c r="KTQ648" s="613"/>
      <c r="KTR648" s="613"/>
      <c r="KTS648" s="613"/>
      <c r="KTT648" s="613"/>
      <c r="KTU648" s="613"/>
      <c r="KTV648" s="613"/>
      <c r="KTW648" s="613"/>
      <c r="KTX648" s="613"/>
      <c r="KTY648" s="613"/>
      <c r="KTZ648" s="613"/>
      <c r="KUA648" s="613"/>
      <c r="KUB648" s="613"/>
      <c r="KUC648" s="613"/>
      <c r="KUD648" s="613"/>
      <c r="KUE648" s="613"/>
      <c r="KUF648" s="613"/>
      <c r="KUG648" s="613"/>
      <c r="KUH648" s="613"/>
      <c r="KUI648" s="613"/>
      <c r="KUJ648" s="613"/>
      <c r="KUK648" s="613"/>
      <c r="KUL648" s="613"/>
      <c r="KUM648" s="613"/>
      <c r="KUN648" s="613"/>
      <c r="KUO648" s="613"/>
      <c r="KUP648" s="613"/>
      <c r="KUQ648" s="613"/>
      <c r="KUR648" s="613"/>
      <c r="KUS648" s="613"/>
      <c r="KUT648" s="613"/>
      <c r="KUU648" s="613"/>
      <c r="KUV648" s="613"/>
      <c r="KUW648" s="613"/>
      <c r="KUX648" s="613"/>
      <c r="KUY648" s="613"/>
      <c r="KUZ648" s="613"/>
      <c r="KVA648" s="613"/>
      <c r="KVB648" s="613"/>
      <c r="KVC648" s="613"/>
      <c r="KVD648" s="613"/>
      <c r="KVE648" s="613"/>
      <c r="KVF648" s="613"/>
      <c r="KVG648" s="613"/>
      <c r="KVH648" s="613"/>
      <c r="KVI648" s="613"/>
      <c r="KVJ648" s="613"/>
      <c r="KVK648" s="613"/>
      <c r="KVL648" s="613"/>
      <c r="KVM648" s="613"/>
      <c r="KVN648" s="613"/>
      <c r="KVO648" s="613"/>
      <c r="KVP648" s="613"/>
      <c r="KVQ648" s="613"/>
      <c r="KVR648" s="613"/>
      <c r="KVS648" s="613"/>
      <c r="KVT648" s="613"/>
      <c r="KVU648" s="613"/>
      <c r="KVV648" s="613"/>
      <c r="KVW648" s="613"/>
      <c r="KVX648" s="613"/>
      <c r="KVY648" s="613"/>
      <c r="KVZ648" s="613"/>
      <c r="KWA648" s="613"/>
      <c r="KWB648" s="613"/>
      <c r="KWC648" s="613"/>
      <c r="KWD648" s="613"/>
      <c r="KWE648" s="613"/>
      <c r="KWF648" s="613"/>
      <c r="KWG648" s="613"/>
      <c r="KWH648" s="613"/>
      <c r="KWI648" s="613"/>
      <c r="KWJ648" s="613"/>
      <c r="KWK648" s="613"/>
      <c r="KWL648" s="613"/>
      <c r="KWM648" s="613"/>
      <c r="KWN648" s="613"/>
      <c r="KWO648" s="613"/>
      <c r="KWP648" s="613"/>
      <c r="KWQ648" s="613"/>
      <c r="KWR648" s="613"/>
      <c r="KWS648" s="613"/>
      <c r="KWT648" s="613"/>
      <c r="KWU648" s="613"/>
      <c r="KWV648" s="613"/>
      <c r="KWW648" s="613"/>
      <c r="KWX648" s="613"/>
      <c r="KWY648" s="613"/>
      <c r="KWZ648" s="613"/>
      <c r="KXA648" s="613"/>
      <c r="KXB648" s="613"/>
      <c r="KXC648" s="613"/>
      <c r="KXD648" s="613"/>
      <c r="KXE648" s="613"/>
      <c r="KXF648" s="613"/>
      <c r="KXG648" s="613"/>
      <c r="KXH648" s="613"/>
      <c r="KXI648" s="613"/>
      <c r="KXJ648" s="613"/>
      <c r="KXK648" s="613"/>
      <c r="KXL648" s="613"/>
      <c r="KXM648" s="613"/>
      <c r="KXN648" s="613"/>
      <c r="KXO648" s="613"/>
      <c r="KXP648" s="613"/>
      <c r="KXQ648" s="613"/>
      <c r="KXR648" s="613"/>
      <c r="KXS648" s="613"/>
      <c r="KXT648" s="613"/>
      <c r="KXU648" s="613"/>
      <c r="KXV648" s="613"/>
      <c r="KXW648" s="613"/>
      <c r="KXX648" s="613"/>
      <c r="KXY648" s="613"/>
      <c r="KXZ648" s="613"/>
      <c r="KYA648" s="613"/>
      <c r="KYB648" s="613"/>
      <c r="KYC648" s="613"/>
      <c r="KYD648" s="613"/>
      <c r="KYE648" s="613"/>
      <c r="KYF648" s="613"/>
      <c r="KYG648" s="613"/>
      <c r="KYH648" s="613"/>
      <c r="KYI648" s="613"/>
      <c r="KYJ648" s="613"/>
      <c r="KYK648" s="613"/>
      <c r="KYL648" s="613"/>
      <c r="KYM648" s="613"/>
      <c r="KYN648" s="613"/>
      <c r="KYO648" s="613"/>
      <c r="KYP648" s="613"/>
      <c r="KYQ648" s="613"/>
      <c r="KYR648" s="613"/>
      <c r="KYS648" s="613"/>
      <c r="KYT648" s="613"/>
      <c r="KYU648" s="613"/>
      <c r="KYV648" s="613"/>
      <c r="KYW648" s="613"/>
      <c r="KYX648" s="613"/>
      <c r="KYY648" s="613"/>
      <c r="KYZ648" s="613"/>
      <c r="KZA648" s="613"/>
      <c r="KZB648" s="613"/>
      <c r="KZC648" s="613"/>
      <c r="KZD648" s="613"/>
      <c r="KZE648" s="613"/>
      <c r="KZF648" s="613"/>
      <c r="KZG648" s="613"/>
      <c r="KZH648" s="613"/>
      <c r="KZI648" s="613"/>
      <c r="KZJ648" s="613"/>
      <c r="KZK648" s="613"/>
      <c r="KZL648" s="613"/>
      <c r="KZM648" s="613"/>
      <c r="KZN648" s="613"/>
      <c r="KZO648" s="613"/>
      <c r="KZP648" s="613"/>
      <c r="KZQ648" s="613"/>
      <c r="KZR648" s="613"/>
      <c r="KZS648" s="613"/>
      <c r="KZT648" s="613"/>
      <c r="KZU648" s="613"/>
      <c r="KZV648" s="613"/>
      <c r="KZW648" s="613"/>
      <c r="KZX648" s="613"/>
      <c r="KZY648" s="613"/>
      <c r="KZZ648" s="613"/>
      <c r="LAA648" s="613"/>
      <c r="LAB648" s="613"/>
      <c r="LAC648" s="613"/>
      <c r="LAD648" s="613"/>
      <c r="LAE648" s="613"/>
      <c r="LAF648" s="613"/>
      <c r="LAG648" s="613"/>
      <c r="LAH648" s="613"/>
      <c r="LAI648" s="613"/>
      <c r="LAJ648" s="613"/>
      <c r="LAK648" s="613"/>
      <c r="LAL648" s="613"/>
      <c r="LAM648" s="613"/>
      <c r="LAN648" s="613"/>
      <c r="LAO648" s="613"/>
      <c r="LAP648" s="613"/>
      <c r="LAQ648" s="613"/>
      <c r="LAR648" s="613"/>
      <c r="LAS648" s="613"/>
      <c r="LAT648" s="613"/>
      <c r="LAU648" s="613"/>
      <c r="LAV648" s="613"/>
      <c r="LAW648" s="613"/>
      <c r="LAX648" s="613"/>
      <c r="LAY648" s="613"/>
      <c r="LAZ648" s="613"/>
      <c r="LBA648" s="613"/>
      <c r="LBB648" s="613"/>
      <c r="LBC648" s="613"/>
      <c r="LBD648" s="613"/>
      <c r="LBE648" s="613"/>
      <c r="LBF648" s="613"/>
      <c r="LBG648" s="613"/>
      <c r="LBH648" s="613"/>
      <c r="LBI648" s="613"/>
      <c r="LBJ648" s="613"/>
      <c r="LBK648" s="613"/>
      <c r="LBL648" s="613"/>
      <c r="LBM648" s="613"/>
      <c r="LBN648" s="613"/>
      <c r="LBO648" s="613"/>
      <c r="LBP648" s="613"/>
      <c r="LBQ648" s="613"/>
      <c r="LBR648" s="613"/>
      <c r="LBS648" s="613"/>
      <c r="LBT648" s="613"/>
      <c r="LBU648" s="613"/>
      <c r="LBV648" s="613"/>
      <c r="LBW648" s="613"/>
      <c r="LBX648" s="613"/>
      <c r="LBY648" s="613"/>
      <c r="LBZ648" s="613"/>
      <c r="LCA648" s="613"/>
      <c r="LCB648" s="613"/>
      <c r="LCC648" s="613"/>
      <c r="LCD648" s="613"/>
      <c r="LCE648" s="613"/>
      <c r="LCF648" s="613"/>
      <c r="LCG648" s="613"/>
      <c r="LCH648" s="613"/>
      <c r="LCI648" s="613"/>
      <c r="LCJ648" s="613"/>
      <c r="LCK648" s="613"/>
      <c r="LCL648" s="613"/>
      <c r="LCM648" s="613"/>
      <c r="LCN648" s="613"/>
      <c r="LCO648" s="613"/>
      <c r="LCP648" s="613"/>
      <c r="LCQ648" s="613"/>
      <c r="LCR648" s="613"/>
      <c r="LCS648" s="613"/>
      <c r="LCT648" s="613"/>
      <c r="LCU648" s="613"/>
      <c r="LCV648" s="613"/>
      <c r="LCW648" s="613"/>
      <c r="LCX648" s="613"/>
      <c r="LCY648" s="613"/>
      <c r="LCZ648" s="613"/>
      <c r="LDA648" s="613"/>
      <c r="LDB648" s="613"/>
      <c r="LDC648" s="613"/>
      <c r="LDD648" s="613"/>
      <c r="LDE648" s="613"/>
      <c r="LDF648" s="613"/>
      <c r="LDG648" s="613"/>
      <c r="LDH648" s="613"/>
      <c r="LDI648" s="613"/>
      <c r="LDJ648" s="613"/>
      <c r="LDK648" s="613"/>
      <c r="LDL648" s="613"/>
      <c r="LDM648" s="613"/>
      <c r="LDN648" s="613"/>
      <c r="LDO648" s="613"/>
      <c r="LDP648" s="613"/>
      <c r="LDQ648" s="613"/>
      <c r="LDR648" s="613"/>
      <c r="LDS648" s="613"/>
      <c r="LDT648" s="613"/>
      <c r="LDU648" s="613"/>
      <c r="LDV648" s="613"/>
      <c r="LDW648" s="613"/>
      <c r="LDX648" s="613"/>
      <c r="LDY648" s="613"/>
      <c r="LDZ648" s="613"/>
      <c r="LEA648" s="613"/>
      <c r="LEB648" s="613"/>
      <c r="LEC648" s="613"/>
      <c r="LED648" s="613"/>
      <c r="LEE648" s="613"/>
      <c r="LEF648" s="613"/>
      <c r="LEG648" s="613"/>
      <c r="LEH648" s="613"/>
      <c r="LEI648" s="613"/>
      <c r="LEJ648" s="613"/>
      <c r="LEK648" s="613"/>
      <c r="LEL648" s="613"/>
      <c r="LEM648" s="613"/>
      <c r="LEN648" s="613"/>
      <c r="LEO648" s="613"/>
      <c r="LEP648" s="613"/>
      <c r="LEQ648" s="613"/>
      <c r="LER648" s="613"/>
      <c r="LES648" s="613"/>
      <c r="LET648" s="613"/>
      <c r="LEU648" s="613"/>
      <c r="LEV648" s="613"/>
      <c r="LEW648" s="613"/>
      <c r="LEX648" s="613"/>
      <c r="LEY648" s="613"/>
      <c r="LEZ648" s="613"/>
      <c r="LFA648" s="613"/>
      <c r="LFB648" s="613"/>
      <c r="LFC648" s="613"/>
      <c r="LFD648" s="613"/>
      <c r="LFE648" s="613"/>
      <c r="LFF648" s="613"/>
      <c r="LFG648" s="613"/>
      <c r="LFH648" s="613"/>
      <c r="LFI648" s="613"/>
      <c r="LFJ648" s="613"/>
      <c r="LFK648" s="613"/>
      <c r="LFL648" s="613"/>
      <c r="LFM648" s="613"/>
      <c r="LFN648" s="613"/>
      <c r="LFO648" s="613"/>
      <c r="LFP648" s="613"/>
      <c r="LFQ648" s="613"/>
      <c r="LFR648" s="613"/>
      <c r="LFS648" s="613"/>
      <c r="LFT648" s="613"/>
      <c r="LFU648" s="613"/>
      <c r="LFV648" s="613"/>
      <c r="LFW648" s="613"/>
      <c r="LFX648" s="613"/>
      <c r="LFY648" s="613"/>
      <c r="LFZ648" s="613"/>
      <c r="LGA648" s="613"/>
      <c r="LGB648" s="613"/>
      <c r="LGC648" s="613"/>
      <c r="LGD648" s="613"/>
      <c r="LGE648" s="613"/>
      <c r="LGF648" s="613"/>
      <c r="LGG648" s="613"/>
      <c r="LGH648" s="613"/>
      <c r="LGI648" s="613"/>
      <c r="LGJ648" s="613"/>
      <c r="LGK648" s="613"/>
      <c r="LGL648" s="613"/>
      <c r="LGM648" s="613"/>
      <c r="LGN648" s="613"/>
      <c r="LGO648" s="613"/>
      <c r="LGP648" s="613"/>
      <c r="LGQ648" s="613"/>
      <c r="LGR648" s="613"/>
      <c r="LGS648" s="613"/>
      <c r="LGT648" s="613"/>
      <c r="LGU648" s="613"/>
      <c r="LGV648" s="613"/>
      <c r="LGW648" s="613"/>
      <c r="LGX648" s="613"/>
      <c r="LGY648" s="613"/>
      <c r="LGZ648" s="613"/>
      <c r="LHA648" s="613"/>
      <c r="LHB648" s="613"/>
      <c r="LHC648" s="613"/>
      <c r="LHD648" s="613"/>
      <c r="LHE648" s="613"/>
      <c r="LHF648" s="613"/>
      <c r="LHG648" s="613"/>
      <c r="LHH648" s="613"/>
      <c r="LHI648" s="613"/>
      <c r="LHJ648" s="613"/>
      <c r="LHK648" s="613"/>
      <c r="LHL648" s="613"/>
      <c r="LHM648" s="613"/>
      <c r="LHN648" s="613"/>
      <c r="LHO648" s="613"/>
      <c r="LHP648" s="613"/>
      <c r="LHQ648" s="613"/>
      <c r="LHR648" s="613"/>
      <c r="LHS648" s="613"/>
      <c r="LHT648" s="613"/>
      <c r="LHU648" s="613"/>
      <c r="LHV648" s="613"/>
      <c r="LHW648" s="613"/>
      <c r="LHX648" s="613"/>
      <c r="LHY648" s="613"/>
      <c r="LHZ648" s="613"/>
      <c r="LIA648" s="613"/>
      <c r="LIB648" s="613"/>
      <c r="LIC648" s="613"/>
      <c r="LID648" s="613"/>
      <c r="LIE648" s="613"/>
      <c r="LIF648" s="613"/>
      <c r="LIG648" s="613"/>
      <c r="LIH648" s="613"/>
      <c r="LII648" s="613"/>
      <c r="LIJ648" s="613"/>
      <c r="LIK648" s="613"/>
      <c r="LIL648" s="613"/>
      <c r="LIM648" s="613"/>
      <c r="LIN648" s="613"/>
      <c r="LIO648" s="613"/>
      <c r="LIP648" s="613"/>
      <c r="LIQ648" s="613"/>
      <c r="LIR648" s="613"/>
      <c r="LIS648" s="613"/>
      <c r="LIT648" s="613"/>
      <c r="LIU648" s="613"/>
      <c r="LIV648" s="613"/>
      <c r="LIW648" s="613"/>
      <c r="LIX648" s="613"/>
      <c r="LIY648" s="613"/>
      <c r="LIZ648" s="613"/>
      <c r="LJA648" s="613"/>
      <c r="LJB648" s="613"/>
      <c r="LJC648" s="613"/>
      <c r="LJD648" s="613"/>
      <c r="LJE648" s="613"/>
      <c r="LJF648" s="613"/>
      <c r="LJG648" s="613"/>
      <c r="LJH648" s="613"/>
      <c r="LJI648" s="613"/>
      <c r="LJJ648" s="613"/>
      <c r="LJK648" s="613"/>
      <c r="LJL648" s="613"/>
      <c r="LJM648" s="613"/>
      <c r="LJN648" s="613"/>
      <c r="LJO648" s="613"/>
      <c r="LJP648" s="613"/>
      <c r="LJQ648" s="613"/>
      <c r="LJR648" s="613"/>
      <c r="LJS648" s="613"/>
      <c r="LJT648" s="613"/>
      <c r="LJU648" s="613"/>
      <c r="LJV648" s="613"/>
      <c r="LJW648" s="613"/>
      <c r="LJX648" s="613"/>
      <c r="LJY648" s="613"/>
      <c r="LJZ648" s="613"/>
      <c r="LKA648" s="613"/>
      <c r="LKB648" s="613"/>
      <c r="LKC648" s="613"/>
      <c r="LKD648" s="613"/>
      <c r="LKE648" s="613"/>
      <c r="LKF648" s="613"/>
      <c r="LKG648" s="613"/>
      <c r="LKH648" s="613"/>
      <c r="LKI648" s="613"/>
      <c r="LKJ648" s="613"/>
      <c r="LKK648" s="613"/>
      <c r="LKL648" s="613"/>
      <c r="LKM648" s="613"/>
      <c r="LKN648" s="613"/>
      <c r="LKO648" s="613"/>
      <c r="LKP648" s="613"/>
      <c r="LKQ648" s="613"/>
      <c r="LKR648" s="613"/>
      <c r="LKS648" s="613"/>
      <c r="LKT648" s="613"/>
      <c r="LKU648" s="613"/>
      <c r="LKV648" s="613"/>
      <c r="LKW648" s="613"/>
      <c r="LKX648" s="613"/>
      <c r="LKY648" s="613"/>
      <c r="LKZ648" s="613"/>
      <c r="LLA648" s="613"/>
      <c r="LLB648" s="613"/>
      <c r="LLC648" s="613"/>
      <c r="LLD648" s="613"/>
      <c r="LLE648" s="613"/>
      <c r="LLF648" s="613"/>
      <c r="LLG648" s="613"/>
      <c r="LLH648" s="613"/>
      <c r="LLI648" s="613"/>
      <c r="LLJ648" s="613"/>
      <c r="LLK648" s="613"/>
      <c r="LLL648" s="613"/>
      <c r="LLM648" s="613"/>
      <c r="LLN648" s="613"/>
      <c r="LLO648" s="613"/>
      <c r="LLP648" s="613"/>
      <c r="LLQ648" s="613"/>
      <c r="LLR648" s="613"/>
      <c r="LLS648" s="613"/>
      <c r="LLT648" s="613"/>
      <c r="LLU648" s="613"/>
      <c r="LLV648" s="613"/>
      <c r="LLW648" s="613"/>
      <c r="LLX648" s="613"/>
      <c r="LLY648" s="613"/>
      <c r="LLZ648" s="613"/>
      <c r="LMA648" s="613"/>
      <c r="LMB648" s="613"/>
      <c r="LMC648" s="613"/>
      <c r="LMD648" s="613"/>
      <c r="LME648" s="613"/>
      <c r="LMF648" s="613"/>
      <c r="LMG648" s="613"/>
      <c r="LMH648" s="613"/>
      <c r="LMI648" s="613"/>
      <c r="LMJ648" s="613"/>
      <c r="LMK648" s="613"/>
      <c r="LML648" s="613"/>
      <c r="LMM648" s="613"/>
      <c r="LMN648" s="613"/>
      <c r="LMO648" s="613"/>
      <c r="LMP648" s="613"/>
      <c r="LMQ648" s="613"/>
      <c r="LMR648" s="613"/>
      <c r="LMS648" s="613"/>
      <c r="LMT648" s="613"/>
      <c r="LMU648" s="613"/>
      <c r="LMV648" s="613"/>
      <c r="LMW648" s="613"/>
      <c r="LMX648" s="613"/>
      <c r="LMY648" s="613"/>
      <c r="LMZ648" s="613"/>
      <c r="LNA648" s="613"/>
      <c r="LNB648" s="613"/>
      <c r="LNC648" s="613"/>
      <c r="LND648" s="613"/>
      <c r="LNE648" s="613"/>
      <c r="LNF648" s="613"/>
      <c r="LNG648" s="613"/>
      <c r="LNH648" s="613"/>
      <c r="LNI648" s="613"/>
      <c r="LNJ648" s="613"/>
      <c r="LNK648" s="613"/>
      <c r="LNL648" s="613"/>
      <c r="LNM648" s="613"/>
      <c r="LNN648" s="613"/>
      <c r="LNO648" s="613"/>
      <c r="LNP648" s="613"/>
      <c r="LNQ648" s="613"/>
      <c r="LNR648" s="613"/>
      <c r="LNS648" s="613"/>
      <c r="LNT648" s="613"/>
      <c r="LNU648" s="613"/>
      <c r="LNV648" s="613"/>
      <c r="LNW648" s="613"/>
      <c r="LNX648" s="613"/>
      <c r="LNY648" s="613"/>
      <c r="LNZ648" s="613"/>
      <c r="LOA648" s="613"/>
      <c r="LOB648" s="613"/>
      <c r="LOC648" s="613"/>
      <c r="LOD648" s="613"/>
      <c r="LOE648" s="613"/>
      <c r="LOF648" s="613"/>
      <c r="LOG648" s="613"/>
      <c r="LOH648" s="613"/>
      <c r="LOI648" s="613"/>
      <c r="LOJ648" s="613"/>
      <c r="LOK648" s="613"/>
      <c r="LOL648" s="613"/>
      <c r="LOM648" s="613"/>
      <c r="LON648" s="613"/>
      <c r="LOO648" s="613"/>
      <c r="LOP648" s="613"/>
      <c r="LOQ648" s="613"/>
      <c r="LOR648" s="613"/>
      <c r="LOS648" s="613"/>
      <c r="LOT648" s="613"/>
      <c r="LOU648" s="613"/>
      <c r="LOV648" s="613"/>
      <c r="LOW648" s="613"/>
      <c r="LOX648" s="613"/>
      <c r="LOY648" s="613"/>
      <c r="LOZ648" s="613"/>
      <c r="LPA648" s="613"/>
      <c r="LPB648" s="613"/>
      <c r="LPC648" s="613"/>
      <c r="LPD648" s="613"/>
      <c r="LPE648" s="613"/>
      <c r="LPF648" s="613"/>
      <c r="LPG648" s="613"/>
      <c r="LPH648" s="613"/>
      <c r="LPI648" s="613"/>
      <c r="LPJ648" s="613"/>
      <c r="LPK648" s="613"/>
      <c r="LPL648" s="613"/>
      <c r="LPM648" s="613"/>
      <c r="LPN648" s="613"/>
      <c r="LPO648" s="613"/>
      <c r="LPP648" s="613"/>
      <c r="LPQ648" s="613"/>
      <c r="LPR648" s="613"/>
      <c r="LPS648" s="613"/>
      <c r="LPT648" s="613"/>
      <c r="LPU648" s="613"/>
      <c r="LPV648" s="613"/>
      <c r="LPW648" s="613"/>
      <c r="LPX648" s="613"/>
      <c r="LPY648" s="613"/>
      <c r="LPZ648" s="613"/>
      <c r="LQA648" s="613"/>
      <c r="LQB648" s="613"/>
      <c r="LQC648" s="613"/>
      <c r="LQD648" s="613"/>
      <c r="LQE648" s="613"/>
      <c r="LQF648" s="613"/>
      <c r="LQG648" s="613"/>
      <c r="LQH648" s="613"/>
      <c r="LQI648" s="613"/>
      <c r="LQJ648" s="613"/>
      <c r="LQK648" s="613"/>
      <c r="LQL648" s="613"/>
      <c r="LQM648" s="613"/>
      <c r="LQN648" s="613"/>
      <c r="LQO648" s="613"/>
      <c r="LQP648" s="613"/>
      <c r="LQQ648" s="613"/>
      <c r="LQR648" s="613"/>
      <c r="LQS648" s="613"/>
      <c r="LQT648" s="613"/>
      <c r="LQU648" s="613"/>
      <c r="LQV648" s="613"/>
      <c r="LQW648" s="613"/>
      <c r="LQX648" s="613"/>
      <c r="LQY648" s="613"/>
      <c r="LQZ648" s="613"/>
      <c r="LRA648" s="613"/>
      <c r="LRB648" s="613"/>
      <c r="LRC648" s="613"/>
      <c r="LRD648" s="613"/>
      <c r="LRE648" s="613"/>
      <c r="LRF648" s="613"/>
      <c r="LRG648" s="613"/>
      <c r="LRH648" s="613"/>
      <c r="LRI648" s="613"/>
      <c r="LRJ648" s="613"/>
      <c r="LRK648" s="613"/>
      <c r="LRL648" s="613"/>
      <c r="LRM648" s="613"/>
      <c r="LRN648" s="613"/>
      <c r="LRO648" s="613"/>
      <c r="LRP648" s="613"/>
      <c r="LRQ648" s="613"/>
      <c r="LRR648" s="613"/>
      <c r="LRS648" s="613"/>
      <c r="LRT648" s="613"/>
      <c r="LRU648" s="613"/>
      <c r="LRV648" s="613"/>
      <c r="LRW648" s="613"/>
      <c r="LRX648" s="613"/>
      <c r="LRY648" s="613"/>
      <c r="LRZ648" s="613"/>
      <c r="LSA648" s="613"/>
      <c r="LSB648" s="613"/>
      <c r="LSC648" s="613"/>
      <c r="LSD648" s="613"/>
      <c r="LSE648" s="613"/>
      <c r="LSF648" s="613"/>
      <c r="LSG648" s="613"/>
      <c r="LSH648" s="613"/>
      <c r="LSI648" s="613"/>
      <c r="LSJ648" s="613"/>
      <c r="LSK648" s="613"/>
      <c r="LSL648" s="613"/>
      <c r="LSM648" s="613"/>
      <c r="LSN648" s="613"/>
      <c r="LSO648" s="613"/>
      <c r="LSP648" s="613"/>
      <c r="LSQ648" s="613"/>
      <c r="LSR648" s="613"/>
      <c r="LSS648" s="613"/>
      <c r="LST648" s="613"/>
      <c r="LSU648" s="613"/>
      <c r="LSV648" s="613"/>
      <c r="LSW648" s="613"/>
      <c r="LSX648" s="613"/>
      <c r="LSY648" s="613"/>
      <c r="LSZ648" s="613"/>
      <c r="LTA648" s="613"/>
      <c r="LTB648" s="613"/>
      <c r="LTC648" s="613"/>
      <c r="LTD648" s="613"/>
      <c r="LTE648" s="613"/>
      <c r="LTF648" s="613"/>
      <c r="LTG648" s="613"/>
      <c r="LTH648" s="613"/>
      <c r="LTI648" s="613"/>
      <c r="LTJ648" s="613"/>
      <c r="LTK648" s="613"/>
      <c r="LTL648" s="613"/>
      <c r="LTM648" s="613"/>
      <c r="LTN648" s="613"/>
      <c r="LTO648" s="613"/>
      <c r="LTP648" s="613"/>
      <c r="LTQ648" s="613"/>
      <c r="LTR648" s="613"/>
      <c r="LTS648" s="613"/>
      <c r="LTT648" s="613"/>
      <c r="LTU648" s="613"/>
      <c r="LTV648" s="613"/>
      <c r="LTW648" s="613"/>
      <c r="LTX648" s="613"/>
      <c r="LTY648" s="613"/>
      <c r="LTZ648" s="613"/>
      <c r="LUA648" s="613"/>
      <c r="LUB648" s="613"/>
      <c r="LUC648" s="613"/>
      <c r="LUD648" s="613"/>
      <c r="LUE648" s="613"/>
      <c r="LUF648" s="613"/>
      <c r="LUG648" s="613"/>
      <c r="LUH648" s="613"/>
      <c r="LUI648" s="613"/>
      <c r="LUJ648" s="613"/>
      <c r="LUK648" s="613"/>
      <c r="LUL648" s="613"/>
      <c r="LUM648" s="613"/>
      <c r="LUN648" s="613"/>
      <c r="LUO648" s="613"/>
      <c r="LUP648" s="613"/>
      <c r="LUQ648" s="613"/>
      <c r="LUR648" s="613"/>
      <c r="LUS648" s="613"/>
      <c r="LUT648" s="613"/>
      <c r="LUU648" s="613"/>
      <c r="LUV648" s="613"/>
      <c r="LUW648" s="613"/>
      <c r="LUX648" s="613"/>
      <c r="LUY648" s="613"/>
      <c r="LUZ648" s="613"/>
      <c r="LVA648" s="613"/>
      <c r="LVB648" s="613"/>
      <c r="LVC648" s="613"/>
      <c r="LVD648" s="613"/>
      <c r="LVE648" s="613"/>
      <c r="LVF648" s="613"/>
      <c r="LVG648" s="613"/>
      <c r="LVH648" s="613"/>
      <c r="LVI648" s="613"/>
      <c r="LVJ648" s="613"/>
      <c r="LVK648" s="613"/>
      <c r="LVL648" s="613"/>
      <c r="LVM648" s="613"/>
      <c r="LVN648" s="613"/>
      <c r="LVO648" s="613"/>
      <c r="LVP648" s="613"/>
      <c r="LVQ648" s="613"/>
      <c r="LVR648" s="613"/>
      <c r="LVS648" s="613"/>
      <c r="LVT648" s="613"/>
      <c r="LVU648" s="613"/>
      <c r="LVV648" s="613"/>
      <c r="LVW648" s="613"/>
      <c r="LVX648" s="613"/>
      <c r="LVY648" s="613"/>
      <c r="LVZ648" s="613"/>
      <c r="LWA648" s="613"/>
      <c r="LWB648" s="613"/>
      <c r="LWC648" s="613"/>
      <c r="LWD648" s="613"/>
      <c r="LWE648" s="613"/>
      <c r="LWF648" s="613"/>
      <c r="LWG648" s="613"/>
      <c r="LWH648" s="613"/>
      <c r="LWI648" s="613"/>
      <c r="LWJ648" s="613"/>
      <c r="LWK648" s="613"/>
      <c r="LWL648" s="613"/>
      <c r="LWM648" s="613"/>
      <c r="LWN648" s="613"/>
      <c r="LWO648" s="613"/>
      <c r="LWP648" s="613"/>
      <c r="LWQ648" s="613"/>
      <c r="LWR648" s="613"/>
      <c r="LWS648" s="613"/>
      <c r="LWT648" s="613"/>
      <c r="LWU648" s="613"/>
      <c r="LWV648" s="613"/>
      <c r="LWW648" s="613"/>
      <c r="LWX648" s="613"/>
      <c r="LWY648" s="613"/>
      <c r="LWZ648" s="613"/>
      <c r="LXA648" s="613"/>
      <c r="LXB648" s="613"/>
      <c r="LXC648" s="613"/>
      <c r="LXD648" s="613"/>
      <c r="LXE648" s="613"/>
      <c r="LXF648" s="613"/>
      <c r="LXG648" s="613"/>
      <c r="LXH648" s="613"/>
      <c r="LXI648" s="613"/>
      <c r="LXJ648" s="613"/>
      <c r="LXK648" s="613"/>
      <c r="LXL648" s="613"/>
      <c r="LXM648" s="613"/>
      <c r="LXN648" s="613"/>
      <c r="LXO648" s="613"/>
      <c r="LXP648" s="613"/>
      <c r="LXQ648" s="613"/>
      <c r="LXR648" s="613"/>
      <c r="LXS648" s="613"/>
      <c r="LXT648" s="613"/>
      <c r="LXU648" s="613"/>
      <c r="LXV648" s="613"/>
      <c r="LXW648" s="613"/>
      <c r="LXX648" s="613"/>
      <c r="LXY648" s="613"/>
      <c r="LXZ648" s="613"/>
      <c r="LYA648" s="613"/>
      <c r="LYB648" s="613"/>
      <c r="LYC648" s="613"/>
      <c r="LYD648" s="613"/>
      <c r="LYE648" s="613"/>
      <c r="LYF648" s="613"/>
      <c r="LYG648" s="613"/>
      <c r="LYH648" s="613"/>
      <c r="LYI648" s="613"/>
      <c r="LYJ648" s="613"/>
      <c r="LYK648" s="613"/>
      <c r="LYL648" s="613"/>
      <c r="LYM648" s="613"/>
      <c r="LYN648" s="613"/>
      <c r="LYO648" s="613"/>
      <c r="LYP648" s="613"/>
      <c r="LYQ648" s="613"/>
      <c r="LYR648" s="613"/>
      <c r="LYS648" s="613"/>
      <c r="LYT648" s="613"/>
      <c r="LYU648" s="613"/>
      <c r="LYV648" s="613"/>
      <c r="LYW648" s="613"/>
      <c r="LYX648" s="613"/>
      <c r="LYY648" s="613"/>
      <c r="LYZ648" s="613"/>
      <c r="LZA648" s="613"/>
      <c r="LZB648" s="613"/>
      <c r="LZC648" s="613"/>
      <c r="LZD648" s="613"/>
      <c r="LZE648" s="613"/>
      <c r="LZF648" s="613"/>
      <c r="LZG648" s="613"/>
      <c r="LZH648" s="613"/>
      <c r="LZI648" s="613"/>
      <c r="LZJ648" s="613"/>
      <c r="LZK648" s="613"/>
      <c r="LZL648" s="613"/>
      <c r="LZM648" s="613"/>
      <c r="LZN648" s="613"/>
      <c r="LZO648" s="613"/>
      <c r="LZP648" s="613"/>
      <c r="LZQ648" s="613"/>
      <c r="LZR648" s="613"/>
      <c r="LZS648" s="613"/>
      <c r="LZT648" s="613"/>
      <c r="LZU648" s="613"/>
      <c r="LZV648" s="613"/>
      <c r="LZW648" s="613"/>
      <c r="LZX648" s="613"/>
      <c r="LZY648" s="613"/>
      <c r="LZZ648" s="613"/>
      <c r="MAA648" s="613"/>
      <c r="MAB648" s="613"/>
      <c r="MAC648" s="613"/>
      <c r="MAD648" s="613"/>
      <c r="MAE648" s="613"/>
      <c r="MAF648" s="613"/>
      <c r="MAG648" s="613"/>
      <c r="MAH648" s="613"/>
      <c r="MAI648" s="613"/>
      <c r="MAJ648" s="613"/>
      <c r="MAK648" s="613"/>
      <c r="MAL648" s="613"/>
      <c r="MAM648" s="613"/>
      <c r="MAN648" s="613"/>
      <c r="MAO648" s="613"/>
      <c r="MAP648" s="613"/>
      <c r="MAQ648" s="613"/>
      <c r="MAR648" s="613"/>
      <c r="MAS648" s="613"/>
      <c r="MAT648" s="613"/>
      <c r="MAU648" s="613"/>
      <c r="MAV648" s="613"/>
      <c r="MAW648" s="613"/>
      <c r="MAX648" s="613"/>
      <c r="MAY648" s="613"/>
      <c r="MAZ648" s="613"/>
      <c r="MBA648" s="613"/>
      <c r="MBB648" s="613"/>
      <c r="MBC648" s="613"/>
      <c r="MBD648" s="613"/>
      <c r="MBE648" s="613"/>
      <c r="MBF648" s="613"/>
      <c r="MBG648" s="613"/>
      <c r="MBH648" s="613"/>
      <c r="MBI648" s="613"/>
      <c r="MBJ648" s="613"/>
      <c r="MBK648" s="613"/>
      <c r="MBL648" s="613"/>
      <c r="MBM648" s="613"/>
      <c r="MBN648" s="613"/>
      <c r="MBO648" s="613"/>
      <c r="MBP648" s="613"/>
      <c r="MBQ648" s="613"/>
      <c r="MBR648" s="613"/>
      <c r="MBS648" s="613"/>
      <c r="MBT648" s="613"/>
      <c r="MBU648" s="613"/>
      <c r="MBV648" s="613"/>
      <c r="MBW648" s="613"/>
      <c r="MBX648" s="613"/>
      <c r="MBY648" s="613"/>
      <c r="MBZ648" s="613"/>
      <c r="MCA648" s="613"/>
      <c r="MCB648" s="613"/>
      <c r="MCC648" s="613"/>
      <c r="MCD648" s="613"/>
      <c r="MCE648" s="613"/>
      <c r="MCF648" s="613"/>
      <c r="MCG648" s="613"/>
      <c r="MCH648" s="613"/>
      <c r="MCI648" s="613"/>
      <c r="MCJ648" s="613"/>
      <c r="MCK648" s="613"/>
      <c r="MCL648" s="613"/>
      <c r="MCM648" s="613"/>
      <c r="MCN648" s="613"/>
      <c r="MCO648" s="613"/>
      <c r="MCP648" s="613"/>
      <c r="MCQ648" s="613"/>
      <c r="MCR648" s="613"/>
      <c r="MCS648" s="613"/>
      <c r="MCT648" s="613"/>
      <c r="MCU648" s="613"/>
      <c r="MCV648" s="613"/>
      <c r="MCW648" s="613"/>
      <c r="MCX648" s="613"/>
      <c r="MCY648" s="613"/>
      <c r="MCZ648" s="613"/>
      <c r="MDA648" s="613"/>
      <c r="MDB648" s="613"/>
      <c r="MDC648" s="613"/>
      <c r="MDD648" s="613"/>
      <c r="MDE648" s="613"/>
      <c r="MDF648" s="613"/>
      <c r="MDG648" s="613"/>
      <c r="MDH648" s="613"/>
      <c r="MDI648" s="613"/>
      <c r="MDJ648" s="613"/>
      <c r="MDK648" s="613"/>
      <c r="MDL648" s="613"/>
      <c r="MDM648" s="613"/>
      <c r="MDN648" s="613"/>
      <c r="MDO648" s="613"/>
      <c r="MDP648" s="613"/>
      <c r="MDQ648" s="613"/>
      <c r="MDR648" s="613"/>
      <c r="MDS648" s="613"/>
      <c r="MDT648" s="613"/>
      <c r="MDU648" s="613"/>
      <c r="MDV648" s="613"/>
      <c r="MDW648" s="613"/>
      <c r="MDX648" s="613"/>
      <c r="MDY648" s="613"/>
      <c r="MDZ648" s="613"/>
      <c r="MEA648" s="613"/>
      <c r="MEB648" s="613"/>
      <c r="MEC648" s="613"/>
      <c r="MED648" s="613"/>
      <c r="MEE648" s="613"/>
      <c r="MEF648" s="613"/>
      <c r="MEG648" s="613"/>
      <c r="MEH648" s="613"/>
      <c r="MEI648" s="613"/>
      <c r="MEJ648" s="613"/>
      <c r="MEK648" s="613"/>
      <c r="MEL648" s="613"/>
      <c r="MEM648" s="613"/>
      <c r="MEN648" s="613"/>
      <c r="MEO648" s="613"/>
      <c r="MEP648" s="613"/>
      <c r="MEQ648" s="613"/>
      <c r="MER648" s="613"/>
      <c r="MES648" s="613"/>
      <c r="MET648" s="613"/>
      <c r="MEU648" s="613"/>
      <c r="MEV648" s="613"/>
      <c r="MEW648" s="613"/>
      <c r="MEX648" s="613"/>
      <c r="MEY648" s="613"/>
      <c r="MEZ648" s="613"/>
      <c r="MFA648" s="613"/>
      <c r="MFB648" s="613"/>
      <c r="MFC648" s="613"/>
      <c r="MFD648" s="613"/>
      <c r="MFE648" s="613"/>
      <c r="MFF648" s="613"/>
      <c r="MFG648" s="613"/>
      <c r="MFH648" s="613"/>
      <c r="MFI648" s="613"/>
      <c r="MFJ648" s="613"/>
      <c r="MFK648" s="613"/>
      <c r="MFL648" s="613"/>
      <c r="MFM648" s="613"/>
      <c r="MFN648" s="613"/>
      <c r="MFO648" s="613"/>
      <c r="MFP648" s="613"/>
      <c r="MFQ648" s="613"/>
      <c r="MFR648" s="613"/>
      <c r="MFS648" s="613"/>
      <c r="MFT648" s="613"/>
      <c r="MFU648" s="613"/>
      <c r="MFV648" s="613"/>
      <c r="MFW648" s="613"/>
      <c r="MFX648" s="613"/>
      <c r="MFY648" s="613"/>
      <c r="MFZ648" s="613"/>
      <c r="MGA648" s="613"/>
      <c r="MGB648" s="613"/>
      <c r="MGC648" s="613"/>
      <c r="MGD648" s="613"/>
      <c r="MGE648" s="613"/>
      <c r="MGF648" s="613"/>
      <c r="MGG648" s="613"/>
      <c r="MGH648" s="613"/>
      <c r="MGI648" s="613"/>
      <c r="MGJ648" s="613"/>
      <c r="MGK648" s="613"/>
      <c r="MGL648" s="613"/>
      <c r="MGM648" s="613"/>
      <c r="MGN648" s="613"/>
      <c r="MGO648" s="613"/>
      <c r="MGP648" s="613"/>
      <c r="MGQ648" s="613"/>
      <c r="MGR648" s="613"/>
      <c r="MGS648" s="613"/>
      <c r="MGT648" s="613"/>
      <c r="MGU648" s="613"/>
      <c r="MGV648" s="613"/>
      <c r="MGW648" s="613"/>
      <c r="MGX648" s="613"/>
      <c r="MGY648" s="613"/>
      <c r="MGZ648" s="613"/>
      <c r="MHA648" s="613"/>
      <c r="MHB648" s="613"/>
      <c r="MHC648" s="613"/>
      <c r="MHD648" s="613"/>
      <c r="MHE648" s="613"/>
      <c r="MHF648" s="613"/>
      <c r="MHG648" s="613"/>
      <c r="MHH648" s="613"/>
      <c r="MHI648" s="613"/>
      <c r="MHJ648" s="613"/>
      <c r="MHK648" s="613"/>
      <c r="MHL648" s="613"/>
      <c r="MHM648" s="613"/>
      <c r="MHN648" s="613"/>
      <c r="MHO648" s="613"/>
      <c r="MHP648" s="613"/>
      <c r="MHQ648" s="613"/>
      <c r="MHR648" s="613"/>
      <c r="MHS648" s="613"/>
      <c r="MHT648" s="613"/>
      <c r="MHU648" s="613"/>
      <c r="MHV648" s="613"/>
      <c r="MHW648" s="613"/>
      <c r="MHX648" s="613"/>
      <c r="MHY648" s="613"/>
      <c r="MHZ648" s="613"/>
      <c r="MIA648" s="613"/>
      <c r="MIB648" s="613"/>
      <c r="MIC648" s="613"/>
      <c r="MID648" s="613"/>
      <c r="MIE648" s="613"/>
      <c r="MIF648" s="613"/>
      <c r="MIG648" s="613"/>
      <c r="MIH648" s="613"/>
      <c r="MII648" s="613"/>
      <c r="MIJ648" s="613"/>
      <c r="MIK648" s="613"/>
      <c r="MIL648" s="613"/>
      <c r="MIM648" s="613"/>
      <c r="MIN648" s="613"/>
      <c r="MIO648" s="613"/>
      <c r="MIP648" s="613"/>
      <c r="MIQ648" s="613"/>
      <c r="MIR648" s="613"/>
      <c r="MIS648" s="613"/>
      <c r="MIT648" s="613"/>
      <c r="MIU648" s="613"/>
      <c r="MIV648" s="613"/>
      <c r="MIW648" s="613"/>
      <c r="MIX648" s="613"/>
      <c r="MIY648" s="613"/>
      <c r="MIZ648" s="613"/>
      <c r="MJA648" s="613"/>
      <c r="MJB648" s="613"/>
      <c r="MJC648" s="613"/>
      <c r="MJD648" s="613"/>
      <c r="MJE648" s="613"/>
      <c r="MJF648" s="613"/>
      <c r="MJG648" s="613"/>
      <c r="MJH648" s="613"/>
      <c r="MJI648" s="613"/>
      <c r="MJJ648" s="613"/>
      <c r="MJK648" s="613"/>
      <c r="MJL648" s="613"/>
      <c r="MJM648" s="613"/>
      <c r="MJN648" s="613"/>
      <c r="MJO648" s="613"/>
      <c r="MJP648" s="613"/>
      <c r="MJQ648" s="613"/>
      <c r="MJR648" s="613"/>
      <c r="MJS648" s="613"/>
      <c r="MJT648" s="613"/>
      <c r="MJU648" s="613"/>
      <c r="MJV648" s="613"/>
      <c r="MJW648" s="613"/>
      <c r="MJX648" s="613"/>
      <c r="MJY648" s="613"/>
      <c r="MJZ648" s="613"/>
      <c r="MKA648" s="613"/>
      <c r="MKB648" s="613"/>
      <c r="MKC648" s="613"/>
      <c r="MKD648" s="613"/>
      <c r="MKE648" s="613"/>
      <c r="MKF648" s="613"/>
      <c r="MKG648" s="613"/>
      <c r="MKH648" s="613"/>
      <c r="MKI648" s="613"/>
      <c r="MKJ648" s="613"/>
      <c r="MKK648" s="613"/>
      <c r="MKL648" s="613"/>
      <c r="MKM648" s="613"/>
      <c r="MKN648" s="613"/>
      <c r="MKO648" s="613"/>
      <c r="MKP648" s="613"/>
      <c r="MKQ648" s="613"/>
      <c r="MKR648" s="613"/>
      <c r="MKS648" s="613"/>
      <c r="MKT648" s="613"/>
      <c r="MKU648" s="613"/>
      <c r="MKV648" s="613"/>
      <c r="MKW648" s="613"/>
      <c r="MKX648" s="613"/>
      <c r="MKY648" s="613"/>
      <c r="MKZ648" s="613"/>
      <c r="MLA648" s="613"/>
      <c r="MLB648" s="613"/>
      <c r="MLC648" s="613"/>
      <c r="MLD648" s="613"/>
      <c r="MLE648" s="613"/>
      <c r="MLF648" s="613"/>
      <c r="MLG648" s="613"/>
      <c r="MLH648" s="613"/>
      <c r="MLI648" s="613"/>
      <c r="MLJ648" s="613"/>
      <c r="MLK648" s="613"/>
      <c r="MLL648" s="613"/>
      <c r="MLM648" s="613"/>
      <c r="MLN648" s="613"/>
      <c r="MLO648" s="613"/>
      <c r="MLP648" s="613"/>
      <c r="MLQ648" s="613"/>
      <c r="MLR648" s="613"/>
      <c r="MLS648" s="613"/>
      <c r="MLT648" s="613"/>
      <c r="MLU648" s="613"/>
      <c r="MLV648" s="613"/>
      <c r="MLW648" s="613"/>
      <c r="MLX648" s="613"/>
      <c r="MLY648" s="613"/>
      <c r="MLZ648" s="613"/>
      <c r="MMA648" s="613"/>
      <c r="MMB648" s="613"/>
      <c r="MMC648" s="613"/>
      <c r="MMD648" s="613"/>
      <c r="MME648" s="613"/>
      <c r="MMF648" s="613"/>
      <c r="MMG648" s="613"/>
      <c r="MMH648" s="613"/>
      <c r="MMI648" s="613"/>
      <c r="MMJ648" s="613"/>
      <c r="MMK648" s="613"/>
      <c r="MML648" s="613"/>
      <c r="MMM648" s="613"/>
      <c r="MMN648" s="613"/>
      <c r="MMO648" s="613"/>
      <c r="MMP648" s="613"/>
      <c r="MMQ648" s="613"/>
      <c r="MMR648" s="613"/>
      <c r="MMS648" s="613"/>
      <c r="MMT648" s="613"/>
      <c r="MMU648" s="613"/>
      <c r="MMV648" s="613"/>
      <c r="MMW648" s="613"/>
      <c r="MMX648" s="613"/>
      <c r="MMY648" s="613"/>
      <c r="MMZ648" s="613"/>
      <c r="MNA648" s="613"/>
      <c r="MNB648" s="613"/>
      <c r="MNC648" s="613"/>
      <c r="MND648" s="613"/>
      <c r="MNE648" s="613"/>
      <c r="MNF648" s="613"/>
      <c r="MNG648" s="613"/>
      <c r="MNH648" s="613"/>
      <c r="MNI648" s="613"/>
      <c r="MNJ648" s="613"/>
      <c r="MNK648" s="613"/>
      <c r="MNL648" s="613"/>
      <c r="MNM648" s="613"/>
      <c r="MNN648" s="613"/>
      <c r="MNO648" s="613"/>
      <c r="MNP648" s="613"/>
      <c r="MNQ648" s="613"/>
      <c r="MNR648" s="613"/>
      <c r="MNS648" s="613"/>
      <c r="MNT648" s="613"/>
      <c r="MNU648" s="613"/>
      <c r="MNV648" s="613"/>
      <c r="MNW648" s="613"/>
      <c r="MNX648" s="613"/>
      <c r="MNY648" s="613"/>
      <c r="MNZ648" s="613"/>
      <c r="MOA648" s="613"/>
      <c r="MOB648" s="613"/>
      <c r="MOC648" s="613"/>
      <c r="MOD648" s="613"/>
      <c r="MOE648" s="613"/>
      <c r="MOF648" s="613"/>
      <c r="MOG648" s="613"/>
      <c r="MOH648" s="613"/>
      <c r="MOI648" s="613"/>
      <c r="MOJ648" s="613"/>
      <c r="MOK648" s="613"/>
      <c r="MOL648" s="613"/>
      <c r="MOM648" s="613"/>
      <c r="MON648" s="613"/>
      <c r="MOO648" s="613"/>
      <c r="MOP648" s="613"/>
      <c r="MOQ648" s="613"/>
      <c r="MOR648" s="613"/>
      <c r="MOS648" s="613"/>
      <c r="MOT648" s="613"/>
      <c r="MOU648" s="613"/>
      <c r="MOV648" s="613"/>
      <c r="MOW648" s="613"/>
      <c r="MOX648" s="613"/>
      <c r="MOY648" s="613"/>
      <c r="MOZ648" s="613"/>
      <c r="MPA648" s="613"/>
      <c r="MPB648" s="613"/>
      <c r="MPC648" s="613"/>
      <c r="MPD648" s="613"/>
      <c r="MPE648" s="613"/>
      <c r="MPF648" s="613"/>
      <c r="MPG648" s="613"/>
      <c r="MPH648" s="613"/>
      <c r="MPI648" s="613"/>
      <c r="MPJ648" s="613"/>
      <c r="MPK648" s="613"/>
      <c r="MPL648" s="613"/>
      <c r="MPM648" s="613"/>
      <c r="MPN648" s="613"/>
      <c r="MPO648" s="613"/>
      <c r="MPP648" s="613"/>
      <c r="MPQ648" s="613"/>
      <c r="MPR648" s="613"/>
      <c r="MPS648" s="613"/>
      <c r="MPT648" s="613"/>
      <c r="MPU648" s="613"/>
      <c r="MPV648" s="613"/>
      <c r="MPW648" s="613"/>
      <c r="MPX648" s="613"/>
      <c r="MPY648" s="613"/>
      <c r="MPZ648" s="613"/>
      <c r="MQA648" s="613"/>
      <c r="MQB648" s="613"/>
      <c r="MQC648" s="613"/>
      <c r="MQD648" s="613"/>
      <c r="MQE648" s="613"/>
      <c r="MQF648" s="613"/>
      <c r="MQG648" s="613"/>
      <c r="MQH648" s="613"/>
      <c r="MQI648" s="613"/>
      <c r="MQJ648" s="613"/>
      <c r="MQK648" s="613"/>
      <c r="MQL648" s="613"/>
      <c r="MQM648" s="613"/>
      <c r="MQN648" s="613"/>
      <c r="MQO648" s="613"/>
      <c r="MQP648" s="613"/>
      <c r="MQQ648" s="613"/>
      <c r="MQR648" s="613"/>
      <c r="MQS648" s="613"/>
      <c r="MQT648" s="613"/>
      <c r="MQU648" s="613"/>
      <c r="MQV648" s="613"/>
      <c r="MQW648" s="613"/>
      <c r="MQX648" s="613"/>
      <c r="MQY648" s="613"/>
      <c r="MQZ648" s="613"/>
      <c r="MRA648" s="613"/>
      <c r="MRB648" s="613"/>
      <c r="MRC648" s="613"/>
      <c r="MRD648" s="613"/>
      <c r="MRE648" s="613"/>
      <c r="MRF648" s="613"/>
      <c r="MRG648" s="613"/>
      <c r="MRH648" s="613"/>
      <c r="MRI648" s="613"/>
      <c r="MRJ648" s="613"/>
      <c r="MRK648" s="613"/>
      <c r="MRL648" s="613"/>
      <c r="MRM648" s="613"/>
      <c r="MRN648" s="613"/>
      <c r="MRO648" s="613"/>
      <c r="MRP648" s="613"/>
      <c r="MRQ648" s="613"/>
      <c r="MRR648" s="613"/>
      <c r="MRS648" s="613"/>
      <c r="MRT648" s="613"/>
      <c r="MRU648" s="613"/>
      <c r="MRV648" s="613"/>
      <c r="MRW648" s="613"/>
      <c r="MRX648" s="613"/>
      <c r="MRY648" s="613"/>
      <c r="MRZ648" s="613"/>
      <c r="MSA648" s="613"/>
      <c r="MSB648" s="613"/>
      <c r="MSC648" s="613"/>
      <c r="MSD648" s="613"/>
      <c r="MSE648" s="613"/>
      <c r="MSF648" s="613"/>
      <c r="MSG648" s="613"/>
      <c r="MSH648" s="613"/>
      <c r="MSI648" s="613"/>
      <c r="MSJ648" s="613"/>
      <c r="MSK648" s="613"/>
      <c r="MSL648" s="613"/>
      <c r="MSM648" s="613"/>
      <c r="MSN648" s="613"/>
      <c r="MSO648" s="613"/>
      <c r="MSP648" s="613"/>
      <c r="MSQ648" s="613"/>
      <c r="MSR648" s="613"/>
      <c r="MSS648" s="613"/>
      <c r="MST648" s="613"/>
      <c r="MSU648" s="613"/>
      <c r="MSV648" s="613"/>
      <c r="MSW648" s="613"/>
      <c r="MSX648" s="613"/>
      <c r="MSY648" s="613"/>
      <c r="MSZ648" s="613"/>
      <c r="MTA648" s="613"/>
      <c r="MTB648" s="613"/>
      <c r="MTC648" s="613"/>
      <c r="MTD648" s="613"/>
      <c r="MTE648" s="613"/>
      <c r="MTF648" s="613"/>
      <c r="MTG648" s="613"/>
      <c r="MTH648" s="613"/>
      <c r="MTI648" s="613"/>
      <c r="MTJ648" s="613"/>
      <c r="MTK648" s="613"/>
      <c r="MTL648" s="613"/>
      <c r="MTM648" s="613"/>
      <c r="MTN648" s="613"/>
      <c r="MTO648" s="613"/>
      <c r="MTP648" s="613"/>
      <c r="MTQ648" s="613"/>
      <c r="MTR648" s="613"/>
      <c r="MTS648" s="613"/>
      <c r="MTT648" s="613"/>
      <c r="MTU648" s="613"/>
      <c r="MTV648" s="613"/>
      <c r="MTW648" s="613"/>
      <c r="MTX648" s="613"/>
      <c r="MTY648" s="613"/>
      <c r="MTZ648" s="613"/>
      <c r="MUA648" s="613"/>
      <c r="MUB648" s="613"/>
      <c r="MUC648" s="613"/>
      <c r="MUD648" s="613"/>
      <c r="MUE648" s="613"/>
      <c r="MUF648" s="613"/>
      <c r="MUG648" s="613"/>
      <c r="MUH648" s="613"/>
      <c r="MUI648" s="613"/>
      <c r="MUJ648" s="613"/>
      <c r="MUK648" s="613"/>
      <c r="MUL648" s="613"/>
      <c r="MUM648" s="613"/>
      <c r="MUN648" s="613"/>
      <c r="MUO648" s="613"/>
      <c r="MUP648" s="613"/>
      <c r="MUQ648" s="613"/>
      <c r="MUR648" s="613"/>
      <c r="MUS648" s="613"/>
      <c r="MUT648" s="613"/>
      <c r="MUU648" s="613"/>
      <c r="MUV648" s="613"/>
      <c r="MUW648" s="613"/>
      <c r="MUX648" s="613"/>
      <c r="MUY648" s="613"/>
      <c r="MUZ648" s="613"/>
      <c r="MVA648" s="613"/>
      <c r="MVB648" s="613"/>
      <c r="MVC648" s="613"/>
      <c r="MVD648" s="613"/>
      <c r="MVE648" s="613"/>
      <c r="MVF648" s="613"/>
      <c r="MVG648" s="613"/>
      <c r="MVH648" s="613"/>
      <c r="MVI648" s="613"/>
      <c r="MVJ648" s="613"/>
      <c r="MVK648" s="613"/>
      <c r="MVL648" s="613"/>
      <c r="MVM648" s="613"/>
      <c r="MVN648" s="613"/>
      <c r="MVO648" s="613"/>
      <c r="MVP648" s="613"/>
      <c r="MVQ648" s="613"/>
      <c r="MVR648" s="613"/>
      <c r="MVS648" s="613"/>
      <c r="MVT648" s="613"/>
      <c r="MVU648" s="613"/>
      <c r="MVV648" s="613"/>
      <c r="MVW648" s="613"/>
      <c r="MVX648" s="613"/>
      <c r="MVY648" s="613"/>
      <c r="MVZ648" s="613"/>
      <c r="MWA648" s="613"/>
      <c r="MWB648" s="613"/>
      <c r="MWC648" s="613"/>
      <c r="MWD648" s="613"/>
      <c r="MWE648" s="613"/>
      <c r="MWF648" s="613"/>
      <c r="MWG648" s="613"/>
      <c r="MWH648" s="613"/>
      <c r="MWI648" s="613"/>
      <c r="MWJ648" s="613"/>
      <c r="MWK648" s="613"/>
      <c r="MWL648" s="613"/>
      <c r="MWM648" s="613"/>
      <c r="MWN648" s="613"/>
      <c r="MWO648" s="613"/>
      <c r="MWP648" s="613"/>
      <c r="MWQ648" s="613"/>
      <c r="MWR648" s="613"/>
      <c r="MWS648" s="613"/>
      <c r="MWT648" s="613"/>
      <c r="MWU648" s="613"/>
      <c r="MWV648" s="613"/>
      <c r="MWW648" s="613"/>
      <c r="MWX648" s="613"/>
      <c r="MWY648" s="613"/>
      <c r="MWZ648" s="613"/>
      <c r="MXA648" s="613"/>
      <c r="MXB648" s="613"/>
      <c r="MXC648" s="613"/>
      <c r="MXD648" s="613"/>
      <c r="MXE648" s="613"/>
      <c r="MXF648" s="613"/>
      <c r="MXG648" s="613"/>
      <c r="MXH648" s="613"/>
      <c r="MXI648" s="613"/>
      <c r="MXJ648" s="613"/>
      <c r="MXK648" s="613"/>
      <c r="MXL648" s="613"/>
      <c r="MXM648" s="613"/>
      <c r="MXN648" s="613"/>
      <c r="MXO648" s="613"/>
      <c r="MXP648" s="613"/>
      <c r="MXQ648" s="613"/>
      <c r="MXR648" s="613"/>
      <c r="MXS648" s="613"/>
      <c r="MXT648" s="613"/>
      <c r="MXU648" s="613"/>
      <c r="MXV648" s="613"/>
      <c r="MXW648" s="613"/>
      <c r="MXX648" s="613"/>
      <c r="MXY648" s="613"/>
      <c r="MXZ648" s="613"/>
      <c r="MYA648" s="613"/>
      <c r="MYB648" s="613"/>
      <c r="MYC648" s="613"/>
      <c r="MYD648" s="613"/>
      <c r="MYE648" s="613"/>
      <c r="MYF648" s="613"/>
      <c r="MYG648" s="613"/>
      <c r="MYH648" s="613"/>
      <c r="MYI648" s="613"/>
      <c r="MYJ648" s="613"/>
      <c r="MYK648" s="613"/>
      <c r="MYL648" s="613"/>
      <c r="MYM648" s="613"/>
      <c r="MYN648" s="613"/>
      <c r="MYO648" s="613"/>
      <c r="MYP648" s="613"/>
      <c r="MYQ648" s="613"/>
      <c r="MYR648" s="613"/>
      <c r="MYS648" s="613"/>
      <c r="MYT648" s="613"/>
      <c r="MYU648" s="613"/>
      <c r="MYV648" s="613"/>
      <c r="MYW648" s="613"/>
      <c r="MYX648" s="613"/>
      <c r="MYY648" s="613"/>
      <c r="MYZ648" s="613"/>
      <c r="MZA648" s="613"/>
      <c r="MZB648" s="613"/>
      <c r="MZC648" s="613"/>
      <c r="MZD648" s="613"/>
      <c r="MZE648" s="613"/>
      <c r="MZF648" s="613"/>
      <c r="MZG648" s="613"/>
      <c r="MZH648" s="613"/>
      <c r="MZI648" s="613"/>
      <c r="MZJ648" s="613"/>
      <c r="MZK648" s="613"/>
      <c r="MZL648" s="613"/>
      <c r="MZM648" s="613"/>
      <c r="MZN648" s="613"/>
      <c r="MZO648" s="613"/>
      <c r="MZP648" s="613"/>
      <c r="MZQ648" s="613"/>
      <c r="MZR648" s="613"/>
      <c r="MZS648" s="613"/>
      <c r="MZT648" s="613"/>
      <c r="MZU648" s="613"/>
      <c r="MZV648" s="613"/>
      <c r="MZW648" s="613"/>
      <c r="MZX648" s="613"/>
      <c r="MZY648" s="613"/>
      <c r="MZZ648" s="613"/>
      <c r="NAA648" s="613"/>
      <c r="NAB648" s="613"/>
      <c r="NAC648" s="613"/>
      <c r="NAD648" s="613"/>
      <c r="NAE648" s="613"/>
      <c r="NAF648" s="613"/>
      <c r="NAG648" s="613"/>
      <c r="NAH648" s="613"/>
      <c r="NAI648" s="613"/>
      <c r="NAJ648" s="613"/>
      <c r="NAK648" s="613"/>
      <c r="NAL648" s="613"/>
      <c r="NAM648" s="613"/>
      <c r="NAN648" s="613"/>
      <c r="NAO648" s="613"/>
      <c r="NAP648" s="613"/>
      <c r="NAQ648" s="613"/>
      <c r="NAR648" s="613"/>
      <c r="NAS648" s="613"/>
      <c r="NAT648" s="613"/>
      <c r="NAU648" s="613"/>
      <c r="NAV648" s="613"/>
      <c r="NAW648" s="613"/>
      <c r="NAX648" s="613"/>
      <c r="NAY648" s="613"/>
      <c r="NAZ648" s="613"/>
      <c r="NBA648" s="613"/>
      <c r="NBB648" s="613"/>
      <c r="NBC648" s="613"/>
      <c r="NBD648" s="613"/>
      <c r="NBE648" s="613"/>
      <c r="NBF648" s="613"/>
      <c r="NBG648" s="613"/>
      <c r="NBH648" s="613"/>
      <c r="NBI648" s="613"/>
      <c r="NBJ648" s="613"/>
      <c r="NBK648" s="613"/>
      <c r="NBL648" s="613"/>
      <c r="NBM648" s="613"/>
      <c r="NBN648" s="613"/>
      <c r="NBO648" s="613"/>
      <c r="NBP648" s="613"/>
      <c r="NBQ648" s="613"/>
      <c r="NBR648" s="613"/>
      <c r="NBS648" s="613"/>
      <c r="NBT648" s="613"/>
      <c r="NBU648" s="613"/>
      <c r="NBV648" s="613"/>
      <c r="NBW648" s="613"/>
      <c r="NBX648" s="613"/>
      <c r="NBY648" s="613"/>
      <c r="NBZ648" s="613"/>
      <c r="NCA648" s="613"/>
      <c r="NCB648" s="613"/>
      <c r="NCC648" s="613"/>
      <c r="NCD648" s="613"/>
      <c r="NCE648" s="613"/>
      <c r="NCF648" s="613"/>
      <c r="NCG648" s="613"/>
      <c r="NCH648" s="613"/>
      <c r="NCI648" s="613"/>
      <c r="NCJ648" s="613"/>
      <c r="NCK648" s="613"/>
      <c r="NCL648" s="613"/>
      <c r="NCM648" s="613"/>
      <c r="NCN648" s="613"/>
      <c r="NCO648" s="613"/>
      <c r="NCP648" s="613"/>
      <c r="NCQ648" s="613"/>
      <c r="NCR648" s="613"/>
      <c r="NCS648" s="613"/>
      <c r="NCT648" s="613"/>
      <c r="NCU648" s="613"/>
      <c r="NCV648" s="613"/>
      <c r="NCW648" s="613"/>
      <c r="NCX648" s="613"/>
      <c r="NCY648" s="613"/>
      <c r="NCZ648" s="613"/>
      <c r="NDA648" s="613"/>
      <c r="NDB648" s="613"/>
      <c r="NDC648" s="613"/>
      <c r="NDD648" s="613"/>
      <c r="NDE648" s="613"/>
      <c r="NDF648" s="613"/>
      <c r="NDG648" s="613"/>
      <c r="NDH648" s="613"/>
      <c r="NDI648" s="613"/>
      <c r="NDJ648" s="613"/>
      <c r="NDK648" s="613"/>
      <c r="NDL648" s="613"/>
      <c r="NDM648" s="613"/>
      <c r="NDN648" s="613"/>
      <c r="NDO648" s="613"/>
      <c r="NDP648" s="613"/>
      <c r="NDQ648" s="613"/>
      <c r="NDR648" s="613"/>
      <c r="NDS648" s="613"/>
      <c r="NDT648" s="613"/>
      <c r="NDU648" s="613"/>
      <c r="NDV648" s="613"/>
      <c r="NDW648" s="613"/>
      <c r="NDX648" s="613"/>
      <c r="NDY648" s="613"/>
      <c r="NDZ648" s="613"/>
      <c r="NEA648" s="613"/>
      <c r="NEB648" s="613"/>
      <c r="NEC648" s="613"/>
      <c r="NED648" s="613"/>
      <c r="NEE648" s="613"/>
      <c r="NEF648" s="613"/>
      <c r="NEG648" s="613"/>
      <c r="NEH648" s="613"/>
      <c r="NEI648" s="613"/>
      <c r="NEJ648" s="613"/>
      <c r="NEK648" s="613"/>
      <c r="NEL648" s="613"/>
      <c r="NEM648" s="613"/>
      <c r="NEN648" s="613"/>
      <c r="NEO648" s="613"/>
      <c r="NEP648" s="613"/>
      <c r="NEQ648" s="613"/>
      <c r="NER648" s="613"/>
      <c r="NES648" s="613"/>
      <c r="NET648" s="613"/>
      <c r="NEU648" s="613"/>
      <c r="NEV648" s="613"/>
      <c r="NEW648" s="613"/>
      <c r="NEX648" s="613"/>
      <c r="NEY648" s="613"/>
      <c r="NEZ648" s="613"/>
      <c r="NFA648" s="613"/>
      <c r="NFB648" s="613"/>
      <c r="NFC648" s="613"/>
      <c r="NFD648" s="613"/>
      <c r="NFE648" s="613"/>
      <c r="NFF648" s="613"/>
      <c r="NFG648" s="613"/>
      <c r="NFH648" s="613"/>
      <c r="NFI648" s="613"/>
      <c r="NFJ648" s="613"/>
      <c r="NFK648" s="613"/>
      <c r="NFL648" s="613"/>
      <c r="NFM648" s="613"/>
      <c r="NFN648" s="613"/>
      <c r="NFO648" s="613"/>
      <c r="NFP648" s="613"/>
      <c r="NFQ648" s="613"/>
      <c r="NFR648" s="613"/>
      <c r="NFS648" s="613"/>
      <c r="NFT648" s="613"/>
      <c r="NFU648" s="613"/>
      <c r="NFV648" s="613"/>
      <c r="NFW648" s="613"/>
      <c r="NFX648" s="613"/>
      <c r="NFY648" s="613"/>
      <c r="NFZ648" s="613"/>
      <c r="NGA648" s="613"/>
      <c r="NGB648" s="613"/>
      <c r="NGC648" s="613"/>
      <c r="NGD648" s="613"/>
      <c r="NGE648" s="613"/>
      <c r="NGF648" s="613"/>
      <c r="NGG648" s="613"/>
      <c r="NGH648" s="613"/>
      <c r="NGI648" s="613"/>
      <c r="NGJ648" s="613"/>
      <c r="NGK648" s="613"/>
      <c r="NGL648" s="613"/>
      <c r="NGM648" s="613"/>
      <c r="NGN648" s="613"/>
      <c r="NGO648" s="613"/>
      <c r="NGP648" s="613"/>
      <c r="NGQ648" s="613"/>
      <c r="NGR648" s="613"/>
      <c r="NGS648" s="613"/>
      <c r="NGT648" s="613"/>
      <c r="NGU648" s="613"/>
      <c r="NGV648" s="613"/>
      <c r="NGW648" s="613"/>
      <c r="NGX648" s="613"/>
      <c r="NGY648" s="613"/>
      <c r="NGZ648" s="613"/>
      <c r="NHA648" s="613"/>
      <c r="NHB648" s="613"/>
      <c r="NHC648" s="613"/>
      <c r="NHD648" s="613"/>
      <c r="NHE648" s="613"/>
      <c r="NHF648" s="613"/>
      <c r="NHG648" s="613"/>
      <c r="NHH648" s="613"/>
      <c r="NHI648" s="613"/>
      <c r="NHJ648" s="613"/>
      <c r="NHK648" s="613"/>
      <c r="NHL648" s="613"/>
      <c r="NHM648" s="613"/>
      <c r="NHN648" s="613"/>
      <c r="NHO648" s="613"/>
      <c r="NHP648" s="613"/>
      <c r="NHQ648" s="613"/>
      <c r="NHR648" s="613"/>
      <c r="NHS648" s="613"/>
      <c r="NHT648" s="613"/>
      <c r="NHU648" s="613"/>
      <c r="NHV648" s="613"/>
      <c r="NHW648" s="613"/>
      <c r="NHX648" s="613"/>
      <c r="NHY648" s="613"/>
      <c r="NHZ648" s="613"/>
      <c r="NIA648" s="613"/>
      <c r="NIB648" s="613"/>
      <c r="NIC648" s="613"/>
      <c r="NID648" s="613"/>
      <c r="NIE648" s="613"/>
      <c r="NIF648" s="613"/>
      <c r="NIG648" s="613"/>
      <c r="NIH648" s="613"/>
      <c r="NII648" s="613"/>
      <c r="NIJ648" s="613"/>
      <c r="NIK648" s="613"/>
      <c r="NIL648" s="613"/>
      <c r="NIM648" s="613"/>
      <c r="NIN648" s="613"/>
      <c r="NIO648" s="613"/>
      <c r="NIP648" s="613"/>
      <c r="NIQ648" s="613"/>
      <c r="NIR648" s="613"/>
      <c r="NIS648" s="613"/>
      <c r="NIT648" s="613"/>
      <c r="NIU648" s="613"/>
      <c r="NIV648" s="613"/>
      <c r="NIW648" s="613"/>
      <c r="NIX648" s="613"/>
      <c r="NIY648" s="613"/>
      <c r="NIZ648" s="613"/>
      <c r="NJA648" s="613"/>
      <c r="NJB648" s="613"/>
      <c r="NJC648" s="613"/>
      <c r="NJD648" s="613"/>
      <c r="NJE648" s="613"/>
      <c r="NJF648" s="613"/>
      <c r="NJG648" s="613"/>
      <c r="NJH648" s="613"/>
      <c r="NJI648" s="613"/>
      <c r="NJJ648" s="613"/>
      <c r="NJK648" s="613"/>
      <c r="NJL648" s="613"/>
      <c r="NJM648" s="613"/>
      <c r="NJN648" s="613"/>
      <c r="NJO648" s="613"/>
      <c r="NJP648" s="613"/>
      <c r="NJQ648" s="613"/>
      <c r="NJR648" s="613"/>
      <c r="NJS648" s="613"/>
      <c r="NJT648" s="613"/>
      <c r="NJU648" s="613"/>
      <c r="NJV648" s="613"/>
      <c r="NJW648" s="613"/>
      <c r="NJX648" s="613"/>
      <c r="NJY648" s="613"/>
      <c r="NJZ648" s="613"/>
      <c r="NKA648" s="613"/>
      <c r="NKB648" s="613"/>
      <c r="NKC648" s="613"/>
      <c r="NKD648" s="613"/>
      <c r="NKE648" s="613"/>
      <c r="NKF648" s="613"/>
      <c r="NKG648" s="613"/>
      <c r="NKH648" s="613"/>
      <c r="NKI648" s="613"/>
      <c r="NKJ648" s="613"/>
      <c r="NKK648" s="613"/>
      <c r="NKL648" s="613"/>
      <c r="NKM648" s="613"/>
      <c r="NKN648" s="613"/>
      <c r="NKO648" s="613"/>
      <c r="NKP648" s="613"/>
      <c r="NKQ648" s="613"/>
      <c r="NKR648" s="613"/>
      <c r="NKS648" s="613"/>
      <c r="NKT648" s="613"/>
      <c r="NKU648" s="613"/>
      <c r="NKV648" s="613"/>
      <c r="NKW648" s="613"/>
      <c r="NKX648" s="613"/>
      <c r="NKY648" s="613"/>
      <c r="NKZ648" s="613"/>
      <c r="NLA648" s="613"/>
      <c r="NLB648" s="613"/>
      <c r="NLC648" s="613"/>
      <c r="NLD648" s="613"/>
      <c r="NLE648" s="613"/>
      <c r="NLF648" s="613"/>
      <c r="NLG648" s="613"/>
      <c r="NLH648" s="613"/>
      <c r="NLI648" s="613"/>
      <c r="NLJ648" s="613"/>
      <c r="NLK648" s="613"/>
      <c r="NLL648" s="613"/>
      <c r="NLM648" s="613"/>
      <c r="NLN648" s="613"/>
      <c r="NLO648" s="613"/>
      <c r="NLP648" s="613"/>
      <c r="NLQ648" s="613"/>
      <c r="NLR648" s="613"/>
      <c r="NLS648" s="613"/>
      <c r="NLT648" s="613"/>
      <c r="NLU648" s="613"/>
      <c r="NLV648" s="613"/>
      <c r="NLW648" s="613"/>
      <c r="NLX648" s="613"/>
      <c r="NLY648" s="613"/>
      <c r="NLZ648" s="613"/>
      <c r="NMA648" s="613"/>
      <c r="NMB648" s="613"/>
      <c r="NMC648" s="613"/>
      <c r="NMD648" s="613"/>
      <c r="NME648" s="613"/>
      <c r="NMF648" s="613"/>
      <c r="NMG648" s="613"/>
      <c r="NMH648" s="613"/>
      <c r="NMI648" s="613"/>
      <c r="NMJ648" s="613"/>
      <c r="NMK648" s="613"/>
      <c r="NML648" s="613"/>
      <c r="NMM648" s="613"/>
      <c r="NMN648" s="613"/>
      <c r="NMO648" s="613"/>
      <c r="NMP648" s="613"/>
      <c r="NMQ648" s="613"/>
      <c r="NMR648" s="613"/>
      <c r="NMS648" s="613"/>
      <c r="NMT648" s="613"/>
      <c r="NMU648" s="613"/>
      <c r="NMV648" s="613"/>
      <c r="NMW648" s="613"/>
      <c r="NMX648" s="613"/>
      <c r="NMY648" s="613"/>
      <c r="NMZ648" s="613"/>
      <c r="NNA648" s="613"/>
      <c r="NNB648" s="613"/>
      <c r="NNC648" s="613"/>
      <c r="NND648" s="613"/>
      <c r="NNE648" s="613"/>
      <c r="NNF648" s="613"/>
      <c r="NNG648" s="613"/>
      <c r="NNH648" s="613"/>
      <c r="NNI648" s="613"/>
      <c r="NNJ648" s="613"/>
      <c r="NNK648" s="613"/>
      <c r="NNL648" s="613"/>
      <c r="NNM648" s="613"/>
      <c r="NNN648" s="613"/>
      <c r="NNO648" s="613"/>
      <c r="NNP648" s="613"/>
      <c r="NNQ648" s="613"/>
      <c r="NNR648" s="613"/>
      <c r="NNS648" s="613"/>
      <c r="NNT648" s="613"/>
      <c r="NNU648" s="613"/>
      <c r="NNV648" s="613"/>
      <c r="NNW648" s="613"/>
      <c r="NNX648" s="613"/>
      <c r="NNY648" s="613"/>
      <c r="NNZ648" s="613"/>
      <c r="NOA648" s="613"/>
      <c r="NOB648" s="613"/>
      <c r="NOC648" s="613"/>
      <c r="NOD648" s="613"/>
      <c r="NOE648" s="613"/>
      <c r="NOF648" s="613"/>
      <c r="NOG648" s="613"/>
      <c r="NOH648" s="613"/>
      <c r="NOI648" s="613"/>
      <c r="NOJ648" s="613"/>
      <c r="NOK648" s="613"/>
      <c r="NOL648" s="613"/>
      <c r="NOM648" s="613"/>
      <c r="NON648" s="613"/>
      <c r="NOO648" s="613"/>
      <c r="NOP648" s="613"/>
      <c r="NOQ648" s="613"/>
      <c r="NOR648" s="613"/>
      <c r="NOS648" s="613"/>
      <c r="NOT648" s="613"/>
      <c r="NOU648" s="613"/>
      <c r="NOV648" s="613"/>
      <c r="NOW648" s="613"/>
      <c r="NOX648" s="613"/>
      <c r="NOY648" s="613"/>
      <c r="NOZ648" s="613"/>
      <c r="NPA648" s="613"/>
      <c r="NPB648" s="613"/>
      <c r="NPC648" s="613"/>
      <c r="NPD648" s="613"/>
      <c r="NPE648" s="613"/>
      <c r="NPF648" s="613"/>
      <c r="NPG648" s="613"/>
      <c r="NPH648" s="613"/>
      <c r="NPI648" s="613"/>
      <c r="NPJ648" s="613"/>
      <c r="NPK648" s="613"/>
      <c r="NPL648" s="613"/>
      <c r="NPM648" s="613"/>
      <c r="NPN648" s="613"/>
      <c r="NPO648" s="613"/>
      <c r="NPP648" s="613"/>
      <c r="NPQ648" s="613"/>
      <c r="NPR648" s="613"/>
      <c r="NPS648" s="613"/>
      <c r="NPT648" s="613"/>
      <c r="NPU648" s="613"/>
      <c r="NPV648" s="613"/>
      <c r="NPW648" s="613"/>
      <c r="NPX648" s="613"/>
      <c r="NPY648" s="613"/>
      <c r="NPZ648" s="613"/>
      <c r="NQA648" s="613"/>
      <c r="NQB648" s="613"/>
      <c r="NQC648" s="613"/>
      <c r="NQD648" s="613"/>
      <c r="NQE648" s="613"/>
      <c r="NQF648" s="613"/>
      <c r="NQG648" s="613"/>
      <c r="NQH648" s="613"/>
      <c r="NQI648" s="613"/>
      <c r="NQJ648" s="613"/>
      <c r="NQK648" s="613"/>
      <c r="NQL648" s="613"/>
      <c r="NQM648" s="613"/>
      <c r="NQN648" s="613"/>
      <c r="NQO648" s="613"/>
      <c r="NQP648" s="613"/>
      <c r="NQQ648" s="613"/>
      <c r="NQR648" s="613"/>
      <c r="NQS648" s="613"/>
      <c r="NQT648" s="613"/>
      <c r="NQU648" s="613"/>
      <c r="NQV648" s="613"/>
      <c r="NQW648" s="613"/>
      <c r="NQX648" s="613"/>
      <c r="NQY648" s="613"/>
      <c r="NQZ648" s="613"/>
      <c r="NRA648" s="613"/>
      <c r="NRB648" s="613"/>
      <c r="NRC648" s="613"/>
      <c r="NRD648" s="613"/>
      <c r="NRE648" s="613"/>
      <c r="NRF648" s="613"/>
      <c r="NRG648" s="613"/>
      <c r="NRH648" s="613"/>
      <c r="NRI648" s="613"/>
      <c r="NRJ648" s="613"/>
      <c r="NRK648" s="613"/>
      <c r="NRL648" s="613"/>
      <c r="NRM648" s="613"/>
      <c r="NRN648" s="613"/>
      <c r="NRO648" s="613"/>
      <c r="NRP648" s="613"/>
      <c r="NRQ648" s="613"/>
      <c r="NRR648" s="613"/>
      <c r="NRS648" s="613"/>
      <c r="NRT648" s="613"/>
      <c r="NRU648" s="613"/>
      <c r="NRV648" s="613"/>
      <c r="NRW648" s="613"/>
      <c r="NRX648" s="613"/>
      <c r="NRY648" s="613"/>
      <c r="NRZ648" s="613"/>
      <c r="NSA648" s="613"/>
      <c r="NSB648" s="613"/>
      <c r="NSC648" s="613"/>
      <c r="NSD648" s="613"/>
      <c r="NSE648" s="613"/>
      <c r="NSF648" s="613"/>
      <c r="NSG648" s="613"/>
      <c r="NSH648" s="613"/>
      <c r="NSI648" s="613"/>
      <c r="NSJ648" s="613"/>
      <c r="NSK648" s="613"/>
      <c r="NSL648" s="613"/>
      <c r="NSM648" s="613"/>
      <c r="NSN648" s="613"/>
      <c r="NSO648" s="613"/>
      <c r="NSP648" s="613"/>
      <c r="NSQ648" s="613"/>
      <c r="NSR648" s="613"/>
      <c r="NSS648" s="613"/>
      <c r="NST648" s="613"/>
      <c r="NSU648" s="613"/>
      <c r="NSV648" s="613"/>
      <c r="NSW648" s="613"/>
      <c r="NSX648" s="613"/>
      <c r="NSY648" s="613"/>
      <c r="NSZ648" s="613"/>
      <c r="NTA648" s="613"/>
      <c r="NTB648" s="613"/>
      <c r="NTC648" s="613"/>
      <c r="NTD648" s="613"/>
      <c r="NTE648" s="613"/>
      <c r="NTF648" s="613"/>
      <c r="NTG648" s="613"/>
      <c r="NTH648" s="613"/>
      <c r="NTI648" s="613"/>
      <c r="NTJ648" s="613"/>
      <c r="NTK648" s="613"/>
      <c r="NTL648" s="613"/>
      <c r="NTM648" s="613"/>
      <c r="NTN648" s="613"/>
      <c r="NTO648" s="613"/>
      <c r="NTP648" s="613"/>
      <c r="NTQ648" s="613"/>
      <c r="NTR648" s="613"/>
      <c r="NTS648" s="613"/>
      <c r="NTT648" s="613"/>
      <c r="NTU648" s="613"/>
      <c r="NTV648" s="613"/>
      <c r="NTW648" s="613"/>
      <c r="NTX648" s="613"/>
      <c r="NTY648" s="613"/>
      <c r="NTZ648" s="613"/>
      <c r="NUA648" s="613"/>
      <c r="NUB648" s="613"/>
      <c r="NUC648" s="613"/>
      <c r="NUD648" s="613"/>
      <c r="NUE648" s="613"/>
      <c r="NUF648" s="613"/>
      <c r="NUG648" s="613"/>
      <c r="NUH648" s="613"/>
      <c r="NUI648" s="613"/>
      <c r="NUJ648" s="613"/>
      <c r="NUK648" s="613"/>
      <c r="NUL648" s="613"/>
      <c r="NUM648" s="613"/>
      <c r="NUN648" s="613"/>
      <c r="NUO648" s="613"/>
      <c r="NUP648" s="613"/>
      <c r="NUQ648" s="613"/>
      <c r="NUR648" s="613"/>
      <c r="NUS648" s="613"/>
      <c r="NUT648" s="613"/>
      <c r="NUU648" s="613"/>
      <c r="NUV648" s="613"/>
      <c r="NUW648" s="613"/>
      <c r="NUX648" s="613"/>
      <c r="NUY648" s="613"/>
      <c r="NUZ648" s="613"/>
      <c r="NVA648" s="613"/>
      <c r="NVB648" s="613"/>
      <c r="NVC648" s="613"/>
      <c r="NVD648" s="613"/>
      <c r="NVE648" s="613"/>
      <c r="NVF648" s="613"/>
      <c r="NVG648" s="613"/>
      <c r="NVH648" s="613"/>
      <c r="NVI648" s="613"/>
      <c r="NVJ648" s="613"/>
      <c r="NVK648" s="613"/>
      <c r="NVL648" s="613"/>
      <c r="NVM648" s="613"/>
      <c r="NVN648" s="613"/>
      <c r="NVO648" s="613"/>
      <c r="NVP648" s="613"/>
      <c r="NVQ648" s="613"/>
      <c r="NVR648" s="613"/>
      <c r="NVS648" s="613"/>
      <c r="NVT648" s="613"/>
      <c r="NVU648" s="613"/>
      <c r="NVV648" s="613"/>
      <c r="NVW648" s="613"/>
      <c r="NVX648" s="613"/>
      <c r="NVY648" s="613"/>
      <c r="NVZ648" s="613"/>
      <c r="NWA648" s="613"/>
      <c r="NWB648" s="613"/>
      <c r="NWC648" s="613"/>
      <c r="NWD648" s="613"/>
      <c r="NWE648" s="613"/>
      <c r="NWF648" s="613"/>
      <c r="NWG648" s="613"/>
      <c r="NWH648" s="613"/>
      <c r="NWI648" s="613"/>
      <c r="NWJ648" s="613"/>
      <c r="NWK648" s="613"/>
      <c r="NWL648" s="613"/>
      <c r="NWM648" s="613"/>
      <c r="NWN648" s="613"/>
      <c r="NWO648" s="613"/>
      <c r="NWP648" s="613"/>
      <c r="NWQ648" s="613"/>
      <c r="NWR648" s="613"/>
      <c r="NWS648" s="613"/>
      <c r="NWT648" s="613"/>
      <c r="NWU648" s="613"/>
      <c r="NWV648" s="613"/>
      <c r="NWW648" s="613"/>
      <c r="NWX648" s="613"/>
      <c r="NWY648" s="613"/>
      <c r="NWZ648" s="613"/>
      <c r="NXA648" s="613"/>
      <c r="NXB648" s="613"/>
      <c r="NXC648" s="613"/>
      <c r="NXD648" s="613"/>
      <c r="NXE648" s="613"/>
      <c r="NXF648" s="613"/>
      <c r="NXG648" s="613"/>
      <c r="NXH648" s="613"/>
      <c r="NXI648" s="613"/>
      <c r="NXJ648" s="613"/>
      <c r="NXK648" s="613"/>
      <c r="NXL648" s="613"/>
      <c r="NXM648" s="613"/>
      <c r="NXN648" s="613"/>
      <c r="NXO648" s="613"/>
      <c r="NXP648" s="613"/>
      <c r="NXQ648" s="613"/>
      <c r="NXR648" s="613"/>
      <c r="NXS648" s="613"/>
      <c r="NXT648" s="613"/>
      <c r="NXU648" s="613"/>
      <c r="NXV648" s="613"/>
      <c r="NXW648" s="613"/>
      <c r="NXX648" s="613"/>
      <c r="NXY648" s="613"/>
      <c r="NXZ648" s="613"/>
      <c r="NYA648" s="613"/>
      <c r="NYB648" s="613"/>
      <c r="NYC648" s="613"/>
      <c r="NYD648" s="613"/>
      <c r="NYE648" s="613"/>
      <c r="NYF648" s="613"/>
      <c r="NYG648" s="613"/>
      <c r="NYH648" s="613"/>
      <c r="NYI648" s="613"/>
      <c r="NYJ648" s="613"/>
      <c r="NYK648" s="613"/>
      <c r="NYL648" s="613"/>
      <c r="NYM648" s="613"/>
      <c r="NYN648" s="613"/>
      <c r="NYO648" s="613"/>
      <c r="NYP648" s="613"/>
      <c r="NYQ648" s="613"/>
      <c r="NYR648" s="613"/>
      <c r="NYS648" s="613"/>
      <c r="NYT648" s="613"/>
      <c r="NYU648" s="613"/>
      <c r="NYV648" s="613"/>
      <c r="NYW648" s="613"/>
      <c r="NYX648" s="613"/>
      <c r="NYY648" s="613"/>
      <c r="NYZ648" s="613"/>
      <c r="NZA648" s="613"/>
      <c r="NZB648" s="613"/>
      <c r="NZC648" s="613"/>
      <c r="NZD648" s="613"/>
      <c r="NZE648" s="613"/>
      <c r="NZF648" s="613"/>
      <c r="NZG648" s="613"/>
      <c r="NZH648" s="613"/>
      <c r="NZI648" s="613"/>
      <c r="NZJ648" s="613"/>
      <c r="NZK648" s="613"/>
      <c r="NZL648" s="613"/>
      <c r="NZM648" s="613"/>
      <c r="NZN648" s="613"/>
      <c r="NZO648" s="613"/>
      <c r="NZP648" s="613"/>
      <c r="NZQ648" s="613"/>
      <c r="NZR648" s="613"/>
      <c r="NZS648" s="613"/>
      <c r="NZT648" s="613"/>
      <c r="NZU648" s="613"/>
      <c r="NZV648" s="613"/>
      <c r="NZW648" s="613"/>
      <c r="NZX648" s="613"/>
      <c r="NZY648" s="613"/>
      <c r="NZZ648" s="613"/>
      <c r="OAA648" s="613"/>
      <c r="OAB648" s="613"/>
      <c r="OAC648" s="613"/>
      <c r="OAD648" s="613"/>
      <c r="OAE648" s="613"/>
      <c r="OAF648" s="613"/>
      <c r="OAG648" s="613"/>
      <c r="OAH648" s="613"/>
      <c r="OAI648" s="613"/>
      <c r="OAJ648" s="613"/>
      <c r="OAK648" s="613"/>
      <c r="OAL648" s="613"/>
      <c r="OAM648" s="613"/>
      <c r="OAN648" s="613"/>
      <c r="OAO648" s="613"/>
      <c r="OAP648" s="613"/>
      <c r="OAQ648" s="613"/>
      <c r="OAR648" s="613"/>
      <c r="OAS648" s="613"/>
      <c r="OAT648" s="613"/>
      <c r="OAU648" s="613"/>
      <c r="OAV648" s="613"/>
      <c r="OAW648" s="613"/>
      <c r="OAX648" s="613"/>
      <c r="OAY648" s="613"/>
      <c r="OAZ648" s="613"/>
      <c r="OBA648" s="613"/>
      <c r="OBB648" s="613"/>
      <c r="OBC648" s="613"/>
      <c r="OBD648" s="613"/>
      <c r="OBE648" s="613"/>
      <c r="OBF648" s="613"/>
      <c r="OBG648" s="613"/>
      <c r="OBH648" s="613"/>
      <c r="OBI648" s="613"/>
      <c r="OBJ648" s="613"/>
      <c r="OBK648" s="613"/>
      <c r="OBL648" s="613"/>
      <c r="OBM648" s="613"/>
      <c r="OBN648" s="613"/>
      <c r="OBO648" s="613"/>
      <c r="OBP648" s="613"/>
      <c r="OBQ648" s="613"/>
      <c r="OBR648" s="613"/>
      <c r="OBS648" s="613"/>
      <c r="OBT648" s="613"/>
      <c r="OBU648" s="613"/>
      <c r="OBV648" s="613"/>
      <c r="OBW648" s="613"/>
      <c r="OBX648" s="613"/>
      <c r="OBY648" s="613"/>
      <c r="OBZ648" s="613"/>
      <c r="OCA648" s="613"/>
      <c r="OCB648" s="613"/>
      <c r="OCC648" s="613"/>
      <c r="OCD648" s="613"/>
      <c r="OCE648" s="613"/>
      <c r="OCF648" s="613"/>
      <c r="OCG648" s="613"/>
      <c r="OCH648" s="613"/>
      <c r="OCI648" s="613"/>
      <c r="OCJ648" s="613"/>
      <c r="OCK648" s="613"/>
      <c r="OCL648" s="613"/>
      <c r="OCM648" s="613"/>
      <c r="OCN648" s="613"/>
      <c r="OCO648" s="613"/>
      <c r="OCP648" s="613"/>
      <c r="OCQ648" s="613"/>
      <c r="OCR648" s="613"/>
      <c r="OCS648" s="613"/>
      <c r="OCT648" s="613"/>
      <c r="OCU648" s="613"/>
      <c r="OCV648" s="613"/>
      <c r="OCW648" s="613"/>
      <c r="OCX648" s="613"/>
      <c r="OCY648" s="613"/>
      <c r="OCZ648" s="613"/>
      <c r="ODA648" s="613"/>
      <c r="ODB648" s="613"/>
      <c r="ODC648" s="613"/>
      <c r="ODD648" s="613"/>
      <c r="ODE648" s="613"/>
      <c r="ODF648" s="613"/>
      <c r="ODG648" s="613"/>
      <c r="ODH648" s="613"/>
      <c r="ODI648" s="613"/>
      <c r="ODJ648" s="613"/>
      <c r="ODK648" s="613"/>
      <c r="ODL648" s="613"/>
      <c r="ODM648" s="613"/>
      <c r="ODN648" s="613"/>
      <c r="ODO648" s="613"/>
      <c r="ODP648" s="613"/>
      <c r="ODQ648" s="613"/>
      <c r="ODR648" s="613"/>
      <c r="ODS648" s="613"/>
      <c r="ODT648" s="613"/>
      <c r="ODU648" s="613"/>
      <c r="ODV648" s="613"/>
      <c r="ODW648" s="613"/>
      <c r="ODX648" s="613"/>
      <c r="ODY648" s="613"/>
      <c r="ODZ648" s="613"/>
      <c r="OEA648" s="613"/>
      <c r="OEB648" s="613"/>
      <c r="OEC648" s="613"/>
      <c r="OED648" s="613"/>
      <c r="OEE648" s="613"/>
      <c r="OEF648" s="613"/>
      <c r="OEG648" s="613"/>
      <c r="OEH648" s="613"/>
      <c r="OEI648" s="613"/>
      <c r="OEJ648" s="613"/>
      <c r="OEK648" s="613"/>
      <c r="OEL648" s="613"/>
      <c r="OEM648" s="613"/>
      <c r="OEN648" s="613"/>
      <c r="OEO648" s="613"/>
      <c r="OEP648" s="613"/>
      <c r="OEQ648" s="613"/>
      <c r="OER648" s="613"/>
      <c r="OES648" s="613"/>
      <c r="OET648" s="613"/>
      <c r="OEU648" s="613"/>
      <c r="OEV648" s="613"/>
      <c r="OEW648" s="613"/>
      <c r="OEX648" s="613"/>
      <c r="OEY648" s="613"/>
      <c r="OEZ648" s="613"/>
      <c r="OFA648" s="613"/>
      <c r="OFB648" s="613"/>
      <c r="OFC648" s="613"/>
      <c r="OFD648" s="613"/>
      <c r="OFE648" s="613"/>
      <c r="OFF648" s="613"/>
      <c r="OFG648" s="613"/>
      <c r="OFH648" s="613"/>
      <c r="OFI648" s="613"/>
      <c r="OFJ648" s="613"/>
      <c r="OFK648" s="613"/>
      <c r="OFL648" s="613"/>
      <c r="OFM648" s="613"/>
      <c r="OFN648" s="613"/>
      <c r="OFO648" s="613"/>
      <c r="OFP648" s="613"/>
      <c r="OFQ648" s="613"/>
      <c r="OFR648" s="613"/>
      <c r="OFS648" s="613"/>
      <c r="OFT648" s="613"/>
      <c r="OFU648" s="613"/>
      <c r="OFV648" s="613"/>
      <c r="OFW648" s="613"/>
      <c r="OFX648" s="613"/>
      <c r="OFY648" s="613"/>
      <c r="OFZ648" s="613"/>
      <c r="OGA648" s="613"/>
      <c r="OGB648" s="613"/>
      <c r="OGC648" s="613"/>
      <c r="OGD648" s="613"/>
      <c r="OGE648" s="613"/>
      <c r="OGF648" s="613"/>
      <c r="OGG648" s="613"/>
      <c r="OGH648" s="613"/>
      <c r="OGI648" s="613"/>
      <c r="OGJ648" s="613"/>
      <c r="OGK648" s="613"/>
      <c r="OGL648" s="613"/>
      <c r="OGM648" s="613"/>
      <c r="OGN648" s="613"/>
      <c r="OGO648" s="613"/>
      <c r="OGP648" s="613"/>
      <c r="OGQ648" s="613"/>
      <c r="OGR648" s="613"/>
      <c r="OGS648" s="613"/>
      <c r="OGT648" s="613"/>
      <c r="OGU648" s="613"/>
      <c r="OGV648" s="613"/>
      <c r="OGW648" s="613"/>
      <c r="OGX648" s="613"/>
      <c r="OGY648" s="613"/>
      <c r="OGZ648" s="613"/>
      <c r="OHA648" s="613"/>
      <c r="OHB648" s="613"/>
      <c r="OHC648" s="613"/>
      <c r="OHD648" s="613"/>
      <c r="OHE648" s="613"/>
      <c r="OHF648" s="613"/>
      <c r="OHG648" s="613"/>
      <c r="OHH648" s="613"/>
      <c r="OHI648" s="613"/>
      <c r="OHJ648" s="613"/>
      <c r="OHK648" s="613"/>
      <c r="OHL648" s="613"/>
      <c r="OHM648" s="613"/>
      <c r="OHN648" s="613"/>
      <c r="OHO648" s="613"/>
      <c r="OHP648" s="613"/>
      <c r="OHQ648" s="613"/>
      <c r="OHR648" s="613"/>
      <c r="OHS648" s="613"/>
      <c r="OHT648" s="613"/>
      <c r="OHU648" s="613"/>
      <c r="OHV648" s="613"/>
      <c r="OHW648" s="613"/>
      <c r="OHX648" s="613"/>
      <c r="OHY648" s="613"/>
      <c r="OHZ648" s="613"/>
      <c r="OIA648" s="613"/>
      <c r="OIB648" s="613"/>
      <c r="OIC648" s="613"/>
      <c r="OID648" s="613"/>
      <c r="OIE648" s="613"/>
      <c r="OIF648" s="613"/>
      <c r="OIG648" s="613"/>
      <c r="OIH648" s="613"/>
      <c r="OII648" s="613"/>
      <c r="OIJ648" s="613"/>
      <c r="OIK648" s="613"/>
      <c r="OIL648" s="613"/>
      <c r="OIM648" s="613"/>
      <c r="OIN648" s="613"/>
      <c r="OIO648" s="613"/>
      <c r="OIP648" s="613"/>
      <c r="OIQ648" s="613"/>
      <c r="OIR648" s="613"/>
      <c r="OIS648" s="613"/>
      <c r="OIT648" s="613"/>
      <c r="OIU648" s="613"/>
      <c r="OIV648" s="613"/>
      <c r="OIW648" s="613"/>
      <c r="OIX648" s="613"/>
      <c r="OIY648" s="613"/>
      <c r="OIZ648" s="613"/>
      <c r="OJA648" s="613"/>
      <c r="OJB648" s="613"/>
      <c r="OJC648" s="613"/>
      <c r="OJD648" s="613"/>
      <c r="OJE648" s="613"/>
      <c r="OJF648" s="613"/>
      <c r="OJG648" s="613"/>
      <c r="OJH648" s="613"/>
      <c r="OJI648" s="613"/>
      <c r="OJJ648" s="613"/>
      <c r="OJK648" s="613"/>
      <c r="OJL648" s="613"/>
      <c r="OJM648" s="613"/>
      <c r="OJN648" s="613"/>
      <c r="OJO648" s="613"/>
      <c r="OJP648" s="613"/>
      <c r="OJQ648" s="613"/>
      <c r="OJR648" s="613"/>
      <c r="OJS648" s="613"/>
      <c r="OJT648" s="613"/>
      <c r="OJU648" s="613"/>
      <c r="OJV648" s="613"/>
      <c r="OJW648" s="613"/>
      <c r="OJX648" s="613"/>
      <c r="OJY648" s="613"/>
      <c r="OJZ648" s="613"/>
      <c r="OKA648" s="613"/>
      <c r="OKB648" s="613"/>
      <c r="OKC648" s="613"/>
      <c r="OKD648" s="613"/>
      <c r="OKE648" s="613"/>
      <c r="OKF648" s="613"/>
      <c r="OKG648" s="613"/>
      <c r="OKH648" s="613"/>
      <c r="OKI648" s="613"/>
      <c r="OKJ648" s="613"/>
      <c r="OKK648" s="613"/>
      <c r="OKL648" s="613"/>
      <c r="OKM648" s="613"/>
      <c r="OKN648" s="613"/>
      <c r="OKO648" s="613"/>
      <c r="OKP648" s="613"/>
      <c r="OKQ648" s="613"/>
      <c r="OKR648" s="613"/>
      <c r="OKS648" s="613"/>
      <c r="OKT648" s="613"/>
      <c r="OKU648" s="613"/>
      <c r="OKV648" s="613"/>
      <c r="OKW648" s="613"/>
      <c r="OKX648" s="613"/>
      <c r="OKY648" s="613"/>
      <c r="OKZ648" s="613"/>
      <c r="OLA648" s="613"/>
      <c r="OLB648" s="613"/>
      <c r="OLC648" s="613"/>
      <c r="OLD648" s="613"/>
      <c r="OLE648" s="613"/>
      <c r="OLF648" s="613"/>
      <c r="OLG648" s="613"/>
      <c r="OLH648" s="613"/>
      <c r="OLI648" s="613"/>
      <c r="OLJ648" s="613"/>
      <c r="OLK648" s="613"/>
      <c r="OLL648" s="613"/>
      <c r="OLM648" s="613"/>
      <c r="OLN648" s="613"/>
      <c r="OLO648" s="613"/>
      <c r="OLP648" s="613"/>
      <c r="OLQ648" s="613"/>
      <c r="OLR648" s="613"/>
      <c r="OLS648" s="613"/>
      <c r="OLT648" s="613"/>
      <c r="OLU648" s="613"/>
      <c r="OLV648" s="613"/>
      <c r="OLW648" s="613"/>
      <c r="OLX648" s="613"/>
      <c r="OLY648" s="613"/>
      <c r="OLZ648" s="613"/>
      <c r="OMA648" s="613"/>
      <c r="OMB648" s="613"/>
      <c r="OMC648" s="613"/>
      <c r="OMD648" s="613"/>
      <c r="OME648" s="613"/>
      <c r="OMF648" s="613"/>
      <c r="OMG648" s="613"/>
      <c r="OMH648" s="613"/>
      <c r="OMI648" s="613"/>
      <c r="OMJ648" s="613"/>
      <c r="OMK648" s="613"/>
      <c r="OML648" s="613"/>
      <c r="OMM648" s="613"/>
      <c r="OMN648" s="613"/>
      <c r="OMO648" s="613"/>
      <c r="OMP648" s="613"/>
      <c r="OMQ648" s="613"/>
      <c r="OMR648" s="613"/>
      <c r="OMS648" s="613"/>
      <c r="OMT648" s="613"/>
      <c r="OMU648" s="613"/>
      <c r="OMV648" s="613"/>
      <c r="OMW648" s="613"/>
      <c r="OMX648" s="613"/>
      <c r="OMY648" s="613"/>
      <c r="OMZ648" s="613"/>
      <c r="ONA648" s="613"/>
      <c r="ONB648" s="613"/>
      <c r="ONC648" s="613"/>
      <c r="OND648" s="613"/>
      <c r="ONE648" s="613"/>
      <c r="ONF648" s="613"/>
      <c r="ONG648" s="613"/>
      <c r="ONH648" s="613"/>
      <c r="ONI648" s="613"/>
      <c r="ONJ648" s="613"/>
      <c r="ONK648" s="613"/>
      <c r="ONL648" s="613"/>
      <c r="ONM648" s="613"/>
      <c r="ONN648" s="613"/>
      <c r="ONO648" s="613"/>
      <c r="ONP648" s="613"/>
      <c r="ONQ648" s="613"/>
      <c r="ONR648" s="613"/>
      <c r="ONS648" s="613"/>
      <c r="ONT648" s="613"/>
      <c r="ONU648" s="613"/>
      <c r="ONV648" s="613"/>
      <c r="ONW648" s="613"/>
      <c r="ONX648" s="613"/>
      <c r="ONY648" s="613"/>
      <c r="ONZ648" s="613"/>
      <c r="OOA648" s="613"/>
      <c r="OOB648" s="613"/>
      <c r="OOC648" s="613"/>
      <c r="OOD648" s="613"/>
      <c r="OOE648" s="613"/>
      <c r="OOF648" s="613"/>
      <c r="OOG648" s="613"/>
      <c r="OOH648" s="613"/>
      <c r="OOI648" s="613"/>
      <c r="OOJ648" s="613"/>
      <c r="OOK648" s="613"/>
      <c r="OOL648" s="613"/>
      <c r="OOM648" s="613"/>
      <c r="OON648" s="613"/>
      <c r="OOO648" s="613"/>
      <c r="OOP648" s="613"/>
      <c r="OOQ648" s="613"/>
      <c r="OOR648" s="613"/>
      <c r="OOS648" s="613"/>
      <c r="OOT648" s="613"/>
      <c r="OOU648" s="613"/>
      <c r="OOV648" s="613"/>
      <c r="OOW648" s="613"/>
      <c r="OOX648" s="613"/>
      <c r="OOY648" s="613"/>
      <c r="OOZ648" s="613"/>
      <c r="OPA648" s="613"/>
      <c r="OPB648" s="613"/>
      <c r="OPC648" s="613"/>
      <c r="OPD648" s="613"/>
      <c r="OPE648" s="613"/>
      <c r="OPF648" s="613"/>
      <c r="OPG648" s="613"/>
      <c r="OPH648" s="613"/>
      <c r="OPI648" s="613"/>
      <c r="OPJ648" s="613"/>
      <c r="OPK648" s="613"/>
      <c r="OPL648" s="613"/>
      <c r="OPM648" s="613"/>
      <c r="OPN648" s="613"/>
      <c r="OPO648" s="613"/>
      <c r="OPP648" s="613"/>
      <c r="OPQ648" s="613"/>
      <c r="OPR648" s="613"/>
      <c r="OPS648" s="613"/>
      <c r="OPT648" s="613"/>
      <c r="OPU648" s="613"/>
      <c r="OPV648" s="613"/>
      <c r="OPW648" s="613"/>
      <c r="OPX648" s="613"/>
      <c r="OPY648" s="613"/>
      <c r="OPZ648" s="613"/>
      <c r="OQA648" s="613"/>
      <c r="OQB648" s="613"/>
      <c r="OQC648" s="613"/>
      <c r="OQD648" s="613"/>
      <c r="OQE648" s="613"/>
      <c r="OQF648" s="613"/>
      <c r="OQG648" s="613"/>
      <c r="OQH648" s="613"/>
      <c r="OQI648" s="613"/>
      <c r="OQJ648" s="613"/>
      <c r="OQK648" s="613"/>
      <c r="OQL648" s="613"/>
      <c r="OQM648" s="613"/>
      <c r="OQN648" s="613"/>
      <c r="OQO648" s="613"/>
      <c r="OQP648" s="613"/>
      <c r="OQQ648" s="613"/>
      <c r="OQR648" s="613"/>
      <c r="OQS648" s="613"/>
      <c r="OQT648" s="613"/>
      <c r="OQU648" s="613"/>
      <c r="OQV648" s="613"/>
      <c r="OQW648" s="613"/>
      <c r="OQX648" s="613"/>
      <c r="OQY648" s="613"/>
      <c r="OQZ648" s="613"/>
      <c r="ORA648" s="613"/>
      <c r="ORB648" s="613"/>
      <c r="ORC648" s="613"/>
      <c r="ORD648" s="613"/>
      <c r="ORE648" s="613"/>
      <c r="ORF648" s="613"/>
      <c r="ORG648" s="613"/>
      <c r="ORH648" s="613"/>
      <c r="ORI648" s="613"/>
      <c r="ORJ648" s="613"/>
      <c r="ORK648" s="613"/>
      <c r="ORL648" s="613"/>
      <c r="ORM648" s="613"/>
      <c r="ORN648" s="613"/>
      <c r="ORO648" s="613"/>
      <c r="ORP648" s="613"/>
      <c r="ORQ648" s="613"/>
      <c r="ORR648" s="613"/>
      <c r="ORS648" s="613"/>
      <c r="ORT648" s="613"/>
      <c r="ORU648" s="613"/>
      <c r="ORV648" s="613"/>
      <c r="ORW648" s="613"/>
      <c r="ORX648" s="613"/>
      <c r="ORY648" s="613"/>
      <c r="ORZ648" s="613"/>
      <c r="OSA648" s="613"/>
      <c r="OSB648" s="613"/>
      <c r="OSC648" s="613"/>
      <c r="OSD648" s="613"/>
      <c r="OSE648" s="613"/>
      <c r="OSF648" s="613"/>
      <c r="OSG648" s="613"/>
      <c r="OSH648" s="613"/>
      <c r="OSI648" s="613"/>
      <c r="OSJ648" s="613"/>
      <c r="OSK648" s="613"/>
      <c r="OSL648" s="613"/>
      <c r="OSM648" s="613"/>
      <c r="OSN648" s="613"/>
      <c r="OSO648" s="613"/>
      <c r="OSP648" s="613"/>
      <c r="OSQ648" s="613"/>
      <c r="OSR648" s="613"/>
      <c r="OSS648" s="613"/>
      <c r="OST648" s="613"/>
      <c r="OSU648" s="613"/>
      <c r="OSV648" s="613"/>
      <c r="OSW648" s="613"/>
      <c r="OSX648" s="613"/>
      <c r="OSY648" s="613"/>
      <c r="OSZ648" s="613"/>
      <c r="OTA648" s="613"/>
      <c r="OTB648" s="613"/>
      <c r="OTC648" s="613"/>
      <c r="OTD648" s="613"/>
      <c r="OTE648" s="613"/>
      <c r="OTF648" s="613"/>
      <c r="OTG648" s="613"/>
      <c r="OTH648" s="613"/>
      <c r="OTI648" s="613"/>
      <c r="OTJ648" s="613"/>
      <c r="OTK648" s="613"/>
      <c r="OTL648" s="613"/>
      <c r="OTM648" s="613"/>
      <c r="OTN648" s="613"/>
      <c r="OTO648" s="613"/>
      <c r="OTP648" s="613"/>
      <c r="OTQ648" s="613"/>
      <c r="OTR648" s="613"/>
      <c r="OTS648" s="613"/>
      <c r="OTT648" s="613"/>
      <c r="OTU648" s="613"/>
      <c r="OTV648" s="613"/>
      <c r="OTW648" s="613"/>
      <c r="OTX648" s="613"/>
      <c r="OTY648" s="613"/>
      <c r="OTZ648" s="613"/>
      <c r="OUA648" s="613"/>
      <c r="OUB648" s="613"/>
      <c r="OUC648" s="613"/>
      <c r="OUD648" s="613"/>
      <c r="OUE648" s="613"/>
      <c r="OUF648" s="613"/>
      <c r="OUG648" s="613"/>
      <c r="OUH648" s="613"/>
      <c r="OUI648" s="613"/>
      <c r="OUJ648" s="613"/>
      <c r="OUK648" s="613"/>
      <c r="OUL648" s="613"/>
      <c r="OUM648" s="613"/>
      <c r="OUN648" s="613"/>
      <c r="OUO648" s="613"/>
      <c r="OUP648" s="613"/>
      <c r="OUQ648" s="613"/>
      <c r="OUR648" s="613"/>
      <c r="OUS648" s="613"/>
      <c r="OUT648" s="613"/>
      <c r="OUU648" s="613"/>
      <c r="OUV648" s="613"/>
      <c r="OUW648" s="613"/>
      <c r="OUX648" s="613"/>
      <c r="OUY648" s="613"/>
      <c r="OUZ648" s="613"/>
      <c r="OVA648" s="613"/>
      <c r="OVB648" s="613"/>
      <c r="OVC648" s="613"/>
      <c r="OVD648" s="613"/>
      <c r="OVE648" s="613"/>
      <c r="OVF648" s="613"/>
      <c r="OVG648" s="613"/>
      <c r="OVH648" s="613"/>
      <c r="OVI648" s="613"/>
      <c r="OVJ648" s="613"/>
      <c r="OVK648" s="613"/>
      <c r="OVL648" s="613"/>
      <c r="OVM648" s="613"/>
      <c r="OVN648" s="613"/>
      <c r="OVO648" s="613"/>
      <c r="OVP648" s="613"/>
      <c r="OVQ648" s="613"/>
      <c r="OVR648" s="613"/>
      <c r="OVS648" s="613"/>
      <c r="OVT648" s="613"/>
      <c r="OVU648" s="613"/>
      <c r="OVV648" s="613"/>
      <c r="OVW648" s="613"/>
      <c r="OVX648" s="613"/>
      <c r="OVY648" s="613"/>
      <c r="OVZ648" s="613"/>
      <c r="OWA648" s="613"/>
      <c r="OWB648" s="613"/>
      <c r="OWC648" s="613"/>
      <c r="OWD648" s="613"/>
      <c r="OWE648" s="613"/>
      <c r="OWF648" s="613"/>
      <c r="OWG648" s="613"/>
      <c r="OWH648" s="613"/>
      <c r="OWI648" s="613"/>
      <c r="OWJ648" s="613"/>
      <c r="OWK648" s="613"/>
      <c r="OWL648" s="613"/>
      <c r="OWM648" s="613"/>
      <c r="OWN648" s="613"/>
      <c r="OWO648" s="613"/>
      <c r="OWP648" s="613"/>
      <c r="OWQ648" s="613"/>
      <c r="OWR648" s="613"/>
      <c r="OWS648" s="613"/>
      <c r="OWT648" s="613"/>
      <c r="OWU648" s="613"/>
      <c r="OWV648" s="613"/>
      <c r="OWW648" s="613"/>
      <c r="OWX648" s="613"/>
      <c r="OWY648" s="613"/>
      <c r="OWZ648" s="613"/>
      <c r="OXA648" s="613"/>
      <c r="OXB648" s="613"/>
      <c r="OXC648" s="613"/>
      <c r="OXD648" s="613"/>
      <c r="OXE648" s="613"/>
      <c r="OXF648" s="613"/>
      <c r="OXG648" s="613"/>
      <c r="OXH648" s="613"/>
      <c r="OXI648" s="613"/>
      <c r="OXJ648" s="613"/>
      <c r="OXK648" s="613"/>
      <c r="OXL648" s="613"/>
      <c r="OXM648" s="613"/>
      <c r="OXN648" s="613"/>
      <c r="OXO648" s="613"/>
      <c r="OXP648" s="613"/>
      <c r="OXQ648" s="613"/>
      <c r="OXR648" s="613"/>
      <c r="OXS648" s="613"/>
      <c r="OXT648" s="613"/>
      <c r="OXU648" s="613"/>
      <c r="OXV648" s="613"/>
      <c r="OXW648" s="613"/>
      <c r="OXX648" s="613"/>
      <c r="OXY648" s="613"/>
      <c r="OXZ648" s="613"/>
      <c r="OYA648" s="613"/>
      <c r="OYB648" s="613"/>
      <c r="OYC648" s="613"/>
      <c r="OYD648" s="613"/>
      <c r="OYE648" s="613"/>
      <c r="OYF648" s="613"/>
      <c r="OYG648" s="613"/>
      <c r="OYH648" s="613"/>
      <c r="OYI648" s="613"/>
      <c r="OYJ648" s="613"/>
      <c r="OYK648" s="613"/>
      <c r="OYL648" s="613"/>
      <c r="OYM648" s="613"/>
      <c r="OYN648" s="613"/>
      <c r="OYO648" s="613"/>
      <c r="OYP648" s="613"/>
      <c r="OYQ648" s="613"/>
      <c r="OYR648" s="613"/>
      <c r="OYS648" s="613"/>
      <c r="OYT648" s="613"/>
      <c r="OYU648" s="613"/>
      <c r="OYV648" s="613"/>
      <c r="OYW648" s="613"/>
      <c r="OYX648" s="613"/>
      <c r="OYY648" s="613"/>
      <c r="OYZ648" s="613"/>
      <c r="OZA648" s="613"/>
      <c r="OZB648" s="613"/>
      <c r="OZC648" s="613"/>
      <c r="OZD648" s="613"/>
      <c r="OZE648" s="613"/>
      <c r="OZF648" s="613"/>
      <c r="OZG648" s="613"/>
      <c r="OZH648" s="613"/>
      <c r="OZI648" s="613"/>
      <c r="OZJ648" s="613"/>
      <c r="OZK648" s="613"/>
      <c r="OZL648" s="613"/>
      <c r="OZM648" s="613"/>
      <c r="OZN648" s="613"/>
      <c r="OZO648" s="613"/>
      <c r="OZP648" s="613"/>
      <c r="OZQ648" s="613"/>
      <c r="OZR648" s="613"/>
      <c r="OZS648" s="613"/>
      <c r="OZT648" s="613"/>
      <c r="OZU648" s="613"/>
      <c r="OZV648" s="613"/>
      <c r="OZW648" s="613"/>
      <c r="OZX648" s="613"/>
      <c r="OZY648" s="613"/>
      <c r="OZZ648" s="613"/>
      <c r="PAA648" s="613"/>
      <c r="PAB648" s="613"/>
      <c r="PAC648" s="613"/>
      <c r="PAD648" s="613"/>
      <c r="PAE648" s="613"/>
      <c r="PAF648" s="613"/>
      <c r="PAG648" s="613"/>
      <c r="PAH648" s="613"/>
      <c r="PAI648" s="613"/>
      <c r="PAJ648" s="613"/>
      <c r="PAK648" s="613"/>
      <c r="PAL648" s="613"/>
      <c r="PAM648" s="613"/>
      <c r="PAN648" s="613"/>
      <c r="PAO648" s="613"/>
      <c r="PAP648" s="613"/>
      <c r="PAQ648" s="613"/>
      <c r="PAR648" s="613"/>
      <c r="PAS648" s="613"/>
      <c r="PAT648" s="613"/>
      <c r="PAU648" s="613"/>
      <c r="PAV648" s="613"/>
      <c r="PAW648" s="613"/>
      <c r="PAX648" s="613"/>
      <c r="PAY648" s="613"/>
      <c r="PAZ648" s="613"/>
      <c r="PBA648" s="613"/>
      <c r="PBB648" s="613"/>
      <c r="PBC648" s="613"/>
      <c r="PBD648" s="613"/>
      <c r="PBE648" s="613"/>
      <c r="PBF648" s="613"/>
      <c r="PBG648" s="613"/>
      <c r="PBH648" s="613"/>
      <c r="PBI648" s="613"/>
      <c r="PBJ648" s="613"/>
      <c r="PBK648" s="613"/>
      <c r="PBL648" s="613"/>
      <c r="PBM648" s="613"/>
      <c r="PBN648" s="613"/>
      <c r="PBO648" s="613"/>
      <c r="PBP648" s="613"/>
      <c r="PBQ648" s="613"/>
      <c r="PBR648" s="613"/>
      <c r="PBS648" s="613"/>
      <c r="PBT648" s="613"/>
      <c r="PBU648" s="613"/>
      <c r="PBV648" s="613"/>
      <c r="PBW648" s="613"/>
      <c r="PBX648" s="613"/>
      <c r="PBY648" s="613"/>
      <c r="PBZ648" s="613"/>
      <c r="PCA648" s="613"/>
      <c r="PCB648" s="613"/>
      <c r="PCC648" s="613"/>
      <c r="PCD648" s="613"/>
      <c r="PCE648" s="613"/>
      <c r="PCF648" s="613"/>
      <c r="PCG648" s="613"/>
      <c r="PCH648" s="613"/>
      <c r="PCI648" s="613"/>
      <c r="PCJ648" s="613"/>
      <c r="PCK648" s="613"/>
      <c r="PCL648" s="613"/>
      <c r="PCM648" s="613"/>
      <c r="PCN648" s="613"/>
      <c r="PCO648" s="613"/>
      <c r="PCP648" s="613"/>
      <c r="PCQ648" s="613"/>
      <c r="PCR648" s="613"/>
      <c r="PCS648" s="613"/>
      <c r="PCT648" s="613"/>
      <c r="PCU648" s="613"/>
      <c r="PCV648" s="613"/>
      <c r="PCW648" s="613"/>
      <c r="PCX648" s="613"/>
      <c r="PCY648" s="613"/>
      <c r="PCZ648" s="613"/>
      <c r="PDA648" s="613"/>
      <c r="PDB648" s="613"/>
      <c r="PDC648" s="613"/>
      <c r="PDD648" s="613"/>
      <c r="PDE648" s="613"/>
      <c r="PDF648" s="613"/>
      <c r="PDG648" s="613"/>
      <c r="PDH648" s="613"/>
      <c r="PDI648" s="613"/>
      <c r="PDJ648" s="613"/>
      <c r="PDK648" s="613"/>
      <c r="PDL648" s="613"/>
      <c r="PDM648" s="613"/>
      <c r="PDN648" s="613"/>
      <c r="PDO648" s="613"/>
      <c r="PDP648" s="613"/>
      <c r="PDQ648" s="613"/>
      <c r="PDR648" s="613"/>
      <c r="PDS648" s="613"/>
      <c r="PDT648" s="613"/>
      <c r="PDU648" s="613"/>
      <c r="PDV648" s="613"/>
      <c r="PDW648" s="613"/>
      <c r="PDX648" s="613"/>
      <c r="PDY648" s="613"/>
      <c r="PDZ648" s="613"/>
      <c r="PEA648" s="613"/>
      <c r="PEB648" s="613"/>
      <c r="PEC648" s="613"/>
      <c r="PED648" s="613"/>
      <c r="PEE648" s="613"/>
      <c r="PEF648" s="613"/>
      <c r="PEG648" s="613"/>
      <c r="PEH648" s="613"/>
      <c r="PEI648" s="613"/>
      <c r="PEJ648" s="613"/>
      <c r="PEK648" s="613"/>
      <c r="PEL648" s="613"/>
      <c r="PEM648" s="613"/>
      <c r="PEN648" s="613"/>
      <c r="PEO648" s="613"/>
      <c r="PEP648" s="613"/>
      <c r="PEQ648" s="613"/>
      <c r="PER648" s="613"/>
      <c r="PES648" s="613"/>
      <c r="PET648" s="613"/>
      <c r="PEU648" s="613"/>
      <c r="PEV648" s="613"/>
      <c r="PEW648" s="613"/>
      <c r="PEX648" s="613"/>
      <c r="PEY648" s="613"/>
      <c r="PEZ648" s="613"/>
      <c r="PFA648" s="613"/>
      <c r="PFB648" s="613"/>
      <c r="PFC648" s="613"/>
      <c r="PFD648" s="613"/>
      <c r="PFE648" s="613"/>
      <c r="PFF648" s="613"/>
      <c r="PFG648" s="613"/>
      <c r="PFH648" s="613"/>
      <c r="PFI648" s="613"/>
      <c r="PFJ648" s="613"/>
      <c r="PFK648" s="613"/>
      <c r="PFL648" s="613"/>
      <c r="PFM648" s="613"/>
      <c r="PFN648" s="613"/>
      <c r="PFO648" s="613"/>
      <c r="PFP648" s="613"/>
      <c r="PFQ648" s="613"/>
      <c r="PFR648" s="613"/>
      <c r="PFS648" s="613"/>
      <c r="PFT648" s="613"/>
      <c r="PFU648" s="613"/>
      <c r="PFV648" s="613"/>
      <c r="PFW648" s="613"/>
      <c r="PFX648" s="613"/>
      <c r="PFY648" s="613"/>
      <c r="PFZ648" s="613"/>
      <c r="PGA648" s="613"/>
      <c r="PGB648" s="613"/>
      <c r="PGC648" s="613"/>
      <c r="PGD648" s="613"/>
      <c r="PGE648" s="613"/>
      <c r="PGF648" s="613"/>
      <c r="PGG648" s="613"/>
      <c r="PGH648" s="613"/>
      <c r="PGI648" s="613"/>
      <c r="PGJ648" s="613"/>
      <c r="PGK648" s="613"/>
      <c r="PGL648" s="613"/>
      <c r="PGM648" s="613"/>
      <c r="PGN648" s="613"/>
      <c r="PGO648" s="613"/>
      <c r="PGP648" s="613"/>
      <c r="PGQ648" s="613"/>
      <c r="PGR648" s="613"/>
      <c r="PGS648" s="613"/>
      <c r="PGT648" s="613"/>
      <c r="PGU648" s="613"/>
      <c r="PGV648" s="613"/>
      <c r="PGW648" s="613"/>
      <c r="PGX648" s="613"/>
      <c r="PGY648" s="613"/>
      <c r="PGZ648" s="613"/>
      <c r="PHA648" s="613"/>
      <c r="PHB648" s="613"/>
      <c r="PHC648" s="613"/>
      <c r="PHD648" s="613"/>
      <c r="PHE648" s="613"/>
      <c r="PHF648" s="613"/>
      <c r="PHG648" s="613"/>
      <c r="PHH648" s="613"/>
      <c r="PHI648" s="613"/>
      <c r="PHJ648" s="613"/>
      <c r="PHK648" s="613"/>
      <c r="PHL648" s="613"/>
      <c r="PHM648" s="613"/>
      <c r="PHN648" s="613"/>
      <c r="PHO648" s="613"/>
      <c r="PHP648" s="613"/>
      <c r="PHQ648" s="613"/>
      <c r="PHR648" s="613"/>
      <c r="PHS648" s="613"/>
      <c r="PHT648" s="613"/>
      <c r="PHU648" s="613"/>
      <c r="PHV648" s="613"/>
      <c r="PHW648" s="613"/>
      <c r="PHX648" s="613"/>
      <c r="PHY648" s="613"/>
      <c r="PHZ648" s="613"/>
      <c r="PIA648" s="613"/>
      <c r="PIB648" s="613"/>
      <c r="PIC648" s="613"/>
      <c r="PID648" s="613"/>
      <c r="PIE648" s="613"/>
      <c r="PIF648" s="613"/>
      <c r="PIG648" s="613"/>
      <c r="PIH648" s="613"/>
      <c r="PII648" s="613"/>
      <c r="PIJ648" s="613"/>
      <c r="PIK648" s="613"/>
      <c r="PIL648" s="613"/>
      <c r="PIM648" s="613"/>
      <c r="PIN648" s="613"/>
      <c r="PIO648" s="613"/>
      <c r="PIP648" s="613"/>
      <c r="PIQ648" s="613"/>
      <c r="PIR648" s="613"/>
      <c r="PIS648" s="613"/>
      <c r="PIT648" s="613"/>
      <c r="PIU648" s="613"/>
      <c r="PIV648" s="613"/>
      <c r="PIW648" s="613"/>
      <c r="PIX648" s="613"/>
      <c r="PIY648" s="613"/>
      <c r="PIZ648" s="613"/>
      <c r="PJA648" s="613"/>
      <c r="PJB648" s="613"/>
      <c r="PJC648" s="613"/>
      <c r="PJD648" s="613"/>
      <c r="PJE648" s="613"/>
      <c r="PJF648" s="613"/>
      <c r="PJG648" s="613"/>
      <c r="PJH648" s="613"/>
      <c r="PJI648" s="613"/>
      <c r="PJJ648" s="613"/>
      <c r="PJK648" s="613"/>
      <c r="PJL648" s="613"/>
      <c r="PJM648" s="613"/>
      <c r="PJN648" s="613"/>
      <c r="PJO648" s="613"/>
      <c r="PJP648" s="613"/>
      <c r="PJQ648" s="613"/>
      <c r="PJR648" s="613"/>
      <c r="PJS648" s="613"/>
      <c r="PJT648" s="613"/>
      <c r="PJU648" s="613"/>
      <c r="PJV648" s="613"/>
      <c r="PJW648" s="613"/>
      <c r="PJX648" s="613"/>
      <c r="PJY648" s="613"/>
      <c r="PJZ648" s="613"/>
      <c r="PKA648" s="613"/>
      <c r="PKB648" s="613"/>
      <c r="PKC648" s="613"/>
      <c r="PKD648" s="613"/>
      <c r="PKE648" s="613"/>
      <c r="PKF648" s="613"/>
      <c r="PKG648" s="613"/>
      <c r="PKH648" s="613"/>
      <c r="PKI648" s="613"/>
      <c r="PKJ648" s="613"/>
      <c r="PKK648" s="613"/>
      <c r="PKL648" s="613"/>
      <c r="PKM648" s="613"/>
      <c r="PKN648" s="613"/>
      <c r="PKO648" s="613"/>
      <c r="PKP648" s="613"/>
      <c r="PKQ648" s="613"/>
      <c r="PKR648" s="613"/>
      <c r="PKS648" s="613"/>
      <c r="PKT648" s="613"/>
      <c r="PKU648" s="613"/>
      <c r="PKV648" s="613"/>
      <c r="PKW648" s="613"/>
      <c r="PKX648" s="613"/>
      <c r="PKY648" s="613"/>
      <c r="PKZ648" s="613"/>
      <c r="PLA648" s="613"/>
      <c r="PLB648" s="613"/>
      <c r="PLC648" s="613"/>
      <c r="PLD648" s="613"/>
      <c r="PLE648" s="613"/>
      <c r="PLF648" s="613"/>
      <c r="PLG648" s="613"/>
      <c r="PLH648" s="613"/>
      <c r="PLI648" s="613"/>
      <c r="PLJ648" s="613"/>
      <c r="PLK648" s="613"/>
      <c r="PLL648" s="613"/>
      <c r="PLM648" s="613"/>
      <c r="PLN648" s="613"/>
      <c r="PLO648" s="613"/>
      <c r="PLP648" s="613"/>
      <c r="PLQ648" s="613"/>
      <c r="PLR648" s="613"/>
      <c r="PLS648" s="613"/>
      <c r="PLT648" s="613"/>
      <c r="PLU648" s="613"/>
      <c r="PLV648" s="613"/>
      <c r="PLW648" s="613"/>
      <c r="PLX648" s="613"/>
      <c r="PLY648" s="613"/>
      <c r="PLZ648" s="613"/>
      <c r="PMA648" s="613"/>
      <c r="PMB648" s="613"/>
      <c r="PMC648" s="613"/>
      <c r="PMD648" s="613"/>
      <c r="PME648" s="613"/>
      <c r="PMF648" s="613"/>
      <c r="PMG648" s="613"/>
      <c r="PMH648" s="613"/>
      <c r="PMI648" s="613"/>
      <c r="PMJ648" s="613"/>
      <c r="PMK648" s="613"/>
      <c r="PML648" s="613"/>
      <c r="PMM648" s="613"/>
      <c r="PMN648" s="613"/>
      <c r="PMO648" s="613"/>
      <c r="PMP648" s="613"/>
      <c r="PMQ648" s="613"/>
      <c r="PMR648" s="613"/>
      <c r="PMS648" s="613"/>
      <c r="PMT648" s="613"/>
      <c r="PMU648" s="613"/>
      <c r="PMV648" s="613"/>
      <c r="PMW648" s="613"/>
      <c r="PMX648" s="613"/>
      <c r="PMY648" s="613"/>
      <c r="PMZ648" s="613"/>
      <c r="PNA648" s="613"/>
      <c r="PNB648" s="613"/>
      <c r="PNC648" s="613"/>
      <c r="PND648" s="613"/>
      <c r="PNE648" s="613"/>
      <c r="PNF648" s="613"/>
      <c r="PNG648" s="613"/>
      <c r="PNH648" s="613"/>
      <c r="PNI648" s="613"/>
      <c r="PNJ648" s="613"/>
      <c r="PNK648" s="613"/>
      <c r="PNL648" s="613"/>
      <c r="PNM648" s="613"/>
      <c r="PNN648" s="613"/>
      <c r="PNO648" s="613"/>
      <c r="PNP648" s="613"/>
      <c r="PNQ648" s="613"/>
      <c r="PNR648" s="613"/>
      <c r="PNS648" s="613"/>
      <c r="PNT648" s="613"/>
      <c r="PNU648" s="613"/>
      <c r="PNV648" s="613"/>
      <c r="PNW648" s="613"/>
      <c r="PNX648" s="613"/>
      <c r="PNY648" s="613"/>
      <c r="PNZ648" s="613"/>
      <c r="POA648" s="613"/>
      <c r="POB648" s="613"/>
      <c r="POC648" s="613"/>
      <c r="POD648" s="613"/>
      <c r="POE648" s="613"/>
      <c r="POF648" s="613"/>
      <c r="POG648" s="613"/>
      <c r="POH648" s="613"/>
      <c r="POI648" s="613"/>
      <c r="POJ648" s="613"/>
      <c r="POK648" s="613"/>
      <c r="POL648" s="613"/>
      <c r="POM648" s="613"/>
      <c r="PON648" s="613"/>
      <c r="POO648" s="613"/>
      <c r="POP648" s="613"/>
      <c r="POQ648" s="613"/>
      <c r="POR648" s="613"/>
      <c r="POS648" s="613"/>
      <c r="POT648" s="613"/>
      <c r="POU648" s="613"/>
      <c r="POV648" s="613"/>
      <c r="POW648" s="613"/>
      <c r="POX648" s="613"/>
      <c r="POY648" s="613"/>
      <c r="POZ648" s="613"/>
      <c r="PPA648" s="613"/>
      <c r="PPB648" s="613"/>
      <c r="PPC648" s="613"/>
      <c r="PPD648" s="613"/>
      <c r="PPE648" s="613"/>
      <c r="PPF648" s="613"/>
      <c r="PPG648" s="613"/>
      <c r="PPH648" s="613"/>
      <c r="PPI648" s="613"/>
      <c r="PPJ648" s="613"/>
      <c r="PPK648" s="613"/>
      <c r="PPL648" s="613"/>
      <c r="PPM648" s="613"/>
      <c r="PPN648" s="613"/>
      <c r="PPO648" s="613"/>
      <c r="PPP648" s="613"/>
      <c r="PPQ648" s="613"/>
      <c r="PPR648" s="613"/>
      <c r="PPS648" s="613"/>
      <c r="PPT648" s="613"/>
      <c r="PPU648" s="613"/>
      <c r="PPV648" s="613"/>
      <c r="PPW648" s="613"/>
      <c r="PPX648" s="613"/>
      <c r="PPY648" s="613"/>
      <c r="PPZ648" s="613"/>
      <c r="PQA648" s="613"/>
      <c r="PQB648" s="613"/>
      <c r="PQC648" s="613"/>
      <c r="PQD648" s="613"/>
      <c r="PQE648" s="613"/>
      <c r="PQF648" s="613"/>
      <c r="PQG648" s="613"/>
      <c r="PQH648" s="613"/>
      <c r="PQI648" s="613"/>
      <c r="PQJ648" s="613"/>
      <c r="PQK648" s="613"/>
      <c r="PQL648" s="613"/>
      <c r="PQM648" s="613"/>
      <c r="PQN648" s="613"/>
      <c r="PQO648" s="613"/>
      <c r="PQP648" s="613"/>
      <c r="PQQ648" s="613"/>
      <c r="PQR648" s="613"/>
      <c r="PQS648" s="613"/>
      <c r="PQT648" s="613"/>
      <c r="PQU648" s="613"/>
      <c r="PQV648" s="613"/>
      <c r="PQW648" s="613"/>
      <c r="PQX648" s="613"/>
      <c r="PQY648" s="613"/>
      <c r="PQZ648" s="613"/>
      <c r="PRA648" s="613"/>
      <c r="PRB648" s="613"/>
      <c r="PRC648" s="613"/>
      <c r="PRD648" s="613"/>
      <c r="PRE648" s="613"/>
      <c r="PRF648" s="613"/>
      <c r="PRG648" s="613"/>
      <c r="PRH648" s="613"/>
      <c r="PRI648" s="613"/>
      <c r="PRJ648" s="613"/>
      <c r="PRK648" s="613"/>
      <c r="PRL648" s="613"/>
      <c r="PRM648" s="613"/>
      <c r="PRN648" s="613"/>
      <c r="PRO648" s="613"/>
      <c r="PRP648" s="613"/>
      <c r="PRQ648" s="613"/>
      <c r="PRR648" s="613"/>
      <c r="PRS648" s="613"/>
      <c r="PRT648" s="613"/>
      <c r="PRU648" s="613"/>
      <c r="PRV648" s="613"/>
      <c r="PRW648" s="613"/>
      <c r="PRX648" s="613"/>
      <c r="PRY648" s="613"/>
      <c r="PRZ648" s="613"/>
      <c r="PSA648" s="613"/>
      <c r="PSB648" s="613"/>
      <c r="PSC648" s="613"/>
      <c r="PSD648" s="613"/>
      <c r="PSE648" s="613"/>
      <c r="PSF648" s="613"/>
      <c r="PSG648" s="613"/>
      <c r="PSH648" s="613"/>
      <c r="PSI648" s="613"/>
      <c r="PSJ648" s="613"/>
      <c r="PSK648" s="613"/>
      <c r="PSL648" s="613"/>
      <c r="PSM648" s="613"/>
      <c r="PSN648" s="613"/>
      <c r="PSO648" s="613"/>
      <c r="PSP648" s="613"/>
      <c r="PSQ648" s="613"/>
      <c r="PSR648" s="613"/>
      <c r="PSS648" s="613"/>
      <c r="PST648" s="613"/>
      <c r="PSU648" s="613"/>
      <c r="PSV648" s="613"/>
      <c r="PSW648" s="613"/>
      <c r="PSX648" s="613"/>
      <c r="PSY648" s="613"/>
      <c r="PSZ648" s="613"/>
      <c r="PTA648" s="613"/>
      <c r="PTB648" s="613"/>
      <c r="PTC648" s="613"/>
      <c r="PTD648" s="613"/>
      <c r="PTE648" s="613"/>
      <c r="PTF648" s="613"/>
      <c r="PTG648" s="613"/>
      <c r="PTH648" s="613"/>
      <c r="PTI648" s="613"/>
      <c r="PTJ648" s="613"/>
      <c r="PTK648" s="613"/>
      <c r="PTL648" s="613"/>
      <c r="PTM648" s="613"/>
      <c r="PTN648" s="613"/>
      <c r="PTO648" s="613"/>
      <c r="PTP648" s="613"/>
      <c r="PTQ648" s="613"/>
      <c r="PTR648" s="613"/>
      <c r="PTS648" s="613"/>
      <c r="PTT648" s="613"/>
      <c r="PTU648" s="613"/>
      <c r="PTV648" s="613"/>
      <c r="PTW648" s="613"/>
      <c r="PTX648" s="613"/>
      <c r="PTY648" s="613"/>
      <c r="PTZ648" s="613"/>
      <c r="PUA648" s="613"/>
      <c r="PUB648" s="613"/>
      <c r="PUC648" s="613"/>
      <c r="PUD648" s="613"/>
      <c r="PUE648" s="613"/>
      <c r="PUF648" s="613"/>
      <c r="PUG648" s="613"/>
      <c r="PUH648" s="613"/>
      <c r="PUI648" s="613"/>
      <c r="PUJ648" s="613"/>
      <c r="PUK648" s="613"/>
      <c r="PUL648" s="613"/>
      <c r="PUM648" s="613"/>
      <c r="PUN648" s="613"/>
      <c r="PUO648" s="613"/>
      <c r="PUP648" s="613"/>
      <c r="PUQ648" s="613"/>
      <c r="PUR648" s="613"/>
      <c r="PUS648" s="613"/>
      <c r="PUT648" s="613"/>
      <c r="PUU648" s="613"/>
      <c r="PUV648" s="613"/>
      <c r="PUW648" s="613"/>
      <c r="PUX648" s="613"/>
      <c r="PUY648" s="613"/>
      <c r="PUZ648" s="613"/>
      <c r="PVA648" s="613"/>
      <c r="PVB648" s="613"/>
      <c r="PVC648" s="613"/>
      <c r="PVD648" s="613"/>
      <c r="PVE648" s="613"/>
      <c r="PVF648" s="613"/>
      <c r="PVG648" s="613"/>
      <c r="PVH648" s="613"/>
      <c r="PVI648" s="613"/>
      <c r="PVJ648" s="613"/>
      <c r="PVK648" s="613"/>
      <c r="PVL648" s="613"/>
      <c r="PVM648" s="613"/>
      <c r="PVN648" s="613"/>
      <c r="PVO648" s="613"/>
      <c r="PVP648" s="613"/>
      <c r="PVQ648" s="613"/>
      <c r="PVR648" s="613"/>
      <c r="PVS648" s="613"/>
      <c r="PVT648" s="613"/>
      <c r="PVU648" s="613"/>
      <c r="PVV648" s="613"/>
      <c r="PVW648" s="613"/>
      <c r="PVX648" s="613"/>
      <c r="PVY648" s="613"/>
      <c r="PVZ648" s="613"/>
      <c r="PWA648" s="613"/>
      <c r="PWB648" s="613"/>
      <c r="PWC648" s="613"/>
      <c r="PWD648" s="613"/>
      <c r="PWE648" s="613"/>
      <c r="PWF648" s="613"/>
      <c r="PWG648" s="613"/>
      <c r="PWH648" s="613"/>
      <c r="PWI648" s="613"/>
      <c r="PWJ648" s="613"/>
      <c r="PWK648" s="613"/>
      <c r="PWL648" s="613"/>
      <c r="PWM648" s="613"/>
      <c r="PWN648" s="613"/>
      <c r="PWO648" s="613"/>
      <c r="PWP648" s="613"/>
      <c r="PWQ648" s="613"/>
      <c r="PWR648" s="613"/>
      <c r="PWS648" s="613"/>
      <c r="PWT648" s="613"/>
      <c r="PWU648" s="613"/>
      <c r="PWV648" s="613"/>
      <c r="PWW648" s="613"/>
      <c r="PWX648" s="613"/>
      <c r="PWY648" s="613"/>
      <c r="PWZ648" s="613"/>
      <c r="PXA648" s="613"/>
      <c r="PXB648" s="613"/>
      <c r="PXC648" s="613"/>
      <c r="PXD648" s="613"/>
      <c r="PXE648" s="613"/>
      <c r="PXF648" s="613"/>
      <c r="PXG648" s="613"/>
      <c r="PXH648" s="613"/>
      <c r="PXI648" s="613"/>
      <c r="PXJ648" s="613"/>
      <c r="PXK648" s="613"/>
      <c r="PXL648" s="613"/>
      <c r="PXM648" s="613"/>
      <c r="PXN648" s="613"/>
      <c r="PXO648" s="613"/>
      <c r="PXP648" s="613"/>
      <c r="PXQ648" s="613"/>
      <c r="PXR648" s="613"/>
      <c r="PXS648" s="613"/>
      <c r="PXT648" s="613"/>
      <c r="PXU648" s="613"/>
      <c r="PXV648" s="613"/>
      <c r="PXW648" s="613"/>
      <c r="PXX648" s="613"/>
      <c r="PXY648" s="613"/>
      <c r="PXZ648" s="613"/>
      <c r="PYA648" s="613"/>
      <c r="PYB648" s="613"/>
      <c r="PYC648" s="613"/>
      <c r="PYD648" s="613"/>
      <c r="PYE648" s="613"/>
      <c r="PYF648" s="613"/>
      <c r="PYG648" s="613"/>
      <c r="PYH648" s="613"/>
      <c r="PYI648" s="613"/>
      <c r="PYJ648" s="613"/>
      <c r="PYK648" s="613"/>
      <c r="PYL648" s="613"/>
      <c r="PYM648" s="613"/>
      <c r="PYN648" s="613"/>
      <c r="PYO648" s="613"/>
      <c r="PYP648" s="613"/>
      <c r="PYQ648" s="613"/>
      <c r="PYR648" s="613"/>
      <c r="PYS648" s="613"/>
      <c r="PYT648" s="613"/>
      <c r="PYU648" s="613"/>
      <c r="PYV648" s="613"/>
      <c r="PYW648" s="613"/>
      <c r="PYX648" s="613"/>
      <c r="PYY648" s="613"/>
      <c r="PYZ648" s="613"/>
      <c r="PZA648" s="613"/>
      <c r="PZB648" s="613"/>
      <c r="PZC648" s="613"/>
      <c r="PZD648" s="613"/>
      <c r="PZE648" s="613"/>
      <c r="PZF648" s="613"/>
      <c r="PZG648" s="613"/>
      <c r="PZH648" s="613"/>
      <c r="PZI648" s="613"/>
      <c r="PZJ648" s="613"/>
      <c r="PZK648" s="613"/>
      <c r="PZL648" s="613"/>
      <c r="PZM648" s="613"/>
      <c r="PZN648" s="613"/>
      <c r="PZO648" s="613"/>
      <c r="PZP648" s="613"/>
      <c r="PZQ648" s="613"/>
      <c r="PZR648" s="613"/>
      <c r="PZS648" s="613"/>
      <c r="PZT648" s="613"/>
      <c r="PZU648" s="613"/>
      <c r="PZV648" s="613"/>
      <c r="PZW648" s="613"/>
      <c r="PZX648" s="613"/>
      <c r="PZY648" s="613"/>
      <c r="PZZ648" s="613"/>
      <c r="QAA648" s="613"/>
      <c r="QAB648" s="613"/>
      <c r="QAC648" s="613"/>
      <c r="QAD648" s="613"/>
      <c r="QAE648" s="613"/>
      <c r="QAF648" s="613"/>
      <c r="QAG648" s="613"/>
      <c r="QAH648" s="613"/>
      <c r="QAI648" s="613"/>
      <c r="QAJ648" s="613"/>
      <c r="QAK648" s="613"/>
      <c r="QAL648" s="613"/>
      <c r="QAM648" s="613"/>
      <c r="QAN648" s="613"/>
      <c r="QAO648" s="613"/>
      <c r="QAP648" s="613"/>
      <c r="QAQ648" s="613"/>
      <c r="QAR648" s="613"/>
      <c r="QAS648" s="613"/>
      <c r="QAT648" s="613"/>
      <c r="QAU648" s="613"/>
      <c r="QAV648" s="613"/>
      <c r="QAW648" s="613"/>
      <c r="QAX648" s="613"/>
      <c r="QAY648" s="613"/>
      <c r="QAZ648" s="613"/>
      <c r="QBA648" s="613"/>
      <c r="QBB648" s="613"/>
      <c r="QBC648" s="613"/>
      <c r="QBD648" s="613"/>
      <c r="QBE648" s="613"/>
      <c r="QBF648" s="613"/>
      <c r="QBG648" s="613"/>
      <c r="QBH648" s="613"/>
      <c r="QBI648" s="613"/>
      <c r="QBJ648" s="613"/>
      <c r="QBK648" s="613"/>
      <c r="QBL648" s="613"/>
      <c r="QBM648" s="613"/>
      <c r="QBN648" s="613"/>
      <c r="QBO648" s="613"/>
      <c r="QBP648" s="613"/>
      <c r="QBQ648" s="613"/>
      <c r="QBR648" s="613"/>
      <c r="QBS648" s="613"/>
      <c r="QBT648" s="613"/>
      <c r="QBU648" s="613"/>
      <c r="QBV648" s="613"/>
      <c r="QBW648" s="613"/>
      <c r="QBX648" s="613"/>
      <c r="QBY648" s="613"/>
      <c r="QBZ648" s="613"/>
      <c r="QCA648" s="613"/>
      <c r="QCB648" s="613"/>
      <c r="QCC648" s="613"/>
      <c r="QCD648" s="613"/>
      <c r="QCE648" s="613"/>
      <c r="QCF648" s="613"/>
      <c r="QCG648" s="613"/>
      <c r="QCH648" s="613"/>
      <c r="QCI648" s="613"/>
      <c r="QCJ648" s="613"/>
      <c r="QCK648" s="613"/>
      <c r="QCL648" s="613"/>
      <c r="QCM648" s="613"/>
      <c r="QCN648" s="613"/>
      <c r="QCO648" s="613"/>
      <c r="QCP648" s="613"/>
      <c r="QCQ648" s="613"/>
      <c r="QCR648" s="613"/>
      <c r="QCS648" s="613"/>
      <c r="QCT648" s="613"/>
      <c r="QCU648" s="613"/>
      <c r="QCV648" s="613"/>
      <c r="QCW648" s="613"/>
      <c r="QCX648" s="613"/>
      <c r="QCY648" s="613"/>
      <c r="QCZ648" s="613"/>
      <c r="QDA648" s="613"/>
      <c r="QDB648" s="613"/>
      <c r="QDC648" s="613"/>
      <c r="QDD648" s="613"/>
      <c r="QDE648" s="613"/>
      <c r="QDF648" s="613"/>
      <c r="QDG648" s="613"/>
      <c r="QDH648" s="613"/>
      <c r="QDI648" s="613"/>
      <c r="QDJ648" s="613"/>
      <c r="QDK648" s="613"/>
      <c r="QDL648" s="613"/>
      <c r="QDM648" s="613"/>
      <c r="QDN648" s="613"/>
      <c r="QDO648" s="613"/>
      <c r="QDP648" s="613"/>
      <c r="QDQ648" s="613"/>
      <c r="QDR648" s="613"/>
      <c r="QDS648" s="613"/>
      <c r="QDT648" s="613"/>
      <c r="QDU648" s="613"/>
      <c r="QDV648" s="613"/>
      <c r="QDW648" s="613"/>
      <c r="QDX648" s="613"/>
      <c r="QDY648" s="613"/>
      <c r="QDZ648" s="613"/>
      <c r="QEA648" s="613"/>
      <c r="QEB648" s="613"/>
      <c r="QEC648" s="613"/>
      <c r="QED648" s="613"/>
      <c r="QEE648" s="613"/>
      <c r="QEF648" s="613"/>
      <c r="QEG648" s="613"/>
      <c r="QEH648" s="613"/>
      <c r="QEI648" s="613"/>
      <c r="QEJ648" s="613"/>
      <c r="QEK648" s="613"/>
      <c r="QEL648" s="613"/>
      <c r="QEM648" s="613"/>
      <c r="QEN648" s="613"/>
      <c r="QEO648" s="613"/>
      <c r="QEP648" s="613"/>
      <c r="QEQ648" s="613"/>
      <c r="QER648" s="613"/>
      <c r="QES648" s="613"/>
      <c r="QET648" s="613"/>
      <c r="QEU648" s="613"/>
      <c r="QEV648" s="613"/>
      <c r="QEW648" s="613"/>
      <c r="QEX648" s="613"/>
      <c r="QEY648" s="613"/>
      <c r="QEZ648" s="613"/>
      <c r="QFA648" s="613"/>
      <c r="QFB648" s="613"/>
      <c r="QFC648" s="613"/>
      <c r="QFD648" s="613"/>
      <c r="QFE648" s="613"/>
      <c r="QFF648" s="613"/>
      <c r="QFG648" s="613"/>
      <c r="QFH648" s="613"/>
      <c r="QFI648" s="613"/>
      <c r="QFJ648" s="613"/>
      <c r="QFK648" s="613"/>
      <c r="QFL648" s="613"/>
      <c r="QFM648" s="613"/>
      <c r="QFN648" s="613"/>
      <c r="QFO648" s="613"/>
      <c r="QFP648" s="613"/>
      <c r="QFQ648" s="613"/>
      <c r="QFR648" s="613"/>
      <c r="QFS648" s="613"/>
      <c r="QFT648" s="613"/>
      <c r="QFU648" s="613"/>
      <c r="QFV648" s="613"/>
      <c r="QFW648" s="613"/>
      <c r="QFX648" s="613"/>
      <c r="QFY648" s="613"/>
      <c r="QFZ648" s="613"/>
      <c r="QGA648" s="613"/>
      <c r="QGB648" s="613"/>
      <c r="QGC648" s="613"/>
      <c r="QGD648" s="613"/>
      <c r="QGE648" s="613"/>
      <c r="QGF648" s="613"/>
      <c r="QGG648" s="613"/>
      <c r="QGH648" s="613"/>
      <c r="QGI648" s="613"/>
      <c r="QGJ648" s="613"/>
      <c r="QGK648" s="613"/>
      <c r="QGL648" s="613"/>
      <c r="QGM648" s="613"/>
      <c r="QGN648" s="613"/>
      <c r="QGO648" s="613"/>
      <c r="QGP648" s="613"/>
      <c r="QGQ648" s="613"/>
      <c r="QGR648" s="613"/>
      <c r="QGS648" s="613"/>
      <c r="QGT648" s="613"/>
      <c r="QGU648" s="613"/>
      <c r="QGV648" s="613"/>
      <c r="QGW648" s="613"/>
      <c r="QGX648" s="613"/>
      <c r="QGY648" s="613"/>
      <c r="QGZ648" s="613"/>
      <c r="QHA648" s="613"/>
      <c r="QHB648" s="613"/>
      <c r="QHC648" s="613"/>
      <c r="QHD648" s="613"/>
      <c r="QHE648" s="613"/>
      <c r="QHF648" s="613"/>
      <c r="QHG648" s="613"/>
      <c r="QHH648" s="613"/>
      <c r="QHI648" s="613"/>
      <c r="QHJ648" s="613"/>
      <c r="QHK648" s="613"/>
      <c r="QHL648" s="613"/>
      <c r="QHM648" s="613"/>
      <c r="QHN648" s="613"/>
      <c r="QHO648" s="613"/>
      <c r="QHP648" s="613"/>
      <c r="QHQ648" s="613"/>
      <c r="QHR648" s="613"/>
      <c r="QHS648" s="613"/>
      <c r="QHT648" s="613"/>
      <c r="QHU648" s="613"/>
      <c r="QHV648" s="613"/>
      <c r="QHW648" s="613"/>
      <c r="QHX648" s="613"/>
      <c r="QHY648" s="613"/>
      <c r="QHZ648" s="613"/>
      <c r="QIA648" s="613"/>
      <c r="QIB648" s="613"/>
      <c r="QIC648" s="613"/>
      <c r="QID648" s="613"/>
      <c r="QIE648" s="613"/>
      <c r="QIF648" s="613"/>
      <c r="QIG648" s="613"/>
      <c r="QIH648" s="613"/>
      <c r="QII648" s="613"/>
      <c r="QIJ648" s="613"/>
      <c r="QIK648" s="613"/>
      <c r="QIL648" s="613"/>
      <c r="QIM648" s="613"/>
      <c r="QIN648" s="613"/>
      <c r="QIO648" s="613"/>
      <c r="QIP648" s="613"/>
      <c r="QIQ648" s="613"/>
      <c r="QIR648" s="613"/>
      <c r="QIS648" s="613"/>
      <c r="QIT648" s="613"/>
      <c r="QIU648" s="613"/>
      <c r="QIV648" s="613"/>
      <c r="QIW648" s="613"/>
      <c r="QIX648" s="613"/>
      <c r="QIY648" s="613"/>
      <c r="QIZ648" s="613"/>
      <c r="QJA648" s="613"/>
      <c r="QJB648" s="613"/>
      <c r="QJC648" s="613"/>
      <c r="QJD648" s="613"/>
      <c r="QJE648" s="613"/>
      <c r="QJF648" s="613"/>
      <c r="QJG648" s="613"/>
      <c r="QJH648" s="613"/>
      <c r="QJI648" s="613"/>
      <c r="QJJ648" s="613"/>
      <c r="QJK648" s="613"/>
      <c r="QJL648" s="613"/>
      <c r="QJM648" s="613"/>
      <c r="QJN648" s="613"/>
      <c r="QJO648" s="613"/>
      <c r="QJP648" s="613"/>
      <c r="QJQ648" s="613"/>
      <c r="QJR648" s="613"/>
      <c r="QJS648" s="613"/>
      <c r="QJT648" s="613"/>
      <c r="QJU648" s="613"/>
      <c r="QJV648" s="613"/>
      <c r="QJW648" s="613"/>
      <c r="QJX648" s="613"/>
      <c r="QJY648" s="613"/>
      <c r="QJZ648" s="613"/>
      <c r="QKA648" s="613"/>
      <c r="QKB648" s="613"/>
      <c r="QKC648" s="613"/>
      <c r="QKD648" s="613"/>
      <c r="QKE648" s="613"/>
      <c r="QKF648" s="613"/>
      <c r="QKG648" s="613"/>
      <c r="QKH648" s="613"/>
      <c r="QKI648" s="613"/>
      <c r="QKJ648" s="613"/>
      <c r="QKK648" s="613"/>
      <c r="QKL648" s="613"/>
      <c r="QKM648" s="613"/>
      <c r="QKN648" s="613"/>
      <c r="QKO648" s="613"/>
      <c r="QKP648" s="613"/>
      <c r="QKQ648" s="613"/>
      <c r="QKR648" s="613"/>
      <c r="QKS648" s="613"/>
      <c r="QKT648" s="613"/>
      <c r="QKU648" s="613"/>
      <c r="QKV648" s="613"/>
      <c r="QKW648" s="613"/>
      <c r="QKX648" s="613"/>
      <c r="QKY648" s="613"/>
      <c r="QKZ648" s="613"/>
      <c r="QLA648" s="613"/>
      <c r="QLB648" s="613"/>
      <c r="QLC648" s="613"/>
      <c r="QLD648" s="613"/>
      <c r="QLE648" s="613"/>
      <c r="QLF648" s="613"/>
      <c r="QLG648" s="613"/>
      <c r="QLH648" s="613"/>
      <c r="QLI648" s="613"/>
      <c r="QLJ648" s="613"/>
      <c r="QLK648" s="613"/>
      <c r="QLL648" s="613"/>
      <c r="QLM648" s="613"/>
      <c r="QLN648" s="613"/>
      <c r="QLO648" s="613"/>
      <c r="QLP648" s="613"/>
      <c r="QLQ648" s="613"/>
      <c r="QLR648" s="613"/>
      <c r="QLS648" s="613"/>
      <c r="QLT648" s="613"/>
      <c r="QLU648" s="613"/>
      <c r="QLV648" s="613"/>
      <c r="QLW648" s="613"/>
      <c r="QLX648" s="613"/>
      <c r="QLY648" s="613"/>
      <c r="QLZ648" s="613"/>
      <c r="QMA648" s="613"/>
      <c r="QMB648" s="613"/>
      <c r="QMC648" s="613"/>
      <c r="QMD648" s="613"/>
      <c r="QME648" s="613"/>
      <c r="QMF648" s="613"/>
      <c r="QMG648" s="613"/>
      <c r="QMH648" s="613"/>
      <c r="QMI648" s="613"/>
      <c r="QMJ648" s="613"/>
      <c r="QMK648" s="613"/>
      <c r="QML648" s="613"/>
      <c r="QMM648" s="613"/>
      <c r="QMN648" s="613"/>
      <c r="QMO648" s="613"/>
      <c r="QMP648" s="613"/>
      <c r="QMQ648" s="613"/>
      <c r="QMR648" s="613"/>
      <c r="QMS648" s="613"/>
      <c r="QMT648" s="613"/>
      <c r="QMU648" s="613"/>
      <c r="QMV648" s="613"/>
      <c r="QMW648" s="613"/>
      <c r="QMX648" s="613"/>
      <c r="QMY648" s="613"/>
      <c r="QMZ648" s="613"/>
      <c r="QNA648" s="613"/>
      <c r="QNB648" s="613"/>
      <c r="QNC648" s="613"/>
      <c r="QND648" s="613"/>
      <c r="QNE648" s="613"/>
      <c r="QNF648" s="613"/>
      <c r="QNG648" s="613"/>
      <c r="QNH648" s="613"/>
      <c r="QNI648" s="613"/>
      <c r="QNJ648" s="613"/>
      <c r="QNK648" s="613"/>
      <c r="QNL648" s="613"/>
      <c r="QNM648" s="613"/>
      <c r="QNN648" s="613"/>
      <c r="QNO648" s="613"/>
      <c r="QNP648" s="613"/>
      <c r="QNQ648" s="613"/>
      <c r="QNR648" s="613"/>
      <c r="QNS648" s="613"/>
      <c r="QNT648" s="613"/>
      <c r="QNU648" s="613"/>
      <c r="QNV648" s="613"/>
      <c r="QNW648" s="613"/>
      <c r="QNX648" s="613"/>
      <c r="QNY648" s="613"/>
      <c r="QNZ648" s="613"/>
      <c r="QOA648" s="613"/>
      <c r="QOB648" s="613"/>
      <c r="QOC648" s="613"/>
      <c r="QOD648" s="613"/>
      <c r="QOE648" s="613"/>
      <c r="QOF648" s="613"/>
      <c r="QOG648" s="613"/>
      <c r="QOH648" s="613"/>
      <c r="QOI648" s="613"/>
      <c r="QOJ648" s="613"/>
      <c r="QOK648" s="613"/>
      <c r="QOL648" s="613"/>
      <c r="QOM648" s="613"/>
      <c r="QON648" s="613"/>
      <c r="QOO648" s="613"/>
      <c r="QOP648" s="613"/>
      <c r="QOQ648" s="613"/>
      <c r="QOR648" s="613"/>
      <c r="QOS648" s="613"/>
      <c r="QOT648" s="613"/>
      <c r="QOU648" s="613"/>
      <c r="QOV648" s="613"/>
      <c r="QOW648" s="613"/>
      <c r="QOX648" s="613"/>
      <c r="QOY648" s="613"/>
      <c r="QOZ648" s="613"/>
      <c r="QPA648" s="613"/>
      <c r="QPB648" s="613"/>
      <c r="QPC648" s="613"/>
      <c r="QPD648" s="613"/>
      <c r="QPE648" s="613"/>
      <c r="QPF648" s="613"/>
      <c r="QPG648" s="613"/>
      <c r="QPH648" s="613"/>
      <c r="QPI648" s="613"/>
      <c r="QPJ648" s="613"/>
      <c r="QPK648" s="613"/>
      <c r="QPL648" s="613"/>
      <c r="QPM648" s="613"/>
      <c r="QPN648" s="613"/>
      <c r="QPO648" s="613"/>
      <c r="QPP648" s="613"/>
      <c r="QPQ648" s="613"/>
      <c r="QPR648" s="613"/>
      <c r="QPS648" s="613"/>
      <c r="QPT648" s="613"/>
      <c r="QPU648" s="613"/>
      <c r="QPV648" s="613"/>
      <c r="QPW648" s="613"/>
      <c r="QPX648" s="613"/>
      <c r="QPY648" s="613"/>
      <c r="QPZ648" s="613"/>
      <c r="QQA648" s="613"/>
      <c r="QQB648" s="613"/>
      <c r="QQC648" s="613"/>
      <c r="QQD648" s="613"/>
      <c r="QQE648" s="613"/>
      <c r="QQF648" s="613"/>
      <c r="QQG648" s="613"/>
      <c r="QQH648" s="613"/>
      <c r="QQI648" s="613"/>
      <c r="QQJ648" s="613"/>
      <c r="QQK648" s="613"/>
      <c r="QQL648" s="613"/>
      <c r="QQM648" s="613"/>
      <c r="QQN648" s="613"/>
      <c r="QQO648" s="613"/>
      <c r="QQP648" s="613"/>
      <c r="QQQ648" s="613"/>
      <c r="QQR648" s="613"/>
      <c r="QQS648" s="613"/>
      <c r="QQT648" s="613"/>
      <c r="QQU648" s="613"/>
      <c r="QQV648" s="613"/>
      <c r="QQW648" s="613"/>
      <c r="QQX648" s="613"/>
      <c r="QQY648" s="613"/>
      <c r="QQZ648" s="613"/>
      <c r="QRA648" s="613"/>
      <c r="QRB648" s="613"/>
      <c r="QRC648" s="613"/>
      <c r="QRD648" s="613"/>
      <c r="QRE648" s="613"/>
      <c r="QRF648" s="613"/>
      <c r="QRG648" s="613"/>
      <c r="QRH648" s="613"/>
      <c r="QRI648" s="613"/>
      <c r="QRJ648" s="613"/>
      <c r="QRK648" s="613"/>
      <c r="QRL648" s="613"/>
      <c r="QRM648" s="613"/>
      <c r="QRN648" s="613"/>
      <c r="QRO648" s="613"/>
      <c r="QRP648" s="613"/>
      <c r="QRQ648" s="613"/>
      <c r="QRR648" s="613"/>
      <c r="QRS648" s="613"/>
      <c r="QRT648" s="613"/>
      <c r="QRU648" s="613"/>
      <c r="QRV648" s="613"/>
      <c r="QRW648" s="613"/>
      <c r="QRX648" s="613"/>
      <c r="QRY648" s="613"/>
      <c r="QRZ648" s="613"/>
      <c r="QSA648" s="613"/>
      <c r="QSB648" s="613"/>
      <c r="QSC648" s="613"/>
      <c r="QSD648" s="613"/>
      <c r="QSE648" s="613"/>
      <c r="QSF648" s="613"/>
      <c r="QSG648" s="613"/>
      <c r="QSH648" s="613"/>
      <c r="QSI648" s="613"/>
      <c r="QSJ648" s="613"/>
      <c r="QSK648" s="613"/>
      <c r="QSL648" s="613"/>
      <c r="QSM648" s="613"/>
      <c r="QSN648" s="613"/>
      <c r="QSO648" s="613"/>
      <c r="QSP648" s="613"/>
      <c r="QSQ648" s="613"/>
      <c r="QSR648" s="613"/>
      <c r="QSS648" s="613"/>
      <c r="QST648" s="613"/>
      <c r="QSU648" s="613"/>
      <c r="QSV648" s="613"/>
      <c r="QSW648" s="613"/>
      <c r="QSX648" s="613"/>
      <c r="QSY648" s="613"/>
      <c r="QSZ648" s="613"/>
      <c r="QTA648" s="613"/>
      <c r="QTB648" s="613"/>
      <c r="QTC648" s="613"/>
      <c r="QTD648" s="613"/>
      <c r="QTE648" s="613"/>
      <c r="QTF648" s="613"/>
      <c r="QTG648" s="613"/>
      <c r="QTH648" s="613"/>
      <c r="QTI648" s="613"/>
      <c r="QTJ648" s="613"/>
      <c r="QTK648" s="613"/>
      <c r="QTL648" s="613"/>
      <c r="QTM648" s="613"/>
      <c r="QTN648" s="613"/>
      <c r="QTO648" s="613"/>
      <c r="QTP648" s="613"/>
      <c r="QTQ648" s="613"/>
      <c r="QTR648" s="613"/>
      <c r="QTS648" s="613"/>
      <c r="QTT648" s="613"/>
      <c r="QTU648" s="613"/>
      <c r="QTV648" s="613"/>
      <c r="QTW648" s="613"/>
      <c r="QTX648" s="613"/>
      <c r="QTY648" s="613"/>
      <c r="QTZ648" s="613"/>
      <c r="QUA648" s="613"/>
      <c r="QUB648" s="613"/>
      <c r="QUC648" s="613"/>
      <c r="QUD648" s="613"/>
      <c r="QUE648" s="613"/>
      <c r="QUF648" s="613"/>
      <c r="QUG648" s="613"/>
      <c r="QUH648" s="613"/>
      <c r="QUI648" s="613"/>
      <c r="QUJ648" s="613"/>
      <c r="QUK648" s="613"/>
      <c r="QUL648" s="613"/>
      <c r="QUM648" s="613"/>
      <c r="QUN648" s="613"/>
      <c r="QUO648" s="613"/>
      <c r="QUP648" s="613"/>
      <c r="QUQ648" s="613"/>
      <c r="QUR648" s="613"/>
      <c r="QUS648" s="613"/>
      <c r="QUT648" s="613"/>
      <c r="QUU648" s="613"/>
      <c r="QUV648" s="613"/>
      <c r="QUW648" s="613"/>
      <c r="QUX648" s="613"/>
      <c r="QUY648" s="613"/>
      <c r="QUZ648" s="613"/>
      <c r="QVA648" s="613"/>
      <c r="QVB648" s="613"/>
      <c r="QVC648" s="613"/>
      <c r="QVD648" s="613"/>
      <c r="QVE648" s="613"/>
      <c r="QVF648" s="613"/>
      <c r="QVG648" s="613"/>
      <c r="QVH648" s="613"/>
      <c r="QVI648" s="613"/>
      <c r="QVJ648" s="613"/>
      <c r="QVK648" s="613"/>
      <c r="QVL648" s="613"/>
      <c r="QVM648" s="613"/>
      <c r="QVN648" s="613"/>
      <c r="QVO648" s="613"/>
      <c r="QVP648" s="613"/>
      <c r="QVQ648" s="613"/>
      <c r="QVR648" s="613"/>
      <c r="QVS648" s="613"/>
      <c r="QVT648" s="613"/>
      <c r="QVU648" s="613"/>
      <c r="QVV648" s="613"/>
      <c r="QVW648" s="613"/>
      <c r="QVX648" s="613"/>
      <c r="QVY648" s="613"/>
      <c r="QVZ648" s="613"/>
      <c r="QWA648" s="613"/>
      <c r="QWB648" s="613"/>
      <c r="QWC648" s="613"/>
      <c r="QWD648" s="613"/>
      <c r="QWE648" s="613"/>
      <c r="QWF648" s="613"/>
      <c r="QWG648" s="613"/>
      <c r="QWH648" s="613"/>
      <c r="QWI648" s="613"/>
      <c r="QWJ648" s="613"/>
      <c r="QWK648" s="613"/>
      <c r="QWL648" s="613"/>
      <c r="QWM648" s="613"/>
      <c r="QWN648" s="613"/>
      <c r="QWO648" s="613"/>
      <c r="QWP648" s="613"/>
      <c r="QWQ648" s="613"/>
      <c r="QWR648" s="613"/>
      <c r="QWS648" s="613"/>
      <c r="QWT648" s="613"/>
      <c r="QWU648" s="613"/>
      <c r="QWV648" s="613"/>
      <c r="QWW648" s="613"/>
      <c r="QWX648" s="613"/>
      <c r="QWY648" s="613"/>
      <c r="QWZ648" s="613"/>
      <c r="QXA648" s="613"/>
      <c r="QXB648" s="613"/>
      <c r="QXC648" s="613"/>
      <c r="QXD648" s="613"/>
      <c r="QXE648" s="613"/>
      <c r="QXF648" s="613"/>
      <c r="QXG648" s="613"/>
      <c r="QXH648" s="613"/>
      <c r="QXI648" s="613"/>
      <c r="QXJ648" s="613"/>
      <c r="QXK648" s="613"/>
      <c r="QXL648" s="613"/>
      <c r="QXM648" s="613"/>
      <c r="QXN648" s="613"/>
      <c r="QXO648" s="613"/>
      <c r="QXP648" s="613"/>
      <c r="QXQ648" s="613"/>
      <c r="QXR648" s="613"/>
      <c r="QXS648" s="613"/>
      <c r="QXT648" s="613"/>
      <c r="QXU648" s="613"/>
      <c r="QXV648" s="613"/>
      <c r="QXW648" s="613"/>
      <c r="QXX648" s="613"/>
      <c r="QXY648" s="613"/>
      <c r="QXZ648" s="613"/>
      <c r="QYA648" s="613"/>
      <c r="QYB648" s="613"/>
      <c r="QYC648" s="613"/>
      <c r="QYD648" s="613"/>
      <c r="QYE648" s="613"/>
      <c r="QYF648" s="613"/>
      <c r="QYG648" s="613"/>
      <c r="QYH648" s="613"/>
      <c r="QYI648" s="613"/>
      <c r="QYJ648" s="613"/>
      <c r="QYK648" s="613"/>
      <c r="QYL648" s="613"/>
      <c r="QYM648" s="613"/>
      <c r="QYN648" s="613"/>
      <c r="QYO648" s="613"/>
      <c r="QYP648" s="613"/>
      <c r="QYQ648" s="613"/>
      <c r="QYR648" s="613"/>
      <c r="QYS648" s="613"/>
      <c r="QYT648" s="613"/>
      <c r="QYU648" s="613"/>
      <c r="QYV648" s="613"/>
      <c r="QYW648" s="613"/>
      <c r="QYX648" s="613"/>
      <c r="QYY648" s="613"/>
      <c r="QYZ648" s="613"/>
      <c r="QZA648" s="613"/>
      <c r="QZB648" s="613"/>
      <c r="QZC648" s="613"/>
      <c r="QZD648" s="613"/>
      <c r="QZE648" s="613"/>
      <c r="QZF648" s="613"/>
      <c r="QZG648" s="613"/>
      <c r="QZH648" s="613"/>
      <c r="QZI648" s="613"/>
      <c r="QZJ648" s="613"/>
      <c r="QZK648" s="613"/>
      <c r="QZL648" s="613"/>
      <c r="QZM648" s="613"/>
      <c r="QZN648" s="613"/>
      <c r="QZO648" s="613"/>
      <c r="QZP648" s="613"/>
      <c r="QZQ648" s="613"/>
      <c r="QZR648" s="613"/>
      <c r="QZS648" s="613"/>
      <c r="QZT648" s="613"/>
      <c r="QZU648" s="613"/>
      <c r="QZV648" s="613"/>
      <c r="QZW648" s="613"/>
      <c r="QZX648" s="613"/>
      <c r="QZY648" s="613"/>
      <c r="QZZ648" s="613"/>
      <c r="RAA648" s="613"/>
      <c r="RAB648" s="613"/>
      <c r="RAC648" s="613"/>
      <c r="RAD648" s="613"/>
      <c r="RAE648" s="613"/>
      <c r="RAF648" s="613"/>
      <c r="RAG648" s="613"/>
      <c r="RAH648" s="613"/>
      <c r="RAI648" s="613"/>
      <c r="RAJ648" s="613"/>
      <c r="RAK648" s="613"/>
      <c r="RAL648" s="613"/>
      <c r="RAM648" s="613"/>
      <c r="RAN648" s="613"/>
      <c r="RAO648" s="613"/>
      <c r="RAP648" s="613"/>
      <c r="RAQ648" s="613"/>
      <c r="RAR648" s="613"/>
      <c r="RAS648" s="613"/>
      <c r="RAT648" s="613"/>
      <c r="RAU648" s="613"/>
      <c r="RAV648" s="613"/>
      <c r="RAW648" s="613"/>
      <c r="RAX648" s="613"/>
      <c r="RAY648" s="613"/>
      <c r="RAZ648" s="613"/>
      <c r="RBA648" s="613"/>
      <c r="RBB648" s="613"/>
      <c r="RBC648" s="613"/>
      <c r="RBD648" s="613"/>
      <c r="RBE648" s="613"/>
      <c r="RBF648" s="613"/>
      <c r="RBG648" s="613"/>
      <c r="RBH648" s="613"/>
      <c r="RBI648" s="613"/>
      <c r="RBJ648" s="613"/>
      <c r="RBK648" s="613"/>
      <c r="RBL648" s="613"/>
      <c r="RBM648" s="613"/>
      <c r="RBN648" s="613"/>
      <c r="RBO648" s="613"/>
      <c r="RBP648" s="613"/>
      <c r="RBQ648" s="613"/>
      <c r="RBR648" s="613"/>
      <c r="RBS648" s="613"/>
      <c r="RBT648" s="613"/>
      <c r="RBU648" s="613"/>
      <c r="RBV648" s="613"/>
      <c r="RBW648" s="613"/>
      <c r="RBX648" s="613"/>
      <c r="RBY648" s="613"/>
      <c r="RBZ648" s="613"/>
      <c r="RCA648" s="613"/>
      <c r="RCB648" s="613"/>
      <c r="RCC648" s="613"/>
      <c r="RCD648" s="613"/>
      <c r="RCE648" s="613"/>
      <c r="RCF648" s="613"/>
      <c r="RCG648" s="613"/>
      <c r="RCH648" s="613"/>
      <c r="RCI648" s="613"/>
      <c r="RCJ648" s="613"/>
      <c r="RCK648" s="613"/>
      <c r="RCL648" s="613"/>
      <c r="RCM648" s="613"/>
      <c r="RCN648" s="613"/>
      <c r="RCO648" s="613"/>
      <c r="RCP648" s="613"/>
      <c r="RCQ648" s="613"/>
      <c r="RCR648" s="613"/>
      <c r="RCS648" s="613"/>
      <c r="RCT648" s="613"/>
      <c r="RCU648" s="613"/>
      <c r="RCV648" s="613"/>
      <c r="RCW648" s="613"/>
      <c r="RCX648" s="613"/>
      <c r="RCY648" s="613"/>
      <c r="RCZ648" s="613"/>
      <c r="RDA648" s="613"/>
      <c r="RDB648" s="613"/>
      <c r="RDC648" s="613"/>
      <c r="RDD648" s="613"/>
      <c r="RDE648" s="613"/>
      <c r="RDF648" s="613"/>
      <c r="RDG648" s="613"/>
      <c r="RDH648" s="613"/>
      <c r="RDI648" s="613"/>
      <c r="RDJ648" s="613"/>
      <c r="RDK648" s="613"/>
      <c r="RDL648" s="613"/>
      <c r="RDM648" s="613"/>
      <c r="RDN648" s="613"/>
      <c r="RDO648" s="613"/>
      <c r="RDP648" s="613"/>
      <c r="RDQ648" s="613"/>
      <c r="RDR648" s="613"/>
      <c r="RDS648" s="613"/>
      <c r="RDT648" s="613"/>
      <c r="RDU648" s="613"/>
      <c r="RDV648" s="613"/>
      <c r="RDW648" s="613"/>
      <c r="RDX648" s="613"/>
      <c r="RDY648" s="613"/>
      <c r="RDZ648" s="613"/>
      <c r="REA648" s="613"/>
      <c r="REB648" s="613"/>
      <c r="REC648" s="613"/>
      <c r="RED648" s="613"/>
      <c r="REE648" s="613"/>
      <c r="REF648" s="613"/>
      <c r="REG648" s="613"/>
      <c r="REH648" s="613"/>
      <c r="REI648" s="613"/>
      <c r="REJ648" s="613"/>
      <c r="REK648" s="613"/>
      <c r="REL648" s="613"/>
      <c r="REM648" s="613"/>
      <c r="REN648" s="613"/>
      <c r="REO648" s="613"/>
      <c r="REP648" s="613"/>
      <c r="REQ648" s="613"/>
      <c r="RER648" s="613"/>
      <c r="RES648" s="613"/>
      <c r="RET648" s="613"/>
      <c r="REU648" s="613"/>
      <c r="REV648" s="613"/>
      <c r="REW648" s="613"/>
      <c r="REX648" s="613"/>
      <c r="REY648" s="613"/>
      <c r="REZ648" s="613"/>
      <c r="RFA648" s="613"/>
      <c r="RFB648" s="613"/>
      <c r="RFC648" s="613"/>
      <c r="RFD648" s="613"/>
      <c r="RFE648" s="613"/>
      <c r="RFF648" s="613"/>
      <c r="RFG648" s="613"/>
      <c r="RFH648" s="613"/>
      <c r="RFI648" s="613"/>
      <c r="RFJ648" s="613"/>
      <c r="RFK648" s="613"/>
      <c r="RFL648" s="613"/>
      <c r="RFM648" s="613"/>
      <c r="RFN648" s="613"/>
      <c r="RFO648" s="613"/>
      <c r="RFP648" s="613"/>
      <c r="RFQ648" s="613"/>
      <c r="RFR648" s="613"/>
      <c r="RFS648" s="613"/>
      <c r="RFT648" s="613"/>
      <c r="RFU648" s="613"/>
      <c r="RFV648" s="613"/>
      <c r="RFW648" s="613"/>
      <c r="RFX648" s="613"/>
      <c r="RFY648" s="613"/>
      <c r="RFZ648" s="613"/>
      <c r="RGA648" s="613"/>
      <c r="RGB648" s="613"/>
      <c r="RGC648" s="613"/>
      <c r="RGD648" s="613"/>
      <c r="RGE648" s="613"/>
      <c r="RGF648" s="613"/>
      <c r="RGG648" s="613"/>
      <c r="RGH648" s="613"/>
      <c r="RGI648" s="613"/>
      <c r="RGJ648" s="613"/>
      <c r="RGK648" s="613"/>
      <c r="RGL648" s="613"/>
      <c r="RGM648" s="613"/>
      <c r="RGN648" s="613"/>
      <c r="RGO648" s="613"/>
      <c r="RGP648" s="613"/>
      <c r="RGQ648" s="613"/>
      <c r="RGR648" s="613"/>
      <c r="RGS648" s="613"/>
      <c r="RGT648" s="613"/>
      <c r="RGU648" s="613"/>
      <c r="RGV648" s="613"/>
      <c r="RGW648" s="613"/>
      <c r="RGX648" s="613"/>
      <c r="RGY648" s="613"/>
      <c r="RGZ648" s="613"/>
      <c r="RHA648" s="613"/>
      <c r="RHB648" s="613"/>
      <c r="RHC648" s="613"/>
      <c r="RHD648" s="613"/>
      <c r="RHE648" s="613"/>
      <c r="RHF648" s="613"/>
      <c r="RHG648" s="613"/>
      <c r="RHH648" s="613"/>
      <c r="RHI648" s="613"/>
      <c r="RHJ648" s="613"/>
      <c r="RHK648" s="613"/>
      <c r="RHL648" s="613"/>
      <c r="RHM648" s="613"/>
      <c r="RHN648" s="613"/>
      <c r="RHO648" s="613"/>
      <c r="RHP648" s="613"/>
      <c r="RHQ648" s="613"/>
      <c r="RHR648" s="613"/>
      <c r="RHS648" s="613"/>
      <c r="RHT648" s="613"/>
      <c r="RHU648" s="613"/>
      <c r="RHV648" s="613"/>
      <c r="RHW648" s="613"/>
      <c r="RHX648" s="613"/>
      <c r="RHY648" s="613"/>
      <c r="RHZ648" s="613"/>
      <c r="RIA648" s="613"/>
      <c r="RIB648" s="613"/>
      <c r="RIC648" s="613"/>
      <c r="RID648" s="613"/>
      <c r="RIE648" s="613"/>
      <c r="RIF648" s="613"/>
      <c r="RIG648" s="613"/>
      <c r="RIH648" s="613"/>
      <c r="RII648" s="613"/>
      <c r="RIJ648" s="613"/>
      <c r="RIK648" s="613"/>
      <c r="RIL648" s="613"/>
      <c r="RIM648" s="613"/>
      <c r="RIN648" s="613"/>
      <c r="RIO648" s="613"/>
      <c r="RIP648" s="613"/>
      <c r="RIQ648" s="613"/>
      <c r="RIR648" s="613"/>
      <c r="RIS648" s="613"/>
      <c r="RIT648" s="613"/>
      <c r="RIU648" s="613"/>
      <c r="RIV648" s="613"/>
      <c r="RIW648" s="613"/>
      <c r="RIX648" s="613"/>
      <c r="RIY648" s="613"/>
      <c r="RIZ648" s="613"/>
      <c r="RJA648" s="613"/>
      <c r="RJB648" s="613"/>
      <c r="RJC648" s="613"/>
      <c r="RJD648" s="613"/>
      <c r="RJE648" s="613"/>
      <c r="RJF648" s="613"/>
      <c r="RJG648" s="613"/>
      <c r="RJH648" s="613"/>
      <c r="RJI648" s="613"/>
      <c r="RJJ648" s="613"/>
      <c r="RJK648" s="613"/>
      <c r="RJL648" s="613"/>
      <c r="RJM648" s="613"/>
      <c r="RJN648" s="613"/>
      <c r="RJO648" s="613"/>
      <c r="RJP648" s="613"/>
      <c r="RJQ648" s="613"/>
      <c r="RJR648" s="613"/>
      <c r="RJS648" s="613"/>
      <c r="RJT648" s="613"/>
      <c r="RJU648" s="613"/>
      <c r="RJV648" s="613"/>
      <c r="RJW648" s="613"/>
      <c r="RJX648" s="613"/>
      <c r="RJY648" s="613"/>
      <c r="RJZ648" s="613"/>
      <c r="RKA648" s="613"/>
      <c r="RKB648" s="613"/>
      <c r="RKC648" s="613"/>
      <c r="RKD648" s="613"/>
      <c r="RKE648" s="613"/>
      <c r="RKF648" s="613"/>
      <c r="RKG648" s="613"/>
      <c r="RKH648" s="613"/>
      <c r="RKI648" s="613"/>
      <c r="RKJ648" s="613"/>
      <c r="RKK648" s="613"/>
      <c r="RKL648" s="613"/>
      <c r="RKM648" s="613"/>
      <c r="RKN648" s="613"/>
      <c r="RKO648" s="613"/>
      <c r="RKP648" s="613"/>
      <c r="RKQ648" s="613"/>
      <c r="RKR648" s="613"/>
      <c r="RKS648" s="613"/>
      <c r="RKT648" s="613"/>
      <c r="RKU648" s="613"/>
      <c r="RKV648" s="613"/>
      <c r="RKW648" s="613"/>
      <c r="RKX648" s="613"/>
      <c r="RKY648" s="613"/>
      <c r="RKZ648" s="613"/>
      <c r="RLA648" s="613"/>
      <c r="RLB648" s="613"/>
      <c r="RLC648" s="613"/>
      <c r="RLD648" s="613"/>
      <c r="RLE648" s="613"/>
      <c r="RLF648" s="613"/>
      <c r="RLG648" s="613"/>
      <c r="RLH648" s="613"/>
      <c r="RLI648" s="613"/>
      <c r="RLJ648" s="613"/>
      <c r="RLK648" s="613"/>
      <c r="RLL648" s="613"/>
      <c r="RLM648" s="613"/>
      <c r="RLN648" s="613"/>
      <c r="RLO648" s="613"/>
      <c r="RLP648" s="613"/>
      <c r="RLQ648" s="613"/>
      <c r="RLR648" s="613"/>
      <c r="RLS648" s="613"/>
      <c r="RLT648" s="613"/>
      <c r="RLU648" s="613"/>
      <c r="RLV648" s="613"/>
      <c r="RLW648" s="613"/>
      <c r="RLX648" s="613"/>
      <c r="RLY648" s="613"/>
      <c r="RLZ648" s="613"/>
      <c r="RMA648" s="613"/>
      <c r="RMB648" s="613"/>
      <c r="RMC648" s="613"/>
      <c r="RMD648" s="613"/>
      <c r="RME648" s="613"/>
      <c r="RMF648" s="613"/>
      <c r="RMG648" s="613"/>
      <c r="RMH648" s="613"/>
      <c r="RMI648" s="613"/>
      <c r="RMJ648" s="613"/>
      <c r="RMK648" s="613"/>
      <c r="RML648" s="613"/>
      <c r="RMM648" s="613"/>
      <c r="RMN648" s="613"/>
      <c r="RMO648" s="613"/>
      <c r="RMP648" s="613"/>
      <c r="RMQ648" s="613"/>
      <c r="RMR648" s="613"/>
      <c r="RMS648" s="613"/>
      <c r="RMT648" s="613"/>
      <c r="RMU648" s="613"/>
      <c r="RMV648" s="613"/>
      <c r="RMW648" s="613"/>
      <c r="RMX648" s="613"/>
      <c r="RMY648" s="613"/>
      <c r="RMZ648" s="613"/>
      <c r="RNA648" s="613"/>
      <c r="RNB648" s="613"/>
      <c r="RNC648" s="613"/>
      <c r="RND648" s="613"/>
      <c r="RNE648" s="613"/>
      <c r="RNF648" s="613"/>
      <c r="RNG648" s="613"/>
      <c r="RNH648" s="613"/>
      <c r="RNI648" s="613"/>
      <c r="RNJ648" s="613"/>
      <c r="RNK648" s="613"/>
      <c r="RNL648" s="613"/>
      <c r="RNM648" s="613"/>
      <c r="RNN648" s="613"/>
      <c r="RNO648" s="613"/>
      <c r="RNP648" s="613"/>
      <c r="RNQ648" s="613"/>
      <c r="RNR648" s="613"/>
      <c r="RNS648" s="613"/>
      <c r="RNT648" s="613"/>
      <c r="RNU648" s="613"/>
      <c r="RNV648" s="613"/>
      <c r="RNW648" s="613"/>
      <c r="RNX648" s="613"/>
      <c r="RNY648" s="613"/>
      <c r="RNZ648" s="613"/>
      <c r="ROA648" s="613"/>
      <c r="ROB648" s="613"/>
      <c r="ROC648" s="613"/>
      <c r="ROD648" s="613"/>
      <c r="ROE648" s="613"/>
      <c r="ROF648" s="613"/>
      <c r="ROG648" s="613"/>
      <c r="ROH648" s="613"/>
      <c r="ROI648" s="613"/>
      <c r="ROJ648" s="613"/>
      <c r="ROK648" s="613"/>
      <c r="ROL648" s="613"/>
      <c r="ROM648" s="613"/>
      <c r="RON648" s="613"/>
      <c r="ROO648" s="613"/>
      <c r="ROP648" s="613"/>
      <c r="ROQ648" s="613"/>
      <c r="ROR648" s="613"/>
      <c r="ROS648" s="613"/>
      <c r="ROT648" s="613"/>
      <c r="ROU648" s="613"/>
      <c r="ROV648" s="613"/>
      <c r="ROW648" s="613"/>
      <c r="ROX648" s="613"/>
      <c r="ROY648" s="613"/>
      <c r="ROZ648" s="613"/>
      <c r="RPA648" s="613"/>
      <c r="RPB648" s="613"/>
      <c r="RPC648" s="613"/>
      <c r="RPD648" s="613"/>
      <c r="RPE648" s="613"/>
      <c r="RPF648" s="613"/>
      <c r="RPG648" s="613"/>
      <c r="RPH648" s="613"/>
      <c r="RPI648" s="613"/>
      <c r="RPJ648" s="613"/>
      <c r="RPK648" s="613"/>
      <c r="RPL648" s="613"/>
      <c r="RPM648" s="613"/>
      <c r="RPN648" s="613"/>
      <c r="RPO648" s="613"/>
      <c r="RPP648" s="613"/>
      <c r="RPQ648" s="613"/>
      <c r="RPR648" s="613"/>
      <c r="RPS648" s="613"/>
      <c r="RPT648" s="613"/>
      <c r="RPU648" s="613"/>
      <c r="RPV648" s="613"/>
      <c r="RPW648" s="613"/>
      <c r="RPX648" s="613"/>
      <c r="RPY648" s="613"/>
      <c r="RPZ648" s="613"/>
      <c r="RQA648" s="613"/>
      <c r="RQB648" s="613"/>
      <c r="RQC648" s="613"/>
      <c r="RQD648" s="613"/>
      <c r="RQE648" s="613"/>
      <c r="RQF648" s="613"/>
      <c r="RQG648" s="613"/>
      <c r="RQH648" s="613"/>
      <c r="RQI648" s="613"/>
      <c r="RQJ648" s="613"/>
      <c r="RQK648" s="613"/>
      <c r="RQL648" s="613"/>
      <c r="RQM648" s="613"/>
      <c r="RQN648" s="613"/>
      <c r="RQO648" s="613"/>
      <c r="RQP648" s="613"/>
      <c r="RQQ648" s="613"/>
      <c r="RQR648" s="613"/>
      <c r="RQS648" s="613"/>
      <c r="RQT648" s="613"/>
      <c r="RQU648" s="613"/>
      <c r="RQV648" s="613"/>
      <c r="RQW648" s="613"/>
      <c r="RQX648" s="613"/>
      <c r="RQY648" s="613"/>
      <c r="RQZ648" s="613"/>
      <c r="RRA648" s="613"/>
      <c r="RRB648" s="613"/>
      <c r="RRC648" s="613"/>
      <c r="RRD648" s="613"/>
      <c r="RRE648" s="613"/>
      <c r="RRF648" s="613"/>
      <c r="RRG648" s="613"/>
      <c r="RRH648" s="613"/>
      <c r="RRI648" s="613"/>
      <c r="RRJ648" s="613"/>
      <c r="RRK648" s="613"/>
      <c r="RRL648" s="613"/>
      <c r="RRM648" s="613"/>
      <c r="RRN648" s="613"/>
      <c r="RRO648" s="613"/>
      <c r="RRP648" s="613"/>
      <c r="RRQ648" s="613"/>
      <c r="RRR648" s="613"/>
      <c r="RRS648" s="613"/>
      <c r="RRT648" s="613"/>
      <c r="RRU648" s="613"/>
      <c r="RRV648" s="613"/>
      <c r="RRW648" s="613"/>
      <c r="RRX648" s="613"/>
      <c r="RRY648" s="613"/>
      <c r="RRZ648" s="613"/>
      <c r="RSA648" s="613"/>
      <c r="RSB648" s="613"/>
      <c r="RSC648" s="613"/>
      <c r="RSD648" s="613"/>
      <c r="RSE648" s="613"/>
      <c r="RSF648" s="613"/>
      <c r="RSG648" s="613"/>
      <c r="RSH648" s="613"/>
      <c r="RSI648" s="613"/>
      <c r="RSJ648" s="613"/>
      <c r="RSK648" s="613"/>
      <c r="RSL648" s="613"/>
      <c r="RSM648" s="613"/>
      <c r="RSN648" s="613"/>
      <c r="RSO648" s="613"/>
      <c r="RSP648" s="613"/>
      <c r="RSQ648" s="613"/>
      <c r="RSR648" s="613"/>
      <c r="RSS648" s="613"/>
      <c r="RST648" s="613"/>
      <c r="RSU648" s="613"/>
      <c r="RSV648" s="613"/>
      <c r="RSW648" s="613"/>
      <c r="RSX648" s="613"/>
      <c r="RSY648" s="613"/>
      <c r="RSZ648" s="613"/>
      <c r="RTA648" s="613"/>
      <c r="RTB648" s="613"/>
      <c r="RTC648" s="613"/>
      <c r="RTD648" s="613"/>
      <c r="RTE648" s="613"/>
      <c r="RTF648" s="613"/>
      <c r="RTG648" s="613"/>
      <c r="RTH648" s="613"/>
      <c r="RTI648" s="613"/>
      <c r="RTJ648" s="613"/>
      <c r="RTK648" s="613"/>
      <c r="RTL648" s="613"/>
      <c r="RTM648" s="613"/>
      <c r="RTN648" s="613"/>
      <c r="RTO648" s="613"/>
      <c r="RTP648" s="613"/>
      <c r="RTQ648" s="613"/>
      <c r="RTR648" s="613"/>
      <c r="RTS648" s="613"/>
      <c r="RTT648" s="613"/>
      <c r="RTU648" s="613"/>
      <c r="RTV648" s="613"/>
      <c r="RTW648" s="613"/>
      <c r="RTX648" s="613"/>
      <c r="RTY648" s="613"/>
      <c r="RTZ648" s="613"/>
      <c r="RUA648" s="613"/>
      <c r="RUB648" s="613"/>
      <c r="RUC648" s="613"/>
      <c r="RUD648" s="613"/>
      <c r="RUE648" s="613"/>
      <c r="RUF648" s="613"/>
      <c r="RUG648" s="613"/>
      <c r="RUH648" s="613"/>
      <c r="RUI648" s="613"/>
      <c r="RUJ648" s="613"/>
      <c r="RUK648" s="613"/>
      <c r="RUL648" s="613"/>
      <c r="RUM648" s="613"/>
      <c r="RUN648" s="613"/>
      <c r="RUO648" s="613"/>
      <c r="RUP648" s="613"/>
      <c r="RUQ648" s="613"/>
      <c r="RUR648" s="613"/>
      <c r="RUS648" s="613"/>
      <c r="RUT648" s="613"/>
      <c r="RUU648" s="613"/>
      <c r="RUV648" s="613"/>
      <c r="RUW648" s="613"/>
      <c r="RUX648" s="613"/>
      <c r="RUY648" s="613"/>
      <c r="RUZ648" s="613"/>
      <c r="RVA648" s="613"/>
      <c r="RVB648" s="613"/>
      <c r="RVC648" s="613"/>
      <c r="RVD648" s="613"/>
      <c r="RVE648" s="613"/>
      <c r="RVF648" s="613"/>
      <c r="RVG648" s="613"/>
      <c r="RVH648" s="613"/>
      <c r="RVI648" s="613"/>
      <c r="RVJ648" s="613"/>
      <c r="RVK648" s="613"/>
      <c r="RVL648" s="613"/>
      <c r="RVM648" s="613"/>
      <c r="RVN648" s="613"/>
      <c r="RVO648" s="613"/>
      <c r="RVP648" s="613"/>
      <c r="RVQ648" s="613"/>
      <c r="RVR648" s="613"/>
      <c r="RVS648" s="613"/>
      <c r="RVT648" s="613"/>
      <c r="RVU648" s="613"/>
      <c r="RVV648" s="613"/>
      <c r="RVW648" s="613"/>
      <c r="RVX648" s="613"/>
      <c r="RVY648" s="613"/>
      <c r="RVZ648" s="613"/>
      <c r="RWA648" s="613"/>
      <c r="RWB648" s="613"/>
      <c r="RWC648" s="613"/>
      <c r="RWD648" s="613"/>
      <c r="RWE648" s="613"/>
      <c r="RWF648" s="613"/>
      <c r="RWG648" s="613"/>
      <c r="RWH648" s="613"/>
      <c r="RWI648" s="613"/>
      <c r="RWJ648" s="613"/>
      <c r="RWK648" s="613"/>
      <c r="RWL648" s="613"/>
      <c r="RWM648" s="613"/>
      <c r="RWN648" s="613"/>
      <c r="RWO648" s="613"/>
      <c r="RWP648" s="613"/>
      <c r="RWQ648" s="613"/>
      <c r="RWR648" s="613"/>
      <c r="RWS648" s="613"/>
      <c r="RWT648" s="613"/>
      <c r="RWU648" s="613"/>
      <c r="RWV648" s="613"/>
      <c r="RWW648" s="613"/>
      <c r="RWX648" s="613"/>
      <c r="RWY648" s="613"/>
      <c r="RWZ648" s="613"/>
      <c r="RXA648" s="613"/>
      <c r="RXB648" s="613"/>
      <c r="RXC648" s="613"/>
      <c r="RXD648" s="613"/>
      <c r="RXE648" s="613"/>
      <c r="RXF648" s="613"/>
      <c r="RXG648" s="613"/>
      <c r="RXH648" s="613"/>
      <c r="RXI648" s="613"/>
      <c r="RXJ648" s="613"/>
      <c r="RXK648" s="613"/>
      <c r="RXL648" s="613"/>
      <c r="RXM648" s="613"/>
      <c r="RXN648" s="613"/>
      <c r="RXO648" s="613"/>
      <c r="RXP648" s="613"/>
      <c r="RXQ648" s="613"/>
      <c r="RXR648" s="613"/>
      <c r="RXS648" s="613"/>
      <c r="RXT648" s="613"/>
      <c r="RXU648" s="613"/>
      <c r="RXV648" s="613"/>
      <c r="RXW648" s="613"/>
      <c r="RXX648" s="613"/>
      <c r="RXY648" s="613"/>
      <c r="RXZ648" s="613"/>
      <c r="RYA648" s="613"/>
      <c r="RYB648" s="613"/>
      <c r="RYC648" s="613"/>
      <c r="RYD648" s="613"/>
      <c r="RYE648" s="613"/>
      <c r="RYF648" s="613"/>
      <c r="RYG648" s="613"/>
      <c r="RYH648" s="613"/>
      <c r="RYI648" s="613"/>
      <c r="RYJ648" s="613"/>
      <c r="RYK648" s="613"/>
      <c r="RYL648" s="613"/>
      <c r="RYM648" s="613"/>
      <c r="RYN648" s="613"/>
      <c r="RYO648" s="613"/>
      <c r="RYP648" s="613"/>
      <c r="RYQ648" s="613"/>
      <c r="RYR648" s="613"/>
      <c r="RYS648" s="613"/>
      <c r="RYT648" s="613"/>
      <c r="RYU648" s="613"/>
      <c r="RYV648" s="613"/>
      <c r="RYW648" s="613"/>
      <c r="RYX648" s="613"/>
      <c r="RYY648" s="613"/>
      <c r="RYZ648" s="613"/>
      <c r="RZA648" s="613"/>
      <c r="RZB648" s="613"/>
      <c r="RZC648" s="613"/>
      <c r="RZD648" s="613"/>
      <c r="RZE648" s="613"/>
      <c r="RZF648" s="613"/>
      <c r="RZG648" s="613"/>
      <c r="RZH648" s="613"/>
      <c r="RZI648" s="613"/>
      <c r="RZJ648" s="613"/>
      <c r="RZK648" s="613"/>
      <c r="RZL648" s="613"/>
      <c r="RZM648" s="613"/>
      <c r="RZN648" s="613"/>
      <c r="RZO648" s="613"/>
      <c r="RZP648" s="613"/>
      <c r="RZQ648" s="613"/>
      <c r="RZR648" s="613"/>
      <c r="RZS648" s="613"/>
      <c r="RZT648" s="613"/>
      <c r="RZU648" s="613"/>
      <c r="RZV648" s="613"/>
      <c r="RZW648" s="613"/>
      <c r="RZX648" s="613"/>
      <c r="RZY648" s="613"/>
      <c r="RZZ648" s="613"/>
      <c r="SAA648" s="613"/>
      <c r="SAB648" s="613"/>
      <c r="SAC648" s="613"/>
      <c r="SAD648" s="613"/>
      <c r="SAE648" s="613"/>
      <c r="SAF648" s="613"/>
      <c r="SAG648" s="613"/>
      <c r="SAH648" s="613"/>
      <c r="SAI648" s="613"/>
      <c r="SAJ648" s="613"/>
      <c r="SAK648" s="613"/>
      <c r="SAL648" s="613"/>
      <c r="SAM648" s="613"/>
      <c r="SAN648" s="613"/>
      <c r="SAO648" s="613"/>
      <c r="SAP648" s="613"/>
      <c r="SAQ648" s="613"/>
      <c r="SAR648" s="613"/>
      <c r="SAS648" s="613"/>
      <c r="SAT648" s="613"/>
      <c r="SAU648" s="613"/>
      <c r="SAV648" s="613"/>
      <c r="SAW648" s="613"/>
      <c r="SAX648" s="613"/>
      <c r="SAY648" s="613"/>
      <c r="SAZ648" s="613"/>
      <c r="SBA648" s="613"/>
      <c r="SBB648" s="613"/>
      <c r="SBC648" s="613"/>
      <c r="SBD648" s="613"/>
      <c r="SBE648" s="613"/>
      <c r="SBF648" s="613"/>
      <c r="SBG648" s="613"/>
      <c r="SBH648" s="613"/>
      <c r="SBI648" s="613"/>
      <c r="SBJ648" s="613"/>
      <c r="SBK648" s="613"/>
      <c r="SBL648" s="613"/>
      <c r="SBM648" s="613"/>
      <c r="SBN648" s="613"/>
      <c r="SBO648" s="613"/>
      <c r="SBP648" s="613"/>
      <c r="SBQ648" s="613"/>
      <c r="SBR648" s="613"/>
      <c r="SBS648" s="613"/>
      <c r="SBT648" s="613"/>
      <c r="SBU648" s="613"/>
      <c r="SBV648" s="613"/>
      <c r="SBW648" s="613"/>
      <c r="SBX648" s="613"/>
      <c r="SBY648" s="613"/>
      <c r="SBZ648" s="613"/>
      <c r="SCA648" s="613"/>
      <c r="SCB648" s="613"/>
      <c r="SCC648" s="613"/>
      <c r="SCD648" s="613"/>
      <c r="SCE648" s="613"/>
      <c r="SCF648" s="613"/>
      <c r="SCG648" s="613"/>
      <c r="SCH648" s="613"/>
      <c r="SCI648" s="613"/>
      <c r="SCJ648" s="613"/>
      <c r="SCK648" s="613"/>
      <c r="SCL648" s="613"/>
      <c r="SCM648" s="613"/>
      <c r="SCN648" s="613"/>
      <c r="SCO648" s="613"/>
      <c r="SCP648" s="613"/>
      <c r="SCQ648" s="613"/>
      <c r="SCR648" s="613"/>
      <c r="SCS648" s="613"/>
      <c r="SCT648" s="613"/>
      <c r="SCU648" s="613"/>
      <c r="SCV648" s="613"/>
      <c r="SCW648" s="613"/>
      <c r="SCX648" s="613"/>
      <c r="SCY648" s="613"/>
      <c r="SCZ648" s="613"/>
      <c r="SDA648" s="613"/>
      <c r="SDB648" s="613"/>
      <c r="SDC648" s="613"/>
      <c r="SDD648" s="613"/>
      <c r="SDE648" s="613"/>
      <c r="SDF648" s="613"/>
      <c r="SDG648" s="613"/>
      <c r="SDH648" s="613"/>
      <c r="SDI648" s="613"/>
      <c r="SDJ648" s="613"/>
      <c r="SDK648" s="613"/>
      <c r="SDL648" s="613"/>
      <c r="SDM648" s="613"/>
      <c r="SDN648" s="613"/>
      <c r="SDO648" s="613"/>
      <c r="SDP648" s="613"/>
      <c r="SDQ648" s="613"/>
      <c r="SDR648" s="613"/>
      <c r="SDS648" s="613"/>
      <c r="SDT648" s="613"/>
      <c r="SDU648" s="613"/>
      <c r="SDV648" s="613"/>
      <c r="SDW648" s="613"/>
      <c r="SDX648" s="613"/>
      <c r="SDY648" s="613"/>
      <c r="SDZ648" s="613"/>
      <c r="SEA648" s="613"/>
      <c r="SEB648" s="613"/>
      <c r="SEC648" s="613"/>
      <c r="SED648" s="613"/>
      <c r="SEE648" s="613"/>
      <c r="SEF648" s="613"/>
      <c r="SEG648" s="613"/>
      <c r="SEH648" s="613"/>
      <c r="SEI648" s="613"/>
      <c r="SEJ648" s="613"/>
      <c r="SEK648" s="613"/>
      <c r="SEL648" s="613"/>
      <c r="SEM648" s="613"/>
      <c r="SEN648" s="613"/>
      <c r="SEO648" s="613"/>
      <c r="SEP648" s="613"/>
      <c r="SEQ648" s="613"/>
      <c r="SER648" s="613"/>
      <c r="SES648" s="613"/>
      <c r="SET648" s="613"/>
      <c r="SEU648" s="613"/>
      <c r="SEV648" s="613"/>
      <c r="SEW648" s="613"/>
      <c r="SEX648" s="613"/>
      <c r="SEY648" s="613"/>
      <c r="SEZ648" s="613"/>
      <c r="SFA648" s="613"/>
      <c r="SFB648" s="613"/>
      <c r="SFC648" s="613"/>
      <c r="SFD648" s="613"/>
      <c r="SFE648" s="613"/>
      <c r="SFF648" s="613"/>
      <c r="SFG648" s="613"/>
      <c r="SFH648" s="613"/>
      <c r="SFI648" s="613"/>
      <c r="SFJ648" s="613"/>
      <c r="SFK648" s="613"/>
      <c r="SFL648" s="613"/>
      <c r="SFM648" s="613"/>
      <c r="SFN648" s="613"/>
      <c r="SFO648" s="613"/>
      <c r="SFP648" s="613"/>
      <c r="SFQ648" s="613"/>
      <c r="SFR648" s="613"/>
      <c r="SFS648" s="613"/>
      <c r="SFT648" s="613"/>
      <c r="SFU648" s="613"/>
      <c r="SFV648" s="613"/>
      <c r="SFW648" s="613"/>
      <c r="SFX648" s="613"/>
      <c r="SFY648" s="613"/>
      <c r="SFZ648" s="613"/>
      <c r="SGA648" s="613"/>
      <c r="SGB648" s="613"/>
      <c r="SGC648" s="613"/>
      <c r="SGD648" s="613"/>
      <c r="SGE648" s="613"/>
      <c r="SGF648" s="613"/>
      <c r="SGG648" s="613"/>
      <c r="SGH648" s="613"/>
      <c r="SGI648" s="613"/>
      <c r="SGJ648" s="613"/>
      <c r="SGK648" s="613"/>
      <c r="SGL648" s="613"/>
      <c r="SGM648" s="613"/>
      <c r="SGN648" s="613"/>
      <c r="SGO648" s="613"/>
      <c r="SGP648" s="613"/>
      <c r="SGQ648" s="613"/>
      <c r="SGR648" s="613"/>
      <c r="SGS648" s="613"/>
      <c r="SGT648" s="613"/>
      <c r="SGU648" s="613"/>
      <c r="SGV648" s="613"/>
      <c r="SGW648" s="613"/>
      <c r="SGX648" s="613"/>
      <c r="SGY648" s="613"/>
      <c r="SGZ648" s="613"/>
      <c r="SHA648" s="613"/>
      <c r="SHB648" s="613"/>
      <c r="SHC648" s="613"/>
      <c r="SHD648" s="613"/>
      <c r="SHE648" s="613"/>
      <c r="SHF648" s="613"/>
      <c r="SHG648" s="613"/>
      <c r="SHH648" s="613"/>
      <c r="SHI648" s="613"/>
      <c r="SHJ648" s="613"/>
      <c r="SHK648" s="613"/>
      <c r="SHL648" s="613"/>
      <c r="SHM648" s="613"/>
      <c r="SHN648" s="613"/>
      <c r="SHO648" s="613"/>
      <c r="SHP648" s="613"/>
      <c r="SHQ648" s="613"/>
      <c r="SHR648" s="613"/>
      <c r="SHS648" s="613"/>
      <c r="SHT648" s="613"/>
      <c r="SHU648" s="613"/>
      <c r="SHV648" s="613"/>
      <c r="SHW648" s="613"/>
      <c r="SHX648" s="613"/>
      <c r="SHY648" s="613"/>
      <c r="SHZ648" s="613"/>
      <c r="SIA648" s="613"/>
      <c r="SIB648" s="613"/>
      <c r="SIC648" s="613"/>
      <c r="SID648" s="613"/>
      <c r="SIE648" s="613"/>
      <c r="SIF648" s="613"/>
      <c r="SIG648" s="613"/>
      <c r="SIH648" s="613"/>
      <c r="SII648" s="613"/>
      <c r="SIJ648" s="613"/>
      <c r="SIK648" s="613"/>
      <c r="SIL648" s="613"/>
      <c r="SIM648" s="613"/>
      <c r="SIN648" s="613"/>
      <c r="SIO648" s="613"/>
      <c r="SIP648" s="613"/>
      <c r="SIQ648" s="613"/>
      <c r="SIR648" s="613"/>
      <c r="SIS648" s="613"/>
      <c r="SIT648" s="613"/>
      <c r="SIU648" s="613"/>
      <c r="SIV648" s="613"/>
      <c r="SIW648" s="613"/>
      <c r="SIX648" s="613"/>
      <c r="SIY648" s="613"/>
      <c r="SIZ648" s="613"/>
      <c r="SJA648" s="613"/>
      <c r="SJB648" s="613"/>
      <c r="SJC648" s="613"/>
      <c r="SJD648" s="613"/>
      <c r="SJE648" s="613"/>
      <c r="SJF648" s="613"/>
      <c r="SJG648" s="613"/>
      <c r="SJH648" s="613"/>
      <c r="SJI648" s="613"/>
      <c r="SJJ648" s="613"/>
      <c r="SJK648" s="613"/>
      <c r="SJL648" s="613"/>
      <c r="SJM648" s="613"/>
      <c r="SJN648" s="613"/>
      <c r="SJO648" s="613"/>
      <c r="SJP648" s="613"/>
      <c r="SJQ648" s="613"/>
      <c r="SJR648" s="613"/>
      <c r="SJS648" s="613"/>
      <c r="SJT648" s="613"/>
      <c r="SJU648" s="613"/>
      <c r="SJV648" s="613"/>
      <c r="SJW648" s="613"/>
      <c r="SJX648" s="613"/>
      <c r="SJY648" s="613"/>
      <c r="SJZ648" s="613"/>
      <c r="SKA648" s="613"/>
      <c r="SKB648" s="613"/>
      <c r="SKC648" s="613"/>
      <c r="SKD648" s="613"/>
      <c r="SKE648" s="613"/>
      <c r="SKF648" s="613"/>
      <c r="SKG648" s="613"/>
      <c r="SKH648" s="613"/>
      <c r="SKI648" s="613"/>
      <c r="SKJ648" s="613"/>
      <c r="SKK648" s="613"/>
      <c r="SKL648" s="613"/>
      <c r="SKM648" s="613"/>
      <c r="SKN648" s="613"/>
      <c r="SKO648" s="613"/>
      <c r="SKP648" s="613"/>
      <c r="SKQ648" s="613"/>
      <c r="SKR648" s="613"/>
      <c r="SKS648" s="613"/>
      <c r="SKT648" s="613"/>
      <c r="SKU648" s="613"/>
      <c r="SKV648" s="613"/>
      <c r="SKW648" s="613"/>
      <c r="SKX648" s="613"/>
      <c r="SKY648" s="613"/>
      <c r="SKZ648" s="613"/>
      <c r="SLA648" s="613"/>
      <c r="SLB648" s="613"/>
      <c r="SLC648" s="613"/>
      <c r="SLD648" s="613"/>
      <c r="SLE648" s="613"/>
      <c r="SLF648" s="613"/>
      <c r="SLG648" s="613"/>
      <c r="SLH648" s="613"/>
      <c r="SLI648" s="613"/>
      <c r="SLJ648" s="613"/>
      <c r="SLK648" s="613"/>
      <c r="SLL648" s="613"/>
      <c r="SLM648" s="613"/>
      <c r="SLN648" s="613"/>
      <c r="SLO648" s="613"/>
      <c r="SLP648" s="613"/>
      <c r="SLQ648" s="613"/>
      <c r="SLR648" s="613"/>
      <c r="SLS648" s="613"/>
      <c r="SLT648" s="613"/>
      <c r="SLU648" s="613"/>
      <c r="SLV648" s="613"/>
      <c r="SLW648" s="613"/>
      <c r="SLX648" s="613"/>
      <c r="SLY648" s="613"/>
      <c r="SLZ648" s="613"/>
      <c r="SMA648" s="613"/>
      <c r="SMB648" s="613"/>
      <c r="SMC648" s="613"/>
      <c r="SMD648" s="613"/>
      <c r="SME648" s="613"/>
      <c r="SMF648" s="613"/>
      <c r="SMG648" s="613"/>
      <c r="SMH648" s="613"/>
      <c r="SMI648" s="613"/>
      <c r="SMJ648" s="613"/>
      <c r="SMK648" s="613"/>
      <c r="SML648" s="613"/>
      <c r="SMM648" s="613"/>
      <c r="SMN648" s="613"/>
      <c r="SMO648" s="613"/>
      <c r="SMP648" s="613"/>
      <c r="SMQ648" s="613"/>
      <c r="SMR648" s="613"/>
      <c r="SMS648" s="613"/>
      <c r="SMT648" s="613"/>
      <c r="SMU648" s="613"/>
      <c r="SMV648" s="613"/>
      <c r="SMW648" s="613"/>
      <c r="SMX648" s="613"/>
      <c r="SMY648" s="613"/>
      <c r="SMZ648" s="613"/>
      <c r="SNA648" s="613"/>
      <c r="SNB648" s="613"/>
      <c r="SNC648" s="613"/>
      <c r="SND648" s="613"/>
      <c r="SNE648" s="613"/>
      <c r="SNF648" s="613"/>
      <c r="SNG648" s="613"/>
      <c r="SNH648" s="613"/>
      <c r="SNI648" s="613"/>
      <c r="SNJ648" s="613"/>
      <c r="SNK648" s="613"/>
      <c r="SNL648" s="613"/>
      <c r="SNM648" s="613"/>
      <c r="SNN648" s="613"/>
      <c r="SNO648" s="613"/>
      <c r="SNP648" s="613"/>
      <c r="SNQ648" s="613"/>
      <c r="SNR648" s="613"/>
      <c r="SNS648" s="613"/>
      <c r="SNT648" s="613"/>
      <c r="SNU648" s="613"/>
      <c r="SNV648" s="613"/>
      <c r="SNW648" s="613"/>
      <c r="SNX648" s="613"/>
      <c r="SNY648" s="613"/>
      <c r="SNZ648" s="613"/>
      <c r="SOA648" s="613"/>
      <c r="SOB648" s="613"/>
      <c r="SOC648" s="613"/>
      <c r="SOD648" s="613"/>
      <c r="SOE648" s="613"/>
      <c r="SOF648" s="613"/>
      <c r="SOG648" s="613"/>
      <c r="SOH648" s="613"/>
      <c r="SOI648" s="613"/>
      <c r="SOJ648" s="613"/>
      <c r="SOK648" s="613"/>
      <c r="SOL648" s="613"/>
      <c r="SOM648" s="613"/>
      <c r="SON648" s="613"/>
      <c r="SOO648" s="613"/>
      <c r="SOP648" s="613"/>
      <c r="SOQ648" s="613"/>
      <c r="SOR648" s="613"/>
      <c r="SOS648" s="613"/>
      <c r="SOT648" s="613"/>
      <c r="SOU648" s="613"/>
      <c r="SOV648" s="613"/>
      <c r="SOW648" s="613"/>
      <c r="SOX648" s="613"/>
      <c r="SOY648" s="613"/>
      <c r="SOZ648" s="613"/>
      <c r="SPA648" s="613"/>
      <c r="SPB648" s="613"/>
      <c r="SPC648" s="613"/>
      <c r="SPD648" s="613"/>
      <c r="SPE648" s="613"/>
      <c r="SPF648" s="613"/>
      <c r="SPG648" s="613"/>
      <c r="SPH648" s="613"/>
      <c r="SPI648" s="613"/>
      <c r="SPJ648" s="613"/>
      <c r="SPK648" s="613"/>
      <c r="SPL648" s="613"/>
      <c r="SPM648" s="613"/>
      <c r="SPN648" s="613"/>
      <c r="SPO648" s="613"/>
      <c r="SPP648" s="613"/>
      <c r="SPQ648" s="613"/>
      <c r="SPR648" s="613"/>
      <c r="SPS648" s="613"/>
      <c r="SPT648" s="613"/>
      <c r="SPU648" s="613"/>
      <c r="SPV648" s="613"/>
      <c r="SPW648" s="613"/>
      <c r="SPX648" s="613"/>
      <c r="SPY648" s="613"/>
      <c r="SPZ648" s="613"/>
      <c r="SQA648" s="613"/>
      <c r="SQB648" s="613"/>
      <c r="SQC648" s="613"/>
      <c r="SQD648" s="613"/>
      <c r="SQE648" s="613"/>
      <c r="SQF648" s="613"/>
      <c r="SQG648" s="613"/>
      <c r="SQH648" s="613"/>
      <c r="SQI648" s="613"/>
      <c r="SQJ648" s="613"/>
      <c r="SQK648" s="613"/>
      <c r="SQL648" s="613"/>
      <c r="SQM648" s="613"/>
      <c r="SQN648" s="613"/>
      <c r="SQO648" s="613"/>
      <c r="SQP648" s="613"/>
      <c r="SQQ648" s="613"/>
      <c r="SQR648" s="613"/>
      <c r="SQS648" s="613"/>
      <c r="SQT648" s="613"/>
      <c r="SQU648" s="613"/>
      <c r="SQV648" s="613"/>
      <c r="SQW648" s="613"/>
      <c r="SQX648" s="613"/>
      <c r="SQY648" s="613"/>
      <c r="SQZ648" s="613"/>
      <c r="SRA648" s="613"/>
      <c r="SRB648" s="613"/>
      <c r="SRC648" s="613"/>
      <c r="SRD648" s="613"/>
      <c r="SRE648" s="613"/>
      <c r="SRF648" s="613"/>
      <c r="SRG648" s="613"/>
      <c r="SRH648" s="613"/>
      <c r="SRI648" s="613"/>
      <c r="SRJ648" s="613"/>
      <c r="SRK648" s="613"/>
      <c r="SRL648" s="613"/>
      <c r="SRM648" s="613"/>
      <c r="SRN648" s="613"/>
      <c r="SRO648" s="613"/>
      <c r="SRP648" s="613"/>
      <c r="SRQ648" s="613"/>
      <c r="SRR648" s="613"/>
      <c r="SRS648" s="613"/>
      <c r="SRT648" s="613"/>
      <c r="SRU648" s="613"/>
      <c r="SRV648" s="613"/>
      <c r="SRW648" s="613"/>
      <c r="SRX648" s="613"/>
      <c r="SRY648" s="613"/>
      <c r="SRZ648" s="613"/>
      <c r="SSA648" s="613"/>
      <c r="SSB648" s="613"/>
      <c r="SSC648" s="613"/>
      <c r="SSD648" s="613"/>
      <c r="SSE648" s="613"/>
      <c r="SSF648" s="613"/>
      <c r="SSG648" s="613"/>
      <c r="SSH648" s="613"/>
      <c r="SSI648" s="613"/>
      <c r="SSJ648" s="613"/>
      <c r="SSK648" s="613"/>
      <c r="SSL648" s="613"/>
      <c r="SSM648" s="613"/>
      <c r="SSN648" s="613"/>
      <c r="SSO648" s="613"/>
      <c r="SSP648" s="613"/>
      <c r="SSQ648" s="613"/>
      <c r="SSR648" s="613"/>
      <c r="SSS648" s="613"/>
      <c r="SST648" s="613"/>
      <c r="SSU648" s="613"/>
      <c r="SSV648" s="613"/>
      <c r="SSW648" s="613"/>
      <c r="SSX648" s="613"/>
      <c r="SSY648" s="613"/>
      <c r="SSZ648" s="613"/>
      <c r="STA648" s="613"/>
      <c r="STB648" s="613"/>
      <c r="STC648" s="613"/>
      <c r="STD648" s="613"/>
      <c r="STE648" s="613"/>
      <c r="STF648" s="613"/>
      <c r="STG648" s="613"/>
      <c r="STH648" s="613"/>
      <c r="STI648" s="613"/>
      <c r="STJ648" s="613"/>
      <c r="STK648" s="613"/>
      <c r="STL648" s="613"/>
      <c r="STM648" s="613"/>
      <c r="STN648" s="613"/>
      <c r="STO648" s="613"/>
      <c r="STP648" s="613"/>
      <c r="STQ648" s="613"/>
      <c r="STR648" s="613"/>
      <c r="STS648" s="613"/>
      <c r="STT648" s="613"/>
      <c r="STU648" s="613"/>
      <c r="STV648" s="613"/>
      <c r="STW648" s="613"/>
      <c r="STX648" s="613"/>
      <c r="STY648" s="613"/>
      <c r="STZ648" s="613"/>
      <c r="SUA648" s="613"/>
      <c r="SUB648" s="613"/>
      <c r="SUC648" s="613"/>
      <c r="SUD648" s="613"/>
      <c r="SUE648" s="613"/>
      <c r="SUF648" s="613"/>
      <c r="SUG648" s="613"/>
      <c r="SUH648" s="613"/>
      <c r="SUI648" s="613"/>
      <c r="SUJ648" s="613"/>
      <c r="SUK648" s="613"/>
      <c r="SUL648" s="613"/>
      <c r="SUM648" s="613"/>
      <c r="SUN648" s="613"/>
      <c r="SUO648" s="613"/>
      <c r="SUP648" s="613"/>
      <c r="SUQ648" s="613"/>
      <c r="SUR648" s="613"/>
      <c r="SUS648" s="613"/>
      <c r="SUT648" s="613"/>
      <c r="SUU648" s="613"/>
      <c r="SUV648" s="613"/>
      <c r="SUW648" s="613"/>
      <c r="SUX648" s="613"/>
      <c r="SUY648" s="613"/>
      <c r="SUZ648" s="613"/>
      <c r="SVA648" s="613"/>
      <c r="SVB648" s="613"/>
      <c r="SVC648" s="613"/>
      <c r="SVD648" s="613"/>
      <c r="SVE648" s="613"/>
      <c r="SVF648" s="613"/>
      <c r="SVG648" s="613"/>
      <c r="SVH648" s="613"/>
      <c r="SVI648" s="613"/>
      <c r="SVJ648" s="613"/>
      <c r="SVK648" s="613"/>
      <c r="SVL648" s="613"/>
      <c r="SVM648" s="613"/>
      <c r="SVN648" s="613"/>
      <c r="SVO648" s="613"/>
      <c r="SVP648" s="613"/>
      <c r="SVQ648" s="613"/>
      <c r="SVR648" s="613"/>
      <c r="SVS648" s="613"/>
      <c r="SVT648" s="613"/>
      <c r="SVU648" s="613"/>
      <c r="SVV648" s="613"/>
      <c r="SVW648" s="613"/>
      <c r="SVX648" s="613"/>
      <c r="SVY648" s="613"/>
      <c r="SVZ648" s="613"/>
      <c r="SWA648" s="613"/>
      <c r="SWB648" s="613"/>
      <c r="SWC648" s="613"/>
      <c r="SWD648" s="613"/>
      <c r="SWE648" s="613"/>
      <c r="SWF648" s="613"/>
      <c r="SWG648" s="613"/>
      <c r="SWH648" s="613"/>
      <c r="SWI648" s="613"/>
      <c r="SWJ648" s="613"/>
      <c r="SWK648" s="613"/>
      <c r="SWL648" s="613"/>
      <c r="SWM648" s="613"/>
      <c r="SWN648" s="613"/>
      <c r="SWO648" s="613"/>
      <c r="SWP648" s="613"/>
      <c r="SWQ648" s="613"/>
      <c r="SWR648" s="613"/>
      <c r="SWS648" s="613"/>
      <c r="SWT648" s="613"/>
      <c r="SWU648" s="613"/>
      <c r="SWV648" s="613"/>
      <c r="SWW648" s="613"/>
      <c r="SWX648" s="613"/>
      <c r="SWY648" s="613"/>
      <c r="SWZ648" s="613"/>
      <c r="SXA648" s="613"/>
      <c r="SXB648" s="613"/>
      <c r="SXC648" s="613"/>
      <c r="SXD648" s="613"/>
      <c r="SXE648" s="613"/>
      <c r="SXF648" s="613"/>
      <c r="SXG648" s="613"/>
      <c r="SXH648" s="613"/>
      <c r="SXI648" s="613"/>
      <c r="SXJ648" s="613"/>
      <c r="SXK648" s="613"/>
      <c r="SXL648" s="613"/>
      <c r="SXM648" s="613"/>
      <c r="SXN648" s="613"/>
      <c r="SXO648" s="613"/>
      <c r="SXP648" s="613"/>
      <c r="SXQ648" s="613"/>
      <c r="SXR648" s="613"/>
      <c r="SXS648" s="613"/>
      <c r="SXT648" s="613"/>
      <c r="SXU648" s="613"/>
      <c r="SXV648" s="613"/>
      <c r="SXW648" s="613"/>
      <c r="SXX648" s="613"/>
      <c r="SXY648" s="613"/>
      <c r="SXZ648" s="613"/>
      <c r="SYA648" s="613"/>
      <c r="SYB648" s="613"/>
      <c r="SYC648" s="613"/>
      <c r="SYD648" s="613"/>
      <c r="SYE648" s="613"/>
      <c r="SYF648" s="613"/>
      <c r="SYG648" s="613"/>
      <c r="SYH648" s="613"/>
      <c r="SYI648" s="613"/>
      <c r="SYJ648" s="613"/>
      <c r="SYK648" s="613"/>
      <c r="SYL648" s="613"/>
      <c r="SYM648" s="613"/>
      <c r="SYN648" s="613"/>
      <c r="SYO648" s="613"/>
      <c r="SYP648" s="613"/>
      <c r="SYQ648" s="613"/>
      <c r="SYR648" s="613"/>
      <c r="SYS648" s="613"/>
      <c r="SYT648" s="613"/>
      <c r="SYU648" s="613"/>
      <c r="SYV648" s="613"/>
      <c r="SYW648" s="613"/>
      <c r="SYX648" s="613"/>
      <c r="SYY648" s="613"/>
      <c r="SYZ648" s="613"/>
      <c r="SZA648" s="613"/>
      <c r="SZB648" s="613"/>
      <c r="SZC648" s="613"/>
      <c r="SZD648" s="613"/>
      <c r="SZE648" s="613"/>
      <c r="SZF648" s="613"/>
      <c r="SZG648" s="613"/>
      <c r="SZH648" s="613"/>
      <c r="SZI648" s="613"/>
      <c r="SZJ648" s="613"/>
      <c r="SZK648" s="613"/>
      <c r="SZL648" s="613"/>
      <c r="SZM648" s="613"/>
      <c r="SZN648" s="613"/>
      <c r="SZO648" s="613"/>
      <c r="SZP648" s="613"/>
      <c r="SZQ648" s="613"/>
      <c r="SZR648" s="613"/>
      <c r="SZS648" s="613"/>
      <c r="SZT648" s="613"/>
      <c r="SZU648" s="613"/>
      <c r="SZV648" s="613"/>
      <c r="SZW648" s="613"/>
      <c r="SZX648" s="613"/>
      <c r="SZY648" s="613"/>
      <c r="SZZ648" s="613"/>
      <c r="TAA648" s="613"/>
      <c r="TAB648" s="613"/>
      <c r="TAC648" s="613"/>
      <c r="TAD648" s="613"/>
      <c r="TAE648" s="613"/>
      <c r="TAF648" s="613"/>
      <c r="TAG648" s="613"/>
      <c r="TAH648" s="613"/>
      <c r="TAI648" s="613"/>
      <c r="TAJ648" s="613"/>
      <c r="TAK648" s="613"/>
      <c r="TAL648" s="613"/>
      <c r="TAM648" s="613"/>
      <c r="TAN648" s="613"/>
      <c r="TAO648" s="613"/>
      <c r="TAP648" s="613"/>
      <c r="TAQ648" s="613"/>
      <c r="TAR648" s="613"/>
      <c r="TAS648" s="613"/>
      <c r="TAT648" s="613"/>
      <c r="TAU648" s="613"/>
      <c r="TAV648" s="613"/>
      <c r="TAW648" s="613"/>
      <c r="TAX648" s="613"/>
      <c r="TAY648" s="613"/>
      <c r="TAZ648" s="613"/>
      <c r="TBA648" s="613"/>
      <c r="TBB648" s="613"/>
      <c r="TBC648" s="613"/>
      <c r="TBD648" s="613"/>
      <c r="TBE648" s="613"/>
      <c r="TBF648" s="613"/>
      <c r="TBG648" s="613"/>
      <c r="TBH648" s="613"/>
      <c r="TBI648" s="613"/>
      <c r="TBJ648" s="613"/>
      <c r="TBK648" s="613"/>
      <c r="TBL648" s="613"/>
      <c r="TBM648" s="613"/>
      <c r="TBN648" s="613"/>
      <c r="TBO648" s="613"/>
      <c r="TBP648" s="613"/>
      <c r="TBQ648" s="613"/>
      <c r="TBR648" s="613"/>
      <c r="TBS648" s="613"/>
      <c r="TBT648" s="613"/>
      <c r="TBU648" s="613"/>
      <c r="TBV648" s="613"/>
      <c r="TBW648" s="613"/>
      <c r="TBX648" s="613"/>
      <c r="TBY648" s="613"/>
      <c r="TBZ648" s="613"/>
      <c r="TCA648" s="613"/>
      <c r="TCB648" s="613"/>
      <c r="TCC648" s="613"/>
      <c r="TCD648" s="613"/>
      <c r="TCE648" s="613"/>
      <c r="TCF648" s="613"/>
      <c r="TCG648" s="613"/>
      <c r="TCH648" s="613"/>
      <c r="TCI648" s="613"/>
      <c r="TCJ648" s="613"/>
      <c r="TCK648" s="613"/>
      <c r="TCL648" s="613"/>
      <c r="TCM648" s="613"/>
      <c r="TCN648" s="613"/>
      <c r="TCO648" s="613"/>
      <c r="TCP648" s="613"/>
      <c r="TCQ648" s="613"/>
      <c r="TCR648" s="613"/>
      <c r="TCS648" s="613"/>
      <c r="TCT648" s="613"/>
      <c r="TCU648" s="613"/>
      <c r="TCV648" s="613"/>
      <c r="TCW648" s="613"/>
      <c r="TCX648" s="613"/>
      <c r="TCY648" s="613"/>
      <c r="TCZ648" s="613"/>
      <c r="TDA648" s="613"/>
      <c r="TDB648" s="613"/>
      <c r="TDC648" s="613"/>
      <c r="TDD648" s="613"/>
      <c r="TDE648" s="613"/>
      <c r="TDF648" s="613"/>
      <c r="TDG648" s="613"/>
      <c r="TDH648" s="613"/>
      <c r="TDI648" s="613"/>
      <c r="TDJ648" s="613"/>
      <c r="TDK648" s="613"/>
      <c r="TDL648" s="613"/>
      <c r="TDM648" s="613"/>
      <c r="TDN648" s="613"/>
      <c r="TDO648" s="613"/>
      <c r="TDP648" s="613"/>
      <c r="TDQ648" s="613"/>
      <c r="TDR648" s="613"/>
      <c r="TDS648" s="613"/>
      <c r="TDT648" s="613"/>
      <c r="TDU648" s="613"/>
      <c r="TDV648" s="613"/>
      <c r="TDW648" s="613"/>
      <c r="TDX648" s="613"/>
      <c r="TDY648" s="613"/>
      <c r="TDZ648" s="613"/>
      <c r="TEA648" s="613"/>
      <c r="TEB648" s="613"/>
      <c r="TEC648" s="613"/>
      <c r="TED648" s="613"/>
      <c r="TEE648" s="613"/>
      <c r="TEF648" s="613"/>
      <c r="TEG648" s="613"/>
      <c r="TEH648" s="613"/>
      <c r="TEI648" s="613"/>
      <c r="TEJ648" s="613"/>
      <c r="TEK648" s="613"/>
      <c r="TEL648" s="613"/>
      <c r="TEM648" s="613"/>
      <c r="TEN648" s="613"/>
      <c r="TEO648" s="613"/>
      <c r="TEP648" s="613"/>
      <c r="TEQ648" s="613"/>
      <c r="TER648" s="613"/>
      <c r="TES648" s="613"/>
      <c r="TET648" s="613"/>
      <c r="TEU648" s="613"/>
      <c r="TEV648" s="613"/>
      <c r="TEW648" s="613"/>
      <c r="TEX648" s="613"/>
      <c r="TEY648" s="613"/>
      <c r="TEZ648" s="613"/>
      <c r="TFA648" s="613"/>
      <c r="TFB648" s="613"/>
      <c r="TFC648" s="613"/>
      <c r="TFD648" s="613"/>
      <c r="TFE648" s="613"/>
      <c r="TFF648" s="613"/>
      <c r="TFG648" s="613"/>
      <c r="TFH648" s="613"/>
      <c r="TFI648" s="613"/>
      <c r="TFJ648" s="613"/>
      <c r="TFK648" s="613"/>
      <c r="TFL648" s="613"/>
      <c r="TFM648" s="613"/>
      <c r="TFN648" s="613"/>
      <c r="TFO648" s="613"/>
      <c r="TFP648" s="613"/>
      <c r="TFQ648" s="613"/>
      <c r="TFR648" s="613"/>
      <c r="TFS648" s="613"/>
      <c r="TFT648" s="613"/>
      <c r="TFU648" s="613"/>
      <c r="TFV648" s="613"/>
      <c r="TFW648" s="613"/>
      <c r="TFX648" s="613"/>
      <c r="TFY648" s="613"/>
      <c r="TFZ648" s="613"/>
      <c r="TGA648" s="613"/>
      <c r="TGB648" s="613"/>
      <c r="TGC648" s="613"/>
      <c r="TGD648" s="613"/>
      <c r="TGE648" s="613"/>
      <c r="TGF648" s="613"/>
      <c r="TGG648" s="613"/>
      <c r="TGH648" s="613"/>
      <c r="TGI648" s="613"/>
      <c r="TGJ648" s="613"/>
      <c r="TGK648" s="613"/>
      <c r="TGL648" s="613"/>
      <c r="TGM648" s="613"/>
      <c r="TGN648" s="613"/>
      <c r="TGO648" s="613"/>
      <c r="TGP648" s="613"/>
      <c r="TGQ648" s="613"/>
      <c r="TGR648" s="613"/>
      <c r="TGS648" s="613"/>
      <c r="TGT648" s="613"/>
      <c r="TGU648" s="613"/>
      <c r="TGV648" s="613"/>
      <c r="TGW648" s="613"/>
      <c r="TGX648" s="613"/>
      <c r="TGY648" s="613"/>
      <c r="TGZ648" s="613"/>
      <c r="THA648" s="613"/>
      <c r="THB648" s="613"/>
      <c r="THC648" s="613"/>
      <c r="THD648" s="613"/>
      <c r="THE648" s="613"/>
      <c r="THF648" s="613"/>
      <c r="THG648" s="613"/>
      <c r="THH648" s="613"/>
      <c r="THI648" s="613"/>
      <c r="THJ648" s="613"/>
      <c r="THK648" s="613"/>
      <c r="THL648" s="613"/>
      <c r="THM648" s="613"/>
      <c r="THN648" s="613"/>
      <c r="THO648" s="613"/>
      <c r="THP648" s="613"/>
      <c r="THQ648" s="613"/>
      <c r="THR648" s="613"/>
      <c r="THS648" s="613"/>
      <c r="THT648" s="613"/>
      <c r="THU648" s="613"/>
      <c r="THV648" s="613"/>
      <c r="THW648" s="613"/>
      <c r="THX648" s="613"/>
      <c r="THY648" s="613"/>
      <c r="THZ648" s="613"/>
      <c r="TIA648" s="613"/>
      <c r="TIB648" s="613"/>
      <c r="TIC648" s="613"/>
      <c r="TID648" s="613"/>
      <c r="TIE648" s="613"/>
      <c r="TIF648" s="613"/>
      <c r="TIG648" s="613"/>
      <c r="TIH648" s="613"/>
      <c r="TII648" s="613"/>
      <c r="TIJ648" s="613"/>
      <c r="TIK648" s="613"/>
      <c r="TIL648" s="613"/>
      <c r="TIM648" s="613"/>
      <c r="TIN648" s="613"/>
      <c r="TIO648" s="613"/>
      <c r="TIP648" s="613"/>
      <c r="TIQ648" s="613"/>
      <c r="TIR648" s="613"/>
      <c r="TIS648" s="613"/>
      <c r="TIT648" s="613"/>
      <c r="TIU648" s="613"/>
      <c r="TIV648" s="613"/>
      <c r="TIW648" s="613"/>
      <c r="TIX648" s="613"/>
      <c r="TIY648" s="613"/>
      <c r="TIZ648" s="613"/>
      <c r="TJA648" s="613"/>
      <c r="TJB648" s="613"/>
      <c r="TJC648" s="613"/>
      <c r="TJD648" s="613"/>
      <c r="TJE648" s="613"/>
      <c r="TJF648" s="613"/>
      <c r="TJG648" s="613"/>
      <c r="TJH648" s="613"/>
      <c r="TJI648" s="613"/>
      <c r="TJJ648" s="613"/>
      <c r="TJK648" s="613"/>
      <c r="TJL648" s="613"/>
      <c r="TJM648" s="613"/>
      <c r="TJN648" s="613"/>
      <c r="TJO648" s="613"/>
      <c r="TJP648" s="613"/>
      <c r="TJQ648" s="613"/>
      <c r="TJR648" s="613"/>
      <c r="TJS648" s="613"/>
      <c r="TJT648" s="613"/>
      <c r="TJU648" s="613"/>
      <c r="TJV648" s="613"/>
      <c r="TJW648" s="613"/>
      <c r="TJX648" s="613"/>
      <c r="TJY648" s="613"/>
      <c r="TJZ648" s="613"/>
      <c r="TKA648" s="613"/>
      <c r="TKB648" s="613"/>
      <c r="TKC648" s="613"/>
      <c r="TKD648" s="613"/>
      <c r="TKE648" s="613"/>
      <c r="TKF648" s="613"/>
      <c r="TKG648" s="613"/>
      <c r="TKH648" s="613"/>
      <c r="TKI648" s="613"/>
      <c r="TKJ648" s="613"/>
      <c r="TKK648" s="613"/>
      <c r="TKL648" s="613"/>
      <c r="TKM648" s="613"/>
      <c r="TKN648" s="613"/>
      <c r="TKO648" s="613"/>
      <c r="TKP648" s="613"/>
      <c r="TKQ648" s="613"/>
      <c r="TKR648" s="613"/>
      <c r="TKS648" s="613"/>
      <c r="TKT648" s="613"/>
      <c r="TKU648" s="613"/>
      <c r="TKV648" s="613"/>
      <c r="TKW648" s="613"/>
      <c r="TKX648" s="613"/>
      <c r="TKY648" s="613"/>
      <c r="TKZ648" s="613"/>
      <c r="TLA648" s="613"/>
      <c r="TLB648" s="613"/>
      <c r="TLC648" s="613"/>
      <c r="TLD648" s="613"/>
      <c r="TLE648" s="613"/>
      <c r="TLF648" s="613"/>
      <c r="TLG648" s="613"/>
      <c r="TLH648" s="613"/>
      <c r="TLI648" s="613"/>
      <c r="TLJ648" s="613"/>
      <c r="TLK648" s="613"/>
      <c r="TLL648" s="613"/>
      <c r="TLM648" s="613"/>
      <c r="TLN648" s="613"/>
      <c r="TLO648" s="613"/>
      <c r="TLP648" s="613"/>
      <c r="TLQ648" s="613"/>
      <c r="TLR648" s="613"/>
      <c r="TLS648" s="613"/>
      <c r="TLT648" s="613"/>
      <c r="TLU648" s="613"/>
      <c r="TLV648" s="613"/>
      <c r="TLW648" s="613"/>
      <c r="TLX648" s="613"/>
      <c r="TLY648" s="613"/>
      <c r="TLZ648" s="613"/>
      <c r="TMA648" s="613"/>
      <c r="TMB648" s="613"/>
      <c r="TMC648" s="613"/>
      <c r="TMD648" s="613"/>
      <c r="TME648" s="613"/>
      <c r="TMF648" s="613"/>
      <c r="TMG648" s="613"/>
      <c r="TMH648" s="613"/>
      <c r="TMI648" s="613"/>
      <c r="TMJ648" s="613"/>
      <c r="TMK648" s="613"/>
      <c r="TML648" s="613"/>
      <c r="TMM648" s="613"/>
      <c r="TMN648" s="613"/>
      <c r="TMO648" s="613"/>
      <c r="TMP648" s="613"/>
      <c r="TMQ648" s="613"/>
      <c r="TMR648" s="613"/>
      <c r="TMS648" s="613"/>
      <c r="TMT648" s="613"/>
      <c r="TMU648" s="613"/>
      <c r="TMV648" s="613"/>
      <c r="TMW648" s="613"/>
      <c r="TMX648" s="613"/>
      <c r="TMY648" s="613"/>
      <c r="TMZ648" s="613"/>
      <c r="TNA648" s="613"/>
      <c r="TNB648" s="613"/>
      <c r="TNC648" s="613"/>
      <c r="TND648" s="613"/>
      <c r="TNE648" s="613"/>
      <c r="TNF648" s="613"/>
      <c r="TNG648" s="613"/>
      <c r="TNH648" s="613"/>
      <c r="TNI648" s="613"/>
      <c r="TNJ648" s="613"/>
      <c r="TNK648" s="613"/>
      <c r="TNL648" s="613"/>
      <c r="TNM648" s="613"/>
      <c r="TNN648" s="613"/>
      <c r="TNO648" s="613"/>
      <c r="TNP648" s="613"/>
      <c r="TNQ648" s="613"/>
      <c r="TNR648" s="613"/>
      <c r="TNS648" s="613"/>
      <c r="TNT648" s="613"/>
      <c r="TNU648" s="613"/>
      <c r="TNV648" s="613"/>
      <c r="TNW648" s="613"/>
      <c r="TNX648" s="613"/>
      <c r="TNY648" s="613"/>
      <c r="TNZ648" s="613"/>
      <c r="TOA648" s="613"/>
      <c r="TOB648" s="613"/>
      <c r="TOC648" s="613"/>
      <c r="TOD648" s="613"/>
      <c r="TOE648" s="613"/>
      <c r="TOF648" s="613"/>
      <c r="TOG648" s="613"/>
      <c r="TOH648" s="613"/>
      <c r="TOI648" s="613"/>
      <c r="TOJ648" s="613"/>
      <c r="TOK648" s="613"/>
      <c r="TOL648" s="613"/>
      <c r="TOM648" s="613"/>
      <c r="TON648" s="613"/>
      <c r="TOO648" s="613"/>
      <c r="TOP648" s="613"/>
      <c r="TOQ648" s="613"/>
      <c r="TOR648" s="613"/>
      <c r="TOS648" s="613"/>
      <c r="TOT648" s="613"/>
      <c r="TOU648" s="613"/>
      <c r="TOV648" s="613"/>
      <c r="TOW648" s="613"/>
      <c r="TOX648" s="613"/>
      <c r="TOY648" s="613"/>
      <c r="TOZ648" s="613"/>
      <c r="TPA648" s="613"/>
      <c r="TPB648" s="613"/>
      <c r="TPC648" s="613"/>
      <c r="TPD648" s="613"/>
      <c r="TPE648" s="613"/>
      <c r="TPF648" s="613"/>
      <c r="TPG648" s="613"/>
      <c r="TPH648" s="613"/>
      <c r="TPI648" s="613"/>
      <c r="TPJ648" s="613"/>
      <c r="TPK648" s="613"/>
      <c r="TPL648" s="613"/>
      <c r="TPM648" s="613"/>
      <c r="TPN648" s="613"/>
      <c r="TPO648" s="613"/>
      <c r="TPP648" s="613"/>
      <c r="TPQ648" s="613"/>
      <c r="TPR648" s="613"/>
      <c r="TPS648" s="613"/>
      <c r="TPT648" s="613"/>
      <c r="TPU648" s="613"/>
      <c r="TPV648" s="613"/>
      <c r="TPW648" s="613"/>
      <c r="TPX648" s="613"/>
      <c r="TPY648" s="613"/>
      <c r="TPZ648" s="613"/>
      <c r="TQA648" s="613"/>
      <c r="TQB648" s="613"/>
      <c r="TQC648" s="613"/>
      <c r="TQD648" s="613"/>
      <c r="TQE648" s="613"/>
      <c r="TQF648" s="613"/>
      <c r="TQG648" s="613"/>
      <c r="TQH648" s="613"/>
      <c r="TQI648" s="613"/>
      <c r="TQJ648" s="613"/>
      <c r="TQK648" s="613"/>
      <c r="TQL648" s="613"/>
      <c r="TQM648" s="613"/>
      <c r="TQN648" s="613"/>
      <c r="TQO648" s="613"/>
      <c r="TQP648" s="613"/>
      <c r="TQQ648" s="613"/>
      <c r="TQR648" s="613"/>
      <c r="TQS648" s="613"/>
      <c r="TQT648" s="613"/>
      <c r="TQU648" s="613"/>
      <c r="TQV648" s="613"/>
      <c r="TQW648" s="613"/>
      <c r="TQX648" s="613"/>
      <c r="TQY648" s="613"/>
      <c r="TQZ648" s="613"/>
      <c r="TRA648" s="613"/>
      <c r="TRB648" s="613"/>
      <c r="TRC648" s="613"/>
      <c r="TRD648" s="613"/>
      <c r="TRE648" s="613"/>
      <c r="TRF648" s="613"/>
      <c r="TRG648" s="613"/>
      <c r="TRH648" s="613"/>
      <c r="TRI648" s="613"/>
      <c r="TRJ648" s="613"/>
      <c r="TRK648" s="613"/>
      <c r="TRL648" s="613"/>
      <c r="TRM648" s="613"/>
      <c r="TRN648" s="613"/>
      <c r="TRO648" s="613"/>
      <c r="TRP648" s="613"/>
      <c r="TRQ648" s="613"/>
      <c r="TRR648" s="613"/>
      <c r="TRS648" s="613"/>
      <c r="TRT648" s="613"/>
      <c r="TRU648" s="613"/>
      <c r="TRV648" s="613"/>
      <c r="TRW648" s="613"/>
      <c r="TRX648" s="613"/>
      <c r="TRY648" s="613"/>
      <c r="TRZ648" s="613"/>
      <c r="TSA648" s="613"/>
      <c r="TSB648" s="613"/>
      <c r="TSC648" s="613"/>
      <c r="TSD648" s="613"/>
      <c r="TSE648" s="613"/>
      <c r="TSF648" s="613"/>
      <c r="TSG648" s="613"/>
      <c r="TSH648" s="613"/>
      <c r="TSI648" s="613"/>
      <c r="TSJ648" s="613"/>
      <c r="TSK648" s="613"/>
      <c r="TSL648" s="613"/>
      <c r="TSM648" s="613"/>
      <c r="TSN648" s="613"/>
      <c r="TSO648" s="613"/>
      <c r="TSP648" s="613"/>
      <c r="TSQ648" s="613"/>
      <c r="TSR648" s="613"/>
      <c r="TSS648" s="613"/>
      <c r="TST648" s="613"/>
      <c r="TSU648" s="613"/>
      <c r="TSV648" s="613"/>
      <c r="TSW648" s="613"/>
      <c r="TSX648" s="613"/>
      <c r="TSY648" s="613"/>
      <c r="TSZ648" s="613"/>
      <c r="TTA648" s="613"/>
      <c r="TTB648" s="613"/>
      <c r="TTC648" s="613"/>
      <c r="TTD648" s="613"/>
      <c r="TTE648" s="613"/>
      <c r="TTF648" s="613"/>
      <c r="TTG648" s="613"/>
      <c r="TTH648" s="613"/>
      <c r="TTI648" s="613"/>
      <c r="TTJ648" s="613"/>
      <c r="TTK648" s="613"/>
      <c r="TTL648" s="613"/>
      <c r="TTM648" s="613"/>
      <c r="TTN648" s="613"/>
      <c r="TTO648" s="613"/>
      <c r="TTP648" s="613"/>
      <c r="TTQ648" s="613"/>
      <c r="TTR648" s="613"/>
      <c r="TTS648" s="613"/>
      <c r="TTT648" s="613"/>
      <c r="TTU648" s="613"/>
      <c r="TTV648" s="613"/>
      <c r="TTW648" s="613"/>
      <c r="TTX648" s="613"/>
      <c r="TTY648" s="613"/>
      <c r="TTZ648" s="613"/>
      <c r="TUA648" s="613"/>
      <c r="TUB648" s="613"/>
      <c r="TUC648" s="613"/>
      <c r="TUD648" s="613"/>
      <c r="TUE648" s="613"/>
      <c r="TUF648" s="613"/>
      <c r="TUG648" s="613"/>
      <c r="TUH648" s="613"/>
      <c r="TUI648" s="613"/>
      <c r="TUJ648" s="613"/>
      <c r="TUK648" s="613"/>
      <c r="TUL648" s="613"/>
      <c r="TUM648" s="613"/>
      <c r="TUN648" s="613"/>
      <c r="TUO648" s="613"/>
      <c r="TUP648" s="613"/>
      <c r="TUQ648" s="613"/>
      <c r="TUR648" s="613"/>
      <c r="TUS648" s="613"/>
      <c r="TUT648" s="613"/>
      <c r="TUU648" s="613"/>
      <c r="TUV648" s="613"/>
      <c r="TUW648" s="613"/>
      <c r="TUX648" s="613"/>
      <c r="TUY648" s="613"/>
      <c r="TUZ648" s="613"/>
      <c r="TVA648" s="613"/>
      <c r="TVB648" s="613"/>
      <c r="TVC648" s="613"/>
      <c r="TVD648" s="613"/>
      <c r="TVE648" s="613"/>
      <c r="TVF648" s="613"/>
      <c r="TVG648" s="613"/>
      <c r="TVH648" s="613"/>
      <c r="TVI648" s="613"/>
      <c r="TVJ648" s="613"/>
      <c r="TVK648" s="613"/>
      <c r="TVL648" s="613"/>
      <c r="TVM648" s="613"/>
      <c r="TVN648" s="613"/>
      <c r="TVO648" s="613"/>
      <c r="TVP648" s="613"/>
      <c r="TVQ648" s="613"/>
      <c r="TVR648" s="613"/>
      <c r="TVS648" s="613"/>
      <c r="TVT648" s="613"/>
      <c r="TVU648" s="613"/>
      <c r="TVV648" s="613"/>
      <c r="TVW648" s="613"/>
      <c r="TVX648" s="613"/>
      <c r="TVY648" s="613"/>
      <c r="TVZ648" s="613"/>
      <c r="TWA648" s="613"/>
      <c r="TWB648" s="613"/>
      <c r="TWC648" s="613"/>
      <c r="TWD648" s="613"/>
      <c r="TWE648" s="613"/>
      <c r="TWF648" s="613"/>
      <c r="TWG648" s="613"/>
      <c r="TWH648" s="613"/>
      <c r="TWI648" s="613"/>
      <c r="TWJ648" s="613"/>
      <c r="TWK648" s="613"/>
      <c r="TWL648" s="613"/>
      <c r="TWM648" s="613"/>
      <c r="TWN648" s="613"/>
      <c r="TWO648" s="613"/>
      <c r="TWP648" s="613"/>
      <c r="TWQ648" s="613"/>
      <c r="TWR648" s="613"/>
      <c r="TWS648" s="613"/>
      <c r="TWT648" s="613"/>
      <c r="TWU648" s="613"/>
      <c r="TWV648" s="613"/>
      <c r="TWW648" s="613"/>
      <c r="TWX648" s="613"/>
      <c r="TWY648" s="613"/>
      <c r="TWZ648" s="613"/>
      <c r="TXA648" s="613"/>
      <c r="TXB648" s="613"/>
      <c r="TXC648" s="613"/>
      <c r="TXD648" s="613"/>
      <c r="TXE648" s="613"/>
      <c r="TXF648" s="613"/>
      <c r="TXG648" s="613"/>
      <c r="TXH648" s="613"/>
      <c r="TXI648" s="613"/>
      <c r="TXJ648" s="613"/>
      <c r="TXK648" s="613"/>
      <c r="TXL648" s="613"/>
      <c r="TXM648" s="613"/>
      <c r="TXN648" s="613"/>
      <c r="TXO648" s="613"/>
      <c r="TXP648" s="613"/>
      <c r="TXQ648" s="613"/>
      <c r="TXR648" s="613"/>
      <c r="TXS648" s="613"/>
      <c r="TXT648" s="613"/>
      <c r="TXU648" s="613"/>
      <c r="TXV648" s="613"/>
      <c r="TXW648" s="613"/>
      <c r="TXX648" s="613"/>
      <c r="TXY648" s="613"/>
      <c r="TXZ648" s="613"/>
      <c r="TYA648" s="613"/>
      <c r="TYB648" s="613"/>
      <c r="TYC648" s="613"/>
      <c r="TYD648" s="613"/>
      <c r="TYE648" s="613"/>
      <c r="TYF648" s="613"/>
      <c r="TYG648" s="613"/>
      <c r="TYH648" s="613"/>
      <c r="TYI648" s="613"/>
      <c r="TYJ648" s="613"/>
      <c r="TYK648" s="613"/>
      <c r="TYL648" s="613"/>
      <c r="TYM648" s="613"/>
      <c r="TYN648" s="613"/>
      <c r="TYO648" s="613"/>
      <c r="TYP648" s="613"/>
      <c r="TYQ648" s="613"/>
      <c r="TYR648" s="613"/>
      <c r="TYS648" s="613"/>
      <c r="TYT648" s="613"/>
      <c r="TYU648" s="613"/>
      <c r="TYV648" s="613"/>
      <c r="TYW648" s="613"/>
      <c r="TYX648" s="613"/>
      <c r="TYY648" s="613"/>
      <c r="TYZ648" s="613"/>
      <c r="TZA648" s="613"/>
      <c r="TZB648" s="613"/>
      <c r="TZC648" s="613"/>
      <c r="TZD648" s="613"/>
      <c r="TZE648" s="613"/>
      <c r="TZF648" s="613"/>
      <c r="TZG648" s="613"/>
      <c r="TZH648" s="613"/>
      <c r="TZI648" s="613"/>
      <c r="TZJ648" s="613"/>
      <c r="TZK648" s="613"/>
      <c r="TZL648" s="613"/>
      <c r="TZM648" s="613"/>
      <c r="TZN648" s="613"/>
      <c r="TZO648" s="613"/>
      <c r="TZP648" s="613"/>
      <c r="TZQ648" s="613"/>
      <c r="TZR648" s="613"/>
      <c r="TZS648" s="613"/>
      <c r="TZT648" s="613"/>
      <c r="TZU648" s="613"/>
      <c r="TZV648" s="613"/>
      <c r="TZW648" s="613"/>
      <c r="TZX648" s="613"/>
      <c r="TZY648" s="613"/>
      <c r="TZZ648" s="613"/>
      <c r="UAA648" s="613"/>
      <c r="UAB648" s="613"/>
      <c r="UAC648" s="613"/>
      <c r="UAD648" s="613"/>
      <c r="UAE648" s="613"/>
      <c r="UAF648" s="613"/>
      <c r="UAG648" s="613"/>
      <c r="UAH648" s="613"/>
      <c r="UAI648" s="613"/>
      <c r="UAJ648" s="613"/>
      <c r="UAK648" s="613"/>
      <c r="UAL648" s="613"/>
      <c r="UAM648" s="613"/>
      <c r="UAN648" s="613"/>
      <c r="UAO648" s="613"/>
      <c r="UAP648" s="613"/>
      <c r="UAQ648" s="613"/>
      <c r="UAR648" s="613"/>
      <c r="UAS648" s="613"/>
      <c r="UAT648" s="613"/>
      <c r="UAU648" s="613"/>
      <c r="UAV648" s="613"/>
      <c r="UAW648" s="613"/>
      <c r="UAX648" s="613"/>
      <c r="UAY648" s="613"/>
      <c r="UAZ648" s="613"/>
      <c r="UBA648" s="613"/>
      <c r="UBB648" s="613"/>
      <c r="UBC648" s="613"/>
      <c r="UBD648" s="613"/>
      <c r="UBE648" s="613"/>
      <c r="UBF648" s="613"/>
      <c r="UBG648" s="613"/>
      <c r="UBH648" s="613"/>
      <c r="UBI648" s="613"/>
      <c r="UBJ648" s="613"/>
      <c r="UBK648" s="613"/>
      <c r="UBL648" s="613"/>
      <c r="UBM648" s="613"/>
      <c r="UBN648" s="613"/>
      <c r="UBO648" s="613"/>
      <c r="UBP648" s="613"/>
      <c r="UBQ648" s="613"/>
      <c r="UBR648" s="613"/>
      <c r="UBS648" s="613"/>
      <c r="UBT648" s="613"/>
      <c r="UBU648" s="613"/>
      <c r="UBV648" s="613"/>
      <c r="UBW648" s="613"/>
      <c r="UBX648" s="613"/>
      <c r="UBY648" s="613"/>
      <c r="UBZ648" s="613"/>
      <c r="UCA648" s="613"/>
      <c r="UCB648" s="613"/>
      <c r="UCC648" s="613"/>
      <c r="UCD648" s="613"/>
      <c r="UCE648" s="613"/>
      <c r="UCF648" s="613"/>
      <c r="UCG648" s="613"/>
      <c r="UCH648" s="613"/>
      <c r="UCI648" s="613"/>
      <c r="UCJ648" s="613"/>
      <c r="UCK648" s="613"/>
      <c r="UCL648" s="613"/>
      <c r="UCM648" s="613"/>
      <c r="UCN648" s="613"/>
      <c r="UCO648" s="613"/>
      <c r="UCP648" s="613"/>
      <c r="UCQ648" s="613"/>
      <c r="UCR648" s="613"/>
      <c r="UCS648" s="613"/>
      <c r="UCT648" s="613"/>
      <c r="UCU648" s="613"/>
      <c r="UCV648" s="613"/>
      <c r="UCW648" s="613"/>
      <c r="UCX648" s="613"/>
      <c r="UCY648" s="613"/>
      <c r="UCZ648" s="613"/>
      <c r="UDA648" s="613"/>
      <c r="UDB648" s="613"/>
      <c r="UDC648" s="613"/>
      <c r="UDD648" s="613"/>
      <c r="UDE648" s="613"/>
      <c r="UDF648" s="613"/>
      <c r="UDG648" s="613"/>
      <c r="UDH648" s="613"/>
      <c r="UDI648" s="613"/>
      <c r="UDJ648" s="613"/>
      <c r="UDK648" s="613"/>
      <c r="UDL648" s="613"/>
      <c r="UDM648" s="613"/>
      <c r="UDN648" s="613"/>
      <c r="UDO648" s="613"/>
      <c r="UDP648" s="613"/>
      <c r="UDQ648" s="613"/>
      <c r="UDR648" s="613"/>
      <c r="UDS648" s="613"/>
      <c r="UDT648" s="613"/>
      <c r="UDU648" s="613"/>
      <c r="UDV648" s="613"/>
      <c r="UDW648" s="613"/>
      <c r="UDX648" s="613"/>
      <c r="UDY648" s="613"/>
      <c r="UDZ648" s="613"/>
      <c r="UEA648" s="613"/>
      <c r="UEB648" s="613"/>
      <c r="UEC648" s="613"/>
      <c r="UED648" s="613"/>
      <c r="UEE648" s="613"/>
      <c r="UEF648" s="613"/>
      <c r="UEG648" s="613"/>
      <c r="UEH648" s="613"/>
      <c r="UEI648" s="613"/>
      <c r="UEJ648" s="613"/>
      <c r="UEK648" s="613"/>
      <c r="UEL648" s="613"/>
      <c r="UEM648" s="613"/>
      <c r="UEN648" s="613"/>
      <c r="UEO648" s="613"/>
      <c r="UEP648" s="613"/>
      <c r="UEQ648" s="613"/>
      <c r="UER648" s="613"/>
      <c r="UES648" s="613"/>
      <c r="UET648" s="613"/>
      <c r="UEU648" s="613"/>
      <c r="UEV648" s="613"/>
      <c r="UEW648" s="613"/>
      <c r="UEX648" s="613"/>
      <c r="UEY648" s="613"/>
      <c r="UEZ648" s="613"/>
      <c r="UFA648" s="613"/>
      <c r="UFB648" s="613"/>
      <c r="UFC648" s="613"/>
      <c r="UFD648" s="613"/>
      <c r="UFE648" s="613"/>
      <c r="UFF648" s="613"/>
      <c r="UFG648" s="613"/>
      <c r="UFH648" s="613"/>
      <c r="UFI648" s="613"/>
      <c r="UFJ648" s="613"/>
      <c r="UFK648" s="613"/>
      <c r="UFL648" s="613"/>
      <c r="UFM648" s="613"/>
      <c r="UFN648" s="613"/>
      <c r="UFO648" s="613"/>
      <c r="UFP648" s="613"/>
      <c r="UFQ648" s="613"/>
      <c r="UFR648" s="613"/>
      <c r="UFS648" s="613"/>
      <c r="UFT648" s="613"/>
      <c r="UFU648" s="613"/>
      <c r="UFV648" s="613"/>
      <c r="UFW648" s="613"/>
      <c r="UFX648" s="613"/>
      <c r="UFY648" s="613"/>
      <c r="UFZ648" s="613"/>
      <c r="UGA648" s="613"/>
      <c r="UGB648" s="613"/>
      <c r="UGC648" s="613"/>
      <c r="UGD648" s="613"/>
      <c r="UGE648" s="613"/>
      <c r="UGF648" s="613"/>
      <c r="UGG648" s="613"/>
      <c r="UGH648" s="613"/>
      <c r="UGI648" s="613"/>
      <c r="UGJ648" s="613"/>
      <c r="UGK648" s="613"/>
      <c r="UGL648" s="613"/>
      <c r="UGM648" s="613"/>
      <c r="UGN648" s="613"/>
      <c r="UGO648" s="613"/>
      <c r="UGP648" s="613"/>
      <c r="UGQ648" s="613"/>
      <c r="UGR648" s="613"/>
      <c r="UGS648" s="613"/>
      <c r="UGT648" s="613"/>
      <c r="UGU648" s="613"/>
      <c r="UGV648" s="613"/>
      <c r="UGW648" s="613"/>
      <c r="UGX648" s="613"/>
      <c r="UGY648" s="613"/>
      <c r="UGZ648" s="613"/>
      <c r="UHA648" s="613"/>
      <c r="UHB648" s="613"/>
      <c r="UHC648" s="613"/>
      <c r="UHD648" s="613"/>
      <c r="UHE648" s="613"/>
      <c r="UHF648" s="613"/>
      <c r="UHG648" s="613"/>
      <c r="UHH648" s="613"/>
      <c r="UHI648" s="613"/>
      <c r="UHJ648" s="613"/>
      <c r="UHK648" s="613"/>
      <c r="UHL648" s="613"/>
      <c r="UHM648" s="613"/>
      <c r="UHN648" s="613"/>
      <c r="UHO648" s="613"/>
      <c r="UHP648" s="613"/>
      <c r="UHQ648" s="613"/>
      <c r="UHR648" s="613"/>
      <c r="UHS648" s="613"/>
      <c r="UHT648" s="613"/>
      <c r="UHU648" s="613"/>
      <c r="UHV648" s="613"/>
      <c r="UHW648" s="613"/>
      <c r="UHX648" s="613"/>
      <c r="UHY648" s="613"/>
      <c r="UHZ648" s="613"/>
      <c r="UIA648" s="613"/>
      <c r="UIB648" s="613"/>
      <c r="UIC648" s="613"/>
      <c r="UID648" s="613"/>
      <c r="UIE648" s="613"/>
      <c r="UIF648" s="613"/>
      <c r="UIG648" s="613"/>
      <c r="UIH648" s="613"/>
      <c r="UII648" s="613"/>
      <c r="UIJ648" s="613"/>
      <c r="UIK648" s="613"/>
      <c r="UIL648" s="613"/>
      <c r="UIM648" s="613"/>
      <c r="UIN648" s="613"/>
      <c r="UIO648" s="613"/>
      <c r="UIP648" s="613"/>
      <c r="UIQ648" s="613"/>
      <c r="UIR648" s="613"/>
      <c r="UIS648" s="613"/>
      <c r="UIT648" s="613"/>
      <c r="UIU648" s="613"/>
      <c r="UIV648" s="613"/>
      <c r="UIW648" s="613"/>
      <c r="UIX648" s="613"/>
      <c r="UIY648" s="613"/>
      <c r="UIZ648" s="613"/>
      <c r="UJA648" s="613"/>
      <c r="UJB648" s="613"/>
      <c r="UJC648" s="613"/>
      <c r="UJD648" s="613"/>
      <c r="UJE648" s="613"/>
      <c r="UJF648" s="613"/>
      <c r="UJG648" s="613"/>
      <c r="UJH648" s="613"/>
      <c r="UJI648" s="613"/>
      <c r="UJJ648" s="613"/>
      <c r="UJK648" s="613"/>
      <c r="UJL648" s="613"/>
      <c r="UJM648" s="613"/>
      <c r="UJN648" s="613"/>
      <c r="UJO648" s="613"/>
      <c r="UJP648" s="613"/>
      <c r="UJQ648" s="613"/>
      <c r="UJR648" s="613"/>
      <c r="UJS648" s="613"/>
      <c r="UJT648" s="613"/>
      <c r="UJU648" s="613"/>
      <c r="UJV648" s="613"/>
      <c r="UJW648" s="613"/>
      <c r="UJX648" s="613"/>
      <c r="UJY648" s="613"/>
      <c r="UJZ648" s="613"/>
      <c r="UKA648" s="613"/>
      <c r="UKB648" s="613"/>
      <c r="UKC648" s="613"/>
      <c r="UKD648" s="613"/>
      <c r="UKE648" s="613"/>
      <c r="UKF648" s="613"/>
      <c r="UKG648" s="613"/>
      <c r="UKH648" s="613"/>
      <c r="UKI648" s="613"/>
      <c r="UKJ648" s="613"/>
      <c r="UKK648" s="613"/>
      <c r="UKL648" s="613"/>
      <c r="UKM648" s="613"/>
      <c r="UKN648" s="613"/>
      <c r="UKO648" s="613"/>
      <c r="UKP648" s="613"/>
      <c r="UKQ648" s="613"/>
      <c r="UKR648" s="613"/>
      <c r="UKS648" s="613"/>
      <c r="UKT648" s="613"/>
      <c r="UKU648" s="613"/>
      <c r="UKV648" s="613"/>
      <c r="UKW648" s="613"/>
      <c r="UKX648" s="613"/>
      <c r="UKY648" s="613"/>
      <c r="UKZ648" s="613"/>
      <c r="ULA648" s="613"/>
      <c r="ULB648" s="613"/>
      <c r="ULC648" s="613"/>
      <c r="ULD648" s="613"/>
      <c r="ULE648" s="613"/>
      <c r="ULF648" s="613"/>
      <c r="ULG648" s="613"/>
      <c r="ULH648" s="613"/>
      <c r="ULI648" s="613"/>
      <c r="ULJ648" s="613"/>
      <c r="ULK648" s="613"/>
      <c r="ULL648" s="613"/>
      <c r="ULM648" s="613"/>
      <c r="ULN648" s="613"/>
      <c r="ULO648" s="613"/>
      <c r="ULP648" s="613"/>
      <c r="ULQ648" s="613"/>
      <c r="ULR648" s="613"/>
      <c r="ULS648" s="613"/>
      <c r="ULT648" s="613"/>
      <c r="ULU648" s="613"/>
      <c r="ULV648" s="613"/>
      <c r="ULW648" s="613"/>
      <c r="ULX648" s="613"/>
      <c r="ULY648" s="613"/>
      <c r="ULZ648" s="613"/>
      <c r="UMA648" s="613"/>
      <c r="UMB648" s="613"/>
      <c r="UMC648" s="613"/>
      <c r="UMD648" s="613"/>
      <c r="UME648" s="613"/>
      <c r="UMF648" s="613"/>
      <c r="UMG648" s="613"/>
      <c r="UMH648" s="613"/>
      <c r="UMI648" s="613"/>
      <c r="UMJ648" s="613"/>
      <c r="UMK648" s="613"/>
      <c r="UML648" s="613"/>
      <c r="UMM648" s="613"/>
      <c r="UMN648" s="613"/>
      <c r="UMO648" s="613"/>
      <c r="UMP648" s="613"/>
      <c r="UMQ648" s="613"/>
      <c r="UMR648" s="613"/>
      <c r="UMS648" s="613"/>
      <c r="UMT648" s="613"/>
      <c r="UMU648" s="613"/>
      <c r="UMV648" s="613"/>
      <c r="UMW648" s="613"/>
      <c r="UMX648" s="613"/>
      <c r="UMY648" s="613"/>
      <c r="UMZ648" s="613"/>
      <c r="UNA648" s="613"/>
      <c r="UNB648" s="613"/>
      <c r="UNC648" s="613"/>
      <c r="UND648" s="613"/>
      <c r="UNE648" s="613"/>
      <c r="UNF648" s="613"/>
      <c r="UNG648" s="613"/>
      <c r="UNH648" s="613"/>
      <c r="UNI648" s="613"/>
      <c r="UNJ648" s="613"/>
      <c r="UNK648" s="613"/>
      <c r="UNL648" s="613"/>
      <c r="UNM648" s="613"/>
      <c r="UNN648" s="613"/>
      <c r="UNO648" s="613"/>
      <c r="UNP648" s="613"/>
      <c r="UNQ648" s="613"/>
      <c r="UNR648" s="613"/>
      <c r="UNS648" s="613"/>
      <c r="UNT648" s="613"/>
      <c r="UNU648" s="613"/>
      <c r="UNV648" s="613"/>
      <c r="UNW648" s="613"/>
      <c r="UNX648" s="613"/>
      <c r="UNY648" s="613"/>
      <c r="UNZ648" s="613"/>
      <c r="UOA648" s="613"/>
      <c r="UOB648" s="613"/>
      <c r="UOC648" s="613"/>
      <c r="UOD648" s="613"/>
      <c r="UOE648" s="613"/>
      <c r="UOF648" s="613"/>
      <c r="UOG648" s="613"/>
      <c r="UOH648" s="613"/>
      <c r="UOI648" s="613"/>
      <c r="UOJ648" s="613"/>
      <c r="UOK648" s="613"/>
      <c r="UOL648" s="613"/>
      <c r="UOM648" s="613"/>
      <c r="UON648" s="613"/>
      <c r="UOO648" s="613"/>
      <c r="UOP648" s="613"/>
      <c r="UOQ648" s="613"/>
      <c r="UOR648" s="613"/>
      <c r="UOS648" s="613"/>
      <c r="UOT648" s="613"/>
      <c r="UOU648" s="613"/>
      <c r="UOV648" s="613"/>
      <c r="UOW648" s="613"/>
      <c r="UOX648" s="613"/>
      <c r="UOY648" s="613"/>
      <c r="UOZ648" s="613"/>
      <c r="UPA648" s="613"/>
      <c r="UPB648" s="613"/>
      <c r="UPC648" s="613"/>
      <c r="UPD648" s="613"/>
      <c r="UPE648" s="613"/>
      <c r="UPF648" s="613"/>
      <c r="UPG648" s="613"/>
      <c r="UPH648" s="613"/>
      <c r="UPI648" s="613"/>
      <c r="UPJ648" s="613"/>
      <c r="UPK648" s="613"/>
      <c r="UPL648" s="613"/>
      <c r="UPM648" s="613"/>
      <c r="UPN648" s="613"/>
      <c r="UPO648" s="613"/>
      <c r="UPP648" s="613"/>
      <c r="UPQ648" s="613"/>
      <c r="UPR648" s="613"/>
      <c r="UPS648" s="613"/>
      <c r="UPT648" s="613"/>
      <c r="UPU648" s="613"/>
      <c r="UPV648" s="613"/>
      <c r="UPW648" s="613"/>
      <c r="UPX648" s="613"/>
      <c r="UPY648" s="613"/>
      <c r="UPZ648" s="613"/>
      <c r="UQA648" s="613"/>
      <c r="UQB648" s="613"/>
      <c r="UQC648" s="613"/>
      <c r="UQD648" s="613"/>
      <c r="UQE648" s="613"/>
      <c r="UQF648" s="613"/>
      <c r="UQG648" s="613"/>
      <c r="UQH648" s="613"/>
      <c r="UQI648" s="613"/>
      <c r="UQJ648" s="613"/>
      <c r="UQK648" s="613"/>
      <c r="UQL648" s="613"/>
      <c r="UQM648" s="613"/>
      <c r="UQN648" s="613"/>
      <c r="UQO648" s="613"/>
      <c r="UQP648" s="613"/>
      <c r="UQQ648" s="613"/>
      <c r="UQR648" s="613"/>
      <c r="UQS648" s="613"/>
      <c r="UQT648" s="613"/>
      <c r="UQU648" s="613"/>
      <c r="UQV648" s="613"/>
      <c r="UQW648" s="613"/>
      <c r="UQX648" s="613"/>
      <c r="UQY648" s="613"/>
      <c r="UQZ648" s="613"/>
      <c r="URA648" s="613"/>
      <c r="URB648" s="613"/>
      <c r="URC648" s="613"/>
      <c r="URD648" s="613"/>
      <c r="URE648" s="613"/>
      <c r="URF648" s="613"/>
      <c r="URG648" s="613"/>
      <c r="URH648" s="613"/>
      <c r="URI648" s="613"/>
      <c r="URJ648" s="613"/>
      <c r="URK648" s="613"/>
      <c r="URL648" s="613"/>
      <c r="URM648" s="613"/>
      <c r="URN648" s="613"/>
      <c r="URO648" s="613"/>
      <c r="URP648" s="613"/>
      <c r="URQ648" s="613"/>
      <c r="URR648" s="613"/>
      <c r="URS648" s="613"/>
      <c r="URT648" s="613"/>
      <c r="URU648" s="613"/>
      <c r="URV648" s="613"/>
      <c r="URW648" s="613"/>
      <c r="URX648" s="613"/>
      <c r="URY648" s="613"/>
      <c r="URZ648" s="613"/>
      <c r="USA648" s="613"/>
      <c r="USB648" s="613"/>
      <c r="USC648" s="613"/>
      <c r="USD648" s="613"/>
      <c r="USE648" s="613"/>
      <c r="USF648" s="613"/>
      <c r="USG648" s="613"/>
      <c r="USH648" s="613"/>
      <c r="USI648" s="613"/>
      <c r="USJ648" s="613"/>
      <c r="USK648" s="613"/>
      <c r="USL648" s="613"/>
      <c r="USM648" s="613"/>
      <c r="USN648" s="613"/>
      <c r="USO648" s="613"/>
      <c r="USP648" s="613"/>
      <c r="USQ648" s="613"/>
      <c r="USR648" s="613"/>
      <c r="USS648" s="613"/>
      <c r="UST648" s="613"/>
      <c r="USU648" s="613"/>
      <c r="USV648" s="613"/>
      <c r="USW648" s="613"/>
      <c r="USX648" s="613"/>
      <c r="USY648" s="613"/>
      <c r="USZ648" s="613"/>
      <c r="UTA648" s="613"/>
      <c r="UTB648" s="613"/>
      <c r="UTC648" s="613"/>
      <c r="UTD648" s="613"/>
      <c r="UTE648" s="613"/>
      <c r="UTF648" s="613"/>
      <c r="UTG648" s="613"/>
      <c r="UTH648" s="613"/>
      <c r="UTI648" s="613"/>
      <c r="UTJ648" s="613"/>
      <c r="UTK648" s="613"/>
      <c r="UTL648" s="613"/>
      <c r="UTM648" s="613"/>
      <c r="UTN648" s="613"/>
      <c r="UTO648" s="613"/>
      <c r="UTP648" s="613"/>
      <c r="UTQ648" s="613"/>
      <c r="UTR648" s="613"/>
      <c r="UTS648" s="613"/>
      <c r="UTT648" s="613"/>
      <c r="UTU648" s="613"/>
      <c r="UTV648" s="613"/>
      <c r="UTW648" s="613"/>
      <c r="UTX648" s="613"/>
      <c r="UTY648" s="613"/>
      <c r="UTZ648" s="613"/>
      <c r="UUA648" s="613"/>
      <c r="UUB648" s="613"/>
      <c r="UUC648" s="613"/>
      <c r="UUD648" s="613"/>
      <c r="UUE648" s="613"/>
      <c r="UUF648" s="613"/>
      <c r="UUG648" s="613"/>
      <c r="UUH648" s="613"/>
      <c r="UUI648" s="613"/>
      <c r="UUJ648" s="613"/>
      <c r="UUK648" s="613"/>
      <c r="UUL648" s="613"/>
      <c r="UUM648" s="613"/>
      <c r="UUN648" s="613"/>
      <c r="UUO648" s="613"/>
      <c r="UUP648" s="613"/>
      <c r="UUQ648" s="613"/>
      <c r="UUR648" s="613"/>
      <c r="UUS648" s="613"/>
      <c r="UUT648" s="613"/>
      <c r="UUU648" s="613"/>
      <c r="UUV648" s="613"/>
      <c r="UUW648" s="613"/>
      <c r="UUX648" s="613"/>
      <c r="UUY648" s="613"/>
      <c r="UUZ648" s="613"/>
      <c r="UVA648" s="613"/>
      <c r="UVB648" s="613"/>
      <c r="UVC648" s="613"/>
      <c r="UVD648" s="613"/>
      <c r="UVE648" s="613"/>
      <c r="UVF648" s="613"/>
      <c r="UVG648" s="613"/>
      <c r="UVH648" s="613"/>
      <c r="UVI648" s="613"/>
      <c r="UVJ648" s="613"/>
      <c r="UVK648" s="613"/>
      <c r="UVL648" s="613"/>
      <c r="UVM648" s="613"/>
      <c r="UVN648" s="613"/>
      <c r="UVO648" s="613"/>
      <c r="UVP648" s="613"/>
      <c r="UVQ648" s="613"/>
      <c r="UVR648" s="613"/>
      <c r="UVS648" s="613"/>
      <c r="UVT648" s="613"/>
      <c r="UVU648" s="613"/>
      <c r="UVV648" s="613"/>
      <c r="UVW648" s="613"/>
      <c r="UVX648" s="613"/>
      <c r="UVY648" s="613"/>
      <c r="UVZ648" s="613"/>
      <c r="UWA648" s="613"/>
      <c r="UWB648" s="613"/>
      <c r="UWC648" s="613"/>
      <c r="UWD648" s="613"/>
      <c r="UWE648" s="613"/>
      <c r="UWF648" s="613"/>
      <c r="UWG648" s="613"/>
      <c r="UWH648" s="613"/>
      <c r="UWI648" s="613"/>
      <c r="UWJ648" s="613"/>
      <c r="UWK648" s="613"/>
      <c r="UWL648" s="613"/>
      <c r="UWM648" s="613"/>
      <c r="UWN648" s="613"/>
      <c r="UWO648" s="613"/>
      <c r="UWP648" s="613"/>
      <c r="UWQ648" s="613"/>
      <c r="UWR648" s="613"/>
      <c r="UWS648" s="613"/>
      <c r="UWT648" s="613"/>
      <c r="UWU648" s="613"/>
      <c r="UWV648" s="613"/>
      <c r="UWW648" s="613"/>
      <c r="UWX648" s="613"/>
      <c r="UWY648" s="613"/>
      <c r="UWZ648" s="613"/>
      <c r="UXA648" s="613"/>
      <c r="UXB648" s="613"/>
      <c r="UXC648" s="613"/>
      <c r="UXD648" s="613"/>
      <c r="UXE648" s="613"/>
      <c r="UXF648" s="613"/>
      <c r="UXG648" s="613"/>
      <c r="UXH648" s="613"/>
      <c r="UXI648" s="613"/>
      <c r="UXJ648" s="613"/>
      <c r="UXK648" s="613"/>
      <c r="UXL648" s="613"/>
      <c r="UXM648" s="613"/>
      <c r="UXN648" s="613"/>
      <c r="UXO648" s="613"/>
      <c r="UXP648" s="613"/>
      <c r="UXQ648" s="613"/>
      <c r="UXR648" s="613"/>
      <c r="UXS648" s="613"/>
      <c r="UXT648" s="613"/>
      <c r="UXU648" s="613"/>
      <c r="UXV648" s="613"/>
      <c r="UXW648" s="613"/>
      <c r="UXX648" s="613"/>
      <c r="UXY648" s="613"/>
      <c r="UXZ648" s="613"/>
      <c r="UYA648" s="613"/>
      <c r="UYB648" s="613"/>
      <c r="UYC648" s="613"/>
      <c r="UYD648" s="613"/>
      <c r="UYE648" s="613"/>
      <c r="UYF648" s="613"/>
      <c r="UYG648" s="613"/>
      <c r="UYH648" s="613"/>
      <c r="UYI648" s="613"/>
      <c r="UYJ648" s="613"/>
      <c r="UYK648" s="613"/>
      <c r="UYL648" s="613"/>
      <c r="UYM648" s="613"/>
      <c r="UYN648" s="613"/>
      <c r="UYO648" s="613"/>
      <c r="UYP648" s="613"/>
      <c r="UYQ648" s="613"/>
      <c r="UYR648" s="613"/>
      <c r="UYS648" s="613"/>
      <c r="UYT648" s="613"/>
      <c r="UYU648" s="613"/>
      <c r="UYV648" s="613"/>
      <c r="UYW648" s="613"/>
      <c r="UYX648" s="613"/>
      <c r="UYY648" s="613"/>
      <c r="UYZ648" s="613"/>
      <c r="UZA648" s="613"/>
      <c r="UZB648" s="613"/>
      <c r="UZC648" s="613"/>
      <c r="UZD648" s="613"/>
      <c r="UZE648" s="613"/>
      <c r="UZF648" s="613"/>
      <c r="UZG648" s="613"/>
      <c r="UZH648" s="613"/>
      <c r="UZI648" s="613"/>
      <c r="UZJ648" s="613"/>
      <c r="UZK648" s="613"/>
      <c r="UZL648" s="613"/>
      <c r="UZM648" s="613"/>
      <c r="UZN648" s="613"/>
      <c r="UZO648" s="613"/>
      <c r="UZP648" s="613"/>
      <c r="UZQ648" s="613"/>
      <c r="UZR648" s="613"/>
      <c r="UZS648" s="613"/>
      <c r="UZT648" s="613"/>
      <c r="UZU648" s="613"/>
      <c r="UZV648" s="613"/>
      <c r="UZW648" s="613"/>
      <c r="UZX648" s="613"/>
      <c r="UZY648" s="613"/>
      <c r="UZZ648" s="613"/>
      <c r="VAA648" s="613"/>
      <c r="VAB648" s="613"/>
      <c r="VAC648" s="613"/>
      <c r="VAD648" s="613"/>
      <c r="VAE648" s="613"/>
      <c r="VAF648" s="613"/>
      <c r="VAG648" s="613"/>
      <c r="VAH648" s="613"/>
      <c r="VAI648" s="613"/>
      <c r="VAJ648" s="613"/>
      <c r="VAK648" s="613"/>
      <c r="VAL648" s="613"/>
      <c r="VAM648" s="613"/>
      <c r="VAN648" s="613"/>
      <c r="VAO648" s="613"/>
      <c r="VAP648" s="613"/>
      <c r="VAQ648" s="613"/>
      <c r="VAR648" s="613"/>
      <c r="VAS648" s="613"/>
      <c r="VAT648" s="613"/>
      <c r="VAU648" s="613"/>
      <c r="VAV648" s="613"/>
      <c r="VAW648" s="613"/>
      <c r="VAX648" s="613"/>
      <c r="VAY648" s="613"/>
      <c r="VAZ648" s="613"/>
      <c r="VBA648" s="613"/>
      <c r="VBB648" s="613"/>
      <c r="VBC648" s="613"/>
      <c r="VBD648" s="613"/>
      <c r="VBE648" s="613"/>
      <c r="VBF648" s="613"/>
      <c r="VBG648" s="613"/>
      <c r="VBH648" s="613"/>
      <c r="VBI648" s="613"/>
      <c r="VBJ648" s="613"/>
      <c r="VBK648" s="613"/>
      <c r="VBL648" s="613"/>
      <c r="VBM648" s="613"/>
      <c r="VBN648" s="613"/>
      <c r="VBO648" s="613"/>
      <c r="VBP648" s="613"/>
      <c r="VBQ648" s="613"/>
      <c r="VBR648" s="613"/>
      <c r="VBS648" s="613"/>
      <c r="VBT648" s="613"/>
      <c r="VBU648" s="613"/>
      <c r="VBV648" s="613"/>
      <c r="VBW648" s="613"/>
      <c r="VBX648" s="613"/>
      <c r="VBY648" s="613"/>
      <c r="VBZ648" s="613"/>
      <c r="VCA648" s="613"/>
      <c r="VCB648" s="613"/>
      <c r="VCC648" s="613"/>
      <c r="VCD648" s="613"/>
      <c r="VCE648" s="613"/>
      <c r="VCF648" s="613"/>
      <c r="VCG648" s="613"/>
      <c r="VCH648" s="613"/>
      <c r="VCI648" s="613"/>
      <c r="VCJ648" s="613"/>
      <c r="VCK648" s="613"/>
      <c r="VCL648" s="613"/>
      <c r="VCM648" s="613"/>
      <c r="VCN648" s="613"/>
      <c r="VCO648" s="613"/>
      <c r="VCP648" s="613"/>
      <c r="VCQ648" s="613"/>
      <c r="VCR648" s="613"/>
      <c r="VCS648" s="613"/>
      <c r="VCT648" s="613"/>
      <c r="VCU648" s="613"/>
      <c r="VCV648" s="613"/>
      <c r="VCW648" s="613"/>
      <c r="VCX648" s="613"/>
      <c r="VCY648" s="613"/>
      <c r="VCZ648" s="613"/>
      <c r="VDA648" s="613"/>
      <c r="VDB648" s="613"/>
      <c r="VDC648" s="613"/>
      <c r="VDD648" s="613"/>
      <c r="VDE648" s="613"/>
      <c r="VDF648" s="613"/>
      <c r="VDG648" s="613"/>
      <c r="VDH648" s="613"/>
      <c r="VDI648" s="613"/>
      <c r="VDJ648" s="613"/>
      <c r="VDK648" s="613"/>
      <c r="VDL648" s="613"/>
      <c r="VDM648" s="613"/>
      <c r="VDN648" s="613"/>
      <c r="VDO648" s="613"/>
      <c r="VDP648" s="613"/>
      <c r="VDQ648" s="613"/>
      <c r="VDR648" s="613"/>
      <c r="VDS648" s="613"/>
      <c r="VDT648" s="613"/>
      <c r="VDU648" s="613"/>
      <c r="VDV648" s="613"/>
      <c r="VDW648" s="613"/>
      <c r="VDX648" s="613"/>
      <c r="VDY648" s="613"/>
      <c r="VDZ648" s="613"/>
      <c r="VEA648" s="613"/>
      <c r="VEB648" s="613"/>
      <c r="VEC648" s="613"/>
      <c r="VED648" s="613"/>
      <c r="VEE648" s="613"/>
      <c r="VEF648" s="613"/>
      <c r="VEG648" s="613"/>
      <c r="VEH648" s="613"/>
      <c r="VEI648" s="613"/>
      <c r="VEJ648" s="613"/>
      <c r="VEK648" s="613"/>
      <c r="VEL648" s="613"/>
      <c r="VEM648" s="613"/>
      <c r="VEN648" s="613"/>
      <c r="VEO648" s="613"/>
      <c r="VEP648" s="613"/>
      <c r="VEQ648" s="613"/>
      <c r="VER648" s="613"/>
      <c r="VES648" s="613"/>
      <c r="VET648" s="613"/>
      <c r="VEU648" s="613"/>
      <c r="VEV648" s="613"/>
      <c r="VEW648" s="613"/>
      <c r="VEX648" s="613"/>
      <c r="VEY648" s="613"/>
      <c r="VEZ648" s="613"/>
      <c r="VFA648" s="613"/>
      <c r="VFB648" s="613"/>
      <c r="VFC648" s="613"/>
      <c r="VFD648" s="613"/>
      <c r="VFE648" s="613"/>
      <c r="VFF648" s="613"/>
      <c r="VFG648" s="613"/>
      <c r="VFH648" s="613"/>
      <c r="VFI648" s="613"/>
      <c r="VFJ648" s="613"/>
      <c r="VFK648" s="613"/>
      <c r="VFL648" s="613"/>
      <c r="VFM648" s="613"/>
      <c r="VFN648" s="613"/>
      <c r="VFO648" s="613"/>
      <c r="VFP648" s="613"/>
      <c r="VFQ648" s="613"/>
      <c r="VFR648" s="613"/>
      <c r="VFS648" s="613"/>
      <c r="VFT648" s="613"/>
      <c r="VFU648" s="613"/>
      <c r="VFV648" s="613"/>
      <c r="VFW648" s="613"/>
      <c r="VFX648" s="613"/>
      <c r="VFY648" s="613"/>
      <c r="VFZ648" s="613"/>
      <c r="VGA648" s="613"/>
      <c r="VGB648" s="613"/>
      <c r="VGC648" s="613"/>
      <c r="VGD648" s="613"/>
      <c r="VGE648" s="613"/>
      <c r="VGF648" s="613"/>
      <c r="VGG648" s="613"/>
      <c r="VGH648" s="613"/>
      <c r="VGI648" s="613"/>
      <c r="VGJ648" s="613"/>
      <c r="VGK648" s="613"/>
      <c r="VGL648" s="613"/>
      <c r="VGM648" s="613"/>
      <c r="VGN648" s="613"/>
      <c r="VGO648" s="613"/>
      <c r="VGP648" s="613"/>
      <c r="VGQ648" s="613"/>
      <c r="VGR648" s="613"/>
      <c r="VGS648" s="613"/>
      <c r="VGT648" s="613"/>
      <c r="VGU648" s="613"/>
      <c r="VGV648" s="613"/>
      <c r="VGW648" s="613"/>
      <c r="VGX648" s="613"/>
      <c r="VGY648" s="613"/>
      <c r="VGZ648" s="613"/>
      <c r="VHA648" s="613"/>
      <c r="VHB648" s="613"/>
      <c r="VHC648" s="613"/>
      <c r="VHD648" s="613"/>
      <c r="VHE648" s="613"/>
      <c r="VHF648" s="613"/>
      <c r="VHG648" s="613"/>
      <c r="VHH648" s="613"/>
      <c r="VHI648" s="613"/>
      <c r="VHJ648" s="613"/>
      <c r="VHK648" s="613"/>
      <c r="VHL648" s="613"/>
      <c r="VHM648" s="613"/>
      <c r="VHN648" s="613"/>
      <c r="VHO648" s="613"/>
      <c r="VHP648" s="613"/>
      <c r="VHQ648" s="613"/>
      <c r="VHR648" s="613"/>
      <c r="VHS648" s="613"/>
      <c r="VHT648" s="613"/>
      <c r="VHU648" s="613"/>
      <c r="VHV648" s="613"/>
      <c r="VHW648" s="613"/>
      <c r="VHX648" s="613"/>
      <c r="VHY648" s="613"/>
      <c r="VHZ648" s="613"/>
      <c r="VIA648" s="613"/>
      <c r="VIB648" s="613"/>
      <c r="VIC648" s="613"/>
      <c r="VID648" s="613"/>
      <c r="VIE648" s="613"/>
      <c r="VIF648" s="613"/>
      <c r="VIG648" s="613"/>
      <c r="VIH648" s="613"/>
      <c r="VII648" s="613"/>
      <c r="VIJ648" s="613"/>
      <c r="VIK648" s="613"/>
      <c r="VIL648" s="613"/>
      <c r="VIM648" s="613"/>
      <c r="VIN648" s="613"/>
      <c r="VIO648" s="613"/>
      <c r="VIP648" s="613"/>
      <c r="VIQ648" s="613"/>
      <c r="VIR648" s="613"/>
      <c r="VIS648" s="613"/>
      <c r="VIT648" s="613"/>
      <c r="VIU648" s="613"/>
      <c r="VIV648" s="613"/>
      <c r="VIW648" s="613"/>
      <c r="VIX648" s="613"/>
      <c r="VIY648" s="613"/>
      <c r="VIZ648" s="613"/>
      <c r="VJA648" s="613"/>
      <c r="VJB648" s="613"/>
      <c r="VJC648" s="613"/>
      <c r="VJD648" s="613"/>
      <c r="VJE648" s="613"/>
      <c r="VJF648" s="613"/>
      <c r="VJG648" s="613"/>
      <c r="VJH648" s="613"/>
      <c r="VJI648" s="613"/>
      <c r="VJJ648" s="613"/>
      <c r="VJK648" s="613"/>
      <c r="VJL648" s="613"/>
      <c r="VJM648" s="613"/>
      <c r="VJN648" s="613"/>
      <c r="VJO648" s="613"/>
      <c r="VJP648" s="613"/>
      <c r="VJQ648" s="613"/>
      <c r="VJR648" s="613"/>
      <c r="VJS648" s="613"/>
      <c r="VJT648" s="613"/>
      <c r="VJU648" s="613"/>
      <c r="VJV648" s="613"/>
      <c r="VJW648" s="613"/>
      <c r="VJX648" s="613"/>
      <c r="VJY648" s="613"/>
      <c r="VJZ648" s="613"/>
      <c r="VKA648" s="613"/>
      <c r="VKB648" s="613"/>
      <c r="VKC648" s="613"/>
      <c r="VKD648" s="613"/>
      <c r="VKE648" s="613"/>
      <c r="VKF648" s="613"/>
      <c r="VKG648" s="613"/>
      <c r="VKH648" s="613"/>
      <c r="VKI648" s="613"/>
      <c r="VKJ648" s="613"/>
      <c r="VKK648" s="613"/>
      <c r="VKL648" s="613"/>
      <c r="VKM648" s="613"/>
      <c r="VKN648" s="613"/>
      <c r="VKO648" s="613"/>
      <c r="VKP648" s="613"/>
      <c r="VKQ648" s="613"/>
      <c r="VKR648" s="613"/>
      <c r="VKS648" s="613"/>
      <c r="VKT648" s="613"/>
      <c r="VKU648" s="613"/>
      <c r="VKV648" s="613"/>
      <c r="VKW648" s="613"/>
      <c r="VKX648" s="613"/>
      <c r="VKY648" s="613"/>
      <c r="VKZ648" s="613"/>
      <c r="VLA648" s="613"/>
      <c r="VLB648" s="613"/>
      <c r="VLC648" s="613"/>
      <c r="VLD648" s="613"/>
      <c r="VLE648" s="613"/>
      <c r="VLF648" s="613"/>
      <c r="VLG648" s="613"/>
      <c r="VLH648" s="613"/>
      <c r="VLI648" s="613"/>
      <c r="VLJ648" s="613"/>
      <c r="VLK648" s="613"/>
      <c r="VLL648" s="613"/>
      <c r="VLM648" s="613"/>
      <c r="VLN648" s="613"/>
      <c r="VLO648" s="613"/>
      <c r="VLP648" s="613"/>
      <c r="VLQ648" s="613"/>
      <c r="VLR648" s="613"/>
      <c r="VLS648" s="613"/>
      <c r="VLT648" s="613"/>
      <c r="VLU648" s="613"/>
      <c r="VLV648" s="613"/>
      <c r="VLW648" s="613"/>
      <c r="VLX648" s="613"/>
      <c r="VLY648" s="613"/>
      <c r="VLZ648" s="613"/>
      <c r="VMA648" s="613"/>
      <c r="VMB648" s="613"/>
      <c r="VMC648" s="613"/>
      <c r="VMD648" s="613"/>
      <c r="VME648" s="613"/>
      <c r="VMF648" s="613"/>
      <c r="VMG648" s="613"/>
      <c r="VMH648" s="613"/>
      <c r="VMI648" s="613"/>
      <c r="VMJ648" s="613"/>
      <c r="VMK648" s="613"/>
      <c r="VML648" s="613"/>
      <c r="VMM648" s="613"/>
      <c r="VMN648" s="613"/>
      <c r="VMO648" s="613"/>
      <c r="VMP648" s="613"/>
      <c r="VMQ648" s="613"/>
      <c r="VMR648" s="613"/>
      <c r="VMS648" s="613"/>
      <c r="VMT648" s="613"/>
      <c r="VMU648" s="613"/>
      <c r="VMV648" s="613"/>
      <c r="VMW648" s="613"/>
      <c r="VMX648" s="613"/>
      <c r="VMY648" s="613"/>
      <c r="VMZ648" s="613"/>
      <c r="VNA648" s="613"/>
      <c r="VNB648" s="613"/>
      <c r="VNC648" s="613"/>
      <c r="VND648" s="613"/>
      <c r="VNE648" s="613"/>
      <c r="VNF648" s="613"/>
      <c r="VNG648" s="613"/>
      <c r="VNH648" s="613"/>
      <c r="VNI648" s="613"/>
      <c r="VNJ648" s="613"/>
      <c r="VNK648" s="613"/>
      <c r="VNL648" s="613"/>
      <c r="VNM648" s="613"/>
      <c r="VNN648" s="613"/>
      <c r="VNO648" s="613"/>
      <c r="VNP648" s="613"/>
      <c r="VNQ648" s="613"/>
      <c r="VNR648" s="613"/>
      <c r="VNS648" s="613"/>
      <c r="VNT648" s="613"/>
      <c r="VNU648" s="613"/>
      <c r="VNV648" s="613"/>
      <c r="VNW648" s="613"/>
      <c r="VNX648" s="613"/>
      <c r="VNY648" s="613"/>
      <c r="VNZ648" s="613"/>
      <c r="VOA648" s="613"/>
      <c r="VOB648" s="613"/>
      <c r="VOC648" s="613"/>
      <c r="VOD648" s="613"/>
      <c r="VOE648" s="613"/>
      <c r="VOF648" s="613"/>
      <c r="VOG648" s="613"/>
      <c r="VOH648" s="613"/>
      <c r="VOI648" s="613"/>
      <c r="VOJ648" s="613"/>
      <c r="VOK648" s="613"/>
      <c r="VOL648" s="613"/>
      <c r="VOM648" s="613"/>
      <c r="VON648" s="613"/>
      <c r="VOO648" s="613"/>
      <c r="VOP648" s="613"/>
      <c r="VOQ648" s="613"/>
      <c r="VOR648" s="613"/>
      <c r="VOS648" s="613"/>
      <c r="VOT648" s="613"/>
      <c r="VOU648" s="613"/>
      <c r="VOV648" s="613"/>
      <c r="VOW648" s="613"/>
      <c r="VOX648" s="613"/>
      <c r="VOY648" s="613"/>
      <c r="VOZ648" s="613"/>
      <c r="VPA648" s="613"/>
      <c r="VPB648" s="613"/>
      <c r="VPC648" s="613"/>
      <c r="VPD648" s="613"/>
      <c r="VPE648" s="613"/>
      <c r="VPF648" s="613"/>
      <c r="VPG648" s="613"/>
      <c r="VPH648" s="613"/>
      <c r="VPI648" s="613"/>
      <c r="VPJ648" s="613"/>
      <c r="VPK648" s="613"/>
      <c r="VPL648" s="613"/>
      <c r="VPM648" s="613"/>
      <c r="VPN648" s="613"/>
      <c r="VPO648" s="613"/>
      <c r="VPP648" s="613"/>
      <c r="VPQ648" s="613"/>
      <c r="VPR648" s="613"/>
      <c r="VPS648" s="613"/>
      <c r="VPT648" s="613"/>
      <c r="VPU648" s="613"/>
      <c r="VPV648" s="613"/>
      <c r="VPW648" s="613"/>
      <c r="VPX648" s="613"/>
      <c r="VPY648" s="613"/>
      <c r="VPZ648" s="613"/>
      <c r="VQA648" s="613"/>
      <c r="VQB648" s="613"/>
      <c r="VQC648" s="613"/>
      <c r="VQD648" s="613"/>
      <c r="VQE648" s="613"/>
      <c r="VQF648" s="613"/>
      <c r="VQG648" s="613"/>
      <c r="VQH648" s="613"/>
      <c r="VQI648" s="613"/>
      <c r="VQJ648" s="613"/>
      <c r="VQK648" s="613"/>
      <c r="VQL648" s="613"/>
      <c r="VQM648" s="613"/>
      <c r="VQN648" s="613"/>
      <c r="VQO648" s="613"/>
      <c r="VQP648" s="613"/>
      <c r="VQQ648" s="613"/>
      <c r="VQR648" s="613"/>
      <c r="VQS648" s="613"/>
      <c r="VQT648" s="613"/>
      <c r="VQU648" s="613"/>
      <c r="VQV648" s="613"/>
      <c r="VQW648" s="613"/>
      <c r="VQX648" s="613"/>
      <c r="VQY648" s="613"/>
      <c r="VQZ648" s="613"/>
      <c r="VRA648" s="613"/>
      <c r="VRB648" s="613"/>
      <c r="VRC648" s="613"/>
      <c r="VRD648" s="613"/>
      <c r="VRE648" s="613"/>
      <c r="VRF648" s="613"/>
      <c r="VRG648" s="613"/>
      <c r="VRH648" s="613"/>
      <c r="VRI648" s="613"/>
      <c r="VRJ648" s="613"/>
      <c r="VRK648" s="613"/>
      <c r="VRL648" s="613"/>
      <c r="VRM648" s="613"/>
      <c r="VRN648" s="613"/>
      <c r="VRO648" s="613"/>
      <c r="VRP648" s="613"/>
      <c r="VRQ648" s="613"/>
      <c r="VRR648" s="613"/>
      <c r="VRS648" s="613"/>
      <c r="VRT648" s="613"/>
      <c r="VRU648" s="613"/>
      <c r="VRV648" s="613"/>
      <c r="VRW648" s="613"/>
      <c r="VRX648" s="613"/>
      <c r="VRY648" s="613"/>
      <c r="VRZ648" s="613"/>
      <c r="VSA648" s="613"/>
      <c r="VSB648" s="613"/>
      <c r="VSC648" s="613"/>
      <c r="VSD648" s="613"/>
      <c r="VSE648" s="613"/>
      <c r="VSF648" s="613"/>
      <c r="VSG648" s="613"/>
      <c r="VSH648" s="613"/>
      <c r="VSI648" s="613"/>
      <c r="VSJ648" s="613"/>
      <c r="VSK648" s="613"/>
      <c r="VSL648" s="613"/>
      <c r="VSM648" s="613"/>
      <c r="VSN648" s="613"/>
      <c r="VSO648" s="613"/>
      <c r="VSP648" s="613"/>
      <c r="VSQ648" s="613"/>
      <c r="VSR648" s="613"/>
      <c r="VSS648" s="613"/>
      <c r="VST648" s="613"/>
      <c r="VSU648" s="613"/>
      <c r="VSV648" s="613"/>
      <c r="VSW648" s="613"/>
      <c r="VSX648" s="613"/>
      <c r="VSY648" s="613"/>
      <c r="VSZ648" s="613"/>
      <c r="VTA648" s="613"/>
      <c r="VTB648" s="613"/>
      <c r="VTC648" s="613"/>
      <c r="VTD648" s="613"/>
      <c r="VTE648" s="613"/>
      <c r="VTF648" s="613"/>
      <c r="VTG648" s="613"/>
      <c r="VTH648" s="613"/>
      <c r="VTI648" s="613"/>
      <c r="VTJ648" s="613"/>
      <c r="VTK648" s="613"/>
      <c r="VTL648" s="613"/>
      <c r="VTM648" s="613"/>
      <c r="VTN648" s="613"/>
      <c r="VTO648" s="613"/>
      <c r="VTP648" s="613"/>
      <c r="VTQ648" s="613"/>
      <c r="VTR648" s="613"/>
      <c r="VTS648" s="613"/>
      <c r="VTT648" s="613"/>
      <c r="VTU648" s="613"/>
      <c r="VTV648" s="613"/>
      <c r="VTW648" s="613"/>
      <c r="VTX648" s="613"/>
      <c r="VTY648" s="613"/>
      <c r="VTZ648" s="613"/>
      <c r="VUA648" s="613"/>
      <c r="VUB648" s="613"/>
      <c r="VUC648" s="613"/>
      <c r="VUD648" s="613"/>
      <c r="VUE648" s="613"/>
      <c r="VUF648" s="613"/>
      <c r="VUG648" s="613"/>
      <c r="VUH648" s="613"/>
      <c r="VUI648" s="613"/>
      <c r="VUJ648" s="613"/>
      <c r="VUK648" s="613"/>
      <c r="VUL648" s="613"/>
      <c r="VUM648" s="613"/>
      <c r="VUN648" s="613"/>
      <c r="VUO648" s="613"/>
      <c r="VUP648" s="613"/>
      <c r="VUQ648" s="613"/>
      <c r="VUR648" s="613"/>
      <c r="VUS648" s="613"/>
      <c r="VUT648" s="613"/>
      <c r="VUU648" s="613"/>
      <c r="VUV648" s="613"/>
      <c r="VUW648" s="613"/>
      <c r="VUX648" s="613"/>
      <c r="VUY648" s="613"/>
      <c r="VUZ648" s="613"/>
      <c r="VVA648" s="613"/>
      <c r="VVB648" s="613"/>
      <c r="VVC648" s="613"/>
      <c r="VVD648" s="613"/>
      <c r="VVE648" s="613"/>
      <c r="VVF648" s="613"/>
      <c r="VVG648" s="613"/>
      <c r="VVH648" s="613"/>
      <c r="VVI648" s="613"/>
      <c r="VVJ648" s="613"/>
      <c r="VVK648" s="613"/>
      <c r="VVL648" s="613"/>
      <c r="VVM648" s="613"/>
      <c r="VVN648" s="613"/>
      <c r="VVO648" s="613"/>
      <c r="VVP648" s="613"/>
      <c r="VVQ648" s="613"/>
      <c r="VVR648" s="613"/>
      <c r="VVS648" s="613"/>
      <c r="VVT648" s="613"/>
      <c r="VVU648" s="613"/>
      <c r="VVV648" s="613"/>
      <c r="VVW648" s="613"/>
      <c r="VVX648" s="613"/>
      <c r="VVY648" s="613"/>
      <c r="VVZ648" s="613"/>
      <c r="VWA648" s="613"/>
      <c r="VWB648" s="613"/>
      <c r="VWC648" s="613"/>
      <c r="VWD648" s="613"/>
      <c r="VWE648" s="613"/>
      <c r="VWF648" s="613"/>
      <c r="VWG648" s="613"/>
      <c r="VWH648" s="613"/>
      <c r="VWI648" s="613"/>
      <c r="VWJ648" s="613"/>
      <c r="VWK648" s="613"/>
      <c r="VWL648" s="613"/>
      <c r="VWM648" s="613"/>
      <c r="VWN648" s="613"/>
      <c r="VWO648" s="613"/>
      <c r="VWP648" s="613"/>
      <c r="VWQ648" s="613"/>
      <c r="VWR648" s="613"/>
      <c r="VWS648" s="613"/>
      <c r="VWT648" s="613"/>
      <c r="VWU648" s="613"/>
      <c r="VWV648" s="613"/>
      <c r="VWW648" s="613"/>
      <c r="VWX648" s="613"/>
      <c r="VWY648" s="613"/>
      <c r="VWZ648" s="613"/>
      <c r="VXA648" s="613"/>
      <c r="VXB648" s="613"/>
      <c r="VXC648" s="613"/>
      <c r="VXD648" s="613"/>
      <c r="VXE648" s="613"/>
      <c r="VXF648" s="613"/>
      <c r="VXG648" s="613"/>
      <c r="VXH648" s="613"/>
      <c r="VXI648" s="613"/>
      <c r="VXJ648" s="613"/>
      <c r="VXK648" s="613"/>
      <c r="VXL648" s="613"/>
      <c r="VXM648" s="613"/>
      <c r="VXN648" s="613"/>
      <c r="VXO648" s="613"/>
      <c r="VXP648" s="613"/>
      <c r="VXQ648" s="613"/>
      <c r="VXR648" s="613"/>
      <c r="VXS648" s="613"/>
      <c r="VXT648" s="613"/>
      <c r="VXU648" s="613"/>
      <c r="VXV648" s="613"/>
      <c r="VXW648" s="613"/>
      <c r="VXX648" s="613"/>
      <c r="VXY648" s="613"/>
      <c r="VXZ648" s="613"/>
      <c r="VYA648" s="613"/>
      <c r="VYB648" s="613"/>
      <c r="VYC648" s="613"/>
      <c r="VYD648" s="613"/>
      <c r="VYE648" s="613"/>
      <c r="VYF648" s="613"/>
      <c r="VYG648" s="613"/>
      <c r="VYH648" s="613"/>
      <c r="VYI648" s="613"/>
      <c r="VYJ648" s="613"/>
      <c r="VYK648" s="613"/>
      <c r="VYL648" s="613"/>
      <c r="VYM648" s="613"/>
      <c r="VYN648" s="613"/>
      <c r="VYO648" s="613"/>
      <c r="VYP648" s="613"/>
      <c r="VYQ648" s="613"/>
      <c r="VYR648" s="613"/>
      <c r="VYS648" s="613"/>
      <c r="VYT648" s="613"/>
      <c r="VYU648" s="613"/>
      <c r="VYV648" s="613"/>
      <c r="VYW648" s="613"/>
      <c r="VYX648" s="613"/>
      <c r="VYY648" s="613"/>
      <c r="VYZ648" s="613"/>
      <c r="VZA648" s="613"/>
      <c r="VZB648" s="613"/>
      <c r="VZC648" s="613"/>
      <c r="VZD648" s="613"/>
      <c r="VZE648" s="613"/>
      <c r="VZF648" s="613"/>
      <c r="VZG648" s="613"/>
      <c r="VZH648" s="613"/>
      <c r="VZI648" s="613"/>
      <c r="VZJ648" s="613"/>
      <c r="VZK648" s="613"/>
      <c r="VZL648" s="613"/>
      <c r="VZM648" s="613"/>
      <c r="VZN648" s="613"/>
      <c r="VZO648" s="613"/>
      <c r="VZP648" s="613"/>
      <c r="VZQ648" s="613"/>
      <c r="VZR648" s="613"/>
      <c r="VZS648" s="613"/>
      <c r="VZT648" s="613"/>
      <c r="VZU648" s="613"/>
      <c r="VZV648" s="613"/>
      <c r="VZW648" s="613"/>
      <c r="VZX648" s="613"/>
      <c r="VZY648" s="613"/>
      <c r="VZZ648" s="613"/>
      <c r="WAA648" s="613"/>
      <c r="WAB648" s="613"/>
      <c r="WAC648" s="613"/>
      <c r="WAD648" s="613"/>
      <c r="WAE648" s="613"/>
      <c r="WAF648" s="613"/>
      <c r="WAG648" s="613"/>
      <c r="WAH648" s="613"/>
      <c r="WAI648" s="613"/>
      <c r="WAJ648" s="613"/>
      <c r="WAK648" s="613"/>
      <c r="WAL648" s="613"/>
      <c r="WAM648" s="613"/>
      <c r="WAN648" s="613"/>
      <c r="WAO648" s="613"/>
      <c r="WAP648" s="613"/>
      <c r="WAQ648" s="613"/>
      <c r="WAR648" s="613"/>
      <c r="WAS648" s="613"/>
      <c r="WAT648" s="613"/>
      <c r="WAU648" s="613"/>
      <c r="WAV648" s="613"/>
      <c r="WAW648" s="613"/>
      <c r="WAX648" s="613"/>
      <c r="WAY648" s="613"/>
      <c r="WAZ648" s="613"/>
      <c r="WBA648" s="613"/>
      <c r="WBB648" s="613"/>
      <c r="WBC648" s="613"/>
      <c r="WBD648" s="613"/>
      <c r="WBE648" s="613"/>
      <c r="WBF648" s="613"/>
      <c r="WBG648" s="613"/>
      <c r="WBH648" s="613"/>
      <c r="WBI648" s="613"/>
      <c r="WBJ648" s="613"/>
      <c r="WBK648" s="613"/>
      <c r="WBL648" s="613"/>
      <c r="WBM648" s="613"/>
      <c r="WBN648" s="613"/>
      <c r="WBO648" s="613"/>
      <c r="WBP648" s="613"/>
      <c r="WBQ648" s="613"/>
      <c r="WBR648" s="613"/>
      <c r="WBS648" s="613"/>
      <c r="WBT648" s="613"/>
      <c r="WBU648" s="613"/>
      <c r="WBV648" s="613"/>
      <c r="WBW648" s="613"/>
      <c r="WBX648" s="613"/>
      <c r="WBY648" s="613"/>
      <c r="WBZ648" s="613"/>
      <c r="WCA648" s="613"/>
      <c r="WCB648" s="613"/>
      <c r="WCC648" s="613"/>
      <c r="WCD648" s="613"/>
      <c r="WCE648" s="613"/>
      <c r="WCF648" s="613"/>
      <c r="WCG648" s="613"/>
      <c r="WCH648" s="613"/>
      <c r="WCI648" s="613"/>
      <c r="WCJ648" s="613"/>
      <c r="WCK648" s="613"/>
      <c r="WCL648" s="613"/>
      <c r="WCM648" s="613"/>
      <c r="WCN648" s="613"/>
      <c r="WCO648" s="613"/>
      <c r="WCP648" s="613"/>
      <c r="WCQ648" s="613"/>
      <c r="WCR648" s="613"/>
      <c r="WCS648" s="613"/>
      <c r="WCT648" s="613"/>
      <c r="WCU648" s="613"/>
      <c r="WCV648" s="613"/>
      <c r="WCW648" s="613"/>
      <c r="WCX648" s="613"/>
      <c r="WCY648" s="613"/>
      <c r="WCZ648" s="613"/>
      <c r="WDA648" s="613"/>
      <c r="WDB648" s="613"/>
      <c r="WDC648" s="613"/>
      <c r="WDD648" s="613"/>
      <c r="WDE648" s="613"/>
      <c r="WDF648" s="613"/>
      <c r="WDG648" s="613"/>
      <c r="WDH648" s="613"/>
      <c r="WDI648" s="613"/>
      <c r="WDJ648" s="613"/>
      <c r="WDK648" s="613"/>
      <c r="WDL648" s="613"/>
      <c r="WDM648" s="613"/>
      <c r="WDN648" s="613"/>
      <c r="WDO648" s="613"/>
      <c r="WDP648" s="613"/>
      <c r="WDQ648" s="613"/>
      <c r="WDR648" s="613"/>
      <c r="WDS648" s="613"/>
      <c r="WDT648" s="613"/>
      <c r="WDU648" s="613"/>
      <c r="WDV648" s="613"/>
      <c r="WDW648" s="613"/>
      <c r="WDX648" s="613"/>
      <c r="WDY648" s="613"/>
      <c r="WDZ648" s="613"/>
      <c r="WEA648" s="613"/>
      <c r="WEB648" s="613"/>
      <c r="WEC648" s="613"/>
      <c r="WED648" s="613"/>
      <c r="WEE648" s="613"/>
      <c r="WEF648" s="613"/>
      <c r="WEG648" s="613"/>
      <c r="WEH648" s="613"/>
      <c r="WEI648" s="613"/>
      <c r="WEJ648" s="613"/>
      <c r="WEK648" s="613"/>
      <c r="WEL648" s="613"/>
      <c r="WEM648" s="613"/>
      <c r="WEN648" s="613"/>
      <c r="WEO648" s="613"/>
      <c r="WEP648" s="613"/>
      <c r="WEQ648" s="613"/>
      <c r="WER648" s="613"/>
      <c r="WES648" s="613"/>
      <c r="WET648" s="613"/>
      <c r="WEU648" s="613"/>
      <c r="WEV648" s="613"/>
      <c r="WEW648" s="613"/>
      <c r="WEX648" s="613"/>
      <c r="WEY648" s="613"/>
      <c r="WEZ648" s="613"/>
      <c r="WFA648" s="613"/>
      <c r="WFB648" s="613"/>
      <c r="WFC648" s="613"/>
      <c r="WFD648" s="613"/>
      <c r="WFE648" s="613"/>
      <c r="WFF648" s="613"/>
      <c r="WFG648" s="613"/>
      <c r="WFH648" s="613"/>
      <c r="WFI648" s="613"/>
      <c r="WFJ648" s="613"/>
      <c r="WFK648" s="613"/>
      <c r="WFL648" s="613"/>
      <c r="WFM648" s="613"/>
      <c r="WFN648" s="613"/>
      <c r="WFO648" s="613"/>
      <c r="WFP648" s="613"/>
      <c r="WFQ648" s="613"/>
      <c r="WFR648" s="613"/>
      <c r="WFS648" s="613"/>
      <c r="WFT648" s="613"/>
      <c r="WFU648" s="613"/>
      <c r="WFV648" s="613"/>
      <c r="WFW648" s="613"/>
      <c r="WFX648" s="613"/>
      <c r="WFY648" s="613"/>
      <c r="WFZ648" s="613"/>
      <c r="WGA648" s="613"/>
      <c r="WGB648" s="613"/>
      <c r="WGC648" s="613"/>
      <c r="WGD648" s="613"/>
      <c r="WGE648" s="613"/>
      <c r="WGF648" s="613"/>
      <c r="WGG648" s="613"/>
      <c r="WGH648" s="613"/>
      <c r="WGI648" s="613"/>
      <c r="WGJ648" s="613"/>
      <c r="WGK648" s="613"/>
      <c r="WGL648" s="613"/>
      <c r="WGM648" s="613"/>
      <c r="WGN648" s="613"/>
      <c r="WGO648" s="613"/>
      <c r="WGP648" s="613"/>
      <c r="WGQ648" s="613"/>
      <c r="WGR648" s="613"/>
      <c r="WGS648" s="613"/>
      <c r="WGT648" s="613"/>
      <c r="WGU648" s="613"/>
      <c r="WGV648" s="613"/>
      <c r="WGW648" s="613"/>
      <c r="WGX648" s="613"/>
      <c r="WGY648" s="613"/>
      <c r="WGZ648" s="613"/>
      <c r="WHA648" s="613"/>
      <c r="WHB648" s="613"/>
      <c r="WHC648" s="613"/>
      <c r="WHD648" s="613"/>
      <c r="WHE648" s="613"/>
      <c r="WHF648" s="613"/>
      <c r="WHG648" s="613"/>
      <c r="WHH648" s="613"/>
      <c r="WHI648" s="613"/>
      <c r="WHJ648" s="613"/>
      <c r="WHK648" s="613"/>
      <c r="WHL648" s="613"/>
      <c r="WHM648" s="613"/>
      <c r="WHN648" s="613"/>
      <c r="WHO648" s="613"/>
      <c r="WHP648" s="613"/>
      <c r="WHQ648" s="613"/>
      <c r="WHR648" s="613"/>
      <c r="WHS648" s="613"/>
      <c r="WHT648" s="613"/>
      <c r="WHU648" s="613"/>
      <c r="WHV648" s="613"/>
      <c r="WHW648" s="613"/>
      <c r="WHX648" s="613"/>
      <c r="WHY648" s="613"/>
      <c r="WHZ648" s="613"/>
      <c r="WIA648" s="613"/>
      <c r="WIB648" s="613"/>
      <c r="WIC648" s="613"/>
      <c r="WID648" s="613"/>
      <c r="WIE648" s="613"/>
      <c r="WIF648" s="613"/>
      <c r="WIG648" s="613"/>
      <c r="WIH648" s="613"/>
      <c r="WII648" s="613"/>
      <c r="WIJ648" s="613"/>
      <c r="WIK648" s="613"/>
      <c r="WIL648" s="613"/>
      <c r="WIM648" s="613"/>
      <c r="WIN648" s="613"/>
      <c r="WIO648" s="613"/>
      <c r="WIP648" s="613"/>
      <c r="WIQ648" s="613"/>
      <c r="WIR648" s="613"/>
      <c r="WIS648" s="613"/>
      <c r="WIT648" s="613"/>
      <c r="WIU648" s="613"/>
      <c r="WIV648" s="613"/>
      <c r="WIW648" s="613"/>
      <c r="WIX648" s="613"/>
      <c r="WIY648" s="613"/>
      <c r="WIZ648" s="613"/>
      <c r="WJA648" s="613"/>
      <c r="WJB648" s="613"/>
      <c r="WJC648" s="613"/>
      <c r="WJD648" s="613"/>
      <c r="WJE648" s="613"/>
      <c r="WJF648" s="613"/>
      <c r="WJG648" s="613"/>
      <c r="WJH648" s="613"/>
      <c r="WJI648" s="613"/>
      <c r="WJJ648" s="613"/>
      <c r="WJK648" s="613"/>
      <c r="WJL648" s="613"/>
      <c r="WJM648" s="613"/>
      <c r="WJN648" s="613"/>
      <c r="WJO648" s="613"/>
      <c r="WJP648" s="613"/>
      <c r="WJQ648" s="613"/>
      <c r="WJR648" s="613"/>
      <c r="WJS648" s="613"/>
      <c r="WJT648" s="613"/>
      <c r="WJU648" s="613"/>
      <c r="WJV648" s="613"/>
      <c r="WJW648" s="613"/>
      <c r="WJX648" s="613"/>
      <c r="WJY648" s="613"/>
      <c r="WJZ648" s="613"/>
      <c r="WKA648" s="613"/>
      <c r="WKB648" s="613"/>
      <c r="WKC648" s="613"/>
      <c r="WKD648" s="613"/>
      <c r="WKE648" s="613"/>
      <c r="WKF648" s="613"/>
      <c r="WKG648" s="613"/>
      <c r="WKH648" s="613"/>
      <c r="WKI648" s="613"/>
      <c r="WKJ648" s="613"/>
      <c r="WKK648" s="613"/>
      <c r="WKL648" s="613"/>
      <c r="WKM648" s="613"/>
      <c r="WKN648" s="613"/>
      <c r="WKO648" s="613"/>
      <c r="WKP648" s="613"/>
      <c r="WKQ648" s="613"/>
      <c r="WKR648" s="613"/>
      <c r="WKS648" s="613"/>
      <c r="WKT648" s="613"/>
      <c r="WKU648" s="613"/>
      <c r="WKV648" s="613"/>
      <c r="WKW648" s="613"/>
      <c r="WKX648" s="613"/>
      <c r="WKY648" s="613"/>
      <c r="WKZ648" s="613"/>
      <c r="WLA648" s="613"/>
      <c r="WLB648" s="613"/>
      <c r="WLC648" s="613"/>
      <c r="WLD648" s="613"/>
      <c r="WLE648" s="613"/>
      <c r="WLF648" s="613"/>
      <c r="WLG648" s="613"/>
      <c r="WLH648" s="613"/>
      <c r="WLI648" s="613"/>
      <c r="WLJ648" s="613"/>
      <c r="WLK648" s="613"/>
      <c r="WLL648" s="613"/>
      <c r="WLM648" s="613"/>
      <c r="WLN648" s="613"/>
      <c r="WLO648" s="613"/>
      <c r="WLP648" s="613"/>
      <c r="WLQ648" s="613"/>
      <c r="WLR648" s="613"/>
      <c r="WLS648" s="613"/>
      <c r="WLT648" s="613"/>
      <c r="WLU648" s="613"/>
      <c r="WLV648" s="613"/>
      <c r="WLW648" s="613"/>
      <c r="WLX648" s="613"/>
      <c r="WLY648" s="613"/>
      <c r="WLZ648" s="613"/>
      <c r="WMA648" s="613"/>
      <c r="WMB648" s="613"/>
      <c r="WMC648" s="613"/>
      <c r="WMD648" s="613"/>
      <c r="WME648" s="613"/>
      <c r="WMF648" s="613"/>
      <c r="WMG648" s="613"/>
      <c r="WMH648" s="613"/>
      <c r="WMI648" s="613"/>
      <c r="WMJ648" s="613"/>
      <c r="WMK648" s="613"/>
      <c r="WML648" s="613"/>
      <c r="WMM648" s="613"/>
      <c r="WMN648" s="613"/>
      <c r="WMO648" s="613"/>
      <c r="WMP648" s="613"/>
      <c r="WMQ648" s="613"/>
      <c r="WMR648" s="613"/>
      <c r="WMS648" s="613"/>
      <c r="WMT648" s="613"/>
      <c r="WMU648" s="613"/>
      <c r="WMV648" s="613"/>
      <c r="WMW648" s="613"/>
      <c r="WMX648" s="613"/>
      <c r="WMY648" s="613"/>
      <c r="WMZ648" s="613"/>
      <c r="WNA648" s="613"/>
      <c r="WNB648" s="613"/>
      <c r="WNC648" s="613"/>
      <c r="WND648" s="613"/>
      <c r="WNE648" s="613"/>
      <c r="WNF648" s="613"/>
      <c r="WNG648" s="613"/>
      <c r="WNH648" s="613"/>
      <c r="WNI648" s="613"/>
      <c r="WNJ648" s="613"/>
      <c r="WNK648" s="613"/>
      <c r="WNL648" s="613"/>
      <c r="WNM648" s="613"/>
      <c r="WNN648" s="613"/>
      <c r="WNO648" s="613"/>
      <c r="WNP648" s="613"/>
      <c r="WNQ648" s="613"/>
      <c r="WNR648" s="613"/>
      <c r="WNS648" s="613"/>
      <c r="WNT648" s="613"/>
      <c r="WNU648" s="613"/>
      <c r="WNV648" s="613"/>
      <c r="WNW648" s="613"/>
      <c r="WNX648" s="613"/>
      <c r="WNY648" s="613"/>
      <c r="WNZ648" s="613"/>
      <c r="WOA648" s="613"/>
      <c r="WOB648" s="613"/>
      <c r="WOC648" s="613"/>
      <c r="WOD648" s="613"/>
      <c r="WOE648" s="613"/>
      <c r="WOF648" s="613"/>
      <c r="WOG648" s="613"/>
      <c r="WOH648" s="613"/>
      <c r="WOI648" s="613"/>
      <c r="WOJ648" s="613"/>
      <c r="WOK648" s="613"/>
      <c r="WOL648" s="613"/>
      <c r="WOM648" s="613"/>
      <c r="WON648" s="613"/>
      <c r="WOO648" s="613"/>
      <c r="WOP648" s="613"/>
      <c r="WOQ648" s="613"/>
      <c r="WOR648" s="613"/>
      <c r="WOS648" s="613"/>
      <c r="WOT648" s="613"/>
      <c r="WOU648" s="613"/>
      <c r="WOV648" s="613"/>
      <c r="WOW648" s="613"/>
      <c r="WOX648" s="613"/>
      <c r="WOY648" s="613"/>
      <c r="WOZ648" s="613"/>
      <c r="WPA648" s="613"/>
      <c r="WPB648" s="613"/>
      <c r="WPC648" s="613"/>
      <c r="WPD648" s="613"/>
      <c r="WPE648" s="613"/>
      <c r="WPF648" s="613"/>
      <c r="WPG648" s="613"/>
      <c r="WPH648" s="613"/>
      <c r="WPI648" s="613"/>
      <c r="WPJ648" s="613"/>
      <c r="WPK648" s="613"/>
      <c r="WPL648" s="613"/>
      <c r="WPM648" s="613"/>
      <c r="WPN648" s="613"/>
      <c r="WPO648" s="613"/>
      <c r="WPP648" s="613"/>
      <c r="WPQ648" s="613"/>
      <c r="WPR648" s="613"/>
      <c r="WPS648" s="613"/>
      <c r="WPT648" s="613"/>
      <c r="WPU648" s="613"/>
      <c r="WPV648" s="613"/>
      <c r="WPW648" s="613"/>
      <c r="WPX648" s="613"/>
      <c r="WPY648" s="613"/>
      <c r="WPZ648" s="613"/>
      <c r="WQA648" s="613"/>
      <c r="WQB648" s="613"/>
      <c r="WQC648" s="613"/>
      <c r="WQD648" s="613"/>
      <c r="WQE648" s="613"/>
      <c r="WQF648" s="613"/>
      <c r="WQG648" s="613"/>
      <c r="WQH648" s="613"/>
      <c r="WQI648" s="613"/>
      <c r="WQJ648" s="613"/>
      <c r="WQK648" s="613"/>
      <c r="WQL648" s="613"/>
      <c r="WQM648" s="613"/>
      <c r="WQN648" s="613"/>
      <c r="WQO648" s="613"/>
      <c r="WQP648" s="613"/>
      <c r="WQQ648" s="613"/>
      <c r="WQR648" s="613"/>
      <c r="WQS648" s="613"/>
      <c r="WQT648" s="613"/>
      <c r="WQU648" s="613"/>
      <c r="WQV648" s="613"/>
      <c r="WQW648" s="613"/>
      <c r="WQX648" s="613"/>
      <c r="WQY648" s="613"/>
      <c r="WQZ648" s="613"/>
      <c r="WRA648" s="613"/>
      <c r="WRB648" s="613"/>
      <c r="WRC648" s="613"/>
      <c r="WRD648" s="613"/>
      <c r="WRE648" s="613"/>
      <c r="WRF648" s="613"/>
      <c r="WRG648" s="613"/>
      <c r="WRH648" s="613"/>
      <c r="WRI648" s="613"/>
      <c r="WRJ648" s="613"/>
      <c r="WRK648" s="613"/>
      <c r="WRL648" s="613"/>
      <c r="WRM648" s="613"/>
      <c r="WRN648" s="613"/>
      <c r="WRO648" s="613"/>
      <c r="WRP648" s="613"/>
      <c r="WRQ648" s="613"/>
      <c r="WRR648" s="613"/>
      <c r="WRS648" s="613"/>
      <c r="WRT648" s="613"/>
      <c r="WRU648" s="613"/>
      <c r="WRV648" s="613"/>
      <c r="WRW648" s="613"/>
      <c r="WRX648" s="613"/>
      <c r="WRY648" s="613"/>
      <c r="WRZ648" s="613"/>
      <c r="WSA648" s="613"/>
      <c r="WSB648" s="613"/>
      <c r="WSC648" s="613"/>
      <c r="WSD648" s="613"/>
      <c r="WSE648" s="613"/>
      <c r="WSF648" s="613"/>
      <c r="WSG648" s="613"/>
      <c r="WSH648" s="613"/>
      <c r="WSI648" s="613"/>
      <c r="WSJ648" s="613"/>
      <c r="WSK648" s="613"/>
      <c r="WSL648" s="613"/>
      <c r="WSM648" s="613"/>
      <c r="WSN648" s="613"/>
      <c r="WSO648" s="613"/>
      <c r="WSP648" s="613"/>
      <c r="WSQ648" s="613"/>
      <c r="WSR648" s="613"/>
      <c r="WSS648" s="613"/>
      <c r="WST648" s="613"/>
      <c r="WSU648" s="613"/>
      <c r="WSV648" s="613"/>
      <c r="WSW648" s="613"/>
      <c r="WSX648" s="613"/>
      <c r="WSY648" s="613"/>
      <c r="WSZ648" s="613"/>
      <c r="WTA648" s="613"/>
      <c r="WTB648" s="613"/>
      <c r="WTC648" s="613"/>
      <c r="WTD648" s="613"/>
      <c r="WTE648" s="613"/>
      <c r="WTF648" s="613"/>
      <c r="WTG648" s="613"/>
      <c r="WTH648" s="613"/>
      <c r="WTI648" s="613"/>
      <c r="WTJ648" s="613"/>
      <c r="WTK648" s="613"/>
      <c r="WTL648" s="613"/>
      <c r="WTM648" s="613"/>
      <c r="WTN648" s="613"/>
      <c r="WTO648" s="613"/>
      <c r="WTP648" s="613"/>
      <c r="WTQ648" s="613"/>
      <c r="WTR648" s="613"/>
      <c r="WTS648" s="613"/>
      <c r="WTT648" s="613"/>
      <c r="WTU648" s="613"/>
      <c r="WTV648" s="613"/>
      <c r="WTW648" s="613"/>
      <c r="WTX648" s="613"/>
      <c r="WTY648" s="613"/>
      <c r="WTZ648" s="613"/>
      <c r="WUA648" s="613"/>
      <c r="WUB648" s="613"/>
      <c r="WUC648" s="613"/>
      <c r="WUD648" s="613"/>
      <c r="WUE648" s="613"/>
      <c r="WUF648" s="613"/>
      <c r="WUG648" s="613"/>
      <c r="WUH648" s="613"/>
      <c r="WUI648" s="613"/>
      <c r="WUJ648" s="613"/>
      <c r="WUK648" s="613"/>
      <c r="WUL648" s="613"/>
      <c r="WUM648" s="613"/>
      <c r="WUN648" s="613"/>
      <c r="WUO648" s="613"/>
      <c r="WUP648" s="613"/>
      <c r="WUQ648" s="613"/>
      <c r="WUR648" s="613"/>
      <c r="WUS648" s="613"/>
      <c r="WUT648" s="613"/>
      <c r="WUU648" s="613"/>
      <c r="WUV648" s="613"/>
      <c r="WUW648" s="613"/>
      <c r="WUX648" s="613"/>
      <c r="WUY648" s="613"/>
      <c r="WUZ648" s="613"/>
      <c r="WVA648" s="613"/>
      <c r="WVB648" s="613"/>
      <c r="WVC648" s="613"/>
      <c r="WVD648" s="613"/>
      <c r="WVE648" s="613"/>
      <c r="WVF648" s="613"/>
      <c r="WVG648" s="613"/>
      <c r="WVH648" s="613"/>
      <c r="WVI648" s="613"/>
      <c r="WVJ648" s="613"/>
      <c r="WVK648" s="613"/>
      <c r="WVL648" s="613"/>
      <c r="WVM648" s="613"/>
      <c r="WVN648" s="613"/>
      <c r="WVO648" s="613"/>
      <c r="WVP648" s="613"/>
      <c r="WVQ648" s="613"/>
      <c r="WVR648" s="613"/>
      <c r="WVS648" s="613"/>
      <c r="WVT648" s="613"/>
      <c r="WVU648" s="613"/>
      <c r="WVV648" s="613"/>
      <c r="WVW648" s="613"/>
      <c r="WVX648" s="613"/>
      <c r="WVY648" s="613"/>
      <c r="WVZ648" s="613"/>
      <c r="WWA648" s="613"/>
      <c r="WWB648" s="613"/>
      <c r="WWC648" s="613"/>
      <c r="WWD648" s="613"/>
      <c r="WWE648" s="613"/>
      <c r="WWF648" s="613"/>
      <c r="WWG648" s="613"/>
      <c r="WWH648" s="613"/>
      <c r="WWI648" s="613"/>
      <c r="WWJ648" s="613"/>
      <c r="WWK648" s="613"/>
      <c r="WWL648" s="613"/>
      <c r="WWM648" s="613"/>
      <c r="WWN648" s="613"/>
      <c r="WWO648" s="613"/>
      <c r="WWP648" s="613"/>
      <c r="WWQ648" s="613"/>
      <c r="WWR648" s="613"/>
      <c r="WWS648" s="613"/>
      <c r="WWT648" s="613"/>
      <c r="WWU648" s="613"/>
      <c r="WWV648" s="613"/>
      <c r="WWW648" s="613"/>
      <c r="WWX648" s="613"/>
      <c r="WWY648" s="613"/>
      <c r="WWZ648" s="613"/>
      <c r="WXA648" s="613"/>
      <c r="WXB648" s="613"/>
      <c r="WXC648" s="613"/>
      <c r="WXD648" s="613"/>
      <c r="WXE648" s="613"/>
      <c r="WXF648" s="613"/>
      <c r="WXG648" s="613"/>
      <c r="WXH648" s="613"/>
      <c r="WXI648" s="613"/>
      <c r="WXJ648" s="613"/>
      <c r="WXK648" s="613"/>
      <c r="WXL648" s="613"/>
      <c r="WXM648" s="613"/>
      <c r="WXN648" s="613"/>
      <c r="WXO648" s="613"/>
      <c r="WXP648" s="613"/>
      <c r="WXQ648" s="613"/>
      <c r="WXR648" s="613"/>
      <c r="WXS648" s="613"/>
      <c r="WXT648" s="613"/>
      <c r="WXU648" s="613"/>
      <c r="WXV648" s="613"/>
      <c r="WXW648" s="613"/>
      <c r="WXX648" s="613"/>
      <c r="WXY648" s="613"/>
      <c r="WXZ648" s="613"/>
      <c r="WYA648" s="613"/>
      <c r="WYB648" s="613"/>
      <c r="WYC648" s="613"/>
      <c r="WYD648" s="613"/>
      <c r="WYE648" s="613"/>
      <c r="WYF648" s="613"/>
      <c r="WYG648" s="613"/>
      <c r="WYH648" s="613"/>
      <c r="WYI648" s="613"/>
      <c r="WYJ648" s="613"/>
      <c r="WYK648" s="613"/>
      <c r="WYL648" s="613"/>
      <c r="WYM648" s="613"/>
      <c r="WYN648" s="613"/>
      <c r="WYO648" s="613"/>
      <c r="WYP648" s="613"/>
      <c r="WYQ648" s="613"/>
      <c r="WYR648" s="613"/>
      <c r="WYS648" s="613"/>
      <c r="WYT648" s="613"/>
      <c r="WYU648" s="613"/>
      <c r="WYV648" s="613"/>
      <c r="WYW648" s="613"/>
      <c r="WYX648" s="613"/>
      <c r="WYY648" s="613"/>
      <c r="WYZ648" s="613"/>
      <c r="WZA648" s="613"/>
      <c r="WZB648" s="613"/>
      <c r="WZC648" s="613"/>
      <c r="WZD648" s="613"/>
      <c r="WZE648" s="613"/>
      <c r="WZF648" s="613"/>
      <c r="WZG648" s="613"/>
      <c r="WZH648" s="613"/>
      <c r="WZI648" s="613"/>
      <c r="WZJ648" s="613"/>
      <c r="WZK648" s="613"/>
      <c r="WZL648" s="613"/>
      <c r="WZM648" s="613"/>
      <c r="WZN648" s="613"/>
      <c r="WZO648" s="613"/>
      <c r="WZP648" s="613"/>
      <c r="WZQ648" s="613"/>
      <c r="WZR648" s="613"/>
      <c r="WZS648" s="613"/>
      <c r="WZT648" s="613"/>
      <c r="WZU648" s="613"/>
      <c r="WZV648" s="613"/>
      <c r="WZW648" s="613"/>
      <c r="WZX648" s="613"/>
      <c r="WZY648" s="613"/>
      <c r="WZZ648" s="613"/>
      <c r="XAA648" s="613"/>
      <c r="XAB648" s="613"/>
      <c r="XAC648" s="613"/>
      <c r="XAD648" s="613"/>
      <c r="XAE648" s="613"/>
      <c r="XAF648" s="613"/>
      <c r="XAG648" s="613"/>
      <c r="XAH648" s="613"/>
      <c r="XAI648" s="613"/>
      <c r="XAJ648" s="613"/>
      <c r="XAK648" s="613"/>
      <c r="XAL648" s="613"/>
      <c r="XAM648" s="613"/>
      <c r="XAN648" s="613"/>
      <c r="XAO648" s="613"/>
      <c r="XAP648" s="613"/>
      <c r="XAQ648" s="613"/>
      <c r="XAR648" s="613"/>
      <c r="XAS648" s="613"/>
      <c r="XAT648" s="613"/>
      <c r="XAU648" s="613"/>
      <c r="XAV648" s="613"/>
      <c r="XAW648" s="613"/>
      <c r="XAX648" s="613"/>
      <c r="XAY648" s="613"/>
      <c r="XAZ648" s="613"/>
      <c r="XBA648" s="613"/>
      <c r="XBB648" s="613"/>
      <c r="XBC648" s="613"/>
      <c r="XBD648" s="613"/>
      <c r="XBE648" s="613"/>
      <c r="XBF648" s="613"/>
      <c r="XBG648" s="613"/>
      <c r="XBH648" s="613"/>
      <c r="XBI648" s="613"/>
      <c r="XBJ648" s="613"/>
      <c r="XBK648" s="613"/>
      <c r="XBL648" s="613"/>
      <c r="XBM648" s="613"/>
      <c r="XBN648" s="613"/>
      <c r="XBO648" s="613"/>
      <c r="XBP648" s="613"/>
      <c r="XBQ648" s="613"/>
      <c r="XBR648" s="613"/>
      <c r="XBS648" s="613"/>
      <c r="XBT648" s="613"/>
      <c r="XBU648" s="613"/>
      <c r="XBV648" s="613"/>
      <c r="XBW648" s="613"/>
      <c r="XBX648" s="613"/>
      <c r="XBY648" s="613"/>
      <c r="XBZ648" s="613"/>
      <c r="XCA648" s="613"/>
      <c r="XCB648" s="613"/>
      <c r="XCC648" s="613"/>
      <c r="XCD648" s="613"/>
      <c r="XCE648" s="613"/>
      <c r="XCF648" s="613"/>
      <c r="XCG648" s="613"/>
      <c r="XCH648" s="613"/>
      <c r="XCI648" s="613"/>
      <c r="XCJ648" s="613"/>
      <c r="XCK648" s="613"/>
      <c r="XCL648" s="613"/>
      <c r="XCM648" s="613"/>
      <c r="XCN648" s="613"/>
      <c r="XCO648" s="613"/>
      <c r="XCP648" s="613"/>
      <c r="XCQ648" s="613"/>
    </row>
    <row r="649" spans="1:16319" ht="56.1" customHeight="1" x14ac:dyDescent="0.2">
      <c r="A649" s="494"/>
      <c r="B649" s="494"/>
      <c r="C649" s="494"/>
      <c r="D649" s="481">
        <v>181</v>
      </c>
      <c r="E649" s="481"/>
      <c r="F649" s="481" t="s">
        <v>2481</v>
      </c>
      <c r="G649" s="482" t="s">
        <v>53</v>
      </c>
      <c r="H649" s="481" t="s">
        <v>329</v>
      </c>
      <c r="I649" s="654" t="s">
        <v>428</v>
      </c>
      <c r="J649" s="654" t="s">
        <v>369</v>
      </c>
      <c r="K649" s="495" t="s">
        <v>444</v>
      </c>
      <c r="L649" s="621"/>
      <c r="M649" s="484" t="s">
        <v>58</v>
      </c>
      <c r="N649" s="327" t="s">
        <v>1360</v>
      </c>
      <c r="O649" s="484" t="s">
        <v>3027</v>
      </c>
      <c r="P649" s="484" t="s">
        <v>60</v>
      </c>
      <c r="Q649" s="667" t="s">
        <v>334</v>
      </c>
      <c r="R649" s="484" t="s">
        <v>334</v>
      </c>
      <c r="S649" s="484" t="s">
        <v>62</v>
      </c>
      <c r="T649" s="484"/>
      <c r="U649" s="620" t="s">
        <v>63</v>
      </c>
      <c r="V649" s="620" t="s">
        <v>63</v>
      </c>
      <c r="W649" s="723">
        <v>348318</v>
      </c>
      <c r="X649" s="723"/>
      <c r="Y649" s="654" t="s">
        <v>226</v>
      </c>
      <c r="Z649" s="654"/>
      <c r="AA649" s="723">
        <v>348318</v>
      </c>
      <c r="AB649" s="652" t="s">
        <v>82</v>
      </c>
      <c r="AC649" s="652"/>
      <c r="AD649" s="487" t="s">
        <v>66</v>
      </c>
      <c r="AE649" s="496"/>
      <c r="AF649" s="496"/>
      <c r="AG649" s="496"/>
      <c r="AH649" s="496"/>
      <c r="AI649" s="496"/>
      <c r="AJ649" s="496"/>
      <c r="AK649" s="496"/>
      <c r="AL649" s="496"/>
      <c r="AM649" s="496"/>
      <c r="AN649" s="496"/>
      <c r="AO649" s="496"/>
      <c r="AP649" s="496"/>
      <c r="AQ649" s="496"/>
      <c r="AR649" s="496"/>
      <c r="AS649" s="496"/>
      <c r="AT649" s="496"/>
      <c r="AU649" s="487"/>
      <c r="AV649" s="487"/>
      <c r="AW649" s="487"/>
      <c r="AX649" s="487"/>
      <c r="AY649" s="487"/>
      <c r="AZ649" s="487"/>
      <c r="BA649" s="484"/>
      <c r="BB649" s="484" t="s">
        <v>340</v>
      </c>
      <c r="BC649" s="484" t="s">
        <v>3041</v>
      </c>
      <c r="BD649" s="494"/>
      <c r="BE649" s="494"/>
      <c r="BF649" s="137"/>
      <c r="BG649" s="613"/>
      <c r="BH649" s="613"/>
      <c r="BI649" s="613"/>
      <c r="BJ649" s="613"/>
      <c r="BK649" s="613"/>
      <c r="BL649" s="613"/>
      <c r="BM649" s="613"/>
      <c r="BN649" s="613"/>
      <c r="BO649" s="613"/>
      <c r="BP649" s="613"/>
      <c r="BQ649" s="613"/>
      <c r="BR649" s="613"/>
      <c r="BS649" s="613"/>
      <c r="BT649" s="613"/>
      <c r="BU649" s="613"/>
      <c r="BV649" s="613"/>
      <c r="BW649" s="613"/>
      <c r="BX649" s="613"/>
      <c r="BY649" s="613"/>
      <c r="BZ649" s="613"/>
      <c r="CA649" s="613"/>
      <c r="CB649" s="613"/>
      <c r="CC649" s="613"/>
      <c r="CD649" s="613"/>
      <c r="CE649" s="613"/>
      <c r="CF649" s="613"/>
      <c r="CG649" s="613"/>
      <c r="CH649" s="613"/>
      <c r="CI649" s="613"/>
      <c r="CJ649" s="613"/>
      <c r="CK649" s="613"/>
      <c r="CL649" s="613"/>
      <c r="CM649" s="613"/>
      <c r="CN649" s="613"/>
      <c r="CO649" s="613"/>
      <c r="CP649" s="613"/>
      <c r="CQ649" s="613"/>
      <c r="CR649" s="613"/>
      <c r="CS649" s="613"/>
      <c r="CT649" s="613"/>
      <c r="CU649" s="613"/>
      <c r="CV649" s="613"/>
      <c r="CW649" s="613"/>
      <c r="CX649" s="613"/>
      <c r="CY649" s="613"/>
      <c r="CZ649" s="613"/>
      <c r="DA649" s="613"/>
      <c r="DB649" s="613"/>
      <c r="DC649" s="613"/>
      <c r="DD649" s="613"/>
      <c r="DE649" s="613"/>
      <c r="DF649" s="613"/>
      <c r="DG649" s="613"/>
      <c r="DH649" s="613"/>
      <c r="DI649" s="613"/>
      <c r="DJ649" s="613"/>
      <c r="DK649" s="613"/>
      <c r="DL649" s="613"/>
      <c r="DM649" s="613"/>
      <c r="DN649" s="613"/>
      <c r="DO649" s="613"/>
      <c r="DP649" s="613"/>
      <c r="DQ649" s="613"/>
      <c r="DR649" s="613"/>
      <c r="DS649" s="613"/>
      <c r="DT649" s="613"/>
      <c r="DU649" s="613"/>
      <c r="DV649" s="613"/>
      <c r="DW649" s="613"/>
      <c r="DX649" s="613"/>
      <c r="DY649" s="613"/>
      <c r="DZ649" s="613"/>
      <c r="EA649" s="613"/>
      <c r="EB649" s="613"/>
      <c r="EC649" s="613"/>
      <c r="ED649" s="613"/>
      <c r="EE649" s="613"/>
      <c r="EF649" s="613"/>
      <c r="EG649" s="613"/>
      <c r="EH649" s="613"/>
      <c r="EI649" s="613"/>
      <c r="EJ649" s="613"/>
      <c r="EK649" s="613"/>
      <c r="EL649" s="613"/>
      <c r="EM649" s="613"/>
      <c r="EN649" s="613"/>
      <c r="EO649" s="613"/>
      <c r="EP649" s="613"/>
      <c r="EQ649" s="613"/>
      <c r="ER649" s="613"/>
      <c r="ES649" s="613"/>
      <c r="ET649" s="613"/>
      <c r="EU649" s="613"/>
      <c r="EV649" s="613"/>
      <c r="EW649" s="613"/>
      <c r="EX649" s="613"/>
      <c r="EY649" s="613"/>
      <c r="EZ649" s="613"/>
      <c r="FA649" s="613"/>
      <c r="FB649" s="613"/>
      <c r="FC649" s="613"/>
      <c r="FD649" s="613"/>
      <c r="FE649" s="613"/>
      <c r="FF649" s="613"/>
      <c r="FG649" s="613"/>
      <c r="FH649" s="613"/>
      <c r="FI649" s="613"/>
      <c r="FJ649" s="613"/>
      <c r="FK649" s="613"/>
      <c r="FL649" s="613"/>
      <c r="FM649" s="613"/>
      <c r="FN649" s="613"/>
      <c r="FO649" s="613"/>
      <c r="FP649" s="613"/>
      <c r="FQ649" s="613"/>
      <c r="FR649" s="613"/>
      <c r="FS649" s="613"/>
      <c r="FT649" s="613"/>
      <c r="FU649" s="613"/>
      <c r="FV649" s="613"/>
      <c r="FW649" s="613"/>
      <c r="FX649" s="613"/>
      <c r="FY649" s="613"/>
      <c r="FZ649" s="613"/>
      <c r="GA649" s="613"/>
      <c r="GB649" s="613"/>
      <c r="GC649" s="613"/>
      <c r="GD649" s="613"/>
      <c r="GE649" s="613"/>
      <c r="GF649" s="613"/>
      <c r="GG649" s="613"/>
      <c r="GH649" s="613"/>
      <c r="GI649" s="613"/>
      <c r="GJ649" s="613"/>
      <c r="GK649" s="613"/>
      <c r="GL649" s="613"/>
      <c r="GM649" s="613"/>
      <c r="GN649" s="613"/>
      <c r="GO649" s="613"/>
      <c r="GP649" s="613"/>
      <c r="GQ649" s="613"/>
      <c r="GR649" s="613"/>
      <c r="GS649" s="613"/>
      <c r="GT649" s="613"/>
      <c r="GU649" s="613"/>
      <c r="GV649" s="613"/>
      <c r="GW649" s="613"/>
      <c r="GX649" s="613"/>
      <c r="GY649" s="613"/>
      <c r="GZ649" s="613"/>
      <c r="HA649" s="613"/>
      <c r="HB649" s="613"/>
      <c r="HC649" s="613"/>
      <c r="HD649" s="613"/>
      <c r="HE649" s="613"/>
      <c r="HF649" s="613"/>
      <c r="HG649" s="613"/>
      <c r="HH649" s="613"/>
      <c r="HI649" s="613"/>
      <c r="HJ649" s="613"/>
      <c r="HK649" s="613"/>
      <c r="HL649" s="613"/>
      <c r="HM649" s="613"/>
      <c r="HN649" s="613"/>
      <c r="HO649" s="613"/>
      <c r="HP649" s="613"/>
      <c r="HQ649" s="613"/>
      <c r="HR649" s="613"/>
      <c r="HS649" s="613"/>
      <c r="HT649" s="613"/>
      <c r="HU649" s="613"/>
      <c r="HV649" s="613"/>
      <c r="HW649" s="613"/>
      <c r="HX649" s="613"/>
      <c r="HY649" s="613"/>
      <c r="HZ649" s="613"/>
      <c r="IA649" s="613"/>
      <c r="IB649" s="613"/>
      <c r="IC649" s="613"/>
      <c r="ID649" s="613"/>
      <c r="IE649" s="613"/>
      <c r="IF649" s="613"/>
      <c r="IG649" s="613"/>
      <c r="IH649" s="613"/>
      <c r="II649" s="613"/>
      <c r="IJ649" s="613"/>
      <c r="IK649" s="613"/>
      <c r="IL649" s="613"/>
      <c r="IM649" s="613"/>
      <c r="IN649" s="613"/>
      <c r="IO649" s="613"/>
      <c r="IP649" s="613"/>
      <c r="IQ649" s="613"/>
      <c r="IR649" s="613"/>
      <c r="IS649" s="613"/>
      <c r="IT649" s="613"/>
      <c r="IU649" s="613"/>
      <c r="IV649" s="613"/>
      <c r="IW649" s="613"/>
      <c r="IX649" s="613"/>
      <c r="IY649" s="613"/>
      <c r="IZ649" s="613"/>
      <c r="JA649" s="613"/>
      <c r="JB649" s="613"/>
      <c r="JC649" s="613"/>
      <c r="JD649" s="613"/>
      <c r="JE649" s="613"/>
      <c r="JF649" s="613"/>
      <c r="JG649" s="613"/>
      <c r="JH649" s="613"/>
      <c r="JI649" s="613"/>
      <c r="JJ649" s="613"/>
      <c r="JK649" s="613"/>
      <c r="JL649" s="613"/>
      <c r="JM649" s="613"/>
      <c r="JN649" s="613"/>
      <c r="JO649" s="613"/>
      <c r="JP649" s="613"/>
      <c r="JQ649" s="613"/>
      <c r="JR649" s="613"/>
      <c r="JS649" s="613"/>
      <c r="JT649" s="613"/>
      <c r="JU649" s="613"/>
      <c r="JV649" s="613"/>
      <c r="JW649" s="613"/>
      <c r="JX649" s="613"/>
      <c r="JY649" s="613"/>
      <c r="JZ649" s="613"/>
      <c r="KA649" s="613"/>
      <c r="KB649" s="613"/>
      <c r="KC649" s="613"/>
      <c r="KD649" s="613"/>
      <c r="KE649" s="613"/>
      <c r="KF649" s="613"/>
      <c r="KG649" s="613"/>
      <c r="KH649" s="613"/>
      <c r="KI649" s="613"/>
      <c r="KJ649" s="613"/>
      <c r="KK649" s="613"/>
      <c r="KL649" s="613"/>
      <c r="KM649" s="613"/>
      <c r="KN649" s="613"/>
      <c r="KO649" s="613"/>
      <c r="KP649" s="613"/>
      <c r="KQ649" s="613"/>
      <c r="KR649" s="613"/>
      <c r="KS649" s="613"/>
      <c r="KT649" s="613"/>
      <c r="KU649" s="613"/>
      <c r="KV649" s="613"/>
      <c r="KW649" s="613"/>
      <c r="KX649" s="613"/>
      <c r="KY649" s="613"/>
      <c r="KZ649" s="613"/>
      <c r="LA649" s="613"/>
      <c r="LB649" s="613"/>
      <c r="LC649" s="613"/>
      <c r="LD649" s="613"/>
      <c r="LE649" s="613"/>
      <c r="LF649" s="613"/>
      <c r="LG649" s="613"/>
      <c r="LH649" s="613"/>
      <c r="LI649" s="613"/>
      <c r="LJ649" s="613"/>
      <c r="LK649" s="613"/>
      <c r="LL649" s="613"/>
      <c r="LM649" s="613"/>
      <c r="LN649" s="613"/>
      <c r="LO649" s="613"/>
      <c r="LP649" s="613"/>
      <c r="LQ649" s="613"/>
      <c r="LR649" s="613"/>
      <c r="LS649" s="613"/>
      <c r="LT649" s="613"/>
      <c r="LU649" s="613"/>
      <c r="LV649" s="613"/>
      <c r="LW649" s="613"/>
      <c r="LX649" s="613"/>
      <c r="LY649" s="613"/>
      <c r="LZ649" s="613"/>
      <c r="MA649" s="613"/>
      <c r="MB649" s="613"/>
      <c r="MC649" s="613"/>
      <c r="MD649" s="613"/>
      <c r="ME649" s="613"/>
      <c r="MF649" s="613"/>
      <c r="MG649" s="613"/>
      <c r="MH649" s="613"/>
      <c r="MI649" s="613"/>
      <c r="MJ649" s="613"/>
      <c r="MK649" s="613"/>
      <c r="ML649" s="613"/>
      <c r="MM649" s="613"/>
      <c r="MN649" s="613"/>
      <c r="MO649" s="613"/>
      <c r="MP649" s="613"/>
      <c r="MQ649" s="613"/>
      <c r="MR649" s="613"/>
      <c r="MS649" s="613"/>
      <c r="MT649" s="613"/>
      <c r="MU649" s="613"/>
      <c r="MV649" s="613"/>
      <c r="MW649" s="613"/>
      <c r="MX649" s="613"/>
      <c r="MY649" s="613"/>
      <c r="MZ649" s="613"/>
      <c r="NA649" s="613"/>
      <c r="NB649" s="613"/>
      <c r="NC649" s="613"/>
      <c r="ND649" s="613"/>
      <c r="NE649" s="613"/>
      <c r="NF649" s="613"/>
      <c r="NG649" s="613"/>
      <c r="NH649" s="613"/>
      <c r="NI649" s="613"/>
      <c r="NJ649" s="613"/>
      <c r="NK649" s="613"/>
      <c r="NL649" s="613"/>
      <c r="NM649" s="613"/>
      <c r="NN649" s="613"/>
      <c r="NO649" s="613"/>
      <c r="NP649" s="613"/>
      <c r="NQ649" s="613"/>
      <c r="NR649" s="613"/>
      <c r="NS649" s="613"/>
      <c r="NT649" s="613"/>
      <c r="NU649" s="613"/>
      <c r="NV649" s="613"/>
      <c r="NW649" s="613"/>
      <c r="NX649" s="613"/>
      <c r="NY649" s="613"/>
      <c r="NZ649" s="613"/>
      <c r="OA649" s="613"/>
      <c r="OB649" s="613"/>
      <c r="OC649" s="613"/>
      <c r="OD649" s="613"/>
      <c r="OE649" s="613"/>
      <c r="OF649" s="613"/>
      <c r="OG649" s="613"/>
      <c r="OH649" s="613"/>
      <c r="OI649" s="613"/>
      <c r="OJ649" s="613"/>
      <c r="OK649" s="613"/>
      <c r="OL649" s="613"/>
      <c r="OM649" s="613"/>
      <c r="ON649" s="613"/>
      <c r="OO649" s="613"/>
      <c r="OP649" s="613"/>
      <c r="OQ649" s="613"/>
      <c r="OR649" s="613"/>
      <c r="OS649" s="613"/>
      <c r="OT649" s="613"/>
      <c r="OU649" s="613"/>
      <c r="OV649" s="613"/>
      <c r="OW649" s="613"/>
      <c r="OX649" s="613"/>
      <c r="OY649" s="613"/>
      <c r="OZ649" s="613"/>
      <c r="PA649" s="613"/>
      <c r="PB649" s="613"/>
      <c r="PC649" s="613"/>
      <c r="PD649" s="613"/>
      <c r="PE649" s="613"/>
      <c r="PF649" s="613"/>
      <c r="PG649" s="613"/>
      <c r="PH649" s="613"/>
      <c r="PI649" s="613"/>
      <c r="PJ649" s="613"/>
      <c r="PK649" s="613"/>
      <c r="PL649" s="613"/>
      <c r="PM649" s="613"/>
      <c r="PN649" s="613"/>
      <c r="PO649" s="613"/>
      <c r="PP649" s="613"/>
      <c r="PQ649" s="613"/>
      <c r="PR649" s="613"/>
      <c r="PS649" s="613"/>
      <c r="PT649" s="613"/>
      <c r="PU649" s="613"/>
      <c r="PV649" s="613"/>
      <c r="PW649" s="613"/>
      <c r="PX649" s="613"/>
      <c r="PY649" s="613"/>
      <c r="PZ649" s="613"/>
      <c r="QA649" s="613"/>
      <c r="QB649" s="613"/>
      <c r="QC649" s="613"/>
      <c r="QD649" s="613"/>
      <c r="QE649" s="613"/>
      <c r="QF649" s="613"/>
      <c r="QG649" s="613"/>
      <c r="QH649" s="613"/>
      <c r="QI649" s="613"/>
      <c r="QJ649" s="613"/>
      <c r="QK649" s="613"/>
      <c r="QL649" s="613"/>
      <c r="QM649" s="613"/>
      <c r="QN649" s="613"/>
      <c r="QO649" s="613"/>
      <c r="QP649" s="613"/>
      <c r="QQ649" s="613"/>
      <c r="QR649" s="613"/>
      <c r="QS649" s="613"/>
      <c r="QT649" s="613"/>
      <c r="QU649" s="613"/>
      <c r="QV649" s="613"/>
      <c r="QW649" s="613"/>
      <c r="QX649" s="613"/>
      <c r="QY649" s="613"/>
      <c r="QZ649" s="613"/>
      <c r="RA649" s="613"/>
      <c r="RB649" s="613"/>
      <c r="RC649" s="613"/>
      <c r="RD649" s="613"/>
      <c r="RE649" s="613"/>
      <c r="RF649" s="613"/>
      <c r="RG649" s="613"/>
      <c r="RH649" s="613"/>
      <c r="RI649" s="613"/>
      <c r="RJ649" s="613"/>
      <c r="RK649" s="613"/>
      <c r="RL649" s="613"/>
      <c r="RM649" s="613"/>
      <c r="RN649" s="613"/>
      <c r="RO649" s="613"/>
      <c r="RP649" s="613"/>
      <c r="RQ649" s="613"/>
      <c r="RR649" s="613"/>
      <c r="RS649" s="613"/>
      <c r="RT649" s="613"/>
      <c r="RU649" s="613"/>
      <c r="RV649" s="613"/>
      <c r="RW649" s="613"/>
      <c r="RX649" s="613"/>
      <c r="RY649" s="613"/>
      <c r="RZ649" s="613"/>
      <c r="SA649" s="613"/>
      <c r="SB649" s="613"/>
      <c r="SC649" s="613"/>
      <c r="SD649" s="613"/>
      <c r="SE649" s="613"/>
      <c r="SF649" s="613"/>
      <c r="SG649" s="613"/>
      <c r="SH649" s="613"/>
      <c r="SI649" s="613"/>
      <c r="SJ649" s="613"/>
      <c r="SK649" s="613"/>
      <c r="SL649" s="613"/>
      <c r="SM649" s="613"/>
      <c r="SN649" s="613"/>
      <c r="SO649" s="613"/>
      <c r="SP649" s="613"/>
      <c r="SQ649" s="613"/>
      <c r="SR649" s="613"/>
      <c r="SS649" s="613"/>
      <c r="ST649" s="613"/>
      <c r="SU649" s="613"/>
      <c r="SV649" s="613"/>
      <c r="SW649" s="613"/>
      <c r="SX649" s="613"/>
      <c r="SY649" s="613"/>
      <c r="SZ649" s="613"/>
      <c r="TA649" s="613"/>
      <c r="TB649" s="613"/>
      <c r="TC649" s="613"/>
      <c r="TD649" s="613"/>
      <c r="TE649" s="613"/>
      <c r="TF649" s="613"/>
      <c r="TG649" s="613"/>
      <c r="TH649" s="613"/>
      <c r="TI649" s="613"/>
      <c r="TJ649" s="613"/>
      <c r="TK649" s="613"/>
      <c r="TL649" s="613"/>
      <c r="TM649" s="613"/>
      <c r="TN649" s="613"/>
      <c r="TO649" s="613"/>
      <c r="TP649" s="613"/>
      <c r="TQ649" s="613"/>
      <c r="TR649" s="613"/>
      <c r="TS649" s="613"/>
      <c r="TT649" s="613"/>
      <c r="TU649" s="613"/>
      <c r="TV649" s="613"/>
      <c r="TW649" s="613"/>
      <c r="TX649" s="613"/>
      <c r="TY649" s="613"/>
      <c r="TZ649" s="613"/>
      <c r="UA649" s="613"/>
      <c r="UB649" s="613"/>
      <c r="UC649" s="613"/>
      <c r="UD649" s="613"/>
      <c r="UE649" s="613"/>
      <c r="UF649" s="613"/>
      <c r="UG649" s="613"/>
      <c r="UH649" s="613"/>
      <c r="UI649" s="613"/>
      <c r="UJ649" s="613"/>
      <c r="UK649" s="613"/>
      <c r="UL649" s="613"/>
      <c r="UM649" s="613"/>
      <c r="UN649" s="613"/>
      <c r="UO649" s="613"/>
      <c r="UP649" s="613"/>
      <c r="UQ649" s="613"/>
      <c r="UR649" s="613"/>
      <c r="US649" s="613"/>
      <c r="UT649" s="613"/>
      <c r="UU649" s="613"/>
      <c r="UV649" s="613"/>
      <c r="UW649" s="613"/>
      <c r="UX649" s="613"/>
      <c r="UY649" s="613"/>
      <c r="UZ649" s="613"/>
      <c r="VA649" s="613"/>
      <c r="VB649" s="613"/>
      <c r="VC649" s="613"/>
      <c r="VD649" s="613"/>
      <c r="VE649" s="613"/>
      <c r="VF649" s="613"/>
      <c r="VG649" s="613"/>
      <c r="VH649" s="613"/>
      <c r="VI649" s="613"/>
      <c r="VJ649" s="613"/>
      <c r="VK649" s="613"/>
      <c r="VL649" s="613"/>
      <c r="VM649" s="613"/>
      <c r="VN649" s="613"/>
      <c r="VO649" s="613"/>
      <c r="VP649" s="613"/>
      <c r="VQ649" s="613"/>
      <c r="VR649" s="613"/>
      <c r="VS649" s="613"/>
      <c r="VT649" s="613"/>
      <c r="VU649" s="613"/>
      <c r="VV649" s="613"/>
      <c r="VW649" s="613"/>
      <c r="VX649" s="613"/>
      <c r="VY649" s="613"/>
      <c r="VZ649" s="613"/>
      <c r="WA649" s="613"/>
      <c r="WB649" s="613"/>
      <c r="WC649" s="613"/>
      <c r="WD649" s="613"/>
      <c r="WE649" s="613"/>
      <c r="WF649" s="613"/>
      <c r="WG649" s="613"/>
      <c r="WH649" s="613"/>
      <c r="WI649" s="613"/>
      <c r="WJ649" s="613"/>
      <c r="WK649" s="613"/>
      <c r="WL649" s="613"/>
      <c r="WM649" s="613"/>
      <c r="WN649" s="613"/>
      <c r="WO649" s="613"/>
      <c r="WP649" s="613"/>
      <c r="WQ649" s="613"/>
      <c r="WR649" s="613"/>
      <c r="WS649" s="613"/>
      <c r="WT649" s="613"/>
      <c r="WU649" s="613"/>
      <c r="WV649" s="613"/>
      <c r="WW649" s="613"/>
      <c r="WX649" s="613"/>
      <c r="WY649" s="613"/>
      <c r="WZ649" s="613"/>
      <c r="XA649" s="613"/>
      <c r="XB649" s="613"/>
      <c r="XC649" s="613"/>
      <c r="XD649" s="613"/>
      <c r="XE649" s="613"/>
      <c r="XF649" s="613"/>
      <c r="XG649" s="613"/>
      <c r="XH649" s="613"/>
      <c r="XI649" s="613"/>
      <c r="XJ649" s="613"/>
      <c r="XK649" s="613"/>
      <c r="XL649" s="613"/>
      <c r="XM649" s="613"/>
      <c r="XN649" s="613"/>
      <c r="XO649" s="613"/>
      <c r="XP649" s="613"/>
      <c r="XQ649" s="613"/>
      <c r="XR649" s="613"/>
      <c r="XS649" s="613"/>
      <c r="XT649" s="613"/>
      <c r="XU649" s="613"/>
      <c r="XV649" s="613"/>
      <c r="XW649" s="613"/>
      <c r="XX649" s="613"/>
      <c r="XY649" s="613"/>
      <c r="XZ649" s="613"/>
      <c r="YA649" s="613"/>
      <c r="YB649" s="613"/>
      <c r="YC649" s="613"/>
      <c r="YD649" s="613"/>
      <c r="YE649" s="613"/>
      <c r="YF649" s="613"/>
      <c r="YG649" s="613"/>
      <c r="YH649" s="613"/>
      <c r="YI649" s="613"/>
      <c r="YJ649" s="613"/>
      <c r="YK649" s="613"/>
      <c r="YL649" s="613"/>
      <c r="YM649" s="613"/>
      <c r="YN649" s="613"/>
      <c r="YO649" s="613"/>
      <c r="YP649" s="613"/>
      <c r="YQ649" s="613"/>
      <c r="YR649" s="613"/>
      <c r="YS649" s="613"/>
      <c r="YT649" s="613"/>
      <c r="YU649" s="613"/>
      <c r="YV649" s="613"/>
      <c r="YW649" s="613"/>
      <c r="YX649" s="613"/>
      <c r="YY649" s="613"/>
      <c r="YZ649" s="613"/>
      <c r="ZA649" s="613"/>
      <c r="ZB649" s="613"/>
      <c r="ZC649" s="613"/>
      <c r="ZD649" s="613"/>
      <c r="ZE649" s="613"/>
      <c r="ZF649" s="613"/>
      <c r="ZG649" s="613"/>
      <c r="ZH649" s="613"/>
      <c r="ZI649" s="613"/>
      <c r="ZJ649" s="613"/>
      <c r="ZK649" s="613"/>
      <c r="ZL649" s="613"/>
      <c r="ZM649" s="613"/>
      <c r="ZN649" s="613"/>
      <c r="ZO649" s="613"/>
      <c r="ZP649" s="613"/>
      <c r="ZQ649" s="613"/>
      <c r="ZR649" s="613"/>
      <c r="ZS649" s="613"/>
      <c r="ZT649" s="613"/>
      <c r="ZU649" s="613"/>
      <c r="ZV649" s="613"/>
      <c r="ZW649" s="613"/>
      <c r="ZX649" s="613"/>
      <c r="ZY649" s="613"/>
      <c r="ZZ649" s="613"/>
      <c r="AAA649" s="613"/>
      <c r="AAB649" s="613"/>
      <c r="AAC649" s="613"/>
      <c r="AAD649" s="613"/>
      <c r="AAE649" s="613"/>
      <c r="AAF649" s="613"/>
      <c r="AAG649" s="613"/>
      <c r="AAH649" s="613"/>
      <c r="AAI649" s="613"/>
      <c r="AAJ649" s="613"/>
      <c r="AAK649" s="613"/>
      <c r="AAL649" s="613"/>
      <c r="AAM649" s="613"/>
      <c r="AAN649" s="613"/>
      <c r="AAO649" s="613"/>
      <c r="AAP649" s="613"/>
      <c r="AAQ649" s="613"/>
      <c r="AAR649" s="613"/>
      <c r="AAS649" s="613"/>
      <c r="AAT649" s="613"/>
      <c r="AAU649" s="613"/>
      <c r="AAV649" s="613"/>
      <c r="AAW649" s="613"/>
      <c r="AAX649" s="613"/>
      <c r="AAY649" s="613"/>
      <c r="AAZ649" s="613"/>
      <c r="ABA649" s="613"/>
      <c r="ABB649" s="613"/>
      <c r="ABC649" s="613"/>
      <c r="ABD649" s="613"/>
      <c r="ABE649" s="613"/>
      <c r="ABF649" s="613"/>
      <c r="ABG649" s="613"/>
      <c r="ABH649" s="613"/>
      <c r="ABI649" s="613"/>
      <c r="ABJ649" s="613"/>
      <c r="ABK649" s="613"/>
      <c r="ABL649" s="613"/>
      <c r="ABM649" s="613"/>
      <c r="ABN649" s="613"/>
      <c r="ABO649" s="613"/>
      <c r="ABP649" s="613"/>
      <c r="ABQ649" s="613"/>
      <c r="ABR649" s="613"/>
      <c r="ABS649" s="613"/>
      <c r="ABT649" s="613"/>
      <c r="ABU649" s="613"/>
      <c r="ABV649" s="613"/>
      <c r="ABW649" s="613"/>
      <c r="ABX649" s="613"/>
      <c r="ABY649" s="613"/>
      <c r="ABZ649" s="613"/>
      <c r="ACA649" s="613"/>
      <c r="ACB649" s="613"/>
      <c r="ACC649" s="613"/>
      <c r="ACD649" s="613"/>
      <c r="ACE649" s="613"/>
      <c r="ACF649" s="613"/>
      <c r="ACG649" s="613"/>
      <c r="ACH649" s="613"/>
      <c r="ACI649" s="613"/>
      <c r="ACJ649" s="613"/>
      <c r="ACK649" s="613"/>
      <c r="ACL649" s="613"/>
      <c r="ACM649" s="613"/>
      <c r="ACN649" s="613"/>
      <c r="ACO649" s="613"/>
      <c r="ACP649" s="613"/>
      <c r="ACQ649" s="613"/>
      <c r="ACR649" s="613"/>
      <c r="ACS649" s="613"/>
      <c r="ACT649" s="613"/>
      <c r="ACU649" s="613"/>
      <c r="ACV649" s="613"/>
      <c r="ACW649" s="613"/>
      <c r="ACX649" s="613"/>
      <c r="ACY649" s="613"/>
      <c r="ACZ649" s="613"/>
      <c r="ADA649" s="613"/>
      <c r="ADB649" s="613"/>
      <c r="ADC649" s="613"/>
      <c r="ADD649" s="613"/>
      <c r="ADE649" s="613"/>
      <c r="ADF649" s="613"/>
      <c r="ADG649" s="613"/>
      <c r="ADH649" s="613"/>
      <c r="ADI649" s="613"/>
      <c r="ADJ649" s="613"/>
      <c r="ADK649" s="613"/>
      <c r="ADL649" s="613"/>
      <c r="ADM649" s="613"/>
      <c r="ADN649" s="613"/>
      <c r="ADO649" s="613"/>
      <c r="ADP649" s="613"/>
      <c r="ADQ649" s="613"/>
      <c r="ADR649" s="613"/>
      <c r="ADS649" s="613"/>
      <c r="ADT649" s="613"/>
      <c r="ADU649" s="613"/>
      <c r="ADV649" s="613"/>
      <c r="ADW649" s="613"/>
      <c r="ADX649" s="613"/>
      <c r="ADY649" s="613"/>
      <c r="ADZ649" s="613"/>
      <c r="AEA649" s="613"/>
      <c r="AEB649" s="613"/>
      <c r="AEC649" s="613"/>
      <c r="AED649" s="613"/>
      <c r="AEE649" s="613"/>
      <c r="AEF649" s="613"/>
      <c r="AEG649" s="613"/>
      <c r="AEH649" s="613"/>
      <c r="AEI649" s="613"/>
      <c r="AEJ649" s="613"/>
      <c r="AEK649" s="613"/>
      <c r="AEL649" s="613"/>
      <c r="AEM649" s="613"/>
      <c r="AEN649" s="613"/>
      <c r="AEO649" s="613"/>
      <c r="AEP649" s="613"/>
      <c r="AEQ649" s="613"/>
      <c r="AER649" s="613"/>
      <c r="AES649" s="613"/>
      <c r="AET649" s="613"/>
      <c r="AEU649" s="613"/>
      <c r="AEV649" s="613"/>
      <c r="AEW649" s="613"/>
      <c r="AEX649" s="613"/>
      <c r="AEY649" s="613"/>
      <c r="AEZ649" s="613"/>
      <c r="AFA649" s="613"/>
      <c r="AFB649" s="613"/>
      <c r="AFC649" s="613"/>
      <c r="AFD649" s="613"/>
      <c r="AFE649" s="613"/>
      <c r="AFF649" s="613"/>
      <c r="AFG649" s="613"/>
      <c r="AFH649" s="613"/>
      <c r="AFI649" s="613"/>
      <c r="AFJ649" s="613"/>
      <c r="AFK649" s="613"/>
      <c r="AFL649" s="613"/>
      <c r="AFM649" s="613"/>
      <c r="AFN649" s="613"/>
      <c r="AFO649" s="613"/>
      <c r="AFP649" s="613"/>
      <c r="AFQ649" s="613"/>
      <c r="AFR649" s="613"/>
      <c r="AFS649" s="613"/>
      <c r="AFT649" s="613"/>
      <c r="AFU649" s="613"/>
      <c r="AFV649" s="613"/>
      <c r="AFW649" s="613"/>
      <c r="AFX649" s="613"/>
      <c r="AFY649" s="613"/>
      <c r="AFZ649" s="613"/>
      <c r="AGA649" s="613"/>
      <c r="AGB649" s="613"/>
      <c r="AGC649" s="613"/>
      <c r="AGD649" s="613"/>
      <c r="AGE649" s="613"/>
      <c r="AGF649" s="613"/>
      <c r="AGG649" s="613"/>
      <c r="AGH649" s="613"/>
      <c r="AGI649" s="613"/>
      <c r="AGJ649" s="613"/>
      <c r="AGK649" s="613"/>
      <c r="AGL649" s="613"/>
      <c r="AGM649" s="613"/>
      <c r="AGN649" s="613"/>
      <c r="AGO649" s="613"/>
      <c r="AGP649" s="613"/>
      <c r="AGQ649" s="613"/>
      <c r="AGR649" s="613"/>
      <c r="AGS649" s="613"/>
      <c r="AGT649" s="613"/>
      <c r="AGU649" s="613"/>
      <c r="AGV649" s="613"/>
      <c r="AGW649" s="613"/>
      <c r="AGX649" s="613"/>
      <c r="AGY649" s="613"/>
      <c r="AGZ649" s="613"/>
      <c r="AHA649" s="613"/>
      <c r="AHB649" s="613"/>
      <c r="AHC649" s="613"/>
      <c r="AHD649" s="613"/>
      <c r="AHE649" s="613"/>
      <c r="AHF649" s="613"/>
      <c r="AHG649" s="613"/>
      <c r="AHH649" s="613"/>
      <c r="AHI649" s="613"/>
      <c r="AHJ649" s="613"/>
      <c r="AHK649" s="613"/>
      <c r="AHL649" s="613"/>
      <c r="AHM649" s="613"/>
      <c r="AHN649" s="613"/>
      <c r="AHO649" s="613"/>
      <c r="AHP649" s="613"/>
      <c r="AHQ649" s="613"/>
      <c r="AHR649" s="613"/>
      <c r="AHS649" s="613"/>
      <c r="AHT649" s="613"/>
      <c r="AHU649" s="613"/>
      <c r="AHV649" s="613"/>
      <c r="AHW649" s="613"/>
      <c r="AHX649" s="613"/>
      <c r="AHY649" s="613"/>
      <c r="AHZ649" s="613"/>
      <c r="AIA649" s="613"/>
      <c r="AIB649" s="613"/>
      <c r="AIC649" s="613"/>
      <c r="AID649" s="613"/>
      <c r="AIE649" s="613"/>
      <c r="AIF649" s="613"/>
      <c r="AIG649" s="613"/>
      <c r="AIH649" s="613"/>
      <c r="AII649" s="613"/>
      <c r="AIJ649" s="613"/>
      <c r="AIK649" s="613"/>
      <c r="AIL649" s="613"/>
      <c r="AIM649" s="613"/>
      <c r="AIN649" s="613"/>
      <c r="AIO649" s="613"/>
      <c r="AIP649" s="613"/>
      <c r="AIQ649" s="613"/>
      <c r="AIR649" s="613"/>
      <c r="AIS649" s="613"/>
      <c r="AIT649" s="613"/>
      <c r="AIU649" s="613"/>
      <c r="AIV649" s="613"/>
      <c r="AIW649" s="613"/>
      <c r="AIX649" s="613"/>
      <c r="AIY649" s="613"/>
      <c r="AIZ649" s="613"/>
      <c r="AJA649" s="613"/>
      <c r="AJB649" s="613"/>
      <c r="AJC649" s="613"/>
      <c r="AJD649" s="613"/>
      <c r="AJE649" s="613"/>
      <c r="AJF649" s="613"/>
      <c r="AJG649" s="613"/>
      <c r="AJH649" s="613"/>
      <c r="AJI649" s="613"/>
      <c r="AJJ649" s="613"/>
      <c r="AJK649" s="613"/>
      <c r="AJL649" s="613"/>
      <c r="AJM649" s="613"/>
      <c r="AJN649" s="613"/>
      <c r="AJO649" s="613"/>
      <c r="AJP649" s="613"/>
      <c r="AJQ649" s="613"/>
      <c r="AJR649" s="613"/>
      <c r="AJS649" s="613"/>
      <c r="AJT649" s="613"/>
      <c r="AJU649" s="613"/>
      <c r="AJV649" s="613"/>
      <c r="AJW649" s="613"/>
      <c r="AJX649" s="613"/>
      <c r="AJY649" s="613"/>
      <c r="AJZ649" s="613"/>
      <c r="AKA649" s="613"/>
      <c r="AKB649" s="613"/>
      <c r="AKC649" s="613"/>
      <c r="AKD649" s="613"/>
      <c r="AKE649" s="613"/>
      <c r="AKF649" s="613"/>
      <c r="AKG649" s="613"/>
      <c r="AKH649" s="613"/>
      <c r="AKI649" s="613"/>
      <c r="AKJ649" s="613"/>
      <c r="AKK649" s="613"/>
      <c r="AKL649" s="613"/>
      <c r="AKM649" s="613"/>
      <c r="AKN649" s="613"/>
      <c r="AKO649" s="613"/>
      <c r="AKP649" s="613"/>
      <c r="AKQ649" s="613"/>
      <c r="AKR649" s="613"/>
      <c r="AKS649" s="613"/>
      <c r="AKT649" s="613"/>
      <c r="AKU649" s="613"/>
      <c r="AKV649" s="613"/>
      <c r="AKW649" s="613"/>
      <c r="AKX649" s="613"/>
      <c r="AKY649" s="613"/>
      <c r="AKZ649" s="613"/>
      <c r="ALA649" s="613"/>
      <c r="ALB649" s="613"/>
      <c r="ALC649" s="613"/>
      <c r="ALD649" s="613"/>
      <c r="ALE649" s="613"/>
      <c r="ALF649" s="613"/>
      <c r="ALG649" s="613"/>
      <c r="ALH649" s="613"/>
      <c r="ALI649" s="613"/>
      <c r="ALJ649" s="613"/>
      <c r="ALK649" s="613"/>
      <c r="ALL649" s="613"/>
      <c r="ALM649" s="613"/>
      <c r="ALN649" s="613"/>
      <c r="ALO649" s="613"/>
      <c r="ALP649" s="613"/>
      <c r="ALQ649" s="613"/>
      <c r="ALR649" s="613"/>
      <c r="ALS649" s="613"/>
      <c r="ALT649" s="613"/>
      <c r="ALU649" s="613"/>
      <c r="ALV649" s="613"/>
      <c r="ALW649" s="613"/>
      <c r="ALX649" s="613"/>
      <c r="ALY649" s="613"/>
      <c r="ALZ649" s="613"/>
      <c r="AMA649" s="613"/>
      <c r="AMB649" s="613"/>
      <c r="AMC649" s="613"/>
      <c r="AMD649" s="613"/>
      <c r="AME649" s="613"/>
      <c r="AMF649" s="613"/>
      <c r="AMG649" s="613"/>
      <c r="AMH649" s="613"/>
      <c r="AMI649" s="613"/>
      <c r="AMJ649" s="613"/>
      <c r="AMK649" s="613"/>
      <c r="AML649" s="613"/>
      <c r="AMM649" s="613"/>
      <c r="AMN649" s="613"/>
      <c r="AMO649" s="613"/>
      <c r="AMP649" s="613"/>
      <c r="AMQ649" s="613"/>
      <c r="AMR649" s="613"/>
      <c r="AMS649" s="613"/>
      <c r="AMT649" s="613"/>
      <c r="AMU649" s="613"/>
      <c r="AMV649" s="613"/>
      <c r="AMW649" s="613"/>
      <c r="AMX649" s="613"/>
      <c r="AMY649" s="613"/>
      <c r="AMZ649" s="613"/>
      <c r="ANA649" s="613"/>
      <c r="ANB649" s="613"/>
      <c r="ANC649" s="613"/>
      <c r="AND649" s="613"/>
      <c r="ANE649" s="613"/>
      <c r="ANF649" s="613"/>
      <c r="ANG649" s="613"/>
      <c r="ANH649" s="613"/>
      <c r="ANI649" s="613"/>
      <c r="ANJ649" s="613"/>
      <c r="ANK649" s="613"/>
      <c r="ANL649" s="613"/>
      <c r="ANM649" s="613"/>
      <c r="ANN649" s="613"/>
      <c r="ANO649" s="613"/>
      <c r="ANP649" s="613"/>
      <c r="ANQ649" s="613"/>
      <c r="ANR649" s="613"/>
      <c r="ANS649" s="613"/>
      <c r="ANT649" s="613"/>
      <c r="ANU649" s="613"/>
      <c r="ANV649" s="613"/>
      <c r="ANW649" s="613"/>
      <c r="ANX649" s="613"/>
      <c r="ANY649" s="613"/>
      <c r="ANZ649" s="613"/>
      <c r="AOA649" s="613"/>
      <c r="AOB649" s="613"/>
      <c r="AOC649" s="613"/>
      <c r="AOD649" s="613"/>
      <c r="AOE649" s="613"/>
      <c r="AOF649" s="613"/>
      <c r="AOG649" s="613"/>
      <c r="AOH649" s="613"/>
      <c r="AOI649" s="613"/>
      <c r="AOJ649" s="613"/>
      <c r="AOK649" s="613"/>
      <c r="AOL649" s="613"/>
      <c r="AOM649" s="613"/>
      <c r="AON649" s="613"/>
      <c r="AOO649" s="613"/>
      <c r="AOP649" s="613"/>
      <c r="AOQ649" s="613"/>
      <c r="AOR649" s="613"/>
      <c r="AOS649" s="613"/>
      <c r="AOT649" s="613"/>
      <c r="AOU649" s="613"/>
      <c r="AOV649" s="613"/>
      <c r="AOW649" s="613"/>
      <c r="AOX649" s="613"/>
      <c r="AOY649" s="613"/>
      <c r="AOZ649" s="613"/>
      <c r="APA649" s="613"/>
      <c r="APB649" s="613"/>
      <c r="APC649" s="613"/>
      <c r="APD649" s="613"/>
      <c r="APE649" s="613"/>
      <c r="APF649" s="613"/>
      <c r="APG649" s="613"/>
      <c r="APH649" s="613"/>
      <c r="API649" s="613"/>
      <c r="APJ649" s="613"/>
      <c r="APK649" s="613"/>
      <c r="APL649" s="613"/>
      <c r="APM649" s="613"/>
      <c r="APN649" s="613"/>
      <c r="APO649" s="613"/>
      <c r="APP649" s="613"/>
      <c r="APQ649" s="613"/>
      <c r="APR649" s="613"/>
      <c r="APS649" s="613"/>
      <c r="APT649" s="613"/>
      <c r="APU649" s="613"/>
      <c r="APV649" s="613"/>
      <c r="APW649" s="613"/>
      <c r="APX649" s="613"/>
      <c r="APY649" s="613"/>
      <c r="APZ649" s="613"/>
      <c r="AQA649" s="613"/>
      <c r="AQB649" s="613"/>
      <c r="AQC649" s="613"/>
      <c r="AQD649" s="613"/>
      <c r="AQE649" s="613"/>
      <c r="AQF649" s="613"/>
      <c r="AQG649" s="613"/>
      <c r="AQH649" s="613"/>
      <c r="AQI649" s="613"/>
      <c r="AQJ649" s="613"/>
      <c r="AQK649" s="613"/>
      <c r="AQL649" s="613"/>
      <c r="AQM649" s="613"/>
      <c r="AQN649" s="613"/>
      <c r="AQO649" s="613"/>
      <c r="AQP649" s="613"/>
      <c r="AQQ649" s="613"/>
      <c r="AQR649" s="613"/>
      <c r="AQS649" s="613"/>
      <c r="AQT649" s="613"/>
      <c r="AQU649" s="613"/>
      <c r="AQV649" s="613"/>
      <c r="AQW649" s="613"/>
      <c r="AQX649" s="613"/>
      <c r="AQY649" s="613"/>
      <c r="AQZ649" s="613"/>
      <c r="ARA649" s="613"/>
      <c r="ARB649" s="613"/>
      <c r="ARC649" s="613"/>
      <c r="ARD649" s="613"/>
      <c r="ARE649" s="613"/>
      <c r="ARF649" s="613"/>
      <c r="ARG649" s="613"/>
      <c r="ARH649" s="613"/>
      <c r="ARI649" s="613"/>
      <c r="ARJ649" s="613"/>
      <c r="ARK649" s="613"/>
      <c r="ARL649" s="613"/>
      <c r="ARM649" s="613"/>
      <c r="ARN649" s="613"/>
      <c r="ARO649" s="613"/>
      <c r="ARP649" s="613"/>
      <c r="ARQ649" s="613"/>
      <c r="ARR649" s="613"/>
      <c r="ARS649" s="613"/>
      <c r="ART649" s="613"/>
      <c r="ARU649" s="613"/>
      <c r="ARV649" s="613"/>
      <c r="ARW649" s="613"/>
      <c r="ARX649" s="613"/>
      <c r="ARY649" s="613"/>
      <c r="ARZ649" s="613"/>
      <c r="ASA649" s="613"/>
      <c r="ASB649" s="613"/>
      <c r="ASC649" s="613"/>
      <c r="ASD649" s="613"/>
      <c r="ASE649" s="613"/>
      <c r="ASF649" s="613"/>
      <c r="ASG649" s="613"/>
      <c r="ASH649" s="613"/>
      <c r="ASI649" s="613"/>
      <c r="ASJ649" s="613"/>
      <c r="ASK649" s="613"/>
      <c r="ASL649" s="613"/>
      <c r="ASM649" s="613"/>
      <c r="ASN649" s="613"/>
      <c r="ASO649" s="613"/>
      <c r="ASP649" s="613"/>
      <c r="ASQ649" s="613"/>
      <c r="ASR649" s="613"/>
      <c r="ASS649" s="613"/>
      <c r="AST649" s="613"/>
      <c r="ASU649" s="613"/>
      <c r="ASV649" s="613"/>
      <c r="ASW649" s="613"/>
      <c r="ASX649" s="613"/>
      <c r="ASY649" s="613"/>
      <c r="ASZ649" s="613"/>
      <c r="ATA649" s="613"/>
      <c r="ATB649" s="613"/>
      <c r="ATC649" s="613"/>
      <c r="ATD649" s="613"/>
      <c r="ATE649" s="613"/>
      <c r="ATF649" s="613"/>
      <c r="ATG649" s="613"/>
      <c r="ATH649" s="613"/>
      <c r="ATI649" s="613"/>
      <c r="ATJ649" s="613"/>
      <c r="ATK649" s="613"/>
      <c r="ATL649" s="613"/>
      <c r="ATM649" s="613"/>
      <c r="ATN649" s="613"/>
      <c r="ATO649" s="613"/>
      <c r="ATP649" s="613"/>
      <c r="ATQ649" s="613"/>
      <c r="ATR649" s="613"/>
      <c r="ATS649" s="613"/>
      <c r="ATT649" s="613"/>
      <c r="ATU649" s="613"/>
      <c r="ATV649" s="613"/>
      <c r="ATW649" s="613"/>
      <c r="ATX649" s="613"/>
      <c r="ATY649" s="613"/>
      <c r="ATZ649" s="613"/>
      <c r="AUA649" s="613"/>
      <c r="AUB649" s="613"/>
      <c r="AUC649" s="613"/>
      <c r="AUD649" s="613"/>
      <c r="AUE649" s="613"/>
      <c r="AUF649" s="613"/>
      <c r="AUG649" s="613"/>
      <c r="AUH649" s="613"/>
      <c r="AUI649" s="613"/>
      <c r="AUJ649" s="613"/>
      <c r="AUK649" s="613"/>
      <c r="AUL649" s="613"/>
      <c r="AUM649" s="613"/>
      <c r="AUN649" s="613"/>
      <c r="AUO649" s="613"/>
      <c r="AUP649" s="613"/>
      <c r="AUQ649" s="613"/>
      <c r="AUR649" s="613"/>
      <c r="AUS649" s="613"/>
      <c r="AUT649" s="613"/>
      <c r="AUU649" s="613"/>
      <c r="AUV649" s="613"/>
      <c r="AUW649" s="613"/>
      <c r="AUX649" s="613"/>
      <c r="AUY649" s="613"/>
      <c r="AUZ649" s="613"/>
      <c r="AVA649" s="613"/>
      <c r="AVB649" s="613"/>
      <c r="AVC649" s="613"/>
      <c r="AVD649" s="613"/>
      <c r="AVE649" s="613"/>
      <c r="AVF649" s="613"/>
      <c r="AVG649" s="613"/>
      <c r="AVH649" s="613"/>
      <c r="AVI649" s="613"/>
      <c r="AVJ649" s="613"/>
      <c r="AVK649" s="613"/>
      <c r="AVL649" s="613"/>
      <c r="AVM649" s="613"/>
      <c r="AVN649" s="613"/>
      <c r="AVO649" s="613"/>
      <c r="AVP649" s="613"/>
      <c r="AVQ649" s="613"/>
      <c r="AVR649" s="613"/>
      <c r="AVS649" s="613"/>
      <c r="AVT649" s="613"/>
      <c r="AVU649" s="613"/>
      <c r="AVV649" s="613"/>
      <c r="AVW649" s="613"/>
      <c r="AVX649" s="613"/>
      <c r="AVY649" s="613"/>
      <c r="AVZ649" s="613"/>
      <c r="AWA649" s="613"/>
      <c r="AWB649" s="613"/>
      <c r="AWC649" s="613"/>
      <c r="AWD649" s="613"/>
      <c r="AWE649" s="613"/>
      <c r="AWF649" s="613"/>
      <c r="AWG649" s="613"/>
      <c r="AWH649" s="613"/>
      <c r="AWI649" s="613"/>
      <c r="AWJ649" s="613"/>
      <c r="AWK649" s="613"/>
      <c r="AWL649" s="613"/>
      <c r="AWM649" s="613"/>
      <c r="AWN649" s="613"/>
      <c r="AWO649" s="613"/>
      <c r="AWP649" s="613"/>
      <c r="AWQ649" s="613"/>
      <c r="AWR649" s="613"/>
      <c r="AWS649" s="613"/>
      <c r="AWT649" s="613"/>
      <c r="AWU649" s="613"/>
      <c r="AWV649" s="613"/>
      <c r="AWW649" s="613"/>
      <c r="AWX649" s="613"/>
      <c r="AWY649" s="613"/>
      <c r="AWZ649" s="613"/>
      <c r="AXA649" s="613"/>
      <c r="AXB649" s="613"/>
      <c r="AXC649" s="613"/>
      <c r="AXD649" s="613"/>
      <c r="AXE649" s="613"/>
      <c r="AXF649" s="613"/>
      <c r="AXG649" s="613"/>
      <c r="AXH649" s="613"/>
      <c r="AXI649" s="613"/>
      <c r="AXJ649" s="613"/>
      <c r="AXK649" s="613"/>
      <c r="AXL649" s="613"/>
      <c r="AXM649" s="613"/>
      <c r="AXN649" s="613"/>
      <c r="AXO649" s="613"/>
      <c r="AXP649" s="613"/>
      <c r="AXQ649" s="613"/>
      <c r="AXR649" s="613"/>
      <c r="AXS649" s="613"/>
      <c r="AXT649" s="613"/>
      <c r="AXU649" s="613"/>
      <c r="AXV649" s="613"/>
      <c r="AXW649" s="613"/>
      <c r="AXX649" s="613"/>
      <c r="AXY649" s="613"/>
      <c r="AXZ649" s="613"/>
      <c r="AYA649" s="613"/>
      <c r="AYB649" s="613"/>
      <c r="AYC649" s="613"/>
      <c r="AYD649" s="613"/>
      <c r="AYE649" s="613"/>
      <c r="AYF649" s="613"/>
      <c r="AYG649" s="613"/>
      <c r="AYH649" s="613"/>
      <c r="AYI649" s="613"/>
      <c r="AYJ649" s="613"/>
      <c r="AYK649" s="613"/>
      <c r="AYL649" s="613"/>
      <c r="AYM649" s="613"/>
      <c r="AYN649" s="613"/>
      <c r="AYO649" s="613"/>
      <c r="AYP649" s="613"/>
      <c r="AYQ649" s="613"/>
      <c r="AYR649" s="613"/>
      <c r="AYS649" s="613"/>
      <c r="AYT649" s="613"/>
      <c r="AYU649" s="613"/>
      <c r="AYV649" s="613"/>
      <c r="AYW649" s="613"/>
      <c r="AYX649" s="613"/>
      <c r="AYY649" s="613"/>
      <c r="AYZ649" s="613"/>
      <c r="AZA649" s="613"/>
      <c r="AZB649" s="613"/>
      <c r="AZC649" s="613"/>
      <c r="AZD649" s="613"/>
      <c r="AZE649" s="613"/>
      <c r="AZF649" s="613"/>
      <c r="AZG649" s="613"/>
      <c r="AZH649" s="613"/>
      <c r="AZI649" s="613"/>
      <c r="AZJ649" s="613"/>
      <c r="AZK649" s="613"/>
      <c r="AZL649" s="613"/>
      <c r="AZM649" s="613"/>
      <c r="AZN649" s="613"/>
      <c r="AZO649" s="613"/>
      <c r="AZP649" s="613"/>
      <c r="AZQ649" s="613"/>
      <c r="AZR649" s="613"/>
      <c r="AZS649" s="613"/>
      <c r="AZT649" s="613"/>
      <c r="AZU649" s="613"/>
      <c r="AZV649" s="613"/>
      <c r="AZW649" s="613"/>
      <c r="AZX649" s="613"/>
      <c r="AZY649" s="613"/>
      <c r="AZZ649" s="613"/>
      <c r="BAA649" s="613"/>
      <c r="BAB649" s="613"/>
      <c r="BAC649" s="613"/>
      <c r="BAD649" s="613"/>
      <c r="BAE649" s="613"/>
      <c r="BAF649" s="613"/>
      <c r="BAG649" s="613"/>
      <c r="BAH649" s="613"/>
      <c r="BAI649" s="613"/>
      <c r="BAJ649" s="613"/>
      <c r="BAK649" s="613"/>
      <c r="BAL649" s="613"/>
      <c r="BAM649" s="613"/>
      <c r="BAN649" s="613"/>
      <c r="BAO649" s="613"/>
      <c r="BAP649" s="613"/>
      <c r="BAQ649" s="613"/>
      <c r="BAR649" s="613"/>
      <c r="BAS649" s="613"/>
      <c r="BAT649" s="613"/>
      <c r="BAU649" s="613"/>
      <c r="BAV649" s="613"/>
      <c r="BAW649" s="613"/>
      <c r="BAX649" s="613"/>
      <c r="BAY649" s="613"/>
      <c r="BAZ649" s="613"/>
      <c r="BBA649" s="613"/>
      <c r="BBB649" s="613"/>
      <c r="BBC649" s="613"/>
      <c r="BBD649" s="613"/>
      <c r="BBE649" s="613"/>
      <c r="BBF649" s="613"/>
      <c r="BBG649" s="613"/>
      <c r="BBH649" s="613"/>
      <c r="BBI649" s="613"/>
      <c r="BBJ649" s="613"/>
      <c r="BBK649" s="613"/>
      <c r="BBL649" s="613"/>
      <c r="BBM649" s="613"/>
      <c r="BBN649" s="613"/>
      <c r="BBO649" s="613"/>
      <c r="BBP649" s="613"/>
      <c r="BBQ649" s="613"/>
      <c r="BBR649" s="613"/>
      <c r="BBS649" s="613"/>
      <c r="BBT649" s="613"/>
      <c r="BBU649" s="613"/>
      <c r="BBV649" s="613"/>
      <c r="BBW649" s="613"/>
      <c r="BBX649" s="613"/>
      <c r="BBY649" s="613"/>
      <c r="BBZ649" s="613"/>
      <c r="BCA649" s="613"/>
      <c r="BCB649" s="613"/>
      <c r="BCC649" s="613"/>
      <c r="BCD649" s="613"/>
      <c r="BCE649" s="613"/>
      <c r="BCF649" s="613"/>
      <c r="BCG649" s="613"/>
      <c r="BCH649" s="613"/>
      <c r="BCI649" s="613"/>
      <c r="BCJ649" s="613"/>
      <c r="BCK649" s="613"/>
      <c r="BCL649" s="613"/>
      <c r="BCM649" s="613"/>
      <c r="BCN649" s="613"/>
      <c r="BCO649" s="613"/>
      <c r="BCP649" s="613"/>
      <c r="BCQ649" s="613"/>
      <c r="BCR649" s="613"/>
      <c r="BCS649" s="613"/>
      <c r="BCT649" s="613"/>
      <c r="BCU649" s="613"/>
      <c r="BCV649" s="613"/>
      <c r="BCW649" s="613"/>
      <c r="BCX649" s="613"/>
      <c r="BCY649" s="613"/>
      <c r="BCZ649" s="613"/>
      <c r="BDA649" s="613"/>
      <c r="BDB649" s="613"/>
      <c r="BDC649" s="613"/>
      <c r="BDD649" s="613"/>
      <c r="BDE649" s="613"/>
      <c r="BDF649" s="613"/>
      <c r="BDG649" s="613"/>
      <c r="BDH649" s="613"/>
      <c r="BDI649" s="613"/>
      <c r="BDJ649" s="613"/>
      <c r="BDK649" s="613"/>
      <c r="BDL649" s="613"/>
      <c r="BDM649" s="613"/>
      <c r="BDN649" s="613"/>
      <c r="BDO649" s="613"/>
      <c r="BDP649" s="613"/>
      <c r="BDQ649" s="613"/>
      <c r="BDR649" s="613"/>
      <c r="BDS649" s="613"/>
      <c r="BDT649" s="613"/>
      <c r="BDU649" s="613"/>
      <c r="BDV649" s="613"/>
      <c r="BDW649" s="613"/>
      <c r="BDX649" s="613"/>
      <c r="BDY649" s="613"/>
      <c r="BDZ649" s="613"/>
      <c r="BEA649" s="613"/>
      <c r="BEB649" s="613"/>
      <c r="BEC649" s="613"/>
      <c r="BED649" s="613"/>
      <c r="BEE649" s="613"/>
      <c r="BEF649" s="613"/>
      <c r="BEG649" s="613"/>
      <c r="BEH649" s="613"/>
      <c r="BEI649" s="613"/>
      <c r="BEJ649" s="613"/>
      <c r="BEK649" s="613"/>
      <c r="BEL649" s="613"/>
      <c r="BEM649" s="613"/>
      <c r="BEN649" s="613"/>
      <c r="BEO649" s="613"/>
      <c r="BEP649" s="613"/>
      <c r="BEQ649" s="613"/>
      <c r="BER649" s="613"/>
      <c r="BES649" s="613"/>
      <c r="BET649" s="613"/>
      <c r="BEU649" s="613"/>
      <c r="BEV649" s="613"/>
      <c r="BEW649" s="613"/>
      <c r="BEX649" s="613"/>
      <c r="BEY649" s="613"/>
      <c r="BEZ649" s="613"/>
      <c r="BFA649" s="613"/>
      <c r="BFB649" s="613"/>
      <c r="BFC649" s="613"/>
      <c r="BFD649" s="613"/>
      <c r="BFE649" s="613"/>
      <c r="BFF649" s="613"/>
      <c r="BFG649" s="613"/>
      <c r="BFH649" s="613"/>
      <c r="BFI649" s="613"/>
      <c r="BFJ649" s="613"/>
      <c r="BFK649" s="613"/>
      <c r="BFL649" s="613"/>
      <c r="BFM649" s="613"/>
      <c r="BFN649" s="613"/>
      <c r="BFO649" s="613"/>
      <c r="BFP649" s="613"/>
      <c r="BFQ649" s="613"/>
      <c r="BFR649" s="613"/>
      <c r="BFS649" s="613"/>
      <c r="BFT649" s="613"/>
      <c r="BFU649" s="613"/>
      <c r="BFV649" s="613"/>
      <c r="BFW649" s="613"/>
      <c r="BFX649" s="613"/>
      <c r="BFY649" s="613"/>
      <c r="BFZ649" s="613"/>
      <c r="BGA649" s="613"/>
      <c r="BGB649" s="613"/>
      <c r="BGC649" s="613"/>
      <c r="BGD649" s="613"/>
      <c r="BGE649" s="613"/>
      <c r="BGF649" s="613"/>
      <c r="BGG649" s="613"/>
      <c r="BGH649" s="613"/>
      <c r="BGI649" s="613"/>
      <c r="BGJ649" s="613"/>
      <c r="BGK649" s="613"/>
      <c r="BGL649" s="613"/>
      <c r="BGM649" s="613"/>
      <c r="BGN649" s="613"/>
      <c r="BGO649" s="613"/>
      <c r="BGP649" s="613"/>
      <c r="BGQ649" s="613"/>
      <c r="BGR649" s="613"/>
      <c r="BGS649" s="613"/>
      <c r="BGT649" s="613"/>
      <c r="BGU649" s="613"/>
      <c r="BGV649" s="613"/>
      <c r="BGW649" s="613"/>
      <c r="BGX649" s="613"/>
      <c r="BGY649" s="613"/>
      <c r="BGZ649" s="613"/>
      <c r="BHA649" s="613"/>
      <c r="BHB649" s="613"/>
      <c r="BHC649" s="613"/>
      <c r="BHD649" s="613"/>
      <c r="BHE649" s="613"/>
      <c r="BHF649" s="613"/>
      <c r="BHG649" s="613"/>
      <c r="BHH649" s="613"/>
      <c r="BHI649" s="613"/>
      <c r="BHJ649" s="613"/>
      <c r="BHK649" s="613"/>
      <c r="BHL649" s="613"/>
      <c r="BHM649" s="613"/>
      <c r="BHN649" s="613"/>
      <c r="BHO649" s="613"/>
      <c r="BHP649" s="613"/>
      <c r="BHQ649" s="613"/>
      <c r="BHR649" s="613"/>
      <c r="BHS649" s="613"/>
      <c r="BHT649" s="613"/>
      <c r="BHU649" s="613"/>
      <c r="BHV649" s="613"/>
      <c r="BHW649" s="613"/>
      <c r="BHX649" s="613"/>
      <c r="BHY649" s="613"/>
      <c r="BHZ649" s="613"/>
      <c r="BIA649" s="613"/>
      <c r="BIB649" s="613"/>
      <c r="BIC649" s="613"/>
      <c r="BID649" s="613"/>
      <c r="BIE649" s="613"/>
      <c r="BIF649" s="613"/>
      <c r="BIG649" s="613"/>
      <c r="BIH649" s="613"/>
      <c r="BII649" s="613"/>
      <c r="BIJ649" s="613"/>
      <c r="BIK649" s="613"/>
      <c r="BIL649" s="613"/>
      <c r="BIM649" s="613"/>
      <c r="BIN649" s="613"/>
      <c r="BIO649" s="613"/>
      <c r="BIP649" s="613"/>
      <c r="BIQ649" s="613"/>
      <c r="BIR649" s="613"/>
      <c r="BIS649" s="613"/>
      <c r="BIT649" s="613"/>
      <c r="BIU649" s="613"/>
      <c r="BIV649" s="613"/>
      <c r="BIW649" s="613"/>
      <c r="BIX649" s="613"/>
      <c r="BIY649" s="613"/>
      <c r="BIZ649" s="613"/>
      <c r="BJA649" s="613"/>
      <c r="BJB649" s="613"/>
      <c r="BJC649" s="613"/>
      <c r="BJD649" s="613"/>
      <c r="BJE649" s="613"/>
      <c r="BJF649" s="613"/>
      <c r="BJG649" s="613"/>
      <c r="BJH649" s="613"/>
      <c r="BJI649" s="613"/>
      <c r="BJJ649" s="613"/>
      <c r="BJK649" s="613"/>
      <c r="BJL649" s="613"/>
      <c r="BJM649" s="613"/>
      <c r="BJN649" s="613"/>
      <c r="BJO649" s="613"/>
      <c r="BJP649" s="613"/>
      <c r="BJQ649" s="613"/>
      <c r="BJR649" s="613"/>
      <c r="BJS649" s="613"/>
      <c r="BJT649" s="613"/>
      <c r="BJU649" s="613"/>
      <c r="BJV649" s="613"/>
      <c r="BJW649" s="613"/>
      <c r="BJX649" s="613"/>
      <c r="BJY649" s="613"/>
      <c r="BJZ649" s="613"/>
      <c r="BKA649" s="613"/>
      <c r="BKB649" s="613"/>
      <c r="BKC649" s="613"/>
      <c r="BKD649" s="613"/>
      <c r="BKE649" s="613"/>
      <c r="BKF649" s="613"/>
      <c r="BKG649" s="613"/>
      <c r="BKH649" s="613"/>
      <c r="BKI649" s="613"/>
      <c r="BKJ649" s="613"/>
      <c r="BKK649" s="613"/>
      <c r="BKL649" s="613"/>
      <c r="BKM649" s="613"/>
      <c r="BKN649" s="613"/>
      <c r="BKO649" s="613"/>
      <c r="BKP649" s="613"/>
      <c r="BKQ649" s="613"/>
      <c r="BKR649" s="613"/>
      <c r="BKS649" s="613"/>
      <c r="BKT649" s="613"/>
      <c r="BKU649" s="613"/>
      <c r="BKV649" s="613"/>
      <c r="BKW649" s="613"/>
      <c r="BKX649" s="613"/>
      <c r="BKY649" s="613"/>
      <c r="BKZ649" s="613"/>
      <c r="BLA649" s="613"/>
      <c r="BLB649" s="613"/>
      <c r="BLC649" s="613"/>
      <c r="BLD649" s="613"/>
      <c r="BLE649" s="613"/>
      <c r="BLF649" s="613"/>
      <c r="BLG649" s="613"/>
      <c r="BLH649" s="613"/>
      <c r="BLI649" s="613"/>
      <c r="BLJ649" s="613"/>
      <c r="BLK649" s="613"/>
      <c r="BLL649" s="613"/>
      <c r="BLM649" s="613"/>
      <c r="BLN649" s="613"/>
      <c r="BLO649" s="613"/>
      <c r="BLP649" s="613"/>
      <c r="BLQ649" s="613"/>
      <c r="BLR649" s="613"/>
      <c r="BLS649" s="613"/>
      <c r="BLT649" s="613"/>
      <c r="BLU649" s="613"/>
      <c r="BLV649" s="613"/>
      <c r="BLW649" s="613"/>
      <c r="BLX649" s="613"/>
      <c r="BLY649" s="613"/>
      <c r="BLZ649" s="613"/>
      <c r="BMA649" s="613"/>
      <c r="BMB649" s="613"/>
      <c r="BMC649" s="613"/>
      <c r="BMD649" s="613"/>
      <c r="BME649" s="613"/>
      <c r="BMF649" s="613"/>
      <c r="BMG649" s="613"/>
      <c r="BMH649" s="613"/>
      <c r="BMI649" s="613"/>
      <c r="BMJ649" s="613"/>
      <c r="BMK649" s="613"/>
      <c r="BML649" s="613"/>
      <c r="BMM649" s="613"/>
      <c r="BMN649" s="613"/>
      <c r="BMO649" s="613"/>
      <c r="BMP649" s="613"/>
      <c r="BMQ649" s="613"/>
      <c r="BMR649" s="613"/>
      <c r="BMS649" s="613"/>
      <c r="BMT649" s="613"/>
      <c r="BMU649" s="613"/>
      <c r="BMV649" s="613"/>
      <c r="BMW649" s="613"/>
      <c r="BMX649" s="613"/>
      <c r="BMY649" s="613"/>
      <c r="BMZ649" s="613"/>
      <c r="BNA649" s="613"/>
      <c r="BNB649" s="613"/>
      <c r="BNC649" s="613"/>
      <c r="BND649" s="613"/>
      <c r="BNE649" s="613"/>
      <c r="BNF649" s="613"/>
      <c r="BNG649" s="613"/>
      <c r="BNH649" s="613"/>
      <c r="BNI649" s="613"/>
      <c r="BNJ649" s="613"/>
      <c r="BNK649" s="613"/>
      <c r="BNL649" s="613"/>
      <c r="BNM649" s="613"/>
      <c r="BNN649" s="613"/>
      <c r="BNO649" s="613"/>
      <c r="BNP649" s="613"/>
      <c r="BNQ649" s="613"/>
      <c r="BNR649" s="613"/>
      <c r="BNS649" s="613"/>
      <c r="BNT649" s="613"/>
      <c r="BNU649" s="613"/>
      <c r="BNV649" s="613"/>
      <c r="BNW649" s="613"/>
      <c r="BNX649" s="613"/>
      <c r="BNY649" s="613"/>
      <c r="BNZ649" s="613"/>
      <c r="BOA649" s="613"/>
      <c r="BOB649" s="613"/>
      <c r="BOC649" s="613"/>
      <c r="BOD649" s="613"/>
      <c r="BOE649" s="613"/>
      <c r="BOF649" s="613"/>
      <c r="BOG649" s="613"/>
      <c r="BOH649" s="613"/>
      <c r="BOI649" s="613"/>
      <c r="BOJ649" s="613"/>
      <c r="BOK649" s="613"/>
      <c r="BOL649" s="613"/>
      <c r="BOM649" s="613"/>
      <c r="BON649" s="613"/>
      <c r="BOO649" s="613"/>
      <c r="BOP649" s="613"/>
      <c r="BOQ649" s="613"/>
      <c r="BOR649" s="613"/>
      <c r="BOS649" s="613"/>
      <c r="BOT649" s="613"/>
      <c r="BOU649" s="613"/>
      <c r="BOV649" s="613"/>
      <c r="BOW649" s="613"/>
      <c r="BOX649" s="613"/>
      <c r="BOY649" s="613"/>
      <c r="BOZ649" s="613"/>
      <c r="BPA649" s="613"/>
      <c r="BPB649" s="613"/>
      <c r="BPC649" s="613"/>
      <c r="BPD649" s="613"/>
      <c r="BPE649" s="613"/>
      <c r="BPF649" s="613"/>
      <c r="BPG649" s="613"/>
      <c r="BPH649" s="613"/>
      <c r="BPI649" s="613"/>
      <c r="BPJ649" s="613"/>
      <c r="BPK649" s="613"/>
      <c r="BPL649" s="613"/>
      <c r="BPM649" s="613"/>
      <c r="BPN649" s="613"/>
      <c r="BPO649" s="613"/>
      <c r="BPP649" s="613"/>
      <c r="BPQ649" s="613"/>
      <c r="BPR649" s="613"/>
      <c r="BPS649" s="613"/>
      <c r="BPT649" s="613"/>
      <c r="BPU649" s="613"/>
      <c r="BPV649" s="613"/>
      <c r="BPW649" s="613"/>
      <c r="BPX649" s="613"/>
      <c r="BPY649" s="613"/>
      <c r="BPZ649" s="613"/>
      <c r="BQA649" s="613"/>
      <c r="BQB649" s="613"/>
      <c r="BQC649" s="613"/>
      <c r="BQD649" s="613"/>
      <c r="BQE649" s="613"/>
      <c r="BQF649" s="613"/>
      <c r="BQG649" s="613"/>
      <c r="BQH649" s="613"/>
      <c r="BQI649" s="613"/>
      <c r="BQJ649" s="613"/>
      <c r="BQK649" s="613"/>
      <c r="BQL649" s="613"/>
      <c r="BQM649" s="613"/>
      <c r="BQN649" s="613"/>
      <c r="BQO649" s="613"/>
      <c r="BQP649" s="613"/>
      <c r="BQQ649" s="613"/>
      <c r="BQR649" s="613"/>
      <c r="BQS649" s="613"/>
      <c r="BQT649" s="613"/>
      <c r="BQU649" s="613"/>
      <c r="BQV649" s="613"/>
      <c r="BQW649" s="613"/>
      <c r="BQX649" s="613"/>
      <c r="BQY649" s="613"/>
      <c r="BQZ649" s="613"/>
      <c r="BRA649" s="613"/>
      <c r="BRB649" s="613"/>
      <c r="BRC649" s="613"/>
      <c r="BRD649" s="613"/>
      <c r="BRE649" s="613"/>
      <c r="BRF649" s="613"/>
      <c r="BRG649" s="613"/>
      <c r="BRH649" s="613"/>
      <c r="BRI649" s="613"/>
      <c r="BRJ649" s="613"/>
      <c r="BRK649" s="613"/>
      <c r="BRL649" s="613"/>
      <c r="BRM649" s="613"/>
      <c r="BRN649" s="613"/>
      <c r="BRO649" s="613"/>
      <c r="BRP649" s="613"/>
      <c r="BRQ649" s="613"/>
      <c r="BRR649" s="613"/>
      <c r="BRS649" s="613"/>
      <c r="BRT649" s="613"/>
      <c r="BRU649" s="613"/>
      <c r="BRV649" s="613"/>
      <c r="BRW649" s="613"/>
      <c r="BRX649" s="613"/>
      <c r="BRY649" s="613"/>
      <c r="BRZ649" s="613"/>
      <c r="BSA649" s="613"/>
      <c r="BSB649" s="613"/>
      <c r="BSC649" s="613"/>
      <c r="BSD649" s="613"/>
      <c r="BSE649" s="613"/>
      <c r="BSF649" s="613"/>
      <c r="BSG649" s="613"/>
      <c r="BSH649" s="613"/>
      <c r="BSI649" s="613"/>
      <c r="BSJ649" s="613"/>
      <c r="BSK649" s="613"/>
      <c r="BSL649" s="613"/>
      <c r="BSM649" s="613"/>
      <c r="BSN649" s="613"/>
      <c r="BSO649" s="613"/>
      <c r="BSP649" s="613"/>
      <c r="BSQ649" s="613"/>
      <c r="BSR649" s="613"/>
      <c r="BSS649" s="613"/>
      <c r="BST649" s="613"/>
      <c r="BSU649" s="613"/>
      <c r="BSV649" s="613"/>
      <c r="BSW649" s="613"/>
      <c r="BSX649" s="613"/>
      <c r="BSY649" s="613"/>
      <c r="BSZ649" s="613"/>
      <c r="BTA649" s="613"/>
      <c r="BTB649" s="613"/>
      <c r="BTC649" s="613"/>
      <c r="BTD649" s="613"/>
      <c r="BTE649" s="613"/>
      <c r="BTF649" s="613"/>
      <c r="BTG649" s="613"/>
      <c r="BTH649" s="613"/>
      <c r="BTI649" s="613"/>
      <c r="BTJ649" s="613"/>
      <c r="BTK649" s="613"/>
      <c r="BTL649" s="613"/>
      <c r="BTM649" s="613"/>
      <c r="BTN649" s="613"/>
      <c r="BTO649" s="613"/>
      <c r="BTP649" s="613"/>
      <c r="BTQ649" s="613"/>
      <c r="BTR649" s="613"/>
      <c r="BTS649" s="613"/>
      <c r="BTT649" s="613"/>
      <c r="BTU649" s="613"/>
      <c r="BTV649" s="613"/>
      <c r="BTW649" s="613"/>
      <c r="BTX649" s="613"/>
      <c r="BTY649" s="613"/>
      <c r="BTZ649" s="613"/>
      <c r="BUA649" s="613"/>
      <c r="BUB649" s="613"/>
      <c r="BUC649" s="613"/>
      <c r="BUD649" s="613"/>
      <c r="BUE649" s="613"/>
      <c r="BUF649" s="613"/>
      <c r="BUG649" s="613"/>
      <c r="BUH649" s="613"/>
      <c r="BUI649" s="613"/>
      <c r="BUJ649" s="613"/>
      <c r="BUK649" s="613"/>
      <c r="BUL649" s="613"/>
      <c r="BUM649" s="613"/>
      <c r="BUN649" s="613"/>
      <c r="BUO649" s="613"/>
      <c r="BUP649" s="613"/>
      <c r="BUQ649" s="613"/>
      <c r="BUR649" s="613"/>
      <c r="BUS649" s="613"/>
      <c r="BUT649" s="613"/>
      <c r="BUU649" s="613"/>
      <c r="BUV649" s="613"/>
      <c r="BUW649" s="613"/>
      <c r="BUX649" s="613"/>
      <c r="BUY649" s="613"/>
      <c r="BUZ649" s="613"/>
      <c r="BVA649" s="613"/>
      <c r="BVB649" s="613"/>
      <c r="BVC649" s="613"/>
      <c r="BVD649" s="613"/>
      <c r="BVE649" s="613"/>
      <c r="BVF649" s="613"/>
      <c r="BVG649" s="613"/>
      <c r="BVH649" s="613"/>
      <c r="BVI649" s="613"/>
      <c r="BVJ649" s="613"/>
      <c r="BVK649" s="613"/>
      <c r="BVL649" s="613"/>
      <c r="BVM649" s="613"/>
      <c r="BVN649" s="613"/>
      <c r="BVO649" s="613"/>
      <c r="BVP649" s="613"/>
      <c r="BVQ649" s="613"/>
      <c r="BVR649" s="613"/>
      <c r="BVS649" s="613"/>
      <c r="BVT649" s="613"/>
      <c r="BVU649" s="613"/>
      <c r="BVV649" s="613"/>
      <c r="BVW649" s="613"/>
      <c r="BVX649" s="613"/>
      <c r="BVY649" s="613"/>
      <c r="BVZ649" s="613"/>
      <c r="BWA649" s="613"/>
      <c r="BWB649" s="613"/>
      <c r="BWC649" s="613"/>
      <c r="BWD649" s="613"/>
      <c r="BWE649" s="613"/>
      <c r="BWF649" s="613"/>
      <c r="BWG649" s="613"/>
      <c r="BWH649" s="613"/>
      <c r="BWI649" s="613"/>
      <c r="BWJ649" s="613"/>
      <c r="BWK649" s="613"/>
      <c r="BWL649" s="613"/>
      <c r="BWM649" s="613"/>
      <c r="BWN649" s="613"/>
      <c r="BWO649" s="613"/>
      <c r="BWP649" s="613"/>
      <c r="BWQ649" s="613"/>
      <c r="BWR649" s="613"/>
      <c r="BWS649" s="613"/>
      <c r="BWT649" s="613"/>
      <c r="BWU649" s="613"/>
      <c r="BWV649" s="613"/>
      <c r="BWW649" s="613"/>
      <c r="BWX649" s="613"/>
      <c r="BWY649" s="613"/>
      <c r="BWZ649" s="613"/>
      <c r="BXA649" s="613"/>
      <c r="BXB649" s="613"/>
      <c r="BXC649" s="613"/>
      <c r="BXD649" s="613"/>
      <c r="BXE649" s="613"/>
      <c r="BXF649" s="613"/>
      <c r="BXG649" s="613"/>
      <c r="BXH649" s="613"/>
      <c r="BXI649" s="613"/>
      <c r="BXJ649" s="613"/>
      <c r="BXK649" s="613"/>
      <c r="BXL649" s="613"/>
      <c r="BXM649" s="613"/>
      <c r="BXN649" s="613"/>
      <c r="BXO649" s="613"/>
      <c r="BXP649" s="613"/>
      <c r="BXQ649" s="613"/>
      <c r="BXR649" s="613"/>
      <c r="BXS649" s="613"/>
      <c r="BXT649" s="613"/>
      <c r="BXU649" s="613"/>
      <c r="BXV649" s="613"/>
      <c r="BXW649" s="613"/>
      <c r="BXX649" s="613"/>
      <c r="BXY649" s="613"/>
      <c r="BXZ649" s="613"/>
      <c r="BYA649" s="613"/>
      <c r="BYB649" s="613"/>
      <c r="BYC649" s="613"/>
      <c r="BYD649" s="613"/>
      <c r="BYE649" s="613"/>
      <c r="BYF649" s="613"/>
      <c r="BYG649" s="613"/>
      <c r="BYH649" s="613"/>
      <c r="BYI649" s="613"/>
      <c r="BYJ649" s="613"/>
      <c r="BYK649" s="613"/>
      <c r="BYL649" s="613"/>
      <c r="BYM649" s="613"/>
      <c r="BYN649" s="613"/>
      <c r="BYO649" s="613"/>
      <c r="BYP649" s="613"/>
      <c r="BYQ649" s="613"/>
      <c r="BYR649" s="613"/>
      <c r="BYS649" s="613"/>
      <c r="BYT649" s="613"/>
      <c r="BYU649" s="613"/>
      <c r="BYV649" s="613"/>
      <c r="BYW649" s="613"/>
      <c r="BYX649" s="613"/>
      <c r="BYY649" s="613"/>
      <c r="BYZ649" s="613"/>
      <c r="BZA649" s="613"/>
      <c r="BZB649" s="613"/>
      <c r="BZC649" s="613"/>
      <c r="BZD649" s="613"/>
      <c r="BZE649" s="613"/>
      <c r="BZF649" s="613"/>
      <c r="BZG649" s="613"/>
      <c r="BZH649" s="613"/>
      <c r="BZI649" s="613"/>
      <c r="BZJ649" s="613"/>
      <c r="BZK649" s="613"/>
      <c r="BZL649" s="613"/>
      <c r="BZM649" s="613"/>
      <c r="BZN649" s="613"/>
      <c r="BZO649" s="613"/>
      <c r="BZP649" s="613"/>
      <c r="BZQ649" s="613"/>
      <c r="BZR649" s="613"/>
      <c r="BZS649" s="613"/>
      <c r="BZT649" s="613"/>
      <c r="BZU649" s="613"/>
      <c r="BZV649" s="613"/>
      <c r="BZW649" s="613"/>
      <c r="BZX649" s="613"/>
      <c r="BZY649" s="613"/>
      <c r="BZZ649" s="613"/>
      <c r="CAA649" s="613"/>
      <c r="CAB649" s="613"/>
      <c r="CAC649" s="613"/>
      <c r="CAD649" s="613"/>
      <c r="CAE649" s="613"/>
      <c r="CAF649" s="613"/>
      <c r="CAG649" s="613"/>
      <c r="CAH649" s="613"/>
      <c r="CAI649" s="613"/>
      <c r="CAJ649" s="613"/>
      <c r="CAK649" s="613"/>
      <c r="CAL649" s="613"/>
      <c r="CAM649" s="613"/>
      <c r="CAN649" s="613"/>
      <c r="CAO649" s="613"/>
      <c r="CAP649" s="613"/>
      <c r="CAQ649" s="613"/>
      <c r="CAR649" s="613"/>
      <c r="CAS649" s="613"/>
      <c r="CAT649" s="613"/>
      <c r="CAU649" s="613"/>
      <c r="CAV649" s="613"/>
      <c r="CAW649" s="613"/>
      <c r="CAX649" s="613"/>
      <c r="CAY649" s="613"/>
      <c r="CAZ649" s="613"/>
      <c r="CBA649" s="613"/>
      <c r="CBB649" s="613"/>
      <c r="CBC649" s="613"/>
      <c r="CBD649" s="613"/>
      <c r="CBE649" s="613"/>
      <c r="CBF649" s="613"/>
      <c r="CBG649" s="613"/>
      <c r="CBH649" s="613"/>
      <c r="CBI649" s="613"/>
      <c r="CBJ649" s="613"/>
      <c r="CBK649" s="613"/>
      <c r="CBL649" s="613"/>
      <c r="CBM649" s="613"/>
      <c r="CBN649" s="613"/>
      <c r="CBO649" s="613"/>
      <c r="CBP649" s="613"/>
      <c r="CBQ649" s="613"/>
      <c r="CBR649" s="613"/>
      <c r="CBS649" s="613"/>
      <c r="CBT649" s="613"/>
      <c r="CBU649" s="613"/>
      <c r="CBV649" s="613"/>
      <c r="CBW649" s="613"/>
      <c r="CBX649" s="613"/>
      <c r="CBY649" s="613"/>
      <c r="CBZ649" s="613"/>
      <c r="CCA649" s="613"/>
      <c r="CCB649" s="613"/>
      <c r="CCC649" s="613"/>
      <c r="CCD649" s="613"/>
      <c r="CCE649" s="613"/>
      <c r="CCF649" s="613"/>
      <c r="CCG649" s="613"/>
      <c r="CCH649" s="613"/>
      <c r="CCI649" s="613"/>
      <c r="CCJ649" s="613"/>
      <c r="CCK649" s="613"/>
      <c r="CCL649" s="613"/>
      <c r="CCM649" s="613"/>
      <c r="CCN649" s="613"/>
      <c r="CCO649" s="613"/>
      <c r="CCP649" s="613"/>
      <c r="CCQ649" s="613"/>
      <c r="CCR649" s="613"/>
      <c r="CCS649" s="613"/>
      <c r="CCT649" s="613"/>
      <c r="CCU649" s="613"/>
      <c r="CCV649" s="613"/>
      <c r="CCW649" s="613"/>
      <c r="CCX649" s="613"/>
      <c r="CCY649" s="613"/>
      <c r="CCZ649" s="613"/>
      <c r="CDA649" s="613"/>
      <c r="CDB649" s="613"/>
      <c r="CDC649" s="613"/>
      <c r="CDD649" s="613"/>
      <c r="CDE649" s="613"/>
      <c r="CDF649" s="613"/>
      <c r="CDG649" s="613"/>
      <c r="CDH649" s="613"/>
      <c r="CDI649" s="613"/>
      <c r="CDJ649" s="613"/>
      <c r="CDK649" s="613"/>
      <c r="CDL649" s="613"/>
      <c r="CDM649" s="613"/>
      <c r="CDN649" s="613"/>
      <c r="CDO649" s="613"/>
      <c r="CDP649" s="613"/>
      <c r="CDQ649" s="613"/>
      <c r="CDR649" s="613"/>
      <c r="CDS649" s="613"/>
      <c r="CDT649" s="613"/>
      <c r="CDU649" s="613"/>
      <c r="CDV649" s="613"/>
      <c r="CDW649" s="613"/>
      <c r="CDX649" s="613"/>
      <c r="CDY649" s="613"/>
      <c r="CDZ649" s="613"/>
      <c r="CEA649" s="613"/>
      <c r="CEB649" s="613"/>
      <c r="CEC649" s="613"/>
      <c r="CED649" s="613"/>
      <c r="CEE649" s="613"/>
      <c r="CEF649" s="613"/>
      <c r="CEG649" s="613"/>
      <c r="CEH649" s="613"/>
      <c r="CEI649" s="613"/>
      <c r="CEJ649" s="613"/>
      <c r="CEK649" s="613"/>
      <c r="CEL649" s="613"/>
      <c r="CEM649" s="613"/>
      <c r="CEN649" s="613"/>
      <c r="CEO649" s="613"/>
      <c r="CEP649" s="613"/>
      <c r="CEQ649" s="613"/>
      <c r="CER649" s="613"/>
      <c r="CES649" s="613"/>
      <c r="CET649" s="613"/>
      <c r="CEU649" s="613"/>
      <c r="CEV649" s="613"/>
      <c r="CEW649" s="613"/>
      <c r="CEX649" s="613"/>
      <c r="CEY649" s="613"/>
      <c r="CEZ649" s="613"/>
      <c r="CFA649" s="613"/>
      <c r="CFB649" s="613"/>
      <c r="CFC649" s="613"/>
      <c r="CFD649" s="613"/>
      <c r="CFE649" s="613"/>
      <c r="CFF649" s="613"/>
      <c r="CFG649" s="613"/>
      <c r="CFH649" s="613"/>
      <c r="CFI649" s="613"/>
      <c r="CFJ649" s="613"/>
      <c r="CFK649" s="613"/>
      <c r="CFL649" s="613"/>
      <c r="CFM649" s="613"/>
      <c r="CFN649" s="613"/>
      <c r="CFO649" s="613"/>
      <c r="CFP649" s="613"/>
      <c r="CFQ649" s="613"/>
      <c r="CFR649" s="613"/>
      <c r="CFS649" s="613"/>
      <c r="CFT649" s="613"/>
      <c r="CFU649" s="613"/>
      <c r="CFV649" s="613"/>
      <c r="CFW649" s="613"/>
      <c r="CFX649" s="613"/>
      <c r="CFY649" s="613"/>
      <c r="CFZ649" s="613"/>
      <c r="CGA649" s="613"/>
      <c r="CGB649" s="613"/>
      <c r="CGC649" s="613"/>
      <c r="CGD649" s="613"/>
      <c r="CGE649" s="613"/>
      <c r="CGF649" s="613"/>
      <c r="CGG649" s="613"/>
      <c r="CGH649" s="613"/>
      <c r="CGI649" s="613"/>
      <c r="CGJ649" s="613"/>
      <c r="CGK649" s="613"/>
      <c r="CGL649" s="613"/>
      <c r="CGM649" s="613"/>
      <c r="CGN649" s="613"/>
      <c r="CGO649" s="613"/>
      <c r="CGP649" s="613"/>
      <c r="CGQ649" s="613"/>
      <c r="CGR649" s="613"/>
      <c r="CGS649" s="613"/>
      <c r="CGT649" s="613"/>
      <c r="CGU649" s="613"/>
      <c r="CGV649" s="613"/>
      <c r="CGW649" s="613"/>
      <c r="CGX649" s="613"/>
      <c r="CGY649" s="613"/>
      <c r="CGZ649" s="613"/>
      <c r="CHA649" s="613"/>
      <c r="CHB649" s="613"/>
      <c r="CHC649" s="613"/>
      <c r="CHD649" s="613"/>
      <c r="CHE649" s="613"/>
      <c r="CHF649" s="613"/>
      <c r="CHG649" s="613"/>
      <c r="CHH649" s="613"/>
      <c r="CHI649" s="613"/>
      <c r="CHJ649" s="613"/>
      <c r="CHK649" s="613"/>
      <c r="CHL649" s="613"/>
      <c r="CHM649" s="613"/>
      <c r="CHN649" s="613"/>
      <c r="CHO649" s="613"/>
      <c r="CHP649" s="613"/>
      <c r="CHQ649" s="613"/>
      <c r="CHR649" s="613"/>
      <c r="CHS649" s="613"/>
      <c r="CHT649" s="613"/>
      <c r="CHU649" s="613"/>
      <c r="CHV649" s="613"/>
      <c r="CHW649" s="613"/>
      <c r="CHX649" s="613"/>
      <c r="CHY649" s="613"/>
      <c r="CHZ649" s="613"/>
      <c r="CIA649" s="613"/>
      <c r="CIB649" s="613"/>
      <c r="CIC649" s="613"/>
      <c r="CID649" s="613"/>
      <c r="CIE649" s="613"/>
      <c r="CIF649" s="613"/>
      <c r="CIG649" s="613"/>
      <c r="CIH649" s="613"/>
      <c r="CII649" s="613"/>
      <c r="CIJ649" s="613"/>
      <c r="CIK649" s="613"/>
      <c r="CIL649" s="613"/>
      <c r="CIM649" s="613"/>
      <c r="CIN649" s="613"/>
      <c r="CIO649" s="613"/>
      <c r="CIP649" s="613"/>
      <c r="CIQ649" s="613"/>
      <c r="CIR649" s="613"/>
      <c r="CIS649" s="613"/>
      <c r="CIT649" s="613"/>
      <c r="CIU649" s="613"/>
      <c r="CIV649" s="613"/>
      <c r="CIW649" s="613"/>
      <c r="CIX649" s="613"/>
      <c r="CIY649" s="613"/>
      <c r="CIZ649" s="613"/>
      <c r="CJA649" s="613"/>
      <c r="CJB649" s="613"/>
      <c r="CJC649" s="613"/>
      <c r="CJD649" s="613"/>
      <c r="CJE649" s="613"/>
      <c r="CJF649" s="613"/>
      <c r="CJG649" s="613"/>
      <c r="CJH649" s="613"/>
      <c r="CJI649" s="613"/>
      <c r="CJJ649" s="613"/>
      <c r="CJK649" s="613"/>
      <c r="CJL649" s="613"/>
      <c r="CJM649" s="613"/>
      <c r="CJN649" s="613"/>
      <c r="CJO649" s="613"/>
      <c r="CJP649" s="613"/>
      <c r="CJQ649" s="613"/>
      <c r="CJR649" s="613"/>
      <c r="CJS649" s="613"/>
      <c r="CJT649" s="613"/>
      <c r="CJU649" s="613"/>
      <c r="CJV649" s="613"/>
      <c r="CJW649" s="613"/>
      <c r="CJX649" s="613"/>
      <c r="CJY649" s="613"/>
      <c r="CJZ649" s="613"/>
      <c r="CKA649" s="613"/>
      <c r="CKB649" s="613"/>
      <c r="CKC649" s="613"/>
      <c r="CKD649" s="613"/>
      <c r="CKE649" s="613"/>
      <c r="CKF649" s="613"/>
      <c r="CKG649" s="613"/>
      <c r="CKH649" s="613"/>
      <c r="CKI649" s="613"/>
      <c r="CKJ649" s="613"/>
      <c r="CKK649" s="613"/>
      <c r="CKL649" s="613"/>
      <c r="CKM649" s="613"/>
      <c r="CKN649" s="613"/>
      <c r="CKO649" s="613"/>
      <c r="CKP649" s="613"/>
      <c r="CKQ649" s="613"/>
      <c r="CKR649" s="613"/>
      <c r="CKS649" s="613"/>
      <c r="CKT649" s="613"/>
      <c r="CKU649" s="613"/>
      <c r="CKV649" s="613"/>
      <c r="CKW649" s="613"/>
      <c r="CKX649" s="613"/>
      <c r="CKY649" s="613"/>
      <c r="CKZ649" s="613"/>
      <c r="CLA649" s="613"/>
      <c r="CLB649" s="613"/>
      <c r="CLC649" s="613"/>
      <c r="CLD649" s="613"/>
      <c r="CLE649" s="613"/>
      <c r="CLF649" s="613"/>
      <c r="CLG649" s="613"/>
      <c r="CLH649" s="613"/>
      <c r="CLI649" s="613"/>
      <c r="CLJ649" s="613"/>
      <c r="CLK649" s="613"/>
      <c r="CLL649" s="613"/>
      <c r="CLM649" s="613"/>
      <c r="CLN649" s="613"/>
      <c r="CLO649" s="613"/>
      <c r="CLP649" s="613"/>
      <c r="CLQ649" s="613"/>
      <c r="CLR649" s="613"/>
      <c r="CLS649" s="613"/>
      <c r="CLT649" s="613"/>
      <c r="CLU649" s="613"/>
      <c r="CLV649" s="613"/>
      <c r="CLW649" s="613"/>
      <c r="CLX649" s="613"/>
      <c r="CLY649" s="613"/>
      <c r="CLZ649" s="613"/>
      <c r="CMA649" s="613"/>
      <c r="CMB649" s="613"/>
      <c r="CMC649" s="613"/>
      <c r="CMD649" s="613"/>
      <c r="CME649" s="613"/>
      <c r="CMF649" s="613"/>
      <c r="CMG649" s="613"/>
      <c r="CMH649" s="613"/>
      <c r="CMI649" s="613"/>
      <c r="CMJ649" s="613"/>
      <c r="CMK649" s="613"/>
      <c r="CML649" s="613"/>
      <c r="CMM649" s="613"/>
      <c r="CMN649" s="613"/>
      <c r="CMO649" s="613"/>
      <c r="CMP649" s="613"/>
      <c r="CMQ649" s="613"/>
      <c r="CMR649" s="613"/>
      <c r="CMS649" s="613"/>
      <c r="CMT649" s="613"/>
      <c r="CMU649" s="613"/>
      <c r="CMV649" s="613"/>
      <c r="CMW649" s="613"/>
      <c r="CMX649" s="613"/>
      <c r="CMY649" s="613"/>
      <c r="CMZ649" s="613"/>
      <c r="CNA649" s="613"/>
      <c r="CNB649" s="613"/>
      <c r="CNC649" s="613"/>
      <c r="CND649" s="613"/>
      <c r="CNE649" s="613"/>
      <c r="CNF649" s="613"/>
      <c r="CNG649" s="613"/>
      <c r="CNH649" s="613"/>
      <c r="CNI649" s="613"/>
      <c r="CNJ649" s="613"/>
      <c r="CNK649" s="613"/>
      <c r="CNL649" s="613"/>
      <c r="CNM649" s="613"/>
      <c r="CNN649" s="613"/>
      <c r="CNO649" s="613"/>
      <c r="CNP649" s="613"/>
      <c r="CNQ649" s="613"/>
      <c r="CNR649" s="613"/>
      <c r="CNS649" s="613"/>
      <c r="CNT649" s="613"/>
      <c r="CNU649" s="613"/>
      <c r="CNV649" s="613"/>
      <c r="CNW649" s="613"/>
      <c r="CNX649" s="613"/>
      <c r="CNY649" s="613"/>
      <c r="CNZ649" s="613"/>
      <c r="COA649" s="613"/>
      <c r="COB649" s="613"/>
      <c r="COC649" s="613"/>
      <c r="COD649" s="613"/>
      <c r="COE649" s="613"/>
      <c r="COF649" s="613"/>
      <c r="COG649" s="613"/>
      <c r="COH649" s="613"/>
      <c r="COI649" s="613"/>
      <c r="COJ649" s="613"/>
      <c r="COK649" s="613"/>
      <c r="COL649" s="613"/>
      <c r="COM649" s="613"/>
      <c r="CON649" s="613"/>
      <c r="COO649" s="613"/>
      <c r="COP649" s="613"/>
      <c r="COQ649" s="613"/>
      <c r="COR649" s="613"/>
      <c r="COS649" s="613"/>
      <c r="COT649" s="613"/>
      <c r="COU649" s="613"/>
      <c r="COV649" s="613"/>
      <c r="COW649" s="613"/>
      <c r="COX649" s="613"/>
      <c r="COY649" s="613"/>
      <c r="COZ649" s="613"/>
      <c r="CPA649" s="613"/>
      <c r="CPB649" s="613"/>
      <c r="CPC649" s="613"/>
      <c r="CPD649" s="613"/>
      <c r="CPE649" s="613"/>
      <c r="CPF649" s="613"/>
      <c r="CPG649" s="613"/>
      <c r="CPH649" s="613"/>
      <c r="CPI649" s="613"/>
      <c r="CPJ649" s="613"/>
      <c r="CPK649" s="613"/>
      <c r="CPL649" s="613"/>
      <c r="CPM649" s="613"/>
      <c r="CPN649" s="613"/>
      <c r="CPO649" s="613"/>
      <c r="CPP649" s="613"/>
      <c r="CPQ649" s="613"/>
      <c r="CPR649" s="613"/>
      <c r="CPS649" s="613"/>
      <c r="CPT649" s="613"/>
      <c r="CPU649" s="613"/>
      <c r="CPV649" s="613"/>
      <c r="CPW649" s="613"/>
      <c r="CPX649" s="613"/>
      <c r="CPY649" s="613"/>
      <c r="CPZ649" s="613"/>
      <c r="CQA649" s="613"/>
      <c r="CQB649" s="613"/>
      <c r="CQC649" s="613"/>
      <c r="CQD649" s="613"/>
      <c r="CQE649" s="613"/>
      <c r="CQF649" s="613"/>
      <c r="CQG649" s="613"/>
      <c r="CQH649" s="613"/>
      <c r="CQI649" s="613"/>
      <c r="CQJ649" s="613"/>
      <c r="CQK649" s="613"/>
      <c r="CQL649" s="613"/>
      <c r="CQM649" s="613"/>
      <c r="CQN649" s="613"/>
      <c r="CQO649" s="613"/>
      <c r="CQP649" s="613"/>
      <c r="CQQ649" s="613"/>
      <c r="CQR649" s="613"/>
      <c r="CQS649" s="613"/>
      <c r="CQT649" s="613"/>
      <c r="CQU649" s="613"/>
      <c r="CQV649" s="613"/>
      <c r="CQW649" s="613"/>
      <c r="CQX649" s="613"/>
      <c r="CQY649" s="613"/>
      <c r="CQZ649" s="613"/>
      <c r="CRA649" s="613"/>
      <c r="CRB649" s="613"/>
      <c r="CRC649" s="613"/>
      <c r="CRD649" s="613"/>
      <c r="CRE649" s="613"/>
      <c r="CRF649" s="613"/>
      <c r="CRG649" s="613"/>
      <c r="CRH649" s="613"/>
      <c r="CRI649" s="613"/>
      <c r="CRJ649" s="613"/>
      <c r="CRK649" s="613"/>
      <c r="CRL649" s="613"/>
      <c r="CRM649" s="613"/>
      <c r="CRN649" s="613"/>
      <c r="CRO649" s="613"/>
      <c r="CRP649" s="613"/>
      <c r="CRQ649" s="613"/>
      <c r="CRR649" s="613"/>
      <c r="CRS649" s="613"/>
      <c r="CRT649" s="613"/>
      <c r="CRU649" s="613"/>
      <c r="CRV649" s="613"/>
      <c r="CRW649" s="613"/>
      <c r="CRX649" s="613"/>
      <c r="CRY649" s="613"/>
      <c r="CRZ649" s="613"/>
      <c r="CSA649" s="613"/>
      <c r="CSB649" s="613"/>
      <c r="CSC649" s="613"/>
      <c r="CSD649" s="613"/>
      <c r="CSE649" s="613"/>
      <c r="CSF649" s="613"/>
      <c r="CSG649" s="613"/>
      <c r="CSH649" s="613"/>
      <c r="CSI649" s="613"/>
      <c r="CSJ649" s="613"/>
      <c r="CSK649" s="613"/>
      <c r="CSL649" s="613"/>
      <c r="CSM649" s="613"/>
      <c r="CSN649" s="613"/>
      <c r="CSO649" s="613"/>
      <c r="CSP649" s="613"/>
      <c r="CSQ649" s="613"/>
      <c r="CSR649" s="613"/>
      <c r="CSS649" s="613"/>
      <c r="CST649" s="613"/>
      <c r="CSU649" s="613"/>
      <c r="CSV649" s="613"/>
      <c r="CSW649" s="613"/>
      <c r="CSX649" s="613"/>
      <c r="CSY649" s="613"/>
      <c r="CSZ649" s="613"/>
      <c r="CTA649" s="613"/>
      <c r="CTB649" s="613"/>
      <c r="CTC649" s="613"/>
      <c r="CTD649" s="613"/>
      <c r="CTE649" s="613"/>
      <c r="CTF649" s="613"/>
      <c r="CTG649" s="613"/>
      <c r="CTH649" s="613"/>
      <c r="CTI649" s="613"/>
      <c r="CTJ649" s="613"/>
      <c r="CTK649" s="613"/>
      <c r="CTL649" s="613"/>
      <c r="CTM649" s="613"/>
      <c r="CTN649" s="613"/>
      <c r="CTO649" s="613"/>
      <c r="CTP649" s="613"/>
      <c r="CTQ649" s="613"/>
      <c r="CTR649" s="613"/>
      <c r="CTS649" s="613"/>
      <c r="CTT649" s="613"/>
      <c r="CTU649" s="613"/>
      <c r="CTV649" s="613"/>
      <c r="CTW649" s="613"/>
      <c r="CTX649" s="613"/>
      <c r="CTY649" s="613"/>
      <c r="CTZ649" s="613"/>
      <c r="CUA649" s="613"/>
      <c r="CUB649" s="613"/>
      <c r="CUC649" s="613"/>
      <c r="CUD649" s="613"/>
      <c r="CUE649" s="613"/>
      <c r="CUF649" s="613"/>
      <c r="CUG649" s="613"/>
      <c r="CUH649" s="613"/>
      <c r="CUI649" s="613"/>
      <c r="CUJ649" s="613"/>
      <c r="CUK649" s="613"/>
      <c r="CUL649" s="613"/>
      <c r="CUM649" s="613"/>
      <c r="CUN649" s="613"/>
      <c r="CUO649" s="613"/>
      <c r="CUP649" s="613"/>
      <c r="CUQ649" s="613"/>
      <c r="CUR649" s="613"/>
      <c r="CUS649" s="613"/>
      <c r="CUT649" s="613"/>
      <c r="CUU649" s="613"/>
      <c r="CUV649" s="613"/>
      <c r="CUW649" s="613"/>
      <c r="CUX649" s="613"/>
      <c r="CUY649" s="613"/>
      <c r="CUZ649" s="613"/>
      <c r="CVA649" s="613"/>
      <c r="CVB649" s="613"/>
      <c r="CVC649" s="613"/>
      <c r="CVD649" s="613"/>
      <c r="CVE649" s="613"/>
      <c r="CVF649" s="613"/>
      <c r="CVG649" s="613"/>
      <c r="CVH649" s="613"/>
      <c r="CVI649" s="613"/>
      <c r="CVJ649" s="613"/>
      <c r="CVK649" s="613"/>
      <c r="CVL649" s="613"/>
      <c r="CVM649" s="613"/>
      <c r="CVN649" s="613"/>
      <c r="CVO649" s="613"/>
      <c r="CVP649" s="613"/>
      <c r="CVQ649" s="613"/>
      <c r="CVR649" s="613"/>
      <c r="CVS649" s="613"/>
      <c r="CVT649" s="613"/>
      <c r="CVU649" s="613"/>
      <c r="CVV649" s="613"/>
      <c r="CVW649" s="613"/>
      <c r="CVX649" s="613"/>
      <c r="CVY649" s="613"/>
      <c r="CVZ649" s="613"/>
      <c r="CWA649" s="613"/>
      <c r="CWB649" s="613"/>
      <c r="CWC649" s="613"/>
      <c r="CWD649" s="613"/>
      <c r="CWE649" s="613"/>
      <c r="CWF649" s="613"/>
      <c r="CWG649" s="613"/>
      <c r="CWH649" s="613"/>
      <c r="CWI649" s="613"/>
      <c r="CWJ649" s="613"/>
      <c r="CWK649" s="613"/>
      <c r="CWL649" s="613"/>
      <c r="CWM649" s="613"/>
      <c r="CWN649" s="613"/>
      <c r="CWO649" s="613"/>
      <c r="CWP649" s="613"/>
      <c r="CWQ649" s="613"/>
      <c r="CWR649" s="613"/>
      <c r="CWS649" s="613"/>
      <c r="CWT649" s="613"/>
      <c r="CWU649" s="613"/>
      <c r="CWV649" s="613"/>
      <c r="CWW649" s="613"/>
      <c r="CWX649" s="613"/>
      <c r="CWY649" s="613"/>
      <c r="CWZ649" s="613"/>
      <c r="CXA649" s="613"/>
      <c r="CXB649" s="613"/>
      <c r="CXC649" s="613"/>
      <c r="CXD649" s="613"/>
      <c r="CXE649" s="613"/>
      <c r="CXF649" s="613"/>
      <c r="CXG649" s="613"/>
      <c r="CXH649" s="613"/>
      <c r="CXI649" s="613"/>
      <c r="CXJ649" s="613"/>
      <c r="CXK649" s="613"/>
      <c r="CXL649" s="613"/>
      <c r="CXM649" s="613"/>
      <c r="CXN649" s="613"/>
      <c r="CXO649" s="613"/>
      <c r="CXP649" s="613"/>
      <c r="CXQ649" s="613"/>
      <c r="CXR649" s="613"/>
      <c r="CXS649" s="613"/>
      <c r="CXT649" s="613"/>
      <c r="CXU649" s="613"/>
      <c r="CXV649" s="613"/>
      <c r="CXW649" s="613"/>
      <c r="CXX649" s="613"/>
      <c r="CXY649" s="613"/>
      <c r="CXZ649" s="613"/>
      <c r="CYA649" s="613"/>
      <c r="CYB649" s="613"/>
      <c r="CYC649" s="613"/>
      <c r="CYD649" s="613"/>
      <c r="CYE649" s="613"/>
      <c r="CYF649" s="613"/>
      <c r="CYG649" s="613"/>
      <c r="CYH649" s="613"/>
      <c r="CYI649" s="613"/>
      <c r="CYJ649" s="613"/>
      <c r="CYK649" s="613"/>
      <c r="CYL649" s="613"/>
      <c r="CYM649" s="613"/>
      <c r="CYN649" s="613"/>
      <c r="CYO649" s="613"/>
      <c r="CYP649" s="613"/>
      <c r="CYQ649" s="613"/>
      <c r="CYR649" s="613"/>
      <c r="CYS649" s="613"/>
      <c r="CYT649" s="613"/>
      <c r="CYU649" s="613"/>
      <c r="CYV649" s="613"/>
      <c r="CYW649" s="613"/>
      <c r="CYX649" s="613"/>
      <c r="CYY649" s="613"/>
      <c r="CYZ649" s="613"/>
      <c r="CZA649" s="613"/>
      <c r="CZB649" s="613"/>
      <c r="CZC649" s="613"/>
      <c r="CZD649" s="613"/>
      <c r="CZE649" s="613"/>
      <c r="CZF649" s="613"/>
      <c r="CZG649" s="613"/>
      <c r="CZH649" s="613"/>
      <c r="CZI649" s="613"/>
      <c r="CZJ649" s="613"/>
      <c r="CZK649" s="613"/>
      <c r="CZL649" s="613"/>
      <c r="CZM649" s="613"/>
      <c r="CZN649" s="613"/>
      <c r="CZO649" s="613"/>
      <c r="CZP649" s="613"/>
      <c r="CZQ649" s="613"/>
      <c r="CZR649" s="613"/>
      <c r="CZS649" s="613"/>
      <c r="CZT649" s="613"/>
      <c r="CZU649" s="613"/>
      <c r="CZV649" s="613"/>
      <c r="CZW649" s="613"/>
      <c r="CZX649" s="613"/>
      <c r="CZY649" s="613"/>
      <c r="CZZ649" s="613"/>
      <c r="DAA649" s="613"/>
      <c r="DAB649" s="613"/>
      <c r="DAC649" s="613"/>
      <c r="DAD649" s="613"/>
      <c r="DAE649" s="613"/>
      <c r="DAF649" s="613"/>
      <c r="DAG649" s="613"/>
      <c r="DAH649" s="613"/>
      <c r="DAI649" s="613"/>
      <c r="DAJ649" s="613"/>
      <c r="DAK649" s="613"/>
      <c r="DAL649" s="613"/>
      <c r="DAM649" s="613"/>
      <c r="DAN649" s="613"/>
      <c r="DAO649" s="613"/>
      <c r="DAP649" s="613"/>
      <c r="DAQ649" s="613"/>
      <c r="DAR649" s="613"/>
      <c r="DAS649" s="613"/>
      <c r="DAT649" s="613"/>
      <c r="DAU649" s="613"/>
      <c r="DAV649" s="613"/>
      <c r="DAW649" s="613"/>
      <c r="DAX649" s="613"/>
      <c r="DAY649" s="613"/>
      <c r="DAZ649" s="613"/>
      <c r="DBA649" s="613"/>
      <c r="DBB649" s="613"/>
      <c r="DBC649" s="613"/>
      <c r="DBD649" s="613"/>
      <c r="DBE649" s="613"/>
      <c r="DBF649" s="613"/>
      <c r="DBG649" s="613"/>
      <c r="DBH649" s="613"/>
      <c r="DBI649" s="613"/>
      <c r="DBJ649" s="613"/>
      <c r="DBK649" s="613"/>
      <c r="DBL649" s="613"/>
      <c r="DBM649" s="613"/>
      <c r="DBN649" s="613"/>
      <c r="DBO649" s="613"/>
      <c r="DBP649" s="613"/>
      <c r="DBQ649" s="613"/>
      <c r="DBR649" s="613"/>
      <c r="DBS649" s="613"/>
      <c r="DBT649" s="613"/>
      <c r="DBU649" s="613"/>
      <c r="DBV649" s="613"/>
      <c r="DBW649" s="613"/>
      <c r="DBX649" s="613"/>
      <c r="DBY649" s="613"/>
      <c r="DBZ649" s="613"/>
      <c r="DCA649" s="613"/>
      <c r="DCB649" s="613"/>
      <c r="DCC649" s="613"/>
      <c r="DCD649" s="613"/>
      <c r="DCE649" s="613"/>
      <c r="DCF649" s="613"/>
      <c r="DCG649" s="613"/>
      <c r="DCH649" s="613"/>
      <c r="DCI649" s="613"/>
      <c r="DCJ649" s="613"/>
      <c r="DCK649" s="613"/>
      <c r="DCL649" s="613"/>
      <c r="DCM649" s="613"/>
      <c r="DCN649" s="613"/>
      <c r="DCO649" s="613"/>
      <c r="DCP649" s="613"/>
      <c r="DCQ649" s="613"/>
      <c r="DCR649" s="613"/>
      <c r="DCS649" s="613"/>
      <c r="DCT649" s="613"/>
      <c r="DCU649" s="613"/>
      <c r="DCV649" s="613"/>
      <c r="DCW649" s="613"/>
      <c r="DCX649" s="613"/>
      <c r="DCY649" s="613"/>
      <c r="DCZ649" s="613"/>
      <c r="DDA649" s="613"/>
      <c r="DDB649" s="613"/>
      <c r="DDC649" s="613"/>
      <c r="DDD649" s="613"/>
      <c r="DDE649" s="613"/>
      <c r="DDF649" s="613"/>
      <c r="DDG649" s="613"/>
      <c r="DDH649" s="613"/>
      <c r="DDI649" s="613"/>
      <c r="DDJ649" s="613"/>
      <c r="DDK649" s="613"/>
      <c r="DDL649" s="613"/>
      <c r="DDM649" s="613"/>
      <c r="DDN649" s="613"/>
      <c r="DDO649" s="613"/>
      <c r="DDP649" s="613"/>
      <c r="DDQ649" s="613"/>
      <c r="DDR649" s="613"/>
      <c r="DDS649" s="613"/>
      <c r="DDT649" s="613"/>
      <c r="DDU649" s="613"/>
      <c r="DDV649" s="613"/>
      <c r="DDW649" s="613"/>
      <c r="DDX649" s="613"/>
      <c r="DDY649" s="613"/>
      <c r="DDZ649" s="613"/>
      <c r="DEA649" s="613"/>
      <c r="DEB649" s="613"/>
      <c r="DEC649" s="613"/>
      <c r="DED649" s="613"/>
      <c r="DEE649" s="613"/>
      <c r="DEF649" s="613"/>
      <c r="DEG649" s="613"/>
      <c r="DEH649" s="613"/>
      <c r="DEI649" s="613"/>
      <c r="DEJ649" s="613"/>
      <c r="DEK649" s="613"/>
      <c r="DEL649" s="613"/>
      <c r="DEM649" s="613"/>
      <c r="DEN649" s="613"/>
      <c r="DEO649" s="613"/>
      <c r="DEP649" s="613"/>
      <c r="DEQ649" s="613"/>
      <c r="DER649" s="613"/>
      <c r="DES649" s="613"/>
      <c r="DET649" s="613"/>
      <c r="DEU649" s="613"/>
      <c r="DEV649" s="613"/>
      <c r="DEW649" s="613"/>
      <c r="DEX649" s="613"/>
      <c r="DEY649" s="613"/>
      <c r="DEZ649" s="613"/>
      <c r="DFA649" s="613"/>
      <c r="DFB649" s="613"/>
      <c r="DFC649" s="613"/>
      <c r="DFD649" s="613"/>
      <c r="DFE649" s="613"/>
      <c r="DFF649" s="613"/>
      <c r="DFG649" s="613"/>
      <c r="DFH649" s="613"/>
      <c r="DFI649" s="613"/>
      <c r="DFJ649" s="613"/>
      <c r="DFK649" s="613"/>
      <c r="DFL649" s="613"/>
      <c r="DFM649" s="613"/>
      <c r="DFN649" s="613"/>
      <c r="DFO649" s="613"/>
      <c r="DFP649" s="613"/>
      <c r="DFQ649" s="613"/>
      <c r="DFR649" s="613"/>
      <c r="DFS649" s="613"/>
      <c r="DFT649" s="613"/>
      <c r="DFU649" s="613"/>
      <c r="DFV649" s="613"/>
      <c r="DFW649" s="613"/>
      <c r="DFX649" s="613"/>
      <c r="DFY649" s="613"/>
      <c r="DFZ649" s="613"/>
      <c r="DGA649" s="613"/>
      <c r="DGB649" s="613"/>
      <c r="DGC649" s="613"/>
      <c r="DGD649" s="613"/>
      <c r="DGE649" s="613"/>
      <c r="DGF649" s="613"/>
      <c r="DGG649" s="613"/>
      <c r="DGH649" s="613"/>
      <c r="DGI649" s="613"/>
      <c r="DGJ649" s="613"/>
      <c r="DGK649" s="613"/>
      <c r="DGL649" s="613"/>
      <c r="DGM649" s="613"/>
      <c r="DGN649" s="613"/>
      <c r="DGO649" s="613"/>
      <c r="DGP649" s="613"/>
      <c r="DGQ649" s="613"/>
      <c r="DGR649" s="613"/>
      <c r="DGS649" s="613"/>
      <c r="DGT649" s="613"/>
      <c r="DGU649" s="613"/>
      <c r="DGV649" s="613"/>
      <c r="DGW649" s="613"/>
      <c r="DGX649" s="613"/>
      <c r="DGY649" s="613"/>
      <c r="DGZ649" s="613"/>
      <c r="DHA649" s="613"/>
      <c r="DHB649" s="613"/>
      <c r="DHC649" s="613"/>
      <c r="DHD649" s="613"/>
      <c r="DHE649" s="613"/>
      <c r="DHF649" s="613"/>
      <c r="DHG649" s="613"/>
      <c r="DHH649" s="613"/>
      <c r="DHI649" s="613"/>
      <c r="DHJ649" s="613"/>
      <c r="DHK649" s="613"/>
      <c r="DHL649" s="613"/>
      <c r="DHM649" s="613"/>
      <c r="DHN649" s="613"/>
      <c r="DHO649" s="613"/>
      <c r="DHP649" s="613"/>
      <c r="DHQ649" s="613"/>
      <c r="DHR649" s="613"/>
      <c r="DHS649" s="613"/>
      <c r="DHT649" s="613"/>
      <c r="DHU649" s="613"/>
      <c r="DHV649" s="613"/>
      <c r="DHW649" s="613"/>
      <c r="DHX649" s="613"/>
      <c r="DHY649" s="613"/>
      <c r="DHZ649" s="613"/>
      <c r="DIA649" s="613"/>
      <c r="DIB649" s="613"/>
      <c r="DIC649" s="613"/>
      <c r="DID649" s="613"/>
      <c r="DIE649" s="613"/>
      <c r="DIF649" s="613"/>
      <c r="DIG649" s="613"/>
      <c r="DIH649" s="613"/>
      <c r="DII649" s="613"/>
      <c r="DIJ649" s="613"/>
      <c r="DIK649" s="613"/>
      <c r="DIL649" s="613"/>
      <c r="DIM649" s="613"/>
      <c r="DIN649" s="613"/>
      <c r="DIO649" s="613"/>
      <c r="DIP649" s="613"/>
      <c r="DIQ649" s="613"/>
      <c r="DIR649" s="613"/>
      <c r="DIS649" s="613"/>
      <c r="DIT649" s="613"/>
      <c r="DIU649" s="613"/>
      <c r="DIV649" s="613"/>
      <c r="DIW649" s="613"/>
      <c r="DIX649" s="613"/>
      <c r="DIY649" s="613"/>
      <c r="DIZ649" s="613"/>
      <c r="DJA649" s="613"/>
      <c r="DJB649" s="613"/>
      <c r="DJC649" s="613"/>
      <c r="DJD649" s="613"/>
      <c r="DJE649" s="613"/>
      <c r="DJF649" s="613"/>
      <c r="DJG649" s="613"/>
      <c r="DJH649" s="613"/>
      <c r="DJI649" s="613"/>
      <c r="DJJ649" s="613"/>
      <c r="DJK649" s="613"/>
      <c r="DJL649" s="613"/>
      <c r="DJM649" s="613"/>
      <c r="DJN649" s="613"/>
      <c r="DJO649" s="613"/>
      <c r="DJP649" s="613"/>
      <c r="DJQ649" s="613"/>
      <c r="DJR649" s="613"/>
      <c r="DJS649" s="613"/>
      <c r="DJT649" s="613"/>
      <c r="DJU649" s="613"/>
      <c r="DJV649" s="613"/>
      <c r="DJW649" s="613"/>
      <c r="DJX649" s="613"/>
      <c r="DJY649" s="613"/>
      <c r="DJZ649" s="613"/>
      <c r="DKA649" s="613"/>
      <c r="DKB649" s="613"/>
      <c r="DKC649" s="613"/>
      <c r="DKD649" s="613"/>
      <c r="DKE649" s="613"/>
      <c r="DKF649" s="613"/>
      <c r="DKG649" s="613"/>
      <c r="DKH649" s="613"/>
      <c r="DKI649" s="613"/>
      <c r="DKJ649" s="613"/>
      <c r="DKK649" s="613"/>
      <c r="DKL649" s="613"/>
      <c r="DKM649" s="613"/>
      <c r="DKN649" s="613"/>
      <c r="DKO649" s="613"/>
      <c r="DKP649" s="613"/>
      <c r="DKQ649" s="613"/>
      <c r="DKR649" s="613"/>
      <c r="DKS649" s="613"/>
      <c r="DKT649" s="613"/>
      <c r="DKU649" s="613"/>
      <c r="DKV649" s="613"/>
      <c r="DKW649" s="613"/>
      <c r="DKX649" s="613"/>
      <c r="DKY649" s="613"/>
      <c r="DKZ649" s="613"/>
      <c r="DLA649" s="613"/>
      <c r="DLB649" s="613"/>
      <c r="DLC649" s="613"/>
      <c r="DLD649" s="613"/>
      <c r="DLE649" s="613"/>
      <c r="DLF649" s="613"/>
      <c r="DLG649" s="613"/>
      <c r="DLH649" s="613"/>
      <c r="DLI649" s="613"/>
      <c r="DLJ649" s="613"/>
      <c r="DLK649" s="613"/>
      <c r="DLL649" s="613"/>
      <c r="DLM649" s="613"/>
      <c r="DLN649" s="613"/>
      <c r="DLO649" s="613"/>
      <c r="DLP649" s="613"/>
      <c r="DLQ649" s="613"/>
      <c r="DLR649" s="613"/>
      <c r="DLS649" s="613"/>
      <c r="DLT649" s="613"/>
      <c r="DLU649" s="613"/>
      <c r="DLV649" s="613"/>
      <c r="DLW649" s="613"/>
      <c r="DLX649" s="613"/>
      <c r="DLY649" s="613"/>
      <c r="DLZ649" s="613"/>
      <c r="DMA649" s="613"/>
      <c r="DMB649" s="613"/>
      <c r="DMC649" s="613"/>
      <c r="DMD649" s="613"/>
      <c r="DME649" s="613"/>
      <c r="DMF649" s="613"/>
      <c r="DMG649" s="613"/>
      <c r="DMH649" s="613"/>
      <c r="DMI649" s="613"/>
      <c r="DMJ649" s="613"/>
      <c r="DMK649" s="613"/>
      <c r="DML649" s="613"/>
      <c r="DMM649" s="613"/>
      <c r="DMN649" s="613"/>
      <c r="DMO649" s="613"/>
      <c r="DMP649" s="613"/>
      <c r="DMQ649" s="613"/>
      <c r="DMR649" s="613"/>
      <c r="DMS649" s="613"/>
      <c r="DMT649" s="613"/>
      <c r="DMU649" s="613"/>
      <c r="DMV649" s="613"/>
      <c r="DMW649" s="613"/>
      <c r="DMX649" s="613"/>
      <c r="DMY649" s="613"/>
      <c r="DMZ649" s="613"/>
      <c r="DNA649" s="613"/>
      <c r="DNB649" s="613"/>
      <c r="DNC649" s="613"/>
      <c r="DND649" s="613"/>
      <c r="DNE649" s="613"/>
      <c r="DNF649" s="613"/>
      <c r="DNG649" s="613"/>
      <c r="DNH649" s="613"/>
      <c r="DNI649" s="613"/>
      <c r="DNJ649" s="613"/>
      <c r="DNK649" s="613"/>
      <c r="DNL649" s="613"/>
      <c r="DNM649" s="613"/>
      <c r="DNN649" s="613"/>
      <c r="DNO649" s="613"/>
      <c r="DNP649" s="613"/>
      <c r="DNQ649" s="613"/>
      <c r="DNR649" s="613"/>
      <c r="DNS649" s="613"/>
      <c r="DNT649" s="613"/>
      <c r="DNU649" s="613"/>
      <c r="DNV649" s="613"/>
      <c r="DNW649" s="613"/>
      <c r="DNX649" s="613"/>
      <c r="DNY649" s="613"/>
      <c r="DNZ649" s="613"/>
      <c r="DOA649" s="613"/>
      <c r="DOB649" s="613"/>
      <c r="DOC649" s="613"/>
      <c r="DOD649" s="613"/>
      <c r="DOE649" s="613"/>
      <c r="DOF649" s="613"/>
      <c r="DOG649" s="613"/>
      <c r="DOH649" s="613"/>
      <c r="DOI649" s="613"/>
      <c r="DOJ649" s="613"/>
      <c r="DOK649" s="613"/>
      <c r="DOL649" s="613"/>
      <c r="DOM649" s="613"/>
      <c r="DON649" s="613"/>
      <c r="DOO649" s="613"/>
      <c r="DOP649" s="613"/>
      <c r="DOQ649" s="613"/>
      <c r="DOR649" s="613"/>
      <c r="DOS649" s="613"/>
      <c r="DOT649" s="613"/>
      <c r="DOU649" s="613"/>
      <c r="DOV649" s="613"/>
      <c r="DOW649" s="613"/>
      <c r="DOX649" s="613"/>
      <c r="DOY649" s="613"/>
      <c r="DOZ649" s="613"/>
      <c r="DPA649" s="613"/>
      <c r="DPB649" s="613"/>
      <c r="DPC649" s="613"/>
      <c r="DPD649" s="613"/>
      <c r="DPE649" s="613"/>
      <c r="DPF649" s="613"/>
      <c r="DPG649" s="613"/>
      <c r="DPH649" s="613"/>
      <c r="DPI649" s="613"/>
      <c r="DPJ649" s="613"/>
      <c r="DPK649" s="613"/>
      <c r="DPL649" s="613"/>
      <c r="DPM649" s="613"/>
      <c r="DPN649" s="613"/>
      <c r="DPO649" s="613"/>
      <c r="DPP649" s="613"/>
      <c r="DPQ649" s="613"/>
      <c r="DPR649" s="613"/>
      <c r="DPS649" s="613"/>
      <c r="DPT649" s="613"/>
      <c r="DPU649" s="613"/>
      <c r="DPV649" s="613"/>
      <c r="DPW649" s="613"/>
      <c r="DPX649" s="613"/>
      <c r="DPY649" s="613"/>
      <c r="DPZ649" s="613"/>
      <c r="DQA649" s="613"/>
      <c r="DQB649" s="613"/>
      <c r="DQC649" s="613"/>
      <c r="DQD649" s="613"/>
      <c r="DQE649" s="613"/>
      <c r="DQF649" s="613"/>
      <c r="DQG649" s="613"/>
      <c r="DQH649" s="613"/>
      <c r="DQI649" s="613"/>
      <c r="DQJ649" s="613"/>
      <c r="DQK649" s="613"/>
      <c r="DQL649" s="613"/>
      <c r="DQM649" s="613"/>
      <c r="DQN649" s="613"/>
      <c r="DQO649" s="613"/>
      <c r="DQP649" s="613"/>
      <c r="DQQ649" s="613"/>
      <c r="DQR649" s="613"/>
      <c r="DQS649" s="613"/>
      <c r="DQT649" s="613"/>
      <c r="DQU649" s="613"/>
      <c r="DQV649" s="613"/>
      <c r="DQW649" s="613"/>
      <c r="DQX649" s="613"/>
      <c r="DQY649" s="613"/>
      <c r="DQZ649" s="613"/>
      <c r="DRA649" s="613"/>
      <c r="DRB649" s="613"/>
      <c r="DRC649" s="613"/>
      <c r="DRD649" s="613"/>
      <c r="DRE649" s="613"/>
      <c r="DRF649" s="613"/>
      <c r="DRG649" s="613"/>
      <c r="DRH649" s="613"/>
      <c r="DRI649" s="613"/>
      <c r="DRJ649" s="613"/>
      <c r="DRK649" s="613"/>
      <c r="DRL649" s="613"/>
      <c r="DRM649" s="613"/>
      <c r="DRN649" s="613"/>
      <c r="DRO649" s="613"/>
      <c r="DRP649" s="613"/>
      <c r="DRQ649" s="613"/>
      <c r="DRR649" s="613"/>
      <c r="DRS649" s="613"/>
      <c r="DRT649" s="613"/>
      <c r="DRU649" s="613"/>
      <c r="DRV649" s="613"/>
      <c r="DRW649" s="613"/>
      <c r="DRX649" s="613"/>
      <c r="DRY649" s="613"/>
      <c r="DRZ649" s="613"/>
      <c r="DSA649" s="613"/>
      <c r="DSB649" s="613"/>
      <c r="DSC649" s="613"/>
      <c r="DSD649" s="613"/>
      <c r="DSE649" s="613"/>
      <c r="DSF649" s="613"/>
      <c r="DSG649" s="613"/>
      <c r="DSH649" s="613"/>
      <c r="DSI649" s="613"/>
      <c r="DSJ649" s="613"/>
      <c r="DSK649" s="613"/>
      <c r="DSL649" s="613"/>
      <c r="DSM649" s="613"/>
      <c r="DSN649" s="613"/>
      <c r="DSO649" s="613"/>
      <c r="DSP649" s="613"/>
      <c r="DSQ649" s="613"/>
      <c r="DSR649" s="613"/>
      <c r="DSS649" s="613"/>
      <c r="DST649" s="613"/>
      <c r="DSU649" s="613"/>
      <c r="DSV649" s="613"/>
      <c r="DSW649" s="613"/>
      <c r="DSX649" s="613"/>
      <c r="DSY649" s="613"/>
      <c r="DSZ649" s="613"/>
      <c r="DTA649" s="613"/>
      <c r="DTB649" s="613"/>
      <c r="DTC649" s="613"/>
      <c r="DTD649" s="613"/>
      <c r="DTE649" s="613"/>
      <c r="DTF649" s="613"/>
      <c r="DTG649" s="613"/>
      <c r="DTH649" s="613"/>
      <c r="DTI649" s="613"/>
      <c r="DTJ649" s="613"/>
      <c r="DTK649" s="613"/>
      <c r="DTL649" s="613"/>
      <c r="DTM649" s="613"/>
      <c r="DTN649" s="613"/>
      <c r="DTO649" s="613"/>
      <c r="DTP649" s="613"/>
      <c r="DTQ649" s="613"/>
      <c r="DTR649" s="613"/>
      <c r="DTS649" s="613"/>
      <c r="DTT649" s="613"/>
      <c r="DTU649" s="613"/>
      <c r="DTV649" s="613"/>
      <c r="DTW649" s="613"/>
      <c r="DTX649" s="613"/>
      <c r="DTY649" s="613"/>
      <c r="DTZ649" s="613"/>
      <c r="DUA649" s="613"/>
      <c r="DUB649" s="613"/>
      <c r="DUC649" s="613"/>
      <c r="DUD649" s="613"/>
      <c r="DUE649" s="613"/>
      <c r="DUF649" s="613"/>
      <c r="DUG649" s="613"/>
      <c r="DUH649" s="613"/>
      <c r="DUI649" s="613"/>
      <c r="DUJ649" s="613"/>
      <c r="DUK649" s="613"/>
      <c r="DUL649" s="613"/>
      <c r="DUM649" s="613"/>
      <c r="DUN649" s="613"/>
      <c r="DUO649" s="613"/>
      <c r="DUP649" s="613"/>
      <c r="DUQ649" s="613"/>
      <c r="DUR649" s="613"/>
      <c r="DUS649" s="613"/>
      <c r="DUT649" s="613"/>
      <c r="DUU649" s="613"/>
      <c r="DUV649" s="613"/>
      <c r="DUW649" s="613"/>
      <c r="DUX649" s="613"/>
      <c r="DUY649" s="613"/>
      <c r="DUZ649" s="613"/>
      <c r="DVA649" s="613"/>
      <c r="DVB649" s="613"/>
      <c r="DVC649" s="613"/>
      <c r="DVD649" s="613"/>
      <c r="DVE649" s="613"/>
      <c r="DVF649" s="613"/>
      <c r="DVG649" s="613"/>
      <c r="DVH649" s="613"/>
      <c r="DVI649" s="613"/>
      <c r="DVJ649" s="613"/>
      <c r="DVK649" s="613"/>
      <c r="DVL649" s="613"/>
      <c r="DVM649" s="613"/>
      <c r="DVN649" s="613"/>
      <c r="DVO649" s="613"/>
      <c r="DVP649" s="613"/>
      <c r="DVQ649" s="613"/>
      <c r="DVR649" s="613"/>
      <c r="DVS649" s="613"/>
      <c r="DVT649" s="613"/>
      <c r="DVU649" s="613"/>
      <c r="DVV649" s="613"/>
      <c r="DVW649" s="613"/>
      <c r="DVX649" s="613"/>
      <c r="DVY649" s="613"/>
      <c r="DVZ649" s="613"/>
      <c r="DWA649" s="613"/>
      <c r="DWB649" s="613"/>
      <c r="DWC649" s="613"/>
      <c r="DWD649" s="613"/>
      <c r="DWE649" s="613"/>
      <c r="DWF649" s="613"/>
      <c r="DWG649" s="613"/>
      <c r="DWH649" s="613"/>
      <c r="DWI649" s="613"/>
      <c r="DWJ649" s="613"/>
      <c r="DWK649" s="613"/>
      <c r="DWL649" s="613"/>
      <c r="DWM649" s="613"/>
      <c r="DWN649" s="613"/>
      <c r="DWO649" s="613"/>
      <c r="DWP649" s="613"/>
      <c r="DWQ649" s="613"/>
      <c r="DWR649" s="613"/>
      <c r="DWS649" s="613"/>
      <c r="DWT649" s="613"/>
      <c r="DWU649" s="613"/>
      <c r="DWV649" s="613"/>
      <c r="DWW649" s="613"/>
      <c r="DWX649" s="613"/>
      <c r="DWY649" s="613"/>
      <c r="DWZ649" s="613"/>
      <c r="DXA649" s="613"/>
      <c r="DXB649" s="613"/>
      <c r="DXC649" s="613"/>
      <c r="DXD649" s="613"/>
      <c r="DXE649" s="613"/>
      <c r="DXF649" s="613"/>
      <c r="DXG649" s="613"/>
      <c r="DXH649" s="613"/>
      <c r="DXI649" s="613"/>
      <c r="DXJ649" s="613"/>
      <c r="DXK649" s="613"/>
      <c r="DXL649" s="613"/>
      <c r="DXM649" s="613"/>
      <c r="DXN649" s="613"/>
      <c r="DXO649" s="613"/>
      <c r="DXP649" s="613"/>
      <c r="DXQ649" s="613"/>
      <c r="DXR649" s="613"/>
      <c r="DXS649" s="613"/>
      <c r="DXT649" s="613"/>
      <c r="DXU649" s="613"/>
      <c r="DXV649" s="613"/>
      <c r="DXW649" s="613"/>
      <c r="DXX649" s="613"/>
      <c r="DXY649" s="613"/>
      <c r="DXZ649" s="613"/>
      <c r="DYA649" s="613"/>
      <c r="DYB649" s="613"/>
      <c r="DYC649" s="613"/>
      <c r="DYD649" s="613"/>
      <c r="DYE649" s="613"/>
      <c r="DYF649" s="613"/>
      <c r="DYG649" s="613"/>
      <c r="DYH649" s="613"/>
      <c r="DYI649" s="613"/>
      <c r="DYJ649" s="613"/>
      <c r="DYK649" s="613"/>
      <c r="DYL649" s="613"/>
      <c r="DYM649" s="613"/>
      <c r="DYN649" s="613"/>
      <c r="DYO649" s="613"/>
      <c r="DYP649" s="613"/>
      <c r="DYQ649" s="613"/>
      <c r="DYR649" s="613"/>
      <c r="DYS649" s="613"/>
      <c r="DYT649" s="613"/>
      <c r="DYU649" s="613"/>
      <c r="DYV649" s="613"/>
      <c r="DYW649" s="613"/>
      <c r="DYX649" s="613"/>
      <c r="DYY649" s="613"/>
      <c r="DYZ649" s="613"/>
      <c r="DZA649" s="613"/>
      <c r="DZB649" s="613"/>
      <c r="DZC649" s="613"/>
      <c r="DZD649" s="613"/>
      <c r="DZE649" s="613"/>
      <c r="DZF649" s="613"/>
      <c r="DZG649" s="613"/>
      <c r="DZH649" s="613"/>
      <c r="DZI649" s="613"/>
      <c r="DZJ649" s="613"/>
      <c r="DZK649" s="613"/>
      <c r="DZL649" s="613"/>
      <c r="DZM649" s="613"/>
      <c r="DZN649" s="613"/>
      <c r="DZO649" s="613"/>
      <c r="DZP649" s="613"/>
      <c r="DZQ649" s="613"/>
      <c r="DZR649" s="613"/>
      <c r="DZS649" s="613"/>
      <c r="DZT649" s="613"/>
      <c r="DZU649" s="613"/>
      <c r="DZV649" s="613"/>
      <c r="DZW649" s="613"/>
      <c r="DZX649" s="613"/>
      <c r="DZY649" s="613"/>
      <c r="DZZ649" s="613"/>
      <c r="EAA649" s="613"/>
      <c r="EAB649" s="613"/>
      <c r="EAC649" s="613"/>
      <c r="EAD649" s="613"/>
      <c r="EAE649" s="613"/>
      <c r="EAF649" s="613"/>
      <c r="EAG649" s="613"/>
      <c r="EAH649" s="613"/>
      <c r="EAI649" s="613"/>
      <c r="EAJ649" s="613"/>
      <c r="EAK649" s="613"/>
      <c r="EAL649" s="613"/>
      <c r="EAM649" s="613"/>
      <c r="EAN649" s="613"/>
      <c r="EAO649" s="613"/>
      <c r="EAP649" s="613"/>
      <c r="EAQ649" s="613"/>
      <c r="EAR649" s="613"/>
      <c r="EAS649" s="613"/>
      <c r="EAT649" s="613"/>
      <c r="EAU649" s="613"/>
      <c r="EAV649" s="613"/>
      <c r="EAW649" s="613"/>
      <c r="EAX649" s="613"/>
      <c r="EAY649" s="613"/>
      <c r="EAZ649" s="613"/>
      <c r="EBA649" s="613"/>
      <c r="EBB649" s="613"/>
      <c r="EBC649" s="613"/>
      <c r="EBD649" s="613"/>
      <c r="EBE649" s="613"/>
      <c r="EBF649" s="613"/>
      <c r="EBG649" s="613"/>
      <c r="EBH649" s="613"/>
      <c r="EBI649" s="613"/>
      <c r="EBJ649" s="613"/>
      <c r="EBK649" s="613"/>
      <c r="EBL649" s="613"/>
      <c r="EBM649" s="613"/>
      <c r="EBN649" s="613"/>
      <c r="EBO649" s="613"/>
      <c r="EBP649" s="613"/>
      <c r="EBQ649" s="613"/>
      <c r="EBR649" s="613"/>
      <c r="EBS649" s="613"/>
      <c r="EBT649" s="613"/>
      <c r="EBU649" s="613"/>
      <c r="EBV649" s="613"/>
      <c r="EBW649" s="613"/>
      <c r="EBX649" s="613"/>
      <c r="EBY649" s="613"/>
      <c r="EBZ649" s="613"/>
      <c r="ECA649" s="613"/>
      <c r="ECB649" s="613"/>
      <c r="ECC649" s="613"/>
      <c r="ECD649" s="613"/>
      <c r="ECE649" s="613"/>
      <c r="ECF649" s="613"/>
      <c r="ECG649" s="613"/>
      <c r="ECH649" s="613"/>
      <c r="ECI649" s="613"/>
      <c r="ECJ649" s="613"/>
      <c r="ECK649" s="613"/>
      <c r="ECL649" s="613"/>
      <c r="ECM649" s="613"/>
      <c r="ECN649" s="613"/>
      <c r="ECO649" s="613"/>
      <c r="ECP649" s="613"/>
      <c r="ECQ649" s="613"/>
      <c r="ECR649" s="613"/>
      <c r="ECS649" s="613"/>
      <c r="ECT649" s="613"/>
      <c r="ECU649" s="613"/>
      <c r="ECV649" s="613"/>
      <c r="ECW649" s="613"/>
      <c r="ECX649" s="613"/>
      <c r="ECY649" s="613"/>
      <c r="ECZ649" s="613"/>
      <c r="EDA649" s="613"/>
      <c r="EDB649" s="613"/>
      <c r="EDC649" s="613"/>
      <c r="EDD649" s="613"/>
      <c r="EDE649" s="613"/>
      <c r="EDF649" s="613"/>
      <c r="EDG649" s="613"/>
      <c r="EDH649" s="613"/>
      <c r="EDI649" s="613"/>
      <c r="EDJ649" s="613"/>
      <c r="EDK649" s="613"/>
      <c r="EDL649" s="613"/>
      <c r="EDM649" s="613"/>
      <c r="EDN649" s="613"/>
      <c r="EDO649" s="613"/>
      <c r="EDP649" s="613"/>
      <c r="EDQ649" s="613"/>
      <c r="EDR649" s="613"/>
      <c r="EDS649" s="613"/>
      <c r="EDT649" s="613"/>
      <c r="EDU649" s="613"/>
      <c r="EDV649" s="613"/>
      <c r="EDW649" s="613"/>
      <c r="EDX649" s="613"/>
      <c r="EDY649" s="613"/>
      <c r="EDZ649" s="613"/>
      <c r="EEA649" s="613"/>
      <c r="EEB649" s="613"/>
      <c r="EEC649" s="613"/>
      <c r="EED649" s="613"/>
      <c r="EEE649" s="613"/>
      <c r="EEF649" s="613"/>
      <c r="EEG649" s="613"/>
      <c r="EEH649" s="613"/>
      <c r="EEI649" s="613"/>
      <c r="EEJ649" s="613"/>
      <c r="EEK649" s="613"/>
      <c r="EEL649" s="613"/>
      <c r="EEM649" s="613"/>
      <c r="EEN649" s="613"/>
      <c r="EEO649" s="613"/>
      <c r="EEP649" s="613"/>
      <c r="EEQ649" s="613"/>
      <c r="EER649" s="613"/>
      <c r="EES649" s="613"/>
      <c r="EET649" s="613"/>
      <c r="EEU649" s="613"/>
      <c r="EEV649" s="613"/>
      <c r="EEW649" s="613"/>
      <c r="EEX649" s="613"/>
      <c r="EEY649" s="613"/>
      <c r="EEZ649" s="613"/>
      <c r="EFA649" s="613"/>
      <c r="EFB649" s="613"/>
      <c r="EFC649" s="613"/>
      <c r="EFD649" s="613"/>
      <c r="EFE649" s="613"/>
      <c r="EFF649" s="613"/>
      <c r="EFG649" s="613"/>
      <c r="EFH649" s="613"/>
      <c r="EFI649" s="613"/>
      <c r="EFJ649" s="613"/>
      <c r="EFK649" s="613"/>
      <c r="EFL649" s="613"/>
      <c r="EFM649" s="613"/>
      <c r="EFN649" s="613"/>
      <c r="EFO649" s="613"/>
      <c r="EFP649" s="613"/>
      <c r="EFQ649" s="613"/>
      <c r="EFR649" s="613"/>
      <c r="EFS649" s="613"/>
      <c r="EFT649" s="613"/>
      <c r="EFU649" s="613"/>
      <c r="EFV649" s="613"/>
      <c r="EFW649" s="613"/>
      <c r="EFX649" s="613"/>
      <c r="EFY649" s="613"/>
      <c r="EFZ649" s="613"/>
      <c r="EGA649" s="613"/>
      <c r="EGB649" s="613"/>
      <c r="EGC649" s="613"/>
      <c r="EGD649" s="613"/>
      <c r="EGE649" s="613"/>
      <c r="EGF649" s="613"/>
      <c r="EGG649" s="613"/>
      <c r="EGH649" s="613"/>
      <c r="EGI649" s="613"/>
      <c r="EGJ649" s="613"/>
      <c r="EGK649" s="613"/>
      <c r="EGL649" s="613"/>
      <c r="EGM649" s="613"/>
      <c r="EGN649" s="613"/>
      <c r="EGO649" s="613"/>
      <c r="EGP649" s="613"/>
      <c r="EGQ649" s="613"/>
      <c r="EGR649" s="613"/>
      <c r="EGS649" s="613"/>
      <c r="EGT649" s="613"/>
      <c r="EGU649" s="613"/>
      <c r="EGV649" s="613"/>
      <c r="EGW649" s="613"/>
      <c r="EGX649" s="613"/>
      <c r="EGY649" s="613"/>
      <c r="EGZ649" s="613"/>
      <c r="EHA649" s="613"/>
      <c r="EHB649" s="613"/>
      <c r="EHC649" s="613"/>
      <c r="EHD649" s="613"/>
      <c r="EHE649" s="613"/>
      <c r="EHF649" s="613"/>
      <c r="EHG649" s="613"/>
      <c r="EHH649" s="613"/>
      <c r="EHI649" s="613"/>
      <c r="EHJ649" s="613"/>
      <c r="EHK649" s="613"/>
      <c r="EHL649" s="613"/>
      <c r="EHM649" s="613"/>
      <c r="EHN649" s="613"/>
      <c r="EHO649" s="613"/>
      <c r="EHP649" s="613"/>
      <c r="EHQ649" s="613"/>
      <c r="EHR649" s="613"/>
      <c r="EHS649" s="613"/>
      <c r="EHT649" s="613"/>
      <c r="EHU649" s="613"/>
      <c r="EHV649" s="613"/>
      <c r="EHW649" s="613"/>
      <c r="EHX649" s="613"/>
      <c r="EHY649" s="613"/>
      <c r="EHZ649" s="613"/>
      <c r="EIA649" s="613"/>
      <c r="EIB649" s="613"/>
      <c r="EIC649" s="613"/>
      <c r="EID649" s="613"/>
      <c r="EIE649" s="613"/>
      <c r="EIF649" s="613"/>
      <c r="EIG649" s="613"/>
      <c r="EIH649" s="613"/>
      <c r="EII649" s="613"/>
      <c r="EIJ649" s="613"/>
      <c r="EIK649" s="613"/>
      <c r="EIL649" s="613"/>
      <c r="EIM649" s="613"/>
      <c r="EIN649" s="613"/>
      <c r="EIO649" s="613"/>
      <c r="EIP649" s="613"/>
      <c r="EIQ649" s="613"/>
      <c r="EIR649" s="613"/>
      <c r="EIS649" s="613"/>
      <c r="EIT649" s="613"/>
      <c r="EIU649" s="613"/>
      <c r="EIV649" s="613"/>
      <c r="EIW649" s="613"/>
      <c r="EIX649" s="613"/>
      <c r="EIY649" s="613"/>
      <c r="EIZ649" s="613"/>
      <c r="EJA649" s="613"/>
      <c r="EJB649" s="613"/>
      <c r="EJC649" s="613"/>
      <c r="EJD649" s="613"/>
      <c r="EJE649" s="613"/>
      <c r="EJF649" s="613"/>
      <c r="EJG649" s="613"/>
      <c r="EJH649" s="613"/>
      <c r="EJI649" s="613"/>
      <c r="EJJ649" s="613"/>
      <c r="EJK649" s="613"/>
      <c r="EJL649" s="613"/>
      <c r="EJM649" s="613"/>
      <c r="EJN649" s="613"/>
      <c r="EJO649" s="613"/>
      <c r="EJP649" s="613"/>
      <c r="EJQ649" s="613"/>
      <c r="EJR649" s="613"/>
      <c r="EJS649" s="613"/>
      <c r="EJT649" s="613"/>
      <c r="EJU649" s="613"/>
      <c r="EJV649" s="613"/>
      <c r="EJW649" s="613"/>
      <c r="EJX649" s="613"/>
      <c r="EJY649" s="613"/>
      <c r="EJZ649" s="613"/>
      <c r="EKA649" s="613"/>
      <c r="EKB649" s="613"/>
      <c r="EKC649" s="613"/>
      <c r="EKD649" s="613"/>
      <c r="EKE649" s="613"/>
      <c r="EKF649" s="613"/>
      <c r="EKG649" s="613"/>
      <c r="EKH649" s="613"/>
      <c r="EKI649" s="613"/>
      <c r="EKJ649" s="613"/>
      <c r="EKK649" s="613"/>
      <c r="EKL649" s="613"/>
      <c r="EKM649" s="613"/>
      <c r="EKN649" s="613"/>
      <c r="EKO649" s="613"/>
      <c r="EKP649" s="613"/>
      <c r="EKQ649" s="613"/>
      <c r="EKR649" s="613"/>
      <c r="EKS649" s="613"/>
      <c r="EKT649" s="613"/>
      <c r="EKU649" s="613"/>
      <c r="EKV649" s="613"/>
      <c r="EKW649" s="613"/>
      <c r="EKX649" s="613"/>
      <c r="EKY649" s="613"/>
      <c r="EKZ649" s="613"/>
      <c r="ELA649" s="613"/>
      <c r="ELB649" s="613"/>
      <c r="ELC649" s="613"/>
      <c r="ELD649" s="613"/>
      <c r="ELE649" s="613"/>
      <c r="ELF649" s="613"/>
      <c r="ELG649" s="613"/>
      <c r="ELH649" s="613"/>
      <c r="ELI649" s="613"/>
      <c r="ELJ649" s="613"/>
      <c r="ELK649" s="613"/>
      <c r="ELL649" s="613"/>
      <c r="ELM649" s="613"/>
      <c r="ELN649" s="613"/>
      <c r="ELO649" s="613"/>
      <c r="ELP649" s="613"/>
      <c r="ELQ649" s="613"/>
      <c r="ELR649" s="613"/>
      <c r="ELS649" s="613"/>
      <c r="ELT649" s="613"/>
      <c r="ELU649" s="613"/>
      <c r="ELV649" s="613"/>
      <c r="ELW649" s="613"/>
      <c r="ELX649" s="613"/>
      <c r="ELY649" s="613"/>
      <c r="ELZ649" s="613"/>
      <c r="EMA649" s="613"/>
      <c r="EMB649" s="613"/>
      <c r="EMC649" s="613"/>
      <c r="EMD649" s="613"/>
      <c r="EME649" s="613"/>
      <c r="EMF649" s="613"/>
      <c r="EMG649" s="613"/>
      <c r="EMH649" s="613"/>
      <c r="EMI649" s="613"/>
      <c r="EMJ649" s="613"/>
      <c r="EMK649" s="613"/>
      <c r="EML649" s="613"/>
      <c r="EMM649" s="613"/>
      <c r="EMN649" s="613"/>
      <c r="EMO649" s="613"/>
      <c r="EMP649" s="613"/>
      <c r="EMQ649" s="613"/>
      <c r="EMR649" s="613"/>
      <c r="EMS649" s="613"/>
      <c r="EMT649" s="613"/>
      <c r="EMU649" s="613"/>
      <c r="EMV649" s="613"/>
      <c r="EMW649" s="613"/>
      <c r="EMX649" s="613"/>
      <c r="EMY649" s="613"/>
      <c r="EMZ649" s="613"/>
      <c r="ENA649" s="613"/>
      <c r="ENB649" s="613"/>
      <c r="ENC649" s="613"/>
      <c r="END649" s="613"/>
      <c r="ENE649" s="613"/>
      <c r="ENF649" s="613"/>
      <c r="ENG649" s="613"/>
      <c r="ENH649" s="613"/>
      <c r="ENI649" s="613"/>
      <c r="ENJ649" s="613"/>
      <c r="ENK649" s="613"/>
      <c r="ENL649" s="613"/>
      <c r="ENM649" s="613"/>
      <c r="ENN649" s="613"/>
      <c r="ENO649" s="613"/>
      <c r="ENP649" s="613"/>
      <c r="ENQ649" s="613"/>
      <c r="ENR649" s="613"/>
      <c r="ENS649" s="613"/>
      <c r="ENT649" s="613"/>
      <c r="ENU649" s="613"/>
      <c r="ENV649" s="613"/>
      <c r="ENW649" s="613"/>
      <c r="ENX649" s="613"/>
      <c r="ENY649" s="613"/>
      <c r="ENZ649" s="613"/>
      <c r="EOA649" s="613"/>
      <c r="EOB649" s="613"/>
      <c r="EOC649" s="613"/>
      <c r="EOD649" s="613"/>
      <c r="EOE649" s="613"/>
      <c r="EOF649" s="613"/>
      <c r="EOG649" s="613"/>
      <c r="EOH649" s="613"/>
      <c r="EOI649" s="613"/>
      <c r="EOJ649" s="613"/>
      <c r="EOK649" s="613"/>
      <c r="EOL649" s="613"/>
      <c r="EOM649" s="613"/>
      <c r="EON649" s="613"/>
      <c r="EOO649" s="613"/>
      <c r="EOP649" s="613"/>
      <c r="EOQ649" s="613"/>
      <c r="EOR649" s="613"/>
      <c r="EOS649" s="613"/>
      <c r="EOT649" s="613"/>
      <c r="EOU649" s="613"/>
      <c r="EOV649" s="613"/>
      <c r="EOW649" s="613"/>
      <c r="EOX649" s="613"/>
      <c r="EOY649" s="613"/>
      <c r="EOZ649" s="613"/>
      <c r="EPA649" s="613"/>
      <c r="EPB649" s="613"/>
      <c r="EPC649" s="613"/>
      <c r="EPD649" s="613"/>
      <c r="EPE649" s="613"/>
      <c r="EPF649" s="613"/>
      <c r="EPG649" s="613"/>
      <c r="EPH649" s="613"/>
      <c r="EPI649" s="613"/>
      <c r="EPJ649" s="613"/>
      <c r="EPK649" s="613"/>
      <c r="EPL649" s="613"/>
      <c r="EPM649" s="613"/>
      <c r="EPN649" s="613"/>
      <c r="EPO649" s="613"/>
      <c r="EPP649" s="613"/>
      <c r="EPQ649" s="613"/>
      <c r="EPR649" s="613"/>
      <c r="EPS649" s="613"/>
      <c r="EPT649" s="613"/>
      <c r="EPU649" s="613"/>
      <c r="EPV649" s="613"/>
      <c r="EPW649" s="613"/>
      <c r="EPX649" s="613"/>
      <c r="EPY649" s="613"/>
      <c r="EPZ649" s="613"/>
      <c r="EQA649" s="613"/>
      <c r="EQB649" s="613"/>
      <c r="EQC649" s="613"/>
      <c r="EQD649" s="613"/>
      <c r="EQE649" s="613"/>
      <c r="EQF649" s="613"/>
      <c r="EQG649" s="613"/>
      <c r="EQH649" s="613"/>
      <c r="EQI649" s="613"/>
      <c r="EQJ649" s="613"/>
      <c r="EQK649" s="613"/>
      <c r="EQL649" s="613"/>
      <c r="EQM649" s="613"/>
      <c r="EQN649" s="613"/>
      <c r="EQO649" s="613"/>
      <c r="EQP649" s="613"/>
      <c r="EQQ649" s="613"/>
      <c r="EQR649" s="613"/>
      <c r="EQS649" s="613"/>
      <c r="EQT649" s="613"/>
      <c r="EQU649" s="613"/>
      <c r="EQV649" s="613"/>
      <c r="EQW649" s="613"/>
      <c r="EQX649" s="613"/>
      <c r="EQY649" s="613"/>
      <c r="EQZ649" s="613"/>
      <c r="ERA649" s="613"/>
      <c r="ERB649" s="613"/>
      <c r="ERC649" s="613"/>
      <c r="ERD649" s="613"/>
      <c r="ERE649" s="613"/>
      <c r="ERF649" s="613"/>
      <c r="ERG649" s="613"/>
      <c r="ERH649" s="613"/>
      <c r="ERI649" s="613"/>
      <c r="ERJ649" s="613"/>
      <c r="ERK649" s="613"/>
      <c r="ERL649" s="613"/>
      <c r="ERM649" s="613"/>
      <c r="ERN649" s="613"/>
      <c r="ERO649" s="613"/>
      <c r="ERP649" s="613"/>
      <c r="ERQ649" s="613"/>
      <c r="ERR649" s="613"/>
      <c r="ERS649" s="613"/>
      <c r="ERT649" s="613"/>
      <c r="ERU649" s="613"/>
      <c r="ERV649" s="613"/>
      <c r="ERW649" s="613"/>
      <c r="ERX649" s="613"/>
      <c r="ERY649" s="613"/>
      <c r="ERZ649" s="613"/>
      <c r="ESA649" s="613"/>
      <c r="ESB649" s="613"/>
      <c r="ESC649" s="613"/>
      <c r="ESD649" s="613"/>
      <c r="ESE649" s="613"/>
      <c r="ESF649" s="613"/>
      <c r="ESG649" s="613"/>
      <c r="ESH649" s="613"/>
      <c r="ESI649" s="613"/>
      <c r="ESJ649" s="613"/>
      <c r="ESK649" s="613"/>
      <c r="ESL649" s="613"/>
      <c r="ESM649" s="613"/>
      <c r="ESN649" s="613"/>
      <c r="ESO649" s="613"/>
      <c r="ESP649" s="613"/>
      <c r="ESQ649" s="613"/>
      <c r="ESR649" s="613"/>
      <c r="ESS649" s="613"/>
      <c r="EST649" s="613"/>
      <c r="ESU649" s="613"/>
      <c r="ESV649" s="613"/>
      <c r="ESW649" s="613"/>
      <c r="ESX649" s="613"/>
      <c r="ESY649" s="613"/>
      <c r="ESZ649" s="613"/>
      <c r="ETA649" s="613"/>
      <c r="ETB649" s="613"/>
      <c r="ETC649" s="613"/>
      <c r="ETD649" s="613"/>
      <c r="ETE649" s="613"/>
      <c r="ETF649" s="613"/>
      <c r="ETG649" s="613"/>
      <c r="ETH649" s="613"/>
      <c r="ETI649" s="613"/>
      <c r="ETJ649" s="613"/>
      <c r="ETK649" s="613"/>
      <c r="ETL649" s="613"/>
      <c r="ETM649" s="613"/>
      <c r="ETN649" s="613"/>
      <c r="ETO649" s="613"/>
      <c r="ETP649" s="613"/>
      <c r="ETQ649" s="613"/>
      <c r="ETR649" s="613"/>
      <c r="ETS649" s="613"/>
      <c r="ETT649" s="613"/>
      <c r="ETU649" s="613"/>
      <c r="ETV649" s="613"/>
      <c r="ETW649" s="613"/>
      <c r="ETX649" s="613"/>
      <c r="ETY649" s="613"/>
      <c r="ETZ649" s="613"/>
      <c r="EUA649" s="613"/>
      <c r="EUB649" s="613"/>
      <c r="EUC649" s="613"/>
      <c r="EUD649" s="613"/>
      <c r="EUE649" s="613"/>
      <c r="EUF649" s="613"/>
      <c r="EUG649" s="613"/>
      <c r="EUH649" s="613"/>
      <c r="EUI649" s="613"/>
      <c r="EUJ649" s="613"/>
      <c r="EUK649" s="613"/>
      <c r="EUL649" s="613"/>
      <c r="EUM649" s="613"/>
      <c r="EUN649" s="613"/>
      <c r="EUO649" s="613"/>
      <c r="EUP649" s="613"/>
      <c r="EUQ649" s="613"/>
      <c r="EUR649" s="613"/>
      <c r="EUS649" s="613"/>
      <c r="EUT649" s="613"/>
      <c r="EUU649" s="613"/>
      <c r="EUV649" s="613"/>
      <c r="EUW649" s="613"/>
      <c r="EUX649" s="613"/>
      <c r="EUY649" s="613"/>
      <c r="EUZ649" s="613"/>
      <c r="EVA649" s="613"/>
      <c r="EVB649" s="613"/>
      <c r="EVC649" s="613"/>
      <c r="EVD649" s="613"/>
      <c r="EVE649" s="613"/>
      <c r="EVF649" s="613"/>
      <c r="EVG649" s="613"/>
      <c r="EVH649" s="613"/>
      <c r="EVI649" s="613"/>
      <c r="EVJ649" s="613"/>
      <c r="EVK649" s="613"/>
      <c r="EVL649" s="613"/>
      <c r="EVM649" s="613"/>
      <c r="EVN649" s="613"/>
      <c r="EVO649" s="613"/>
      <c r="EVP649" s="613"/>
      <c r="EVQ649" s="613"/>
      <c r="EVR649" s="613"/>
      <c r="EVS649" s="613"/>
      <c r="EVT649" s="613"/>
      <c r="EVU649" s="613"/>
      <c r="EVV649" s="613"/>
      <c r="EVW649" s="613"/>
      <c r="EVX649" s="613"/>
      <c r="EVY649" s="613"/>
      <c r="EVZ649" s="613"/>
      <c r="EWA649" s="613"/>
      <c r="EWB649" s="613"/>
      <c r="EWC649" s="613"/>
      <c r="EWD649" s="613"/>
      <c r="EWE649" s="613"/>
      <c r="EWF649" s="613"/>
      <c r="EWG649" s="613"/>
      <c r="EWH649" s="613"/>
      <c r="EWI649" s="613"/>
      <c r="EWJ649" s="613"/>
      <c r="EWK649" s="613"/>
      <c r="EWL649" s="613"/>
      <c r="EWM649" s="613"/>
      <c r="EWN649" s="613"/>
      <c r="EWO649" s="613"/>
      <c r="EWP649" s="613"/>
      <c r="EWQ649" s="613"/>
      <c r="EWR649" s="613"/>
      <c r="EWS649" s="613"/>
      <c r="EWT649" s="613"/>
      <c r="EWU649" s="613"/>
      <c r="EWV649" s="613"/>
      <c r="EWW649" s="613"/>
      <c r="EWX649" s="613"/>
      <c r="EWY649" s="613"/>
      <c r="EWZ649" s="613"/>
      <c r="EXA649" s="613"/>
      <c r="EXB649" s="613"/>
      <c r="EXC649" s="613"/>
      <c r="EXD649" s="613"/>
      <c r="EXE649" s="613"/>
      <c r="EXF649" s="613"/>
      <c r="EXG649" s="613"/>
      <c r="EXH649" s="613"/>
      <c r="EXI649" s="613"/>
      <c r="EXJ649" s="613"/>
      <c r="EXK649" s="613"/>
      <c r="EXL649" s="613"/>
      <c r="EXM649" s="613"/>
      <c r="EXN649" s="613"/>
      <c r="EXO649" s="613"/>
      <c r="EXP649" s="613"/>
      <c r="EXQ649" s="613"/>
      <c r="EXR649" s="613"/>
      <c r="EXS649" s="613"/>
      <c r="EXT649" s="613"/>
      <c r="EXU649" s="613"/>
      <c r="EXV649" s="613"/>
      <c r="EXW649" s="613"/>
      <c r="EXX649" s="613"/>
      <c r="EXY649" s="613"/>
      <c r="EXZ649" s="613"/>
      <c r="EYA649" s="613"/>
      <c r="EYB649" s="613"/>
      <c r="EYC649" s="613"/>
      <c r="EYD649" s="613"/>
      <c r="EYE649" s="613"/>
      <c r="EYF649" s="613"/>
      <c r="EYG649" s="613"/>
      <c r="EYH649" s="613"/>
      <c r="EYI649" s="613"/>
      <c r="EYJ649" s="613"/>
      <c r="EYK649" s="613"/>
      <c r="EYL649" s="613"/>
      <c r="EYM649" s="613"/>
      <c r="EYN649" s="613"/>
      <c r="EYO649" s="613"/>
      <c r="EYP649" s="613"/>
      <c r="EYQ649" s="613"/>
      <c r="EYR649" s="613"/>
      <c r="EYS649" s="613"/>
      <c r="EYT649" s="613"/>
      <c r="EYU649" s="613"/>
      <c r="EYV649" s="613"/>
      <c r="EYW649" s="613"/>
      <c r="EYX649" s="613"/>
      <c r="EYY649" s="613"/>
      <c r="EYZ649" s="613"/>
      <c r="EZA649" s="613"/>
      <c r="EZB649" s="613"/>
      <c r="EZC649" s="613"/>
      <c r="EZD649" s="613"/>
      <c r="EZE649" s="613"/>
      <c r="EZF649" s="613"/>
      <c r="EZG649" s="613"/>
      <c r="EZH649" s="613"/>
      <c r="EZI649" s="613"/>
      <c r="EZJ649" s="613"/>
      <c r="EZK649" s="613"/>
      <c r="EZL649" s="613"/>
      <c r="EZM649" s="613"/>
      <c r="EZN649" s="613"/>
      <c r="EZO649" s="613"/>
      <c r="EZP649" s="613"/>
      <c r="EZQ649" s="613"/>
      <c r="EZR649" s="613"/>
      <c r="EZS649" s="613"/>
      <c r="EZT649" s="613"/>
      <c r="EZU649" s="613"/>
      <c r="EZV649" s="613"/>
      <c r="EZW649" s="613"/>
      <c r="EZX649" s="613"/>
      <c r="EZY649" s="613"/>
      <c r="EZZ649" s="613"/>
      <c r="FAA649" s="613"/>
      <c r="FAB649" s="613"/>
      <c r="FAC649" s="613"/>
      <c r="FAD649" s="613"/>
      <c r="FAE649" s="613"/>
      <c r="FAF649" s="613"/>
      <c r="FAG649" s="613"/>
      <c r="FAH649" s="613"/>
      <c r="FAI649" s="613"/>
      <c r="FAJ649" s="613"/>
      <c r="FAK649" s="613"/>
      <c r="FAL649" s="613"/>
      <c r="FAM649" s="613"/>
      <c r="FAN649" s="613"/>
      <c r="FAO649" s="613"/>
      <c r="FAP649" s="613"/>
      <c r="FAQ649" s="613"/>
      <c r="FAR649" s="613"/>
      <c r="FAS649" s="613"/>
      <c r="FAT649" s="613"/>
      <c r="FAU649" s="613"/>
      <c r="FAV649" s="613"/>
      <c r="FAW649" s="613"/>
      <c r="FAX649" s="613"/>
      <c r="FAY649" s="613"/>
      <c r="FAZ649" s="613"/>
      <c r="FBA649" s="613"/>
      <c r="FBB649" s="613"/>
      <c r="FBC649" s="613"/>
      <c r="FBD649" s="613"/>
      <c r="FBE649" s="613"/>
      <c r="FBF649" s="613"/>
      <c r="FBG649" s="613"/>
      <c r="FBH649" s="613"/>
      <c r="FBI649" s="613"/>
      <c r="FBJ649" s="613"/>
      <c r="FBK649" s="613"/>
      <c r="FBL649" s="613"/>
      <c r="FBM649" s="613"/>
      <c r="FBN649" s="613"/>
      <c r="FBO649" s="613"/>
      <c r="FBP649" s="613"/>
      <c r="FBQ649" s="613"/>
      <c r="FBR649" s="613"/>
      <c r="FBS649" s="613"/>
      <c r="FBT649" s="613"/>
      <c r="FBU649" s="613"/>
      <c r="FBV649" s="613"/>
      <c r="FBW649" s="613"/>
      <c r="FBX649" s="613"/>
      <c r="FBY649" s="613"/>
      <c r="FBZ649" s="613"/>
      <c r="FCA649" s="613"/>
      <c r="FCB649" s="613"/>
      <c r="FCC649" s="613"/>
      <c r="FCD649" s="613"/>
      <c r="FCE649" s="613"/>
      <c r="FCF649" s="613"/>
      <c r="FCG649" s="613"/>
      <c r="FCH649" s="613"/>
      <c r="FCI649" s="613"/>
      <c r="FCJ649" s="613"/>
      <c r="FCK649" s="613"/>
      <c r="FCL649" s="613"/>
      <c r="FCM649" s="613"/>
      <c r="FCN649" s="613"/>
      <c r="FCO649" s="613"/>
      <c r="FCP649" s="613"/>
      <c r="FCQ649" s="613"/>
      <c r="FCR649" s="613"/>
      <c r="FCS649" s="613"/>
      <c r="FCT649" s="613"/>
      <c r="FCU649" s="613"/>
      <c r="FCV649" s="613"/>
      <c r="FCW649" s="613"/>
      <c r="FCX649" s="613"/>
      <c r="FCY649" s="613"/>
      <c r="FCZ649" s="613"/>
      <c r="FDA649" s="613"/>
      <c r="FDB649" s="613"/>
      <c r="FDC649" s="613"/>
      <c r="FDD649" s="613"/>
      <c r="FDE649" s="613"/>
      <c r="FDF649" s="613"/>
      <c r="FDG649" s="613"/>
      <c r="FDH649" s="613"/>
      <c r="FDI649" s="613"/>
      <c r="FDJ649" s="613"/>
      <c r="FDK649" s="613"/>
      <c r="FDL649" s="613"/>
      <c r="FDM649" s="613"/>
      <c r="FDN649" s="613"/>
      <c r="FDO649" s="613"/>
      <c r="FDP649" s="613"/>
      <c r="FDQ649" s="613"/>
      <c r="FDR649" s="613"/>
      <c r="FDS649" s="613"/>
      <c r="FDT649" s="613"/>
      <c r="FDU649" s="613"/>
      <c r="FDV649" s="613"/>
      <c r="FDW649" s="613"/>
      <c r="FDX649" s="613"/>
      <c r="FDY649" s="613"/>
      <c r="FDZ649" s="613"/>
      <c r="FEA649" s="613"/>
      <c r="FEB649" s="613"/>
      <c r="FEC649" s="613"/>
      <c r="FED649" s="613"/>
      <c r="FEE649" s="613"/>
      <c r="FEF649" s="613"/>
      <c r="FEG649" s="613"/>
      <c r="FEH649" s="613"/>
      <c r="FEI649" s="613"/>
      <c r="FEJ649" s="613"/>
      <c r="FEK649" s="613"/>
      <c r="FEL649" s="613"/>
      <c r="FEM649" s="613"/>
      <c r="FEN649" s="613"/>
      <c r="FEO649" s="613"/>
      <c r="FEP649" s="613"/>
      <c r="FEQ649" s="613"/>
      <c r="FER649" s="613"/>
      <c r="FES649" s="613"/>
      <c r="FET649" s="613"/>
      <c r="FEU649" s="613"/>
      <c r="FEV649" s="613"/>
      <c r="FEW649" s="613"/>
      <c r="FEX649" s="613"/>
      <c r="FEY649" s="613"/>
      <c r="FEZ649" s="613"/>
      <c r="FFA649" s="613"/>
      <c r="FFB649" s="613"/>
      <c r="FFC649" s="613"/>
      <c r="FFD649" s="613"/>
      <c r="FFE649" s="613"/>
      <c r="FFF649" s="613"/>
      <c r="FFG649" s="613"/>
      <c r="FFH649" s="613"/>
      <c r="FFI649" s="613"/>
      <c r="FFJ649" s="613"/>
      <c r="FFK649" s="613"/>
      <c r="FFL649" s="613"/>
      <c r="FFM649" s="613"/>
      <c r="FFN649" s="613"/>
      <c r="FFO649" s="613"/>
      <c r="FFP649" s="613"/>
      <c r="FFQ649" s="613"/>
      <c r="FFR649" s="613"/>
      <c r="FFS649" s="613"/>
      <c r="FFT649" s="613"/>
      <c r="FFU649" s="613"/>
      <c r="FFV649" s="613"/>
      <c r="FFW649" s="613"/>
      <c r="FFX649" s="613"/>
      <c r="FFY649" s="613"/>
      <c r="FFZ649" s="613"/>
      <c r="FGA649" s="613"/>
      <c r="FGB649" s="613"/>
      <c r="FGC649" s="613"/>
      <c r="FGD649" s="613"/>
      <c r="FGE649" s="613"/>
      <c r="FGF649" s="613"/>
      <c r="FGG649" s="613"/>
      <c r="FGH649" s="613"/>
      <c r="FGI649" s="613"/>
      <c r="FGJ649" s="613"/>
      <c r="FGK649" s="613"/>
      <c r="FGL649" s="613"/>
      <c r="FGM649" s="613"/>
      <c r="FGN649" s="613"/>
      <c r="FGO649" s="613"/>
      <c r="FGP649" s="613"/>
      <c r="FGQ649" s="613"/>
      <c r="FGR649" s="613"/>
      <c r="FGS649" s="613"/>
      <c r="FGT649" s="613"/>
      <c r="FGU649" s="613"/>
      <c r="FGV649" s="613"/>
      <c r="FGW649" s="613"/>
      <c r="FGX649" s="613"/>
      <c r="FGY649" s="613"/>
      <c r="FGZ649" s="613"/>
      <c r="FHA649" s="613"/>
      <c r="FHB649" s="613"/>
      <c r="FHC649" s="613"/>
      <c r="FHD649" s="613"/>
      <c r="FHE649" s="613"/>
      <c r="FHF649" s="613"/>
      <c r="FHG649" s="613"/>
      <c r="FHH649" s="613"/>
      <c r="FHI649" s="613"/>
      <c r="FHJ649" s="613"/>
      <c r="FHK649" s="613"/>
      <c r="FHL649" s="613"/>
      <c r="FHM649" s="613"/>
      <c r="FHN649" s="613"/>
      <c r="FHO649" s="613"/>
      <c r="FHP649" s="613"/>
      <c r="FHQ649" s="613"/>
      <c r="FHR649" s="613"/>
      <c r="FHS649" s="613"/>
      <c r="FHT649" s="613"/>
      <c r="FHU649" s="613"/>
      <c r="FHV649" s="613"/>
      <c r="FHW649" s="613"/>
      <c r="FHX649" s="613"/>
      <c r="FHY649" s="613"/>
      <c r="FHZ649" s="613"/>
      <c r="FIA649" s="613"/>
      <c r="FIB649" s="613"/>
      <c r="FIC649" s="613"/>
      <c r="FID649" s="613"/>
      <c r="FIE649" s="613"/>
      <c r="FIF649" s="613"/>
      <c r="FIG649" s="613"/>
      <c r="FIH649" s="613"/>
      <c r="FII649" s="613"/>
      <c r="FIJ649" s="613"/>
      <c r="FIK649" s="613"/>
      <c r="FIL649" s="613"/>
      <c r="FIM649" s="613"/>
      <c r="FIN649" s="613"/>
      <c r="FIO649" s="613"/>
      <c r="FIP649" s="613"/>
      <c r="FIQ649" s="613"/>
      <c r="FIR649" s="613"/>
      <c r="FIS649" s="613"/>
      <c r="FIT649" s="613"/>
      <c r="FIU649" s="613"/>
      <c r="FIV649" s="613"/>
      <c r="FIW649" s="613"/>
      <c r="FIX649" s="613"/>
      <c r="FIY649" s="613"/>
      <c r="FIZ649" s="613"/>
      <c r="FJA649" s="613"/>
      <c r="FJB649" s="613"/>
      <c r="FJC649" s="613"/>
      <c r="FJD649" s="613"/>
      <c r="FJE649" s="613"/>
      <c r="FJF649" s="613"/>
      <c r="FJG649" s="613"/>
      <c r="FJH649" s="613"/>
      <c r="FJI649" s="613"/>
      <c r="FJJ649" s="613"/>
      <c r="FJK649" s="613"/>
      <c r="FJL649" s="613"/>
      <c r="FJM649" s="613"/>
      <c r="FJN649" s="613"/>
      <c r="FJO649" s="613"/>
      <c r="FJP649" s="613"/>
      <c r="FJQ649" s="613"/>
      <c r="FJR649" s="613"/>
      <c r="FJS649" s="613"/>
      <c r="FJT649" s="613"/>
      <c r="FJU649" s="613"/>
      <c r="FJV649" s="613"/>
      <c r="FJW649" s="613"/>
      <c r="FJX649" s="613"/>
      <c r="FJY649" s="613"/>
      <c r="FJZ649" s="613"/>
      <c r="FKA649" s="613"/>
      <c r="FKB649" s="613"/>
      <c r="FKC649" s="613"/>
      <c r="FKD649" s="613"/>
      <c r="FKE649" s="613"/>
      <c r="FKF649" s="613"/>
      <c r="FKG649" s="613"/>
      <c r="FKH649" s="613"/>
      <c r="FKI649" s="613"/>
      <c r="FKJ649" s="613"/>
      <c r="FKK649" s="613"/>
      <c r="FKL649" s="613"/>
      <c r="FKM649" s="613"/>
      <c r="FKN649" s="613"/>
      <c r="FKO649" s="613"/>
      <c r="FKP649" s="613"/>
      <c r="FKQ649" s="613"/>
      <c r="FKR649" s="613"/>
      <c r="FKS649" s="613"/>
      <c r="FKT649" s="613"/>
      <c r="FKU649" s="613"/>
      <c r="FKV649" s="613"/>
      <c r="FKW649" s="613"/>
      <c r="FKX649" s="613"/>
      <c r="FKY649" s="613"/>
      <c r="FKZ649" s="613"/>
      <c r="FLA649" s="613"/>
      <c r="FLB649" s="613"/>
      <c r="FLC649" s="613"/>
      <c r="FLD649" s="613"/>
      <c r="FLE649" s="613"/>
      <c r="FLF649" s="613"/>
      <c r="FLG649" s="613"/>
      <c r="FLH649" s="613"/>
      <c r="FLI649" s="613"/>
      <c r="FLJ649" s="613"/>
      <c r="FLK649" s="613"/>
      <c r="FLL649" s="613"/>
      <c r="FLM649" s="613"/>
      <c r="FLN649" s="613"/>
      <c r="FLO649" s="613"/>
      <c r="FLP649" s="613"/>
      <c r="FLQ649" s="613"/>
      <c r="FLR649" s="613"/>
      <c r="FLS649" s="613"/>
      <c r="FLT649" s="613"/>
      <c r="FLU649" s="613"/>
      <c r="FLV649" s="613"/>
      <c r="FLW649" s="613"/>
      <c r="FLX649" s="613"/>
      <c r="FLY649" s="613"/>
      <c r="FLZ649" s="613"/>
      <c r="FMA649" s="613"/>
      <c r="FMB649" s="613"/>
      <c r="FMC649" s="613"/>
      <c r="FMD649" s="613"/>
      <c r="FME649" s="613"/>
      <c r="FMF649" s="613"/>
      <c r="FMG649" s="613"/>
      <c r="FMH649" s="613"/>
      <c r="FMI649" s="613"/>
      <c r="FMJ649" s="613"/>
      <c r="FMK649" s="613"/>
      <c r="FML649" s="613"/>
      <c r="FMM649" s="613"/>
      <c r="FMN649" s="613"/>
      <c r="FMO649" s="613"/>
      <c r="FMP649" s="613"/>
      <c r="FMQ649" s="613"/>
      <c r="FMR649" s="613"/>
      <c r="FMS649" s="613"/>
      <c r="FMT649" s="613"/>
      <c r="FMU649" s="613"/>
      <c r="FMV649" s="613"/>
      <c r="FMW649" s="613"/>
      <c r="FMX649" s="613"/>
      <c r="FMY649" s="613"/>
      <c r="FMZ649" s="613"/>
      <c r="FNA649" s="613"/>
      <c r="FNB649" s="613"/>
      <c r="FNC649" s="613"/>
      <c r="FND649" s="613"/>
      <c r="FNE649" s="613"/>
      <c r="FNF649" s="613"/>
      <c r="FNG649" s="613"/>
      <c r="FNH649" s="613"/>
      <c r="FNI649" s="613"/>
      <c r="FNJ649" s="613"/>
      <c r="FNK649" s="613"/>
      <c r="FNL649" s="613"/>
      <c r="FNM649" s="613"/>
      <c r="FNN649" s="613"/>
      <c r="FNO649" s="613"/>
      <c r="FNP649" s="613"/>
      <c r="FNQ649" s="613"/>
      <c r="FNR649" s="613"/>
      <c r="FNS649" s="613"/>
      <c r="FNT649" s="613"/>
      <c r="FNU649" s="613"/>
      <c r="FNV649" s="613"/>
      <c r="FNW649" s="613"/>
      <c r="FNX649" s="613"/>
      <c r="FNY649" s="613"/>
      <c r="FNZ649" s="613"/>
      <c r="FOA649" s="613"/>
      <c r="FOB649" s="613"/>
      <c r="FOC649" s="613"/>
      <c r="FOD649" s="613"/>
      <c r="FOE649" s="613"/>
      <c r="FOF649" s="613"/>
      <c r="FOG649" s="613"/>
      <c r="FOH649" s="613"/>
      <c r="FOI649" s="613"/>
      <c r="FOJ649" s="613"/>
      <c r="FOK649" s="613"/>
      <c r="FOL649" s="613"/>
      <c r="FOM649" s="613"/>
      <c r="FON649" s="613"/>
      <c r="FOO649" s="613"/>
      <c r="FOP649" s="613"/>
      <c r="FOQ649" s="613"/>
      <c r="FOR649" s="613"/>
      <c r="FOS649" s="613"/>
      <c r="FOT649" s="613"/>
      <c r="FOU649" s="613"/>
      <c r="FOV649" s="613"/>
      <c r="FOW649" s="613"/>
      <c r="FOX649" s="613"/>
      <c r="FOY649" s="613"/>
      <c r="FOZ649" s="613"/>
      <c r="FPA649" s="613"/>
      <c r="FPB649" s="613"/>
      <c r="FPC649" s="613"/>
      <c r="FPD649" s="613"/>
      <c r="FPE649" s="613"/>
      <c r="FPF649" s="613"/>
      <c r="FPG649" s="613"/>
      <c r="FPH649" s="613"/>
      <c r="FPI649" s="613"/>
      <c r="FPJ649" s="613"/>
      <c r="FPK649" s="613"/>
      <c r="FPL649" s="613"/>
      <c r="FPM649" s="613"/>
      <c r="FPN649" s="613"/>
      <c r="FPO649" s="613"/>
      <c r="FPP649" s="613"/>
      <c r="FPQ649" s="613"/>
      <c r="FPR649" s="613"/>
      <c r="FPS649" s="613"/>
      <c r="FPT649" s="613"/>
      <c r="FPU649" s="613"/>
      <c r="FPV649" s="613"/>
      <c r="FPW649" s="613"/>
      <c r="FPX649" s="613"/>
      <c r="FPY649" s="613"/>
      <c r="FPZ649" s="613"/>
      <c r="FQA649" s="613"/>
      <c r="FQB649" s="613"/>
      <c r="FQC649" s="613"/>
      <c r="FQD649" s="613"/>
      <c r="FQE649" s="613"/>
      <c r="FQF649" s="613"/>
      <c r="FQG649" s="613"/>
      <c r="FQH649" s="613"/>
      <c r="FQI649" s="613"/>
      <c r="FQJ649" s="613"/>
      <c r="FQK649" s="613"/>
      <c r="FQL649" s="613"/>
      <c r="FQM649" s="613"/>
      <c r="FQN649" s="613"/>
      <c r="FQO649" s="613"/>
      <c r="FQP649" s="613"/>
      <c r="FQQ649" s="613"/>
      <c r="FQR649" s="613"/>
      <c r="FQS649" s="613"/>
      <c r="FQT649" s="613"/>
      <c r="FQU649" s="613"/>
      <c r="FQV649" s="613"/>
      <c r="FQW649" s="613"/>
      <c r="FQX649" s="613"/>
      <c r="FQY649" s="613"/>
      <c r="FQZ649" s="613"/>
      <c r="FRA649" s="613"/>
      <c r="FRB649" s="613"/>
      <c r="FRC649" s="613"/>
      <c r="FRD649" s="613"/>
      <c r="FRE649" s="613"/>
      <c r="FRF649" s="613"/>
      <c r="FRG649" s="613"/>
      <c r="FRH649" s="613"/>
      <c r="FRI649" s="613"/>
      <c r="FRJ649" s="613"/>
      <c r="FRK649" s="613"/>
      <c r="FRL649" s="613"/>
      <c r="FRM649" s="613"/>
      <c r="FRN649" s="613"/>
      <c r="FRO649" s="613"/>
      <c r="FRP649" s="613"/>
      <c r="FRQ649" s="613"/>
      <c r="FRR649" s="613"/>
      <c r="FRS649" s="613"/>
      <c r="FRT649" s="613"/>
      <c r="FRU649" s="613"/>
      <c r="FRV649" s="613"/>
      <c r="FRW649" s="613"/>
      <c r="FRX649" s="613"/>
      <c r="FRY649" s="613"/>
      <c r="FRZ649" s="613"/>
      <c r="FSA649" s="613"/>
      <c r="FSB649" s="613"/>
      <c r="FSC649" s="613"/>
      <c r="FSD649" s="613"/>
      <c r="FSE649" s="613"/>
      <c r="FSF649" s="613"/>
      <c r="FSG649" s="613"/>
      <c r="FSH649" s="613"/>
      <c r="FSI649" s="613"/>
      <c r="FSJ649" s="613"/>
      <c r="FSK649" s="613"/>
      <c r="FSL649" s="613"/>
      <c r="FSM649" s="613"/>
      <c r="FSN649" s="613"/>
      <c r="FSO649" s="613"/>
      <c r="FSP649" s="613"/>
      <c r="FSQ649" s="613"/>
      <c r="FSR649" s="613"/>
      <c r="FSS649" s="613"/>
      <c r="FST649" s="613"/>
      <c r="FSU649" s="613"/>
      <c r="FSV649" s="613"/>
      <c r="FSW649" s="613"/>
      <c r="FSX649" s="613"/>
      <c r="FSY649" s="613"/>
      <c r="FSZ649" s="613"/>
      <c r="FTA649" s="613"/>
      <c r="FTB649" s="613"/>
      <c r="FTC649" s="613"/>
      <c r="FTD649" s="613"/>
      <c r="FTE649" s="613"/>
      <c r="FTF649" s="613"/>
      <c r="FTG649" s="613"/>
      <c r="FTH649" s="613"/>
      <c r="FTI649" s="613"/>
      <c r="FTJ649" s="613"/>
      <c r="FTK649" s="613"/>
      <c r="FTL649" s="613"/>
      <c r="FTM649" s="613"/>
      <c r="FTN649" s="613"/>
      <c r="FTO649" s="613"/>
      <c r="FTP649" s="613"/>
      <c r="FTQ649" s="613"/>
      <c r="FTR649" s="613"/>
      <c r="FTS649" s="613"/>
      <c r="FTT649" s="613"/>
      <c r="FTU649" s="613"/>
      <c r="FTV649" s="613"/>
      <c r="FTW649" s="613"/>
      <c r="FTX649" s="613"/>
      <c r="FTY649" s="613"/>
      <c r="FTZ649" s="613"/>
      <c r="FUA649" s="613"/>
      <c r="FUB649" s="613"/>
      <c r="FUC649" s="613"/>
      <c r="FUD649" s="613"/>
      <c r="FUE649" s="613"/>
      <c r="FUF649" s="613"/>
      <c r="FUG649" s="613"/>
      <c r="FUH649" s="613"/>
      <c r="FUI649" s="613"/>
      <c r="FUJ649" s="613"/>
      <c r="FUK649" s="613"/>
      <c r="FUL649" s="613"/>
      <c r="FUM649" s="613"/>
      <c r="FUN649" s="613"/>
      <c r="FUO649" s="613"/>
      <c r="FUP649" s="613"/>
      <c r="FUQ649" s="613"/>
      <c r="FUR649" s="613"/>
      <c r="FUS649" s="613"/>
      <c r="FUT649" s="613"/>
      <c r="FUU649" s="613"/>
      <c r="FUV649" s="613"/>
      <c r="FUW649" s="613"/>
      <c r="FUX649" s="613"/>
      <c r="FUY649" s="613"/>
      <c r="FUZ649" s="613"/>
      <c r="FVA649" s="613"/>
      <c r="FVB649" s="613"/>
      <c r="FVC649" s="613"/>
      <c r="FVD649" s="613"/>
      <c r="FVE649" s="613"/>
      <c r="FVF649" s="613"/>
      <c r="FVG649" s="613"/>
      <c r="FVH649" s="613"/>
      <c r="FVI649" s="613"/>
      <c r="FVJ649" s="613"/>
      <c r="FVK649" s="613"/>
      <c r="FVL649" s="613"/>
      <c r="FVM649" s="613"/>
      <c r="FVN649" s="613"/>
      <c r="FVO649" s="613"/>
      <c r="FVP649" s="613"/>
      <c r="FVQ649" s="613"/>
      <c r="FVR649" s="613"/>
      <c r="FVS649" s="613"/>
      <c r="FVT649" s="613"/>
      <c r="FVU649" s="613"/>
      <c r="FVV649" s="613"/>
      <c r="FVW649" s="613"/>
      <c r="FVX649" s="613"/>
      <c r="FVY649" s="613"/>
      <c r="FVZ649" s="613"/>
      <c r="FWA649" s="613"/>
      <c r="FWB649" s="613"/>
      <c r="FWC649" s="613"/>
      <c r="FWD649" s="613"/>
      <c r="FWE649" s="613"/>
      <c r="FWF649" s="613"/>
      <c r="FWG649" s="613"/>
      <c r="FWH649" s="613"/>
      <c r="FWI649" s="613"/>
      <c r="FWJ649" s="613"/>
      <c r="FWK649" s="613"/>
      <c r="FWL649" s="613"/>
      <c r="FWM649" s="613"/>
      <c r="FWN649" s="613"/>
      <c r="FWO649" s="613"/>
      <c r="FWP649" s="613"/>
      <c r="FWQ649" s="613"/>
      <c r="FWR649" s="613"/>
      <c r="FWS649" s="613"/>
      <c r="FWT649" s="613"/>
      <c r="FWU649" s="613"/>
      <c r="FWV649" s="613"/>
      <c r="FWW649" s="613"/>
      <c r="FWX649" s="613"/>
      <c r="FWY649" s="613"/>
      <c r="FWZ649" s="613"/>
      <c r="FXA649" s="613"/>
      <c r="FXB649" s="613"/>
      <c r="FXC649" s="613"/>
      <c r="FXD649" s="613"/>
      <c r="FXE649" s="613"/>
      <c r="FXF649" s="613"/>
      <c r="FXG649" s="613"/>
      <c r="FXH649" s="613"/>
      <c r="FXI649" s="613"/>
      <c r="FXJ649" s="613"/>
      <c r="FXK649" s="613"/>
      <c r="FXL649" s="613"/>
      <c r="FXM649" s="613"/>
      <c r="FXN649" s="613"/>
      <c r="FXO649" s="613"/>
      <c r="FXP649" s="613"/>
      <c r="FXQ649" s="613"/>
      <c r="FXR649" s="613"/>
      <c r="FXS649" s="613"/>
      <c r="FXT649" s="613"/>
      <c r="FXU649" s="613"/>
      <c r="FXV649" s="613"/>
      <c r="FXW649" s="613"/>
      <c r="FXX649" s="613"/>
      <c r="FXY649" s="613"/>
      <c r="FXZ649" s="613"/>
      <c r="FYA649" s="613"/>
      <c r="FYB649" s="613"/>
      <c r="FYC649" s="613"/>
      <c r="FYD649" s="613"/>
      <c r="FYE649" s="613"/>
      <c r="FYF649" s="613"/>
      <c r="FYG649" s="613"/>
      <c r="FYH649" s="613"/>
      <c r="FYI649" s="613"/>
      <c r="FYJ649" s="613"/>
      <c r="FYK649" s="613"/>
      <c r="FYL649" s="613"/>
      <c r="FYM649" s="613"/>
      <c r="FYN649" s="613"/>
      <c r="FYO649" s="613"/>
      <c r="FYP649" s="613"/>
      <c r="FYQ649" s="613"/>
      <c r="FYR649" s="613"/>
      <c r="FYS649" s="613"/>
      <c r="FYT649" s="613"/>
      <c r="FYU649" s="613"/>
      <c r="FYV649" s="613"/>
      <c r="FYW649" s="613"/>
      <c r="FYX649" s="613"/>
      <c r="FYY649" s="613"/>
      <c r="FYZ649" s="613"/>
      <c r="FZA649" s="613"/>
      <c r="FZB649" s="613"/>
      <c r="FZC649" s="613"/>
      <c r="FZD649" s="613"/>
      <c r="FZE649" s="613"/>
      <c r="FZF649" s="613"/>
      <c r="FZG649" s="613"/>
      <c r="FZH649" s="613"/>
      <c r="FZI649" s="613"/>
      <c r="FZJ649" s="613"/>
      <c r="FZK649" s="613"/>
      <c r="FZL649" s="613"/>
      <c r="FZM649" s="613"/>
      <c r="FZN649" s="613"/>
      <c r="FZO649" s="613"/>
      <c r="FZP649" s="613"/>
      <c r="FZQ649" s="613"/>
      <c r="FZR649" s="613"/>
      <c r="FZS649" s="613"/>
      <c r="FZT649" s="613"/>
      <c r="FZU649" s="613"/>
      <c r="FZV649" s="613"/>
      <c r="FZW649" s="613"/>
      <c r="FZX649" s="613"/>
      <c r="FZY649" s="613"/>
      <c r="FZZ649" s="613"/>
      <c r="GAA649" s="613"/>
      <c r="GAB649" s="613"/>
      <c r="GAC649" s="613"/>
      <c r="GAD649" s="613"/>
      <c r="GAE649" s="613"/>
      <c r="GAF649" s="613"/>
      <c r="GAG649" s="613"/>
      <c r="GAH649" s="613"/>
      <c r="GAI649" s="613"/>
      <c r="GAJ649" s="613"/>
      <c r="GAK649" s="613"/>
      <c r="GAL649" s="613"/>
      <c r="GAM649" s="613"/>
      <c r="GAN649" s="613"/>
      <c r="GAO649" s="613"/>
      <c r="GAP649" s="613"/>
      <c r="GAQ649" s="613"/>
      <c r="GAR649" s="613"/>
      <c r="GAS649" s="613"/>
      <c r="GAT649" s="613"/>
      <c r="GAU649" s="613"/>
      <c r="GAV649" s="613"/>
      <c r="GAW649" s="613"/>
      <c r="GAX649" s="613"/>
      <c r="GAY649" s="613"/>
      <c r="GAZ649" s="613"/>
      <c r="GBA649" s="613"/>
      <c r="GBB649" s="613"/>
      <c r="GBC649" s="613"/>
      <c r="GBD649" s="613"/>
      <c r="GBE649" s="613"/>
      <c r="GBF649" s="613"/>
      <c r="GBG649" s="613"/>
      <c r="GBH649" s="613"/>
      <c r="GBI649" s="613"/>
      <c r="GBJ649" s="613"/>
      <c r="GBK649" s="613"/>
      <c r="GBL649" s="613"/>
      <c r="GBM649" s="613"/>
      <c r="GBN649" s="613"/>
      <c r="GBO649" s="613"/>
      <c r="GBP649" s="613"/>
      <c r="GBQ649" s="613"/>
      <c r="GBR649" s="613"/>
      <c r="GBS649" s="613"/>
      <c r="GBT649" s="613"/>
      <c r="GBU649" s="613"/>
      <c r="GBV649" s="613"/>
      <c r="GBW649" s="613"/>
      <c r="GBX649" s="613"/>
      <c r="GBY649" s="613"/>
      <c r="GBZ649" s="613"/>
      <c r="GCA649" s="613"/>
      <c r="GCB649" s="613"/>
      <c r="GCC649" s="613"/>
      <c r="GCD649" s="613"/>
      <c r="GCE649" s="613"/>
      <c r="GCF649" s="613"/>
      <c r="GCG649" s="613"/>
      <c r="GCH649" s="613"/>
      <c r="GCI649" s="613"/>
      <c r="GCJ649" s="613"/>
      <c r="GCK649" s="613"/>
      <c r="GCL649" s="613"/>
      <c r="GCM649" s="613"/>
      <c r="GCN649" s="613"/>
      <c r="GCO649" s="613"/>
      <c r="GCP649" s="613"/>
      <c r="GCQ649" s="613"/>
      <c r="GCR649" s="613"/>
      <c r="GCS649" s="613"/>
      <c r="GCT649" s="613"/>
      <c r="GCU649" s="613"/>
      <c r="GCV649" s="613"/>
      <c r="GCW649" s="613"/>
      <c r="GCX649" s="613"/>
      <c r="GCY649" s="613"/>
      <c r="GCZ649" s="613"/>
      <c r="GDA649" s="613"/>
      <c r="GDB649" s="613"/>
      <c r="GDC649" s="613"/>
      <c r="GDD649" s="613"/>
      <c r="GDE649" s="613"/>
      <c r="GDF649" s="613"/>
      <c r="GDG649" s="613"/>
      <c r="GDH649" s="613"/>
      <c r="GDI649" s="613"/>
      <c r="GDJ649" s="613"/>
      <c r="GDK649" s="613"/>
      <c r="GDL649" s="613"/>
      <c r="GDM649" s="613"/>
      <c r="GDN649" s="613"/>
      <c r="GDO649" s="613"/>
      <c r="GDP649" s="613"/>
      <c r="GDQ649" s="613"/>
      <c r="GDR649" s="613"/>
      <c r="GDS649" s="613"/>
      <c r="GDT649" s="613"/>
      <c r="GDU649" s="613"/>
      <c r="GDV649" s="613"/>
      <c r="GDW649" s="613"/>
      <c r="GDX649" s="613"/>
      <c r="GDY649" s="613"/>
      <c r="GDZ649" s="613"/>
      <c r="GEA649" s="613"/>
      <c r="GEB649" s="613"/>
      <c r="GEC649" s="613"/>
      <c r="GED649" s="613"/>
      <c r="GEE649" s="613"/>
      <c r="GEF649" s="613"/>
      <c r="GEG649" s="613"/>
      <c r="GEH649" s="613"/>
      <c r="GEI649" s="613"/>
      <c r="GEJ649" s="613"/>
      <c r="GEK649" s="613"/>
      <c r="GEL649" s="613"/>
      <c r="GEM649" s="613"/>
      <c r="GEN649" s="613"/>
      <c r="GEO649" s="613"/>
      <c r="GEP649" s="613"/>
      <c r="GEQ649" s="613"/>
      <c r="GER649" s="613"/>
      <c r="GES649" s="613"/>
      <c r="GET649" s="613"/>
      <c r="GEU649" s="613"/>
      <c r="GEV649" s="613"/>
      <c r="GEW649" s="613"/>
      <c r="GEX649" s="613"/>
      <c r="GEY649" s="613"/>
      <c r="GEZ649" s="613"/>
      <c r="GFA649" s="613"/>
      <c r="GFB649" s="613"/>
      <c r="GFC649" s="613"/>
      <c r="GFD649" s="613"/>
      <c r="GFE649" s="613"/>
      <c r="GFF649" s="613"/>
      <c r="GFG649" s="613"/>
      <c r="GFH649" s="613"/>
      <c r="GFI649" s="613"/>
      <c r="GFJ649" s="613"/>
      <c r="GFK649" s="613"/>
      <c r="GFL649" s="613"/>
      <c r="GFM649" s="613"/>
      <c r="GFN649" s="613"/>
      <c r="GFO649" s="613"/>
      <c r="GFP649" s="613"/>
      <c r="GFQ649" s="613"/>
      <c r="GFR649" s="613"/>
      <c r="GFS649" s="613"/>
      <c r="GFT649" s="613"/>
      <c r="GFU649" s="613"/>
      <c r="GFV649" s="613"/>
      <c r="GFW649" s="613"/>
      <c r="GFX649" s="613"/>
      <c r="GFY649" s="613"/>
      <c r="GFZ649" s="613"/>
      <c r="GGA649" s="613"/>
      <c r="GGB649" s="613"/>
      <c r="GGC649" s="613"/>
      <c r="GGD649" s="613"/>
      <c r="GGE649" s="613"/>
      <c r="GGF649" s="613"/>
      <c r="GGG649" s="613"/>
      <c r="GGH649" s="613"/>
      <c r="GGI649" s="613"/>
      <c r="GGJ649" s="613"/>
      <c r="GGK649" s="613"/>
      <c r="GGL649" s="613"/>
      <c r="GGM649" s="613"/>
      <c r="GGN649" s="613"/>
      <c r="GGO649" s="613"/>
      <c r="GGP649" s="613"/>
      <c r="GGQ649" s="613"/>
      <c r="GGR649" s="613"/>
      <c r="GGS649" s="613"/>
      <c r="GGT649" s="613"/>
      <c r="GGU649" s="613"/>
      <c r="GGV649" s="613"/>
      <c r="GGW649" s="613"/>
      <c r="GGX649" s="613"/>
      <c r="GGY649" s="613"/>
      <c r="GGZ649" s="613"/>
      <c r="GHA649" s="613"/>
      <c r="GHB649" s="613"/>
      <c r="GHC649" s="613"/>
      <c r="GHD649" s="613"/>
      <c r="GHE649" s="613"/>
      <c r="GHF649" s="613"/>
      <c r="GHG649" s="613"/>
      <c r="GHH649" s="613"/>
      <c r="GHI649" s="613"/>
      <c r="GHJ649" s="613"/>
      <c r="GHK649" s="613"/>
      <c r="GHL649" s="613"/>
      <c r="GHM649" s="613"/>
      <c r="GHN649" s="613"/>
      <c r="GHO649" s="613"/>
      <c r="GHP649" s="613"/>
      <c r="GHQ649" s="613"/>
      <c r="GHR649" s="613"/>
      <c r="GHS649" s="613"/>
      <c r="GHT649" s="613"/>
      <c r="GHU649" s="613"/>
      <c r="GHV649" s="613"/>
      <c r="GHW649" s="613"/>
      <c r="GHX649" s="613"/>
      <c r="GHY649" s="613"/>
      <c r="GHZ649" s="613"/>
      <c r="GIA649" s="613"/>
      <c r="GIB649" s="613"/>
      <c r="GIC649" s="613"/>
      <c r="GID649" s="613"/>
      <c r="GIE649" s="613"/>
      <c r="GIF649" s="613"/>
      <c r="GIG649" s="613"/>
      <c r="GIH649" s="613"/>
      <c r="GII649" s="613"/>
      <c r="GIJ649" s="613"/>
      <c r="GIK649" s="613"/>
      <c r="GIL649" s="613"/>
      <c r="GIM649" s="613"/>
      <c r="GIN649" s="613"/>
      <c r="GIO649" s="613"/>
      <c r="GIP649" s="613"/>
      <c r="GIQ649" s="613"/>
      <c r="GIR649" s="613"/>
      <c r="GIS649" s="613"/>
      <c r="GIT649" s="613"/>
      <c r="GIU649" s="613"/>
      <c r="GIV649" s="613"/>
      <c r="GIW649" s="613"/>
      <c r="GIX649" s="613"/>
      <c r="GIY649" s="613"/>
      <c r="GIZ649" s="613"/>
      <c r="GJA649" s="613"/>
      <c r="GJB649" s="613"/>
      <c r="GJC649" s="613"/>
      <c r="GJD649" s="613"/>
      <c r="GJE649" s="613"/>
      <c r="GJF649" s="613"/>
      <c r="GJG649" s="613"/>
      <c r="GJH649" s="613"/>
      <c r="GJI649" s="613"/>
      <c r="GJJ649" s="613"/>
      <c r="GJK649" s="613"/>
      <c r="GJL649" s="613"/>
      <c r="GJM649" s="613"/>
      <c r="GJN649" s="613"/>
      <c r="GJO649" s="613"/>
      <c r="GJP649" s="613"/>
      <c r="GJQ649" s="613"/>
      <c r="GJR649" s="613"/>
      <c r="GJS649" s="613"/>
      <c r="GJT649" s="613"/>
      <c r="GJU649" s="613"/>
      <c r="GJV649" s="613"/>
      <c r="GJW649" s="613"/>
      <c r="GJX649" s="613"/>
      <c r="GJY649" s="613"/>
      <c r="GJZ649" s="613"/>
      <c r="GKA649" s="613"/>
      <c r="GKB649" s="613"/>
      <c r="GKC649" s="613"/>
      <c r="GKD649" s="613"/>
      <c r="GKE649" s="613"/>
      <c r="GKF649" s="613"/>
      <c r="GKG649" s="613"/>
      <c r="GKH649" s="613"/>
      <c r="GKI649" s="613"/>
      <c r="GKJ649" s="613"/>
      <c r="GKK649" s="613"/>
      <c r="GKL649" s="613"/>
      <c r="GKM649" s="613"/>
      <c r="GKN649" s="613"/>
      <c r="GKO649" s="613"/>
      <c r="GKP649" s="613"/>
      <c r="GKQ649" s="613"/>
      <c r="GKR649" s="613"/>
      <c r="GKS649" s="613"/>
      <c r="GKT649" s="613"/>
      <c r="GKU649" s="613"/>
      <c r="GKV649" s="613"/>
      <c r="GKW649" s="613"/>
      <c r="GKX649" s="613"/>
      <c r="GKY649" s="613"/>
      <c r="GKZ649" s="613"/>
      <c r="GLA649" s="613"/>
      <c r="GLB649" s="613"/>
      <c r="GLC649" s="613"/>
      <c r="GLD649" s="613"/>
      <c r="GLE649" s="613"/>
      <c r="GLF649" s="613"/>
      <c r="GLG649" s="613"/>
      <c r="GLH649" s="613"/>
      <c r="GLI649" s="613"/>
      <c r="GLJ649" s="613"/>
      <c r="GLK649" s="613"/>
      <c r="GLL649" s="613"/>
      <c r="GLM649" s="613"/>
      <c r="GLN649" s="613"/>
      <c r="GLO649" s="613"/>
      <c r="GLP649" s="613"/>
      <c r="GLQ649" s="613"/>
      <c r="GLR649" s="613"/>
      <c r="GLS649" s="613"/>
      <c r="GLT649" s="613"/>
      <c r="GLU649" s="613"/>
      <c r="GLV649" s="613"/>
      <c r="GLW649" s="613"/>
      <c r="GLX649" s="613"/>
      <c r="GLY649" s="613"/>
      <c r="GLZ649" s="613"/>
      <c r="GMA649" s="613"/>
      <c r="GMB649" s="613"/>
      <c r="GMC649" s="613"/>
      <c r="GMD649" s="613"/>
      <c r="GME649" s="613"/>
      <c r="GMF649" s="613"/>
      <c r="GMG649" s="613"/>
      <c r="GMH649" s="613"/>
      <c r="GMI649" s="613"/>
      <c r="GMJ649" s="613"/>
      <c r="GMK649" s="613"/>
      <c r="GML649" s="613"/>
      <c r="GMM649" s="613"/>
      <c r="GMN649" s="613"/>
      <c r="GMO649" s="613"/>
      <c r="GMP649" s="613"/>
      <c r="GMQ649" s="613"/>
      <c r="GMR649" s="613"/>
      <c r="GMS649" s="613"/>
      <c r="GMT649" s="613"/>
      <c r="GMU649" s="613"/>
      <c r="GMV649" s="613"/>
      <c r="GMW649" s="613"/>
      <c r="GMX649" s="613"/>
      <c r="GMY649" s="613"/>
      <c r="GMZ649" s="613"/>
      <c r="GNA649" s="613"/>
      <c r="GNB649" s="613"/>
      <c r="GNC649" s="613"/>
      <c r="GND649" s="613"/>
      <c r="GNE649" s="613"/>
      <c r="GNF649" s="613"/>
      <c r="GNG649" s="613"/>
      <c r="GNH649" s="613"/>
      <c r="GNI649" s="613"/>
      <c r="GNJ649" s="613"/>
      <c r="GNK649" s="613"/>
      <c r="GNL649" s="613"/>
      <c r="GNM649" s="613"/>
      <c r="GNN649" s="613"/>
      <c r="GNO649" s="613"/>
      <c r="GNP649" s="613"/>
      <c r="GNQ649" s="613"/>
      <c r="GNR649" s="613"/>
      <c r="GNS649" s="613"/>
      <c r="GNT649" s="613"/>
      <c r="GNU649" s="613"/>
      <c r="GNV649" s="613"/>
      <c r="GNW649" s="613"/>
      <c r="GNX649" s="613"/>
      <c r="GNY649" s="613"/>
      <c r="GNZ649" s="613"/>
      <c r="GOA649" s="613"/>
      <c r="GOB649" s="613"/>
      <c r="GOC649" s="613"/>
      <c r="GOD649" s="613"/>
      <c r="GOE649" s="613"/>
      <c r="GOF649" s="613"/>
      <c r="GOG649" s="613"/>
      <c r="GOH649" s="613"/>
      <c r="GOI649" s="613"/>
      <c r="GOJ649" s="613"/>
      <c r="GOK649" s="613"/>
      <c r="GOL649" s="613"/>
      <c r="GOM649" s="613"/>
      <c r="GON649" s="613"/>
      <c r="GOO649" s="613"/>
      <c r="GOP649" s="613"/>
      <c r="GOQ649" s="613"/>
      <c r="GOR649" s="613"/>
      <c r="GOS649" s="613"/>
      <c r="GOT649" s="613"/>
      <c r="GOU649" s="613"/>
      <c r="GOV649" s="613"/>
      <c r="GOW649" s="613"/>
      <c r="GOX649" s="613"/>
      <c r="GOY649" s="613"/>
      <c r="GOZ649" s="613"/>
      <c r="GPA649" s="613"/>
      <c r="GPB649" s="613"/>
      <c r="GPC649" s="613"/>
      <c r="GPD649" s="613"/>
      <c r="GPE649" s="613"/>
      <c r="GPF649" s="613"/>
      <c r="GPG649" s="613"/>
      <c r="GPH649" s="613"/>
      <c r="GPI649" s="613"/>
      <c r="GPJ649" s="613"/>
      <c r="GPK649" s="613"/>
      <c r="GPL649" s="613"/>
      <c r="GPM649" s="613"/>
      <c r="GPN649" s="613"/>
      <c r="GPO649" s="613"/>
      <c r="GPP649" s="613"/>
      <c r="GPQ649" s="613"/>
      <c r="GPR649" s="613"/>
      <c r="GPS649" s="613"/>
      <c r="GPT649" s="613"/>
      <c r="GPU649" s="613"/>
      <c r="GPV649" s="613"/>
      <c r="GPW649" s="613"/>
      <c r="GPX649" s="613"/>
      <c r="GPY649" s="613"/>
      <c r="GPZ649" s="613"/>
      <c r="GQA649" s="613"/>
      <c r="GQB649" s="613"/>
      <c r="GQC649" s="613"/>
      <c r="GQD649" s="613"/>
      <c r="GQE649" s="613"/>
      <c r="GQF649" s="613"/>
      <c r="GQG649" s="613"/>
      <c r="GQH649" s="613"/>
      <c r="GQI649" s="613"/>
      <c r="GQJ649" s="613"/>
      <c r="GQK649" s="613"/>
      <c r="GQL649" s="613"/>
      <c r="GQM649" s="613"/>
      <c r="GQN649" s="613"/>
      <c r="GQO649" s="613"/>
      <c r="GQP649" s="613"/>
      <c r="GQQ649" s="613"/>
      <c r="GQR649" s="613"/>
      <c r="GQS649" s="613"/>
      <c r="GQT649" s="613"/>
      <c r="GQU649" s="613"/>
      <c r="GQV649" s="613"/>
      <c r="GQW649" s="613"/>
      <c r="GQX649" s="613"/>
      <c r="GQY649" s="613"/>
      <c r="GQZ649" s="613"/>
      <c r="GRA649" s="613"/>
      <c r="GRB649" s="613"/>
      <c r="GRC649" s="613"/>
      <c r="GRD649" s="613"/>
      <c r="GRE649" s="613"/>
      <c r="GRF649" s="613"/>
      <c r="GRG649" s="613"/>
      <c r="GRH649" s="613"/>
      <c r="GRI649" s="613"/>
      <c r="GRJ649" s="613"/>
      <c r="GRK649" s="613"/>
      <c r="GRL649" s="613"/>
      <c r="GRM649" s="613"/>
      <c r="GRN649" s="613"/>
      <c r="GRO649" s="613"/>
      <c r="GRP649" s="613"/>
      <c r="GRQ649" s="613"/>
      <c r="GRR649" s="613"/>
      <c r="GRS649" s="613"/>
      <c r="GRT649" s="613"/>
      <c r="GRU649" s="613"/>
      <c r="GRV649" s="613"/>
      <c r="GRW649" s="613"/>
      <c r="GRX649" s="613"/>
      <c r="GRY649" s="613"/>
      <c r="GRZ649" s="613"/>
      <c r="GSA649" s="613"/>
      <c r="GSB649" s="613"/>
      <c r="GSC649" s="613"/>
      <c r="GSD649" s="613"/>
      <c r="GSE649" s="613"/>
      <c r="GSF649" s="613"/>
      <c r="GSG649" s="613"/>
      <c r="GSH649" s="613"/>
      <c r="GSI649" s="613"/>
      <c r="GSJ649" s="613"/>
      <c r="GSK649" s="613"/>
      <c r="GSL649" s="613"/>
      <c r="GSM649" s="613"/>
      <c r="GSN649" s="613"/>
      <c r="GSO649" s="613"/>
      <c r="GSP649" s="613"/>
      <c r="GSQ649" s="613"/>
      <c r="GSR649" s="613"/>
      <c r="GSS649" s="613"/>
      <c r="GST649" s="613"/>
      <c r="GSU649" s="613"/>
      <c r="GSV649" s="613"/>
      <c r="GSW649" s="613"/>
      <c r="GSX649" s="613"/>
      <c r="GSY649" s="613"/>
      <c r="GSZ649" s="613"/>
      <c r="GTA649" s="613"/>
      <c r="GTB649" s="613"/>
      <c r="GTC649" s="613"/>
      <c r="GTD649" s="613"/>
      <c r="GTE649" s="613"/>
      <c r="GTF649" s="613"/>
      <c r="GTG649" s="613"/>
      <c r="GTH649" s="613"/>
      <c r="GTI649" s="613"/>
      <c r="GTJ649" s="613"/>
      <c r="GTK649" s="613"/>
      <c r="GTL649" s="613"/>
      <c r="GTM649" s="613"/>
      <c r="GTN649" s="613"/>
      <c r="GTO649" s="613"/>
      <c r="GTP649" s="613"/>
      <c r="GTQ649" s="613"/>
      <c r="GTR649" s="613"/>
      <c r="GTS649" s="613"/>
      <c r="GTT649" s="613"/>
      <c r="GTU649" s="613"/>
      <c r="GTV649" s="613"/>
      <c r="GTW649" s="613"/>
      <c r="GTX649" s="613"/>
      <c r="GTY649" s="613"/>
      <c r="GTZ649" s="613"/>
      <c r="GUA649" s="613"/>
      <c r="GUB649" s="613"/>
      <c r="GUC649" s="613"/>
      <c r="GUD649" s="613"/>
      <c r="GUE649" s="613"/>
      <c r="GUF649" s="613"/>
      <c r="GUG649" s="613"/>
      <c r="GUH649" s="613"/>
      <c r="GUI649" s="613"/>
      <c r="GUJ649" s="613"/>
      <c r="GUK649" s="613"/>
      <c r="GUL649" s="613"/>
      <c r="GUM649" s="613"/>
      <c r="GUN649" s="613"/>
      <c r="GUO649" s="613"/>
      <c r="GUP649" s="613"/>
      <c r="GUQ649" s="613"/>
      <c r="GUR649" s="613"/>
      <c r="GUS649" s="613"/>
      <c r="GUT649" s="613"/>
      <c r="GUU649" s="613"/>
      <c r="GUV649" s="613"/>
      <c r="GUW649" s="613"/>
      <c r="GUX649" s="613"/>
      <c r="GUY649" s="613"/>
      <c r="GUZ649" s="613"/>
      <c r="GVA649" s="613"/>
      <c r="GVB649" s="613"/>
      <c r="GVC649" s="613"/>
      <c r="GVD649" s="613"/>
      <c r="GVE649" s="613"/>
      <c r="GVF649" s="613"/>
      <c r="GVG649" s="613"/>
      <c r="GVH649" s="613"/>
      <c r="GVI649" s="613"/>
      <c r="GVJ649" s="613"/>
      <c r="GVK649" s="613"/>
      <c r="GVL649" s="613"/>
      <c r="GVM649" s="613"/>
      <c r="GVN649" s="613"/>
      <c r="GVO649" s="613"/>
      <c r="GVP649" s="613"/>
      <c r="GVQ649" s="613"/>
      <c r="GVR649" s="613"/>
      <c r="GVS649" s="613"/>
      <c r="GVT649" s="613"/>
      <c r="GVU649" s="613"/>
      <c r="GVV649" s="613"/>
      <c r="GVW649" s="613"/>
      <c r="GVX649" s="613"/>
      <c r="GVY649" s="613"/>
      <c r="GVZ649" s="613"/>
      <c r="GWA649" s="613"/>
      <c r="GWB649" s="613"/>
      <c r="GWC649" s="613"/>
      <c r="GWD649" s="613"/>
      <c r="GWE649" s="613"/>
      <c r="GWF649" s="613"/>
      <c r="GWG649" s="613"/>
      <c r="GWH649" s="613"/>
      <c r="GWI649" s="613"/>
      <c r="GWJ649" s="613"/>
      <c r="GWK649" s="613"/>
      <c r="GWL649" s="613"/>
      <c r="GWM649" s="613"/>
      <c r="GWN649" s="613"/>
      <c r="GWO649" s="613"/>
      <c r="GWP649" s="613"/>
      <c r="GWQ649" s="613"/>
      <c r="GWR649" s="613"/>
      <c r="GWS649" s="613"/>
      <c r="GWT649" s="613"/>
      <c r="GWU649" s="613"/>
      <c r="GWV649" s="613"/>
      <c r="GWW649" s="613"/>
      <c r="GWX649" s="613"/>
      <c r="GWY649" s="613"/>
      <c r="GWZ649" s="613"/>
      <c r="GXA649" s="613"/>
      <c r="GXB649" s="613"/>
      <c r="GXC649" s="613"/>
      <c r="GXD649" s="613"/>
      <c r="GXE649" s="613"/>
      <c r="GXF649" s="613"/>
      <c r="GXG649" s="613"/>
      <c r="GXH649" s="613"/>
      <c r="GXI649" s="613"/>
      <c r="GXJ649" s="613"/>
      <c r="GXK649" s="613"/>
      <c r="GXL649" s="613"/>
      <c r="GXM649" s="613"/>
      <c r="GXN649" s="613"/>
      <c r="GXO649" s="613"/>
      <c r="GXP649" s="613"/>
      <c r="GXQ649" s="613"/>
      <c r="GXR649" s="613"/>
      <c r="GXS649" s="613"/>
      <c r="GXT649" s="613"/>
      <c r="GXU649" s="613"/>
      <c r="GXV649" s="613"/>
      <c r="GXW649" s="613"/>
      <c r="GXX649" s="613"/>
      <c r="GXY649" s="613"/>
      <c r="GXZ649" s="613"/>
      <c r="GYA649" s="613"/>
      <c r="GYB649" s="613"/>
      <c r="GYC649" s="613"/>
      <c r="GYD649" s="613"/>
      <c r="GYE649" s="613"/>
      <c r="GYF649" s="613"/>
      <c r="GYG649" s="613"/>
      <c r="GYH649" s="613"/>
      <c r="GYI649" s="613"/>
      <c r="GYJ649" s="613"/>
      <c r="GYK649" s="613"/>
      <c r="GYL649" s="613"/>
      <c r="GYM649" s="613"/>
      <c r="GYN649" s="613"/>
      <c r="GYO649" s="613"/>
      <c r="GYP649" s="613"/>
      <c r="GYQ649" s="613"/>
      <c r="GYR649" s="613"/>
      <c r="GYS649" s="613"/>
      <c r="GYT649" s="613"/>
      <c r="GYU649" s="613"/>
      <c r="GYV649" s="613"/>
      <c r="GYW649" s="613"/>
      <c r="GYX649" s="613"/>
      <c r="GYY649" s="613"/>
      <c r="GYZ649" s="613"/>
      <c r="GZA649" s="613"/>
      <c r="GZB649" s="613"/>
      <c r="GZC649" s="613"/>
      <c r="GZD649" s="613"/>
      <c r="GZE649" s="613"/>
      <c r="GZF649" s="613"/>
      <c r="GZG649" s="613"/>
      <c r="GZH649" s="613"/>
      <c r="GZI649" s="613"/>
      <c r="GZJ649" s="613"/>
      <c r="GZK649" s="613"/>
      <c r="GZL649" s="613"/>
      <c r="GZM649" s="613"/>
      <c r="GZN649" s="613"/>
      <c r="GZO649" s="613"/>
      <c r="GZP649" s="613"/>
      <c r="GZQ649" s="613"/>
      <c r="GZR649" s="613"/>
      <c r="GZS649" s="613"/>
      <c r="GZT649" s="613"/>
      <c r="GZU649" s="613"/>
      <c r="GZV649" s="613"/>
      <c r="GZW649" s="613"/>
      <c r="GZX649" s="613"/>
      <c r="GZY649" s="613"/>
      <c r="GZZ649" s="613"/>
      <c r="HAA649" s="613"/>
      <c r="HAB649" s="613"/>
      <c r="HAC649" s="613"/>
      <c r="HAD649" s="613"/>
      <c r="HAE649" s="613"/>
      <c r="HAF649" s="613"/>
      <c r="HAG649" s="613"/>
      <c r="HAH649" s="613"/>
      <c r="HAI649" s="613"/>
      <c r="HAJ649" s="613"/>
      <c r="HAK649" s="613"/>
      <c r="HAL649" s="613"/>
      <c r="HAM649" s="613"/>
      <c r="HAN649" s="613"/>
      <c r="HAO649" s="613"/>
      <c r="HAP649" s="613"/>
      <c r="HAQ649" s="613"/>
      <c r="HAR649" s="613"/>
      <c r="HAS649" s="613"/>
      <c r="HAT649" s="613"/>
      <c r="HAU649" s="613"/>
      <c r="HAV649" s="613"/>
      <c r="HAW649" s="613"/>
      <c r="HAX649" s="613"/>
      <c r="HAY649" s="613"/>
      <c r="HAZ649" s="613"/>
      <c r="HBA649" s="613"/>
      <c r="HBB649" s="613"/>
      <c r="HBC649" s="613"/>
      <c r="HBD649" s="613"/>
      <c r="HBE649" s="613"/>
      <c r="HBF649" s="613"/>
      <c r="HBG649" s="613"/>
      <c r="HBH649" s="613"/>
      <c r="HBI649" s="613"/>
      <c r="HBJ649" s="613"/>
      <c r="HBK649" s="613"/>
      <c r="HBL649" s="613"/>
      <c r="HBM649" s="613"/>
      <c r="HBN649" s="613"/>
      <c r="HBO649" s="613"/>
      <c r="HBP649" s="613"/>
      <c r="HBQ649" s="613"/>
      <c r="HBR649" s="613"/>
      <c r="HBS649" s="613"/>
      <c r="HBT649" s="613"/>
      <c r="HBU649" s="613"/>
      <c r="HBV649" s="613"/>
      <c r="HBW649" s="613"/>
      <c r="HBX649" s="613"/>
      <c r="HBY649" s="613"/>
      <c r="HBZ649" s="613"/>
      <c r="HCA649" s="613"/>
      <c r="HCB649" s="613"/>
      <c r="HCC649" s="613"/>
      <c r="HCD649" s="613"/>
      <c r="HCE649" s="613"/>
      <c r="HCF649" s="613"/>
      <c r="HCG649" s="613"/>
      <c r="HCH649" s="613"/>
      <c r="HCI649" s="613"/>
      <c r="HCJ649" s="613"/>
      <c r="HCK649" s="613"/>
      <c r="HCL649" s="613"/>
      <c r="HCM649" s="613"/>
      <c r="HCN649" s="613"/>
      <c r="HCO649" s="613"/>
      <c r="HCP649" s="613"/>
      <c r="HCQ649" s="613"/>
      <c r="HCR649" s="613"/>
      <c r="HCS649" s="613"/>
      <c r="HCT649" s="613"/>
      <c r="HCU649" s="613"/>
      <c r="HCV649" s="613"/>
      <c r="HCW649" s="613"/>
      <c r="HCX649" s="613"/>
      <c r="HCY649" s="613"/>
      <c r="HCZ649" s="613"/>
      <c r="HDA649" s="613"/>
      <c r="HDB649" s="613"/>
      <c r="HDC649" s="613"/>
      <c r="HDD649" s="613"/>
      <c r="HDE649" s="613"/>
      <c r="HDF649" s="613"/>
      <c r="HDG649" s="613"/>
      <c r="HDH649" s="613"/>
      <c r="HDI649" s="613"/>
      <c r="HDJ649" s="613"/>
      <c r="HDK649" s="613"/>
      <c r="HDL649" s="613"/>
      <c r="HDM649" s="613"/>
      <c r="HDN649" s="613"/>
      <c r="HDO649" s="613"/>
      <c r="HDP649" s="613"/>
      <c r="HDQ649" s="613"/>
      <c r="HDR649" s="613"/>
      <c r="HDS649" s="613"/>
      <c r="HDT649" s="613"/>
      <c r="HDU649" s="613"/>
      <c r="HDV649" s="613"/>
      <c r="HDW649" s="613"/>
      <c r="HDX649" s="613"/>
      <c r="HDY649" s="613"/>
      <c r="HDZ649" s="613"/>
      <c r="HEA649" s="613"/>
      <c r="HEB649" s="613"/>
      <c r="HEC649" s="613"/>
      <c r="HED649" s="613"/>
      <c r="HEE649" s="613"/>
      <c r="HEF649" s="613"/>
      <c r="HEG649" s="613"/>
      <c r="HEH649" s="613"/>
      <c r="HEI649" s="613"/>
      <c r="HEJ649" s="613"/>
      <c r="HEK649" s="613"/>
      <c r="HEL649" s="613"/>
      <c r="HEM649" s="613"/>
      <c r="HEN649" s="613"/>
      <c r="HEO649" s="613"/>
      <c r="HEP649" s="613"/>
      <c r="HEQ649" s="613"/>
      <c r="HER649" s="613"/>
      <c r="HES649" s="613"/>
      <c r="HET649" s="613"/>
      <c r="HEU649" s="613"/>
      <c r="HEV649" s="613"/>
      <c r="HEW649" s="613"/>
      <c r="HEX649" s="613"/>
      <c r="HEY649" s="613"/>
      <c r="HEZ649" s="613"/>
      <c r="HFA649" s="613"/>
      <c r="HFB649" s="613"/>
      <c r="HFC649" s="613"/>
      <c r="HFD649" s="613"/>
      <c r="HFE649" s="613"/>
      <c r="HFF649" s="613"/>
      <c r="HFG649" s="613"/>
      <c r="HFH649" s="613"/>
      <c r="HFI649" s="613"/>
      <c r="HFJ649" s="613"/>
      <c r="HFK649" s="613"/>
      <c r="HFL649" s="613"/>
      <c r="HFM649" s="613"/>
      <c r="HFN649" s="613"/>
      <c r="HFO649" s="613"/>
      <c r="HFP649" s="613"/>
      <c r="HFQ649" s="613"/>
      <c r="HFR649" s="613"/>
      <c r="HFS649" s="613"/>
      <c r="HFT649" s="613"/>
      <c r="HFU649" s="613"/>
      <c r="HFV649" s="613"/>
      <c r="HFW649" s="613"/>
      <c r="HFX649" s="613"/>
      <c r="HFY649" s="613"/>
      <c r="HFZ649" s="613"/>
      <c r="HGA649" s="613"/>
      <c r="HGB649" s="613"/>
      <c r="HGC649" s="613"/>
      <c r="HGD649" s="613"/>
      <c r="HGE649" s="613"/>
      <c r="HGF649" s="613"/>
      <c r="HGG649" s="613"/>
      <c r="HGH649" s="613"/>
      <c r="HGI649" s="613"/>
      <c r="HGJ649" s="613"/>
      <c r="HGK649" s="613"/>
      <c r="HGL649" s="613"/>
      <c r="HGM649" s="613"/>
      <c r="HGN649" s="613"/>
      <c r="HGO649" s="613"/>
      <c r="HGP649" s="613"/>
      <c r="HGQ649" s="613"/>
      <c r="HGR649" s="613"/>
      <c r="HGS649" s="613"/>
      <c r="HGT649" s="613"/>
      <c r="HGU649" s="613"/>
      <c r="HGV649" s="613"/>
      <c r="HGW649" s="613"/>
      <c r="HGX649" s="613"/>
      <c r="HGY649" s="613"/>
      <c r="HGZ649" s="613"/>
      <c r="HHA649" s="613"/>
      <c r="HHB649" s="613"/>
      <c r="HHC649" s="613"/>
      <c r="HHD649" s="613"/>
      <c r="HHE649" s="613"/>
      <c r="HHF649" s="613"/>
      <c r="HHG649" s="613"/>
      <c r="HHH649" s="613"/>
      <c r="HHI649" s="613"/>
      <c r="HHJ649" s="613"/>
      <c r="HHK649" s="613"/>
      <c r="HHL649" s="613"/>
      <c r="HHM649" s="613"/>
      <c r="HHN649" s="613"/>
      <c r="HHO649" s="613"/>
      <c r="HHP649" s="613"/>
      <c r="HHQ649" s="613"/>
      <c r="HHR649" s="613"/>
      <c r="HHS649" s="613"/>
      <c r="HHT649" s="613"/>
      <c r="HHU649" s="613"/>
      <c r="HHV649" s="613"/>
      <c r="HHW649" s="613"/>
      <c r="HHX649" s="613"/>
      <c r="HHY649" s="613"/>
      <c r="HHZ649" s="613"/>
      <c r="HIA649" s="613"/>
      <c r="HIB649" s="613"/>
      <c r="HIC649" s="613"/>
      <c r="HID649" s="613"/>
      <c r="HIE649" s="613"/>
      <c r="HIF649" s="613"/>
      <c r="HIG649" s="613"/>
      <c r="HIH649" s="613"/>
      <c r="HII649" s="613"/>
      <c r="HIJ649" s="613"/>
      <c r="HIK649" s="613"/>
      <c r="HIL649" s="613"/>
      <c r="HIM649" s="613"/>
      <c r="HIN649" s="613"/>
      <c r="HIO649" s="613"/>
      <c r="HIP649" s="613"/>
      <c r="HIQ649" s="613"/>
      <c r="HIR649" s="613"/>
      <c r="HIS649" s="613"/>
      <c r="HIT649" s="613"/>
      <c r="HIU649" s="613"/>
      <c r="HIV649" s="613"/>
      <c r="HIW649" s="613"/>
      <c r="HIX649" s="613"/>
      <c r="HIY649" s="613"/>
      <c r="HIZ649" s="613"/>
      <c r="HJA649" s="613"/>
      <c r="HJB649" s="613"/>
      <c r="HJC649" s="613"/>
      <c r="HJD649" s="613"/>
      <c r="HJE649" s="613"/>
      <c r="HJF649" s="613"/>
      <c r="HJG649" s="613"/>
      <c r="HJH649" s="613"/>
      <c r="HJI649" s="613"/>
      <c r="HJJ649" s="613"/>
      <c r="HJK649" s="613"/>
      <c r="HJL649" s="613"/>
      <c r="HJM649" s="613"/>
      <c r="HJN649" s="613"/>
      <c r="HJO649" s="613"/>
      <c r="HJP649" s="613"/>
      <c r="HJQ649" s="613"/>
      <c r="HJR649" s="613"/>
      <c r="HJS649" s="613"/>
      <c r="HJT649" s="613"/>
      <c r="HJU649" s="613"/>
      <c r="HJV649" s="613"/>
      <c r="HJW649" s="613"/>
      <c r="HJX649" s="613"/>
      <c r="HJY649" s="613"/>
      <c r="HJZ649" s="613"/>
      <c r="HKA649" s="613"/>
      <c r="HKB649" s="613"/>
      <c r="HKC649" s="613"/>
      <c r="HKD649" s="613"/>
      <c r="HKE649" s="613"/>
      <c r="HKF649" s="613"/>
      <c r="HKG649" s="613"/>
      <c r="HKH649" s="613"/>
      <c r="HKI649" s="613"/>
      <c r="HKJ649" s="613"/>
      <c r="HKK649" s="613"/>
      <c r="HKL649" s="613"/>
      <c r="HKM649" s="613"/>
      <c r="HKN649" s="613"/>
      <c r="HKO649" s="613"/>
      <c r="HKP649" s="613"/>
      <c r="HKQ649" s="613"/>
      <c r="HKR649" s="613"/>
      <c r="HKS649" s="613"/>
      <c r="HKT649" s="613"/>
      <c r="HKU649" s="613"/>
      <c r="HKV649" s="613"/>
      <c r="HKW649" s="613"/>
      <c r="HKX649" s="613"/>
      <c r="HKY649" s="613"/>
      <c r="HKZ649" s="613"/>
      <c r="HLA649" s="613"/>
      <c r="HLB649" s="613"/>
      <c r="HLC649" s="613"/>
      <c r="HLD649" s="613"/>
      <c r="HLE649" s="613"/>
      <c r="HLF649" s="613"/>
      <c r="HLG649" s="613"/>
      <c r="HLH649" s="613"/>
      <c r="HLI649" s="613"/>
      <c r="HLJ649" s="613"/>
      <c r="HLK649" s="613"/>
      <c r="HLL649" s="613"/>
      <c r="HLM649" s="613"/>
      <c r="HLN649" s="613"/>
      <c r="HLO649" s="613"/>
      <c r="HLP649" s="613"/>
      <c r="HLQ649" s="613"/>
      <c r="HLR649" s="613"/>
      <c r="HLS649" s="613"/>
      <c r="HLT649" s="613"/>
      <c r="HLU649" s="613"/>
      <c r="HLV649" s="613"/>
      <c r="HLW649" s="613"/>
      <c r="HLX649" s="613"/>
      <c r="HLY649" s="613"/>
      <c r="HLZ649" s="613"/>
      <c r="HMA649" s="613"/>
      <c r="HMB649" s="613"/>
      <c r="HMC649" s="613"/>
      <c r="HMD649" s="613"/>
      <c r="HME649" s="613"/>
      <c r="HMF649" s="613"/>
      <c r="HMG649" s="613"/>
      <c r="HMH649" s="613"/>
      <c r="HMI649" s="613"/>
      <c r="HMJ649" s="613"/>
      <c r="HMK649" s="613"/>
      <c r="HML649" s="613"/>
      <c r="HMM649" s="613"/>
      <c r="HMN649" s="613"/>
      <c r="HMO649" s="613"/>
      <c r="HMP649" s="613"/>
      <c r="HMQ649" s="613"/>
      <c r="HMR649" s="613"/>
      <c r="HMS649" s="613"/>
      <c r="HMT649" s="613"/>
      <c r="HMU649" s="613"/>
      <c r="HMV649" s="613"/>
      <c r="HMW649" s="613"/>
      <c r="HMX649" s="613"/>
      <c r="HMY649" s="613"/>
      <c r="HMZ649" s="613"/>
      <c r="HNA649" s="613"/>
      <c r="HNB649" s="613"/>
      <c r="HNC649" s="613"/>
      <c r="HND649" s="613"/>
      <c r="HNE649" s="613"/>
      <c r="HNF649" s="613"/>
      <c r="HNG649" s="613"/>
      <c r="HNH649" s="613"/>
      <c r="HNI649" s="613"/>
      <c r="HNJ649" s="613"/>
      <c r="HNK649" s="613"/>
      <c r="HNL649" s="613"/>
      <c r="HNM649" s="613"/>
      <c r="HNN649" s="613"/>
      <c r="HNO649" s="613"/>
      <c r="HNP649" s="613"/>
      <c r="HNQ649" s="613"/>
      <c r="HNR649" s="613"/>
      <c r="HNS649" s="613"/>
      <c r="HNT649" s="613"/>
      <c r="HNU649" s="613"/>
      <c r="HNV649" s="613"/>
      <c r="HNW649" s="613"/>
      <c r="HNX649" s="613"/>
      <c r="HNY649" s="613"/>
      <c r="HNZ649" s="613"/>
      <c r="HOA649" s="613"/>
      <c r="HOB649" s="613"/>
      <c r="HOC649" s="613"/>
      <c r="HOD649" s="613"/>
      <c r="HOE649" s="613"/>
      <c r="HOF649" s="613"/>
      <c r="HOG649" s="613"/>
      <c r="HOH649" s="613"/>
      <c r="HOI649" s="613"/>
      <c r="HOJ649" s="613"/>
      <c r="HOK649" s="613"/>
      <c r="HOL649" s="613"/>
      <c r="HOM649" s="613"/>
      <c r="HON649" s="613"/>
      <c r="HOO649" s="613"/>
      <c r="HOP649" s="613"/>
      <c r="HOQ649" s="613"/>
      <c r="HOR649" s="613"/>
      <c r="HOS649" s="613"/>
      <c r="HOT649" s="613"/>
      <c r="HOU649" s="613"/>
      <c r="HOV649" s="613"/>
      <c r="HOW649" s="613"/>
      <c r="HOX649" s="613"/>
      <c r="HOY649" s="613"/>
      <c r="HOZ649" s="613"/>
      <c r="HPA649" s="613"/>
      <c r="HPB649" s="613"/>
      <c r="HPC649" s="613"/>
      <c r="HPD649" s="613"/>
      <c r="HPE649" s="613"/>
      <c r="HPF649" s="613"/>
      <c r="HPG649" s="613"/>
      <c r="HPH649" s="613"/>
      <c r="HPI649" s="613"/>
      <c r="HPJ649" s="613"/>
      <c r="HPK649" s="613"/>
      <c r="HPL649" s="613"/>
      <c r="HPM649" s="613"/>
      <c r="HPN649" s="613"/>
      <c r="HPO649" s="613"/>
      <c r="HPP649" s="613"/>
      <c r="HPQ649" s="613"/>
      <c r="HPR649" s="613"/>
      <c r="HPS649" s="613"/>
      <c r="HPT649" s="613"/>
      <c r="HPU649" s="613"/>
      <c r="HPV649" s="613"/>
      <c r="HPW649" s="613"/>
      <c r="HPX649" s="613"/>
      <c r="HPY649" s="613"/>
      <c r="HPZ649" s="613"/>
      <c r="HQA649" s="613"/>
      <c r="HQB649" s="613"/>
      <c r="HQC649" s="613"/>
      <c r="HQD649" s="613"/>
      <c r="HQE649" s="613"/>
      <c r="HQF649" s="613"/>
      <c r="HQG649" s="613"/>
      <c r="HQH649" s="613"/>
      <c r="HQI649" s="613"/>
      <c r="HQJ649" s="613"/>
      <c r="HQK649" s="613"/>
      <c r="HQL649" s="613"/>
      <c r="HQM649" s="613"/>
      <c r="HQN649" s="613"/>
      <c r="HQO649" s="613"/>
      <c r="HQP649" s="613"/>
      <c r="HQQ649" s="613"/>
      <c r="HQR649" s="613"/>
      <c r="HQS649" s="613"/>
      <c r="HQT649" s="613"/>
      <c r="HQU649" s="613"/>
      <c r="HQV649" s="613"/>
      <c r="HQW649" s="613"/>
      <c r="HQX649" s="613"/>
      <c r="HQY649" s="613"/>
      <c r="HQZ649" s="613"/>
      <c r="HRA649" s="613"/>
      <c r="HRB649" s="613"/>
      <c r="HRC649" s="613"/>
      <c r="HRD649" s="613"/>
      <c r="HRE649" s="613"/>
      <c r="HRF649" s="613"/>
      <c r="HRG649" s="613"/>
      <c r="HRH649" s="613"/>
      <c r="HRI649" s="613"/>
      <c r="HRJ649" s="613"/>
      <c r="HRK649" s="613"/>
      <c r="HRL649" s="613"/>
      <c r="HRM649" s="613"/>
      <c r="HRN649" s="613"/>
      <c r="HRO649" s="613"/>
      <c r="HRP649" s="613"/>
      <c r="HRQ649" s="613"/>
      <c r="HRR649" s="613"/>
      <c r="HRS649" s="613"/>
      <c r="HRT649" s="613"/>
      <c r="HRU649" s="613"/>
      <c r="HRV649" s="613"/>
      <c r="HRW649" s="613"/>
      <c r="HRX649" s="613"/>
      <c r="HRY649" s="613"/>
      <c r="HRZ649" s="613"/>
      <c r="HSA649" s="613"/>
      <c r="HSB649" s="613"/>
      <c r="HSC649" s="613"/>
      <c r="HSD649" s="613"/>
      <c r="HSE649" s="613"/>
      <c r="HSF649" s="613"/>
      <c r="HSG649" s="613"/>
      <c r="HSH649" s="613"/>
      <c r="HSI649" s="613"/>
      <c r="HSJ649" s="613"/>
      <c r="HSK649" s="613"/>
      <c r="HSL649" s="613"/>
      <c r="HSM649" s="613"/>
      <c r="HSN649" s="613"/>
      <c r="HSO649" s="613"/>
      <c r="HSP649" s="613"/>
      <c r="HSQ649" s="613"/>
      <c r="HSR649" s="613"/>
      <c r="HSS649" s="613"/>
      <c r="HST649" s="613"/>
      <c r="HSU649" s="613"/>
      <c r="HSV649" s="613"/>
      <c r="HSW649" s="613"/>
      <c r="HSX649" s="613"/>
      <c r="HSY649" s="613"/>
      <c r="HSZ649" s="613"/>
      <c r="HTA649" s="613"/>
      <c r="HTB649" s="613"/>
      <c r="HTC649" s="613"/>
      <c r="HTD649" s="613"/>
      <c r="HTE649" s="613"/>
      <c r="HTF649" s="613"/>
      <c r="HTG649" s="613"/>
      <c r="HTH649" s="613"/>
      <c r="HTI649" s="613"/>
      <c r="HTJ649" s="613"/>
      <c r="HTK649" s="613"/>
      <c r="HTL649" s="613"/>
      <c r="HTM649" s="613"/>
      <c r="HTN649" s="613"/>
      <c r="HTO649" s="613"/>
      <c r="HTP649" s="613"/>
      <c r="HTQ649" s="613"/>
      <c r="HTR649" s="613"/>
      <c r="HTS649" s="613"/>
      <c r="HTT649" s="613"/>
      <c r="HTU649" s="613"/>
      <c r="HTV649" s="613"/>
      <c r="HTW649" s="613"/>
      <c r="HTX649" s="613"/>
      <c r="HTY649" s="613"/>
      <c r="HTZ649" s="613"/>
      <c r="HUA649" s="613"/>
      <c r="HUB649" s="613"/>
      <c r="HUC649" s="613"/>
      <c r="HUD649" s="613"/>
      <c r="HUE649" s="613"/>
      <c r="HUF649" s="613"/>
      <c r="HUG649" s="613"/>
      <c r="HUH649" s="613"/>
      <c r="HUI649" s="613"/>
      <c r="HUJ649" s="613"/>
      <c r="HUK649" s="613"/>
      <c r="HUL649" s="613"/>
      <c r="HUM649" s="613"/>
      <c r="HUN649" s="613"/>
      <c r="HUO649" s="613"/>
      <c r="HUP649" s="613"/>
      <c r="HUQ649" s="613"/>
      <c r="HUR649" s="613"/>
      <c r="HUS649" s="613"/>
      <c r="HUT649" s="613"/>
      <c r="HUU649" s="613"/>
      <c r="HUV649" s="613"/>
      <c r="HUW649" s="613"/>
      <c r="HUX649" s="613"/>
      <c r="HUY649" s="613"/>
      <c r="HUZ649" s="613"/>
      <c r="HVA649" s="613"/>
      <c r="HVB649" s="613"/>
      <c r="HVC649" s="613"/>
      <c r="HVD649" s="613"/>
      <c r="HVE649" s="613"/>
      <c r="HVF649" s="613"/>
      <c r="HVG649" s="613"/>
      <c r="HVH649" s="613"/>
      <c r="HVI649" s="613"/>
      <c r="HVJ649" s="613"/>
      <c r="HVK649" s="613"/>
      <c r="HVL649" s="613"/>
      <c r="HVM649" s="613"/>
      <c r="HVN649" s="613"/>
      <c r="HVO649" s="613"/>
      <c r="HVP649" s="613"/>
      <c r="HVQ649" s="613"/>
      <c r="HVR649" s="613"/>
      <c r="HVS649" s="613"/>
      <c r="HVT649" s="613"/>
      <c r="HVU649" s="613"/>
      <c r="HVV649" s="613"/>
      <c r="HVW649" s="613"/>
      <c r="HVX649" s="613"/>
      <c r="HVY649" s="613"/>
      <c r="HVZ649" s="613"/>
      <c r="HWA649" s="613"/>
      <c r="HWB649" s="613"/>
      <c r="HWC649" s="613"/>
      <c r="HWD649" s="613"/>
      <c r="HWE649" s="613"/>
      <c r="HWF649" s="613"/>
      <c r="HWG649" s="613"/>
      <c r="HWH649" s="613"/>
      <c r="HWI649" s="613"/>
      <c r="HWJ649" s="613"/>
      <c r="HWK649" s="613"/>
      <c r="HWL649" s="613"/>
      <c r="HWM649" s="613"/>
      <c r="HWN649" s="613"/>
      <c r="HWO649" s="613"/>
      <c r="HWP649" s="613"/>
      <c r="HWQ649" s="613"/>
      <c r="HWR649" s="613"/>
      <c r="HWS649" s="613"/>
      <c r="HWT649" s="613"/>
      <c r="HWU649" s="613"/>
      <c r="HWV649" s="613"/>
      <c r="HWW649" s="613"/>
      <c r="HWX649" s="613"/>
      <c r="HWY649" s="613"/>
      <c r="HWZ649" s="613"/>
      <c r="HXA649" s="613"/>
      <c r="HXB649" s="613"/>
      <c r="HXC649" s="613"/>
      <c r="HXD649" s="613"/>
      <c r="HXE649" s="613"/>
      <c r="HXF649" s="613"/>
      <c r="HXG649" s="613"/>
      <c r="HXH649" s="613"/>
      <c r="HXI649" s="613"/>
      <c r="HXJ649" s="613"/>
      <c r="HXK649" s="613"/>
      <c r="HXL649" s="613"/>
      <c r="HXM649" s="613"/>
      <c r="HXN649" s="613"/>
      <c r="HXO649" s="613"/>
      <c r="HXP649" s="613"/>
      <c r="HXQ649" s="613"/>
      <c r="HXR649" s="613"/>
      <c r="HXS649" s="613"/>
      <c r="HXT649" s="613"/>
      <c r="HXU649" s="613"/>
      <c r="HXV649" s="613"/>
      <c r="HXW649" s="613"/>
      <c r="HXX649" s="613"/>
      <c r="HXY649" s="613"/>
      <c r="HXZ649" s="613"/>
      <c r="HYA649" s="613"/>
      <c r="HYB649" s="613"/>
      <c r="HYC649" s="613"/>
      <c r="HYD649" s="613"/>
      <c r="HYE649" s="613"/>
      <c r="HYF649" s="613"/>
      <c r="HYG649" s="613"/>
      <c r="HYH649" s="613"/>
      <c r="HYI649" s="613"/>
      <c r="HYJ649" s="613"/>
      <c r="HYK649" s="613"/>
      <c r="HYL649" s="613"/>
      <c r="HYM649" s="613"/>
      <c r="HYN649" s="613"/>
      <c r="HYO649" s="613"/>
      <c r="HYP649" s="613"/>
      <c r="HYQ649" s="613"/>
      <c r="HYR649" s="613"/>
      <c r="HYS649" s="613"/>
      <c r="HYT649" s="613"/>
      <c r="HYU649" s="613"/>
      <c r="HYV649" s="613"/>
      <c r="HYW649" s="613"/>
      <c r="HYX649" s="613"/>
      <c r="HYY649" s="613"/>
      <c r="HYZ649" s="613"/>
      <c r="HZA649" s="613"/>
      <c r="HZB649" s="613"/>
      <c r="HZC649" s="613"/>
      <c r="HZD649" s="613"/>
      <c r="HZE649" s="613"/>
      <c r="HZF649" s="613"/>
      <c r="HZG649" s="613"/>
      <c r="HZH649" s="613"/>
      <c r="HZI649" s="613"/>
      <c r="HZJ649" s="613"/>
      <c r="HZK649" s="613"/>
      <c r="HZL649" s="613"/>
      <c r="HZM649" s="613"/>
      <c r="HZN649" s="613"/>
      <c r="HZO649" s="613"/>
      <c r="HZP649" s="613"/>
      <c r="HZQ649" s="613"/>
      <c r="HZR649" s="613"/>
      <c r="HZS649" s="613"/>
      <c r="HZT649" s="613"/>
      <c r="HZU649" s="613"/>
      <c r="HZV649" s="613"/>
      <c r="HZW649" s="613"/>
      <c r="HZX649" s="613"/>
      <c r="HZY649" s="613"/>
      <c r="HZZ649" s="613"/>
      <c r="IAA649" s="613"/>
      <c r="IAB649" s="613"/>
      <c r="IAC649" s="613"/>
      <c r="IAD649" s="613"/>
      <c r="IAE649" s="613"/>
      <c r="IAF649" s="613"/>
      <c r="IAG649" s="613"/>
      <c r="IAH649" s="613"/>
      <c r="IAI649" s="613"/>
      <c r="IAJ649" s="613"/>
      <c r="IAK649" s="613"/>
      <c r="IAL649" s="613"/>
      <c r="IAM649" s="613"/>
      <c r="IAN649" s="613"/>
      <c r="IAO649" s="613"/>
      <c r="IAP649" s="613"/>
      <c r="IAQ649" s="613"/>
      <c r="IAR649" s="613"/>
      <c r="IAS649" s="613"/>
      <c r="IAT649" s="613"/>
      <c r="IAU649" s="613"/>
      <c r="IAV649" s="613"/>
      <c r="IAW649" s="613"/>
      <c r="IAX649" s="613"/>
      <c r="IAY649" s="613"/>
      <c r="IAZ649" s="613"/>
      <c r="IBA649" s="613"/>
      <c r="IBB649" s="613"/>
      <c r="IBC649" s="613"/>
      <c r="IBD649" s="613"/>
      <c r="IBE649" s="613"/>
      <c r="IBF649" s="613"/>
      <c r="IBG649" s="613"/>
      <c r="IBH649" s="613"/>
      <c r="IBI649" s="613"/>
      <c r="IBJ649" s="613"/>
      <c r="IBK649" s="613"/>
      <c r="IBL649" s="613"/>
      <c r="IBM649" s="613"/>
      <c r="IBN649" s="613"/>
      <c r="IBO649" s="613"/>
      <c r="IBP649" s="613"/>
      <c r="IBQ649" s="613"/>
      <c r="IBR649" s="613"/>
      <c r="IBS649" s="613"/>
      <c r="IBT649" s="613"/>
      <c r="IBU649" s="613"/>
      <c r="IBV649" s="613"/>
      <c r="IBW649" s="613"/>
      <c r="IBX649" s="613"/>
      <c r="IBY649" s="613"/>
      <c r="IBZ649" s="613"/>
      <c r="ICA649" s="613"/>
      <c r="ICB649" s="613"/>
      <c r="ICC649" s="613"/>
      <c r="ICD649" s="613"/>
      <c r="ICE649" s="613"/>
      <c r="ICF649" s="613"/>
      <c r="ICG649" s="613"/>
      <c r="ICH649" s="613"/>
      <c r="ICI649" s="613"/>
      <c r="ICJ649" s="613"/>
      <c r="ICK649" s="613"/>
      <c r="ICL649" s="613"/>
      <c r="ICM649" s="613"/>
      <c r="ICN649" s="613"/>
      <c r="ICO649" s="613"/>
      <c r="ICP649" s="613"/>
      <c r="ICQ649" s="613"/>
      <c r="ICR649" s="613"/>
      <c r="ICS649" s="613"/>
      <c r="ICT649" s="613"/>
      <c r="ICU649" s="613"/>
      <c r="ICV649" s="613"/>
      <c r="ICW649" s="613"/>
      <c r="ICX649" s="613"/>
      <c r="ICY649" s="613"/>
      <c r="ICZ649" s="613"/>
      <c r="IDA649" s="613"/>
      <c r="IDB649" s="613"/>
      <c r="IDC649" s="613"/>
      <c r="IDD649" s="613"/>
      <c r="IDE649" s="613"/>
      <c r="IDF649" s="613"/>
      <c r="IDG649" s="613"/>
      <c r="IDH649" s="613"/>
      <c r="IDI649" s="613"/>
      <c r="IDJ649" s="613"/>
      <c r="IDK649" s="613"/>
      <c r="IDL649" s="613"/>
      <c r="IDM649" s="613"/>
      <c r="IDN649" s="613"/>
      <c r="IDO649" s="613"/>
      <c r="IDP649" s="613"/>
      <c r="IDQ649" s="613"/>
      <c r="IDR649" s="613"/>
      <c r="IDS649" s="613"/>
      <c r="IDT649" s="613"/>
      <c r="IDU649" s="613"/>
      <c r="IDV649" s="613"/>
      <c r="IDW649" s="613"/>
      <c r="IDX649" s="613"/>
      <c r="IDY649" s="613"/>
      <c r="IDZ649" s="613"/>
      <c r="IEA649" s="613"/>
      <c r="IEB649" s="613"/>
      <c r="IEC649" s="613"/>
      <c r="IED649" s="613"/>
      <c r="IEE649" s="613"/>
      <c r="IEF649" s="613"/>
      <c r="IEG649" s="613"/>
      <c r="IEH649" s="613"/>
      <c r="IEI649" s="613"/>
      <c r="IEJ649" s="613"/>
      <c r="IEK649" s="613"/>
      <c r="IEL649" s="613"/>
      <c r="IEM649" s="613"/>
      <c r="IEN649" s="613"/>
      <c r="IEO649" s="613"/>
      <c r="IEP649" s="613"/>
      <c r="IEQ649" s="613"/>
      <c r="IER649" s="613"/>
      <c r="IES649" s="613"/>
      <c r="IET649" s="613"/>
      <c r="IEU649" s="613"/>
      <c r="IEV649" s="613"/>
      <c r="IEW649" s="613"/>
      <c r="IEX649" s="613"/>
      <c r="IEY649" s="613"/>
      <c r="IEZ649" s="613"/>
      <c r="IFA649" s="613"/>
      <c r="IFB649" s="613"/>
      <c r="IFC649" s="613"/>
      <c r="IFD649" s="613"/>
      <c r="IFE649" s="613"/>
      <c r="IFF649" s="613"/>
      <c r="IFG649" s="613"/>
      <c r="IFH649" s="613"/>
      <c r="IFI649" s="613"/>
      <c r="IFJ649" s="613"/>
      <c r="IFK649" s="613"/>
      <c r="IFL649" s="613"/>
      <c r="IFM649" s="613"/>
      <c r="IFN649" s="613"/>
      <c r="IFO649" s="613"/>
      <c r="IFP649" s="613"/>
      <c r="IFQ649" s="613"/>
      <c r="IFR649" s="613"/>
      <c r="IFS649" s="613"/>
      <c r="IFT649" s="613"/>
      <c r="IFU649" s="613"/>
      <c r="IFV649" s="613"/>
      <c r="IFW649" s="613"/>
      <c r="IFX649" s="613"/>
      <c r="IFY649" s="613"/>
      <c r="IFZ649" s="613"/>
      <c r="IGA649" s="613"/>
      <c r="IGB649" s="613"/>
      <c r="IGC649" s="613"/>
      <c r="IGD649" s="613"/>
      <c r="IGE649" s="613"/>
      <c r="IGF649" s="613"/>
      <c r="IGG649" s="613"/>
      <c r="IGH649" s="613"/>
      <c r="IGI649" s="613"/>
      <c r="IGJ649" s="613"/>
      <c r="IGK649" s="613"/>
      <c r="IGL649" s="613"/>
      <c r="IGM649" s="613"/>
      <c r="IGN649" s="613"/>
      <c r="IGO649" s="613"/>
      <c r="IGP649" s="613"/>
      <c r="IGQ649" s="613"/>
      <c r="IGR649" s="613"/>
      <c r="IGS649" s="613"/>
      <c r="IGT649" s="613"/>
      <c r="IGU649" s="613"/>
      <c r="IGV649" s="613"/>
      <c r="IGW649" s="613"/>
      <c r="IGX649" s="613"/>
      <c r="IGY649" s="613"/>
      <c r="IGZ649" s="613"/>
      <c r="IHA649" s="613"/>
      <c r="IHB649" s="613"/>
      <c r="IHC649" s="613"/>
      <c r="IHD649" s="613"/>
      <c r="IHE649" s="613"/>
      <c r="IHF649" s="613"/>
      <c r="IHG649" s="613"/>
      <c r="IHH649" s="613"/>
      <c r="IHI649" s="613"/>
      <c r="IHJ649" s="613"/>
      <c r="IHK649" s="613"/>
      <c r="IHL649" s="613"/>
      <c r="IHM649" s="613"/>
      <c r="IHN649" s="613"/>
      <c r="IHO649" s="613"/>
      <c r="IHP649" s="613"/>
      <c r="IHQ649" s="613"/>
      <c r="IHR649" s="613"/>
      <c r="IHS649" s="613"/>
      <c r="IHT649" s="613"/>
      <c r="IHU649" s="613"/>
      <c r="IHV649" s="613"/>
      <c r="IHW649" s="613"/>
      <c r="IHX649" s="613"/>
      <c r="IHY649" s="613"/>
      <c r="IHZ649" s="613"/>
      <c r="IIA649" s="613"/>
      <c r="IIB649" s="613"/>
      <c r="IIC649" s="613"/>
      <c r="IID649" s="613"/>
      <c r="IIE649" s="613"/>
      <c r="IIF649" s="613"/>
      <c r="IIG649" s="613"/>
      <c r="IIH649" s="613"/>
      <c r="III649" s="613"/>
      <c r="IIJ649" s="613"/>
      <c r="IIK649" s="613"/>
      <c r="IIL649" s="613"/>
      <c r="IIM649" s="613"/>
      <c r="IIN649" s="613"/>
      <c r="IIO649" s="613"/>
      <c r="IIP649" s="613"/>
      <c r="IIQ649" s="613"/>
      <c r="IIR649" s="613"/>
      <c r="IIS649" s="613"/>
      <c r="IIT649" s="613"/>
      <c r="IIU649" s="613"/>
      <c r="IIV649" s="613"/>
      <c r="IIW649" s="613"/>
      <c r="IIX649" s="613"/>
      <c r="IIY649" s="613"/>
      <c r="IIZ649" s="613"/>
      <c r="IJA649" s="613"/>
      <c r="IJB649" s="613"/>
      <c r="IJC649" s="613"/>
      <c r="IJD649" s="613"/>
      <c r="IJE649" s="613"/>
      <c r="IJF649" s="613"/>
      <c r="IJG649" s="613"/>
      <c r="IJH649" s="613"/>
      <c r="IJI649" s="613"/>
      <c r="IJJ649" s="613"/>
      <c r="IJK649" s="613"/>
      <c r="IJL649" s="613"/>
      <c r="IJM649" s="613"/>
      <c r="IJN649" s="613"/>
      <c r="IJO649" s="613"/>
      <c r="IJP649" s="613"/>
      <c r="IJQ649" s="613"/>
      <c r="IJR649" s="613"/>
      <c r="IJS649" s="613"/>
      <c r="IJT649" s="613"/>
      <c r="IJU649" s="613"/>
      <c r="IJV649" s="613"/>
      <c r="IJW649" s="613"/>
      <c r="IJX649" s="613"/>
      <c r="IJY649" s="613"/>
      <c r="IJZ649" s="613"/>
      <c r="IKA649" s="613"/>
      <c r="IKB649" s="613"/>
      <c r="IKC649" s="613"/>
      <c r="IKD649" s="613"/>
      <c r="IKE649" s="613"/>
      <c r="IKF649" s="613"/>
      <c r="IKG649" s="613"/>
      <c r="IKH649" s="613"/>
      <c r="IKI649" s="613"/>
      <c r="IKJ649" s="613"/>
      <c r="IKK649" s="613"/>
      <c r="IKL649" s="613"/>
      <c r="IKM649" s="613"/>
      <c r="IKN649" s="613"/>
      <c r="IKO649" s="613"/>
      <c r="IKP649" s="613"/>
      <c r="IKQ649" s="613"/>
      <c r="IKR649" s="613"/>
      <c r="IKS649" s="613"/>
      <c r="IKT649" s="613"/>
      <c r="IKU649" s="613"/>
      <c r="IKV649" s="613"/>
      <c r="IKW649" s="613"/>
      <c r="IKX649" s="613"/>
      <c r="IKY649" s="613"/>
      <c r="IKZ649" s="613"/>
      <c r="ILA649" s="613"/>
      <c r="ILB649" s="613"/>
      <c r="ILC649" s="613"/>
      <c r="ILD649" s="613"/>
      <c r="ILE649" s="613"/>
      <c r="ILF649" s="613"/>
      <c r="ILG649" s="613"/>
      <c r="ILH649" s="613"/>
      <c r="ILI649" s="613"/>
      <c r="ILJ649" s="613"/>
      <c r="ILK649" s="613"/>
      <c r="ILL649" s="613"/>
      <c r="ILM649" s="613"/>
      <c r="ILN649" s="613"/>
      <c r="ILO649" s="613"/>
      <c r="ILP649" s="613"/>
      <c r="ILQ649" s="613"/>
      <c r="ILR649" s="613"/>
      <c r="ILS649" s="613"/>
      <c r="ILT649" s="613"/>
      <c r="ILU649" s="613"/>
      <c r="ILV649" s="613"/>
      <c r="ILW649" s="613"/>
      <c r="ILX649" s="613"/>
      <c r="ILY649" s="613"/>
      <c r="ILZ649" s="613"/>
      <c r="IMA649" s="613"/>
      <c r="IMB649" s="613"/>
      <c r="IMC649" s="613"/>
      <c r="IMD649" s="613"/>
      <c r="IME649" s="613"/>
      <c r="IMF649" s="613"/>
      <c r="IMG649" s="613"/>
      <c r="IMH649" s="613"/>
      <c r="IMI649" s="613"/>
      <c r="IMJ649" s="613"/>
      <c r="IMK649" s="613"/>
      <c r="IML649" s="613"/>
      <c r="IMM649" s="613"/>
      <c r="IMN649" s="613"/>
      <c r="IMO649" s="613"/>
      <c r="IMP649" s="613"/>
      <c r="IMQ649" s="613"/>
      <c r="IMR649" s="613"/>
      <c r="IMS649" s="613"/>
      <c r="IMT649" s="613"/>
      <c r="IMU649" s="613"/>
      <c r="IMV649" s="613"/>
      <c r="IMW649" s="613"/>
      <c r="IMX649" s="613"/>
      <c r="IMY649" s="613"/>
      <c r="IMZ649" s="613"/>
      <c r="INA649" s="613"/>
      <c r="INB649" s="613"/>
      <c r="INC649" s="613"/>
      <c r="IND649" s="613"/>
      <c r="INE649" s="613"/>
      <c r="INF649" s="613"/>
      <c r="ING649" s="613"/>
      <c r="INH649" s="613"/>
      <c r="INI649" s="613"/>
      <c r="INJ649" s="613"/>
      <c r="INK649" s="613"/>
      <c r="INL649" s="613"/>
      <c r="INM649" s="613"/>
      <c r="INN649" s="613"/>
      <c r="INO649" s="613"/>
      <c r="INP649" s="613"/>
      <c r="INQ649" s="613"/>
      <c r="INR649" s="613"/>
      <c r="INS649" s="613"/>
      <c r="INT649" s="613"/>
      <c r="INU649" s="613"/>
      <c r="INV649" s="613"/>
      <c r="INW649" s="613"/>
      <c r="INX649" s="613"/>
      <c r="INY649" s="613"/>
      <c r="INZ649" s="613"/>
      <c r="IOA649" s="613"/>
      <c r="IOB649" s="613"/>
      <c r="IOC649" s="613"/>
      <c r="IOD649" s="613"/>
      <c r="IOE649" s="613"/>
      <c r="IOF649" s="613"/>
      <c r="IOG649" s="613"/>
      <c r="IOH649" s="613"/>
      <c r="IOI649" s="613"/>
      <c r="IOJ649" s="613"/>
      <c r="IOK649" s="613"/>
      <c r="IOL649" s="613"/>
      <c r="IOM649" s="613"/>
      <c r="ION649" s="613"/>
      <c r="IOO649" s="613"/>
      <c r="IOP649" s="613"/>
      <c r="IOQ649" s="613"/>
      <c r="IOR649" s="613"/>
      <c r="IOS649" s="613"/>
      <c r="IOT649" s="613"/>
      <c r="IOU649" s="613"/>
      <c r="IOV649" s="613"/>
      <c r="IOW649" s="613"/>
      <c r="IOX649" s="613"/>
      <c r="IOY649" s="613"/>
      <c r="IOZ649" s="613"/>
      <c r="IPA649" s="613"/>
      <c r="IPB649" s="613"/>
      <c r="IPC649" s="613"/>
      <c r="IPD649" s="613"/>
      <c r="IPE649" s="613"/>
      <c r="IPF649" s="613"/>
      <c r="IPG649" s="613"/>
      <c r="IPH649" s="613"/>
      <c r="IPI649" s="613"/>
      <c r="IPJ649" s="613"/>
      <c r="IPK649" s="613"/>
      <c r="IPL649" s="613"/>
      <c r="IPM649" s="613"/>
      <c r="IPN649" s="613"/>
      <c r="IPO649" s="613"/>
      <c r="IPP649" s="613"/>
      <c r="IPQ649" s="613"/>
      <c r="IPR649" s="613"/>
      <c r="IPS649" s="613"/>
      <c r="IPT649" s="613"/>
      <c r="IPU649" s="613"/>
      <c r="IPV649" s="613"/>
      <c r="IPW649" s="613"/>
      <c r="IPX649" s="613"/>
      <c r="IPY649" s="613"/>
      <c r="IPZ649" s="613"/>
      <c r="IQA649" s="613"/>
      <c r="IQB649" s="613"/>
      <c r="IQC649" s="613"/>
      <c r="IQD649" s="613"/>
      <c r="IQE649" s="613"/>
      <c r="IQF649" s="613"/>
      <c r="IQG649" s="613"/>
      <c r="IQH649" s="613"/>
      <c r="IQI649" s="613"/>
      <c r="IQJ649" s="613"/>
      <c r="IQK649" s="613"/>
      <c r="IQL649" s="613"/>
      <c r="IQM649" s="613"/>
      <c r="IQN649" s="613"/>
      <c r="IQO649" s="613"/>
      <c r="IQP649" s="613"/>
      <c r="IQQ649" s="613"/>
      <c r="IQR649" s="613"/>
      <c r="IQS649" s="613"/>
      <c r="IQT649" s="613"/>
      <c r="IQU649" s="613"/>
      <c r="IQV649" s="613"/>
      <c r="IQW649" s="613"/>
      <c r="IQX649" s="613"/>
      <c r="IQY649" s="613"/>
      <c r="IQZ649" s="613"/>
      <c r="IRA649" s="613"/>
      <c r="IRB649" s="613"/>
      <c r="IRC649" s="613"/>
      <c r="IRD649" s="613"/>
      <c r="IRE649" s="613"/>
      <c r="IRF649" s="613"/>
      <c r="IRG649" s="613"/>
      <c r="IRH649" s="613"/>
      <c r="IRI649" s="613"/>
      <c r="IRJ649" s="613"/>
      <c r="IRK649" s="613"/>
      <c r="IRL649" s="613"/>
      <c r="IRM649" s="613"/>
      <c r="IRN649" s="613"/>
      <c r="IRO649" s="613"/>
      <c r="IRP649" s="613"/>
      <c r="IRQ649" s="613"/>
      <c r="IRR649" s="613"/>
      <c r="IRS649" s="613"/>
      <c r="IRT649" s="613"/>
      <c r="IRU649" s="613"/>
      <c r="IRV649" s="613"/>
      <c r="IRW649" s="613"/>
      <c r="IRX649" s="613"/>
      <c r="IRY649" s="613"/>
      <c r="IRZ649" s="613"/>
      <c r="ISA649" s="613"/>
      <c r="ISB649" s="613"/>
      <c r="ISC649" s="613"/>
      <c r="ISD649" s="613"/>
      <c r="ISE649" s="613"/>
      <c r="ISF649" s="613"/>
      <c r="ISG649" s="613"/>
      <c r="ISH649" s="613"/>
      <c r="ISI649" s="613"/>
      <c r="ISJ649" s="613"/>
      <c r="ISK649" s="613"/>
      <c r="ISL649" s="613"/>
      <c r="ISM649" s="613"/>
      <c r="ISN649" s="613"/>
      <c r="ISO649" s="613"/>
      <c r="ISP649" s="613"/>
      <c r="ISQ649" s="613"/>
      <c r="ISR649" s="613"/>
      <c r="ISS649" s="613"/>
      <c r="IST649" s="613"/>
      <c r="ISU649" s="613"/>
      <c r="ISV649" s="613"/>
      <c r="ISW649" s="613"/>
      <c r="ISX649" s="613"/>
      <c r="ISY649" s="613"/>
      <c r="ISZ649" s="613"/>
      <c r="ITA649" s="613"/>
      <c r="ITB649" s="613"/>
      <c r="ITC649" s="613"/>
      <c r="ITD649" s="613"/>
      <c r="ITE649" s="613"/>
      <c r="ITF649" s="613"/>
      <c r="ITG649" s="613"/>
      <c r="ITH649" s="613"/>
      <c r="ITI649" s="613"/>
      <c r="ITJ649" s="613"/>
      <c r="ITK649" s="613"/>
      <c r="ITL649" s="613"/>
      <c r="ITM649" s="613"/>
      <c r="ITN649" s="613"/>
      <c r="ITO649" s="613"/>
      <c r="ITP649" s="613"/>
      <c r="ITQ649" s="613"/>
      <c r="ITR649" s="613"/>
      <c r="ITS649" s="613"/>
      <c r="ITT649" s="613"/>
      <c r="ITU649" s="613"/>
      <c r="ITV649" s="613"/>
      <c r="ITW649" s="613"/>
      <c r="ITX649" s="613"/>
      <c r="ITY649" s="613"/>
      <c r="ITZ649" s="613"/>
      <c r="IUA649" s="613"/>
      <c r="IUB649" s="613"/>
      <c r="IUC649" s="613"/>
      <c r="IUD649" s="613"/>
      <c r="IUE649" s="613"/>
      <c r="IUF649" s="613"/>
      <c r="IUG649" s="613"/>
      <c r="IUH649" s="613"/>
      <c r="IUI649" s="613"/>
      <c r="IUJ649" s="613"/>
      <c r="IUK649" s="613"/>
      <c r="IUL649" s="613"/>
      <c r="IUM649" s="613"/>
      <c r="IUN649" s="613"/>
      <c r="IUO649" s="613"/>
      <c r="IUP649" s="613"/>
      <c r="IUQ649" s="613"/>
      <c r="IUR649" s="613"/>
      <c r="IUS649" s="613"/>
      <c r="IUT649" s="613"/>
      <c r="IUU649" s="613"/>
      <c r="IUV649" s="613"/>
      <c r="IUW649" s="613"/>
      <c r="IUX649" s="613"/>
      <c r="IUY649" s="613"/>
      <c r="IUZ649" s="613"/>
      <c r="IVA649" s="613"/>
      <c r="IVB649" s="613"/>
      <c r="IVC649" s="613"/>
      <c r="IVD649" s="613"/>
      <c r="IVE649" s="613"/>
      <c r="IVF649" s="613"/>
      <c r="IVG649" s="613"/>
      <c r="IVH649" s="613"/>
      <c r="IVI649" s="613"/>
      <c r="IVJ649" s="613"/>
      <c r="IVK649" s="613"/>
      <c r="IVL649" s="613"/>
      <c r="IVM649" s="613"/>
      <c r="IVN649" s="613"/>
      <c r="IVO649" s="613"/>
      <c r="IVP649" s="613"/>
      <c r="IVQ649" s="613"/>
      <c r="IVR649" s="613"/>
      <c r="IVS649" s="613"/>
      <c r="IVT649" s="613"/>
      <c r="IVU649" s="613"/>
      <c r="IVV649" s="613"/>
      <c r="IVW649" s="613"/>
      <c r="IVX649" s="613"/>
      <c r="IVY649" s="613"/>
      <c r="IVZ649" s="613"/>
      <c r="IWA649" s="613"/>
      <c r="IWB649" s="613"/>
      <c r="IWC649" s="613"/>
      <c r="IWD649" s="613"/>
      <c r="IWE649" s="613"/>
      <c r="IWF649" s="613"/>
      <c r="IWG649" s="613"/>
      <c r="IWH649" s="613"/>
      <c r="IWI649" s="613"/>
      <c r="IWJ649" s="613"/>
      <c r="IWK649" s="613"/>
      <c r="IWL649" s="613"/>
      <c r="IWM649" s="613"/>
      <c r="IWN649" s="613"/>
      <c r="IWO649" s="613"/>
      <c r="IWP649" s="613"/>
      <c r="IWQ649" s="613"/>
      <c r="IWR649" s="613"/>
      <c r="IWS649" s="613"/>
      <c r="IWT649" s="613"/>
      <c r="IWU649" s="613"/>
      <c r="IWV649" s="613"/>
      <c r="IWW649" s="613"/>
      <c r="IWX649" s="613"/>
      <c r="IWY649" s="613"/>
      <c r="IWZ649" s="613"/>
      <c r="IXA649" s="613"/>
      <c r="IXB649" s="613"/>
      <c r="IXC649" s="613"/>
      <c r="IXD649" s="613"/>
      <c r="IXE649" s="613"/>
      <c r="IXF649" s="613"/>
      <c r="IXG649" s="613"/>
      <c r="IXH649" s="613"/>
      <c r="IXI649" s="613"/>
      <c r="IXJ649" s="613"/>
      <c r="IXK649" s="613"/>
      <c r="IXL649" s="613"/>
      <c r="IXM649" s="613"/>
      <c r="IXN649" s="613"/>
      <c r="IXO649" s="613"/>
      <c r="IXP649" s="613"/>
      <c r="IXQ649" s="613"/>
      <c r="IXR649" s="613"/>
      <c r="IXS649" s="613"/>
      <c r="IXT649" s="613"/>
      <c r="IXU649" s="613"/>
      <c r="IXV649" s="613"/>
      <c r="IXW649" s="613"/>
      <c r="IXX649" s="613"/>
      <c r="IXY649" s="613"/>
      <c r="IXZ649" s="613"/>
      <c r="IYA649" s="613"/>
      <c r="IYB649" s="613"/>
      <c r="IYC649" s="613"/>
      <c r="IYD649" s="613"/>
      <c r="IYE649" s="613"/>
      <c r="IYF649" s="613"/>
      <c r="IYG649" s="613"/>
      <c r="IYH649" s="613"/>
      <c r="IYI649" s="613"/>
      <c r="IYJ649" s="613"/>
      <c r="IYK649" s="613"/>
      <c r="IYL649" s="613"/>
      <c r="IYM649" s="613"/>
      <c r="IYN649" s="613"/>
      <c r="IYO649" s="613"/>
      <c r="IYP649" s="613"/>
      <c r="IYQ649" s="613"/>
      <c r="IYR649" s="613"/>
      <c r="IYS649" s="613"/>
      <c r="IYT649" s="613"/>
      <c r="IYU649" s="613"/>
      <c r="IYV649" s="613"/>
      <c r="IYW649" s="613"/>
      <c r="IYX649" s="613"/>
      <c r="IYY649" s="613"/>
      <c r="IYZ649" s="613"/>
      <c r="IZA649" s="613"/>
      <c r="IZB649" s="613"/>
      <c r="IZC649" s="613"/>
      <c r="IZD649" s="613"/>
      <c r="IZE649" s="613"/>
      <c r="IZF649" s="613"/>
      <c r="IZG649" s="613"/>
      <c r="IZH649" s="613"/>
      <c r="IZI649" s="613"/>
      <c r="IZJ649" s="613"/>
      <c r="IZK649" s="613"/>
      <c r="IZL649" s="613"/>
      <c r="IZM649" s="613"/>
      <c r="IZN649" s="613"/>
      <c r="IZO649" s="613"/>
      <c r="IZP649" s="613"/>
      <c r="IZQ649" s="613"/>
      <c r="IZR649" s="613"/>
      <c r="IZS649" s="613"/>
      <c r="IZT649" s="613"/>
      <c r="IZU649" s="613"/>
      <c r="IZV649" s="613"/>
      <c r="IZW649" s="613"/>
      <c r="IZX649" s="613"/>
      <c r="IZY649" s="613"/>
      <c r="IZZ649" s="613"/>
      <c r="JAA649" s="613"/>
      <c r="JAB649" s="613"/>
      <c r="JAC649" s="613"/>
      <c r="JAD649" s="613"/>
      <c r="JAE649" s="613"/>
      <c r="JAF649" s="613"/>
      <c r="JAG649" s="613"/>
      <c r="JAH649" s="613"/>
      <c r="JAI649" s="613"/>
      <c r="JAJ649" s="613"/>
      <c r="JAK649" s="613"/>
      <c r="JAL649" s="613"/>
      <c r="JAM649" s="613"/>
      <c r="JAN649" s="613"/>
      <c r="JAO649" s="613"/>
      <c r="JAP649" s="613"/>
      <c r="JAQ649" s="613"/>
      <c r="JAR649" s="613"/>
      <c r="JAS649" s="613"/>
      <c r="JAT649" s="613"/>
      <c r="JAU649" s="613"/>
      <c r="JAV649" s="613"/>
      <c r="JAW649" s="613"/>
      <c r="JAX649" s="613"/>
      <c r="JAY649" s="613"/>
      <c r="JAZ649" s="613"/>
      <c r="JBA649" s="613"/>
      <c r="JBB649" s="613"/>
      <c r="JBC649" s="613"/>
      <c r="JBD649" s="613"/>
      <c r="JBE649" s="613"/>
      <c r="JBF649" s="613"/>
      <c r="JBG649" s="613"/>
      <c r="JBH649" s="613"/>
      <c r="JBI649" s="613"/>
      <c r="JBJ649" s="613"/>
      <c r="JBK649" s="613"/>
      <c r="JBL649" s="613"/>
      <c r="JBM649" s="613"/>
      <c r="JBN649" s="613"/>
      <c r="JBO649" s="613"/>
      <c r="JBP649" s="613"/>
      <c r="JBQ649" s="613"/>
      <c r="JBR649" s="613"/>
      <c r="JBS649" s="613"/>
      <c r="JBT649" s="613"/>
      <c r="JBU649" s="613"/>
      <c r="JBV649" s="613"/>
      <c r="JBW649" s="613"/>
      <c r="JBX649" s="613"/>
      <c r="JBY649" s="613"/>
      <c r="JBZ649" s="613"/>
      <c r="JCA649" s="613"/>
      <c r="JCB649" s="613"/>
      <c r="JCC649" s="613"/>
      <c r="JCD649" s="613"/>
      <c r="JCE649" s="613"/>
      <c r="JCF649" s="613"/>
      <c r="JCG649" s="613"/>
      <c r="JCH649" s="613"/>
      <c r="JCI649" s="613"/>
      <c r="JCJ649" s="613"/>
      <c r="JCK649" s="613"/>
      <c r="JCL649" s="613"/>
      <c r="JCM649" s="613"/>
      <c r="JCN649" s="613"/>
      <c r="JCO649" s="613"/>
      <c r="JCP649" s="613"/>
      <c r="JCQ649" s="613"/>
      <c r="JCR649" s="613"/>
      <c r="JCS649" s="613"/>
      <c r="JCT649" s="613"/>
      <c r="JCU649" s="613"/>
      <c r="JCV649" s="613"/>
      <c r="JCW649" s="613"/>
      <c r="JCX649" s="613"/>
      <c r="JCY649" s="613"/>
      <c r="JCZ649" s="613"/>
      <c r="JDA649" s="613"/>
      <c r="JDB649" s="613"/>
      <c r="JDC649" s="613"/>
      <c r="JDD649" s="613"/>
      <c r="JDE649" s="613"/>
      <c r="JDF649" s="613"/>
      <c r="JDG649" s="613"/>
      <c r="JDH649" s="613"/>
      <c r="JDI649" s="613"/>
      <c r="JDJ649" s="613"/>
      <c r="JDK649" s="613"/>
      <c r="JDL649" s="613"/>
      <c r="JDM649" s="613"/>
      <c r="JDN649" s="613"/>
      <c r="JDO649" s="613"/>
      <c r="JDP649" s="613"/>
      <c r="JDQ649" s="613"/>
      <c r="JDR649" s="613"/>
      <c r="JDS649" s="613"/>
      <c r="JDT649" s="613"/>
      <c r="JDU649" s="613"/>
      <c r="JDV649" s="613"/>
      <c r="JDW649" s="613"/>
      <c r="JDX649" s="613"/>
      <c r="JDY649" s="613"/>
      <c r="JDZ649" s="613"/>
      <c r="JEA649" s="613"/>
      <c r="JEB649" s="613"/>
      <c r="JEC649" s="613"/>
      <c r="JED649" s="613"/>
      <c r="JEE649" s="613"/>
      <c r="JEF649" s="613"/>
      <c r="JEG649" s="613"/>
      <c r="JEH649" s="613"/>
      <c r="JEI649" s="613"/>
      <c r="JEJ649" s="613"/>
      <c r="JEK649" s="613"/>
      <c r="JEL649" s="613"/>
      <c r="JEM649" s="613"/>
      <c r="JEN649" s="613"/>
      <c r="JEO649" s="613"/>
      <c r="JEP649" s="613"/>
      <c r="JEQ649" s="613"/>
      <c r="JER649" s="613"/>
      <c r="JES649" s="613"/>
      <c r="JET649" s="613"/>
      <c r="JEU649" s="613"/>
      <c r="JEV649" s="613"/>
      <c r="JEW649" s="613"/>
      <c r="JEX649" s="613"/>
      <c r="JEY649" s="613"/>
      <c r="JEZ649" s="613"/>
      <c r="JFA649" s="613"/>
      <c r="JFB649" s="613"/>
      <c r="JFC649" s="613"/>
      <c r="JFD649" s="613"/>
      <c r="JFE649" s="613"/>
      <c r="JFF649" s="613"/>
      <c r="JFG649" s="613"/>
      <c r="JFH649" s="613"/>
      <c r="JFI649" s="613"/>
      <c r="JFJ649" s="613"/>
      <c r="JFK649" s="613"/>
      <c r="JFL649" s="613"/>
      <c r="JFM649" s="613"/>
      <c r="JFN649" s="613"/>
      <c r="JFO649" s="613"/>
      <c r="JFP649" s="613"/>
      <c r="JFQ649" s="613"/>
      <c r="JFR649" s="613"/>
      <c r="JFS649" s="613"/>
      <c r="JFT649" s="613"/>
      <c r="JFU649" s="613"/>
      <c r="JFV649" s="613"/>
      <c r="JFW649" s="613"/>
      <c r="JFX649" s="613"/>
      <c r="JFY649" s="613"/>
      <c r="JFZ649" s="613"/>
      <c r="JGA649" s="613"/>
      <c r="JGB649" s="613"/>
      <c r="JGC649" s="613"/>
      <c r="JGD649" s="613"/>
      <c r="JGE649" s="613"/>
      <c r="JGF649" s="613"/>
      <c r="JGG649" s="613"/>
      <c r="JGH649" s="613"/>
      <c r="JGI649" s="613"/>
      <c r="JGJ649" s="613"/>
      <c r="JGK649" s="613"/>
      <c r="JGL649" s="613"/>
      <c r="JGM649" s="613"/>
      <c r="JGN649" s="613"/>
      <c r="JGO649" s="613"/>
      <c r="JGP649" s="613"/>
      <c r="JGQ649" s="613"/>
      <c r="JGR649" s="613"/>
      <c r="JGS649" s="613"/>
      <c r="JGT649" s="613"/>
      <c r="JGU649" s="613"/>
      <c r="JGV649" s="613"/>
      <c r="JGW649" s="613"/>
      <c r="JGX649" s="613"/>
      <c r="JGY649" s="613"/>
      <c r="JGZ649" s="613"/>
      <c r="JHA649" s="613"/>
      <c r="JHB649" s="613"/>
      <c r="JHC649" s="613"/>
      <c r="JHD649" s="613"/>
      <c r="JHE649" s="613"/>
      <c r="JHF649" s="613"/>
      <c r="JHG649" s="613"/>
      <c r="JHH649" s="613"/>
      <c r="JHI649" s="613"/>
      <c r="JHJ649" s="613"/>
      <c r="JHK649" s="613"/>
      <c r="JHL649" s="613"/>
      <c r="JHM649" s="613"/>
      <c r="JHN649" s="613"/>
      <c r="JHO649" s="613"/>
      <c r="JHP649" s="613"/>
      <c r="JHQ649" s="613"/>
      <c r="JHR649" s="613"/>
      <c r="JHS649" s="613"/>
      <c r="JHT649" s="613"/>
      <c r="JHU649" s="613"/>
      <c r="JHV649" s="613"/>
      <c r="JHW649" s="613"/>
      <c r="JHX649" s="613"/>
      <c r="JHY649" s="613"/>
      <c r="JHZ649" s="613"/>
      <c r="JIA649" s="613"/>
      <c r="JIB649" s="613"/>
      <c r="JIC649" s="613"/>
      <c r="JID649" s="613"/>
      <c r="JIE649" s="613"/>
      <c r="JIF649" s="613"/>
      <c r="JIG649" s="613"/>
      <c r="JIH649" s="613"/>
      <c r="JII649" s="613"/>
      <c r="JIJ649" s="613"/>
      <c r="JIK649" s="613"/>
      <c r="JIL649" s="613"/>
      <c r="JIM649" s="613"/>
      <c r="JIN649" s="613"/>
      <c r="JIO649" s="613"/>
      <c r="JIP649" s="613"/>
      <c r="JIQ649" s="613"/>
      <c r="JIR649" s="613"/>
      <c r="JIS649" s="613"/>
      <c r="JIT649" s="613"/>
      <c r="JIU649" s="613"/>
      <c r="JIV649" s="613"/>
      <c r="JIW649" s="613"/>
      <c r="JIX649" s="613"/>
      <c r="JIY649" s="613"/>
      <c r="JIZ649" s="613"/>
      <c r="JJA649" s="613"/>
      <c r="JJB649" s="613"/>
      <c r="JJC649" s="613"/>
      <c r="JJD649" s="613"/>
      <c r="JJE649" s="613"/>
      <c r="JJF649" s="613"/>
      <c r="JJG649" s="613"/>
      <c r="JJH649" s="613"/>
      <c r="JJI649" s="613"/>
      <c r="JJJ649" s="613"/>
      <c r="JJK649" s="613"/>
      <c r="JJL649" s="613"/>
      <c r="JJM649" s="613"/>
      <c r="JJN649" s="613"/>
      <c r="JJO649" s="613"/>
      <c r="JJP649" s="613"/>
      <c r="JJQ649" s="613"/>
      <c r="JJR649" s="613"/>
      <c r="JJS649" s="613"/>
      <c r="JJT649" s="613"/>
      <c r="JJU649" s="613"/>
      <c r="JJV649" s="613"/>
      <c r="JJW649" s="613"/>
      <c r="JJX649" s="613"/>
      <c r="JJY649" s="613"/>
      <c r="JJZ649" s="613"/>
      <c r="JKA649" s="613"/>
      <c r="JKB649" s="613"/>
      <c r="JKC649" s="613"/>
      <c r="JKD649" s="613"/>
      <c r="JKE649" s="613"/>
      <c r="JKF649" s="613"/>
      <c r="JKG649" s="613"/>
      <c r="JKH649" s="613"/>
      <c r="JKI649" s="613"/>
      <c r="JKJ649" s="613"/>
      <c r="JKK649" s="613"/>
      <c r="JKL649" s="613"/>
      <c r="JKM649" s="613"/>
      <c r="JKN649" s="613"/>
      <c r="JKO649" s="613"/>
      <c r="JKP649" s="613"/>
      <c r="JKQ649" s="613"/>
      <c r="JKR649" s="613"/>
      <c r="JKS649" s="613"/>
      <c r="JKT649" s="613"/>
      <c r="JKU649" s="613"/>
      <c r="JKV649" s="613"/>
      <c r="JKW649" s="613"/>
      <c r="JKX649" s="613"/>
      <c r="JKY649" s="613"/>
      <c r="JKZ649" s="613"/>
      <c r="JLA649" s="613"/>
      <c r="JLB649" s="613"/>
      <c r="JLC649" s="613"/>
      <c r="JLD649" s="613"/>
      <c r="JLE649" s="613"/>
      <c r="JLF649" s="613"/>
      <c r="JLG649" s="613"/>
      <c r="JLH649" s="613"/>
      <c r="JLI649" s="613"/>
      <c r="JLJ649" s="613"/>
      <c r="JLK649" s="613"/>
      <c r="JLL649" s="613"/>
      <c r="JLM649" s="613"/>
      <c r="JLN649" s="613"/>
      <c r="JLO649" s="613"/>
      <c r="JLP649" s="613"/>
      <c r="JLQ649" s="613"/>
      <c r="JLR649" s="613"/>
      <c r="JLS649" s="613"/>
      <c r="JLT649" s="613"/>
      <c r="JLU649" s="613"/>
      <c r="JLV649" s="613"/>
      <c r="JLW649" s="613"/>
      <c r="JLX649" s="613"/>
      <c r="JLY649" s="613"/>
      <c r="JLZ649" s="613"/>
      <c r="JMA649" s="613"/>
      <c r="JMB649" s="613"/>
      <c r="JMC649" s="613"/>
      <c r="JMD649" s="613"/>
      <c r="JME649" s="613"/>
      <c r="JMF649" s="613"/>
      <c r="JMG649" s="613"/>
      <c r="JMH649" s="613"/>
      <c r="JMI649" s="613"/>
      <c r="JMJ649" s="613"/>
      <c r="JMK649" s="613"/>
      <c r="JML649" s="613"/>
      <c r="JMM649" s="613"/>
      <c r="JMN649" s="613"/>
      <c r="JMO649" s="613"/>
      <c r="JMP649" s="613"/>
      <c r="JMQ649" s="613"/>
      <c r="JMR649" s="613"/>
      <c r="JMS649" s="613"/>
      <c r="JMT649" s="613"/>
      <c r="JMU649" s="613"/>
      <c r="JMV649" s="613"/>
      <c r="JMW649" s="613"/>
      <c r="JMX649" s="613"/>
      <c r="JMY649" s="613"/>
      <c r="JMZ649" s="613"/>
      <c r="JNA649" s="613"/>
      <c r="JNB649" s="613"/>
      <c r="JNC649" s="613"/>
      <c r="JND649" s="613"/>
      <c r="JNE649" s="613"/>
      <c r="JNF649" s="613"/>
      <c r="JNG649" s="613"/>
      <c r="JNH649" s="613"/>
      <c r="JNI649" s="613"/>
      <c r="JNJ649" s="613"/>
      <c r="JNK649" s="613"/>
      <c r="JNL649" s="613"/>
      <c r="JNM649" s="613"/>
      <c r="JNN649" s="613"/>
      <c r="JNO649" s="613"/>
      <c r="JNP649" s="613"/>
      <c r="JNQ649" s="613"/>
      <c r="JNR649" s="613"/>
      <c r="JNS649" s="613"/>
      <c r="JNT649" s="613"/>
      <c r="JNU649" s="613"/>
      <c r="JNV649" s="613"/>
      <c r="JNW649" s="613"/>
      <c r="JNX649" s="613"/>
      <c r="JNY649" s="613"/>
      <c r="JNZ649" s="613"/>
      <c r="JOA649" s="613"/>
      <c r="JOB649" s="613"/>
      <c r="JOC649" s="613"/>
      <c r="JOD649" s="613"/>
      <c r="JOE649" s="613"/>
      <c r="JOF649" s="613"/>
      <c r="JOG649" s="613"/>
      <c r="JOH649" s="613"/>
      <c r="JOI649" s="613"/>
      <c r="JOJ649" s="613"/>
      <c r="JOK649" s="613"/>
      <c r="JOL649" s="613"/>
      <c r="JOM649" s="613"/>
      <c r="JON649" s="613"/>
      <c r="JOO649" s="613"/>
      <c r="JOP649" s="613"/>
      <c r="JOQ649" s="613"/>
      <c r="JOR649" s="613"/>
      <c r="JOS649" s="613"/>
      <c r="JOT649" s="613"/>
      <c r="JOU649" s="613"/>
      <c r="JOV649" s="613"/>
      <c r="JOW649" s="613"/>
      <c r="JOX649" s="613"/>
      <c r="JOY649" s="613"/>
      <c r="JOZ649" s="613"/>
      <c r="JPA649" s="613"/>
      <c r="JPB649" s="613"/>
      <c r="JPC649" s="613"/>
      <c r="JPD649" s="613"/>
      <c r="JPE649" s="613"/>
      <c r="JPF649" s="613"/>
      <c r="JPG649" s="613"/>
      <c r="JPH649" s="613"/>
      <c r="JPI649" s="613"/>
      <c r="JPJ649" s="613"/>
      <c r="JPK649" s="613"/>
      <c r="JPL649" s="613"/>
      <c r="JPM649" s="613"/>
      <c r="JPN649" s="613"/>
      <c r="JPO649" s="613"/>
      <c r="JPP649" s="613"/>
      <c r="JPQ649" s="613"/>
      <c r="JPR649" s="613"/>
      <c r="JPS649" s="613"/>
      <c r="JPT649" s="613"/>
      <c r="JPU649" s="613"/>
      <c r="JPV649" s="613"/>
      <c r="JPW649" s="613"/>
      <c r="JPX649" s="613"/>
      <c r="JPY649" s="613"/>
      <c r="JPZ649" s="613"/>
      <c r="JQA649" s="613"/>
      <c r="JQB649" s="613"/>
      <c r="JQC649" s="613"/>
      <c r="JQD649" s="613"/>
      <c r="JQE649" s="613"/>
      <c r="JQF649" s="613"/>
      <c r="JQG649" s="613"/>
      <c r="JQH649" s="613"/>
      <c r="JQI649" s="613"/>
      <c r="JQJ649" s="613"/>
      <c r="JQK649" s="613"/>
      <c r="JQL649" s="613"/>
      <c r="JQM649" s="613"/>
      <c r="JQN649" s="613"/>
      <c r="JQO649" s="613"/>
      <c r="JQP649" s="613"/>
      <c r="JQQ649" s="613"/>
      <c r="JQR649" s="613"/>
      <c r="JQS649" s="613"/>
      <c r="JQT649" s="613"/>
      <c r="JQU649" s="613"/>
      <c r="JQV649" s="613"/>
      <c r="JQW649" s="613"/>
      <c r="JQX649" s="613"/>
      <c r="JQY649" s="613"/>
      <c r="JQZ649" s="613"/>
      <c r="JRA649" s="613"/>
      <c r="JRB649" s="613"/>
      <c r="JRC649" s="613"/>
      <c r="JRD649" s="613"/>
      <c r="JRE649" s="613"/>
      <c r="JRF649" s="613"/>
      <c r="JRG649" s="613"/>
      <c r="JRH649" s="613"/>
      <c r="JRI649" s="613"/>
      <c r="JRJ649" s="613"/>
      <c r="JRK649" s="613"/>
      <c r="JRL649" s="613"/>
      <c r="JRM649" s="613"/>
      <c r="JRN649" s="613"/>
      <c r="JRO649" s="613"/>
      <c r="JRP649" s="613"/>
      <c r="JRQ649" s="613"/>
      <c r="JRR649" s="613"/>
      <c r="JRS649" s="613"/>
      <c r="JRT649" s="613"/>
      <c r="JRU649" s="613"/>
      <c r="JRV649" s="613"/>
      <c r="JRW649" s="613"/>
      <c r="JRX649" s="613"/>
      <c r="JRY649" s="613"/>
      <c r="JRZ649" s="613"/>
      <c r="JSA649" s="613"/>
      <c r="JSB649" s="613"/>
      <c r="JSC649" s="613"/>
      <c r="JSD649" s="613"/>
      <c r="JSE649" s="613"/>
      <c r="JSF649" s="613"/>
      <c r="JSG649" s="613"/>
      <c r="JSH649" s="613"/>
      <c r="JSI649" s="613"/>
      <c r="JSJ649" s="613"/>
      <c r="JSK649" s="613"/>
      <c r="JSL649" s="613"/>
      <c r="JSM649" s="613"/>
      <c r="JSN649" s="613"/>
      <c r="JSO649" s="613"/>
      <c r="JSP649" s="613"/>
      <c r="JSQ649" s="613"/>
      <c r="JSR649" s="613"/>
      <c r="JSS649" s="613"/>
      <c r="JST649" s="613"/>
      <c r="JSU649" s="613"/>
      <c r="JSV649" s="613"/>
      <c r="JSW649" s="613"/>
      <c r="JSX649" s="613"/>
      <c r="JSY649" s="613"/>
      <c r="JSZ649" s="613"/>
      <c r="JTA649" s="613"/>
      <c r="JTB649" s="613"/>
      <c r="JTC649" s="613"/>
      <c r="JTD649" s="613"/>
      <c r="JTE649" s="613"/>
      <c r="JTF649" s="613"/>
      <c r="JTG649" s="613"/>
      <c r="JTH649" s="613"/>
      <c r="JTI649" s="613"/>
      <c r="JTJ649" s="613"/>
      <c r="JTK649" s="613"/>
      <c r="JTL649" s="613"/>
      <c r="JTM649" s="613"/>
      <c r="JTN649" s="613"/>
      <c r="JTO649" s="613"/>
      <c r="JTP649" s="613"/>
      <c r="JTQ649" s="613"/>
      <c r="JTR649" s="613"/>
      <c r="JTS649" s="613"/>
      <c r="JTT649" s="613"/>
      <c r="JTU649" s="613"/>
      <c r="JTV649" s="613"/>
      <c r="JTW649" s="613"/>
      <c r="JTX649" s="613"/>
      <c r="JTY649" s="613"/>
      <c r="JTZ649" s="613"/>
      <c r="JUA649" s="613"/>
      <c r="JUB649" s="613"/>
      <c r="JUC649" s="613"/>
      <c r="JUD649" s="613"/>
      <c r="JUE649" s="613"/>
      <c r="JUF649" s="613"/>
      <c r="JUG649" s="613"/>
      <c r="JUH649" s="613"/>
      <c r="JUI649" s="613"/>
      <c r="JUJ649" s="613"/>
      <c r="JUK649" s="613"/>
      <c r="JUL649" s="613"/>
      <c r="JUM649" s="613"/>
      <c r="JUN649" s="613"/>
      <c r="JUO649" s="613"/>
      <c r="JUP649" s="613"/>
      <c r="JUQ649" s="613"/>
      <c r="JUR649" s="613"/>
      <c r="JUS649" s="613"/>
      <c r="JUT649" s="613"/>
      <c r="JUU649" s="613"/>
      <c r="JUV649" s="613"/>
      <c r="JUW649" s="613"/>
      <c r="JUX649" s="613"/>
      <c r="JUY649" s="613"/>
      <c r="JUZ649" s="613"/>
      <c r="JVA649" s="613"/>
      <c r="JVB649" s="613"/>
      <c r="JVC649" s="613"/>
      <c r="JVD649" s="613"/>
      <c r="JVE649" s="613"/>
      <c r="JVF649" s="613"/>
      <c r="JVG649" s="613"/>
      <c r="JVH649" s="613"/>
      <c r="JVI649" s="613"/>
      <c r="JVJ649" s="613"/>
      <c r="JVK649" s="613"/>
      <c r="JVL649" s="613"/>
      <c r="JVM649" s="613"/>
      <c r="JVN649" s="613"/>
      <c r="JVO649" s="613"/>
      <c r="JVP649" s="613"/>
      <c r="JVQ649" s="613"/>
      <c r="JVR649" s="613"/>
      <c r="JVS649" s="613"/>
      <c r="JVT649" s="613"/>
      <c r="JVU649" s="613"/>
      <c r="JVV649" s="613"/>
      <c r="JVW649" s="613"/>
      <c r="JVX649" s="613"/>
      <c r="JVY649" s="613"/>
      <c r="JVZ649" s="613"/>
      <c r="JWA649" s="613"/>
      <c r="JWB649" s="613"/>
      <c r="JWC649" s="613"/>
      <c r="JWD649" s="613"/>
      <c r="JWE649" s="613"/>
      <c r="JWF649" s="613"/>
      <c r="JWG649" s="613"/>
      <c r="JWH649" s="613"/>
      <c r="JWI649" s="613"/>
      <c r="JWJ649" s="613"/>
      <c r="JWK649" s="613"/>
      <c r="JWL649" s="613"/>
      <c r="JWM649" s="613"/>
      <c r="JWN649" s="613"/>
      <c r="JWO649" s="613"/>
      <c r="JWP649" s="613"/>
      <c r="JWQ649" s="613"/>
      <c r="JWR649" s="613"/>
      <c r="JWS649" s="613"/>
      <c r="JWT649" s="613"/>
      <c r="JWU649" s="613"/>
      <c r="JWV649" s="613"/>
      <c r="JWW649" s="613"/>
      <c r="JWX649" s="613"/>
      <c r="JWY649" s="613"/>
      <c r="JWZ649" s="613"/>
      <c r="JXA649" s="613"/>
      <c r="JXB649" s="613"/>
      <c r="JXC649" s="613"/>
      <c r="JXD649" s="613"/>
      <c r="JXE649" s="613"/>
      <c r="JXF649" s="613"/>
      <c r="JXG649" s="613"/>
      <c r="JXH649" s="613"/>
      <c r="JXI649" s="613"/>
      <c r="JXJ649" s="613"/>
      <c r="JXK649" s="613"/>
      <c r="JXL649" s="613"/>
      <c r="JXM649" s="613"/>
      <c r="JXN649" s="613"/>
      <c r="JXO649" s="613"/>
      <c r="JXP649" s="613"/>
      <c r="JXQ649" s="613"/>
      <c r="JXR649" s="613"/>
      <c r="JXS649" s="613"/>
      <c r="JXT649" s="613"/>
      <c r="JXU649" s="613"/>
      <c r="JXV649" s="613"/>
      <c r="JXW649" s="613"/>
      <c r="JXX649" s="613"/>
      <c r="JXY649" s="613"/>
      <c r="JXZ649" s="613"/>
      <c r="JYA649" s="613"/>
      <c r="JYB649" s="613"/>
      <c r="JYC649" s="613"/>
      <c r="JYD649" s="613"/>
      <c r="JYE649" s="613"/>
      <c r="JYF649" s="613"/>
      <c r="JYG649" s="613"/>
      <c r="JYH649" s="613"/>
      <c r="JYI649" s="613"/>
      <c r="JYJ649" s="613"/>
      <c r="JYK649" s="613"/>
      <c r="JYL649" s="613"/>
      <c r="JYM649" s="613"/>
      <c r="JYN649" s="613"/>
      <c r="JYO649" s="613"/>
      <c r="JYP649" s="613"/>
      <c r="JYQ649" s="613"/>
      <c r="JYR649" s="613"/>
      <c r="JYS649" s="613"/>
      <c r="JYT649" s="613"/>
      <c r="JYU649" s="613"/>
      <c r="JYV649" s="613"/>
      <c r="JYW649" s="613"/>
      <c r="JYX649" s="613"/>
      <c r="JYY649" s="613"/>
      <c r="JYZ649" s="613"/>
      <c r="JZA649" s="613"/>
      <c r="JZB649" s="613"/>
      <c r="JZC649" s="613"/>
      <c r="JZD649" s="613"/>
      <c r="JZE649" s="613"/>
      <c r="JZF649" s="613"/>
      <c r="JZG649" s="613"/>
      <c r="JZH649" s="613"/>
      <c r="JZI649" s="613"/>
      <c r="JZJ649" s="613"/>
      <c r="JZK649" s="613"/>
      <c r="JZL649" s="613"/>
      <c r="JZM649" s="613"/>
      <c r="JZN649" s="613"/>
      <c r="JZO649" s="613"/>
      <c r="JZP649" s="613"/>
      <c r="JZQ649" s="613"/>
      <c r="JZR649" s="613"/>
      <c r="JZS649" s="613"/>
      <c r="JZT649" s="613"/>
      <c r="JZU649" s="613"/>
      <c r="JZV649" s="613"/>
      <c r="JZW649" s="613"/>
      <c r="JZX649" s="613"/>
      <c r="JZY649" s="613"/>
      <c r="JZZ649" s="613"/>
      <c r="KAA649" s="613"/>
      <c r="KAB649" s="613"/>
      <c r="KAC649" s="613"/>
      <c r="KAD649" s="613"/>
      <c r="KAE649" s="613"/>
      <c r="KAF649" s="613"/>
      <c r="KAG649" s="613"/>
      <c r="KAH649" s="613"/>
      <c r="KAI649" s="613"/>
      <c r="KAJ649" s="613"/>
      <c r="KAK649" s="613"/>
      <c r="KAL649" s="613"/>
      <c r="KAM649" s="613"/>
      <c r="KAN649" s="613"/>
      <c r="KAO649" s="613"/>
      <c r="KAP649" s="613"/>
      <c r="KAQ649" s="613"/>
      <c r="KAR649" s="613"/>
      <c r="KAS649" s="613"/>
      <c r="KAT649" s="613"/>
      <c r="KAU649" s="613"/>
      <c r="KAV649" s="613"/>
      <c r="KAW649" s="613"/>
      <c r="KAX649" s="613"/>
      <c r="KAY649" s="613"/>
      <c r="KAZ649" s="613"/>
      <c r="KBA649" s="613"/>
      <c r="KBB649" s="613"/>
      <c r="KBC649" s="613"/>
      <c r="KBD649" s="613"/>
      <c r="KBE649" s="613"/>
      <c r="KBF649" s="613"/>
      <c r="KBG649" s="613"/>
      <c r="KBH649" s="613"/>
      <c r="KBI649" s="613"/>
      <c r="KBJ649" s="613"/>
      <c r="KBK649" s="613"/>
      <c r="KBL649" s="613"/>
      <c r="KBM649" s="613"/>
      <c r="KBN649" s="613"/>
      <c r="KBO649" s="613"/>
      <c r="KBP649" s="613"/>
      <c r="KBQ649" s="613"/>
      <c r="KBR649" s="613"/>
      <c r="KBS649" s="613"/>
      <c r="KBT649" s="613"/>
      <c r="KBU649" s="613"/>
      <c r="KBV649" s="613"/>
      <c r="KBW649" s="613"/>
      <c r="KBX649" s="613"/>
      <c r="KBY649" s="613"/>
      <c r="KBZ649" s="613"/>
      <c r="KCA649" s="613"/>
      <c r="KCB649" s="613"/>
      <c r="KCC649" s="613"/>
      <c r="KCD649" s="613"/>
      <c r="KCE649" s="613"/>
      <c r="KCF649" s="613"/>
      <c r="KCG649" s="613"/>
      <c r="KCH649" s="613"/>
      <c r="KCI649" s="613"/>
      <c r="KCJ649" s="613"/>
      <c r="KCK649" s="613"/>
      <c r="KCL649" s="613"/>
      <c r="KCM649" s="613"/>
      <c r="KCN649" s="613"/>
      <c r="KCO649" s="613"/>
      <c r="KCP649" s="613"/>
      <c r="KCQ649" s="613"/>
      <c r="KCR649" s="613"/>
      <c r="KCS649" s="613"/>
      <c r="KCT649" s="613"/>
      <c r="KCU649" s="613"/>
      <c r="KCV649" s="613"/>
      <c r="KCW649" s="613"/>
      <c r="KCX649" s="613"/>
      <c r="KCY649" s="613"/>
      <c r="KCZ649" s="613"/>
      <c r="KDA649" s="613"/>
      <c r="KDB649" s="613"/>
      <c r="KDC649" s="613"/>
      <c r="KDD649" s="613"/>
      <c r="KDE649" s="613"/>
      <c r="KDF649" s="613"/>
      <c r="KDG649" s="613"/>
      <c r="KDH649" s="613"/>
      <c r="KDI649" s="613"/>
      <c r="KDJ649" s="613"/>
      <c r="KDK649" s="613"/>
      <c r="KDL649" s="613"/>
      <c r="KDM649" s="613"/>
      <c r="KDN649" s="613"/>
      <c r="KDO649" s="613"/>
      <c r="KDP649" s="613"/>
      <c r="KDQ649" s="613"/>
      <c r="KDR649" s="613"/>
      <c r="KDS649" s="613"/>
      <c r="KDT649" s="613"/>
      <c r="KDU649" s="613"/>
      <c r="KDV649" s="613"/>
      <c r="KDW649" s="613"/>
      <c r="KDX649" s="613"/>
      <c r="KDY649" s="613"/>
      <c r="KDZ649" s="613"/>
      <c r="KEA649" s="613"/>
      <c r="KEB649" s="613"/>
      <c r="KEC649" s="613"/>
      <c r="KED649" s="613"/>
      <c r="KEE649" s="613"/>
      <c r="KEF649" s="613"/>
      <c r="KEG649" s="613"/>
      <c r="KEH649" s="613"/>
      <c r="KEI649" s="613"/>
      <c r="KEJ649" s="613"/>
      <c r="KEK649" s="613"/>
      <c r="KEL649" s="613"/>
      <c r="KEM649" s="613"/>
      <c r="KEN649" s="613"/>
      <c r="KEO649" s="613"/>
      <c r="KEP649" s="613"/>
      <c r="KEQ649" s="613"/>
      <c r="KER649" s="613"/>
      <c r="KES649" s="613"/>
      <c r="KET649" s="613"/>
      <c r="KEU649" s="613"/>
      <c r="KEV649" s="613"/>
      <c r="KEW649" s="613"/>
      <c r="KEX649" s="613"/>
      <c r="KEY649" s="613"/>
      <c r="KEZ649" s="613"/>
      <c r="KFA649" s="613"/>
      <c r="KFB649" s="613"/>
      <c r="KFC649" s="613"/>
      <c r="KFD649" s="613"/>
      <c r="KFE649" s="613"/>
      <c r="KFF649" s="613"/>
      <c r="KFG649" s="613"/>
      <c r="KFH649" s="613"/>
      <c r="KFI649" s="613"/>
      <c r="KFJ649" s="613"/>
      <c r="KFK649" s="613"/>
      <c r="KFL649" s="613"/>
      <c r="KFM649" s="613"/>
      <c r="KFN649" s="613"/>
      <c r="KFO649" s="613"/>
      <c r="KFP649" s="613"/>
      <c r="KFQ649" s="613"/>
      <c r="KFR649" s="613"/>
      <c r="KFS649" s="613"/>
      <c r="KFT649" s="613"/>
      <c r="KFU649" s="613"/>
      <c r="KFV649" s="613"/>
      <c r="KFW649" s="613"/>
      <c r="KFX649" s="613"/>
      <c r="KFY649" s="613"/>
      <c r="KFZ649" s="613"/>
      <c r="KGA649" s="613"/>
      <c r="KGB649" s="613"/>
      <c r="KGC649" s="613"/>
      <c r="KGD649" s="613"/>
      <c r="KGE649" s="613"/>
      <c r="KGF649" s="613"/>
      <c r="KGG649" s="613"/>
      <c r="KGH649" s="613"/>
      <c r="KGI649" s="613"/>
      <c r="KGJ649" s="613"/>
      <c r="KGK649" s="613"/>
      <c r="KGL649" s="613"/>
      <c r="KGM649" s="613"/>
      <c r="KGN649" s="613"/>
      <c r="KGO649" s="613"/>
      <c r="KGP649" s="613"/>
      <c r="KGQ649" s="613"/>
      <c r="KGR649" s="613"/>
      <c r="KGS649" s="613"/>
      <c r="KGT649" s="613"/>
      <c r="KGU649" s="613"/>
      <c r="KGV649" s="613"/>
      <c r="KGW649" s="613"/>
      <c r="KGX649" s="613"/>
      <c r="KGY649" s="613"/>
      <c r="KGZ649" s="613"/>
      <c r="KHA649" s="613"/>
      <c r="KHB649" s="613"/>
      <c r="KHC649" s="613"/>
      <c r="KHD649" s="613"/>
      <c r="KHE649" s="613"/>
      <c r="KHF649" s="613"/>
      <c r="KHG649" s="613"/>
      <c r="KHH649" s="613"/>
      <c r="KHI649" s="613"/>
      <c r="KHJ649" s="613"/>
      <c r="KHK649" s="613"/>
      <c r="KHL649" s="613"/>
      <c r="KHM649" s="613"/>
      <c r="KHN649" s="613"/>
      <c r="KHO649" s="613"/>
      <c r="KHP649" s="613"/>
      <c r="KHQ649" s="613"/>
      <c r="KHR649" s="613"/>
      <c r="KHS649" s="613"/>
      <c r="KHT649" s="613"/>
      <c r="KHU649" s="613"/>
      <c r="KHV649" s="613"/>
      <c r="KHW649" s="613"/>
      <c r="KHX649" s="613"/>
      <c r="KHY649" s="613"/>
      <c r="KHZ649" s="613"/>
      <c r="KIA649" s="613"/>
      <c r="KIB649" s="613"/>
      <c r="KIC649" s="613"/>
      <c r="KID649" s="613"/>
      <c r="KIE649" s="613"/>
      <c r="KIF649" s="613"/>
      <c r="KIG649" s="613"/>
      <c r="KIH649" s="613"/>
      <c r="KII649" s="613"/>
      <c r="KIJ649" s="613"/>
      <c r="KIK649" s="613"/>
      <c r="KIL649" s="613"/>
      <c r="KIM649" s="613"/>
      <c r="KIN649" s="613"/>
      <c r="KIO649" s="613"/>
      <c r="KIP649" s="613"/>
      <c r="KIQ649" s="613"/>
      <c r="KIR649" s="613"/>
      <c r="KIS649" s="613"/>
      <c r="KIT649" s="613"/>
      <c r="KIU649" s="613"/>
      <c r="KIV649" s="613"/>
      <c r="KIW649" s="613"/>
      <c r="KIX649" s="613"/>
      <c r="KIY649" s="613"/>
      <c r="KIZ649" s="613"/>
      <c r="KJA649" s="613"/>
      <c r="KJB649" s="613"/>
      <c r="KJC649" s="613"/>
      <c r="KJD649" s="613"/>
      <c r="KJE649" s="613"/>
      <c r="KJF649" s="613"/>
      <c r="KJG649" s="613"/>
      <c r="KJH649" s="613"/>
      <c r="KJI649" s="613"/>
      <c r="KJJ649" s="613"/>
      <c r="KJK649" s="613"/>
      <c r="KJL649" s="613"/>
      <c r="KJM649" s="613"/>
      <c r="KJN649" s="613"/>
      <c r="KJO649" s="613"/>
      <c r="KJP649" s="613"/>
      <c r="KJQ649" s="613"/>
      <c r="KJR649" s="613"/>
      <c r="KJS649" s="613"/>
      <c r="KJT649" s="613"/>
      <c r="KJU649" s="613"/>
      <c r="KJV649" s="613"/>
      <c r="KJW649" s="613"/>
      <c r="KJX649" s="613"/>
      <c r="KJY649" s="613"/>
      <c r="KJZ649" s="613"/>
      <c r="KKA649" s="613"/>
      <c r="KKB649" s="613"/>
      <c r="KKC649" s="613"/>
      <c r="KKD649" s="613"/>
      <c r="KKE649" s="613"/>
      <c r="KKF649" s="613"/>
      <c r="KKG649" s="613"/>
      <c r="KKH649" s="613"/>
      <c r="KKI649" s="613"/>
      <c r="KKJ649" s="613"/>
      <c r="KKK649" s="613"/>
      <c r="KKL649" s="613"/>
      <c r="KKM649" s="613"/>
      <c r="KKN649" s="613"/>
      <c r="KKO649" s="613"/>
      <c r="KKP649" s="613"/>
      <c r="KKQ649" s="613"/>
      <c r="KKR649" s="613"/>
      <c r="KKS649" s="613"/>
      <c r="KKT649" s="613"/>
      <c r="KKU649" s="613"/>
      <c r="KKV649" s="613"/>
      <c r="KKW649" s="613"/>
      <c r="KKX649" s="613"/>
      <c r="KKY649" s="613"/>
      <c r="KKZ649" s="613"/>
      <c r="KLA649" s="613"/>
      <c r="KLB649" s="613"/>
      <c r="KLC649" s="613"/>
      <c r="KLD649" s="613"/>
      <c r="KLE649" s="613"/>
      <c r="KLF649" s="613"/>
      <c r="KLG649" s="613"/>
      <c r="KLH649" s="613"/>
      <c r="KLI649" s="613"/>
      <c r="KLJ649" s="613"/>
      <c r="KLK649" s="613"/>
      <c r="KLL649" s="613"/>
      <c r="KLM649" s="613"/>
      <c r="KLN649" s="613"/>
      <c r="KLO649" s="613"/>
      <c r="KLP649" s="613"/>
      <c r="KLQ649" s="613"/>
      <c r="KLR649" s="613"/>
      <c r="KLS649" s="613"/>
      <c r="KLT649" s="613"/>
      <c r="KLU649" s="613"/>
      <c r="KLV649" s="613"/>
      <c r="KLW649" s="613"/>
      <c r="KLX649" s="613"/>
      <c r="KLY649" s="613"/>
      <c r="KLZ649" s="613"/>
      <c r="KMA649" s="613"/>
      <c r="KMB649" s="613"/>
      <c r="KMC649" s="613"/>
      <c r="KMD649" s="613"/>
      <c r="KME649" s="613"/>
      <c r="KMF649" s="613"/>
      <c r="KMG649" s="613"/>
      <c r="KMH649" s="613"/>
      <c r="KMI649" s="613"/>
      <c r="KMJ649" s="613"/>
      <c r="KMK649" s="613"/>
      <c r="KML649" s="613"/>
      <c r="KMM649" s="613"/>
      <c r="KMN649" s="613"/>
      <c r="KMO649" s="613"/>
      <c r="KMP649" s="613"/>
      <c r="KMQ649" s="613"/>
      <c r="KMR649" s="613"/>
      <c r="KMS649" s="613"/>
      <c r="KMT649" s="613"/>
      <c r="KMU649" s="613"/>
      <c r="KMV649" s="613"/>
      <c r="KMW649" s="613"/>
      <c r="KMX649" s="613"/>
      <c r="KMY649" s="613"/>
      <c r="KMZ649" s="613"/>
      <c r="KNA649" s="613"/>
      <c r="KNB649" s="613"/>
      <c r="KNC649" s="613"/>
      <c r="KND649" s="613"/>
      <c r="KNE649" s="613"/>
      <c r="KNF649" s="613"/>
      <c r="KNG649" s="613"/>
      <c r="KNH649" s="613"/>
      <c r="KNI649" s="613"/>
      <c r="KNJ649" s="613"/>
      <c r="KNK649" s="613"/>
      <c r="KNL649" s="613"/>
      <c r="KNM649" s="613"/>
      <c r="KNN649" s="613"/>
      <c r="KNO649" s="613"/>
      <c r="KNP649" s="613"/>
      <c r="KNQ649" s="613"/>
      <c r="KNR649" s="613"/>
      <c r="KNS649" s="613"/>
      <c r="KNT649" s="613"/>
      <c r="KNU649" s="613"/>
      <c r="KNV649" s="613"/>
      <c r="KNW649" s="613"/>
      <c r="KNX649" s="613"/>
      <c r="KNY649" s="613"/>
      <c r="KNZ649" s="613"/>
      <c r="KOA649" s="613"/>
      <c r="KOB649" s="613"/>
      <c r="KOC649" s="613"/>
      <c r="KOD649" s="613"/>
      <c r="KOE649" s="613"/>
      <c r="KOF649" s="613"/>
      <c r="KOG649" s="613"/>
      <c r="KOH649" s="613"/>
      <c r="KOI649" s="613"/>
      <c r="KOJ649" s="613"/>
      <c r="KOK649" s="613"/>
      <c r="KOL649" s="613"/>
      <c r="KOM649" s="613"/>
      <c r="KON649" s="613"/>
      <c r="KOO649" s="613"/>
      <c r="KOP649" s="613"/>
      <c r="KOQ649" s="613"/>
      <c r="KOR649" s="613"/>
      <c r="KOS649" s="613"/>
      <c r="KOT649" s="613"/>
      <c r="KOU649" s="613"/>
      <c r="KOV649" s="613"/>
      <c r="KOW649" s="613"/>
      <c r="KOX649" s="613"/>
      <c r="KOY649" s="613"/>
      <c r="KOZ649" s="613"/>
      <c r="KPA649" s="613"/>
      <c r="KPB649" s="613"/>
      <c r="KPC649" s="613"/>
      <c r="KPD649" s="613"/>
      <c r="KPE649" s="613"/>
      <c r="KPF649" s="613"/>
      <c r="KPG649" s="613"/>
      <c r="KPH649" s="613"/>
      <c r="KPI649" s="613"/>
      <c r="KPJ649" s="613"/>
      <c r="KPK649" s="613"/>
      <c r="KPL649" s="613"/>
      <c r="KPM649" s="613"/>
      <c r="KPN649" s="613"/>
      <c r="KPO649" s="613"/>
      <c r="KPP649" s="613"/>
      <c r="KPQ649" s="613"/>
      <c r="KPR649" s="613"/>
      <c r="KPS649" s="613"/>
      <c r="KPT649" s="613"/>
      <c r="KPU649" s="613"/>
      <c r="KPV649" s="613"/>
      <c r="KPW649" s="613"/>
      <c r="KPX649" s="613"/>
      <c r="KPY649" s="613"/>
      <c r="KPZ649" s="613"/>
      <c r="KQA649" s="613"/>
      <c r="KQB649" s="613"/>
      <c r="KQC649" s="613"/>
      <c r="KQD649" s="613"/>
      <c r="KQE649" s="613"/>
      <c r="KQF649" s="613"/>
      <c r="KQG649" s="613"/>
      <c r="KQH649" s="613"/>
      <c r="KQI649" s="613"/>
      <c r="KQJ649" s="613"/>
      <c r="KQK649" s="613"/>
      <c r="KQL649" s="613"/>
      <c r="KQM649" s="613"/>
      <c r="KQN649" s="613"/>
      <c r="KQO649" s="613"/>
      <c r="KQP649" s="613"/>
      <c r="KQQ649" s="613"/>
      <c r="KQR649" s="613"/>
      <c r="KQS649" s="613"/>
      <c r="KQT649" s="613"/>
      <c r="KQU649" s="613"/>
      <c r="KQV649" s="613"/>
      <c r="KQW649" s="613"/>
      <c r="KQX649" s="613"/>
      <c r="KQY649" s="613"/>
      <c r="KQZ649" s="613"/>
      <c r="KRA649" s="613"/>
      <c r="KRB649" s="613"/>
      <c r="KRC649" s="613"/>
      <c r="KRD649" s="613"/>
      <c r="KRE649" s="613"/>
      <c r="KRF649" s="613"/>
      <c r="KRG649" s="613"/>
      <c r="KRH649" s="613"/>
      <c r="KRI649" s="613"/>
      <c r="KRJ649" s="613"/>
      <c r="KRK649" s="613"/>
      <c r="KRL649" s="613"/>
      <c r="KRM649" s="613"/>
      <c r="KRN649" s="613"/>
      <c r="KRO649" s="613"/>
      <c r="KRP649" s="613"/>
      <c r="KRQ649" s="613"/>
      <c r="KRR649" s="613"/>
      <c r="KRS649" s="613"/>
      <c r="KRT649" s="613"/>
      <c r="KRU649" s="613"/>
      <c r="KRV649" s="613"/>
      <c r="KRW649" s="613"/>
      <c r="KRX649" s="613"/>
      <c r="KRY649" s="613"/>
      <c r="KRZ649" s="613"/>
      <c r="KSA649" s="613"/>
      <c r="KSB649" s="613"/>
      <c r="KSC649" s="613"/>
      <c r="KSD649" s="613"/>
      <c r="KSE649" s="613"/>
      <c r="KSF649" s="613"/>
      <c r="KSG649" s="613"/>
      <c r="KSH649" s="613"/>
      <c r="KSI649" s="613"/>
      <c r="KSJ649" s="613"/>
      <c r="KSK649" s="613"/>
      <c r="KSL649" s="613"/>
      <c r="KSM649" s="613"/>
      <c r="KSN649" s="613"/>
      <c r="KSO649" s="613"/>
      <c r="KSP649" s="613"/>
      <c r="KSQ649" s="613"/>
      <c r="KSR649" s="613"/>
      <c r="KSS649" s="613"/>
      <c r="KST649" s="613"/>
      <c r="KSU649" s="613"/>
      <c r="KSV649" s="613"/>
      <c r="KSW649" s="613"/>
      <c r="KSX649" s="613"/>
      <c r="KSY649" s="613"/>
      <c r="KSZ649" s="613"/>
      <c r="KTA649" s="613"/>
      <c r="KTB649" s="613"/>
      <c r="KTC649" s="613"/>
      <c r="KTD649" s="613"/>
      <c r="KTE649" s="613"/>
      <c r="KTF649" s="613"/>
      <c r="KTG649" s="613"/>
      <c r="KTH649" s="613"/>
      <c r="KTI649" s="613"/>
      <c r="KTJ649" s="613"/>
      <c r="KTK649" s="613"/>
      <c r="KTL649" s="613"/>
      <c r="KTM649" s="613"/>
      <c r="KTN649" s="613"/>
      <c r="KTO649" s="613"/>
      <c r="KTP649" s="613"/>
      <c r="KTQ649" s="613"/>
      <c r="KTR649" s="613"/>
      <c r="KTS649" s="613"/>
      <c r="KTT649" s="613"/>
      <c r="KTU649" s="613"/>
      <c r="KTV649" s="613"/>
      <c r="KTW649" s="613"/>
      <c r="KTX649" s="613"/>
      <c r="KTY649" s="613"/>
      <c r="KTZ649" s="613"/>
      <c r="KUA649" s="613"/>
      <c r="KUB649" s="613"/>
      <c r="KUC649" s="613"/>
      <c r="KUD649" s="613"/>
      <c r="KUE649" s="613"/>
      <c r="KUF649" s="613"/>
      <c r="KUG649" s="613"/>
      <c r="KUH649" s="613"/>
      <c r="KUI649" s="613"/>
      <c r="KUJ649" s="613"/>
      <c r="KUK649" s="613"/>
      <c r="KUL649" s="613"/>
      <c r="KUM649" s="613"/>
      <c r="KUN649" s="613"/>
      <c r="KUO649" s="613"/>
      <c r="KUP649" s="613"/>
      <c r="KUQ649" s="613"/>
      <c r="KUR649" s="613"/>
      <c r="KUS649" s="613"/>
      <c r="KUT649" s="613"/>
      <c r="KUU649" s="613"/>
      <c r="KUV649" s="613"/>
      <c r="KUW649" s="613"/>
      <c r="KUX649" s="613"/>
      <c r="KUY649" s="613"/>
      <c r="KUZ649" s="613"/>
      <c r="KVA649" s="613"/>
      <c r="KVB649" s="613"/>
      <c r="KVC649" s="613"/>
      <c r="KVD649" s="613"/>
      <c r="KVE649" s="613"/>
      <c r="KVF649" s="613"/>
      <c r="KVG649" s="613"/>
      <c r="KVH649" s="613"/>
      <c r="KVI649" s="613"/>
      <c r="KVJ649" s="613"/>
      <c r="KVK649" s="613"/>
      <c r="KVL649" s="613"/>
      <c r="KVM649" s="613"/>
      <c r="KVN649" s="613"/>
      <c r="KVO649" s="613"/>
      <c r="KVP649" s="613"/>
      <c r="KVQ649" s="613"/>
      <c r="KVR649" s="613"/>
      <c r="KVS649" s="613"/>
      <c r="KVT649" s="613"/>
      <c r="KVU649" s="613"/>
      <c r="KVV649" s="613"/>
      <c r="KVW649" s="613"/>
      <c r="KVX649" s="613"/>
      <c r="KVY649" s="613"/>
      <c r="KVZ649" s="613"/>
      <c r="KWA649" s="613"/>
      <c r="KWB649" s="613"/>
      <c r="KWC649" s="613"/>
      <c r="KWD649" s="613"/>
      <c r="KWE649" s="613"/>
      <c r="KWF649" s="613"/>
      <c r="KWG649" s="613"/>
      <c r="KWH649" s="613"/>
      <c r="KWI649" s="613"/>
      <c r="KWJ649" s="613"/>
      <c r="KWK649" s="613"/>
      <c r="KWL649" s="613"/>
      <c r="KWM649" s="613"/>
      <c r="KWN649" s="613"/>
      <c r="KWO649" s="613"/>
      <c r="KWP649" s="613"/>
      <c r="KWQ649" s="613"/>
      <c r="KWR649" s="613"/>
      <c r="KWS649" s="613"/>
      <c r="KWT649" s="613"/>
      <c r="KWU649" s="613"/>
      <c r="KWV649" s="613"/>
      <c r="KWW649" s="613"/>
      <c r="KWX649" s="613"/>
      <c r="KWY649" s="613"/>
      <c r="KWZ649" s="613"/>
      <c r="KXA649" s="613"/>
      <c r="KXB649" s="613"/>
      <c r="KXC649" s="613"/>
      <c r="KXD649" s="613"/>
      <c r="KXE649" s="613"/>
      <c r="KXF649" s="613"/>
      <c r="KXG649" s="613"/>
      <c r="KXH649" s="613"/>
      <c r="KXI649" s="613"/>
      <c r="KXJ649" s="613"/>
      <c r="KXK649" s="613"/>
      <c r="KXL649" s="613"/>
      <c r="KXM649" s="613"/>
      <c r="KXN649" s="613"/>
      <c r="KXO649" s="613"/>
      <c r="KXP649" s="613"/>
      <c r="KXQ649" s="613"/>
      <c r="KXR649" s="613"/>
      <c r="KXS649" s="613"/>
      <c r="KXT649" s="613"/>
      <c r="KXU649" s="613"/>
      <c r="KXV649" s="613"/>
      <c r="KXW649" s="613"/>
      <c r="KXX649" s="613"/>
      <c r="KXY649" s="613"/>
      <c r="KXZ649" s="613"/>
      <c r="KYA649" s="613"/>
      <c r="KYB649" s="613"/>
      <c r="KYC649" s="613"/>
      <c r="KYD649" s="613"/>
      <c r="KYE649" s="613"/>
      <c r="KYF649" s="613"/>
      <c r="KYG649" s="613"/>
      <c r="KYH649" s="613"/>
      <c r="KYI649" s="613"/>
      <c r="KYJ649" s="613"/>
      <c r="KYK649" s="613"/>
      <c r="KYL649" s="613"/>
      <c r="KYM649" s="613"/>
      <c r="KYN649" s="613"/>
      <c r="KYO649" s="613"/>
      <c r="KYP649" s="613"/>
      <c r="KYQ649" s="613"/>
      <c r="KYR649" s="613"/>
      <c r="KYS649" s="613"/>
      <c r="KYT649" s="613"/>
      <c r="KYU649" s="613"/>
      <c r="KYV649" s="613"/>
      <c r="KYW649" s="613"/>
      <c r="KYX649" s="613"/>
      <c r="KYY649" s="613"/>
      <c r="KYZ649" s="613"/>
      <c r="KZA649" s="613"/>
      <c r="KZB649" s="613"/>
      <c r="KZC649" s="613"/>
      <c r="KZD649" s="613"/>
      <c r="KZE649" s="613"/>
      <c r="KZF649" s="613"/>
      <c r="KZG649" s="613"/>
      <c r="KZH649" s="613"/>
      <c r="KZI649" s="613"/>
      <c r="KZJ649" s="613"/>
      <c r="KZK649" s="613"/>
      <c r="KZL649" s="613"/>
      <c r="KZM649" s="613"/>
      <c r="KZN649" s="613"/>
      <c r="KZO649" s="613"/>
      <c r="KZP649" s="613"/>
      <c r="KZQ649" s="613"/>
      <c r="KZR649" s="613"/>
      <c r="KZS649" s="613"/>
      <c r="KZT649" s="613"/>
      <c r="KZU649" s="613"/>
      <c r="KZV649" s="613"/>
      <c r="KZW649" s="613"/>
      <c r="KZX649" s="613"/>
      <c r="KZY649" s="613"/>
      <c r="KZZ649" s="613"/>
      <c r="LAA649" s="613"/>
      <c r="LAB649" s="613"/>
      <c r="LAC649" s="613"/>
      <c r="LAD649" s="613"/>
      <c r="LAE649" s="613"/>
      <c r="LAF649" s="613"/>
      <c r="LAG649" s="613"/>
      <c r="LAH649" s="613"/>
      <c r="LAI649" s="613"/>
      <c r="LAJ649" s="613"/>
      <c r="LAK649" s="613"/>
      <c r="LAL649" s="613"/>
      <c r="LAM649" s="613"/>
      <c r="LAN649" s="613"/>
      <c r="LAO649" s="613"/>
      <c r="LAP649" s="613"/>
      <c r="LAQ649" s="613"/>
      <c r="LAR649" s="613"/>
      <c r="LAS649" s="613"/>
      <c r="LAT649" s="613"/>
      <c r="LAU649" s="613"/>
      <c r="LAV649" s="613"/>
      <c r="LAW649" s="613"/>
      <c r="LAX649" s="613"/>
      <c r="LAY649" s="613"/>
      <c r="LAZ649" s="613"/>
      <c r="LBA649" s="613"/>
      <c r="LBB649" s="613"/>
      <c r="LBC649" s="613"/>
      <c r="LBD649" s="613"/>
      <c r="LBE649" s="613"/>
      <c r="LBF649" s="613"/>
      <c r="LBG649" s="613"/>
      <c r="LBH649" s="613"/>
      <c r="LBI649" s="613"/>
      <c r="LBJ649" s="613"/>
      <c r="LBK649" s="613"/>
      <c r="LBL649" s="613"/>
      <c r="LBM649" s="613"/>
      <c r="LBN649" s="613"/>
      <c r="LBO649" s="613"/>
      <c r="LBP649" s="613"/>
      <c r="LBQ649" s="613"/>
      <c r="LBR649" s="613"/>
      <c r="LBS649" s="613"/>
      <c r="LBT649" s="613"/>
      <c r="LBU649" s="613"/>
      <c r="LBV649" s="613"/>
      <c r="LBW649" s="613"/>
      <c r="LBX649" s="613"/>
      <c r="LBY649" s="613"/>
      <c r="LBZ649" s="613"/>
      <c r="LCA649" s="613"/>
      <c r="LCB649" s="613"/>
      <c r="LCC649" s="613"/>
      <c r="LCD649" s="613"/>
      <c r="LCE649" s="613"/>
      <c r="LCF649" s="613"/>
      <c r="LCG649" s="613"/>
      <c r="LCH649" s="613"/>
      <c r="LCI649" s="613"/>
      <c r="LCJ649" s="613"/>
      <c r="LCK649" s="613"/>
      <c r="LCL649" s="613"/>
      <c r="LCM649" s="613"/>
      <c r="LCN649" s="613"/>
      <c r="LCO649" s="613"/>
      <c r="LCP649" s="613"/>
      <c r="LCQ649" s="613"/>
      <c r="LCR649" s="613"/>
      <c r="LCS649" s="613"/>
      <c r="LCT649" s="613"/>
      <c r="LCU649" s="613"/>
      <c r="LCV649" s="613"/>
      <c r="LCW649" s="613"/>
      <c r="LCX649" s="613"/>
      <c r="LCY649" s="613"/>
      <c r="LCZ649" s="613"/>
      <c r="LDA649" s="613"/>
      <c r="LDB649" s="613"/>
      <c r="LDC649" s="613"/>
      <c r="LDD649" s="613"/>
      <c r="LDE649" s="613"/>
      <c r="LDF649" s="613"/>
      <c r="LDG649" s="613"/>
      <c r="LDH649" s="613"/>
      <c r="LDI649" s="613"/>
      <c r="LDJ649" s="613"/>
      <c r="LDK649" s="613"/>
      <c r="LDL649" s="613"/>
      <c r="LDM649" s="613"/>
      <c r="LDN649" s="613"/>
      <c r="LDO649" s="613"/>
      <c r="LDP649" s="613"/>
      <c r="LDQ649" s="613"/>
      <c r="LDR649" s="613"/>
      <c r="LDS649" s="613"/>
      <c r="LDT649" s="613"/>
      <c r="LDU649" s="613"/>
      <c r="LDV649" s="613"/>
      <c r="LDW649" s="613"/>
      <c r="LDX649" s="613"/>
      <c r="LDY649" s="613"/>
      <c r="LDZ649" s="613"/>
      <c r="LEA649" s="613"/>
      <c r="LEB649" s="613"/>
      <c r="LEC649" s="613"/>
      <c r="LED649" s="613"/>
      <c r="LEE649" s="613"/>
      <c r="LEF649" s="613"/>
      <c r="LEG649" s="613"/>
      <c r="LEH649" s="613"/>
      <c r="LEI649" s="613"/>
      <c r="LEJ649" s="613"/>
      <c r="LEK649" s="613"/>
      <c r="LEL649" s="613"/>
      <c r="LEM649" s="613"/>
      <c r="LEN649" s="613"/>
      <c r="LEO649" s="613"/>
      <c r="LEP649" s="613"/>
      <c r="LEQ649" s="613"/>
      <c r="LER649" s="613"/>
      <c r="LES649" s="613"/>
      <c r="LET649" s="613"/>
      <c r="LEU649" s="613"/>
      <c r="LEV649" s="613"/>
      <c r="LEW649" s="613"/>
      <c r="LEX649" s="613"/>
      <c r="LEY649" s="613"/>
      <c r="LEZ649" s="613"/>
      <c r="LFA649" s="613"/>
      <c r="LFB649" s="613"/>
      <c r="LFC649" s="613"/>
      <c r="LFD649" s="613"/>
      <c r="LFE649" s="613"/>
      <c r="LFF649" s="613"/>
      <c r="LFG649" s="613"/>
      <c r="LFH649" s="613"/>
      <c r="LFI649" s="613"/>
      <c r="LFJ649" s="613"/>
      <c r="LFK649" s="613"/>
      <c r="LFL649" s="613"/>
      <c r="LFM649" s="613"/>
      <c r="LFN649" s="613"/>
      <c r="LFO649" s="613"/>
      <c r="LFP649" s="613"/>
      <c r="LFQ649" s="613"/>
      <c r="LFR649" s="613"/>
      <c r="LFS649" s="613"/>
      <c r="LFT649" s="613"/>
      <c r="LFU649" s="613"/>
      <c r="LFV649" s="613"/>
      <c r="LFW649" s="613"/>
      <c r="LFX649" s="613"/>
      <c r="LFY649" s="613"/>
      <c r="LFZ649" s="613"/>
      <c r="LGA649" s="613"/>
      <c r="LGB649" s="613"/>
      <c r="LGC649" s="613"/>
      <c r="LGD649" s="613"/>
      <c r="LGE649" s="613"/>
      <c r="LGF649" s="613"/>
      <c r="LGG649" s="613"/>
      <c r="LGH649" s="613"/>
      <c r="LGI649" s="613"/>
      <c r="LGJ649" s="613"/>
      <c r="LGK649" s="613"/>
      <c r="LGL649" s="613"/>
      <c r="LGM649" s="613"/>
      <c r="LGN649" s="613"/>
      <c r="LGO649" s="613"/>
      <c r="LGP649" s="613"/>
      <c r="LGQ649" s="613"/>
      <c r="LGR649" s="613"/>
      <c r="LGS649" s="613"/>
      <c r="LGT649" s="613"/>
      <c r="LGU649" s="613"/>
      <c r="LGV649" s="613"/>
      <c r="LGW649" s="613"/>
      <c r="LGX649" s="613"/>
      <c r="LGY649" s="613"/>
      <c r="LGZ649" s="613"/>
      <c r="LHA649" s="613"/>
      <c r="LHB649" s="613"/>
      <c r="LHC649" s="613"/>
      <c r="LHD649" s="613"/>
      <c r="LHE649" s="613"/>
      <c r="LHF649" s="613"/>
      <c r="LHG649" s="613"/>
      <c r="LHH649" s="613"/>
      <c r="LHI649" s="613"/>
      <c r="LHJ649" s="613"/>
      <c r="LHK649" s="613"/>
      <c r="LHL649" s="613"/>
      <c r="LHM649" s="613"/>
      <c r="LHN649" s="613"/>
      <c r="LHO649" s="613"/>
      <c r="LHP649" s="613"/>
      <c r="LHQ649" s="613"/>
      <c r="LHR649" s="613"/>
      <c r="LHS649" s="613"/>
      <c r="LHT649" s="613"/>
      <c r="LHU649" s="613"/>
      <c r="LHV649" s="613"/>
      <c r="LHW649" s="613"/>
      <c r="LHX649" s="613"/>
      <c r="LHY649" s="613"/>
      <c r="LHZ649" s="613"/>
      <c r="LIA649" s="613"/>
      <c r="LIB649" s="613"/>
      <c r="LIC649" s="613"/>
      <c r="LID649" s="613"/>
      <c r="LIE649" s="613"/>
      <c r="LIF649" s="613"/>
      <c r="LIG649" s="613"/>
      <c r="LIH649" s="613"/>
      <c r="LII649" s="613"/>
      <c r="LIJ649" s="613"/>
      <c r="LIK649" s="613"/>
      <c r="LIL649" s="613"/>
      <c r="LIM649" s="613"/>
      <c r="LIN649" s="613"/>
      <c r="LIO649" s="613"/>
      <c r="LIP649" s="613"/>
      <c r="LIQ649" s="613"/>
      <c r="LIR649" s="613"/>
      <c r="LIS649" s="613"/>
      <c r="LIT649" s="613"/>
      <c r="LIU649" s="613"/>
      <c r="LIV649" s="613"/>
      <c r="LIW649" s="613"/>
      <c r="LIX649" s="613"/>
      <c r="LIY649" s="613"/>
      <c r="LIZ649" s="613"/>
      <c r="LJA649" s="613"/>
      <c r="LJB649" s="613"/>
      <c r="LJC649" s="613"/>
      <c r="LJD649" s="613"/>
      <c r="LJE649" s="613"/>
      <c r="LJF649" s="613"/>
      <c r="LJG649" s="613"/>
      <c r="LJH649" s="613"/>
      <c r="LJI649" s="613"/>
      <c r="LJJ649" s="613"/>
      <c r="LJK649" s="613"/>
      <c r="LJL649" s="613"/>
      <c r="LJM649" s="613"/>
      <c r="LJN649" s="613"/>
      <c r="LJO649" s="613"/>
      <c r="LJP649" s="613"/>
      <c r="LJQ649" s="613"/>
      <c r="LJR649" s="613"/>
      <c r="LJS649" s="613"/>
      <c r="LJT649" s="613"/>
      <c r="LJU649" s="613"/>
      <c r="LJV649" s="613"/>
      <c r="LJW649" s="613"/>
      <c r="LJX649" s="613"/>
      <c r="LJY649" s="613"/>
      <c r="LJZ649" s="613"/>
      <c r="LKA649" s="613"/>
      <c r="LKB649" s="613"/>
      <c r="LKC649" s="613"/>
      <c r="LKD649" s="613"/>
      <c r="LKE649" s="613"/>
      <c r="LKF649" s="613"/>
      <c r="LKG649" s="613"/>
      <c r="LKH649" s="613"/>
      <c r="LKI649" s="613"/>
      <c r="LKJ649" s="613"/>
      <c r="LKK649" s="613"/>
      <c r="LKL649" s="613"/>
      <c r="LKM649" s="613"/>
      <c r="LKN649" s="613"/>
      <c r="LKO649" s="613"/>
      <c r="LKP649" s="613"/>
      <c r="LKQ649" s="613"/>
      <c r="LKR649" s="613"/>
      <c r="LKS649" s="613"/>
      <c r="LKT649" s="613"/>
      <c r="LKU649" s="613"/>
      <c r="LKV649" s="613"/>
      <c r="LKW649" s="613"/>
      <c r="LKX649" s="613"/>
      <c r="LKY649" s="613"/>
      <c r="LKZ649" s="613"/>
      <c r="LLA649" s="613"/>
      <c r="LLB649" s="613"/>
      <c r="LLC649" s="613"/>
      <c r="LLD649" s="613"/>
      <c r="LLE649" s="613"/>
      <c r="LLF649" s="613"/>
      <c r="LLG649" s="613"/>
      <c r="LLH649" s="613"/>
      <c r="LLI649" s="613"/>
      <c r="LLJ649" s="613"/>
      <c r="LLK649" s="613"/>
      <c r="LLL649" s="613"/>
      <c r="LLM649" s="613"/>
      <c r="LLN649" s="613"/>
      <c r="LLO649" s="613"/>
      <c r="LLP649" s="613"/>
      <c r="LLQ649" s="613"/>
      <c r="LLR649" s="613"/>
      <c r="LLS649" s="613"/>
      <c r="LLT649" s="613"/>
      <c r="LLU649" s="613"/>
      <c r="LLV649" s="613"/>
      <c r="LLW649" s="613"/>
      <c r="LLX649" s="613"/>
      <c r="LLY649" s="613"/>
      <c r="LLZ649" s="613"/>
      <c r="LMA649" s="613"/>
      <c r="LMB649" s="613"/>
      <c r="LMC649" s="613"/>
      <c r="LMD649" s="613"/>
      <c r="LME649" s="613"/>
      <c r="LMF649" s="613"/>
      <c r="LMG649" s="613"/>
      <c r="LMH649" s="613"/>
      <c r="LMI649" s="613"/>
      <c r="LMJ649" s="613"/>
      <c r="LMK649" s="613"/>
      <c r="LML649" s="613"/>
      <c r="LMM649" s="613"/>
      <c r="LMN649" s="613"/>
      <c r="LMO649" s="613"/>
      <c r="LMP649" s="613"/>
      <c r="LMQ649" s="613"/>
      <c r="LMR649" s="613"/>
      <c r="LMS649" s="613"/>
      <c r="LMT649" s="613"/>
      <c r="LMU649" s="613"/>
      <c r="LMV649" s="613"/>
      <c r="LMW649" s="613"/>
      <c r="LMX649" s="613"/>
      <c r="LMY649" s="613"/>
      <c r="LMZ649" s="613"/>
      <c r="LNA649" s="613"/>
      <c r="LNB649" s="613"/>
      <c r="LNC649" s="613"/>
      <c r="LND649" s="613"/>
      <c r="LNE649" s="613"/>
      <c r="LNF649" s="613"/>
      <c r="LNG649" s="613"/>
      <c r="LNH649" s="613"/>
      <c r="LNI649" s="613"/>
      <c r="LNJ649" s="613"/>
      <c r="LNK649" s="613"/>
      <c r="LNL649" s="613"/>
      <c r="LNM649" s="613"/>
      <c r="LNN649" s="613"/>
      <c r="LNO649" s="613"/>
      <c r="LNP649" s="613"/>
      <c r="LNQ649" s="613"/>
      <c r="LNR649" s="613"/>
      <c r="LNS649" s="613"/>
      <c r="LNT649" s="613"/>
      <c r="LNU649" s="613"/>
      <c r="LNV649" s="613"/>
      <c r="LNW649" s="613"/>
      <c r="LNX649" s="613"/>
      <c r="LNY649" s="613"/>
      <c r="LNZ649" s="613"/>
      <c r="LOA649" s="613"/>
      <c r="LOB649" s="613"/>
      <c r="LOC649" s="613"/>
      <c r="LOD649" s="613"/>
      <c r="LOE649" s="613"/>
      <c r="LOF649" s="613"/>
      <c r="LOG649" s="613"/>
      <c r="LOH649" s="613"/>
      <c r="LOI649" s="613"/>
      <c r="LOJ649" s="613"/>
      <c r="LOK649" s="613"/>
      <c r="LOL649" s="613"/>
      <c r="LOM649" s="613"/>
      <c r="LON649" s="613"/>
      <c r="LOO649" s="613"/>
      <c r="LOP649" s="613"/>
      <c r="LOQ649" s="613"/>
      <c r="LOR649" s="613"/>
      <c r="LOS649" s="613"/>
      <c r="LOT649" s="613"/>
      <c r="LOU649" s="613"/>
      <c r="LOV649" s="613"/>
      <c r="LOW649" s="613"/>
      <c r="LOX649" s="613"/>
      <c r="LOY649" s="613"/>
      <c r="LOZ649" s="613"/>
      <c r="LPA649" s="613"/>
      <c r="LPB649" s="613"/>
      <c r="LPC649" s="613"/>
      <c r="LPD649" s="613"/>
      <c r="LPE649" s="613"/>
      <c r="LPF649" s="613"/>
      <c r="LPG649" s="613"/>
      <c r="LPH649" s="613"/>
      <c r="LPI649" s="613"/>
      <c r="LPJ649" s="613"/>
      <c r="LPK649" s="613"/>
      <c r="LPL649" s="613"/>
      <c r="LPM649" s="613"/>
      <c r="LPN649" s="613"/>
      <c r="LPO649" s="613"/>
      <c r="LPP649" s="613"/>
      <c r="LPQ649" s="613"/>
      <c r="LPR649" s="613"/>
      <c r="LPS649" s="613"/>
      <c r="LPT649" s="613"/>
      <c r="LPU649" s="613"/>
      <c r="LPV649" s="613"/>
      <c r="LPW649" s="613"/>
      <c r="LPX649" s="613"/>
      <c r="LPY649" s="613"/>
      <c r="LPZ649" s="613"/>
      <c r="LQA649" s="613"/>
      <c r="LQB649" s="613"/>
      <c r="LQC649" s="613"/>
      <c r="LQD649" s="613"/>
      <c r="LQE649" s="613"/>
      <c r="LQF649" s="613"/>
      <c r="LQG649" s="613"/>
      <c r="LQH649" s="613"/>
      <c r="LQI649" s="613"/>
      <c r="LQJ649" s="613"/>
      <c r="LQK649" s="613"/>
      <c r="LQL649" s="613"/>
      <c r="LQM649" s="613"/>
      <c r="LQN649" s="613"/>
      <c r="LQO649" s="613"/>
      <c r="LQP649" s="613"/>
      <c r="LQQ649" s="613"/>
      <c r="LQR649" s="613"/>
      <c r="LQS649" s="613"/>
      <c r="LQT649" s="613"/>
      <c r="LQU649" s="613"/>
      <c r="LQV649" s="613"/>
      <c r="LQW649" s="613"/>
      <c r="LQX649" s="613"/>
      <c r="LQY649" s="613"/>
      <c r="LQZ649" s="613"/>
      <c r="LRA649" s="613"/>
      <c r="LRB649" s="613"/>
      <c r="LRC649" s="613"/>
      <c r="LRD649" s="613"/>
      <c r="LRE649" s="613"/>
      <c r="LRF649" s="613"/>
      <c r="LRG649" s="613"/>
      <c r="LRH649" s="613"/>
      <c r="LRI649" s="613"/>
      <c r="LRJ649" s="613"/>
      <c r="LRK649" s="613"/>
      <c r="LRL649" s="613"/>
      <c r="LRM649" s="613"/>
      <c r="LRN649" s="613"/>
      <c r="LRO649" s="613"/>
      <c r="LRP649" s="613"/>
      <c r="LRQ649" s="613"/>
      <c r="LRR649" s="613"/>
      <c r="LRS649" s="613"/>
      <c r="LRT649" s="613"/>
      <c r="LRU649" s="613"/>
      <c r="LRV649" s="613"/>
      <c r="LRW649" s="613"/>
      <c r="LRX649" s="613"/>
      <c r="LRY649" s="613"/>
      <c r="LRZ649" s="613"/>
      <c r="LSA649" s="613"/>
      <c r="LSB649" s="613"/>
      <c r="LSC649" s="613"/>
      <c r="LSD649" s="613"/>
      <c r="LSE649" s="613"/>
      <c r="LSF649" s="613"/>
      <c r="LSG649" s="613"/>
      <c r="LSH649" s="613"/>
      <c r="LSI649" s="613"/>
      <c r="LSJ649" s="613"/>
      <c r="LSK649" s="613"/>
      <c r="LSL649" s="613"/>
      <c r="LSM649" s="613"/>
      <c r="LSN649" s="613"/>
      <c r="LSO649" s="613"/>
      <c r="LSP649" s="613"/>
      <c r="LSQ649" s="613"/>
      <c r="LSR649" s="613"/>
      <c r="LSS649" s="613"/>
      <c r="LST649" s="613"/>
      <c r="LSU649" s="613"/>
      <c r="LSV649" s="613"/>
      <c r="LSW649" s="613"/>
      <c r="LSX649" s="613"/>
      <c r="LSY649" s="613"/>
      <c r="LSZ649" s="613"/>
      <c r="LTA649" s="613"/>
      <c r="LTB649" s="613"/>
      <c r="LTC649" s="613"/>
      <c r="LTD649" s="613"/>
      <c r="LTE649" s="613"/>
      <c r="LTF649" s="613"/>
      <c r="LTG649" s="613"/>
      <c r="LTH649" s="613"/>
      <c r="LTI649" s="613"/>
      <c r="LTJ649" s="613"/>
      <c r="LTK649" s="613"/>
      <c r="LTL649" s="613"/>
      <c r="LTM649" s="613"/>
      <c r="LTN649" s="613"/>
      <c r="LTO649" s="613"/>
      <c r="LTP649" s="613"/>
      <c r="LTQ649" s="613"/>
      <c r="LTR649" s="613"/>
      <c r="LTS649" s="613"/>
      <c r="LTT649" s="613"/>
      <c r="LTU649" s="613"/>
      <c r="LTV649" s="613"/>
      <c r="LTW649" s="613"/>
      <c r="LTX649" s="613"/>
      <c r="LTY649" s="613"/>
      <c r="LTZ649" s="613"/>
      <c r="LUA649" s="613"/>
      <c r="LUB649" s="613"/>
      <c r="LUC649" s="613"/>
      <c r="LUD649" s="613"/>
      <c r="LUE649" s="613"/>
      <c r="LUF649" s="613"/>
      <c r="LUG649" s="613"/>
      <c r="LUH649" s="613"/>
      <c r="LUI649" s="613"/>
      <c r="LUJ649" s="613"/>
      <c r="LUK649" s="613"/>
      <c r="LUL649" s="613"/>
      <c r="LUM649" s="613"/>
      <c r="LUN649" s="613"/>
      <c r="LUO649" s="613"/>
      <c r="LUP649" s="613"/>
      <c r="LUQ649" s="613"/>
      <c r="LUR649" s="613"/>
      <c r="LUS649" s="613"/>
      <c r="LUT649" s="613"/>
      <c r="LUU649" s="613"/>
      <c r="LUV649" s="613"/>
      <c r="LUW649" s="613"/>
      <c r="LUX649" s="613"/>
      <c r="LUY649" s="613"/>
      <c r="LUZ649" s="613"/>
      <c r="LVA649" s="613"/>
      <c r="LVB649" s="613"/>
      <c r="LVC649" s="613"/>
      <c r="LVD649" s="613"/>
      <c r="LVE649" s="613"/>
      <c r="LVF649" s="613"/>
      <c r="LVG649" s="613"/>
      <c r="LVH649" s="613"/>
      <c r="LVI649" s="613"/>
      <c r="LVJ649" s="613"/>
      <c r="LVK649" s="613"/>
      <c r="LVL649" s="613"/>
      <c r="LVM649" s="613"/>
      <c r="LVN649" s="613"/>
      <c r="LVO649" s="613"/>
      <c r="LVP649" s="613"/>
      <c r="LVQ649" s="613"/>
      <c r="LVR649" s="613"/>
      <c r="LVS649" s="613"/>
      <c r="LVT649" s="613"/>
      <c r="LVU649" s="613"/>
      <c r="LVV649" s="613"/>
      <c r="LVW649" s="613"/>
      <c r="LVX649" s="613"/>
      <c r="LVY649" s="613"/>
      <c r="LVZ649" s="613"/>
      <c r="LWA649" s="613"/>
      <c r="LWB649" s="613"/>
      <c r="LWC649" s="613"/>
      <c r="LWD649" s="613"/>
      <c r="LWE649" s="613"/>
      <c r="LWF649" s="613"/>
      <c r="LWG649" s="613"/>
      <c r="LWH649" s="613"/>
      <c r="LWI649" s="613"/>
      <c r="LWJ649" s="613"/>
      <c r="LWK649" s="613"/>
      <c r="LWL649" s="613"/>
      <c r="LWM649" s="613"/>
      <c r="LWN649" s="613"/>
      <c r="LWO649" s="613"/>
      <c r="LWP649" s="613"/>
      <c r="LWQ649" s="613"/>
      <c r="LWR649" s="613"/>
      <c r="LWS649" s="613"/>
      <c r="LWT649" s="613"/>
      <c r="LWU649" s="613"/>
      <c r="LWV649" s="613"/>
      <c r="LWW649" s="613"/>
      <c r="LWX649" s="613"/>
      <c r="LWY649" s="613"/>
      <c r="LWZ649" s="613"/>
      <c r="LXA649" s="613"/>
      <c r="LXB649" s="613"/>
      <c r="LXC649" s="613"/>
      <c r="LXD649" s="613"/>
      <c r="LXE649" s="613"/>
      <c r="LXF649" s="613"/>
      <c r="LXG649" s="613"/>
      <c r="LXH649" s="613"/>
      <c r="LXI649" s="613"/>
      <c r="LXJ649" s="613"/>
      <c r="LXK649" s="613"/>
      <c r="LXL649" s="613"/>
      <c r="LXM649" s="613"/>
      <c r="LXN649" s="613"/>
      <c r="LXO649" s="613"/>
      <c r="LXP649" s="613"/>
      <c r="LXQ649" s="613"/>
      <c r="LXR649" s="613"/>
      <c r="LXS649" s="613"/>
      <c r="LXT649" s="613"/>
      <c r="LXU649" s="613"/>
      <c r="LXV649" s="613"/>
      <c r="LXW649" s="613"/>
      <c r="LXX649" s="613"/>
      <c r="LXY649" s="613"/>
      <c r="LXZ649" s="613"/>
      <c r="LYA649" s="613"/>
      <c r="LYB649" s="613"/>
      <c r="LYC649" s="613"/>
      <c r="LYD649" s="613"/>
      <c r="LYE649" s="613"/>
      <c r="LYF649" s="613"/>
      <c r="LYG649" s="613"/>
      <c r="LYH649" s="613"/>
      <c r="LYI649" s="613"/>
      <c r="LYJ649" s="613"/>
      <c r="LYK649" s="613"/>
      <c r="LYL649" s="613"/>
      <c r="LYM649" s="613"/>
      <c r="LYN649" s="613"/>
      <c r="LYO649" s="613"/>
      <c r="LYP649" s="613"/>
      <c r="LYQ649" s="613"/>
      <c r="LYR649" s="613"/>
      <c r="LYS649" s="613"/>
      <c r="LYT649" s="613"/>
      <c r="LYU649" s="613"/>
      <c r="LYV649" s="613"/>
      <c r="LYW649" s="613"/>
      <c r="LYX649" s="613"/>
      <c r="LYY649" s="613"/>
      <c r="LYZ649" s="613"/>
      <c r="LZA649" s="613"/>
      <c r="LZB649" s="613"/>
      <c r="LZC649" s="613"/>
      <c r="LZD649" s="613"/>
      <c r="LZE649" s="613"/>
      <c r="LZF649" s="613"/>
      <c r="LZG649" s="613"/>
      <c r="LZH649" s="613"/>
      <c r="LZI649" s="613"/>
      <c r="LZJ649" s="613"/>
      <c r="LZK649" s="613"/>
      <c r="LZL649" s="613"/>
      <c r="LZM649" s="613"/>
      <c r="LZN649" s="613"/>
      <c r="LZO649" s="613"/>
      <c r="LZP649" s="613"/>
      <c r="LZQ649" s="613"/>
      <c r="LZR649" s="613"/>
      <c r="LZS649" s="613"/>
      <c r="LZT649" s="613"/>
      <c r="LZU649" s="613"/>
      <c r="LZV649" s="613"/>
      <c r="LZW649" s="613"/>
      <c r="LZX649" s="613"/>
      <c r="LZY649" s="613"/>
      <c r="LZZ649" s="613"/>
      <c r="MAA649" s="613"/>
      <c r="MAB649" s="613"/>
      <c r="MAC649" s="613"/>
      <c r="MAD649" s="613"/>
      <c r="MAE649" s="613"/>
      <c r="MAF649" s="613"/>
      <c r="MAG649" s="613"/>
      <c r="MAH649" s="613"/>
      <c r="MAI649" s="613"/>
      <c r="MAJ649" s="613"/>
      <c r="MAK649" s="613"/>
      <c r="MAL649" s="613"/>
      <c r="MAM649" s="613"/>
      <c r="MAN649" s="613"/>
      <c r="MAO649" s="613"/>
      <c r="MAP649" s="613"/>
      <c r="MAQ649" s="613"/>
      <c r="MAR649" s="613"/>
      <c r="MAS649" s="613"/>
      <c r="MAT649" s="613"/>
      <c r="MAU649" s="613"/>
      <c r="MAV649" s="613"/>
      <c r="MAW649" s="613"/>
      <c r="MAX649" s="613"/>
      <c r="MAY649" s="613"/>
      <c r="MAZ649" s="613"/>
      <c r="MBA649" s="613"/>
      <c r="MBB649" s="613"/>
      <c r="MBC649" s="613"/>
      <c r="MBD649" s="613"/>
      <c r="MBE649" s="613"/>
      <c r="MBF649" s="613"/>
      <c r="MBG649" s="613"/>
      <c r="MBH649" s="613"/>
      <c r="MBI649" s="613"/>
      <c r="MBJ649" s="613"/>
      <c r="MBK649" s="613"/>
      <c r="MBL649" s="613"/>
      <c r="MBM649" s="613"/>
      <c r="MBN649" s="613"/>
      <c r="MBO649" s="613"/>
      <c r="MBP649" s="613"/>
      <c r="MBQ649" s="613"/>
      <c r="MBR649" s="613"/>
      <c r="MBS649" s="613"/>
      <c r="MBT649" s="613"/>
      <c r="MBU649" s="613"/>
      <c r="MBV649" s="613"/>
      <c r="MBW649" s="613"/>
      <c r="MBX649" s="613"/>
      <c r="MBY649" s="613"/>
      <c r="MBZ649" s="613"/>
      <c r="MCA649" s="613"/>
      <c r="MCB649" s="613"/>
      <c r="MCC649" s="613"/>
      <c r="MCD649" s="613"/>
      <c r="MCE649" s="613"/>
      <c r="MCF649" s="613"/>
      <c r="MCG649" s="613"/>
      <c r="MCH649" s="613"/>
      <c r="MCI649" s="613"/>
      <c r="MCJ649" s="613"/>
      <c r="MCK649" s="613"/>
      <c r="MCL649" s="613"/>
      <c r="MCM649" s="613"/>
      <c r="MCN649" s="613"/>
      <c r="MCO649" s="613"/>
      <c r="MCP649" s="613"/>
      <c r="MCQ649" s="613"/>
      <c r="MCR649" s="613"/>
      <c r="MCS649" s="613"/>
      <c r="MCT649" s="613"/>
      <c r="MCU649" s="613"/>
      <c r="MCV649" s="613"/>
      <c r="MCW649" s="613"/>
      <c r="MCX649" s="613"/>
      <c r="MCY649" s="613"/>
      <c r="MCZ649" s="613"/>
      <c r="MDA649" s="613"/>
      <c r="MDB649" s="613"/>
      <c r="MDC649" s="613"/>
      <c r="MDD649" s="613"/>
      <c r="MDE649" s="613"/>
      <c r="MDF649" s="613"/>
      <c r="MDG649" s="613"/>
      <c r="MDH649" s="613"/>
      <c r="MDI649" s="613"/>
      <c r="MDJ649" s="613"/>
      <c r="MDK649" s="613"/>
      <c r="MDL649" s="613"/>
      <c r="MDM649" s="613"/>
      <c r="MDN649" s="613"/>
      <c r="MDO649" s="613"/>
      <c r="MDP649" s="613"/>
      <c r="MDQ649" s="613"/>
      <c r="MDR649" s="613"/>
      <c r="MDS649" s="613"/>
      <c r="MDT649" s="613"/>
      <c r="MDU649" s="613"/>
      <c r="MDV649" s="613"/>
      <c r="MDW649" s="613"/>
      <c r="MDX649" s="613"/>
      <c r="MDY649" s="613"/>
      <c r="MDZ649" s="613"/>
      <c r="MEA649" s="613"/>
      <c r="MEB649" s="613"/>
      <c r="MEC649" s="613"/>
      <c r="MED649" s="613"/>
      <c r="MEE649" s="613"/>
      <c r="MEF649" s="613"/>
      <c r="MEG649" s="613"/>
      <c r="MEH649" s="613"/>
      <c r="MEI649" s="613"/>
      <c r="MEJ649" s="613"/>
      <c r="MEK649" s="613"/>
      <c r="MEL649" s="613"/>
      <c r="MEM649" s="613"/>
      <c r="MEN649" s="613"/>
      <c r="MEO649" s="613"/>
      <c r="MEP649" s="613"/>
      <c r="MEQ649" s="613"/>
      <c r="MER649" s="613"/>
      <c r="MES649" s="613"/>
      <c r="MET649" s="613"/>
      <c r="MEU649" s="613"/>
      <c r="MEV649" s="613"/>
      <c r="MEW649" s="613"/>
      <c r="MEX649" s="613"/>
      <c r="MEY649" s="613"/>
      <c r="MEZ649" s="613"/>
      <c r="MFA649" s="613"/>
      <c r="MFB649" s="613"/>
      <c r="MFC649" s="613"/>
      <c r="MFD649" s="613"/>
      <c r="MFE649" s="613"/>
      <c r="MFF649" s="613"/>
      <c r="MFG649" s="613"/>
      <c r="MFH649" s="613"/>
      <c r="MFI649" s="613"/>
      <c r="MFJ649" s="613"/>
      <c r="MFK649" s="613"/>
      <c r="MFL649" s="613"/>
      <c r="MFM649" s="613"/>
      <c r="MFN649" s="613"/>
      <c r="MFO649" s="613"/>
      <c r="MFP649" s="613"/>
      <c r="MFQ649" s="613"/>
      <c r="MFR649" s="613"/>
      <c r="MFS649" s="613"/>
      <c r="MFT649" s="613"/>
      <c r="MFU649" s="613"/>
      <c r="MFV649" s="613"/>
      <c r="MFW649" s="613"/>
      <c r="MFX649" s="613"/>
      <c r="MFY649" s="613"/>
      <c r="MFZ649" s="613"/>
      <c r="MGA649" s="613"/>
      <c r="MGB649" s="613"/>
      <c r="MGC649" s="613"/>
      <c r="MGD649" s="613"/>
      <c r="MGE649" s="613"/>
      <c r="MGF649" s="613"/>
      <c r="MGG649" s="613"/>
      <c r="MGH649" s="613"/>
      <c r="MGI649" s="613"/>
      <c r="MGJ649" s="613"/>
      <c r="MGK649" s="613"/>
      <c r="MGL649" s="613"/>
      <c r="MGM649" s="613"/>
      <c r="MGN649" s="613"/>
      <c r="MGO649" s="613"/>
      <c r="MGP649" s="613"/>
      <c r="MGQ649" s="613"/>
      <c r="MGR649" s="613"/>
      <c r="MGS649" s="613"/>
      <c r="MGT649" s="613"/>
      <c r="MGU649" s="613"/>
      <c r="MGV649" s="613"/>
      <c r="MGW649" s="613"/>
      <c r="MGX649" s="613"/>
      <c r="MGY649" s="613"/>
      <c r="MGZ649" s="613"/>
      <c r="MHA649" s="613"/>
      <c r="MHB649" s="613"/>
      <c r="MHC649" s="613"/>
      <c r="MHD649" s="613"/>
      <c r="MHE649" s="613"/>
      <c r="MHF649" s="613"/>
      <c r="MHG649" s="613"/>
      <c r="MHH649" s="613"/>
      <c r="MHI649" s="613"/>
      <c r="MHJ649" s="613"/>
      <c r="MHK649" s="613"/>
      <c r="MHL649" s="613"/>
      <c r="MHM649" s="613"/>
      <c r="MHN649" s="613"/>
      <c r="MHO649" s="613"/>
      <c r="MHP649" s="613"/>
      <c r="MHQ649" s="613"/>
      <c r="MHR649" s="613"/>
      <c r="MHS649" s="613"/>
      <c r="MHT649" s="613"/>
      <c r="MHU649" s="613"/>
      <c r="MHV649" s="613"/>
      <c r="MHW649" s="613"/>
      <c r="MHX649" s="613"/>
      <c r="MHY649" s="613"/>
      <c r="MHZ649" s="613"/>
      <c r="MIA649" s="613"/>
      <c r="MIB649" s="613"/>
      <c r="MIC649" s="613"/>
      <c r="MID649" s="613"/>
      <c r="MIE649" s="613"/>
      <c r="MIF649" s="613"/>
      <c r="MIG649" s="613"/>
      <c r="MIH649" s="613"/>
      <c r="MII649" s="613"/>
      <c r="MIJ649" s="613"/>
      <c r="MIK649" s="613"/>
      <c r="MIL649" s="613"/>
      <c r="MIM649" s="613"/>
      <c r="MIN649" s="613"/>
      <c r="MIO649" s="613"/>
      <c r="MIP649" s="613"/>
      <c r="MIQ649" s="613"/>
      <c r="MIR649" s="613"/>
      <c r="MIS649" s="613"/>
      <c r="MIT649" s="613"/>
      <c r="MIU649" s="613"/>
      <c r="MIV649" s="613"/>
      <c r="MIW649" s="613"/>
      <c r="MIX649" s="613"/>
      <c r="MIY649" s="613"/>
      <c r="MIZ649" s="613"/>
      <c r="MJA649" s="613"/>
      <c r="MJB649" s="613"/>
      <c r="MJC649" s="613"/>
      <c r="MJD649" s="613"/>
      <c r="MJE649" s="613"/>
      <c r="MJF649" s="613"/>
      <c r="MJG649" s="613"/>
      <c r="MJH649" s="613"/>
      <c r="MJI649" s="613"/>
      <c r="MJJ649" s="613"/>
      <c r="MJK649" s="613"/>
      <c r="MJL649" s="613"/>
      <c r="MJM649" s="613"/>
      <c r="MJN649" s="613"/>
      <c r="MJO649" s="613"/>
      <c r="MJP649" s="613"/>
      <c r="MJQ649" s="613"/>
      <c r="MJR649" s="613"/>
      <c r="MJS649" s="613"/>
      <c r="MJT649" s="613"/>
      <c r="MJU649" s="613"/>
      <c r="MJV649" s="613"/>
      <c r="MJW649" s="613"/>
      <c r="MJX649" s="613"/>
      <c r="MJY649" s="613"/>
      <c r="MJZ649" s="613"/>
      <c r="MKA649" s="613"/>
      <c r="MKB649" s="613"/>
      <c r="MKC649" s="613"/>
      <c r="MKD649" s="613"/>
      <c r="MKE649" s="613"/>
      <c r="MKF649" s="613"/>
      <c r="MKG649" s="613"/>
      <c r="MKH649" s="613"/>
      <c r="MKI649" s="613"/>
      <c r="MKJ649" s="613"/>
      <c r="MKK649" s="613"/>
      <c r="MKL649" s="613"/>
      <c r="MKM649" s="613"/>
      <c r="MKN649" s="613"/>
      <c r="MKO649" s="613"/>
      <c r="MKP649" s="613"/>
      <c r="MKQ649" s="613"/>
      <c r="MKR649" s="613"/>
      <c r="MKS649" s="613"/>
      <c r="MKT649" s="613"/>
      <c r="MKU649" s="613"/>
      <c r="MKV649" s="613"/>
      <c r="MKW649" s="613"/>
      <c r="MKX649" s="613"/>
      <c r="MKY649" s="613"/>
      <c r="MKZ649" s="613"/>
      <c r="MLA649" s="613"/>
      <c r="MLB649" s="613"/>
      <c r="MLC649" s="613"/>
      <c r="MLD649" s="613"/>
      <c r="MLE649" s="613"/>
      <c r="MLF649" s="613"/>
      <c r="MLG649" s="613"/>
      <c r="MLH649" s="613"/>
      <c r="MLI649" s="613"/>
      <c r="MLJ649" s="613"/>
      <c r="MLK649" s="613"/>
      <c r="MLL649" s="613"/>
      <c r="MLM649" s="613"/>
      <c r="MLN649" s="613"/>
      <c r="MLO649" s="613"/>
      <c r="MLP649" s="613"/>
      <c r="MLQ649" s="613"/>
      <c r="MLR649" s="613"/>
      <c r="MLS649" s="613"/>
      <c r="MLT649" s="613"/>
      <c r="MLU649" s="613"/>
      <c r="MLV649" s="613"/>
      <c r="MLW649" s="613"/>
      <c r="MLX649" s="613"/>
      <c r="MLY649" s="613"/>
      <c r="MLZ649" s="613"/>
      <c r="MMA649" s="613"/>
      <c r="MMB649" s="613"/>
      <c r="MMC649" s="613"/>
      <c r="MMD649" s="613"/>
      <c r="MME649" s="613"/>
      <c r="MMF649" s="613"/>
      <c r="MMG649" s="613"/>
      <c r="MMH649" s="613"/>
      <c r="MMI649" s="613"/>
      <c r="MMJ649" s="613"/>
      <c r="MMK649" s="613"/>
      <c r="MML649" s="613"/>
      <c r="MMM649" s="613"/>
      <c r="MMN649" s="613"/>
      <c r="MMO649" s="613"/>
      <c r="MMP649" s="613"/>
      <c r="MMQ649" s="613"/>
      <c r="MMR649" s="613"/>
      <c r="MMS649" s="613"/>
      <c r="MMT649" s="613"/>
      <c r="MMU649" s="613"/>
      <c r="MMV649" s="613"/>
      <c r="MMW649" s="613"/>
      <c r="MMX649" s="613"/>
      <c r="MMY649" s="613"/>
      <c r="MMZ649" s="613"/>
      <c r="MNA649" s="613"/>
      <c r="MNB649" s="613"/>
      <c r="MNC649" s="613"/>
      <c r="MND649" s="613"/>
      <c r="MNE649" s="613"/>
      <c r="MNF649" s="613"/>
      <c r="MNG649" s="613"/>
      <c r="MNH649" s="613"/>
      <c r="MNI649" s="613"/>
      <c r="MNJ649" s="613"/>
      <c r="MNK649" s="613"/>
      <c r="MNL649" s="613"/>
      <c r="MNM649" s="613"/>
      <c r="MNN649" s="613"/>
      <c r="MNO649" s="613"/>
      <c r="MNP649" s="613"/>
      <c r="MNQ649" s="613"/>
      <c r="MNR649" s="613"/>
      <c r="MNS649" s="613"/>
      <c r="MNT649" s="613"/>
      <c r="MNU649" s="613"/>
      <c r="MNV649" s="613"/>
      <c r="MNW649" s="613"/>
      <c r="MNX649" s="613"/>
      <c r="MNY649" s="613"/>
      <c r="MNZ649" s="613"/>
      <c r="MOA649" s="613"/>
      <c r="MOB649" s="613"/>
      <c r="MOC649" s="613"/>
      <c r="MOD649" s="613"/>
      <c r="MOE649" s="613"/>
      <c r="MOF649" s="613"/>
      <c r="MOG649" s="613"/>
      <c r="MOH649" s="613"/>
      <c r="MOI649" s="613"/>
      <c r="MOJ649" s="613"/>
      <c r="MOK649" s="613"/>
      <c r="MOL649" s="613"/>
      <c r="MOM649" s="613"/>
      <c r="MON649" s="613"/>
      <c r="MOO649" s="613"/>
      <c r="MOP649" s="613"/>
      <c r="MOQ649" s="613"/>
      <c r="MOR649" s="613"/>
      <c r="MOS649" s="613"/>
      <c r="MOT649" s="613"/>
      <c r="MOU649" s="613"/>
      <c r="MOV649" s="613"/>
      <c r="MOW649" s="613"/>
      <c r="MOX649" s="613"/>
      <c r="MOY649" s="613"/>
      <c r="MOZ649" s="613"/>
      <c r="MPA649" s="613"/>
      <c r="MPB649" s="613"/>
      <c r="MPC649" s="613"/>
      <c r="MPD649" s="613"/>
      <c r="MPE649" s="613"/>
      <c r="MPF649" s="613"/>
      <c r="MPG649" s="613"/>
      <c r="MPH649" s="613"/>
      <c r="MPI649" s="613"/>
      <c r="MPJ649" s="613"/>
      <c r="MPK649" s="613"/>
      <c r="MPL649" s="613"/>
      <c r="MPM649" s="613"/>
      <c r="MPN649" s="613"/>
      <c r="MPO649" s="613"/>
      <c r="MPP649" s="613"/>
      <c r="MPQ649" s="613"/>
      <c r="MPR649" s="613"/>
      <c r="MPS649" s="613"/>
      <c r="MPT649" s="613"/>
      <c r="MPU649" s="613"/>
      <c r="MPV649" s="613"/>
      <c r="MPW649" s="613"/>
      <c r="MPX649" s="613"/>
      <c r="MPY649" s="613"/>
      <c r="MPZ649" s="613"/>
      <c r="MQA649" s="613"/>
      <c r="MQB649" s="613"/>
      <c r="MQC649" s="613"/>
      <c r="MQD649" s="613"/>
      <c r="MQE649" s="613"/>
      <c r="MQF649" s="613"/>
      <c r="MQG649" s="613"/>
      <c r="MQH649" s="613"/>
      <c r="MQI649" s="613"/>
      <c r="MQJ649" s="613"/>
      <c r="MQK649" s="613"/>
      <c r="MQL649" s="613"/>
      <c r="MQM649" s="613"/>
      <c r="MQN649" s="613"/>
      <c r="MQO649" s="613"/>
      <c r="MQP649" s="613"/>
      <c r="MQQ649" s="613"/>
      <c r="MQR649" s="613"/>
      <c r="MQS649" s="613"/>
      <c r="MQT649" s="613"/>
      <c r="MQU649" s="613"/>
      <c r="MQV649" s="613"/>
      <c r="MQW649" s="613"/>
      <c r="MQX649" s="613"/>
      <c r="MQY649" s="613"/>
      <c r="MQZ649" s="613"/>
      <c r="MRA649" s="613"/>
      <c r="MRB649" s="613"/>
      <c r="MRC649" s="613"/>
      <c r="MRD649" s="613"/>
      <c r="MRE649" s="613"/>
      <c r="MRF649" s="613"/>
      <c r="MRG649" s="613"/>
      <c r="MRH649" s="613"/>
      <c r="MRI649" s="613"/>
      <c r="MRJ649" s="613"/>
      <c r="MRK649" s="613"/>
      <c r="MRL649" s="613"/>
      <c r="MRM649" s="613"/>
      <c r="MRN649" s="613"/>
      <c r="MRO649" s="613"/>
      <c r="MRP649" s="613"/>
      <c r="MRQ649" s="613"/>
      <c r="MRR649" s="613"/>
      <c r="MRS649" s="613"/>
      <c r="MRT649" s="613"/>
      <c r="MRU649" s="613"/>
      <c r="MRV649" s="613"/>
      <c r="MRW649" s="613"/>
      <c r="MRX649" s="613"/>
      <c r="MRY649" s="613"/>
      <c r="MRZ649" s="613"/>
      <c r="MSA649" s="613"/>
      <c r="MSB649" s="613"/>
      <c r="MSC649" s="613"/>
      <c r="MSD649" s="613"/>
      <c r="MSE649" s="613"/>
      <c r="MSF649" s="613"/>
      <c r="MSG649" s="613"/>
      <c r="MSH649" s="613"/>
      <c r="MSI649" s="613"/>
      <c r="MSJ649" s="613"/>
      <c r="MSK649" s="613"/>
      <c r="MSL649" s="613"/>
      <c r="MSM649" s="613"/>
      <c r="MSN649" s="613"/>
      <c r="MSO649" s="613"/>
      <c r="MSP649" s="613"/>
      <c r="MSQ649" s="613"/>
      <c r="MSR649" s="613"/>
      <c r="MSS649" s="613"/>
      <c r="MST649" s="613"/>
      <c r="MSU649" s="613"/>
      <c r="MSV649" s="613"/>
      <c r="MSW649" s="613"/>
      <c r="MSX649" s="613"/>
      <c r="MSY649" s="613"/>
      <c r="MSZ649" s="613"/>
      <c r="MTA649" s="613"/>
      <c r="MTB649" s="613"/>
      <c r="MTC649" s="613"/>
      <c r="MTD649" s="613"/>
      <c r="MTE649" s="613"/>
      <c r="MTF649" s="613"/>
      <c r="MTG649" s="613"/>
      <c r="MTH649" s="613"/>
      <c r="MTI649" s="613"/>
      <c r="MTJ649" s="613"/>
      <c r="MTK649" s="613"/>
      <c r="MTL649" s="613"/>
      <c r="MTM649" s="613"/>
      <c r="MTN649" s="613"/>
      <c r="MTO649" s="613"/>
      <c r="MTP649" s="613"/>
      <c r="MTQ649" s="613"/>
      <c r="MTR649" s="613"/>
      <c r="MTS649" s="613"/>
      <c r="MTT649" s="613"/>
      <c r="MTU649" s="613"/>
      <c r="MTV649" s="613"/>
      <c r="MTW649" s="613"/>
      <c r="MTX649" s="613"/>
      <c r="MTY649" s="613"/>
      <c r="MTZ649" s="613"/>
      <c r="MUA649" s="613"/>
      <c r="MUB649" s="613"/>
      <c r="MUC649" s="613"/>
      <c r="MUD649" s="613"/>
      <c r="MUE649" s="613"/>
      <c r="MUF649" s="613"/>
      <c r="MUG649" s="613"/>
      <c r="MUH649" s="613"/>
      <c r="MUI649" s="613"/>
      <c r="MUJ649" s="613"/>
      <c r="MUK649" s="613"/>
      <c r="MUL649" s="613"/>
      <c r="MUM649" s="613"/>
      <c r="MUN649" s="613"/>
      <c r="MUO649" s="613"/>
      <c r="MUP649" s="613"/>
      <c r="MUQ649" s="613"/>
      <c r="MUR649" s="613"/>
      <c r="MUS649" s="613"/>
      <c r="MUT649" s="613"/>
      <c r="MUU649" s="613"/>
      <c r="MUV649" s="613"/>
      <c r="MUW649" s="613"/>
      <c r="MUX649" s="613"/>
      <c r="MUY649" s="613"/>
      <c r="MUZ649" s="613"/>
      <c r="MVA649" s="613"/>
      <c r="MVB649" s="613"/>
      <c r="MVC649" s="613"/>
      <c r="MVD649" s="613"/>
      <c r="MVE649" s="613"/>
      <c r="MVF649" s="613"/>
      <c r="MVG649" s="613"/>
      <c r="MVH649" s="613"/>
      <c r="MVI649" s="613"/>
      <c r="MVJ649" s="613"/>
      <c r="MVK649" s="613"/>
      <c r="MVL649" s="613"/>
      <c r="MVM649" s="613"/>
      <c r="MVN649" s="613"/>
      <c r="MVO649" s="613"/>
      <c r="MVP649" s="613"/>
      <c r="MVQ649" s="613"/>
      <c r="MVR649" s="613"/>
      <c r="MVS649" s="613"/>
      <c r="MVT649" s="613"/>
      <c r="MVU649" s="613"/>
      <c r="MVV649" s="613"/>
      <c r="MVW649" s="613"/>
      <c r="MVX649" s="613"/>
      <c r="MVY649" s="613"/>
      <c r="MVZ649" s="613"/>
      <c r="MWA649" s="613"/>
      <c r="MWB649" s="613"/>
      <c r="MWC649" s="613"/>
      <c r="MWD649" s="613"/>
      <c r="MWE649" s="613"/>
      <c r="MWF649" s="613"/>
      <c r="MWG649" s="613"/>
      <c r="MWH649" s="613"/>
      <c r="MWI649" s="613"/>
      <c r="MWJ649" s="613"/>
      <c r="MWK649" s="613"/>
      <c r="MWL649" s="613"/>
      <c r="MWM649" s="613"/>
      <c r="MWN649" s="613"/>
      <c r="MWO649" s="613"/>
      <c r="MWP649" s="613"/>
      <c r="MWQ649" s="613"/>
      <c r="MWR649" s="613"/>
      <c r="MWS649" s="613"/>
      <c r="MWT649" s="613"/>
      <c r="MWU649" s="613"/>
      <c r="MWV649" s="613"/>
      <c r="MWW649" s="613"/>
      <c r="MWX649" s="613"/>
      <c r="MWY649" s="613"/>
      <c r="MWZ649" s="613"/>
      <c r="MXA649" s="613"/>
      <c r="MXB649" s="613"/>
      <c r="MXC649" s="613"/>
      <c r="MXD649" s="613"/>
      <c r="MXE649" s="613"/>
      <c r="MXF649" s="613"/>
      <c r="MXG649" s="613"/>
      <c r="MXH649" s="613"/>
      <c r="MXI649" s="613"/>
      <c r="MXJ649" s="613"/>
      <c r="MXK649" s="613"/>
      <c r="MXL649" s="613"/>
      <c r="MXM649" s="613"/>
      <c r="MXN649" s="613"/>
      <c r="MXO649" s="613"/>
      <c r="MXP649" s="613"/>
      <c r="MXQ649" s="613"/>
      <c r="MXR649" s="613"/>
      <c r="MXS649" s="613"/>
      <c r="MXT649" s="613"/>
      <c r="MXU649" s="613"/>
      <c r="MXV649" s="613"/>
      <c r="MXW649" s="613"/>
      <c r="MXX649" s="613"/>
      <c r="MXY649" s="613"/>
      <c r="MXZ649" s="613"/>
      <c r="MYA649" s="613"/>
      <c r="MYB649" s="613"/>
      <c r="MYC649" s="613"/>
      <c r="MYD649" s="613"/>
      <c r="MYE649" s="613"/>
      <c r="MYF649" s="613"/>
      <c r="MYG649" s="613"/>
      <c r="MYH649" s="613"/>
      <c r="MYI649" s="613"/>
      <c r="MYJ649" s="613"/>
      <c r="MYK649" s="613"/>
      <c r="MYL649" s="613"/>
      <c r="MYM649" s="613"/>
      <c r="MYN649" s="613"/>
      <c r="MYO649" s="613"/>
      <c r="MYP649" s="613"/>
      <c r="MYQ649" s="613"/>
      <c r="MYR649" s="613"/>
      <c r="MYS649" s="613"/>
      <c r="MYT649" s="613"/>
      <c r="MYU649" s="613"/>
      <c r="MYV649" s="613"/>
      <c r="MYW649" s="613"/>
      <c r="MYX649" s="613"/>
      <c r="MYY649" s="613"/>
      <c r="MYZ649" s="613"/>
      <c r="MZA649" s="613"/>
      <c r="MZB649" s="613"/>
      <c r="MZC649" s="613"/>
      <c r="MZD649" s="613"/>
      <c r="MZE649" s="613"/>
      <c r="MZF649" s="613"/>
      <c r="MZG649" s="613"/>
      <c r="MZH649" s="613"/>
      <c r="MZI649" s="613"/>
      <c r="MZJ649" s="613"/>
      <c r="MZK649" s="613"/>
      <c r="MZL649" s="613"/>
      <c r="MZM649" s="613"/>
      <c r="MZN649" s="613"/>
      <c r="MZO649" s="613"/>
      <c r="MZP649" s="613"/>
      <c r="MZQ649" s="613"/>
      <c r="MZR649" s="613"/>
      <c r="MZS649" s="613"/>
      <c r="MZT649" s="613"/>
      <c r="MZU649" s="613"/>
      <c r="MZV649" s="613"/>
      <c r="MZW649" s="613"/>
      <c r="MZX649" s="613"/>
      <c r="MZY649" s="613"/>
      <c r="MZZ649" s="613"/>
      <c r="NAA649" s="613"/>
      <c r="NAB649" s="613"/>
      <c r="NAC649" s="613"/>
      <c r="NAD649" s="613"/>
      <c r="NAE649" s="613"/>
      <c r="NAF649" s="613"/>
      <c r="NAG649" s="613"/>
      <c r="NAH649" s="613"/>
      <c r="NAI649" s="613"/>
      <c r="NAJ649" s="613"/>
      <c r="NAK649" s="613"/>
      <c r="NAL649" s="613"/>
      <c r="NAM649" s="613"/>
      <c r="NAN649" s="613"/>
      <c r="NAO649" s="613"/>
      <c r="NAP649" s="613"/>
      <c r="NAQ649" s="613"/>
      <c r="NAR649" s="613"/>
      <c r="NAS649" s="613"/>
      <c r="NAT649" s="613"/>
      <c r="NAU649" s="613"/>
      <c r="NAV649" s="613"/>
      <c r="NAW649" s="613"/>
      <c r="NAX649" s="613"/>
      <c r="NAY649" s="613"/>
      <c r="NAZ649" s="613"/>
      <c r="NBA649" s="613"/>
      <c r="NBB649" s="613"/>
      <c r="NBC649" s="613"/>
      <c r="NBD649" s="613"/>
      <c r="NBE649" s="613"/>
      <c r="NBF649" s="613"/>
      <c r="NBG649" s="613"/>
      <c r="NBH649" s="613"/>
      <c r="NBI649" s="613"/>
      <c r="NBJ649" s="613"/>
      <c r="NBK649" s="613"/>
      <c r="NBL649" s="613"/>
      <c r="NBM649" s="613"/>
      <c r="NBN649" s="613"/>
      <c r="NBO649" s="613"/>
      <c r="NBP649" s="613"/>
      <c r="NBQ649" s="613"/>
      <c r="NBR649" s="613"/>
      <c r="NBS649" s="613"/>
      <c r="NBT649" s="613"/>
      <c r="NBU649" s="613"/>
      <c r="NBV649" s="613"/>
      <c r="NBW649" s="613"/>
      <c r="NBX649" s="613"/>
      <c r="NBY649" s="613"/>
      <c r="NBZ649" s="613"/>
      <c r="NCA649" s="613"/>
      <c r="NCB649" s="613"/>
      <c r="NCC649" s="613"/>
      <c r="NCD649" s="613"/>
      <c r="NCE649" s="613"/>
      <c r="NCF649" s="613"/>
      <c r="NCG649" s="613"/>
      <c r="NCH649" s="613"/>
      <c r="NCI649" s="613"/>
      <c r="NCJ649" s="613"/>
      <c r="NCK649" s="613"/>
      <c r="NCL649" s="613"/>
      <c r="NCM649" s="613"/>
      <c r="NCN649" s="613"/>
      <c r="NCO649" s="613"/>
      <c r="NCP649" s="613"/>
      <c r="NCQ649" s="613"/>
      <c r="NCR649" s="613"/>
      <c r="NCS649" s="613"/>
      <c r="NCT649" s="613"/>
      <c r="NCU649" s="613"/>
      <c r="NCV649" s="613"/>
      <c r="NCW649" s="613"/>
      <c r="NCX649" s="613"/>
      <c r="NCY649" s="613"/>
      <c r="NCZ649" s="613"/>
      <c r="NDA649" s="613"/>
      <c r="NDB649" s="613"/>
      <c r="NDC649" s="613"/>
      <c r="NDD649" s="613"/>
      <c r="NDE649" s="613"/>
      <c r="NDF649" s="613"/>
      <c r="NDG649" s="613"/>
      <c r="NDH649" s="613"/>
      <c r="NDI649" s="613"/>
      <c r="NDJ649" s="613"/>
      <c r="NDK649" s="613"/>
      <c r="NDL649" s="613"/>
      <c r="NDM649" s="613"/>
      <c r="NDN649" s="613"/>
      <c r="NDO649" s="613"/>
      <c r="NDP649" s="613"/>
      <c r="NDQ649" s="613"/>
      <c r="NDR649" s="613"/>
      <c r="NDS649" s="613"/>
      <c r="NDT649" s="613"/>
      <c r="NDU649" s="613"/>
      <c r="NDV649" s="613"/>
      <c r="NDW649" s="613"/>
      <c r="NDX649" s="613"/>
      <c r="NDY649" s="613"/>
      <c r="NDZ649" s="613"/>
      <c r="NEA649" s="613"/>
      <c r="NEB649" s="613"/>
      <c r="NEC649" s="613"/>
      <c r="NED649" s="613"/>
      <c r="NEE649" s="613"/>
      <c r="NEF649" s="613"/>
      <c r="NEG649" s="613"/>
      <c r="NEH649" s="613"/>
      <c r="NEI649" s="613"/>
      <c r="NEJ649" s="613"/>
      <c r="NEK649" s="613"/>
      <c r="NEL649" s="613"/>
      <c r="NEM649" s="613"/>
      <c r="NEN649" s="613"/>
      <c r="NEO649" s="613"/>
      <c r="NEP649" s="613"/>
      <c r="NEQ649" s="613"/>
      <c r="NER649" s="613"/>
      <c r="NES649" s="613"/>
      <c r="NET649" s="613"/>
      <c r="NEU649" s="613"/>
      <c r="NEV649" s="613"/>
      <c r="NEW649" s="613"/>
      <c r="NEX649" s="613"/>
      <c r="NEY649" s="613"/>
      <c r="NEZ649" s="613"/>
      <c r="NFA649" s="613"/>
      <c r="NFB649" s="613"/>
      <c r="NFC649" s="613"/>
      <c r="NFD649" s="613"/>
      <c r="NFE649" s="613"/>
      <c r="NFF649" s="613"/>
      <c r="NFG649" s="613"/>
      <c r="NFH649" s="613"/>
      <c r="NFI649" s="613"/>
      <c r="NFJ649" s="613"/>
      <c r="NFK649" s="613"/>
      <c r="NFL649" s="613"/>
      <c r="NFM649" s="613"/>
      <c r="NFN649" s="613"/>
      <c r="NFO649" s="613"/>
      <c r="NFP649" s="613"/>
      <c r="NFQ649" s="613"/>
      <c r="NFR649" s="613"/>
      <c r="NFS649" s="613"/>
      <c r="NFT649" s="613"/>
      <c r="NFU649" s="613"/>
      <c r="NFV649" s="613"/>
      <c r="NFW649" s="613"/>
      <c r="NFX649" s="613"/>
      <c r="NFY649" s="613"/>
      <c r="NFZ649" s="613"/>
      <c r="NGA649" s="613"/>
      <c r="NGB649" s="613"/>
      <c r="NGC649" s="613"/>
      <c r="NGD649" s="613"/>
      <c r="NGE649" s="613"/>
      <c r="NGF649" s="613"/>
      <c r="NGG649" s="613"/>
      <c r="NGH649" s="613"/>
      <c r="NGI649" s="613"/>
      <c r="NGJ649" s="613"/>
      <c r="NGK649" s="613"/>
      <c r="NGL649" s="613"/>
      <c r="NGM649" s="613"/>
      <c r="NGN649" s="613"/>
      <c r="NGO649" s="613"/>
      <c r="NGP649" s="613"/>
      <c r="NGQ649" s="613"/>
      <c r="NGR649" s="613"/>
      <c r="NGS649" s="613"/>
      <c r="NGT649" s="613"/>
      <c r="NGU649" s="613"/>
      <c r="NGV649" s="613"/>
      <c r="NGW649" s="613"/>
      <c r="NGX649" s="613"/>
      <c r="NGY649" s="613"/>
      <c r="NGZ649" s="613"/>
      <c r="NHA649" s="613"/>
      <c r="NHB649" s="613"/>
      <c r="NHC649" s="613"/>
      <c r="NHD649" s="613"/>
      <c r="NHE649" s="613"/>
      <c r="NHF649" s="613"/>
      <c r="NHG649" s="613"/>
      <c r="NHH649" s="613"/>
      <c r="NHI649" s="613"/>
      <c r="NHJ649" s="613"/>
      <c r="NHK649" s="613"/>
      <c r="NHL649" s="613"/>
      <c r="NHM649" s="613"/>
      <c r="NHN649" s="613"/>
      <c r="NHO649" s="613"/>
      <c r="NHP649" s="613"/>
      <c r="NHQ649" s="613"/>
      <c r="NHR649" s="613"/>
      <c r="NHS649" s="613"/>
      <c r="NHT649" s="613"/>
      <c r="NHU649" s="613"/>
      <c r="NHV649" s="613"/>
      <c r="NHW649" s="613"/>
      <c r="NHX649" s="613"/>
      <c r="NHY649" s="613"/>
      <c r="NHZ649" s="613"/>
      <c r="NIA649" s="613"/>
      <c r="NIB649" s="613"/>
      <c r="NIC649" s="613"/>
      <c r="NID649" s="613"/>
      <c r="NIE649" s="613"/>
      <c r="NIF649" s="613"/>
      <c r="NIG649" s="613"/>
      <c r="NIH649" s="613"/>
      <c r="NII649" s="613"/>
      <c r="NIJ649" s="613"/>
      <c r="NIK649" s="613"/>
      <c r="NIL649" s="613"/>
      <c r="NIM649" s="613"/>
      <c r="NIN649" s="613"/>
      <c r="NIO649" s="613"/>
      <c r="NIP649" s="613"/>
      <c r="NIQ649" s="613"/>
      <c r="NIR649" s="613"/>
      <c r="NIS649" s="613"/>
      <c r="NIT649" s="613"/>
      <c r="NIU649" s="613"/>
      <c r="NIV649" s="613"/>
      <c r="NIW649" s="613"/>
      <c r="NIX649" s="613"/>
      <c r="NIY649" s="613"/>
      <c r="NIZ649" s="613"/>
      <c r="NJA649" s="613"/>
      <c r="NJB649" s="613"/>
      <c r="NJC649" s="613"/>
      <c r="NJD649" s="613"/>
      <c r="NJE649" s="613"/>
      <c r="NJF649" s="613"/>
      <c r="NJG649" s="613"/>
      <c r="NJH649" s="613"/>
      <c r="NJI649" s="613"/>
      <c r="NJJ649" s="613"/>
      <c r="NJK649" s="613"/>
      <c r="NJL649" s="613"/>
      <c r="NJM649" s="613"/>
      <c r="NJN649" s="613"/>
      <c r="NJO649" s="613"/>
      <c r="NJP649" s="613"/>
      <c r="NJQ649" s="613"/>
      <c r="NJR649" s="613"/>
      <c r="NJS649" s="613"/>
      <c r="NJT649" s="613"/>
      <c r="NJU649" s="613"/>
      <c r="NJV649" s="613"/>
      <c r="NJW649" s="613"/>
      <c r="NJX649" s="613"/>
      <c r="NJY649" s="613"/>
      <c r="NJZ649" s="613"/>
      <c r="NKA649" s="613"/>
      <c r="NKB649" s="613"/>
      <c r="NKC649" s="613"/>
      <c r="NKD649" s="613"/>
      <c r="NKE649" s="613"/>
      <c r="NKF649" s="613"/>
      <c r="NKG649" s="613"/>
      <c r="NKH649" s="613"/>
      <c r="NKI649" s="613"/>
      <c r="NKJ649" s="613"/>
      <c r="NKK649" s="613"/>
      <c r="NKL649" s="613"/>
      <c r="NKM649" s="613"/>
      <c r="NKN649" s="613"/>
      <c r="NKO649" s="613"/>
      <c r="NKP649" s="613"/>
      <c r="NKQ649" s="613"/>
      <c r="NKR649" s="613"/>
      <c r="NKS649" s="613"/>
      <c r="NKT649" s="613"/>
      <c r="NKU649" s="613"/>
      <c r="NKV649" s="613"/>
      <c r="NKW649" s="613"/>
      <c r="NKX649" s="613"/>
      <c r="NKY649" s="613"/>
      <c r="NKZ649" s="613"/>
      <c r="NLA649" s="613"/>
      <c r="NLB649" s="613"/>
      <c r="NLC649" s="613"/>
      <c r="NLD649" s="613"/>
      <c r="NLE649" s="613"/>
      <c r="NLF649" s="613"/>
      <c r="NLG649" s="613"/>
      <c r="NLH649" s="613"/>
      <c r="NLI649" s="613"/>
      <c r="NLJ649" s="613"/>
      <c r="NLK649" s="613"/>
      <c r="NLL649" s="613"/>
      <c r="NLM649" s="613"/>
      <c r="NLN649" s="613"/>
      <c r="NLO649" s="613"/>
      <c r="NLP649" s="613"/>
      <c r="NLQ649" s="613"/>
      <c r="NLR649" s="613"/>
      <c r="NLS649" s="613"/>
      <c r="NLT649" s="613"/>
      <c r="NLU649" s="613"/>
      <c r="NLV649" s="613"/>
      <c r="NLW649" s="613"/>
      <c r="NLX649" s="613"/>
      <c r="NLY649" s="613"/>
      <c r="NLZ649" s="613"/>
      <c r="NMA649" s="613"/>
      <c r="NMB649" s="613"/>
      <c r="NMC649" s="613"/>
      <c r="NMD649" s="613"/>
      <c r="NME649" s="613"/>
      <c r="NMF649" s="613"/>
      <c r="NMG649" s="613"/>
      <c r="NMH649" s="613"/>
      <c r="NMI649" s="613"/>
      <c r="NMJ649" s="613"/>
      <c r="NMK649" s="613"/>
      <c r="NML649" s="613"/>
      <c r="NMM649" s="613"/>
      <c r="NMN649" s="613"/>
      <c r="NMO649" s="613"/>
      <c r="NMP649" s="613"/>
      <c r="NMQ649" s="613"/>
      <c r="NMR649" s="613"/>
      <c r="NMS649" s="613"/>
      <c r="NMT649" s="613"/>
      <c r="NMU649" s="613"/>
      <c r="NMV649" s="613"/>
      <c r="NMW649" s="613"/>
      <c r="NMX649" s="613"/>
      <c r="NMY649" s="613"/>
      <c r="NMZ649" s="613"/>
      <c r="NNA649" s="613"/>
      <c r="NNB649" s="613"/>
      <c r="NNC649" s="613"/>
      <c r="NND649" s="613"/>
      <c r="NNE649" s="613"/>
      <c r="NNF649" s="613"/>
      <c r="NNG649" s="613"/>
      <c r="NNH649" s="613"/>
      <c r="NNI649" s="613"/>
      <c r="NNJ649" s="613"/>
      <c r="NNK649" s="613"/>
      <c r="NNL649" s="613"/>
      <c r="NNM649" s="613"/>
      <c r="NNN649" s="613"/>
      <c r="NNO649" s="613"/>
      <c r="NNP649" s="613"/>
      <c r="NNQ649" s="613"/>
      <c r="NNR649" s="613"/>
      <c r="NNS649" s="613"/>
      <c r="NNT649" s="613"/>
      <c r="NNU649" s="613"/>
      <c r="NNV649" s="613"/>
      <c r="NNW649" s="613"/>
      <c r="NNX649" s="613"/>
      <c r="NNY649" s="613"/>
      <c r="NNZ649" s="613"/>
      <c r="NOA649" s="613"/>
      <c r="NOB649" s="613"/>
      <c r="NOC649" s="613"/>
      <c r="NOD649" s="613"/>
      <c r="NOE649" s="613"/>
      <c r="NOF649" s="613"/>
      <c r="NOG649" s="613"/>
      <c r="NOH649" s="613"/>
      <c r="NOI649" s="613"/>
      <c r="NOJ649" s="613"/>
      <c r="NOK649" s="613"/>
      <c r="NOL649" s="613"/>
      <c r="NOM649" s="613"/>
      <c r="NON649" s="613"/>
      <c r="NOO649" s="613"/>
      <c r="NOP649" s="613"/>
      <c r="NOQ649" s="613"/>
      <c r="NOR649" s="613"/>
      <c r="NOS649" s="613"/>
      <c r="NOT649" s="613"/>
      <c r="NOU649" s="613"/>
      <c r="NOV649" s="613"/>
      <c r="NOW649" s="613"/>
      <c r="NOX649" s="613"/>
      <c r="NOY649" s="613"/>
      <c r="NOZ649" s="613"/>
      <c r="NPA649" s="613"/>
      <c r="NPB649" s="613"/>
      <c r="NPC649" s="613"/>
      <c r="NPD649" s="613"/>
      <c r="NPE649" s="613"/>
      <c r="NPF649" s="613"/>
      <c r="NPG649" s="613"/>
      <c r="NPH649" s="613"/>
      <c r="NPI649" s="613"/>
      <c r="NPJ649" s="613"/>
      <c r="NPK649" s="613"/>
      <c r="NPL649" s="613"/>
      <c r="NPM649" s="613"/>
      <c r="NPN649" s="613"/>
      <c r="NPO649" s="613"/>
      <c r="NPP649" s="613"/>
      <c r="NPQ649" s="613"/>
      <c r="NPR649" s="613"/>
      <c r="NPS649" s="613"/>
      <c r="NPT649" s="613"/>
      <c r="NPU649" s="613"/>
      <c r="NPV649" s="613"/>
      <c r="NPW649" s="613"/>
      <c r="NPX649" s="613"/>
      <c r="NPY649" s="613"/>
      <c r="NPZ649" s="613"/>
      <c r="NQA649" s="613"/>
      <c r="NQB649" s="613"/>
      <c r="NQC649" s="613"/>
      <c r="NQD649" s="613"/>
      <c r="NQE649" s="613"/>
      <c r="NQF649" s="613"/>
      <c r="NQG649" s="613"/>
      <c r="NQH649" s="613"/>
      <c r="NQI649" s="613"/>
      <c r="NQJ649" s="613"/>
      <c r="NQK649" s="613"/>
      <c r="NQL649" s="613"/>
      <c r="NQM649" s="613"/>
      <c r="NQN649" s="613"/>
      <c r="NQO649" s="613"/>
      <c r="NQP649" s="613"/>
      <c r="NQQ649" s="613"/>
      <c r="NQR649" s="613"/>
      <c r="NQS649" s="613"/>
      <c r="NQT649" s="613"/>
      <c r="NQU649" s="613"/>
      <c r="NQV649" s="613"/>
      <c r="NQW649" s="613"/>
      <c r="NQX649" s="613"/>
      <c r="NQY649" s="613"/>
      <c r="NQZ649" s="613"/>
      <c r="NRA649" s="613"/>
      <c r="NRB649" s="613"/>
      <c r="NRC649" s="613"/>
      <c r="NRD649" s="613"/>
      <c r="NRE649" s="613"/>
      <c r="NRF649" s="613"/>
      <c r="NRG649" s="613"/>
      <c r="NRH649" s="613"/>
      <c r="NRI649" s="613"/>
      <c r="NRJ649" s="613"/>
      <c r="NRK649" s="613"/>
      <c r="NRL649" s="613"/>
      <c r="NRM649" s="613"/>
      <c r="NRN649" s="613"/>
      <c r="NRO649" s="613"/>
      <c r="NRP649" s="613"/>
      <c r="NRQ649" s="613"/>
      <c r="NRR649" s="613"/>
      <c r="NRS649" s="613"/>
      <c r="NRT649" s="613"/>
      <c r="NRU649" s="613"/>
      <c r="NRV649" s="613"/>
      <c r="NRW649" s="613"/>
      <c r="NRX649" s="613"/>
      <c r="NRY649" s="613"/>
      <c r="NRZ649" s="613"/>
      <c r="NSA649" s="613"/>
      <c r="NSB649" s="613"/>
      <c r="NSC649" s="613"/>
      <c r="NSD649" s="613"/>
      <c r="NSE649" s="613"/>
      <c r="NSF649" s="613"/>
      <c r="NSG649" s="613"/>
      <c r="NSH649" s="613"/>
      <c r="NSI649" s="613"/>
      <c r="NSJ649" s="613"/>
      <c r="NSK649" s="613"/>
      <c r="NSL649" s="613"/>
      <c r="NSM649" s="613"/>
      <c r="NSN649" s="613"/>
      <c r="NSO649" s="613"/>
      <c r="NSP649" s="613"/>
      <c r="NSQ649" s="613"/>
      <c r="NSR649" s="613"/>
      <c r="NSS649" s="613"/>
      <c r="NST649" s="613"/>
      <c r="NSU649" s="613"/>
      <c r="NSV649" s="613"/>
      <c r="NSW649" s="613"/>
      <c r="NSX649" s="613"/>
      <c r="NSY649" s="613"/>
      <c r="NSZ649" s="613"/>
      <c r="NTA649" s="613"/>
      <c r="NTB649" s="613"/>
      <c r="NTC649" s="613"/>
      <c r="NTD649" s="613"/>
      <c r="NTE649" s="613"/>
      <c r="NTF649" s="613"/>
      <c r="NTG649" s="613"/>
      <c r="NTH649" s="613"/>
      <c r="NTI649" s="613"/>
      <c r="NTJ649" s="613"/>
      <c r="NTK649" s="613"/>
      <c r="NTL649" s="613"/>
      <c r="NTM649" s="613"/>
      <c r="NTN649" s="613"/>
      <c r="NTO649" s="613"/>
      <c r="NTP649" s="613"/>
      <c r="NTQ649" s="613"/>
      <c r="NTR649" s="613"/>
      <c r="NTS649" s="613"/>
      <c r="NTT649" s="613"/>
      <c r="NTU649" s="613"/>
      <c r="NTV649" s="613"/>
      <c r="NTW649" s="613"/>
      <c r="NTX649" s="613"/>
      <c r="NTY649" s="613"/>
      <c r="NTZ649" s="613"/>
      <c r="NUA649" s="613"/>
      <c r="NUB649" s="613"/>
      <c r="NUC649" s="613"/>
      <c r="NUD649" s="613"/>
      <c r="NUE649" s="613"/>
      <c r="NUF649" s="613"/>
      <c r="NUG649" s="613"/>
      <c r="NUH649" s="613"/>
      <c r="NUI649" s="613"/>
      <c r="NUJ649" s="613"/>
      <c r="NUK649" s="613"/>
      <c r="NUL649" s="613"/>
      <c r="NUM649" s="613"/>
      <c r="NUN649" s="613"/>
      <c r="NUO649" s="613"/>
      <c r="NUP649" s="613"/>
      <c r="NUQ649" s="613"/>
      <c r="NUR649" s="613"/>
      <c r="NUS649" s="613"/>
      <c r="NUT649" s="613"/>
      <c r="NUU649" s="613"/>
      <c r="NUV649" s="613"/>
      <c r="NUW649" s="613"/>
      <c r="NUX649" s="613"/>
      <c r="NUY649" s="613"/>
      <c r="NUZ649" s="613"/>
      <c r="NVA649" s="613"/>
      <c r="NVB649" s="613"/>
      <c r="NVC649" s="613"/>
      <c r="NVD649" s="613"/>
      <c r="NVE649" s="613"/>
      <c r="NVF649" s="613"/>
      <c r="NVG649" s="613"/>
      <c r="NVH649" s="613"/>
      <c r="NVI649" s="613"/>
      <c r="NVJ649" s="613"/>
      <c r="NVK649" s="613"/>
      <c r="NVL649" s="613"/>
      <c r="NVM649" s="613"/>
      <c r="NVN649" s="613"/>
      <c r="NVO649" s="613"/>
      <c r="NVP649" s="613"/>
      <c r="NVQ649" s="613"/>
      <c r="NVR649" s="613"/>
      <c r="NVS649" s="613"/>
      <c r="NVT649" s="613"/>
      <c r="NVU649" s="613"/>
      <c r="NVV649" s="613"/>
      <c r="NVW649" s="613"/>
      <c r="NVX649" s="613"/>
      <c r="NVY649" s="613"/>
      <c r="NVZ649" s="613"/>
      <c r="NWA649" s="613"/>
      <c r="NWB649" s="613"/>
      <c r="NWC649" s="613"/>
      <c r="NWD649" s="613"/>
      <c r="NWE649" s="613"/>
      <c r="NWF649" s="613"/>
      <c r="NWG649" s="613"/>
      <c r="NWH649" s="613"/>
      <c r="NWI649" s="613"/>
      <c r="NWJ649" s="613"/>
      <c r="NWK649" s="613"/>
      <c r="NWL649" s="613"/>
      <c r="NWM649" s="613"/>
      <c r="NWN649" s="613"/>
      <c r="NWO649" s="613"/>
      <c r="NWP649" s="613"/>
      <c r="NWQ649" s="613"/>
      <c r="NWR649" s="613"/>
      <c r="NWS649" s="613"/>
      <c r="NWT649" s="613"/>
      <c r="NWU649" s="613"/>
      <c r="NWV649" s="613"/>
      <c r="NWW649" s="613"/>
      <c r="NWX649" s="613"/>
      <c r="NWY649" s="613"/>
      <c r="NWZ649" s="613"/>
      <c r="NXA649" s="613"/>
      <c r="NXB649" s="613"/>
      <c r="NXC649" s="613"/>
      <c r="NXD649" s="613"/>
      <c r="NXE649" s="613"/>
      <c r="NXF649" s="613"/>
      <c r="NXG649" s="613"/>
      <c r="NXH649" s="613"/>
      <c r="NXI649" s="613"/>
      <c r="NXJ649" s="613"/>
      <c r="NXK649" s="613"/>
      <c r="NXL649" s="613"/>
      <c r="NXM649" s="613"/>
      <c r="NXN649" s="613"/>
      <c r="NXO649" s="613"/>
      <c r="NXP649" s="613"/>
      <c r="NXQ649" s="613"/>
      <c r="NXR649" s="613"/>
      <c r="NXS649" s="613"/>
      <c r="NXT649" s="613"/>
      <c r="NXU649" s="613"/>
      <c r="NXV649" s="613"/>
      <c r="NXW649" s="613"/>
      <c r="NXX649" s="613"/>
      <c r="NXY649" s="613"/>
      <c r="NXZ649" s="613"/>
      <c r="NYA649" s="613"/>
      <c r="NYB649" s="613"/>
      <c r="NYC649" s="613"/>
      <c r="NYD649" s="613"/>
      <c r="NYE649" s="613"/>
      <c r="NYF649" s="613"/>
      <c r="NYG649" s="613"/>
      <c r="NYH649" s="613"/>
      <c r="NYI649" s="613"/>
      <c r="NYJ649" s="613"/>
      <c r="NYK649" s="613"/>
      <c r="NYL649" s="613"/>
      <c r="NYM649" s="613"/>
      <c r="NYN649" s="613"/>
      <c r="NYO649" s="613"/>
      <c r="NYP649" s="613"/>
      <c r="NYQ649" s="613"/>
      <c r="NYR649" s="613"/>
      <c r="NYS649" s="613"/>
      <c r="NYT649" s="613"/>
      <c r="NYU649" s="613"/>
      <c r="NYV649" s="613"/>
      <c r="NYW649" s="613"/>
      <c r="NYX649" s="613"/>
      <c r="NYY649" s="613"/>
      <c r="NYZ649" s="613"/>
      <c r="NZA649" s="613"/>
      <c r="NZB649" s="613"/>
      <c r="NZC649" s="613"/>
      <c r="NZD649" s="613"/>
      <c r="NZE649" s="613"/>
      <c r="NZF649" s="613"/>
      <c r="NZG649" s="613"/>
      <c r="NZH649" s="613"/>
      <c r="NZI649" s="613"/>
      <c r="NZJ649" s="613"/>
      <c r="NZK649" s="613"/>
      <c r="NZL649" s="613"/>
      <c r="NZM649" s="613"/>
      <c r="NZN649" s="613"/>
      <c r="NZO649" s="613"/>
      <c r="NZP649" s="613"/>
      <c r="NZQ649" s="613"/>
      <c r="NZR649" s="613"/>
      <c r="NZS649" s="613"/>
      <c r="NZT649" s="613"/>
      <c r="NZU649" s="613"/>
      <c r="NZV649" s="613"/>
      <c r="NZW649" s="613"/>
      <c r="NZX649" s="613"/>
      <c r="NZY649" s="613"/>
      <c r="NZZ649" s="613"/>
      <c r="OAA649" s="613"/>
      <c r="OAB649" s="613"/>
      <c r="OAC649" s="613"/>
      <c r="OAD649" s="613"/>
      <c r="OAE649" s="613"/>
      <c r="OAF649" s="613"/>
      <c r="OAG649" s="613"/>
      <c r="OAH649" s="613"/>
      <c r="OAI649" s="613"/>
      <c r="OAJ649" s="613"/>
      <c r="OAK649" s="613"/>
      <c r="OAL649" s="613"/>
      <c r="OAM649" s="613"/>
      <c r="OAN649" s="613"/>
      <c r="OAO649" s="613"/>
      <c r="OAP649" s="613"/>
      <c r="OAQ649" s="613"/>
      <c r="OAR649" s="613"/>
      <c r="OAS649" s="613"/>
      <c r="OAT649" s="613"/>
      <c r="OAU649" s="613"/>
      <c r="OAV649" s="613"/>
      <c r="OAW649" s="613"/>
      <c r="OAX649" s="613"/>
      <c r="OAY649" s="613"/>
      <c r="OAZ649" s="613"/>
      <c r="OBA649" s="613"/>
      <c r="OBB649" s="613"/>
      <c r="OBC649" s="613"/>
      <c r="OBD649" s="613"/>
      <c r="OBE649" s="613"/>
      <c r="OBF649" s="613"/>
      <c r="OBG649" s="613"/>
      <c r="OBH649" s="613"/>
      <c r="OBI649" s="613"/>
      <c r="OBJ649" s="613"/>
      <c r="OBK649" s="613"/>
      <c r="OBL649" s="613"/>
      <c r="OBM649" s="613"/>
      <c r="OBN649" s="613"/>
      <c r="OBO649" s="613"/>
      <c r="OBP649" s="613"/>
      <c r="OBQ649" s="613"/>
      <c r="OBR649" s="613"/>
      <c r="OBS649" s="613"/>
      <c r="OBT649" s="613"/>
      <c r="OBU649" s="613"/>
      <c r="OBV649" s="613"/>
      <c r="OBW649" s="613"/>
      <c r="OBX649" s="613"/>
      <c r="OBY649" s="613"/>
      <c r="OBZ649" s="613"/>
      <c r="OCA649" s="613"/>
      <c r="OCB649" s="613"/>
      <c r="OCC649" s="613"/>
      <c r="OCD649" s="613"/>
      <c r="OCE649" s="613"/>
      <c r="OCF649" s="613"/>
      <c r="OCG649" s="613"/>
      <c r="OCH649" s="613"/>
      <c r="OCI649" s="613"/>
      <c r="OCJ649" s="613"/>
      <c r="OCK649" s="613"/>
      <c r="OCL649" s="613"/>
      <c r="OCM649" s="613"/>
      <c r="OCN649" s="613"/>
      <c r="OCO649" s="613"/>
      <c r="OCP649" s="613"/>
      <c r="OCQ649" s="613"/>
      <c r="OCR649" s="613"/>
      <c r="OCS649" s="613"/>
      <c r="OCT649" s="613"/>
      <c r="OCU649" s="613"/>
      <c r="OCV649" s="613"/>
      <c r="OCW649" s="613"/>
      <c r="OCX649" s="613"/>
      <c r="OCY649" s="613"/>
      <c r="OCZ649" s="613"/>
      <c r="ODA649" s="613"/>
      <c r="ODB649" s="613"/>
      <c r="ODC649" s="613"/>
      <c r="ODD649" s="613"/>
      <c r="ODE649" s="613"/>
      <c r="ODF649" s="613"/>
      <c r="ODG649" s="613"/>
      <c r="ODH649" s="613"/>
      <c r="ODI649" s="613"/>
      <c r="ODJ649" s="613"/>
      <c r="ODK649" s="613"/>
      <c r="ODL649" s="613"/>
      <c r="ODM649" s="613"/>
      <c r="ODN649" s="613"/>
      <c r="ODO649" s="613"/>
      <c r="ODP649" s="613"/>
      <c r="ODQ649" s="613"/>
      <c r="ODR649" s="613"/>
      <c r="ODS649" s="613"/>
      <c r="ODT649" s="613"/>
      <c r="ODU649" s="613"/>
      <c r="ODV649" s="613"/>
      <c r="ODW649" s="613"/>
      <c r="ODX649" s="613"/>
      <c r="ODY649" s="613"/>
      <c r="ODZ649" s="613"/>
      <c r="OEA649" s="613"/>
      <c r="OEB649" s="613"/>
      <c r="OEC649" s="613"/>
      <c r="OED649" s="613"/>
      <c r="OEE649" s="613"/>
      <c r="OEF649" s="613"/>
      <c r="OEG649" s="613"/>
      <c r="OEH649" s="613"/>
      <c r="OEI649" s="613"/>
      <c r="OEJ649" s="613"/>
      <c r="OEK649" s="613"/>
      <c r="OEL649" s="613"/>
      <c r="OEM649" s="613"/>
      <c r="OEN649" s="613"/>
      <c r="OEO649" s="613"/>
      <c r="OEP649" s="613"/>
      <c r="OEQ649" s="613"/>
      <c r="OER649" s="613"/>
      <c r="OES649" s="613"/>
      <c r="OET649" s="613"/>
      <c r="OEU649" s="613"/>
      <c r="OEV649" s="613"/>
      <c r="OEW649" s="613"/>
      <c r="OEX649" s="613"/>
      <c r="OEY649" s="613"/>
      <c r="OEZ649" s="613"/>
      <c r="OFA649" s="613"/>
      <c r="OFB649" s="613"/>
      <c r="OFC649" s="613"/>
      <c r="OFD649" s="613"/>
      <c r="OFE649" s="613"/>
      <c r="OFF649" s="613"/>
      <c r="OFG649" s="613"/>
      <c r="OFH649" s="613"/>
      <c r="OFI649" s="613"/>
      <c r="OFJ649" s="613"/>
      <c r="OFK649" s="613"/>
      <c r="OFL649" s="613"/>
      <c r="OFM649" s="613"/>
      <c r="OFN649" s="613"/>
      <c r="OFO649" s="613"/>
      <c r="OFP649" s="613"/>
      <c r="OFQ649" s="613"/>
      <c r="OFR649" s="613"/>
      <c r="OFS649" s="613"/>
      <c r="OFT649" s="613"/>
      <c r="OFU649" s="613"/>
      <c r="OFV649" s="613"/>
      <c r="OFW649" s="613"/>
      <c r="OFX649" s="613"/>
      <c r="OFY649" s="613"/>
      <c r="OFZ649" s="613"/>
      <c r="OGA649" s="613"/>
      <c r="OGB649" s="613"/>
      <c r="OGC649" s="613"/>
      <c r="OGD649" s="613"/>
      <c r="OGE649" s="613"/>
      <c r="OGF649" s="613"/>
      <c r="OGG649" s="613"/>
      <c r="OGH649" s="613"/>
      <c r="OGI649" s="613"/>
      <c r="OGJ649" s="613"/>
      <c r="OGK649" s="613"/>
      <c r="OGL649" s="613"/>
      <c r="OGM649" s="613"/>
      <c r="OGN649" s="613"/>
      <c r="OGO649" s="613"/>
      <c r="OGP649" s="613"/>
      <c r="OGQ649" s="613"/>
      <c r="OGR649" s="613"/>
      <c r="OGS649" s="613"/>
      <c r="OGT649" s="613"/>
      <c r="OGU649" s="613"/>
      <c r="OGV649" s="613"/>
      <c r="OGW649" s="613"/>
      <c r="OGX649" s="613"/>
      <c r="OGY649" s="613"/>
      <c r="OGZ649" s="613"/>
      <c r="OHA649" s="613"/>
      <c r="OHB649" s="613"/>
      <c r="OHC649" s="613"/>
      <c r="OHD649" s="613"/>
      <c r="OHE649" s="613"/>
      <c r="OHF649" s="613"/>
      <c r="OHG649" s="613"/>
      <c r="OHH649" s="613"/>
      <c r="OHI649" s="613"/>
      <c r="OHJ649" s="613"/>
      <c r="OHK649" s="613"/>
      <c r="OHL649" s="613"/>
      <c r="OHM649" s="613"/>
      <c r="OHN649" s="613"/>
      <c r="OHO649" s="613"/>
      <c r="OHP649" s="613"/>
      <c r="OHQ649" s="613"/>
      <c r="OHR649" s="613"/>
      <c r="OHS649" s="613"/>
      <c r="OHT649" s="613"/>
      <c r="OHU649" s="613"/>
      <c r="OHV649" s="613"/>
      <c r="OHW649" s="613"/>
      <c r="OHX649" s="613"/>
      <c r="OHY649" s="613"/>
      <c r="OHZ649" s="613"/>
      <c r="OIA649" s="613"/>
      <c r="OIB649" s="613"/>
      <c r="OIC649" s="613"/>
      <c r="OID649" s="613"/>
      <c r="OIE649" s="613"/>
      <c r="OIF649" s="613"/>
      <c r="OIG649" s="613"/>
      <c r="OIH649" s="613"/>
      <c r="OII649" s="613"/>
      <c r="OIJ649" s="613"/>
      <c r="OIK649" s="613"/>
      <c r="OIL649" s="613"/>
      <c r="OIM649" s="613"/>
      <c r="OIN649" s="613"/>
      <c r="OIO649" s="613"/>
      <c r="OIP649" s="613"/>
      <c r="OIQ649" s="613"/>
      <c r="OIR649" s="613"/>
      <c r="OIS649" s="613"/>
      <c r="OIT649" s="613"/>
      <c r="OIU649" s="613"/>
      <c r="OIV649" s="613"/>
      <c r="OIW649" s="613"/>
      <c r="OIX649" s="613"/>
      <c r="OIY649" s="613"/>
      <c r="OIZ649" s="613"/>
      <c r="OJA649" s="613"/>
      <c r="OJB649" s="613"/>
      <c r="OJC649" s="613"/>
      <c r="OJD649" s="613"/>
      <c r="OJE649" s="613"/>
      <c r="OJF649" s="613"/>
      <c r="OJG649" s="613"/>
      <c r="OJH649" s="613"/>
      <c r="OJI649" s="613"/>
      <c r="OJJ649" s="613"/>
      <c r="OJK649" s="613"/>
      <c r="OJL649" s="613"/>
      <c r="OJM649" s="613"/>
      <c r="OJN649" s="613"/>
      <c r="OJO649" s="613"/>
      <c r="OJP649" s="613"/>
      <c r="OJQ649" s="613"/>
      <c r="OJR649" s="613"/>
      <c r="OJS649" s="613"/>
      <c r="OJT649" s="613"/>
      <c r="OJU649" s="613"/>
      <c r="OJV649" s="613"/>
      <c r="OJW649" s="613"/>
      <c r="OJX649" s="613"/>
      <c r="OJY649" s="613"/>
      <c r="OJZ649" s="613"/>
      <c r="OKA649" s="613"/>
      <c r="OKB649" s="613"/>
      <c r="OKC649" s="613"/>
      <c r="OKD649" s="613"/>
      <c r="OKE649" s="613"/>
      <c r="OKF649" s="613"/>
      <c r="OKG649" s="613"/>
      <c r="OKH649" s="613"/>
      <c r="OKI649" s="613"/>
      <c r="OKJ649" s="613"/>
      <c r="OKK649" s="613"/>
      <c r="OKL649" s="613"/>
      <c r="OKM649" s="613"/>
      <c r="OKN649" s="613"/>
      <c r="OKO649" s="613"/>
      <c r="OKP649" s="613"/>
      <c r="OKQ649" s="613"/>
      <c r="OKR649" s="613"/>
      <c r="OKS649" s="613"/>
      <c r="OKT649" s="613"/>
      <c r="OKU649" s="613"/>
      <c r="OKV649" s="613"/>
      <c r="OKW649" s="613"/>
      <c r="OKX649" s="613"/>
      <c r="OKY649" s="613"/>
      <c r="OKZ649" s="613"/>
      <c r="OLA649" s="613"/>
      <c r="OLB649" s="613"/>
      <c r="OLC649" s="613"/>
      <c r="OLD649" s="613"/>
      <c r="OLE649" s="613"/>
      <c r="OLF649" s="613"/>
      <c r="OLG649" s="613"/>
      <c r="OLH649" s="613"/>
      <c r="OLI649" s="613"/>
      <c r="OLJ649" s="613"/>
      <c r="OLK649" s="613"/>
      <c r="OLL649" s="613"/>
      <c r="OLM649" s="613"/>
      <c r="OLN649" s="613"/>
      <c r="OLO649" s="613"/>
      <c r="OLP649" s="613"/>
      <c r="OLQ649" s="613"/>
      <c r="OLR649" s="613"/>
      <c r="OLS649" s="613"/>
      <c r="OLT649" s="613"/>
      <c r="OLU649" s="613"/>
      <c r="OLV649" s="613"/>
      <c r="OLW649" s="613"/>
      <c r="OLX649" s="613"/>
      <c r="OLY649" s="613"/>
      <c r="OLZ649" s="613"/>
      <c r="OMA649" s="613"/>
      <c r="OMB649" s="613"/>
      <c r="OMC649" s="613"/>
      <c r="OMD649" s="613"/>
      <c r="OME649" s="613"/>
      <c r="OMF649" s="613"/>
      <c r="OMG649" s="613"/>
      <c r="OMH649" s="613"/>
      <c r="OMI649" s="613"/>
      <c r="OMJ649" s="613"/>
      <c r="OMK649" s="613"/>
      <c r="OML649" s="613"/>
      <c r="OMM649" s="613"/>
      <c r="OMN649" s="613"/>
      <c r="OMO649" s="613"/>
      <c r="OMP649" s="613"/>
      <c r="OMQ649" s="613"/>
      <c r="OMR649" s="613"/>
      <c r="OMS649" s="613"/>
      <c r="OMT649" s="613"/>
      <c r="OMU649" s="613"/>
      <c r="OMV649" s="613"/>
      <c r="OMW649" s="613"/>
      <c r="OMX649" s="613"/>
      <c r="OMY649" s="613"/>
      <c r="OMZ649" s="613"/>
      <c r="ONA649" s="613"/>
      <c r="ONB649" s="613"/>
      <c r="ONC649" s="613"/>
      <c r="OND649" s="613"/>
      <c r="ONE649" s="613"/>
      <c r="ONF649" s="613"/>
      <c r="ONG649" s="613"/>
      <c r="ONH649" s="613"/>
      <c r="ONI649" s="613"/>
      <c r="ONJ649" s="613"/>
      <c r="ONK649" s="613"/>
      <c r="ONL649" s="613"/>
      <c r="ONM649" s="613"/>
      <c r="ONN649" s="613"/>
      <c r="ONO649" s="613"/>
      <c r="ONP649" s="613"/>
      <c r="ONQ649" s="613"/>
      <c r="ONR649" s="613"/>
      <c r="ONS649" s="613"/>
      <c r="ONT649" s="613"/>
      <c r="ONU649" s="613"/>
      <c r="ONV649" s="613"/>
      <c r="ONW649" s="613"/>
      <c r="ONX649" s="613"/>
      <c r="ONY649" s="613"/>
      <c r="ONZ649" s="613"/>
      <c r="OOA649" s="613"/>
      <c r="OOB649" s="613"/>
      <c r="OOC649" s="613"/>
      <c r="OOD649" s="613"/>
      <c r="OOE649" s="613"/>
      <c r="OOF649" s="613"/>
      <c r="OOG649" s="613"/>
      <c r="OOH649" s="613"/>
      <c r="OOI649" s="613"/>
      <c r="OOJ649" s="613"/>
      <c r="OOK649" s="613"/>
      <c r="OOL649" s="613"/>
      <c r="OOM649" s="613"/>
      <c r="OON649" s="613"/>
      <c r="OOO649" s="613"/>
      <c r="OOP649" s="613"/>
      <c r="OOQ649" s="613"/>
      <c r="OOR649" s="613"/>
      <c r="OOS649" s="613"/>
      <c r="OOT649" s="613"/>
      <c r="OOU649" s="613"/>
      <c r="OOV649" s="613"/>
      <c r="OOW649" s="613"/>
      <c r="OOX649" s="613"/>
      <c r="OOY649" s="613"/>
      <c r="OOZ649" s="613"/>
      <c r="OPA649" s="613"/>
      <c r="OPB649" s="613"/>
      <c r="OPC649" s="613"/>
      <c r="OPD649" s="613"/>
      <c r="OPE649" s="613"/>
      <c r="OPF649" s="613"/>
      <c r="OPG649" s="613"/>
      <c r="OPH649" s="613"/>
      <c r="OPI649" s="613"/>
      <c r="OPJ649" s="613"/>
      <c r="OPK649" s="613"/>
      <c r="OPL649" s="613"/>
      <c r="OPM649" s="613"/>
      <c r="OPN649" s="613"/>
      <c r="OPO649" s="613"/>
      <c r="OPP649" s="613"/>
      <c r="OPQ649" s="613"/>
      <c r="OPR649" s="613"/>
      <c r="OPS649" s="613"/>
      <c r="OPT649" s="613"/>
      <c r="OPU649" s="613"/>
      <c r="OPV649" s="613"/>
      <c r="OPW649" s="613"/>
      <c r="OPX649" s="613"/>
      <c r="OPY649" s="613"/>
      <c r="OPZ649" s="613"/>
      <c r="OQA649" s="613"/>
      <c r="OQB649" s="613"/>
      <c r="OQC649" s="613"/>
      <c r="OQD649" s="613"/>
      <c r="OQE649" s="613"/>
      <c r="OQF649" s="613"/>
      <c r="OQG649" s="613"/>
      <c r="OQH649" s="613"/>
      <c r="OQI649" s="613"/>
      <c r="OQJ649" s="613"/>
      <c r="OQK649" s="613"/>
      <c r="OQL649" s="613"/>
      <c r="OQM649" s="613"/>
      <c r="OQN649" s="613"/>
      <c r="OQO649" s="613"/>
      <c r="OQP649" s="613"/>
      <c r="OQQ649" s="613"/>
      <c r="OQR649" s="613"/>
      <c r="OQS649" s="613"/>
      <c r="OQT649" s="613"/>
      <c r="OQU649" s="613"/>
      <c r="OQV649" s="613"/>
      <c r="OQW649" s="613"/>
      <c r="OQX649" s="613"/>
      <c r="OQY649" s="613"/>
      <c r="OQZ649" s="613"/>
      <c r="ORA649" s="613"/>
      <c r="ORB649" s="613"/>
      <c r="ORC649" s="613"/>
      <c r="ORD649" s="613"/>
      <c r="ORE649" s="613"/>
      <c r="ORF649" s="613"/>
      <c r="ORG649" s="613"/>
      <c r="ORH649" s="613"/>
      <c r="ORI649" s="613"/>
      <c r="ORJ649" s="613"/>
      <c r="ORK649" s="613"/>
      <c r="ORL649" s="613"/>
      <c r="ORM649" s="613"/>
      <c r="ORN649" s="613"/>
      <c r="ORO649" s="613"/>
      <c r="ORP649" s="613"/>
      <c r="ORQ649" s="613"/>
      <c r="ORR649" s="613"/>
      <c r="ORS649" s="613"/>
      <c r="ORT649" s="613"/>
      <c r="ORU649" s="613"/>
      <c r="ORV649" s="613"/>
      <c r="ORW649" s="613"/>
      <c r="ORX649" s="613"/>
      <c r="ORY649" s="613"/>
      <c r="ORZ649" s="613"/>
      <c r="OSA649" s="613"/>
      <c r="OSB649" s="613"/>
      <c r="OSC649" s="613"/>
      <c r="OSD649" s="613"/>
      <c r="OSE649" s="613"/>
      <c r="OSF649" s="613"/>
      <c r="OSG649" s="613"/>
      <c r="OSH649" s="613"/>
      <c r="OSI649" s="613"/>
      <c r="OSJ649" s="613"/>
      <c r="OSK649" s="613"/>
      <c r="OSL649" s="613"/>
      <c r="OSM649" s="613"/>
      <c r="OSN649" s="613"/>
      <c r="OSO649" s="613"/>
      <c r="OSP649" s="613"/>
      <c r="OSQ649" s="613"/>
      <c r="OSR649" s="613"/>
      <c r="OSS649" s="613"/>
      <c r="OST649" s="613"/>
      <c r="OSU649" s="613"/>
      <c r="OSV649" s="613"/>
      <c r="OSW649" s="613"/>
      <c r="OSX649" s="613"/>
      <c r="OSY649" s="613"/>
      <c r="OSZ649" s="613"/>
      <c r="OTA649" s="613"/>
      <c r="OTB649" s="613"/>
      <c r="OTC649" s="613"/>
      <c r="OTD649" s="613"/>
      <c r="OTE649" s="613"/>
      <c r="OTF649" s="613"/>
      <c r="OTG649" s="613"/>
      <c r="OTH649" s="613"/>
      <c r="OTI649" s="613"/>
      <c r="OTJ649" s="613"/>
      <c r="OTK649" s="613"/>
      <c r="OTL649" s="613"/>
      <c r="OTM649" s="613"/>
      <c r="OTN649" s="613"/>
      <c r="OTO649" s="613"/>
      <c r="OTP649" s="613"/>
      <c r="OTQ649" s="613"/>
      <c r="OTR649" s="613"/>
      <c r="OTS649" s="613"/>
      <c r="OTT649" s="613"/>
      <c r="OTU649" s="613"/>
      <c r="OTV649" s="613"/>
      <c r="OTW649" s="613"/>
      <c r="OTX649" s="613"/>
      <c r="OTY649" s="613"/>
      <c r="OTZ649" s="613"/>
      <c r="OUA649" s="613"/>
      <c r="OUB649" s="613"/>
      <c r="OUC649" s="613"/>
      <c r="OUD649" s="613"/>
      <c r="OUE649" s="613"/>
      <c r="OUF649" s="613"/>
      <c r="OUG649" s="613"/>
      <c r="OUH649" s="613"/>
      <c r="OUI649" s="613"/>
      <c r="OUJ649" s="613"/>
      <c r="OUK649" s="613"/>
      <c r="OUL649" s="613"/>
      <c r="OUM649" s="613"/>
      <c r="OUN649" s="613"/>
      <c r="OUO649" s="613"/>
      <c r="OUP649" s="613"/>
      <c r="OUQ649" s="613"/>
      <c r="OUR649" s="613"/>
      <c r="OUS649" s="613"/>
      <c r="OUT649" s="613"/>
      <c r="OUU649" s="613"/>
      <c r="OUV649" s="613"/>
      <c r="OUW649" s="613"/>
      <c r="OUX649" s="613"/>
      <c r="OUY649" s="613"/>
      <c r="OUZ649" s="613"/>
      <c r="OVA649" s="613"/>
      <c r="OVB649" s="613"/>
      <c r="OVC649" s="613"/>
      <c r="OVD649" s="613"/>
      <c r="OVE649" s="613"/>
      <c r="OVF649" s="613"/>
      <c r="OVG649" s="613"/>
      <c r="OVH649" s="613"/>
      <c r="OVI649" s="613"/>
      <c r="OVJ649" s="613"/>
      <c r="OVK649" s="613"/>
      <c r="OVL649" s="613"/>
      <c r="OVM649" s="613"/>
      <c r="OVN649" s="613"/>
      <c r="OVO649" s="613"/>
      <c r="OVP649" s="613"/>
      <c r="OVQ649" s="613"/>
      <c r="OVR649" s="613"/>
      <c r="OVS649" s="613"/>
      <c r="OVT649" s="613"/>
      <c r="OVU649" s="613"/>
      <c r="OVV649" s="613"/>
      <c r="OVW649" s="613"/>
      <c r="OVX649" s="613"/>
      <c r="OVY649" s="613"/>
      <c r="OVZ649" s="613"/>
      <c r="OWA649" s="613"/>
      <c r="OWB649" s="613"/>
      <c r="OWC649" s="613"/>
      <c r="OWD649" s="613"/>
      <c r="OWE649" s="613"/>
      <c r="OWF649" s="613"/>
      <c r="OWG649" s="613"/>
      <c r="OWH649" s="613"/>
      <c r="OWI649" s="613"/>
      <c r="OWJ649" s="613"/>
      <c r="OWK649" s="613"/>
      <c r="OWL649" s="613"/>
      <c r="OWM649" s="613"/>
      <c r="OWN649" s="613"/>
      <c r="OWO649" s="613"/>
      <c r="OWP649" s="613"/>
      <c r="OWQ649" s="613"/>
      <c r="OWR649" s="613"/>
      <c r="OWS649" s="613"/>
      <c r="OWT649" s="613"/>
      <c r="OWU649" s="613"/>
      <c r="OWV649" s="613"/>
      <c r="OWW649" s="613"/>
      <c r="OWX649" s="613"/>
      <c r="OWY649" s="613"/>
      <c r="OWZ649" s="613"/>
      <c r="OXA649" s="613"/>
      <c r="OXB649" s="613"/>
      <c r="OXC649" s="613"/>
      <c r="OXD649" s="613"/>
      <c r="OXE649" s="613"/>
      <c r="OXF649" s="613"/>
      <c r="OXG649" s="613"/>
      <c r="OXH649" s="613"/>
      <c r="OXI649" s="613"/>
      <c r="OXJ649" s="613"/>
      <c r="OXK649" s="613"/>
      <c r="OXL649" s="613"/>
      <c r="OXM649" s="613"/>
      <c r="OXN649" s="613"/>
      <c r="OXO649" s="613"/>
      <c r="OXP649" s="613"/>
      <c r="OXQ649" s="613"/>
      <c r="OXR649" s="613"/>
      <c r="OXS649" s="613"/>
      <c r="OXT649" s="613"/>
      <c r="OXU649" s="613"/>
      <c r="OXV649" s="613"/>
      <c r="OXW649" s="613"/>
      <c r="OXX649" s="613"/>
      <c r="OXY649" s="613"/>
      <c r="OXZ649" s="613"/>
      <c r="OYA649" s="613"/>
      <c r="OYB649" s="613"/>
      <c r="OYC649" s="613"/>
      <c r="OYD649" s="613"/>
      <c r="OYE649" s="613"/>
      <c r="OYF649" s="613"/>
      <c r="OYG649" s="613"/>
      <c r="OYH649" s="613"/>
      <c r="OYI649" s="613"/>
      <c r="OYJ649" s="613"/>
      <c r="OYK649" s="613"/>
      <c r="OYL649" s="613"/>
      <c r="OYM649" s="613"/>
      <c r="OYN649" s="613"/>
      <c r="OYO649" s="613"/>
      <c r="OYP649" s="613"/>
      <c r="OYQ649" s="613"/>
      <c r="OYR649" s="613"/>
      <c r="OYS649" s="613"/>
      <c r="OYT649" s="613"/>
      <c r="OYU649" s="613"/>
      <c r="OYV649" s="613"/>
      <c r="OYW649" s="613"/>
      <c r="OYX649" s="613"/>
      <c r="OYY649" s="613"/>
      <c r="OYZ649" s="613"/>
      <c r="OZA649" s="613"/>
      <c r="OZB649" s="613"/>
      <c r="OZC649" s="613"/>
      <c r="OZD649" s="613"/>
      <c r="OZE649" s="613"/>
      <c r="OZF649" s="613"/>
      <c r="OZG649" s="613"/>
      <c r="OZH649" s="613"/>
      <c r="OZI649" s="613"/>
      <c r="OZJ649" s="613"/>
      <c r="OZK649" s="613"/>
      <c r="OZL649" s="613"/>
      <c r="OZM649" s="613"/>
      <c r="OZN649" s="613"/>
      <c r="OZO649" s="613"/>
      <c r="OZP649" s="613"/>
      <c r="OZQ649" s="613"/>
      <c r="OZR649" s="613"/>
      <c r="OZS649" s="613"/>
      <c r="OZT649" s="613"/>
      <c r="OZU649" s="613"/>
      <c r="OZV649" s="613"/>
      <c r="OZW649" s="613"/>
      <c r="OZX649" s="613"/>
      <c r="OZY649" s="613"/>
      <c r="OZZ649" s="613"/>
      <c r="PAA649" s="613"/>
      <c r="PAB649" s="613"/>
      <c r="PAC649" s="613"/>
      <c r="PAD649" s="613"/>
      <c r="PAE649" s="613"/>
      <c r="PAF649" s="613"/>
      <c r="PAG649" s="613"/>
      <c r="PAH649" s="613"/>
      <c r="PAI649" s="613"/>
      <c r="PAJ649" s="613"/>
      <c r="PAK649" s="613"/>
      <c r="PAL649" s="613"/>
      <c r="PAM649" s="613"/>
      <c r="PAN649" s="613"/>
      <c r="PAO649" s="613"/>
      <c r="PAP649" s="613"/>
      <c r="PAQ649" s="613"/>
      <c r="PAR649" s="613"/>
      <c r="PAS649" s="613"/>
      <c r="PAT649" s="613"/>
      <c r="PAU649" s="613"/>
      <c r="PAV649" s="613"/>
      <c r="PAW649" s="613"/>
      <c r="PAX649" s="613"/>
      <c r="PAY649" s="613"/>
      <c r="PAZ649" s="613"/>
      <c r="PBA649" s="613"/>
      <c r="PBB649" s="613"/>
      <c r="PBC649" s="613"/>
      <c r="PBD649" s="613"/>
      <c r="PBE649" s="613"/>
      <c r="PBF649" s="613"/>
      <c r="PBG649" s="613"/>
      <c r="PBH649" s="613"/>
      <c r="PBI649" s="613"/>
      <c r="PBJ649" s="613"/>
      <c r="PBK649" s="613"/>
      <c r="PBL649" s="613"/>
      <c r="PBM649" s="613"/>
      <c r="PBN649" s="613"/>
      <c r="PBO649" s="613"/>
      <c r="PBP649" s="613"/>
      <c r="PBQ649" s="613"/>
      <c r="PBR649" s="613"/>
      <c r="PBS649" s="613"/>
      <c r="PBT649" s="613"/>
      <c r="PBU649" s="613"/>
      <c r="PBV649" s="613"/>
      <c r="PBW649" s="613"/>
      <c r="PBX649" s="613"/>
      <c r="PBY649" s="613"/>
      <c r="PBZ649" s="613"/>
      <c r="PCA649" s="613"/>
      <c r="PCB649" s="613"/>
      <c r="PCC649" s="613"/>
      <c r="PCD649" s="613"/>
      <c r="PCE649" s="613"/>
      <c r="PCF649" s="613"/>
      <c r="PCG649" s="613"/>
      <c r="PCH649" s="613"/>
      <c r="PCI649" s="613"/>
      <c r="PCJ649" s="613"/>
      <c r="PCK649" s="613"/>
      <c r="PCL649" s="613"/>
      <c r="PCM649" s="613"/>
      <c r="PCN649" s="613"/>
      <c r="PCO649" s="613"/>
      <c r="PCP649" s="613"/>
      <c r="PCQ649" s="613"/>
      <c r="PCR649" s="613"/>
      <c r="PCS649" s="613"/>
      <c r="PCT649" s="613"/>
      <c r="PCU649" s="613"/>
      <c r="PCV649" s="613"/>
      <c r="PCW649" s="613"/>
      <c r="PCX649" s="613"/>
      <c r="PCY649" s="613"/>
      <c r="PCZ649" s="613"/>
      <c r="PDA649" s="613"/>
      <c r="PDB649" s="613"/>
      <c r="PDC649" s="613"/>
      <c r="PDD649" s="613"/>
      <c r="PDE649" s="613"/>
      <c r="PDF649" s="613"/>
      <c r="PDG649" s="613"/>
      <c r="PDH649" s="613"/>
      <c r="PDI649" s="613"/>
      <c r="PDJ649" s="613"/>
      <c r="PDK649" s="613"/>
      <c r="PDL649" s="613"/>
      <c r="PDM649" s="613"/>
      <c r="PDN649" s="613"/>
      <c r="PDO649" s="613"/>
      <c r="PDP649" s="613"/>
      <c r="PDQ649" s="613"/>
      <c r="PDR649" s="613"/>
      <c r="PDS649" s="613"/>
      <c r="PDT649" s="613"/>
      <c r="PDU649" s="613"/>
      <c r="PDV649" s="613"/>
      <c r="PDW649" s="613"/>
      <c r="PDX649" s="613"/>
      <c r="PDY649" s="613"/>
      <c r="PDZ649" s="613"/>
      <c r="PEA649" s="613"/>
      <c r="PEB649" s="613"/>
      <c r="PEC649" s="613"/>
      <c r="PED649" s="613"/>
      <c r="PEE649" s="613"/>
      <c r="PEF649" s="613"/>
      <c r="PEG649" s="613"/>
      <c r="PEH649" s="613"/>
      <c r="PEI649" s="613"/>
      <c r="PEJ649" s="613"/>
      <c r="PEK649" s="613"/>
      <c r="PEL649" s="613"/>
      <c r="PEM649" s="613"/>
      <c r="PEN649" s="613"/>
      <c r="PEO649" s="613"/>
      <c r="PEP649" s="613"/>
      <c r="PEQ649" s="613"/>
      <c r="PER649" s="613"/>
      <c r="PES649" s="613"/>
      <c r="PET649" s="613"/>
      <c r="PEU649" s="613"/>
      <c r="PEV649" s="613"/>
      <c r="PEW649" s="613"/>
      <c r="PEX649" s="613"/>
      <c r="PEY649" s="613"/>
      <c r="PEZ649" s="613"/>
      <c r="PFA649" s="613"/>
      <c r="PFB649" s="613"/>
      <c r="PFC649" s="613"/>
      <c r="PFD649" s="613"/>
      <c r="PFE649" s="613"/>
      <c r="PFF649" s="613"/>
      <c r="PFG649" s="613"/>
      <c r="PFH649" s="613"/>
      <c r="PFI649" s="613"/>
      <c r="PFJ649" s="613"/>
      <c r="PFK649" s="613"/>
      <c r="PFL649" s="613"/>
      <c r="PFM649" s="613"/>
      <c r="PFN649" s="613"/>
      <c r="PFO649" s="613"/>
      <c r="PFP649" s="613"/>
      <c r="PFQ649" s="613"/>
      <c r="PFR649" s="613"/>
      <c r="PFS649" s="613"/>
      <c r="PFT649" s="613"/>
      <c r="PFU649" s="613"/>
      <c r="PFV649" s="613"/>
      <c r="PFW649" s="613"/>
      <c r="PFX649" s="613"/>
      <c r="PFY649" s="613"/>
      <c r="PFZ649" s="613"/>
      <c r="PGA649" s="613"/>
      <c r="PGB649" s="613"/>
      <c r="PGC649" s="613"/>
      <c r="PGD649" s="613"/>
      <c r="PGE649" s="613"/>
      <c r="PGF649" s="613"/>
      <c r="PGG649" s="613"/>
      <c r="PGH649" s="613"/>
      <c r="PGI649" s="613"/>
      <c r="PGJ649" s="613"/>
      <c r="PGK649" s="613"/>
      <c r="PGL649" s="613"/>
      <c r="PGM649" s="613"/>
      <c r="PGN649" s="613"/>
      <c r="PGO649" s="613"/>
      <c r="PGP649" s="613"/>
      <c r="PGQ649" s="613"/>
      <c r="PGR649" s="613"/>
      <c r="PGS649" s="613"/>
      <c r="PGT649" s="613"/>
      <c r="PGU649" s="613"/>
      <c r="PGV649" s="613"/>
      <c r="PGW649" s="613"/>
      <c r="PGX649" s="613"/>
      <c r="PGY649" s="613"/>
      <c r="PGZ649" s="613"/>
      <c r="PHA649" s="613"/>
      <c r="PHB649" s="613"/>
      <c r="PHC649" s="613"/>
      <c r="PHD649" s="613"/>
      <c r="PHE649" s="613"/>
      <c r="PHF649" s="613"/>
      <c r="PHG649" s="613"/>
      <c r="PHH649" s="613"/>
      <c r="PHI649" s="613"/>
      <c r="PHJ649" s="613"/>
      <c r="PHK649" s="613"/>
      <c r="PHL649" s="613"/>
      <c r="PHM649" s="613"/>
      <c r="PHN649" s="613"/>
      <c r="PHO649" s="613"/>
      <c r="PHP649" s="613"/>
      <c r="PHQ649" s="613"/>
      <c r="PHR649" s="613"/>
      <c r="PHS649" s="613"/>
      <c r="PHT649" s="613"/>
      <c r="PHU649" s="613"/>
      <c r="PHV649" s="613"/>
      <c r="PHW649" s="613"/>
      <c r="PHX649" s="613"/>
      <c r="PHY649" s="613"/>
      <c r="PHZ649" s="613"/>
      <c r="PIA649" s="613"/>
      <c r="PIB649" s="613"/>
      <c r="PIC649" s="613"/>
      <c r="PID649" s="613"/>
      <c r="PIE649" s="613"/>
      <c r="PIF649" s="613"/>
      <c r="PIG649" s="613"/>
      <c r="PIH649" s="613"/>
      <c r="PII649" s="613"/>
      <c r="PIJ649" s="613"/>
      <c r="PIK649" s="613"/>
      <c r="PIL649" s="613"/>
      <c r="PIM649" s="613"/>
      <c r="PIN649" s="613"/>
      <c r="PIO649" s="613"/>
      <c r="PIP649" s="613"/>
      <c r="PIQ649" s="613"/>
      <c r="PIR649" s="613"/>
      <c r="PIS649" s="613"/>
      <c r="PIT649" s="613"/>
      <c r="PIU649" s="613"/>
      <c r="PIV649" s="613"/>
      <c r="PIW649" s="613"/>
      <c r="PIX649" s="613"/>
      <c r="PIY649" s="613"/>
      <c r="PIZ649" s="613"/>
      <c r="PJA649" s="613"/>
      <c r="PJB649" s="613"/>
      <c r="PJC649" s="613"/>
      <c r="PJD649" s="613"/>
      <c r="PJE649" s="613"/>
      <c r="PJF649" s="613"/>
      <c r="PJG649" s="613"/>
      <c r="PJH649" s="613"/>
      <c r="PJI649" s="613"/>
      <c r="PJJ649" s="613"/>
      <c r="PJK649" s="613"/>
      <c r="PJL649" s="613"/>
      <c r="PJM649" s="613"/>
      <c r="PJN649" s="613"/>
      <c r="PJO649" s="613"/>
      <c r="PJP649" s="613"/>
      <c r="PJQ649" s="613"/>
      <c r="PJR649" s="613"/>
      <c r="PJS649" s="613"/>
      <c r="PJT649" s="613"/>
      <c r="PJU649" s="613"/>
      <c r="PJV649" s="613"/>
      <c r="PJW649" s="613"/>
      <c r="PJX649" s="613"/>
      <c r="PJY649" s="613"/>
      <c r="PJZ649" s="613"/>
      <c r="PKA649" s="613"/>
      <c r="PKB649" s="613"/>
      <c r="PKC649" s="613"/>
      <c r="PKD649" s="613"/>
      <c r="PKE649" s="613"/>
      <c r="PKF649" s="613"/>
      <c r="PKG649" s="613"/>
      <c r="PKH649" s="613"/>
      <c r="PKI649" s="613"/>
      <c r="PKJ649" s="613"/>
      <c r="PKK649" s="613"/>
      <c r="PKL649" s="613"/>
      <c r="PKM649" s="613"/>
      <c r="PKN649" s="613"/>
      <c r="PKO649" s="613"/>
      <c r="PKP649" s="613"/>
      <c r="PKQ649" s="613"/>
      <c r="PKR649" s="613"/>
      <c r="PKS649" s="613"/>
      <c r="PKT649" s="613"/>
      <c r="PKU649" s="613"/>
      <c r="PKV649" s="613"/>
      <c r="PKW649" s="613"/>
      <c r="PKX649" s="613"/>
      <c r="PKY649" s="613"/>
      <c r="PKZ649" s="613"/>
      <c r="PLA649" s="613"/>
      <c r="PLB649" s="613"/>
      <c r="PLC649" s="613"/>
      <c r="PLD649" s="613"/>
      <c r="PLE649" s="613"/>
      <c r="PLF649" s="613"/>
      <c r="PLG649" s="613"/>
      <c r="PLH649" s="613"/>
      <c r="PLI649" s="613"/>
      <c r="PLJ649" s="613"/>
      <c r="PLK649" s="613"/>
      <c r="PLL649" s="613"/>
      <c r="PLM649" s="613"/>
      <c r="PLN649" s="613"/>
      <c r="PLO649" s="613"/>
      <c r="PLP649" s="613"/>
      <c r="PLQ649" s="613"/>
      <c r="PLR649" s="613"/>
      <c r="PLS649" s="613"/>
      <c r="PLT649" s="613"/>
      <c r="PLU649" s="613"/>
      <c r="PLV649" s="613"/>
      <c r="PLW649" s="613"/>
      <c r="PLX649" s="613"/>
      <c r="PLY649" s="613"/>
      <c r="PLZ649" s="613"/>
      <c r="PMA649" s="613"/>
      <c r="PMB649" s="613"/>
      <c r="PMC649" s="613"/>
      <c r="PMD649" s="613"/>
      <c r="PME649" s="613"/>
      <c r="PMF649" s="613"/>
      <c r="PMG649" s="613"/>
      <c r="PMH649" s="613"/>
      <c r="PMI649" s="613"/>
      <c r="PMJ649" s="613"/>
      <c r="PMK649" s="613"/>
      <c r="PML649" s="613"/>
      <c r="PMM649" s="613"/>
      <c r="PMN649" s="613"/>
      <c r="PMO649" s="613"/>
      <c r="PMP649" s="613"/>
      <c r="PMQ649" s="613"/>
      <c r="PMR649" s="613"/>
      <c r="PMS649" s="613"/>
      <c r="PMT649" s="613"/>
      <c r="PMU649" s="613"/>
      <c r="PMV649" s="613"/>
      <c r="PMW649" s="613"/>
      <c r="PMX649" s="613"/>
      <c r="PMY649" s="613"/>
      <c r="PMZ649" s="613"/>
      <c r="PNA649" s="613"/>
      <c r="PNB649" s="613"/>
      <c r="PNC649" s="613"/>
      <c r="PND649" s="613"/>
      <c r="PNE649" s="613"/>
      <c r="PNF649" s="613"/>
      <c r="PNG649" s="613"/>
      <c r="PNH649" s="613"/>
      <c r="PNI649" s="613"/>
      <c r="PNJ649" s="613"/>
      <c r="PNK649" s="613"/>
      <c r="PNL649" s="613"/>
      <c r="PNM649" s="613"/>
      <c r="PNN649" s="613"/>
      <c r="PNO649" s="613"/>
      <c r="PNP649" s="613"/>
      <c r="PNQ649" s="613"/>
      <c r="PNR649" s="613"/>
      <c r="PNS649" s="613"/>
      <c r="PNT649" s="613"/>
      <c r="PNU649" s="613"/>
      <c r="PNV649" s="613"/>
      <c r="PNW649" s="613"/>
      <c r="PNX649" s="613"/>
      <c r="PNY649" s="613"/>
      <c r="PNZ649" s="613"/>
      <c r="POA649" s="613"/>
      <c r="POB649" s="613"/>
      <c r="POC649" s="613"/>
      <c r="POD649" s="613"/>
      <c r="POE649" s="613"/>
      <c r="POF649" s="613"/>
      <c r="POG649" s="613"/>
      <c r="POH649" s="613"/>
      <c r="POI649" s="613"/>
      <c r="POJ649" s="613"/>
      <c r="POK649" s="613"/>
      <c r="POL649" s="613"/>
      <c r="POM649" s="613"/>
      <c r="PON649" s="613"/>
      <c r="POO649" s="613"/>
      <c r="POP649" s="613"/>
      <c r="POQ649" s="613"/>
      <c r="POR649" s="613"/>
      <c r="POS649" s="613"/>
      <c r="POT649" s="613"/>
      <c r="POU649" s="613"/>
      <c r="POV649" s="613"/>
      <c r="POW649" s="613"/>
      <c r="POX649" s="613"/>
      <c r="POY649" s="613"/>
      <c r="POZ649" s="613"/>
      <c r="PPA649" s="613"/>
      <c r="PPB649" s="613"/>
      <c r="PPC649" s="613"/>
      <c r="PPD649" s="613"/>
      <c r="PPE649" s="613"/>
      <c r="PPF649" s="613"/>
      <c r="PPG649" s="613"/>
      <c r="PPH649" s="613"/>
      <c r="PPI649" s="613"/>
      <c r="PPJ649" s="613"/>
      <c r="PPK649" s="613"/>
      <c r="PPL649" s="613"/>
      <c r="PPM649" s="613"/>
      <c r="PPN649" s="613"/>
      <c r="PPO649" s="613"/>
      <c r="PPP649" s="613"/>
      <c r="PPQ649" s="613"/>
      <c r="PPR649" s="613"/>
      <c r="PPS649" s="613"/>
      <c r="PPT649" s="613"/>
      <c r="PPU649" s="613"/>
      <c r="PPV649" s="613"/>
      <c r="PPW649" s="613"/>
      <c r="PPX649" s="613"/>
      <c r="PPY649" s="613"/>
      <c r="PPZ649" s="613"/>
      <c r="PQA649" s="613"/>
      <c r="PQB649" s="613"/>
      <c r="PQC649" s="613"/>
      <c r="PQD649" s="613"/>
      <c r="PQE649" s="613"/>
      <c r="PQF649" s="613"/>
      <c r="PQG649" s="613"/>
      <c r="PQH649" s="613"/>
      <c r="PQI649" s="613"/>
      <c r="PQJ649" s="613"/>
      <c r="PQK649" s="613"/>
      <c r="PQL649" s="613"/>
      <c r="PQM649" s="613"/>
      <c r="PQN649" s="613"/>
      <c r="PQO649" s="613"/>
      <c r="PQP649" s="613"/>
      <c r="PQQ649" s="613"/>
      <c r="PQR649" s="613"/>
      <c r="PQS649" s="613"/>
      <c r="PQT649" s="613"/>
      <c r="PQU649" s="613"/>
      <c r="PQV649" s="613"/>
      <c r="PQW649" s="613"/>
      <c r="PQX649" s="613"/>
      <c r="PQY649" s="613"/>
      <c r="PQZ649" s="613"/>
      <c r="PRA649" s="613"/>
      <c r="PRB649" s="613"/>
      <c r="PRC649" s="613"/>
      <c r="PRD649" s="613"/>
      <c r="PRE649" s="613"/>
      <c r="PRF649" s="613"/>
      <c r="PRG649" s="613"/>
      <c r="PRH649" s="613"/>
      <c r="PRI649" s="613"/>
      <c r="PRJ649" s="613"/>
      <c r="PRK649" s="613"/>
      <c r="PRL649" s="613"/>
      <c r="PRM649" s="613"/>
      <c r="PRN649" s="613"/>
      <c r="PRO649" s="613"/>
      <c r="PRP649" s="613"/>
      <c r="PRQ649" s="613"/>
      <c r="PRR649" s="613"/>
      <c r="PRS649" s="613"/>
      <c r="PRT649" s="613"/>
      <c r="PRU649" s="613"/>
      <c r="PRV649" s="613"/>
      <c r="PRW649" s="613"/>
      <c r="PRX649" s="613"/>
      <c r="PRY649" s="613"/>
      <c r="PRZ649" s="613"/>
      <c r="PSA649" s="613"/>
      <c r="PSB649" s="613"/>
      <c r="PSC649" s="613"/>
      <c r="PSD649" s="613"/>
      <c r="PSE649" s="613"/>
      <c r="PSF649" s="613"/>
      <c r="PSG649" s="613"/>
      <c r="PSH649" s="613"/>
      <c r="PSI649" s="613"/>
      <c r="PSJ649" s="613"/>
      <c r="PSK649" s="613"/>
      <c r="PSL649" s="613"/>
      <c r="PSM649" s="613"/>
      <c r="PSN649" s="613"/>
      <c r="PSO649" s="613"/>
      <c r="PSP649" s="613"/>
      <c r="PSQ649" s="613"/>
      <c r="PSR649" s="613"/>
      <c r="PSS649" s="613"/>
      <c r="PST649" s="613"/>
      <c r="PSU649" s="613"/>
      <c r="PSV649" s="613"/>
      <c r="PSW649" s="613"/>
      <c r="PSX649" s="613"/>
      <c r="PSY649" s="613"/>
      <c r="PSZ649" s="613"/>
      <c r="PTA649" s="613"/>
      <c r="PTB649" s="613"/>
      <c r="PTC649" s="613"/>
      <c r="PTD649" s="613"/>
      <c r="PTE649" s="613"/>
      <c r="PTF649" s="613"/>
      <c r="PTG649" s="613"/>
      <c r="PTH649" s="613"/>
      <c r="PTI649" s="613"/>
      <c r="PTJ649" s="613"/>
      <c r="PTK649" s="613"/>
      <c r="PTL649" s="613"/>
      <c r="PTM649" s="613"/>
      <c r="PTN649" s="613"/>
      <c r="PTO649" s="613"/>
      <c r="PTP649" s="613"/>
      <c r="PTQ649" s="613"/>
      <c r="PTR649" s="613"/>
      <c r="PTS649" s="613"/>
      <c r="PTT649" s="613"/>
      <c r="PTU649" s="613"/>
      <c r="PTV649" s="613"/>
      <c r="PTW649" s="613"/>
      <c r="PTX649" s="613"/>
      <c r="PTY649" s="613"/>
      <c r="PTZ649" s="613"/>
      <c r="PUA649" s="613"/>
      <c r="PUB649" s="613"/>
      <c r="PUC649" s="613"/>
      <c r="PUD649" s="613"/>
      <c r="PUE649" s="613"/>
      <c r="PUF649" s="613"/>
      <c r="PUG649" s="613"/>
      <c r="PUH649" s="613"/>
      <c r="PUI649" s="613"/>
      <c r="PUJ649" s="613"/>
      <c r="PUK649" s="613"/>
      <c r="PUL649" s="613"/>
      <c r="PUM649" s="613"/>
      <c r="PUN649" s="613"/>
      <c r="PUO649" s="613"/>
      <c r="PUP649" s="613"/>
      <c r="PUQ649" s="613"/>
      <c r="PUR649" s="613"/>
      <c r="PUS649" s="613"/>
      <c r="PUT649" s="613"/>
      <c r="PUU649" s="613"/>
      <c r="PUV649" s="613"/>
      <c r="PUW649" s="613"/>
      <c r="PUX649" s="613"/>
      <c r="PUY649" s="613"/>
      <c r="PUZ649" s="613"/>
      <c r="PVA649" s="613"/>
      <c r="PVB649" s="613"/>
      <c r="PVC649" s="613"/>
      <c r="PVD649" s="613"/>
      <c r="PVE649" s="613"/>
      <c r="PVF649" s="613"/>
      <c r="PVG649" s="613"/>
      <c r="PVH649" s="613"/>
      <c r="PVI649" s="613"/>
      <c r="PVJ649" s="613"/>
      <c r="PVK649" s="613"/>
      <c r="PVL649" s="613"/>
      <c r="PVM649" s="613"/>
      <c r="PVN649" s="613"/>
      <c r="PVO649" s="613"/>
      <c r="PVP649" s="613"/>
      <c r="PVQ649" s="613"/>
      <c r="PVR649" s="613"/>
      <c r="PVS649" s="613"/>
      <c r="PVT649" s="613"/>
      <c r="PVU649" s="613"/>
      <c r="PVV649" s="613"/>
      <c r="PVW649" s="613"/>
      <c r="PVX649" s="613"/>
      <c r="PVY649" s="613"/>
      <c r="PVZ649" s="613"/>
      <c r="PWA649" s="613"/>
      <c r="PWB649" s="613"/>
      <c r="PWC649" s="613"/>
      <c r="PWD649" s="613"/>
      <c r="PWE649" s="613"/>
      <c r="PWF649" s="613"/>
      <c r="PWG649" s="613"/>
      <c r="PWH649" s="613"/>
      <c r="PWI649" s="613"/>
      <c r="PWJ649" s="613"/>
      <c r="PWK649" s="613"/>
      <c r="PWL649" s="613"/>
      <c r="PWM649" s="613"/>
      <c r="PWN649" s="613"/>
      <c r="PWO649" s="613"/>
      <c r="PWP649" s="613"/>
      <c r="PWQ649" s="613"/>
      <c r="PWR649" s="613"/>
      <c r="PWS649" s="613"/>
      <c r="PWT649" s="613"/>
      <c r="PWU649" s="613"/>
      <c r="PWV649" s="613"/>
      <c r="PWW649" s="613"/>
      <c r="PWX649" s="613"/>
      <c r="PWY649" s="613"/>
      <c r="PWZ649" s="613"/>
      <c r="PXA649" s="613"/>
      <c r="PXB649" s="613"/>
      <c r="PXC649" s="613"/>
      <c r="PXD649" s="613"/>
      <c r="PXE649" s="613"/>
      <c r="PXF649" s="613"/>
      <c r="PXG649" s="613"/>
      <c r="PXH649" s="613"/>
      <c r="PXI649" s="613"/>
      <c r="PXJ649" s="613"/>
      <c r="PXK649" s="613"/>
      <c r="PXL649" s="613"/>
      <c r="PXM649" s="613"/>
      <c r="PXN649" s="613"/>
      <c r="PXO649" s="613"/>
      <c r="PXP649" s="613"/>
      <c r="PXQ649" s="613"/>
      <c r="PXR649" s="613"/>
      <c r="PXS649" s="613"/>
      <c r="PXT649" s="613"/>
      <c r="PXU649" s="613"/>
      <c r="PXV649" s="613"/>
      <c r="PXW649" s="613"/>
      <c r="PXX649" s="613"/>
      <c r="PXY649" s="613"/>
      <c r="PXZ649" s="613"/>
      <c r="PYA649" s="613"/>
      <c r="PYB649" s="613"/>
      <c r="PYC649" s="613"/>
      <c r="PYD649" s="613"/>
      <c r="PYE649" s="613"/>
      <c r="PYF649" s="613"/>
      <c r="PYG649" s="613"/>
      <c r="PYH649" s="613"/>
      <c r="PYI649" s="613"/>
      <c r="PYJ649" s="613"/>
      <c r="PYK649" s="613"/>
      <c r="PYL649" s="613"/>
      <c r="PYM649" s="613"/>
      <c r="PYN649" s="613"/>
      <c r="PYO649" s="613"/>
      <c r="PYP649" s="613"/>
      <c r="PYQ649" s="613"/>
      <c r="PYR649" s="613"/>
      <c r="PYS649" s="613"/>
      <c r="PYT649" s="613"/>
      <c r="PYU649" s="613"/>
      <c r="PYV649" s="613"/>
      <c r="PYW649" s="613"/>
      <c r="PYX649" s="613"/>
      <c r="PYY649" s="613"/>
      <c r="PYZ649" s="613"/>
      <c r="PZA649" s="613"/>
      <c r="PZB649" s="613"/>
      <c r="PZC649" s="613"/>
      <c r="PZD649" s="613"/>
      <c r="PZE649" s="613"/>
      <c r="PZF649" s="613"/>
      <c r="PZG649" s="613"/>
      <c r="PZH649" s="613"/>
      <c r="PZI649" s="613"/>
      <c r="PZJ649" s="613"/>
      <c r="PZK649" s="613"/>
      <c r="PZL649" s="613"/>
      <c r="PZM649" s="613"/>
      <c r="PZN649" s="613"/>
      <c r="PZO649" s="613"/>
      <c r="PZP649" s="613"/>
      <c r="PZQ649" s="613"/>
      <c r="PZR649" s="613"/>
      <c r="PZS649" s="613"/>
      <c r="PZT649" s="613"/>
      <c r="PZU649" s="613"/>
      <c r="PZV649" s="613"/>
      <c r="PZW649" s="613"/>
      <c r="PZX649" s="613"/>
      <c r="PZY649" s="613"/>
      <c r="PZZ649" s="613"/>
      <c r="QAA649" s="613"/>
      <c r="QAB649" s="613"/>
      <c r="QAC649" s="613"/>
      <c r="QAD649" s="613"/>
      <c r="QAE649" s="613"/>
      <c r="QAF649" s="613"/>
      <c r="QAG649" s="613"/>
      <c r="QAH649" s="613"/>
      <c r="QAI649" s="613"/>
      <c r="QAJ649" s="613"/>
      <c r="QAK649" s="613"/>
      <c r="QAL649" s="613"/>
      <c r="QAM649" s="613"/>
      <c r="QAN649" s="613"/>
      <c r="QAO649" s="613"/>
      <c r="QAP649" s="613"/>
      <c r="QAQ649" s="613"/>
      <c r="QAR649" s="613"/>
      <c r="QAS649" s="613"/>
      <c r="QAT649" s="613"/>
      <c r="QAU649" s="613"/>
      <c r="QAV649" s="613"/>
      <c r="QAW649" s="613"/>
      <c r="QAX649" s="613"/>
      <c r="QAY649" s="613"/>
      <c r="QAZ649" s="613"/>
      <c r="QBA649" s="613"/>
      <c r="QBB649" s="613"/>
      <c r="QBC649" s="613"/>
      <c r="QBD649" s="613"/>
      <c r="QBE649" s="613"/>
      <c r="QBF649" s="613"/>
      <c r="QBG649" s="613"/>
      <c r="QBH649" s="613"/>
      <c r="QBI649" s="613"/>
      <c r="QBJ649" s="613"/>
      <c r="QBK649" s="613"/>
      <c r="QBL649" s="613"/>
      <c r="QBM649" s="613"/>
      <c r="QBN649" s="613"/>
      <c r="QBO649" s="613"/>
      <c r="QBP649" s="613"/>
      <c r="QBQ649" s="613"/>
      <c r="QBR649" s="613"/>
      <c r="QBS649" s="613"/>
      <c r="QBT649" s="613"/>
      <c r="QBU649" s="613"/>
      <c r="QBV649" s="613"/>
      <c r="QBW649" s="613"/>
      <c r="QBX649" s="613"/>
      <c r="QBY649" s="613"/>
      <c r="QBZ649" s="613"/>
      <c r="QCA649" s="613"/>
      <c r="QCB649" s="613"/>
      <c r="QCC649" s="613"/>
      <c r="QCD649" s="613"/>
      <c r="QCE649" s="613"/>
      <c r="QCF649" s="613"/>
      <c r="QCG649" s="613"/>
      <c r="QCH649" s="613"/>
      <c r="QCI649" s="613"/>
      <c r="QCJ649" s="613"/>
      <c r="QCK649" s="613"/>
      <c r="QCL649" s="613"/>
      <c r="QCM649" s="613"/>
      <c r="QCN649" s="613"/>
      <c r="QCO649" s="613"/>
      <c r="QCP649" s="613"/>
      <c r="QCQ649" s="613"/>
      <c r="QCR649" s="613"/>
      <c r="QCS649" s="613"/>
      <c r="QCT649" s="613"/>
      <c r="QCU649" s="613"/>
      <c r="QCV649" s="613"/>
      <c r="QCW649" s="613"/>
      <c r="QCX649" s="613"/>
      <c r="QCY649" s="613"/>
      <c r="QCZ649" s="613"/>
      <c r="QDA649" s="613"/>
      <c r="QDB649" s="613"/>
      <c r="QDC649" s="613"/>
      <c r="QDD649" s="613"/>
      <c r="QDE649" s="613"/>
      <c r="QDF649" s="613"/>
      <c r="QDG649" s="613"/>
      <c r="QDH649" s="613"/>
      <c r="QDI649" s="613"/>
      <c r="QDJ649" s="613"/>
      <c r="QDK649" s="613"/>
      <c r="QDL649" s="613"/>
      <c r="QDM649" s="613"/>
      <c r="QDN649" s="613"/>
      <c r="QDO649" s="613"/>
      <c r="QDP649" s="613"/>
      <c r="QDQ649" s="613"/>
      <c r="QDR649" s="613"/>
      <c r="QDS649" s="613"/>
      <c r="QDT649" s="613"/>
      <c r="QDU649" s="613"/>
      <c r="QDV649" s="613"/>
      <c r="QDW649" s="613"/>
      <c r="QDX649" s="613"/>
      <c r="QDY649" s="613"/>
      <c r="QDZ649" s="613"/>
      <c r="QEA649" s="613"/>
      <c r="QEB649" s="613"/>
      <c r="QEC649" s="613"/>
      <c r="QED649" s="613"/>
      <c r="QEE649" s="613"/>
      <c r="QEF649" s="613"/>
      <c r="QEG649" s="613"/>
      <c r="QEH649" s="613"/>
      <c r="QEI649" s="613"/>
      <c r="QEJ649" s="613"/>
      <c r="QEK649" s="613"/>
      <c r="QEL649" s="613"/>
      <c r="QEM649" s="613"/>
      <c r="QEN649" s="613"/>
      <c r="QEO649" s="613"/>
      <c r="QEP649" s="613"/>
      <c r="QEQ649" s="613"/>
      <c r="QER649" s="613"/>
      <c r="QES649" s="613"/>
      <c r="QET649" s="613"/>
      <c r="QEU649" s="613"/>
      <c r="QEV649" s="613"/>
      <c r="QEW649" s="613"/>
      <c r="QEX649" s="613"/>
      <c r="QEY649" s="613"/>
      <c r="QEZ649" s="613"/>
      <c r="QFA649" s="613"/>
      <c r="QFB649" s="613"/>
      <c r="QFC649" s="613"/>
      <c r="QFD649" s="613"/>
      <c r="QFE649" s="613"/>
      <c r="QFF649" s="613"/>
      <c r="QFG649" s="613"/>
      <c r="QFH649" s="613"/>
      <c r="QFI649" s="613"/>
      <c r="QFJ649" s="613"/>
      <c r="QFK649" s="613"/>
      <c r="QFL649" s="613"/>
      <c r="QFM649" s="613"/>
      <c r="QFN649" s="613"/>
      <c r="QFO649" s="613"/>
      <c r="QFP649" s="613"/>
      <c r="QFQ649" s="613"/>
      <c r="QFR649" s="613"/>
      <c r="QFS649" s="613"/>
      <c r="QFT649" s="613"/>
      <c r="QFU649" s="613"/>
      <c r="QFV649" s="613"/>
      <c r="QFW649" s="613"/>
      <c r="QFX649" s="613"/>
      <c r="QFY649" s="613"/>
      <c r="QFZ649" s="613"/>
      <c r="QGA649" s="613"/>
      <c r="QGB649" s="613"/>
      <c r="QGC649" s="613"/>
      <c r="QGD649" s="613"/>
      <c r="QGE649" s="613"/>
      <c r="QGF649" s="613"/>
      <c r="QGG649" s="613"/>
      <c r="QGH649" s="613"/>
      <c r="QGI649" s="613"/>
      <c r="QGJ649" s="613"/>
      <c r="QGK649" s="613"/>
      <c r="QGL649" s="613"/>
      <c r="QGM649" s="613"/>
      <c r="QGN649" s="613"/>
      <c r="QGO649" s="613"/>
      <c r="QGP649" s="613"/>
      <c r="QGQ649" s="613"/>
      <c r="QGR649" s="613"/>
      <c r="QGS649" s="613"/>
      <c r="QGT649" s="613"/>
      <c r="QGU649" s="613"/>
      <c r="QGV649" s="613"/>
      <c r="QGW649" s="613"/>
      <c r="QGX649" s="613"/>
      <c r="QGY649" s="613"/>
      <c r="QGZ649" s="613"/>
      <c r="QHA649" s="613"/>
      <c r="QHB649" s="613"/>
      <c r="QHC649" s="613"/>
      <c r="QHD649" s="613"/>
      <c r="QHE649" s="613"/>
      <c r="QHF649" s="613"/>
      <c r="QHG649" s="613"/>
      <c r="QHH649" s="613"/>
      <c r="QHI649" s="613"/>
      <c r="QHJ649" s="613"/>
      <c r="QHK649" s="613"/>
      <c r="QHL649" s="613"/>
      <c r="QHM649" s="613"/>
      <c r="QHN649" s="613"/>
      <c r="QHO649" s="613"/>
      <c r="QHP649" s="613"/>
      <c r="QHQ649" s="613"/>
      <c r="QHR649" s="613"/>
      <c r="QHS649" s="613"/>
      <c r="QHT649" s="613"/>
      <c r="QHU649" s="613"/>
      <c r="QHV649" s="613"/>
      <c r="QHW649" s="613"/>
      <c r="QHX649" s="613"/>
      <c r="QHY649" s="613"/>
      <c r="QHZ649" s="613"/>
      <c r="QIA649" s="613"/>
      <c r="QIB649" s="613"/>
      <c r="QIC649" s="613"/>
      <c r="QID649" s="613"/>
      <c r="QIE649" s="613"/>
      <c r="QIF649" s="613"/>
      <c r="QIG649" s="613"/>
      <c r="QIH649" s="613"/>
      <c r="QII649" s="613"/>
      <c r="QIJ649" s="613"/>
      <c r="QIK649" s="613"/>
      <c r="QIL649" s="613"/>
      <c r="QIM649" s="613"/>
      <c r="QIN649" s="613"/>
      <c r="QIO649" s="613"/>
      <c r="QIP649" s="613"/>
      <c r="QIQ649" s="613"/>
      <c r="QIR649" s="613"/>
      <c r="QIS649" s="613"/>
      <c r="QIT649" s="613"/>
      <c r="QIU649" s="613"/>
      <c r="QIV649" s="613"/>
      <c r="QIW649" s="613"/>
      <c r="QIX649" s="613"/>
      <c r="QIY649" s="613"/>
      <c r="QIZ649" s="613"/>
      <c r="QJA649" s="613"/>
      <c r="QJB649" s="613"/>
      <c r="QJC649" s="613"/>
      <c r="QJD649" s="613"/>
      <c r="QJE649" s="613"/>
      <c r="QJF649" s="613"/>
      <c r="QJG649" s="613"/>
      <c r="QJH649" s="613"/>
      <c r="QJI649" s="613"/>
      <c r="QJJ649" s="613"/>
      <c r="QJK649" s="613"/>
      <c r="QJL649" s="613"/>
      <c r="QJM649" s="613"/>
      <c r="QJN649" s="613"/>
      <c r="QJO649" s="613"/>
      <c r="QJP649" s="613"/>
      <c r="QJQ649" s="613"/>
      <c r="QJR649" s="613"/>
      <c r="QJS649" s="613"/>
      <c r="QJT649" s="613"/>
      <c r="QJU649" s="613"/>
      <c r="QJV649" s="613"/>
      <c r="QJW649" s="613"/>
      <c r="QJX649" s="613"/>
      <c r="QJY649" s="613"/>
      <c r="QJZ649" s="613"/>
      <c r="QKA649" s="613"/>
      <c r="QKB649" s="613"/>
      <c r="QKC649" s="613"/>
      <c r="QKD649" s="613"/>
      <c r="QKE649" s="613"/>
      <c r="QKF649" s="613"/>
      <c r="QKG649" s="613"/>
      <c r="QKH649" s="613"/>
      <c r="QKI649" s="613"/>
      <c r="QKJ649" s="613"/>
      <c r="QKK649" s="613"/>
      <c r="QKL649" s="613"/>
      <c r="QKM649" s="613"/>
      <c r="QKN649" s="613"/>
      <c r="QKO649" s="613"/>
      <c r="QKP649" s="613"/>
      <c r="QKQ649" s="613"/>
      <c r="QKR649" s="613"/>
      <c r="QKS649" s="613"/>
      <c r="QKT649" s="613"/>
      <c r="QKU649" s="613"/>
      <c r="QKV649" s="613"/>
      <c r="QKW649" s="613"/>
      <c r="QKX649" s="613"/>
      <c r="QKY649" s="613"/>
      <c r="QKZ649" s="613"/>
      <c r="QLA649" s="613"/>
      <c r="QLB649" s="613"/>
      <c r="QLC649" s="613"/>
      <c r="QLD649" s="613"/>
      <c r="QLE649" s="613"/>
      <c r="QLF649" s="613"/>
      <c r="QLG649" s="613"/>
      <c r="QLH649" s="613"/>
      <c r="QLI649" s="613"/>
      <c r="QLJ649" s="613"/>
      <c r="QLK649" s="613"/>
      <c r="QLL649" s="613"/>
      <c r="QLM649" s="613"/>
      <c r="QLN649" s="613"/>
      <c r="QLO649" s="613"/>
      <c r="QLP649" s="613"/>
      <c r="QLQ649" s="613"/>
      <c r="QLR649" s="613"/>
      <c r="QLS649" s="613"/>
      <c r="QLT649" s="613"/>
      <c r="QLU649" s="613"/>
      <c r="QLV649" s="613"/>
      <c r="QLW649" s="613"/>
      <c r="QLX649" s="613"/>
      <c r="QLY649" s="613"/>
      <c r="QLZ649" s="613"/>
      <c r="QMA649" s="613"/>
      <c r="QMB649" s="613"/>
      <c r="QMC649" s="613"/>
      <c r="QMD649" s="613"/>
      <c r="QME649" s="613"/>
      <c r="QMF649" s="613"/>
      <c r="QMG649" s="613"/>
      <c r="QMH649" s="613"/>
      <c r="QMI649" s="613"/>
      <c r="QMJ649" s="613"/>
      <c r="QMK649" s="613"/>
      <c r="QML649" s="613"/>
      <c r="QMM649" s="613"/>
      <c r="QMN649" s="613"/>
      <c r="QMO649" s="613"/>
      <c r="QMP649" s="613"/>
      <c r="QMQ649" s="613"/>
      <c r="QMR649" s="613"/>
      <c r="QMS649" s="613"/>
      <c r="QMT649" s="613"/>
      <c r="QMU649" s="613"/>
      <c r="QMV649" s="613"/>
      <c r="QMW649" s="613"/>
      <c r="QMX649" s="613"/>
      <c r="QMY649" s="613"/>
      <c r="QMZ649" s="613"/>
      <c r="QNA649" s="613"/>
      <c r="QNB649" s="613"/>
      <c r="QNC649" s="613"/>
      <c r="QND649" s="613"/>
      <c r="QNE649" s="613"/>
      <c r="QNF649" s="613"/>
      <c r="QNG649" s="613"/>
      <c r="QNH649" s="613"/>
      <c r="QNI649" s="613"/>
      <c r="QNJ649" s="613"/>
      <c r="QNK649" s="613"/>
      <c r="QNL649" s="613"/>
      <c r="QNM649" s="613"/>
      <c r="QNN649" s="613"/>
      <c r="QNO649" s="613"/>
      <c r="QNP649" s="613"/>
      <c r="QNQ649" s="613"/>
      <c r="QNR649" s="613"/>
      <c r="QNS649" s="613"/>
      <c r="QNT649" s="613"/>
      <c r="QNU649" s="613"/>
      <c r="QNV649" s="613"/>
      <c r="QNW649" s="613"/>
      <c r="QNX649" s="613"/>
      <c r="QNY649" s="613"/>
      <c r="QNZ649" s="613"/>
      <c r="QOA649" s="613"/>
      <c r="QOB649" s="613"/>
      <c r="QOC649" s="613"/>
      <c r="QOD649" s="613"/>
      <c r="QOE649" s="613"/>
      <c r="QOF649" s="613"/>
      <c r="QOG649" s="613"/>
      <c r="QOH649" s="613"/>
      <c r="QOI649" s="613"/>
      <c r="QOJ649" s="613"/>
      <c r="QOK649" s="613"/>
      <c r="QOL649" s="613"/>
      <c r="QOM649" s="613"/>
      <c r="QON649" s="613"/>
      <c r="QOO649" s="613"/>
      <c r="QOP649" s="613"/>
      <c r="QOQ649" s="613"/>
      <c r="QOR649" s="613"/>
      <c r="QOS649" s="613"/>
      <c r="QOT649" s="613"/>
      <c r="QOU649" s="613"/>
      <c r="QOV649" s="613"/>
      <c r="QOW649" s="613"/>
      <c r="QOX649" s="613"/>
      <c r="QOY649" s="613"/>
      <c r="QOZ649" s="613"/>
      <c r="QPA649" s="613"/>
      <c r="QPB649" s="613"/>
      <c r="QPC649" s="613"/>
      <c r="QPD649" s="613"/>
      <c r="QPE649" s="613"/>
      <c r="QPF649" s="613"/>
      <c r="QPG649" s="613"/>
      <c r="QPH649" s="613"/>
      <c r="QPI649" s="613"/>
      <c r="QPJ649" s="613"/>
      <c r="QPK649" s="613"/>
      <c r="QPL649" s="613"/>
      <c r="QPM649" s="613"/>
      <c r="QPN649" s="613"/>
      <c r="QPO649" s="613"/>
      <c r="QPP649" s="613"/>
      <c r="QPQ649" s="613"/>
      <c r="QPR649" s="613"/>
      <c r="QPS649" s="613"/>
      <c r="QPT649" s="613"/>
      <c r="QPU649" s="613"/>
      <c r="QPV649" s="613"/>
      <c r="QPW649" s="613"/>
      <c r="QPX649" s="613"/>
      <c r="QPY649" s="613"/>
      <c r="QPZ649" s="613"/>
      <c r="QQA649" s="613"/>
      <c r="QQB649" s="613"/>
      <c r="QQC649" s="613"/>
      <c r="QQD649" s="613"/>
      <c r="QQE649" s="613"/>
      <c r="QQF649" s="613"/>
      <c r="QQG649" s="613"/>
      <c r="QQH649" s="613"/>
      <c r="QQI649" s="613"/>
      <c r="QQJ649" s="613"/>
      <c r="QQK649" s="613"/>
      <c r="QQL649" s="613"/>
      <c r="QQM649" s="613"/>
      <c r="QQN649" s="613"/>
      <c r="QQO649" s="613"/>
      <c r="QQP649" s="613"/>
      <c r="QQQ649" s="613"/>
      <c r="QQR649" s="613"/>
      <c r="QQS649" s="613"/>
      <c r="QQT649" s="613"/>
      <c r="QQU649" s="613"/>
      <c r="QQV649" s="613"/>
      <c r="QQW649" s="613"/>
      <c r="QQX649" s="613"/>
      <c r="QQY649" s="613"/>
      <c r="QQZ649" s="613"/>
      <c r="QRA649" s="613"/>
      <c r="QRB649" s="613"/>
      <c r="QRC649" s="613"/>
      <c r="QRD649" s="613"/>
      <c r="QRE649" s="613"/>
      <c r="QRF649" s="613"/>
      <c r="QRG649" s="613"/>
      <c r="QRH649" s="613"/>
      <c r="QRI649" s="613"/>
      <c r="QRJ649" s="613"/>
      <c r="QRK649" s="613"/>
      <c r="QRL649" s="613"/>
      <c r="QRM649" s="613"/>
      <c r="QRN649" s="613"/>
      <c r="QRO649" s="613"/>
      <c r="QRP649" s="613"/>
      <c r="QRQ649" s="613"/>
      <c r="QRR649" s="613"/>
      <c r="QRS649" s="613"/>
      <c r="QRT649" s="613"/>
      <c r="QRU649" s="613"/>
      <c r="QRV649" s="613"/>
      <c r="QRW649" s="613"/>
      <c r="QRX649" s="613"/>
      <c r="QRY649" s="613"/>
      <c r="QRZ649" s="613"/>
      <c r="QSA649" s="613"/>
      <c r="QSB649" s="613"/>
      <c r="QSC649" s="613"/>
      <c r="QSD649" s="613"/>
      <c r="QSE649" s="613"/>
      <c r="QSF649" s="613"/>
      <c r="QSG649" s="613"/>
      <c r="QSH649" s="613"/>
      <c r="QSI649" s="613"/>
      <c r="QSJ649" s="613"/>
      <c r="QSK649" s="613"/>
      <c r="QSL649" s="613"/>
      <c r="QSM649" s="613"/>
      <c r="QSN649" s="613"/>
      <c r="QSO649" s="613"/>
      <c r="QSP649" s="613"/>
      <c r="QSQ649" s="613"/>
      <c r="QSR649" s="613"/>
      <c r="QSS649" s="613"/>
      <c r="QST649" s="613"/>
      <c r="QSU649" s="613"/>
      <c r="QSV649" s="613"/>
      <c r="QSW649" s="613"/>
      <c r="QSX649" s="613"/>
      <c r="QSY649" s="613"/>
      <c r="QSZ649" s="613"/>
      <c r="QTA649" s="613"/>
      <c r="QTB649" s="613"/>
      <c r="QTC649" s="613"/>
      <c r="QTD649" s="613"/>
      <c r="QTE649" s="613"/>
      <c r="QTF649" s="613"/>
      <c r="QTG649" s="613"/>
      <c r="QTH649" s="613"/>
      <c r="QTI649" s="613"/>
      <c r="QTJ649" s="613"/>
      <c r="QTK649" s="613"/>
      <c r="QTL649" s="613"/>
      <c r="QTM649" s="613"/>
      <c r="QTN649" s="613"/>
      <c r="QTO649" s="613"/>
      <c r="QTP649" s="613"/>
      <c r="QTQ649" s="613"/>
      <c r="QTR649" s="613"/>
      <c r="QTS649" s="613"/>
      <c r="QTT649" s="613"/>
      <c r="QTU649" s="613"/>
      <c r="QTV649" s="613"/>
      <c r="QTW649" s="613"/>
      <c r="QTX649" s="613"/>
      <c r="QTY649" s="613"/>
      <c r="QTZ649" s="613"/>
      <c r="QUA649" s="613"/>
      <c r="QUB649" s="613"/>
      <c r="QUC649" s="613"/>
      <c r="QUD649" s="613"/>
      <c r="QUE649" s="613"/>
      <c r="QUF649" s="613"/>
      <c r="QUG649" s="613"/>
      <c r="QUH649" s="613"/>
      <c r="QUI649" s="613"/>
      <c r="QUJ649" s="613"/>
      <c r="QUK649" s="613"/>
      <c r="QUL649" s="613"/>
      <c r="QUM649" s="613"/>
      <c r="QUN649" s="613"/>
      <c r="QUO649" s="613"/>
      <c r="QUP649" s="613"/>
      <c r="QUQ649" s="613"/>
      <c r="QUR649" s="613"/>
      <c r="QUS649" s="613"/>
      <c r="QUT649" s="613"/>
      <c r="QUU649" s="613"/>
      <c r="QUV649" s="613"/>
      <c r="QUW649" s="613"/>
      <c r="QUX649" s="613"/>
      <c r="QUY649" s="613"/>
      <c r="QUZ649" s="613"/>
      <c r="QVA649" s="613"/>
      <c r="QVB649" s="613"/>
      <c r="QVC649" s="613"/>
      <c r="QVD649" s="613"/>
      <c r="QVE649" s="613"/>
      <c r="QVF649" s="613"/>
      <c r="QVG649" s="613"/>
      <c r="QVH649" s="613"/>
      <c r="QVI649" s="613"/>
      <c r="QVJ649" s="613"/>
      <c r="QVK649" s="613"/>
      <c r="QVL649" s="613"/>
      <c r="QVM649" s="613"/>
      <c r="QVN649" s="613"/>
      <c r="QVO649" s="613"/>
      <c r="QVP649" s="613"/>
      <c r="QVQ649" s="613"/>
      <c r="QVR649" s="613"/>
      <c r="QVS649" s="613"/>
      <c r="QVT649" s="613"/>
      <c r="QVU649" s="613"/>
      <c r="QVV649" s="613"/>
      <c r="QVW649" s="613"/>
      <c r="QVX649" s="613"/>
      <c r="QVY649" s="613"/>
      <c r="QVZ649" s="613"/>
      <c r="QWA649" s="613"/>
      <c r="QWB649" s="613"/>
      <c r="QWC649" s="613"/>
      <c r="QWD649" s="613"/>
      <c r="QWE649" s="613"/>
      <c r="QWF649" s="613"/>
      <c r="QWG649" s="613"/>
      <c r="QWH649" s="613"/>
      <c r="QWI649" s="613"/>
      <c r="QWJ649" s="613"/>
      <c r="QWK649" s="613"/>
      <c r="QWL649" s="613"/>
      <c r="QWM649" s="613"/>
      <c r="QWN649" s="613"/>
      <c r="QWO649" s="613"/>
      <c r="QWP649" s="613"/>
      <c r="QWQ649" s="613"/>
      <c r="QWR649" s="613"/>
      <c r="QWS649" s="613"/>
      <c r="QWT649" s="613"/>
      <c r="QWU649" s="613"/>
      <c r="QWV649" s="613"/>
      <c r="QWW649" s="613"/>
      <c r="QWX649" s="613"/>
      <c r="QWY649" s="613"/>
      <c r="QWZ649" s="613"/>
      <c r="QXA649" s="613"/>
      <c r="QXB649" s="613"/>
      <c r="QXC649" s="613"/>
      <c r="QXD649" s="613"/>
      <c r="QXE649" s="613"/>
      <c r="QXF649" s="613"/>
      <c r="QXG649" s="613"/>
      <c r="QXH649" s="613"/>
      <c r="QXI649" s="613"/>
      <c r="QXJ649" s="613"/>
      <c r="QXK649" s="613"/>
      <c r="QXL649" s="613"/>
      <c r="QXM649" s="613"/>
      <c r="QXN649" s="613"/>
      <c r="QXO649" s="613"/>
      <c r="QXP649" s="613"/>
      <c r="QXQ649" s="613"/>
      <c r="QXR649" s="613"/>
      <c r="QXS649" s="613"/>
      <c r="QXT649" s="613"/>
      <c r="QXU649" s="613"/>
      <c r="QXV649" s="613"/>
      <c r="QXW649" s="613"/>
      <c r="QXX649" s="613"/>
      <c r="QXY649" s="613"/>
      <c r="QXZ649" s="613"/>
      <c r="QYA649" s="613"/>
      <c r="QYB649" s="613"/>
      <c r="QYC649" s="613"/>
      <c r="QYD649" s="613"/>
      <c r="QYE649" s="613"/>
      <c r="QYF649" s="613"/>
      <c r="QYG649" s="613"/>
      <c r="QYH649" s="613"/>
      <c r="QYI649" s="613"/>
      <c r="QYJ649" s="613"/>
      <c r="QYK649" s="613"/>
      <c r="QYL649" s="613"/>
      <c r="QYM649" s="613"/>
      <c r="QYN649" s="613"/>
      <c r="QYO649" s="613"/>
      <c r="QYP649" s="613"/>
      <c r="QYQ649" s="613"/>
      <c r="QYR649" s="613"/>
      <c r="QYS649" s="613"/>
      <c r="QYT649" s="613"/>
      <c r="QYU649" s="613"/>
      <c r="QYV649" s="613"/>
      <c r="QYW649" s="613"/>
      <c r="QYX649" s="613"/>
      <c r="QYY649" s="613"/>
      <c r="QYZ649" s="613"/>
      <c r="QZA649" s="613"/>
      <c r="QZB649" s="613"/>
      <c r="QZC649" s="613"/>
      <c r="QZD649" s="613"/>
      <c r="QZE649" s="613"/>
      <c r="QZF649" s="613"/>
      <c r="QZG649" s="613"/>
      <c r="QZH649" s="613"/>
      <c r="QZI649" s="613"/>
      <c r="QZJ649" s="613"/>
      <c r="QZK649" s="613"/>
      <c r="QZL649" s="613"/>
      <c r="QZM649" s="613"/>
      <c r="QZN649" s="613"/>
      <c r="QZO649" s="613"/>
      <c r="QZP649" s="613"/>
      <c r="QZQ649" s="613"/>
      <c r="QZR649" s="613"/>
      <c r="QZS649" s="613"/>
      <c r="QZT649" s="613"/>
      <c r="QZU649" s="613"/>
      <c r="QZV649" s="613"/>
      <c r="QZW649" s="613"/>
      <c r="QZX649" s="613"/>
      <c r="QZY649" s="613"/>
      <c r="QZZ649" s="613"/>
      <c r="RAA649" s="613"/>
      <c r="RAB649" s="613"/>
      <c r="RAC649" s="613"/>
      <c r="RAD649" s="613"/>
      <c r="RAE649" s="613"/>
      <c r="RAF649" s="613"/>
      <c r="RAG649" s="613"/>
      <c r="RAH649" s="613"/>
      <c r="RAI649" s="613"/>
      <c r="RAJ649" s="613"/>
      <c r="RAK649" s="613"/>
      <c r="RAL649" s="613"/>
      <c r="RAM649" s="613"/>
      <c r="RAN649" s="613"/>
      <c r="RAO649" s="613"/>
      <c r="RAP649" s="613"/>
      <c r="RAQ649" s="613"/>
      <c r="RAR649" s="613"/>
      <c r="RAS649" s="613"/>
      <c r="RAT649" s="613"/>
      <c r="RAU649" s="613"/>
      <c r="RAV649" s="613"/>
      <c r="RAW649" s="613"/>
      <c r="RAX649" s="613"/>
      <c r="RAY649" s="613"/>
      <c r="RAZ649" s="613"/>
      <c r="RBA649" s="613"/>
      <c r="RBB649" s="613"/>
      <c r="RBC649" s="613"/>
      <c r="RBD649" s="613"/>
      <c r="RBE649" s="613"/>
      <c r="RBF649" s="613"/>
      <c r="RBG649" s="613"/>
      <c r="RBH649" s="613"/>
      <c r="RBI649" s="613"/>
      <c r="RBJ649" s="613"/>
      <c r="RBK649" s="613"/>
      <c r="RBL649" s="613"/>
      <c r="RBM649" s="613"/>
      <c r="RBN649" s="613"/>
      <c r="RBO649" s="613"/>
      <c r="RBP649" s="613"/>
      <c r="RBQ649" s="613"/>
      <c r="RBR649" s="613"/>
      <c r="RBS649" s="613"/>
      <c r="RBT649" s="613"/>
      <c r="RBU649" s="613"/>
      <c r="RBV649" s="613"/>
      <c r="RBW649" s="613"/>
      <c r="RBX649" s="613"/>
      <c r="RBY649" s="613"/>
      <c r="RBZ649" s="613"/>
      <c r="RCA649" s="613"/>
      <c r="RCB649" s="613"/>
      <c r="RCC649" s="613"/>
      <c r="RCD649" s="613"/>
      <c r="RCE649" s="613"/>
      <c r="RCF649" s="613"/>
      <c r="RCG649" s="613"/>
      <c r="RCH649" s="613"/>
      <c r="RCI649" s="613"/>
      <c r="RCJ649" s="613"/>
      <c r="RCK649" s="613"/>
      <c r="RCL649" s="613"/>
      <c r="RCM649" s="613"/>
      <c r="RCN649" s="613"/>
      <c r="RCO649" s="613"/>
      <c r="RCP649" s="613"/>
      <c r="RCQ649" s="613"/>
      <c r="RCR649" s="613"/>
      <c r="RCS649" s="613"/>
      <c r="RCT649" s="613"/>
      <c r="RCU649" s="613"/>
      <c r="RCV649" s="613"/>
      <c r="RCW649" s="613"/>
      <c r="RCX649" s="613"/>
      <c r="RCY649" s="613"/>
      <c r="RCZ649" s="613"/>
      <c r="RDA649" s="613"/>
      <c r="RDB649" s="613"/>
      <c r="RDC649" s="613"/>
      <c r="RDD649" s="613"/>
      <c r="RDE649" s="613"/>
      <c r="RDF649" s="613"/>
      <c r="RDG649" s="613"/>
      <c r="RDH649" s="613"/>
      <c r="RDI649" s="613"/>
      <c r="RDJ649" s="613"/>
      <c r="RDK649" s="613"/>
      <c r="RDL649" s="613"/>
      <c r="RDM649" s="613"/>
      <c r="RDN649" s="613"/>
      <c r="RDO649" s="613"/>
      <c r="RDP649" s="613"/>
      <c r="RDQ649" s="613"/>
      <c r="RDR649" s="613"/>
      <c r="RDS649" s="613"/>
      <c r="RDT649" s="613"/>
      <c r="RDU649" s="613"/>
      <c r="RDV649" s="613"/>
      <c r="RDW649" s="613"/>
      <c r="RDX649" s="613"/>
      <c r="RDY649" s="613"/>
      <c r="RDZ649" s="613"/>
      <c r="REA649" s="613"/>
      <c r="REB649" s="613"/>
      <c r="REC649" s="613"/>
      <c r="RED649" s="613"/>
      <c r="REE649" s="613"/>
      <c r="REF649" s="613"/>
      <c r="REG649" s="613"/>
      <c r="REH649" s="613"/>
      <c r="REI649" s="613"/>
      <c r="REJ649" s="613"/>
      <c r="REK649" s="613"/>
      <c r="REL649" s="613"/>
      <c r="REM649" s="613"/>
      <c r="REN649" s="613"/>
      <c r="REO649" s="613"/>
      <c r="REP649" s="613"/>
      <c r="REQ649" s="613"/>
      <c r="RER649" s="613"/>
      <c r="RES649" s="613"/>
      <c r="RET649" s="613"/>
      <c r="REU649" s="613"/>
      <c r="REV649" s="613"/>
      <c r="REW649" s="613"/>
      <c r="REX649" s="613"/>
      <c r="REY649" s="613"/>
      <c r="REZ649" s="613"/>
      <c r="RFA649" s="613"/>
      <c r="RFB649" s="613"/>
      <c r="RFC649" s="613"/>
      <c r="RFD649" s="613"/>
      <c r="RFE649" s="613"/>
      <c r="RFF649" s="613"/>
      <c r="RFG649" s="613"/>
      <c r="RFH649" s="613"/>
      <c r="RFI649" s="613"/>
      <c r="RFJ649" s="613"/>
      <c r="RFK649" s="613"/>
      <c r="RFL649" s="613"/>
      <c r="RFM649" s="613"/>
      <c r="RFN649" s="613"/>
      <c r="RFO649" s="613"/>
      <c r="RFP649" s="613"/>
      <c r="RFQ649" s="613"/>
      <c r="RFR649" s="613"/>
      <c r="RFS649" s="613"/>
      <c r="RFT649" s="613"/>
      <c r="RFU649" s="613"/>
      <c r="RFV649" s="613"/>
      <c r="RFW649" s="613"/>
      <c r="RFX649" s="613"/>
      <c r="RFY649" s="613"/>
      <c r="RFZ649" s="613"/>
      <c r="RGA649" s="613"/>
      <c r="RGB649" s="613"/>
      <c r="RGC649" s="613"/>
      <c r="RGD649" s="613"/>
      <c r="RGE649" s="613"/>
      <c r="RGF649" s="613"/>
      <c r="RGG649" s="613"/>
      <c r="RGH649" s="613"/>
      <c r="RGI649" s="613"/>
      <c r="RGJ649" s="613"/>
      <c r="RGK649" s="613"/>
      <c r="RGL649" s="613"/>
      <c r="RGM649" s="613"/>
      <c r="RGN649" s="613"/>
      <c r="RGO649" s="613"/>
      <c r="RGP649" s="613"/>
      <c r="RGQ649" s="613"/>
      <c r="RGR649" s="613"/>
      <c r="RGS649" s="613"/>
      <c r="RGT649" s="613"/>
      <c r="RGU649" s="613"/>
      <c r="RGV649" s="613"/>
      <c r="RGW649" s="613"/>
      <c r="RGX649" s="613"/>
      <c r="RGY649" s="613"/>
      <c r="RGZ649" s="613"/>
      <c r="RHA649" s="613"/>
      <c r="RHB649" s="613"/>
      <c r="RHC649" s="613"/>
      <c r="RHD649" s="613"/>
      <c r="RHE649" s="613"/>
      <c r="RHF649" s="613"/>
      <c r="RHG649" s="613"/>
      <c r="RHH649" s="613"/>
      <c r="RHI649" s="613"/>
      <c r="RHJ649" s="613"/>
      <c r="RHK649" s="613"/>
      <c r="RHL649" s="613"/>
      <c r="RHM649" s="613"/>
      <c r="RHN649" s="613"/>
      <c r="RHO649" s="613"/>
      <c r="RHP649" s="613"/>
      <c r="RHQ649" s="613"/>
      <c r="RHR649" s="613"/>
      <c r="RHS649" s="613"/>
      <c r="RHT649" s="613"/>
      <c r="RHU649" s="613"/>
      <c r="RHV649" s="613"/>
      <c r="RHW649" s="613"/>
      <c r="RHX649" s="613"/>
      <c r="RHY649" s="613"/>
      <c r="RHZ649" s="613"/>
      <c r="RIA649" s="613"/>
      <c r="RIB649" s="613"/>
      <c r="RIC649" s="613"/>
      <c r="RID649" s="613"/>
      <c r="RIE649" s="613"/>
      <c r="RIF649" s="613"/>
      <c r="RIG649" s="613"/>
      <c r="RIH649" s="613"/>
      <c r="RII649" s="613"/>
      <c r="RIJ649" s="613"/>
      <c r="RIK649" s="613"/>
      <c r="RIL649" s="613"/>
      <c r="RIM649" s="613"/>
      <c r="RIN649" s="613"/>
      <c r="RIO649" s="613"/>
      <c r="RIP649" s="613"/>
      <c r="RIQ649" s="613"/>
      <c r="RIR649" s="613"/>
      <c r="RIS649" s="613"/>
      <c r="RIT649" s="613"/>
      <c r="RIU649" s="613"/>
      <c r="RIV649" s="613"/>
      <c r="RIW649" s="613"/>
      <c r="RIX649" s="613"/>
      <c r="RIY649" s="613"/>
      <c r="RIZ649" s="613"/>
      <c r="RJA649" s="613"/>
      <c r="RJB649" s="613"/>
      <c r="RJC649" s="613"/>
      <c r="RJD649" s="613"/>
      <c r="RJE649" s="613"/>
      <c r="RJF649" s="613"/>
      <c r="RJG649" s="613"/>
      <c r="RJH649" s="613"/>
      <c r="RJI649" s="613"/>
      <c r="RJJ649" s="613"/>
      <c r="RJK649" s="613"/>
      <c r="RJL649" s="613"/>
      <c r="RJM649" s="613"/>
      <c r="RJN649" s="613"/>
      <c r="RJO649" s="613"/>
      <c r="RJP649" s="613"/>
      <c r="RJQ649" s="613"/>
      <c r="RJR649" s="613"/>
      <c r="RJS649" s="613"/>
      <c r="RJT649" s="613"/>
      <c r="RJU649" s="613"/>
      <c r="RJV649" s="613"/>
      <c r="RJW649" s="613"/>
      <c r="RJX649" s="613"/>
      <c r="RJY649" s="613"/>
      <c r="RJZ649" s="613"/>
      <c r="RKA649" s="613"/>
      <c r="RKB649" s="613"/>
      <c r="RKC649" s="613"/>
      <c r="RKD649" s="613"/>
      <c r="RKE649" s="613"/>
      <c r="RKF649" s="613"/>
      <c r="RKG649" s="613"/>
      <c r="RKH649" s="613"/>
      <c r="RKI649" s="613"/>
      <c r="RKJ649" s="613"/>
      <c r="RKK649" s="613"/>
      <c r="RKL649" s="613"/>
      <c r="RKM649" s="613"/>
      <c r="RKN649" s="613"/>
      <c r="RKO649" s="613"/>
      <c r="RKP649" s="613"/>
      <c r="RKQ649" s="613"/>
      <c r="RKR649" s="613"/>
      <c r="RKS649" s="613"/>
      <c r="RKT649" s="613"/>
      <c r="RKU649" s="613"/>
      <c r="RKV649" s="613"/>
      <c r="RKW649" s="613"/>
      <c r="RKX649" s="613"/>
      <c r="RKY649" s="613"/>
      <c r="RKZ649" s="613"/>
      <c r="RLA649" s="613"/>
      <c r="RLB649" s="613"/>
      <c r="RLC649" s="613"/>
      <c r="RLD649" s="613"/>
      <c r="RLE649" s="613"/>
      <c r="RLF649" s="613"/>
      <c r="RLG649" s="613"/>
      <c r="RLH649" s="613"/>
      <c r="RLI649" s="613"/>
      <c r="RLJ649" s="613"/>
      <c r="RLK649" s="613"/>
      <c r="RLL649" s="613"/>
      <c r="RLM649" s="613"/>
      <c r="RLN649" s="613"/>
      <c r="RLO649" s="613"/>
      <c r="RLP649" s="613"/>
      <c r="RLQ649" s="613"/>
      <c r="RLR649" s="613"/>
      <c r="RLS649" s="613"/>
      <c r="RLT649" s="613"/>
      <c r="RLU649" s="613"/>
      <c r="RLV649" s="613"/>
      <c r="RLW649" s="613"/>
      <c r="RLX649" s="613"/>
      <c r="RLY649" s="613"/>
      <c r="RLZ649" s="613"/>
      <c r="RMA649" s="613"/>
      <c r="RMB649" s="613"/>
      <c r="RMC649" s="613"/>
      <c r="RMD649" s="613"/>
      <c r="RME649" s="613"/>
      <c r="RMF649" s="613"/>
      <c r="RMG649" s="613"/>
      <c r="RMH649" s="613"/>
      <c r="RMI649" s="613"/>
      <c r="RMJ649" s="613"/>
      <c r="RMK649" s="613"/>
      <c r="RML649" s="613"/>
      <c r="RMM649" s="613"/>
      <c r="RMN649" s="613"/>
      <c r="RMO649" s="613"/>
      <c r="RMP649" s="613"/>
      <c r="RMQ649" s="613"/>
      <c r="RMR649" s="613"/>
      <c r="RMS649" s="613"/>
      <c r="RMT649" s="613"/>
      <c r="RMU649" s="613"/>
      <c r="RMV649" s="613"/>
      <c r="RMW649" s="613"/>
      <c r="RMX649" s="613"/>
      <c r="RMY649" s="613"/>
      <c r="RMZ649" s="613"/>
      <c r="RNA649" s="613"/>
      <c r="RNB649" s="613"/>
      <c r="RNC649" s="613"/>
      <c r="RND649" s="613"/>
      <c r="RNE649" s="613"/>
      <c r="RNF649" s="613"/>
      <c r="RNG649" s="613"/>
      <c r="RNH649" s="613"/>
      <c r="RNI649" s="613"/>
      <c r="RNJ649" s="613"/>
      <c r="RNK649" s="613"/>
      <c r="RNL649" s="613"/>
      <c r="RNM649" s="613"/>
      <c r="RNN649" s="613"/>
      <c r="RNO649" s="613"/>
      <c r="RNP649" s="613"/>
      <c r="RNQ649" s="613"/>
      <c r="RNR649" s="613"/>
      <c r="RNS649" s="613"/>
      <c r="RNT649" s="613"/>
      <c r="RNU649" s="613"/>
      <c r="RNV649" s="613"/>
      <c r="RNW649" s="613"/>
      <c r="RNX649" s="613"/>
      <c r="RNY649" s="613"/>
      <c r="RNZ649" s="613"/>
      <c r="ROA649" s="613"/>
      <c r="ROB649" s="613"/>
      <c r="ROC649" s="613"/>
      <c r="ROD649" s="613"/>
      <c r="ROE649" s="613"/>
      <c r="ROF649" s="613"/>
      <c r="ROG649" s="613"/>
      <c r="ROH649" s="613"/>
      <c r="ROI649" s="613"/>
      <c r="ROJ649" s="613"/>
      <c r="ROK649" s="613"/>
      <c r="ROL649" s="613"/>
      <c r="ROM649" s="613"/>
      <c r="RON649" s="613"/>
      <c r="ROO649" s="613"/>
      <c r="ROP649" s="613"/>
      <c r="ROQ649" s="613"/>
      <c r="ROR649" s="613"/>
      <c r="ROS649" s="613"/>
      <c r="ROT649" s="613"/>
      <c r="ROU649" s="613"/>
      <c r="ROV649" s="613"/>
      <c r="ROW649" s="613"/>
      <c r="ROX649" s="613"/>
      <c r="ROY649" s="613"/>
      <c r="ROZ649" s="613"/>
      <c r="RPA649" s="613"/>
      <c r="RPB649" s="613"/>
      <c r="RPC649" s="613"/>
      <c r="RPD649" s="613"/>
      <c r="RPE649" s="613"/>
      <c r="RPF649" s="613"/>
      <c r="RPG649" s="613"/>
      <c r="RPH649" s="613"/>
      <c r="RPI649" s="613"/>
      <c r="RPJ649" s="613"/>
      <c r="RPK649" s="613"/>
      <c r="RPL649" s="613"/>
      <c r="RPM649" s="613"/>
      <c r="RPN649" s="613"/>
      <c r="RPO649" s="613"/>
      <c r="RPP649" s="613"/>
      <c r="RPQ649" s="613"/>
      <c r="RPR649" s="613"/>
      <c r="RPS649" s="613"/>
      <c r="RPT649" s="613"/>
      <c r="RPU649" s="613"/>
      <c r="RPV649" s="613"/>
      <c r="RPW649" s="613"/>
      <c r="RPX649" s="613"/>
      <c r="RPY649" s="613"/>
      <c r="RPZ649" s="613"/>
      <c r="RQA649" s="613"/>
      <c r="RQB649" s="613"/>
      <c r="RQC649" s="613"/>
      <c r="RQD649" s="613"/>
      <c r="RQE649" s="613"/>
      <c r="RQF649" s="613"/>
      <c r="RQG649" s="613"/>
      <c r="RQH649" s="613"/>
      <c r="RQI649" s="613"/>
      <c r="RQJ649" s="613"/>
      <c r="RQK649" s="613"/>
      <c r="RQL649" s="613"/>
      <c r="RQM649" s="613"/>
      <c r="RQN649" s="613"/>
      <c r="RQO649" s="613"/>
      <c r="RQP649" s="613"/>
      <c r="RQQ649" s="613"/>
      <c r="RQR649" s="613"/>
      <c r="RQS649" s="613"/>
      <c r="RQT649" s="613"/>
      <c r="RQU649" s="613"/>
      <c r="RQV649" s="613"/>
      <c r="RQW649" s="613"/>
      <c r="RQX649" s="613"/>
      <c r="RQY649" s="613"/>
      <c r="RQZ649" s="613"/>
      <c r="RRA649" s="613"/>
      <c r="RRB649" s="613"/>
      <c r="RRC649" s="613"/>
      <c r="RRD649" s="613"/>
      <c r="RRE649" s="613"/>
      <c r="RRF649" s="613"/>
      <c r="RRG649" s="613"/>
      <c r="RRH649" s="613"/>
      <c r="RRI649" s="613"/>
      <c r="RRJ649" s="613"/>
      <c r="RRK649" s="613"/>
      <c r="RRL649" s="613"/>
      <c r="RRM649" s="613"/>
      <c r="RRN649" s="613"/>
      <c r="RRO649" s="613"/>
      <c r="RRP649" s="613"/>
      <c r="RRQ649" s="613"/>
      <c r="RRR649" s="613"/>
      <c r="RRS649" s="613"/>
      <c r="RRT649" s="613"/>
      <c r="RRU649" s="613"/>
      <c r="RRV649" s="613"/>
      <c r="RRW649" s="613"/>
      <c r="RRX649" s="613"/>
      <c r="RRY649" s="613"/>
      <c r="RRZ649" s="613"/>
      <c r="RSA649" s="613"/>
      <c r="RSB649" s="613"/>
      <c r="RSC649" s="613"/>
      <c r="RSD649" s="613"/>
      <c r="RSE649" s="613"/>
      <c r="RSF649" s="613"/>
      <c r="RSG649" s="613"/>
      <c r="RSH649" s="613"/>
      <c r="RSI649" s="613"/>
      <c r="RSJ649" s="613"/>
      <c r="RSK649" s="613"/>
      <c r="RSL649" s="613"/>
      <c r="RSM649" s="613"/>
      <c r="RSN649" s="613"/>
      <c r="RSO649" s="613"/>
      <c r="RSP649" s="613"/>
      <c r="RSQ649" s="613"/>
      <c r="RSR649" s="613"/>
      <c r="RSS649" s="613"/>
      <c r="RST649" s="613"/>
      <c r="RSU649" s="613"/>
      <c r="RSV649" s="613"/>
      <c r="RSW649" s="613"/>
      <c r="RSX649" s="613"/>
      <c r="RSY649" s="613"/>
      <c r="RSZ649" s="613"/>
      <c r="RTA649" s="613"/>
      <c r="RTB649" s="613"/>
      <c r="RTC649" s="613"/>
      <c r="RTD649" s="613"/>
      <c r="RTE649" s="613"/>
      <c r="RTF649" s="613"/>
      <c r="RTG649" s="613"/>
      <c r="RTH649" s="613"/>
      <c r="RTI649" s="613"/>
      <c r="RTJ649" s="613"/>
      <c r="RTK649" s="613"/>
      <c r="RTL649" s="613"/>
      <c r="RTM649" s="613"/>
      <c r="RTN649" s="613"/>
      <c r="RTO649" s="613"/>
      <c r="RTP649" s="613"/>
      <c r="RTQ649" s="613"/>
      <c r="RTR649" s="613"/>
      <c r="RTS649" s="613"/>
      <c r="RTT649" s="613"/>
      <c r="RTU649" s="613"/>
      <c r="RTV649" s="613"/>
      <c r="RTW649" s="613"/>
      <c r="RTX649" s="613"/>
      <c r="RTY649" s="613"/>
      <c r="RTZ649" s="613"/>
      <c r="RUA649" s="613"/>
      <c r="RUB649" s="613"/>
      <c r="RUC649" s="613"/>
      <c r="RUD649" s="613"/>
      <c r="RUE649" s="613"/>
      <c r="RUF649" s="613"/>
      <c r="RUG649" s="613"/>
      <c r="RUH649" s="613"/>
      <c r="RUI649" s="613"/>
      <c r="RUJ649" s="613"/>
      <c r="RUK649" s="613"/>
      <c r="RUL649" s="613"/>
      <c r="RUM649" s="613"/>
      <c r="RUN649" s="613"/>
      <c r="RUO649" s="613"/>
      <c r="RUP649" s="613"/>
      <c r="RUQ649" s="613"/>
      <c r="RUR649" s="613"/>
      <c r="RUS649" s="613"/>
      <c r="RUT649" s="613"/>
      <c r="RUU649" s="613"/>
      <c r="RUV649" s="613"/>
      <c r="RUW649" s="613"/>
      <c r="RUX649" s="613"/>
      <c r="RUY649" s="613"/>
      <c r="RUZ649" s="613"/>
      <c r="RVA649" s="613"/>
      <c r="RVB649" s="613"/>
      <c r="RVC649" s="613"/>
      <c r="RVD649" s="613"/>
      <c r="RVE649" s="613"/>
      <c r="RVF649" s="613"/>
      <c r="RVG649" s="613"/>
      <c r="RVH649" s="613"/>
      <c r="RVI649" s="613"/>
      <c r="RVJ649" s="613"/>
      <c r="RVK649" s="613"/>
      <c r="RVL649" s="613"/>
      <c r="RVM649" s="613"/>
      <c r="RVN649" s="613"/>
      <c r="RVO649" s="613"/>
      <c r="RVP649" s="613"/>
      <c r="RVQ649" s="613"/>
      <c r="RVR649" s="613"/>
      <c r="RVS649" s="613"/>
      <c r="RVT649" s="613"/>
      <c r="RVU649" s="613"/>
      <c r="RVV649" s="613"/>
      <c r="RVW649" s="613"/>
      <c r="RVX649" s="613"/>
      <c r="RVY649" s="613"/>
      <c r="RVZ649" s="613"/>
      <c r="RWA649" s="613"/>
      <c r="RWB649" s="613"/>
      <c r="RWC649" s="613"/>
      <c r="RWD649" s="613"/>
      <c r="RWE649" s="613"/>
      <c r="RWF649" s="613"/>
      <c r="RWG649" s="613"/>
      <c r="RWH649" s="613"/>
      <c r="RWI649" s="613"/>
      <c r="RWJ649" s="613"/>
      <c r="RWK649" s="613"/>
      <c r="RWL649" s="613"/>
      <c r="RWM649" s="613"/>
      <c r="RWN649" s="613"/>
      <c r="RWO649" s="613"/>
      <c r="RWP649" s="613"/>
      <c r="RWQ649" s="613"/>
      <c r="RWR649" s="613"/>
      <c r="RWS649" s="613"/>
      <c r="RWT649" s="613"/>
      <c r="RWU649" s="613"/>
      <c r="RWV649" s="613"/>
      <c r="RWW649" s="613"/>
      <c r="RWX649" s="613"/>
      <c r="RWY649" s="613"/>
      <c r="RWZ649" s="613"/>
      <c r="RXA649" s="613"/>
      <c r="RXB649" s="613"/>
      <c r="RXC649" s="613"/>
      <c r="RXD649" s="613"/>
      <c r="RXE649" s="613"/>
      <c r="RXF649" s="613"/>
      <c r="RXG649" s="613"/>
      <c r="RXH649" s="613"/>
      <c r="RXI649" s="613"/>
      <c r="RXJ649" s="613"/>
      <c r="RXK649" s="613"/>
      <c r="RXL649" s="613"/>
      <c r="RXM649" s="613"/>
      <c r="RXN649" s="613"/>
      <c r="RXO649" s="613"/>
      <c r="RXP649" s="613"/>
      <c r="RXQ649" s="613"/>
      <c r="RXR649" s="613"/>
      <c r="RXS649" s="613"/>
      <c r="RXT649" s="613"/>
      <c r="RXU649" s="613"/>
      <c r="RXV649" s="613"/>
      <c r="RXW649" s="613"/>
      <c r="RXX649" s="613"/>
      <c r="RXY649" s="613"/>
      <c r="RXZ649" s="613"/>
      <c r="RYA649" s="613"/>
      <c r="RYB649" s="613"/>
      <c r="RYC649" s="613"/>
      <c r="RYD649" s="613"/>
      <c r="RYE649" s="613"/>
      <c r="RYF649" s="613"/>
      <c r="RYG649" s="613"/>
      <c r="RYH649" s="613"/>
      <c r="RYI649" s="613"/>
      <c r="RYJ649" s="613"/>
      <c r="RYK649" s="613"/>
      <c r="RYL649" s="613"/>
      <c r="RYM649" s="613"/>
      <c r="RYN649" s="613"/>
      <c r="RYO649" s="613"/>
      <c r="RYP649" s="613"/>
      <c r="RYQ649" s="613"/>
      <c r="RYR649" s="613"/>
      <c r="RYS649" s="613"/>
      <c r="RYT649" s="613"/>
      <c r="RYU649" s="613"/>
      <c r="RYV649" s="613"/>
      <c r="RYW649" s="613"/>
      <c r="RYX649" s="613"/>
      <c r="RYY649" s="613"/>
      <c r="RYZ649" s="613"/>
      <c r="RZA649" s="613"/>
      <c r="RZB649" s="613"/>
      <c r="RZC649" s="613"/>
      <c r="RZD649" s="613"/>
      <c r="RZE649" s="613"/>
      <c r="RZF649" s="613"/>
      <c r="RZG649" s="613"/>
      <c r="RZH649" s="613"/>
      <c r="RZI649" s="613"/>
      <c r="RZJ649" s="613"/>
      <c r="RZK649" s="613"/>
      <c r="RZL649" s="613"/>
      <c r="RZM649" s="613"/>
      <c r="RZN649" s="613"/>
      <c r="RZO649" s="613"/>
      <c r="RZP649" s="613"/>
      <c r="RZQ649" s="613"/>
      <c r="RZR649" s="613"/>
      <c r="RZS649" s="613"/>
      <c r="RZT649" s="613"/>
      <c r="RZU649" s="613"/>
      <c r="RZV649" s="613"/>
      <c r="RZW649" s="613"/>
      <c r="RZX649" s="613"/>
      <c r="RZY649" s="613"/>
      <c r="RZZ649" s="613"/>
      <c r="SAA649" s="613"/>
      <c r="SAB649" s="613"/>
      <c r="SAC649" s="613"/>
      <c r="SAD649" s="613"/>
      <c r="SAE649" s="613"/>
      <c r="SAF649" s="613"/>
      <c r="SAG649" s="613"/>
      <c r="SAH649" s="613"/>
      <c r="SAI649" s="613"/>
      <c r="SAJ649" s="613"/>
      <c r="SAK649" s="613"/>
      <c r="SAL649" s="613"/>
      <c r="SAM649" s="613"/>
      <c r="SAN649" s="613"/>
      <c r="SAO649" s="613"/>
      <c r="SAP649" s="613"/>
      <c r="SAQ649" s="613"/>
      <c r="SAR649" s="613"/>
      <c r="SAS649" s="613"/>
      <c r="SAT649" s="613"/>
      <c r="SAU649" s="613"/>
      <c r="SAV649" s="613"/>
      <c r="SAW649" s="613"/>
      <c r="SAX649" s="613"/>
      <c r="SAY649" s="613"/>
      <c r="SAZ649" s="613"/>
      <c r="SBA649" s="613"/>
      <c r="SBB649" s="613"/>
      <c r="SBC649" s="613"/>
      <c r="SBD649" s="613"/>
      <c r="SBE649" s="613"/>
      <c r="SBF649" s="613"/>
      <c r="SBG649" s="613"/>
      <c r="SBH649" s="613"/>
      <c r="SBI649" s="613"/>
      <c r="SBJ649" s="613"/>
      <c r="SBK649" s="613"/>
      <c r="SBL649" s="613"/>
      <c r="SBM649" s="613"/>
      <c r="SBN649" s="613"/>
      <c r="SBO649" s="613"/>
      <c r="SBP649" s="613"/>
      <c r="SBQ649" s="613"/>
      <c r="SBR649" s="613"/>
      <c r="SBS649" s="613"/>
      <c r="SBT649" s="613"/>
      <c r="SBU649" s="613"/>
      <c r="SBV649" s="613"/>
      <c r="SBW649" s="613"/>
      <c r="SBX649" s="613"/>
      <c r="SBY649" s="613"/>
      <c r="SBZ649" s="613"/>
      <c r="SCA649" s="613"/>
      <c r="SCB649" s="613"/>
      <c r="SCC649" s="613"/>
      <c r="SCD649" s="613"/>
      <c r="SCE649" s="613"/>
      <c r="SCF649" s="613"/>
      <c r="SCG649" s="613"/>
      <c r="SCH649" s="613"/>
      <c r="SCI649" s="613"/>
      <c r="SCJ649" s="613"/>
      <c r="SCK649" s="613"/>
      <c r="SCL649" s="613"/>
      <c r="SCM649" s="613"/>
      <c r="SCN649" s="613"/>
      <c r="SCO649" s="613"/>
      <c r="SCP649" s="613"/>
      <c r="SCQ649" s="613"/>
      <c r="SCR649" s="613"/>
      <c r="SCS649" s="613"/>
      <c r="SCT649" s="613"/>
      <c r="SCU649" s="613"/>
      <c r="SCV649" s="613"/>
      <c r="SCW649" s="613"/>
      <c r="SCX649" s="613"/>
      <c r="SCY649" s="613"/>
      <c r="SCZ649" s="613"/>
      <c r="SDA649" s="613"/>
      <c r="SDB649" s="613"/>
      <c r="SDC649" s="613"/>
      <c r="SDD649" s="613"/>
      <c r="SDE649" s="613"/>
      <c r="SDF649" s="613"/>
      <c r="SDG649" s="613"/>
      <c r="SDH649" s="613"/>
      <c r="SDI649" s="613"/>
      <c r="SDJ649" s="613"/>
      <c r="SDK649" s="613"/>
      <c r="SDL649" s="613"/>
      <c r="SDM649" s="613"/>
      <c r="SDN649" s="613"/>
      <c r="SDO649" s="613"/>
      <c r="SDP649" s="613"/>
      <c r="SDQ649" s="613"/>
      <c r="SDR649" s="613"/>
      <c r="SDS649" s="613"/>
      <c r="SDT649" s="613"/>
      <c r="SDU649" s="613"/>
      <c r="SDV649" s="613"/>
      <c r="SDW649" s="613"/>
      <c r="SDX649" s="613"/>
      <c r="SDY649" s="613"/>
      <c r="SDZ649" s="613"/>
      <c r="SEA649" s="613"/>
      <c r="SEB649" s="613"/>
      <c r="SEC649" s="613"/>
      <c r="SED649" s="613"/>
      <c r="SEE649" s="613"/>
      <c r="SEF649" s="613"/>
      <c r="SEG649" s="613"/>
      <c r="SEH649" s="613"/>
      <c r="SEI649" s="613"/>
      <c r="SEJ649" s="613"/>
      <c r="SEK649" s="613"/>
      <c r="SEL649" s="613"/>
      <c r="SEM649" s="613"/>
      <c r="SEN649" s="613"/>
      <c r="SEO649" s="613"/>
      <c r="SEP649" s="613"/>
      <c r="SEQ649" s="613"/>
      <c r="SER649" s="613"/>
      <c r="SES649" s="613"/>
      <c r="SET649" s="613"/>
      <c r="SEU649" s="613"/>
      <c r="SEV649" s="613"/>
      <c r="SEW649" s="613"/>
      <c r="SEX649" s="613"/>
      <c r="SEY649" s="613"/>
      <c r="SEZ649" s="613"/>
      <c r="SFA649" s="613"/>
      <c r="SFB649" s="613"/>
      <c r="SFC649" s="613"/>
      <c r="SFD649" s="613"/>
      <c r="SFE649" s="613"/>
      <c r="SFF649" s="613"/>
      <c r="SFG649" s="613"/>
      <c r="SFH649" s="613"/>
      <c r="SFI649" s="613"/>
      <c r="SFJ649" s="613"/>
      <c r="SFK649" s="613"/>
      <c r="SFL649" s="613"/>
      <c r="SFM649" s="613"/>
      <c r="SFN649" s="613"/>
      <c r="SFO649" s="613"/>
      <c r="SFP649" s="613"/>
      <c r="SFQ649" s="613"/>
      <c r="SFR649" s="613"/>
      <c r="SFS649" s="613"/>
      <c r="SFT649" s="613"/>
      <c r="SFU649" s="613"/>
      <c r="SFV649" s="613"/>
      <c r="SFW649" s="613"/>
      <c r="SFX649" s="613"/>
      <c r="SFY649" s="613"/>
      <c r="SFZ649" s="613"/>
      <c r="SGA649" s="613"/>
      <c r="SGB649" s="613"/>
      <c r="SGC649" s="613"/>
      <c r="SGD649" s="613"/>
      <c r="SGE649" s="613"/>
      <c r="SGF649" s="613"/>
      <c r="SGG649" s="613"/>
      <c r="SGH649" s="613"/>
      <c r="SGI649" s="613"/>
      <c r="SGJ649" s="613"/>
      <c r="SGK649" s="613"/>
      <c r="SGL649" s="613"/>
      <c r="SGM649" s="613"/>
      <c r="SGN649" s="613"/>
      <c r="SGO649" s="613"/>
      <c r="SGP649" s="613"/>
      <c r="SGQ649" s="613"/>
      <c r="SGR649" s="613"/>
      <c r="SGS649" s="613"/>
      <c r="SGT649" s="613"/>
      <c r="SGU649" s="613"/>
      <c r="SGV649" s="613"/>
      <c r="SGW649" s="613"/>
      <c r="SGX649" s="613"/>
      <c r="SGY649" s="613"/>
      <c r="SGZ649" s="613"/>
      <c r="SHA649" s="613"/>
      <c r="SHB649" s="613"/>
      <c r="SHC649" s="613"/>
      <c r="SHD649" s="613"/>
      <c r="SHE649" s="613"/>
      <c r="SHF649" s="613"/>
      <c r="SHG649" s="613"/>
      <c r="SHH649" s="613"/>
      <c r="SHI649" s="613"/>
      <c r="SHJ649" s="613"/>
      <c r="SHK649" s="613"/>
      <c r="SHL649" s="613"/>
      <c r="SHM649" s="613"/>
      <c r="SHN649" s="613"/>
      <c r="SHO649" s="613"/>
      <c r="SHP649" s="613"/>
      <c r="SHQ649" s="613"/>
      <c r="SHR649" s="613"/>
      <c r="SHS649" s="613"/>
      <c r="SHT649" s="613"/>
      <c r="SHU649" s="613"/>
      <c r="SHV649" s="613"/>
      <c r="SHW649" s="613"/>
      <c r="SHX649" s="613"/>
      <c r="SHY649" s="613"/>
      <c r="SHZ649" s="613"/>
      <c r="SIA649" s="613"/>
      <c r="SIB649" s="613"/>
      <c r="SIC649" s="613"/>
      <c r="SID649" s="613"/>
      <c r="SIE649" s="613"/>
      <c r="SIF649" s="613"/>
      <c r="SIG649" s="613"/>
      <c r="SIH649" s="613"/>
      <c r="SII649" s="613"/>
      <c r="SIJ649" s="613"/>
      <c r="SIK649" s="613"/>
      <c r="SIL649" s="613"/>
      <c r="SIM649" s="613"/>
      <c r="SIN649" s="613"/>
      <c r="SIO649" s="613"/>
      <c r="SIP649" s="613"/>
      <c r="SIQ649" s="613"/>
      <c r="SIR649" s="613"/>
      <c r="SIS649" s="613"/>
      <c r="SIT649" s="613"/>
      <c r="SIU649" s="613"/>
      <c r="SIV649" s="613"/>
      <c r="SIW649" s="613"/>
      <c r="SIX649" s="613"/>
      <c r="SIY649" s="613"/>
      <c r="SIZ649" s="613"/>
      <c r="SJA649" s="613"/>
      <c r="SJB649" s="613"/>
      <c r="SJC649" s="613"/>
      <c r="SJD649" s="613"/>
      <c r="SJE649" s="613"/>
      <c r="SJF649" s="613"/>
      <c r="SJG649" s="613"/>
      <c r="SJH649" s="613"/>
      <c r="SJI649" s="613"/>
      <c r="SJJ649" s="613"/>
      <c r="SJK649" s="613"/>
      <c r="SJL649" s="613"/>
      <c r="SJM649" s="613"/>
      <c r="SJN649" s="613"/>
      <c r="SJO649" s="613"/>
      <c r="SJP649" s="613"/>
      <c r="SJQ649" s="613"/>
      <c r="SJR649" s="613"/>
      <c r="SJS649" s="613"/>
      <c r="SJT649" s="613"/>
      <c r="SJU649" s="613"/>
      <c r="SJV649" s="613"/>
      <c r="SJW649" s="613"/>
      <c r="SJX649" s="613"/>
      <c r="SJY649" s="613"/>
      <c r="SJZ649" s="613"/>
      <c r="SKA649" s="613"/>
      <c r="SKB649" s="613"/>
      <c r="SKC649" s="613"/>
      <c r="SKD649" s="613"/>
      <c r="SKE649" s="613"/>
      <c r="SKF649" s="613"/>
      <c r="SKG649" s="613"/>
      <c r="SKH649" s="613"/>
      <c r="SKI649" s="613"/>
      <c r="SKJ649" s="613"/>
      <c r="SKK649" s="613"/>
      <c r="SKL649" s="613"/>
      <c r="SKM649" s="613"/>
      <c r="SKN649" s="613"/>
      <c r="SKO649" s="613"/>
      <c r="SKP649" s="613"/>
      <c r="SKQ649" s="613"/>
      <c r="SKR649" s="613"/>
      <c r="SKS649" s="613"/>
      <c r="SKT649" s="613"/>
      <c r="SKU649" s="613"/>
      <c r="SKV649" s="613"/>
      <c r="SKW649" s="613"/>
      <c r="SKX649" s="613"/>
      <c r="SKY649" s="613"/>
      <c r="SKZ649" s="613"/>
      <c r="SLA649" s="613"/>
      <c r="SLB649" s="613"/>
      <c r="SLC649" s="613"/>
      <c r="SLD649" s="613"/>
      <c r="SLE649" s="613"/>
      <c r="SLF649" s="613"/>
      <c r="SLG649" s="613"/>
      <c r="SLH649" s="613"/>
      <c r="SLI649" s="613"/>
      <c r="SLJ649" s="613"/>
      <c r="SLK649" s="613"/>
      <c r="SLL649" s="613"/>
      <c r="SLM649" s="613"/>
      <c r="SLN649" s="613"/>
      <c r="SLO649" s="613"/>
      <c r="SLP649" s="613"/>
      <c r="SLQ649" s="613"/>
      <c r="SLR649" s="613"/>
      <c r="SLS649" s="613"/>
      <c r="SLT649" s="613"/>
      <c r="SLU649" s="613"/>
      <c r="SLV649" s="613"/>
      <c r="SLW649" s="613"/>
      <c r="SLX649" s="613"/>
      <c r="SLY649" s="613"/>
      <c r="SLZ649" s="613"/>
      <c r="SMA649" s="613"/>
      <c r="SMB649" s="613"/>
      <c r="SMC649" s="613"/>
      <c r="SMD649" s="613"/>
      <c r="SME649" s="613"/>
      <c r="SMF649" s="613"/>
      <c r="SMG649" s="613"/>
      <c r="SMH649" s="613"/>
      <c r="SMI649" s="613"/>
      <c r="SMJ649" s="613"/>
      <c r="SMK649" s="613"/>
      <c r="SML649" s="613"/>
      <c r="SMM649" s="613"/>
      <c r="SMN649" s="613"/>
      <c r="SMO649" s="613"/>
      <c r="SMP649" s="613"/>
      <c r="SMQ649" s="613"/>
      <c r="SMR649" s="613"/>
      <c r="SMS649" s="613"/>
      <c r="SMT649" s="613"/>
      <c r="SMU649" s="613"/>
      <c r="SMV649" s="613"/>
      <c r="SMW649" s="613"/>
      <c r="SMX649" s="613"/>
      <c r="SMY649" s="613"/>
      <c r="SMZ649" s="613"/>
      <c r="SNA649" s="613"/>
      <c r="SNB649" s="613"/>
      <c r="SNC649" s="613"/>
      <c r="SND649" s="613"/>
      <c r="SNE649" s="613"/>
      <c r="SNF649" s="613"/>
      <c r="SNG649" s="613"/>
      <c r="SNH649" s="613"/>
      <c r="SNI649" s="613"/>
      <c r="SNJ649" s="613"/>
      <c r="SNK649" s="613"/>
      <c r="SNL649" s="613"/>
      <c r="SNM649" s="613"/>
      <c r="SNN649" s="613"/>
      <c r="SNO649" s="613"/>
      <c r="SNP649" s="613"/>
      <c r="SNQ649" s="613"/>
      <c r="SNR649" s="613"/>
      <c r="SNS649" s="613"/>
      <c r="SNT649" s="613"/>
      <c r="SNU649" s="613"/>
      <c r="SNV649" s="613"/>
      <c r="SNW649" s="613"/>
      <c r="SNX649" s="613"/>
      <c r="SNY649" s="613"/>
      <c r="SNZ649" s="613"/>
      <c r="SOA649" s="613"/>
      <c r="SOB649" s="613"/>
      <c r="SOC649" s="613"/>
      <c r="SOD649" s="613"/>
      <c r="SOE649" s="613"/>
      <c r="SOF649" s="613"/>
      <c r="SOG649" s="613"/>
      <c r="SOH649" s="613"/>
      <c r="SOI649" s="613"/>
      <c r="SOJ649" s="613"/>
      <c r="SOK649" s="613"/>
      <c r="SOL649" s="613"/>
      <c r="SOM649" s="613"/>
      <c r="SON649" s="613"/>
      <c r="SOO649" s="613"/>
      <c r="SOP649" s="613"/>
      <c r="SOQ649" s="613"/>
      <c r="SOR649" s="613"/>
      <c r="SOS649" s="613"/>
      <c r="SOT649" s="613"/>
      <c r="SOU649" s="613"/>
      <c r="SOV649" s="613"/>
      <c r="SOW649" s="613"/>
      <c r="SOX649" s="613"/>
      <c r="SOY649" s="613"/>
      <c r="SOZ649" s="613"/>
      <c r="SPA649" s="613"/>
      <c r="SPB649" s="613"/>
      <c r="SPC649" s="613"/>
      <c r="SPD649" s="613"/>
      <c r="SPE649" s="613"/>
      <c r="SPF649" s="613"/>
      <c r="SPG649" s="613"/>
      <c r="SPH649" s="613"/>
      <c r="SPI649" s="613"/>
      <c r="SPJ649" s="613"/>
      <c r="SPK649" s="613"/>
      <c r="SPL649" s="613"/>
      <c r="SPM649" s="613"/>
      <c r="SPN649" s="613"/>
      <c r="SPO649" s="613"/>
      <c r="SPP649" s="613"/>
      <c r="SPQ649" s="613"/>
      <c r="SPR649" s="613"/>
      <c r="SPS649" s="613"/>
      <c r="SPT649" s="613"/>
      <c r="SPU649" s="613"/>
      <c r="SPV649" s="613"/>
      <c r="SPW649" s="613"/>
      <c r="SPX649" s="613"/>
      <c r="SPY649" s="613"/>
      <c r="SPZ649" s="613"/>
      <c r="SQA649" s="613"/>
      <c r="SQB649" s="613"/>
      <c r="SQC649" s="613"/>
      <c r="SQD649" s="613"/>
      <c r="SQE649" s="613"/>
      <c r="SQF649" s="613"/>
      <c r="SQG649" s="613"/>
      <c r="SQH649" s="613"/>
      <c r="SQI649" s="613"/>
      <c r="SQJ649" s="613"/>
      <c r="SQK649" s="613"/>
      <c r="SQL649" s="613"/>
      <c r="SQM649" s="613"/>
      <c r="SQN649" s="613"/>
      <c r="SQO649" s="613"/>
      <c r="SQP649" s="613"/>
      <c r="SQQ649" s="613"/>
      <c r="SQR649" s="613"/>
      <c r="SQS649" s="613"/>
      <c r="SQT649" s="613"/>
      <c r="SQU649" s="613"/>
      <c r="SQV649" s="613"/>
      <c r="SQW649" s="613"/>
      <c r="SQX649" s="613"/>
      <c r="SQY649" s="613"/>
      <c r="SQZ649" s="613"/>
      <c r="SRA649" s="613"/>
      <c r="SRB649" s="613"/>
      <c r="SRC649" s="613"/>
      <c r="SRD649" s="613"/>
      <c r="SRE649" s="613"/>
      <c r="SRF649" s="613"/>
      <c r="SRG649" s="613"/>
      <c r="SRH649" s="613"/>
      <c r="SRI649" s="613"/>
      <c r="SRJ649" s="613"/>
      <c r="SRK649" s="613"/>
      <c r="SRL649" s="613"/>
      <c r="SRM649" s="613"/>
      <c r="SRN649" s="613"/>
      <c r="SRO649" s="613"/>
      <c r="SRP649" s="613"/>
      <c r="SRQ649" s="613"/>
      <c r="SRR649" s="613"/>
      <c r="SRS649" s="613"/>
      <c r="SRT649" s="613"/>
      <c r="SRU649" s="613"/>
      <c r="SRV649" s="613"/>
      <c r="SRW649" s="613"/>
      <c r="SRX649" s="613"/>
      <c r="SRY649" s="613"/>
      <c r="SRZ649" s="613"/>
      <c r="SSA649" s="613"/>
      <c r="SSB649" s="613"/>
      <c r="SSC649" s="613"/>
      <c r="SSD649" s="613"/>
      <c r="SSE649" s="613"/>
      <c r="SSF649" s="613"/>
      <c r="SSG649" s="613"/>
      <c r="SSH649" s="613"/>
      <c r="SSI649" s="613"/>
      <c r="SSJ649" s="613"/>
      <c r="SSK649" s="613"/>
      <c r="SSL649" s="613"/>
      <c r="SSM649" s="613"/>
      <c r="SSN649" s="613"/>
      <c r="SSO649" s="613"/>
      <c r="SSP649" s="613"/>
      <c r="SSQ649" s="613"/>
      <c r="SSR649" s="613"/>
      <c r="SSS649" s="613"/>
      <c r="SST649" s="613"/>
      <c r="SSU649" s="613"/>
      <c r="SSV649" s="613"/>
      <c r="SSW649" s="613"/>
      <c r="SSX649" s="613"/>
      <c r="SSY649" s="613"/>
      <c r="SSZ649" s="613"/>
      <c r="STA649" s="613"/>
      <c r="STB649" s="613"/>
      <c r="STC649" s="613"/>
      <c r="STD649" s="613"/>
      <c r="STE649" s="613"/>
      <c r="STF649" s="613"/>
      <c r="STG649" s="613"/>
      <c r="STH649" s="613"/>
      <c r="STI649" s="613"/>
      <c r="STJ649" s="613"/>
      <c r="STK649" s="613"/>
      <c r="STL649" s="613"/>
      <c r="STM649" s="613"/>
      <c r="STN649" s="613"/>
      <c r="STO649" s="613"/>
      <c r="STP649" s="613"/>
      <c r="STQ649" s="613"/>
      <c r="STR649" s="613"/>
      <c r="STS649" s="613"/>
      <c r="STT649" s="613"/>
      <c r="STU649" s="613"/>
      <c r="STV649" s="613"/>
      <c r="STW649" s="613"/>
      <c r="STX649" s="613"/>
      <c r="STY649" s="613"/>
      <c r="STZ649" s="613"/>
      <c r="SUA649" s="613"/>
      <c r="SUB649" s="613"/>
      <c r="SUC649" s="613"/>
      <c r="SUD649" s="613"/>
      <c r="SUE649" s="613"/>
      <c r="SUF649" s="613"/>
      <c r="SUG649" s="613"/>
      <c r="SUH649" s="613"/>
      <c r="SUI649" s="613"/>
      <c r="SUJ649" s="613"/>
      <c r="SUK649" s="613"/>
      <c r="SUL649" s="613"/>
      <c r="SUM649" s="613"/>
      <c r="SUN649" s="613"/>
      <c r="SUO649" s="613"/>
      <c r="SUP649" s="613"/>
      <c r="SUQ649" s="613"/>
      <c r="SUR649" s="613"/>
      <c r="SUS649" s="613"/>
      <c r="SUT649" s="613"/>
      <c r="SUU649" s="613"/>
      <c r="SUV649" s="613"/>
      <c r="SUW649" s="613"/>
      <c r="SUX649" s="613"/>
      <c r="SUY649" s="613"/>
      <c r="SUZ649" s="613"/>
      <c r="SVA649" s="613"/>
      <c r="SVB649" s="613"/>
      <c r="SVC649" s="613"/>
      <c r="SVD649" s="613"/>
      <c r="SVE649" s="613"/>
      <c r="SVF649" s="613"/>
      <c r="SVG649" s="613"/>
      <c r="SVH649" s="613"/>
      <c r="SVI649" s="613"/>
      <c r="SVJ649" s="613"/>
      <c r="SVK649" s="613"/>
      <c r="SVL649" s="613"/>
      <c r="SVM649" s="613"/>
      <c r="SVN649" s="613"/>
      <c r="SVO649" s="613"/>
      <c r="SVP649" s="613"/>
      <c r="SVQ649" s="613"/>
      <c r="SVR649" s="613"/>
      <c r="SVS649" s="613"/>
      <c r="SVT649" s="613"/>
      <c r="SVU649" s="613"/>
      <c r="SVV649" s="613"/>
      <c r="SVW649" s="613"/>
      <c r="SVX649" s="613"/>
      <c r="SVY649" s="613"/>
      <c r="SVZ649" s="613"/>
      <c r="SWA649" s="613"/>
      <c r="SWB649" s="613"/>
      <c r="SWC649" s="613"/>
      <c r="SWD649" s="613"/>
      <c r="SWE649" s="613"/>
      <c r="SWF649" s="613"/>
      <c r="SWG649" s="613"/>
      <c r="SWH649" s="613"/>
      <c r="SWI649" s="613"/>
      <c r="SWJ649" s="613"/>
      <c r="SWK649" s="613"/>
      <c r="SWL649" s="613"/>
      <c r="SWM649" s="613"/>
      <c r="SWN649" s="613"/>
      <c r="SWO649" s="613"/>
      <c r="SWP649" s="613"/>
      <c r="SWQ649" s="613"/>
      <c r="SWR649" s="613"/>
      <c r="SWS649" s="613"/>
      <c r="SWT649" s="613"/>
      <c r="SWU649" s="613"/>
      <c r="SWV649" s="613"/>
      <c r="SWW649" s="613"/>
      <c r="SWX649" s="613"/>
      <c r="SWY649" s="613"/>
      <c r="SWZ649" s="613"/>
      <c r="SXA649" s="613"/>
      <c r="SXB649" s="613"/>
      <c r="SXC649" s="613"/>
      <c r="SXD649" s="613"/>
      <c r="SXE649" s="613"/>
      <c r="SXF649" s="613"/>
      <c r="SXG649" s="613"/>
      <c r="SXH649" s="613"/>
      <c r="SXI649" s="613"/>
      <c r="SXJ649" s="613"/>
      <c r="SXK649" s="613"/>
      <c r="SXL649" s="613"/>
      <c r="SXM649" s="613"/>
      <c r="SXN649" s="613"/>
      <c r="SXO649" s="613"/>
      <c r="SXP649" s="613"/>
      <c r="SXQ649" s="613"/>
      <c r="SXR649" s="613"/>
      <c r="SXS649" s="613"/>
      <c r="SXT649" s="613"/>
      <c r="SXU649" s="613"/>
      <c r="SXV649" s="613"/>
      <c r="SXW649" s="613"/>
      <c r="SXX649" s="613"/>
      <c r="SXY649" s="613"/>
      <c r="SXZ649" s="613"/>
      <c r="SYA649" s="613"/>
      <c r="SYB649" s="613"/>
      <c r="SYC649" s="613"/>
      <c r="SYD649" s="613"/>
      <c r="SYE649" s="613"/>
      <c r="SYF649" s="613"/>
      <c r="SYG649" s="613"/>
      <c r="SYH649" s="613"/>
      <c r="SYI649" s="613"/>
      <c r="SYJ649" s="613"/>
      <c r="SYK649" s="613"/>
      <c r="SYL649" s="613"/>
      <c r="SYM649" s="613"/>
      <c r="SYN649" s="613"/>
      <c r="SYO649" s="613"/>
      <c r="SYP649" s="613"/>
      <c r="SYQ649" s="613"/>
      <c r="SYR649" s="613"/>
      <c r="SYS649" s="613"/>
      <c r="SYT649" s="613"/>
      <c r="SYU649" s="613"/>
      <c r="SYV649" s="613"/>
      <c r="SYW649" s="613"/>
      <c r="SYX649" s="613"/>
      <c r="SYY649" s="613"/>
      <c r="SYZ649" s="613"/>
      <c r="SZA649" s="613"/>
      <c r="SZB649" s="613"/>
      <c r="SZC649" s="613"/>
      <c r="SZD649" s="613"/>
      <c r="SZE649" s="613"/>
      <c r="SZF649" s="613"/>
      <c r="SZG649" s="613"/>
      <c r="SZH649" s="613"/>
      <c r="SZI649" s="613"/>
      <c r="SZJ649" s="613"/>
      <c r="SZK649" s="613"/>
      <c r="SZL649" s="613"/>
      <c r="SZM649" s="613"/>
      <c r="SZN649" s="613"/>
      <c r="SZO649" s="613"/>
      <c r="SZP649" s="613"/>
      <c r="SZQ649" s="613"/>
      <c r="SZR649" s="613"/>
      <c r="SZS649" s="613"/>
      <c r="SZT649" s="613"/>
      <c r="SZU649" s="613"/>
      <c r="SZV649" s="613"/>
      <c r="SZW649" s="613"/>
      <c r="SZX649" s="613"/>
      <c r="SZY649" s="613"/>
      <c r="SZZ649" s="613"/>
      <c r="TAA649" s="613"/>
      <c r="TAB649" s="613"/>
      <c r="TAC649" s="613"/>
      <c r="TAD649" s="613"/>
      <c r="TAE649" s="613"/>
      <c r="TAF649" s="613"/>
      <c r="TAG649" s="613"/>
      <c r="TAH649" s="613"/>
      <c r="TAI649" s="613"/>
      <c r="TAJ649" s="613"/>
      <c r="TAK649" s="613"/>
      <c r="TAL649" s="613"/>
      <c r="TAM649" s="613"/>
      <c r="TAN649" s="613"/>
      <c r="TAO649" s="613"/>
      <c r="TAP649" s="613"/>
      <c r="TAQ649" s="613"/>
      <c r="TAR649" s="613"/>
      <c r="TAS649" s="613"/>
      <c r="TAT649" s="613"/>
      <c r="TAU649" s="613"/>
      <c r="TAV649" s="613"/>
      <c r="TAW649" s="613"/>
      <c r="TAX649" s="613"/>
      <c r="TAY649" s="613"/>
      <c r="TAZ649" s="613"/>
      <c r="TBA649" s="613"/>
      <c r="TBB649" s="613"/>
      <c r="TBC649" s="613"/>
      <c r="TBD649" s="613"/>
      <c r="TBE649" s="613"/>
      <c r="TBF649" s="613"/>
      <c r="TBG649" s="613"/>
      <c r="TBH649" s="613"/>
      <c r="TBI649" s="613"/>
      <c r="TBJ649" s="613"/>
      <c r="TBK649" s="613"/>
      <c r="TBL649" s="613"/>
      <c r="TBM649" s="613"/>
      <c r="TBN649" s="613"/>
      <c r="TBO649" s="613"/>
      <c r="TBP649" s="613"/>
      <c r="TBQ649" s="613"/>
      <c r="TBR649" s="613"/>
      <c r="TBS649" s="613"/>
      <c r="TBT649" s="613"/>
      <c r="TBU649" s="613"/>
      <c r="TBV649" s="613"/>
      <c r="TBW649" s="613"/>
      <c r="TBX649" s="613"/>
      <c r="TBY649" s="613"/>
      <c r="TBZ649" s="613"/>
      <c r="TCA649" s="613"/>
      <c r="TCB649" s="613"/>
      <c r="TCC649" s="613"/>
      <c r="TCD649" s="613"/>
      <c r="TCE649" s="613"/>
      <c r="TCF649" s="613"/>
      <c r="TCG649" s="613"/>
      <c r="TCH649" s="613"/>
      <c r="TCI649" s="613"/>
      <c r="TCJ649" s="613"/>
      <c r="TCK649" s="613"/>
      <c r="TCL649" s="613"/>
      <c r="TCM649" s="613"/>
      <c r="TCN649" s="613"/>
      <c r="TCO649" s="613"/>
      <c r="TCP649" s="613"/>
      <c r="TCQ649" s="613"/>
      <c r="TCR649" s="613"/>
      <c r="TCS649" s="613"/>
      <c r="TCT649" s="613"/>
      <c r="TCU649" s="613"/>
      <c r="TCV649" s="613"/>
      <c r="TCW649" s="613"/>
      <c r="TCX649" s="613"/>
      <c r="TCY649" s="613"/>
      <c r="TCZ649" s="613"/>
      <c r="TDA649" s="613"/>
      <c r="TDB649" s="613"/>
      <c r="TDC649" s="613"/>
      <c r="TDD649" s="613"/>
      <c r="TDE649" s="613"/>
      <c r="TDF649" s="613"/>
      <c r="TDG649" s="613"/>
      <c r="TDH649" s="613"/>
      <c r="TDI649" s="613"/>
      <c r="TDJ649" s="613"/>
      <c r="TDK649" s="613"/>
      <c r="TDL649" s="613"/>
      <c r="TDM649" s="613"/>
      <c r="TDN649" s="613"/>
      <c r="TDO649" s="613"/>
      <c r="TDP649" s="613"/>
      <c r="TDQ649" s="613"/>
      <c r="TDR649" s="613"/>
      <c r="TDS649" s="613"/>
      <c r="TDT649" s="613"/>
      <c r="TDU649" s="613"/>
      <c r="TDV649" s="613"/>
      <c r="TDW649" s="613"/>
      <c r="TDX649" s="613"/>
      <c r="TDY649" s="613"/>
      <c r="TDZ649" s="613"/>
      <c r="TEA649" s="613"/>
      <c r="TEB649" s="613"/>
      <c r="TEC649" s="613"/>
      <c r="TED649" s="613"/>
      <c r="TEE649" s="613"/>
      <c r="TEF649" s="613"/>
      <c r="TEG649" s="613"/>
      <c r="TEH649" s="613"/>
      <c r="TEI649" s="613"/>
      <c r="TEJ649" s="613"/>
      <c r="TEK649" s="613"/>
      <c r="TEL649" s="613"/>
      <c r="TEM649" s="613"/>
      <c r="TEN649" s="613"/>
      <c r="TEO649" s="613"/>
      <c r="TEP649" s="613"/>
      <c r="TEQ649" s="613"/>
      <c r="TER649" s="613"/>
      <c r="TES649" s="613"/>
      <c r="TET649" s="613"/>
      <c r="TEU649" s="613"/>
      <c r="TEV649" s="613"/>
      <c r="TEW649" s="613"/>
      <c r="TEX649" s="613"/>
      <c r="TEY649" s="613"/>
      <c r="TEZ649" s="613"/>
      <c r="TFA649" s="613"/>
      <c r="TFB649" s="613"/>
      <c r="TFC649" s="613"/>
      <c r="TFD649" s="613"/>
      <c r="TFE649" s="613"/>
      <c r="TFF649" s="613"/>
      <c r="TFG649" s="613"/>
      <c r="TFH649" s="613"/>
      <c r="TFI649" s="613"/>
      <c r="TFJ649" s="613"/>
      <c r="TFK649" s="613"/>
      <c r="TFL649" s="613"/>
      <c r="TFM649" s="613"/>
      <c r="TFN649" s="613"/>
      <c r="TFO649" s="613"/>
      <c r="TFP649" s="613"/>
      <c r="TFQ649" s="613"/>
      <c r="TFR649" s="613"/>
      <c r="TFS649" s="613"/>
      <c r="TFT649" s="613"/>
      <c r="TFU649" s="613"/>
      <c r="TFV649" s="613"/>
      <c r="TFW649" s="613"/>
      <c r="TFX649" s="613"/>
      <c r="TFY649" s="613"/>
      <c r="TFZ649" s="613"/>
      <c r="TGA649" s="613"/>
      <c r="TGB649" s="613"/>
      <c r="TGC649" s="613"/>
      <c r="TGD649" s="613"/>
      <c r="TGE649" s="613"/>
      <c r="TGF649" s="613"/>
      <c r="TGG649" s="613"/>
      <c r="TGH649" s="613"/>
      <c r="TGI649" s="613"/>
      <c r="TGJ649" s="613"/>
      <c r="TGK649" s="613"/>
      <c r="TGL649" s="613"/>
      <c r="TGM649" s="613"/>
      <c r="TGN649" s="613"/>
      <c r="TGO649" s="613"/>
      <c r="TGP649" s="613"/>
      <c r="TGQ649" s="613"/>
      <c r="TGR649" s="613"/>
      <c r="TGS649" s="613"/>
      <c r="TGT649" s="613"/>
      <c r="TGU649" s="613"/>
      <c r="TGV649" s="613"/>
      <c r="TGW649" s="613"/>
      <c r="TGX649" s="613"/>
      <c r="TGY649" s="613"/>
      <c r="TGZ649" s="613"/>
      <c r="THA649" s="613"/>
      <c r="THB649" s="613"/>
      <c r="THC649" s="613"/>
      <c r="THD649" s="613"/>
      <c r="THE649" s="613"/>
      <c r="THF649" s="613"/>
      <c r="THG649" s="613"/>
      <c r="THH649" s="613"/>
      <c r="THI649" s="613"/>
      <c r="THJ649" s="613"/>
      <c r="THK649" s="613"/>
      <c r="THL649" s="613"/>
      <c r="THM649" s="613"/>
      <c r="THN649" s="613"/>
      <c r="THO649" s="613"/>
      <c r="THP649" s="613"/>
      <c r="THQ649" s="613"/>
      <c r="THR649" s="613"/>
      <c r="THS649" s="613"/>
      <c r="THT649" s="613"/>
      <c r="THU649" s="613"/>
      <c r="THV649" s="613"/>
      <c r="THW649" s="613"/>
      <c r="THX649" s="613"/>
      <c r="THY649" s="613"/>
      <c r="THZ649" s="613"/>
      <c r="TIA649" s="613"/>
      <c r="TIB649" s="613"/>
      <c r="TIC649" s="613"/>
      <c r="TID649" s="613"/>
      <c r="TIE649" s="613"/>
      <c r="TIF649" s="613"/>
      <c r="TIG649" s="613"/>
      <c r="TIH649" s="613"/>
      <c r="TII649" s="613"/>
      <c r="TIJ649" s="613"/>
      <c r="TIK649" s="613"/>
      <c r="TIL649" s="613"/>
      <c r="TIM649" s="613"/>
      <c r="TIN649" s="613"/>
      <c r="TIO649" s="613"/>
      <c r="TIP649" s="613"/>
      <c r="TIQ649" s="613"/>
      <c r="TIR649" s="613"/>
      <c r="TIS649" s="613"/>
      <c r="TIT649" s="613"/>
      <c r="TIU649" s="613"/>
      <c r="TIV649" s="613"/>
      <c r="TIW649" s="613"/>
      <c r="TIX649" s="613"/>
      <c r="TIY649" s="613"/>
      <c r="TIZ649" s="613"/>
      <c r="TJA649" s="613"/>
      <c r="TJB649" s="613"/>
      <c r="TJC649" s="613"/>
      <c r="TJD649" s="613"/>
      <c r="TJE649" s="613"/>
      <c r="TJF649" s="613"/>
      <c r="TJG649" s="613"/>
      <c r="TJH649" s="613"/>
      <c r="TJI649" s="613"/>
      <c r="TJJ649" s="613"/>
      <c r="TJK649" s="613"/>
      <c r="TJL649" s="613"/>
      <c r="TJM649" s="613"/>
      <c r="TJN649" s="613"/>
      <c r="TJO649" s="613"/>
      <c r="TJP649" s="613"/>
      <c r="TJQ649" s="613"/>
      <c r="TJR649" s="613"/>
      <c r="TJS649" s="613"/>
      <c r="TJT649" s="613"/>
      <c r="TJU649" s="613"/>
      <c r="TJV649" s="613"/>
      <c r="TJW649" s="613"/>
      <c r="TJX649" s="613"/>
      <c r="TJY649" s="613"/>
      <c r="TJZ649" s="613"/>
      <c r="TKA649" s="613"/>
      <c r="TKB649" s="613"/>
      <c r="TKC649" s="613"/>
      <c r="TKD649" s="613"/>
      <c r="TKE649" s="613"/>
      <c r="TKF649" s="613"/>
      <c r="TKG649" s="613"/>
      <c r="TKH649" s="613"/>
      <c r="TKI649" s="613"/>
      <c r="TKJ649" s="613"/>
      <c r="TKK649" s="613"/>
      <c r="TKL649" s="613"/>
      <c r="TKM649" s="613"/>
      <c r="TKN649" s="613"/>
      <c r="TKO649" s="613"/>
      <c r="TKP649" s="613"/>
      <c r="TKQ649" s="613"/>
      <c r="TKR649" s="613"/>
      <c r="TKS649" s="613"/>
      <c r="TKT649" s="613"/>
      <c r="TKU649" s="613"/>
      <c r="TKV649" s="613"/>
      <c r="TKW649" s="613"/>
      <c r="TKX649" s="613"/>
      <c r="TKY649" s="613"/>
      <c r="TKZ649" s="613"/>
      <c r="TLA649" s="613"/>
      <c r="TLB649" s="613"/>
      <c r="TLC649" s="613"/>
      <c r="TLD649" s="613"/>
      <c r="TLE649" s="613"/>
      <c r="TLF649" s="613"/>
      <c r="TLG649" s="613"/>
      <c r="TLH649" s="613"/>
      <c r="TLI649" s="613"/>
      <c r="TLJ649" s="613"/>
      <c r="TLK649" s="613"/>
      <c r="TLL649" s="613"/>
      <c r="TLM649" s="613"/>
      <c r="TLN649" s="613"/>
      <c r="TLO649" s="613"/>
      <c r="TLP649" s="613"/>
      <c r="TLQ649" s="613"/>
      <c r="TLR649" s="613"/>
      <c r="TLS649" s="613"/>
      <c r="TLT649" s="613"/>
      <c r="TLU649" s="613"/>
      <c r="TLV649" s="613"/>
      <c r="TLW649" s="613"/>
      <c r="TLX649" s="613"/>
      <c r="TLY649" s="613"/>
      <c r="TLZ649" s="613"/>
      <c r="TMA649" s="613"/>
      <c r="TMB649" s="613"/>
      <c r="TMC649" s="613"/>
      <c r="TMD649" s="613"/>
      <c r="TME649" s="613"/>
      <c r="TMF649" s="613"/>
      <c r="TMG649" s="613"/>
      <c r="TMH649" s="613"/>
      <c r="TMI649" s="613"/>
      <c r="TMJ649" s="613"/>
      <c r="TMK649" s="613"/>
      <c r="TML649" s="613"/>
      <c r="TMM649" s="613"/>
      <c r="TMN649" s="613"/>
      <c r="TMO649" s="613"/>
      <c r="TMP649" s="613"/>
      <c r="TMQ649" s="613"/>
      <c r="TMR649" s="613"/>
      <c r="TMS649" s="613"/>
      <c r="TMT649" s="613"/>
      <c r="TMU649" s="613"/>
      <c r="TMV649" s="613"/>
      <c r="TMW649" s="613"/>
      <c r="TMX649" s="613"/>
      <c r="TMY649" s="613"/>
      <c r="TMZ649" s="613"/>
      <c r="TNA649" s="613"/>
      <c r="TNB649" s="613"/>
      <c r="TNC649" s="613"/>
      <c r="TND649" s="613"/>
      <c r="TNE649" s="613"/>
      <c r="TNF649" s="613"/>
      <c r="TNG649" s="613"/>
      <c r="TNH649" s="613"/>
      <c r="TNI649" s="613"/>
      <c r="TNJ649" s="613"/>
      <c r="TNK649" s="613"/>
      <c r="TNL649" s="613"/>
      <c r="TNM649" s="613"/>
      <c r="TNN649" s="613"/>
      <c r="TNO649" s="613"/>
      <c r="TNP649" s="613"/>
      <c r="TNQ649" s="613"/>
      <c r="TNR649" s="613"/>
      <c r="TNS649" s="613"/>
      <c r="TNT649" s="613"/>
      <c r="TNU649" s="613"/>
      <c r="TNV649" s="613"/>
      <c r="TNW649" s="613"/>
      <c r="TNX649" s="613"/>
      <c r="TNY649" s="613"/>
      <c r="TNZ649" s="613"/>
      <c r="TOA649" s="613"/>
      <c r="TOB649" s="613"/>
      <c r="TOC649" s="613"/>
      <c r="TOD649" s="613"/>
      <c r="TOE649" s="613"/>
      <c r="TOF649" s="613"/>
      <c r="TOG649" s="613"/>
      <c r="TOH649" s="613"/>
      <c r="TOI649" s="613"/>
      <c r="TOJ649" s="613"/>
      <c r="TOK649" s="613"/>
      <c r="TOL649" s="613"/>
      <c r="TOM649" s="613"/>
      <c r="TON649" s="613"/>
      <c r="TOO649" s="613"/>
      <c r="TOP649" s="613"/>
      <c r="TOQ649" s="613"/>
      <c r="TOR649" s="613"/>
      <c r="TOS649" s="613"/>
      <c r="TOT649" s="613"/>
      <c r="TOU649" s="613"/>
      <c r="TOV649" s="613"/>
      <c r="TOW649" s="613"/>
      <c r="TOX649" s="613"/>
      <c r="TOY649" s="613"/>
      <c r="TOZ649" s="613"/>
      <c r="TPA649" s="613"/>
      <c r="TPB649" s="613"/>
      <c r="TPC649" s="613"/>
      <c r="TPD649" s="613"/>
      <c r="TPE649" s="613"/>
      <c r="TPF649" s="613"/>
      <c r="TPG649" s="613"/>
      <c r="TPH649" s="613"/>
      <c r="TPI649" s="613"/>
      <c r="TPJ649" s="613"/>
      <c r="TPK649" s="613"/>
      <c r="TPL649" s="613"/>
      <c r="TPM649" s="613"/>
      <c r="TPN649" s="613"/>
      <c r="TPO649" s="613"/>
      <c r="TPP649" s="613"/>
      <c r="TPQ649" s="613"/>
      <c r="TPR649" s="613"/>
      <c r="TPS649" s="613"/>
      <c r="TPT649" s="613"/>
      <c r="TPU649" s="613"/>
      <c r="TPV649" s="613"/>
      <c r="TPW649" s="613"/>
      <c r="TPX649" s="613"/>
      <c r="TPY649" s="613"/>
      <c r="TPZ649" s="613"/>
      <c r="TQA649" s="613"/>
      <c r="TQB649" s="613"/>
      <c r="TQC649" s="613"/>
      <c r="TQD649" s="613"/>
      <c r="TQE649" s="613"/>
      <c r="TQF649" s="613"/>
      <c r="TQG649" s="613"/>
      <c r="TQH649" s="613"/>
      <c r="TQI649" s="613"/>
      <c r="TQJ649" s="613"/>
      <c r="TQK649" s="613"/>
      <c r="TQL649" s="613"/>
      <c r="TQM649" s="613"/>
      <c r="TQN649" s="613"/>
      <c r="TQO649" s="613"/>
      <c r="TQP649" s="613"/>
      <c r="TQQ649" s="613"/>
      <c r="TQR649" s="613"/>
      <c r="TQS649" s="613"/>
      <c r="TQT649" s="613"/>
      <c r="TQU649" s="613"/>
      <c r="TQV649" s="613"/>
      <c r="TQW649" s="613"/>
      <c r="TQX649" s="613"/>
      <c r="TQY649" s="613"/>
      <c r="TQZ649" s="613"/>
      <c r="TRA649" s="613"/>
      <c r="TRB649" s="613"/>
      <c r="TRC649" s="613"/>
      <c r="TRD649" s="613"/>
      <c r="TRE649" s="613"/>
      <c r="TRF649" s="613"/>
      <c r="TRG649" s="613"/>
      <c r="TRH649" s="613"/>
      <c r="TRI649" s="613"/>
      <c r="TRJ649" s="613"/>
      <c r="TRK649" s="613"/>
      <c r="TRL649" s="613"/>
      <c r="TRM649" s="613"/>
      <c r="TRN649" s="613"/>
      <c r="TRO649" s="613"/>
      <c r="TRP649" s="613"/>
      <c r="TRQ649" s="613"/>
      <c r="TRR649" s="613"/>
      <c r="TRS649" s="613"/>
      <c r="TRT649" s="613"/>
      <c r="TRU649" s="613"/>
      <c r="TRV649" s="613"/>
      <c r="TRW649" s="613"/>
      <c r="TRX649" s="613"/>
      <c r="TRY649" s="613"/>
      <c r="TRZ649" s="613"/>
      <c r="TSA649" s="613"/>
      <c r="TSB649" s="613"/>
      <c r="TSC649" s="613"/>
      <c r="TSD649" s="613"/>
      <c r="TSE649" s="613"/>
      <c r="TSF649" s="613"/>
      <c r="TSG649" s="613"/>
      <c r="TSH649" s="613"/>
      <c r="TSI649" s="613"/>
      <c r="TSJ649" s="613"/>
      <c r="TSK649" s="613"/>
      <c r="TSL649" s="613"/>
      <c r="TSM649" s="613"/>
      <c r="TSN649" s="613"/>
      <c r="TSO649" s="613"/>
      <c r="TSP649" s="613"/>
      <c r="TSQ649" s="613"/>
      <c r="TSR649" s="613"/>
      <c r="TSS649" s="613"/>
      <c r="TST649" s="613"/>
      <c r="TSU649" s="613"/>
      <c r="TSV649" s="613"/>
      <c r="TSW649" s="613"/>
      <c r="TSX649" s="613"/>
      <c r="TSY649" s="613"/>
      <c r="TSZ649" s="613"/>
      <c r="TTA649" s="613"/>
      <c r="TTB649" s="613"/>
      <c r="TTC649" s="613"/>
      <c r="TTD649" s="613"/>
      <c r="TTE649" s="613"/>
      <c r="TTF649" s="613"/>
      <c r="TTG649" s="613"/>
      <c r="TTH649" s="613"/>
      <c r="TTI649" s="613"/>
      <c r="TTJ649" s="613"/>
      <c r="TTK649" s="613"/>
      <c r="TTL649" s="613"/>
      <c r="TTM649" s="613"/>
      <c r="TTN649" s="613"/>
      <c r="TTO649" s="613"/>
      <c r="TTP649" s="613"/>
      <c r="TTQ649" s="613"/>
      <c r="TTR649" s="613"/>
      <c r="TTS649" s="613"/>
      <c r="TTT649" s="613"/>
      <c r="TTU649" s="613"/>
      <c r="TTV649" s="613"/>
      <c r="TTW649" s="613"/>
      <c r="TTX649" s="613"/>
      <c r="TTY649" s="613"/>
      <c r="TTZ649" s="613"/>
      <c r="TUA649" s="613"/>
      <c r="TUB649" s="613"/>
      <c r="TUC649" s="613"/>
      <c r="TUD649" s="613"/>
      <c r="TUE649" s="613"/>
      <c r="TUF649" s="613"/>
      <c r="TUG649" s="613"/>
      <c r="TUH649" s="613"/>
      <c r="TUI649" s="613"/>
      <c r="TUJ649" s="613"/>
      <c r="TUK649" s="613"/>
      <c r="TUL649" s="613"/>
      <c r="TUM649" s="613"/>
      <c r="TUN649" s="613"/>
      <c r="TUO649" s="613"/>
      <c r="TUP649" s="613"/>
      <c r="TUQ649" s="613"/>
      <c r="TUR649" s="613"/>
      <c r="TUS649" s="613"/>
      <c r="TUT649" s="613"/>
      <c r="TUU649" s="613"/>
      <c r="TUV649" s="613"/>
      <c r="TUW649" s="613"/>
      <c r="TUX649" s="613"/>
      <c r="TUY649" s="613"/>
      <c r="TUZ649" s="613"/>
      <c r="TVA649" s="613"/>
      <c r="TVB649" s="613"/>
      <c r="TVC649" s="613"/>
      <c r="TVD649" s="613"/>
      <c r="TVE649" s="613"/>
      <c r="TVF649" s="613"/>
      <c r="TVG649" s="613"/>
      <c r="TVH649" s="613"/>
      <c r="TVI649" s="613"/>
      <c r="TVJ649" s="613"/>
      <c r="TVK649" s="613"/>
      <c r="TVL649" s="613"/>
      <c r="TVM649" s="613"/>
      <c r="TVN649" s="613"/>
      <c r="TVO649" s="613"/>
      <c r="TVP649" s="613"/>
      <c r="TVQ649" s="613"/>
      <c r="TVR649" s="613"/>
      <c r="TVS649" s="613"/>
      <c r="TVT649" s="613"/>
      <c r="TVU649" s="613"/>
      <c r="TVV649" s="613"/>
      <c r="TVW649" s="613"/>
      <c r="TVX649" s="613"/>
      <c r="TVY649" s="613"/>
      <c r="TVZ649" s="613"/>
      <c r="TWA649" s="613"/>
      <c r="TWB649" s="613"/>
      <c r="TWC649" s="613"/>
      <c r="TWD649" s="613"/>
      <c r="TWE649" s="613"/>
      <c r="TWF649" s="613"/>
      <c r="TWG649" s="613"/>
      <c r="TWH649" s="613"/>
      <c r="TWI649" s="613"/>
      <c r="TWJ649" s="613"/>
      <c r="TWK649" s="613"/>
      <c r="TWL649" s="613"/>
      <c r="TWM649" s="613"/>
      <c r="TWN649" s="613"/>
      <c r="TWO649" s="613"/>
      <c r="TWP649" s="613"/>
      <c r="TWQ649" s="613"/>
      <c r="TWR649" s="613"/>
      <c r="TWS649" s="613"/>
      <c r="TWT649" s="613"/>
      <c r="TWU649" s="613"/>
      <c r="TWV649" s="613"/>
      <c r="TWW649" s="613"/>
      <c r="TWX649" s="613"/>
      <c r="TWY649" s="613"/>
      <c r="TWZ649" s="613"/>
      <c r="TXA649" s="613"/>
      <c r="TXB649" s="613"/>
      <c r="TXC649" s="613"/>
      <c r="TXD649" s="613"/>
      <c r="TXE649" s="613"/>
      <c r="TXF649" s="613"/>
      <c r="TXG649" s="613"/>
      <c r="TXH649" s="613"/>
      <c r="TXI649" s="613"/>
      <c r="TXJ649" s="613"/>
      <c r="TXK649" s="613"/>
      <c r="TXL649" s="613"/>
      <c r="TXM649" s="613"/>
      <c r="TXN649" s="613"/>
      <c r="TXO649" s="613"/>
      <c r="TXP649" s="613"/>
      <c r="TXQ649" s="613"/>
      <c r="TXR649" s="613"/>
      <c r="TXS649" s="613"/>
      <c r="TXT649" s="613"/>
      <c r="TXU649" s="613"/>
      <c r="TXV649" s="613"/>
      <c r="TXW649" s="613"/>
      <c r="TXX649" s="613"/>
      <c r="TXY649" s="613"/>
      <c r="TXZ649" s="613"/>
      <c r="TYA649" s="613"/>
      <c r="TYB649" s="613"/>
      <c r="TYC649" s="613"/>
      <c r="TYD649" s="613"/>
      <c r="TYE649" s="613"/>
      <c r="TYF649" s="613"/>
      <c r="TYG649" s="613"/>
      <c r="TYH649" s="613"/>
      <c r="TYI649" s="613"/>
      <c r="TYJ649" s="613"/>
      <c r="TYK649" s="613"/>
      <c r="TYL649" s="613"/>
      <c r="TYM649" s="613"/>
      <c r="TYN649" s="613"/>
      <c r="TYO649" s="613"/>
      <c r="TYP649" s="613"/>
      <c r="TYQ649" s="613"/>
      <c r="TYR649" s="613"/>
      <c r="TYS649" s="613"/>
      <c r="TYT649" s="613"/>
      <c r="TYU649" s="613"/>
      <c r="TYV649" s="613"/>
      <c r="TYW649" s="613"/>
      <c r="TYX649" s="613"/>
      <c r="TYY649" s="613"/>
      <c r="TYZ649" s="613"/>
      <c r="TZA649" s="613"/>
      <c r="TZB649" s="613"/>
      <c r="TZC649" s="613"/>
      <c r="TZD649" s="613"/>
      <c r="TZE649" s="613"/>
      <c r="TZF649" s="613"/>
      <c r="TZG649" s="613"/>
      <c r="TZH649" s="613"/>
      <c r="TZI649" s="613"/>
      <c r="TZJ649" s="613"/>
      <c r="TZK649" s="613"/>
      <c r="TZL649" s="613"/>
      <c r="TZM649" s="613"/>
      <c r="TZN649" s="613"/>
      <c r="TZO649" s="613"/>
      <c r="TZP649" s="613"/>
      <c r="TZQ649" s="613"/>
      <c r="TZR649" s="613"/>
      <c r="TZS649" s="613"/>
      <c r="TZT649" s="613"/>
      <c r="TZU649" s="613"/>
      <c r="TZV649" s="613"/>
      <c r="TZW649" s="613"/>
      <c r="TZX649" s="613"/>
      <c r="TZY649" s="613"/>
      <c r="TZZ649" s="613"/>
      <c r="UAA649" s="613"/>
      <c r="UAB649" s="613"/>
      <c r="UAC649" s="613"/>
      <c r="UAD649" s="613"/>
      <c r="UAE649" s="613"/>
      <c r="UAF649" s="613"/>
      <c r="UAG649" s="613"/>
      <c r="UAH649" s="613"/>
      <c r="UAI649" s="613"/>
      <c r="UAJ649" s="613"/>
      <c r="UAK649" s="613"/>
      <c r="UAL649" s="613"/>
      <c r="UAM649" s="613"/>
      <c r="UAN649" s="613"/>
      <c r="UAO649" s="613"/>
      <c r="UAP649" s="613"/>
      <c r="UAQ649" s="613"/>
      <c r="UAR649" s="613"/>
      <c r="UAS649" s="613"/>
      <c r="UAT649" s="613"/>
      <c r="UAU649" s="613"/>
      <c r="UAV649" s="613"/>
      <c r="UAW649" s="613"/>
      <c r="UAX649" s="613"/>
      <c r="UAY649" s="613"/>
      <c r="UAZ649" s="613"/>
      <c r="UBA649" s="613"/>
      <c r="UBB649" s="613"/>
      <c r="UBC649" s="613"/>
      <c r="UBD649" s="613"/>
      <c r="UBE649" s="613"/>
      <c r="UBF649" s="613"/>
      <c r="UBG649" s="613"/>
      <c r="UBH649" s="613"/>
      <c r="UBI649" s="613"/>
      <c r="UBJ649" s="613"/>
      <c r="UBK649" s="613"/>
      <c r="UBL649" s="613"/>
      <c r="UBM649" s="613"/>
      <c r="UBN649" s="613"/>
      <c r="UBO649" s="613"/>
      <c r="UBP649" s="613"/>
      <c r="UBQ649" s="613"/>
      <c r="UBR649" s="613"/>
      <c r="UBS649" s="613"/>
      <c r="UBT649" s="613"/>
      <c r="UBU649" s="613"/>
      <c r="UBV649" s="613"/>
      <c r="UBW649" s="613"/>
      <c r="UBX649" s="613"/>
      <c r="UBY649" s="613"/>
      <c r="UBZ649" s="613"/>
      <c r="UCA649" s="613"/>
      <c r="UCB649" s="613"/>
      <c r="UCC649" s="613"/>
      <c r="UCD649" s="613"/>
      <c r="UCE649" s="613"/>
      <c r="UCF649" s="613"/>
      <c r="UCG649" s="613"/>
      <c r="UCH649" s="613"/>
      <c r="UCI649" s="613"/>
      <c r="UCJ649" s="613"/>
      <c r="UCK649" s="613"/>
      <c r="UCL649" s="613"/>
      <c r="UCM649" s="613"/>
      <c r="UCN649" s="613"/>
      <c r="UCO649" s="613"/>
      <c r="UCP649" s="613"/>
      <c r="UCQ649" s="613"/>
      <c r="UCR649" s="613"/>
      <c r="UCS649" s="613"/>
      <c r="UCT649" s="613"/>
      <c r="UCU649" s="613"/>
      <c r="UCV649" s="613"/>
      <c r="UCW649" s="613"/>
      <c r="UCX649" s="613"/>
      <c r="UCY649" s="613"/>
      <c r="UCZ649" s="613"/>
      <c r="UDA649" s="613"/>
      <c r="UDB649" s="613"/>
      <c r="UDC649" s="613"/>
      <c r="UDD649" s="613"/>
      <c r="UDE649" s="613"/>
      <c r="UDF649" s="613"/>
      <c r="UDG649" s="613"/>
      <c r="UDH649" s="613"/>
      <c r="UDI649" s="613"/>
      <c r="UDJ649" s="613"/>
      <c r="UDK649" s="613"/>
      <c r="UDL649" s="613"/>
      <c r="UDM649" s="613"/>
      <c r="UDN649" s="613"/>
      <c r="UDO649" s="613"/>
      <c r="UDP649" s="613"/>
      <c r="UDQ649" s="613"/>
      <c r="UDR649" s="613"/>
      <c r="UDS649" s="613"/>
      <c r="UDT649" s="613"/>
      <c r="UDU649" s="613"/>
      <c r="UDV649" s="613"/>
      <c r="UDW649" s="613"/>
      <c r="UDX649" s="613"/>
      <c r="UDY649" s="613"/>
      <c r="UDZ649" s="613"/>
      <c r="UEA649" s="613"/>
      <c r="UEB649" s="613"/>
      <c r="UEC649" s="613"/>
      <c r="UED649" s="613"/>
      <c r="UEE649" s="613"/>
      <c r="UEF649" s="613"/>
      <c r="UEG649" s="613"/>
      <c r="UEH649" s="613"/>
      <c r="UEI649" s="613"/>
      <c r="UEJ649" s="613"/>
      <c r="UEK649" s="613"/>
      <c r="UEL649" s="613"/>
      <c r="UEM649" s="613"/>
      <c r="UEN649" s="613"/>
      <c r="UEO649" s="613"/>
      <c r="UEP649" s="613"/>
      <c r="UEQ649" s="613"/>
      <c r="UER649" s="613"/>
      <c r="UES649" s="613"/>
      <c r="UET649" s="613"/>
      <c r="UEU649" s="613"/>
      <c r="UEV649" s="613"/>
      <c r="UEW649" s="613"/>
      <c r="UEX649" s="613"/>
      <c r="UEY649" s="613"/>
      <c r="UEZ649" s="613"/>
      <c r="UFA649" s="613"/>
      <c r="UFB649" s="613"/>
      <c r="UFC649" s="613"/>
      <c r="UFD649" s="613"/>
      <c r="UFE649" s="613"/>
      <c r="UFF649" s="613"/>
      <c r="UFG649" s="613"/>
      <c r="UFH649" s="613"/>
      <c r="UFI649" s="613"/>
      <c r="UFJ649" s="613"/>
      <c r="UFK649" s="613"/>
      <c r="UFL649" s="613"/>
      <c r="UFM649" s="613"/>
      <c r="UFN649" s="613"/>
      <c r="UFO649" s="613"/>
      <c r="UFP649" s="613"/>
      <c r="UFQ649" s="613"/>
      <c r="UFR649" s="613"/>
      <c r="UFS649" s="613"/>
      <c r="UFT649" s="613"/>
      <c r="UFU649" s="613"/>
      <c r="UFV649" s="613"/>
      <c r="UFW649" s="613"/>
      <c r="UFX649" s="613"/>
      <c r="UFY649" s="613"/>
      <c r="UFZ649" s="613"/>
      <c r="UGA649" s="613"/>
      <c r="UGB649" s="613"/>
      <c r="UGC649" s="613"/>
      <c r="UGD649" s="613"/>
      <c r="UGE649" s="613"/>
      <c r="UGF649" s="613"/>
      <c r="UGG649" s="613"/>
      <c r="UGH649" s="613"/>
      <c r="UGI649" s="613"/>
      <c r="UGJ649" s="613"/>
      <c r="UGK649" s="613"/>
      <c r="UGL649" s="613"/>
      <c r="UGM649" s="613"/>
      <c r="UGN649" s="613"/>
      <c r="UGO649" s="613"/>
      <c r="UGP649" s="613"/>
      <c r="UGQ649" s="613"/>
      <c r="UGR649" s="613"/>
      <c r="UGS649" s="613"/>
      <c r="UGT649" s="613"/>
      <c r="UGU649" s="613"/>
      <c r="UGV649" s="613"/>
      <c r="UGW649" s="613"/>
      <c r="UGX649" s="613"/>
      <c r="UGY649" s="613"/>
      <c r="UGZ649" s="613"/>
      <c r="UHA649" s="613"/>
      <c r="UHB649" s="613"/>
      <c r="UHC649" s="613"/>
      <c r="UHD649" s="613"/>
      <c r="UHE649" s="613"/>
      <c r="UHF649" s="613"/>
      <c r="UHG649" s="613"/>
      <c r="UHH649" s="613"/>
      <c r="UHI649" s="613"/>
      <c r="UHJ649" s="613"/>
      <c r="UHK649" s="613"/>
      <c r="UHL649" s="613"/>
      <c r="UHM649" s="613"/>
      <c r="UHN649" s="613"/>
      <c r="UHO649" s="613"/>
      <c r="UHP649" s="613"/>
      <c r="UHQ649" s="613"/>
      <c r="UHR649" s="613"/>
      <c r="UHS649" s="613"/>
      <c r="UHT649" s="613"/>
      <c r="UHU649" s="613"/>
      <c r="UHV649" s="613"/>
      <c r="UHW649" s="613"/>
      <c r="UHX649" s="613"/>
      <c r="UHY649" s="613"/>
      <c r="UHZ649" s="613"/>
      <c r="UIA649" s="613"/>
      <c r="UIB649" s="613"/>
      <c r="UIC649" s="613"/>
      <c r="UID649" s="613"/>
      <c r="UIE649" s="613"/>
      <c r="UIF649" s="613"/>
      <c r="UIG649" s="613"/>
      <c r="UIH649" s="613"/>
      <c r="UII649" s="613"/>
      <c r="UIJ649" s="613"/>
      <c r="UIK649" s="613"/>
      <c r="UIL649" s="613"/>
      <c r="UIM649" s="613"/>
      <c r="UIN649" s="613"/>
      <c r="UIO649" s="613"/>
      <c r="UIP649" s="613"/>
      <c r="UIQ649" s="613"/>
      <c r="UIR649" s="613"/>
      <c r="UIS649" s="613"/>
      <c r="UIT649" s="613"/>
      <c r="UIU649" s="613"/>
      <c r="UIV649" s="613"/>
      <c r="UIW649" s="613"/>
      <c r="UIX649" s="613"/>
      <c r="UIY649" s="613"/>
      <c r="UIZ649" s="613"/>
      <c r="UJA649" s="613"/>
      <c r="UJB649" s="613"/>
      <c r="UJC649" s="613"/>
      <c r="UJD649" s="613"/>
      <c r="UJE649" s="613"/>
      <c r="UJF649" s="613"/>
      <c r="UJG649" s="613"/>
      <c r="UJH649" s="613"/>
      <c r="UJI649" s="613"/>
      <c r="UJJ649" s="613"/>
      <c r="UJK649" s="613"/>
      <c r="UJL649" s="613"/>
      <c r="UJM649" s="613"/>
      <c r="UJN649" s="613"/>
      <c r="UJO649" s="613"/>
      <c r="UJP649" s="613"/>
      <c r="UJQ649" s="613"/>
      <c r="UJR649" s="613"/>
      <c r="UJS649" s="613"/>
      <c r="UJT649" s="613"/>
      <c r="UJU649" s="613"/>
      <c r="UJV649" s="613"/>
      <c r="UJW649" s="613"/>
      <c r="UJX649" s="613"/>
      <c r="UJY649" s="613"/>
      <c r="UJZ649" s="613"/>
      <c r="UKA649" s="613"/>
      <c r="UKB649" s="613"/>
      <c r="UKC649" s="613"/>
      <c r="UKD649" s="613"/>
      <c r="UKE649" s="613"/>
      <c r="UKF649" s="613"/>
      <c r="UKG649" s="613"/>
      <c r="UKH649" s="613"/>
      <c r="UKI649" s="613"/>
      <c r="UKJ649" s="613"/>
      <c r="UKK649" s="613"/>
      <c r="UKL649" s="613"/>
      <c r="UKM649" s="613"/>
      <c r="UKN649" s="613"/>
      <c r="UKO649" s="613"/>
      <c r="UKP649" s="613"/>
      <c r="UKQ649" s="613"/>
      <c r="UKR649" s="613"/>
      <c r="UKS649" s="613"/>
      <c r="UKT649" s="613"/>
      <c r="UKU649" s="613"/>
      <c r="UKV649" s="613"/>
      <c r="UKW649" s="613"/>
      <c r="UKX649" s="613"/>
      <c r="UKY649" s="613"/>
      <c r="UKZ649" s="613"/>
      <c r="ULA649" s="613"/>
      <c r="ULB649" s="613"/>
      <c r="ULC649" s="613"/>
      <c r="ULD649" s="613"/>
      <c r="ULE649" s="613"/>
      <c r="ULF649" s="613"/>
      <c r="ULG649" s="613"/>
      <c r="ULH649" s="613"/>
      <c r="ULI649" s="613"/>
      <c r="ULJ649" s="613"/>
      <c r="ULK649" s="613"/>
      <c r="ULL649" s="613"/>
      <c r="ULM649" s="613"/>
      <c r="ULN649" s="613"/>
      <c r="ULO649" s="613"/>
      <c r="ULP649" s="613"/>
      <c r="ULQ649" s="613"/>
      <c r="ULR649" s="613"/>
      <c r="ULS649" s="613"/>
      <c r="ULT649" s="613"/>
      <c r="ULU649" s="613"/>
      <c r="ULV649" s="613"/>
      <c r="ULW649" s="613"/>
      <c r="ULX649" s="613"/>
      <c r="ULY649" s="613"/>
      <c r="ULZ649" s="613"/>
      <c r="UMA649" s="613"/>
      <c r="UMB649" s="613"/>
      <c r="UMC649" s="613"/>
      <c r="UMD649" s="613"/>
      <c r="UME649" s="613"/>
      <c r="UMF649" s="613"/>
      <c r="UMG649" s="613"/>
      <c r="UMH649" s="613"/>
      <c r="UMI649" s="613"/>
      <c r="UMJ649" s="613"/>
      <c r="UMK649" s="613"/>
      <c r="UML649" s="613"/>
      <c r="UMM649" s="613"/>
      <c r="UMN649" s="613"/>
      <c r="UMO649" s="613"/>
      <c r="UMP649" s="613"/>
      <c r="UMQ649" s="613"/>
      <c r="UMR649" s="613"/>
      <c r="UMS649" s="613"/>
      <c r="UMT649" s="613"/>
      <c r="UMU649" s="613"/>
      <c r="UMV649" s="613"/>
      <c r="UMW649" s="613"/>
      <c r="UMX649" s="613"/>
      <c r="UMY649" s="613"/>
      <c r="UMZ649" s="613"/>
      <c r="UNA649" s="613"/>
      <c r="UNB649" s="613"/>
      <c r="UNC649" s="613"/>
      <c r="UND649" s="613"/>
      <c r="UNE649" s="613"/>
      <c r="UNF649" s="613"/>
      <c r="UNG649" s="613"/>
      <c r="UNH649" s="613"/>
      <c r="UNI649" s="613"/>
      <c r="UNJ649" s="613"/>
      <c r="UNK649" s="613"/>
      <c r="UNL649" s="613"/>
      <c r="UNM649" s="613"/>
      <c r="UNN649" s="613"/>
      <c r="UNO649" s="613"/>
      <c r="UNP649" s="613"/>
      <c r="UNQ649" s="613"/>
      <c r="UNR649" s="613"/>
      <c r="UNS649" s="613"/>
      <c r="UNT649" s="613"/>
      <c r="UNU649" s="613"/>
      <c r="UNV649" s="613"/>
      <c r="UNW649" s="613"/>
      <c r="UNX649" s="613"/>
      <c r="UNY649" s="613"/>
      <c r="UNZ649" s="613"/>
      <c r="UOA649" s="613"/>
      <c r="UOB649" s="613"/>
      <c r="UOC649" s="613"/>
      <c r="UOD649" s="613"/>
      <c r="UOE649" s="613"/>
      <c r="UOF649" s="613"/>
      <c r="UOG649" s="613"/>
      <c r="UOH649" s="613"/>
      <c r="UOI649" s="613"/>
      <c r="UOJ649" s="613"/>
      <c r="UOK649" s="613"/>
      <c r="UOL649" s="613"/>
      <c r="UOM649" s="613"/>
      <c r="UON649" s="613"/>
      <c r="UOO649" s="613"/>
      <c r="UOP649" s="613"/>
      <c r="UOQ649" s="613"/>
      <c r="UOR649" s="613"/>
      <c r="UOS649" s="613"/>
      <c r="UOT649" s="613"/>
      <c r="UOU649" s="613"/>
      <c r="UOV649" s="613"/>
      <c r="UOW649" s="613"/>
      <c r="UOX649" s="613"/>
      <c r="UOY649" s="613"/>
      <c r="UOZ649" s="613"/>
      <c r="UPA649" s="613"/>
      <c r="UPB649" s="613"/>
      <c r="UPC649" s="613"/>
      <c r="UPD649" s="613"/>
      <c r="UPE649" s="613"/>
      <c r="UPF649" s="613"/>
      <c r="UPG649" s="613"/>
      <c r="UPH649" s="613"/>
      <c r="UPI649" s="613"/>
      <c r="UPJ649" s="613"/>
      <c r="UPK649" s="613"/>
      <c r="UPL649" s="613"/>
      <c r="UPM649" s="613"/>
      <c r="UPN649" s="613"/>
      <c r="UPO649" s="613"/>
      <c r="UPP649" s="613"/>
      <c r="UPQ649" s="613"/>
      <c r="UPR649" s="613"/>
      <c r="UPS649" s="613"/>
      <c r="UPT649" s="613"/>
      <c r="UPU649" s="613"/>
      <c r="UPV649" s="613"/>
      <c r="UPW649" s="613"/>
      <c r="UPX649" s="613"/>
      <c r="UPY649" s="613"/>
      <c r="UPZ649" s="613"/>
      <c r="UQA649" s="613"/>
      <c r="UQB649" s="613"/>
      <c r="UQC649" s="613"/>
      <c r="UQD649" s="613"/>
      <c r="UQE649" s="613"/>
      <c r="UQF649" s="613"/>
      <c r="UQG649" s="613"/>
      <c r="UQH649" s="613"/>
      <c r="UQI649" s="613"/>
      <c r="UQJ649" s="613"/>
      <c r="UQK649" s="613"/>
      <c r="UQL649" s="613"/>
      <c r="UQM649" s="613"/>
      <c r="UQN649" s="613"/>
      <c r="UQO649" s="613"/>
      <c r="UQP649" s="613"/>
      <c r="UQQ649" s="613"/>
      <c r="UQR649" s="613"/>
      <c r="UQS649" s="613"/>
      <c r="UQT649" s="613"/>
      <c r="UQU649" s="613"/>
      <c r="UQV649" s="613"/>
      <c r="UQW649" s="613"/>
      <c r="UQX649" s="613"/>
      <c r="UQY649" s="613"/>
      <c r="UQZ649" s="613"/>
      <c r="URA649" s="613"/>
      <c r="URB649" s="613"/>
      <c r="URC649" s="613"/>
      <c r="URD649" s="613"/>
      <c r="URE649" s="613"/>
      <c r="URF649" s="613"/>
      <c r="URG649" s="613"/>
      <c r="URH649" s="613"/>
      <c r="URI649" s="613"/>
      <c r="URJ649" s="613"/>
      <c r="URK649" s="613"/>
      <c r="URL649" s="613"/>
      <c r="URM649" s="613"/>
      <c r="URN649" s="613"/>
      <c r="URO649" s="613"/>
      <c r="URP649" s="613"/>
      <c r="URQ649" s="613"/>
      <c r="URR649" s="613"/>
      <c r="URS649" s="613"/>
      <c r="URT649" s="613"/>
      <c r="URU649" s="613"/>
      <c r="URV649" s="613"/>
      <c r="URW649" s="613"/>
      <c r="URX649" s="613"/>
      <c r="URY649" s="613"/>
      <c r="URZ649" s="613"/>
      <c r="USA649" s="613"/>
      <c r="USB649" s="613"/>
      <c r="USC649" s="613"/>
      <c r="USD649" s="613"/>
      <c r="USE649" s="613"/>
      <c r="USF649" s="613"/>
      <c r="USG649" s="613"/>
      <c r="USH649" s="613"/>
      <c r="USI649" s="613"/>
      <c r="USJ649" s="613"/>
      <c r="USK649" s="613"/>
      <c r="USL649" s="613"/>
      <c r="USM649" s="613"/>
      <c r="USN649" s="613"/>
      <c r="USO649" s="613"/>
      <c r="USP649" s="613"/>
      <c r="USQ649" s="613"/>
      <c r="USR649" s="613"/>
      <c r="USS649" s="613"/>
      <c r="UST649" s="613"/>
      <c r="USU649" s="613"/>
      <c r="USV649" s="613"/>
      <c r="USW649" s="613"/>
      <c r="USX649" s="613"/>
      <c r="USY649" s="613"/>
      <c r="USZ649" s="613"/>
      <c r="UTA649" s="613"/>
      <c r="UTB649" s="613"/>
      <c r="UTC649" s="613"/>
      <c r="UTD649" s="613"/>
      <c r="UTE649" s="613"/>
      <c r="UTF649" s="613"/>
      <c r="UTG649" s="613"/>
      <c r="UTH649" s="613"/>
      <c r="UTI649" s="613"/>
      <c r="UTJ649" s="613"/>
      <c r="UTK649" s="613"/>
      <c r="UTL649" s="613"/>
      <c r="UTM649" s="613"/>
      <c r="UTN649" s="613"/>
      <c r="UTO649" s="613"/>
      <c r="UTP649" s="613"/>
      <c r="UTQ649" s="613"/>
      <c r="UTR649" s="613"/>
      <c r="UTS649" s="613"/>
      <c r="UTT649" s="613"/>
      <c r="UTU649" s="613"/>
      <c r="UTV649" s="613"/>
      <c r="UTW649" s="613"/>
      <c r="UTX649" s="613"/>
      <c r="UTY649" s="613"/>
      <c r="UTZ649" s="613"/>
      <c r="UUA649" s="613"/>
      <c r="UUB649" s="613"/>
      <c r="UUC649" s="613"/>
      <c r="UUD649" s="613"/>
      <c r="UUE649" s="613"/>
      <c r="UUF649" s="613"/>
      <c r="UUG649" s="613"/>
      <c r="UUH649" s="613"/>
      <c r="UUI649" s="613"/>
      <c r="UUJ649" s="613"/>
      <c r="UUK649" s="613"/>
      <c r="UUL649" s="613"/>
      <c r="UUM649" s="613"/>
      <c r="UUN649" s="613"/>
      <c r="UUO649" s="613"/>
      <c r="UUP649" s="613"/>
      <c r="UUQ649" s="613"/>
      <c r="UUR649" s="613"/>
      <c r="UUS649" s="613"/>
      <c r="UUT649" s="613"/>
      <c r="UUU649" s="613"/>
      <c r="UUV649" s="613"/>
      <c r="UUW649" s="613"/>
      <c r="UUX649" s="613"/>
      <c r="UUY649" s="613"/>
      <c r="UUZ649" s="613"/>
      <c r="UVA649" s="613"/>
      <c r="UVB649" s="613"/>
      <c r="UVC649" s="613"/>
      <c r="UVD649" s="613"/>
      <c r="UVE649" s="613"/>
      <c r="UVF649" s="613"/>
      <c r="UVG649" s="613"/>
      <c r="UVH649" s="613"/>
      <c r="UVI649" s="613"/>
      <c r="UVJ649" s="613"/>
      <c r="UVK649" s="613"/>
      <c r="UVL649" s="613"/>
      <c r="UVM649" s="613"/>
      <c r="UVN649" s="613"/>
      <c r="UVO649" s="613"/>
      <c r="UVP649" s="613"/>
      <c r="UVQ649" s="613"/>
      <c r="UVR649" s="613"/>
      <c r="UVS649" s="613"/>
      <c r="UVT649" s="613"/>
      <c r="UVU649" s="613"/>
      <c r="UVV649" s="613"/>
      <c r="UVW649" s="613"/>
      <c r="UVX649" s="613"/>
      <c r="UVY649" s="613"/>
      <c r="UVZ649" s="613"/>
      <c r="UWA649" s="613"/>
      <c r="UWB649" s="613"/>
      <c r="UWC649" s="613"/>
      <c r="UWD649" s="613"/>
      <c r="UWE649" s="613"/>
      <c r="UWF649" s="613"/>
      <c r="UWG649" s="613"/>
      <c r="UWH649" s="613"/>
      <c r="UWI649" s="613"/>
      <c r="UWJ649" s="613"/>
      <c r="UWK649" s="613"/>
      <c r="UWL649" s="613"/>
      <c r="UWM649" s="613"/>
      <c r="UWN649" s="613"/>
      <c r="UWO649" s="613"/>
      <c r="UWP649" s="613"/>
      <c r="UWQ649" s="613"/>
      <c r="UWR649" s="613"/>
      <c r="UWS649" s="613"/>
      <c r="UWT649" s="613"/>
      <c r="UWU649" s="613"/>
      <c r="UWV649" s="613"/>
      <c r="UWW649" s="613"/>
      <c r="UWX649" s="613"/>
      <c r="UWY649" s="613"/>
      <c r="UWZ649" s="613"/>
      <c r="UXA649" s="613"/>
      <c r="UXB649" s="613"/>
      <c r="UXC649" s="613"/>
      <c r="UXD649" s="613"/>
      <c r="UXE649" s="613"/>
      <c r="UXF649" s="613"/>
      <c r="UXG649" s="613"/>
      <c r="UXH649" s="613"/>
      <c r="UXI649" s="613"/>
      <c r="UXJ649" s="613"/>
      <c r="UXK649" s="613"/>
      <c r="UXL649" s="613"/>
      <c r="UXM649" s="613"/>
      <c r="UXN649" s="613"/>
      <c r="UXO649" s="613"/>
      <c r="UXP649" s="613"/>
      <c r="UXQ649" s="613"/>
      <c r="UXR649" s="613"/>
      <c r="UXS649" s="613"/>
      <c r="UXT649" s="613"/>
      <c r="UXU649" s="613"/>
      <c r="UXV649" s="613"/>
      <c r="UXW649" s="613"/>
      <c r="UXX649" s="613"/>
      <c r="UXY649" s="613"/>
      <c r="UXZ649" s="613"/>
      <c r="UYA649" s="613"/>
      <c r="UYB649" s="613"/>
      <c r="UYC649" s="613"/>
      <c r="UYD649" s="613"/>
      <c r="UYE649" s="613"/>
      <c r="UYF649" s="613"/>
      <c r="UYG649" s="613"/>
      <c r="UYH649" s="613"/>
      <c r="UYI649" s="613"/>
      <c r="UYJ649" s="613"/>
      <c r="UYK649" s="613"/>
      <c r="UYL649" s="613"/>
      <c r="UYM649" s="613"/>
      <c r="UYN649" s="613"/>
      <c r="UYO649" s="613"/>
      <c r="UYP649" s="613"/>
      <c r="UYQ649" s="613"/>
      <c r="UYR649" s="613"/>
      <c r="UYS649" s="613"/>
      <c r="UYT649" s="613"/>
      <c r="UYU649" s="613"/>
      <c r="UYV649" s="613"/>
      <c r="UYW649" s="613"/>
      <c r="UYX649" s="613"/>
      <c r="UYY649" s="613"/>
      <c r="UYZ649" s="613"/>
      <c r="UZA649" s="613"/>
      <c r="UZB649" s="613"/>
      <c r="UZC649" s="613"/>
      <c r="UZD649" s="613"/>
      <c r="UZE649" s="613"/>
      <c r="UZF649" s="613"/>
      <c r="UZG649" s="613"/>
      <c r="UZH649" s="613"/>
      <c r="UZI649" s="613"/>
      <c r="UZJ649" s="613"/>
      <c r="UZK649" s="613"/>
      <c r="UZL649" s="613"/>
      <c r="UZM649" s="613"/>
      <c r="UZN649" s="613"/>
      <c r="UZO649" s="613"/>
      <c r="UZP649" s="613"/>
      <c r="UZQ649" s="613"/>
      <c r="UZR649" s="613"/>
      <c r="UZS649" s="613"/>
      <c r="UZT649" s="613"/>
      <c r="UZU649" s="613"/>
      <c r="UZV649" s="613"/>
      <c r="UZW649" s="613"/>
      <c r="UZX649" s="613"/>
      <c r="UZY649" s="613"/>
      <c r="UZZ649" s="613"/>
      <c r="VAA649" s="613"/>
      <c r="VAB649" s="613"/>
      <c r="VAC649" s="613"/>
      <c r="VAD649" s="613"/>
      <c r="VAE649" s="613"/>
      <c r="VAF649" s="613"/>
      <c r="VAG649" s="613"/>
      <c r="VAH649" s="613"/>
      <c r="VAI649" s="613"/>
      <c r="VAJ649" s="613"/>
      <c r="VAK649" s="613"/>
      <c r="VAL649" s="613"/>
      <c r="VAM649" s="613"/>
      <c r="VAN649" s="613"/>
      <c r="VAO649" s="613"/>
      <c r="VAP649" s="613"/>
      <c r="VAQ649" s="613"/>
      <c r="VAR649" s="613"/>
      <c r="VAS649" s="613"/>
      <c r="VAT649" s="613"/>
      <c r="VAU649" s="613"/>
      <c r="VAV649" s="613"/>
      <c r="VAW649" s="613"/>
      <c r="VAX649" s="613"/>
      <c r="VAY649" s="613"/>
      <c r="VAZ649" s="613"/>
      <c r="VBA649" s="613"/>
      <c r="VBB649" s="613"/>
      <c r="VBC649" s="613"/>
      <c r="VBD649" s="613"/>
      <c r="VBE649" s="613"/>
      <c r="VBF649" s="613"/>
      <c r="VBG649" s="613"/>
      <c r="VBH649" s="613"/>
      <c r="VBI649" s="613"/>
      <c r="VBJ649" s="613"/>
      <c r="VBK649" s="613"/>
      <c r="VBL649" s="613"/>
      <c r="VBM649" s="613"/>
      <c r="VBN649" s="613"/>
      <c r="VBO649" s="613"/>
      <c r="VBP649" s="613"/>
      <c r="VBQ649" s="613"/>
      <c r="VBR649" s="613"/>
      <c r="VBS649" s="613"/>
      <c r="VBT649" s="613"/>
      <c r="VBU649" s="613"/>
      <c r="VBV649" s="613"/>
      <c r="VBW649" s="613"/>
      <c r="VBX649" s="613"/>
      <c r="VBY649" s="613"/>
      <c r="VBZ649" s="613"/>
      <c r="VCA649" s="613"/>
      <c r="VCB649" s="613"/>
      <c r="VCC649" s="613"/>
      <c r="VCD649" s="613"/>
      <c r="VCE649" s="613"/>
      <c r="VCF649" s="613"/>
      <c r="VCG649" s="613"/>
      <c r="VCH649" s="613"/>
      <c r="VCI649" s="613"/>
      <c r="VCJ649" s="613"/>
      <c r="VCK649" s="613"/>
      <c r="VCL649" s="613"/>
      <c r="VCM649" s="613"/>
      <c r="VCN649" s="613"/>
      <c r="VCO649" s="613"/>
      <c r="VCP649" s="613"/>
      <c r="VCQ649" s="613"/>
      <c r="VCR649" s="613"/>
      <c r="VCS649" s="613"/>
      <c r="VCT649" s="613"/>
      <c r="VCU649" s="613"/>
      <c r="VCV649" s="613"/>
      <c r="VCW649" s="613"/>
      <c r="VCX649" s="613"/>
      <c r="VCY649" s="613"/>
      <c r="VCZ649" s="613"/>
      <c r="VDA649" s="613"/>
      <c r="VDB649" s="613"/>
      <c r="VDC649" s="613"/>
      <c r="VDD649" s="613"/>
      <c r="VDE649" s="613"/>
      <c r="VDF649" s="613"/>
      <c r="VDG649" s="613"/>
      <c r="VDH649" s="613"/>
      <c r="VDI649" s="613"/>
      <c r="VDJ649" s="613"/>
      <c r="VDK649" s="613"/>
      <c r="VDL649" s="613"/>
      <c r="VDM649" s="613"/>
      <c r="VDN649" s="613"/>
      <c r="VDO649" s="613"/>
      <c r="VDP649" s="613"/>
      <c r="VDQ649" s="613"/>
      <c r="VDR649" s="613"/>
      <c r="VDS649" s="613"/>
      <c r="VDT649" s="613"/>
      <c r="VDU649" s="613"/>
      <c r="VDV649" s="613"/>
      <c r="VDW649" s="613"/>
      <c r="VDX649" s="613"/>
      <c r="VDY649" s="613"/>
      <c r="VDZ649" s="613"/>
      <c r="VEA649" s="613"/>
      <c r="VEB649" s="613"/>
      <c r="VEC649" s="613"/>
      <c r="VED649" s="613"/>
      <c r="VEE649" s="613"/>
      <c r="VEF649" s="613"/>
      <c r="VEG649" s="613"/>
      <c r="VEH649" s="613"/>
      <c r="VEI649" s="613"/>
      <c r="VEJ649" s="613"/>
      <c r="VEK649" s="613"/>
      <c r="VEL649" s="613"/>
      <c r="VEM649" s="613"/>
      <c r="VEN649" s="613"/>
      <c r="VEO649" s="613"/>
      <c r="VEP649" s="613"/>
      <c r="VEQ649" s="613"/>
      <c r="VER649" s="613"/>
      <c r="VES649" s="613"/>
      <c r="VET649" s="613"/>
      <c r="VEU649" s="613"/>
      <c r="VEV649" s="613"/>
      <c r="VEW649" s="613"/>
      <c r="VEX649" s="613"/>
      <c r="VEY649" s="613"/>
      <c r="VEZ649" s="613"/>
      <c r="VFA649" s="613"/>
      <c r="VFB649" s="613"/>
      <c r="VFC649" s="613"/>
      <c r="VFD649" s="613"/>
      <c r="VFE649" s="613"/>
      <c r="VFF649" s="613"/>
      <c r="VFG649" s="613"/>
      <c r="VFH649" s="613"/>
      <c r="VFI649" s="613"/>
      <c r="VFJ649" s="613"/>
      <c r="VFK649" s="613"/>
      <c r="VFL649" s="613"/>
      <c r="VFM649" s="613"/>
      <c r="VFN649" s="613"/>
      <c r="VFO649" s="613"/>
      <c r="VFP649" s="613"/>
      <c r="VFQ649" s="613"/>
      <c r="VFR649" s="613"/>
      <c r="VFS649" s="613"/>
      <c r="VFT649" s="613"/>
      <c r="VFU649" s="613"/>
      <c r="VFV649" s="613"/>
      <c r="VFW649" s="613"/>
      <c r="VFX649" s="613"/>
      <c r="VFY649" s="613"/>
      <c r="VFZ649" s="613"/>
      <c r="VGA649" s="613"/>
      <c r="VGB649" s="613"/>
      <c r="VGC649" s="613"/>
      <c r="VGD649" s="613"/>
      <c r="VGE649" s="613"/>
      <c r="VGF649" s="613"/>
      <c r="VGG649" s="613"/>
      <c r="VGH649" s="613"/>
      <c r="VGI649" s="613"/>
      <c r="VGJ649" s="613"/>
      <c r="VGK649" s="613"/>
      <c r="VGL649" s="613"/>
      <c r="VGM649" s="613"/>
      <c r="VGN649" s="613"/>
      <c r="VGO649" s="613"/>
      <c r="VGP649" s="613"/>
      <c r="VGQ649" s="613"/>
      <c r="VGR649" s="613"/>
      <c r="VGS649" s="613"/>
      <c r="VGT649" s="613"/>
      <c r="VGU649" s="613"/>
      <c r="VGV649" s="613"/>
      <c r="VGW649" s="613"/>
      <c r="VGX649" s="613"/>
      <c r="VGY649" s="613"/>
      <c r="VGZ649" s="613"/>
      <c r="VHA649" s="613"/>
      <c r="VHB649" s="613"/>
      <c r="VHC649" s="613"/>
      <c r="VHD649" s="613"/>
      <c r="VHE649" s="613"/>
      <c r="VHF649" s="613"/>
      <c r="VHG649" s="613"/>
      <c r="VHH649" s="613"/>
      <c r="VHI649" s="613"/>
      <c r="VHJ649" s="613"/>
      <c r="VHK649" s="613"/>
      <c r="VHL649" s="613"/>
      <c r="VHM649" s="613"/>
      <c r="VHN649" s="613"/>
      <c r="VHO649" s="613"/>
      <c r="VHP649" s="613"/>
      <c r="VHQ649" s="613"/>
      <c r="VHR649" s="613"/>
      <c r="VHS649" s="613"/>
      <c r="VHT649" s="613"/>
      <c r="VHU649" s="613"/>
      <c r="VHV649" s="613"/>
      <c r="VHW649" s="613"/>
      <c r="VHX649" s="613"/>
      <c r="VHY649" s="613"/>
      <c r="VHZ649" s="613"/>
      <c r="VIA649" s="613"/>
      <c r="VIB649" s="613"/>
      <c r="VIC649" s="613"/>
      <c r="VID649" s="613"/>
      <c r="VIE649" s="613"/>
      <c r="VIF649" s="613"/>
      <c r="VIG649" s="613"/>
      <c r="VIH649" s="613"/>
      <c r="VII649" s="613"/>
      <c r="VIJ649" s="613"/>
      <c r="VIK649" s="613"/>
      <c r="VIL649" s="613"/>
      <c r="VIM649" s="613"/>
      <c r="VIN649" s="613"/>
      <c r="VIO649" s="613"/>
      <c r="VIP649" s="613"/>
      <c r="VIQ649" s="613"/>
      <c r="VIR649" s="613"/>
      <c r="VIS649" s="613"/>
      <c r="VIT649" s="613"/>
      <c r="VIU649" s="613"/>
      <c r="VIV649" s="613"/>
      <c r="VIW649" s="613"/>
      <c r="VIX649" s="613"/>
      <c r="VIY649" s="613"/>
      <c r="VIZ649" s="613"/>
      <c r="VJA649" s="613"/>
      <c r="VJB649" s="613"/>
      <c r="VJC649" s="613"/>
      <c r="VJD649" s="613"/>
      <c r="VJE649" s="613"/>
      <c r="VJF649" s="613"/>
      <c r="VJG649" s="613"/>
      <c r="VJH649" s="613"/>
      <c r="VJI649" s="613"/>
      <c r="VJJ649" s="613"/>
      <c r="VJK649" s="613"/>
      <c r="VJL649" s="613"/>
      <c r="VJM649" s="613"/>
      <c r="VJN649" s="613"/>
      <c r="VJO649" s="613"/>
      <c r="VJP649" s="613"/>
      <c r="VJQ649" s="613"/>
      <c r="VJR649" s="613"/>
      <c r="VJS649" s="613"/>
      <c r="VJT649" s="613"/>
      <c r="VJU649" s="613"/>
      <c r="VJV649" s="613"/>
      <c r="VJW649" s="613"/>
      <c r="VJX649" s="613"/>
      <c r="VJY649" s="613"/>
      <c r="VJZ649" s="613"/>
      <c r="VKA649" s="613"/>
      <c r="VKB649" s="613"/>
      <c r="VKC649" s="613"/>
      <c r="VKD649" s="613"/>
      <c r="VKE649" s="613"/>
      <c r="VKF649" s="613"/>
      <c r="VKG649" s="613"/>
      <c r="VKH649" s="613"/>
      <c r="VKI649" s="613"/>
      <c r="VKJ649" s="613"/>
      <c r="VKK649" s="613"/>
      <c r="VKL649" s="613"/>
      <c r="VKM649" s="613"/>
      <c r="VKN649" s="613"/>
      <c r="VKO649" s="613"/>
      <c r="VKP649" s="613"/>
      <c r="VKQ649" s="613"/>
      <c r="VKR649" s="613"/>
      <c r="VKS649" s="613"/>
      <c r="VKT649" s="613"/>
      <c r="VKU649" s="613"/>
      <c r="VKV649" s="613"/>
      <c r="VKW649" s="613"/>
      <c r="VKX649" s="613"/>
      <c r="VKY649" s="613"/>
      <c r="VKZ649" s="613"/>
      <c r="VLA649" s="613"/>
      <c r="VLB649" s="613"/>
      <c r="VLC649" s="613"/>
      <c r="VLD649" s="613"/>
      <c r="VLE649" s="613"/>
      <c r="VLF649" s="613"/>
      <c r="VLG649" s="613"/>
      <c r="VLH649" s="613"/>
      <c r="VLI649" s="613"/>
      <c r="VLJ649" s="613"/>
      <c r="VLK649" s="613"/>
      <c r="VLL649" s="613"/>
      <c r="VLM649" s="613"/>
      <c r="VLN649" s="613"/>
      <c r="VLO649" s="613"/>
      <c r="VLP649" s="613"/>
      <c r="VLQ649" s="613"/>
      <c r="VLR649" s="613"/>
      <c r="VLS649" s="613"/>
      <c r="VLT649" s="613"/>
      <c r="VLU649" s="613"/>
      <c r="VLV649" s="613"/>
      <c r="VLW649" s="613"/>
      <c r="VLX649" s="613"/>
      <c r="VLY649" s="613"/>
      <c r="VLZ649" s="613"/>
      <c r="VMA649" s="613"/>
      <c r="VMB649" s="613"/>
      <c r="VMC649" s="613"/>
      <c r="VMD649" s="613"/>
      <c r="VME649" s="613"/>
      <c r="VMF649" s="613"/>
      <c r="VMG649" s="613"/>
      <c r="VMH649" s="613"/>
      <c r="VMI649" s="613"/>
      <c r="VMJ649" s="613"/>
      <c r="VMK649" s="613"/>
      <c r="VML649" s="613"/>
      <c r="VMM649" s="613"/>
      <c r="VMN649" s="613"/>
      <c r="VMO649" s="613"/>
      <c r="VMP649" s="613"/>
      <c r="VMQ649" s="613"/>
      <c r="VMR649" s="613"/>
      <c r="VMS649" s="613"/>
      <c r="VMT649" s="613"/>
      <c r="VMU649" s="613"/>
      <c r="VMV649" s="613"/>
      <c r="VMW649" s="613"/>
      <c r="VMX649" s="613"/>
      <c r="VMY649" s="613"/>
      <c r="VMZ649" s="613"/>
      <c r="VNA649" s="613"/>
      <c r="VNB649" s="613"/>
      <c r="VNC649" s="613"/>
      <c r="VND649" s="613"/>
      <c r="VNE649" s="613"/>
      <c r="VNF649" s="613"/>
      <c r="VNG649" s="613"/>
      <c r="VNH649" s="613"/>
      <c r="VNI649" s="613"/>
      <c r="VNJ649" s="613"/>
      <c r="VNK649" s="613"/>
      <c r="VNL649" s="613"/>
      <c r="VNM649" s="613"/>
      <c r="VNN649" s="613"/>
      <c r="VNO649" s="613"/>
      <c r="VNP649" s="613"/>
      <c r="VNQ649" s="613"/>
      <c r="VNR649" s="613"/>
      <c r="VNS649" s="613"/>
      <c r="VNT649" s="613"/>
      <c r="VNU649" s="613"/>
      <c r="VNV649" s="613"/>
      <c r="VNW649" s="613"/>
      <c r="VNX649" s="613"/>
      <c r="VNY649" s="613"/>
      <c r="VNZ649" s="613"/>
      <c r="VOA649" s="613"/>
      <c r="VOB649" s="613"/>
      <c r="VOC649" s="613"/>
      <c r="VOD649" s="613"/>
      <c r="VOE649" s="613"/>
      <c r="VOF649" s="613"/>
      <c r="VOG649" s="613"/>
      <c r="VOH649" s="613"/>
      <c r="VOI649" s="613"/>
      <c r="VOJ649" s="613"/>
      <c r="VOK649" s="613"/>
      <c r="VOL649" s="613"/>
      <c r="VOM649" s="613"/>
      <c r="VON649" s="613"/>
      <c r="VOO649" s="613"/>
      <c r="VOP649" s="613"/>
      <c r="VOQ649" s="613"/>
      <c r="VOR649" s="613"/>
      <c r="VOS649" s="613"/>
      <c r="VOT649" s="613"/>
      <c r="VOU649" s="613"/>
      <c r="VOV649" s="613"/>
      <c r="VOW649" s="613"/>
      <c r="VOX649" s="613"/>
      <c r="VOY649" s="613"/>
      <c r="VOZ649" s="613"/>
      <c r="VPA649" s="613"/>
      <c r="VPB649" s="613"/>
      <c r="VPC649" s="613"/>
      <c r="VPD649" s="613"/>
      <c r="VPE649" s="613"/>
      <c r="VPF649" s="613"/>
      <c r="VPG649" s="613"/>
      <c r="VPH649" s="613"/>
      <c r="VPI649" s="613"/>
      <c r="VPJ649" s="613"/>
      <c r="VPK649" s="613"/>
      <c r="VPL649" s="613"/>
      <c r="VPM649" s="613"/>
      <c r="VPN649" s="613"/>
      <c r="VPO649" s="613"/>
      <c r="VPP649" s="613"/>
      <c r="VPQ649" s="613"/>
      <c r="VPR649" s="613"/>
      <c r="VPS649" s="613"/>
      <c r="VPT649" s="613"/>
      <c r="VPU649" s="613"/>
      <c r="VPV649" s="613"/>
      <c r="VPW649" s="613"/>
      <c r="VPX649" s="613"/>
      <c r="VPY649" s="613"/>
      <c r="VPZ649" s="613"/>
      <c r="VQA649" s="613"/>
      <c r="VQB649" s="613"/>
      <c r="VQC649" s="613"/>
      <c r="VQD649" s="613"/>
      <c r="VQE649" s="613"/>
      <c r="VQF649" s="613"/>
      <c r="VQG649" s="613"/>
      <c r="VQH649" s="613"/>
      <c r="VQI649" s="613"/>
      <c r="VQJ649" s="613"/>
      <c r="VQK649" s="613"/>
      <c r="VQL649" s="613"/>
      <c r="VQM649" s="613"/>
      <c r="VQN649" s="613"/>
      <c r="VQO649" s="613"/>
      <c r="VQP649" s="613"/>
      <c r="VQQ649" s="613"/>
      <c r="VQR649" s="613"/>
      <c r="VQS649" s="613"/>
      <c r="VQT649" s="613"/>
      <c r="VQU649" s="613"/>
      <c r="VQV649" s="613"/>
      <c r="VQW649" s="613"/>
      <c r="VQX649" s="613"/>
      <c r="VQY649" s="613"/>
      <c r="VQZ649" s="613"/>
      <c r="VRA649" s="613"/>
      <c r="VRB649" s="613"/>
      <c r="VRC649" s="613"/>
      <c r="VRD649" s="613"/>
      <c r="VRE649" s="613"/>
      <c r="VRF649" s="613"/>
      <c r="VRG649" s="613"/>
      <c r="VRH649" s="613"/>
      <c r="VRI649" s="613"/>
      <c r="VRJ649" s="613"/>
      <c r="VRK649" s="613"/>
      <c r="VRL649" s="613"/>
      <c r="VRM649" s="613"/>
      <c r="VRN649" s="613"/>
      <c r="VRO649" s="613"/>
      <c r="VRP649" s="613"/>
      <c r="VRQ649" s="613"/>
      <c r="VRR649" s="613"/>
      <c r="VRS649" s="613"/>
      <c r="VRT649" s="613"/>
      <c r="VRU649" s="613"/>
      <c r="VRV649" s="613"/>
      <c r="VRW649" s="613"/>
      <c r="VRX649" s="613"/>
      <c r="VRY649" s="613"/>
      <c r="VRZ649" s="613"/>
      <c r="VSA649" s="613"/>
      <c r="VSB649" s="613"/>
      <c r="VSC649" s="613"/>
      <c r="VSD649" s="613"/>
      <c r="VSE649" s="613"/>
      <c r="VSF649" s="613"/>
      <c r="VSG649" s="613"/>
      <c r="VSH649" s="613"/>
      <c r="VSI649" s="613"/>
      <c r="VSJ649" s="613"/>
      <c r="VSK649" s="613"/>
      <c r="VSL649" s="613"/>
      <c r="VSM649" s="613"/>
      <c r="VSN649" s="613"/>
      <c r="VSO649" s="613"/>
      <c r="VSP649" s="613"/>
      <c r="VSQ649" s="613"/>
      <c r="VSR649" s="613"/>
      <c r="VSS649" s="613"/>
      <c r="VST649" s="613"/>
      <c r="VSU649" s="613"/>
      <c r="VSV649" s="613"/>
      <c r="VSW649" s="613"/>
      <c r="VSX649" s="613"/>
      <c r="VSY649" s="613"/>
      <c r="VSZ649" s="613"/>
      <c r="VTA649" s="613"/>
      <c r="VTB649" s="613"/>
      <c r="VTC649" s="613"/>
      <c r="VTD649" s="613"/>
      <c r="VTE649" s="613"/>
      <c r="VTF649" s="613"/>
      <c r="VTG649" s="613"/>
      <c r="VTH649" s="613"/>
      <c r="VTI649" s="613"/>
      <c r="VTJ649" s="613"/>
      <c r="VTK649" s="613"/>
      <c r="VTL649" s="613"/>
      <c r="VTM649" s="613"/>
      <c r="VTN649" s="613"/>
      <c r="VTO649" s="613"/>
      <c r="VTP649" s="613"/>
      <c r="VTQ649" s="613"/>
      <c r="VTR649" s="613"/>
      <c r="VTS649" s="613"/>
      <c r="VTT649" s="613"/>
      <c r="VTU649" s="613"/>
      <c r="VTV649" s="613"/>
      <c r="VTW649" s="613"/>
      <c r="VTX649" s="613"/>
      <c r="VTY649" s="613"/>
      <c r="VTZ649" s="613"/>
      <c r="VUA649" s="613"/>
      <c r="VUB649" s="613"/>
      <c r="VUC649" s="613"/>
      <c r="VUD649" s="613"/>
      <c r="VUE649" s="613"/>
      <c r="VUF649" s="613"/>
      <c r="VUG649" s="613"/>
      <c r="VUH649" s="613"/>
      <c r="VUI649" s="613"/>
      <c r="VUJ649" s="613"/>
      <c r="VUK649" s="613"/>
      <c r="VUL649" s="613"/>
      <c r="VUM649" s="613"/>
      <c r="VUN649" s="613"/>
      <c r="VUO649" s="613"/>
      <c r="VUP649" s="613"/>
      <c r="VUQ649" s="613"/>
      <c r="VUR649" s="613"/>
      <c r="VUS649" s="613"/>
      <c r="VUT649" s="613"/>
      <c r="VUU649" s="613"/>
      <c r="VUV649" s="613"/>
      <c r="VUW649" s="613"/>
      <c r="VUX649" s="613"/>
      <c r="VUY649" s="613"/>
      <c r="VUZ649" s="613"/>
      <c r="VVA649" s="613"/>
      <c r="VVB649" s="613"/>
      <c r="VVC649" s="613"/>
      <c r="VVD649" s="613"/>
      <c r="VVE649" s="613"/>
      <c r="VVF649" s="613"/>
      <c r="VVG649" s="613"/>
      <c r="VVH649" s="613"/>
      <c r="VVI649" s="613"/>
      <c r="VVJ649" s="613"/>
      <c r="VVK649" s="613"/>
      <c r="VVL649" s="613"/>
      <c r="VVM649" s="613"/>
      <c r="VVN649" s="613"/>
      <c r="VVO649" s="613"/>
      <c r="VVP649" s="613"/>
      <c r="VVQ649" s="613"/>
      <c r="VVR649" s="613"/>
      <c r="VVS649" s="613"/>
      <c r="VVT649" s="613"/>
      <c r="VVU649" s="613"/>
      <c r="VVV649" s="613"/>
      <c r="VVW649" s="613"/>
      <c r="VVX649" s="613"/>
      <c r="VVY649" s="613"/>
      <c r="VVZ649" s="613"/>
      <c r="VWA649" s="613"/>
      <c r="VWB649" s="613"/>
      <c r="VWC649" s="613"/>
      <c r="VWD649" s="613"/>
      <c r="VWE649" s="613"/>
      <c r="VWF649" s="613"/>
      <c r="VWG649" s="613"/>
      <c r="VWH649" s="613"/>
      <c r="VWI649" s="613"/>
      <c r="VWJ649" s="613"/>
      <c r="VWK649" s="613"/>
      <c r="VWL649" s="613"/>
      <c r="VWM649" s="613"/>
      <c r="VWN649" s="613"/>
      <c r="VWO649" s="613"/>
      <c r="VWP649" s="613"/>
      <c r="VWQ649" s="613"/>
      <c r="VWR649" s="613"/>
      <c r="VWS649" s="613"/>
      <c r="VWT649" s="613"/>
      <c r="VWU649" s="613"/>
      <c r="VWV649" s="613"/>
      <c r="VWW649" s="613"/>
      <c r="VWX649" s="613"/>
      <c r="VWY649" s="613"/>
      <c r="VWZ649" s="613"/>
      <c r="VXA649" s="613"/>
      <c r="VXB649" s="613"/>
      <c r="VXC649" s="613"/>
      <c r="VXD649" s="613"/>
      <c r="VXE649" s="613"/>
      <c r="VXF649" s="613"/>
      <c r="VXG649" s="613"/>
      <c r="VXH649" s="613"/>
      <c r="VXI649" s="613"/>
      <c r="VXJ649" s="613"/>
      <c r="VXK649" s="613"/>
      <c r="VXL649" s="613"/>
      <c r="VXM649" s="613"/>
      <c r="VXN649" s="613"/>
      <c r="VXO649" s="613"/>
      <c r="VXP649" s="613"/>
      <c r="VXQ649" s="613"/>
      <c r="VXR649" s="613"/>
      <c r="VXS649" s="613"/>
      <c r="VXT649" s="613"/>
      <c r="VXU649" s="613"/>
      <c r="VXV649" s="613"/>
      <c r="VXW649" s="613"/>
      <c r="VXX649" s="613"/>
      <c r="VXY649" s="613"/>
      <c r="VXZ649" s="613"/>
      <c r="VYA649" s="613"/>
      <c r="VYB649" s="613"/>
      <c r="VYC649" s="613"/>
      <c r="VYD649" s="613"/>
      <c r="VYE649" s="613"/>
      <c r="VYF649" s="613"/>
      <c r="VYG649" s="613"/>
      <c r="VYH649" s="613"/>
      <c r="VYI649" s="613"/>
      <c r="VYJ649" s="613"/>
      <c r="VYK649" s="613"/>
      <c r="VYL649" s="613"/>
      <c r="VYM649" s="613"/>
      <c r="VYN649" s="613"/>
      <c r="VYO649" s="613"/>
      <c r="VYP649" s="613"/>
      <c r="VYQ649" s="613"/>
      <c r="VYR649" s="613"/>
      <c r="VYS649" s="613"/>
      <c r="VYT649" s="613"/>
      <c r="VYU649" s="613"/>
      <c r="VYV649" s="613"/>
      <c r="VYW649" s="613"/>
      <c r="VYX649" s="613"/>
      <c r="VYY649" s="613"/>
      <c r="VYZ649" s="613"/>
      <c r="VZA649" s="613"/>
      <c r="VZB649" s="613"/>
      <c r="VZC649" s="613"/>
      <c r="VZD649" s="613"/>
      <c r="VZE649" s="613"/>
      <c r="VZF649" s="613"/>
      <c r="VZG649" s="613"/>
      <c r="VZH649" s="613"/>
      <c r="VZI649" s="613"/>
      <c r="VZJ649" s="613"/>
      <c r="VZK649" s="613"/>
      <c r="VZL649" s="613"/>
      <c r="VZM649" s="613"/>
      <c r="VZN649" s="613"/>
      <c r="VZO649" s="613"/>
      <c r="VZP649" s="613"/>
      <c r="VZQ649" s="613"/>
      <c r="VZR649" s="613"/>
      <c r="VZS649" s="613"/>
      <c r="VZT649" s="613"/>
      <c r="VZU649" s="613"/>
      <c r="VZV649" s="613"/>
      <c r="VZW649" s="613"/>
      <c r="VZX649" s="613"/>
      <c r="VZY649" s="613"/>
      <c r="VZZ649" s="613"/>
      <c r="WAA649" s="613"/>
      <c r="WAB649" s="613"/>
      <c r="WAC649" s="613"/>
      <c r="WAD649" s="613"/>
      <c r="WAE649" s="613"/>
      <c r="WAF649" s="613"/>
      <c r="WAG649" s="613"/>
      <c r="WAH649" s="613"/>
      <c r="WAI649" s="613"/>
      <c r="WAJ649" s="613"/>
      <c r="WAK649" s="613"/>
      <c r="WAL649" s="613"/>
      <c r="WAM649" s="613"/>
      <c r="WAN649" s="613"/>
      <c r="WAO649" s="613"/>
      <c r="WAP649" s="613"/>
      <c r="WAQ649" s="613"/>
      <c r="WAR649" s="613"/>
      <c r="WAS649" s="613"/>
      <c r="WAT649" s="613"/>
      <c r="WAU649" s="613"/>
      <c r="WAV649" s="613"/>
      <c r="WAW649" s="613"/>
      <c r="WAX649" s="613"/>
      <c r="WAY649" s="613"/>
      <c r="WAZ649" s="613"/>
      <c r="WBA649" s="613"/>
      <c r="WBB649" s="613"/>
      <c r="WBC649" s="613"/>
      <c r="WBD649" s="613"/>
      <c r="WBE649" s="613"/>
      <c r="WBF649" s="613"/>
      <c r="WBG649" s="613"/>
      <c r="WBH649" s="613"/>
      <c r="WBI649" s="613"/>
      <c r="WBJ649" s="613"/>
      <c r="WBK649" s="613"/>
      <c r="WBL649" s="613"/>
      <c r="WBM649" s="613"/>
      <c r="WBN649" s="613"/>
      <c r="WBO649" s="613"/>
      <c r="WBP649" s="613"/>
      <c r="WBQ649" s="613"/>
      <c r="WBR649" s="613"/>
      <c r="WBS649" s="613"/>
      <c r="WBT649" s="613"/>
      <c r="WBU649" s="613"/>
      <c r="WBV649" s="613"/>
      <c r="WBW649" s="613"/>
      <c r="WBX649" s="613"/>
      <c r="WBY649" s="613"/>
      <c r="WBZ649" s="613"/>
      <c r="WCA649" s="613"/>
      <c r="WCB649" s="613"/>
      <c r="WCC649" s="613"/>
      <c r="WCD649" s="613"/>
      <c r="WCE649" s="613"/>
      <c r="WCF649" s="613"/>
      <c r="WCG649" s="613"/>
      <c r="WCH649" s="613"/>
      <c r="WCI649" s="613"/>
      <c r="WCJ649" s="613"/>
      <c r="WCK649" s="613"/>
      <c r="WCL649" s="613"/>
      <c r="WCM649" s="613"/>
      <c r="WCN649" s="613"/>
      <c r="WCO649" s="613"/>
      <c r="WCP649" s="613"/>
      <c r="WCQ649" s="613"/>
      <c r="WCR649" s="613"/>
      <c r="WCS649" s="613"/>
      <c r="WCT649" s="613"/>
      <c r="WCU649" s="613"/>
      <c r="WCV649" s="613"/>
      <c r="WCW649" s="613"/>
      <c r="WCX649" s="613"/>
      <c r="WCY649" s="613"/>
      <c r="WCZ649" s="613"/>
      <c r="WDA649" s="613"/>
      <c r="WDB649" s="613"/>
      <c r="WDC649" s="613"/>
      <c r="WDD649" s="613"/>
      <c r="WDE649" s="613"/>
      <c r="WDF649" s="613"/>
      <c r="WDG649" s="613"/>
      <c r="WDH649" s="613"/>
      <c r="WDI649" s="613"/>
      <c r="WDJ649" s="613"/>
      <c r="WDK649" s="613"/>
      <c r="WDL649" s="613"/>
      <c r="WDM649" s="613"/>
      <c r="WDN649" s="613"/>
      <c r="WDO649" s="613"/>
      <c r="WDP649" s="613"/>
      <c r="WDQ649" s="613"/>
      <c r="WDR649" s="613"/>
      <c r="WDS649" s="613"/>
      <c r="WDT649" s="613"/>
      <c r="WDU649" s="613"/>
      <c r="WDV649" s="613"/>
      <c r="WDW649" s="613"/>
      <c r="WDX649" s="613"/>
      <c r="WDY649" s="613"/>
      <c r="WDZ649" s="613"/>
      <c r="WEA649" s="613"/>
      <c r="WEB649" s="613"/>
      <c r="WEC649" s="613"/>
      <c r="WED649" s="613"/>
      <c r="WEE649" s="613"/>
      <c r="WEF649" s="613"/>
      <c r="WEG649" s="613"/>
      <c r="WEH649" s="613"/>
      <c r="WEI649" s="613"/>
      <c r="WEJ649" s="613"/>
      <c r="WEK649" s="613"/>
      <c r="WEL649" s="613"/>
      <c r="WEM649" s="613"/>
      <c r="WEN649" s="613"/>
      <c r="WEO649" s="613"/>
      <c r="WEP649" s="613"/>
      <c r="WEQ649" s="613"/>
      <c r="WER649" s="613"/>
      <c r="WES649" s="613"/>
      <c r="WET649" s="613"/>
      <c r="WEU649" s="613"/>
      <c r="WEV649" s="613"/>
      <c r="WEW649" s="613"/>
      <c r="WEX649" s="613"/>
      <c r="WEY649" s="613"/>
      <c r="WEZ649" s="613"/>
      <c r="WFA649" s="613"/>
      <c r="WFB649" s="613"/>
      <c r="WFC649" s="613"/>
      <c r="WFD649" s="613"/>
      <c r="WFE649" s="613"/>
      <c r="WFF649" s="613"/>
      <c r="WFG649" s="613"/>
      <c r="WFH649" s="613"/>
      <c r="WFI649" s="613"/>
      <c r="WFJ649" s="613"/>
      <c r="WFK649" s="613"/>
      <c r="WFL649" s="613"/>
      <c r="WFM649" s="613"/>
      <c r="WFN649" s="613"/>
      <c r="WFO649" s="613"/>
      <c r="WFP649" s="613"/>
      <c r="WFQ649" s="613"/>
      <c r="WFR649" s="613"/>
      <c r="WFS649" s="613"/>
      <c r="WFT649" s="613"/>
      <c r="WFU649" s="613"/>
      <c r="WFV649" s="613"/>
      <c r="WFW649" s="613"/>
      <c r="WFX649" s="613"/>
      <c r="WFY649" s="613"/>
      <c r="WFZ649" s="613"/>
      <c r="WGA649" s="613"/>
      <c r="WGB649" s="613"/>
      <c r="WGC649" s="613"/>
      <c r="WGD649" s="613"/>
      <c r="WGE649" s="613"/>
      <c r="WGF649" s="613"/>
      <c r="WGG649" s="613"/>
      <c r="WGH649" s="613"/>
      <c r="WGI649" s="613"/>
      <c r="WGJ649" s="613"/>
      <c r="WGK649" s="613"/>
      <c r="WGL649" s="613"/>
      <c r="WGM649" s="613"/>
      <c r="WGN649" s="613"/>
      <c r="WGO649" s="613"/>
      <c r="WGP649" s="613"/>
      <c r="WGQ649" s="613"/>
      <c r="WGR649" s="613"/>
      <c r="WGS649" s="613"/>
      <c r="WGT649" s="613"/>
      <c r="WGU649" s="613"/>
      <c r="WGV649" s="613"/>
      <c r="WGW649" s="613"/>
      <c r="WGX649" s="613"/>
      <c r="WGY649" s="613"/>
      <c r="WGZ649" s="613"/>
      <c r="WHA649" s="613"/>
      <c r="WHB649" s="613"/>
      <c r="WHC649" s="613"/>
      <c r="WHD649" s="613"/>
      <c r="WHE649" s="613"/>
      <c r="WHF649" s="613"/>
      <c r="WHG649" s="613"/>
      <c r="WHH649" s="613"/>
      <c r="WHI649" s="613"/>
      <c r="WHJ649" s="613"/>
      <c r="WHK649" s="613"/>
      <c r="WHL649" s="613"/>
      <c r="WHM649" s="613"/>
      <c r="WHN649" s="613"/>
      <c r="WHO649" s="613"/>
      <c r="WHP649" s="613"/>
      <c r="WHQ649" s="613"/>
      <c r="WHR649" s="613"/>
      <c r="WHS649" s="613"/>
      <c r="WHT649" s="613"/>
      <c r="WHU649" s="613"/>
      <c r="WHV649" s="613"/>
      <c r="WHW649" s="613"/>
      <c r="WHX649" s="613"/>
      <c r="WHY649" s="613"/>
      <c r="WHZ649" s="613"/>
      <c r="WIA649" s="613"/>
      <c r="WIB649" s="613"/>
      <c r="WIC649" s="613"/>
      <c r="WID649" s="613"/>
      <c r="WIE649" s="613"/>
      <c r="WIF649" s="613"/>
      <c r="WIG649" s="613"/>
      <c r="WIH649" s="613"/>
      <c r="WII649" s="613"/>
      <c r="WIJ649" s="613"/>
      <c r="WIK649" s="613"/>
      <c r="WIL649" s="613"/>
      <c r="WIM649" s="613"/>
      <c r="WIN649" s="613"/>
      <c r="WIO649" s="613"/>
      <c r="WIP649" s="613"/>
      <c r="WIQ649" s="613"/>
      <c r="WIR649" s="613"/>
      <c r="WIS649" s="613"/>
      <c r="WIT649" s="613"/>
      <c r="WIU649" s="613"/>
      <c r="WIV649" s="613"/>
      <c r="WIW649" s="613"/>
      <c r="WIX649" s="613"/>
      <c r="WIY649" s="613"/>
      <c r="WIZ649" s="613"/>
      <c r="WJA649" s="613"/>
      <c r="WJB649" s="613"/>
      <c r="WJC649" s="613"/>
      <c r="WJD649" s="613"/>
      <c r="WJE649" s="613"/>
      <c r="WJF649" s="613"/>
      <c r="WJG649" s="613"/>
      <c r="WJH649" s="613"/>
      <c r="WJI649" s="613"/>
      <c r="WJJ649" s="613"/>
      <c r="WJK649" s="613"/>
      <c r="WJL649" s="613"/>
      <c r="WJM649" s="613"/>
      <c r="WJN649" s="613"/>
      <c r="WJO649" s="613"/>
      <c r="WJP649" s="613"/>
      <c r="WJQ649" s="613"/>
      <c r="WJR649" s="613"/>
      <c r="WJS649" s="613"/>
      <c r="WJT649" s="613"/>
      <c r="WJU649" s="613"/>
      <c r="WJV649" s="613"/>
      <c r="WJW649" s="613"/>
      <c r="WJX649" s="613"/>
      <c r="WJY649" s="613"/>
      <c r="WJZ649" s="613"/>
      <c r="WKA649" s="613"/>
      <c r="WKB649" s="613"/>
      <c r="WKC649" s="613"/>
      <c r="WKD649" s="613"/>
      <c r="WKE649" s="613"/>
      <c r="WKF649" s="613"/>
      <c r="WKG649" s="613"/>
      <c r="WKH649" s="613"/>
      <c r="WKI649" s="613"/>
      <c r="WKJ649" s="613"/>
      <c r="WKK649" s="613"/>
      <c r="WKL649" s="613"/>
      <c r="WKM649" s="613"/>
      <c r="WKN649" s="613"/>
      <c r="WKO649" s="613"/>
      <c r="WKP649" s="613"/>
      <c r="WKQ649" s="613"/>
      <c r="WKR649" s="613"/>
      <c r="WKS649" s="613"/>
      <c r="WKT649" s="613"/>
      <c r="WKU649" s="613"/>
      <c r="WKV649" s="613"/>
      <c r="WKW649" s="613"/>
      <c r="WKX649" s="613"/>
      <c r="WKY649" s="613"/>
      <c r="WKZ649" s="613"/>
      <c r="WLA649" s="613"/>
      <c r="WLB649" s="613"/>
      <c r="WLC649" s="613"/>
      <c r="WLD649" s="613"/>
      <c r="WLE649" s="613"/>
      <c r="WLF649" s="613"/>
      <c r="WLG649" s="613"/>
      <c r="WLH649" s="613"/>
      <c r="WLI649" s="613"/>
      <c r="WLJ649" s="613"/>
      <c r="WLK649" s="613"/>
      <c r="WLL649" s="613"/>
      <c r="WLM649" s="613"/>
      <c r="WLN649" s="613"/>
      <c r="WLO649" s="613"/>
      <c r="WLP649" s="613"/>
      <c r="WLQ649" s="613"/>
      <c r="WLR649" s="613"/>
      <c r="WLS649" s="613"/>
      <c r="WLT649" s="613"/>
      <c r="WLU649" s="613"/>
      <c r="WLV649" s="613"/>
      <c r="WLW649" s="613"/>
      <c r="WLX649" s="613"/>
      <c r="WLY649" s="613"/>
      <c r="WLZ649" s="613"/>
      <c r="WMA649" s="613"/>
      <c r="WMB649" s="613"/>
      <c r="WMC649" s="613"/>
      <c r="WMD649" s="613"/>
      <c r="WME649" s="613"/>
      <c r="WMF649" s="613"/>
      <c r="WMG649" s="613"/>
      <c r="WMH649" s="613"/>
      <c r="WMI649" s="613"/>
      <c r="WMJ649" s="613"/>
      <c r="WMK649" s="613"/>
      <c r="WML649" s="613"/>
      <c r="WMM649" s="613"/>
      <c r="WMN649" s="613"/>
      <c r="WMO649" s="613"/>
      <c r="WMP649" s="613"/>
      <c r="WMQ649" s="613"/>
      <c r="WMR649" s="613"/>
      <c r="WMS649" s="613"/>
      <c r="WMT649" s="613"/>
      <c r="WMU649" s="613"/>
      <c r="WMV649" s="613"/>
      <c r="WMW649" s="613"/>
      <c r="WMX649" s="613"/>
      <c r="WMY649" s="613"/>
      <c r="WMZ649" s="613"/>
      <c r="WNA649" s="613"/>
      <c r="WNB649" s="613"/>
      <c r="WNC649" s="613"/>
      <c r="WND649" s="613"/>
      <c r="WNE649" s="613"/>
      <c r="WNF649" s="613"/>
      <c r="WNG649" s="613"/>
      <c r="WNH649" s="613"/>
      <c r="WNI649" s="613"/>
      <c r="WNJ649" s="613"/>
      <c r="WNK649" s="613"/>
      <c r="WNL649" s="613"/>
      <c r="WNM649" s="613"/>
      <c r="WNN649" s="613"/>
      <c r="WNO649" s="613"/>
      <c r="WNP649" s="613"/>
      <c r="WNQ649" s="613"/>
      <c r="WNR649" s="613"/>
      <c r="WNS649" s="613"/>
      <c r="WNT649" s="613"/>
      <c r="WNU649" s="613"/>
      <c r="WNV649" s="613"/>
      <c r="WNW649" s="613"/>
      <c r="WNX649" s="613"/>
      <c r="WNY649" s="613"/>
      <c r="WNZ649" s="613"/>
      <c r="WOA649" s="613"/>
      <c r="WOB649" s="613"/>
      <c r="WOC649" s="613"/>
      <c r="WOD649" s="613"/>
      <c r="WOE649" s="613"/>
      <c r="WOF649" s="613"/>
      <c r="WOG649" s="613"/>
      <c r="WOH649" s="613"/>
      <c r="WOI649" s="613"/>
      <c r="WOJ649" s="613"/>
      <c r="WOK649" s="613"/>
      <c r="WOL649" s="613"/>
      <c r="WOM649" s="613"/>
      <c r="WON649" s="613"/>
      <c r="WOO649" s="613"/>
      <c r="WOP649" s="613"/>
      <c r="WOQ649" s="613"/>
      <c r="WOR649" s="613"/>
      <c r="WOS649" s="613"/>
      <c r="WOT649" s="613"/>
      <c r="WOU649" s="613"/>
      <c r="WOV649" s="613"/>
      <c r="WOW649" s="613"/>
      <c r="WOX649" s="613"/>
      <c r="WOY649" s="613"/>
      <c r="WOZ649" s="613"/>
      <c r="WPA649" s="613"/>
      <c r="WPB649" s="613"/>
      <c r="WPC649" s="613"/>
      <c r="WPD649" s="613"/>
      <c r="WPE649" s="613"/>
      <c r="WPF649" s="613"/>
      <c r="WPG649" s="613"/>
      <c r="WPH649" s="613"/>
      <c r="WPI649" s="613"/>
      <c r="WPJ649" s="613"/>
      <c r="WPK649" s="613"/>
      <c r="WPL649" s="613"/>
      <c r="WPM649" s="613"/>
      <c r="WPN649" s="613"/>
      <c r="WPO649" s="613"/>
      <c r="WPP649" s="613"/>
      <c r="WPQ649" s="613"/>
      <c r="WPR649" s="613"/>
      <c r="WPS649" s="613"/>
      <c r="WPT649" s="613"/>
      <c r="WPU649" s="613"/>
      <c r="WPV649" s="613"/>
      <c r="WPW649" s="613"/>
      <c r="WPX649" s="613"/>
      <c r="WPY649" s="613"/>
      <c r="WPZ649" s="613"/>
      <c r="WQA649" s="613"/>
      <c r="WQB649" s="613"/>
      <c r="WQC649" s="613"/>
      <c r="WQD649" s="613"/>
      <c r="WQE649" s="613"/>
      <c r="WQF649" s="613"/>
      <c r="WQG649" s="613"/>
      <c r="WQH649" s="613"/>
      <c r="WQI649" s="613"/>
      <c r="WQJ649" s="613"/>
      <c r="WQK649" s="613"/>
      <c r="WQL649" s="613"/>
      <c r="WQM649" s="613"/>
      <c r="WQN649" s="613"/>
      <c r="WQO649" s="613"/>
      <c r="WQP649" s="613"/>
      <c r="WQQ649" s="613"/>
      <c r="WQR649" s="613"/>
      <c r="WQS649" s="613"/>
      <c r="WQT649" s="613"/>
      <c r="WQU649" s="613"/>
      <c r="WQV649" s="613"/>
      <c r="WQW649" s="613"/>
      <c r="WQX649" s="613"/>
      <c r="WQY649" s="613"/>
      <c r="WQZ649" s="613"/>
      <c r="WRA649" s="613"/>
      <c r="WRB649" s="613"/>
      <c r="WRC649" s="613"/>
      <c r="WRD649" s="613"/>
      <c r="WRE649" s="613"/>
      <c r="WRF649" s="613"/>
      <c r="WRG649" s="613"/>
      <c r="WRH649" s="613"/>
      <c r="WRI649" s="613"/>
      <c r="WRJ649" s="613"/>
      <c r="WRK649" s="613"/>
      <c r="WRL649" s="613"/>
      <c r="WRM649" s="613"/>
      <c r="WRN649" s="613"/>
      <c r="WRO649" s="613"/>
      <c r="WRP649" s="613"/>
      <c r="WRQ649" s="613"/>
      <c r="WRR649" s="613"/>
      <c r="WRS649" s="613"/>
      <c r="WRT649" s="613"/>
      <c r="WRU649" s="613"/>
      <c r="WRV649" s="613"/>
      <c r="WRW649" s="613"/>
      <c r="WRX649" s="613"/>
      <c r="WRY649" s="613"/>
      <c r="WRZ649" s="613"/>
      <c r="WSA649" s="613"/>
      <c r="WSB649" s="613"/>
      <c r="WSC649" s="613"/>
      <c r="WSD649" s="613"/>
      <c r="WSE649" s="613"/>
      <c r="WSF649" s="613"/>
      <c r="WSG649" s="613"/>
      <c r="WSH649" s="613"/>
      <c r="WSI649" s="613"/>
      <c r="WSJ649" s="613"/>
      <c r="WSK649" s="613"/>
      <c r="WSL649" s="613"/>
      <c r="WSM649" s="613"/>
      <c r="WSN649" s="613"/>
      <c r="WSO649" s="613"/>
      <c r="WSP649" s="613"/>
      <c r="WSQ649" s="613"/>
      <c r="WSR649" s="613"/>
      <c r="WSS649" s="613"/>
      <c r="WST649" s="613"/>
      <c r="WSU649" s="613"/>
      <c r="WSV649" s="613"/>
      <c r="WSW649" s="613"/>
      <c r="WSX649" s="613"/>
      <c r="WSY649" s="613"/>
      <c r="WSZ649" s="613"/>
      <c r="WTA649" s="613"/>
      <c r="WTB649" s="613"/>
      <c r="WTC649" s="613"/>
      <c r="WTD649" s="613"/>
      <c r="WTE649" s="613"/>
      <c r="WTF649" s="613"/>
      <c r="WTG649" s="613"/>
      <c r="WTH649" s="613"/>
      <c r="WTI649" s="613"/>
      <c r="WTJ649" s="613"/>
      <c r="WTK649" s="613"/>
      <c r="WTL649" s="613"/>
      <c r="WTM649" s="613"/>
      <c r="WTN649" s="613"/>
      <c r="WTO649" s="613"/>
      <c r="WTP649" s="613"/>
      <c r="WTQ649" s="613"/>
      <c r="WTR649" s="613"/>
      <c r="WTS649" s="613"/>
      <c r="WTT649" s="613"/>
      <c r="WTU649" s="613"/>
      <c r="WTV649" s="613"/>
      <c r="WTW649" s="613"/>
      <c r="WTX649" s="613"/>
      <c r="WTY649" s="613"/>
      <c r="WTZ649" s="613"/>
      <c r="WUA649" s="613"/>
      <c r="WUB649" s="613"/>
      <c r="WUC649" s="613"/>
      <c r="WUD649" s="613"/>
      <c r="WUE649" s="613"/>
      <c r="WUF649" s="613"/>
      <c r="WUG649" s="613"/>
      <c r="WUH649" s="613"/>
      <c r="WUI649" s="613"/>
      <c r="WUJ649" s="613"/>
      <c r="WUK649" s="613"/>
      <c r="WUL649" s="613"/>
      <c r="WUM649" s="613"/>
      <c r="WUN649" s="613"/>
      <c r="WUO649" s="613"/>
      <c r="WUP649" s="613"/>
      <c r="WUQ649" s="613"/>
      <c r="WUR649" s="613"/>
      <c r="WUS649" s="613"/>
      <c r="WUT649" s="613"/>
      <c r="WUU649" s="613"/>
      <c r="WUV649" s="613"/>
      <c r="WUW649" s="613"/>
      <c r="WUX649" s="613"/>
      <c r="WUY649" s="613"/>
      <c r="WUZ649" s="613"/>
      <c r="WVA649" s="613"/>
      <c r="WVB649" s="613"/>
      <c r="WVC649" s="613"/>
      <c r="WVD649" s="613"/>
      <c r="WVE649" s="613"/>
      <c r="WVF649" s="613"/>
      <c r="WVG649" s="613"/>
      <c r="WVH649" s="613"/>
      <c r="WVI649" s="613"/>
      <c r="WVJ649" s="613"/>
      <c r="WVK649" s="613"/>
      <c r="WVL649" s="613"/>
      <c r="WVM649" s="613"/>
      <c r="WVN649" s="613"/>
      <c r="WVO649" s="613"/>
      <c r="WVP649" s="613"/>
      <c r="WVQ649" s="613"/>
      <c r="WVR649" s="613"/>
      <c r="WVS649" s="613"/>
      <c r="WVT649" s="613"/>
      <c r="WVU649" s="613"/>
      <c r="WVV649" s="613"/>
      <c r="WVW649" s="613"/>
      <c r="WVX649" s="613"/>
      <c r="WVY649" s="613"/>
      <c r="WVZ649" s="613"/>
      <c r="WWA649" s="613"/>
      <c r="WWB649" s="613"/>
      <c r="WWC649" s="613"/>
      <c r="WWD649" s="613"/>
      <c r="WWE649" s="613"/>
      <c r="WWF649" s="613"/>
      <c r="WWG649" s="613"/>
      <c r="WWH649" s="613"/>
      <c r="WWI649" s="613"/>
      <c r="WWJ649" s="613"/>
      <c r="WWK649" s="613"/>
      <c r="WWL649" s="613"/>
      <c r="WWM649" s="613"/>
      <c r="WWN649" s="613"/>
      <c r="WWO649" s="613"/>
      <c r="WWP649" s="613"/>
      <c r="WWQ649" s="613"/>
      <c r="WWR649" s="613"/>
      <c r="WWS649" s="613"/>
      <c r="WWT649" s="613"/>
      <c r="WWU649" s="613"/>
      <c r="WWV649" s="613"/>
      <c r="WWW649" s="613"/>
      <c r="WWX649" s="613"/>
      <c r="WWY649" s="613"/>
      <c r="WWZ649" s="613"/>
      <c r="WXA649" s="613"/>
      <c r="WXB649" s="613"/>
      <c r="WXC649" s="613"/>
      <c r="WXD649" s="613"/>
      <c r="WXE649" s="613"/>
      <c r="WXF649" s="613"/>
      <c r="WXG649" s="613"/>
      <c r="WXH649" s="613"/>
      <c r="WXI649" s="613"/>
      <c r="WXJ649" s="613"/>
      <c r="WXK649" s="613"/>
      <c r="WXL649" s="613"/>
      <c r="WXM649" s="613"/>
      <c r="WXN649" s="613"/>
      <c r="WXO649" s="613"/>
      <c r="WXP649" s="613"/>
      <c r="WXQ649" s="613"/>
      <c r="WXR649" s="613"/>
      <c r="WXS649" s="613"/>
      <c r="WXT649" s="613"/>
      <c r="WXU649" s="613"/>
      <c r="WXV649" s="613"/>
      <c r="WXW649" s="613"/>
      <c r="WXX649" s="613"/>
      <c r="WXY649" s="613"/>
      <c r="WXZ649" s="613"/>
      <c r="WYA649" s="613"/>
      <c r="WYB649" s="613"/>
      <c r="WYC649" s="613"/>
      <c r="WYD649" s="613"/>
      <c r="WYE649" s="613"/>
      <c r="WYF649" s="613"/>
      <c r="WYG649" s="613"/>
      <c r="WYH649" s="613"/>
      <c r="WYI649" s="613"/>
      <c r="WYJ649" s="613"/>
      <c r="WYK649" s="613"/>
      <c r="WYL649" s="613"/>
      <c r="WYM649" s="613"/>
      <c r="WYN649" s="613"/>
      <c r="WYO649" s="613"/>
      <c r="WYP649" s="613"/>
      <c r="WYQ649" s="613"/>
      <c r="WYR649" s="613"/>
      <c r="WYS649" s="613"/>
      <c r="WYT649" s="613"/>
      <c r="WYU649" s="613"/>
      <c r="WYV649" s="613"/>
      <c r="WYW649" s="613"/>
      <c r="WYX649" s="613"/>
      <c r="WYY649" s="613"/>
      <c r="WYZ649" s="613"/>
      <c r="WZA649" s="613"/>
      <c r="WZB649" s="613"/>
      <c r="WZC649" s="613"/>
      <c r="WZD649" s="613"/>
      <c r="WZE649" s="613"/>
      <c r="WZF649" s="613"/>
      <c r="WZG649" s="613"/>
      <c r="WZH649" s="613"/>
      <c r="WZI649" s="613"/>
      <c r="WZJ649" s="613"/>
      <c r="WZK649" s="613"/>
      <c r="WZL649" s="613"/>
      <c r="WZM649" s="613"/>
      <c r="WZN649" s="613"/>
      <c r="WZO649" s="613"/>
      <c r="WZP649" s="613"/>
      <c r="WZQ649" s="613"/>
      <c r="WZR649" s="613"/>
      <c r="WZS649" s="613"/>
      <c r="WZT649" s="613"/>
      <c r="WZU649" s="613"/>
      <c r="WZV649" s="613"/>
      <c r="WZW649" s="613"/>
      <c r="WZX649" s="613"/>
      <c r="WZY649" s="613"/>
      <c r="WZZ649" s="613"/>
      <c r="XAA649" s="613"/>
      <c r="XAB649" s="613"/>
      <c r="XAC649" s="613"/>
      <c r="XAD649" s="613"/>
      <c r="XAE649" s="613"/>
      <c r="XAF649" s="613"/>
      <c r="XAG649" s="613"/>
      <c r="XAH649" s="613"/>
      <c r="XAI649" s="613"/>
      <c r="XAJ649" s="613"/>
      <c r="XAK649" s="613"/>
      <c r="XAL649" s="613"/>
      <c r="XAM649" s="613"/>
      <c r="XAN649" s="613"/>
      <c r="XAO649" s="613"/>
      <c r="XAP649" s="613"/>
      <c r="XAQ649" s="613"/>
      <c r="XAR649" s="613"/>
      <c r="XAS649" s="613"/>
      <c r="XAT649" s="613"/>
      <c r="XAU649" s="613"/>
      <c r="XAV649" s="613"/>
      <c r="XAW649" s="613"/>
      <c r="XAX649" s="613"/>
      <c r="XAY649" s="613"/>
      <c r="XAZ649" s="613"/>
      <c r="XBA649" s="613"/>
      <c r="XBB649" s="613"/>
      <c r="XBC649" s="613"/>
      <c r="XBD649" s="613"/>
      <c r="XBE649" s="613"/>
      <c r="XBF649" s="613"/>
      <c r="XBG649" s="613"/>
      <c r="XBH649" s="613"/>
      <c r="XBI649" s="613"/>
      <c r="XBJ649" s="613"/>
      <c r="XBK649" s="613"/>
      <c r="XBL649" s="613"/>
      <c r="XBM649" s="613"/>
      <c r="XBN649" s="613"/>
      <c r="XBO649" s="613"/>
      <c r="XBP649" s="613"/>
      <c r="XBQ649" s="613"/>
      <c r="XBR649" s="613"/>
      <c r="XBS649" s="613"/>
      <c r="XBT649" s="613"/>
      <c r="XBU649" s="613"/>
      <c r="XBV649" s="613"/>
      <c r="XBW649" s="613"/>
      <c r="XBX649" s="613"/>
      <c r="XBY649" s="613"/>
      <c r="XBZ649" s="613"/>
      <c r="XCA649" s="613"/>
      <c r="XCB649" s="613"/>
      <c r="XCC649" s="613"/>
      <c r="XCD649" s="613"/>
      <c r="XCE649" s="613"/>
      <c r="XCF649" s="613"/>
      <c r="XCG649" s="613"/>
      <c r="XCH649" s="613"/>
      <c r="XCI649" s="613"/>
      <c r="XCJ649" s="613"/>
      <c r="XCK649" s="613"/>
      <c r="XCL649" s="613"/>
      <c r="XCM649" s="613"/>
      <c r="XCN649" s="613"/>
      <c r="XCO649" s="613"/>
      <c r="XCP649" s="613"/>
      <c r="XCQ649" s="613"/>
    </row>
    <row r="650" spans="1:16319" ht="56.1" customHeight="1" x14ac:dyDescent="0.2">
      <c r="A650" s="494"/>
      <c r="B650" s="77"/>
      <c r="C650" s="494"/>
      <c r="D650" s="481">
        <v>194</v>
      </c>
      <c r="E650" s="481"/>
      <c r="F650" s="481" t="s">
        <v>2481</v>
      </c>
      <c r="G650" s="482" t="s">
        <v>53</v>
      </c>
      <c r="H650" s="481" t="s">
        <v>329</v>
      </c>
      <c r="I650" s="654" t="s">
        <v>428</v>
      </c>
      <c r="J650" s="654" t="s">
        <v>369</v>
      </c>
      <c r="K650" s="495" t="s">
        <v>450</v>
      </c>
      <c r="L650" s="621"/>
      <c r="M650" s="484" t="s">
        <v>58</v>
      </c>
      <c r="N650" s="327" t="s">
        <v>2601</v>
      </c>
      <c r="O650" s="484" t="s">
        <v>2996</v>
      </c>
      <c r="P650" s="484" t="s">
        <v>81</v>
      </c>
      <c r="Q650" s="667" t="s">
        <v>334</v>
      </c>
      <c r="R650" s="484" t="s">
        <v>334</v>
      </c>
      <c r="S650" s="484" t="s">
        <v>392</v>
      </c>
      <c r="T650" s="484"/>
      <c r="U650" s="620" t="s">
        <v>63</v>
      </c>
      <c r="V650" s="620" t="s">
        <v>63</v>
      </c>
      <c r="W650" s="723">
        <v>20914.071633126616</v>
      </c>
      <c r="X650" s="723"/>
      <c r="Y650" s="654" t="s">
        <v>226</v>
      </c>
      <c r="Z650" s="654"/>
      <c r="AA650" s="723">
        <v>20914.071633126616</v>
      </c>
      <c r="AB650" s="652" t="s">
        <v>82</v>
      </c>
      <c r="AC650" s="652"/>
      <c r="AD650" s="496"/>
      <c r="AE650" s="496"/>
      <c r="AF650" s="496"/>
      <c r="AG650" s="496"/>
      <c r="AH650" s="496"/>
      <c r="AI650" s="487"/>
      <c r="AJ650" s="496"/>
      <c r="AK650" s="496"/>
      <c r="AL650" s="496"/>
      <c r="AM650" s="496"/>
      <c r="AN650" s="496"/>
      <c r="AO650" s="496"/>
      <c r="AP650" s="496"/>
      <c r="AQ650" s="496"/>
      <c r="AR650" s="496" t="s">
        <v>66</v>
      </c>
      <c r="AS650" s="496"/>
      <c r="AT650" s="496"/>
      <c r="AU650" s="487"/>
      <c r="AV650" s="487"/>
      <c r="AW650" s="487"/>
      <c r="AX650" s="487"/>
      <c r="AY650" s="487"/>
      <c r="AZ650" s="487"/>
      <c r="BA650" s="484"/>
      <c r="BB650" s="484"/>
      <c r="BC650" s="484"/>
      <c r="BD650" s="494"/>
      <c r="BE650" s="494"/>
      <c r="BF650" s="137"/>
      <c r="BG650" s="613"/>
      <c r="BH650" s="613"/>
      <c r="BI650" s="613"/>
      <c r="BJ650" s="613"/>
      <c r="BK650" s="613"/>
      <c r="BL650" s="613"/>
      <c r="BM650" s="613"/>
      <c r="BN650" s="613"/>
      <c r="BO650" s="613"/>
      <c r="BP650" s="613"/>
      <c r="BQ650" s="613"/>
      <c r="BR650" s="613"/>
      <c r="BS650" s="613"/>
      <c r="BT650" s="613"/>
      <c r="BU650" s="613"/>
      <c r="BV650" s="613"/>
      <c r="BW650" s="613"/>
      <c r="BX650" s="613"/>
      <c r="BY650" s="613"/>
      <c r="BZ650" s="613"/>
      <c r="CA650" s="613"/>
      <c r="CB650" s="613"/>
      <c r="CC650" s="613"/>
      <c r="CD650" s="613"/>
      <c r="CE650" s="613"/>
      <c r="CF650" s="613"/>
      <c r="CG650" s="613"/>
      <c r="CH650" s="613"/>
      <c r="CI650" s="613"/>
      <c r="CJ650" s="613"/>
      <c r="CK650" s="613"/>
      <c r="CL650" s="613"/>
      <c r="CM650" s="613"/>
      <c r="CN650" s="613"/>
      <c r="CO650" s="613"/>
      <c r="CP650" s="613"/>
      <c r="CQ650" s="613"/>
      <c r="CR650" s="613"/>
      <c r="CS650" s="613"/>
      <c r="CT650" s="613"/>
      <c r="CU650" s="613"/>
      <c r="CV650" s="613"/>
      <c r="CW650" s="613"/>
      <c r="CX650" s="613"/>
      <c r="CY650" s="613"/>
      <c r="CZ650" s="613"/>
      <c r="DA650" s="613"/>
      <c r="DB650" s="613"/>
      <c r="DC650" s="613"/>
      <c r="DD650" s="613"/>
      <c r="DE650" s="613"/>
      <c r="DF650" s="613"/>
      <c r="DG650" s="613"/>
      <c r="DH650" s="613"/>
      <c r="DI650" s="613"/>
      <c r="DJ650" s="613"/>
      <c r="DK650" s="613"/>
      <c r="DL650" s="613"/>
      <c r="DM650" s="613"/>
      <c r="DN650" s="613"/>
      <c r="DO650" s="613"/>
      <c r="DP650" s="613"/>
      <c r="DQ650" s="613"/>
      <c r="DR650" s="613"/>
      <c r="DS650" s="613"/>
      <c r="DT650" s="613"/>
      <c r="DU650" s="613"/>
      <c r="DV650" s="613"/>
      <c r="DW650" s="613"/>
      <c r="DX650" s="613"/>
      <c r="DY650" s="613"/>
      <c r="DZ650" s="613"/>
      <c r="EA650" s="613"/>
      <c r="EB650" s="613"/>
      <c r="EC650" s="613"/>
      <c r="ED650" s="613"/>
      <c r="EE650" s="613"/>
      <c r="EF650" s="613"/>
      <c r="EG650" s="613"/>
      <c r="EH650" s="613"/>
      <c r="EI650" s="613"/>
      <c r="EJ650" s="613"/>
      <c r="EK650" s="613"/>
      <c r="EL650" s="613"/>
      <c r="EM650" s="613"/>
      <c r="EN650" s="613"/>
      <c r="EO650" s="613"/>
      <c r="EP650" s="613"/>
      <c r="EQ650" s="613"/>
      <c r="ER650" s="613"/>
      <c r="ES650" s="613"/>
      <c r="ET650" s="613"/>
      <c r="EU650" s="613"/>
      <c r="EV650" s="613"/>
      <c r="EW650" s="613"/>
      <c r="EX650" s="613"/>
      <c r="EY650" s="613"/>
      <c r="EZ650" s="613"/>
      <c r="FA650" s="613"/>
      <c r="FB650" s="613"/>
      <c r="FC650" s="613"/>
      <c r="FD650" s="613"/>
      <c r="FE650" s="613"/>
      <c r="FF650" s="613"/>
      <c r="FG650" s="613"/>
      <c r="FH650" s="613"/>
      <c r="FI650" s="613"/>
      <c r="FJ650" s="613"/>
      <c r="FK650" s="613"/>
      <c r="FL650" s="613"/>
      <c r="FM650" s="613"/>
      <c r="FN650" s="613"/>
      <c r="FO650" s="613"/>
      <c r="FP650" s="613"/>
      <c r="FQ650" s="613"/>
      <c r="FR650" s="613"/>
      <c r="FS650" s="613"/>
      <c r="FT650" s="613"/>
      <c r="FU650" s="613"/>
      <c r="FV650" s="613"/>
      <c r="FW650" s="613"/>
      <c r="FX650" s="613"/>
      <c r="FY650" s="613"/>
      <c r="FZ650" s="613"/>
      <c r="GA650" s="613"/>
      <c r="GB650" s="613"/>
      <c r="GC650" s="613"/>
      <c r="GD650" s="613"/>
      <c r="GE650" s="613"/>
      <c r="GF650" s="613"/>
      <c r="GG650" s="613"/>
      <c r="GH650" s="613"/>
      <c r="GI650" s="613"/>
      <c r="GJ650" s="613"/>
      <c r="GK650" s="613"/>
      <c r="GL650" s="613"/>
      <c r="GM650" s="613"/>
      <c r="GN650" s="613"/>
      <c r="GO650" s="613"/>
      <c r="GP650" s="613"/>
      <c r="GQ650" s="613"/>
      <c r="GR650" s="613"/>
      <c r="GS650" s="613"/>
      <c r="GT650" s="613"/>
      <c r="GU650" s="613"/>
      <c r="GV650" s="613"/>
      <c r="GW650" s="613"/>
      <c r="GX650" s="613"/>
      <c r="GY650" s="613"/>
      <c r="GZ650" s="613"/>
      <c r="HA650" s="613"/>
      <c r="HB650" s="613"/>
      <c r="HC650" s="613"/>
      <c r="HD650" s="613"/>
      <c r="HE650" s="613"/>
      <c r="HF650" s="613"/>
      <c r="HG650" s="613"/>
      <c r="HH650" s="613"/>
      <c r="HI650" s="613"/>
      <c r="HJ650" s="613"/>
      <c r="HK650" s="613"/>
      <c r="HL650" s="613"/>
      <c r="HM650" s="613"/>
      <c r="HN650" s="613"/>
      <c r="HO650" s="613"/>
      <c r="HP650" s="613"/>
      <c r="HQ650" s="613"/>
      <c r="HR650" s="613"/>
      <c r="HS650" s="613"/>
      <c r="HT650" s="613"/>
      <c r="HU650" s="613"/>
      <c r="HV650" s="613"/>
      <c r="HW650" s="613"/>
      <c r="HX650" s="613"/>
      <c r="HY650" s="613"/>
      <c r="HZ650" s="613"/>
      <c r="IA650" s="613"/>
      <c r="IB650" s="613"/>
      <c r="IC650" s="613"/>
      <c r="ID650" s="613"/>
      <c r="IE650" s="613"/>
      <c r="IF650" s="613"/>
      <c r="IG650" s="613"/>
      <c r="IH650" s="613"/>
      <c r="II650" s="613"/>
      <c r="IJ650" s="613"/>
      <c r="IK650" s="613"/>
      <c r="IL650" s="613"/>
      <c r="IM650" s="613"/>
      <c r="IN650" s="613"/>
      <c r="IO650" s="613"/>
      <c r="IP650" s="613"/>
      <c r="IQ650" s="613"/>
      <c r="IR650" s="613"/>
      <c r="IS650" s="613"/>
      <c r="IT650" s="613"/>
      <c r="IU650" s="613"/>
      <c r="IV650" s="613"/>
      <c r="IW650" s="613"/>
      <c r="IX650" s="613"/>
      <c r="IY650" s="613"/>
      <c r="IZ650" s="613"/>
      <c r="JA650" s="613"/>
      <c r="JB650" s="613"/>
      <c r="JC650" s="613"/>
      <c r="JD650" s="613"/>
      <c r="JE650" s="613"/>
      <c r="JF650" s="613"/>
      <c r="JG650" s="613"/>
      <c r="JH650" s="613"/>
      <c r="JI650" s="613"/>
      <c r="JJ650" s="613"/>
      <c r="JK650" s="613"/>
      <c r="JL650" s="613"/>
      <c r="JM650" s="613"/>
      <c r="JN650" s="613"/>
      <c r="JO650" s="613"/>
      <c r="JP650" s="613"/>
      <c r="JQ650" s="613"/>
      <c r="JR650" s="613"/>
      <c r="JS650" s="613"/>
      <c r="JT650" s="613"/>
      <c r="JU650" s="613"/>
      <c r="JV650" s="613"/>
      <c r="JW650" s="613"/>
      <c r="JX650" s="613"/>
      <c r="JY650" s="613"/>
      <c r="JZ650" s="613"/>
      <c r="KA650" s="613"/>
      <c r="KB650" s="613"/>
      <c r="KC650" s="613"/>
      <c r="KD650" s="613"/>
      <c r="KE650" s="613"/>
      <c r="KF650" s="613"/>
      <c r="KG650" s="613"/>
      <c r="KH650" s="613"/>
      <c r="KI650" s="613"/>
      <c r="KJ650" s="613"/>
      <c r="KK650" s="613"/>
      <c r="KL650" s="613"/>
      <c r="KM650" s="613"/>
      <c r="KN650" s="613"/>
      <c r="KO650" s="613"/>
      <c r="KP650" s="613"/>
      <c r="KQ650" s="613"/>
      <c r="KR650" s="613"/>
      <c r="KS650" s="613"/>
      <c r="KT650" s="613"/>
      <c r="KU650" s="613"/>
      <c r="KV650" s="613"/>
      <c r="KW650" s="613"/>
      <c r="KX650" s="613"/>
      <c r="KY650" s="613"/>
      <c r="KZ650" s="613"/>
      <c r="LA650" s="613"/>
      <c r="LB650" s="613"/>
      <c r="LC650" s="613"/>
      <c r="LD650" s="613"/>
      <c r="LE650" s="613"/>
      <c r="LF650" s="613"/>
      <c r="LG650" s="613"/>
      <c r="LH650" s="613"/>
      <c r="LI650" s="613"/>
      <c r="LJ650" s="613"/>
      <c r="LK650" s="613"/>
      <c r="LL650" s="613"/>
      <c r="LM650" s="613"/>
      <c r="LN650" s="613"/>
      <c r="LO650" s="613"/>
      <c r="LP650" s="613"/>
      <c r="LQ650" s="613"/>
      <c r="LR650" s="613"/>
      <c r="LS650" s="613"/>
      <c r="LT650" s="613"/>
      <c r="LU650" s="613"/>
      <c r="LV650" s="613"/>
      <c r="LW650" s="613"/>
      <c r="LX650" s="613"/>
      <c r="LY650" s="613"/>
      <c r="LZ650" s="613"/>
      <c r="MA650" s="613"/>
      <c r="MB650" s="613"/>
      <c r="MC650" s="613"/>
      <c r="MD650" s="613"/>
      <c r="ME650" s="613"/>
      <c r="MF650" s="613"/>
      <c r="MG650" s="613"/>
      <c r="MH650" s="613"/>
      <c r="MI650" s="613"/>
      <c r="MJ650" s="613"/>
      <c r="MK650" s="613"/>
      <c r="ML650" s="613"/>
      <c r="MM650" s="613"/>
      <c r="MN650" s="613"/>
      <c r="MO650" s="613"/>
      <c r="MP650" s="613"/>
      <c r="MQ650" s="613"/>
      <c r="MR650" s="613"/>
      <c r="MS650" s="613"/>
      <c r="MT650" s="613"/>
      <c r="MU650" s="613"/>
      <c r="MV650" s="613"/>
      <c r="MW650" s="613"/>
      <c r="MX650" s="613"/>
      <c r="MY650" s="613"/>
      <c r="MZ650" s="613"/>
      <c r="NA650" s="613"/>
      <c r="NB650" s="613"/>
      <c r="NC650" s="613"/>
      <c r="ND650" s="613"/>
      <c r="NE650" s="613"/>
      <c r="NF650" s="613"/>
      <c r="NG650" s="613"/>
      <c r="NH650" s="613"/>
      <c r="NI650" s="613"/>
      <c r="NJ650" s="613"/>
      <c r="NK650" s="613"/>
      <c r="NL650" s="613"/>
      <c r="NM650" s="613"/>
      <c r="NN650" s="613"/>
      <c r="NO650" s="613"/>
      <c r="NP650" s="613"/>
      <c r="NQ650" s="613"/>
      <c r="NR650" s="613"/>
      <c r="NS650" s="613"/>
      <c r="NT650" s="613"/>
      <c r="NU650" s="613"/>
      <c r="NV650" s="613"/>
      <c r="NW650" s="613"/>
      <c r="NX650" s="613"/>
      <c r="NY650" s="613"/>
      <c r="NZ650" s="613"/>
      <c r="OA650" s="613"/>
      <c r="OB650" s="613"/>
      <c r="OC650" s="613"/>
      <c r="OD650" s="613"/>
      <c r="OE650" s="613"/>
      <c r="OF650" s="613"/>
      <c r="OG650" s="613"/>
      <c r="OH650" s="613"/>
      <c r="OI650" s="613"/>
      <c r="OJ650" s="613"/>
      <c r="OK650" s="613"/>
      <c r="OL650" s="613"/>
      <c r="OM650" s="613"/>
      <c r="ON650" s="613"/>
      <c r="OO650" s="613"/>
      <c r="OP650" s="613"/>
      <c r="OQ650" s="613"/>
      <c r="OR650" s="613"/>
      <c r="OS650" s="613"/>
      <c r="OT650" s="613"/>
      <c r="OU650" s="613"/>
      <c r="OV650" s="613"/>
      <c r="OW650" s="613"/>
      <c r="OX650" s="613"/>
      <c r="OY650" s="613"/>
      <c r="OZ650" s="613"/>
      <c r="PA650" s="613"/>
      <c r="PB650" s="613"/>
      <c r="PC650" s="613"/>
      <c r="PD650" s="613"/>
      <c r="PE650" s="613"/>
      <c r="PF650" s="613"/>
      <c r="PG650" s="613"/>
      <c r="PH650" s="613"/>
      <c r="PI650" s="613"/>
      <c r="PJ650" s="613"/>
      <c r="PK650" s="613"/>
      <c r="PL650" s="613"/>
      <c r="PM650" s="613"/>
      <c r="PN650" s="613"/>
      <c r="PO650" s="613"/>
      <c r="PP650" s="613"/>
      <c r="PQ650" s="613"/>
      <c r="PR650" s="613"/>
      <c r="PS650" s="613"/>
      <c r="PT650" s="613"/>
      <c r="PU650" s="613"/>
      <c r="PV650" s="613"/>
      <c r="PW650" s="613"/>
      <c r="PX650" s="613"/>
      <c r="PY650" s="613"/>
      <c r="PZ650" s="613"/>
      <c r="QA650" s="613"/>
      <c r="QB650" s="613"/>
      <c r="QC650" s="613"/>
      <c r="QD650" s="613"/>
      <c r="QE650" s="613"/>
      <c r="QF650" s="613"/>
      <c r="QG650" s="613"/>
      <c r="QH650" s="613"/>
      <c r="QI650" s="613"/>
      <c r="QJ650" s="613"/>
      <c r="QK650" s="613"/>
      <c r="QL650" s="613"/>
      <c r="QM650" s="613"/>
      <c r="QN650" s="613"/>
      <c r="QO650" s="613"/>
      <c r="QP650" s="613"/>
      <c r="QQ650" s="613"/>
      <c r="QR650" s="613"/>
      <c r="QS650" s="613"/>
      <c r="QT650" s="613"/>
      <c r="QU650" s="613"/>
      <c r="QV650" s="613"/>
      <c r="QW650" s="613"/>
      <c r="QX650" s="613"/>
      <c r="QY650" s="613"/>
      <c r="QZ650" s="613"/>
      <c r="RA650" s="613"/>
      <c r="RB650" s="613"/>
      <c r="RC650" s="613"/>
      <c r="RD650" s="613"/>
      <c r="RE650" s="613"/>
      <c r="RF650" s="613"/>
      <c r="RG650" s="613"/>
      <c r="RH650" s="613"/>
      <c r="RI650" s="613"/>
      <c r="RJ650" s="613"/>
      <c r="RK650" s="613"/>
      <c r="RL650" s="613"/>
      <c r="RM650" s="613"/>
      <c r="RN650" s="613"/>
      <c r="RO650" s="613"/>
      <c r="RP650" s="613"/>
      <c r="RQ650" s="613"/>
      <c r="RR650" s="613"/>
      <c r="RS650" s="613"/>
      <c r="RT650" s="613"/>
      <c r="RU650" s="613"/>
      <c r="RV650" s="613"/>
      <c r="RW650" s="613"/>
      <c r="RX650" s="613"/>
      <c r="RY650" s="613"/>
      <c r="RZ650" s="613"/>
      <c r="SA650" s="613"/>
      <c r="SB650" s="613"/>
      <c r="SC650" s="613"/>
      <c r="SD650" s="613"/>
      <c r="SE650" s="613"/>
      <c r="SF650" s="613"/>
      <c r="SG650" s="613"/>
      <c r="SH650" s="613"/>
      <c r="SI650" s="613"/>
      <c r="SJ650" s="613"/>
      <c r="SK650" s="613"/>
      <c r="SL650" s="613"/>
      <c r="SM650" s="613"/>
      <c r="SN650" s="613"/>
      <c r="SO650" s="613"/>
      <c r="SP650" s="613"/>
      <c r="SQ650" s="613"/>
      <c r="SR650" s="613"/>
      <c r="SS650" s="613"/>
      <c r="ST650" s="613"/>
      <c r="SU650" s="613"/>
      <c r="SV650" s="613"/>
      <c r="SW650" s="613"/>
      <c r="SX650" s="613"/>
      <c r="SY650" s="613"/>
      <c r="SZ650" s="613"/>
      <c r="TA650" s="613"/>
      <c r="TB650" s="613"/>
      <c r="TC650" s="613"/>
      <c r="TD650" s="613"/>
      <c r="TE650" s="613"/>
      <c r="TF650" s="613"/>
      <c r="TG650" s="613"/>
      <c r="TH650" s="613"/>
      <c r="TI650" s="613"/>
      <c r="TJ650" s="613"/>
      <c r="TK650" s="613"/>
      <c r="TL650" s="613"/>
      <c r="TM650" s="613"/>
      <c r="TN650" s="613"/>
      <c r="TO650" s="613"/>
      <c r="TP650" s="613"/>
      <c r="TQ650" s="613"/>
      <c r="TR650" s="613"/>
      <c r="TS650" s="613"/>
      <c r="TT650" s="613"/>
      <c r="TU650" s="613"/>
      <c r="TV650" s="613"/>
      <c r="TW650" s="613"/>
      <c r="TX650" s="613"/>
      <c r="TY650" s="613"/>
      <c r="TZ650" s="613"/>
      <c r="UA650" s="613"/>
      <c r="UB650" s="613"/>
      <c r="UC650" s="613"/>
      <c r="UD650" s="613"/>
      <c r="UE650" s="613"/>
      <c r="UF650" s="613"/>
      <c r="UG650" s="613"/>
      <c r="UH650" s="613"/>
      <c r="UI650" s="613"/>
      <c r="UJ650" s="613"/>
      <c r="UK650" s="613"/>
      <c r="UL650" s="613"/>
      <c r="UM650" s="613"/>
      <c r="UN650" s="613"/>
      <c r="UO650" s="613"/>
      <c r="UP650" s="613"/>
      <c r="UQ650" s="613"/>
      <c r="UR650" s="613"/>
      <c r="US650" s="613"/>
      <c r="UT650" s="613"/>
      <c r="UU650" s="613"/>
      <c r="UV650" s="613"/>
      <c r="UW650" s="613"/>
      <c r="UX650" s="613"/>
      <c r="UY650" s="613"/>
      <c r="UZ650" s="613"/>
      <c r="VA650" s="613"/>
      <c r="VB650" s="613"/>
      <c r="VC650" s="613"/>
      <c r="VD650" s="613"/>
      <c r="VE650" s="613"/>
      <c r="VF650" s="613"/>
      <c r="VG650" s="613"/>
      <c r="VH650" s="613"/>
      <c r="VI650" s="613"/>
      <c r="VJ650" s="613"/>
      <c r="VK650" s="613"/>
      <c r="VL650" s="613"/>
      <c r="VM650" s="613"/>
      <c r="VN650" s="613"/>
      <c r="VO650" s="613"/>
      <c r="VP650" s="613"/>
      <c r="VQ650" s="613"/>
      <c r="VR650" s="613"/>
      <c r="VS650" s="613"/>
      <c r="VT650" s="613"/>
      <c r="VU650" s="613"/>
      <c r="VV650" s="613"/>
      <c r="VW650" s="613"/>
      <c r="VX650" s="613"/>
      <c r="VY650" s="613"/>
      <c r="VZ650" s="613"/>
      <c r="WA650" s="613"/>
      <c r="WB650" s="613"/>
      <c r="WC650" s="613"/>
      <c r="WD650" s="613"/>
      <c r="WE650" s="613"/>
      <c r="WF650" s="613"/>
      <c r="WG650" s="613"/>
      <c r="WH650" s="613"/>
      <c r="WI650" s="613"/>
      <c r="WJ650" s="613"/>
      <c r="WK650" s="613"/>
      <c r="WL650" s="613"/>
      <c r="WM650" s="613"/>
      <c r="WN650" s="613"/>
      <c r="WO650" s="613"/>
      <c r="WP650" s="613"/>
      <c r="WQ650" s="613"/>
      <c r="WR650" s="613"/>
      <c r="WS650" s="613"/>
      <c r="WT650" s="613"/>
      <c r="WU650" s="613"/>
      <c r="WV650" s="613"/>
      <c r="WW650" s="613"/>
      <c r="WX650" s="613"/>
      <c r="WY650" s="613"/>
      <c r="WZ650" s="613"/>
      <c r="XA650" s="613"/>
      <c r="XB650" s="613"/>
      <c r="XC650" s="613"/>
      <c r="XD650" s="613"/>
      <c r="XE650" s="613"/>
      <c r="XF650" s="613"/>
      <c r="XG650" s="613"/>
      <c r="XH650" s="613"/>
      <c r="XI650" s="613"/>
      <c r="XJ650" s="613"/>
      <c r="XK650" s="613"/>
      <c r="XL650" s="613"/>
      <c r="XM650" s="613"/>
      <c r="XN650" s="613"/>
      <c r="XO650" s="613"/>
      <c r="XP650" s="613"/>
      <c r="XQ650" s="613"/>
      <c r="XR650" s="613"/>
      <c r="XS650" s="613"/>
      <c r="XT650" s="613"/>
      <c r="XU650" s="613"/>
      <c r="XV650" s="613"/>
      <c r="XW650" s="613"/>
      <c r="XX650" s="613"/>
      <c r="XY650" s="613"/>
      <c r="XZ650" s="613"/>
      <c r="YA650" s="613"/>
      <c r="YB650" s="613"/>
      <c r="YC650" s="613"/>
      <c r="YD650" s="613"/>
      <c r="YE650" s="613"/>
      <c r="YF650" s="613"/>
      <c r="YG650" s="613"/>
      <c r="YH650" s="613"/>
      <c r="YI650" s="613"/>
      <c r="YJ650" s="613"/>
      <c r="YK650" s="613"/>
      <c r="YL650" s="613"/>
      <c r="YM650" s="613"/>
      <c r="YN650" s="613"/>
      <c r="YO650" s="613"/>
      <c r="YP650" s="613"/>
      <c r="YQ650" s="613"/>
      <c r="YR650" s="613"/>
      <c r="YS650" s="613"/>
      <c r="YT650" s="613"/>
      <c r="YU650" s="613"/>
      <c r="YV650" s="613"/>
      <c r="YW650" s="613"/>
      <c r="YX650" s="613"/>
      <c r="YY650" s="613"/>
      <c r="YZ650" s="613"/>
      <c r="ZA650" s="613"/>
      <c r="ZB650" s="613"/>
      <c r="ZC650" s="613"/>
      <c r="ZD650" s="613"/>
      <c r="ZE650" s="613"/>
      <c r="ZF650" s="613"/>
      <c r="ZG650" s="613"/>
      <c r="ZH650" s="613"/>
      <c r="ZI650" s="613"/>
      <c r="ZJ650" s="613"/>
      <c r="ZK650" s="613"/>
      <c r="ZL650" s="613"/>
      <c r="ZM650" s="613"/>
      <c r="ZN650" s="613"/>
      <c r="ZO650" s="613"/>
      <c r="ZP650" s="613"/>
      <c r="ZQ650" s="613"/>
      <c r="ZR650" s="613"/>
      <c r="ZS650" s="613"/>
      <c r="ZT650" s="613"/>
      <c r="ZU650" s="613"/>
      <c r="ZV650" s="613"/>
      <c r="ZW650" s="613"/>
      <c r="ZX650" s="613"/>
      <c r="ZY650" s="613"/>
      <c r="ZZ650" s="613"/>
      <c r="AAA650" s="613"/>
      <c r="AAB650" s="613"/>
      <c r="AAC650" s="613"/>
      <c r="AAD650" s="613"/>
      <c r="AAE650" s="613"/>
      <c r="AAF650" s="613"/>
      <c r="AAG650" s="613"/>
      <c r="AAH650" s="613"/>
      <c r="AAI650" s="613"/>
      <c r="AAJ650" s="613"/>
      <c r="AAK650" s="613"/>
      <c r="AAL650" s="613"/>
      <c r="AAM650" s="613"/>
      <c r="AAN650" s="613"/>
      <c r="AAO650" s="613"/>
      <c r="AAP650" s="613"/>
      <c r="AAQ650" s="613"/>
      <c r="AAR650" s="613"/>
      <c r="AAS650" s="613"/>
      <c r="AAT650" s="613"/>
      <c r="AAU650" s="613"/>
      <c r="AAV650" s="613"/>
      <c r="AAW650" s="613"/>
      <c r="AAX650" s="613"/>
      <c r="AAY650" s="613"/>
      <c r="AAZ650" s="613"/>
      <c r="ABA650" s="613"/>
      <c r="ABB650" s="613"/>
      <c r="ABC650" s="613"/>
      <c r="ABD650" s="613"/>
      <c r="ABE650" s="613"/>
      <c r="ABF650" s="613"/>
      <c r="ABG650" s="613"/>
      <c r="ABH650" s="613"/>
      <c r="ABI650" s="613"/>
      <c r="ABJ650" s="613"/>
      <c r="ABK650" s="613"/>
      <c r="ABL650" s="613"/>
      <c r="ABM650" s="613"/>
      <c r="ABN650" s="613"/>
      <c r="ABO650" s="613"/>
      <c r="ABP650" s="613"/>
      <c r="ABQ650" s="613"/>
      <c r="ABR650" s="613"/>
      <c r="ABS650" s="613"/>
      <c r="ABT650" s="613"/>
      <c r="ABU650" s="613"/>
      <c r="ABV650" s="613"/>
      <c r="ABW650" s="613"/>
      <c r="ABX650" s="613"/>
      <c r="ABY650" s="613"/>
      <c r="ABZ650" s="613"/>
      <c r="ACA650" s="613"/>
      <c r="ACB650" s="613"/>
      <c r="ACC650" s="613"/>
      <c r="ACD650" s="613"/>
      <c r="ACE650" s="613"/>
      <c r="ACF650" s="613"/>
      <c r="ACG650" s="613"/>
      <c r="ACH650" s="613"/>
      <c r="ACI650" s="613"/>
      <c r="ACJ650" s="613"/>
      <c r="ACK650" s="613"/>
      <c r="ACL650" s="613"/>
      <c r="ACM650" s="613"/>
      <c r="ACN650" s="613"/>
      <c r="ACO650" s="613"/>
      <c r="ACP650" s="613"/>
      <c r="ACQ650" s="613"/>
      <c r="ACR650" s="613"/>
      <c r="ACS650" s="613"/>
      <c r="ACT650" s="613"/>
      <c r="ACU650" s="613"/>
      <c r="ACV650" s="613"/>
      <c r="ACW650" s="613"/>
      <c r="ACX650" s="613"/>
      <c r="ACY650" s="613"/>
      <c r="ACZ650" s="613"/>
      <c r="ADA650" s="613"/>
      <c r="ADB650" s="613"/>
      <c r="ADC650" s="613"/>
      <c r="ADD650" s="613"/>
      <c r="ADE650" s="613"/>
      <c r="ADF650" s="613"/>
      <c r="ADG650" s="613"/>
      <c r="ADH650" s="613"/>
      <c r="ADI650" s="613"/>
      <c r="ADJ650" s="613"/>
      <c r="ADK650" s="613"/>
      <c r="ADL650" s="613"/>
      <c r="ADM650" s="613"/>
      <c r="ADN650" s="613"/>
      <c r="ADO650" s="613"/>
      <c r="ADP650" s="613"/>
      <c r="ADQ650" s="613"/>
      <c r="ADR650" s="613"/>
      <c r="ADS650" s="613"/>
      <c r="ADT650" s="613"/>
      <c r="ADU650" s="613"/>
      <c r="ADV650" s="613"/>
      <c r="ADW650" s="613"/>
      <c r="ADX650" s="613"/>
      <c r="ADY650" s="613"/>
      <c r="ADZ650" s="613"/>
      <c r="AEA650" s="613"/>
      <c r="AEB650" s="613"/>
      <c r="AEC650" s="613"/>
      <c r="AED650" s="613"/>
      <c r="AEE650" s="613"/>
      <c r="AEF650" s="613"/>
      <c r="AEG650" s="613"/>
      <c r="AEH650" s="613"/>
      <c r="AEI650" s="613"/>
      <c r="AEJ650" s="613"/>
      <c r="AEK650" s="613"/>
      <c r="AEL650" s="613"/>
      <c r="AEM650" s="613"/>
      <c r="AEN650" s="613"/>
      <c r="AEO650" s="613"/>
      <c r="AEP650" s="613"/>
      <c r="AEQ650" s="613"/>
      <c r="AER650" s="613"/>
      <c r="AES650" s="613"/>
      <c r="AET650" s="613"/>
      <c r="AEU650" s="613"/>
      <c r="AEV650" s="613"/>
      <c r="AEW650" s="613"/>
      <c r="AEX650" s="613"/>
      <c r="AEY650" s="613"/>
      <c r="AEZ650" s="613"/>
      <c r="AFA650" s="613"/>
      <c r="AFB650" s="613"/>
      <c r="AFC650" s="613"/>
      <c r="AFD650" s="613"/>
      <c r="AFE650" s="613"/>
      <c r="AFF650" s="613"/>
      <c r="AFG650" s="613"/>
      <c r="AFH650" s="613"/>
      <c r="AFI650" s="613"/>
      <c r="AFJ650" s="613"/>
      <c r="AFK650" s="613"/>
      <c r="AFL650" s="613"/>
      <c r="AFM650" s="613"/>
      <c r="AFN650" s="613"/>
      <c r="AFO650" s="613"/>
      <c r="AFP650" s="613"/>
      <c r="AFQ650" s="613"/>
      <c r="AFR650" s="613"/>
      <c r="AFS650" s="613"/>
      <c r="AFT650" s="613"/>
      <c r="AFU650" s="613"/>
      <c r="AFV650" s="613"/>
      <c r="AFW650" s="613"/>
      <c r="AFX650" s="613"/>
      <c r="AFY650" s="613"/>
      <c r="AFZ650" s="613"/>
      <c r="AGA650" s="613"/>
      <c r="AGB650" s="613"/>
      <c r="AGC650" s="613"/>
      <c r="AGD650" s="613"/>
      <c r="AGE650" s="613"/>
      <c r="AGF650" s="613"/>
      <c r="AGG650" s="613"/>
      <c r="AGH650" s="613"/>
      <c r="AGI650" s="613"/>
      <c r="AGJ650" s="613"/>
      <c r="AGK650" s="613"/>
      <c r="AGL650" s="613"/>
      <c r="AGM650" s="613"/>
      <c r="AGN650" s="613"/>
      <c r="AGO650" s="613"/>
      <c r="AGP650" s="613"/>
      <c r="AGQ650" s="613"/>
      <c r="AGR650" s="613"/>
      <c r="AGS650" s="613"/>
      <c r="AGT650" s="613"/>
      <c r="AGU650" s="613"/>
      <c r="AGV650" s="613"/>
      <c r="AGW650" s="613"/>
      <c r="AGX650" s="613"/>
      <c r="AGY650" s="613"/>
      <c r="AGZ650" s="613"/>
      <c r="AHA650" s="613"/>
      <c r="AHB650" s="613"/>
      <c r="AHC650" s="613"/>
      <c r="AHD650" s="613"/>
      <c r="AHE650" s="613"/>
      <c r="AHF650" s="613"/>
      <c r="AHG650" s="613"/>
      <c r="AHH650" s="613"/>
      <c r="AHI650" s="613"/>
      <c r="AHJ650" s="613"/>
      <c r="AHK650" s="613"/>
      <c r="AHL650" s="613"/>
      <c r="AHM650" s="613"/>
      <c r="AHN650" s="613"/>
      <c r="AHO650" s="613"/>
      <c r="AHP650" s="613"/>
      <c r="AHQ650" s="613"/>
      <c r="AHR650" s="613"/>
      <c r="AHS650" s="613"/>
      <c r="AHT650" s="613"/>
      <c r="AHU650" s="613"/>
      <c r="AHV650" s="613"/>
      <c r="AHW650" s="613"/>
      <c r="AHX650" s="613"/>
      <c r="AHY650" s="613"/>
      <c r="AHZ650" s="613"/>
      <c r="AIA650" s="613"/>
      <c r="AIB650" s="613"/>
      <c r="AIC650" s="613"/>
      <c r="AID650" s="613"/>
      <c r="AIE650" s="613"/>
      <c r="AIF650" s="613"/>
      <c r="AIG650" s="613"/>
      <c r="AIH650" s="613"/>
      <c r="AII650" s="613"/>
      <c r="AIJ650" s="613"/>
      <c r="AIK650" s="613"/>
      <c r="AIL650" s="613"/>
      <c r="AIM650" s="613"/>
      <c r="AIN650" s="613"/>
      <c r="AIO650" s="613"/>
      <c r="AIP650" s="613"/>
      <c r="AIQ650" s="613"/>
      <c r="AIR650" s="613"/>
      <c r="AIS650" s="613"/>
      <c r="AIT650" s="613"/>
      <c r="AIU650" s="613"/>
      <c r="AIV650" s="613"/>
      <c r="AIW650" s="613"/>
      <c r="AIX650" s="613"/>
      <c r="AIY650" s="613"/>
      <c r="AIZ650" s="613"/>
      <c r="AJA650" s="613"/>
      <c r="AJB650" s="613"/>
      <c r="AJC650" s="613"/>
      <c r="AJD650" s="613"/>
      <c r="AJE650" s="613"/>
      <c r="AJF650" s="613"/>
      <c r="AJG650" s="613"/>
      <c r="AJH650" s="613"/>
      <c r="AJI650" s="613"/>
      <c r="AJJ650" s="613"/>
      <c r="AJK650" s="613"/>
      <c r="AJL650" s="613"/>
      <c r="AJM650" s="613"/>
      <c r="AJN650" s="613"/>
      <c r="AJO650" s="613"/>
      <c r="AJP650" s="613"/>
      <c r="AJQ650" s="613"/>
      <c r="AJR650" s="613"/>
      <c r="AJS650" s="613"/>
      <c r="AJT650" s="613"/>
      <c r="AJU650" s="613"/>
      <c r="AJV650" s="613"/>
      <c r="AJW650" s="613"/>
      <c r="AJX650" s="613"/>
      <c r="AJY650" s="613"/>
      <c r="AJZ650" s="613"/>
      <c r="AKA650" s="613"/>
      <c r="AKB650" s="613"/>
      <c r="AKC650" s="613"/>
      <c r="AKD650" s="613"/>
      <c r="AKE650" s="613"/>
      <c r="AKF650" s="613"/>
      <c r="AKG650" s="613"/>
      <c r="AKH650" s="613"/>
      <c r="AKI650" s="613"/>
      <c r="AKJ650" s="613"/>
      <c r="AKK650" s="613"/>
      <c r="AKL650" s="613"/>
      <c r="AKM650" s="613"/>
      <c r="AKN650" s="613"/>
      <c r="AKO650" s="613"/>
      <c r="AKP650" s="613"/>
      <c r="AKQ650" s="613"/>
      <c r="AKR650" s="613"/>
      <c r="AKS650" s="613"/>
      <c r="AKT650" s="613"/>
      <c r="AKU650" s="613"/>
      <c r="AKV650" s="613"/>
      <c r="AKW650" s="613"/>
      <c r="AKX650" s="613"/>
      <c r="AKY650" s="613"/>
      <c r="AKZ650" s="613"/>
      <c r="ALA650" s="613"/>
      <c r="ALB650" s="613"/>
      <c r="ALC650" s="613"/>
      <c r="ALD650" s="613"/>
      <c r="ALE650" s="613"/>
      <c r="ALF650" s="613"/>
      <c r="ALG650" s="613"/>
      <c r="ALH650" s="613"/>
      <c r="ALI650" s="613"/>
      <c r="ALJ650" s="613"/>
      <c r="ALK650" s="613"/>
      <c r="ALL650" s="613"/>
      <c r="ALM650" s="613"/>
      <c r="ALN650" s="613"/>
      <c r="ALO650" s="613"/>
      <c r="ALP650" s="613"/>
      <c r="ALQ650" s="613"/>
      <c r="ALR650" s="613"/>
      <c r="ALS650" s="613"/>
      <c r="ALT650" s="613"/>
      <c r="ALU650" s="613"/>
      <c r="ALV650" s="613"/>
      <c r="ALW650" s="613"/>
      <c r="ALX650" s="613"/>
      <c r="ALY650" s="613"/>
      <c r="ALZ650" s="613"/>
      <c r="AMA650" s="613"/>
      <c r="AMB650" s="613"/>
      <c r="AMC650" s="613"/>
      <c r="AMD650" s="613"/>
      <c r="AME650" s="613"/>
      <c r="AMF650" s="613"/>
      <c r="AMG650" s="613"/>
      <c r="AMH650" s="613"/>
      <c r="AMI650" s="613"/>
      <c r="AMJ650" s="613"/>
      <c r="AMK650" s="613"/>
      <c r="AML650" s="613"/>
      <c r="AMM650" s="613"/>
      <c r="AMN650" s="613"/>
      <c r="AMO650" s="613"/>
      <c r="AMP650" s="613"/>
      <c r="AMQ650" s="613"/>
      <c r="AMR650" s="613"/>
      <c r="AMS650" s="613"/>
      <c r="AMT650" s="613"/>
      <c r="AMU650" s="613"/>
      <c r="AMV650" s="613"/>
      <c r="AMW650" s="613"/>
      <c r="AMX650" s="613"/>
      <c r="AMY650" s="613"/>
      <c r="AMZ650" s="613"/>
      <c r="ANA650" s="613"/>
      <c r="ANB650" s="613"/>
      <c r="ANC650" s="613"/>
      <c r="AND650" s="613"/>
      <c r="ANE650" s="613"/>
      <c r="ANF650" s="613"/>
      <c r="ANG650" s="613"/>
      <c r="ANH650" s="613"/>
      <c r="ANI650" s="613"/>
      <c r="ANJ650" s="613"/>
      <c r="ANK650" s="613"/>
      <c r="ANL650" s="613"/>
      <c r="ANM650" s="613"/>
      <c r="ANN650" s="613"/>
      <c r="ANO650" s="613"/>
      <c r="ANP650" s="613"/>
      <c r="ANQ650" s="613"/>
      <c r="ANR650" s="613"/>
      <c r="ANS650" s="613"/>
      <c r="ANT650" s="613"/>
      <c r="ANU650" s="613"/>
      <c r="ANV650" s="613"/>
      <c r="ANW650" s="613"/>
      <c r="ANX650" s="613"/>
      <c r="ANY650" s="613"/>
      <c r="ANZ650" s="613"/>
      <c r="AOA650" s="613"/>
      <c r="AOB650" s="613"/>
      <c r="AOC650" s="613"/>
      <c r="AOD650" s="613"/>
      <c r="AOE650" s="613"/>
      <c r="AOF650" s="613"/>
      <c r="AOG650" s="613"/>
      <c r="AOH650" s="613"/>
      <c r="AOI650" s="613"/>
      <c r="AOJ650" s="613"/>
      <c r="AOK650" s="613"/>
      <c r="AOL650" s="613"/>
      <c r="AOM650" s="613"/>
      <c r="AON650" s="613"/>
      <c r="AOO650" s="613"/>
      <c r="AOP650" s="613"/>
      <c r="AOQ650" s="613"/>
      <c r="AOR650" s="613"/>
      <c r="AOS650" s="613"/>
      <c r="AOT650" s="613"/>
      <c r="AOU650" s="613"/>
      <c r="AOV650" s="613"/>
      <c r="AOW650" s="613"/>
      <c r="AOX650" s="613"/>
      <c r="AOY650" s="613"/>
      <c r="AOZ650" s="613"/>
      <c r="APA650" s="613"/>
      <c r="APB650" s="613"/>
      <c r="APC650" s="613"/>
      <c r="APD650" s="613"/>
      <c r="APE650" s="613"/>
      <c r="APF650" s="613"/>
      <c r="APG650" s="613"/>
      <c r="APH650" s="613"/>
      <c r="API650" s="613"/>
      <c r="APJ650" s="613"/>
      <c r="APK650" s="613"/>
      <c r="APL650" s="613"/>
      <c r="APM650" s="613"/>
      <c r="APN650" s="613"/>
      <c r="APO650" s="613"/>
      <c r="APP650" s="613"/>
      <c r="APQ650" s="613"/>
      <c r="APR650" s="613"/>
      <c r="APS650" s="613"/>
      <c r="APT650" s="613"/>
      <c r="APU650" s="613"/>
      <c r="APV650" s="613"/>
      <c r="APW650" s="613"/>
      <c r="APX650" s="613"/>
      <c r="APY650" s="613"/>
      <c r="APZ650" s="613"/>
      <c r="AQA650" s="613"/>
      <c r="AQB650" s="613"/>
      <c r="AQC650" s="613"/>
      <c r="AQD650" s="613"/>
      <c r="AQE650" s="613"/>
      <c r="AQF650" s="613"/>
      <c r="AQG650" s="613"/>
      <c r="AQH650" s="613"/>
      <c r="AQI650" s="613"/>
      <c r="AQJ650" s="613"/>
      <c r="AQK650" s="613"/>
      <c r="AQL650" s="613"/>
      <c r="AQM650" s="613"/>
      <c r="AQN650" s="613"/>
      <c r="AQO650" s="613"/>
      <c r="AQP650" s="613"/>
      <c r="AQQ650" s="613"/>
      <c r="AQR650" s="613"/>
      <c r="AQS650" s="613"/>
      <c r="AQT650" s="613"/>
      <c r="AQU650" s="613"/>
      <c r="AQV650" s="613"/>
      <c r="AQW650" s="613"/>
      <c r="AQX650" s="613"/>
      <c r="AQY650" s="613"/>
      <c r="AQZ650" s="613"/>
      <c r="ARA650" s="613"/>
      <c r="ARB650" s="613"/>
      <c r="ARC650" s="613"/>
      <c r="ARD650" s="613"/>
      <c r="ARE650" s="613"/>
      <c r="ARF650" s="613"/>
      <c r="ARG650" s="613"/>
      <c r="ARH650" s="613"/>
      <c r="ARI650" s="613"/>
      <c r="ARJ650" s="613"/>
      <c r="ARK650" s="613"/>
      <c r="ARL650" s="613"/>
      <c r="ARM650" s="613"/>
      <c r="ARN650" s="613"/>
      <c r="ARO650" s="613"/>
      <c r="ARP650" s="613"/>
      <c r="ARQ650" s="613"/>
      <c r="ARR650" s="613"/>
      <c r="ARS650" s="613"/>
      <c r="ART650" s="613"/>
      <c r="ARU650" s="613"/>
      <c r="ARV650" s="613"/>
      <c r="ARW650" s="613"/>
      <c r="ARX650" s="613"/>
      <c r="ARY650" s="613"/>
      <c r="ARZ650" s="613"/>
      <c r="ASA650" s="613"/>
      <c r="ASB650" s="613"/>
      <c r="ASC650" s="613"/>
      <c r="ASD650" s="613"/>
      <c r="ASE650" s="613"/>
      <c r="ASF650" s="613"/>
      <c r="ASG650" s="613"/>
      <c r="ASH650" s="613"/>
      <c r="ASI650" s="613"/>
      <c r="ASJ650" s="613"/>
      <c r="ASK650" s="613"/>
      <c r="ASL650" s="613"/>
      <c r="ASM650" s="613"/>
      <c r="ASN650" s="613"/>
      <c r="ASO650" s="613"/>
      <c r="ASP650" s="613"/>
      <c r="ASQ650" s="613"/>
      <c r="ASR650" s="613"/>
      <c r="ASS650" s="613"/>
      <c r="AST650" s="613"/>
      <c r="ASU650" s="613"/>
      <c r="ASV650" s="613"/>
      <c r="ASW650" s="613"/>
      <c r="ASX650" s="613"/>
      <c r="ASY650" s="613"/>
      <c r="ASZ650" s="613"/>
      <c r="ATA650" s="613"/>
      <c r="ATB650" s="613"/>
      <c r="ATC650" s="613"/>
      <c r="ATD650" s="613"/>
      <c r="ATE650" s="613"/>
      <c r="ATF650" s="613"/>
      <c r="ATG650" s="613"/>
      <c r="ATH650" s="613"/>
      <c r="ATI650" s="613"/>
      <c r="ATJ650" s="613"/>
      <c r="ATK650" s="613"/>
      <c r="ATL650" s="613"/>
      <c r="ATM650" s="613"/>
      <c r="ATN650" s="613"/>
      <c r="ATO650" s="613"/>
      <c r="ATP650" s="613"/>
      <c r="ATQ650" s="613"/>
      <c r="ATR650" s="613"/>
      <c r="ATS650" s="613"/>
      <c r="ATT650" s="613"/>
      <c r="ATU650" s="613"/>
      <c r="ATV650" s="613"/>
      <c r="ATW650" s="613"/>
      <c r="ATX650" s="613"/>
      <c r="ATY650" s="613"/>
      <c r="ATZ650" s="613"/>
      <c r="AUA650" s="613"/>
      <c r="AUB650" s="613"/>
      <c r="AUC650" s="613"/>
      <c r="AUD650" s="613"/>
      <c r="AUE650" s="613"/>
      <c r="AUF650" s="613"/>
      <c r="AUG650" s="613"/>
      <c r="AUH650" s="613"/>
      <c r="AUI650" s="613"/>
      <c r="AUJ650" s="613"/>
      <c r="AUK650" s="613"/>
      <c r="AUL650" s="613"/>
      <c r="AUM650" s="613"/>
      <c r="AUN650" s="613"/>
      <c r="AUO650" s="613"/>
      <c r="AUP650" s="613"/>
      <c r="AUQ650" s="613"/>
      <c r="AUR650" s="613"/>
      <c r="AUS650" s="613"/>
      <c r="AUT650" s="613"/>
      <c r="AUU650" s="613"/>
      <c r="AUV650" s="613"/>
      <c r="AUW650" s="613"/>
      <c r="AUX650" s="613"/>
      <c r="AUY650" s="613"/>
      <c r="AUZ650" s="613"/>
      <c r="AVA650" s="613"/>
      <c r="AVB650" s="613"/>
      <c r="AVC650" s="613"/>
      <c r="AVD650" s="613"/>
      <c r="AVE650" s="613"/>
      <c r="AVF650" s="613"/>
      <c r="AVG650" s="613"/>
      <c r="AVH650" s="613"/>
      <c r="AVI650" s="613"/>
      <c r="AVJ650" s="613"/>
      <c r="AVK650" s="613"/>
      <c r="AVL650" s="613"/>
      <c r="AVM650" s="613"/>
      <c r="AVN650" s="613"/>
      <c r="AVO650" s="613"/>
      <c r="AVP650" s="613"/>
      <c r="AVQ650" s="613"/>
      <c r="AVR650" s="613"/>
      <c r="AVS650" s="613"/>
      <c r="AVT650" s="613"/>
      <c r="AVU650" s="613"/>
      <c r="AVV650" s="613"/>
      <c r="AVW650" s="613"/>
      <c r="AVX650" s="613"/>
      <c r="AVY650" s="613"/>
      <c r="AVZ650" s="613"/>
      <c r="AWA650" s="613"/>
      <c r="AWB650" s="613"/>
      <c r="AWC650" s="613"/>
      <c r="AWD650" s="613"/>
      <c r="AWE650" s="613"/>
      <c r="AWF650" s="613"/>
      <c r="AWG650" s="613"/>
      <c r="AWH650" s="613"/>
      <c r="AWI650" s="613"/>
      <c r="AWJ650" s="613"/>
      <c r="AWK650" s="613"/>
      <c r="AWL650" s="613"/>
      <c r="AWM650" s="613"/>
      <c r="AWN650" s="613"/>
      <c r="AWO650" s="613"/>
      <c r="AWP650" s="613"/>
      <c r="AWQ650" s="613"/>
      <c r="AWR650" s="613"/>
      <c r="AWS650" s="613"/>
      <c r="AWT650" s="613"/>
      <c r="AWU650" s="613"/>
      <c r="AWV650" s="613"/>
      <c r="AWW650" s="613"/>
      <c r="AWX650" s="613"/>
      <c r="AWY650" s="613"/>
      <c r="AWZ650" s="613"/>
      <c r="AXA650" s="613"/>
      <c r="AXB650" s="613"/>
      <c r="AXC650" s="613"/>
      <c r="AXD650" s="613"/>
      <c r="AXE650" s="613"/>
      <c r="AXF650" s="613"/>
      <c r="AXG650" s="613"/>
      <c r="AXH650" s="613"/>
      <c r="AXI650" s="613"/>
      <c r="AXJ650" s="613"/>
      <c r="AXK650" s="613"/>
      <c r="AXL650" s="613"/>
      <c r="AXM650" s="613"/>
      <c r="AXN650" s="613"/>
      <c r="AXO650" s="613"/>
      <c r="AXP650" s="613"/>
      <c r="AXQ650" s="613"/>
      <c r="AXR650" s="613"/>
      <c r="AXS650" s="613"/>
      <c r="AXT650" s="613"/>
      <c r="AXU650" s="613"/>
      <c r="AXV650" s="613"/>
      <c r="AXW650" s="613"/>
      <c r="AXX650" s="613"/>
      <c r="AXY650" s="613"/>
      <c r="AXZ650" s="613"/>
      <c r="AYA650" s="613"/>
      <c r="AYB650" s="613"/>
      <c r="AYC650" s="613"/>
      <c r="AYD650" s="613"/>
      <c r="AYE650" s="613"/>
      <c r="AYF650" s="613"/>
      <c r="AYG650" s="613"/>
      <c r="AYH650" s="613"/>
      <c r="AYI650" s="613"/>
      <c r="AYJ650" s="613"/>
      <c r="AYK650" s="613"/>
      <c r="AYL650" s="613"/>
      <c r="AYM650" s="613"/>
      <c r="AYN650" s="613"/>
      <c r="AYO650" s="613"/>
      <c r="AYP650" s="613"/>
      <c r="AYQ650" s="613"/>
      <c r="AYR650" s="613"/>
      <c r="AYS650" s="613"/>
      <c r="AYT650" s="613"/>
      <c r="AYU650" s="613"/>
      <c r="AYV650" s="613"/>
      <c r="AYW650" s="613"/>
      <c r="AYX650" s="613"/>
      <c r="AYY650" s="613"/>
      <c r="AYZ650" s="613"/>
      <c r="AZA650" s="613"/>
      <c r="AZB650" s="613"/>
      <c r="AZC650" s="613"/>
      <c r="AZD650" s="613"/>
      <c r="AZE650" s="613"/>
      <c r="AZF650" s="613"/>
      <c r="AZG650" s="613"/>
      <c r="AZH650" s="613"/>
      <c r="AZI650" s="613"/>
      <c r="AZJ650" s="613"/>
      <c r="AZK650" s="613"/>
      <c r="AZL650" s="613"/>
      <c r="AZM650" s="613"/>
      <c r="AZN650" s="613"/>
      <c r="AZO650" s="613"/>
      <c r="AZP650" s="613"/>
      <c r="AZQ650" s="613"/>
      <c r="AZR650" s="613"/>
      <c r="AZS650" s="613"/>
      <c r="AZT650" s="613"/>
      <c r="AZU650" s="613"/>
      <c r="AZV650" s="613"/>
      <c r="AZW650" s="613"/>
      <c r="AZX650" s="613"/>
      <c r="AZY650" s="613"/>
      <c r="AZZ650" s="613"/>
      <c r="BAA650" s="613"/>
      <c r="BAB650" s="613"/>
      <c r="BAC650" s="613"/>
      <c r="BAD650" s="613"/>
      <c r="BAE650" s="613"/>
      <c r="BAF650" s="613"/>
      <c r="BAG650" s="613"/>
      <c r="BAH650" s="613"/>
      <c r="BAI650" s="613"/>
      <c r="BAJ650" s="613"/>
      <c r="BAK650" s="613"/>
      <c r="BAL650" s="613"/>
      <c r="BAM650" s="613"/>
      <c r="BAN650" s="613"/>
      <c r="BAO650" s="613"/>
      <c r="BAP650" s="613"/>
      <c r="BAQ650" s="613"/>
      <c r="BAR650" s="613"/>
      <c r="BAS650" s="613"/>
      <c r="BAT650" s="613"/>
      <c r="BAU650" s="613"/>
      <c r="BAV650" s="613"/>
      <c r="BAW650" s="613"/>
      <c r="BAX650" s="613"/>
      <c r="BAY650" s="613"/>
      <c r="BAZ650" s="613"/>
      <c r="BBA650" s="613"/>
      <c r="BBB650" s="613"/>
      <c r="BBC650" s="613"/>
      <c r="BBD650" s="613"/>
      <c r="BBE650" s="613"/>
      <c r="BBF650" s="613"/>
      <c r="BBG650" s="613"/>
      <c r="BBH650" s="613"/>
      <c r="BBI650" s="613"/>
      <c r="BBJ650" s="613"/>
      <c r="BBK650" s="613"/>
      <c r="BBL650" s="613"/>
      <c r="BBM650" s="613"/>
      <c r="BBN650" s="613"/>
      <c r="BBO650" s="613"/>
      <c r="BBP650" s="613"/>
      <c r="BBQ650" s="613"/>
      <c r="BBR650" s="613"/>
      <c r="BBS650" s="613"/>
      <c r="BBT650" s="613"/>
      <c r="BBU650" s="613"/>
      <c r="BBV650" s="613"/>
      <c r="BBW650" s="613"/>
      <c r="BBX650" s="613"/>
      <c r="BBY650" s="613"/>
      <c r="BBZ650" s="613"/>
      <c r="BCA650" s="613"/>
      <c r="BCB650" s="613"/>
      <c r="BCC650" s="613"/>
      <c r="BCD650" s="613"/>
      <c r="BCE650" s="613"/>
      <c r="BCF650" s="613"/>
      <c r="BCG650" s="613"/>
      <c r="BCH650" s="613"/>
      <c r="BCI650" s="613"/>
      <c r="BCJ650" s="613"/>
      <c r="BCK650" s="613"/>
      <c r="BCL650" s="613"/>
      <c r="BCM650" s="613"/>
      <c r="BCN650" s="613"/>
      <c r="BCO650" s="613"/>
      <c r="BCP650" s="613"/>
      <c r="BCQ650" s="613"/>
      <c r="BCR650" s="613"/>
      <c r="BCS650" s="613"/>
      <c r="BCT650" s="613"/>
      <c r="BCU650" s="613"/>
      <c r="BCV650" s="613"/>
      <c r="BCW650" s="613"/>
      <c r="BCX650" s="613"/>
      <c r="BCY650" s="613"/>
      <c r="BCZ650" s="613"/>
      <c r="BDA650" s="613"/>
      <c r="BDB650" s="613"/>
      <c r="BDC650" s="613"/>
      <c r="BDD650" s="613"/>
      <c r="BDE650" s="613"/>
      <c r="BDF650" s="613"/>
      <c r="BDG650" s="613"/>
      <c r="BDH650" s="613"/>
      <c r="BDI650" s="613"/>
      <c r="BDJ650" s="613"/>
      <c r="BDK650" s="613"/>
      <c r="BDL650" s="613"/>
      <c r="BDM650" s="613"/>
      <c r="BDN650" s="613"/>
      <c r="BDO650" s="613"/>
      <c r="BDP650" s="613"/>
      <c r="BDQ650" s="613"/>
      <c r="BDR650" s="613"/>
      <c r="BDS650" s="613"/>
      <c r="BDT650" s="613"/>
      <c r="BDU650" s="613"/>
      <c r="BDV650" s="613"/>
      <c r="BDW650" s="613"/>
      <c r="BDX650" s="613"/>
      <c r="BDY650" s="613"/>
      <c r="BDZ650" s="613"/>
      <c r="BEA650" s="613"/>
      <c r="BEB650" s="613"/>
      <c r="BEC650" s="613"/>
      <c r="BED650" s="613"/>
      <c r="BEE650" s="613"/>
      <c r="BEF650" s="613"/>
      <c r="BEG650" s="613"/>
      <c r="BEH650" s="613"/>
      <c r="BEI650" s="613"/>
      <c r="BEJ650" s="613"/>
      <c r="BEK650" s="613"/>
      <c r="BEL650" s="613"/>
      <c r="BEM650" s="613"/>
      <c r="BEN650" s="613"/>
      <c r="BEO650" s="613"/>
      <c r="BEP650" s="613"/>
      <c r="BEQ650" s="613"/>
      <c r="BER650" s="613"/>
      <c r="BES650" s="613"/>
      <c r="BET650" s="613"/>
      <c r="BEU650" s="613"/>
      <c r="BEV650" s="613"/>
      <c r="BEW650" s="613"/>
      <c r="BEX650" s="613"/>
      <c r="BEY650" s="613"/>
      <c r="BEZ650" s="613"/>
      <c r="BFA650" s="613"/>
      <c r="BFB650" s="613"/>
      <c r="BFC650" s="613"/>
      <c r="BFD650" s="613"/>
      <c r="BFE650" s="613"/>
      <c r="BFF650" s="613"/>
      <c r="BFG650" s="613"/>
      <c r="BFH650" s="613"/>
      <c r="BFI650" s="613"/>
      <c r="BFJ650" s="613"/>
      <c r="BFK650" s="613"/>
      <c r="BFL650" s="613"/>
      <c r="BFM650" s="613"/>
      <c r="BFN650" s="613"/>
      <c r="BFO650" s="613"/>
      <c r="BFP650" s="613"/>
      <c r="BFQ650" s="613"/>
      <c r="BFR650" s="613"/>
      <c r="BFS650" s="613"/>
      <c r="BFT650" s="613"/>
      <c r="BFU650" s="613"/>
      <c r="BFV650" s="613"/>
      <c r="BFW650" s="613"/>
      <c r="BFX650" s="613"/>
      <c r="BFY650" s="613"/>
      <c r="BFZ650" s="613"/>
      <c r="BGA650" s="613"/>
      <c r="BGB650" s="613"/>
      <c r="BGC650" s="613"/>
      <c r="BGD650" s="613"/>
      <c r="BGE650" s="613"/>
      <c r="BGF650" s="613"/>
      <c r="BGG650" s="613"/>
      <c r="BGH650" s="613"/>
      <c r="BGI650" s="613"/>
      <c r="BGJ650" s="613"/>
      <c r="BGK650" s="613"/>
      <c r="BGL650" s="613"/>
      <c r="BGM650" s="613"/>
      <c r="BGN650" s="613"/>
      <c r="BGO650" s="613"/>
      <c r="BGP650" s="613"/>
      <c r="BGQ650" s="613"/>
      <c r="BGR650" s="613"/>
      <c r="BGS650" s="613"/>
      <c r="BGT650" s="613"/>
      <c r="BGU650" s="613"/>
      <c r="BGV650" s="613"/>
      <c r="BGW650" s="613"/>
      <c r="BGX650" s="613"/>
      <c r="BGY650" s="613"/>
      <c r="BGZ650" s="613"/>
      <c r="BHA650" s="613"/>
      <c r="BHB650" s="613"/>
      <c r="BHC650" s="613"/>
      <c r="BHD650" s="613"/>
      <c r="BHE650" s="613"/>
      <c r="BHF650" s="613"/>
      <c r="BHG650" s="613"/>
      <c r="BHH650" s="613"/>
      <c r="BHI650" s="613"/>
      <c r="BHJ650" s="613"/>
      <c r="BHK650" s="613"/>
      <c r="BHL650" s="613"/>
      <c r="BHM650" s="613"/>
      <c r="BHN650" s="613"/>
      <c r="BHO650" s="613"/>
      <c r="BHP650" s="613"/>
      <c r="BHQ650" s="613"/>
      <c r="BHR650" s="613"/>
      <c r="BHS650" s="613"/>
      <c r="BHT650" s="613"/>
      <c r="BHU650" s="613"/>
      <c r="BHV650" s="613"/>
      <c r="BHW650" s="613"/>
      <c r="BHX650" s="613"/>
      <c r="BHY650" s="613"/>
      <c r="BHZ650" s="613"/>
      <c r="BIA650" s="613"/>
      <c r="BIB650" s="613"/>
      <c r="BIC650" s="613"/>
      <c r="BID650" s="613"/>
      <c r="BIE650" s="613"/>
      <c r="BIF650" s="613"/>
      <c r="BIG650" s="613"/>
      <c r="BIH650" s="613"/>
      <c r="BII650" s="613"/>
      <c r="BIJ650" s="613"/>
      <c r="BIK650" s="613"/>
      <c r="BIL650" s="613"/>
      <c r="BIM650" s="613"/>
      <c r="BIN650" s="613"/>
      <c r="BIO650" s="613"/>
      <c r="BIP650" s="613"/>
      <c r="BIQ650" s="613"/>
      <c r="BIR650" s="613"/>
      <c r="BIS650" s="613"/>
      <c r="BIT650" s="613"/>
      <c r="BIU650" s="613"/>
      <c r="BIV650" s="613"/>
      <c r="BIW650" s="613"/>
      <c r="BIX650" s="613"/>
      <c r="BIY650" s="613"/>
      <c r="BIZ650" s="613"/>
      <c r="BJA650" s="613"/>
      <c r="BJB650" s="613"/>
      <c r="BJC650" s="613"/>
      <c r="BJD650" s="613"/>
      <c r="BJE650" s="613"/>
      <c r="BJF650" s="613"/>
      <c r="BJG650" s="613"/>
      <c r="BJH650" s="613"/>
      <c r="BJI650" s="613"/>
      <c r="BJJ650" s="613"/>
      <c r="BJK650" s="613"/>
      <c r="BJL650" s="613"/>
      <c r="BJM650" s="613"/>
      <c r="BJN650" s="613"/>
      <c r="BJO650" s="613"/>
      <c r="BJP650" s="613"/>
      <c r="BJQ650" s="613"/>
      <c r="BJR650" s="613"/>
      <c r="BJS650" s="613"/>
      <c r="BJT650" s="613"/>
      <c r="BJU650" s="613"/>
      <c r="BJV650" s="613"/>
      <c r="BJW650" s="613"/>
      <c r="BJX650" s="613"/>
      <c r="BJY650" s="613"/>
      <c r="BJZ650" s="613"/>
      <c r="BKA650" s="613"/>
      <c r="BKB650" s="613"/>
      <c r="BKC650" s="613"/>
      <c r="BKD650" s="613"/>
      <c r="BKE650" s="613"/>
      <c r="BKF650" s="613"/>
      <c r="BKG650" s="613"/>
      <c r="BKH650" s="613"/>
      <c r="BKI650" s="613"/>
      <c r="BKJ650" s="613"/>
      <c r="BKK650" s="613"/>
      <c r="BKL650" s="613"/>
      <c r="BKM650" s="613"/>
      <c r="BKN650" s="613"/>
      <c r="BKO650" s="613"/>
      <c r="BKP650" s="613"/>
      <c r="BKQ650" s="613"/>
      <c r="BKR650" s="613"/>
      <c r="BKS650" s="613"/>
      <c r="BKT650" s="613"/>
      <c r="BKU650" s="613"/>
      <c r="BKV650" s="613"/>
      <c r="BKW650" s="613"/>
      <c r="BKX650" s="613"/>
      <c r="BKY650" s="613"/>
      <c r="BKZ650" s="613"/>
      <c r="BLA650" s="613"/>
      <c r="BLB650" s="613"/>
      <c r="BLC650" s="613"/>
      <c r="BLD650" s="613"/>
      <c r="BLE650" s="613"/>
      <c r="BLF650" s="613"/>
      <c r="BLG650" s="613"/>
      <c r="BLH650" s="613"/>
      <c r="BLI650" s="613"/>
      <c r="BLJ650" s="613"/>
      <c r="BLK650" s="613"/>
      <c r="BLL650" s="613"/>
      <c r="BLM650" s="613"/>
      <c r="BLN650" s="613"/>
      <c r="BLO650" s="613"/>
      <c r="BLP650" s="613"/>
      <c r="BLQ650" s="613"/>
      <c r="BLR650" s="613"/>
      <c r="BLS650" s="613"/>
      <c r="BLT650" s="613"/>
      <c r="BLU650" s="613"/>
      <c r="BLV650" s="613"/>
      <c r="BLW650" s="613"/>
      <c r="BLX650" s="613"/>
      <c r="BLY650" s="613"/>
      <c r="BLZ650" s="613"/>
      <c r="BMA650" s="613"/>
      <c r="BMB650" s="613"/>
      <c r="BMC650" s="613"/>
      <c r="BMD650" s="613"/>
      <c r="BME650" s="613"/>
      <c r="BMF650" s="613"/>
      <c r="BMG650" s="613"/>
      <c r="BMH650" s="613"/>
      <c r="BMI650" s="613"/>
      <c r="BMJ650" s="613"/>
      <c r="BMK650" s="613"/>
      <c r="BML650" s="613"/>
      <c r="BMM650" s="613"/>
      <c r="BMN650" s="613"/>
      <c r="BMO650" s="613"/>
      <c r="BMP650" s="613"/>
      <c r="BMQ650" s="613"/>
      <c r="BMR650" s="613"/>
      <c r="BMS650" s="613"/>
      <c r="BMT650" s="613"/>
      <c r="BMU650" s="613"/>
      <c r="BMV650" s="613"/>
      <c r="BMW650" s="613"/>
      <c r="BMX650" s="613"/>
      <c r="BMY650" s="613"/>
      <c r="BMZ650" s="613"/>
      <c r="BNA650" s="613"/>
      <c r="BNB650" s="613"/>
      <c r="BNC650" s="613"/>
      <c r="BND650" s="613"/>
      <c r="BNE650" s="613"/>
      <c r="BNF650" s="613"/>
      <c r="BNG650" s="613"/>
      <c r="BNH650" s="613"/>
      <c r="BNI650" s="613"/>
      <c r="BNJ650" s="613"/>
      <c r="BNK650" s="613"/>
      <c r="BNL650" s="613"/>
      <c r="BNM650" s="613"/>
      <c r="BNN650" s="613"/>
      <c r="BNO650" s="613"/>
      <c r="BNP650" s="613"/>
      <c r="BNQ650" s="613"/>
      <c r="BNR650" s="613"/>
      <c r="BNS650" s="613"/>
      <c r="BNT650" s="613"/>
      <c r="BNU650" s="613"/>
      <c r="BNV650" s="613"/>
      <c r="BNW650" s="613"/>
      <c r="BNX650" s="613"/>
      <c r="BNY650" s="613"/>
      <c r="BNZ650" s="613"/>
      <c r="BOA650" s="613"/>
      <c r="BOB650" s="613"/>
      <c r="BOC650" s="613"/>
      <c r="BOD650" s="613"/>
      <c r="BOE650" s="613"/>
      <c r="BOF650" s="613"/>
      <c r="BOG650" s="613"/>
      <c r="BOH650" s="613"/>
      <c r="BOI650" s="613"/>
      <c r="BOJ650" s="613"/>
      <c r="BOK650" s="613"/>
      <c r="BOL650" s="613"/>
      <c r="BOM650" s="613"/>
      <c r="BON650" s="613"/>
      <c r="BOO650" s="613"/>
      <c r="BOP650" s="613"/>
      <c r="BOQ650" s="613"/>
      <c r="BOR650" s="613"/>
      <c r="BOS650" s="613"/>
      <c r="BOT650" s="613"/>
      <c r="BOU650" s="613"/>
      <c r="BOV650" s="613"/>
      <c r="BOW650" s="613"/>
      <c r="BOX650" s="613"/>
      <c r="BOY650" s="613"/>
      <c r="BOZ650" s="613"/>
      <c r="BPA650" s="613"/>
      <c r="BPB650" s="613"/>
      <c r="BPC650" s="613"/>
      <c r="BPD650" s="613"/>
      <c r="BPE650" s="613"/>
      <c r="BPF650" s="613"/>
      <c r="BPG650" s="613"/>
      <c r="BPH650" s="613"/>
      <c r="BPI650" s="613"/>
      <c r="BPJ650" s="613"/>
      <c r="BPK650" s="613"/>
      <c r="BPL650" s="613"/>
      <c r="BPM650" s="613"/>
      <c r="BPN650" s="613"/>
      <c r="BPO650" s="613"/>
      <c r="BPP650" s="613"/>
      <c r="BPQ650" s="613"/>
      <c r="BPR650" s="613"/>
      <c r="BPS650" s="613"/>
      <c r="BPT650" s="613"/>
      <c r="BPU650" s="613"/>
      <c r="BPV650" s="613"/>
      <c r="BPW650" s="613"/>
      <c r="BPX650" s="613"/>
      <c r="BPY650" s="613"/>
      <c r="BPZ650" s="613"/>
      <c r="BQA650" s="613"/>
      <c r="BQB650" s="613"/>
      <c r="BQC650" s="613"/>
      <c r="BQD650" s="613"/>
      <c r="BQE650" s="613"/>
      <c r="BQF650" s="613"/>
      <c r="BQG650" s="613"/>
      <c r="BQH650" s="613"/>
      <c r="BQI650" s="613"/>
      <c r="BQJ650" s="613"/>
      <c r="BQK650" s="613"/>
      <c r="BQL650" s="613"/>
      <c r="BQM650" s="613"/>
      <c r="BQN650" s="613"/>
      <c r="BQO650" s="613"/>
      <c r="BQP650" s="613"/>
      <c r="BQQ650" s="613"/>
      <c r="BQR650" s="613"/>
      <c r="BQS650" s="613"/>
      <c r="BQT650" s="613"/>
      <c r="BQU650" s="613"/>
      <c r="BQV650" s="613"/>
      <c r="BQW650" s="613"/>
      <c r="BQX650" s="613"/>
      <c r="BQY650" s="613"/>
      <c r="BQZ650" s="613"/>
      <c r="BRA650" s="613"/>
      <c r="BRB650" s="613"/>
      <c r="BRC650" s="613"/>
      <c r="BRD650" s="613"/>
      <c r="BRE650" s="613"/>
      <c r="BRF650" s="613"/>
      <c r="BRG650" s="613"/>
      <c r="BRH650" s="613"/>
      <c r="BRI650" s="613"/>
      <c r="BRJ650" s="613"/>
      <c r="BRK650" s="613"/>
      <c r="BRL650" s="613"/>
      <c r="BRM650" s="613"/>
      <c r="BRN650" s="613"/>
      <c r="BRO650" s="613"/>
      <c r="BRP650" s="613"/>
      <c r="BRQ650" s="613"/>
      <c r="BRR650" s="613"/>
      <c r="BRS650" s="613"/>
      <c r="BRT650" s="613"/>
      <c r="BRU650" s="613"/>
      <c r="BRV650" s="613"/>
      <c r="BRW650" s="613"/>
      <c r="BRX650" s="613"/>
      <c r="BRY650" s="613"/>
      <c r="BRZ650" s="613"/>
      <c r="BSA650" s="613"/>
      <c r="BSB650" s="613"/>
      <c r="BSC650" s="613"/>
      <c r="BSD650" s="613"/>
      <c r="BSE650" s="613"/>
      <c r="BSF650" s="613"/>
      <c r="BSG650" s="613"/>
      <c r="BSH650" s="613"/>
      <c r="BSI650" s="613"/>
      <c r="BSJ650" s="613"/>
      <c r="BSK650" s="613"/>
      <c r="BSL650" s="613"/>
      <c r="BSM650" s="613"/>
      <c r="BSN650" s="613"/>
      <c r="BSO650" s="613"/>
      <c r="BSP650" s="613"/>
      <c r="BSQ650" s="613"/>
      <c r="BSR650" s="613"/>
      <c r="BSS650" s="613"/>
      <c r="BST650" s="613"/>
      <c r="BSU650" s="613"/>
      <c r="BSV650" s="613"/>
      <c r="BSW650" s="613"/>
      <c r="BSX650" s="613"/>
      <c r="BSY650" s="613"/>
      <c r="BSZ650" s="613"/>
      <c r="BTA650" s="613"/>
      <c r="BTB650" s="613"/>
      <c r="BTC650" s="613"/>
      <c r="BTD650" s="613"/>
      <c r="BTE650" s="613"/>
      <c r="BTF650" s="613"/>
      <c r="BTG650" s="613"/>
      <c r="BTH650" s="613"/>
      <c r="BTI650" s="613"/>
      <c r="BTJ650" s="613"/>
      <c r="BTK650" s="613"/>
      <c r="BTL650" s="613"/>
      <c r="BTM650" s="613"/>
      <c r="BTN650" s="613"/>
      <c r="BTO650" s="613"/>
      <c r="BTP650" s="613"/>
      <c r="BTQ650" s="613"/>
      <c r="BTR650" s="613"/>
      <c r="BTS650" s="613"/>
      <c r="BTT650" s="613"/>
      <c r="BTU650" s="613"/>
      <c r="BTV650" s="613"/>
      <c r="BTW650" s="613"/>
      <c r="BTX650" s="613"/>
      <c r="BTY650" s="613"/>
      <c r="BTZ650" s="613"/>
      <c r="BUA650" s="613"/>
      <c r="BUB650" s="613"/>
      <c r="BUC650" s="613"/>
      <c r="BUD650" s="613"/>
      <c r="BUE650" s="613"/>
      <c r="BUF650" s="613"/>
      <c r="BUG650" s="613"/>
      <c r="BUH650" s="613"/>
      <c r="BUI650" s="613"/>
      <c r="BUJ650" s="613"/>
      <c r="BUK650" s="613"/>
      <c r="BUL650" s="613"/>
      <c r="BUM650" s="613"/>
      <c r="BUN650" s="613"/>
      <c r="BUO650" s="613"/>
      <c r="BUP650" s="613"/>
      <c r="BUQ650" s="613"/>
      <c r="BUR650" s="613"/>
      <c r="BUS650" s="613"/>
      <c r="BUT650" s="613"/>
      <c r="BUU650" s="613"/>
      <c r="BUV650" s="613"/>
      <c r="BUW650" s="613"/>
      <c r="BUX650" s="613"/>
      <c r="BUY650" s="613"/>
      <c r="BUZ650" s="613"/>
      <c r="BVA650" s="613"/>
      <c r="BVB650" s="613"/>
      <c r="BVC650" s="613"/>
      <c r="BVD650" s="613"/>
      <c r="BVE650" s="613"/>
      <c r="BVF650" s="613"/>
      <c r="BVG650" s="613"/>
      <c r="BVH650" s="613"/>
      <c r="BVI650" s="613"/>
      <c r="BVJ650" s="613"/>
      <c r="BVK650" s="613"/>
      <c r="BVL650" s="613"/>
      <c r="BVM650" s="613"/>
      <c r="BVN650" s="613"/>
      <c r="BVO650" s="613"/>
      <c r="BVP650" s="613"/>
      <c r="BVQ650" s="613"/>
      <c r="BVR650" s="613"/>
      <c r="BVS650" s="613"/>
      <c r="BVT650" s="613"/>
      <c r="BVU650" s="613"/>
      <c r="BVV650" s="613"/>
      <c r="BVW650" s="613"/>
      <c r="BVX650" s="613"/>
      <c r="BVY650" s="613"/>
      <c r="BVZ650" s="613"/>
      <c r="BWA650" s="613"/>
      <c r="BWB650" s="613"/>
      <c r="BWC650" s="613"/>
      <c r="BWD650" s="613"/>
      <c r="BWE650" s="613"/>
      <c r="BWF650" s="613"/>
      <c r="BWG650" s="613"/>
      <c r="BWH650" s="613"/>
      <c r="BWI650" s="613"/>
      <c r="BWJ650" s="613"/>
      <c r="BWK650" s="613"/>
      <c r="BWL650" s="613"/>
      <c r="BWM650" s="613"/>
      <c r="BWN650" s="613"/>
      <c r="BWO650" s="613"/>
      <c r="BWP650" s="613"/>
      <c r="BWQ650" s="613"/>
      <c r="BWR650" s="613"/>
      <c r="BWS650" s="613"/>
      <c r="BWT650" s="613"/>
      <c r="BWU650" s="613"/>
      <c r="BWV650" s="613"/>
      <c r="BWW650" s="613"/>
      <c r="BWX650" s="613"/>
      <c r="BWY650" s="613"/>
      <c r="BWZ650" s="613"/>
      <c r="BXA650" s="613"/>
      <c r="BXB650" s="613"/>
      <c r="BXC650" s="613"/>
      <c r="BXD650" s="613"/>
      <c r="BXE650" s="613"/>
      <c r="BXF650" s="613"/>
      <c r="BXG650" s="613"/>
      <c r="BXH650" s="613"/>
      <c r="BXI650" s="613"/>
      <c r="BXJ650" s="613"/>
      <c r="BXK650" s="613"/>
      <c r="BXL650" s="613"/>
      <c r="BXM650" s="613"/>
      <c r="BXN650" s="613"/>
      <c r="BXO650" s="613"/>
      <c r="BXP650" s="613"/>
      <c r="BXQ650" s="613"/>
      <c r="BXR650" s="613"/>
      <c r="BXS650" s="613"/>
      <c r="BXT650" s="613"/>
      <c r="BXU650" s="613"/>
      <c r="BXV650" s="613"/>
      <c r="BXW650" s="613"/>
      <c r="BXX650" s="613"/>
      <c r="BXY650" s="613"/>
      <c r="BXZ650" s="613"/>
      <c r="BYA650" s="613"/>
      <c r="BYB650" s="613"/>
      <c r="BYC650" s="613"/>
      <c r="BYD650" s="613"/>
      <c r="BYE650" s="613"/>
      <c r="BYF650" s="613"/>
      <c r="BYG650" s="613"/>
      <c r="BYH650" s="613"/>
      <c r="BYI650" s="613"/>
      <c r="BYJ650" s="613"/>
      <c r="BYK650" s="613"/>
      <c r="BYL650" s="613"/>
      <c r="BYM650" s="613"/>
      <c r="BYN650" s="613"/>
      <c r="BYO650" s="613"/>
      <c r="BYP650" s="613"/>
      <c r="BYQ650" s="613"/>
      <c r="BYR650" s="613"/>
      <c r="BYS650" s="613"/>
      <c r="BYT650" s="613"/>
      <c r="BYU650" s="613"/>
      <c r="BYV650" s="613"/>
      <c r="BYW650" s="613"/>
      <c r="BYX650" s="613"/>
      <c r="BYY650" s="613"/>
      <c r="BYZ650" s="613"/>
      <c r="BZA650" s="613"/>
      <c r="BZB650" s="613"/>
      <c r="BZC650" s="613"/>
      <c r="BZD650" s="613"/>
      <c r="BZE650" s="613"/>
      <c r="BZF650" s="613"/>
      <c r="BZG650" s="613"/>
      <c r="BZH650" s="613"/>
      <c r="BZI650" s="613"/>
      <c r="BZJ650" s="613"/>
      <c r="BZK650" s="613"/>
      <c r="BZL650" s="613"/>
      <c r="BZM650" s="613"/>
      <c r="BZN650" s="613"/>
      <c r="BZO650" s="613"/>
      <c r="BZP650" s="613"/>
      <c r="BZQ650" s="613"/>
      <c r="BZR650" s="613"/>
      <c r="BZS650" s="613"/>
      <c r="BZT650" s="613"/>
      <c r="BZU650" s="613"/>
      <c r="BZV650" s="613"/>
      <c r="BZW650" s="613"/>
      <c r="BZX650" s="613"/>
      <c r="BZY650" s="613"/>
      <c r="BZZ650" s="613"/>
      <c r="CAA650" s="613"/>
      <c r="CAB650" s="613"/>
      <c r="CAC650" s="613"/>
      <c r="CAD650" s="613"/>
      <c r="CAE650" s="613"/>
      <c r="CAF650" s="613"/>
      <c r="CAG650" s="613"/>
      <c r="CAH650" s="613"/>
      <c r="CAI650" s="613"/>
      <c r="CAJ650" s="613"/>
      <c r="CAK650" s="613"/>
      <c r="CAL650" s="613"/>
      <c r="CAM650" s="613"/>
      <c r="CAN650" s="613"/>
      <c r="CAO650" s="613"/>
      <c r="CAP650" s="613"/>
      <c r="CAQ650" s="613"/>
      <c r="CAR650" s="613"/>
      <c r="CAS650" s="613"/>
      <c r="CAT650" s="613"/>
      <c r="CAU650" s="613"/>
      <c r="CAV650" s="613"/>
      <c r="CAW650" s="613"/>
      <c r="CAX650" s="613"/>
      <c r="CAY650" s="613"/>
      <c r="CAZ650" s="613"/>
      <c r="CBA650" s="613"/>
      <c r="CBB650" s="613"/>
      <c r="CBC650" s="613"/>
      <c r="CBD650" s="613"/>
      <c r="CBE650" s="613"/>
      <c r="CBF650" s="613"/>
      <c r="CBG650" s="613"/>
      <c r="CBH650" s="613"/>
      <c r="CBI650" s="613"/>
      <c r="CBJ650" s="613"/>
      <c r="CBK650" s="613"/>
      <c r="CBL650" s="613"/>
      <c r="CBM650" s="613"/>
      <c r="CBN650" s="613"/>
      <c r="CBO650" s="613"/>
      <c r="CBP650" s="613"/>
      <c r="CBQ650" s="613"/>
      <c r="CBR650" s="613"/>
      <c r="CBS650" s="613"/>
      <c r="CBT650" s="613"/>
      <c r="CBU650" s="613"/>
      <c r="CBV650" s="613"/>
      <c r="CBW650" s="613"/>
      <c r="CBX650" s="613"/>
      <c r="CBY650" s="613"/>
      <c r="CBZ650" s="613"/>
      <c r="CCA650" s="613"/>
      <c r="CCB650" s="613"/>
      <c r="CCC650" s="613"/>
      <c r="CCD650" s="613"/>
      <c r="CCE650" s="613"/>
      <c r="CCF650" s="613"/>
      <c r="CCG650" s="613"/>
      <c r="CCH650" s="613"/>
      <c r="CCI650" s="613"/>
      <c r="CCJ650" s="613"/>
      <c r="CCK650" s="613"/>
      <c r="CCL650" s="613"/>
      <c r="CCM650" s="613"/>
      <c r="CCN650" s="613"/>
      <c r="CCO650" s="613"/>
      <c r="CCP650" s="613"/>
      <c r="CCQ650" s="613"/>
      <c r="CCR650" s="613"/>
      <c r="CCS650" s="613"/>
      <c r="CCT650" s="613"/>
      <c r="CCU650" s="613"/>
      <c r="CCV650" s="613"/>
      <c r="CCW650" s="613"/>
      <c r="CCX650" s="613"/>
      <c r="CCY650" s="613"/>
      <c r="CCZ650" s="613"/>
      <c r="CDA650" s="613"/>
      <c r="CDB650" s="613"/>
      <c r="CDC650" s="613"/>
      <c r="CDD650" s="613"/>
      <c r="CDE650" s="613"/>
      <c r="CDF650" s="613"/>
      <c r="CDG650" s="613"/>
      <c r="CDH650" s="613"/>
      <c r="CDI650" s="613"/>
      <c r="CDJ650" s="613"/>
      <c r="CDK650" s="613"/>
      <c r="CDL650" s="613"/>
      <c r="CDM650" s="613"/>
      <c r="CDN650" s="613"/>
      <c r="CDO650" s="613"/>
      <c r="CDP650" s="613"/>
      <c r="CDQ650" s="613"/>
      <c r="CDR650" s="613"/>
      <c r="CDS650" s="613"/>
      <c r="CDT650" s="613"/>
      <c r="CDU650" s="613"/>
      <c r="CDV650" s="613"/>
      <c r="CDW650" s="613"/>
      <c r="CDX650" s="613"/>
      <c r="CDY650" s="613"/>
      <c r="CDZ650" s="613"/>
      <c r="CEA650" s="613"/>
      <c r="CEB650" s="613"/>
      <c r="CEC650" s="613"/>
      <c r="CED650" s="613"/>
      <c r="CEE650" s="613"/>
      <c r="CEF650" s="613"/>
      <c r="CEG650" s="613"/>
      <c r="CEH650" s="613"/>
      <c r="CEI650" s="613"/>
      <c r="CEJ650" s="613"/>
      <c r="CEK650" s="613"/>
      <c r="CEL650" s="613"/>
      <c r="CEM650" s="613"/>
      <c r="CEN650" s="613"/>
      <c r="CEO650" s="613"/>
      <c r="CEP650" s="613"/>
      <c r="CEQ650" s="613"/>
      <c r="CER650" s="613"/>
      <c r="CES650" s="613"/>
      <c r="CET650" s="613"/>
      <c r="CEU650" s="613"/>
      <c r="CEV650" s="613"/>
      <c r="CEW650" s="613"/>
      <c r="CEX650" s="613"/>
      <c r="CEY650" s="613"/>
      <c r="CEZ650" s="613"/>
      <c r="CFA650" s="613"/>
      <c r="CFB650" s="613"/>
      <c r="CFC650" s="613"/>
      <c r="CFD650" s="613"/>
      <c r="CFE650" s="613"/>
      <c r="CFF650" s="613"/>
      <c r="CFG650" s="613"/>
      <c r="CFH650" s="613"/>
      <c r="CFI650" s="613"/>
      <c r="CFJ650" s="613"/>
      <c r="CFK650" s="613"/>
      <c r="CFL650" s="613"/>
      <c r="CFM650" s="613"/>
      <c r="CFN650" s="613"/>
      <c r="CFO650" s="613"/>
      <c r="CFP650" s="613"/>
      <c r="CFQ650" s="613"/>
      <c r="CFR650" s="613"/>
      <c r="CFS650" s="613"/>
      <c r="CFT650" s="613"/>
      <c r="CFU650" s="613"/>
      <c r="CFV650" s="613"/>
      <c r="CFW650" s="613"/>
      <c r="CFX650" s="613"/>
      <c r="CFY650" s="613"/>
      <c r="CFZ650" s="613"/>
      <c r="CGA650" s="613"/>
      <c r="CGB650" s="613"/>
      <c r="CGC650" s="613"/>
      <c r="CGD650" s="613"/>
      <c r="CGE650" s="613"/>
      <c r="CGF650" s="613"/>
      <c r="CGG650" s="613"/>
      <c r="CGH650" s="613"/>
      <c r="CGI650" s="613"/>
      <c r="CGJ650" s="613"/>
      <c r="CGK650" s="613"/>
      <c r="CGL650" s="613"/>
      <c r="CGM650" s="613"/>
      <c r="CGN650" s="613"/>
      <c r="CGO650" s="613"/>
      <c r="CGP650" s="613"/>
      <c r="CGQ650" s="613"/>
      <c r="CGR650" s="613"/>
      <c r="CGS650" s="613"/>
      <c r="CGT650" s="613"/>
      <c r="CGU650" s="613"/>
      <c r="CGV650" s="613"/>
      <c r="CGW650" s="613"/>
      <c r="CGX650" s="613"/>
      <c r="CGY650" s="613"/>
      <c r="CGZ650" s="613"/>
      <c r="CHA650" s="613"/>
      <c r="CHB650" s="613"/>
      <c r="CHC650" s="613"/>
      <c r="CHD650" s="613"/>
      <c r="CHE650" s="613"/>
      <c r="CHF650" s="613"/>
      <c r="CHG650" s="613"/>
      <c r="CHH650" s="613"/>
      <c r="CHI650" s="613"/>
      <c r="CHJ650" s="613"/>
      <c r="CHK650" s="613"/>
      <c r="CHL650" s="613"/>
      <c r="CHM650" s="613"/>
      <c r="CHN650" s="613"/>
      <c r="CHO650" s="613"/>
      <c r="CHP650" s="613"/>
      <c r="CHQ650" s="613"/>
      <c r="CHR650" s="613"/>
      <c r="CHS650" s="613"/>
      <c r="CHT650" s="613"/>
      <c r="CHU650" s="613"/>
      <c r="CHV650" s="613"/>
      <c r="CHW650" s="613"/>
      <c r="CHX650" s="613"/>
      <c r="CHY650" s="613"/>
      <c r="CHZ650" s="613"/>
      <c r="CIA650" s="613"/>
      <c r="CIB650" s="613"/>
      <c r="CIC650" s="613"/>
      <c r="CID650" s="613"/>
      <c r="CIE650" s="613"/>
      <c r="CIF650" s="613"/>
      <c r="CIG650" s="613"/>
      <c r="CIH650" s="613"/>
      <c r="CII650" s="613"/>
      <c r="CIJ650" s="613"/>
      <c r="CIK650" s="613"/>
      <c r="CIL650" s="613"/>
      <c r="CIM650" s="613"/>
      <c r="CIN650" s="613"/>
      <c r="CIO650" s="613"/>
      <c r="CIP650" s="613"/>
      <c r="CIQ650" s="613"/>
      <c r="CIR650" s="613"/>
      <c r="CIS650" s="613"/>
      <c r="CIT650" s="613"/>
      <c r="CIU650" s="613"/>
      <c r="CIV650" s="613"/>
      <c r="CIW650" s="613"/>
      <c r="CIX650" s="613"/>
      <c r="CIY650" s="613"/>
      <c r="CIZ650" s="613"/>
      <c r="CJA650" s="613"/>
      <c r="CJB650" s="613"/>
      <c r="CJC650" s="613"/>
      <c r="CJD650" s="613"/>
      <c r="CJE650" s="613"/>
      <c r="CJF650" s="613"/>
      <c r="CJG650" s="613"/>
      <c r="CJH650" s="613"/>
      <c r="CJI650" s="613"/>
      <c r="CJJ650" s="613"/>
      <c r="CJK650" s="613"/>
      <c r="CJL650" s="613"/>
      <c r="CJM650" s="613"/>
      <c r="CJN650" s="613"/>
      <c r="CJO650" s="613"/>
      <c r="CJP650" s="613"/>
      <c r="CJQ650" s="613"/>
      <c r="CJR650" s="613"/>
      <c r="CJS650" s="613"/>
      <c r="CJT650" s="613"/>
      <c r="CJU650" s="613"/>
      <c r="CJV650" s="613"/>
      <c r="CJW650" s="613"/>
      <c r="CJX650" s="613"/>
      <c r="CJY650" s="613"/>
      <c r="CJZ650" s="613"/>
      <c r="CKA650" s="613"/>
      <c r="CKB650" s="613"/>
      <c r="CKC650" s="613"/>
      <c r="CKD650" s="613"/>
      <c r="CKE650" s="613"/>
      <c r="CKF650" s="613"/>
      <c r="CKG650" s="613"/>
      <c r="CKH650" s="613"/>
      <c r="CKI650" s="613"/>
      <c r="CKJ650" s="613"/>
      <c r="CKK650" s="613"/>
      <c r="CKL650" s="613"/>
      <c r="CKM650" s="613"/>
      <c r="CKN650" s="613"/>
      <c r="CKO650" s="613"/>
      <c r="CKP650" s="613"/>
      <c r="CKQ650" s="613"/>
      <c r="CKR650" s="613"/>
      <c r="CKS650" s="613"/>
      <c r="CKT650" s="613"/>
      <c r="CKU650" s="613"/>
      <c r="CKV650" s="613"/>
      <c r="CKW650" s="613"/>
      <c r="CKX650" s="613"/>
      <c r="CKY650" s="613"/>
      <c r="CKZ650" s="613"/>
      <c r="CLA650" s="613"/>
      <c r="CLB650" s="613"/>
      <c r="CLC650" s="613"/>
      <c r="CLD650" s="613"/>
      <c r="CLE650" s="613"/>
      <c r="CLF650" s="613"/>
      <c r="CLG650" s="613"/>
      <c r="CLH650" s="613"/>
      <c r="CLI650" s="613"/>
      <c r="CLJ650" s="613"/>
      <c r="CLK650" s="613"/>
      <c r="CLL650" s="613"/>
      <c r="CLM650" s="613"/>
      <c r="CLN650" s="613"/>
      <c r="CLO650" s="613"/>
      <c r="CLP650" s="613"/>
      <c r="CLQ650" s="613"/>
      <c r="CLR650" s="613"/>
      <c r="CLS650" s="613"/>
      <c r="CLT650" s="613"/>
      <c r="CLU650" s="613"/>
      <c r="CLV650" s="613"/>
      <c r="CLW650" s="613"/>
      <c r="CLX650" s="613"/>
      <c r="CLY650" s="613"/>
      <c r="CLZ650" s="613"/>
      <c r="CMA650" s="613"/>
      <c r="CMB650" s="613"/>
      <c r="CMC650" s="613"/>
      <c r="CMD650" s="613"/>
      <c r="CME650" s="613"/>
      <c r="CMF650" s="613"/>
      <c r="CMG650" s="613"/>
      <c r="CMH650" s="613"/>
      <c r="CMI650" s="613"/>
      <c r="CMJ650" s="613"/>
      <c r="CMK650" s="613"/>
      <c r="CML650" s="613"/>
      <c r="CMM650" s="613"/>
      <c r="CMN650" s="613"/>
      <c r="CMO650" s="613"/>
      <c r="CMP650" s="613"/>
      <c r="CMQ650" s="613"/>
      <c r="CMR650" s="613"/>
      <c r="CMS650" s="613"/>
      <c r="CMT650" s="613"/>
      <c r="CMU650" s="613"/>
      <c r="CMV650" s="613"/>
      <c r="CMW650" s="613"/>
      <c r="CMX650" s="613"/>
      <c r="CMY650" s="613"/>
      <c r="CMZ650" s="613"/>
      <c r="CNA650" s="613"/>
      <c r="CNB650" s="613"/>
      <c r="CNC650" s="613"/>
      <c r="CND650" s="613"/>
      <c r="CNE650" s="613"/>
      <c r="CNF650" s="613"/>
      <c r="CNG650" s="613"/>
      <c r="CNH650" s="613"/>
      <c r="CNI650" s="613"/>
      <c r="CNJ650" s="613"/>
      <c r="CNK650" s="613"/>
      <c r="CNL650" s="613"/>
      <c r="CNM650" s="613"/>
      <c r="CNN650" s="613"/>
      <c r="CNO650" s="613"/>
      <c r="CNP650" s="613"/>
      <c r="CNQ650" s="613"/>
      <c r="CNR650" s="613"/>
      <c r="CNS650" s="613"/>
      <c r="CNT650" s="613"/>
      <c r="CNU650" s="613"/>
      <c r="CNV650" s="613"/>
      <c r="CNW650" s="613"/>
      <c r="CNX650" s="613"/>
      <c r="CNY650" s="613"/>
      <c r="CNZ650" s="613"/>
      <c r="COA650" s="613"/>
      <c r="COB650" s="613"/>
      <c r="COC650" s="613"/>
      <c r="COD650" s="613"/>
      <c r="COE650" s="613"/>
      <c r="COF650" s="613"/>
      <c r="COG650" s="613"/>
      <c r="COH650" s="613"/>
      <c r="COI650" s="613"/>
      <c r="COJ650" s="613"/>
      <c r="COK650" s="613"/>
      <c r="COL650" s="613"/>
      <c r="COM650" s="613"/>
      <c r="CON650" s="613"/>
      <c r="COO650" s="613"/>
      <c r="COP650" s="613"/>
      <c r="COQ650" s="613"/>
      <c r="COR650" s="613"/>
      <c r="COS650" s="613"/>
      <c r="COT650" s="613"/>
      <c r="COU650" s="613"/>
      <c r="COV650" s="613"/>
      <c r="COW650" s="613"/>
      <c r="COX650" s="613"/>
      <c r="COY650" s="613"/>
      <c r="COZ650" s="613"/>
      <c r="CPA650" s="613"/>
      <c r="CPB650" s="613"/>
      <c r="CPC650" s="613"/>
      <c r="CPD650" s="613"/>
      <c r="CPE650" s="613"/>
      <c r="CPF650" s="613"/>
      <c r="CPG650" s="613"/>
      <c r="CPH650" s="613"/>
      <c r="CPI650" s="613"/>
      <c r="CPJ650" s="613"/>
      <c r="CPK650" s="613"/>
      <c r="CPL650" s="613"/>
      <c r="CPM650" s="613"/>
      <c r="CPN650" s="613"/>
      <c r="CPO650" s="613"/>
      <c r="CPP650" s="613"/>
      <c r="CPQ650" s="613"/>
      <c r="CPR650" s="613"/>
      <c r="CPS650" s="613"/>
      <c r="CPT650" s="613"/>
      <c r="CPU650" s="613"/>
      <c r="CPV650" s="613"/>
      <c r="CPW650" s="613"/>
      <c r="CPX650" s="613"/>
      <c r="CPY650" s="613"/>
      <c r="CPZ650" s="613"/>
      <c r="CQA650" s="613"/>
      <c r="CQB650" s="613"/>
      <c r="CQC650" s="613"/>
      <c r="CQD650" s="613"/>
      <c r="CQE650" s="613"/>
      <c r="CQF650" s="613"/>
      <c r="CQG650" s="613"/>
      <c r="CQH650" s="613"/>
      <c r="CQI650" s="613"/>
      <c r="CQJ650" s="613"/>
      <c r="CQK650" s="613"/>
      <c r="CQL650" s="613"/>
      <c r="CQM650" s="613"/>
      <c r="CQN650" s="613"/>
      <c r="CQO650" s="613"/>
      <c r="CQP650" s="613"/>
      <c r="CQQ650" s="613"/>
      <c r="CQR650" s="613"/>
      <c r="CQS650" s="613"/>
      <c r="CQT650" s="613"/>
      <c r="CQU650" s="613"/>
      <c r="CQV650" s="613"/>
      <c r="CQW650" s="613"/>
      <c r="CQX650" s="613"/>
      <c r="CQY650" s="613"/>
      <c r="CQZ650" s="613"/>
      <c r="CRA650" s="613"/>
      <c r="CRB650" s="613"/>
      <c r="CRC650" s="613"/>
      <c r="CRD650" s="613"/>
      <c r="CRE650" s="613"/>
      <c r="CRF650" s="613"/>
      <c r="CRG650" s="613"/>
      <c r="CRH650" s="613"/>
      <c r="CRI650" s="613"/>
      <c r="CRJ650" s="613"/>
      <c r="CRK650" s="613"/>
      <c r="CRL650" s="613"/>
      <c r="CRM650" s="613"/>
      <c r="CRN650" s="613"/>
      <c r="CRO650" s="613"/>
      <c r="CRP650" s="613"/>
      <c r="CRQ650" s="613"/>
      <c r="CRR650" s="613"/>
      <c r="CRS650" s="613"/>
      <c r="CRT650" s="613"/>
      <c r="CRU650" s="613"/>
      <c r="CRV650" s="613"/>
      <c r="CRW650" s="613"/>
      <c r="CRX650" s="613"/>
      <c r="CRY650" s="613"/>
      <c r="CRZ650" s="613"/>
      <c r="CSA650" s="613"/>
      <c r="CSB650" s="613"/>
      <c r="CSC650" s="613"/>
      <c r="CSD650" s="613"/>
      <c r="CSE650" s="613"/>
      <c r="CSF650" s="613"/>
      <c r="CSG650" s="613"/>
      <c r="CSH650" s="613"/>
      <c r="CSI650" s="613"/>
      <c r="CSJ650" s="613"/>
      <c r="CSK650" s="613"/>
      <c r="CSL650" s="613"/>
      <c r="CSM650" s="613"/>
      <c r="CSN650" s="613"/>
      <c r="CSO650" s="613"/>
      <c r="CSP650" s="613"/>
      <c r="CSQ650" s="613"/>
      <c r="CSR650" s="613"/>
      <c r="CSS650" s="613"/>
      <c r="CST650" s="613"/>
      <c r="CSU650" s="613"/>
      <c r="CSV650" s="613"/>
      <c r="CSW650" s="613"/>
      <c r="CSX650" s="613"/>
      <c r="CSY650" s="613"/>
      <c r="CSZ650" s="613"/>
      <c r="CTA650" s="613"/>
      <c r="CTB650" s="613"/>
      <c r="CTC650" s="613"/>
      <c r="CTD650" s="613"/>
      <c r="CTE650" s="613"/>
      <c r="CTF650" s="613"/>
      <c r="CTG650" s="613"/>
      <c r="CTH650" s="613"/>
      <c r="CTI650" s="613"/>
      <c r="CTJ650" s="613"/>
      <c r="CTK650" s="613"/>
      <c r="CTL650" s="613"/>
      <c r="CTM650" s="613"/>
      <c r="CTN650" s="613"/>
      <c r="CTO650" s="613"/>
      <c r="CTP650" s="613"/>
      <c r="CTQ650" s="613"/>
      <c r="CTR650" s="613"/>
      <c r="CTS650" s="613"/>
      <c r="CTT650" s="613"/>
      <c r="CTU650" s="613"/>
      <c r="CTV650" s="613"/>
      <c r="CTW650" s="613"/>
      <c r="CTX650" s="613"/>
      <c r="CTY650" s="613"/>
      <c r="CTZ650" s="613"/>
      <c r="CUA650" s="613"/>
      <c r="CUB650" s="613"/>
      <c r="CUC650" s="613"/>
      <c r="CUD650" s="613"/>
      <c r="CUE650" s="613"/>
      <c r="CUF650" s="613"/>
      <c r="CUG650" s="613"/>
      <c r="CUH650" s="613"/>
      <c r="CUI650" s="613"/>
      <c r="CUJ650" s="613"/>
      <c r="CUK650" s="613"/>
      <c r="CUL650" s="613"/>
      <c r="CUM650" s="613"/>
      <c r="CUN650" s="613"/>
      <c r="CUO650" s="613"/>
      <c r="CUP650" s="613"/>
      <c r="CUQ650" s="613"/>
      <c r="CUR650" s="613"/>
      <c r="CUS650" s="613"/>
      <c r="CUT650" s="613"/>
      <c r="CUU650" s="613"/>
      <c r="CUV650" s="613"/>
      <c r="CUW650" s="613"/>
      <c r="CUX650" s="613"/>
      <c r="CUY650" s="613"/>
      <c r="CUZ650" s="613"/>
      <c r="CVA650" s="613"/>
      <c r="CVB650" s="613"/>
      <c r="CVC650" s="613"/>
      <c r="CVD650" s="613"/>
      <c r="CVE650" s="613"/>
      <c r="CVF650" s="613"/>
      <c r="CVG650" s="613"/>
      <c r="CVH650" s="613"/>
      <c r="CVI650" s="613"/>
      <c r="CVJ650" s="613"/>
      <c r="CVK650" s="613"/>
      <c r="CVL650" s="613"/>
      <c r="CVM650" s="613"/>
      <c r="CVN650" s="613"/>
      <c r="CVO650" s="613"/>
      <c r="CVP650" s="613"/>
      <c r="CVQ650" s="613"/>
      <c r="CVR650" s="613"/>
      <c r="CVS650" s="613"/>
      <c r="CVT650" s="613"/>
      <c r="CVU650" s="613"/>
      <c r="CVV650" s="613"/>
      <c r="CVW650" s="613"/>
      <c r="CVX650" s="613"/>
      <c r="CVY650" s="613"/>
      <c r="CVZ650" s="613"/>
      <c r="CWA650" s="613"/>
      <c r="CWB650" s="613"/>
      <c r="CWC650" s="613"/>
      <c r="CWD650" s="613"/>
      <c r="CWE650" s="613"/>
      <c r="CWF650" s="613"/>
      <c r="CWG650" s="613"/>
      <c r="CWH650" s="613"/>
      <c r="CWI650" s="613"/>
      <c r="CWJ650" s="613"/>
      <c r="CWK650" s="613"/>
      <c r="CWL650" s="613"/>
      <c r="CWM650" s="613"/>
      <c r="CWN650" s="613"/>
      <c r="CWO650" s="613"/>
      <c r="CWP650" s="613"/>
      <c r="CWQ650" s="613"/>
      <c r="CWR650" s="613"/>
      <c r="CWS650" s="613"/>
      <c r="CWT650" s="613"/>
      <c r="CWU650" s="613"/>
      <c r="CWV650" s="613"/>
      <c r="CWW650" s="613"/>
      <c r="CWX650" s="613"/>
      <c r="CWY650" s="613"/>
      <c r="CWZ650" s="613"/>
      <c r="CXA650" s="613"/>
      <c r="CXB650" s="613"/>
      <c r="CXC650" s="613"/>
      <c r="CXD650" s="613"/>
      <c r="CXE650" s="613"/>
      <c r="CXF650" s="613"/>
      <c r="CXG650" s="613"/>
      <c r="CXH650" s="613"/>
      <c r="CXI650" s="613"/>
      <c r="CXJ650" s="613"/>
      <c r="CXK650" s="613"/>
      <c r="CXL650" s="613"/>
      <c r="CXM650" s="613"/>
      <c r="CXN650" s="613"/>
      <c r="CXO650" s="613"/>
      <c r="CXP650" s="613"/>
      <c r="CXQ650" s="613"/>
      <c r="CXR650" s="613"/>
      <c r="CXS650" s="613"/>
      <c r="CXT650" s="613"/>
      <c r="CXU650" s="613"/>
      <c r="CXV650" s="613"/>
      <c r="CXW650" s="613"/>
      <c r="CXX650" s="613"/>
      <c r="CXY650" s="613"/>
      <c r="CXZ650" s="613"/>
      <c r="CYA650" s="613"/>
      <c r="CYB650" s="613"/>
      <c r="CYC650" s="613"/>
      <c r="CYD650" s="613"/>
      <c r="CYE650" s="613"/>
      <c r="CYF650" s="613"/>
      <c r="CYG650" s="613"/>
      <c r="CYH650" s="613"/>
      <c r="CYI650" s="613"/>
      <c r="CYJ650" s="613"/>
      <c r="CYK650" s="613"/>
      <c r="CYL650" s="613"/>
      <c r="CYM650" s="613"/>
      <c r="CYN650" s="613"/>
      <c r="CYO650" s="613"/>
      <c r="CYP650" s="613"/>
      <c r="CYQ650" s="613"/>
      <c r="CYR650" s="613"/>
      <c r="CYS650" s="613"/>
      <c r="CYT650" s="613"/>
      <c r="CYU650" s="613"/>
      <c r="CYV650" s="613"/>
      <c r="CYW650" s="613"/>
      <c r="CYX650" s="613"/>
      <c r="CYY650" s="613"/>
      <c r="CYZ650" s="613"/>
      <c r="CZA650" s="613"/>
      <c r="CZB650" s="613"/>
      <c r="CZC650" s="613"/>
      <c r="CZD650" s="613"/>
      <c r="CZE650" s="613"/>
      <c r="CZF650" s="613"/>
      <c r="CZG650" s="613"/>
      <c r="CZH650" s="613"/>
      <c r="CZI650" s="613"/>
      <c r="CZJ650" s="613"/>
      <c r="CZK650" s="613"/>
      <c r="CZL650" s="613"/>
      <c r="CZM650" s="613"/>
      <c r="CZN650" s="613"/>
      <c r="CZO650" s="613"/>
      <c r="CZP650" s="613"/>
      <c r="CZQ650" s="613"/>
      <c r="CZR650" s="613"/>
      <c r="CZS650" s="613"/>
      <c r="CZT650" s="613"/>
      <c r="CZU650" s="613"/>
      <c r="CZV650" s="613"/>
      <c r="CZW650" s="613"/>
      <c r="CZX650" s="613"/>
      <c r="CZY650" s="613"/>
      <c r="CZZ650" s="613"/>
      <c r="DAA650" s="613"/>
      <c r="DAB650" s="613"/>
      <c r="DAC650" s="613"/>
      <c r="DAD650" s="613"/>
      <c r="DAE650" s="613"/>
      <c r="DAF650" s="613"/>
      <c r="DAG650" s="613"/>
      <c r="DAH650" s="613"/>
      <c r="DAI650" s="613"/>
      <c r="DAJ650" s="613"/>
      <c r="DAK650" s="613"/>
      <c r="DAL650" s="613"/>
      <c r="DAM650" s="613"/>
      <c r="DAN650" s="613"/>
      <c r="DAO650" s="613"/>
      <c r="DAP650" s="613"/>
      <c r="DAQ650" s="613"/>
      <c r="DAR650" s="613"/>
      <c r="DAS650" s="613"/>
      <c r="DAT650" s="613"/>
      <c r="DAU650" s="613"/>
      <c r="DAV650" s="613"/>
      <c r="DAW650" s="613"/>
      <c r="DAX650" s="613"/>
      <c r="DAY650" s="613"/>
      <c r="DAZ650" s="613"/>
      <c r="DBA650" s="613"/>
      <c r="DBB650" s="613"/>
      <c r="DBC650" s="613"/>
      <c r="DBD650" s="613"/>
      <c r="DBE650" s="613"/>
      <c r="DBF650" s="613"/>
      <c r="DBG650" s="613"/>
      <c r="DBH650" s="613"/>
      <c r="DBI650" s="613"/>
      <c r="DBJ650" s="613"/>
      <c r="DBK650" s="613"/>
      <c r="DBL650" s="613"/>
      <c r="DBM650" s="613"/>
      <c r="DBN650" s="613"/>
      <c r="DBO650" s="613"/>
      <c r="DBP650" s="613"/>
      <c r="DBQ650" s="613"/>
      <c r="DBR650" s="613"/>
      <c r="DBS650" s="613"/>
      <c r="DBT650" s="613"/>
      <c r="DBU650" s="613"/>
      <c r="DBV650" s="613"/>
      <c r="DBW650" s="613"/>
      <c r="DBX650" s="613"/>
      <c r="DBY650" s="613"/>
      <c r="DBZ650" s="613"/>
      <c r="DCA650" s="613"/>
      <c r="DCB650" s="613"/>
      <c r="DCC650" s="613"/>
      <c r="DCD650" s="613"/>
      <c r="DCE650" s="613"/>
      <c r="DCF650" s="613"/>
      <c r="DCG650" s="613"/>
      <c r="DCH650" s="613"/>
      <c r="DCI650" s="613"/>
      <c r="DCJ650" s="613"/>
      <c r="DCK650" s="613"/>
      <c r="DCL650" s="613"/>
      <c r="DCM650" s="613"/>
      <c r="DCN650" s="613"/>
      <c r="DCO650" s="613"/>
      <c r="DCP650" s="613"/>
      <c r="DCQ650" s="613"/>
      <c r="DCR650" s="613"/>
      <c r="DCS650" s="613"/>
      <c r="DCT650" s="613"/>
      <c r="DCU650" s="613"/>
      <c r="DCV650" s="613"/>
      <c r="DCW650" s="613"/>
      <c r="DCX650" s="613"/>
      <c r="DCY650" s="613"/>
      <c r="DCZ650" s="613"/>
      <c r="DDA650" s="613"/>
      <c r="DDB650" s="613"/>
      <c r="DDC650" s="613"/>
      <c r="DDD650" s="613"/>
      <c r="DDE650" s="613"/>
      <c r="DDF650" s="613"/>
      <c r="DDG650" s="613"/>
      <c r="DDH650" s="613"/>
      <c r="DDI650" s="613"/>
      <c r="DDJ650" s="613"/>
      <c r="DDK650" s="613"/>
      <c r="DDL650" s="613"/>
      <c r="DDM650" s="613"/>
      <c r="DDN650" s="613"/>
      <c r="DDO650" s="613"/>
      <c r="DDP650" s="613"/>
      <c r="DDQ650" s="613"/>
      <c r="DDR650" s="613"/>
      <c r="DDS650" s="613"/>
      <c r="DDT650" s="613"/>
      <c r="DDU650" s="613"/>
      <c r="DDV650" s="613"/>
      <c r="DDW650" s="613"/>
      <c r="DDX650" s="613"/>
      <c r="DDY650" s="613"/>
      <c r="DDZ650" s="613"/>
      <c r="DEA650" s="613"/>
      <c r="DEB650" s="613"/>
      <c r="DEC650" s="613"/>
      <c r="DED650" s="613"/>
      <c r="DEE650" s="613"/>
      <c r="DEF650" s="613"/>
      <c r="DEG650" s="613"/>
      <c r="DEH650" s="613"/>
      <c r="DEI650" s="613"/>
      <c r="DEJ650" s="613"/>
      <c r="DEK650" s="613"/>
      <c r="DEL650" s="613"/>
      <c r="DEM650" s="613"/>
      <c r="DEN650" s="613"/>
      <c r="DEO650" s="613"/>
      <c r="DEP650" s="613"/>
      <c r="DEQ650" s="613"/>
      <c r="DER650" s="613"/>
      <c r="DES650" s="613"/>
      <c r="DET650" s="613"/>
      <c r="DEU650" s="613"/>
      <c r="DEV650" s="613"/>
      <c r="DEW650" s="613"/>
      <c r="DEX650" s="613"/>
      <c r="DEY650" s="613"/>
      <c r="DEZ650" s="613"/>
      <c r="DFA650" s="613"/>
      <c r="DFB650" s="613"/>
      <c r="DFC650" s="613"/>
      <c r="DFD650" s="613"/>
      <c r="DFE650" s="613"/>
      <c r="DFF650" s="613"/>
      <c r="DFG650" s="613"/>
      <c r="DFH650" s="613"/>
      <c r="DFI650" s="613"/>
      <c r="DFJ650" s="613"/>
      <c r="DFK650" s="613"/>
      <c r="DFL650" s="613"/>
      <c r="DFM650" s="613"/>
      <c r="DFN650" s="613"/>
      <c r="DFO650" s="613"/>
      <c r="DFP650" s="613"/>
      <c r="DFQ650" s="613"/>
      <c r="DFR650" s="613"/>
      <c r="DFS650" s="613"/>
      <c r="DFT650" s="613"/>
      <c r="DFU650" s="613"/>
      <c r="DFV650" s="613"/>
      <c r="DFW650" s="613"/>
      <c r="DFX650" s="613"/>
      <c r="DFY650" s="613"/>
      <c r="DFZ650" s="613"/>
      <c r="DGA650" s="613"/>
      <c r="DGB650" s="613"/>
      <c r="DGC650" s="613"/>
      <c r="DGD650" s="613"/>
      <c r="DGE650" s="613"/>
      <c r="DGF650" s="613"/>
      <c r="DGG650" s="613"/>
      <c r="DGH650" s="613"/>
      <c r="DGI650" s="613"/>
      <c r="DGJ650" s="613"/>
      <c r="DGK650" s="613"/>
      <c r="DGL650" s="613"/>
      <c r="DGM650" s="613"/>
      <c r="DGN650" s="613"/>
      <c r="DGO650" s="613"/>
      <c r="DGP650" s="613"/>
      <c r="DGQ650" s="613"/>
      <c r="DGR650" s="613"/>
      <c r="DGS650" s="613"/>
      <c r="DGT650" s="613"/>
      <c r="DGU650" s="613"/>
      <c r="DGV650" s="613"/>
      <c r="DGW650" s="613"/>
      <c r="DGX650" s="613"/>
      <c r="DGY650" s="613"/>
      <c r="DGZ650" s="613"/>
      <c r="DHA650" s="613"/>
      <c r="DHB650" s="613"/>
      <c r="DHC650" s="613"/>
      <c r="DHD650" s="613"/>
      <c r="DHE650" s="613"/>
      <c r="DHF650" s="613"/>
      <c r="DHG650" s="613"/>
      <c r="DHH650" s="613"/>
      <c r="DHI650" s="613"/>
      <c r="DHJ650" s="613"/>
      <c r="DHK650" s="613"/>
      <c r="DHL650" s="613"/>
      <c r="DHM650" s="613"/>
      <c r="DHN650" s="613"/>
      <c r="DHO650" s="613"/>
      <c r="DHP650" s="613"/>
      <c r="DHQ650" s="613"/>
      <c r="DHR650" s="613"/>
      <c r="DHS650" s="613"/>
      <c r="DHT650" s="613"/>
      <c r="DHU650" s="613"/>
      <c r="DHV650" s="613"/>
      <c r="DHW650" s="613"/>
      <c r="DHX650" s="613"/>
      <c r="DHY650" s="613"/>
      <c r="DHZ650" s="613"/>
      <c r="DIA650" s="613"/>
      <c r="DIB650" s="613"/>
      <c r="DIC650" s="613"/>
      <c r="DID650" s="613"/>
      <c r="DIE650" s="613"/>
      <c r="DIF650" s="613"/>
      <c r="DIG650" s="613"/>
      <c r="DIH650" s="613"/>
      <c r="DII650" s="613"/>
      <c r="DIJ650" s="613"/>
      <c r="DIK650" s="613"/>
      <c r="DIL650" s="613"/>
      <c r="DIM650" s="613"/>
      <c r="DIN650" s="613"/>
      <c r="DIO650" s="613"/>
      <c r="DIP650" s="613"/>
      <c r="DIQ650" s="613"/>
      <c r="DIR650" s="613"/>
      <c r="DIS650" s="613"/>
      <c r="DIT650" s="613"/>
      <c r="DIU650" s="613"/>
      <c r="DIV650" s="613"/>
      <c r="DIW650" s="613"/>
      <c r="DIX650" s="613"/>
      <c r="DIY650" s="613"/>
      <c r="DIZ650" s="613"/>
      <c r="DJA650" s="613"/>
      <c r="DJB650" s="613"/>
      <c r="DJC650" s="613"/>
      <c r="DJD650" s="613"/>
      <c r="DJE650" s="613"/>
      <c r="DJF650" s="613"/>
      <c r="DJG650" s="613"/>
      <c r="DJH650" s="613"/>
      <c r="DJI650" s="613"/>
      <c r="DJJ650" s="613"/>
      <c r="DJK650" s="613"/>
      <c r="DJL650" s="613"/>
      <c r="DJM650" s="613"/>
      <c r="DJN650" s="613"/>
      <c r="DJO650" s="613"/>
      <c r="DJP650" s="613"/>
      <c r="DJQ650" s="613"/>
      <c r="DJR650" s="613"/>
      <c r="DJS650" s="613"/>
      <c r="DJT650" s="613"/>
      <c r="DJU650" s="613"/>
      <c r="DJV650" s="613"/>
      <c r="DJW650" s="613"/>
      <c r="DJX650" s="613"/>
      <c r="DJY650" s="613"/>
      <c r="DJZ650" s="613"/>
      <c r="DKA650" s="613"/>
      <c r="DKB650" s="613"/>
      <c r="DKC650" s="613"/>
      <c r="DKD650" s="613"/>
      <c r="DKE650" s="613"/>
      <c r="DKF650" s="613"/>
      <c r="DKG650" s="613"/>
      <c r="DKH650" s="613"/>
      <c r="DKI650" s="613"/>
      <c r="DKJ650" s="613"/>
      <c r="DKK650" s="613"/>
      <c r="DKL650" s="613"/>
      <c r="DKM650" s="613"/>
      <c r="DKN650" s="613"/>
      <c r="DKO650" s="613"/>
      <c r="DKP650" s="613"/>
      <c r="DKQ650" s="613"/>
      <c r="DKR650" s="613"/>
      <c r="DKS650" s="613"/>
      <c r="DKT650" s="613"/>
      <c r="DKU650" s="613"/>
      <c r="DKV650" s="613"/>
      <c r="DKW650" s="613"/>
      <c r="DKX650" s="613"/>
      <c r="DKY650" s="613"/>
      <c r="DKZ650" s="613"/>
      <c r="DLA650" s="613"/>
      <c r="DLB650" s="613"/>
      <c r="DLC650" s="613"/>
      <c r="DLD650" s="613"/>
      <c r="DLE650" s="613"/>
      <c r="DLF650" s="613"/>
      <c r="DLG650" s="613"/>
      <c r="DLH650" s="613"/>
      <c r="DLI650" s="613"/>
      <c r="DLJ650" s="613"/>
      <c r="DLK650" s="613"/>
      <c r="DLL650" s="613"/>
      <c r="DLM650" s="613"/>
      <c r="DLN650" s="613"/>
      <c r="DLO650" s="613"/>
      <c r="DLP650" s="613"/>
      <c r="DLQ650" s="613"/>
      <c r="DLR650" s="613"/>
      <c r="DLS650" s="613"/>
      <c r="DLT650" s="613"/>
      <c r="DLU650" s="613"/>
      <c r="DLV650" s="613"/>
      <c r="DLW650" s="613"/>
      <c r="DLX650" s="613"/>
      <c r="DLY650" s="613"/>
      <c r="DLZ650" s="613"/>
      <c r="DMA650" s="613"/>
      <c r="DMB650" s="613"/>
      <c r="DMC650" s="613"/>
      <c r="DMD650" s="613"/>
      <c r="DME650" s="613"/>
      <c r="DMF650" s="613"/>
      <c r="DMG650" s="613"/>
      <c r="DMH650" s="613"/>
      <c r="DMI650" s="613"/>
      <c r="DMJ650" s="613"/>
      <c r="DMK650" s="613"/>
      <c r="DML650" s="613"/>
      <c r="DMM650" s="613"/>
      <c r="DMN650" s="613"/>
      <c r="DMO650" s="613"/>
      <c r="DMP650" s="613"/>
      <c r="DMQ650" s="613"/>
      <c r="DMR650" s="613"/>
      <c r="DMS650" s="613"/>
      <c r="DMT650" s="613"/>
      <c r="DMU650" s="613"/>
      <c r="DMV650" s="613"/>
      <c r="DMW650" s="613"/>
      <c r="DMX650" s="613"/>
      <c r="DMY650" s="613"/>
      <c r="DMZ650" s="613"/>
      <c r="DNA650" s="613"/>
      <c r="DNB650" s="613"/>
      <c r="DNC650" s="613"/>
      <c r="DND650" s="613"/>
      <c r="DNE650" s="613"/>
      <c r="DNF650" s="613"/>
      <c r="DNG650" s="613"/>
      <c r="DNH650" s="613"/>
      <c r="DNI650" s="613"/>
      <c r="DNJ650" s="613"/>
      <c r="DNK650" s="613"/>
      <c r="DNL650" s="613"/>
      <c r="DNM650" s="613"/>
      <c r="DNN650" s="613"/>
      <c r="DNO650" s="613"/>
      <c r="DNP650" s="613"/>
      <c r="DNQ650" s="613"/>
      <c r="DNR650" s="613"/>
      <c r="DNS650" s="613"/>
      <c r="DNT650" s="613"/>
      <c r="DNU650" s="613"/>
      <c r="DNV650" s="613"/>
      <c r="DNW650" s="613"/>
      <c r="DNX650" s="613"/>
      <c r="DNY650" s="613"/>
      <c r="DNZ650" s="613"/>
      <c r="DOA650" s="613"/>
      <c r="DOB650" s="613"/>
      <c r="DOC650" s="613"/>
      <c r="DOD650" s="613"/>
      <c r="DOE650" s="613"/>
      <c r="DOF650" s="613"/>
      <c r="DOG650" s="613"/>
      <c r="DOH650" s="613"/>
      <c r="DOI650" s="613"/>
      <c r="DOJ650" s="613"/>
      <c r="DOK650" s="613"/>
      <c r="DOL650" s="613"/>
      <c r="DOM650" s="613"/>
      <c r="DON650" s="613"/>
      <c r="DOO650" s="613"/>
      <c r="DOP650" s="613"/>
      <c r="DOQ650" s="613"/>
      <c r="DOR650" s="613"/>
      <c r="DOS650" s="613"/>
      <c r="DOT650" s="613"/>
      <c r="DOU650" s="613"/>
      <c r="DOV650" s="613"/>
      <c r="DOW650" s="613"/>
      <c r="DOX650" s="613"/>
      <c r="DOY650" s="613"/>
      <c r="DOZ650" s="613"/>
      <c r="DPA650" s="613"/>
      <c r="DPB650" s="613"/>
      <c r="DPC650" s="613"/>
      <c r="DPD650" s="613"/>
      <c r="DPE650" s="613"/>
      <c r="DPF650" s="613"/>
      <c r="DPG650" s="613"/>
      <c r="DPH650" s="613"/>
      <c r="DPI650" s="613"/>
      <c r="DPJ650" s="613"/>
      <c r="DPK650" s="613"/>
      <c r="DPL650" s="613"/>
      <c r="DPM650" s="613"/>
      <c r="DPN650" s="613"/>
      <c r="DPO650" s="613"/>
      <c r="DPP650" s="613"/>
      <c r="DPQ650" s="613"/>
      <c r="DPR650" s="613"/>
      <c r="DPS650" s="613"/>
      <c r="DPT650" s="613"/>
      <c r="DPU650" s="613"/>
      <c r="DPV650" s="613"/>
      <c r="DPW650" s="613"/>
      <c r="DPX650" s="613"/>
      <c r="DPY650" s="613"/>
      <c r="DPZ650" s="613"/>
      <c r="DQA650" s="613"/>
      <c r="DQB650" s="613"/>
      <c r="DQC650" s="613"/>
      <c r="DQD650" s="613"/>
      <c r="DQE650" s="613"/>
      <c r="DQF650" s="613"/>
      <c r="DQG650" s="613"/>
      <c r="DQH650" s="613"/>
      <c r="DQI650" s="613"/>
      <c r="DQJ650" s="613"/>
      <c r="DQK650" s="613"/>
      <c r="DQL650" s="613"/>
      <c r="DQM650" s="613"/>
      <c r="DQN650" s="613"/>
      <c r="DQO650" s="613"/>
      <c r="DQP650" s="613"/>
      <c r="DQQ650" s="613"/>
      <c r="DQR650" s="613"/>
      <c r="DQS650" s="613"/>
      <c r="DQT650" s="613"/>
      <c r="DQU650" s="613"/>
      <c r="DQV650" s="613"/>
      <c r="DQW650" s="613"/>
      <c r="DQX650" s="613"/>
      <c r="DQY650" s="613"/>
      <c r="DQZ650" s="613"/>
      <c r="DRA650" s="613"/>
      <c r="DRB650" s="613"/>
      <c r="DRC650" s="613"/>
      <c r="DRD650" s="613"/>
      <c r="DRE650" s="613"/>
      <c r="DRF650" s="613"/>
      <c r="DRG650" s="613"/>
      <c r="DRH650" s="613"/>
      <c r="DRI650" s="613"/>
      <c r="DRJ650" s="613"/>
      <c r="DRK650" s="613"/>
      <c r="DRL650" s="613"/>
      <c r="DRM650" s="613"/>
      <c r="DRN650" s="613"/>
      <c r="DRO650" s="613"/>
      <c r="DRP650" s="613"/>
      <c r="DRQ650" s="613"/>
      <c r="DRR650" s="613"/>
      <c r="DRS650" s="613"/>
      <c r="DRT650" s="613"/>
      <c r="DRU650" s="613"/>
      <c r="DRV650" s="613"/>
      <c r="DRW650" s="613"/>
      <c r="DRX650" s="613"/>
      <c r="DRY650" s="613"/>
      <c r="DRZ650" s="613"/>
      <c r="DSA650" s="613"/>
      <c r="DSB650" s="613"/>
      <c r="DSC650" s="613"/>
      <c r="DSD650" s="613"/>
      <c r="DSE650" s="613"/>
      <c r="DSF650" s="613"/>
      <c r="DSG650" s="613"/>
      <c r="DSH650" s="613"/>
      <c r="DSI650" s="613"/>
      <c r="DSJ650" s="613"/>
      <c r="DSK650" s="613"/>
      <c r="DSL650" s="613"/>
      <c r="DSM650" s="613"/>
      <c r="DSN650" s="613"/>
      <c r="DSO650" s="613"/>
      <c r="DSP650" s="613"/>
      <c r="DSQ650" s="613"/>
      <c r="DSR650" s="613"/>
      <c r="DSS650" s="613"/>
      <c r="DST650" s="613"/>
      <c r="DSU650" s="613"/>
      <c r="DSV650" s="613"/>
      <c r="DSW650" s="613"/>
      <c r="DSX650" s="613"/>
      <c r="DSY650" s="613"/>
      <c r="DSZ650" s="613"/>
      <c r="DTA650" s="613"/>
      <c r="DTB650" s="613"/>
      <c r="DTC650" s="613"/>
      <c r="DTD650" s="613"/>
      <c r="DTE650" s="613"/>
      <c r="DTF650" s="613"/>
      <c r="DTG650" s="613"/>
      <c r="DTH650" s="613"/>
      <c r="DTI650" s="613"/>
      <c r="DTJ650" s="613"/>
      <c r="DTK650" s="613"/>
      <c r="DTL650" s="613"/>
      <c r="DTM650" s="613"/>
      <c r="DTN650" s="613"/>
      <c r="DTO650" s="613"/>
      <c r="DTP650" s="613"/>
      <c r="DTQ650" s="613"/>
      <c r="DTR650" s="613"/>
      <c r="DTS650" s="613"/>
      <c r="DTT650" s="613"/>
      <c r="DTU650" s="613"/>
      <c r="DTV650" s="613"/>
      <c r="DTW650" s="613"/>
      <c r="DTX650" s="613"/>
      <c r="DTY650" s="613"/>
      <c r="DTZ650" s="613"/>
      <c r="DUA650" s="613"/>
      <c r="DUB650" s="613"/>
      <c r="DUC650" s="613"/>
      <c r="DUD650" s="613"/>
      <c r="DUE650" s="613"/>
      <c r="DUF650" s="613"/>
      <c r="DUG650" s="613"/>
      <c r="DUH650" s="613"/>
      <c r="DUI650" s="613"/>
      <c r="DUJ650" s="613"/>
      <c r="DUK650" s="613"/>
      <c r="DUL650" s="613"/>
      <c r="DUM650" s="613"/>
      <c r="DUN650" s="613"/>
      <c r="DUO650" s="613"/>
      <c r="DUP650" s="613"/>
      <c r="DUQ650" s="613"/>
      <c r="DUR650" s="613"/>
      <c r="DUS650" s="613"/>
      <c r="DUT650" s="613"/>
      <c r="DUU650" s="613"/>
      <c r="DUV650" s="613"/>
      <c r="DUW650" s="613"/>
      <c r="DUX650" s="613"/>
      <c r="DUY650" s="613"/>
      <c r="DUZ650" s="613"/>
      <c r="DVA650" s="613"/>
      <c r="DVB650" s="613"/>
      <c r="DVC650" s="613"/>
      <c r="DVD650" s="613"/>
      <c r="DVE650" s="613"/>
      <c r="DVF650" s="613"/>
      <c r="DVG650" s="613"/>
      <c r="DVH650" s="613"/>
      <c r="DVI650" s="613"/>
      <c r="DVJ650" s="613"/>
      <c r="DVK650" s="613"/>
      <c r="DVL650" s="613"/>
      <c r="DVM650" s="613"/>
      <c r="DVN650" s="613"/>
      <c r="DVO650" s="613"/>
      <c r="DVP650" s="613"/>
      <c r="DVQ650" s="613"/>
      <c r="DVR650" s="613"/>
      <c r="DVS650" s="613"/>
      <c r="DVT650" s="613"/>
      <c r="DVU650" s="613"/>
      <c r="DVV650" s="613"/>
      <c r="DVW650" s="613"/>
      <c r="DVX650" s="613"/>
      <c r="DVY650" s="613"/>
      <c r="DVZ650" s="613"/>
      <c r="DWA650" s="613"/>
      <c r="DWB650" s="613"/>
      <c r="DWC650" s="613"/>
      <c r="DWD650" s="613"/>
      <c r="DWE650" s="613"/>
      <c r="DWF650" s="613"/>
      <c r="DWG650" s="613"/>
      <c r="DWH650" s="613"/>
      <c r="DWI650" s="613"/>
      <c r="DWJ650" s="613"/>
      <c r="DWK650" s="613"/>
      <c r="DWL650" s="613"/>
      <c r="DWM650" s="613"/>
      <c r="DWN650" s="613"/>
      <c r="DWO650" s="613"/>
      <c r="DWP650" s="613"/>
      <c r="DWQ650" s="613"/>
      <c r="DWR650" s="613"/>
      <c r="DWS650" s="613"/>
      <c r="DWT650" s="613"/>
      <c r="DWU650" s="613"/>
      <c r="DWV650" s="613"/>
      <c r="DWW650" s="613"/>
      <c r="DWX650" s="613"/>
      <c r="DWY650" s="613"/>
      <c r="DWZ650" s="613"/>
      <c r="DXA650" s="613"/>
      <c r="DXB650" s="613"/>
      <c r="DXC650" s="613"/>
      <c r="DXD650" s="613"/>
      <c r="DXE650" s="613"/>
      <c r="DXF650" s="613"/>
      <c r="DXG650" s="613"/>
      <c r="DXH650" s="613"/>
      <c r="DXI650" s="613"/>
      <c r="DXJ650" s="613"/>
      <c r="DXK650" s="613"/>
      <c r="DXL650" s="613"/>
      <c r="DXM650" s="613"/>
      <c r="DXN650" s="613"/>
      <c r="DXO650" s="613"/>
      <c r="DXP650" s="613"/>
      <c r="DXQ650" s="613"/>
      <c r="DXR650" s="613"/>
      <c r="DXS650" s="613"/>
      <c r="DXT650" s="613"/>
      <c r="DXU650" s="613"/>
      <c r="DXV650" s="613"/>
      <c r="DXW650" s="613"/>
      <c r="DXX650" s="613"/>
      <c r="DXY650" s="613"/>
      <c r="DXZ650" s="613"/>
      <c r="DYA650" s="613"/>
      <c r="DYB650" s="613"/>
      <c r="DYC650" s="613"/>
      <c r="DYD650" s="613"/>
      <c r="DYE650" s="613"/>
      <c r="DYF650" s="613"/>
      <c r="DYG650" s="613"/>
      <c r="DYH650" s="613"/>
      <c r="DYI650" s="613"/>
      <c r="DYJ650" s="613"/>
      <c r="DYK650" s="613"/>
      <c r="DYL650" s="613"/>
      <c r="DYM650" s="613"/>
      <c r="DYN650" s="613"/>
      <c r="DYO650" s="613"/>
      <c r="DYP650" s="613"/>
      <c r="DYQ650" s="613"/>
      <c r="DYR650" s="613"/>
      <c r="DYS650" s="613"/>
      <c r="DYT650" s="613"/>
      <c r="DYU650" s="613"/>
      <c r="DYV650" s="613"/>
      <c r="DYW650" s="613"/>
      <c r="DYX650" s="613"/>
      <c r="DYY650" s="613"/>
      <c r="DYZ650" s="613"/>
      <c r="DZA650" s="613"/>
      <c r="DZB650" s="613"/>
      <c r="DZC650" s="613"/>
      <c r="DZD650" s="613"/>
      <c r="DZE650" s="613"/>
      <c r="DZF650" s="613"/>
      <c r="DZG650" s="613"/>
      <c r="DZH650" s="613"/>
      <c r="DZI650" s="613"/>
      <c r="DZJ650" s="613"/>
      <c r="DZK650" s="613"/>
      <c r="DZL650" s="613"/>
      <c r="DZM650" s="613"/>
      <c r="DZN650" s="613"/>
      <c r="DZO650" s="613"/>
      <c r="DZP650" s="613"/>
      <c r="DZQ650" s="613"/>
      <c r="DZR650" s="613"/>
      <c r="DZS650" s="613"/>
      <c r="DZT650" s="613"/>
      <c r="DZU650" s="613"/>
      <c r="DZV650" s="613"/>
      <c r="DZW650" s="613"/>
      <c r="DZX650" s="613"/>
      <c r="DZY650" s="613"/>
      <c r="DZZ650" s="613"/>
      <c r="EAA650" s="613"/>
      <c r="EAB650" s="613"/>
      <c r="EAC650" s="613"/>
      <c r="EAD650" s="613"/>
      <c r="EAE650" s="613"/>
      <c r="EAF650" s="613"/>
      <c r="EAG650" s="613"/>
      <c r="EAH650" s="613"/>
      <c r="EAI650" s="613"/>
      <c r="EAJ650" s="613"/>
      <c r="EAK650" s="613"/>
      <c r="EAL650" s="613"/>
      <c r="EAM650" s="613"/>
      <c r="EAN650" s="613"/>
      <c r="EAO650" s="613"/>
      <c r="EAP650" s="613"/>
      <c r="EAQ650" s="613"/>
      <c r="EAR650" s="613"/>
      <c r="EAS650" s="613"/>
      <c r="EAT650" s="613"/>
      <c r="EAU650" s="613"/>
      <c r="EAV650" s="613"/>
      <c r="EAW650" s="613"/>
      <c r="EAX650" s="613"/>
      <c r="EAY650" s="613"/>
      <c r="EAZ650" s="613"/>
      <c r="EBA650" s="613"/>
      <c r="EBB650" s="613"/>
      <c r="EBC650" s="613"/>
      <c r="EBD650" s="613"/>
      <c r="EBE650" s="613"/>
      <c r="EBF650" s="613"/>
      <c r="EBG650" s="613"/>
      <c r="EBH650" s="613"/>
      <c r="EBI650" s="613"/>
      <c r="EBJ650" s="613"/>
      <c r="EBK650" s="613"/>
      <c r="EBL650" s="613"/>
      <c r="EBM650" s="613"/>
      <c r="EBN650" s="613"/>
      <c r="EBO650" s="613"/>
      <c r="EBP650" s="613"/>
      <c r="EBQ650" s="613"/>
      <c r="EBR650" s="613"/>
      <c r="EBS650" s="613"/>
      <c r="EBT650" s="613"/>
      <c r="EBU650" s="613"/>
      <c r="EBV650" s="613"/>
      <c r="EBW650" s="613"/>
      <c r="EBX650" s="613"/>
      <c r="EBY650" s="613"/>
      <c r="EBZ650" s="613"/>
      <c r="ECA650" s="613"/>
      <c r="ECB650" s="613"/>
      <c r="ECC650" s="613"/>
      <c r="ECD650" s="613"/>
      <c r="ECE650" s="613"/>
      <c r="ECF650" s="613"/>
      <c r="ECG650" s="613"/>
      <c r="ECH650" s="613"/>
      <c r="ECI650" s="613"/>
      <c r="ECJ650" s="613"/>
      <c r="ECK650" s="613"/>
      <c r="ECL650" s="613"/>
      <c r="ECM650" s="613"/>
      <c r="ECN650" s="613"/>
      <c r="ECO650" s="613"/>
      <c r="ECP650" s="613"/>
      <c r="ECQ650" s="613"/>
      <c r="ECR650" s="613"/>
      <c r="ECS650" s="613"/>
      <c r="ECT650" s="613"/>
      <c r="ECU650" s="613"/>
      <c r="ECV650" s="613"/>
      <c r="ECW650" s="613"/>
      <c r="ECX650" s="613"/>
      <c r="ECY650" s="613"/>
      <c r="ECZ650" s="613"/>
      <c r="EDA650" s="613"/>
      <c r="EDB650" s="613"/>
      <c r="EDC650" s="613"/>
      <c r="EDD650" s="613"/>
      <c r="EDE650" s="613"/>
      <c r="EDF650" s="613"/>
      <c r="EDG650" s="613"/>
      <c r="EDH650" s="613"/>
      <c r="EDI650" s="613"/>
      <c r="EDJ650" s="613"/>
      <c r="EDK650" s="613"/>
      <c r="EDL650" s="613"/>
      <c r="EDM650" s="613"/>
      <c r="EDN650" s="613"/>
      <c r="EDO650" s="613"/>
      <c r="EDP650" s="613"/>
      <c r="EDQ650" s="613"/>
      <c r="EDR650" s="613"/>
      <c r="EDS650" s="613"/>
      <c r="EDT650" s="613"/>
      <c r="EDU650" s="613"/>
      <c r="EDV650" s="613"/>
      <c r="EDW650" s="613"/>
      <c r="EDX650" s="613"/>
      <c r="EDY650" s="613"/>
      <c r="EDZ650" s="613"/>
      <c r="EEA650" s="613"/>
      <c r="EEB650" s="613"/>
      <c r="EEC650" s="613"/>
      <c r="EED650" s="613"/>
      <c r="EEE650" s="613"/>
      <c r="EEF650" s="613"/>
      <c r="EEG650" s="613"/>
      <c r="EEH650" s="613"/>
      <c r="EEI650" s="613"/>
      <c r="EEJ650" s="613"/>
      <c r="EEK650" s="613"/>
      <c r="EEL650" s="613"/>
      <c r="EEM650" s="613"/>
      <c r="EEN650" s="613"/>
      <c r="EEO650" s="613"/>
      <c r="EEP650" s="613"/>
      <c r="EEQ650" s="613"/>
      <c r="EER650" s="613"/>
      <c r="EES650" s="613"/>
      <c r="EET650" s="613"/>
      <c r="EEU650" s="613"/>
      <c r="EEV650" s="613"/>
      <c r="EEW650" s="613"/>
      <c r="EEX650" s="613"/>
      <c r="EEY650" s="613"/>
      <c r="EEZ650" s="613"/>
      <c r="EFA650" s="613"/>
      <c r="EFB650" s="613"/>
      <c r="EFC650" s="613"/>
      <c r="EFD650" s="613"/>
      <c r="EFE650" s="613"/>
      <c r="EFF650" s="613"/>
      <c r="EFG650" s="613"/>
      <c r="EFH650" s="613"/>
      <c r="EFI650" s="613"/>
      <c r="EFJ650" s="613"/>
      <c r="EFK650" s="613"/>
      <c r="EFL650" s="613"/>
      <c r="EFM650" s="613"/>
      <c r="EFN650" s="613"/>
      <c r="EFO650" s="613"/>
      <c r="EFP650" s="613"/>
      <c r="EFQ650" s="613"/>
      <c r="EFR650" s="613"/>
      <c r="EFS650" s="613"/>
      <c r="EFT650" s="613"/>
      <c r="EFU650" s="613"/>
      <c r="EFV650" s="613"/>
      <c r="EFW650" s="613"/>
      <c r="EFX650" s="613"/>
      <c r="EFY650" s="613"/>
      <c r="EFZ650" s="613"/>
      <c r="EGA650" s="613"/>
      <c r="EGB650" s="613"/>
      <c r="EGC650" s="613"/>
      <c r="EGD650" s="613"/>
      <c r="EGE650" s="613"/>
      <c r="EGF650" s="613"/>
      <c r="EGG650" s="613"/>
      <c r="EGH650" s="613"/>
      <c r="EGI650" s="613"/>
      <c r="EGJ650" s="613"/>
      <c r="EGK650" s="613"/>
      <c r="EGL650" s="613"/>
      <c r="EGM650" s="613"/>
      <c r="EGN650" s="613"/>
      <c r="EGO650" s="613"/>
      <c r="EGP650" s="613"/>
      <c r="EGQ650" s="613"/>
      <c r="EGR650" s="613"/>
      <c r="EGS650" s="613"/>
      <c r="EGT650" s="613"/>
      <c r="EGU650" s="613"/>
      <c r="EGV650" s="613"/>
      <c r="EGW650" s="613"/>
      <c r="EGX650" s="613"/>
      <c r="EGY650" s="613"/>
      <c r="EGZ650" s="613"/>
      <c r="EHA650" s="613"/>
      <c r="EHB650" s="613"/>
      <c r="EHC650" s="613"/>
      <c r="EHD650" s="613"/>
      <c r="EHE650" s="613"/>
      <c r="EHF650" s="613"/>
      <c r="EHG650" s="613"/>
      <c r="EHH650" s="613"/>
      <c r="EHI650" s="613"/>
      <c r="EHJ650" s="613"/>
      <c r="EHK650" s="613"/>
      <c r="EHL650" s="613"/>
      <c r="EHM650" s="613"/>
      <c r="EHN650" s="613"/>
      <c r="EHO650" s="613"/>
      <c r="EHP650" s="613"/>
      <c r="EHQ650" s="613"/>
      <c r="EHR650" s="613"/>
      <c r="EHS650" s="613"/>
      <c r="EHT650" s="613"/>
      <c r="EHU650" s="613"/>
      <c r="EHV650" s="613"/>
      <c r="EHW650" s="613"/>
      <c r="EHX650" s="613"/>
      <c r="EHY650" s="613"/>
      <c r="EHZ650" s="613"/>
      <c r="EIA650" s="613"/>
      <c r="EIB650" s="613"/>
      <c r="EIC650" s="613"/>
      <c r="EID650" s="613"/>
      <c r="EIE650" s="613"/>
      <c r="EIF650" s="613"/>
      <c r="EIG650" s="613"/>
      <c r="EIH650" s="613"/>
      <c r="EII650" s="613"/>
      <c r="EIJ650" s="613"/>
      <c r="EIK650" s="613"/>
      <c r="EIL650" s="613"/>
      <c r="EIM650" s="613"/>
      <c r="EIN650" s="613"/>
      <c r="EIO650" s="613"/>
      <c r="EIP650" s="613"/>
      <c r="EIQ650" s="613"/>
      <c r="EIR650" s="613"/>
      <c r="EIS650" s="613"/>
      <c r="EIT650" s="613"/>
      <c r="EIU650" s="613"/>
      <c r="EIV650" s="613"/>
      <c r="EIW650" s="613"/>
      <c r="EIX650" s="613"/>
      <c r="EIY650" s="613"/>
      <c r="EIZ650" s="613"/>
      <c r="EJA650" s="613"/>
      <c r="EJB650" s="613"/>
      <c r="EJC650" s="613"/>
      <c r="EJD650" s="613"/>
      <c r="EJE650" s="613"/>
      <c r="EJF650" s="613"/>
      <c r="EJG650" s="613"/>
      <c r="EJH650" s="613"/>
      <c r="EJI650" s="613"/>
      <c r="EJJ650" s="613"/>
      <c r="EJK650" s="613"/>
      <c r="EJL650" s="613"/>
      <c r="EJM650" s="613"/>
      <c r="EJN650" s="613"/>
      <c r="EJO650" s="613"/>
      <c r="EJP650" s="613"/>
      <c r="EJQ650" s="613"/>
      <c r="EJR650" s="613"/>
      <c r="EJS650" s="613"/>
      <c r="EJT650" s="613"/>
      <c r="EJU650" s="613"/>
      <c r="EJV650" s="613"/>
      <c r="EJW650" s="613"/>
      <c r="EJX650" s="613"/>
      <c r="EJY650" s="613"/>
      <c r="EJZ650" s="613"/>
      <c r="EKA650" s="613"/>
      <c r="EKB650" s="613"/>
      <c r="EKC650" s="613"/>
      <c r="EKD650" s="613"/>
      <c r="EKE650" s="613"/>
      <c r="EKF650" s="613"/>
      <c r="EKG650" s="613"/>
      <c r="EKH650" s="613"/>
      <c r="EKI650" s="613"/>
      <c r="EKJ650" s="613"/>
      <c r="EKK650" s="613"/>
      <c r="EKL650" s="613"/>
      <c r="EKM650" s="613"/>
      <c r="EKN650" s="613"/>
      <c r="EKO650" s="613"/>
      <c r="EKP650" s="613"/>
      <c r="EKQ650" s="613"/>
      <c r="EKR650" s="613"/>
      <c r="EKS650" s="613"/>
      <c r="EKT650" s="613"/>
      <c r="EKU650" s="613"/>
      <c r="EKV650" s="613"/>
      <c r="EKW650" s="613"/>
      <c r="EKX650" s="613"/>
      <c r="EKY650" s="613"/>
      <c r="EKZ650" s="613"/>
      <c r="ELA650" s="613"/>
      <c r="ELB650" s="613"/>
      <c r="ELC650" s="613"/>
      <c r="ELD650" s="613"/>
      <c r="ELE650" s="613"/>
      <c r="ELF650" s="613"/>
      <c r="ELG650" s="613"/>
      <c r="ELH650" s="613"/>
      <c r="ELI650" s="613"/>
      <c r="ELJ650" s="613"/>
      <c r="ELK650" s="613"/>
      <c r="ELL650" s="613"/>
      <c r="ELM650" s="613"/>
      <c r="ELN650" s="613"/>
      <c r="ELO650" s="613"/>
      <c r="ELP650" s="613"/>
      <c r="ELQ650" s="613"/>
      <c r="ELR650" s="613"/>
      <c r="ELS650" s="613"/>
      <c r="ELT650" s="613"/>
      <c r="ELU650" s="613"/>
      <c r="ELV650" s="613"/>
      <c r="ELW650" s="613"/>
      <c r="ELX650" s="613"/>
      <c r="ELY650" s="613"/>
      <c r="ELZ650" s="613"/>
      <c r="EMA650" s="613"/>
      <c r="EMB650" s="613"/>
      <c r="EMC650" s="613"/>
      <c r="EMD650" s="613"/>
      <c r="EME650" s="613"/>
      <c r="EMF650" s="613"/>
      <c r="EMG650" s="613"/>
      <c r="EMH650" s="613"/>
      <c r="EMI650" s="613"/>
      <c r="EMJ650" s="613"/>
      <c r="EMK650" s="613"/>
      <c r="EML650" s="613"/>
      <c r="EMM650" s="613"/>
      <c r="EMN650" s="613"/>
      <c r="EMO650" s="613"/>
      <c r="EMP650" s="613"/>
      <c r="EMQ650" s="613"/>
      <c r="EMR650" s="613"/>
      <c r="EMS650" s="613"/>
      <c r="EMT650" s="613"/>
      <c r="EMU650" s="613"/>
      <c r="EMV650" s="613"/>
      <c r="EMW650" s="613"/>
      <c r="EMX650" s="613"/>
      <c r="EMY650" s="613"/>
      <c r="EMZ650" s="613"/>
      <c r="ENA650" s="613"/>
      <c r="ENB650" s="613"/>
      <c r="ENC650" s="613"/>
      <c r="END650" s="613"/>
      <c r="ENE650" s="613"/>
      <c r="ENF650" s="613"/>
      <c r="ENG650" s="613"/>
      <c r="ENH650" s="613"/>
      <c r="ENI650" s="613"/>
      <c r="ENJ650" s="613"/>
      <c r="ENK650" s="613"/>
      <c r="ENL650" s="613"/>
      <c r="ENM650" s="613"/>
      <c r="ENN650" s="613"/>
      <c r="ENO650" s="613"/>
      <c r="ENP650" s="613"/>
      <c r="ENQ650" s="613"/>
      <c r="ENR650" s="613"/>
      <c r="ENS650" s="613"/>
      <c r="ENT650" s="613"/>
      <c r="ENU650" s="613"/>
      <c r="ENV650" s="613"/>
      <c r="ENW650" s="613"/>
      <c r="ENX650" s="613"/>
      <c r="ENY650" s="613"/>
      <c r="ENZ650" s="613"/>
      <c r="EOA650" s="613"/>
      <c r="EOB650" s="613"/>
      <c r="EOC650" s="613"/>
      <c r="EOD650" s="613"/>
      <c r="EOE650" s="613"/>
      <c r="EOF650" s="613"/>
      <c r="EOG650" s="613"/>
      <c r="EOH650" s="613"/>
      <c r="EOI650" s="613"/>
      <c r="EOJ650" s="613"/>
      <c r="EOK650" s="613"/>
      <c r="EOL650" s="613"/>
      <c r="EOM650" s="613"/>
      <c r="EON650" s="613"/>
      <c r="EOO650" s="613"/>
      <c r="EOP650" s="613"/>
      <c r="EOQ650" s="613"/>
      <c r="EOR650" s="613"/>
      <c r="EOS650" s="613"/>
      <c r="EOT650" s="613"/>
      <c r="EOU650" s="613"/>
      <c r="EOV650" s="613"/>
      <c r="EOW650" s="613"/>
      <c r="EOX650" s="613"/>
      <c r="EOY650" s="613"/>
      <c r="EOZ650" s="613"/>
      <c r="EPA650" s="613"/>
      <c r="EPB650" s="613"/>
      <c r="EPC650" s="613"/>
      <c r="EPD650" s="613"/>
      <c r="EPE650" s="613"/>
      <c r="EPF650" s="613"/>
      <c r="EPG650" s="613"/>
      <c r="EPH650" s="613"/>
      <c r="EPI650" s="613"/>
      <c r="EPJ650" s="613"/>
      <c r="EPK650" s="613"/>
      <c r="EPL650" s="613"/>
      <c r="EPM650" s="613"/>
      <c r="EPN650" s="613"/>
      <c r="EPO650" s="613"/>
      <c r="EPP650" s="613"/>
      <c r="EPQ650" s="613"/>
      <c r="EPR650" s="613"/>
      <c r="EPS650" s="613"/>
      <c r="EPT650" s="613"/>
      <c r="EPU650" s="613"/>
      <c r="EPV650" s="613"/>
      <c r="EPW650" s="613"/>
      <c r="EPX650" s="613"/>
      <c r="EPY650" s="613"/>
      <c r="EPZ650" s="613"/>
      <c r="EQA650" s="613"/>
      <c r="EQB650" s="613"/>
      <c r="EQC650" s="613"/>
      <c r="EQD650" s="613"/>
      <c r="EQE650" s="613"/>
      <c r="EQF650" s="613"/>
      <c r="EQG650" s="613"/>
      <c r="EQH650" s="613"/>
      <c r="EQI650" s="613"/>
      <c r="EQJ650" s="613"/>
      <c r="EQK650" s="613"/>
      <c r="EQL650" s="613"/>
      <c r="EQM650" s="613"/>
      <c r="EQN650" s="613"/>
      <c r="EQO650" s="613"/>
      <c r="EQP650" s="613"/>
      <c r="EQQ650" s="613"/>
      <c r="EQR650" s="613"/>
      <c r="EQS650" s="613"/>
      <c r="EQT650" s="613"/>
      <c r="EQU650" s="613"/>
      <c r="EQV650" s="613"/>
      <c r="EQW650" s="613"/>
      <c r="EQX650" s="613"/>
      <c r="EQY650" s="613"/>
      <c r="EQZ650" s="613"/>
      <c r="ERA650" s="613"/>
      <c r="ERB650" s="613"/>
      <c r="ERC650" s="613"/>
      <c r="ERD650" s="613"/>
      <c r="ERE650" s="613"/>
      <c r="ERF650" s="613"/>
      <c r="ERG650" s="613"/>
      <c r="ERH650" s="613"/>
      <c r="ERI650" s="613"/>
      <c r="ERJ650" s="613"/>
      <c r="ERK650" s="613"/>
      <c r="ERL650" s="613"/>
      <c r="ERM650" s="613"/>
      <c r="ERN650" s="613"/>
      <c r="ERO650" s="613"/>
      <c r="ERP650" s="613"/>
      <c r="ERQ650" s="613"/>
      <c r="ERR650" s="613"/>
      <c r="ERS650" s="613"/>
      <c r="ERT650" s="613"/>
      <c r="ERU650" s="613"/>
      <c r="ERV650" s="613"/>
      <c r="ERW650" s="613"/>
      <c r="ERX650" s="613"/>
      <c r="ERY650" s="613"/>
      <c r="ERZ650" s="613"/>
      <c r="ESA650" s="613"/>
      <c r="ESB650" s="613"/>
      <c r="ESC650" s="613"/>
      <c r="ESD650" s="613"/>
      <c r="ESE650" s="613"/>
      <c r="ESF650" s="613"/>
      <c r="ESG650" s="613"/>
      <c r="ESH650" s="613"/>
      <c r="ESI650" s="613"/>
      <c r="ESJ650" s="613"/>
      <c r="ESK650" s="613"/>
      <c r="ESL650" s="613"/>
      <c r="ESM650" s="613"/>
      <c r="ESN650" s="613"/>
      <c r="ESO650" s="613"/>
      <c r="ESP650" s="613"/>
      <c r="ESQ650" s="613"/>
      <c r="ESR650" s="613"/>
      <c r="ESS650" s="613"/>
      <c r="EST650" s="613"/>
      <c r="ESU650" s="613"/>
      <c r="ESV650" s="613"/>
      <c r="ESW650" s="613"/>
      <c r="ESX650" s="613"/>
      <c r="ESY650" s="613"/>
      <c r="ESZ650" s="613"/>
      <c r="ETA650" s="613"/>
      <c r="ETB650" s="613"/>
      <c r="ETC650" s="613"/>
      <c r="ETD650" s="613"/>
      <c r="ETE650" s="613"/>
      <c r="ETF650" s="613"/>
      <c r="ETG650" s="613"/>
      <c r="ETH650" s="613"/>
      <c r="ETI650" s="613"/>
      <c r="ETJ650" s="613"/>
      <c r="ETK650" s="613"/>
      <c r="ETL650" s="613"/>
      <c r="ETM650" s="613"/>
      <c r="ETN650" s="613"/>
      <c r="ETO650" s="613"/>
      <c r="ETP650" s="613"/>
      <c r="ETQ650" s="613"/>
      <c r="ETR650" s="613"/>
      <c r="ETS650" s="613"/>
      <c r="ETT650" s="613"/>
      <c r="ETU650" s="613"/>
      <c r="ETV650" s="613"/>
      <c r="ETW650" s="613"/>
      <c r="ETX650" s="613"/>
      <c r="ETY650" s="613"/>
      <c r="ETZ650" s="613"/>
      <c r="EUA650" s="613"/>
      <c r="EUB650" s="613"/>
      <c r="EUC650" s="613"/>
      <c r="EUD650" s="613"/>
      <c r="EUE650" s="613"/>
      <c r="EUF650" s="613"/>
      <c r="EUG650" s="613"/>
      <c r="EUH650" s="613"/>
      <c r="EUI650" s="613"/>
      <c r="EUJ650" s="613"/>
      <c r="EUK650" s="613"/>
      <c r="EUL650" s="613"/>
      <c r="EUM650" s="613"/>
      <c r="EUN650" s="613"/>
      <c r="EUO650" s="613"/>
      <c r="EUP650" s="613"/>
      <c r="EUQ650" s="613"/>
      <c r="EUR650" s="613"/>
      <c r="EUS650" s="613"/>
      <c r="EUT650" s="613"/>
      <c r="EUU650" s="613"/>
      <c r="EUV650" s="613"/>
      <c r="EUW650" s="613"/>
      <c r="EUX650" s="613"/>
      <c r="EUY650" s="613"/>
      <c r="EUZ650" s="613"/>
      <c r="EVA650" s="613"/>
      <c r="EVB650" s="613"/>
      <c r="EVC650" s="613"/>
      <c r="EVD650" s="613"/>
      <c r="EVE650" s="613"/>
      <c r="EVF650" s="613"/>
      <c r="EVG650" s="613"/>
      <c r="EVH650" s="613"/>
      <c r="EVI650" s="613"/>
      <c r="EVJ650" s="613"/>
      <c r="EVK650" s="613"/>
      <c r="EVL650" s="613"/>
      <c r="EVM650" s="613"/>
      <c r="EVN650" s="613"/>
      <c r="EVO650" s="613"/>
      <c r="EVP650" s="613"/>
      <c r="EVQ650" s="613"/>
      <c r="EVR650" s="613"/>
      <c r="EVS650" s="613"/>
      <c r="EVT650" s="613"/>
      <c r="EVU650" s="613"/>
      <c r="EVV650" s="613"/>
      <c r="EVW650" s="613"/>
      <c r="EVX650" s="613"/>
      <c r="EVY650" s="613"/>
      <c r="EVZ650" s="613"/>
      <c r="EWA650" s="613"/>
      <c r="EWB650" s="613"/>
      <c r="EWC650" s="613"/>
      <c r="EWD650" s="613"/>
      <c r="EWE650" s="613"/>
      <c r="EWF650" s="613"/>
      <c r="EWG650" s="613"/>
      <c r="EWH650" s="613"/>
      <c r="EWI650" s="613"/>
      <c r="EWJ650" s="613"/>
      <c r="EWK650" s="613"/>
      <c r="EWL650" s="613"/>
      <c r="EWM650" s="613"/>
      <c r="EWN650" s="613"/>
      <c r="EWO650" s="613"/>
      <c r="EWP650" s="613"/>
      <c r="EWQ650" s="613"/>
      <c r="EWR650" s="613"/>
      <c r="EWS650" s="613"/>
      <c r="EWT650" s="613"/>
      <c r="EWU650" s="613"/>
      <c r="EWV650" s="613"/>
      <c r="EWW650" s="613"/>
      <c r="EWX650" s="613"/>
      <c r="EWY650" s="613"/>
      <c r="EWZ650" s="613"/>
      <c r="EXA650" s="613"/>
      <c r="EXB650" s="613"/>
      <c r="EXC650" s="613"/>
      <c r="EXD650" s="613"/>
      <c r="EXE650" s="613"/>
      <c r="EXF650" s="613"/>
      <c r="EXG650" s="613"/>
      <c r="EXH650" s="613"/>
      <c r="EXI650" s="613"/>
      <c r="EXJ650" s="613"/>
      <c r="EXK650" s="613"/>
      <c r="EXL650" s="613"/>
      <c r="EXM650" s="613"/>
      <c r="EXN650" s="613"/>
      <c r="EXO650" s="613"/>
      <c r="EXP650" s="613"/>
      <c r="EXQ650" s="613"/>
      <c r="EXR650" s="613"/>
      <c r="EXS650" s="613"/>
      <c r="EXT650" s="613"/>
      <c r="EXU650" s="613"/>
      <c r="EXV650" s="613"/>
      <c r="EXW650" s="613"/>
      <c r="EXX650" s="613"/>
      <c r="EXY650" s="613"/>
      <c r="EXZ650" s="613"/>
      <c r="EYA650" s="613"/>
      <c r="EYB650" s="613"/>
      <c r="EYC650" s="613"/>
      <c r="EYD650" s="613"/>
      <c r="EYE650" s="613"/>
      <c r="EYF650" s="613"/>
      <c r="EYG650" s="613"/>
      <c r="EYH650" s="613"/>
      <c r="EYI650" s="613"/>
      <c r="EYJ650" s="613"/>
      <c r="EYK650" s="613"/>
      <c r="EYL650" s="613"/>
      <c r="EYM650" s="613"/>
      <c r="EYN650" s="613"/>
      <c r="EYO650" s="613"/>
      <c r="EYP650" s="613"/>
      <c r="EYQ650" s="613"/>
      <c r="EYR650" s="613"/>
      <c r="EYS650" s="613"/>
      <c r="EYT650" s="613"/>
      <c r="EYU650" s="613"/>
      <c r="EYV650" s="613"/>
      <c r="EYW650" s="613"/>
      <c r="EYX650" s="613"/>
      <c r="EYY650" s="613"/>
      <c r="EYZ650" s="613"/>
      <c r="EZA650" s="613"/>
      <c r="EZB650" s="613"/>
      <c r="EZC650" s="613"/>
      <c r="EZD650" s="613"/>
      <c r="EZE650" s="613"/>
      <c r="EZF650" s="613"/>
      <c r="EZG650" s="613"/>
      <c r="EZH650" s="613"/>
      <c r="EZI650" s="613"/>
      <c r="EZJ650" s="613"/>
      <c r="EZK650" s="613"/>
      <c r="EZL650" s="613"/>
      <c r="EZM650" s="613"/>
      <c r="EZN650" s="613"/>
      <c r="EZO650" s="613"/>
      <c r="EZP650" s="613"/>
      <c r="EZQ650" s="613"/>
      <c r="EZR650" s="613"/>
      <c r="EZS650" s="613"/>
      <c r="EZT650" s="613"/>
      <c r="EZU650" s="613"/>
      <c r="EZV650" s="613"/>
      <c r="EZW650" s="613"/>
      <c r="EZX650" s="613"/>
      <c r="EZY650" s="613"/>
      <c r="EZZ650" s="613"/>
      <c r="FAA650" s="613"/>
      <c r="FAB650" s="613"/>
      <c r="FAC650" s="613"/>
      <c r="FAD650" s="613"/>
      <c r="FAE650" s="613"/>
      <c r="FAF650" s="613"/>
      <c r="FAG650" s="613"/>
      <c r="FAH650" s="613"/>
      <c r="FAI650" s="613"/>
      <c r="FAJ650" s="613"/>
      <c r="FAK650" s="613"/>
      <c r="FAL650" s="613"/>
      <c r="FAM650" s="613"/>
      <c r="FAN650" s="613"/>
      <c r="FAO650" s="613"/>
      <c r="FAP650" s="613"/>
      <c r="FAQ650" s="613"/>
      <c r="FAR650" s="613"/>
      <c r="FAS650" s="613"/>
      <c r="FAT650" s="613"/>
      <c r="FAU650" s="613"/>
      <c r="FAV650" s="613"/>
      <c r="FAW650" s="613"/>
      <c r="FAX650" s="613"/>
      <c r="FAY650" s="613"/>
      <c r="FAZ650" s="613"/>
      <c r="FBA650" s="613"/>
      <c r="FBB650" s="613"/>
      <c r="FBC650" s="613"/>
      <c r="FBD650" s="613"/>
      <c r="FBE650" s="613"/>
      <c r="FBF650" s="613"/>
      <c r="FBG650" s="613"/>
      <c r="FBH650" s="613"/>
      <c r="FBI650" s="613"/>
      <c r="FBJ650" s="613"/>
      <c r="FBK650" s="613"/>
      <c r="FBL650" s="613"/>
      <c r="FBM650" s="613"/>
      <c r="FBN650" s="613"/>
      <c r="FBO650" s="613"/>
      <c r="FBP650" s="613"/>
      <c r="FBQ650" s="613"/>
      <c r="FBR650" s="613"/>
      <c r="FBS650" s="613"/>
      <c r="FBT650" s="613"/>
      <c r="FBU650" s="613"/>
      <c r="FBV650" s="613"/>
      <c r="FBW650" s="613"/>
      <c r="FBX650" s="613"/>
      <c r="FBY650" s="613"/>
      <c r="FBZ650" s="613"/>
      <c r="FCA650" s="613"/>
      <c r="FCB650" s="613"/>
      <c r="FCC650" s="613"/>
      <c r="FCD650" s="613"/>
      <c r="FCE650" s="613"/>
      <c r="FCF650" s="613"/>
      <c r="FCG650" s="613"/>
      <c r="FCH650" s="613"/>
      <c r="FCI650" s="613"/>
      <c r="FCJ650" s="613"/>
      <c r="FCK650" s="613"/>
      <c r="FCL650" s="613"/>
      <c r="FCM650" s="613"/>
      <c r="FCN650" s="613"/>
      <c r="FCO650" s="613"/>
      <c r="FCP650" s="613"/>
      <c r="FCQ650" s="613"/>
      <c r="FCR650" s="613"/>
      <c r="FCS650" s="613"/>
      <c r="FCT650" s="613"/>
      <c r="FCU650" s="613"/>
      <c r="FCV650" s="613"/>
      <c r="FCW650" s="613"/>
      <c r="FCX650" s="613"/>
      <c r="FCY650" s="613"/>
      <c r="FCZ650" s="613"/>
      <c r="FDA650" s="613"/>
      <c r="FDB650" s="613"/>
      <c r="FDC650" s="613"/>
      <c r="FDD650" s="613"/>
      <c r="FDE650" s="613"/>
      <c r="FDF650" s="613"/>
      <c r="FDG650" s="613"/>
      <c r="FDH650" s="613"/>
      <c r="FDI650" s="613"/>
      <c r="FDJ650" s="613"/>
      <c r="FDK650" s="613"/>
      <c r="FDL650" s="613"/>
      <c r="FDM650" s="613"/>
      <c r="FDN650" s="613"/>
      <c r="FDO650" s="613"/>
      <c r="FDP650" s="613"/>
      <c r="FDQ650" s="613"/>
      <c r="FDR650" s="613"/>
      <c r="FDS650" s="613"/>
      <c r="FDT650" s="613"/>
      <c r="FDU650" s="613"/>
      <c r="FDV650" s="613"/>
      <c r="FDW650" s="613"/>
      <c r="FDX650" s="613"/>
      <c r="FDY650" s="613"/>
      <c r="FDZ650" s="613"/>
      <c r="FEA650" s="613"/>
      <c r="FEB650" s="613"/>
      <c r="FEC650" s="613"/>
      <c r="FED650" s="613"/>
      <c r="FEE650" s="613"/>
      <c r="FEF650" s="613"/>
      <c r="FEG650" s="613"/>
      <c r="FEH650" s="613"/>
      <c r="FEI650" s="613"/>
      <c r="FEJ650" s="613"/>
      <c r="FEK650" s="613"/>
      <c r="FEL650" s="613"/>
      <c r="FEM650" s="613"/>
      <c r="FEN650" s="613"/>
      <c r="FEO650" s="613"/>
      <c r="FEP650" s="613"/>
      <c r="FEQ650" s="613"/>
      <c r="FER650" s="613"/>
      <c r="FES650" s="613"/>
      <c r="FET650" s="613"/>
      <c r="FEU650" s="613"/>
      <c r="FEV650" s="613"/>
      <c r="FEW650" s="613"/>
      <c r="FEX650" s="613"/>
      <c r="FEY650" s="613"/>
      <c r="FEZ650" s="613"/>
      <c r="FFA650" s="613"/>
      <c r="FFB650" s="613"/>
      <c r="FFC650" s="613"/>
      <c r="FFD650" s="613"/>
      <c r="FFE650" s="613"/>
      <c r="FFF650" s="613"/>
      <c r="FFG650" s="613"/>
      <c r="FFH650" s="613"/>
      <c r="FFI650" s="613"/>
      <c r="FFJ650" s="613"/>
      <c r="FFK650" s="613"/>
      <c r="FFL650" s="613"/>
      <c r="FFM650" s="613"/>
      <c r="FFN650" s="613"/>
      <c r="FFO650" s="613"/>
      <c r="FFP650" s="613"/>
      <c r="FFQ650" s="613"/>
      <c r="FFR650" s="613"/>
      <c r="FFS650" s="613"/>
      <c r="FFT650" s="613"/>
      <c r="FFU650" s="613"/>
      <c r="FFV650" s="613"/>
      <c r="FFW650" s="613"/>
      <c r="FFX650" s="613"/>
      <c r="FFY650" s="613"/>
      <c r="FFZ650" s="613"/>
      <c r="FGA650" s="613"/>
      <c r="FGB650" s="613"/>
      <c r="FGC650" s="613"/>
      <c r="FGD650" s="613"/>
      <c r="FGE650" s="613"/>
      <c r="FGF650" s="613"/>
      <c r="FGG650" s="613"/>
      <c r="FGH650" s="613"/>
      <c r="FGI650" s="613"/>
      <c r="FGJ650" s="613"/>
      <c r="FGK650" s="613"/>
      <c r="FGL650" s="613"/>
      <c r="FGM650" s="613"/>
      <c r="FGN650" s="613"/>
      <c r="FGO650" s="613"/>
      <c r="FGP650" s="613"/>
      <c r="FGQ650" s="613"/>
      <c r="FGR650" s="613"/>
      <c r="FGS650" s="613"/>
      <c r="FGT650" s="613"/>
      <c r="FGU650" s="613"/>
      <c r="FGV650" s="613"/>
      <c r="FGW650" s="613"/>
      <c r="FGX650" s="613"/>
      <c r="FGY650" s="613"/>
      <c r="FGZ650" s="613"/>
      <c r="FHA650" s="613"/>
      <c r="FHB650" s="613"/>
      <c r="FHC650" s="613"/>
      <c r="FHD650" s="613"/>
      <c r="FHE650" s="613"/>
      <c r="FHF650" s="613"/>
      <c r="FHG650" s="613"/>
      <c r="FHH650" s="613"/>
      <c r="FHI650" s="613"/>
      <c r="FHJ650" s="613"/>
      <c r="FHK650" s="613"/>
      <c r="FHL650" s="613"/>
      <c r="FHM650" s="613"/>
      <c r="FHN650" s="613"/>
      <c r="FHO650" s="613"/>
      <c r="FHP650" s="613"/>
      <c r="FHQ650" s="613"/>
      <c r="FHR650" s="613"/>
      <c r="FHS650" s="613"/>
      <c r="FHT650" s="613"/>
      <c r="FHU650" s="613"/>
      <c r="FHV650" s="613"/>
      <c r="FHW650" s="613"/>
      <c r="FHX650" s="613"/>
      <c r="FHY650" s="613"/>
      <c r="FHZ650" s="613"/>
      <c r="FIA650" s="613"/>
      <c r="FIB650" s="613"/>
      <c r="FIC650" s="613"/>
      <c r="FID650" s="613"/>
      <c r="FIE650" s="613"/>
      <c r="FIF650" s="613"/>
      <c r="FIG650" s="613"/>
      <c r="FIH650" s="613"/>
      <c r="FII650" s="613"/>
      <c r="FIJ650" s="613"/>
      <c r="FIK650" s="613"/>
      <c r="FIL650" s="613"/>
      <c r="FIM650" s="613"/>
      <c r="FIN650" s="613"/>
      <c r="FIO650" s="613"/>
      <c r="FIP650" s="613"/>
      <c r="FIQ650" s="613"/>
      <c r="FIR650" s="613"/>
      <c r="FIS650" s="613"/>
      <c r="FIT650" s="613"/>
      <c r="FIU650" s="613"/>
      <c r="FIV650" s="613"/>
      <c r="FIW650" s="613"/>
      <c r="FIX650" s="613"/>
      <c r="FIY650" s="613"/>
      <c r="FIZ650" s="613"/>
      <c r="FJA650" s="613"/>
      <c r="FJB650" s="613"/>
      <c r="FJC650" s="613"/>
      <c r="FJD650" s="613"/>
      <c r="FJE650" s="613"/>
      <c r="FJF650" s="613"/>
      <c r="FJG650" s="613"/>
      <c r="FJH650" s="613"/>
      <c r="FJI650" s="613"/>
      <c r="FJJ650" s="613"/>
      <c r="FJK650" s="613"/>
      <c r="FJL650" s="613"/>
      <c r="FJM650" s="613"/>
      <c r="FJN650" s="613"/>
      <c r="FJO650" s="613"/>
      <c r="FJP650" s="613"/>
      <c r="FJQ650" s="613"/>
      <c r="FJR650" s="613"/>
      <c r="FJS650" s="613"/>
      <c r="FJT650" s="613"/>
      <c r="FJU650" s="613"/>
      <c r="FJV650" s="613"/>
      <c r="FJW650" s="613"/>
      <c r="FJX650" s="613"/>
      <c r="FJY650" s="613"/>
      <c r="FJZ650" s="613"/>
      <c r="FKA650" s="613"/>
      <c r="FKB650" s="613"/>
      <c r="FKC650" s="613"/>
      <c r="FKD650" s="613"/>
      <c r="FKE650" s="613"/>
      <c r="FKF650" s="613"/>
      <c r="FKG650" s="613"/>
      <c r="FKH650" s="613"/>
      <c r="FKI650" s="613"/>
      <c r="FKJ650" s="613"/>
      <c r="FKK650" s="613"/>
      <c r="FKL650" s="613"/>
      <c r="FKM650" s="613"/>
      <c r="FKN650" s="613"/>
      <c r="FKO650" s="613"/>
      <c r="FKP650" s="613"/>
      <c r="FKQ650" s="613"/>
      <c r="FKR650" s="613"/>
      <c r="FKS650" s="613"/>
      <c r="FKT650" s="613"/>
      <c r="FKU650" s="613"/>
      <c r="FKV650" s="613"/>
      <c r="FKW650" s="613"/>
      <c r="FKX650" s="613"/>
      <c r="FKY650" s="613"/>
      <c r="FKZ650" s="613"/>
      <c r="FLA650" s="613"/>
      <c r="FLB650" s="613"/>
      <c r="FLC650" s="613"/>
      <c r="FLD650" s="613"/>
      <c r="FLE650" s="613"/>
      <c r="FLF650" s="613"/>
      <c r="FLG650" s="613"/>
      <c r="FLH650" s="613"/>
      <c r="FLI650" s="613"/>
      <c r="FLJ650" s="613"/>
      <c r="FLK650" s="613"/>
      <c r="FLL650" s="613"/>
      <c r="FLM650" s="613"/>
      <c r="FLN650" s="613"/>
      <c r="FLO650" s="613"/>
      <c r="FLP650" s="613"/>
      <c r="FLQ650" s="613"/>
      <c r="FLR650" s="613"/>
      <c r="FLS650" s="613"/>
      <c r="FLT650" s="613"/>
      <c r="FLU650" s="613"/>
      <c r="FLV650" s="613"/>
      <c r="FLW650" s="613"/>
      <c r="FLX650" s="613"/>
      <c r="FLY650" s="613"/>
      <c r="FLZ650" s="613"/>
      <c r="FMA650" s="613"/>
      <c r="FMB650" s="613"/>
      <c r="FMC650" s="613"/>
      <c r="FMD650" s="613"/>
      <c r="FME650" s="613"/>
      <c r="FMF650" s="613"/>
      <c r="FMG650" s="613"/>
      <c r="FMH650" s="613"/>
      <c r="FMI650" s="613"/>
      <c r="FMJ650" s="613"/>
      <c r="FMK650" s="613"/>
      <c r="FML650" s="613"/>
      <c r="FMM650" s="613"/>
      <c r="FMN650" s="613"/>
      <c r="FMO650" s="613"/>
      <c r="FMP650" s="613"/>
      <c r="FMQ650" s="613"/>
      <c r="FMR650" s="613"/>
      <c r="FMS650" s="613"/>
      <c r="FMT650" s="613"/>
      <c r="FMU650" s="613"/>
      <c r="FMV650" s="613"/>
      <c r="FMW650" s="613"/>
      <c r="FMX650" s="613"/>
      <c r="FMY650" s="613"/>
      <c r="FMZ650" s="613"/>
      <c r="FNA650" s="613"/>
      <c r="FNB650" s="613"/>
      <c r="FNC650" s="613"/>
      <c r="FND650" s="613"/>
      <c r="FNE650" s="613"/>
      <c r="FNF650" s="613"/>
      <c r="FNG650" s="613"/>
      <c r="FNH650" s="613"/>
      <c r="FNI650" s="613"/>
      <c r="FNJ650" s="613"/>
      <c r="FNK650" s="613"/>
      <c r="FNL650" s="613"/>
      <c r="FNM650" s="613"/>
      <c r="FNN650" s="613"/>
      <c r="FNO650" s="613"/>
      <c r="FNP650" s="613"/>
      <c r="FNQ650" s="613"/>
      <c r="FNR650" s="613"/>
      <c r="FNS650" s="613"/>
      <c r="FNT650" s="613"/>
      <c r="FNU650" s="613"/>
      <c r="FNV650" s="613"/>
      <c r="FNW650" s="613"/>
      <c r="FNX650" s="613"/>
      <c r="FNY650" s="613"/>
      <c r="FNZ650" s="613"/>
      <c r="FOA650" s="613"/>
      <c r="FOB650" s="613"/>
      <c r="FOC650" s="613"/>
      <c r="FOD650" s="613"/>
      <c r="FOE650" s="613"/>
      <c r="FOF650" s="613"/>
      <c r="FOG650" s="613"/>
      <c r="FOH650" s="613"/>
      <c r="FOI650" s="613"/>
      <c r="FOJ650" s="613"/>
      <c r="FOK650" s="613"/>
      <c r="FOL650" s="613"/>
      <c r="FOM650" s="613"/>
      <c r="FON650" s="613"/>
      <c r="FOO650" s="613"/>
      <c r="FOP650" s="613"/>
      <c r="FOQ650" s="613"/>
      <c r="FOR650" s="613"/>
      <c r="FOS650" s="613"/>
      <c r="FOT650" s="613"/>
      <c r="FOU650" s="613"/>
      <c r="FOV650" s="613"/>
      <c r="FOW650" s="613"/>
      <c r="FOX650" s="613"/>
      <c r="FOY650" s="613"/>
      <c r="FOZ650" s="613"/>
      <c r="FPA650" s="613"/>
      <c r="FPB650" s="613"/>
      <c r="FPC650" s="613"/>
      <c r="FPD650" s="613"/>
      <c r="FPE650" s="613"/>
      <c r="FPF650" s="613"/>
      <c r="FPG650" s="613"/>
      <c r="FPH650" s="613"/>
      <c r="FPI650" s="613"/>
      <c r="FPJ650" s="613"/>
      <c r="FPK650" s="613"/>
      <c r="FPL650" s="613"/>
      <c r="FPM650" s="613"/>
      <c r="FPN650" s="613"/>
      <c r="FPO650" s="613"/>
      <c r="FPP650" s="613"/>
      <c r="FPQ650" s="613"/>
      <c r="FPR650" s="613"/>
      <c r="FPS650" s="613"/>
      <c r="FPT650" s="613"/>
      <c r="FPU650" s="613"/>
      <c r="FPV650" s="613"/>
      <c r="FPW650" s="613"/>
      <c r="FPX650" s="613"/>
      <c r="FPY650" s="613"/>
      <c r="FPZ650" s="613"/>
      <c r="FQA650" s="613"/>
      <c r="FQB650" s="613"/>
      <c r="FQC650" s="613"/>
      <c r="FQD650" s="613"/>
      <c r="FQE650" s="613"/>
      <c r="FQF650" s="613"/>
      <c r="FQG650" s="613"/>
      <c r="FQH650" s="613"/>
      <c r="FQI650" s="613"/>
      <c r="FQJ650" s="613"/>
      <c r="FQK650" s="613"/>
      <c r="FQL650" s="613"/>
      <c r="FQM650" s="613"/>
      <c r="FQN650" s="613"/>
      <c r="FQO650" s="613"/>
      <c r="FQP650" s="613"/>
      <c r="FQQ650" s="613"/>
      <c r="FQR650" s="613"/>
      <c r="FQS650" s="613"/>
      <c r="FQT650" s="613"/>
      <c r="FQU650" s="613"/>
      <c r="FQV650" s="613"/>
      <c r="FQW650" s="613"/>
      <c r="FQX650" s="613"/>
      <c r="FQY650" s="613"/>
      <c r="FQZ650" s="613"/>
      <c r="FRA650" s="613"/>
      <c r="FRB650" s="613"/>
      <c r="FRC650" s="613"/>
      <c r="FRD650" s="613"/>
      <c r="FRE650" s="613"/>
      <c r="FRF650" s="613"/>
      <c r="FRG650" s="613"/>
      <c r="FRH650" s="613"/>
      <c r="FRI650" s="613"/>
      <c r="FRJ650" s="613"/>
      <c r="FRK650" s="613"/>
      <c r="FRL650" s="613"/>
      <c r="FRM650" s="613"/>
      <c r="FRN650" s="613"/>
      <c r="FRO650" s="613"/>
      <c r="FRP650" s="613"/>
      <c r="FRQ650" s="613"/>
      <c r="FRR650" s="613"/>
      <c r="FRS650" s="613"/>
      <c r="FRT650" s="613"/>
      <c r="FRU650" s="613"/>
      <c r="FRV650" s="613"/>
      <c r="FRW650" s="613"/>
      <c r="FRX650" s="613"/>
      <c r="FRY650" s="613"/>
      <c r="FRZ650" s="613"/>
      <c r="FSA650" s="613"/>
      <c r="FSB650" s="613"/>
      <c r="FSC650" s="613"/>
      <c r="FSD650" s="613"/>
      <c r="FSE650" s="613"/>
      <c r="FSF650" s="613"/>
      <c r="FSG650" s="613"/>
      <c r="FSH650" s="613"/>
      <c r="FSI650" s="613"/>
      <c r="FSJ650" s="613"/>
      <c r="FSK650" s="613"/>
      <c r="FSL650" s="613"/>
      <c r="FSM650" s="613"/>
      <c r="FSN650" s="613"/>
      <c r="FSO650" s="613"/>
      <c r="FSP650" s="613"/>
      <c r="FSQ650" s="613"/>
      <c r="FSR650" s="613"/>
      <c r="FSS650" s="613"/>
      <c r="FST650" s="613"/>
      <c r="FSU650" s="613"/>
      <c r="FSV650" s="613"/>
      <c r="FSW650" s="613"/>
      <c r="FSX650" s="613"/>
      <c r="FSY650" s="613"/>
      <c r="FSZ650" s="613"/>
      <c r="FTA650" s="613"/>
      <c r="FTB650" s="613"/>
      <c r="FTC650" s="613"/>
      <c r="FTD650" s="613"/>
      <c r="FTE650" s="613"/>
      <c r="FTF650" s="613"/>
      <c r="FTG650" s="613"/>
      <c r="FTH650" s="613"/>
      <c r="FTI650" s="613"/>
      <c r="FTJ650" s="613"/>
      <c r="FTK650" s="613"/>
      <c r="FTL650" s="613"/>
      <c r="FTM650" s="613"/>
      <c r="FTN650" s="613"/>
      <c r="FTO650" s="613"/>
      <c r="FTP650" s="613"/>
      <c r="FTQ650" s="613"/>
      <c r="FTR650" s="613"/>
      <c r="FTS650" s="613"/>
      <c r="FTT650" s="613"/>
      <c r="FTU650" s="613"/>
      <c r="FTV650" s="613"/>
      <c r="FTW650" s="613"/>
      <c r="FTX650" s="613"/>
      <c r="FTY650" s="613"/>
      <c r="FTZ650" s="613"/>
      <c r="FUA650" s="613"/>
      <c r="FUB650" s="613"/>
      <c r="FUC650" s="613"/>
      <c r="FUD650" s="613"/>
      <c r="FUE650" s="613"/>
      <c r="FUF650" s="613"/>
      <c r="FUG650" s="613"/>
      <c r="FUH650" s="613"/>
      <c r="FUI650" s="613"/>
      <c r="FUJ650" s="613"/>
      <c r="FUK650" s="613"/>
      <c r="FUL650" s="613"/>
      <c r="FUM650" s="613"/>
      <c r="FUN650" s="613"/>
      <c r="FUO650" s="613"/>
      <c r="FUP650" s="613"/>
      <c r="FUQ650" s="613"/>
      <c r="FUR650" s="613"/>
      <c r="FUS650" s="613"/>
      <c r="FUT650" s="613"/>
      <c r="FUU650" s="613"/>
      <c r="FUV650" s="613"/>
      <c r="FUW650" s="613"/>
      <c r="FUX650" s="613"/>
      <c r="FUY650" s="613"/>
      <c r="FUZ650" s="613"/>
      <c r="FVA650" s="613"/>
      <c r="FVB650" s="613"/>
      <c r="FVC650" s="613"/>
      <c r="FVD650" s="613"/>
      <c r="FVE650" s="613"/>
      <c r="FVF650" s="613"/>
      <c r="FVG650" s="613"/>
      <c r="FVH650" s="613"/>
      <c r="FVI650" s="613"/>
      <c r="FVJ650" s="613"/>
      <c r="FVK650" s="613"/>
      <c r="FVL650" s="613"/>
      <c r="FVM650" s="613"/>
      <c r="FVN650" s="613"/>
      <c r="FVO650" s="613"/>
      <c r="FVP650" s="613"/>
      <c r="FVQ650" s="613"/>
      <c r="FVR650" s="613"/>
      <c r="FVS650" s="613"/>
      <c r="FVT650" s="613"/>
      <c r="FVU650" s="613"/>
      <c r="FVV650" s="613"/>
      <c r="FVW650" s="613"/>
      <c r="FVX650" s="613"/>
      <c r="FVY650" s="613"/>
      <c r="FVZ650" s="613"/>
      <c r="FWA650" s="613"/>
      <c r="FWB650" s="613"/>
      <c r="FWC650" s="613"/>
      <c r="FWD650" s="613"/>
      <c r="FWE650" s="613"/>
      <c r="FWF650" s="613"/>
      <c r="FWG650" s="613"/>
      <c r="FWH650" s="613"/>
      <c r="FWI650" s="613"/>
      <c r="FWJ650" s="613"/>
      <c r="FWK650" s="613"/>
      <c r="FWL650" s="613"/>
      <c r="FWM650" s="613"/>
      <c r="FWN650" s="613"/>
      <c r="FWO650" s="613"/>
      <c r="FWP650" s="613"/>
      <c r="FWQ650" s="613"/>
      <c r="FWR650" s="613"/>
      <c r="FWS650" s="613"/>
      <c r="FWT650" s="613"/>
      <c r="FWU650" s="613"/>
      <c r="FWV650" s="613"/>
      <c r="FWW650" s="613"/>
      <c r="FWX650" s="613"/>
      <c r="FWY650" s="613"/>
      <c r="FWZ650" s="613"/>
      <c r="FXA650" s="613"/>
      <c r="FXB650" s="613"/>
      <c r="FXC650" s="613"/>
      <c r="FXD650" s="613"/>
      <c r="FXE650" s="613"/>
      <c r="FXF650" s="613"/>
      <c r="FXG650" s="613"/>
      <c r="FXH650" s="613"/>
      <c r="FXI650" s="613"/>
      <c r="FXJ650" s="613"/>
      <c r="FXK650" s="613"/>
      <c r="FXL650" s="613"/>
      <c r="FXM650" s="613"/>
      <c r="FXN650" s="613"/>
      <c r="FXO650" s="613"/>
      <c r="FXP650" s="613"/>
      <c r="FXQ650" s="613"/>
      <c r="FXR650" s="613"/>
      <c r="FXS650" s="613"/>
      <c r="FXT650" s="613"/>
      <c r="FXU650" s="613"/>
      <c r="FXV650" s="613"/>
      <c r="FXW650" s="613"/>
      <c r="FXX650" s="613"/>
      <c r="FXY650" s="613"/>
      <c r="FXZ650" s="613"/>
      <c r="FYA650" s="613"/>
      <c r="FYB650" s="613"/>
      <c r="FYC650" s="613"/>
      <c r="FYD650" s="613"/>
      <c r="FYE650" s="613"/>
      <c r="FYF650" s="613"/>
      <c r="FYG650" s="613"/>
      <c r="FYH650" s="613"/>
      <c r="FYI650" s="613"/>
      <c r="FYJ650" s="613"/>
      <c r="FYK650" s="613"/>
      <c r="FYL650" s="613"/>
      <c r="FYM650" s="613"/>
      <c r="FYN650" s="613"/>
      <c r="FYO650" s="613"/>
      <c r="FYP650" s="613"/>
      <c r="FYQ650" s="613"/>
      <c r="FYR650" s="613"/>
      <c r="FYS650" s="613"/>
      <c r="FYT650" s="613"/>
      <c r="FYU650" s="613"/>
      <c r="FYV650" s="613"/>
      <c r="FYW650" s="613"/>
      <c r="FYX650" s="613"/>
      <c r="FYY650" s="613"/>
      <c r="FYZ650" s="613"/>
      <c r="FZA650" s="613"/>
      <c r="FZB650" s="613"/>
      <c r="FZC650" s="613"/>
      <c r="FZD650" s="613"/>
      <c r="FZE650" s="613"/>
      <c r="FZF650" s="613"/>
      <c r="FZG650" s="613"/>
      <c r="FZH650" s="613"/>
      <c r="FZI650" s="613"/>
      <c r="FZJ650" s="613"/>
      <c r="FZK650" s="613"/>
      <c r="FZL650" s="613"/>
      <c r="FZM650" s="613"/>
      <c r="FZN650" s="613"/>
      <c r="FZO650" s="613"/>
      <c r="FZP650" s="613"/>
      <c r="FZQ650" s="613"/>
      <c r="FZR650" s="613"/>
      <c r="FZS650" s="613"/>
      <c r="FZT650" s="613"/>
      <c r="FZU650" s="613"/>
      <c r="FZV650" s="613"/>
      <c r="FZW650" s="613"/>
      <c r="FZX650" s="613"/>
      <c r="FZY650" s="613"/>
      <c r="FZZ650" s="613"/>
      <c r="GAA650" s="613"/>
      <c r="GAB650" s="613"/>
      <c r="GAC650" s="613"/>
      <c r="GAD650" s="613"/>
      <c r="GAE650" s="613"/>
      <c r="GAF650" s="613"/>
      <c r="GAG650" s="613"/>
      <c r="GAH650" s="613"/>
      <c r="GAI650" s="613"/>
      <c r="GAJ650" s="613"/>
      <c r="GAK650" s="613"/>
      <c r="GAL650" s="613"/>
      <c r="GAM650" s="613"/>
      <c r="GAN650" s="613"/>
      <c r="GAO650" s="613"/>
      <c r="GAP650" s="613"/>
      <c r="GAQ650" s="613"/>
      <c r="GAR650" s="613"/>
      <c r="GAS650" s="613"/>
      <c r="GAT650" s="613"/>
      <c r="GAU650" s="613"/>
      <c r="GAV650" s="613"/>
      <c r="GAW650" s="613"/>
      <c r="GAX650" s="613"/>
      <c r="GAY650" s="613"/>
      <c r="GAZ650" s="613"/>
      <c r="GBA650" s="613"/>
      <c r="GBB650" s="613"/>
      <c r="GBC650" s="613"/>
      <c r="GBD650" s="613"/>
      <c r="GBE650" s="613"/>
      <c r="GBF650" s="613"/>
      <c r="GBG650" s="613"/>
      <c r="GBH650" s="613"/>
      <c r="GBI650" s="613"/>
      <c r="GBJ650" s="613"/>
      <c r="GBK650" s="613"/>
      <c r="GBL650" s="613"/>
      <c r="GBM650" s="613"/>
      <c r="GBN650" s="613"/>
      <c r="GBO650" s="613"/>
      <c r="GBP650" s="613"/>
      <c r="GBQ650" s="613"/>
      <c r="GBR650" s="613"/>
      <c r="GBS650" s="613"/>
      <c r="GBT650" s="613"/>
      <c r="GBU650" s="613"/>
      <c r="GBV650" s="613"/>
      <c r="GBW650" s="613"/>
      <c r="GBX650" s="613"/>
      <c r="GBY650" s="613"/>
      <c r="GBZ650" s="613"/>
      <c r="GCA650" s="613"/>
      <c r="GCB650" s="613"/>
      <c r="GCC650" s="613"/>
      <c r="GCD650" s="613"/>
      <c r="GCE650" s="613"/>
      <c r="GCF650" s="613"/>
      <c r="GCG650" s="613"/>
      <c r="GCH650" s="613"/>
      <c r="GCI650" s="613"/>
      <c r="GCJ650" s="613"/>
      <c r="GCK650" s="613"/>
      <c r="GCL650" s="613"/>
      <c r="GCM650" s="613"/>
      <c r="GCN650" s="613"/>
      <c r="GCO650" s="613"/>
      <c r="GCP650" s="613"/>
      <c r="GCQ650" s="613"/>
      <c r="GCR650" s="613"/>
      <c r="GCS650" s="613"/>
      <c r="GCT650" s="613"/>
      <c r="GCU650" s="613"/>
      <c r="GCV650" s="613"/>
      <c r="GCW650" s="613"/>
      <c r="GCX650" s="613"/>
      <c r="GCY650" s="613"/>
      <c r="GCZ650" s="613"/>
      <c r="GDA650" s="613"/>
      <c r="GDB650" s="613"/>
      <c r="GDC650" s="613"/>
      <c r="GDD650" s="613"/>
      <c r="GDE650" s="613"/>
      <c r="GDF650" s="613"/>
      <c r="GDG650" s="613"/>
      <c r="GDH650" s="613"/>
      <c r="GDI650" s="613"/>
      <c r="GDJ650" s="613"/>
      <c r="GDK650" s="613"/>
      <c r="GDL650" s="613"/>
      <c r="GDM650" s="613"/>
      <c r="GDN650" s="613"/>
      <c r="GDO650" s="613"/>
      <c r="GDP650" s="613"/>
      <c r="GDQ650" s="613"/>
      <c r="GDR650" s="613"/>
      <c r="GDS650" s="613"/>
      <c r="GDT650" s="613"/>
      <c r="GDU650" s="613"/>
      <c r="GDV650" s="613"/>
      <c r="GDW650" s="613"/>
      <c r="GDX650" s="613"/>
      <c r="GDY650" s="613"/>
      <c r="GDZ650" s="613"/>
      <c r="GEA650" s="613"/>
      <c r="GEB650" s="613"/>
      <c r="GEC650" s="613"/>
      <c r="GED650" s="613"/>
      <c r="GEE650" s="613"/>
      <c r="GEF650" s="613"/>
      <c r="GEG650" s="613"/>
      <c r="GEH650" s="613"/>
      <c r="GEI650" s="613"/>
      <c r="GEJ650" s="613"/>
      <c r="GEK650" s="613"/>
      <c r="GEL650" s="613"/>
      <c r="GEM650" s="613"/>
      <c r="GEN650" s="613"/>
      <c r="GEO650" s="613"/>
      <c r="GEP650" s="613"/>
      <c r="GEQ650" s="613"/>
      <c r="GER650" s="613"/>
      <c r="GES650" s="613"/>
      <c r="GET650" s="613"/>
      <c r="GEU650" s="613"/>
      <c r="GEV650" s="613"/>
      <c r="GEW650" s="613"/>
      <c r="GEX650" s="613"/>
      <c r="GEY650" s="613"/>
      <c r="GEZ650" s="613"/>
      <c r="GFA650" s="613"/>
      <c r="GFB650" s="613"/>
      <c r="GFC650" s="613"/>
      <c r="GFD650" s="613"/>
      <c r="GFE650" s="613"/>
      <c r="GFF650" s="613"/>
      <c r="GFG650" s="613"/>
      <c r="GFH650" s="613"/>
      <c r="GFI650" s="613"/>
      <c r="GFJ650" s="613"/>
      <c r="GFK650" s="613"/>
      <c r="GFL650" s="613"/>
      <c r="GFM650" s="613"/>
      <c r="GFN650" s="613"/>
      <c r="GFO650" s="613"/>
      <c r="GFP650" s="613"/>
      <c r="GFQ650" s="613"/>
      <c r="GFR650" s="613"/>
      <c r="GFS650" s="613"/>
      <c r="GFT650" s="613"/>
      <c r="GFU650" s="613"/>
      <c r="GFV650" s="613"/>
      <c r="GFW650" s="613"/>
      <c r="GFX650" s="613"/>
      <c r="GFY650" s="613"/>
      <c r="GFZ650" s="613"/>
      <c r="GGA650" s="613"/>
      <c r="GGB650" s="613"/>
      <c r="GGC650" s="613"/>
      <c r="GGD650" s="613"/>
      <c r="GGE650" s="613"/>
      <c r="GGF650" s="613"/>
      <c r="GGG650" s="613"/>
      <c r="GGH650" s="613"/>
      <c r="GGI650" s="613"/>
      <c r="GGJ650" s="613"/>
      <c r="GGK650" s="613"/>
      <c r="GGL650" s="613"/>
      <c r="GGM650" s="613"/>
      <c r="GGN650" s="613"/>
      <c r="GGO650" s="613"/>
      <c r="GGP650" s="613"/>
      <c r="GGQ650" s="613"/>
      <c r="GGR650" s="613"/>
      <c r="GGS650" s="613"/>
      <c r="GGT650" s="613"/>
      <c r="GGU650" s="613"/>
      <c r="GGV650" s="613"/>
      <c r="GGW650" s="613"/>
      <c r="GGX650" s="613"/>
      <c r="GGY650" s="613"/>
      <c r="GGZ650" s="613"/>
      <c r="GHA650" s="613"/>
      <c r="GHB650" s="613"/>
      <c r="GHC650" s="613"/>
      <c r="GHD650" s="613"/>
      <c r="GHE650" s="613"/>
      <c r="GHF650" s="613"/>
      <c r="GHG650" s="613"/>
      <c r="GHH650" s="613"/>
      <c r="GHI650" s="613"/>
      <c r="GHJ650" s="613"/>
      <c r="GHK650" s="613"/>
      <c r="GHL650" s="613"/>
      <c r="GHM650" s="613"/>
      <c r="GHN650" s="613"/>
      <c r="GHO650" s="613"/>
      <c r="GHP650" s="613"/>
      <c r="GHQ650" s="613"/>
      <c r="GHR650" s="613"/>
      <c r="GHS650" s="613"/>
      <c r="GHT650" s="613"/>
      <c r="GHU650" s="613"/>
      <c r="GHV650" s="613"/>
      <c r="GHW650" s="613"/>
      <c r="GHX650" s="613"/>
      <c r="GHY650" s="613"/>
      <c r="GHZ650" s="613"/>
      <c r="GIA650" s="613"/>
      <c r="GIB650" s="613"/>
      <c r="GIC650" s="613"/>
      <c r="GID650" s="613"/>
      <c r="GIE650" s="613"/>
      <c r="GIF650" s="613"/>
      <c r="GIG650" s="613"/>
      <c r="GIH650" s="613"/>
      <c r="GII650" s="613"/>
      <c r="GIJ650" s="613"/>
      <c r="GIK650" s="613"/>
      <c r="GIL650" s="613"/>
      <c r="GIM650" s="613"/>
      <c r="GIN650" s="613"/>
      <c r="GIO650" s="613"/>
      <c r="GIP650" s="613"/>
      <c r="GIQ650" s="613"/>
      <c r="GIR650" s="613"/>
      <c r="GIS650" s="613"/>
      <c r="GIT650" s="613"/>
      <c r="GIU650" s="613"/>
      <c r="GIV650" s="613"/>
      <c r="GIW650" s="613"/>
      <c r="GIX650" s="613"/>
      <c r="GIY650" s="613"/>
      <c r="GIZ650" s="613"/>
      <c r="GJA650" s="613"/>
      <c r="GJB650" s="613"/>
      <c r="GJC650" s="613"/>
      <c r="GJD650" s="613"/>
      <c r="GJE650" s="613"/>
      <c r="GJF650" s="613"/>
      <c r="GJG650" s="613"/>
      <c r="GJH650" s="613"/>
      <c r="GJI650" s="613"/>
      <c r="GJJ650" s="613"/>
      <c r="GJK650" s="613"/>
      <c r="GJL650" s="613"/>
      <c r="GJM650" s="613"/>
      <c r="GJN650" s="613"/>
      <c r="GJO650" s="613"/>
      <c r="GJP650" s="613"/>
      <c r="GJQ650" s="613"/>
      <c r="GJR650" s="613"/>
      <c r="GJS650" s="613"/>
      <c r="GJT650" s="613"/>
      <c r="GJU650" s="613"/>
      <c r="GJV650" s="613"/>
      <c r="GJW650" s="613"/>
      <c r="GJX650" s="613"/>
      <c r="GJY650" s="613"/>
      <c r="GJZ650" s="613"/>
      <c r="GKA650" s="613"/>
      <c r="GKB650" s="613"/>
      <c r="GKC650" s="613"/>
      <c r="GKD650" s="613"/>
      <c r="GKE650" s="613"/>
      <c r="GKF650" s="613"/>
      <c r="GKG650" s="613"/>
      <c r="GKH650" s="613"/>
      <c r="GKI650" s="613"/>
      <c r="GKJ650" s="613"/>
      <c r="GKK650" s="613"/>
      <c r="GKL650" s="613"/>
      <c r="GKM650" s="613"/>
      <c r="GKN650" s="613"/>
      <c r="GKO650" s="613"/>
      <c r="GKP650" s="613"/>
      <c r="GKQ650" s="613"/>
      <c r="GKR650" s="613"/>
      <c r="GKS650" s="613"/>
      <c r="GKT650" s="613"/>
      <c r="GKU650" s="613"/>
      <c r="GKV650" s="613"/>
      <c r="GKW650" s="613"/>
      <c r="GKX650" s="613"/>
      <c r="GKY650" s="613"/>
      <c r="GKZ650" s="613"/>
      <c r="GLA650" s="613"/>
      <c r="GLB650" s="613"/>
      <c r="GLC650" s="613"/>
      <c r="GLD650" s="613"/>
      <c r="GLE650" s="613"/>
      <c r="GLF650" s="613"/>
      <c r="GLG650" s="613"/>
      <c r="GLH650" s="613"/>
      <c r="GLI650" s="613"/>
      <c r="GLJ650" s="613"/>
      <c r="GLK650" s="613"/>
      <c r="GLL650" s="613"/>
      <c r="GLM650" s="613"/>
      <c r="GLN650" s="613"/>
      <c r="GLO650" s="613"/>
      <c r="GLP650" s="613"/>
      <c r="GLQ650" s="613"/>
      <c r="GLR650" s="613"/>
      <c r="GLS650" s="613"/>
      <c r="GLT650" s="613"/>
      <c r="GLU650" s="613"/>
      <c r="GLV650" s="613"/>
      <c r="GLW650" s="613"/>
      <c r="GLX650" s="613"/>
      <c r="GLY650" s="613"/>
      <c r="GLZ650" s="613"/>
      <c r="GMA650" s="613"/>
      <c r="GMB650" s="613"/>
      <c r="GMC650" s="613"/>
      <c r="GMD650" s="613"/>
      <c r="GME650" s="613"/>
      <c r="GMF650" s="613"/>
      <c r="GMG650" s="613"/>
      <c r="GMH650" s="613"/>
      <c r="GMI650" s="613"/>
      <c r="GMJ650" s="613"/>
      <c r="GMK650" s="613"/>
      <c r="GML650" s="613"/>
      <c r="GMM650" s="613"/>
      <c r="GMN650" s="613"/>
      <c r="GMO650" s="613"/>
      <c r="GMP650" s="613"/>
      <c r="GMQ650" s="613"/>
      <c r="GMR650" s="613"/>
      <c r="GMS650" s="613"/>
      <c r="GMT650" s="613"/>
      <c r="GMU650" s="613"/>
      <c r="GMV650" s="613"/>
      <c r="GMW650" s="613"/>
      <c r="GMX650" s="613"/>
      <c r="GMY650" s="613"/>
      <c r="GMZ650" s="613"/>
      <c r="GNA650" s="613"/>
      <c r="GNB650" s="613"/>
      <c r="GNC650" s="613"/>
      <c r="GND650" s="613"/>
      <c r="GNE650" s="613"/>
      <c r="GNF650" s="613"/>
      <c r="GNG650" s="613"/>
      <c r="GNH650" s="613"/>
      <c r="GNI650" s="613"/>
      <c r="GNJ650" s="613"/>
      <c r="GNK650" s="613"/>
      <c r="GNL650" s="613"/>
      <c r="GNM650" s="613"/>
      <c r="GNN650" s="613"/>
      <c r="GNO650" s="613"/>
      <c r="GNP650" s="613"/>
      <c r="GNQ650" s="613"/>
      <c r="GNR650" s="613"/>
      <c r="GNS650" s="613"/>
      <c r="GNT650" s="613"/>
      <c r="GNU650" s="613"/>
      <c r="GNV650" s="613"/>
      <c r="GNW650" s="613"/>
      <c r="GNX650" s="613"/>
      <c r="GNY650" s="613"/>
      <c r="GNZ650" s="613"/>
      <c r="GOA650" s="613"/>
      <c r="GOB650" s="613"/>
      <c r="GOC650" s="613"/>
      <c r="GOD650" s="613"/>
      <c r="GOE650" s="613"/>
      <c r="GOF650" s="613"/>
      <c r="GOG650" s="613"/>
      <c r="GOH650" s="613"/>
      <c r="GOI650" s="613"/>
      <c r="GOJ650" s="613"/>
      <c r="GOK650" s="613"/>
      <c r="GOL650" s="613"/>
      <c r="GOM650" s="613"/>
      <c r="GON650" s="613"/>
      <c r="GOO650" s="613"/>
      <c r="GOP650" s="613"/>
      <c r="GOQ650" s="613"/>
      <c r="GOR650" s="613"/>
      <c r="GOS650" s="613"/>
      <c r="GOT650" s="613"/>
      <c r="GOU650" s="613"/>
      <c r="GOV650" s="613"/>
      <c r="GOW650" s="613"/>
      <c r="GOX650" s="613"/>
      <c r="GOY650" s="613"/>
      <c r="GOZ650" s="613"/>
      <c r="GPA650" s="613"/>
      <c r="GPB650" s="613"/>
      <c r="GPC650" s="613"/>
      <c r="GPD650" s="613"/>
      <c r="GPE650" s="613"/>
      <c r="GPF650" s="613"/>
      <c r="GPG650" s="613"/>
      <c r="GPH650" s="613"/>
      <c r="GPI650" s="613"/>
      <c r="GPJ650" s="613"/>
      <c r="GPK650" s="613"/>
      <c r="GPL650" s="613"/>
      <c r="GPM650" s="613"/>
      <c r="GPN650" s="613"/>
      <c r="GPO650" s="613"/>
      <c r="GPP650" s="613"/>
      <c r="GPQ650" s="613"/>
      <c r="GPR650" s="613"/>
      <c r="GPS650" s="613"/>
      <c r="GPT650" s="613"/>
      <c r="GPU650" s="613"/>
      <c r="GPV650" s="613"/>
      <c r="GPW650" s="613"/>
      <c r="GPX650" s="613"/>
      <c r="GPY650" s="613"/>
      <c r="GPZ650" s="613"/>
      <c r="GQA650" s="613"/>
      <c r="GQB650" s="613"/>
      <c r="GQC650" s="613"/>
      <c r="GQD650" s="613"/>
      <c r="GQE650" s="613"/>
      <c r="GQF650" s="613"/>
      <c r="GQG650" s="613"/>
      <c r="GQH650" s="613"/>
      <c r="GQI650" s="613"/>
      <c r="GQJ650" s="613"/>
      <c r="GQK650" s="613"/>
      <c r="GQL650" s="613"/>
      <c r="GQM650" s="613"/>
      <c r="GQN650" s="613"/>
      <c r="GQO650" s="613"/>
      <c r="GQP650" s="613"/>
      <c r="GQQ650" s="613"/>
      <c r="GQR650" s="613"/>
      <c r="GQS650" s="613"/>
      <c r="GQT650" s="613"/>
      <c r="GQU650" s="613"/>
      <c r="GQV650" s="613"/>
      <c r="GQW650" s="613"/>
      <c r="GQX650" s="613"/>
      <c r="GQY650" s="613"/>
      <c r="GQZ650" s="613"/>
      <c r="GRA650" s="613"/>
      <c r="GRB650" s="613"/>
      <c r="GRC650" s="613"/>
      <c r="GRD650" s="613"/>
      <c r="GRE650" s="613"/>
      <c r="GRF650" s="613"/>
      <c r="GRG650" s="613"/>
      <c r="GRH650" s="613"/>
      <c r="GRI650" s="613"/>
      <c r="GRJ650" s="613"/>
      <c r="GRK650" s="613"/>
      <c r="GRL650" s="613"/>
      <c r="GRM650" s="613"/>
      <c r="GRN650" s="613"/>
      <c r="GRO650" s="613"/>
      <c r="GRP650" s="613"/>
      <c r="GRQ650" s="613"/>
      <c r="GRR650" s="613"/>
      <c r="GRS650" s="613"/>
      <c r="GRT650" s="613"/>
      <c r="GRU650" s="613"/>
      <c r="GRV650" s="613"/>
      <c r="GRW650" s="613"/>
      <c r="GRX650" s="613"/>
      <c r="GRY650" s="613"/>
      <c r="GRZ650" s="613"/>
      <c r="GSA650" s="613"/>
      <c r="GSB650" s="613"/>
      <c r="GSC650" s="613"/>
      <c r="GSD650" s="613"/>
      <c r="GSE650" s="613"/>
      <c r="GSF650" s="613"/>
      <c r="GSG650" s="613"/>
      <c r="GSH650" s="613"/>
      <c r="GSI650" s="613"/>
      <c r="GSJ650" s="613"/>
      <c r="GSK650" s="613"/>
      <c r="GSL650" s="613"/>
      <c r="GSM650" s="613"/>
      <c r="GSN650" s="613"/>
      <c r="GSO650" s="613"/>
      <c r="GSP650" s="613"/>
      <c r="GSQ650" s="613"/>
      <c r="GSR650" s="613"/>
      <c r="GSS650" s="613"/>
      <c r="GST650" s="613"/>
      <c r="GSU650" s="613"/>
      <c r="GSV650" s="613"/>
      <c r="GSW650" s="613"/>
      <c r="GSX650" s="613"/>
      <c r="GSY650" s="613"/>
      <c r="GSZ650" s="613"/>
      <c r="GTA650" s="613"/>
      <c r="GTB650" s="613"/>
      <c r="GTC650" s="613"/>
      <c r="GTD650" s="613"/>
      <c r="GTE650" s="613"/>
      <c r="GTF650" s="613"/>
      <c r="GTG650" s="613"/>
      <c r="GTH650" s="613"/>
      <c r="GTI650" s="613"/>
      <c r="GTJ650" s="613"/>
      <c r="GTK650" s="613"/>
      <c r="GTL650" s="613"/>
      <c r="GTM650" s="613"/>
      <c r="GTN650" s="613"/>
      <c r="GTO650" s="613"/>
      <c r="GTP650" s="613"/>
      <c r="GTQ650" s="613"/>
      <c r="GTR650" s="613"/>
      <c r="GTS650" s="613"/>
      <c r="GTT650" s="613"/>
      <c r="GTU650" s="613"/>
      <c r="GTV650" s="613"/>
      <c r="GTW650" s="613"/>
      <c r="GTX650" s="613"/>
      <c r="GTY650" s="613"/>
      <c r="GTZ650" s="613"/>
      <c r="GUA650" s="613"/>
      <c r="GUB650" s="613"/>
      <c r="GUC650" s="613"/>
      <c r="GUD650" s="613"/>
      <c r="GUE650" s="613"/>
      <c r="GUF650" s="613"/>
      <c r="GUG650" s="613"/>
      <c r="GUH650" s="613"/>
      <c r="GUI650" s="613"/>
      <c r="GUJ650" s="613"/>
      <c r="GUK650" s="613"/>
      <c r="GUL650" s="613"/>
      <c r="GUM650" s="613"/>
      <c r="GUN650" s="613"/>
      <c r="GUO650" s="613"/>
      <c r="GUP650" s="613"/>
      <c r="GUQ650" s="613"/>
      <c r="GUR650" s="613"/>
      <c r="GUS650" s="613"/>
      <c r="GUT650" s="613"/>
      <c r="GUU650" s="613"/>
      <c r="GUV650" s="613"/>
      <c r="GUW650" s="613"/>
      <c r="GUX650" s="613"/>
      <c r="GUY650" s="613"/>
      <c r="GUZ650" s="613"/>
      <c r="GVA650" s="613"/>
      <c r="GVB650" s="613"/>
      <c r="GVC650" s="613"/>
      <c r="GVD650" s="613"/>
      <c r="GVE650" s="613"/>
      <c r="GVF650" s="613"/>
      <c r="GVG650" s="613"/>
      <c r="GVH650" s="613"/>
      <c r="GVI650" s="613"/>
      <c r="GVJ650" s="613"/>
      <c r="GVK650" s="613"/>
      <c r="GVL650" s="613"/>
      <c r="GVM650" s="613"/>
      <c r="GVN650" s="613"/>
      <c r="GVO650" s="613"/>
      <c r="GVP650" s="613"/>
      <c r="GVQ650" s="613"/>
      <c r="GVR650" s="613"/>
      <c r="GVS650" s="613"/>
      <c r="GVT650" s="613"/>
      <c r="GVU650" s="613"/>
      <c r="GVV650" s="613"/>
      <c r="GVW650" s="613"/>
      <c r="GVX650" s="613"/>
      <c r="GVY650" s="613"/>
      <c r="GVZ650" s="613"/>
      <c r="GWA650" s="613"/>
      <c r="GWB650" s="613"/>
      <c r="GWC650" s="613"/>
      <c r="GWD650" s="613"/>
      <c r="GWE650" s="613"/>
      <c r="GWF650" s="613"/>
      <c r="GWG650" s="613"/>
      <c r="GWH650" s="613"/>
      <c r="GWI650" s="613"/>
      <c r="GWJ650" s="613"/>
      <c r="GWK650" s="613"/>
      <c r="GWL650" s="613"/>
      <c r="GWM650" s="613"/>
      <c r="GWN650" s="613"/>
      <c r="GWO650" s="613"/>
      <c r="GWP650" s="613"/>
      <c r="GWQ650" s="613"/>
      <c r="GWR650" s="613"/>
      <c r="GWS650" s="613"/>
      <c r="GWT650" s="613"/>
      <c r="GWU650" s="613"/>
      <c r="GWV650" s="613"/>
      <c r="GWW650" s="613"/>
      <c r="GWX650" s="613"/>
      <c r="GWY650" s="613"/>
      <c r="GWZ650" s="613"/>
      <c r="GXA650" s="613"/>
      <c r="GXB650" s="613"/>
      <c r="GXC650" s="613"/>
      <c r="GXD650" s="613"/>
      <c r="GXE650" s="613"/>
      <c r="GXF650" s="613"/>
      <c r="GXG650" s="613"/>
      <c r="GXH650" s="613"/>
      <c r="GXI650" s="613"/>
      <c r="GXJ650" s="613"/>
      <c r="GXK650" s="613"/>
      <c r="GXL650" s="613"/>
      <c r="GXM650" s="613"/>
      <c r="GXN650" s="613"/>
      <c r="GXO650" s="613"/>
      <c r="GXP650" s="613"/>
      <c r="GXQ650" s="613"/>
      <c r="GXR650" s="613"/>
      <c r="GXS650" s="613"/>
      <c r="GXT650" s="613"/>
      <c r="GXU650" s="613"/>
      <c r="GXV650" s="613"/>
      <c r="GXW650" s="613"/>
      <c r="GXX650" s="613"/>
      <c r="GXY650" s="613"/>
      <c r="GXZ650" s="613"/>
      <c r="GYA650" s="613"/>
      <c r="GYB650" s="613"/>
      <c r="GYC650" s="613"/>
      <c r="GYD650" s="613"/>
      <c r="GYE650" s="613"/>
      <c r="GYF650" s="613"/>
      <c r="GYG650" s="613"/>
      <c r="GYH650" s="613"/>
      <c r="GYI650" s="613"/>
      <c r="GYJ650" s="613"/>
      <c r="GYK650" s="613"/>
      <c r="GYL650" s="613"/>
      <c r="GYM650" s="613"/>
      <c r="GYN650" s="613"/>
      <c r="GYO650" s="613"/>
      <c r="GYP650" s="613"/>
      <c r="GYQ650" s="613"/>
      <c r="GYR650" s="613"/>
      <c r="GYS650" s="613"/>
      <c r="GYT650" s="613"/>
      <c r="GYU650" s="613"/>
      <c r="GYV650" s="613"/>
      <c r="GYW650" s="613"/>
      <c r="GYX650" s="613"/>
      <c r="GYY650" s="613"/>
      <c r="GYZ650" s="613"/>
      <c r="GZA650" s="613"/>
      <c r="GZB650" s="613"/>
      <c r="GZC650" s="613"/>
      <c r="GZD650" s="613"/>
      <c r="GZE650" s="613"/>
      <c r="GZF650" s="613"/>
      <c r="GZG650" s="613"/>
      <c r="GZH650" s="613"/>
      <c r="GZI650" s="613"/>
      <c r="GZJ650" s="613"/>
      <c r="GZK650" s="613"/>
      <c r="GZL650" s="613"/>
      <c r="GZM650" s="613"/>
      <c r="GZN650" s="613"/>
      <c r="GZO650" s="613"/>
      <c r="GZP650" s="613"/>
      <c r="GZQ650" s="613"/>
      <c r="GZR650" s="613"/>
      <c r="GZS650" s="613"/>
      <c r="GZT650" s="613"/>
      <c r="GZU650" s="613"/>
      <c r="GZV650" s="613"/>
      <c r="GZW650" s="613"/>
      <c r="GZX650" s="613"/>
      <c r="GZY650" s="613"/>
      <c r="GZZ650" s="613"/>
      <c r="HAA650" s="613"/>
      <c r="HAB650" s="613"/>
      <c r="HAC650" s="613"/>
      <c r="HAD650" s="613"/>
      <c r="HAE650" s="613"/>
      <c r="HAF650" s="613"/>
      <c r="HAG650" s="613"/>
      <c r="HAH650" s="613"/>
      <c r="HAI650" s="613"/>
      <c r="HAJ650" s="613"/>
      <c r="HAK650" s="613"/>
      <c r="HAL650" s="613"/>
      <c r="HAM650" s="613"/>
      <c r="HAN650" s="613"/>
      <c r="HAO650" s="613"/>
      <c r="HAP650" s="613"/>
      <c r="HAQ650" s="613"/>
      <c r="HAR650" s="613"/>
      <c r="HAS650" s="613"/>
      <c r="HAT650" s="613"/>
      <c r="HAU650" s="613"/>
      <c r="HAV650" s="613"/>
      <c r="HAW650" s="613"/>
      <c r="HAX650" s="613"/>
      <c r="HAY650" s="613"/>
      <c r="HAZ650" s="613"/>
      <c r="HBA650" s="613"/>
      <c r="HBB650" s="613"/>
      <c r="HBC650" s="613"/>
      <c r="HBD650" s="613"/>
      <c r="HBE650" s="613"/>
      <c r="HBF650" s="613"/>
      <c r="HBG650" s="613"/>
      <c r="HBH650" s="613"/>
      <c r="HBI650" s="613"/>
      <c r="HBJ650" s="613"/>
      <c r="HBK650" s="613"/>
      <c r="HBL650" s="613"/>
      <c r="HBM650" s="613"/>
      <c r="HBN650" s="613"/>
      <c r="HBO650" s="613"/>
      <c r="HBP650" s="613"/>
      <c r="HBQ650" s="613"/>
      <c r="HBR650" s="613"/>
      <c r="HBS650" s="613"/>
      <c r="HBT650" s="613"/>
      <c r="HBU650" s="613"/>
      <c r="HBV650" s="613"/>
      <c r="HBW650" s="613"/>
      <c r="HBX650" s="613"/>
      <c r="HBY650" s="613"/>
      <c r="HBZ650" s="613"/>
      <c r="HCA650" s="613"/>
      <c r="HCB650" s="613"/>
      <c r="HCC650" s="613"/>
      <c r="HCD650" s="613"/>
      <c r="HCE650" s="613"/>
      <c r="HCF650" s="613"/>
      <c r="HCG650" s="613"/>
      <c r="HCH650" s="613"/>
      <c r="HCI650" s="613"/>
      <c r="HCJ650" s="613"/>
      <c r="HCK650" s="613"/>
      <c r="HCL650" s="613"/>
      <c r="HCM650" s="613"/>
      <c r="HCN650" s="613"/>
      <c r="HCO650" s="613"/>
      <c r="HCP650" s="613"/>
      <c r="HCQ650" s="613"/>
      <c r="HCR650" s="613"/>
      <c r="HCS650" s="613"/>
      <c r="HCT650" s="613"/>
      <c r="HCU650" s="613"/>
      <c r="HCV650" s="613"/>
      <c r="HCW650" s="613"/>
      <c r="HCX650" s="613"/>
      <c r="HCY650" s="613"/>
      <c r="HCZ650" s="613"/>
      <c r="HDA650" s="613"/>
      <c r="HDB650" s="613"/>
      <c r="HDC650" s="613"/>
      <c r="HDD650" s="613"/>
      <c r="HDE650" s="613"/>
      <c r="HDF650" s="613"/>
      <c r="HDG650" s="613"/>
      <c r="HDH650" s="613"/>
      <c r="HDI650" s="613"/>
      <c r="HDJ650" s="613"/>
      <c r="HDK650" s="613"/>
      <c r="HDL650" s="613"/>
      <c r="HDM650" s="613"/>
      <c r="HDN650" s="613"/>
      <c r="HDO650" s="613"/>
      <c r="HDP650" s="613"/>
      <c r="HDQ650" s="613"/>
      <c r="HDR650" s="613"/>
      <c r="HDS650" s="613"/>
      <c r="HDT650" s="613"/>
      <c r="HDU650" s="613"/>
      <c r="HDV650" s="613"/>
      <c r="HDW650" s="613"/>
      <c r="HDX650" s="613"/>
      <c r="HDY650" s="613"/>
      <c r="HDZ650" s="613"/>
      <c r="HEA650" s="613"/>
      <c r="HEB650" s="613"/>
      <c r="HEC650" s="613"/>
      <c r="HED650" s="613"/>
      <c r="HEE650" s="613"/>
      <c r="HEF650" s="613"/>
      <c r="HEG650" s="613"/>
      <c r="HEH650" s="613"/>
      <c r="HEI650" s="613"/>
      <c r="HEJ650" s="613"/>
      <c r="HEK650" s="613"/>
      <c r="HEL650" s="613"/>
      <c r="HEM650" s="613"/>
      <c r="HEN650" s="613"/>
      <c r="HEO650" s="613"/>
      <c r="HEP650" s="613"/>
      <c r="HEQ650" s="613"/>
      <c r="HER650" s="613"/>
      <c r="HES650" s="613"/>
      <c r="HET650" s="613"/>
      <c r="HEU650" s="613"/>
      <c r="HEV650" s="613"/>
      <c r="HEW650" s="613"/>
      <c r="HEX650" s="613"/>
      <c r="HEY650" s="613"/>
      <c r="HEZ650" s="613"/>
      <c r="HFA650" s="613"/>
      <c r="HFB650" s="613"/>
      <c r="HFC650" s="613"/>
      <c r="HFD650" s="613"/>
      <c r="HFE650" s="613"/>
      <c r="HFF650" s="613"/>
      <c r="HFG650" s="613"/>
      <c r="HFH650" s="613"/>
      <c r="HFI650" s="613"/>
      <c r="HFJ650" s="613"/>
      <c r="HFK650" s="613"/>
      <c r="HFL650" s="613"/>
      <c r="HFM650" s="613"/>
      <c r="HFN650" s="613"/>
      <c r="HFO650" s="613"/>
      <c r="HFP650" s="613"/>
      <c r="HFQ650" s="613"/>
      <c r="HFR650" s="613"/>
      <c r="HFS650" s="613"/>
      <c r="HFT650" s="613"/>
      <c r="HFU650" s="613"/>
      <c r="HFV650" s="613"/>
      <c r="HFW650" s="613"/>
      <c r="HFX650" s="613"/>
      <c r="HFY650" s="613"/>
      <c r="HFZ650" s="613"/>
      <c r="HGA650" s="613"/>
      <c r="HGB650" s="613"/>
      <c r="HGC650" s="613"/>
      <c r="HGD650" s="613"/>
      <c r="HGE650" s="613"/>
      <c r="HGF650" s="613"/>
      <c r="HGG650" s="613"/>
      <c r="HGH650" s="613"/>
      <c r="HGI650" s="613"/>
      <c r="HGJ650" s="613"/>
      <c r="HGK650" s="613"/>
      <c r="HGL650" s="613"/>
      <c r="HGM650" s="613"/>
      <c r="HGN650" s="613"/>
      <c r="HGO650" s="613"/>
      <c r="HGP650" s="613"/>
      <c r="HGQ650" s="613"/>
      <c r="HGR650" s="613"/>
      <c r="HGS650" s="613"/>
      <c r="HGT650" s="613"/>
      <c r="HGU650" s="613"/>
      <c r="HGV650" s="613"/>
      <c r="HGW650" s="613"/>
      <c r="HGX650" s="613"/>
      <c r="HGY650" s="613"/>
      <c r="HGZ650" s="613"/>
      <c r="HHA650" s="613"/>
      <c r="HHB650" s="613"/>
      <c r="HHC650" s="613"/>
      <c r="HHD650" s="613"/>
      <c r="HHE650" s="613"/>
      <c r="HHF650" s="613"/>
      <c r="HHG650" s="613"/>
      <c r="HHH650" s="613"/>
      <c r="HHI650" s="613"/>
      <c r="HHJ650" s="613"/>
      <c r="HHK650" s="613"/>
      <c r="HHL650" s="613"/>
      <c r="HHM650" s="613"/>
      <c r="HHN650" s="613"/>
      <c r="HHO650" s="613"/>
      <c r="HHP650" s="613"/>
      <c r="HHQ650" s="613"/>
      <c r="HHR650" s="613"/>
      <c r="HHS650" s="613"/>
      <c r="HHT650" s="613"/>
      <c r="HHU650" s="613"/>
      <c r="HHV650" s="613"/>
      <c r="HHW650" s="613"/>
      <c r="HHX650" s="613"/>
      <c r="HHY650" s="613"/>
      <c r="HHZ650" s="613"/>
      <c r="HIA650" s="613"/>
      <c r="HIB650" s="613"/>
      <c r="HIC650" s="613"/>
      <c r="HID650" s="613"/>
      <c r="HIE650" s="613"/>
      <c r="HIF650" s="613"/>
      <c r="HIG650" s="613"/>
      <c r="HIH650" s="613"/>
      <c r="HII650" s="613"/>
      <c r="HIJ650" s="613"/>
      <c r="HIK650" s="613"/>
      <c r="HIL650" s="613"/>
      <c r="HIM650" s="613"/>
      <c r="HIN650" s="613"/>
      <c r="HIO650" s="613"/>
      <c r="HIP650" s="613"/>
      <c r="HIQ650" s="613"/>
      <c r="HIR650" s="613"/>
      <c r="HIS650" s="613"/>
      <c r="HIT650" s="613"/>
      <c r="HIU650" s="613"/>
      <c r="HIV650" s="613"/>
      <c r="HIW650" s="613"/>
      <c r="HIX650" s="613"/>
      <c r="HIY650" s="613"/>
      <c r="HIZ650" s="613"/>
      <c r="HJA650" s="613"/>
      <c r="HJB650" s="613"/>
      <c r="HJC650" s="613"/>
      <c r="HJD650" s="613"/>
      <c r="HJE650" s="613"/>
      <c r="HJF650" s="613"/>
      <c r="HJG650" s="613"/>
      <c r="HJH650" s="613"/>
      <c r="HJI650" s="613"/>
      <c r="HJJ650" s="613"/>
      <c r="HJK650" s="613"/>
      <c r="HJL650" s="613"/>
      <c r="HJM650" s="613"/>
      <c r="HJN650" s="613"/>
      <c r="HJO650" s="613"/>
      <c r="HJP650" s="613"/>
      <c r="HJQ650" s="613"/>
      <c r="HJR650" s="613"/>
      <c r="HJS650" s="613"/>
      <c r="HJT650" s="613"/>
      <c r="HJU650" s="613"/>
      <c r="HJV650" s="613"/>
      <c r="HJW650" s="613"/>
      <c r="HJX650" s="613"/>
      <c r="HJY650" s="613"/>
      <c r="HJZ650" s="613"/>
      <c r="HKA650" s="613"/>
      <c r="HKB650" s="613"/>
      <c r="HKC650" s="613"/>
      <c r="HKD650" s="613"/>
      <c r="HKE650" s="613"/>
      <c r="HKF650" s="613"/>
      <c r="HKG650" s="613"/>
      <c r="HKH650" s="613"/>
      <c r="HKI650" s="613"/>
      <c r="HKJ650" s="613"/>
      <c r="HKK650" s="613"/>
      <c r="HKL650" s="613"/>
      <c r="HKM650" s="613"/>
      <c r="HKN650" s="613"/>
      <c r="HKO650" s="613"/>
      <c r="HKP650" s="613"/>
      <c r="HKQ650" s="613"/>
      <c r="HKR650" s="613"/>
      <c r="HKS650" s="613"/>
      <c r="HKT650" s="613"/>
      <c r="HKU650" s="613"/>
      <c r="HKV650" s="613"/>
      <c r="HKW650" s="613"/>
      <c r="HKX650" s="613"/>
      <c r="HKY650" s="613"/>
      <c r="HKZ650" s="613"/>
      <c r="HLA650" s="613"/>
      <c r="HLB650" s="613"/>
      <c r="HLC650" s="613"/>
      <c r="HLD650" s="613"/>
      <c r="HLE650" s="613"/>
      <c r="HLF650" s="613"/>
      <c r="HLG650" s="613"/>
      <c r="HLH650" s="613"/>
      <c r="HLI650" s="613"/>
      <c r="HLJ650" s="613"/>
      <c r="HLK650" s="613"/>
      <c r="HLL650" s="613"/>
      <c r="HLM650" s="613"/>
      <c r="HLN650" s="613"/>
      <c r="HLO650" s="613"/>
      <c r="HLP650" s="613"/>
      <c r="HLQ650" s="613"/>
      <c r="HLR650" s="613"/>
      <c r="HLS650" s="613"/>
      <c r="HLT650" s="613"/>
      <c r="HLU650" s="613"/>
      <c r="HLV650" s="613"/>
      <c r="HLW650" s="613"/>
      <c r="HLX650" s="613"/>
      <c r="HLY650" s="613"/>
      <c r="HLZ650" s="613"/>
      <c r="HMA650" s="613"/>
      <c r="HMB650" s="613"/>
      <c r="HMC650" s="613"/>
      <c r="HMD650" s="613"/>
      <c r="HME650" s="613"/>
      <c r="HMF650" s="613"/>
      <c r="HMG650" s="613"/>
      <c r="HMH650" s="613"/>
      <c r="HMI650" s="613"/>
      <c r="HMJ650" s="613"/>
      <c r="HMK650" s="613"/>
      <c r="HML650" s="613"/>
      <c r="HMM650" s="613"/>
      <c r="HMN650" s="613"/>
      <c r="HMO650" s="613"/>
      <c r="HMP650" s="613"/>
      <c r="HMQ650" s="613"/>
      <c r="HMR650" s="613"/>
      <c r="HMS650" s="613"/>
      <c r="HMT650" s="613"/>
      <c r="HMU650" s="613"/>
      <c r="HMV650" s="613"/>
      <c r="HMW650" s="613"/>
      <c r="HMX650" s="613"/>
      <c r="HMY650" s="613"/>
      <c r="HMZ650" s="613"/>
      <c r="HNA650" s="613"/>
      <c r="HNB650" s="613"/>
      <c r="HNC650" s="613"/>
      <c r="HND650" s="613"/>
      <c r="HNE650" s="613"/>
      <c r="HNF650" s="613"/>
      <c r="HNG650" s="613"/>
      <c r="HNH650" s="613"/>
      <c r="HNI650" s="613"/>
      <c r="HNJ650" s="613"/>
      <c r="HNK650" s="613"/>
      <c r="HNL650" s="613"/>
      <c r="HNM650" s="613"/>
      <c r="HNN650" s="613"/>
      <c r="HNO650" s="613"/>
      <c r="HNP650" s="613"/>
      <c r="HNQ650" s="613"/>
      <c r="HNR650" s="613"/>
      <c r="HNS650" s="613"/>
      <c r="HNT650" s="613"/>
      <c r="HNU650" s="613"/>
      <c r="HNV650" s="613"/>
      <c r="HNW650" s="613"/>
      <c r="HNX650" s="613"/>
      <c r="HNY650" s="613"/>
      <c r="HNZ650" s="613"/>
      <c r="HOA650" s="613"/>
      <c r="HOB650" s="613"/>
      <c r="HOC650" s="613"/>
      <c r="HOD650" s="613"/>
      <c r="HOE650" s="613"/>
      <c r="HOF650" s="613"/>
      <c r="HOG650" s="613"/>
      <c r="HOH650" s="613"/>
      <c r="HOI650" s="613"/>
      <c r="HOJ650" s="613"/>
      <c r="HOK650" s="613"/>
      <c r="HOL650" s="613"/>
      <c r="HOM650" s="613"/>
      <c r="HON650" s="613"/>
      <c r="HOO650" s="613"/>
      <c r="HOP650" s="613"/>
      <c r="HOQ650" s="613"/>
      <c r="HOR650" s="613"/>
      <c r="HOS650" s="613"/>
      <c r="HOT650" s="613"/>
      <c r="HOU650" s="613"/>
      <c r="HOV650" s="613"/>
      <c r="HOW650" s="613"/>
      <c r="HOX650" s="613"/>
      <c r="HOY650" s="613"/>
      <c r="HOZ650" s="613"/>
      <c r="HPA650" s="613"/>
      <c r="HPB650" s="613"/>
      <c r="HPC650" s="613"/>
      <c r="HPD650" s="613"/>
      <c r="HPE650" s="613"/>
      <c r="HPF650" s="613"/>
      <c r="HPG650" s="613"/>
      <c r="HPH650" s="613"/>
      <c r="HPI650" s="613"/>
      <c r="HPJ650" s="613"/>
      <c r="HPK650" s="613"/>
      <c r="HPL650" s="613"/>
      <c r="HPM650" s="613"/>
      <c r="HPN650" s="613"/>
      <c r="HPO650" s="613"/>
      <c r="HPP650" s="613"/>
      <c r="HPQ650" s="613"/>
      <c r="HPR650" s="613"/>
      <c r="HPS650" s="613"/>
      <c r="HPT650" s="613"/>
      <c r="HPU650" s="613"/>
      <c r="HPV650" s="613"/>
      <c r="HPW650" s="613"/>
      <c r="HPX650" s="613"/>
      <c r="HPY650" s="613"/>
      <c r="HPZ650" s="613"/>
      <c r="HQA650" s="613"/>
      <c r="HQB650" s="613"/>
      <c r="HQC650" s="613"/>
      <c r="HQD650" s="613"/>
      <c r="HQE650" s="613"/>
      <c r="HQF650" s="613"/>
      <c r="HQG650" s="613"/>
      <c r="HQH650" s="613"/>
      <c r="HQI650" s="613"/>
      <c r="HQJ650" s="613"/>
      <c r="HQK650" s="613"/>
      <c r="HQL650" s="613"/>
      <c r="HQM650" s="613"/>
      <c r="HQN650" s="613"/>
      <c r="HQO650" s="613"/>
      <c r="HQP650" s="613"/>
      <c r="HQQ650" s="613"/>
      <c r="HQR650" s="613"/>
      <c r="HQS650" s="613"/>
      <c r="HQT650" s="613"/>
      <c r="HQU650" s="613"/>
      <c r="HQV650" s="613"/>
      <c r="HQW650" s="613"/>
      <c r="HQX650" s="613"/>
      <c r="HQY650" s="613"/>
      <c r="HQZ650" s="613"/>
      <c r="HRA650" s="613"/>
      <c r="HRB650" s="613"/>
      <c r="HRC650" s="613"/>
      <c r="HRD650" s="613"/>
      <c r="HRE650" s="613"/>
      <c r="HRF650" s="613"/>
      <c r="HRG650" s="613"/>
      <c r="HRH650" s="613"/>
      <c r="HRI650" s="613"/>
      <c r="HRJ650" s="613"/>
      <c r="HRK650" s="613"/>
      <c r="HRL650" s="613"/>
      <c r="HRM650" s="613"/>
      <c r="HRN650" s="613"/>
      <c r="HRO650" s="613"/>
      <c r="HRP650" s="613"/>
      <c r="HRQ650" s="613"/>
      <c r="HRR650" s="613"/>
      <c r="HRS650" s="613"/>
      <c r="HRT650" s="613"/>
      <c r="HRU650" s="613"/>
      <c r="HRV650" s="613"/>
      <c r="HRW650" s="613"/>
      <c r="HRX650" s="613"/>
      <c r="HRY650" s="613"/>
      <c r="HRZ650" s="613"/>
      <c r="HSA650" s="613"/>
      <c r="HSB650" s="613"/>
      <c r="HSC650" s="613"/>
      <c r="HSD650" s="613"/>
      <c r="HSE650" s="613"/>
      <c r="HSF650" s="613"/>
      <c r="HSG650" s="613"/>
      <c r="HSH650" s="613"/>
      <c r="HSI650" s="613"/>
      <c r="HSJ650" s="613"/>
      <c r="HSK650" s="613"/>
      <c r="HSL650" s="613"/>
      <c r="HSM650" s="613"/>
      <c r="HSN650" s="613"/>
      <c r="HSO650" s="613"/>
      <c r="HSP650" s="613"/>
      <c r="HSQ650" s="613"/>
      <c r="HSR650" s="613"/>
      <c r="HSS650" s="613"/>
      <c r="HST650" s="613"/>
      <c r="HSU650" s="613"/>
      <c r="HSV650" s="613"/>
      <c r="HSW650" s="613"/>
      <c r="HSX650" s="613"/>
      <c r="HSY650" s="613"/>
      <c r="HSZ650" s="613"/>
      <c r="HTA650" s="613"/>
      <c r="HTB650" s="613"/>
      <c r="HTC650" s="613"/>
      <c r="HTD650" s="613"/>
      <c r="HTE650" s="613"/>
      <c r="HTF650" s="613"/>
      <c r="HTG650" s="613"/>
      <c r="HTH650" s="613"/>
      <c r="HTI650" s="613"/>
      <c r="HTJ650" s="613"/>
      <c r="HTK650" s="613"/>
      <c r="HTL650" s="613"/>
      <c r="HTM650" s="613"/>
      <c r="HTN650" s="613"/>
      <c r="HTO650" s="613"/>
      <c r="HTP650" s="613"/>
      <c r="HTQ650" s="613"/>
      <c r="HTR650" s="613"/>
      <c r="HTS650" s="613"/>
      <c r="HTT650" s="613"/>
      <c r="HTU650" s="613"/>
      <c r="HTV650" s="613"/>
      <c r="HTW650" s="613"/>
      <c r="HTX650" s="613"/>
      <c r="HTY650" s="613"/>
      <c r="HTZ650" s="613"/>
      <c r="HUA650" s="613"/>
      <c r="HUB650" s="613"/>
      <c r="HUC650" s="613"/>
      <c r="HUD650" s="613"/>
      <c r="HUE650" s="613"/>
      <c r="HUF650" s="613"/>
      <c r="HUG650" s="613"/>
      <c r="HUH650" s="613"/>
      <c r="HUI650" s="613"/>
      <c r="HUJ650" s="613"/>
      <c r="HUK650" s="613"/>
      <c r="HUL650" s="613"/>
      <c r="HUM650" s="613"/>
      <c r="HUN650" s="613"/>
      <c r="HUO650" s="613"/>
      <c r="HUP650" s="613"/>
      <c r="HUQ650" s="613"/>
      <c r="HUR650" s="613"/>
      <c r="HUS650" s="613"/>
      <c r="HUT650" s="613"/>
      <c r="HUU650" s="613"/>
      <c r="HUV650" s="613"/>
      <c r="HUW650" s="613"/>
      <c r="HUX650" s="613"/>
      <c r="HUY650" s="613"/>
      <c r="HUZ650" s="613"/>
      <c r="HVA650" s="613"/>
      <c r="HVB650" s="613"/>
      <c r="HVC650" s="613"/>
      <c r="HVD650" s="613"/>
      <c r="HVE650" s="613"/>
      <c r="HVF650" s="613"/>
      <c r="HVG650" s="613"/>
      <c r="HVH650" s="613"/>
      <c r="HVI650" s="613"/>
      <c r="HVJ650" s="613"/>
      <c r="HVK650" s="613"/>
      <c r="HVL650" s="613"/>
      <c r="HVM650" s="613"/>
      <c r="HVN650" s="613"/>
      <c r="HVO650" s="613"/>
      <c r="HVP650" s="613"/>
      <c r="HVQ650" s="613"/>
      <c r="HVR650" s="613"/>
      <c r="HVS650" s="613"/>
      <c r="HVT650" s="613"/>
      <c r="HVU650" s="613"/>
      <c r="HVV650" s="613"/>
      <c r="HVW650" s="613"/>
      <c r="HVX650" s="613"/>
      <c r="HVY650" s="613"/>
      <c r="HVZ650" s="613"/>
      <c r="HWA650" s="613"/>
      <c r="HWB650" s="613"/>
      <c r="HWC650" s="613"/>
      <c r="HWD650" s="613"/>
      <c r="HWE650" s="613"/>
      <c r="HWF650" s="613"/>
      <c r="HWG650" s="613"/>
      <c r="HWH650" s="613"/>
      <c r="HWI650" s="613"/>
      <c r="HWJ650" s="613"/>
      <c r="HWK650" s="613"/>
      <c r="HWL650" s="613"/>
      <c r="HWM650" s="613"/>
      <c r="HWN650" s="613"/>
      <c r="HWO650" s="613"/>
      <c r="HWP650" s="613"/>
      <c r="HWQ650" s="613"/>
      <c r="HWR650" s="613"/>
      <c r="HWS650" s="613"/>
      <c r="HWT650" s="613"/>
      <c r="HWU650" s="613"/>
      <c r="HWV650" s="613"/>
      <c r="HWW650" s="613"/>
      <c r="HWX650" s="613"/>
      <c r="HWY650" s="613"/>
      <c r="HWZ650" s="613"/>
      <c r="HXA650" s="613"/>
      <c r="HXB650" s="613"/>
      <c r="HXC650" s="613"/>
      <c r="HXD650" s="613"/>
      <c r="HXE650" s="613"/>
      <c r="HXF650" s="613"/>
      <c r="HXG650" s="613"/>
      <c r="HXH650" s="613"/>
      <c r="HXI650" s="613"/>
      <c r="HXJ650" s="613"/>
      <c r="HXK650" s="613"/>
      <c r="HXL650" s="613"/>
      <c r="HXM650" s="613"/>
      <c r="HXN650" s="613"/>
      <c r="HXO650" s="613"/>
      <c r="HXP650" s="613"/>
      <c r="HXQ650" s="613"/>
      <c r="HXR650" s="613"/>
      <c r="HXS650" s="613"/>
      <c r="HXT650" s="613"/>
      <c r="HXU650" s="613"/>
      <c r="HXV650" s="613"/>
      <c r="HXW650" s="613"/>
      <c r="HXX650" s="613"/>
      <c r="HXY650" s="613"/>
      <c r="HXZ650" s="613"/>
      <c r="HYA650" s="613"/>
      <c r="HYB650" s="613"/>
      <c r="HYC650" s="613"/>
      <c r="HYD650" s="613"/>
      <c r="HYE650" s="613"/>
      <c r="HYF650" s="613"/>
      <c r="HYG650" s="613"/>
      <c r="HYH650" s="613"/>
      <c r="HYI650" s="613"/>
      <c r="HYJ650" s="613"/>
      <c r="HYK650" s="613"/>
      <c r="HYL650" s="613"/>
      <c r="HYM650" s="613"/>
      <c r="HYN650" s="613"/>
      <c r="HYO650" s="613"/>
      <c r="HYP650" s="613"/>
      <c r="HYQ650" s="613"/>
      <c r="HYR650" s="613"/>
      <c r="HYS650" s="613"/>
      <c r="HYT650" s="613"/>
      <c r="HYU650" s="613"/>
      <c r="HYV650" s="613"/>
      <c r="HYW650" s="613"/>
      <c r="HYX650" s="613"/>
      <c r="HYY650" s="613"/>
      <c r="HYZ650" s="613"/>
      <c r="HZA650" s="613"/>
      <c r="HZB650" s="613"/>
      <c r="HZC650" s="613"/>
      <c r="HZD650" s="613"/>
      <c r="HZE650" s="613"/>
      <c r="HZF650" s="613"/>
      <c r="HZG650" s="613"/>
      <c r="HZH650" s="613"/>
      <c r="HZI650" s="613"/>
      <c r="HZJ650" s="613"/>
      <c r="HZK650" s="613"/>
      <c r="HZL650" s="613"/>
      <c r="HZM650" s="613"/>
      <c r="HZN650" s="613"/>
      <c r="HZO650" s="613"/>
      <c r="HZP650" s="613"/>
      <c r="HZQ650" s="613"/>
      <c r="HZR650" s="613"/>
      <c r="HZS650" s="613"/>
      <c r="HZT650" s="613"/>
      <c r="HZU650" s="613"/>
      <c r="HZV650" s="613"/>
      <c r="HZW650" s="613"/>
      <c r="HZX650" s="613"/>
      <c r="HZY650" s="613"/>
      <c r="HZZ650" s="613"/>
      <c r="IAA650" s="613"/>
      <c r="IAB650" s="613"/>
      <c r="IAC650" s="613"/>
      <c r="IAD650" s="613"/>
      <c r="IAE650" s="613"/>
      <c r="IAF650" s="613"/>
      <c r="IAG650" s="613"/>
      <c r="IAH650" s="613"/>
      <c r="IAI650" s="613"/>
      <c r="IAJ650" s="613"/>
      <c r="IAK650" s="613"/>
      <c r="IAL650" s="613"/>
      <c r="IAM650" s="613"/>
      <c r="IAN650" s="613"/>
      <c r="IAO650" s="613"/>
      <c r="IAP650" s="613"/>
      <c r="IAQ650" s="613"/>
      <c r="IAR650" s="613"/>
      <c r="IAS650" s="613"/>
      <c r="IAT650" s="613"/>
      <c r="IAU650" s="613"/>
      <c r="IAV650" s="613"/>
      <c r="IAW650" s="613"/>
      <c r="IAX650" s="613"/>
      <c r="IAY650" s="613"/>
      <c r="IAZ650" s="613"/>
      <c r="IBA650" s="613"/>
      <c r="IBB650" s="613"/>
      <c r="IBC650" s="613"/>
      <c r="IBD650" s="613"/>
      <c r="IBE650" s="613"/>
      <c r="IBF650" s="613"/>
      <c r="IBG650" s="613"/>
      <c r="IBH650" s="613"/>
      <c r="IBI650" s="613"/>
      <c r="IBJ650" s="613"/>
      <c r="IBK650" s="613"/>
      <c r="IBL650" s="613"/>
      <c r="IBM650" s="613"/>
      <c r="IBN650" s="613"/>
      <c r="IBO650" s="613"/>
      <c r="IBP650" s="613"/>
      <c r="IBQ650" s="613"/>
      <c r="IBR650" s="613"/>
      <c r="IBS650" s="613"/>
      <c r="IBT650" s="613"/>
      <c r="IBU650" s="613"/>
      <c r="IBV650" s="613"/>
      <c r="IBW650" s="613"/>
      <c r="IBX650" s="613"/>
      <c r="IBY650" s="613"/>
      <c r="IBZ650" s="613"/>
      <c r="ICA650" s="613"/>
      <c r="ICB650" s="613"/>
      <c r="ICC650" s="613"/>
      <c r="ICD650" s="613"/>
      <c r="ICE650" s="613"/>
      <c r="ICF650" s="613"/>
      <c r="ICG650" s="613"/>
      <c r="ICH650" s="613"/>
      <c r="ICI650" s="613"/>
      <c r="ICJ650" s="613"/>
      <c r="ICK650" s="613"/>
      <c r="ICL650" s="613"/>
      <c r="ICM650" s="613"/>
      <c r="ICN650" s="613"/>
      <c r="ICO650" s="613"/>
      <c r="ICP650" s="613"/>
      <c r="ICQ650" s="613"/>
      <c r="ICR650" s="613"/>
      <c r="ICS650" s="613"/>
      <c r="ICT650" s="613"/>
      <c r="ICU650" s="613"/>
      <c r="ICV650" s="613"/>
      <c r="ICW650" s="613"/>
      <c r="ICX650" s="613"/>
      <c r="ICY650" s="613"/>
      <c r="ICZ650" s="613"/>
      <c r="IDA650" s="613"/>
      <c r="IDB650" s="613"/>
      <c r="IDC650" s="613"/>
      <c r="IDD650" s="613"/>
      <c r="IDE650" s="613"/>
      <c r="IDF650" s="613"/>
      <c r="IDG650" s="613"/>
      <c r="IDH650" s="613"/>
      <c r="IDI650" s="613"/>
      <c r="IDJ650" s="613"/>
      <c r="IDK650" s="613"/>
      <c r="IDL650" s="613"/>
      <c r="IDM650" s="613"/>
      <c r="IDN650" s="613"/>
      <c r="IDO650" s="613"/>
      <c r="IDP650" s="613"/>
      <c r="IDQ650" s="613"/>
      <c r="IDR650" s="613"/>
      <c r="IDS650" s="613"/>
      <c r="IDT650" s="613"/>
      <c r="IDU650" s="613"/>
      <c r="IDV650" s="613"/>
      <c r="IDW650" s="613"/>
      <c r="IDX650" s="613"/>
      <c r="IDY650" s="613"/>
      <c r="IDZ650" s="613"/>
      <c r="IEA650" s="613"/>
      <c r="IEB650" s="613"/>
      <c r="IEC650" s="613"/>
      <c r="IED650" s="613"/>
      <c r="IEE650" s="613"/>
      <c r="IEF650" s="613"/>
      <c r="IEG650" s="613"/>
      <c r="IEH650" s="613"/>
      <c r="IEI650" s="613"/>
      <c r="IEJ650" s="613"/>
      <c r="IEK650" s="613"/>
      <c r="IEL650" s="613"/>
      <c r="IEM650" s="613"/>
      <c r="IEN650" s="613"/>
      <c r="IEO650" s="613"/>
      <c r="IEP650" s="613"/>
      <c r="IEQ650" s="613"/>
      <c r="IER650" s="613"/>
      <c r="IES650" s="613"/>
      <c r="IET650" s="613"/>
      <c r="IEU650" s="613"/>
      <c r="IEV650" s="613"/>
      <c r="IEW650" s="613"/>
      <c r="IEX650" s="613"/>
      <c r="IEY650" s="613"/>
      <c r="IEZ650" s="613"/>
      <c r="IFA650" s="613"/>
      <c r="IFB650" s="613"/>
      <c r="IFC650" s="613"/>
      <c r="IFD650" s="613"/>
      <c r="IFE650" s="613"/>
      <c r="IFF650" s="613"/>
      <c r="IFG650" s="613"/>
      <c r="IFH650" s="613"/>
      <c r="IFI650" s="613"/>
      <c r="IFJ650" s="613"/>
      <c r="IFK650" s="613"/>
      <c r="IFL650" s="613"/>
      <c r="IFM650" s="613"/>
      <c r="IFN650" s="613"/>
      <c r="IFO650" s="613"/>
      <c r="IFP650" s="613"/>
      <c r="IFQ650" s="613"/>
      <c r="IFR650" s="613"/>
      <c r="IFS650" s="613"/>
      <c r="IFT650" s="613"/>
      <c r="IFU650" s="613"/>
      <c r="IFV650" s="613"/>
      <c r="IFW650" s="613"/>
      <c r="IFX650" s="613"/>
      <c r="IFY650" s="613"/>
      <c r="IFZ650" s="613"/>
      <c r="IGA650" s="613"/>
      <c r="IGB650" s="613"/>
      <c r="IGC650" s="613"/>
      <c r="IGD650" s="613"/>
      <c r="IGE650" s="613"/>
      <c r="IGF650" s="613"/>
      <c r="IGG650" s="613"/>
      <c r="IGH650" s="613"/>
      <c r="IGI650" s="613"/>
      <c r="IGJ650" s="613"/>
      <c r="IGK650" s="613"/>
      <c r="IGL650" s="613"/>
      <c r="IGM650" s="613"/>
      <c r="IGN650" s="613"/>
      <c r="IGO650" s="613"/>
      <c r="IGP650" s="613"/>
      <c r="IGQ650" s="613"/>
      <c r="IGR650" s="613"/>
      <c r="IGS650" s="613"/>
      <c r="IGT650" s="613"/>
      <c r="IGU650" s="613"/>
      <c r="IGV650" s="613"/>
      <c r="IGW650" s="613"/>
      <c r="IGX650" s="613"/>
      <c r="IGY650" s="613"/>
      <c r="IGZ650" s="613"/>
      <c r="IHA650" s="613"/>
      <c r="IHB650" s="613"/>
      <c r="IHC650" s="613"/>
      <c r="IHD650" s="613"/>
      <c r="IHE650" s="613"/>
      <c r="IHF650" s="613"/>
      <c r="IHG650" s="613"/>
      <c r="IHH650" s="613"/>
      <c r="IHI650" s="613"/>
      <c r="IHJ650" s="613"/>
      <c r="IHK650" s="613"/>
      <c r="IHL650" s="613"/>
      <c r="IHM650" s="613"/>
      <c r="IHN650" s="613"/>
      <c r="IHO650" s="613"/>
      <c r="IHP650" s="613"/>
      <c r="IHQ650" s="613"/>
      <c r="IHR650" s="613"/>
      <c r="IHS650" s="613"/>
      <c r="IHT650" s="613"/>
      <c r="IHU650" s="613"/>
      <c r="IHV650" s="613"/>
      <c r="IHW650" s="613"/>
      <c r="IHX650" s="613"/>
      <c r="IHY650" s="613"/>
      <c r="IHZ650" s="613"/>
      <c r="IIA650" s="613"/>
      <c r="IIB650" s="613"/>
      <c r="IIC650" s="613"/>
      <c r="IID650" s="613"/>
      <c r="IIE650" s="613"/>
      <c r="IIF650" s="613"/>
      <c r="IIG650" s="613"/>
      <c r="IIH650" s="613"/>
      <c r="III650" s="613"/>
      <c r="IIJ650" s="613"/>
      <c r="IIK650" s="613"/>
      <c r="IIL650" s="613"/>
      <c r="IIM650" s="613"/>
      <c r="IIN650" s="613"/>
      <c r="IIO650" s="613"/>
      <c r="IIP650" s="613"/>
      <c r="IIQ650" s="613"/>
      <c r="IIR650" s="613"/>
      <c r="IIS650" s="613"/>
      <c r="IIT650" s="613"/>
      <c r="IIU650" s="613"/>
      <c r="IIV650" s="613"/>
      <c r="IIW650" s="613"/>
      <c r="IIX650" s="613"/>
      <c r="IIY650" s="613"/>
      <c r="IIZ650" s="613"/>
      <c r="IJA650" s="613"/>
      <c r="IJB650" s="613"/>
      <c r="IJC650" s="613"/>
      <c r="IJD650" s="613"/>
      <c r="IJE650" s="613"/>
      <c r="IJF650" s="613"/>
      <c r="IJG650" s="613"/>
      <c r="IJH650" s="613"/>
      <c r="IJI650" s="613"/>
      <c r="IJJ650" s="613"/>
      <c r="IJK650" s="613"/>
      <c r="IJL650" s="613"/>
      <c r="IJM650" s="613"/>
      <c r="IJN650" s="613"/>
      <c r="IJO650" s="613"/>
      <c r="IJP650" s="613"/>
      <c r="IJQ650" s="613"/>
      <c r="IJR650" s="613"/>
      <c r="IJS650" s="613"/>
      <c r="IJT650" s="613"/>
      <c r="IJU650" s="613"/>
      <c r="IJV650" s="613"/>
      <c r="IJW650" s="613"/>
      <c r="IJX650" s="613"/>
      <c r="IJY650" s="613"/>
      <c r="IJZ650" s="613"/>
      <c r="IKA650" s="613"/>
      <c r="IKB650" s="613"/>
      <c r="IKC650" s="613"/>
      <c r="IKD650" s="613"/>
      <c r="IKE650" s="613"/>
      <c r="IKF650" s="613"/>
      <c r="IKG650" s="613"/>
      <c r="IKH650" s="613"/>
      <c r="IKI650" s="613"/>
      <c r="IKJ650" s="613"/>
      <c r="IKK650" s="613"/>
      <c r="IKL650" s="613"/>
      <c r="IKM650" s="613"/>
      <c r="IKN650" s="613"/>
      <c r="IKO650" s="613"/>
      <c r="IKP650" s="613"/>
      <c r="IKQ650" s="613"/>
      <c r="IKR650" s="613"/>
      <c r="IKS650" s="613"/>
      <c r="IKT650" s="613"/>
      <c r="IKU650" s="613"/>
      <c r="IKV650" s="613"/>
      <c r="IKW650" s="613"/>
      <c r="IKX650" s="613"/>
      <c r="IKY650" s="613"/>
      <c r="IKZ650" s="613"/>
      <c r="ILA650" s="613"/>
      <c r="ILB650" s="613"/>
      <c r="ILC650" s="613"/>
      <c r="ILD650" s="613"/>
      <c r="ILE650" s="613"/>
      <c r="ILF650" s="613"/>
      <c r="ILG650" s="613"/>
      <c r="ILH650" s="613"/>
      <c r="ILI650" s="613"/>
      <c r="ILJ650" s="613"/>
      <c r="ILK650" s="613"/>
      <c r="ILL650" s="613"/>
      <c r="ILM650" s="613"/>
      <c r="ILN650" s="613"/>
      <c r="ILO650" s="613"/>
      <c r="ILP650" s="613"/>
      <c r="ILQ650" s="613"/>
      <c r="ILR650" s="613"/>
      <c r="ILS650" s="613"/>
      <c r="ILT650" s="613"/>
      <c r="ILU650" s="613"/>
      <c r="ILV650" s="613"/>
      <c r="ILW650" s="613"/>
      <c r="ILX650" s="613"/>
      <c r="ILY650" s="613"/>
      <c r="ILZ650" s="613"/>
      <c r="IMA650" s="613"/>
      <c r="IMB650" s="613"/>
      <c r="IMC650" s="613"/>
      <c r="IMD650" s="613"/>
      <c r="IME650" s="613"/>
      <c r="IMF650" s="613"/>
      <c r="IMG650" s="613"/>
      <c r="IMH650" s="613"/>
      <c r="IMI650" s="613"/>
      <c r="IMJ650" s="613"/>
      <c r="IMK650" s="613"/>
      <c r="IML650" s="613"/>
      <c r="IMM650" s="613"/>
      <c r="IMN650" s="613"/>
      <c r="IMO650" s="613"/>
      <c r="IMP650" s="613"/>
      <c r="IMQ650" s="613"/>
      <c r="IMR650" s="613"/>
      <c r="IMS650" s="613"/>
      <c r="IMT650" s="613"/>
      <c r="IMU650" s="613"/>
      <c r="IMV650" s="613"/>
      <c r="IMW650" s="613"/>
      <c r="IMX650" s="613"/>
      <c r="IMY650" s="613"/>
      <c r="IMZ650" s="613"/>
      <c r="INA650" s="613"/>
      <c r="INB650" s="613"/>
      <c r="INC650" s="613"/>
      <c r="IND650" s="613"/>
      <c r="INE650" s="613"/>
      <c r="INF650" s="613"/>
      <c r="ING650" s="613"/>
      <c r="INH650" s="613"/>
      <c r="INI650" s="613"/>
      <c r="INJ650" s="613"/>
      <c r="INK650" s="613"/>
      <c r="INL650" s="613"/>
      <c r="INM650" s="613"/>
      <c r="INN650" s="613"/>
      <c r="INO650" s="613"/>
      <c r="INP650" s="613"/>
      <c r="INQ650" s="613"/>
      <c r="INR650" s="613"/>
      <c r="INS650" s="613"/>
      <c r="INT650" s="613"/>
      <c r="INU650" s="613"/>
      <c r="INV650" s="613"/>
      <c r="INW650" s="613"/>
      <c r="INX650" s="613"/>
      <c r="INY650" s="613"/>
      <c r="INZ650" s="613"/>
      <c r="IOA650" s="613"/>
      <c r="IOB650" s="613"/>
      <c r="IOC650" s="613"/>
      <c r="IOD650" s="613"/>
      <c r="IOE650" s="613"/>
      <c r="IOF650" s="613"/>
      <c r="IOG650" s="613"/>
      <c r="IOH650" s="613"/>
      <c r="IOI650" s="613"/>
      <c r="IOJ650" s="613"/>
      <c r="IOK650" s="613"/>
      <c r="IOL650" s="613"/>
      <c r="IOM650" s="613"/>
      <c r="ION650" s="613"/>
      <c r="IOO650" s="613"/>
      <c r="IOP650" s="613"/>
      <c r="IOQ650" s="613"/>
      <c r="IOR650" s="613"/>
      <c r="IOS650" s="613"/>
      <c r="IOT650" s="613"/>
      <c r="IOU650" s="613"/>
      <c r="IOV650" s="613"/>
      <c r="IOW650" s="613"/>
      <c r="IOX650" s="613"/>
      <c r="IOY650" s="613"/>
      <c r="IOZ650" s="613"/>
      <c r="IPA650" s="613"/>
      <c r="IPB650" s="613"/>
      <c r="IPC650" s="613"/>
      <c r="IPD650" s="613"/>
      <c r="IPE650" s="613"/>
      <c r="IPF650" s="613"/>
      <c r="IPG650" s="613"/>
      <c r="IPH650" s="613"/>
      <c r="IPI650" s="613"/>
      <c r="IPJ650" s="613"/>
      <c r="IPK650" s="613"/>
      <c r="IPL650" s="613"/>
      <c r="IPM650" s="613"/>
      <c r="IPN650" s="613"/>
      <c r="IPO650" s="613"/>
      <c r="IPP650" s="613"/>
      <c r="IPQ650" s="613"/>
      <c r="IPR650" s="613"/>
      <c r="IPS650" s="613"/>
      <c r="IPT650" s="613"/>
      <c r="IPU650" s="613"/>
      <c r="IPV650" s="613"/>
      <c r="IPW650" s="613"/>
      <c r="IPX650" s="613"/>
      <c r="IPY650" s="613"/>
      <c r="IPZ650" s="613"/>
      <c r="IQA650" s="613"/>
      <c r="IQB650" s="613"/>
      <c r="IQC650" s="613"/>
      <c r="IQD650" s="613"/>
      <c r="IQE650" s="613"/>
      <c r="IQF650" s="613"/>
      <c r="IQG650" s="613"/>
      <c r="IQH650" s="613"/>
      <c r="IQI650" s="613"/>
      <c r="IQJ650" s="613"/>
      <c r="IQK650" s="613"/>
      <c r="IQL650" s="613"/>
      <c r="IQM650" s="613"/>
      <c r="IQN650" s="613"/>
      <c r="IQO650" s="613"/>
      <c r="IQP650" s="613"/>
      <c r="IQQ650" s="613"/>
      <c r="IQR650" s="613"/>
      <c r="IQS650" s="613"/>
      <c r="IQT650" s="613"/>
      <c r="IQU650" s="613"/>
      <c r="IQV650" s="613"/>
      <c r="IQW650" s="613"/>
      <c r="IQX650" s="613"/>
      <c r="IQY650" s="613"/>
      <c r="IQZ650" s="613"/>
      <c r="IRA650" s="613"/>
      <c r="IRB650" s="613"/>
      <c r="IRC650" s="613"/>
      <c r="IRD650" s="613"/>
      <c r="IRE650" s="613"/>
      <c r="IRF650" s="613"/>
      <c r="IRG650" s="613"/>
      <c r="IRH650" s="613"/>
      <c r="IRI650" s="613"/>
      <c r="IRJ650" s="613"/>
      <c r="IRK650" s="613"/>
      <c r="IRL650" s="613"/>
      <c r="IRM650" s="613"/>
      <c r="IRN650" s="613"/>
      <c r="IRO650" s="613"/>
      <c r="IRP650" s="613"/>
      <c r="IRQ650" s="613"/>
      <c r="IRR650" s="613"/>
      <c r="IRS650" s="613"/>
      <c r="IRT650" s="613"/>
      <c r="IRU650" s="613"/>
      <c r="IRV650" s="613"/>
      <c r="IRW650" s="613"/>
      <c r="IRX650" s="613"/>
      <c r="IRY650" s="613"/>
      <c r="IRZ650" s="613"/>
      <c r="ISA650" s="613"/>
      <c r="ISB650" s="613"/>
      <c r="ISC650" s="613"/>
      <c r="ISD650" s="613"/>
      <c r="ISE650" s="613"/>
      <c r="ISF650" s="613"/>
      <c r="ISG650" s="613"/>
      <c r="ISH650" s="613"/>
      <c r="ISI650" s="613"/>
      <c r="ISJ650" s="613"/>
      <c r="ISK650" s="613"/>
      <c r="ISL650" s="613"/>
      <c r="ISM650" s="613"/>
      <c r="ISN650" s="613"/>
      <c r="ISO650" s="613"/>
      <c r="ISP650" s="613"/>
      <c r="ISQ650" s="613"/>
      <c r="ISR650" s="613"/>
      <c r="ISS650" s="613"/>
      <c r="IST650" s="613"/>
      <c r="ISU650" s="613"/>
      <c r="ISV650" s="613"/>
      <c r="ISW650" s="613"/>
      <c r="ISX650" s="613"/>
      <c r="ISY650" s="613"/>
      <c r="ISZ650" s="613"/>
      <c r="ITA650" s="613"/>
      <c r="ITB650" s="613"/>
      <c r="ITC650" s="613"/>
      <c r="ITD650" s="613"/>
      <c r="ITE650" s="613"/>
      <c r="ITF650" s="613"/>
      <c r="ITG650" s="613"/>
      <c r="ITH650" s="613"/>
      <c r="ITI650" s="613"/>
      <c r="ITJ650" s="613"/>
      <c r="ITK650" s="613"/>
      <c r="ITL650" s="613"/>
      <c r="ITM650" s="613"/>
      <c r="ITN650" s="613"/>
      <c r="ITO650" s="613"/>
      <c r="ITP650" s="613"/>
      <c r="ITQ650" s="613"/>
      <c r="ITR650" s="613"/>
      <c r="ITS650" s="613"/>
      <c r="ITT650" s="613"/>
      <c r="ITU650" s="613"/>
      <c r="ITV650" s="613"/>
      <c r="ITW650" s="613"/>
      <c r="ITX650" s="613"/>
      <c r="ITY650" s="613"/>
      <c r="ITZ650" s="613"/>
      <c r="IUA650" s="613"/>
      <c r="IUB650" s="613"/>
      <c r="IUC650" s="613"/>
      <c r="IUD650" s="613"/>
      <c r="IUE650" s="613"/>
      <c r="IUF650" s="613"/>
      <c r="IUG650" s="613"/>
      <c r="IUH650" s="613"/>
      <c r="IUI650" s="613"/>
      <c r="IUJ650" s="613"/>
      <c r="IUK650" s="613"/>
      <c r="IUL650" s="613"/>
      <c r="IUM650" s="613"/>
      <c r="IUN650" s="613"/>
      <c r="IUO650" s="613"/>
      <c r="IUP650" s="613"/>
      <c r="IUQ650" s="613"/>
      <c r="IUR650" s="613"/>
      <c r="IUS650" s="613"/>
      <c r="IUT650" s="613"/>
      <c r="IUU650" s="613"/>
      <c r="IUV650" s="613"/>
      <c r="IUW650" s="613"/>
      <c r="IUX650" s="613"/>
      <c r="IUY650" s="613"/>
      <c r="IUZ650" s="613"/>
      <c r="IVA650" s="613"/>
      <c r="IVB650" s="613"/>
      <c r="IVC650" s="613"/>
      <c r="IVD650" s="613"/>
      <c r="IVE650" s="613"/>
      <c r="IVF650" s="613"/>
      <c r="IVG650" s="613"/>
      <c r="IVH650" s="613"/>
      <c r="IVI650" s="613"/>
      <c r="IVJ650" s="613"/>
      <c r="IVK650" s="613"/>
      <c r="IVL650" s="613"/>
      <c r="IVM650" s="613"/>
      <c r="IVN650" s="613"/>
      <c r="IVO650" s="613"/>
      <c r="IVP650" s="613"/>
      <c r="IVQ650" s="613"/>
      <c r="IVR650" s="613"/>
      <c r="IVS650" s="613"/>
      <c r="IVT650" s="613"/>
      <c r="IVU650" s="613"/>
      <c r="IVV650" s="613"/>
      <c r="IVW650" s="613"/>
      <c r="IVX650" s="613"/>
      <c r="IVY650" s="613"/>
      <c r="IVZ650" s="613"/>
      <c r="IWA650" s="613"/>
      <c r="IWB650" s="613"/>
      <c r="IWC650" s="613"/>
      <c r="IWD650" s="613"/>
      <c r="IWE650" s="613"/>
      <c r="IWF650" s="613"/>
      <c r="IWG650" s="613"/>
      <c r="IWH650" s="613"/>
      <c r="IWI650" s="613"/>
      <c r="IWJ650" s="613"/>
      <c r="IWK650" s="613"/>
      <c r="IWL650" s="613"/>
      <c r="IWM650" s="613"/>
      <c r="IWN650" s="613"/>
      <c r="IWO650" s="613"/>
      <c r="IWP650" s="613"/>
      <c r="IWQ650" s="613"/>
      <c r="IWR650" s="613"/>
      <c r="IWS650" s="613"/>
      <c r="IWT650" s="613"/>
      <c r="IWU650" s="613"/>
      <c r="IWV650" s="613"/>
      <c r="IWW650" s="613"/>
      <c r="IWX650" s="613"/>
      <c r="IWY650" s="613"/>
      <c r="IWZ650" s="613"/>
      <c r="IXA650" s="613"/>
      <c r="IXB650" s="613"/>
      <c r="IXC650" s="613"/>
      <c r="IXD650" s="613"/>
      <c r="IXE650" s="613"/>
      <c r="IXF650" s="613"/>
      <c r="IXG650" s="613"/>
      <c r="IXH650" s="613"/>
      <c r="IXI650" s="613"/>
      <c r="IXJ650" s="613"/>
      <c r="IXK650" s="613"/>
      <c r="IXL650" s="613"/>
      <c r="IXM650" s="613"/>
      <c r="IXN650" s="613"/>
      <c r="IXO650" s="613"/>
      <c r="IXP650" s="613"/>
      <c r="IXQ650" s="613"/>
      <c r="IXR650" s="613"/>
      <c r="IXS650" s="613"/>
      <c r="IXT650" s="613"/>
      <c r="IXU650" s="613"/>
      <c r="IXV650" s="613"/>
      <c r="IXW650" s="613"/>
      <c r="IXX650" s="613"/>
      <c r="IXY650" s="613"/>
      <c r="IXZ650" s="613"/>
      <c r="IYA650" s="613"/>
      <c r="IYB650" s="613"/>
      <c r="IYC650" s="613"/>
      <c r="IYD650" s="613"/>
      <c r="IYE650" s="613"/>
      <c r="IYF650" s="613"/>
      <c r="IYG650" s="613"/>
      <c r="IYH650" s="613"/>
      <c r="IYI650" s="613"/>
      <c r="IYJ650" s="613"/>
      <c r="IYK650" s="613"/>
      <c r="IYL650" s="613"/>
      <c r="IYM650" s="613"/>
      <c r="IYN650" s="613"/>
      <c r="IYO650" s="613"/>
      <c r="IYP650" s="613"/>
      <c r="IYQ650" s="613"/>
      <c r="IYR650" s="613"/>
      <c r="IYS650" s="613"/>
      <c r="IYT650" s="613"/>
      <c r="IYU650" s="613"/>
      <c r="IYV650" s="613"/>
      <c r="IYW650" s="613"/>
      <c r="IYX650" s="613"/>
      <c r="IYY650" s="613"/>
      <c r="IYZ650" s="613"/>
      <c r="IZA650" s="613"/>
      <c r="IZB650" s="613"/>
      <c r="IZC650" s="613"/>
      <c r="IZD650" s="613"/>
      <c r="IZE650" s="613"/>
      <c r="IZF650" s="613"/>
      <c r="IZG650" s="613"/>
      <c r="IZH650" s="613"/>
      <c r="IZI650" s="613"/>
      <c r="IZJ650" s="613"/>
      <c r="IZK650" s="613"/>
      <c r="IZL650" s="613"/>
      <c r="IZM650" s="613"/>
      <c r="IZN650" s="613"/>
      <c r="IZO650" s="613"/>
      <c r="IZP650" s="613"/>
      <c r="IZQ650" s="613"/>
      <c r="IZR650" s="613"/>
      <c r="IZS650" s="613"/>
      <c r="IZT650" s="613"/>
      <c r="IZU650" s="613"/>
      <c r="IZV650" s="613"/>
      <c r="IZW650" s="613"/>
      <c r="IZX650" s="613"/>
      <c r="IZY650" s="613"/>
      <c r="IZZ650" s="613"/>
      <c r="JAA650" s="613"/>
      <c r="JAB650" s="613"/>
      <c r="JAC650" s="613"/>
      <c r="JAD650" s="613"/>
      <c r="JAE650" s="613"/>
      <c r="JAF650" s="613"/>
      <c r="JAG650" s="613"/>
      <c r="JAH650" s="613"/>
      <c r="JAI650" s="613"/>
      <c r="JAJ650" s="613"/>
      <c r="JAK650" s="613"/>
      <c r="JAL650" s="613"/>
      <c r="JAM650" s="613"/>
      <c r="JAN650" s="613"/>
      <c r="JAO650" s="613"/>
      <c r="JAP650" s="613"/>
      <c r="JAQ650" s="613"/>
      <c r="JAR650" s="613"/>
      <c r="JAS650" s="613"/>
      <c r="JAT650" s="613"/>
      <c r="JAU650" s="613"/>
      <c r="JAV650" s="613"/>
      <c r="JAW650" s="613"/>
      <c r="JAX650" s="613"/>
      <c r="JAY650" s="613"/>
      <c r="JAZ650" s="613"/>
      <c r="JBA650" s="613"/>
      <c r="JBB650" s="613"/>
      <c r="JBC650" s="613"/>
      <c r="JBD650" s="613"/>
      <c r="JBE650" s="613"/>
      <c r="JBF650" s="613"/>
      <c r="JBG650" s="613"/>
      <c r="JBH650" s="613"/>
      <c r="JBI650" s="613"/>
      <c r="JBJ650" s="613"/>
      <c r="JBK650" s="613"/>
      <c r="JBL650" s="613"/>
      <c r="JBM650" s="613"/>
      <c r="JBN650" s="613"/>
      <c r="JBO650" s="613"/>
      <c r="JBP650" s="613"/>
      <c r="JBQ650" s="613"/>
      <c r="JBR650" s="613"/>
      <c r="JBS650" s="613"/>
      <c r="JBT650" s="613"/>
      <c r="JBU650" s="613"/>
      <c r="JBV650" s="613"/>
      <c r="JBW650" s="613"/>
      <c r="JBX650" s="613"/>
      <c r="JBY650" s="613"/>
      <c r="JBZ650" s="613"/>
      <c r="JCA650" s="613"/>
      <c r="JCB650" s="613"/>
      <c r="JCC650" s="613"/>
      <c r="JCD650" s="613"/>
      <c r="JCE650" s="613"/>
      <c r="JCF650" s="613"/>
      <c r="JCG650" s="613"/>
      <c r="JCH650" s="613"/>
      <c r="JCI650" s="613"/>
      <c r="JCJ650" s="613"/>
      <c r="JCK650" s="613"/>
      <c r="JCL650" s="613"/>
      <c r="JCM650" s="613"/>
      <c r="JCN650" s="613"/>
      <c r="JCO650" s="613"/>
      <c r="JCP650" s="613"/>
      <c r="JCQ650" s="613"/>
      <c r="JCR650" s="613"/>
      <c r="JCS650" s="613"/>
      <c r="JCT650" s="613"/>
      <c r="JCU650" s="613"/>
      <c r="JCV650" s="613"/>
      <c r="JCW650" s="613"/>
      <c r="JCX650" s="613"/>
      <c r="JCY650" s="613"/>
      <c r="JCZ650" s="613"/>
      <c r="JDA650" s="613"/>
      <c r="JDB650" s="613"/>
      <c r="JDC650" s="613"/>
      <c r="JDD650" s="613"/>
      <c r="JDE650" s="613"/>
      <c r="JDF650" s="613"/>
      <c r="JDG650" s="613"/>
      <c r="JDH650" s="613"/>
      <c r="JDI650" s="613"/>
      <c r="JDJ650" s="613"/>
      <c r="JDK650" s="613"/>
      <c r="JDL650" s="613"/>
      <c r="JDM650" s="613"/>
      <c r="JDN650" s="613"/>
      <c r="JDO650" s="613"/>
      <c r="JDP650" s="613"/>
      <c r="JDQ650" s="613"/>
      <c r="JDR650" s="613"/>
      <c r="JDS650" s="613"/>
      <c r="JDT650" s="613"/>
      <c r="JDU650" s="613"/>
      <c r="JDV650" s="613"/>
      <c r="JDW650" s="613"/>
      <c r="JDX650" s="613"/>
      <c r="JDY650" s="613"/>
      <c r="JDZ650" s="613"/>
      <c r="JEA650" s="613"/>
      <c r="JEB650" s="613"/>
      <c r="JEC650" s="613"/>
      <c r="JED650" s="613"/>
      <c r="JEE650" s="613"/>
      <c r="JEF650" s="613"/>
      <c r="JEG650" s="613"/>
      <c r="JEH650" s="613"/>
      <c r="JEI650" s="613"/>
      <c r="JEJ650" s="613"/>
      <c r="JEK650" s="613"/>
      <c r="JEL650" s="613"/>
      <c r="JEM650" s="613"/>
      <c r="JEN650" s="613"/>
      <c r="JEO650" s="613"/>
      <c r="JEP650" s="613"/>
      <c r="JEQ650" s="613"/>
      <c r="JER650" s="613"/>
      <c r="JES650" s="613"/>
      <c r="JET650" s="613"/>
      <c r="JEU650" s="613"/>
      <c r="JEV650" s="613"/>
      <c r="JEW650" s="613"/>
      <c r="JEX650" s="613"/>
      <c r="JEY650" s="613"/>
      <c r="JEZ650" s="613"/>
      <c r="JFA650" s="613"/>
      <c r="JFB650" s="613"/>
      <c r="JFC650" s="613"/>
      <c r="JFD650" s="613"/>
      <c r="JFE650" s="613"/>
      <c r="JFF650" s="613"/>
      <c r="JFG650" s="613"/>
      <c r="JFH650" s="613"/>
      <c r="JFI650" s="613"/>
      <c r="JFJ650" s="613"/>
      <c r="JFK650" s="613"/>
      <c r="JFL650" s="613"/>
      <c r="JFM650" s="613"/>
      <c r="JFN650" s="613"/>
      <c r="JFO650" s="613"/>
      <c r="JFP650" s="613"/>
      <c r="JFQ650" s="613"/>
      <c r="JFR650" s="613"/>
      <c r="JFS650" s="613"/>
      <c r="JFT650" s="613"/>
      <c r="JFU650" s="613"/>
      <c r="JFV650" s="613"/>
      <c r="JFW650" s="613"/>
      <c r="JFX650" s="613"/>
      <c r="JFY650" s="613"/>
      <c r="JFZ650" s="613"/>
      <c r="JGA650" s="613"/>
      <c r="JGB650" s="613"/>
      <c r="JGC650" s="613"/>
      <c r="JGD650" s="613"/>
      <c r="JGE650" s="613"/>
      <c r="JGF650" s="613"/>
      <c r="JGG650" s="613"/>
      <c r="JGH650" s="613"/>
      <c r="JGI650" s="613"/>
      <c r="JGJ650" s="613"/>
      <c r="JGK650" s="613"/>
      <c r="JGL650" s="613"/>
      <c r="JGM650" s="613"/>
      <c r="JGN650" s="613"/>
      <c r="JGO650" s="613"/>
      <c r="JGP650" s="613"/>
      <c r="JGQ650" s="613"/>
      <c r="JGR650" s="613"/>
      <c r="JGS650" s="613"/>
      <c r="JGT650" s="613"/>
      <c r="JGU650" s="613"/>
      <c r="JGV650" s="613"/>
      <c r="JGW650" s="613"/>
      <c r="JGX650" s="613"/>
      <c r="JGY650" s="613"/>
      <c r="JGZ650" s="613"/>
      <c r="JHA650" s="613"/>
      <c r="JHB650" s="613"/>
      <c r="JHC650" s="613"/>
      <c r="JHD650" s="613"/>
      <c r="JHE650" s="613"/>
      <c r="JHF650" s="613"/>
      <c r="JHG650" s="613"/>
      <c r="JHH650" s="613"/>
      <c r="JHI650" s="613"/>
      <c r="JHJ650" s="613"/>
      <c r="JHK650" s="613"/>
      <c r="JHL650" s="613"/>
      <c r="JHM650" s="613"/>
      <c r="JHN650" s="613"/>
      <c r="JHO650" s="613"/>
      <c r="JHP650" s="613"/>
      <c r="JHQ650" s="613"/>
      <c r="JHR650" s="613"/>
      <c r="JHS650" s="613"/>
      <c r="JHT650" s="613"/>
      <c r="JHU650" s="613"/>
      <c r="JHV650" s="613"/>
      <c r="JHW650" s="613"/>
      <c r="JHX650" s="613"/>
      <c r="JHY650" s="613"/>
      <c r="JHZ650" s="613"/>
      <c r="JIA650" s="613"/>
      <c r="JIB650" s="613"/>
      <c r="JIC650" s="613"/>
      <c r="JID650" s="613"/>
      <c r="JIE650" s="613"/>
      <c r="JIF650" s="613"/>
      <c r="JIG650" s="613"/>
      <c r="JIH650" s="613"/>
      <c r="JII650" s="613"/>
      <c r="JIJ650" s="613"/>
      <c r="JIK650" s="613"/>
      <c r="JIL650" s="613"/>
      <c r="JIM650" s="613"/>
      <c r="JIN650" s="613"/>
      <c r="JIO650" s="613"/>
      <c r="JIP650" s="613"/>
      <c r="JIQ650" s="613"/>
      <c r="JIR650" s="613"/>
      <c r="JIS650" s="613"/>
      <c r="JIT650" s="613"/>
      <c r="JIU650" s="613"/>
      <c r="JIV650" s="613"/>
      <c r="JIW650" s="613"/>
      <c r="JIX650" s="613"/>
      <c r="JIY650" s="613"/>
      <c r="JIZ650" s="613"/>
      <c r="JJA650" s="613"/>
      <c r="JJB650" s="613"/>
      <c r="JJC650" s="613"/>
      <c r="JJD650" s="613"/>
      <c r="JJE650" s="613"/>
      <c r="JJF650" s="613"/>
      <c r="JJG650" s="613"/>
      <c r="JJH650" s="613"/>
      <c r="JJI650" s="613"/>
      <c r="JJJ650" s="613"/>
      <c r="JJK650" s="613"/>
      <c r="JJL650" s="613"/>
      <c r="JJM650" s="613"/>
      <c r="JJN650" s="613"/>
      <c r="JJO650" s="613"/>
      <c r="JJP650" s="613"/>
      <c r="JJQ650" s="613"/>
      <c r="JJR650" s="613"/>
      <c r="JJS650" s="613"/>
      <c r="JJT650" s="613"/>
      <c r="JJU650" s="613"/>
      <c r="JJV650" s="613"/>
      <c r="JJW650" s="613"/>
      <c r="JJX650" s="613"/>
      <c r="JJY650" s="613"/>
      <c r="JJZ650" s="613"/>
      <c r="JKA650" s="613"/>
      <c r="JKB650" s="613"/>
      <c r="JKC650" s="613"/>
      <c r="JKD650" s="613"/>
      <c r="JKE650" s="613"/>
      <c r="JKF650" s="613"/>
      <c r="JKG650" s="613"/>
      <c r="JKH650" s="613"/>
      <c r="JKI650" s="613"/>
      <c r="JKJ650" s="613"/>
      <c r="JKK650" s="613"/>
      <c r="JKL650" s="613"/>
      <c r="JKM650" s="613"/>
      <c r="JKN650" s="613"/>
      <c r="JKO650" s="613"/>
      <c r="JKP650" s="613"/>
      <c r="JKQ650" s="613"/>
      <c r="JKR650" s="613"/>
      <c r="JKS650" s="613"/>
      <c r="JKT650" s="613"/>
      <c r="JKU650" s="613"/>
      <c r="JKV650" s="613"/>
      <c r="JKW650" s="613"/>
      <c r="JKX650" s="613"/>
      <c r="JKY650" s="613"/>
      <c r="JKZ650" s="613"/>
      <c r="JLA650" s="613"/>
      <c r="JLB650" s="613"/>
      <c r="JLC650" s="613"/>
      <c r="JLD650" s="613"/>
      <c r="JLE650" s="613"/>
      <c r="JLF650" s="613"/>
      <c r="JLG650" s="613"/>
      <c r="JLH650" s="613"/>
      <c r="JLI650" s="613"/>
      <c r="JLJ650" s="613"/>
      <c r="JLK650" s="613"/>
      <c r="JLL650" s="613"/>
      <c r="JLM650" s="613"/>
      <c r="JLN650" s="613"/>
      <c r="JLO650" s="613"/>
      <c r="JLP650" s="613"/>
      <c r="JLQ650" s="613"/>
      <c r="JLR650" s="613"/>
      <c r="JLS650" s="613"/>
      <c r="JLT650" s="613"/>
      <c r="JLU650" s="613"/>
      <c r="JLV650" s="613"/>
      <c r="JLW650" s="613"/>
      <c r="JLX650" s="613"/>
      <c r="JLY650" s="613"/>
      <c r="JLZ650" s="613"/>
      <c r="JMA650" s="613"/>
      <c r="JMB650" s="613"/>
      <c r="JMC650" s="613"/>
      <c r="JMD650" s="613"/>
      <c r="JME650" s="613"/>
      <c r="JMF650" s="613"/>
      <c r="JMG650" s="613"/>
      <c r="JMH650" s="613"/>
      <c r="JMI650" s="613"/>
      <c r="JMJ650" s="613"/>
      <c r="JMK650" s="613"/>
      <c r="JML650" s="613"/>
      <c r="JMM650" s="613"/>
      <c r="JMN650" s="613"/>
      <c r="JMO650" s="613"/>
      <c r="JMP650" s="613"/>
      <c r="JMQ650" s="613"/>
      <c r="JMR650" s="613"/>
      <c r="JMS650" s="613"/>
      <c r="JMT650" s="613"/>
      <c r="JMU650" s="613"/>
      <c r="JMV650" s="613"/>
      <c r="JMW650" s="613"/>
      <c r="JMX650" s="613"/>
      <c r="JMY650" s="613"/>
      <c r="JMZ650" s="613"/>
      <c r="JNA650" s="613"/>
      <c r="JNB650" s="613"/>
      <c r="JNC650" s="613"/>
      <c r="JND650" s="613"/>
      <c r="JNE650" s="613"/>
      <c r="JNF650" s="613"/>
      <c r="JNG650" s="613"/>
      <c r="JNH650" s="613"/>
      <c r="JNI650" s="613"/>
      <c r="JNJ650" s="613"/>
      <c r="JNK650" s="613"/>
      <c r="JNL650" s="613"/>
      <c r="JNM650" s="613"/>
      <c r="JNN650" s="613"/>
      <c r="JNO650" s="613"/>
      <c r="JNP650" s="613"/>
      <c r="JNQ650" s="613"/>
      <c r="JNR650" s="613"/>
      <c r="JNS650" s="613"/>
      <c r="JNT650" s="613"/>
      <c r="JNU650" s="613"/>
      <c r="JNV650" s="613"/>
      <c r="JNW650" s="613"/>
      <c r="JNX650" s="613"/>
      <c r="JNY650" s="613"/>
      <c r="JNZ650" s="613"/>
      <c r="JOA650" s="613"/>
      <c r="JOB650" s="613"/>
      <c r="JOC650" s="613"/>
      <c r="JOD650" s="613"/>
      <c r="JOE650" s="613"/>
      <c r="JOF650" s="613"/>
      <c r="JOG650" s="613"/>
      <c r="JOH650" s="613"/>
      <c r="JOI650" s="613"/>
      <c r="JOJ650" s="613"/>
      <c r="JOK650" s="613"/>
      <c r="JOL650" s="613"/>
      <c r="JOM650" s="613"/>
      <c r="JON650" s="613"/>
      <c r="JOO650" s="613"/>
      <c r="JOP650" s="613"/>
      <c r="JOQ650" s="613"/>
      <c r="JOR650" s="613"/>
      <c r="JOS650" s="613"/>
      <c r="JOT650" s="613"/>
      <c r="JOU650" s="613"/>
      <c r="JOV650" s="613"/>
      <c r="JOW650" s="613"/>
      <c r="JOX650" s="613"/>
      <c r="JOY650" s="613"/>
      <c r="JOZ650" s="613"/>
      <c r="JPA650" s="613"/>
      <c r="JPB650" s="613"/>
      <c r="JPC650" s="613"/>
      <c r="JPD650" s="613"/>
      <c r="JPE650" s="613"/>
      <c r="JPF650" s="613"/>
      <c r="JPG650" s="613"/>
      <c r="JPH650" s="613"/>
      <c r="JPI650" s="613"/>
      <c r="JPJ650" s="613"/>
      <c r="JPK650" s="613"/>
      <c r="JPL650" s="613"/>
      <c r="JPM650" s="613"/>
      <c r="JPN650" s="613"/>
      <c r="JPO650" s="613"/>
      <c r="JPP650" s="613"/>
      <c r="JPQ650" s="613"/>
      <c r="JPR650" s="613"/>
      <c r="JPS650" s="613"/>
      <c r="JPT650" s="613"/>
      <c r="JPU650" s="613"/>
      <c r="JPV650" s="613"/>
      <c r="JPW650" s="613"/>
      <c r="JPX650" s="613"/>
      <c r="JPY650" s="613"/>
      <c r="JPZ650" s="613"/>
      <c r="JQA650" s="613"/>
      <c r="JQB650" s="613"/>
      <c r="JQC650" s="613"/>
      <c r="JQD650" s="613"/>
      <c r="JQE650" s="613"/>
      <c r="JQF650" s="613"/>
      <c r="JQG650" s="613"/>
      <c r="JQH650" s="613"/>
      <c r="JQI650" s="613"/>
      <c r="JQJ650" s="613"/>
      <c r="JQK650" s="613"/>
      <c r="JQL650" s="613"/>
      <c r="JQM650" s="613"/>
      <c r="JQN650" s="613"/>
      <c r="JQO650" s="613"/>
      <c r="JQP650" s="613"/>
      <c r="JQQ650" s="613"/>
      <c r="JQR650" s="613"/>
      <c r="JQS650" s="613"/>
      <c r="JQT650" s="613"/>
      <c r="JQU650" s="613"/>
      <c r="JQV650" s="613"/>
      <c r="JQW650" s="613"/>
      <c r="JQX650" s="613"/>
      <c r="JQY650" s="613"/>
      <c r="JQZ650" s="613"/>
      <c r="JRA650" s="613"/>
      <c r="JRB650" s="613"/>
      <c r="JRC650" s="613"/>
      <c r="JRD650" s="613"/>
      <c r="JRE650" s="613"/>
      <c r="JRF650" s="613"/>
      <c r="JRG650" s="613"/>
      <c r="JRH650" s="613"/>
      <c r="JRI650" s="613"/>
      <c r="JRJ650" s="613"/>
      <c r="JRK650" s="613"/>
      <c r="JRL650" s="613"/>
      <c r="JRM650" s="613"/>
      <c r="JRN650" s="613"/>
      <c r="JRO650" s="613"/>
      <c r="JRP650" s="613"/>
      <c r="JRQ650" s="613"/>
      <c r="JRR650" s="613"/>
      <c r="JRS650" s="613"/>
      <c r="JRT650" s="613"/>
      <c r="JRU650" s="613"/>
      <c r="JRV650" s="613"/>
      <c r="JRW650" s="613"/>
      <c r="JRX650" s="613"/>
      <c r="JRY650" s="613"/>
      <c r="JRZ650" s="613"/>
      <c r="JSA650" s="613"/>
      <c r="JSB650" s="613"/>
      <c r="JSC650" s="613"/>
      <c r="JSD650" s="613"/>
      <c r="JSE650" s="613"/>
      <c r="JSF650" s="613"/>
      <c r="JSG650" s="613"/>
      <c r="JSH650" s="613"/>
      <c r="JSI650" s="613"/>
      <c r="JSJ650" s="613"/>
      <c r="JSK650" s="613"/>
      <c r="JSL650" s="613"/>
      <c r="JSM650" s="613"/>
      <c r="JSN650" s="613"/>
      <c r="JSO650" s="613"/>
      <c r="JSP650" s="613"/>
      <c r="JSQ650" s="613"/>
      <c r="JSR650" s="613"/>
      <c r="JSS650" s="613"/>
      <c r="JST650" s="613"/>
      <c r="JSU650" s="613"/>
      <c r="JSV650" s="613"/>
      <c r="JSW650" s="613"/>
      <c r="JSX650" s="613"/>
      <c r="JSY650" s="613"/>
      <c r="JSZ650" s="613"/>
      <c r="JTA650" s="613"/>
      <c r="JTB650" s="613"/>
      <c r="JTC650" s="613"/>
      <c r="JTD650" s="613"/>
      <c r="JTE650" s="613"/>
      <c r="JTF650" s="613"/>
      <c r="JTG650" s="613"/>
      <c r="JTH650" s="613"/>
      <c r="JTI650" s="613"/>
      <c r="JTJ650" s="613"/>
      <c r="JTK650" s="613"/>
      <c r="JTL650" s="613"/>
      <c r="JTM650" s="613"/>
      <c r="JTN650" s="613"/>
      <c r="JTO650" s="613"/>
      <c r="JTP650" s="613"/>
      <c r="JTQ650" s="613"/>
      <c r="JTR650" s="613"/>
      <c r="JTS650" s="613"/>
      <c r="JTT650" s="613"/>
      <c r="JTU650" s="613"/>
      <c r="JTV650" s="613"/>
      <c r="JTW650" s="613"/>
      <c r="JTX650" s="613"/>
      <c r="JTY650" s="613"/>
      <c r="JTZ650" s="613"/>
      <c r="JUA650" s="613"/>
      <c r="JUB650" s="613"/>
      <c r="JUC650" s="613"/>
      <c r="JUD650" s="613"/>
      <c r="JUE650" s="613"/>
      <c r="JUF650" s="613"/>
      <c r="JUG650" s="613"/>
      <c r="JUH650" s="613"/>
      <c r="JUI650" s="613"/>
      <c r="JUJ650" s="613"/>
      <c r="JUK650" s="613"/>
      <c r="JUL650" s="613"/>
      <c r="JUM650" s="613"/>
      <c r="JUN650" s="613"/>
      <c r="JUO650" s="613"/>
      <c r="JUP650" s="613"/>
      <c r="JUQ650" s="613"/>
      <c r="JUR650" s="613"/>
      <c r="JUS650" s="613"/>
      <c r="JUT650" s="613"/>
      <c r="JUU650" s="613"/>
      <c r="JUV650" s="613"/>
      <c r="JUW650" s="613"/>
      <c r="JUX650" s="613"/>
      <c r="JUY650" s="613"/>
      <c r="JUZ650" s="613"/>
      <c r="JVA650" s="613"/>
      <c r="JVB650" s="613"/>
      <c r="JVC650" s="613"/>
      <c r="JVD650" s="613"/>
      <c r="JVE650" s="613"/>
      <c r="JVF650" s="613"/>
      <c r="JVG650" s="613"/>
      <c r="JVH650" s="613"/>
      <c r="JVI650" s="613"/>
      <c r="JVJ650" s="613"/>
      <c r="JVK650" s="613"/>
      <c r="JVL650" s="613"/>
      <c r="JVM650" s="613"/>
      <c r="JVN650" s="613"/>
      <c r="JVO650" s="613"/>
      <c r="JVP650" s="613"/>
      <c r="JVQ650" s="613"/>
      <c r="JVR650" s="613"/>
      <c r="JVS650" s="613"/>
      <c r="JVT650" s="613"/>
      <c r="JVU650" s="613"/>
      <c r="JVV650" s="613"/>
      <c r="JVW650" s="613"/>
      <c r="JVX650" s="613"/>
      <c r="JVY650" s="613"/>
      <c r="JVZ650" s="613"/>
      <c r="JWA650" s="613"/>
      <c r="JWB650" s="613"/>
      <c r="JWC650" s="613"/>
      <c r="JWD650" s="613"/>
      <c r="JWE650" s="613"/>
      <c r="JWF650" s="613"/>
      <c r="JWG650" s="613"/>
      <c r="JWH650" s="613"/>
      <c r="JWI650" s="613"/>
      <c r="JWJ650" s="613"/>
      <c r="JWK650" s="613"/>
      <c r="JWL650" s="613"/>
      <c r="JWM650" s="613"/>
      <c r="JWN650" s="613"/>
      <c r="JWO650" s="613"/>
      <c r="JWP650" s="613"/>
      <c r="JWQ650" s="613"/>
      <c r="JWR650" s="613"/>
      <c r="JWS650" s="613"/>
      <c r="JWT650" s="613"/>
      <c r="JWU650" s="613"/>
      <c r="JWV650" s="613"/>
      <c r="JWW650" s="613"/>
      <c r="JWX650" s="613"/>
      <c r="JWY650" s="613"/>
      <c r="JWZ650" s="613"/>
      <c r="JXA650" s="613"/>
      <c r="JXB650" s="613"/>
      <c r="JXC650" s="613"/>
      <c r="JXD650" s="613"/>
      <c r="JXE650" s="613"/>
      <c r="JXF650" s="613"/>
      <c r="JXG650" s="613"/>
      <c r="JXH650" s="613"/>
      <c r="JXI650" s="613"/>
      <c r="JXJ650" s="613"/>
      <c r="JXK650" s="613"/>
      <c r="JXL650" s="613"/>
      <c r="JXM650" s="613"/>
      <c r="JXN650" s="613"/>
      <c r="JXO650" s="613"/>
      <c r="JXP650" s="613"/>
      <c r="JXQ650" s="613"/>
      <c r="JXR650" s="613"/>
      <c r="JXS650" s="613"/>
      <c r="JXT650" s="613"/>
      <c r="JXU650" s="613"/>
      <c r="JXV650" s="613"/>
      <c r="JXW650" s="613"/>
      <c r="JXX650" s="613"/>
      <c r="JXY650" s="613"/>
      <c r="JXZ650" s="613"/>
      <c r="JYA650" s="613"/>
      <c r="JYB650" s="613"/>
      <c r="JYC650" s="613"/>
      <c r="JYD650" s="613"/>
      <c r="JYE650" s="613"/>
      <c r="JYF650" s="613"/>
      <c r="JYG650" s="613"/>
      <c r="JYH650" s="613"/>
      <c r="JYI650" s="613"/>
      <c r="JYJ650" s="613"/>
      <c r="JYK650" s="613"/>
      <c r="JYL650" s="613"/>
      <c r="JYM650" s="613"/>
      <c r="JYN650" s="613"/>
      <c r="JYO650" s="613"/>
      <c r="JYP650" s="613"/>
      <c r="JYQ650" s="613"/>
      <c r="JYR650" s="613"/>
      <c r="JYS650" s="613"/>
      <c r="JYT650" s="613"/>
      <c r="JYU650" s="613"/>
      <c r="JYV650" s="613"/>
      <c r="JYW650" s="613"/>
      <c r="JYX650" s="613"/>
      <c r="JYY650" s="613"/>
      <c r="JYZ650" s="613"/>
      <c r="JZA650" s="613"/>
      <c r="JZB650" s="613"/>
      <c r="JZC650" s="613"/>
      <c r="JZD650" s="613"/>
      <c r="JZE650" s="613"/>
      <c r="JZF650" s="613"/>
      <c r="JZG650" s="613"/>
      <c r="JZH650" s="613"/>
      <c r="JZI650" s="613"/>
      <c r="JZJ650" s="613"/>
      <c r="JZK650" s="613"/>
      <c r="JZL650" s="613"/>
      <c r="JZM650" s="613"/>
      <c r="JZN650" s="613"/>
      <c r="JZO650" s="613"/>
      <c r="JZP650" s="613"/>
      <c r="JZQ650" s="613"/>
      <c r="JZR650" s="613"/>
      <c r="JZS650" s="613"/>
      <c r="JZT650" s="613"/>
      <c r="JZU650" s="613"/>
      <c r="JZV650" s="613"/>
      <c r="JZW650" s="613"/>
      <c r="JZX650" s="613"/>
      <c r="JZY650" s="613"/>
      <c r="JZZ650" s="613"/>
      <c r="KAA650" s="613"/>
      <c r="KAB650" s="613"/>
      <c r="KAC650" s="613"/>
      <c r="KAD650" s="613"/>
      <c r="KAE650" s="613"/>
      <c r="KAF650" s="613"/>
      <c r="KAG650" s="613"/>
      <c r="KAH650" s="613"/>
      <c r="KAI650" s="613"/>
      <c r="KAJ650" s="613"/>
      <c r="KAK650" s="613"/>
      <c r="KAL650" s="613"/>
      <c r="KAM650" s="613"/>
      <c r="KAN650" s="613"/>
      <c r="KAO650" s="613"/>
      <c r="KAP650" s="613"/>
      <c r="KAQ650" s="613"/>
      <c r="KAR650" s="613"/>
      <c r="KAS650" s="613"/>
      <c r="KAT650" s="613"/>
      <c r="KAU650" s="613"/>
      <c r="KAV650" s="613"/>
      <c r="KAW650" s="613"/>
      <c r="KAX650" s="613"/>
      <c r="KAY650" s="613"/>
      <c r="KAZ650" s="613"/>
      <c r="KBA650" s="613"/>
      <c r="KBB650" s="613"/>
      <c r="KBC650" s="613"/>
      <c r="KBD650" s="613"/>
      <c r="KBE650" s="613"/>
      <c r="KBF650" s="613"/>
      <c r="KBG650" s="613"/>
      <c r="KBH650" s="613"/>
      <c r="KBI650" s="613"/>
      <c r="KBJ650" s="613"/>
      <c r="KBK650" s="613"/>
      <c r="KBL650" s="613"/>
      <c r="KBM650" s="613"/>
      <c r="KBN650" s="613"/>
      <c r="KBO650" s="613"/>
      <c r="KBP650" s="613"/>
      <c r="KBQ650" s="613"/>
      <c r="KBR650" s="613"/>
      <c r="KBS650" s="613"/>
      <c r="KBT650" s="613"/>
      <c r="KBU650" s="613"/>
      <c r="KBV650" s="613"/>
      <c r="KBW650" s="613"/>
      <c r="KBX650" s="613"/>
      <c r="KBY650" s="613"/>
      <c r="KBZ650" s="613"/>
      <c r="KCA650" s="613"/>
      <c r="KCB650" s="613"/>
      <c r="KCC650" s="613"/>
      <c r="KCD650" s="613"/>
      <c r="KCE650" s="613"/>
      <c r="KCF650" s="613"/>
      <c r="KCG650" s="613"/>
      <c r="KCH650" s="613"/>
      <c r="KCI650" s="613"/>
      <c r="KCJ650" s="613"/>
      <c r="KCK650" s="613"/>
      <c r="KCL650" s="613"/>
      <c r="KCM650" s="613"/>
      <c r="KCN650" s="613"/>
      <c r="KCO650" s="613"/>
      <c r="KCP650" s="613"/>
      <c r="KCQ650" s="613"/>
      <c r="KCR650" s="613"/>
      <c r="KCS650" s="613"/>
      <c r="KCT650" s="613"/>
      <c r="KCU650" s="613"/>
      <c r="KCV650" s="613"/>
      <c r="KCW650" s="613"/>
      <c r="KCX650" s="613"/>
      <c r="KCY650" s="613"/>
      <c r="KCZ650" s="613"/>
      <c r="KDA650" s="613"/>
      <c r="KDB650" s="613"/>
      <c r="KDC650" s="613"/>
      <c r="KDD650" s="613"/>
      <c r="KDE650" s="613"/>
      <c r="KDF650" s="613"/>
      <c r="KDG650" s="613"/>
      <c r="KDH650" s="613"/>
      <c r="KDI650" s="613"/>
      <c r="KDJ650" s="613"/>
      <c r="KDK650" s="613"/>
      <c r="KDL650" s="613"/>
      <c r="KDM650" s="613"/>
      <c r="KDN650" s="613"/>
      <c r="KDO650" s="613"/>
      <c r="KDP650" s="613"/>
      <c r="KDQ650" s="613"/>
      <c r="KDR650" s="613"/>
      <c r="KDS650" s="613"/>
      <c r="KDT650" s="613"/>
      <c r="KDU650" s="613"/>
      <c r="KDV650" s="613"/>
      <c r="KDW650" s="613"/>
      <c r="KDX650" s="613"/>
      <c r="KDY650" s="613"/>
      <c r="KDZ650" s="613"/>
      <c r="KEA650" s="613"/>
      <c r="KEB650" s="613"/>
      <c r="KEC650" s="613"/>
      <c r="KED650" s="613"/>
      <c r="KEE650" s="613"/>
      <c r="KEF650" s="613"/>
      <c r="KEG650" s="613"/>
      <c r="KEH650" s="613"/>
      <c r="KEI650" s="613"/>
      <c r="KEJ650" s="613"/>
      <c r="KEK650" s="613"/>
      <c r="KEL650" s="613"/>
      <c r="KEM650" s="613"/>
      <c r="KEN650" s="613"/>
      <c r="KEO650" s="613"/>
      <c r="KEP650" s="613"/>
      <c r="KEQ650" s="613"/>
      <c r="KER650" s="613"/>
      <c r="KES650" s="613"/>
      <c r="KET650" s="613"/>
      <c r="KEU650" s="613"/>
      <c r="KEV650" s="613"/>
      <c r="KEW650" s="613"/>
      <c r="KEX650" s="613"/>
      <c r="KEY650" s="613"/>
      <c r="KEZ650" s="613"/>
      <c r="KFA650" s="613"/>
      <c r="KFB650" s="613"/>
      <c r="KFC650" s="613"/>
      <c r="KFD650" s="613"/>
      <c r="KFE650" s="613"/>
      <c r="KFF650" s="613"/>
      <c r="KFG650" s="613"/>
      <c r="KFH650" s="613"/>
      <c r="KFI650" s="613"/>
      <c r="KFJ650" s="613"/>
      <c r="KFK650" s="613"/>
      <c r="KFL650" s="613"/>
      <c r="KFM650" s="613"/>
      <c r="KFN650" s="613"/>
      <c r="KFO650" s="613"/>
      <c r="KFP650" s="613"/>
      <c r="KFQ650" s="613"/>
      <c r="KFR650" s="613"/>
      <c r="KFS650" s="613"/>
      <c r="KFT650" s="613"/>
      <c r="KFU650" s="613"/>
      <c r="KFV650" s="613"/>
      <c r="KFW650" s="613"/>
      <c r="KFX650" s="613"/>
      <c r="KFY650" s="613"/>
      <c r="KFZ650" s="613"/>
      <c r="KGA650" s="613"/>
      <c r="KGB650" s="613"/>
      <c r="KGC650" s="613"/>
      <c r="KGD650" s="613"/>
      <c r="KGE650" s="613"/>
      <c r="KGF650" s="613"/>
      <c r="KGG650" s="613"/>
      <c r="KGH650" s="613"/>
      <c r="KGI650" s="613"/>
      <c r="KGJ650" s="613"/>
      <c r="KGK650" s="613"/>
      <c r="KGL650" s="613"/>
      <c r="KGM650" s="613"/>
      <c r="KGN650" s="613"/>
      <c r="KGO650" s="613"/>
      <c r="KGP650" s="613"/>
      <c r="KGQ650" s="613"/>
      <c r="KGR650" s="613"/>
      <c r="KGS650" s="613"/>
      <c r="KGT650" s="613"/>
      <c r="KGU650" s="613"/>
      <c r="KGV650" s="613"/>
      <c r="KGW650" s="613"/>
      <c r="KGX650" s="613"/>
      <c r="KGY650" s="613"/>
      <c r="KGZ650" s="613"/>
      <c r="KHA650" s="613"/>
      <c r="KHB650" s="613"/>
      <c r="KHC650" s="613"/>
      <c r="KHD650" s="613"/>
      <c r="KHE650" s="613"/>
      <c r="KHF650" s="613"/>
      <c r="KHG650" s="613"/>
      <c r="KHH650" s="613"/>
      <c r="KHI650" s="613"/>
      <c r="KHJ650" s="613"/>
      <c r="KHK650" s="613"/>
      <c r="KHL650" s="613"/>
      <c r="KHM650" s="613"/>
      <c r="KHN650" s="613"/>
      <c r="KHO650" s="613"/>
      <c r="KHP650" s="613"/>
      <c r="KHQ650" s="613"/>
      <c r="KHR650" s="613"/>
      <c r="KHS650" s="613"/>
      <c r="KHT650" s="613"/>
      <c r="KHU650" s="613"/>
      <c r="KHV650" s="613"/>
      <c r="KHW650" s="613"/>
      <c r="KHX650" s="613"/>
      <c r="KHY650" s="613"/>
      <c r="KHZ650" s="613"/>
      <c r="KIA650" s="613"/>
      <c r="KIB650" s="613"/>
      <c r="KIC650" s="613"/>
      <c r="KID650" s="613"/>
      <c r="KIE650" s="613"/>
      <c r="KIF650" s="613"/>
      <c r="KIG650" s="613"/>
      <c r="KIH650" s="613"/>
      <c r="KII650" s="613"/>
      <c r="KIJ650" s="613"/>
      <c r="KIK650" s="613"/>
      <c r="KIL650" s="613"/>
      <c r="KIM650" s="613"/>
      <c r="KIN650" s="613"/>
      <c r="KIO650" s="613"/>
      <c r="KIP650" s="613"/>
      <c r="KIQ650" s="613"/>
      <c r="KIR650" s="613"/>
      <c r="KIS650" s="613"/>
      <c r="KIT650" s="613"/>
      <c r="KIU650" s="613"/>
      <c r="KIV650" s="613"/>
      <c r="KIW650" s="613"/>
      <c r="KIX650" s="613"/>
      <c r="KIY650" s="613"/>
      <c r="KIZ650" s="613"/>
      <c r="KJA650" s="613"/>
      <c r="KJB650" s="613"/>
      <c r="KJC650" s="613"/>
      <c r="KJD650" s="613"/>
      <c r="KJE650" s="613"/>
      <c r="KJF650" s="613"/>
      <c r="KJG650" s="613"/>
      <c r="KJH650" s="613"/>
      <c r="KJI650" s="613"/>
      <c r="KJJ650" s="613"/>
      <c r="KJK650" s="613"/>
      <c r="KJL650" s="613"/>
      <c r="KJM650" s="613"/>
      <c r="KJN650" s="613"/>
      <c r="KJO650" s="613"/>
      <c r="KJP650" s="613"/>
      <c r="KJQ650" s="613"/>
      <c r="KJR650" s="613"/>
      <c r="KJS650" s="613"/>
      <c r="KJT650" s="613"/>
      <c r="KJU650" s="613"/>
      <c r="KJV650" s="613"/>
      <c r="KJW650" s="613"/>
      <c r="KJX650" s="613"/>
      <c r="KJY650" s="613"/>
      <c r="KJZ650" s="613"/>
      <c r="KKA650" s="613"/>
      <c r="KKB650" s="613"/>
      <c r="KKC650" s="613"/>
      <c r="KKD650" s="613"/>
      <c r="KKE650" s="613"/>
      <c r="KKF650" s="613"/>
      <c r="KKG650" s="613"/>
      <c r="KKH650" s="613"/>
      <c r="KKI650" s="613"/>
      <c r="KKJ650" s="613"/>
      <c r="KKK650" s="613"/>
      <c r="KKL650" s="613"/>
      <c r="KKM650" s="613"/>
      <c r="KKN650" s="613"/>
      <c r="KKO650" s="613"/>
      <c r="KKP650" s="613"/>
      <c r="KKQ650" s="613"/>
      <c r="KKR650" s="613"/>
      <c r="KKS650" s="613"/>
      <c r="KKT650" s="613"/>
      <c r="KKU650" s="613"/>
      <c r="KKV650" s="613"/>
      <c r="KKW650" s="613"/>
      <c r="KKX650" s="613"/>
      <c r="KKY650" s="613"/>
      <c r="KKZ650" s="613"/>
      <c r="KLA650" s="613"/>
      <c r="KLB650" s="613"/>
      <c r="KLC650" s="613"/>
      <c r="KLD650" s="613"/>
      <c r="KLE650" s="613"/>
      <c r="KLF650" s="613"/>
      <c r="KLG650" s="613"/>
      <c r="KLH650" s="613"/>
      <c r="KLI650" s="613"/>
      <c r="KLJ650" s="613"/>
      <c r="KLK650" s="613"/>
      <c r="KLL650" s="613"/>
      <c r="KLM650" s="613"/>
      <c r="KLN650" s="613"/>
      <c r="KLO650" s="613"/>
      <c r="KLP650" s="613"/>
      <c r="KLQ650" s="613"/>
      <c r="KLR650" s="613"/>
      <c r="KLS650" s="613"/>
      <c r="KLT650" s="613"/>
      <c r="KLU650" s="613"/>
      <c r="KLV650" s="613"/>
      <c r="KLW650" s="613"/>
      <c r="KLX650" s="613"/>
      <c r="KLY650" s="613"/>
      <c r="KLZ650" s="613"/>
      <c r="KMA650" s="613"/>
      <c r="KMB650" s="613"/>
      <c r="KMC650" s="613"/>
      <c r="KMD650" s="613"/>
      <c r="KME650" s="613"/>
      <c r="KMF650" s="613"/>
      <c r="KMG650" s="613"/>
      <c r="KMH650" s="613"/>
      <c r="KMI650" s="613"/>
      <c r="KMJ650" s="613"/>
      <c r="KMK650" s="613"/>
      <c r="KML650" s="613"/>
      <c r="KMM650" s="613"/>
      <c r="KMN650" s="613"/>
      <c r="KMO650" s="613"/>
      <c r="KMP650" s="613"/>
      <c r="KMQ650" s="613"/>
      <c r="KMR650" s="613"/>
      <c r="KMS650" s="613"/>
      <c r="KMT650" s="613"/>
      <c r="KMU650" s="613"/>
      <c r="KMV650" s="613"/>
      <c r="KMW650" s="613"/>
      <c r="KMX650" s="613"/>
      <c r="KMY650" s="613"/>
      <c r="KMZ650" s="613"/>
      <c r="KNA650" s="613"/>
      <c r="KNB650" s="613"/>
      <c r="KNC650" s="613"/>
      <c r="KND650" s="613"/>
      <c r="KNE650" s="613"/>
      <c r="KNF650" s="613"/>
      <c r="KNG650" s="613"/>
      <c r="KNH650" s="613"/>
      <c r="KNI650" s="613"/>
      <c r="KNJ650" s="613"/>
      <c r="KNK650" s="613"/>
      <c r="KNL650" s="613"/>
      <c r="KNM650" s="613"/>
      <c r="KNN650" s="613"/>
      <c r="KNO650" s="613"/>
      <c r="KNP650" s="613"/>
      <c r="KNQ650" s="613"/>
      <c r="KNR650" s="613"/>
      <c r="KNS650" s="613"/>
      <c r="KNT650" s="613"/>
      <c r="KNU650" s="613"/>
      <c r="KNV650" s="613"/>
      <c r="KNW650" s="613"/>
      <c r="KNX650" s="613"/>
      <c r="KNY650" s="613"/>
      <c r="KNZ650" s="613"/>
      <c r="KOA650" s="613"/>
      <c r="KOB650" s="613"/>
      <c r="KOC650" s="613"/>
      <c r="KOD650" s="613"/>
      <c r="KOE650" s="613"/>
      <c r="KOF650" s="613"/>
      <c r="KOG650" s="613"/>
      <c r="KOH650" s="613"/>
      <c r="KOI650" s="613"/>
      <c r="KOJ650" s="613"/>
      <c r="KOK650" s="613"/>
      <c r="KOL650" s="613"/>
      <c r="KOM650" s="613"/>
      <c r="KON650" s="613"/>
      <c r="KOO650" s="613"/>
      <c r="KOP650" s="613"/>
      <c r="KOQ650" s="613"/>
      <c r="KOR650" s="613"/>
      <c r="KOS650" s="613"/>
      <c r="KOT650" s="613"/>
      <c r="KOU650" s="613"/>
      <c r="KOV650" s="613"/>
      <c r="KOW650" s="613"/>
      <c r="KOX650" s="613"/>
      <c r="KOY650" s="613"/>
      <c r="KOZ650" s="613"/>
      <c r="KPA650" s="613"/>
      <c r="KPB650" s="613"/>
      <c r="KPC650" s="613"/>
      <c r="KPD650" s="613"/>
      <c r="KPE650" s="613"/>
      <c r="KPF650" s="613"/>
      <c r="KPG650" s="613"/>
      <c r="KPH650" s="613"/>
      <c r="KPI650" s="613"/>
      <c r="KPJ650" s="613"/>
      <c r="KPK650" s="613"/>
      <c r="KPL650" s="613"/>
      <c r="KPM650" s="613"/>
      <c r="KPN650" s="613"/>
      <c r="KPO650" s="613"/>
      <c r="KPP650" s="613"/>
      <c r="KPQ650" s="613"/>
      <c r="KPR650" s="613"/>
      <c r="KPS650" s="613"/>
      <c r="KPT650" s="613"/>
      <c r="KPU650" s="613"/>
      <c r="KPV650" s="613"/>
      <c r="KPW650" s="613"/>
      <c r="KPX650" s="613"/>
      <c r="KPY650" s="613"/>
      <c r="KPZ650" s="613"/>
      <c r="KQA650" s="613"/>
      <c r="KQB650" s="613"/>
      <c r="KQC650" s="613"/>
      <c r="KQD650" s="613"/>
      <c r="KQE650" s="613"/>
      <c r="KQF650" s="613"/>
      <c r="KQG650" s="613"/>
      <c r="KQH650" s="613"/>
      <c r="KQI650" s="613"/>
      <c r="KQJ650" s="613"/>
      <c r="KQK650" s="613"/>
      <c r="KQL650" s="613"/>
      <c r="KQM650" s="613"/>
      <c r="KQN650" s="613"/>
      <c r="KQO650" s="613"/>
      <c r="KQP650" s="613"/>
      <c r="KQQ650" s="613"/>
      <c r="KQR650" s="613"/>
      <c r="KQS650" s="613"/>
      <c r="KQT650" s="613"/>
      <c r="KQU650" s="613"/>
      <c r="KQV650" s="613"/>
      <c r="KQW650" s="613"/>
      <c r="KQX650" s="613"/>
      <c r="KQY650" s="613"/>
      <c r="KQZ650" s="613"/>
      <c r="KRA650" s="613"/>
      <c r="KRB650" s="613"/>
      <c r="KRC650" s="613"/>
      <c r="KRD650" s="613"/>
      <c r="KRE650" s="613"/>
      <c r="KRF650" s="613"/>
      <c r="KRG650" s="613"/>
      <c r="KRH650" s="613"/>
      <c r="KRI650" s="613"/>
      <c r="KRJ650" s="613"/>
      <c r="KRK650" s="613"/>
      <c r="KRL650" s="613"/>
      <c r="KRM650" s="613"/>
      <c r="KRN650" s="613"/>
      <c r="KRO650" s="613"/>
      <c r="KRP650" s="613"/>
      <c r="KRQ650" s="613"/>
      <c r="KRR650" s="613"/>
      <c r="KRS650" s="613"/>
      <c r="KRT650" s="613"/>
      <c r="KRU650" s="613"/>
      <c r="KRV650" s="613"/>
      <c r="KRW650" s="613"/>
      <c r="KRX650" s="613"/>
      <c r="KRY650" s="613"/>
      <c r="KRZ650" s="613"/>
      <c r="KSA650" s="613"/>
      <c r="KSB650" s="613"/>
      <c r="KSC650" s="613"/>
      <c r="KSD650" s="613"/>
      <c r="KSE650" s="613"/>
      <c r="KSF650" s="613"/>
      <c r="KSG650" s="613"/>
      <c r="KSH650" s="613"/>
      <c r="KSI650" s="613"/>
      <c r="KSJ650" s="613"/>
      <c r="KSK650" s="613"/>
      <c r="KSL650" s="613"/>
      <c r="KSM650" s="613"/>
      <c r="KSN650" s="613"/>
      <c r="KSO650" s="613"/>
      <c r="KSP650" s="613"/>
      <c r="KSQ650" s="613"/>
      <c r="KSR650" s="613"/>
      <c r="KSS650" s="613"/>
      <c r="KST650" s="613"/>
      <c r="KSU650" s="613"/>
      <c r="KSV650" s="613"/>
      <c r="KSW650" s="613"/>
      <c r="KSX650" s="613"/>
      <c r="KSY650" s="613"/>
      <c r="KSZ650" s="613"/>
      <c r="KTA650" s="613"/>
      <c r="KTB650" s="613"/>
      <c r="KTC650" s="613"/>
      <c r="KTD650" s="613"/>
      <c r="KTE650" s="613"/>
      <c r="KTF650" s="613"/>
      <c r="KTG650" s="613"/>
      <c r="KTH650" s="613"/>
      <c r="KTI650" s="613"/>
      <c r="KTJ650" s="613"/>
      <c r="KTK650" s="613"/>
      <c r="KTL650" s="613"/>
      <c r="KTM650" s="613"/>
      <c r="KTN650" s="613"/>
      <c r="KTO650" s="613"/>
      <c r="KTP650" s="613"/>
      <c r="KTQ650" s="613"/>
      <c r="KTR650" s="613"/>
      <c r="KTS650" s="613"/>
      <c r="KTT650" s="613"/>
      <c r="KTU650" s="613"/>
      <c r="KTV650" s="613"/>
      <c r="KTW650" s="613"/>
      <c r="KTX650" s="613"/>
      <c r="KTY650" s="613"/>
      <c r="KTZ650" s="613"/>
      <c r="KUA650" s="613"/>
      <c r="KUB650" s="613"/>
      <c r="KUC650" s="613"/>
      <c r="KUD650" s="613"/>
      <c r="KUE650" s="613"/>
      <c r="KUF650" s="613"/>
      <c r="KUG650" s="613"/>
      <c r="KUH650" s="613"/>
      <c r="KUI650" s="613"/>
      <c r="KUJ650" s="613"/>
      <c r="KUK650" s="613"/>
      <c r="KUL650" s="613"/>
      <c r="KUM650" s="613"/>
      <c r="KUN650" s="613"/>
      <c r="KUO650" s="613"/>
      <c r="KUP650" s="613"/>
      <c r="KUQ650" s="613"/>
      <c r="KUR650" s="613"/>
      <c r="KUS650" s="613"/>
      <c r="KUT650" s="613"/>
      <c r="KUU650" s="613"/>
      <c r="KUV650" s="613"/>
      <c r="KUW650" s="613"/>
      <c r="KUX650" s="613"/>
      <c r="KUY650" s="613"/>
      <c r="KUZ650" s="613"/>
      <c r="KVA650" s="613"/>
      <c r="KVB650" s="613"/>
      <c r="KVC650" s="613"/>
      <c r="KVD650" s="613"/>
      <c r="KVE650" s="613"/>
      <c r="KVF650" s="613"/>
      <c r="KVG650" s="613"/>
      <c r="KVH650" s="613"/>
      <c r="KVI650" s="613"/>
      <c r="KVJ650" s="613"/>
      <c r="KVK650" s="613"/>
      <c r="KVL650" s="613"/>
      <c r="KVM650" s="613"/>
      <c r="KVN650" s="613"/>
      <c r="KVO650" s="613"/>
      <c r="KVP650" s="613"/>
      <c r="KVQ650" s="613"/>
      <c r="KVR650" s="613"/>
      <c r="KVS650" s="613"/>
      <c r="KVT650" s="613"/>
      <c r="KVU650" s="613"/>
      <c r="KVV650" s="613"/>
      <c r="KVW650" s="613"/>
      <c r="KVX650" s="613"/>
      <c r="KVY650" s="613"/>
      <c r="KVZ650" s="613"/>
      <c r="KWA650" s="613"/>
      <c r="KWB650" s="613"/>
      <c r="KWC650" s="613"/>
      <c r="KWD650" s="613"/>
      <c r="KWE650" s="613"/>
      <c r="KWF650" s="613"/>
      <c r="KWG650" s="613"/>
      <c r="KWH650" s="613"/>
      <c r="KWI650" s="613"/>
      <c r="KWJ650" s="613"/>
      <c r="KWK650" s="613"/>
      <c r="KWL650" s="613"/>
      <c r="KWM650" s="613"/>
      <c r="KWN650" s="613"/>
      <c r="KWO650" s="613"/>
      <c r="KWP650" s="613"/>
      <c r="KWQ650" s="613"/>
      <c r="KWR650" s="613"/>
      <c r="KWS650" s="613"/>
      <c r="KWT650" s="613"/>
      <c r="KWU650" s="613"/>
      <c r="KWV650" s="613"/>
      <c r="KWW650" s="613"/>
      <c r="KWX650" s="613"/>
      <c r="KWY650" s="613"/>
      <c r="KWZ650" s="613"/>
      <c r="KXA650" s="613"/>
      <c r="KXB650" s="613"/>
      <c r="KXC650" s="613"/>
      <c r="KXD650" s="613"/>
      <c r="KXE650" s="613"/>
      <c r="KXF650" s="613"/>
      <c r="KXG650" s="613"/>
      <c r="KXH650" s="613"/>
      <c r="KXI650" s="613"/>
      <c r="KXJ650" s="613"/>
      <c r="KXK650" s="613"/>
      <c r="KXL650" s="613"/>
      <c r="KXM650" s="613"/>
      <c r="KXN650" s="613"/>
      <c r="KXO650" s="613"/>
      <c r="KXP650" s="613"/>
      <c r="KXQ650" s="613"/>
      <c r="KXR650" s="613"/>
      <c r="KXS650" s="613"/>
      <c r="KXT650" s="613"/>
      <c r="KXU650" s="613"/>
      <c r="KXV650" s="613"/>
      <c r="KXW650" s="613"/>
      <c r="KXX650" s="613"/>
      <c r="KXY650" s="613"/>
      <c r="KXZ650" s="613"/>
      <c r="KYA650" s="613"/>
      <c r="KYB650" s="613"/>
      <c r="KYC650" s="613"/>
      <c r="KYD650" s="613"/>
      <c r="KYE650" s="613"/>
      <c r="KYF650" s="613"/>
      <c r="KYG650" s="613"/>
      <c r="KYH650" s="613"/>
      <c r="KYI650" s="613"/>
      <c r="KYJ650" s="613"/>
      <c r="KYK650" s="613"/>
      <c r="KYL650" s="613"/>
      <c r="KYM650" s="613"/>
      <c r="KYN650" s="613"/>
      <c r="KYO650" s="613"/>
      <c r="KYP650" s="613"/>
      <c r="KYQ650" s="613"/>
      <c r="KYR650" s="613"/>
      <c r="KYS650" s="613"/>
      <c r="KYT650" s="613"/>
      <c r="KYU650" s="613"/>
      <c r="KYV650" s="613"/>
      <c r="KYW650" s="613"/>
      <c r="KYX650" s="613"/>
      <c r="KYY650" s="613"/>
      <c r="KYZ650" s="613"/>
      <c r="KZA650" s="613"/>
      <c r="KZB650" s="613"/>
      <c r="KZC650" s="613"/>
      <c r="KZD650" s="613"/>
      <c r="KZE650" s="613"/>
      <c r="KZF650" s="613"/>
      <c r="KZG650" s="613"/>
      <c r="KZH650" s="613"/>
      <c r="KZI650" s="613"/>
      <c r="KZJ650" s="613"/>
      <c r="KZK650" s="613"/>
      <c r="KZL650" s="613"/>
      <c r="KZM650" s="613"/>
      <c r="KZN650" s="613"/>
      <c r="KZO650" s="613"/>
      <c r="KZP650" s="613"/>
      <c r="KZQ650" s="613"/>
      <c r="KZR650" s="613"/>
      <c r="KZS650" s="613"/>
      <c r="KZT650" s="613"/>
      <c r="KZU650" s="613"/>
      <c r="KZV650" s="613"/>
      <c r="KZW650" s="613"/>
      <c r="KZX650" s="613"/>
      <c r="KZY650" s="613"/>
      <c r="KZZ650" s="613"/>
      <c r="LAA650" s="613"/>
      <c r="LAB650" s="613"/>
      <c r="LAC650" s="613"/>
      <c r="LAD650" s="613"/>
      <c r="LAE650" s="613"/>
      <c r="LAF650" s="613"/>
      <c r="LAG650" s="613"/>
      <c r="LAH650" s="613"/>
      <c r="LAI650" s="613"/>
      <c r="LAJ650" s="613"/>
      <c r="LAK650" s="613"/>
      <c r="LAL650" s="613"/>
      <c r="LAM650" s="613"/>
      <c r="LAN650" s="613"/>
      <c r="LAO650" s="613"/>
      <c r="LAP650" s="613"/>
      <c r="LAQ650" s="613"/>
      <c r="LAR650" s="613"/>
      <c r="LAS650" s="613"/>
      <c r="LAT650" s="613"/>
      <c r="LAU650" s="613"/>
      <c r="LAV650" s="613"/>
      <c r="LAW650" s="613"/>
      <c r="LAX650" s="613"/>
      <c r="LAY650" s="613"/>
      <c r="LAZ650" s="613"/>
      <c r="LBA650" s="613"/>
      <c r="LBB650" s="613"/>
      <c r="LBC650" s="613"/>
      <c r="LBD650" s="613"/>
      <c r="LBE650" s="613"/>
      <c r="LBF650" s="613"/>
      <c r="LBG650" s="613"/>
      <c r="LBH650" s="613"/>
      <c r="LBI650" s="613"/>
      <c r="LBJ650" s="613"/>
      <c r="LBK650" s="613"/>
      <c r="LBL650" s="613"/>
      <c r="LBM650" s="613"/>
      <c r="LBN650" s="613"/>
      <c r="LBO650" s="613"/>
      <c r="LBP650" s="613"/>
      <c r="LBQ650" s="613"/>
      <c r="LBR650" s="613"/>
      <c r="LBS650" s="613"/>
      <c r="LBT650" s="613"/>
      <c r="LBU650" s="613"/>
      <c r="LBV650" s="613"/>
      <c r="LBW650" s="613"/>
      <c r="LBX650" s="613"/>
      <c r="LBY650" s="613"/>
      <c r="LBZ650" s="613"/>
      <c r="LCA650" s="613"/>
      <c r="LCB650" s="613"/>
      <c r="LCC650" s="613"/>
      <c r="LCD650" s="613"/>
      <c r="LCE650" s="613"/>
      <c r="LCF650" s="613"/>
      <c r="LCG650" s="613"/>
      <c r="LCH650" s="613"/>
      <c r="LCI650" s="613"/>
      <c r="LCJ650" s="613"/>
      <c r="LCK650" s="613"/>
      <c r="LCL650" s="613"/>
      <c r="LCM650" s="613"/>
      <c r="LCN650" s="613"/>
      <c r="LCO650" s="613"/>
      <c r="LCP650" s="613"/>
      <c r="LCQ650" s="613"/>
      <c r="LCR650" s="613"/>
      <c r="LCS650" s="613"/>
      <c r="LCT650" s="613"/>
      <c r="LCU650" s="613"/>
      <c r="LCV650" s="613"/>
      <c r="LCW650" s="613"/>
      <c r="LCX650" s="613"/>
      <c r="LCY650" s="613"/>
      <c r="LCZ650" s="613"/>
      <c r="LDA650" s="613"/>
      <c r="LDB650" s="613"/>
      <c r="LDC650" s="613"/>
      <c r="LDD650" s="613"/>
      <c r="LDE650" s="613"/>
      <c r="LDF650" s="613"/>
      <c r="LDG650" s="613"/>
      <c r="LDH650" s="613"/>
      <c r="LDI650" s="613"/>
      <c r="LDJ650" s="613"/>
      <c r="LDK650" s="613"/>
      <c r="LDL650" s="613"/>
      <c r="LDM650" s="613"/>
      <c r="LDN650" s="613"/>
      <c r="LDO650" s="613"/>
      <c r="LDP650" s="613"/>
      <c r="LDQ650" s="613"/>
      <c r="LDR650" s="613"/>
      <c r="LDS650" s="613"/>
      <c r="LDT650" s="613"/>
      <c r="LDU650" s="613"/>
      <c r="LDV650" s="613"/>
      <c r="LDW650" s="613"/>
      <c r="LDX650" s="613"/>
      <c r="LDY650" s="613"/>
      <c r="LDZ650" s="613"/>
      <c r="LEA650" s="613"/>
      <c r="LEB650" s="613"/>
      <c r="LEC650" s="613"/>
      <c r="LED650" s="613"/>
      <c r="LEE650" s="613"/>
      <c r="LEF650" s="613"/>
      <c r="LEG650" s="613"/>
      <c r="LEH650" s="613"/>
      <c r="LEI650" s="613"/>
      <c r="LEJ650" s="613"/>
      <c r="LEK650" s="613"/>
      <c r="LEL650" s="613"/>
      <c r="LEM650" s="613"/>
      <c r="LEN650" s="613"/>
      <c r="LEO650" s="613"/>
      <c r="LEP650" s="613"/>
      <c r="LEQ650" s="613"/>
      <c r="LER650" s="613"/>
      <c r="LES650" s="613"/>
      <c r="LET650" s="613"/>
      <c r="LEU650" s="613"/>
      <c r="LEV650" s="613"/>
      <c r="LEW650" s="613"/>
      <c r="LEX650" s="613"/>
      <c r="LEY650" s="613"/>
      <c r="LEZ650" s="613"/>
      <c r="LFA650" s="613"/>
      <c r="LFB650" s="613"/>
      <c r="LFC650" s="613"/>
      <c r="LFD650" s="613"/>
      <c r="LFE650" s="613"/>
      <c r="LFF650" s="613"/>
      <c r="LFG650" s="613"/>
      <c r="LFH650" s="613"/>
      <c r="LFI650" s="613"/>
      <c r="LFJ650" s="613"/>
      <c r="LFK650" s="613"/>
      <c r="LFL650" s="613"/>
      <c r="LFM650" s="613"/>
      <c r="LFN650" s="613"/>
      <c r="LFO650" s="613"/>
      <c r="LFP650" s="613"/>
      <c r="LFQ650" s="613"/>
      <c r="LFR650" s="613"/>
      <c r="LFS650" s="613"/>
      <c r="LFT650" s="613"/>
      <c r="LFU650" s="613"/>
      <c r="LFV650" s="613"/>
      <c r="LFW650" s="613"/>
      <c r="LFX650" s="613"/>
      <c r="LFY650" s="613"/>
      <c r="LFZ650" s="613"/>
      <c r="LGA650" s="613"/>
      <c r="LGB650" s="613"/>
      <c r="LGC650" s="613"/>
      <c r="LGD650" s="613"/>
      <c r="LGE650" s="613"/>
      <c r="LGF650" s="613"/>
      <c r="LGG650" s="613"/>
      <c r="LGH650" s="613"/>
      <c r="LGI650" s="613"/>
      <c r="LGJ650" s="613"/>
      <c r="LGK650" s="613"/>
      <c r="LGL650" s="613"/>
      <c r="LGM650" s="613"/>
      <c r="LGN650" s="613"/>
      <c r="LGO650" s="613"/>
      <c r="LGP650" s="613"/>
      <c r="LGQ650" s="613"/>
      <c r="LGR650" s="613"/>
      <c r="LGS650" s="613"/>
      <c r="LGT650" s="613"/>
      <c r="LGU650" s="613"/>
      <c r="LGV650" s="613"/>
      <c r="LGW650" s="613"/>
      <c r="LGX650" s="613"/>
      <c r="LGY650" s="613"/>
      <c r="LGZ650" s="613"/>
      <c r="LHA650" s="613"/>
      <c r="LHB650" s="613"/>
      <c r="LHC650" s="613"/>
      <c r="LHD650" s="613"/>
      <c r="LHE650" s="613"/>
      <c r="LHF650" s="613"/>
      <c r="LHG650" s="613"/>
      <c r="LHH650" s="613"/>
      <c r="LHI650" s="613"/>
      <c r="LHJ650" s="613"/>
      <c r="LHK650" s="613"/>
      <c r="LHL650" s="613"/>
      <c r="LHM650" s="613"/>
      <c r="LHN650" s="613"/>
      <c r="LHO650" s="613"/>
      <c r="LHP650" s="613"/>
      <c r="LHQ650" s="613"/>
      <c r="LHR650" s="613"/>
      <c r="LHS650" s="613"/>
      <c r="LHT650" s="613"/>
      <c r="LHU650" s="613"/>
      <c r="LHV650" s="613"/>
      <c r="LHW650" s="613"/>
      <c r="LHX650" s="613"/>
      <c r="LHY650" s="613"/>
      <c r="LHZ650" s="613"/>
      <c r="LIA650" s="613"/>
      <c r="LIB650" s="613"/>
      <c r="LIC650" s="613"/>
      <c r="LID650" s="613"/>
      <c r="LIE650" s="613"/>
      <c r="LIF650" s="613"/>
      <c r="LIG650" s="613"/>
      <c r="LIH650" s="613"/>
      <c r="LII650" s="613"/>
      <c r="LIJ650" s="613"/>
      <c r="LIK650" s="613"/>
      <c r="LIL650" s="613"/>
      <c r="LIM650" s="613"/>
      <c r="LIN650" s="613"/>
      <c r="LIO650" s="613"/>
      <c r="LIP650" s="613"/>
      <c r="LIQ650" s="613"/>
      <c r="LIR650" s="613"/>
      <c r="LIS650" s="613"/>
      <c r="LIT650" s="613"/>
      <c r="LIU650" s="613"/>
      <c r="LIV650" s="613"/>
      <c r="LIW650" s="613"/>
      <c r="LIX650" s="613"/>
      <c r="LIY650" s="613"/>
      <c r="LIZ650" s="613"/>
      <c r="LJA650" s="613"/>
      <c r="LJB650" s="613"/>
      <c r="LJC650" s="613"/>
      <c r="LJD650" s="613"/>
      <c r="LJE650" s="613"/>
      <c r="LJF650" s="613"/>
      <c r="LJG650" s="613"/>
      <c r="LJH650" s="613"/>
      <c r="LJI650" s="613"/>
      <c r="LJJ650" s="613"/>
      <c r="LJK650" s="613"/>
      <c r="LJL650" s="613"/>
      <c r="LJM650" s="613"/>
      <c r="LJN650" s="613"/>
      <c r="LJO650" s="613"/>
      <c r="LJP650" s="613"/>
      <c r="LJQ650" s="613"/>
      <c r="LJR650" s="613"/>
      <c r="LJS650" s="613"/>
      <c r="LJT650" s="613"/>
      <c r="LJU650" s="613"/>
      <c r="LJV650" s="613"/>
      <c r="LJW650" s="613"/>
      <c r="LJX650" s="613"/>
      <c r="LJY650" s="613"/>
      <c r="LJZ650" s="613"/>
      <c r="LKA650" s="613"/>
      <c r="LKB650" s="613"/>
      <c r="LKC650" s="613"/>
      <c r="LKD650" s="613"/>
      <c r="LKE650" s="613"/>
      <c r="LKF650" s="613"/>
      <c r="LKG650" s="613"/>
      <c r="LKH650" s="613"/>
      <c r="LKI650" s="613"/>
      <c r="LKJ650" s="613"/>
      <c r="LKK650" s="613"/>
      <c r="LKL650" s="613"/>
      <c r="LKM650" s="613"/>
      <c r="LKN650" s="613"/>
      <c r="LKO650" s="613"/>
      <c r="LKP650" s="613"/>
      <c r="LKQ650" s="613"/>
      <c r="LKR650" s="613"/>
      <c r="LKS650" s="613"/>
      <c r="LKT650" s="613"/>
      <c r="LKU650" s="613"/>
      <c r="LKV650" s="613"/>
      <c r="LKW650" s="613"/>
      <c r="LKX650" s="613"/>
      <c r="LKY650" s="613"/>
      <c r="LKZ650" s="613"/>
      <c r="LLA650" s="613"/>
      <c r="LLB650" s="613"/>
      <c r="LLC650" s="613"/>
      <c r="LLD650" s="613"/>
      <c r="LLE650" s="613"/>
      <c r="LLF650" s="613"/>
      <c r="LLG650" s="613"/>
      <c r="LLH650" s="613"/>
      <c r="LLI650" s="613"/>
      <c r="LLJ650" s="613"/>
      <c r="LLK650" s="613"/>
      <c r="LLL650" s="613"/>
      <c r="LLM650" s="613"/>
      <c r="LLN650" s="613"/>
      <c r="LLO650" s="613"/>
      <c r="LLP650" s="613"/>
      <c r="LLQ650" s="613"/>
      <c r="LLR650" s="613"/>
      <c r="LLS650" s="613"/>
      <c r="LLT650" s="613"/>
      <c r="LLU650" s="613"/>
      <c r="LLV650" s="613"/>
      <c r="LLW650" s="613"/>
      <c r="LLX650" s="613"/>
      <c r="LLY650" s="613"/>
      <c r="LLZ650" s="613"/>
      <c r="LMA650" s="613"/>
      <c r="LMB650" s="613"/>
      <c r="LMC650" s="613"/>
      <c r="LMD650" s="613"/>
      <c r="LME650" s="613"/>
      <c r="LMF650" s="613"/>
      <c r="LMG650" s="613"/>
      <c r="LMH650" s="613"/>
      <c r="LMI650" s="613"/>
      <c r="LMJ650" s="613"/>
      <c r="LMK650" s="613"/>
      <c r="LML650" s="613"/>
      <c r="LMM650" s="613"/>
      <c r="LMN650" s="613"/>
      <c r="LMO650" s="613"/>
      <c r="LMP650" s="613"/>
      <c r="LMQ650" s="613"/>
      <c r="LMR650" s="613"/>
      <c r="LMS650" s="613"/>
      <c r="LMT650" s="613"/>
      <c r="LMU650" s="613"/>
      <c r="LMV650" s="613"/>
      <c r="LMW650" s="613"/>
      <c r="LMX650" s="613"/>
      <c r="LMY650" s="613"/>
      <c r="LMZ650" s="613"/>
      <c r="LNA650" s="613"/>
      <c r="LNB650" s="613"/>
      <c r="LNC650" s="613"/>
      <c r="LND650" s="613"/>
      <c r="LNE650" s="613"/>
      <c r="LNF650" s="613"/>
      <c r="LNG650" s="613"/>
      <c r="LNH650" s="613"/>
      <c r="LNI650" s="613"/>
      <c r="LNJ650" s="613"/>
      <c r="LNK650" s="613"/>
      <c r="LNL650" s="613"/>
      <c r="LNM650" s="613"/>
      <c r="LNN650" s="613"/>
      <c r="LNO650" s="613"/>
      <c r="LNP650" s="613"/>
      <c r="LNQ650" s="613"/>
      <c r="LNR650" s="613"/>
      <c r="LNS650" s="613"/>
      <c r="LNT650" s="613"/>
      <c r="LNU650" s="613"/>
      <c r="LNV650" s="613"/>
      <c r="LNW650" s="613"/>
      <c r="LNX650" s="613"/>
      <c r="LNY650" s="613"/>
      <c r="LNZ650" s="613"/>
      <c r="LOA650" s="613"/>
      <c r="LOB650" s="613"/>
      <c r="LOC650" s="613"/>
      <c r="LOD650" s="613"/>
      <c r="LOE650" s="613"/>
      <c r="LOF650" s="613"/>
      <c r="LOG650" s="613"/>
      <c r="LOH650" s="613"/>
      <c r="LOI650" s="613"/>
      <c r="LOJ650" s="613"/>
      <c r="LOK650" s="613"/>
      <c r="LOL650" s="613"/>
      <c r="LOM650" s="613"/>
      <c r="LON650" s="613"/>
      <c r="LOO650" s="613"/>
      <c r="LOP650" s="613"/>
      <c r="LOQ650" s="613"/>
      <c r="LOR650" s="613"/>
      <c r="LOS650" s="613"/>
      <c r="LOT650" s="613"/>
      <c r="LOU650" s="613"/>
      <c r="LOV650" s="613"/>
      <c r="LOW650" s="613"/>
      <c r="LOX650" s="613"/>
      <c r="LOY650" s="613"/>
      <c r="LOZ650" s="613"/>
      <c r="LPA650" s="613"/>
      <c r="LPB650" s="613"/>
      <c r="LPC650" s="613"/>
      <c r="LPD650" s="613"/>
      <c r="LPE650" s="613"/>
      <c r="LPF650" s="613"/>
      <c r="LPG650" s="613"/>
      <c r="LPH650" s="613"/>
      <c r="LPI650" s="613"/>
      <c r="LPJ650" s="613"/>
      <c r="LPK650" s="613"/>
      <c r="LPL650" s="613"/>
      <c r="LPM650" s="613"/>
      <c r="LPN650" s="613"/>
      <c r="LPO650" s="613"/>
      <c r="LPP650" s="613"/>
      <c r="LPQ650" s="613"/>
      <c r="LPR650" s="613"/>
      <c r="LPS650" s="613"/>
      <c r="LPT650" s="613"/>
      <c r="LPU650" s="613"/>
      <c r="LPV650" s="613"/>
      <c r="LPW650" s="613"/>
      <c r="LPX650" s="613"/>
      <c r="LPY650" s="613"/>
      <c r="LPZ650" s="613"/>
      <c r="LQA650" s="613"/>
      <c r="LQB650" s="613"/>
      <c r="LQC650" s="613"/>
      <c r="LQD650" s="613"/>
      <c r="LQE650" s="613"/>
      <c r="LQF650" s="613"/>
      <c r="LQG650" s="613"/>
      <c r="LQH650" s="613"/>
      <c r="LQI650" s="613"/>
      <c r="LQJ650" s="613"/>
      <c r="LQK650" s="613"/>
      <c r="LQL650" s="613"/>
      <c r="LQM650" s="613"/>
      <c r="LQN650" s="613"/>
      <c r="LQO650" s="613"/>
      <c r="LQP650" s="613"/>
      <c r="LQQ650" s="613"/>
      <c r="LQR650" s="613"/>
      <c r="LQS650" s="613"/>
      <c r="LQT650" s="613"/>
      <c r="LQU650" s="613"/>
      <c r="LQV650" s="613"/>
      <c r="LQW650" s="613"/>
      <c r="LQX650" s="613"/>
      <c r="LQY650" s="613"/>
      <c r="LQZ650" s="613"/>
      <c r="LRA650" s="613"/>
      <c r="LRB650" s="613"/>
      <c r="LRC650" s="613"/>
      <c r="LRD650" s="613"/>
      <c r="LRE650" s="613"/>
      <c r="LRF650" s="613"/>
      <c r="LRG650" s="613"/>
      <c r="LRH650" s="613"/>
      <c r="LRI650" s="613"/>
      <c r="LRJ650" s="613"/>
      <c r="LRK650" s="613"/>
      <c r="LRL650" s="613"/>
      <c r="LRM650" s="613"/>
      <c r="LRN650" s="613"/>
      <c r="LRO650" s="613"/>
      <c r="LRP650" s="613"/>
      <c r="LRQ650" s="613"/>
      <c r="LRR650" s="613"/>
      <c r="LRS650" s="613"/>
      <c r="LRT650" s="613"/>
      <c r="LRU650" s="613"/>
      <c r="LRV650" s="613"/>
      <c r="LRW650" s="613"/>
      <c r="LRX650" s="613"/>
      <c r="LRY650" s="613"/>
      <c r="LRZ650" s="613"/>
      <c r="LSA650" s="613"/>
      <c r="LSB650" s="613"/>
      <c r="LSC650" s="613"/>
      <c r="LSD650" s="613"/>
      <c r="LSE650" s="613"/>
      <c r="LSF650" s="613"/>
      <c r="LSG650" s="613"/>
      <c r="LSH650" s="613"/>
      <c r="LSI650" s="613"/>
      <c r="LSJ650" s="613"/>
      <c r="LSK650" s="613"/>
      <c r="LSL650" s="613"/>
      <c r="LSM650" s="613"/>
      <c r="LSN650" s="613"/>
      <c r="LSO650" s="613"/>
      <c r="LSP650" s="613"/>
      <c r="LSQ650" s="613"/>
      <c r="LSR650" s="613"/>
      <c r="LSS650" s="613"/>
      <c r="LST650" s="613"/>
      <c r="LSU650" s="613"/>
      <c r="LSV650" s="613"/>
      <c r="LSW650" s="613"/>
      <c r="LSX650" s="613"/>
      <c r="LSY650" s="613"/>
      <c r="LSZ650" s="613"/>
      <c r="LTA650" s="613"/>
      <c r="LTB650" s="613"/>
      <c r="LTC650" s="613"/>
      <c r="LTD650" s="613"/>
      <c r="LTE650" s="613"/>
      <c r="LTF650" s="613"/>
      <c r="LTG650" s="613"/>
      <c r="LTH650" s="613"/>
      <c r="LTI650" s="613"/>
      <c r="LTJ650" s="613"/>
      <c r="LTK650" s="613"/>
      <c r="LTL650" s="613"/>
      <c r="LTM650" s="613"/>
      <c r="LTN650" s="613"/>
      <c r="LTO650" s="613"/>
      <c r="LTP650" s="613"/>
      <c r="LTQ650" s="613"/>
      <c r="LTR650" s="613"/>
      <c r="LTS650" s="613"/>
      <c r="LTT650" s="613"/>
      <c r="LTU650" s="613"/>
      <c r="LTV650" s="613"/>
      <c r="LTW650" s="613"/>
      <c r="LTX650" s="613"/>
      <c r="LTY650" s="613"/>
      <c r="LTZ650" s="613"/>
      <c r="LUA650" s="613"/>
      <c r="LUB650" s="613"/>
      <c r="LUC650" s="613"/>
      <c r="LUD650" s="613"/>
      <c r="LUE650" s="613"/>
      <c r="LUF650" s="613"/>
      <c r="LUG650" s="613"/>
      <c r="LUH650" s="613"/>
      <c r="LUI650" s="613"/>
      <c r="LUJ650" s="613"/>
      <c r="LUK650" s="613"/>
      <c r="LUL650" s="613"/>
      <c r="LUM650" s="613"/>
      <c r="LUN650" s="613"/>
      <c r="LUO650" s="613"/>
      <c r="LUP650" s="613"/>
      <c r="LUQ650" s="613"/>
      <c r="LUR650" s="613"/>
      <c r="LUS650" s="613"/>
      <c r="LUT650" s="613"/>
      <c r="LUU650" s="613"/>
      <c r="LUV650" s="613"/>
      <c r="LUW650" s="613"/>
      <c r="LUX650" s="613"/>
      <c r="LUY650" s="613"/>
      <c r="LUZ650" s="613"/>
      <c r="LVA650" s="613"/>
      <c r="LVB650" s="613"/>
      <c r="LVC650" s="613"/>
      <c r="LVD650" s="613"/>
      <c r="LVE650" s="613"/>
      <c r="LVF650" s="613"/>
      <c r="LVG650" s="613"/>
      <c r="LVH650" s="613"/>
      <c r="LVI650" s="613"/>
      <c r="LVJ650" s="613"/>
      <c r="LVK650" s="613"/>
      <c r="LVL650" s="613"/>
      <c r="LVM650" s="613"/>
      <c r="LVN650" s="613"/>
      <c r="LVO650" s="613"/>
      <c r="LVP650" s="613"/>
      <c r="LVQ650" s="613"/>
      <c r="LVR650" s="613"/>
      <c r="LVS650" s="613"/>
      <c r="LVT650" s="613"/>
      <c r="LVU650" s="613"/>
      <c r="LVV650" s="613"/>
      <c r="LVW650" s="613"/>
      <c r="LVX650" s="613"/>
      <c r="LVY650" s="613"/>
      <c r="LVZ650" s="613"/>
      <c r="LWA650" s="613"/>
      <c r="LWB650" s="613"/>
      <c r="LWC650" s="613"/>
      <c r="LWD650" s="613"/>
      <c r="LWE650" s="613"/>
      <c r="LWF650" s="613"/>
      <c r="LWG650" s="613"/>
      <c r="LWH650" s="613"/>
      <c r="LWI650" s="613"/>
      <c r="LWJ650" s="613"/>
      <c r="LWK650" s="613"/>
      <c r="LWL650" s="613"/>
      <c r="LWM650" s="613"/>
      <c r="LWN650" s="613"/>
      <c r="LWO650" s="613"/>
      <c r="LWP650" s="613"/>
      <c r="LWQ650" s="613"/>
      <c r="LWR650" s="613"/>
      <c r="LWS650" s="613"/>
      <c r="LWT650" s="613"/>
      <c r="LWU650" s="613"/>
      <c r="LWV650" s="613"/>
      <c r="LWW650" s="613"/>
      <c r="LWX650" s="613"/>
      <c r="LWY650" s="613"/>
      <c r="LWZ650" s="613"/>
      <c r="LXA650" s="613"/>
      <c r="LXB650" s="613"/>
      <c r="LXC650" s="613"/>
      <c r="LXD650" s="613"/>
      <c r="LXE650" s="613"/>
      <c r="LXF650" s="613"/>
      <c r="LXG650" s="613"/>
      <c r="LXH650" s="613"/>
      <c r="LXI650" s="613"/>
      <c r="LXJ650" s="613"/>
      <c r="LXK650" s="613"/>
      <c r="LXL650" s="613"/>
      <c r="LXM650" s="613"/>
      <c r="LXN650" s="613"/>
      <c r="LXO650" s="613"/>
      <c r="LXP650" s="613"/>
      <c r="LXQ650" s="613"/>
      <c r="LXR650" s="613"/>
      <c r="LXS650" s="613"/>
      <c r="LXT650" s="613"/>
      <c r="LXU650" s="613"/>
      <c r="LXV650" s="613"/>
      <c r="LXW650" s="613"/>
      <c r="LXX650" s="613"/>
      <c r="LXY650" s="613"/>
      <c r="LXZ650" s="613"/>
      <c r="LYA650" s="613"/>
      <c r="LYB650" s="613"/>
      <c r="LYC650" s="613"/>
      <c r="LYD650" s="613"/>
      <c r="LYE650" s="613"/>
      <c r="LYF650" s="613"/>
      <c r="LYG650" s="613"/>
      <c r="LYH650" s="613"/>
      <c r="LYI650" s="613"/>
      <c r="LYJ650" s="613"/>
      <c r="LYK650" s="613"/>
      <c r="LYL650" s="613"/>
      <c r="LYM650" s="613"/>
      <c r="LYN650" s="613"/>
      <c r="LYO650" s="613"/>
      <c r="LYP650" s="613"/>
      <c r="LYQ650" s="613"/>
      <c r="LYR650" s="613"/>
      <c r="LYS650" s="613"/>
      <c r="LYT650" s="613"/>
      <c r="LYU650" s="613"/>
      <c r="LYV650" s="613"/>
      <c r="LYW650" s="613"/>
      <c r="LYX650" s="613"/>
      <c r="LYY650" s="613"/>
      <c r="LYZ650" s="613"/>
      <c r="LZA650" s="613"/>
      <c r="LZB650" s="613"/>
      <c r="LZC650" s="613"/>
      <c r="LZD650" s="613"/>
      <c r="LZE650" s="613"/>
      <c r="LZF650" s="613"/>
      <c r="LZG650" s="613"/>
      <c r="LZH650" s="613"/>
      <c r="LZI650" s="613"/>
      <c r="LZJ650" s="613"/>
      <c r="LZK650" s="613"/>
      <c r="LZL650" s="613"/>
      <c r="LZM650" s="613"/>
      <c r="LZN650" s="613"/>
      <c r="LZO650" s="613"/>
      <c r="LZP650" s="613"/>
      <c r="LZQ650" s="613"/>
      <c r="LZR650" s="613"/>
      <c r="LZS650" s="613"/>
      <c r="LZT650" s="613"/>
      <c r="LZU650" s="613"/>
      <c r="LZV650" s="613"/>
      <c r="LZW650" s="613"/>
      <c r="LZX650" s="613"/>
      <c r="LZY650" s="613"/>
      <c r="LZZ650" s="613"/>
      <c r="MAA650" s="613"/>
      <c r="MAB650" s="613"/>
      <c r="MAC650" s="613"/>
      <c r="MAD650" s="613"/>
      <c r="MAE650" s="613"/>
      <c r="MAF650" s="613"/>
      <c r="MAG650" s="613"/>
      <c r="MAH650" s="613"/>
      <c r="MAI650" s="613"/>
      <c r="MAJ650" s="613"/>
      <c r="MAK650" s="613"/>
      <c r="MAL650" s="613"/>
      <c r="MAM650" s="613"/>
      <c r="MAN650" s="613"/>
      <c r="MAO650" s="613"/>
      <c r="MAP650" s="613"/>
      <c r="MAQ650" s="613"/>
      <c r="MAR650" s="613"/>
      <c r="MAS650" s="613"/>
      <c r="MAT650" s="613"/>
      <c r="MAU650" s="613"/>
      <c r="MAV650" s="613"/>
      <c r="MAW650" s="613"/>
      <c r="MAX650" s="613"/>
      <c r="MAY650" s="613"/>
      <c r="MAZ650" s="613"/>
      <c r="MBA650" s="613"/>
      <c r="MBB650" s="613"/>
      <c r="MBC650" s="613"/>
      <c r="MBD650" s="613"/>
      <c r="MBE650" s="613"/>
      <c r="MBF650" s="613"/>
      <c r="MBG650" s="613"/>
      <c r="MBH650" s="613"/>
      <c r="MBI650" s="613"/>
      <c r="MBJ650" s="613"/>
      <c r="MBK650" s="613"/>
      <c r="MBL650" s="613"/>
      <c r="MBM650" s="613"/>
      <c r="MBN650" s="613"/>
      <c r="MBO650" s="613"/>
      <c r="MBP650" s="613"/>
      <c r="MBQ650" s="613"/>
      <c r="MBR650" s="613"/>
      <c r="MBS650" s="613"/>
      <c r="MBT650" s="613"/>
      <c r="MBU650" s="613"/>
      <c r="MBV650" s="613"/>
      <c r="MBW650" s="613"/>
      <c r="MBX650" s="613"/>
      <c r="MBY650" s="613"/>
      <c r="MBZ650" s="613"/>
      <c r="MCA650" s="613"/>
      <c r="MCB650" s="613"/>
      <c r="MCC650" s="613"/>
      <c r="MCD650" s="613"/>
      <c r="MCE650" s="613"/>
      <c r="MCF650" s="613"/>
      <c r="MCG650" s="613"/>
      <c r="MCH650" s="613"/>
      <c r="MCI650" s="613"/>
      <c r="MCJ650" s="613"/>
      <c r="MCK650" s="613"/>
      <c r="MCL650" s="613"/>
      <c r="MCM650" s="613"/>
      <c r="MCN650" s="613"/>
      <c r="MCO650" s="613"/>
      <c r="MCP650" s="613"/>
      <c r="MCQ650" s="613"/>
      <c r="MCR650" s="613"/>
      <c r="MCS650" s="613"/>
      <c r="MCT650" s="613"/>
      <c r="MCU650" s="613"/>
      <c r="MCV650" s="613"/>
      <c r="MCW650" s="613"/>
      <c r="MCX650" s="613"/>
      <c r="MCY650" s="613"/>
      <c r="MCZ650" s="613"/>
      <c r="MDA650" s="613"/>
      <c r="MDB650" s="613"/>
      <c r="MDC650" s="613"/>
      <c r="MDD650" s="613"/>
      <c r="MDE650" s="613"/>
      <c r="MDF650" s="613"/>
      <c r="MDG650" s="613"/>
      <c r="MDH650" s="613"/>
      <c r="MDI650" s="613"/>
      <c r="MDJ650" s="613"/>
      <c r="MDK650" s="613"/>
      <c r="MDL650" s="613"/>
      <c r="MDM650" s="613"/>
      <c r="MDN650" s="613"/>
      <c r="MDO650" s="613"/>
      <c r="MDP650" s="613"/>
      <c r="MDQ650" s="613"/>
      <c r="MDR650" s="613"/>
      <c r="MDS650" s="613"/>
      <c r="MDT650" s="613"/>
      <c r="MDU650" s="613"/>
      <c r="MDV650" s="613"/>
      <c r="MDW650" s="613"/>
      <c r="MDX650" s="613"/>
      <c r="MDY650" s="613"/>
      <c r="MDZ650" s="613"/>
      <c r="MEA650" s="613"/>
      <c r="MEB650" s="613"/>
      <c r="MEC650" s="613"/>
      <c r="MED650" s="613"/>
      <c r="MEE650" s="613"/>
      <c r="MEF650" s="613"/>
      <c r="MEG650" s="613"/>
      <c r="MEH650" s="613"/>
      <c r="MEI650" s="613"/>
      <c r="MEJ650" s="613"/>
      <c r="MEK650" s="613"/>
      <c r="MEL650" s="613"/>
      <c r="MEM650" s="613"/>
      <c r="MEN650" s="613"/>
      <c r="MEO650" s="613"/>
      <c r="MEP650" s="613"/>
      <c r="MEQ650" s="613"/>
      <c r="MER650" s="613"/>
      <c r="MES650" s="613"/>
      <c r="MET650" s="613"/>
      <c r="MEU650" s="613"/>
      <c r="MEV650" s="613"/>
      <c r="MEW650" s="613"/>
      <c r="MEX650" s="613"/>
      <c r="MEY650" s="613"/>
      <c r="MEZ650" s="613"/>
      <c r="MFA650" s="613"/>
      <c r="MFB650" s="613"/>
      <c r="MFC650" s="613"/>
      <c r="MFD650" s="613"/>
      <c r="MFE650" s="613"/>
      <c r="MFF650" s="613"/>
      <c r="MFG650" s="613"/>
      <c r="MFH650" s="613"/>
      <c r="MFI650" s="613"/>
      <c r="MFJ650" s="613"/>
      <c r="MFK650" s="613"/>
      <c r="MFL650" s="613"/>
      <c r="MFM650" s="613"/>
      <c r="MFN650" s="613"/>
      <c r="MFO650" s="613"/>
      <c r="MFP650" s="613"/>
      <c r="MFQ650" s="613"/>
      <c r="MFR650" s="613"/>
      <c r="MFS650" s="613"/>
      <c r="MFT650" s="613"/>
      <c r="MFU650" s="613"/>
      <c r="MFV650" s="613"/>
      <c r="MFW650" s="613"/>
      <c r="MFX650" s="613"/>
      <c r="MFY650" s="613"/>
      <c r="MFZ650" s="613"/>
      <c r="MGA650" s="613"/>
      <c r="MGB650" s="613"/>
      <c r="MGC650" s="613"/>
      <c r="MGD650" s="613"/>
      <c r="MGE650" s="613"/>
      <c r="MGF650" s="613"/>
      <c r="MGG650" s="613"/>
      <c r="MGH650" s="613"/>
      <c r="MGI650" s="613"/>
      <c r="MGJ650" s="613"/>
      <c r="MGK650" s="613"/>
      <c r="MGL650" s="613"/>
      <c r="MGM650" s="613"/>
      <c r="MGN650" s="613"/>
      <c r="MGO650" s="613"/>
      <c r="MGP650" s="613"/>
      <c r="MGQ650" s="613"/>
      <c r="MGR650" s="613"/>
      <c r="MGS650" s="613"/>
      <c r="MGT650" s="613"/>
      <c r="MGU650" s="613"/>
      <c r="MGV650" s="613"/>
      <c r="MGW650" s="613"/>
      <c r="MGX650" s="613"/>
      <c r="MGY650" s="613"/>
      <c r="MGZ650" s="613"/>
      <c r="MHA650" s="613"/>
      <c r="MHB650" s="613"/>
      <c r="MHC650" s="613"/>
      <c r="MHD650" s="613"/>
      <c r="MHE650" s="613"/>
      <c r="MHF650" s="613"/>
      <c r="MHG650" s="613"/>
      <c r="MHH650" s="613"/>
      <c r="MHI650" s="613"/>
      <c r="MHJ650" s="613"/>
      <c r="MHK650" s="613"/>
      <c r="MHL650" s="613"/>
      <c r="MHM650" s="613"/>
      <c r="MHN650" s="613"/>
      <c r="MHO650" s="613"/>
      <c r="MHP650" s="613"/>
      <c r="MHQ650" s="613"/>
      <c r="MHR650" s="613"/>
      <c r="MHS650" s="613"/>
      <c r="MHT650" s="613"/>
      <c r="MHU650" s="613"/>
      <c r="MHV650" s="613"/>
      <c r="MHW650" s="613"/>
      <c r="MHX650" s="613"/>
      <c r="MHY650" s="613"/>
      <c r="MHZ650" s="613"/>
      <c r="MIA650" s="613"/>
      <c r="MIB650" s="613"/>
      <c r="MIC650" s="613"/>
      <c r="MID650" s="613"/>
      <c r="MIE650" s="613"/>
      <c r="MIF650" s="613"/>
      <c r="MIG650" s="613"/>
      <c r="MIH650" s="613"/>
      <c r="MII650" s="613"/>
      <c r="MIJ650" s="613"/>
      <c r="MIK650" s="613"/>
      <c r="MIL650" s="613"/>
      <c r="MIM650" s="613"/>
      <c r="MIN650" s="613"/>
      <c r="MIO650" s="613"/>
      <c r="MIP650" s="613"/>
      <c r="MIQ650" s="613"/>
      <c r="MIR650" s="613"/>
      <c r="MIS650" s="613"/>
      <c r="MIT650" s="613"/>
      <c r="MIU650" s="613"/>
      <c r="MIV650" s="613"/>
      <c r="MIW650" s="613"/>
      <c r="MIX650" s="613"/>
      <c r="MIY650" s="613"/>
      <c r="MIZ650" s="613"/>
      <c r="MJA650" s="613"/>
      <c r="MJB650" s="613"/>
      <c r="MJC650" s="613"/>
      <c r="MJD650" s="613"/>
      <c r="MJE650" s="613"/>
      <c r="MJF650" s="613"/>
      <c r="MJG650" s="613"/>
      <c r="MJH650" s="613"/>
      <c r="MJI650" s="613"/>
      <c r="MJJ650" s="613"/>
      <c r="MJK650" s="613"/>
      <c r="MJL650" s="613"/>
      <c r="MJM650" s="613"/>
      <c r="MJN650" s="613"/>
      <c r="MJO650" s="613"/>
      <c r="MJP650" s="613"/>
      <c r="MJQ650" s="613"/>
      <c r="MJR650" s="613"/>
      <c r="MJS650" s="613"/>
      <c r="MJT650" s="613"/>
      <c r="MJU650" s="613"/>
      <c r="MJV650" s="613"/>
      <c r="MJW650" s="613"/>
      <c r="MJX650" s="613"/>
      <c r="MJY650" s="613"/>
      <c r="MJZ650" s="613"/>
      <c r="MKA650" s="613"/>
      <c r="MKB650" s="613"/>
      <c r="MKC650" s="613"/>
      <c r="MKD650" s="613"/>
      <c r="MKE650" s="613"/>
      <c r="MKF650" s="613"/>
      <c r="MKG650" s="613"/>
      <c r="MKH650" s="613"/>
      <c r="MKI650" s="613"/>
      <c r="MKJ650" s="613"/>
      <c r="MKK650" s="613"/>
      <c r="MKL650" s="613"/>
      <c r="MKM650" s="613"/>
      <c r="MKN650" s="613"/>
      <c r="MKO650" s="613"/>
      <c r="MKP650" s="613"/>
      <c r="MKQ650" s="613"/>
      <c r="MKR650" s="613"/>
      <c r="MKS650" s="613"/>
      <c r="MKT650" s="613"/>
      <c r="MKU650" s="613"/>
      <c r="MKV650" s="613"/>
      <c r="MKW650" s="613"/>
      <c r="MKX650" s="613"/>
      <c r="MKY650" s="613"/>
      <c r="MKZ650" s="613"/>
      <c r="MLA650" s="613"/>
      <c r="MLB650" s="613"/>
      <c r="MLC650" s="613"/>
      <c r="MLD650" s="613"/>
      <c r="MLE650" s="613"/>
      <c r="MLF650" s="613"/>
      <c r="MLG650" s="613"/>
      <c r="MLH650" s="613"/>
      <c r="MLI650" s="613"/>
      <c r="MLJ650" s="613"/>
      <c r="MLK650" s="613"/>
      <c r="MLL650" s="613"/>
      <c r="MLM650" s="613"/>
      <c r="MLN650" s="613"/>
      <c r="MLO650" s="613"/>
      <c r="MLP650" s="613"/>
      <c r="MLQ650" s="613"/>
      <c r="MLR650" s="613"/>
      <c r="MLS650" s="613"/>
      <c r="MLT650" s="613"/>
      <c r="MLU650" s="613"/>
      <c r="MLV650" s="613"/>
      <c r="MLW650" s="613"/>
      <c r="MLX650" s="613"/>
      <c r="MLY650" s="613"/>
      <c r="MLZ650" s="613"/>
      <c r="MMA650" s="613"/>
      <c r="MMB650" s="613"/>
      <c r="MMC650" s="613"/>
      <c r="MMD650" s="613"/>
      <c r="MME650" s="613"/>
      <c r="MMF650" s="613"/>
      <c r="MMG650" s="613"/>
      <c r="MMH650" s="613"/>
      <c r="MMI650" s="613"/>
      <c r="MMJ650" s="613"/>
      <c r="MMK650" s="613"/>
      <c r="MML650" s="613"/>
      <c r="MMM650" s="613"/>
      <c r="MMN650" s="613"/>
      <c r="MMO650" s="613"/>
      <c r="MMP650" s="613"/>
      <c r="MMQ650" s="613"/>
      <c r="MMR650" s="613"/>
      <c r="MMS650" s="613"/>
      <c r="MMT650" s="613"/>
      <c r="MMU650" s="613"/>
      <c r="MMV650" s="613"/>
      <c r="MMW650" s="613"/>
      <c r="MMX650" s="613"/>
      <c r="MMY650" s="613"/>
      <c r="MMZ650" s="613"/>
      <c r="MNA650" s="613"/>
      <c r="MNB650" s="613"/>
      <c r="MNC650" s="613"/>
      <c r="MND650" s="613"/>
      <c r="MNE650" s="613"/>
      <c r="MNF650" s="613"/>
      <c r="MNG650" s="613"/>
      <c r="MNH650" s="613"/>
      <c r="MNI650" s="613"/>
      <c r="MNJ650" s="613"/>
      <c r="MNK650" s="613"/>
      <c r="MNL650" s="613"/>
      <c r="MNM650" s="613"/>
      <c r="MNN650" s="613"/>
      <c r="MNO650" s="613"/>
      <c r="MNP650" s="613"/>
      <c r="MNQ650" s="613"/>
      <c r="MNR650" s="613"/>
      <c r="MNS650" s="613"/>
      <c r="MNT650" s="613"/>
      <c r="MNU650" s="613"/>
      <c r="MNV650" s="613"/>
      <c r="MNW650" s="613"/>
      <c r="MNX650" s="613"/>
      <c r="MNY650" s="613"/>
      <c r="MNZ650" s="613"/>
      <c r="MOA650" s="613"/>
      <c r="MOB650" s="613"/>
      <c r="MOC650" s="613"/>
      <c r="MOD650" s="613"/>
      <c r="MOE650" s="613"/>
      <c r="MOF650" s="613"/>
      <c r="MOG650" s="613"/>
      <c r="MOH650" s="613"/>
      <c r="MOI650" s="613"/>
      <c r="MOJ650" s="613"/>
      <c r="MOK650" s="613"/>
      <c r="MOL650" s="613"/>
      <c r="MOM650" s="613"/>
      <c r="MON650" s="613"/>
      <c r="MOO650" s="613"/>
      <c r="MOP650" s="613"/>
      <c r="MOQ650" s="613"/>
      <c r="MOR650" s="613"/>
      <c r="MOS650" s="613"/>
      <c r="MOT650" s="613"/>
      <c r="MOU650" s="613"/>
      <c r="MOV650" s="613"/>
      <c r="MOW650" s="613"/>
      <c r="MOX650" s="613"/>
      <c r="MOY650" s="613"/>
      <c r="MOZ650" s="613"/>
      <c r="MPA650" s="613"/>
      <c r="MPB650" s="613"/>
      <c r="MPC650" s="613"/>
      <c r="MPD650" s="613"/>
      <c r="MPE650" s="613"/>
      <c r="MPF650" s="613"/>
      <c r="MPG650" s="613"/>
      <c r="MPH650" s="613"/>
      <c r="MPI650" s="613"/>
      <c r="MPJ650" s="613"/>
      <c r="MPK650" s="613"/>
      <c r="MPL650" s="613"/>
      <c r="MPM650" s="613"/>
      <c r="MPN650" s="613"/>
      <c r="MPO650" s="613"/>
      <c r="MPP650" s="613"/>
      <c r="MPQ650" s="613"/>
      <c r="MPR650" s="613"/>
      <c r="MPS650" s="613"/>
      <c r="MPT650" s="613"/>
      <c r="MPU650" s="613"/>
      <c r="MPV650" s="613"/>
      <c r="MPW650" s="613"/>
      <c r="MPX650" s="613"/>
      <c r="MPY650" s="613"/>
      <c r="MPZ650" s="613"/>
      <c r="MQA650" s="613"/>
      <c r="MQB650" s="613"/>
      <c r="MQC650" s="613"/>
      <c r="MQD650" s="613"/>
      <c r="MQE650" s="613"/>
      <c r="MQF650" s="613"/>
      <c r="MQG650" s="613"/>
      <c r="MQH650" s="613"/>
      <c r="MQI650" s="613"/>
      <c r="MQJ650" s="613"/>
      <c r="MQK650" s="613"/>
      <c r="MQL650" s="613"/>
      <c r="MQM650" s="613"/>
      <c r="MQN650" s="613"/>
      <c r="MQO650" s="613"/>
      <c r="MQP650" s="613"/>
      <c r="MQQ650" s="613"/>
      <c r="MQR650" s="613"/>
      <c r="MQS650" s="613"/>
      <c r="MQT650" s="613"/>
      <c r="MQU650" s="613"/>
      <c r="MQV650" s="613"/>
      <c r="MQW650" s="613"/>
      <c r="MQX650" s="613"/>
      <c r="MQY650" s="613"/>
      <c r="MQZ650" s="613"/>
      <c r="MRA650" s="613"/>
      <c r="MRB650" s="613"/>
      <c r="MRC650" s="613"/>
      <c r="MRD650" s="613"/>
      <c r="MRE650" s="613"/>
      <c r="MRF650" s="613"/>
      <c r="MRG650" s="613"/>
      <c r="MRH650" s="613"/>
      <c r="MRI650" s="613"/>
      <c r="MRJ650" s="613"/>
      <c r="MRK650" s="613"/>
      <c r="MRL650" s="613"/>
      <c r="MRM650" s="613"/>
      <c r="MRN650" s="613"/>
      <c r="MRO650" s="613"/>
      <c r="MRP650" s="613"/>
      <c r="MRQ650" s="613"/>
      <c r="MRR650" s="613"/>
      <c r="MRS650" s="613"/>
      <c r="MRT650" s="613"/>
      <c r="MRU650" s="613"/>
      <c r="MRV650" s="613"/>
      <c r="MRW650" s="613"/>
      <c r="MRX650" s="613"/>
      <c r="MRY650" s="613"/>
      <c r="MRZ650" s="613"/>
      <c r="MSA650" s="613"/>
      <c r="MSB650" s="613"/>
      <c r="MSC650" s="613"/>
      <c r="MSD650" s="613"/>
      <c r="MSE650" s="613"/>
      <c r="MSF650" s="613"/>
      <c r="MSG650" s="613"/>
      <c r="MSH650" s="613"/>
      <c r="MSI650" s="613"/>
      <c r="MSJ650" s="613"/>
      <c r="MSK650" s="613"/>
      <c r="MSL650" s="613"/>
      <c r="MSM650" s="613"/>
      <c r="MSN650" s="613"/>
      <c r="MSO650" s="613"/>
      <c r="MSP650" s="613"/>
      <c r="MSQ650" s="613"/>
      <c r="MSR650" s="613"/>
      <c r="MSS650" s="613"/>
      <c r="MST650" s="613"/>
      <c r="MSU650" s="613"/>
      <c r="MSV650" s="613"/>
      <c r="MSW650" s="613"/>
      <c r="MSX650" s="613"/>
      <c r="MSY650" s="613"/>
      <c r="MSZ650" s="613"/>
      <c r="MTA650" s="613"/>
      <c r="MTB650" s="613"/>
      <c r="MTC650" s="613"/>
      <c r="MTD650" s="613"/>
      <c r="MTE650" s="613"/>
      <c r="MTF650" s="613"/>
      <c r="MTG650" s="613"/>
      <c r="MTH650" s="613"/>
      <c r="MTI650" s="613"/>
      <c r="MTJ650" s="613"/>
      <c r="MTK650" s="613"/>
      <c r="MTL650" s="613"/>
      <c r="MTM650" s="613"/>
      <c r="MTN650" s="613"/>
      <c r="MTO650" s="613"/>
      <c r="MTP650" s="613"/>
      <c r="MTQ650" s="613"/>
      <c r="MTR650" s="613"/>
      <c r="MTS650" s="613"/>
      <c r="MTT650" s="613"/>
      <c r="MTU650" s="613"/>
      <c r="MTV650" s="613"/>
      <c r="MTW650" s="613"/>
      <c r="MTX650" s="613"/>
      <c r="MTY650" s="613"/>
      <c r="MTZ650" s="613"/>
      <c r="MUA650" s="613"/>
      <c r="MUB650" s="613"/>
      <c r="MUC650" s="613"/>
      <c r="MUD650" s="613"/>
      <c r="MUE650" s="613"/>
      <c r="MUF650" s="613"/>
      <c r="MUG650" s="613"/>
      <c r="MUH650" s="613"/>
      <c r="MUI650" s="613"/>
      <c r="MUJ650" s="613"/>
      <c r="MUK650" s="613"/>
      <c r="MUL650" s="613"/>
      <c r="MUM650" s="613"/>
      <c r="MUN650" s="613"/>
      <c r="MUO650" s="613"/>
      <c r="MUP650" s="613"/>
      <c r="MUQ650" s="613"/>
      <c r="MUR650" s="613"/>
      <c r="MUS650" s="613"/>
      <c r="MUT650" s="613"/>
      <c r="MUU650" s="613"/>
      <c r="MUV650" s="613"/>
      <c r="MUW650" s="613"/>
      <c r="MUX650" s="613"/>
      <c r="MUY650" s="613"/>
      <c r="MUZ650" s="613"/>
      <c r="MVA650" s="613"/>
      <c r="MVB650" s="613"/>
      <c r="MVC650" s="613"/>
      <c r="MVD650" s="613"/>
      <c r="MVE650" s="613"/>
      <c r="MVF650" s="613"/>
      <c r="MVG650" s="613"/>
      <c r="MVH650" s="613"/>
      <c r="MVI650" s="613"/>
      <c r="MVJ650" s="613"/>
      <c r="MVK650" s="613"/>
      <c r="MVL650" s="613"/>
      <c r="MVM650" s="613"/>
      <c r="MVN650" s="613"/>
      <c r="MVO650" s="613"/>
      <c r="MVP650" s="613"/>
      <c r="MVQ650" s="613"/>
      <c r="MVR650" s="613"/>
      <c r="MVS650" s="613"/>
      <c r="MVT650" s="613"/>
      <c r="MVU650" s="613"/>
      <c r="MVV650" s="613"/>
      <c r="MVW650" s="613"/>
      <c r="MVX650" s="613"/>
      <c r="MVY650" s="613"/>
      <c r="MVZ650" s="613"/>
      <c r="MWA650" s="613"/>
      <c r="MWB650" s="613"/>
      <c r="MWC650" s="613"/>
      <c r="MWD650" s="613"/>
      <c r="MWE650" s="613"/>
      <c r="MWF650" s="613"/>
      <c r="MWG650" s="613"/>
      <c r="MWH650" s="613"/>
      <c r="MWI650" s="613"/>
      <c r="MWJ650" s="613"/>
      <c r="MWK650" s="613"/>
      <c r="MWL650" s="613"/>
      <c r="MWM650" s="613"/>
      <c r="MWN650" s="613"/>
      <c r="MWO650" s="613"/>
      <c r="MWP650" s="613"/>
      <c r="MWQ650" s="613"/>
      <c r="MWR650" s="613"/>
      <c r="MWS650" s="613"/>
      <c r="MWT650" s="613"/>
      <c r="MWU650" s="613"/>
      <c r="MWV650" s="613"/>
      <c r="MWW650" s="613"/>
      <c r="MWX650" s="613"/>
      <c r="MWY650" s="613"/>
      <c r="MWZ650" s="613"/>
      <c r="MXA650" s="613"/>
      <c r="MXB650" s="613"/>
      <c r="MXC650" s="613"/>
      <c r="MXD650" s="613"/>
      <c r="MXE650" s="613"/>
      <c r="MXF650" s="613"/>
      <c r="MXG650" s="613"/>
      <c r="MXH650" s="613"/>
      <c r="MXI650" s="613"/>
      <c r="MXJ650" s="613"/>
      <c r="MXK650" s="613"/>
      <c r="MXL650" s="613"/>
      <c r="MXM650" s="613"/>
      <c r="MXN650" s="613"/>
      <c r="MXO650" s="613"/>
      <c r="MXP650" s="613"/>
      <c r="MXQ650" s="613"/>
      <c r="MXR650" s="613"/>
      <c r="MXS650" s="613"/>
      <c r="MXT650" s="613"/>
      <c r="MXU650" s="613"/>
      <c r="MXV650" s="613"/>
      <c r="MXW650" s="613"/>
      <c r="MXX650" s="613"/>
      <c r="MXY650" s="613"/>
      <c r="MXZ650" s="613"/>
      <c r="MYA650" s="613"/>
      <c r="MYB650" s="613"/>
      <c r="MYC650" s="613"/>
      <c r="MYD650" s="613"/>
      <c r="MYE650" s="613"/>
      <c r="MYF650" s="613"/>
      <c r="MYG650" s="613"/>
      <c r="MYH650" s="613"/>
      <c r="MYI650" s="613"/>
      <c r="MYJ650" s="613"/>
      <c r="MYK650" s="613"/>
      <c r="MYL650" s="613"/>
      <c r="MYM650" s="613"/>
      <c r="MYN650" s="613"/>
      <c r="MYO650" s="613"/>
      <c r="MYP650" s="613"/>
      <c r="MYQ650" s="613"/>
      <c r="MYR650" s="613"/>
      <c r="MYS650" s="613"/>
      <c r="MYT650" s="613"/>
      <c r="MYU650" s="613"/>
      <c r="MYV650" s="613"/>
      <c r="MYW650" s="613"/>
      <c r="MYX650" s="613"/>
      <c r="MYY650" s="613"/>
      <c r="MYZ650" s="613"/>
      <c r="MZA650" s="613"/>
      <c r="MZB650" s="613"/>
      <c r="MZC650" s="613"/>
      <c r="MZD650" s="613"/>
      <c r="MZE650" s="613"/>
      <c r="MZF650" s="613"/>
      <c r="MZG650" s="613"/>
      <c r="MZH650" s="613"/>
      <c r="MZI650" s="613"/>
      <c r="MZJ650" s="613"/>
      <c r="MZK650" s="613"/>
      <c r="MZL650" s="613"/>
      <c r="MZM650" s="613"/>
      <c r="MZN650" s="613"/>
      <c r="MZO650" s="613"/>
      <c r="MZP650" s="613"/>
      <c r="MZQ650" s="613"/>
      <c r="MZR650" s="613"/>
      <c r="MZS650" s="613"/>
      <c r="MZT650" s="613"/>
      <c r="MZU650" s="613"/>
      <c r="MZV650" s="613"/>
      <c r="MZW650" s="613"/>
      <c r="MZX650" s="613"/>
      <c r="MZY650" s="613"/>
      <c r="MZZ650" s="613"/>
      <c r="NAA650" s="613"/>
      <c r="NAB650" s="613"/>
      <c r="NAC650" s="613"/>
      <c r="NAD650" s="613"/>
      <c r="NAE650" s="613"/>
      <c r="NAF650" s="613"/>
      <c r="NAG650" s="613"/>
      <c r="NAH650" s="613"/>
      <c r="NAI650" s="613"/>
      <c r="NAJ650" s="613"/>
      <c r="NAK650" s="613"/>
      <c r="NAL650" s="613"/>
      <c r="NAM650" s="613"/>
      <c r="NAN650" s="613"/>
      <c r="NAO650" s="613"/>
      <c r="NAP650" s="613"/>
      <c r="NAQ650" s="613"/>
      <c r="NAR650" s="613"/>
      <c r="NAS650" s="613"/>
      <c r="NAT650" s="613"/>
      <c r="NAU650" s="613"/>
      <c r="NAV650" s="613"/>
      <c r="NAW650" s="613"/>
      <c r="NAX650" s="613"/>
      <c r="NAY650" s="613"/>
      <c r="NAZ650" s="613"/>
      <c r="NBA650" s="613"/>
      <c r="NBB650" s="613"/>
      <c r="NBC650" s="613"/>
      <c r="NBD650" s="613"/>
      <c r="NBE650" s="613"/>
      <c r="NBF650" s="613"/>
      <c r="NBG650" s="613"/>
      <c r="NBH650" s="613"/>
      <c r="NBI650" s="613"/>
      <c r="NBJ650" s="613"/>
      <c r="NBK650" s="613"/>
      <c r="NBL650" s="613"/>
      <c r="NBM650" s="613"/>
      <c r="NBN650" s="613"/>
      <c r="NBO650" s="613"/>
      <c r="NBP650" s="613"/>
      <c r="NBQ650" s="613"/>
      <c r="NBR650" s="613"/>
      <c r="NBS650" s="613"/>
      <c r="NBT650" s="613"/>
      <c r="NBU650" s="613"/>
      <c r="NBV650" s="613"/>
      <c r="NBW650" s="613"/>
      <c r="NBX650" s="613"/>
      <c r="NBY650" s="613"/>
      <c r="NBZ650" s="613"/>
      <c r="NCA650" s="613"/>
      <c r="NCB650" s="613"/>
      <c r="NCC650" s="613"/>
      <c r="NCD650" s="613"/>
      <c r="NCE650" s="613"/>
      <c r="NCF650" s="613"/>
      <c r="NCG650" s="613"/>
      <c r="NCH650" s="613"/>
      <c r="NCI650" s="613"/>
      <c r="NCJ650" s="613"/>
      <c r="NCK650" s="613"/>
      <c r="NCL650" s="613"/>
      <c r="NCM650" s="613"/>
      <c r="NCN650" s="613"/>
      <c r="NCO650" s="613"/>
      <c r="NCP650" s="613"/>
      <c r="NCQ650" s="613"/>
      <c r="NCR650" s="613"/>
      <c r="NCS650" s="613"/>
      <c r="NCT650" s="613"/>
      <c r="NCU650" s="613"/>
      <c r="NCV650" s="613"/>
      <c r="NCW650" s="613"/>
      <c r="NCX650" s="613"/>
      <c r="NCY650" s="613"/>
      <c r="NCZ650" s="613"/>
      <c r="NDA650" s="613"/>
      <c r="NDB650" s="613"/>
      <c r="NDC650" s="613"/>
      <c r="NDD650" s="613"/>
      <c r="NDE650" s="613"/>
      <c r="NDF650" s="613"/>
      <c r="NDG650" s="613"/>
      <c r="NDH650" s="613"/>
      <c r="NDI650" s="613"/>
      <c r="NDJ650" s="613"/>
      <c r="NDK650" s="613"/>
      <c r="NDL650" s="613"/>
      <c r="NDM650" s="613"/>
      <c r="NDN650" s="613"/>
      <c r="NDO650" s="613"/>
      <c r="NDP650" s="613"/>
      <c r="NDQ650" s="613"/>
      <c r="NDR650" s="613"/>
      <c r="NDS650" s="613"/>
      <c r="NDT650" s="613"/>
      <c r="NDU650" s="613"/>
      <c r="NDV650" s="613"/>
      <c r="NDW650" s="613"/>
      <c r="NDX650" s="613"/>
      <c r="NDY650" s="613"/>
      <c r="NDZ650" s="613"/>
      <c r="NEA650" s="613"/>
      <c r="NEB650" s="613"/>
      <c r="NEC650" s="613"/>
      <c r="NED650" s="613"/>
      <c r="NEE650" s="613"/>
      <c r="NEF650" s="613"/>
      <c r="NEG650" s="613"/>
      <c r="NEH650" s="613"/>
      <c r="NEI650" s="613"/>
      <c r="NEJ650" s="613"/>
      <c r="NEK650" s="613"/>
      <c r="NEL650" s="613"/>
      <c r="NEM650" s="613"/>
      <c r="NEN650" s="613"/>
      <c r="NEO650" s="613"/>
      <c r="NEP650" s="613"/>
      <c r="NEQ650" s="613"/>
      <c r="NER650" s="613"/>
      <c r="NES650" s="613"/>
      <c r="NET650" s="613"/>
      <c r="NEU650" s="613"/>
      <c r="NEV650" s="613"/>
      <c r="NEW650" s="613"/>
      <c r="NEX650" s="613"/>
      <c r="NEY650" s="613"/>
      <c r="NEZ650" s="613"/>
      <c r="NFA650" s="613"/>
      <c r="NFB650" s="613"/>
      <c r="NFC650" s="613"/>
      <c r="NFD650" s="613"/>
      <c r="NFE650" s="613"/>
      <c r="NFF650" s="613"/>
      <c r="NFG650" s="613"/>
      <c r="NFH650" s="613"/>
      <c r="NFI650" s="613"/>
      <c r="NFJ650" s="613"/>
      <c r="NFK650" s="613"/>
      <c r="NFL650" s="613"/>
      <c r="NFM650" s="613"/>
      <c r="NFN650" s="613"/>
      <c r="NFO650" s="613"/>
      <c r="NFP650" s="613"/>
      <c r="NFQ650" s="613"/>
      <c r="NFR650" s="613"/>
      <c r="NFS650" s="613"/>
      <c r="NFT650" s="613"/>
      <c r="NFU650" s="613"/>
      <c r="NFV650" s="613"/>
      <c r="NFW650" s="613"/>
      <c r="NFX650" s="613"/>
      <c r="NFY650" s="613"/>
      <c r="NFZ650" s="613"/>
      <c r="NGA650" s="613"/>
      <c r="NGB650" s="613"/>
      <c r="NGC650" s="613"/>
      <c r="NGD650" s="613"/>
      <c r="NGE650" s="613"/>
      <c r="NGF650" s="613"/>
      <c r="NGG650" s="613"/>
      <c r="NGH650" s="613"/>
      <c r="NGI650" s="613"/>
      <c r="NGJ650" s="613"/>
      <c r="NGK650" s="613"/>
      <c r="NGL650" s="613"/>
      <c r="NGM650" s="613"/>
      <c r="NGN650" s="613"/>
      <c r="NGO650" s="613"/>
      <c r="NGP650" s="613"/>
      <c r="NGQ650" s="613"/>
      <c r="NGR650" s="613"/>
      <c r="NGS650" s="613"/>
      <c r="NGT650" s="613"/>
      <c r="NGU650" s="613"/>
      <c r="NGV650" s="613"/>
      <c r="NGW650" s="613"/>
      <c r="NGX650" s="613"/>
      <c r="NGY650" s="613"/>
      <c r="NGZ650" s="613"/>
      <c r="NHA650" s="613"/>
      <c r="NHB650" s="613"/>
      <c r="NHC650" s="613"/>
      <c r="NHD650" s="613"/>
      <c r="NHE650" s="613"/>
      <c r="NHF650" s="613"/>
      <c r="NHG650" s="613"/>
      <c r="NHH650" s="613"/>
      <c r="NHI650" s="613"/>
      <c r="NHJ650" s="613"/>
      <c r="NHK650" s="613"/>
      <c r="NHL650" s="613"/>
      <c r="NHM650" s="613"/>
      <c r="NHN650" s="613"/>
      <c r="NHO650" s="613"/>
      <c r="NHP650" s="613"/>
      <c r="NHQ650" s="613"/>
      <c r="NHR650" s="613"/>
      <c r="NHS650" s="613"/>
      <c r="NHT650" s="613"/>
      <c r="NHU650" s="613"/>
      <c r="NHV650" s="613"/>
      <c r="NHW650" s="613"/>
      <c r="NHX650" s="613"/>
      <c r="NHY650" s="613"/>
      <c r="NHZ650" s="613"/>
      <c r="NIA650" s="613"/>
      <c r="NIB650" s="613"/>
      <c r="NIC650" s="613"/>
      <c r="NID650" s="613"/>
      <c r="NIE650" s="613"/>
      <c r="NIF650" s="613"/>
      <c r="NIG650" s="613"/>
      <c r="NIH650" s="613"/>
      <c r="NII650" s="613"/>
      <c r="NIJ650" s="613"/>
      <c r="NIK650" s="613"/>
      <c r="NIL650" s="613"/>
      <c r="NIM650" s="613"/>
      <c r="NIN650" s="613"/>
      <c r="NIO650" s="613"/>
      <c r="NIP650" s="613"/>
      <c r="NIQ650" s="613"/>
      <c r="NIR650" s="613"/>
      <c r="NIS650" s="613"/>
      <c r="NIT650" s="613"/>
      <c r="NIU650" s="613"/>
      <c r="NIV650" s="613"/>
      <c r="NIW650" s="613"/>
      <c r="NIX650" s="613"/>
      <c r="NIY650" s="613"/>
      <c r="NIZ650" s="613"/>
      <c r="NJA650" s="613"/>
      <c r="NJB650" s="613"/>
      <c r="NJC650" s="613"/>
      <c r="NJD650" s="613"/>
      <c r="NJE650" s="613"/>
      <c r="NJF650" s="613"/>
      <c r="NJG650" s="613"/>
      <c r="NJH650" s="613"/>
      <c r="NJI650" s="613"/>
      <c r="NJJ650" s="613"/>
      <c r="NJK650" s="613"/>
      <c r="NJL650" s="613"/>
      <c r="NJM650" s="613"/>
      <c r="NJN650" s="613"/>
      <c r="NJO650" s="613"/>
      <c r="NJP650" s="613"/>
      <c r="NJQ650" s="613"/>
      <c r="NJR650" s="613"/>
      <c r="NJS650" s="613"/>
      <c r="NJT650" s="613"/>
      <c r="NJU650" s="613"/>
      <c r="NJV650" s="613"/>
      <c r="NJW650" s="613"/>
      <c r="NJX650" s="613"/>
      <c r="NJY650" s="613"/>
      <c r="NJZ650" s="613"/>
      <c r="NKA650" s="613"/>
      <c r="NKB650" s="613"/>
      <c r="NKC650" s="613"/>
      <c r="NKD650" s="613"/>
      <c r="NKE650" s="613"/>
      <c r="NKF650" s="613"/>
      <c r="NKG650" s="613"/>
      <c r="NKH650" s="613"/>
      <c r="NKI650" s="613"/>
      <c r="NKJ650" s="613"/>
      <c r="NKK650" s="613"/>
      <c r="NKL650" s="613"/>
      <c r="NKM650" s="613"/>
      <c r="NKN650" s="613"/>
      <c r="NKO650" s="613"/>
      <c r="NKP650" s="613"/>
      <c r="NKQ650" s="613"/>
      <c r="NKR650" s="613"/>
      <c r="NKS650" s="613"/>
      <c r="NKT650" s="613"/>
      <c r="NKU650" s="613"/>
      <c r="NKV650" s="613"/>
      <c r="NKW650" s="613"/>
      <c r="NKX650" s="613"/>
      <c r="NKY650" s="613"/>
      <c r="NKZ650" s="613"/>
      <c r="NLA650" s="613"/>
      <c r="NLB650" s="613"/>
      <c r="NLC650" s="613"/>
      <c r="NLD650" s="613"/>
      <c r="NLE650" s="613"/>
      <c r="NLF650" s="613"/>
      <c r="NLG650" s="613"/>
      <c r="NLH650" s="613"/>
      <c r="NLI650" s="613"/>
      <c r="NLJ650" s="613"/>
      <c r="NLK650" s="613"/>
      <c r="NLL650" s="613"/>
      <c r="NLM650" s="613"/>
      <c r="NLN650" s="613"/>
      <c r="NLO650" s="613"/>
      <c r="NLP650" s="613"/>
      <c r="NLQ650" s="613"/>
      <c r="NLR650" s="613"/>
      <c r="NLS650" s="613"/>
      <c r="NLT650" s="613"/>
      <c r="NLU650" s="613"/>
      <c r="NLV650" s="613"/>
      <c r="NLW650" s="613"/>
      <c r="NLX650" s="613"/>
      <c r="NLY650" s="613"/>
      <c r="NLZ650" s="613"/>
      <c r="NMA650" s="613"/>
      <c r="NMB650" s="613"/>
      <c r="NMC650" s="613"/>
      <c r="NMD650" s="613"/>
      <c r="NME650" s="613"/>
      <c r="NMF650" s="613"/>
      <c r="NMG650" s="613"/>
      <c r="NMH650" s="613"/>
      <c r="NMI650" s="613"/>
      <c r="NMJ650" s="613"/>
      <c r="NMK650" s="613"/>
      <c r="NML650" s="613"/>
      <c r="NMM650" s="613"/>
      <c r="NMN650" s="613"/>
      <c r="NMO650" s="613"/>
      <c r="NMP650" s="613"/>
      <c r="NMQ650" s="613"/>
      <c r="NMR650" s="613"/>
      <c r="NMS650" s="613"/>
      <c r="NMT650" s="613"/>
      <c r="NMU650" s="613"/>
      <c r="NMV650" s="613"/>
      <c r="NMW650" s="613"/>
      <c r="NMX650" s="613"/>
      <c r="NMY650" s="613"/>
      <c r="NMZ650" s="613"/>
      <c r="NNA650" s="613"/>
      <c r="NNB650" s="613"/>
      <c r="NNC650" s="613"/>
      <c r="NND650" s="613"/>
      <c r="NNE650" s="613"/>
      <c r="NNF650" s="613"/>
      <c r="NNG650" s="613"/>
      <c r="NNH650" s="613"/>
      <c r="NNI650" s="613"/>
      <c r="NNJ650" s="613"/>
      <c r="NNK650" s="613"/>
      <c r="NNL650" s="613"/>
      <c r="NNM650" s="613"/>
      <c r="NNN650" s="613"/>
      <c r="NNO650" s="613"/>
      <c r="NNP650" s="613"/>
      <c r="NNQ650" s="613"/>
      <c r="NNR650" s="613"/>
      <c r="NNS650" s="613"/>
      <c r="NNT650" s="613"/>
      <c r="NNU650" s="613"/>
      <c r="NNV650" s="613"/>
      <c r="NNW650" s="613"/>
      <c r="NNX650" s="613"/>
      <c r="NNY650" s="613"/>
      <c r="NNZ650" s="613"/>
      <c r="NOA650" s="613"/>
      <c r="NOB650" s="613"/>
      <c r="NOC650" s="613"/>
      <c r="NOD650" s="613"/>
      <c r="NOE650" s="613"/>
      <c r="NOF650" s="613"/>
      <c r="NOG650" s="613"/>
      <c r="NOH650" s="613"/>
      <c r="NOI650" s="613"/>
      <c r="NOJ650" s="613"/>
      <c r="NOK650" s="613"/>
      <c r="NOL650" s="613"/>
      <c r="NOM650" s="613"/>
      <c r="NON650" s="613"/>
      <c r="NOO650" s="613"/>
      <c r="NOP650" s="613"/>
      <c r="NOQ650" s="613"/>
      <c r="NOR650" s="613"/>
      <c r="NOS650" s="613"/>
      <c r="NOT650" s="613"/>
      <c r="NOU650" s="613"/>
      <c r="NOV650" s="613"/>
      <c r="NOW650" s="613"/>
      <c r="NOX650" s="613"/>
      <c r="NOY650" s="613"/>
      <c r="NOZ650" s="613"/>
      <c r="NPA650" s="613"/>
      <c r="NPB650" s="613"/>
      <c r="NPC650" s="613"/>
      <c r="NPD650" s="613"/>
      <c r="NPE650" s="613"/>
      <c r="NPF650" s="613"/>
      <c r="NPG650" s="613"/>
      <c r="NPH650" s="613"/>
      <c r="NPI650" s="613"/>
      <c r="NPJ650" s="613"/>
      <c r="NPK650" s="613"/>
      <c r="NPL650" s="613"/>
      <c r="NPM650" s="613"/>
      <c r="NPN650" s="613"/>
      <c r="NPO650" s="613"/>
      <c r="NPP650" s="613"/>
      <c r="NPQ650" s="613"/>
      <c r="NPR650" s="613"/>
      <c r="NPS650" s="613"/>
      <c r="NPT650" s="613"/>
      <c r="NPU650" s="613"/>
      <c r="NPV650" s="613"/>
      <c r="NPW650" s="613"/>
      <c r="NPX650" s="613"/>
      <c r="NPY650" s="613"/>
      <c r="NPZ650" s="613"/>
      <c r="NQA650" s="613"/>
      <c r="NQB650" s="613"/>
      <c r="NQC650" s="613"/>
      <c r="NQD650" s="613"/>
      <c r="NQE650" s="613"/>
      <c r="NQF650" s="613"/>
      <c r="NQG650" s="613"/>
      <c r="NQH650" s="613"/>
      <c r="NQI650" s="613"/>
      <c r="NQJ650" s="613"/>
      <c r="NQK650" s="613"/>
      <c r="NQL650" s="613"/>
      <c r="NQM650" s="613"/>
      <c r="NQN650" s="613"/>
      <c r="NQO650" s="613"/>
      <c r="NQP650" s="613"/>
      <c r="NQQ650" s="613"/>
      <c r="NQR650" s="613"/>
      <c r="NQS650" s="613"/>
      <c r="NQT650" s="613"/>
      <c r="NQU650" s="613"/>
      <c r="NQV650" s="613"/>
      <c r="NQW650" s="613"/>
      <c r="NQX650" s="613"/>
      <c r="NQY650" s="613"/>
      <c r="NQZ650" s="613"/>
      <c r="NRA650" s="613"/>
      <c r="NRB650" s="613"/>
      <c r="NRC650" s="613"/>
      <c r="NRD650" s="613"/>
      <c r="NRE650" s="613"/>
      <c r="NRF650" s="613"/>
      <c r="NRG650" s="613"/>
      <c r="NRH650" s="613"/>
      <c r="NRI650" s="613"/>
      <c r="NRJ650" s="613"/>
      <c r="NRK650" s="613"/>
      <c r="NRL650" s="613"/>
      <c r="NRM650" s="613"/>
      <c r="NRN650" s="613"/>
      <c r="NRO650" s="613"/>
      <c r="NRP650" s="613"/>
      <c r="NRQ650" s="613"/>
      <c r="NRR650" s="613"/>
      <c r="NRS650" s="613"/>
      <c r="NRT650" s="613"/>
      <c r="NRU650" s="613"/>
      <c r="NRV650" s="613"/>
      <c r="NRW650" s="613"/>
      <c r="NRX650" s="613"/>
      <c r="NRY650" s="613"/>
      <c r="NRZ650" s="613"/>
      <c r="NSA650" s="613"/>
      <c r="NSB650" s="613"/>
      <c r="NSC650" s="613"/>
      <c r="NSD650" s="613"/>
      <c r="NSE650" s="613"/>
      <c r="NSF650" s="613"/>
      <c r="NSG650" s="613"/>
      <c r="NSH650" s="613"/>
      <c r="NSI650" s="613"/>
      <c r="NSJ650" s="613"/>
      <c r="NSK650" s="613"/>
      <c r="NSL650" s="613"/>
      <c r="NSM650" s="613"/>
      <c r="NSN650" s="613"/>
      <c r="NSO650" s="613"/>
      <c r="NSP650" s="613"/>
      <c r="NSQ650" s="613"/>
      <c r="NSR650" s="613"/>
      <c r="NSS650" s="613"/>
      <c r="NST650" s="613"/>
      <c r="NSU650" s="613"/>
      <c r="NSV650" s="613"/>
      <c r="NSW650" s="613"/>
      <c r="NSX650" s="613"/>
      <c r="NSY650" s="613"/>
      <c r="NSZ650" s="613"/>
      <c r="NTA650" s="613"/>
      <c r="NTB650" s="613"/>
      <c r="NTC650" s="613"/>
      <c r="NTD650" s="613"/>
      <c r="NTE650" s="613"/>
      <c r="NTF650" s="613"/>
      <c r="NTG650" s="613"/>
      <c r="NTH650" s="613"/>
      <c r="NTI650" s="613"/>
      <c r="NTJ650" s="613"/>
      <c r="NTK650" s="613"/>
      <c r="NTL650" s="613"/>
      <c r="NTM650" s="613"/>
      <c r="NTN650" s="613"/>
      <c r="NTO650" s="613"/>
      <c r="NTP650" s="613"/>
      <c r="NTQ650" s="613"/>
      <c r="NTR650" s="613"/>
      <c r="NTS650" s="613"/>
      <c r="NTT650" s="613"/>
      <c r="NTU650" s="613"/>
      <c r="NTV650" s="613"/>
      <c r="NTW650" s="613"/>
      <c r="NTX650" s="613"/>
      <c r="NTY650" s="613"/>
      <c r="NTZ650" s="613"/>
      <c r="NUA650" s="613"/>
      <c r="NUB650" s="613"/>
      <c r="NUC650" s="613"/>
      <c r="NUD650" s="613"/>
      <c r="NUE650" s="613"/>
      <c r="NUF650" s="613"/>
      <c r="NUG650" s="613"/>
      <c r="NUH650" s="613"/>
      <c r="NUI650" s="613"/>
      <c r="NUJ650" s="613"/>
      <c r="NUK650" s="613"/>
      <c r="NUL650" s="613"/>
      <c r="NUM650" s="613"/>
      <c r="NUN650" s="613"/>
      <c r="NUO650" s="613"/>
      <c r="NUP650" s="613"/>
      <c r="NUQ650" s="613"/>
      <c r="NUR650" s="613"/>
      <c r="NUS650" s="613"/>
      <c r="NUT650" s="613"/>
      <c r="NUU650" s="613"/>
      <c r="NUV650" s="613"/>
      <c r="NUW650" s="613"/>
      <c r="NUX650" s="613"/>
      <c r="NUY650" s="613"/>
      <c r="NUZ650" s="613"/>
      <c r="NVA650" s="613"/>
      <c r="NVB650" s="613"/>
      <c r="NVC650" s="613"/>
      <c r="NVD650" s="613"/>
      <c r="NVE650" s="613"/>
      <c r="NVF650" s="613"/>
      <c r="NVG650" s="613"/>
      <c r="NVH650" s="613"/>
      <c r="NVI650" s="613"/>
      <c r="NVJ650" s="613"/>
      <c r="NVK650" s="613"/>
      <c r="NVL650" s="613"/>
      <c r="NVM650" s="613"/>
      <c r="NVN650" s="613"/>
      <c r="NVO650" s="613"/>
      <c r="NVP650" s="613"/>
      <c r="NVQ650" s="613"/>
      <c r="NVR650" s="613"/>
      <c r="NVS650" s="613"/>
      <c r="NVT650" s="613"/>
      <c r="NVU650" s="613"/>
      <c r="NVV650" s="613"/>
      <c r="NVW650" s="613"/>
      <c r="NVX650" s="613"/>
      <c r="NVY650" s="613"/>
      <c r="NVZ650" s="613"/>
      <c r="NWA650" s="613"/>
      <c r="NWB650" s="613"/>
      <c r="NWC650" s="613"/>
      <c r="NWD650" s="613"/>
      <c r="NWE650" s="613"/>
      <c r="NWF650" s="613"/>
      <c r="NWG650" s="613"/>
      <c r="NWH650" s="613"/>
      <c r="NWI650" s="613"/>
      <c r="NWJ650" s="613"/>
      <c r="NWK650" s="613"/>
      <c r="NWL650" s="613"/>
      <c r="NWM650" s="613"/>
      <c r="NWN650" s="613"/>
      <c r="NWO650" s="613"/>
      <c r="NWP650" s="613"/>
      <c r="NWQ650" s="613"/>
      <c r="NWR650" s="613"/>
      <c r="NWS650" s="613"/>
      <c r="NWT650" s="613"/>
      <c r="NWU650" s="613"/>
      <c r="NWV650" s="613"/>
      <c r="NWW650" s="613"/>
      <c r="NWX650" s="613"/>
      <c r="NWY650" s="613"/>
      <c r="NWZ650" s="613"/>
      <c r="NXA650" s="613"/>
      <c r="NXB650" s="613"/>
      <c r="NXC650" s="613"/>
      <c r="NXD650" s="613"/>
      <c r="NXE650" s="613"/>
      <c r="NXF650" s="613"/>
      <c r="NXG650" s="613"/>
      <c r="NXH650" s="613"/>
      <c r="NXI650" s="613"/>
      <c r="NXJ650" s="613"/>
      <c r="NXK650" s="613"/>
      <c r="NXL650" s="613"/>
      <c r="NXM650" s="613"/>
      <c r="NXN650" s="613"/>
      <c r="NXO650" s="613"/>
      <c r="NXP650" s="613"/>
      <c r="NXQ650" s="613"/>
      <c r="NXR650" s="613"/>
      <c r="NXS650" s="613"/>
      <c r="NXT650" s="613"/>
      <c r="NXU650" s="613"/>
      <c r="NXV650" s="613"/>
      <c r="NXW650" s="613"/>
      <c r="NXX650" s="613"/>
      <c r="NXY650" s="613"/>
      <c r="NXZ650" s="613"/>
      <c r="NYA650" s="613"/>
      <c r="NYB650" s="613"/>
      <c r="NYC650" s="613"/>
      <c r="NYD650" s="613"/>
      <c r="NYE650" s="613"/>
      <c r="NYF650" s="613"/>
      <c r="NYG650" s="613"/>
      <c r="NYH650" s="613"/>
      <c r="NYI650" s="613"/>
      <c r="NYJ650" s="613"/>
      <c r="NYK650" s="613"/>
      <c r="NYL650" s="613"/>
      <c r="NYM650" s="613"/>
      <c r="NYN650" s="613"/>
      <c r="NYO650" s="613"/>
      <c r="NYP650" s="613"/>
      <c r="NYQ650" s="613"/>
      <c r="NYR650" s="613"/>
      <c r="NYS650" s="613"/>
      <c r="NYT650" s="613"/>
      <c r="NYU650" s="613"/>
      <c r="NYV650" s="613"/>
      <c r="NYW650" s="613"/>
      <c r="NYX650" s="613"/>
      <c r="NYY650" s="613"/>
      <c r="NYZ650" s="613"/>
      <c r="NZA650" s="613"/>
      <c r="NZB650" s="613"/>
      <c r="NZC650" s="613"/>
      <c r="NZD650" s="613"/>
      <c r="NZE650" s="613"/>
      <c r="NZF650" s="613"/>
      <c r="NZG650" s="613"/>
      <c r="NZH650" s="613"/>
      <c r="NZI650" s="613"/>
      <c r="NZJ650" s="613"/>
      <c r="NZK650" s="613"/>
      <c r="NZL650" s="613"/>
      <c r="NZM650" s="613"/>
      <c r="NZN650" s="613"/>
      <c r="NZO650" s="613"/>
      <c r="NZP650" s="613"/>
      <c r="NZQ650" s="613"/>
      <c r="NZR650" s="613"/>
      <c r="NZS650" s="613"/>
      <c r="NZT650" s="613"/>
      <c r="NZU650" s="613"/>
      <c r="NZV650" s="613"/>
      <c r="NZW650" s="613"/>
      <c r="NZX650" s="613"/>
      <c r="NZY650" s="613"/>
      <c r="NZZ650" s="613"/>
      <c r="OAA650" s="613"/>
      <c r="OAB650" s="613"/>
      <c r="OAC650" s="613"/>
      <c r="OAD650" s="613"/>
      <c r="OAE650" s="613"/>
      <c r="OAF650" s="613"/>
      <c r="OAG650" s="613"/>
      <c r="OAH650" s="613"/>
      <c r="OAI650" s="613"/>
      <c r="OAJ650" s="613"/>
      <c r="OAK650" s="613"/>
      <c r="OAL650" s="613"/>
      <c r="OAM650" s="613"/>
      <c r="OAN650" s="613"/>
      <c r="OAO650" s="613"/>
      <c r="OAP650" s="613"/>
      <c r="OAQ650" s="613"/>
      <c r="OAR650" s="613"/>
      <c r="OAS650" s="613"/>
      <c r="OAT650" s="613"/>
      <c r="OAU650" s="613"/>
      <c r="OAV650" s="613"/>
      <c r="OAW650" s="613"/>
      <c r="OAX650" s="613"/>
      <c r="OAY650" s="613"/>
      <c r="OAZ650" s="613"/>
      <c r="OBA650" s="613"/>
      <c r="OBB650" s="613"/>
      <c r="OBC650" s="613"/>
      <c r="OBD650" s="613"/>
      <c r="OBE650" s="613"/>
      <c r="OBF650" s="613"/>
      <c r="OBG650" s="613"/>
      <c r="OBH650" s="613"/>
      <c r="OBI650" s="613"/>
      <c r="OBJ650" s="613"/>
      <c r="OBK650" s="613"/>
      <c r="OBL650" s="613"/>
      <c r="OBM650" s="613"/>
      <c r="OBN650" s="613"/>
      <c r="OBO650" s="613"/>
      <c r="OBP650" s="613"/>
      <c r="OBQ650" s="613"/>
      <c r="OBR650" s="613"/>
      <c r="OBS650" s="613"/>
      <c r="OBT650" s="613"/>
      <c r="OBU650" s="613"/>
      <c r="OBV650" s="613"/>
      <c r="OBW650" s="613"/>
      <c r="OBX650" s="613"/>
      <c r="OBY650" s="613"/>
      <c r="OBZ650" s="613"/>
      <c r="OCA650" s="613"/>
      <c r="OCB650" s="613"/>
      <c r="OCC650" s="613"/>
      <c r="OCD650" s="613"/>
      <c r="OCE650" s="613"/>
      <c r="OCF650" s="613"/>
      <c r="OCG650" s="613"/>
      <c r="OCH650" s="613"/>
      <c r="OCI650" s="613"/>
      <c r="OCJ650" s="613"/>
      <c r="OCK650" s="613"/>
      <c r="OCL650" s="613"/>
      <c r="OCM650" s="613"/>
      <c r="OCN650" s="613"/>
      <c r="OCO650" s="613"/>
      <c r="OCP650" s="613"/>
      <c r="OCQ650" s="613"/>
      <c r="OCR650" s="613"/>
      <c r="OCS650" s="613"/>
      <c r="OCT650" s="613"/>
      <c r="OCU650" s="613"/>
      <c r="OCV650" s="613"/>
      <c r="OCW650" s="613"/>
      <c r="OCX650" s="613"/>
      <c r="OCY650" s="613"/>
      <c r="OCZ650" s="613"/>
      <c r="ODA650" s="613"/>
      <c r="ODB650" s="613"/>
      <c r="ODC650" s="613"/>
      <c r="ODD650" s="613"/>
      <c r="ODE650" s="613"/>
      <c r="ODF650" s="613"/>
      <c r="ODG650" s="613"/>
      <c r="ODH650" s="613"/>
      <c r="ODI650" s="613"/>
      <c r="ODJ650" s="613"/>
      <c r="ODK650" s="613"/>
      <c r="ODL650" s="613"/>
      <c r="ODM650" s="613"/>
      <c r="ODN650" s="613"/>
      <c r="ODO650" s="613"/>
      <c r="ODP650" s="613"/>
      <c r="ODQ650" s="613"/>
      <c r="ODR650" s="613"/>
      <c r="ODS650" s="613"/>
      <c r="ODT650" s="613"/>
      <c r="ODU650" s="613"/>
      <c r="ODV650" s="613"/>
      <c r="ODW650" s="613"/>
      <c r="ODX650" s="613"/>
      <c r="ODY650" s="613"/>
      <c r="ODZ650" s="613"/>
      <c r="OEA650" s="613"/>
      <c r="OEB650" s="613"/>
      <c r="OEC650" s="613"/>
      <c r="OED650" s="613"/>
      <c r="OEE650" s="613"/>
      <c r="OEF650" s="613"/>
      <c r="OEG650" s="613"/>
      <c r="OEH650" s="613"/>
      <c r="OEI650" s="613"/>
      <c r="OEJ650" s="613"/>
      <c r="OEK650" s="613"/>
      <c r="OEL650" s="613"/>
      <c r="OEM650" s="613"/>
      <c r="OEN650" s="613"/>
      <c r="OEO650" s="613"/>
      <c r="OEP650" s="613"/>
      <c r="OEQ650" s="613"/>
      <c r="OER650" s="613"/>
      <c r="OES650" s="613"/>
      <c r="OET650" s="613"/>
      <c r="OEU650" s="613"/>
      <c r="OEV650" s="613"/>
      <c r="OEW650" s="613"/>
      <c r="OEX650" s="613"/>
      <c r="OEY650" s="613"/>
      <c r="OEZ650" s="613"/>
      <c r="OFA650" s="613"/>
      <c r="OFB650" s="613"/>
      <c r="OFC650" s="613"/>
      <c r="OFD650" s="613"/>
      <c r="OFE650" s="613"/>
      <c r="OFF650" s="613"/>
      <c r="OFG650" s="613"/>
      <c r="OFH650" s="613"/>
      <c r="OFI650" s="613"/>
      <c r="OFJ650" s="613"/>
      <c r="OFK650" s="613"/>
      <c r="OFL650" s="613"/>
      <c r="OFM650" s="613"/>
      <c r="OFN650" s="613"/>
      <c r="OFO650" s="613"/>
      <c r="OFP650" s="613"/>
      <c r="OFQ650" s="613"/>
      <c r="OFR650" s="613"/>
      <c r="OFS650" s="613"/>
      <c r="OFT650" s="613"/>
      <c r="OFU650" s="613"/>
      <c r="OFV650" s="613"/>
      <c r="OFW650" s="613"/>
      <c r="OFX650" s="613"/>
      <c r="OFY650" s="613"/>
      <c r="OFZ650" s="613"/>
      <c r="OGA650" s="613"/>
      <c r="OGB650" s="613"/>
      <c r="OGC650" s="613"/>
      <c r="OGD650" s="613"/>
      <c r="OGE650" s="613"/>
      <c r="OGF650" s="613"/>
      <c r="OGG650" s="613"/>
      <c r="OGH650" s="613"/>
      <c r="OGI650" s="613"/>
      <c r="OGJ650" s="613"/>
      <c r="OGK650" s="613"/>
      <c r="OGL650" s="613"/>
      <c r="OGM650" s="613"/>
      <c r="OGN650" s="613"/>
      <c r="OGO650" s="613"/>
      <c r="OGP650" s="613"/>
      <c r="OGQ650" s="613"/>
      <c r="OGR650" s="613"/>
      <c r="OGS650" s="613"/>
      <c r="OGT650" s="613"/>
      <c r="OGU650" s="613"/>
      <c r="OGV650" s="613"/>
      <c r="OGW650" s="613"/>
      <c r="OGX650" s="613"/>
      <c r="OGY650" s="613"/>
      <c r="OGZ650" s="613"/>
      <c r="OHA650" s="613"/>
      <c r="OHB650" s="613"/>
      <c r="OHC650" s="613"/>
      <c r="OHD650" s="613"/>
      <c r="OHE650" s="613"/>
      <c r="OHF650" s="613"/>
      <c r="OHG650" s="613"/>
      <c r="OHH650" s="613"/>
      <c r="OHI650" s="613"/>
      <c r="OHJ650" s="613"/>
      <c r="OHK650" s="613"/>
      <c r="OHL650" s="613"/>
      <c r="OHM650" s="613"/>
      <c r="OHN650" s="613"/>
      <c r="OHO650" s="613"/>
      <c r="OHP650" s="613"/>
      <c r="OHQ650" s="613"/>
      <c r="OHR650" s="613"/>
      <c r="OHS650" s="613"/>
      <c r="OHT650" s="613"/>
      <c r="OHU650" s="613"/>
      <c r="OHV650" s="613"/>
      <c r="OHW650" s="613"/>
      <c r="OHX650" s="613"/>
      <c r="OHY650" s="613"/>
      <c r="OHZ650" s="613"/>
      <c r="OIA650" s="613"/>
      <c r="OIB650" s="613"/>
      <c r="OIC650" s="613"/>
      <c r="OID650" s="613"/>
      <c r="OIE650" s="613"/>
      <c r="OIF650" s="613"/>
      <c r="OIG650" s="613"/>
      <c r="OIH650" s="613"/>
      <c r="OII650" s="613"/>
      <c r="OIJ650" s="613"/>
      <c r="OIK650" s="613"/>
      <c r="OIL650" s="613"/>
      <c r="OIM650" s="613"/>
      <c r="OIN650" s="613"/>
      <c r="OIO650" s="613"/>
      <c r="OIP650" s="613"/>
      <c r="OIQ650" s="613"/>
      <c r="OIR650" s="613"/>
      <c r="OIS650" s="613"/>
      <c r="OIT650" s="613"/>
      <c r="OIU650" s="613"/>
      <c r="OIV650" s="613"/>
      <c r="OIW650" s="613"/>
      <c r="OIX650" s="613"/>
      <c r="OIY650" s="613"/>
      <c r="OIZ650" s="613"/>
      <c r="OJA650" s="613"/>
      <c r="OJB650" s="613"/>
      <c r="OJC650" s="613"/>
      <c r="OJD650" s="613"/>
      <c r="OJE650" s="613"/>
      <c r="OJF650" s="613"/>
      <c r="OJG650" s="613"/>
      <c r="OJH650" s="613"/>
      <c r="OJI650" s="613"/>
      <c r="OJJ650" s="613"/>
      <c r="OJK650" s="613"/>
      <c r="OJL650" s="613"/>
      <c r="OJM650" s="613"/>
      <c r="OJN650" s="613"/>
      <c r="OJO650" s="613"/>
      <c r="OJP650" s="613"/>
      <c r="OJQ650" s="613"/>
      <c r="OJR650" s="613"/>
      <c r="OJS650" s="613"/>
      <c r="OJT650" s="613"/>
      <c r="OJU650" s="613"/>
      <c r="OJV650" s="613"/>
      <c r="OJW650" s="613"/>
      <c r="OJX650" s="613"/>
      <c r="OJY650" s="613"/>
      <c r="OJZ650" s="613"/>
      <c r="OKA650" s="613"/>
      <c r="OKB650" s="613"/>
      <c r="OKC650" s="613"/>
      <c r="OKD650" s="613"/>
      <c r="OKE650" s="613"/>
      <c r="OKF650" s="613"/>
      <c r="OKG650" s="613"/>
      <c r="OKH650" s="613"/>
      <c r="OKI650" s="613"/>
      <c r="OKJ650" s="613"/>
      <c r="OKK650" s="613"/>
      <c r="OKL650" s="613"/>
      <c r="OKM650" s="613"/>
      <c r="OKN650" s="613"/>
      <c r="OKO650" s="613"/>
      <c r="OKP650" s="613"/>
      <c r="OKQ650" s="613"/>
      <c r="OKR650" s="613"/>
      <c r="OKS650" s="613"/>
      <c r="OKT650" s="613"/>
      <c r="OKU650" s="613"/>
      <c r="OKV650" s="613"/>
      <c r="OKW650" s="613"/>
      <c r="OKX650" s="613"/>
      <c r="OKY650" s="613"/>
      <c r="OKZ650" s="613"/>
      <c r="OLA650" s="613"/>
      <c r="OLB650" s="613"/>
      <c r="OLC650" s="613"/>
      <c r="OLD650" s="613"/>
      <c r="OLE650" s="613"/>
      <c r="OLF650" s="613"/>
      <c r="OLG650" s="613"/>
      <c r="OLH650" s="613"/>
      <c r="OLI650" s="613"/>
      <c r="OLJ650" s="613"/>
      <c r="OLK650" s="613"/>
      <c r="OLL650" s="613"/>
      <c r="OLM650" s="613"/>
      <c r="OLN650" s="613"/>
      <c r="OLO650" s="613"/>
      <c r="OLP650" s="613"/>
      <c r="OLQ650" s="613"/>
      <c r="OLR650" s="613"/>
      <c r="OLS650" s="613"/>
      <c r="OLT650" s="613"/>
      <c r="OLU650" s="613"/>
      <c r="OLV650" s="613"/>
      <c r="OLW650" s="613"/>
      <c r="OLX650" s="613"/>
      <c r="OLY650" s="613"/>
      <c r="OLZ650" s="613"/>
      <c r="OMA650" s="613"/>
      <c r="OMB650" s="613"/>
      <c r="OMC650" s="613"/>
      <c r="OMD650" s="613"/>
      <c r="OME650" s="613"/>
      <c r="OMF650" s="613"/>
      <c r="OMG650" s="613"/>
      <c r="OMH650" s="613"/>
      <c r="OMI650" s="613"/>
      <c r="OMJ650" s="613"/>
      <c r="OMK650" s="613"/>
      <c r="OML650" s="613"/>
      <c r="OMM650" s="613"/>
      <c r="OMN650" s="613"/>
      <c r="OMO650" s="613"/>
      <c r="OMP650" s="613"/>
      <c r="OMQ650" s="613"/>
      <c r="OMR650" s="613"/>
      <c r="OMS650" s="613"/>
      <c r="OMT650" s="613"/>
      <c r="OMU650" s="613"/>
      <c r="OMV650" s="613"/>
      <c r="OMW650" s="613"/>
      <c r="OMX650" s="613"/>
      <c r="OMY650" s="613"/>
      <c r="OMZ650" s="613"/>
      <c r="ONA650" s="613"/>
      <c r="ONB650" s="613"/>
      <c r="ONC650" s="613"/>
      <c r="OND650" s="613"/>
      <c r="ONE650" s="613"/>
      <c r="ONF650" s="613"/>
      <c r="ONG650" s="613"/>
      <c r="ONH650" s="613"/>
      <c r="ONI650" s="613"/>
      <c r="ONJ650" s="613"/>
      <c r="ONK650" s="613"/>
      <c r="ONL650" s="613"/>
      <c r="ONM650" s="613"/>
      <c r="ONN650" s="613"/>
      <c r="ONO650" s="613"/>
      <c r="ONP650" s="613"/>
      <c r="ONQ650" s="613"/>
      <c r="ONR650" s="613"/>
      <c r="ONS650" s="613"/>
      <c r="ONT650" s="613"/>
      <c r="ONU650" s="613"/>
      <c r="ONV650" s="613"/>
      <c r="ONW650" s="613"/>
      <c r="ONX650" s="613"/>
      <c r="ONY650" s="613"/>
      <c r="ONZ650" s="613"/>
      <c r="OOA650" s="613"/>
      <c r="OOB650" s="613"/>
      <c r="OOC650" s="613"/>
      <c r="OOD650" s="613"/>
      <c r="OOE650" s="613"/>
      <c r="OOF650" s="613"/>
      <c r="OOG650" s="613"/>
      <c r="OOH650" s="613"/>
      <c r="OOI650" s="613"/>
      <c r="OOJ650" s="613"/>
      <c r="OOK650" s="613"/>
      <c r="OOL650" s="613"/>
      <c r="OOM650" s="613"/>
      <c r="OON650" s="613"/>
      <c r="OOO650" s="613"/>
      <c r="OOP650" s="613"/>
      <c r="OOQ650" s="613"/>
      <c r="OOR650" s="613"/>
      <c r="OOS650" s="613"/>
      <c r="OOT650" s="613"/>
      <c r="OOU650" s="613"/>
      <c r="OOV650" s="613"/>
      <c r="OOW650" s="613"/>
      <c r="OOX650" s="613"/>
      <c r="OOY650" s="613"/>
      <c r="OOZ650" s="613"/>
      <c r="OPA650" s="613"/>
      <c r="OPB650" s="613"/>
      <c r="OPC650" s="613"/>
      <c r="OPD650" s="613"/>
      <c r="OPE650" s="613"/>
      <c r="OPF650" s="613"/>
      <c r="OPG650" s="613"/>
      <c r="OPH650" s="613"/>
      <c r="OPI650" s="613"/>
      <c r="OPJ650" s="613"/>
      <c r="OPK650" s="613"/>
      <c r="OPL650" s="613"/>
      <c r="OPM650" s="613"/>
      <c r="OPN650" s="613"/>
      <c r="OPO650" s="613"/>
      <c r="OPP650" s="613"/>
      <c r="OPQ650" s="613"/>
      <c r="OPR650" s="613"/>
      <c r="OPS650" s="613"/>
      <c r="OPT650" s="613"/>
      <c r="OPU650" s="613"/>
      <c r="OPV650" s="613"/>
      <c r="OPW650" s="613"/>
      <c r="OPX650" s="613"/>
      <c r="OPY650" s="613"/>
      <c r="OPZ650" s="613"/>
      <c r="OQA650" s="613"/>
      <c r="OQB650" s="613"/>
      <c r="OQC650" s="613"/>
      <c r="OQD650" s="613"/>
      <c r="OQE650" s="613"/>
      <c r="OQF650" s="613"/>
      <c r="OQG650" s="613"/>
      <c r="OQH650" s="613"/>
      <c r="OQI650" s="613"/>
      <c r="OQJ650" s="613"/>
      <c r="OQK650" s="613"/>
      <c r="OQL650" s="613"/>
      <c r="OQM650" s="613"/>
      <c r="OQN650" s="613"/>
      <c r="OQO650" s="613"/>
      <c r="OQP650" s="613"/>
      <c r="OQQ650" s="613"/>
      <c r="OQR650" s="613"/>
      <c r="OQS650" s="613"/>
      <c r="OQT650" s="613"/>
      <c r="OQU650" s="613"/>
      <c r="OQV650" s="613"/>
      <c r="OQW650" s="613"/>
      <c r="OQX650" s="613"/>
      <c r="OQY650" s="613"/>
      <c r="OQZ650" s="613"/>
      <c r="ORA650" s="613"/>
      <c r="ORB650" s="613"/>
      <c r="ORC650" s="613"/>
      <c r="ORD650" s="613"/>
      <c r="ORE650" s="613"/>
      <c r="ORF650" s="613"/>
      <c r="ORG650" s="613"/>
      <c r="ORH650" s="613"/>
      <c r="ORI650" s="613"/>
      <c r="ORJ650" s="613"/>
      <c r="ORK650" s="613"/>
      <c r="ORL650" s="613"/>
      <c r="ORM650" s="613"/>
      <c r="ORN650" s="613"/>
      <c r="ORO650" s="613"/>
      <c r="ORP650" s="613"/>
      <c r="ORQ650" s="613"/>
      <c r="ORR650" s="613"/>
      <c r="ORS650" s="613"/>
      <c r="ORT650" s="613"/>
      <c r="ORU650" s="613"/>
      <c r="ORV650" s="613"/>
      <c r="ORW650" s="613"/>
      <c r="ORX650" s="613"/>
      <c r="ORY650" s="613"/>
      <c r="ORZ650" s="613"/>
      <c r="OSA650" s="613"/>
      <c r="OSB650" s="613"/>
      <c r="OSC650" s="613"/>
      <c r="OSD650" s="613"/>
      <c r="OSE650" s="613"/>
      <c r="OSF650" s="613"/>
      <c r="OSG650" s="613"/>
      <c r="OSH650" s="613"/>
      <c r="OSI650" s="613"/>
      <c r="OSJ650" s="613"/>
      <c r="OSK650" s="613"/>
      <c r="OSL650" s="613"/>
      <c r="OSM650" s="613"/>
      <c r="OSN650" s="613"/>
      <c r="OSO650" s="613"/>
      <c r="OSP650" s="613"/>
      <c r="OSQ650" s="613"/>
      <c r="OSR650" s="613"/>
      <c r="OSS650" s="613"/>
      <c r="OST650" s="613"/>
      <c r="OSU650" s="613"/>
      <c r="OSV650" s="613"/>
      <c r="OSW650" s="613"/>
      <c r="OSX650" s="613"/>
      <c r="OSY650" s="613"/>
      <c r="OSZ650" s="613"/>
      <c r="OTA650" s="613"/>
      <c r="OTB650" s="613"/>
      <c r="OTC650" s="613"/>
      <c r="OTD650" s="613"/>
      <c r="OTE650" s="613"/>
      <c r="OTF650" s="613"/>
      <c r="OTG650" s="613"/>
      <c r="OTH650" s="613"/>
      <c r="OTI650" s="613"/>
      <c r="OTJ650" s="613"/>
      <c r="OTK650" s="613"/>
      <c r="OTL650" s="613"/>
      <c r="OTM650" s="613"/>
      <c r="OTN650" s="613"/>
      <c r="OTO650" s="613"/>
      <c r="OTP650" s="613"/>
      <c r="OTQ650" s="613"/>
      <c r="OTR650" s="613"/>
      <c r="OTS650" s="613"/>
      <c r="OTT650" s="613"/>
      <c r="OTU650" s="613"/>
      <c r="OTV650" s="613"/>
      <c r="OTW650" s="613"/>
      <c r="OTX650" s="613"/>
      <c r="OTY650" s="613"/>
      <c r="OTZ650" s="613"/>
      <c r="OUA650" s="613"/>
      <c r="OUB650" s="613"/>
      <c r="OUC650" s="613"/>
      <c r="OUD650" s="613"/>
      <c r="OUE650" s="613"/>
      <c r="OUF650" s="613"/>
      <c r="OUG650" s="613"/>
      <c r="OUH650" s="613"/>
      <c r="OUI650" s="613"/>
      <c r="OUJ650" s="613"/>
      <c r="OUK650" s="613"/>
      <c r="OUL650" s="613"/>
      <c r="OUM650" s="613"/>
      <c r="OUN650" s="613"/>
      <c r="OUO650" s="613"/>
      <c r="OUP650" s="613"/>
      <c r="OUQ650" s="613"/>
      <c r="OUR650" s="613"/>
      <c r="OUS650" s="613"/>
      <c r="OUT650" s="613"/>
      <c r="OUU650" s="613"/>
      <c r="OUV650" s="613"/>
      <c r="OUW650" s="613"/>
      <c r="OUX650" s="613"/>
      <c r="OUY650" s="613"/>
      <c r="OUZ650" s="613"/>
      <c r="OVA650" s="613"/>
      <c r="OVB650" s="613"/>
      <c r="OVC650" s="613"/>
      <c r="OVD650" s="613"/>
      <c r="OVE650" s="613"/>
      <c r="OVF650" s="613"/>
      <c r="OVG650" s="613"/>
      <c r="OVH650" s="613"/>
      <c r="OVI650" s="613"/>
      <c r="OVJ650" s="613"/>
      <c r="OVK650" s="613"/>
      <c r="OVL650" s="613"/>
      <c r="OVM650" s="613"/>
      <c r="OVN650" s="613"/>
      <c r="OVO650" s="613"/>
      <c r="OVP650" s="613"/>
      <c r="OVQ650" s="613"/>
      <c r="OVR650" s="613"/>
      <c r="OVS650" s="613"/>
      <c r="OVT650" s="613"/>
      <c r="OVU650" s="613"/>
      <c r="OVV650" s="613"/>
      <c r="OVW650" s="613"/>
      <c r="OVX650" s="613"/>
      <c r="OVY650" s="613"/>
      <c r="OVZ650" s="613"/>
      <c r="OWA650" s="613"/>
      <c r="OWB650" s="613"/>
      <c r="OWC650" s="613"/>
      <c r="OWD650" s="613"/>
      <c r="OWE650" s="613"/>
      <c r="OWF650" s="613"/>
      <c r="OWG650" s="613"/>
      <c r="OWH650" s="613"/>
      <c r="OWI650" s="613"/>
      <c r="OWJ650" s="613"/>
      <c r="OWK650" s="613"/>
      <c r="OWL650" s="613"/>
      <c r="OWM650" s="613"/>
      <c r="OWN650" s="613"/>
      <c r="OWO650" s="613"/>
      <c r="OWP650" s="613"/>
      <c r="OWQ650" s="613"/>
      <c r="OWR650" s="613"/>
      <c r="OWS650" s="613"/>
      <c r="OWT650" s="613"/>
      <c r="OWU650" s="613"/>
      <c r="OWV650" s="613"/>
      <c r="OWW650" s="613"/>
      <c r="OWX650" s="613"/>
      <c r="OWY650" s="613"/>
      <c r="OWZ650" s="613"/>
      <c r="OXA650" s="613"/>
      <c r="OXB650" s="613"/>
      <c r="OXC650" s="613"/>
      <c r="OXD650" s="613"/>
      <c r="OXE650" s="613"/>
      <c r="OXF650" s="613"/>
      <c r="OXG650" s="613"/>
      <c r="OXH650" s="613"/>
      <c r="OXI650" s="613"/>
      <c r="OXJ650" s="613"/>
      <c r="OXK650" s="613"/>
      <c r="OXL650" s="613"/>
      <c r="OXM650" s="613"/>
      <c r="OXN650" s="613"/>
      <c r="OXO650" s="613"/>
      <c r="OXP650" s="613"/>
      <c r="OXQ650" s="613"/>
      <c r="OXR650" s="613"/>
      <c r="OXS650" s="613"/>
      <c r="OXT650" s="613"/>
      <c r="OXU650" s="613"/>
      <c r="OXV650" s="613"/>
      <c r="OXW650" s="613"/>
      <c r="OXX650" s="613"/>
      <c r="OXY650" s="613"/>
      <c r="OXZ650" s="613"/>
      <c r="OYA650" s="613"/>
      <c r="OYB650" s="613"/>
      <c r="OYC650" s="613"/>
      <c r="OYD650" s="613"/>
      <c r="OYE650" s="613"/>
      <c r="OYF650" s="613"/>
      <c r="OYG650" s="613"/>
      <c r="OYH650" s="613"/>
      <c r="OYI650" s="613"/>
      <c r="OYJ650" s="613"/>
      <c r="OYK650" s="613"/>
      <c r="OYL650" s="613"/>
      <c r="OYM650" s="613"/>
      <c r="OYN650" s="613"/>
      <c r="OYO650" s="613"/>
      <c r="OYP650" s="613"/>
      <c r="OYQ650" s="613"/>
      <c r="OYR650" s="613"/>
      <c r="OYS650" s="613"/>
      <c r="OYT650" s="613"/>
      <c r="OYU650" s="613"/>
      <c r="OYV650" s="613"/>
      <c r="OYW650" s="613"/>
      <c r="OYX650" s="613"/>
      <c r="OYY650" s="613"/>
      <c r="OYZ650" s="613"/>
      <c r="OZA650" s="613"/>
      <c r="OZB650" s="613"/>
      <c r="OZC650" s="613"/>
      <c r="OZD650" s="613"/>
      <c r="OZE650" s="613"/>
      <c r="OZF650" s="613"/>
      <c r="OZG650" s="613"/>
      <c r="OZH650" s="613"/>
      <c r="OZI650" s="613"/>
      <c r="OZJ650" s="613"/>
      <c r="OZK650" s="613"/>
      <c r="OZL650" s="613"/>
      <c r="OZM650" s="613"/>
      <c r="OZN650" s="613"/>
      <c r="OZO650" s="613"/>
      <c r="OZP650" s="613"/>
      <c r="OZQ650" s="613"/>
      <c r="OZR650" s="613"/>
      <c r="OZS650" s="613"/>
      <c r="OZT650" s="613"/>
      <c r="OZU650" s="613"/>
      <c r="OZV650" s="613"/>
      <c r="OZW650" s="613"/>
      <c r="OZX650" s="613"/>
      <c r="OZY650" s="613"/>
      <c r="OZZ650" s="613"/>
      <c r="PAA650" s="613"/>
      <c r="PAB650" s="613"/>
      <c r="PAC650" s="613"/>
      <c r="PAD650" s="613"/>
      <c r="PAE650" s="613"/>
      <c r="PAF650" s="613"/>
      <c r="PAG650" s="613"/>
      <c r="PAH650" s="613"/>
      <c r="PAI650" s="613"/>
      <c r="PAJ650" s="613"/>
      <c r="PAK650" s="613"/>
      <c r="PAL650" s="613"/>
      <c r="PAM650" s="613"/>
      <c r="PAN650" s="613"/>
      <c r="PAO650" s="613"/>
      <c r="PAP650" s="613"/>
      <c r="PAQ650" s="613"/>
      <c r="PAR650" s="613"/>
      <c r="PAS650" s="613"/>
      <c r="PAT650" s="613"/>
      <c r="PAU650" s="613"/>
      <c r="PAV650" s="613"/>
      <c r="PAW650" s="613"/>
      <c r="PAX650" s="613"/>
      <c r="PAY650" s="613"/>
      <c r="PAZ650" s="613"/>
      <c r="PBA650" s="613"/>
      <c r="PBB650" s="613"/>
      <c r="PBC650" s="613"/>
      <c r="PBD650" s="613"/>
      <c r="PBE650" s="613"/>
      <c r="PBF650" s="613"/>
      <c r="PBG650" s="613"/>
      <c r="PBH650" s="613"/>
      <c r="PBI650" s="613"/>
      <c r="PBJ650" s="613"/>
      <c r="PBK650" s="613"/>
      <c r="PBL650" s="613"/>
      <c r="PBM650" s="613"/>
      <c r="PBN650" s="613"/>
      <c r="PBO650" s="613"/>
      <c r="PBP650" s="613"/>
      <c r="PBQ650" s="613"/>
      <c r="PBR650" s="613"/>
      <c r="PBS650" s="613"/>
      <c r="PBT650" s="613"/>
      <c r="PBU650" s="613"/>
      <c r="PBV650" s="613"/>
      <c r="PBW650" s="613"/>
      <c r="PBX650" s="613"/>
      <c r="PBY650" s="613"/>
      <c r="PBZ650" s="613"/>
      <c r="PCA650" s="613"/>
      <c r="PCB650" s="613"/>
      <c r="PCC650" s="613"/>
      <c r="PCD650" s="613"/>
      <c r="PCE650" s="613"/>
      <c r="PCF650" s="613"/>
      <c r="PCG650" s="613"/>
      <c r="PCH650" s="613"/>
      <c r="PCI650" s="613"/>
      <c r="PCJ650" s="613"/>
      <c r="PCK650" s="613"/>
      <c r="PCL650" s="613"/>
      <c r="PCM650" s="613"/>
      <c r="PCN650" s="613"/>
      <c r="PCO650" s="613"/>
      <c r="PCP650" s="613"/>
      <c r="PCQ650" s="613"/>
      <c r="PCR650" s="613"/>
      <c r="PCS650" s="613"/>
      <c r="PCT650" s="613"/>
      <c r="PCU650" s="613"/>
      <c r="PCV650" s="613"/>
      <c r="PCW650" s="613"/>
      <c r="PCX650" s="613"/>
      <c r="PCY650" s="613"/>
      <c r="PCZ650" s="613"/>
      <c r="PDA650" s="613"/>
      <c r="PDB650" s="613"/>
      <c r="PDC650" s="613"/>
      <c r="PDD650" s="613"/>
      <c r="PDE650" s="613"/>
      <c r="PDF650" s="613"/>
      <c r="PDG650" s="613"/>
      <c r="PDH650" s="613"/>
      <c r="PDI650" s="613"/>
      <c r="PDJ650" s="613"/>
      <c r="PDK650" s="613"/>
      <c r="PDL650" s="613"/>
      <c r="PDM650" s="613"/>
      <c r="PDN650" s="613"/>
      <c r="PDO650" s="613"/>
      <c r="PDP650" s="613"/>
      <c r="PDQ650" s="613"/>
      <c r="PDR650" s="613"/>
      <c r="PDS650" s="613"/>
      <c r="PDT650" s="613"/>
      <c r="PDU650" s="613"/>
      <c r="PDV650" s="613"/>
      <c r="PDW650" s="613"/>
      <c r="PDX650" s="613"/>
      <c r="PDY650" s="613"/>
      <c r="PDZ650" s="613"/>
      <c r="PEA650" s="613"/>
      <c r="PEB650" s="613"/>
      <c r="PEC650" s="613"/>
      <c r="PED650" s="613"/>
      <c r="PEE650" s="613"/>
      <c r="PEF650" s="613"/>
      <c r="PEG650" s="613"/>
      <c r="PEH650" s="613"/>
      <c r="PEI650" s="613"/>
      <c r="PEJ650" s="613"/>
      <c r="PEK650" s="613"/>
      <c r="PEL650" s="613"/>
      <c r="PEM650" s="613"/>
      <c r="PEN650" s="613"/>
      <c r="PEO650" s="613"/>
      <c r="PEP650" s="613"/>
      <c r="PEQ650" s="613"/>
      <c r="PER650" s="613"/>
      <c r="PES650" s="613"/>
      <c r="PET650" s="613"/>
      <c r="PEU650" s="613"/>
      <c r="PEV650" s="613"/>
      <c r="PEW650" s="613"/>
      <c r="PEX650" s="613"/>
      <c r="PEY650" s="613"/>
      <c r="PEZ650" s="613"/>
      <c r="PFA650" s="613"/>
      <c r="PFB650" s="613"/>
      <c r="PFC650" s="613"/>
      <c r="PFD650" s="613"/>
      <c r="PFE650" s="613"/>
      <c r="PFF650" s="613"/>
      <c r="PFG650" s="613"/>
      <c r="PFH650" s="613"/>
      <c r="PFI650" s="613"/>
      <c r="PFJ650" s="613"/>
      <c r="PFK650" s="613"/>
      <c r="PFL650" s="613"/>
      <c r="PFM650" s="613"/>
      <c r="PFN650" s="613"/>
      <c r="PFO650" s="613"/>
      <c r="PFP650" s="613"/>
      <c r="PFQ650" s="613"/>
      <c r="PFR650" s="613"/>
      <c r="PFS650" s="613"/>
      <c r="PFT650" s="613"/>
      <c r="PFU650" s="613"/>
      <c r="PFV650" s="613"/>
      <c r="PFW650" s="613"/>
      <c r="PFX650" s="613"/>
      <c r="PFY650" s="613"/>
      <c r="PFZ650" s="613"/>
      <c r="PGA650" s="613"/>
      <c r="PGB650" s="613"/>
      <c r="PGC650" s="613"/>
      <c r="PGD650" s="613"/>
      <c r="PGE650" s="613"/>
      <c r="PGF650" s="613"/>
      <c r="PGG650" s="613"/>
      <c r="PGH650" s="613"/>
      <c r="PGI650" s="613"/>
      <c r="PGJ650" s="613"/>
      <c r="PGK650" s="613"/>
      <c r="PGL650" s="613"/>
      <c r="PGM650" s="613"/>
      <c r="PGN650" s="613"/>
      <c r="PGO650" s="613"/>
      <c r="PGP650" s="613"/>
      <c r="PGQ650" s="613"/>
      <c r="PGR650" s="613"/>
      <c r="PGS650" s="613"/>
      <c r="PGT650" s="613"/>
      <c r="PGU650" s="613"/>
      <c r="PGV650" s="613"/>
      <c r="PGW650" s="613"/>
      <c r="PGX650" s="613"/>
      <c r="PGY650" s="613"/>
      <c r="PGZ650" s="613"/>
      <c r="PHA650" s="613"/>
      <c r="PHB650" s="613"/>
      <c r="PHC650" s="613"/>
      <c r="PHD650" s="613"/>
      <c r="PHE650" s="613"/>
      <c r="PHF650" s="613"/>
      <c r="PHG650" s="613"/>
      <c r="PHH650" s="613"/>
      <c r="PHI650" s="613"/>
      <c r="PHJ650" s="613"/>
      <c r="PHK650" s="613"/>
      <c r="PHL650" s="613"/>
      <c r="PHM650" s="613"/>
      <c r="PHN650" s="613"/>
      <c r="PHO650" s="613"/>
      <c r="PHP650" s="613"/>
      <c r="PHQ650" s="613"/>
      <c r="PHR650" s="613"/>
      <c r="PHS650" s="613"/>
      <c r="PHT650" s="613"/>
      <c r="PHU650" s="613"/>
      <c r="PHV650" s="613"/>
      <c r="PHW650" s="613"/>
      <c r="PHX650" s="613"/>
      <c r="PHY650" s="613"/>
      <c r="PHZ650" s="613"/>
      <c r="PIA650" s="613"/>
      <c r="PIB650" s="613"/>
      <c r="PIC650" s="613"/>
      <c r="PID650" s="613"/>
      <c r="PIE650" s="613"/>
      <c r="PIF650" s="613"/>
      <c r="PIG650" s="613"/>
      <c r="PIH650" s="613"/>
      <c r="PII650" s="613"/>
      <c r="PIJ650" s="613"/>
      <c r="PIK650" s="613"/>
      <c r="PIL650" s="613"/>
      <c r="PIM650" s="613"/>
      <c r="PIN650" s="613"/>
      <c r="PIO650" s="613"/>
      <c r="PIP650" s="613"/>
      <c r="PIQ650" s="613"/>
      <c r="PIR650" s="613"/>
      <c r="PIS650" s="613"/>
      <c r="PIT650" s="613"/>
      <c r="PIU650" s="613"/>
      <c r="PIV650" s="613"/>
      <c r="PIW650" s="613"/>
      <c r="PIX650" s="613"/>
      <c r="PIY650" s="613"/>
      <c r="PIZ650" s="613"/>
      <c r="PJA650" s="613"/>
      <c r="PJB650" s="613"/>
      <c r="PJC650" s="613"/>
      <c r="PJD650" s="613"/>
      <c r="PJE650" s="613"/>
      <c r="PJF650" s="613"/>
      <c r="PJG650" s="613"/>
      <c r="PJH650" s="613"/>
      <c r="PJI650" s="613"/>
      <c r="PJJ650" s="613"/>
      <c r="PJK650" s="613"/>
      <c r="PJL650" s="613"/>
      <c r="PJM650" s="613"/>
      <c r="PJN650" s="613"/>
      <c r="PJO650" s="613"/>
      <c r="PJP650" s="613"/>
      <c r="PJQ650" s="613"/>
      <c r="PJR650" s="613"/>
      <c r="PJS650" s="613"/>
      <c r="PJT650" s="613"/>
      <c r="PJU650" s="613"/>
      <c r="PJV650" s="613"/>
      <c r="PJW650" s="613"/>
      <c r="PJX650" s="613"/>
      <c r="PJY650" s="613"/>
      <c r="PJZ650" s="613"/>
      <c r="PKA650" s="613"/>
      <c r="PKB650" s="613"/>
      <c r="PKC650" s="613"/>
      <c r="PKD650" s="613"/>
      <c r="PKE650" s="613"/>
      <c r="PKF650" s="613"/>
      <c r="PKG650" s="613"/>
      <c r="PKH650" s="613"/>
      <c r="PKI650" s="613"/>
      <c r="PKJ650" s="613"/>
      <c r="PKK650" s="613"/>
      <c r="PKL650" s="613"/>
      <c r="PKM650" s="613"/>
      <c r="PKN650" s="613"/>
      <c r="PKO650" s="613"/>
      <c r="PKP650" s="613"/>
      <c r="PKQ650" s="613"/>
      <c r="PKR650" s="613"/>
      <c r="PKS650" s="613"/>
      <c r="PKT650" s="613"/>
      <c r="PKU650" s="613"/>
      <c r="PKV650" s="613"/>
      <c r="PKW650" s="613"/>
      <c r="PKX650" s="613"/>
      <c r="PKY650" s="613"/>
      <c r="PKZ650" s="613"/>
      <c r="PLA650" s="613"/>
      <c r="PLB650" s="613"/>
      <c r="PLC650" s="613"/>
      <c r="PLD650" s="613"/>
      <c r="PLE650" s="613"/>
      <c r="PLF650" s="613"/>
      <c r="PLG650" s="613"/>
      <c r="PLH650" s="613"/>
      <c r="PLI650" s="613"/>
      <c r="PLJ650" s="613"/>
      <c r="PLK650" s="613"/>
      <c r="PLL650" s="613"/>
      <c r="PLM650" s="613"/>
      <c r="PLN650" s="613"/>
      <c r="PLO650" s="613"/>
      <c r="PLP650" s="613"/>
      <c r="PLQ650" s="613"/>
      <c r="PLR650" s="613"/>
      <c r="PLS650" s="613"/>
      <c r="PLT650" s="613"/>
      <c r="PLU650" s="613"/>
      <c r="PLV650" s="613"/>
      <c r="PLW650" s="613"/>
      <c r="PLX650" s="613"/>
      <c r="PLY650" s="613"/>
      <c r="PLZ650" s="613"/>
      <c r="PMA650" s="613"/>
      <c r="PMB650" s="613"/>
      <c r="PMC650" s="613"/>
      <c r="PMD650" s="613"/>
      <c r="PME650" s="613"/>
      <c r="PMF650" s="613"/>
      <c r="PMG650" s="613"/>
      <c r="PMH650" s="613"/>
      <c r="PMI650" s="613"/>
      <c r="PMJ650" s="613"/>
      <c r="PMK650" s="613"/>
      <c r="PML650" s="613"/>
      <c r="PMM650" s="613"/>
      <c r="PMN650" s="613"/>
      <c r="PMO650" s="613"/>
      <c r="PMP650" s="613"/>
      <c r="PMQ650" s="613"/>
      <c r="PMR650" s="613"/>
      <c r="PMS650" s="613"/>
      <c r="PMT650" s="613"/>
      <c r="PMU650" s="613"/>
      <c r="PMV650" s="613"/>
      <c r="PMW650" s="613"/>
      <c r="PMX650" s="613"/>
      <c r="PMY650" s="613"/>
      <c r="PMZ650" s="613"/>
      <c r="PNA650" s="613"/>
      <c r="PNB650" s="613"/>
      <c r="PNC650" s="613"/>
      <c r="PND650" s="613"/>
      <c r="PNE650" s="613"/>
      <c r="PNF650" s="613"/>
      <c r="PNG650" s="613"/>
      <c r="PNH650" s="613"/>
      <c r="PNI650" s="613"/>
      <c r="PNJ650" s="613"/>
      <c r="PNK650" s="613"/>
      <c r="PNL650" s="613"/>
      <c r="PNM650" s="613"/>
      <c r="PNN650" s="613"/>
      <c r="PNO650" s="613"/>
      <c r="PNP650" s="613"/>
      <c r="PNQ650" s="613"/>
      <c r="PNR650" s="613"/>
      <c r="PNS650" s="613"/>
      <c r="PNT650" s="613"/>
      <c r="PNU650" s="613"/>
      <c r="PNV650" s="613"/>
      <c r="PNW650" s="613"/>
      <c r="PNX650" s="613"/>
      <c r="PNY650" s="613"/>
      <c r="PNZ650" s="613"/>
      <c r="POA650" s="613"/>
      <c r="POB650" s="613"/>
      <c r="POC650" s="613"/>
      <c r="POD650" s="613"/>
      <c r="POE650" s="613"/>
      <c r="POF650" s="613"/>
      <c r="POG650" s="613"/>
      <c r="POH650" s="613"/>
      <c r="POI650" s="613"/>
      <c r="POJ650" s="613"/>
      <c r="POK650" s="613"/>
      <c r="POL650" s="613"/>
      <c r="POM650" s="613"/>
      <c r="PON650" s="613"/>
      <c r="POO650" s="613"/>
      <c r="POP650" s="613"/>
      <c r="POQ650" s="613"/>
      <c r="POR650" s="613"/>
      <c r="POS650" s="613"/>
      <c r="POT650" s="613"/>
      <c r="POU650" s="613"/>
      <c r="POV650" s="613"/>
      <c r="POW650" s="613"/>
      <c r="POX650" s="613"/>
      <c r="POY650" s="613"/>
      <c r="POZ650" s="613"/>
      <c r="PPA650" s="613"/>
      <c r="PPB650" s="613"/>
      <c r="PPC650" s="613"/>
      <c r="PPD650" s="613"/>
      <c r="PPE650" s="613"/>
      <c r="PPF650" s="613"/>
      <c r="PPG650" s="613"/>
      <c r="PPH650" s="613"/>
      <c r="PPI650" s="613"/>
      <c r="PPJ650" s="613"/>
      <c r="PPK650" s="613"/>
      <c r="PPL650" s="613"/>
      <c r="PPM650" s="613"/>
      <c r="PPN650" s="613"/>
      <c r="PPO650" s="613"/>
      <c r="PPP650" s="613"/>
      <c r="PPQ650" s="613"/>
      <c r="PPR650" s="613"/>
      <c r="PPS650" s="613"/>
      <c r="PPT650" s="613"/>
      <c r="PPU650" s="613"/>
      <c r="PPV650" s="613"/>
      <c r="PPW650" s="613"/>
      <c r="PPX650" s="613"/>
      <c r="PPY650" s="613"/>
      <c r="PPZ650" s="613"/>
      <c r="PQA650" s="613"/>
      <c r="PQB650" s="613"/>
      <c r="PQC650" s="613"/>
      <c r="PQD650" s="613"/>
      <c r="PQE650" s="613"/>
      <c r="PQF650" s="613"/>
      <c r="PQG650" s="613"/>
      <c r="PQH650" s="613"/>
      <c r="PQI650" s="613"/>
      <c r="PQJ650" s="613"/>
      <c r="PQK650" s="613"/>
      <c r="PQL650" s="613"/>
      <c r="PQM650" s="613"/>
      <c r="PQN650" s="613"/>
      <c r="PQO650" s="613"/>
      <c r="PQP650" s="613"/>
      <c r="PQQ650" s="613"/>
      <c r="PQR650" s="613"/>
      <c r="PQS650" s="613"/>
      <c r="PQT650" s="613"/>
      <c r="PQU650" s="613"/>
      <c r="PQV650" s="613"/>
      <c r="PQW650" s="613"/>
      <c r="PQX650" s="613"/>
      <c r="PQY650" s="613"/>
      <c r="PQZ650" s="613"/>
      <c r="PRA650" s="613"/>
      <c r="PRB650" s="613"/>
      <c r="PRC650" s="613"/>
      <c r="PRD650" s="613"/>
      <c r="PRE650" s="613"/>
      <c r="PRF650" s="613"/>
      <c r="PRG650" s="613"/>
      <c r="PRH650" s="613"/>
      <c r="PRI650" s="613"/>
      <c r="PRJ650" s="613"/>
      <c r="PRK650" s="613"/>
      <c r="PRL650" s="613"/>
      <c r="PRM650" s="613"/>
      <c r="PRN650" s="613"/>
      <c r="PRO650" s="613"/>
      <c r="PRP650" s="613"/>
      <c r="PRQ650" s="613"/>
      <c r="PRR650" s="613"/>
      <c r="PRS650" s="613"/>
      <c r="PRT650" s="613"/>
      <c r="PRU650" s="613"/>
      <c r="PRV650" s="613"/>
      <c r="PRW650" s="613"/>
      <c r="PRX650" s="613"/>
      <c r="PRY650" s="613"/>
      <c r="PRZ650" s="613"/>
      <c r="PSA650" s="613"/>
      <c r="PSB650" s="613"/>
      <c r="PSC650" s="613"/>
      <c r="PSD650" s="613"/>
      <c r="PSE650" s="613"/>
      <c r="PSF650" s="613"/>
      <c r="PSG650" s="613"/>
      <c r="PSH650" s="613"/>
      <c r="PSI650" s="613"/>
      <c r="PSJ650" s="613"/>
      <c r="PSK650" s="613"/>
      <c r="PSL650" s="613"/>
      <c r="PSM650" s="613"/>
      <c r="PSN650" s="613"/>
      <c r="PSO650" s="613"/>
      <c r="PSP650" s="613"/>
      <c r="PSQ650" s="613"/>
      <c r="PSR650" s="613"/>
      <c r="PSS650" s="613"/>
      <c r="PST650" s="613"/>
      <c r="PSU650" s="613"/>
      <c r="PSV650" s="613"/>
      <c r="PSW650" s="613"/>
      <c r="PSX650" s="613"/>
      <c r="PSY650" s="613"/>
      <c r="PSZ650" s="613"/>
      <c r="PTA650" s="613"/>
      <c r="PTB650" s="613"/>
      <c r="PTC650" s="613"/>
      <c r="PTD650" s="613"/>
      <c r="PTE650" s="613"/>
      <c r="PTF650" s="613"/>
      <c r="PTG650" s="613"/>
      <c r="PTH650" s="613"/>
      <c r="PTI650" s="613"/>
      <c r="PTJ650" s="613"/>
      <c r="PTK650" s="613"/>
      <c r="PTL650" s="613"/>
      <c r="PTM650" s="613"/>
      <c r="PTN650" s="613"/>
      <c r="PTO650" s="613"/>
      <c r="PTP650" s="613"/>
      <c r="PTQ650" s="613"/>
      <c r="PTR650" s="613"/>
      <c r="PTS650" s="613"/>
      <c r="PTT650" s="613"/>
      <c r="PTU650" s="613"/>
      <c r="PTV650" s="613"/>
      <c r="PTW650" s="613"/>
      <c r="PTX650" s="613"/>
      <c r="PTY650" s="613"/>
      <c r="PTZ650" s="613"/>
      <c r="PUA650" s="613"/>
      <c r="PUB650" s="613"/>
      <c r="PUC650" s="613"/>
      <c r="PUD650" s="613"/>
      <c r="PUE650" s="613"/>
      <c r="PUF650" s="613"/>
      <c r="PUG650" s="613"/>
      <c r="PUH650" s="613"/>
      <c r="PUI650" s="613"/>
      <c r="PUJ650" s="613"/>
      <c r="PUK650" s="613"/>
      <c r="PUL650" s="613"/>
      <c r="PUM650" s="613"/>
      <c r="PUN650" s="613"/>
      <c r="PUO650" s="613"/>
      <c r="PUP650" s="613"/>
      <c r="PUQ650" s="613"/>
      <c r="PUR650" s="613"/>
      <c r="PUS650" s="613"/>
      <c r="PUT650" s="613"/>
      <c r="PUU650" s="613"/>
      <c r="PUV650" s="613"/>
      <c r="PUW650" s="613"/>
      <c r="PUX650" s="613"/>
      <c r="PUY650" s="613"/>
      <c r="PUZ650" s="613"/>
      <c r="PVA650" s="613"/>
      <c r="PVB650" s="613"/>
      <c r="PVC650" s="613"/>
      <c r="PVD650" s="613"/>
      <c r="PVE650" s="613"/>
      <c r="PVF650" s="613"/>
      <c r="PVG650" s="613"/>
      <c r="PVH650" s="613"/>
      <c r="PVI650" s="613"/>
      <c r="PVJ650" s="613"/>
      <c r="PVK650" s="613"/>
      <c r="PVL650" s="613"/>
      <c r="PVM650" s="613"/>
      <c r="PVN650" s="613"/>
      <c r="PVO650" s="613"/>
      <c r="PVP650" s="613"/>
      <c r="PVQ650" s="613"/>
      <c r="PVR650" s="613"/>
      <c r="PVS650" s="613"/>
      <c r="PVT650" s="613"/>
      <c r="PVU650" s="613"/>
      <c r="PVV650" s="613"/>
      <c r="PVW650" s="613"/>
      <c r="PVX650" s="613"/>
      <c r="PVY650" s="613"/>
      <c r="PVZ650" s="613"/>
      <c r="PWA650" s="613"/>
      <c r="PWB650" s="613"/>
      <c r="PWC650" s="613"/>
      <c r="PWD650" s="613"/>
      <c r="PWE650" s="613"/>
      <c r="PWF650" s="613"/>
      <c r="PWG650" s="613"/>
      <c r="PWH650" s="613"/>
      <c r="PWI650" s="613"/>
      <c r="PWJ650" s="613"/>
      <c r="PWK650" s="613"/>
      <c r="PWL650" s="613"/>
      <c r="PWM650" s="613"/>
      <c r="PWN650" s="613"/>
      <c r="PWO650" s="613"/>
      <c r="PWP650" s="613"/>
      <c r="PWQ650" s="613"/>
      <c r="PWR650" s="613"/>
      <c r="PWS650" s="613"/>
      <c r="PWT650" s="613"/>
      <c r="PWU650" s="613"/>
      <c r="PWV650" s="613"/>
      <c r="PWW650" s="613"/>
      <c r="PWX650" s="613"/>
      <c r="PWY650" s="613"/>
      <c r="PWZ650" s="613"/>
      <c r="PXA650" s="613"/>
      <c r="PXB650" s="613"/>
      <c r="PXC650" s="613"/>
      <c r="PXD650" s="613"/>
      <c r="PXE650" s="613"/>
      <c r="PXF650" s="613"/>
      <c r="PXG650" s="613"/>
      <c r="PXH650" s="613"/>
      <c r="PXI650" s="613"/>
      <c r="PXJ650" s="613"/>
      <c r="PXK650" s="613"/>
      <c r="PXL650" s="613"/>
      <c r="PXM650" s="613"/>
      <c r="PXN650" s="613"/>
      <c r="PXO650" s="613"/>
      <c r="PXP650" s="613"/>
      <c r="PXQ650" s="613"/>
      <c r="PXR650" s="613"/>
      <c r="PXS650" s="613"/>
      <c r="PXT650" s="613"/>
      <c r="PXU650" s="613"/>
      <c r="PXV650" s="613"/>
      <c r="PXW650" s="613"/>
      <c r="PXX650" s="613"/>
      <c r="PXY650" s="613"/>
      <c r="PXZ650" s="613"/>
      <c r="PYA650" s="613"/>
      <c r="PYB650" s="613"/>
      <c r="PYC650" s="613"/>
      <c r="PYD650" s="613"/>
      <c r="PYE650" s="613"/>
      <c r="PYF650" s="613"/>
      <c r="PYG650" s="613"/>
      <c r="PYH650" s="613"/>
      <c r="PYI650" s="613"/>
      <c r="PYJ650" s="613"/>
      <c r="PYK650" s="613"/>
      <c r="PYL650" s="613"/>
      <c r="PYM650" s="613"/>
      <c r="PYN650" s="613"/>
      <c r="PYO650" s="613"/>
      <c r="PYP650" s="613"/>
      <c r="PYQ650" s="613"/>
      <c r="PYR650" s="613"/>
      <c r="PYS650" s="613"/>
      <c r="PYT650" s="613"/>
      <c r="PYU650" s="613"/>
      <c r="PYV650" s="613"/>
      <c r="PYW650" s="613"/>
      <c r="PYX650" s="613"/>
      <c r="PYY650" s="613"/>
      <c r="PYZ650" s="613"/>
      <c r="PZA650" s="613"/>
      <c r="PZB650" s="613"/>
      <c r="PZC650" s="613"/>
      <c r="PZD650" s="613"/>
      <c r="PZE650" s="613"/>
      <c r="PZF650" s="613"/>
      <c r="PZG650" s="613"/>
      <c r="PZH650" s="613"/>
      <c r="PZI650" s="613"/>
      <c r="PZJ650" s="613"/>
      <c r="PZK650" s="613"/>
      <c r="PZL650" s="613"/>
      <c r="PZM650" s="613"/>
      <c r="PZN650" s="613"/>
      <c r="PZO650" s="613"/>
      <c r="PZP650" s="613"/>
      <c r="PZQ650" s="613"/>
      <c r="PZR650" s="613"/>
      <c r="PZS650" s="613"/>
      <c r="PZT650" s="613"/>
      <c r="PZU650" s="613"/>
      <c r="PZV650" s="613"/>
      <c r="PZW650" s="613"/>
      <c r="PZX650" s="613"/>
      <c r="PZY650" s="613"/>
      <c r="PZZ650" s="613"/>
      <c r="QAA650" s="613"/>
      <c r="QAB650" s="613"/>
      <c r="QAC650" s="613"/>
      <c r="QAD650" s="613"/>
      <c r="QAE650" s="613"/>
      <c r="QAF650" s="613"/>
      <c r="QAG650" s="613"/>
      <c r="QAH650" s="613"/>
      <c r="QAI650" s="613"/>
      <c r="QAJ650" s="613"/>
      <c r="QAK650" s="613"/>
      <c r="QAL650" s="613"/>
      <c r="QAM650" s="613"/>
      <c r="QAN650" s="613"/>
      <c r="QAO650" s="613"/>
      <c r="QAP650" s="613"/>
      <c r="QAQ650" s="613"/>
      <c r="QAR650" s="613"/>
      <c r="QAS650" s="613"/>
      <c r="QAT650" s="613"/>
      <c r="QAU650" s="613"/>
      <c r="QAV650" s="613"/>
      <c r="QAW650" s="613"/>
      <c r="QAX650" s="613"/>
      <c r="QAY650" s="613"/>
      <c r="QAZ650" s="613"/>
      <c r="QBA650" s="613"/>
      <c r="QBB650" s="613"/>
      <c r="QBC650" s="613"/>
      <c r="QBD650" s="613"/>
      <c r="QBE650" s="613"/>
      <c r="QBF650" s="613"/>
      <c r="QBG650" s="613"/>
      <c r="QBH650" s="613"/>
      <c r="QBI650" s="613"/>
      <c r="QBJ650" s="613"/>
      <c r="QBK650" s="613"/>
      <c r="QBL650" s="613"/>
      <c r="QBM650" s="613"/>
      <c r="QBN650" s="613"/>
      <c r="QBO650" s="613"/>
      <c r="QBP650" s="613"/>
      <c r="QBQ650" s="613"/>
      <c r="QBR650" s="613"/>
      <c r="QBS650" s="613"/>
      <c r="QBT650" s="613"/>
      <c r="QBU650" s="613"/>
      <c r="QBV650" s="613"/>
      <c r="QBW650" s="613"/>
      <c r="QBX650" s="613"/>
      <c r="QBY650" s="613"/>
      <c r="QBZ650" s="613"/>
      <c r="QCA650" s="613"/>
      <c r="QCB650" s="613"/>
      <c r="QCC650" s="613"/>
      <c r="QCD650" s="613"/>
      <c r="QCE650" s="613"/>
      <c r="QCF650" s="613"/>
      <c r="QCG650" s="613"/>
      <c r="QCH650" s="613"/>
      <c r="QCI650" s="613"/>
      <c r="QCJ650" s="613"/>
      <c r="QCK650" s="613"/>
      <c r="QCL650" s="613"/>
      <c r="QCM650" s="613"/>
      <c r="QCN650" s="613"/>
      <c r="QCO650" s="613"/>
      <c r="QCP650" s="613"/>
      <c r="QCQ650" s="613"/>
      <c r="QCR650" s="613"/>
      <c r="QCS650" s="613"/>
      <c r="QCT650" s="613"/>
      <c r="QCU650" s="613"/>
      <c r="QCV650" s="613"/>
      <c r="QCW650" s="613"/>
      <c r="QCX650" s="613"/>
      <c r="QCY650" s="613"/>
      <c r="QCZ650" s="613"/>
      <c r="QDA650" s="613"/>
      <c r="QDB650" s="613"/>
      <c r="QDC650" s="613"/>
      <c r="QDD650" s="613"/>
      <c r="QDE650" s="613"/>
      <c r="QDF650" s="613"/>
      <c r="QDG650" s="613"/>
      <c r="QDH650" s="613"/>
      <c r="QDI650" s="613"/>
      <c r="QDJ650" s="613"/>
      <c r="QDK650" s="613"/>
      <c r="QDL650" s="613"/>
      <c r="QDM650" s="613"/>
      <c r="QDN650" s="613"/>
      <c r="QDO650" s="613"/>
      <c r="QDP650" s="613"/>
      <c r="QDQ650" s="613"/>
      <c r="QDR650" s="613"/>
      <c r="QDS650" s="613"/>
      <c r="QDT650" s="613"/>
      <c r="QDU650" s="613"/>
      <c r="QDV650" s="613"/>
      <c r="QDW650" s="613"/>
      <c r="QDX650" s="613"/>
      <c r="QDY650" s="613"/>
      <c r="QDZ650" s="613"/>
      <c r="QEA650" s="613"/>
      <c r="QEB650" s="613"/>
      <c r="QEC650" s="613"/>
      <c r="QED650" s="613"/>
      <c r="QEE650" s="613"/>
      <c r="QEF650" s="613"/>
      <c r="QEG650" s="613"/>
      <c r="QEH650" s="613"/>
      <c r="QEI650" s="613"/>
      <c r="QEJ650" s="613"/>
      <c r="QEK650" s="613"/>
      <c r="QEL650" s="613"/>
      <c r="QEM650" s="613"/>
      <c r="QEN650" s="613"/>
      <c r="QEO650" s="613"/>
      <c r="QEP650" s="613"/>
      <c r="QEQ650" s="613"/>
      <c r="QER650" s="613"/>
      <c r="QES650" s="613"/>
      <c r="QET650" s="613"/>
      <c r="QEU650" s="613"/>
      <c r="QEV650" s="613"/>
      <c r="QEW650" s="613"/>
      <c r="QEX650" s="613"/>
      <c r="QEY650" s="613"/>
      <c r="QEZ650" s="613"/>
      <c r="QFA650" s="613"/>
      <c r="QFB650" s="613"/>
      <c r="QFC650" s="613"/>
      <c r="QFD650" s="613"/>
      <c r="QFE650" s="613"/>
      <c r="QFF650" s="613"/>
      <c r="QFG650" s="613"/>
      <c r="QFH650" s="613"/>
      <c r="QFI650" s="613"/>
      <c r="QFJ650" s="613"/>
      <c r="QFK650" s="613"/>
      <c r="QFL650" s="613"/>
      <c r="QFM650" s="613"/>
      <c r="QFN650" s="613"/>
      <c r="QFO650" s="613"/>
      <c r="QFP650" s="613"/>
      <c r="QFQ650" s="613"/>
      <c r="QFR650" s="613"/>
      <c r="QFS650" s="613"/>
      <c r="QFT650" s="613"/>
      <c r="QFU650" s="613"/>
      <c r="QFV650" s="613"/>
      <c r="QFW650" s="613"/>
      <c r="QFX650" s="613"/>
      <c r="QFY650" s="613"/>
      <c r="QFZ650" s="613"/>
      <c r="QGA650" s="613"/>
      <c r="QGB650" s="613"/>
      <c r="QGC650" s="613"/>
      <c r="QGD650" s="613"/>
      <c r="QGE650" s="613"/>
      <c r="QGF650" s="613"/>
      <c r="QGG650" s="613"/>
      <c r="QGH650" s="613"/>
      <c r="QGI650" s="613"/>
      <c r="QGJ650" s="613"/>
      <c r="QGK650" s="613"/>
      <c r="QGL650" s="613"/>
      <c r="QGM650" s="613"/>
      <c r="QGN650" s="613"/>
      <c r="QGO650" s="613"/>
      <c r="QGP650" s="613"/>
      <c r="QGQ650" s="613"/>
      <c r="QGR650" s="613"/>
      <c r="QGS650" s="613"/>
      <c r="QGT650" s="613"/>
      <c r="QGU650" s="613"/>
      <c r="QGV650" s="613"/>
      <c r="QGW650" s="613"/>
      <c r="QGX650" s="613"/>
      <c r="QGY650" s="613"/>
      <c r="QGZ650" s="613"/>
      <c r="QHA650" s="613"/>
      <c r="QHB650" s="613"/>
      <c r="QHC650" s="613"/>
      <c r="QHD650" s="613"/>
      <c r="QHE650" s="613"/>
      <c r="QHF650" s="613"/>
      <c r="QHG650" s="613"/>
      <c r="QHH650" s="613"/>
      <c r="QHI650" s="613"/>
      <c r="QHJ650" s="613"/>
      <c r="QHK650" s="613"/>
      <c r="QHL650" s="613"/>
      <c r="QHM650" s="613"/>
      <c r="QHN650" s="613"/>
      <c r="QHO650" s="613"/>
      <c r="QHP650" s="613"/>
      <c r="QHQ650" s="613"/>
      <c r="QHR650" s="613"/>
      <c r="QHS650" s="613"/>
      <c r="QHT650" s="613"/>
      <c r="QHU650" s="613"/>
      <c r="QHV650" s="613"/>
      <c r="QHW650" s="613"/>
      <c r="QHX650" s="613"/>
      <c r="QHY650" s="613"/>
      <c r="QHZ650" s="613"/>
      <c r="QIA650" s="613"/>
      <c r="QIB650" s="613"/>
      <c r="QIC650" s="613"/>
      <c r="QID650" s="613"/>
      <c r="QIE650" s="613"/>
      <c r="QIF650" s="613"/>
      <c r="QIG650" s="613"/>
      <c r="QIH650" s="613"/>
      <c r="QII650" s="613"/>
      <c r="QIJ650" s="613"/>
      <c r="QIK650" s="613"/>
      <c r="QIL650" s="613"/>
      <c r="QIM650" s="613"/>
      <c r="QIN650" s="613"/>
      <c r="QIO650" s="613"/>
      <c r="QIP650" s="613"/>
      <c r="QIQ650" s="613"/>
      <c r="QIR650" s="613"/>
      <c r="QIS650" s="613"/>
      <c r="QIT650" s="613"/>
      <c r="QIU650" s="613"/>
      <c r="QIV650" s="613"/>
      <c r="QIW650" s="613"/>
      <c r="QIX650" s="613"/>
      <c r="QIY650" s="613"/>
      <c r="QIZ650" s="613"/>
      <c r="QJA650" s="613"/>
      <c r="QJB650" s="613"/>
      <c r="QJC650" s="613"/>
      <c r="QJD650" s="613"/>
      <c r="QJE650" s="613"/>
      <c r="QJF650" s="613"/>
      <c r="QJG650" s="613"/>
      <c r="QJH650" s="613"/>
      <c r="QJI650" s="613"/>
      <c r="QJJ650" s="613"/>
      <c r="QJK650" s="613"/>
      <c r="QJL650" s="613"/>
      <c r="QJM650" s="613"/>
      <c r="QJN650" s="613"/>
      <c r="QJO650" s="613"/>
      <c r="QJP650" s="613"/>
      <c r="QJQ650" s="613"/>
      <c r="QJR650" s="613"/>
      <c r="QJS650" s="613"/>
      <c r="QJT650" s="613"/>
      <c r="QJU650" s="613"/>
      <c r="QJV650" s="613"/>
      <c r="QJW650" s="613"/>
      <c r="QJX650" s="613"/>
      <c r="QJY650" s="613"/>
      <c r="QJZ650" s="613"/>
      <c r="QKA650" s="613"/>
      <c r="QKB650" s="613"/>
      <c r="QKC650" s="613"/>
      <c r="QKD650" s="613"/>
      <c r="QKE650" s="613"/>
      <c r="QKF650" s="613"/>
      <c r="QKG650" s="613"/>
      <c r="QKH650" s="613"/>
      <c r="QKI650" s="613"/>
      <c r="QKJ650" s="613"/>
      <c r="QKK650" s="613"/>
      <c r="QKL650" s="613"/>
      <c r="QKM650" s="613"/>
      <c r="QKN650" s="613"/>
      <c r="QKO650" s="613"/>
      <c r="QKP650" s="613"/>
      <c r="QKQ650" s="613"/>
      <c r="QKR650" s="613"/>
      <c r="QKS650" s="613"/>
      <c r="QKT650" s="613"/>
      <c r="QKU650" s="613"/>
      <c r="QKV650" s="613"/>
      <c r="QKW650" s="613"/>
      <c r="QKX650" s="613"/>
      <c r="QKY650" s="613"/>
      <c r="QKZ650" s="613"/>
      <c r="QLA650" s="613"/>
      <c r="QLB650" s="613"/>
      <c r="QLC650" s="613"/>
      <c r="QLD650" s="613"/>
      <c r="QLE650" s="613"/>
      <c r="QLF650" s="613"/>
      <c r="QLG650" s="613"/>
      <c r="QLH650" s="613"/>
      <c r="QLI650" s="613"/>
      <c r="QLJ650" s="613"/>
      <c r="QLK650" s="613"/>
      <c r="QLL650" s="613"/>
      <c r="QLM650" s="613"/>
      <c r="QLN650" s="613"/>
      <c r="QLO650" s="613"/>
      <c r="QLP650" s="613"/>
      <c r="QLQ650" s="613"/>
      <c r="QLR650" s="613"/>
      <c r="QLS650" s="613"/>
      <c r="QLT650" s="613"/>
      <c r="QLU650" s="613"/>
      <c r="QLV650" s="613"/>
      <c r="QLW650" s="613"/>
      <c r="QLX650" s="613"/>
      <c r="QLY650" s="613"/>
      <c r="QLZ650" s="613"/>
      <c r="QMA650" s="613"/>
      <c r="QMB650" s="613"/>
      <c r="QMC650" s="613"/>
      <c r="QMD650" s="613"/>
      <c r="QME650" s="613"/>
      <c r="QMF650" s="613"/>
      <c r="QMG650" s="613"/>
      <c r="QMH650" s="613"/>
      <c r="QMI650" s="613"/>
      <c r="QMJ650" s="613"/>
      <c r="QMK650" s="613"/>
      <c r="QML650" s="613"/>
      <c r="QMM650" s="613"/>
      <c r="QMN650" s="613"/>
      <c r="QMO650" s="613"/>
      <c r="QMP650" s="613"/>
      <c r="QMQ650" s="613"/>
      <c r="QMR650" s="613"/>
      <c r="QMS650" s="613"/>
      <c r="QMT650" s="613"/>
      <c r="QMU650" s="613"/>
      <c r="QMV650" s="613"/>
      <c r="QMW650" s="613"/>
      <c r="QMX650" s="613"/>
      <c r="QMY650" s="613"/>
      <c r="QMZ650" s="613"/>
      <c r="QNA650" s="613"/>
      <c r="QNB650" s="613"/>
      <c r="QNC650" s="613"/>
      <c r="QND650" s="613"/>
      <c r="QNE650" s="613"/>
      <c r="QNF650" s="613"/>
      <c r="QNG650" s="613"/>
      <c r="QNH650" s="613"/>
      <c r="QNI650" s="613"/>
      <c r="QNJ650" s="613"/>
      <c r="QNK650" s="613"/>
      <c r="QNL650" s="613"/>
      <c r="QNM650" s="613"/>
      <c r="QNN650" s="613"/>
      <c r="QNO650" s="613"/>
      <c r="QNP650" s="613"/>
      <c r="QNQ650" s="613"/>
      <c r="QNR650" s="613"/>
      <c r="QNS650" s="613"/>
      <c r="QNT650" s="613"/>
      <c r="QNU650" s="613"/>
      <c r="QNV650" s="613"/>
      <c r="QNW650" s="613"/>
      <c r="QNX650" s="613"/>
      <c r="QNY650" s="613"/>
      <c r="QNZ650" s="613"/>
      <c r="QOA650" s="613"/>
      <c r="QOB650" s="613"/>
      <c r="QOC650" s="613"/>
      <c r="QOD650" s="613"/>
      <c r="QOE650" s="613"/>
      <c r="QOF650" s="613"/>
      <c r="QOG650" s="613"/>
      <c r="QOH650" s="613"/>
      <c r="QOI650" s="613"/>
      <c r="QOJ650" s="613"/>
      <c r="QOK650" s="613"/>
      <c r="QOL650" s="613"/>
      <c r="QOM650" s="613"/>
      <c r="QON650" s="613"/>
      <c r="QOO650" s="613"/>
      <c r="QOP650" s="613"/>
      <c r="QOQ650" s="613"/>
      <c r="QOR650" s="613"/>
      <c r="QOS650" s="613"/>
      <c r="QOT650" s="613"/>
      <c r="QOU650" s="613"/>
      <c r="QOV650" s="613"/>
      <c r="QOW650" s="613"/>
      <c r="QOX650" s="613"/>
      <c r="QOY650" s="613"/>
      <c r="QOZ650" s="613"/>
      <c r="QPA650" s="613"/>
      <c r="QPB650" s="613"/>
      <c r="QPC650" s="613"/>
      <c r="QPD650" s="613"/>
      <c r="QPE650" s="613"/>
      <c r="QPF650" s="613"/>
      <c r="QPG650" s="613"/>
      <c r="QPH650" s="613"/>
      <c r="QPI650" s="613"/>
      <c r="QPJ650" s="613"/>
      <c r="QPK650" s="613"/>
      <c r="QPL650" s="613"/>
      <c r="QPM650" s="613"/>
      <c r="QPN650" s="613"/>
      <c r="QPO650" s="613"/>
      <c r="QPP650" s="613"/>
      <c r="QPQ650" s="613"/>
      <c r="QPR650" s="613"/>
      <c r="QPS650" s="613"/>
      <c r="QPT650" s="613"/>
      <c r="QPU650" s="613"/>
      <c r="QPV650" s="613"/>
      <c r="QPW650" s="613"/>
      <c r="QPX650" s="613"/>
      <c r="QPY650" s="613"/>
      <c r="QPZ650" s="613"/>
      <c r="QQA650" s="613"/>
      <c r="QQB650" s="613"/>
      <c r="QQC650" s="613"/>
      <c r="QQD650" s="613"/>
      <c r="QQE650" s="613"/>
      <c r="QQF650" s="613"/>
      <c r="QQG650" s="613"/>
      <c r="QQH650" s="613"/>
      <c r="QQI650" s="613"/>
      <c r="QQJ650" s="613"/>
      <c r="QQK650" s="613"/>
      <c r="QQL650" s="613"/>
      <c r="QQM650" s="613"/>
      <c r="QQN650" s="613"/>
      <c r="QQO650" s="613"/>
      <c r="QQP650" s="613"/>
      <c r="QQQ650" s="613"/>
      <c r="QQR650" s="613"/>
      <c r="QQS650" s="613"/>
      <c r="QQT650" s="613"/>
      <c r="QQU650" s="613"/>
      <c r="QQV650" s="613"/>
      <c r="QQW650" s="613"/>
      <c r="QQX650" s="613"/>
      <c r="QQY650" s="613"/>
      <c r="QQZ650" s="613"/>
      <c r="QRA650" s="613"/>
      <c r="QRB650" s="613"/>
      <c r="QRC650" s="613"/>
      <c r="QRD650" s="613"/>
      <c r="QRE650" s="613"/>
      <c r="QRF650" s="613"/>
      <c r="QRG650" s="613"/>
      <c r="QRH650" s="613"/>
      <c r="QRI650" s="613"/>
      <c r="QRJ650" s="613"/>
      <c r="QRK650" s="613"/>
      <c r="QRL650" s="613"/>
      <c r="QRM650" s="613"/>
      <c r="QRN650" s="613"/>
      <c r="QRO650" s="613"/>
      <c r="QRP650" s="613"/>
      <c r="QRQ650" s="613"/>
      <c r="QRR650" s="613"/>
      <c r="QRS650" s="613"/>
      <c r="QRT650" s="613"/>
      <c r="QRU650" s="613"/>
      <c r="QRV650" s="613"/>
      <c r="QRW650" s="613"/>
      <c r="QRX650" s="613"/>
      <c r="QRY650" s="613"/>
      <c r="QRZ650" s="613"/>
      <c r="QSA650" s="613"/>
      <c r="QSB650" s="613"/>
      <c r="QSC650" s="613"/>
      <c r="QSD650" s="613"/>
      <c r="QSE650" s="613"/>
      <c r="QSF650" s="613"/>
      <c r="QSG650" s="613"/>
      <c r="QSH650" s="613"/>
      <c r="QSI650" s="613"/>
      <c r="QSJ650" s="613"/>
      <c r="QSK650" s="613"/>
      <c r="QSL650" s="613"/>
      <c r="QSM650" s="613"/>
      <c r="QSN650" s="613"/>
      <c r="QSO650" s="613"/>
      <c r="QSP650" s="613"/>
      <c r="QSQ650" s="613"/>
      <c r="QSR650" s="613"/>
      <c r="QSS650" s="613"/>
      <c r="QST650" s="613"/>
      <c r="QSU650" s="613"/>
      <c r="QSV650" s="613"/>
      <c r="QSW650" s="613"/>
      <c r="QSX650" s="613"/>
      <c r="QSY650" s="613"/>
      <c r="QSZ650" s="613"/>
      <c r="QTA650" s="613"/>
      <c r="QTB650" s="613"/>
      <c r="QTC650" s="613"/>
      <c r="QTD650" s="613"/>
      <c r="QTE650" s="613"/>
      <c r="QTF650" s="613"/>
      <c r="QTG650" s="613"/>
      <c r="QTH650" s="613"/>
      <c r="QTI650" s="613"/>
      <c r="QTJ650" s="613"/>
      <c r="QTK650" s="613"/>
      <c r="QTL650" s="613"/>
      <c r="QTM650" s="613"/>
      <c r="QTN650" s="613"/>
      <c r="QTO650" s="613"/>
      <c r="QTP650" s="613"/>
      <c r="QTQ650" s="613"/>
      <c r="QTR650" s="613"/>
      <c r="QTS650" s="613"/>
      <c r="QTT650" s="613"/>
      <c r="QTU650" s="613"/>
      <c r="QTV650" s="613"/>
      <c r="QTW650" s="613"/>
      <c r="QTX650" s="613"/>
      <c r="QTY650" s="613"/>
      <c r="QTZ650" s="613"/>
      <c r="QUA650" s="613"/>
      <c r="QUB650" s="613"/>
      <c r="QUC650" s="613"/>
      <c r="QUD650" s="613"/>
      <c r="QUE650" s="613"/>
      <c r="QUF650" s="613"/>
      <c r="QUG650" s="613"/>
      <c r="QUH650" s="613"/>
      <c r="QUI650" s="613"/>
      <c r="QUJ650" s="613"/>
      <c r="QUK650" s="613"/>
      <c r="QUL650" s="613"/>
      <c r="QUM650" s="613"/>
      <c r="QUN650" s="613"/>
      <c r="QUO650" s="613"/>
      <c r="QUP650" s="613"/>
      <c r="QUQ650" s="613"/>
      <c r="QUR650" s="613"/>
      <c r="QUS650" s="613"/>
      <c r="QUT650" s="613"/>
      <c r="QUU650" s="613"/>
      <c r="QUV650" s="613"/>
      <c r="QUW650" s="613"/>
      <c r="QUX650" s="613"/>
      <c r="QUY650" s="613"/>
      <c r="QUZ650" s="613"/>
      <c r="QVA650" s="613"/>
      <c r="QVB650" s="613"/>
      <c r="QVC650" s="613"/>
      <c r="QVD650" s="613"/>
      <c r="QVE650" s="613"/>
      <c r="QVF650" s="613"/>
      <c r="QVG650" s="613"/>
      <c r="QVH650" s="613"/>
      <c r="QVI650" s="613"/>
      <c r="QVJ650" s="613"/>
      <c r="QVK650" s="613"/>
      <c r="QVL650" s="613"/>
      <c r="QVM650" s="613"/>
      <c r="QVN650" s="613"/>
      <c r="QVO650" s="613"/>
      <c r="QVP650" s="613"/>
      <c r="QVQ650" s="613"/>
      <c r="QVR650" s="613"/>
      <c r="QVS650" s="613"/>
      <c r="QVT650" s="613"/>
      <c r="QVU650" s="613"/>
      <c r="QVV650" s="613"/>
      <c r="QVW650" s="613"/>
      <c r="QVX650" s="613"/>
      <c r="QVY650" s="613"/>
      <c r="QVZ650" s="613"/>
      <c r="QWA650" s="613"/>
      <c r="QWB650" s="613"/>
      <c r="QWC650" s="613"/>
      <c r="QWD650" s="613"/>
      <c r="QWE650" s="613"/>
      <c r="QWF650" s="613"/>
      <c r="QWG650" s="613"/>
      <c r="QWH650" s="613"/>
      <c r="QWI650" s="613"/>
      <c r="QWJ650" s="613"/>
      <c r="QWK650" s="613"/>
      <c r="QWL650" s="613"/>
      <c r="QWM650" s="613"/>
      <c r="QWN650" s="613"/>
      <c r="QWO650" s="613"/>
      <c r="QWP650" s="613"/>
      <c r="QWQ650" s="613"/>
      <c r="QWR650" s="613"/>
      <c r="QWS650" s="613"/>
      <c r="QWT650" s="613"/>
      <c r="QWU650" s="613"/>
      <c r="QWV650" s="613"/>
      <c r="QWW650" s="613"/>
      <c r="QWX650" s="613"/>
      <c r="QWY650" s="613"/>
      <c r="QWZ650" s="613"/>
      <c r="QXA650" s="613"/>
      <c r="QXB650" s="613"/>
      <c r="QXC650" s="613"/>
      <c r="QXD650" s="613"/>
      <c r="QXE650" s="613"/>
      <c r="QXF650" s="613"/>
      <c r="QXG650" s="613"/>
      <c r="QXH650" s="613"/>
      <c r="QXI650" s="613"/>
      <c r="QXJ650" s="613"/>
      <c r="QXK650" s="613"/>
      <c r="QXL650" s="613"/>
      <c r="QXM650" s="613"/>
      <c r="QXN650" s="613"/>
      <c r="QXO650" s="613"/>
      <c r="QXP650" s="613"/>
      <c r="QXQ650" s="613"/>
      <c r="QXR650" s="613"/>
      <c r="QXS650" s="613"/>
      <c r="QXT650" s="613"/>
      <c r="QXU650" s="613"/>
      <c r="QXV650" s="613"/>
      <c r="QXW650" s="613"/>
      <c r="QXX650" s="613"/>
      <c r="QXY650" s="613"/>
      <c r="QXZ650" s="613"/>
      <c r="QYA650" s="613"/>
      <c r="QYB650" s="613"/>
      <c r="QYC650" s="613"/>
      <c r="QYD650" s="613"/>
      <c r="QYE650" s="613"/>
      <c r="QYF650" s="613"/>
      <c r="QYG650" s="613"/>
      <c r="QYH650" s="613"/>
      <c r="QYI650" s="613"/>
      <c r="QYJ650" s="613"/>
      <c r="QYK650" s="613"/>
      <c r="QYL650" s="613"/>
      <c r="QYM650" s="613"/>
      <c r="QYN650" s="613"/>
      <c r="QYO650" s="613"/>
      <c r="QYP650" s="613"/>
      <c r="QYQ650" s="613"/>
      <c r="QYR650" s="613"/>
      <c r="QYS650" s="613"/>
      <c r="QYT650" s="613"/>
      <c r="QYU650" s="613"/>
      <c r="QYV650" s="613"/>
      <c r="QYW650" s="613"/>
      <c r="QYX650" s="613"/>
      <c r="QYY650" s="613"/>
      <c r="QYZ650" s="613"/>
      <c r="QZA650" s="613"/>
      <c r="QZB650" s="613"/>
      <c r="QZC650" s="613"/>
      <c r="QZD650" s="613"/>
      <c r="QZE650" s="613"/>
      <c r="QZF650" s="613"/>
      <c r="QZG650" s="613"/>
      <c r="QZH650" s="613"/>
      <c r="QZI650" s="613"/>
      <c r="QZJ650" s="613"/>
      <c r="QZK650" s="613"/>
      <c r="QZL650" s="613"/>
      <c r="QZM650" s="613"/>
      <c r="QZN650" s="613"/>
      <c r="QZO650" s="613"/>
      <c r="QZP650" s="613"/>
      <c r="QZQ650" s="613"/>
      <c r="QZR650" s="613"/>
      <c r="QZS650" s="613"/>
      <c r="QZT650" s="613"/>
      <c r="QZU650" s="613"/>
      <c r="QZV650" s="613"/>
      <c r="QZW650" s="613"/>
      <c r="QZX650" s="613"/>
      <c r="QZY650" s="613"/>
      <c r="QZZ650" s="613"/>
      <c r="RAA650" s="613"/>
      <c r="RAB650" s="613"/>
      <c r="RAC650" s="613"/>
      <c r="RAD650" s="613"/>
      <c r="RAE650" s="613"/>
      <c r="RAF650" s="613"/>
      <c r="RAG650" s="613"/>
      <c r="RAH650" s="613"/>
      <c r="RAI650" s="613"/>
      <c r="RAJ650" s="613"/>
      <c r="RAK650" s="613"/>
      <c r="RAL650" s="613"/>
      <c r="RAM650" s="613"/>
      <c r="RAN650" s="613"/>
      <c r="RAO650" s="613"/>
      <c r="RAP650" s="613"/>
      <c r="RAQ650" s="613"/>
      <c r="RAR650" s="613"/>
      <c r="RAS650" s="613"/>
      <c r="RAT650" s="613"/>
      <c r="RAU650" s="613"/>
      <c r="RAV650" s="613"/>
      <c r="RAW650" s="613"/>
      <c r="RAX650" s="613"/>
      <c r="RAY650" s="613"/>
      <c r="RAZ650" s="613"/>
      <c r="RBA650" s="613"/>
      <c r="RBB650" s="613"/>
      <c r="RBC650" s="613"/>
      <c r="RBD650" s="613"/>
      <c r="RBE650" s="613"/>
      <c r="RBF650" s="613"/>
      <c r="RBG650" s="613"/>
      <c r="RBH650" s="613"/>
      <c r="RBI650" s="613"/>
      <c r="RBJ650" s="613"/>
      <c r="RBK650" s="613"/>
      <c r="RBL650" s="613"/>
      <c r="RBM650" s="613"/>
      <c r="RBN650" s="613"/>
      <c r="RBO650" s="613"/>
      <c r="RBP650" s="613"/>
      <c r="RBQ650" s="613"/>
      <c r="RBR650" s="613"/>
      <c r="RBS650" s="613"/>
      <c r="RBT650" s="613"/>
      <c r="RBU650" s="613"/>
      <c r="RBV650" s="613"/>
      <c r="RBW650" s="613"/>
      <c r="RBX650" s="613"/>
      <c r="RBY650" s="613"/>
      <c r="RBZ650" s="613"/>
      <c r="RCA650" s="613"/>
      <c r="RCB650" s="613"/>
      <c r="RCC650" s="613"/>
      <c r="RCD650" s="613"/>
      <c r="RCE650" s="613"/>
      <c r="RCF650" s="613"/>
      <c r="RCG650" s="613"/>
      <c r="RCH650" s="613"/>
      <c r="RCI650" s="613"/>
      <c r="RCJ650" s="613"/>
      <c r="RCK650" s="613"/>
      <c r="RCL650" s="613"/>
      <c r="RCM650" s="613"/>
      <c r="RCN650" s="613"/>
      <c r="RCO650" s="613"/>
      <c r="RCP650" s="613"/>
      <c r="RCQ650" s="613"/>
      <c r="RCR650" s="613"/>
      <c r="RCS650" s="613"/>
      <c r="RCT650" s="613"/>
      <c r="RCU650" s="613"/>
      <c r="RCV650" s="613"/>
      <c r="RCW650" s="613"/>
      <c r="RCX650" s="613"/>
      <c r="RCY650" s="613"/>
      <c r="RCZ650" s="613"/>
      <c r="RDA650" s="613"/>
      <c r="RDB650" s="613"/>
      <c r="RDC650" s="613"/>
      <c r="RDD650" s="613"/>
      <c r="RDE650" s="613"/>
      <c r="RDF650" s="613"/>
      <c r="RDG650" s="613"/>
      <c r="RDH650" s="613"/>
      <c r="RDI650" s="613"/>
      <c r="RDJ650" s="613"/>
      <c r="RDK650" s="613"/>
      <c r="RDL650" s="613"/>
      <c r="RDM650" s="613"/>
      <c r="RDN650" s="613"/>
      <c r="RDO650" s="613"/>
      <c r="RDP650" s="613"/>
      <c r="RDQ650" s="613"/>
      <c r="RDR650" s="613"/>
      <c r="RDS650" s="613"/>
      <c r="RDT650" s="613"/>
      <c r="RDU650" s="613"/>
      <c r="RDV650" s="613"/>
      <c r="RDW650" s="613"/>
      <c r="RDX650" s="613"/>
      <c r="RDY650" s="613"/>
      <c r="RDZ650" s="613"/>
      <c r="REA650" s="613"/>
      <c r="REB650" s="613"/>
      <c r="REC650" s="613"/>
      <c r="RED650" s="613"/>
      <c r="REE650" s="613"/>
      <c r="REF650" s="613"/>
      <c r="REG650" s="613"/>
      <c r="REH650" s="613"/>
      <c r="REI650" s="613"/>
      <c r="REJ650" s="613"/>
      <c r="REK650" s="613"/>
      <c r="REL650" s="613"/>
      <c r="REM650" s="613"/>
      <c r="REN650" s="613"/>
      <c r="REO650" s="613"/>
      <c r="REP650" s="613"/>
      <c r="REQ650" s="613"/>
      <c r="RER650" s="613"/>
      <c r="RES650" s="613"/>
      <c r="RET650" s="613"/>
      <c r="REU650" s="613"/>
      <c r="REV650" s="613"/>
      <c r="REW650" s="613"/>
      <c r="REX650" s="613"/>
      <c r="REY650" s="613"/>
      <c r="REZ650" s="613"/>
      <c r="RFA650" s="613"/>
      <c r="RFB650" s="613"/>
      <c r="RFC650" s="613"/>
      <c r="RFD650" s="613"/>
      <c r="RFE650" s="613"/>
      <c r="RFF650" s="613"/>
      <c r="RFG650" s="613"/>
      <c r="RFH650" s="613"/>
      <c r="RFI650" s="613"/>
      <c r="RFJ650" s="613"/>
      <c r="RFK650" s="613"/>
      <c r="RFL650" s="613"/>
      <c r="RFM650" s="613"/>
      <c r="RFN650" s="613"/>
      <c r="RFO650" s="613"/>
      <c r="RFP650" s="613"/>
      <c r="RFQ650" s="613"/>
      <c r="RFR650" s="613"/>
      <c r="RFS650" s="613"/>
      <c r="RFT650" s="613"/>
      <c r="RFU650" s="613"/>
      <c r="RFV650" s="613"/>
      <c r="RFW650" s="613"/>
      <c r="RFX650" s="613"/>
      <c r="RFY650" s="613"/>
      <c r="RFZ650" s="613"/>
      <c r="RGA650" s="613"/>
      <c r="RGB650" s="613"/>
      <c r="RGC650" s="613"/>
      <c r="RGD650" s="613"/>
      <c r="RGE650" s="613"/>
      <c r="RGF650" s="613"/>
      <c r="RGG650" s="613"/>
      <c r="RGH650" s="613"/>
      <c r="RGI650" s="613"/>
      <c r="RGJ650" s="613"/>
      <c r="RGK650" s="613"/>
      <c r="RGL650" s="613"/>
      <c r="RGM650" s="613"/>
      <c r="RGN650" s="613"/>
      <c r="RGO650" s="613"/>
      <c r="RGP650" s="613"/>
      <c r="RGQ650" s="613"/>
      <c r="RGR650" s="613"/>
      <c r="RGS650" s="613"/>
      <c r="RGT650" s="613"/>
      <c r="RGU650" s="613"/>
      <c r="RGV650" s="613"/>
      <c r="RGW650" s="613"/>
      <c r="RGX650" s="613"/>
      <c r="RGY650" s="613"/>
      <c r="RGZ650" s="613"/>
      <c r="RHA650" s="613"/>
      <c r="RHB650" s="613"/>
      <c r="RHC650" s="613"/>
      <c r="RHD650" s="613"/>
      <c r="RHE650" s="613"/>
      <c r="RHF650" s="613"/>
      <c r="RHG650" s="613"/>
      <c r="RHH650" s="613"/>
      <c r="RHI650" s="613"/>
      <c r="RHJ650" s="613"/>
      <c r="RHK650" s="613"/>
      <c r="RHL650" s="613"/>
      <c r="RHM650" s="613"/>
      <c r="RHN650" s="613"/>
      <c r="RHO650" s="613"/>
      <c r="RHP650" s="613"/>
      <c r="RHQ650" s="613"/>
      <c r="RHR650" s="613"/>
      <c r="RHS650" s="613"/>
      <c r="RHT650" s="613"/>
      <c r="RHU650" s="613"/>
      <c r="RHV650" s="613"/>
      <c r="RHW650" s="613"/>
      <c r="RHX650" s="613"/>
      <c r="RHY650" s="613"/>
      <c r="RHZ650" s="613"/>
      <c r="RIA650" s="613"/>
      <c r="RIB650" s="613"/>
      <c r="RIC650" s="613"/>
      <c r="RID650" s="613"/>
      <c r="RIE650" s="613"/>
      <c r="RIF650" s="613"/>
      <c r="RIG650" s="613"/>
      <c r="RIH650" s="613"/>
      <c r="RII650" s="613"/>
      <c r="RIJ650" s="613"/>
      <c r="RIK650" s="613"/>
      <c r="RIL650" s="613"/>
      <c r="RIM650" s="613"/>
      <c r="RIN650" s="613"/>
      <c r="RIO650" s="613"/>
      <c r="RIP650" s="613"/>
      <c r="RIQ650" s="613"/>
      <c r="RIR650" s="613"/>
      <c r="RIS650" s="613"/>
      <c r="RIT650" s="613"/>
      <c r="RIU650" s="613"/>
      <c r="RIV650" s="613"/>
      <c r="RIW650" s="613"/>
      <c r="RIX650" s="613"/>
      <c r="RIY650" s="613"/>
      <c r="RIZ650" s="613"/>
      <c r="RJA650" s="613"/>
      <c r="RJB650" s="613"/>
      <c r="RJC650" s="613"/>
      <c r="RJD650" s="613"/>
      <c r="RJE650" s="613"/>
      <c r="RJF650" s="613"/>
      <c r="RJG650" s="613"/>
      <c r="RJH650" s="613"/>
      <c r="RJI650" s="613"/>
      <c r="RJJ650" s="613"/>
      <c r="RJK650" s="613"/>
      <c r="RJL650" s="613"/>
      <c r="RJM650" s="613"/>
      <c r="RJN650" s="613"/>
      <c r="RJO650" s="613"/>
      <c r="RJP650" s="613"/>
      <c r="RJQ650" s="613"/>
      <c r="RJR650" s="613"/>
      <c r="RJS650" s="613"/>
      <c r="RJT650" s="613"/>
      <c r="RJU650" s="613"/>
      <c r="RJV650" s="613"/>
      <c r="RJW650" s="613"/>
      <c r="RJX650" s="613"/>
      <c r="RJY650" s="613"/>
      <c r="RJZ650" s="613"/>
      <c r="RKA650" s="613"/>
      <c r="RKB650" s="613"/>
      <c r="RKC650" s="613"/>
      <c r="RKD650" s="613"/>
      <c r="RKE650" s="613"/>
      <c r="RKF650" s="613"/>
      <c r="RKG650" s="613"/>
      <c r="RKH650" s="613"/>
      <c r="RKI650" s="613"/>
      <c r="RKJ650" s="613"/>
      <c r="RKK650" s="613"/>
      <c r="RKL650" s="613"/>
      <c r="RKM650" s="613"/>
      <c r="RKN650" s="613"/>
      <c r="RKO650" s="613"/>
      <c r="RKP650" s="613"/>
      <c r="RKQ650" s="613"/>
      <c r="RKR650" s="613"/>
      <c r="RKS650" s="613"/>
      <c r="RKT650" s="613"/>
      <c r="RKU650" s="613"/>
      <c r="RKV650" s="613"/>
      <c r="RKW650" s="613"/>
      <c r="RKX650" s="613"/>
      <c r="RKY650" s="613"/>
      <c r="RKZ650" s="613"/>
      <c r="RLA650" s="613"/>
      <c r="RLB650" s="613"/>
      <c r="RLC650" s="613"/>
      <c r="RLD650" s="613"/>
      <c r="RLE650" s="613"/>
      <c r="RLF650" s="613"/>
      <c r="RLG650" s="613"/>
      <c r="RLH650" s="613"/>
      <c r="RLI650" s="613"/>
      <c r="RLJ650" s="613"/>
      <c r="RLK650" s="613"/>
      <c r="RLL650" s="613"/>
      <c r="RLM650" s="613"/>
      <c r="RLN650" s="613"/>
      <c r="RLO650" s="613"/>
      <c r="RLP650" s="613"/>
      <c r="RLQ650" s="613"/>
      <c r="RLR650" s="613"/>
      <c r="RLS650" s="613"/>
      <c r="RLT650" s="613"/>
      <c r="RLU650" s="613"/>
      <c r="RLV650" s="613"/>
      <c r="RLW650" s="613"/>
      <c r="RLX650" s="613"/>
      <c r="RLY650" s="613"/>
      <c r="RLZ650" s="613"/>
      <c r="RMA650" s="613"/>
      <c r="RMB650" s="613"/>
      <c r="RMC650" s="613"/>
      <c r="RMD650" s="613"/>
      <c r="RME650" s="613"/>
      <c r="RMF650" s="613"/>
      <c r="RMG650" s="613"/>
      <c r="RMH650" s="613"/>
      <c r="RMI650" s="613"/>
      <c r="RMJ650" s="613"/>
      <c r="RMK650" s="613"/>
      <c r="RML650" s="613"/>
      <c r="RMM650" s="613"/>
      <c r="RMN650" s="613"/>
      <c r="RMO650" s="613"/>
      <c r="RMP650" s="613"/>
      <c r="RMQ650" s="613"/>
      <c r="RMR650" s="613"/>
      <c r="RMS650" s="613"/>
      <c r="RMT650" s="613"/>
      <c r="RMU650" s="613"/>
      <c r="RMV650" s="613"/>
      <c r="RMW650" s="613"/>
      <c r="RMX650" s="613"/>
      <c r="RMY650" s="613"/>
      <c r="RMZ650" s="613"/>
      <c r="RNA650" s="613"/>
      <c r="RNB650" s="613"/>
      <c r="RNC650" s="613"/>
      <c r="RND650" s="613"/>
      <c r="RNE650" s="613"/>
      <c r="RNF650" s="613"/>
      <c r="RNG650" s="613"/>
      <c r="RNH650" s="613"/>
      <c r="RNI650" s="613"/>
      <c r="RNJ650" s="613"/>
      <c r="RNK650" s="613"/>
      <c r="RNL650" s="613"/>
      <c r="RNM650" s="613"/>
      <c r="RNN650" s="613"/>
      <c r="RNO650" s="613"/>
      <c r="RNP650" s="613"/>
      <c r="RNQ650" s="613"/>
      <c r="RNR650" s="613"/>
      <c r="RNS650" s="613"/>
      <c r="RNT650" s="613"/>
      <c r="RNU650" s="613"/>
      <c r="RNV650" s="613"/>
      <c r="RNW650" s="613"/>
      <c r="RNX650" s="613"/>
      <c r="RNY650" s="613"/>
      <c r="RNZ650" s="613"/>
      <c r="ROA650" s="613"/>
      <c r="ROB650" s="613"/>
      <c r="ROC650" s="613"/>
      <c r="ROD650" s="613"/>
      <c r="ROE650" s="613"/>
      <c r="ROF650" s="613"/>
      <c r="ROG650" s="613"/>
      <c r="ROH650" s="613"/>
      <c r="ROI650" s="613"/>
      <c r="ROJ650" s="613"/>
      <c r="ROK650" s="613"/>
      <c r="ROL650" s="613"/>
      <c r="ROM650" s="613"/>
      <c r="RON650" s="613"/>
      <c r="ROO650" s="613"/>
      <c r="ROP650" s="613"/>
      <c r="ROQ650" s="613"/>
      <c r="ROR650" s="613"/>
      <c r="ROS650" s="613"/>
      <c r="ROT650" s="613"/>
      <c r="ROU650" s="613"/>
      <c r="ROV650" s="613"/>
      <c r="ROW650" s="613"/>
      <c r="ROX650" s="613"/>
      <c r="ROY650" s="613"/>
      <c r="ROZ650" s="613"/>
      <c r="RPA650" s="613"/>
      <c r="RPB650" s="613"/>
      <c r="RPC650" s="613"/>
      <c r="RPD650" s="613"/>
      <c r="RPE650" s="613"/>
      <c r="RPF650" s="613"/>
      <c r="RPG650" s="613"/>
      <c r="RPH650" s="613"/>
      <c r="RPI650" s="613"/>
      <c r="RPJ650" s="613"/>
      <c r="RPK650" s="613"/>
      <c r="RPL650" s="613"/>
      <c r="RPM650" s="613"/>
      <c r="RPN650" s="613"/>
      <c r="RPO650" s="613"/>
      <c r="RPP650" s="613"/>
      <c r="RPQ650" s="613"/>
      <c r="RPR650" s="613"/>
      <c r="RPS650" s="613"/>
      <c r="RPT650" s="613"/>
      <c r="RPU650" s="613"/>
      <c r="RPV650" s="613"/>
      <c r="RPW650" s="613"/>
      <c r="RPX650" s="613"/>
      <c r="RPY650" s="613"/>
      <c r="RPZ650" s="613"/>
      <c r="RQA650" s="613"/>
      <c r="RQB650" s="613"/>
      <c r="RQC650" s="613"/>
      <c r="RQD650" s="613"/>
      <c r="RQE650" s="613"/>
      <c r="RQF650" s="613"/>
      <c r="RQG650" s="613"/>
      <c r="RQH650" s="613"/>
      <c r="RQI650" s="613"/>
      <c r="RQJ650" s="613"/>
      <c r="RQK650" s="613"/>
      <c r="RQL650" s="613"/>
      <c r="RQM650" s="613"/>
      <c r="RQN650" s="613"/>
      <c r="RQO650" s="613"/>
      <c r="RQP650" s="613"/>
      <c r="RQQ650" s="613"/>
      <c r="RQR650" s="613"/>
      <c r="RQS650" s="613"/>
      <c r="RQT650" s="613"/>
      <c r="RQU650" s="613"/>
      <c r="RQV650" s="613"/>
      <c r="RQW650" s="613"/>
      <c r="RQX650" s="613"/>
      <c r="RQY650" s="613"/>
      <c r="RQZ650" s="613"/>
      <c r="RRA650" s="613"/>
      <c r="RRB650" s="613"/>
      <c r="RRC650" s="613"/>
      <c r="RRD650" s="613"/>
      <c r="RRE650" s="613"/>
      <c r="RRF650" s="613"/>
      <c r="RRG650" s="613"/>
      <c r="RRH650" s="613"/>
      <c r="RRI650" s="613"/>
      <c r="RRJ650" s="613"/>
      <c r="RRK650" s="613"/>
      <c r="RRL650" s="613"/>
      <c r="RRM650" s="613"/>
      <c r="RRN650" s="613"/>
      <c r="RRO650" s="613"/>
      <c r="RRP650" s="613"/>
      <c r="RRQ650" s="613"/>
      <c r="RRR650" s="613"/>
      <c r="RRS650" s="613"/>
      <c r="RRT650" s="613"/>
      <c r="RRU650" s="613"/>
      <c r="RRV650" s="613"/>
      <c r="RRW650" s="613"/>
      <c r="RRX650" s="613"/>
      <c r="RRY650" s="613"/>
      <c r="RRZ650" s="613"/>
      <c r="RSA650" s="613"/>
      <c r="RSB650" s="613"/>
      <c r="RSC650" s="613"/>
      <c r="RSD650" s="613"/>
      <c r="RSE650" s="613"/>
      <c r="RSF650" s="613"/>
      <c r="RSG650" s="613"/>
      <c r="RSH650" s="613"/>
      <c r="RSI650" s="613"/>
      <c r="RSJ650" s="613"/>
      <c r="RSK650" s="613"/>
      <c r="RSL650" s="613"/>
      <c r="RSM650" s="613"/>
      <c r="RSN650" s="613"/>
      <c r="RSO650" s="613"/>
      <c r="RSP650" s="613"/>
      <c r="RSQ650" s="613"/>
      <c r="RSR650" s="613"/>
      <c r="RSS650" s="613"/>
      <c r="RST650" s="613"/>
      <c r="RSU650" s="613"/>
      <c r="RSV650" s="613"/>
      <c r="RSW650" s="613"/>
      <c r="RSX650" s="613"/>
      <c r="RSY650" s="613"/>
      <c r="RSZ650" s="613"/>
      <c r="RTA650" s="613"/>
      <c r="RTB650" s="613"/>
      <c r="RTC650" s="613"/>
      <c r="RTD650" s="613"/>
      <c r="RTE650" s="613"/>
      <c r="RTF650" s="613"/>
      <c r="RTG650" s="613"/>
      <c r="RTH650" s="613"/>
      <c r="RTI650" s="613"/>
      <c r="RTJ650" s="613"/>
      <c r="RTK650" s="613"/>
      <c r="RTL650" s="613"/>
      <c r="RTM650" s="613"/>
      <c r="RTN650" s="613"/>
      <c r="RTO650" s="613"/>
      <c r="RTP650" s="613"/>
      <c r="RTQ650" s="613"/>
      <c r="RTR650" s="613"/>
      <c r="RTS650" s="613"/>
      <c r="RTT650" s="613"/>
      <c r="RTU650" s="613"/>
      <c r="RTV650" s="613"/>
      <c r="RTW650" s="613"/>
      <c r="RTX650" s="613"/>
      <c r="RTY650" s="613"/>
      <c r="RTZ650" s="613"/>
      <c r="RUA650" s="613"/>
      <c r="RUB650" s="613"/>
      <c r="RUC650" s="613"/>
      <c r="RUD650" s="613"/>
      <c r="RUE650" s="613"/>
      <c r="RUF650" s="613"/>
      <c r="RUG650" s="613"/>
      <c r="RUH650" s="613"/>
      <c r="RUI650" s="613"/>
      <c r="RUJ650" s="613"/>
      <c r="RUK650" s="613"/>
      <c r="RUL650" s="613"/>
      <c r="RUM650" s="613"/>
      <c r="RUN650" s="613"/>
      <c r="RUO650" s="613"/>
      <c r="RUP650" s="613"/>
      <c r="RUQ650" s="613"/>
      <c r="RUR650" s="613"/>
      <c r="RUS650" s="613"/>
      <c r="RUT650" s="613"/>
      <c r="RUU650" s="613"/>
      <c r="RUV650" s="613"/>
      <c r="RUW650" s="613"/>
      <c r="RUX650" s="613"/>
      <c r="RUY650" s="613"/>
      <c r="RUZ650" s="613"/>
      <c r="RVA650" s="613"/>
      <c r="RVB650" s="613"/>
      <c r="RVC650" s="613"/>
      <c r="RVD650" s="613"/>
      <c r="RVE650" s="613"/>
      <c r="RVF650" s="613"/>
      <c r="RVG650" s="613"/>
      <c r="RVH650" s="613"/>
      <c r="RVI650" s="613"/>
      <c r="RVJ650" s="613"/>
      <c r="RVK650" s="613"/>
      <c r="RVL650" s="613"/>
      <c r="RVM650" s="613"/>
      <c r="RVN650" s="613"/>
      <c r="RVO650" s="613"/>
      <c r="RVP650" s="613"/>
      <c r="RVQ650" s="613"/>
      <c r="RVR650" s="613"/>
      <c r="RVS650" s="613"/>
      <c r="RVT650" s="613"/>
      <c r="RVU650" s="613"/>
      <c r="RVV650" s="613"/>
      <c r="RVW650" s="613"/>
      <c r="RVX650" s="613"/>
      <c r="RVY650" s="613"/>
      <c r="RVZ650" s="613"/>
      <c r="RWA650" s="613"/>
      <c r="RWB650" s="613"/>
      <c r="RWC650" s="613"/>
      <c r="RWD650" s="613"/>
      <c r="RWE650" s="613"/>
      <c r="RWF650" s="613"/>
      <c r="RWG650" s="613"/>
      <c r="RWH650" s="613"/>
      <c r="RWI650" s="613"/>
      <c r="RWJ650" s="613"/>
      <c r="RWK650" s="613"/>
      <c r="RWL650" s="613"/>
      <c r="RWM650" s="613"/>
      <c r="RWN650" s="613"/>
      <c r="RWO650" s="613"/>
      <c r="RWP650" s="613"/>
      <c r="RWQ650" s="613"/>
      <c r="RWR650" s="613"/>
      <c r="RWS650" s="613"/>
      <c r="RWT650" s="613"/>
      <c r="RWU650" s="613"/>
      <c r="RWV650" s="613"/>
      <c r="RWW650" s="613"/>
      <c r="RWX650" s="613"/>
      <c r="RWY650" s="613"/>
      <c r="RWZ650" s="613"/>
      <c r="RXA650" s="613"/>
      <c r="RXB650" s="613"/>
      <c r="RXC650" s="613"/>
      <c r="RXD650" s="613"/>
      <c r="RXE650" s="613"/>
      <c r="RXF650" s="613"/>
      <c r="RXG650" s="613"/>
      <c r="RXH650" s="613"/>
      <c r="RXI650" s="613"/>
      <c r="RXJ650" s="613"/>
      <c r="RXK650" s="613"/>
      <c r="RXL650" s="613"/>
      <c r="RXM650" s="613"/>
      <c r="RXN650" s="613"/>
      <c r="RXO650" s="613"/>
      <c r="RXP650" s="613"/>
      <c r="RXQ650" s="613"/>
      <c r="RXR650" s="613"/>
      <c r="RXS650" s="613"/>
      <c r="RXT650" s="613"/>
      <c r="RXU650" s="613"/>
      <c r="RXV650" s="613"/>
      <c r="RXW650" s="613"/>
      <c r="RXX650" s="613"/>
      <c r="RXY650" s="613"/>
      <c r="RXZ650" s="613"/>
      <c r="RYA650" s="613"/>
      <c r="RYB650" s="613"/>
      <c r="RYC650" s="613"/>
      <c r="RYD650" s="613"/>
      <c r="RYE650" s="613"/>
      <c r="RYF650" s="613"/>
      <c r="RYG650" s="613"/>
      <c r="RYH650" s="613"/>
      <c r="RYI650" s="613"/>
      <c r="RYJ650" s="613"/>
      <c r="RYK650" s="613"/>
      <c r="RYL650" s="613"/>
      <c r="RYM650" s="613"/>
      <c r="RYN650" s="613"/>
      <c r="RYO650" s="613"/>
      <c r="RYP650" s="613"/>
      <c r="RYQ650" s="613"/>
      <c r="RYR650" s="613"/>
      <c r="RYS650" s="613"/>
      <c r="RYT650" s="613"/>
      <c r="RYU650" s="613"/>
      <c r="RYV650" s="613"/>
      <c r="RYW650" s="613"/>
      <c r="RYX650" s="613"/>
      <c r="RYY650" s="613"/>
      <c r="RYZ650" s="613"/>
      <c r="RZA650" s="613"/>
      <c r="RZB650" s="613"/>
      <c r="RZC650" s="613"/>
      <c r="RZD650" s="613"/>
      <c r="RZE650" s="613"/>
      <c r="RZF650" s="613"/>
      <c r="RZG650" s="613"/>
      <c r="RZH650" s="613"/>
      <c r="RZI650" s="613"/>
      <c r="RZJ650" s="613"/>
      <c r="RZK650" s="613"/>
      <c r="RZL650" s="613"/>
      <c r="RZM650" s="613"/>
      <c r="RZN650" s="613"/>
      <c r="RZO650" s="613"/>
      <c r="RZP650" s="613"/>
      <c r="RZQ650" s="613"/>
      <c r="RZR650" s="613"/>
      <c r="RZS650" s="613"/>
      <c r="RZT650" s="613"/>
      <c r="RZU650" s="613"/>
      <c r="RZV650" s="613"/>
      <c r="RZW650" s="613"/>
      <c r="RZX650" s="613"/>
      <c r="RZY650" s="613"/>
      <c r="RZZ650" s="613"/>
      <c r="SAA650" s="613"/>
      <c r="SAB650" s="613"/>
      <c r="SAC650" s="613"/>
      <c r="SAD650" s="613"/>
      <c r="SAE650" s="613"/>
      <c r="SAF650" s="613"/>
      <c r="SAG650" s="613"/>
      <c r="SAH650" s="613"/>
      <c r="SAI650" s="613"/>
      <c r="SAJ650" s="613"/>
      <c r="SAK650" s="613"/>
      <c r="SAL650" s="613"/>
      <c r="SAM650" s="613"/>
      <c r="SAN650" s="613"/>
      <c r="SAO650" s="613"/>
      <c r="SAP650" s="613"/>
      <c r="SAQ650" s="613"/>
      <c r="SAR650" s="613"/>
      <c r="SAS650" s="613"/>
      <c r="SAT650" s="613"/>
      <c r="SAU650" s="613"/>
      <c r="SAV650" s="613"/>
      <c r="SAW650" s="613"/>
      <c r="SAX650" s="613"/>
      <c r="SAY650" s="613"/>
      <c r="SAZ650" s="613"/>
      <c r="SBA650" s="613"/>
      <c r="SBB650" s="613"/>
      <c r="SBC650" s="613"/>
      <c r="SBD650" s="613"/>
      <c r="SBE650" s="613"/>
      <c r="SBF650" s="613"/>
      <c r="SBG650" s="613"/>
      <c r="SBH650" s="613"/>
      <c r="SBI650" s="613"/>
      <c r="SBJ650" s="613"/>
      <c r="SBK650" s="613"/>
      <c r="SBL650" s="613"/>
      <c r="SBM650" s="613"/>
      <c r="SBN650" s="613"/>
      <c r="SBO650" s="613"/>
      <c r="SBP650" s="613"/>
      <c r="SBQ650" s="613"/>
      <c r="SBR650" s="613"/>
      <c r="SBS650" s="613"/>
      <c r="SBT650" s="613"/>
      <c r="SBU650" s="613"/>
      <c r="SBV650" s="613"/>
      <c r="SBW650" s="613"/>
      <c r="SBX650" s="613"/>
      <c r="SBY650" s="613"/>
      <c r="SBZ650" s="613"/>
      <c r="SCA650" s="613"/>
      <c r="SCB650" s="613"/>
      <c r="SCC650" s="613"/>
      <c r="SCD650" s="613"/>
      <c r="SCE650" s="613"/>
      <c r="SCF650" s="613"/>
      <c r="SCG650" s="613"/>
      <c r="SCH650" s="613"/>
      <c r="SCI650" s="613"/>
      <c r="SCJ650" s="613"/>
      <c r="SCK650" s="613"/>
      <c r="SCL650" s="613"/>
      <c r="SCM650" s="613"/>
      <c r="SCN650" s="613"/>
      <c r="SCO650" s="613"/>
      <c r="SCP650" s="613"/>
      <c r="SCQ650" s="613"/>
      <c r="SCR650" s="613"/>
      <c r="SCS650" s="613"/>
      <c r="SCT650" s="613"/>
      <c r="SCU650" s="613"/>
      <c r="SCV650" s="613"/>
      <c r="SCW650" s="613"/>
      <c r="SCX650" s="613"/>
      <c r="SCY650" s="613"/>
      <c r="SCZ650" s="613"/>
      <c r="SDA650" s="613"/>
      <c r="SDB650" s="613"/>
      <c r="SDC650" s="613"/>
      <c r="SDD650" s="613"/>
      <c r="SDE650" s="613"/>
      <c r="SDF650" s="613"/>
      <c r="SDG650" s="613"/>
      <c r="SDH650" s="613"/>
      <c r="SDI650" s="613"/>
      <c r="SDJ650" s="613"/>
      <c r="SDK650" s="613"/>
      <c r="SDL650" s="613"/>
      <c r="SDM650" s="613"/>
      <c r="SDN650" s="613"/>
      <c r="SDO650" s="613"/>
      <c r="SDP650" s="613"/>
      <c r="SDQ650" s="613"/>
      <c r="SDR650" s="613"/>
      <c r="SDS650" s="613"/>
      <c r="SDT650" s="613"/>
      <c r="SDU650" s="613"/>
      <c r="SDV650" s="613"/>
      <c r="SDW650" s="613"/>
      <c r="SDX650" s="613"/>
      <c r="SDY650" s="613"/>
      <c r="SDZ650" s="613"/>
      <c r="SEA650" s="613"/>
      <c r="SEB650" s="613"/>
      <c r="SEC650" s="613"/>
      <c r="SED650" s="613"/>
      <c r="SEE650" s="613"/>
      <c r="SEF650" s="613"/>
      <c r="SEG650" s="613"/>
      <c r="SEH650" s="613"/>
      <c r="SEI650" s="613"/>
      <c r="SEJ650" s="613"/>
      <c r="SEK650" s="613"/>
      <c r="SEL650" s="613"/>
      <c r="SEM650" s="613"/>
      <c r="SEN650" s="613"/>
      <c r="SEO650" s="613"/>
      <c r="SEP650" s="613"/>
      <c r="SEQ650" s="613"/>
      <c r="SER650" s="613"/>
      <c r="SES650" s="613"/>
      <c r="SET650" s="613"/>
      <c r="SEU650" s="613"/>
      <c r="SEV650" s="613"/>
      <c r="SEW650" s="613"/>
      <c r="SEX650" s="613"/>
      <c r="SEY650" s="613"/>
      <c r="SEZ650" s="613"/>
      <c r="SFA650" s="613"/>
      <c r="SFB650" s="613"/>
      <c r="SFC650" s="613"/>
      <c r="SFD650" s="613"/>
      <c r="SFE650" s="613"/>
      <c r="SFF650" s="613"/>
      <c r="SFG650" s="613"/>
      <c r="SFH650" s="613"/>
      <c r="SFI650" s="613"/>
      <c r="SFJ650" s="613"/>
      <c r="SFK650" s="613"/>
      <c r="SFL650" s="613"/>
      <c r="SFM650" s="613"/>
      <c r="SFN650" s="613"/>
      <c r="SFO650" s="613"/>
      <c r="SFP650" s="613"/>
      <c r="SFQ650" s="613"/>
      <c r="SFR650" s="613"/>
      <c r="SFS650" s="613"/>
      <c r="SFT650" s="613"/>
      <c r="SFU650" s="613"/>
      <c r="SFV650" s="613"/>
      <c r="SFW650" s="613"/>
      <c r="SFX650" s="613"/>
      <c r="SFY650" s="613"/>
      <c r="SFZ650" s="613"/>
      <c r="SGA650" s="613"/>
      <c r="SGB650" s="613"/>
      <c r="SGC650" s="613"/>
      <c r="SGD650" s="613"/>
      <c r="SGE650" s="613"/>
      <c r="SGF650" s="613"/>
      <c r="SGG650" s="613"/>
      <c r="SGH650" s="613"/>
      <c r="SGI650" s="613"/>
      <c r="SGJ650" s="613"/>
      <c r="SGK650" s="613"/>
      <c r="SGL650" s="613"/>
      <c r="SGM650" s="613"/>
      <c r="SGN650" s="613"/>
      <c r="SGO650" s="613"/>
      <c r="SGP650" s="613"/>
      <c r="SGQ650" s="613"/>
      <c r="SGR650" s="613"/>
      <c r="SGS650" s="613"/>
      <c r="SGT650" s="613"/>
      <c r="SGU650" s="613"/>
      <c r="SGV650" s="613"/>
      <c r="SGW650" s="613"/>
      <c r="SGX650" s="613"/>
      <c r="SGY650" s="613"/>
      <c r="SGZ650" s="613"/>
      <c r="SHA650" s="613"/>
      <c r="SHB650" s="613"/>
      <c r="SHC650" s="613"/>
      <c r="SHD650" s="613"/>
      <c r="SHE650" s="613"/>
      <c r="SHF650" s="613"/>
      <c r="SHG650" s="613"/>
      <c r="SHH650" s="613"/>
      <c r="SHI650" s="613"/>
      <c r="SHJ650" s="613"/>
      <c r="SHK650" s="613"/>
      <c r="SHL650" s="613"/>
      <c r="SHM650" s="613"/>
      <c r="SHN650" s="613"/>
      <c r="SHO650" s="613"/>
      <c r="SHP650" s="613"/>
      <c r="SHQ650" s="613"/>
      <c r="SHR650" s="613"/>
      <c r="SHS650" s="613"/>
      <c r="SHT650" s="613"/>
      <c r="SHU650" s="613"/>
      <c r="SHV650" s="613"/>
      <c r="SHW650" s="613"/>
      <c r="SHX650" s="613"/>
      <c r="SHY650" s="613"/>
      <c r="SHZ650" s="613"/>
      <c r="SIA650" s="613"/>
      <c r="SIB650" s="613"/>
      <c r="SIC650" s="613"/>
      <c r="SID650" s="613"/>
      <c r="SIE650" s="613"/>
      <c r="SIF650" s="613"/>
      <c r="SIG650" s="613"/>
      <c r="SIH650" s="613"/>
      <c r="SII650" s="613"/>
      <c r="SIJ650" s="613"/>
      <c r="SIK650" s="613"/>
      <c r="SIL650" s="613"/>
      <c r="SIM650" s="613"/>
      <c r="SIN650" s="613"/>
      <c r="SIO650" s="613"/>
      <c r="SIP650" s="613"/>
      <c r="SIQ650" s="613"/>
      <c r="SIR650" s="613"/>
      <c r="SIS650" s="613"/>
      <c r="SIT650" s="613"/>
      <c r="SIU650" s="613"/>
      <c r="SIV650" s="613"/>
      <c r="SIW650" s="613"/>
      <c r="SIX650" s="613"/>
      <c r="SIY650" s="613"/>
      <c r="SIZ650" s="613"/>
      <c r="SJA650" s="613"/>
      <c r="SJB650" s="613"/>
      <c r="SJC650" s="613"/>
      <c r="SJD650" s="613"/>
      <c r="SJE650" s="613"/>
      <c r="SJF650" s="613"/>
      <c r="SJG650" s="613"/>
      <c r="SJH650" s="613"/>
      <c r="SJI650" s="613"/>
      <c r="SJJ650" s="613"/>
      <c r="SJK650" s="613"/>
      <c r="SJL650" s="613"/>
      <c r="SJM650" s="613"/>
      <c r="SJN650" s="613"/>
      <c r="SJO650" s="613"/>
      <c r="SJP650" s="613"/>
      <c r="SJQ650" s="613"/>
      <c r="SJR650" s="613"/>
      <c r="SJS650" s="613"/>
      <c r="SJT650" s="613"/>
      <c r="SJU650" s="613"/>
      <c r="SJV650" s="613"/>
      <c r="SJW650" s="613"/>
      <c r="SJX650" s="613"/>
      <c r="SJY650" s="613"/>
      <c r="SJZ650" s="613"/>
      <c r="SKA650" s="613"/>
      <c r="SKB650" s="613"/>
      <c r="SKC650" s="613"/>
      <c r="SKD650" s="613"/>
      <c r="SKE650" s="613"/>
      <c r="SKF650" s="613"/>
      <c r="SKG650" s="613"/>
      <c r="SKH650" s="613"/>
      <c r="SKI650" s="613"/>
      <c r="SKJ650" s="613"/>
      <c r="SKK650" s="613"/>
      <c r="SKL650" s="613"/>
      <c r="SKM650" s="613"/>
      <c r="SKN650" s="613"/>
      <c r="SKO650" s="613"/>
      <c r="SKP650" s="613"/>
      <c r="SKQ650" s="613"/>
      <c r="SKR650" s="613"/>
      <c r="SKS650" s="613"/>
      <c r="SKT650" s="613"/>
      <c r="SKU650" s="613"/>
      <c r="SKV650" s="613"/>
      <c r="SKW650" s="613"/>
      <c r="SKX650" s="613"/>
      <c r="SKY650" s="613"/>
      <c r="SKZ650" s="613"/>
      <c r="SLA650" s="613"/>
      <c r="SLB650" s="613"/>
      <c r="SLC650" s="613"/>
      <c r="SLD650" s="613"/>
      <c r="SLE650" s="613"/>
      <c r="SLF650" s="613"/>
      <c r="SLG650" s="613"/>
      <c r="SLH650" s="613"/>
      <c r="SLI650" s="613"/>
      <c r="SLJ650" s="613"/>
      <c r="SLK650" s="613"/>
      <c r="SLL650" s="613"/>
      <c r="SLM650" s="613"/>
      <c r="SLN650" s="613"/>
      <c r="SLO650" s="613"/>
      <c r="SLP650" s="613"/>
      <c r="SLQ650" s="613"/>
      <c r="SLR650" s="613"/>
      <c r="SLS650" s="613"/>
      <c r="SLT650" s="613"/>
      <c r="SLU650" s="613"/>
      <c r="SLV650" s="613"/>
      <c r="SLW650" s="613"/>
      <c r="SLX650" s="613"/>
      <c r="SLY650" s="613"/>
      <c r="SLZ650" s="613"/>
      <c r="SMA650" s="613"/>
      <c r="SMB650" s="613"/>
      <c r="SMC650" s="613"/>
      <c r="SMD650" s="613"/>
      <c r="SME650" s="613"/>
      <c r="SMF650" s="613"/>
      <c r="SMG650" s="613"/>
      <c r="SMH650" s="613"/>
      <c r="SMI650" s="613"/>
      <c r="SMJ650" s="613"/>
      <c r="SMK650" s="613"/>
      <c r="SML650" s="613"/>
      <c r="SMM650" s="613"/>
      <c r="SMN650" s="613"/>
      <c r="SMO650" s="613"/>
      <c r="SMP650" s="613"/>
      <c r="SMQ650" s="613"/>
      <c r="SMR650" s="613"/>
      <c r="SMS650" s="613"/>
      <c r="SMT650" s="613"/>
      <c r="SMU650" s="613"/>
      <c r="SMV650" s="613"/>
      <c r="SMW650" s="613"/>
      <c r="SMX650" s="613"/>
      <c r="SMY650" s="613"/>
      <c r="SMZ650" s="613"/>
      <c r="SNA650" s="613"/>
      <c r="SNB650" s="613"/>
      <c r="SNC650" s="613"/>
      <c r="SND650" s="613"/>
      <c r="SNE650" s="613"/>
      <c r="SNF650" s="613"/>
      <c r="SNG650" s="613"/>
      <c r="SNH650" s="613"/>
      <c r="SNI650" s="613"/>
      <c r="SNJ650" s="613"/>
      <c r="SNK650" s="613"/>
      <c r="SNL650" s="613"/>
      <c r="SNM650" s="613"/>
      <c r="SNN650" s="613"/>
      <c r="SNO650" s="613"/>
      <c r="SNP650" s="613"/>
      <c r="SNQ650" s="613"/>
      <c r="SNR650" s="613"/>
      <c r="SNS650" s="613"/>
      <c r="SNT650" s="613"/>
      <c r="SNU650" s="613"/>
      <c r="SNV650" s="613"/>
      <c r="SNW650" s="613"/>
      <c r="SNX650" s="613"/>
      <c r="SNY650" s="613"/>
      <c r="SNZ650" s="613"/>
      <c r="SOA650" s="613"/>
      <c r="SOB650" s="613"/>
      <c r="SOC650" s="613"/>
      <c r="SOD650" s="613"/>
      <c r="SOE650" s="613"/>
      <c r="SOF650" s="613"/>
      <c r="SOG650" s="613"/>
      <c r="SOH650" s="613"/>
      <c r="SOI650" s="613"/>
      <c r="SOJ650" s="613"/>
      <c r="SOK650" s="613"/>
      <c r="SOL650" s="613"/>
      <c r="SOM650" s="613"/>
      <c r="SON650" s="613"/>
      <c r="SOO650" s="613"/>
      <c r="SOP650" s="613"/>
      <c r="SOQ650" s="613"/>
      <c r="SOR650" s="613"/>
      <c r="SOS650" s="613"/>
      <c r="SOT650" s="613"/>
      <c r="SOU650" s="613"/>
      <c r="SOV650" s="613"/>
      <c r="SOW650" s="613"/>
      <c r="SOX650" s="613"/>
      <c r="SOY650" s="613"/>
      <c r="SOZ650" s="613"/>
      <c r="SPA650" s="613"/>
      <c r="SPB650" s="613"/>
      <c r="SPC650" s="613"/>
      <c r="SPD650" s="613"/>
      <c r="SPE650" s="613"/>
      <c r="SPF650" s="613"/>
      <c r="SPG650" s="613"/>
      <c r="SPH650" s="613"/>
      <c r="SPI650" s="613"/>
      <c r="SPJ650" s="613"/>
      <c r="SPK650" s="613"/>
      <c r="SPL650" s="613"/>
      <c r="SPM650" s="613"/>
      <c r="SPN650" s="613"/>
      <c r="SPO650" s="613"/>
      <c r="SPP650" s="613"/>
      <c r="SPQ650" s="613"/>
      <c r="SPR650" s="613"/>
      <c r="SPS650" s="613"/>
      <c r="SPT650" s="613"/>
      <c r="SPU650" s="613"/>
      <c r="SPV650" s="613"/>
      <c r="SPW650" s="613"/>
      <c r="SPX650" s="613"/>
      <c r="SPY650" s="613"/>
      <c r="SPZ650" s="613"/>
      <c r="SQA650" s="613"/>
      <c r="SQB650" s="613"/>
      <c r="SQC650" s="613"/>
      <c r="SQD650" s="613"/>
      <c r="SQE650" s="613"/>
      <c r="SQF650" s="613"/>
      <c r="SQG650" s="613"/>
      <c r="SQH650" s="613"/>
      <c r="SQI650" s="613"/>
      <c r="SQJ650" s="613"/>
      <c r="SQK650" s="613"/>
      <c r="SQL650" s="613"/>
      <c r="SQM650" s="613"/>
      <c r="SQN650" s="613"/>
      <c r="SQO650" s="613"/>
      <c r="SQP650" s="613"/>
      <c r="SQQ650" s="613"/>
      <c r="SQR650" s="613"/>
      <c r="SQS650" s="613"/>
      <c r="SQT650" s="613"/>
      <c r="SQU650" s="613"/>
      <c r="SQV650" s="613"/>
      <c r="SQW650" s="613"/>
      <c r="SQX650" s="613"/>
      <c r="SQY650" s="613"/>
      <c r="SQZ650" s="613"/>
      <c r="SRA650" s="613"/>
      <c r="SRB650" s="613"/>
      <c r="SRC650" s="613"/>
      <c r="SRD650" s="613"/>
      <c r="SRE650" s="613"/>
      <c r="SRF650" s="613"/>
      <c r="SRG650" s="613"/>
      <c r="SRH650" s="613"/>
      <c r="SRI650" s="613"/>
      <c r="SRJ650" s="613"/>
      <c r="SRK650" s="613"/>
      <c r="SRL650" s="613"/>
      <c r="SRM650" s="613"/>
      <c r="SRN650" s="613"/>
      <c r="SRO650" s="613"/>
      <c r="SRP650" s="613"/>
      <c r="SRQ650" s="613"/>
      <c r="SRR650" s="613"/>
      <c r="SRS650" s="613"/>
      <c r="SRT650" s="613"/>
      <c r="SRU650" s="613"/>
      <c r="SRV650" s="613"/>
      <c r="SRW650" s="613"/>
      <c r="SRX650" s="613"/>
      <c r="SRY650" s="613"/>
      <c r="SRZ650" s="613"/>
      <c r="SSA650" s="613"/>
      <c r="SSB650" s="613"/>
      <c r="SSC650" s="613"/>
      <c r="SSD650" s="613"/>
      <c r="SSE650" s="613"/>
      <c r="SSF650" s="613"/>
      <c r="SSG650" s="613"/>
      <c r="SSH650" s="613"/>
      <c r="SSI650" s="613"/>
      <c r="SSJ650" s="613"/>
      <c r="SSK650" s="613"/>
      <c r="SSL650" s="613"/>
      <c r="SSM650" s="613"/>
      <c r="SSN650" s="613"/>
      <c r="SSO650" s="613"/>
      <c r="SSP650" s="613"/>
      <c r="SSQ650" s="613"/>
      <c r="SSR650" s="613"/>
      <c r="SSS650" s="613"/>
      <c r="SST650" s="613"/>
      <c r="SSU650" s="613"/>
      <c r="SSV650" s="613"/>
      <c r="SSW650" s="613"/>
      <c r="SSX650" s="613"/>
      <c r="SSY650" s="613"/>
      <c r="SSZ650" s="613"/>
      <c r="STA650" s="613"/>
      <c r="STB650" s="613"/>
      <c r="STC650" s="613"/>
      <c r="STD650" s="613"/>
      <c r="STE650" s="613"/>
      <c r="STF650" s="613"/>
      <c r="STG650" s="613"/>
      <c r="STH650" s="613"/>
      <c r="STI650" s="613"/>
      <c r="STJ650" s="613"/>
      <c r="STK650" s="613"/>
      <c r="STL650" s="613"/>
      <c r="STM650" s="613"/>
      <c r="STN650" s="613"/>
      <c r="STO650" s="613"/>
      <c r="STP650" s="613"/>
      <c r="STQ650" s="613"/>
      <c r="STR650" s="613"/>
      <c r="STS650" s="613"/>
      <c r="STT650" s="613"/>
      <c r="STU650" s="613"/>
      <c r="STV650" s="613"/>
      <c r="STW650" s="613"/>
      <c r="STX650" s="613"/>
      <c r="STY650" s="613"/>
      <c r="STZ650" s="613"/>
      <c r="SUA650" s="613"/>
      <c r="SUB650" s="613"/>
      <c r="SUC650" s="613"/>
      <c r="SUD650" s="613"/>
      <c r="SUE650" s="613"/>
      <c r="SUF650" s="613"/>
      <c r="SUG650" s="613"/>
      <c r="SUH650" s="613"/>
      <c r="SUI650" s="613"/>
      <c r="SUJ650" s="613"/>
      <c r="SUK650" s="613"/>
      <c r="SUL650" s="613"/>
      <c r="SUM650" s="613"/>
      <c r="SUN650" s="613"/>
      <c r="SUO650" s="613"/>
      <c r="SUP650" s="613"/>
      <c r="SUQ650" s="613"/>
      <c r="SUR650" s="613"/>
      <c r="SUS650" s="613"/>
      <c r="SUT650" s="613"/>
      <c r="SUU650" s="613"/>
      <c r="SUV650" s="613"/>
      <c r="SUW650" s="613"/>
      <c r="SUX650" s="613"/>
      <c r="SUY650" s="613"/>
      <c r="SUZ650" s="613"/>
      <c r="SVA650" s="613"/>
      <c r="SVB650" s="613"/>
      <c r="SVC650" s="613"/>
      <c r="SVD650" s="613"/>
      <c r="SVE650" s="613"/>
      <c r="SVF650" s="613"/>
      <c r="SVG650" s="613"/>
      <c r="SVH650" s="613"/>
      <c r="SVI650" s="613"/>
      <c r="SVJ650" s="613"/>
      <c r="SVK650" s="613"/>
      <c r="SVL650" s="613"/>
      <c r="SVM650" s="613"/>
      <c r="SVN650" s="613"/>
      <c r="SVO650" s="613"/>
      <c r="SVP650" s="613"/>
      <c r="SVQ650" s="613"/>
      <c r="SVR650" s="613"/>
      <c r="SVS650" s="613"/>
      <c r="SVT650" s="613"/>
      <c r="SVU650" s="613"/>
      <c r="SVV650" s="613"/>
      <c r="SVW650" s="613"/>
      <c r="SVX650" s="613"/>
      <c r="SVY650" s="613"/>
      <c r="SVZ650" s="613"/>
      <c r="SWA650" s="613"/>
      <c r="SWB650" s="613"/>
      <c r="SWC650" s="613"/>
      <c r="SWD650" s="613"/>
      <c r="SWE650" s="613"/>
      <c r="SWF650" s="613"/>
      <c r="SWG650" s="613"/>
      <c r="SWH650" s="613"/>
      <c r="SWI650" s="613"/>
      <c r="SWJ650" s="613"/>
      <c r="SWK650" s="613"/>
      <c r="SWL650" s="613"/>
      <c r="SWM650" s="613"/>
      <c r="SWN650" s="613"/>
      <c r="SWO650" s="613"/>
      <c r="SWP650" s="613"/>
      <c r="SWQ650" s="613"/>
      <c r="SWR650" s="613"/>
      <c r="SWS650" s="613"/>
      <c r="SWT650" s="613"/>
      <c r="SWU650" s="613"/>
      <c r="SWV650" s="613"/>
      <c r="SWW650" s="613"/>
      <c r="SWX650" s="613"/>
      <c r="SWY650" s="613"/>
      <c r="SWZ650" s="613"/>
      <c r="SXA650" s="613"/>
      <c r="SXB650" s="613"/>
      <c r="SXC650" s="613"/>
      <c r="SXD650" s="613"/>
      <c r="SXE650" s="613"/>
      <c r="SXF650" s="613"/>
      <c r="SXG650" s="613"/>
      <c r="SXH650" s="613"/>
      <c r="SXI650" s="613"/>
      <c r="SXJ650" s="613"/>
      <c r="SXK650" s="613"/>
      <c r="SXL650" s="613"/>
      <c r="SXM650" s="613"/>
      <c r="SXN650" s="613"/>
      <c r="SXO650" s="613"/>
      <c r="SXP650" s="613"/>
      <c r="SXQ650" s="613"/>
      <c r="SXR650" s="613"/>
      <c r="SXS650" s="613"/>
      <c r="SXT650" s="613"/>
      <c r="SXU650" s="613"/>
      <c r="SXV650" s="613"/>
      <c r="SXW650" s="613"/>
      <c r="SXX650" s="613"/>
      <c r="SXY650" s="613"/>
      <c r="SXZ650" s="613"/>
      <c r="SYA650" s="613"/>
      <c r="SYB650" s="613"/>
      <c r="SYC650" s="613"/>
      <c r="SYD650" s="613"/>
      <c r="SYE650" s="613"/>
      <c r="SYF650" s="613"/>
      <c r="SYG650" s="613"/>
      <c r="SYH650" s="613"/>
      <c r="SYI650" s="613"/>
      <c r="SYJ650" s="613"/>
      <c r="SYK650" s="613"/>
      <c r="SYL650" s="613"/>
      <c r="SYM650" s="613"/>
      <c r="SYN650" s="613"/>
      <c r="SYO650" s="613"/>
      <c r="SYP650" s="613"/>
      <c r="SYQ650" s="613"/>
      <c r="SYR650" s="613"/>
      <c r="SYS650" s="613"/>
      <c r="SYT650" s="613"/>
      <c r="SYU650" s="613"/>
      <c r="SYV650" s="613"/>
      <c r="SYW650" s="613"/>
      <c r="SYX650" s="613"/>
      <c r="SYY650" s="613"/>
      <c r="SYZ650" s="613"/>
      <c r="SZA650" s="613"/>
      <c r="SZB650" s="613"/>
      <c r="SZC650" s="613"/>
      <c r="SZD650" s="613"/>
      <c r="SZE650" s="613"/>
      <c r="SZF650" s="613"/>
      <c r="SZG650" s="613"/>
      <c r="SZH650" s="613"/>
      <c r="SZI650" s="613"/>
      <c r="SZJ650" s="613"/>
      <c r="SZK650" s="613"/>
      <c r="SZL650" s="613"/>
      <c r="SZM650" s="613"/>
      <c r="SZN650" s="613"/>
      <c r="SZO650" s="613"/>
      <c r="SZP650" s="613"/>
      <c r="SZQ650" s="613"/>
      <c r="SZR650" s="613"/>
      <c r="SZS650" s="613"/>
      <c r="SZT650" s="613"/>
      <c r="SZU650" s="613"/>
      <c r="SZV650" s="613"/>
      <c r="SZW650" s="613"/>
      <c r="SZX650" s="613"/>
      <c r="SZY650" s="613"/>
      <c r="SZZ650" s="613"/>
      <c r="TAA650" s="613"/>
      <c r="TAB650" s="613"/>
      <c r="TAC650" s="613"/>
      <c r="TAD650" s="613"/>
      <c r="TAE650" s="613"/>
      <c r="TAF650" s="613"/>
      <c r="TAG650" s="613"/>
      <c r="TAH650" s="613"/>
      <c r="TAI650" s="613"/>
      <c r="TAJ650" s="613"/>
      <c r="TAK650" s="613"/>
      <c r="TAL650" s="613"/>
      <c r="TAM650" s="613"/>
      <c r="TAN650" s="613"/>
      <c r="TAO650" s="613"/>
      <c r="TAP650" s="613"/>
      <c r="TAQ650" s="613"/>
      <c r="TAR650" s="613"/>
      <c r="TAS650" s="613"/>
      <c r="TAT650" s="613"/>
      <c r="TAU650" s="613"/>
      <c r="TAV650" s="613"/>
      <c r="TAW650" s="613"/>
      <c r="TAX650" s="613"/>
      <c r="TAY650" s="613"/>
      <c r="TAZ650" s="613"/>
      <c r="TBA650" s="613"/>
      <c r="TBB650" s="613"/>
      <c r="TBC650" s="613"/>
      <c r="TBD650" s="613"/>
      <c r="TBE650" s="613"/>
      <c r="TBF650" s="613"/>
      <c r="TBG650" s="613"/>
      <c r="TBH650" s="613"/>
      <c r="TBI650" s="613"/>
      <c r="TBJ650" s="613"/>
      <c r="TBK650" s="613"/>
      <c r="TBL650" s="613"/>
      <c r="TBM650" s="613"/>
      <c r="TBN650" s="613"/>
      <c r="TBO650" s="613"/>
      <c r="TBP650" s="613"/>
      <c r="TBQ650" s="613"/>
      <c r="TBR650" s="613"/>
      <c r="TBS650" s="613"/>
      <c r="TBT650" s="613"/>
      <c r="TBU650" s="613"/>
      <c r="TBV650" s="613"/>
      <c r="TBW650" s="613"/>
      <c r="TBX650" s="613"/>
      <c r="TBY650" s="613"/>
      <c r="TBZ650" s="613"/>
      <c r="TCA650" s="613"/>
      <c r="TCB650" s="613"/>
      <c r="TCC650" s="613"/>
      <c r="TCD650" s="613"/>
      <c r="TCE650" s="613"/>
      <c r="TCF650" s="613"/>
      <c r="TCG650" s="613"/>
      <c r="TCH650" s="613"/>
      <c r="TCI650" s="613"/>
      <c r="TCJ650" s="613"/>
      <c r="TCK650" s="613"/>
      <c r="TCL650" s="613"/>
      <c r="TCM650" s="613"/>
      <c r="TCN650" s="613"/>
      <c r="TCO650" s="613"/>
      <c r="TCP650" s="613"/>
      <c r="TCQ650" s="613"/>
      <c r="TCR650" s="613"/>
      <c r="TCS650" s="613"/>
      <c r="TCT650" s="613"/>
      <c r="TCU650" s="613"/>
      <c r="TCV650" s="613"/>
      <c r="TCW650" s="613"/>
      <c r="TCX650" s="613"/>
      <c r="TCY650" s="613"/>
      <c r="TCZ650" s="613"/>
      <c r="TDA650" s="613"/>
      <c r="TDB650" s="613"/>
      <c r="TDC650" s="613"/>
      <c r="TDD650" s="613"/>
      <c r="TDE650" s="613"/>
      <c r="TDF650" s="613"/>
      <c r="TDG650" s="613"/>
      <c r="TDH650" s="613"/>
      <c r="TDI650" s="613"/>
      <c r="TDJ650" s="613"/>
      <c r="TDK650" s="613"/>
      <c r="TDL650" s="613"/>
      <c r="TDM650" s="613"/>
      <c r="TDN650" s="613"/>
      <c r="TDO650" s="613"/>
      <c r="TDP650" s="613"/>
      <c r="TDQ650" s="613"/>
      <c r="TDR650" s="613"/>
      <c r="TDS650" s="613"/>
      <c r="TDT650" s="613"/>
      <c r="TDU650" s="613"/>
      <c r="TDV650" s="613"/>
      <c r="TDW650" s="613"/>
      <c r="TDX650" s="613"/>
      <c r="TDY650" s="613"/>
      <c r="TDZ650" s="613"/>
      <c r="TEA650" s="613"/>
      <c r="TEB650" s="613"/>
      <c r="TEC650" s="613"/>
      <c r="TED650" s="613"/>
      <c r="TEE650" s="613"/>
      <c r="TEF650" s="613"/>
      <c r="TEG650" s="613"/>
      <c r="TEH650" s="613"/>
      <c r="TEI650" s="613"/>
      <c r="TEJ650" s="613"/>
      <c r="TEK650" s="613"/>
      <c r="TEL650" s="613"/>
      <c r="TEM650" s="613"/>
      <c r="TEN650" s="613"/>
      <c r="TEO650" s="613"/>
      <c r="TEP650" s="613"/>
      <c r="TEQ650" s="613"/>
      <c r="TER650" s="613"/>
      <c r="TES650" s="613"/>
      <c r="TET650" s="613"/>
      <c r="TEU650" s="613"/>
      <c r="TEV650" s="613"/>
      <c r="TEW650" s="613"/>
      <c r="TEX650" s="613"/>
      <c r="TEY650" s="613"/>
      <c r="TEZ650" s="613"/>
      <c r="TFA650" s="613"/>
      <c r="TFB650" s="613"/>
      <c r="TFC650" s="613"/>
      <c r="TFD650" s="613"/>
      <c r="TFE650" s="613"/>
      <c r="TFF650" s="613"/>
      <c r="TFG650" s="613"/>
      <c r="TFH650" s="613"/>
      <c r="TFI650" s="613"/>
      <c r="TFJ650" s="613"/>
      <c r="TFK650" s="613"/>
      <c r="TFL650" s="613"/>
      <c r="TFM650" s="613"/>
      <c r="TFN650" s="613"/>
      <c r="TFO650" s="613"/>
      <c r="TFP650" s="613"/>
      <c r="TFQ650" s="613"/>
      <c r="TFR650" s="613"/>
      <c r="TFS650" s="613"/>
      <c r="TFT650" s="613"/>
      <c r="TFU650" s="613"/>
      <c r="TFV650" s="613"/>
      <c r="TFW650" s="613"/>
      <c r="TFX650" s="613"/>
      <c r="TFY650" s="613"/>
      <c r="TFZ650" s="613"/>
      <c r="TGA650" s="613"/>
      <c r="TGB650" s="613"/>
      <c r="TGC650" s="613"/>
      <c r="TGD650" s="613"/>
      <c r="TGE650" s="613"/>
      <c r="TGF650" s="613"/>
      <c r="TGG650" s="613"/>
      <c r="TGH650" s="613"/>
      <c r="TGI650" s="613"/>
      <c r="TGJ650" s="613"/>
      <c r="TGK650" s="613"/>
      <c r="TGL650" s="613"/>
      <c r="TGM650" s="613"/>
      <c r="TGN650" s="613"/>
      <c r="TGO650" s="613"/>
      <c r="TGP650" s="613"/>
      <c r="TGQ650" s="613"/>
      <c r="TGR650" s="613"/>
      <c r="TGS650" s="613"/>
      <c r="TGT650" s="613"/>
      <c r="TGU650" s="613"/>
      <c r="TGV650" s="613"/>
      <c r="TGW650" s="613"/>
      <c r="TGX650" s="613"/>
      <c r="TGY650" s="613"/>
      <c r="TGZ650" s="613"/>
      <c r="THA650" s="613"/>
      <c r="THB650" s="613"/>
      <c r="THC650" s="613"/>
      <c r="THD650" s="613"/>
      <c r="THE650" s="613"/>
      <c r="THF650" s="613"/>
      <c r="THG650" s="613"/>
      <c r="THH650" s="613"/>
      <c r="THI650" s="613"/>
      <c r="THJ650" s="613"/>
      <c r="THK650" s="613"/>
      <c r="THL650" s="613"/>
      <c r="THM650" s="613"/>
      <c r="THN650" s="613"/>
      <c r="THO650" s="613"/>
      <c r="THP650" s="613"/>
      <c r="THQ650" s="613"/>
      <c r="THR650" s="613"/>
      <c r="THS650" s="613"/>
      <c r="THT650" s="613"/>
      <c r="THU650" s="613"/>
      <c r="THV650" s="613"/>
      <c r="THW650" s="613"/>
      <c r="THX650" s="613"/>
      <c r="THY650" s="613"/>
      <c r="THZ650" s="613"/>
      <c r="TIA650" s="613"/>
      <c r="TIB650" s="613"/>
      <c r="TIC650" s="613"/>
      <c r="TID650" s="613"/>
      <c r="TIE650" s="613"/>
      <c r="TIF650" s="613"/>
      <c r="TIG650" s="613"/>
      <c r="TIH650" s="613"/>
      <c r="TII650" s="613"/>
      <c r="TIJ650" s="613"/>
      <c r="TIK650" s="613"/>
      <c r="TIL650" s="613"/>
      <c r="TIM650" s="613"/>
      <c r="TIN650" s="613"/>
      <c r="TIO650" s="613"/>
      <c r="TIP650" s="613"/>
      <c r="TIQ650" s="613"/>
      <c r="TIR650" s="613"/>
      <c r="TIS650" s="613"/>
      <c r="TIT650" s="613"/>
      <c r="TIU650" s="613"/>
      <c r="TIV650" s="613"/>
      <c r="TIW650" s="613"/>
      <c r="TIX650" s="613"/>
      <c r="TIY650" s="613"/>
      <c r="TIZ650" s="613"/>
      <c r="TJA650" s="613"/>
      <c r="TJB650" s="613"/>
      <c r="TJC650" s="613"/>
      <c r="TJD650" s="613"/>
      <c r="TJE650" s="613"/>
      <c r="TJF650" s="613"/>
      <c r="TJG650" s="613"/>
      <c r="TJH650" s="613"/>
      <c r="TJI650" s="613"/>
      <c r="TJJ650" s="613"/>
      <c r="TJK650" s="613"/>
      <c r="TJL650" s="613"/>
      <c r="TJM650" s="613"/>
      <c r="TJN650" s="613"/>
      <c r="TJO650" s="613"/>
      <c r="TJP650" s="613"/>
      <c r="TJQ650" s="613"/>
      <c r="TJR650" s="613"/>
      <c r="TJS650" s="613"/>
      <c r="TJT650" s="613"/>
      <c r="TJU650" s="613"/>
      <c r="TJV650" s="613"/>
      <c r="TJW650" s="613"/>
      <c r="TJX650" s="613"/>
      <c r="TJY650" s="613"/>
      <c r="TJZ650" s="613"/>
      <c r="TKA650" s="613"/>
      <c r="TKB650" s="613"/>
      <c r="TKC650" s="613"/>
      <c r="TKD650" s="613"/>
      <c r="TKE650" s="613"/>
      <c r="TKF650" s="613"/>
      <c r="TKG650" s="613"/>
      <c r="TKH650" s="613"/>
      <c r="TKI650" s="613"/>
      <c r="TKJ650" s="613"/>
      <c r="TKK650" s="613"/>
      <c r="TKL650" s="613"/>
      <c r="TKM650" s="613"/>
      <c r="TKN650" s="613"/>
      <c r="TKO650" s="613"/>
      <c r="TKP650" s="613"/>
      <c r="TKQ650" s="613"/>
      <c r="TKR650" s="613"/>
      <c r="TKS650" s="613"/>
      <c r="TKT650" s="613"/>
      <c r="TKU650" s="613"/>
      <c r="TKV650" s="613"/>
      <c r="TKW650" s="613"/>
      <c r="TKX650" s="613"/>
      <c r="TKY650" s="613"/>
      <c r="TKZ650" s="613"/>
      <c r="TLA650" s="613"/>
      <c r="TLB650" s="613"/>
      <c r="TLC650" s="613"/>
      <c r="TLD650" s="613"/>
      <c r="TLE650" s="613"/>
      <c r="TLF650" s="613"/>
      <c r="TLG650" s="613"/>
      <c r="TLH650" s="613"/>
      <c r="TLI650" s="613"/>
      <c r="TLJ650" s="613"/>
      <c r="TLK650" s="613"/>
      <c r="TLL650" s="613"/>
      <c r="TLM650" s="613"/>
      <c r="TLN650" s="613"/>
      <c r="TLO650" s="613"/>
      <c r="TLP650" s="613"/>
      <c r="TLQ650" s="613"/>
      <c r="TLR650" s="613"/>
      <c r="TLS650" s="613"/>
      <c r="TLT650" s="613"/>
      <c r="TLU650" s="613"/>
      <c r="TLV650" s="613"/>
      <c r="TLW650" s="613"/>
      <c r="TLX650" s="613"/>
      <c r="TLY650" s="613"/>
      <c r="TLZ650" s="613"/>
      <c r="TMA650" s="613"/>
      <c r="TMB650" s="613"/>
      <c r="TMC650" s="613"/>
      <c r="TMD650" s="613"/>
      <c r="TME650" s="613"/>
      <c r="TMF650" s="613"/>
      <c r="TMG650" s="613"/>
      <c r="TMH650" s="613"/>
      <c r="TMI650" s="613"/>
      <c r="TMJ650" s="613"/>
      <c r="TMK650" s="613"/>
      <c r="TML650" s="613"/>
      <c r="TMM650" s="613"/>
      <c r="TMN650" s="613"/>
      <c r="TMO650" s="613"/>
      <c r="TMP650" s="613"/>
      <c r="TMQ650" s="613"/>
      <c r="TMR650" s="613"/>
      <c r="TMS650" s="613"/>
      <c r="TMT650" s="613"/>
      <c r="TMU650" s="613"/>
      <c r="TMV650" s="613"/>
      <c r="TMW650" s="613"/>
      <c r="TMX650" s="613"/>
      <c r="TMY650" s="613"/>
      <c r="TMZ650" s="613"/>
      <c r="TNA650" s="613"/>
      <c r="TNB650" s="613"/>
      <c r="TNC650" s="613"/>
      <c r="TND650" s="613"/>
      <c r="TNE650" s="613"/>
      <c r="TNF650" s="613"/>
      <c r="TNG650" s="613"/>
      <c r="TNH650" s="613"/>
      <c r="TNI650" s="613"/>
      <c r="TNJ650" s="613"/>
      <c r="TNK650" s="613"/>
      <c r="TNL650" s="613"/>
      <c r="TNM650" s="613"/>
      <c r="TNN650" s="613"/>
      <c r="TNO650" s="613"/>
      <c r="TNP650" s="613"/>
      <c r="TNQ650" s="613"/>
      <c r="TNR650" s="613"/>
      <c r="TNS650" s="613"/>
      <c r="TNT650" s="613"/>
      <c r="TNU650" s="613"/>
      <c r="TNV650" s="613"/>
      <c r="TNW650" s="613"/>
      <c r="TNX650" s="613"/>
      <c r="TNY650" s="613"/>
      <c r="TNZ650" s="613"/>
      <c r="TOA650" s="613"/>
      <c r="TOB650" s="613"/>
      <c r="TOC650" s="613"/>
      <c r="TOD650" s="613"/>
      <c r="TOE650" s="613"/>
      <c r="TOF650" s="613"/>
      <c r="TOG650" s="613"/>
      <c r="TOH650" s="613"/>
      <c r="TOI650" s="613"/>
      <c r="TOJ650" s="613"/>
      <c r="TOK650" s="613"/>
      <c r="TOL650" s="613"/>
      <c r="TOM650" s="613"/>
      <c r="TON650" s="613"/>
      <c r="TOO650" s="613"/>
      <c r="TOP650" s="613"/>
      <c r="TOQ650" s="613"/>
      <c r="TOR650" s="613"/>
      <c r="TOS650" s="613"/>
      <c r="TOT650" s="613"/>
      <c r="TOU650" s="613"/>
      <c r="TOV650" s="613"/>
      <c r="TOW650" s="613"/>
      <c r="TOX650" s="613"/>
      <c r="TOY650" s="613"/>
      <c r="TOZ650" s="613"/>
      <c r="TPA650" s="613"/>
      <c r="TPB650" s="613"/>
      <c r="TPC650" s="613"/>
      <c r="TPD650" s="613"/>
      <c r="TPE650" s="613"/>
      <c r="TPF650" s="613"/>
      <c r="TPG650" s="613"/>
      <c r="TPH650" s="613"/>
      <c r="TPI650" s="613"/>
      <c r="TPJ650" s="613"/>
      <c r="TPK650" s="613"/>
      <c r="TPL650" s="613"/>
      <c r="TPM650" s="613"/>
      <c r="TPN650" s="613"/>
      <c r="TPO650" s="613"/>
      <c r="TPP650" s="613"/>
      <c r="TPQ650" s="613"/>
      <c r="TPR650" s="613"/>
      <c r="TPS650" s="613"/>
      <c r="TPT650" s="613"/>
      <c r="TPU650" s="613"/>
      <c r="TPV650" s="613"/>
      <c r="TPW650" s="613"/>
      <c r="TPX650" s="613"/>
      <c r="TPY650" s="613"/>
      <c r="TPZ650" s="613"/>
      <c r="TQA650" s="613"/>
      <c r="TQB650" s="613"/>
      <c r="TQC650" s="613"/>
      <c r="TQD650" s="613"/>
      <c r="TQE650" s="613"/>
      <c r="TQF650" s="613"/>
      <c r="TQG650" s="613"/>
      <c r="TQH650" s="613"/>
      <c r="TQI650" s="613"/>
      <c r="TQJ650" s="613"/>
      <c r="TQK650" s="613"/>
      <c r="TQL650" s="613"/>
      <c r="TQM650" s="613"/>
      <c r="TQN650" s="613"/>
      <c r="TQO650" s="613"/>
      <c r="TQP650" s="613"/>
      <c r="TQQ650" s="613"/>
      <c r="TQR650" s="613"/>
      <c r="TQS650" s="613"/>
      <c r="TQT650" s="613"/>
      <c r="TQU650" s="613"/>
      <c r="TQV650" s="613"/>
      <c r="TQW650" s="613"/>
      <c r="TQX650" s="613"/>
      <c r="TQY650" s="613"/>
      <c r="TQZ650" s="613"/>
      <c r="TRA650" s="613"/>
      <c r="TRB650" s="613"/>
      <c r="TRC650" s="613"/>
      <c r="TRD650" s="613"/>
      <c r="TRE650" s="613"/>
      <c r="TRF650" s="613"/>
      <c r="TRG650" s="613"/>
      <c r="TRH650" s="613"/>
      <c r="TRI650" s="613"/>
      <c r="TRJ650" s="613"/>
      <c r="TRK650" s="613"/>
      <c r="TRL650" s="613"/>
      <c r="TRM650" s="613"/>
      <c r="TRN650" s="613"/>
      <c r="TRO650" s="613"/>
      <c r="TRP650" s="613"/>
      <c r="TRQ650" s="613"/>
      <c r="TRR650" s="613"/>
      <c r="TRS650" s="613"/>
      <c r="TRT650" s="613"/>
      <c r="TRU650" s="613"/>
      <c r="TRV650" s="613"/>
      <c r="TRW650" s="613"/>
      <c r="TRX650" s="613"/>
      <c r="TRY650" s="613"/>
      <c r="TRZ650" s="613"/>
      <c r="TSA650" s="613"/>
      <c r="TSB650" s="613"/>
      <c r="TSC650" s="613"/>
      <c r="TSD650" s="613"/>
      <c r="TSE650" s="613"/>
      <c r="TSF650" s="613"/>
      <c r="TSG650" s="613"/>
      <c r="TSH650" s="613"/>
      <c r="TSI650" s="613"/>
      <c r="TSJ650" s="613"/>
      <c r="TSK650" s="613"/>
      <c r="TSL650" s="613"/>
      <c r="TSM650" s="613"/>
      <c r="TSN650" s="613"/>
      <c r="TSO650" s="613"/>
      <c r="TSP650" s="613"/>
      <c r="TSQ650" s="613"/>
      <c r="TSR650" s="613"/>
      <c r="TSS650" s="613"/>
      <c r="TST650" s="613"/>
      <c r="TSU650" s="613"/>
      <c r="TSV650" s="613"/>
      <c r="TSW650" s="613"/>
      <c r="TSX650" s="613"/>
      <c r="TSY650" s="613"/>
      <c r="TSZ650" s="613"/>
      <c r="TTA650" s="613"/>
      <c r="TTB650" s="613"/>
      <c r="TTC650" s="613"/>
      <c r="TTD650" s="613"/>
      <c r="TTE650" s="613"/>
      <c r="TTF650" s="613"/>
      <c r="TTG650" s="613"/>
      <c r="TTH650" s="613"/>
      <c r="TTI650" s="613"/>
      <c r="TTJ650" s="613"/>
      <c r="TTK650" s="613"/>
      <c r="TTL650" s="613"/>
      <c r="TTM650" s="613"/>
      <c r="TTN650" s="613"/>
      <c r="TTO650" s="613"/>
      <c r="TTP650" s="613"/>
      <c r="TTQ650" s="613"/>
      <c r="TTR650" s="613"/>
      <c r="TTS650" s="613"/>
      <c r="TTT650" s="613"/>
      <c r="TTU650" s="613"/>
      <c r="TTV650" s="613"/>
      <c r="TTW650" s="613"/>
      <c r="TTX650" s="613"/>
      <c r="TTY650" s="613"/>
      <c r="TTZ650" s="613"/>
      <c r="TUA650" s="613"/>
      <c r="TUB650" s="613"/>
      <c r="TUC650" s="613"/>
      <c r="TUD650" s="613"/>
      <c r="TUE650" s="613"/>
      <c r="TUF650" s="613"/>
      <c r="TUG650" s="613"/>
      <c r="TUH650" s="613"/>
      <c r="TUI650" s="613"/>
      <c r="TUJ650" s="613"/>
      <c r="TUK650" s="613"/>
      <c r="TUL650" s="613"/>
      <c r="TUM650" s="613"/>
      <c r="TUN650" s="613"/>
      <c r="TUO650" s="613"/>
      <c r="TUP650" s="613"/>
      <c r="TUQ650" s="613"/>
      <c r="TUR650" s="613"/>
      <c r="TUS650" s="613"/>
      <c r="TUT650" s="613"/>
      <c r="TUU650" s="613"/>
      <c r="TUV650" s="613"/>
      <c r="TUW650" s="613"/>
      <c r="TUX650" s="613"/>
      <c r="TUY650" s="613"/>
      <c r="TUZ650" s="613"/>
      <c r="TVA650" s="613"/>
      <c r="TVB650" s="613"/>
      <c r="TVC650" s="613"/>
      <c r="TVD650" s="613"/>
      <c r="TVE650" s="613"/>
      <c r="TVF650" s="613"/>
      <c r="TVG650" s="613"/>
      <c r="TVH650" s="613"/>
      <c r="TVI650" s="613"/>
      <c r="TVJ650" s="613"/>
      <c r="TVK650" s="613"/>
      <c r="TVL650" s="613"/>
      <c r="TVM650" s="613"/>
      <c r="TVN650" s="613"/>
      <c r="TVO650" s="613"/>
      <c r="TVP650" s="613"/>
      <c r="TVQ650" s="613"/>
      <c r="TVR650" s="613"/>
      <c r="TVS650" s="613"/>
      <c r="TVT650" s="613"/>
      <c r="TVU650" s="613"/>
      <c r="TVV650" s="613"/>
      <c r="TVW650" s="613"/>
      <c r="TVX650" s="613"/>
      <c r="TVY650" s="613"/>
      <c r="TVZ650" s="613"/>
      <c r="TWA650" s="613"/>
      <c r="TWB650" s="613"/>
      <c r="TWC650" s="613"/>
      <c r="TWD650" s="613"/>
      <c r="TWE650" s="613"/>
      <c r="TWF650" s="613"/>
      <c r="TWG650" s="613"/>
      <c r="TWH650" s="613"/>
      <c r="TWI650" s="613"/>
      <c r="TWJ650" s="613"/>
      <c r="TWK650" s="613"/>
      <c r="TWL650" s="613"/>
      <c r="TWM650" s="613"/>
      <c r="TWN650" s="613"/>
      <c r="TWO650" s="613"/>
      <c r="TWP650" s="613"/>
      <c r="TWQ650" s="613"/>
      <c r="TWR650" s="613"/>
      <c r="TWS650" s="613"/>
      <c r="TWT650" s="613"/>
      <c r="TWU650" s="613"/>
      <c r="TWV650" s="613"/>
      <c r="TWW650" s="613"/>
      <c r="TWX650" s="613"/>
      <c r="TWY650" s="613"/>
      <c r="TWZ650" s="613"/>
      <c r="TXA650" s="613"/>
      <c r="TXB650" s="613"/>
      <c r="TXC650" s="613"/>
      <c r="TXD650" s="613"/>
      <c r="TXE650" s="613"/>
      <c r="TXF650" s="613"/>
      <c r="TXG650" s="613"/>
      <c r="TXH650" s="613"/>
      <c r="TXI650" s="613"/>
      <c r="TXJ650" s="613"/>
      <c r="TXK650" s="613"/>
      <c r="TXL650" s="613"/>
      <c r="TXM650" s="613"/>
      <c r="TXN650" s="613"/>
      <c r="TXO650" s="613"/>
      <c r="TXP650" s="613"/>
      <c r="TXQ650" s="613"/>
      <c r="TXR650" s="613"/>
      <c r="TXS650" s="613"/>
      <c r="TXT650" s="613"/>
      <c r="TXU650" s="613"/>
      <c r="TXV650" s="613"/>
      <c r="TXW650" s="613"/>
      <c r="TXX650" s="613"/>
      <c r="TXY650" s="613"/>
      <c r="TXZ650" s="613"/>
      <c r="TYA650" s="613"/>
      <c r="TYB650" s="613"/>
      <c r="TYC650" s="613"/>
      <c r="TYD650" s="613"/>
      <c r="TYE650" s="613"/>
      <c r="TYF650" s="613"/>
      <c r="TYG650" s="613"/>
      <c r="TYH650" s="613"/>
      <c r="TYI650" s="613"/>
      <c r="TYJ650" s="613"/>
      <c r="TYK650" s="613"/>
      <c r="TYL650" s="613"/>
      <c r="TYM650" s="613"/>
      <c r="TYN650" s="613"/>
      <c r="TYO650" s="613"/>
      <c r="TYP650" s="613"/>
      <c r="TYQ650" s="613"/>
      <c r="TYR650" s="613"/>
      <c r="TYS650" s="613"/>
      <c r="TYT650" s="613"/>
      <c r="TYU650" s="613"/>
      <c r="TYV650" s="613"/>
      <c r="TYW650" s="613"/>
      <c r="TYX650" s="613"/>
      <c r="TYY650" s="613"/>
      <c r="TYZ650" s="613"/>
      <c r="TZA650" s="613"/>
      <c r="TZB650" s="613"/>
      <c r="TZC650" s="613"/>
      <c r="TZD650" s="613"/>
      <c r="TZE650" s="613"/>
      <c r="TZF650" s="613"/>
      <c r="TZG650" s="613"/>
      <c r="TZH650" s="613"/>
      <c r="TZI650" s="613"/>
      <c r="TZJ650" s="613"/>
      <c r="TZK650" s="613"/>
      <c r="TZL650" s="613"/>
      <c r="TZM650" s="613"/>
      <c r="TZN650" s="613"/>
      <c r="TZO650" s="613"/>
      <c r="TZP650" s="613"/>
      <c r="TZQ650" s="613"/>
      <c r="TZR650" s="613"/>
      <c r="TZS650" s="613"/>
      <c r="TZT650" s="613"/>
      <c r="TZU650" s="613"/>
      <c r="TZV650" s="613"/>
      <c r="TZW650" s="613"/>
      <c r="TZX650" s="613"/>
      <c r="TZY650" s="613"/>
      <c r="TZZ650" s="613"/>
      <c r="UAA650" s="613"/>
      <c r="UAB650" s="613"/>
      <c r="UAC650" s="613"/>
      <c r="UAD650" s="613"/>
      <c r="UAE650" s="613"/>
      <c r="UAF650" s="613"/>
      <c r="UAG650" s="613"/>
      <c r="UAH650" s="613"/>
      <c r="UAI650" s="613"/>
      <c r="UAJ650" s="613"/>
      <c r="UAK650" s="613"/>
      <c r="UAL650" s="613"/>
      <c r="UAM650" s="613"/>
      <c r="UAN650" s="613"/>
      <c r="UAO650" s="613"/>
      <c r="UAP650" s="613"/>
      <c r="UAQ650" s="613"/>
      <c r="UAR650" s="613"/>
      <c r="UAS650" s="613"/>
      <c r="UAT650" s="613"/>
      <c r="UAU650" s="613"/>
      <c r="UAV650" s="613"/>
      <c r="UAW650" s="613"/>
      <c r="UAX650" s="613"/>
      <c r="UAY650" s="613"/>
      <c r="UAZ650" s="613"/>
      <c r="UBA650" s="613"/>
      <c r="UBB650" s="613"/>
      <c r="UBC650" s="613"/>
      <c r="UBD650" s="613"/>
      <c r="UBE650" s="613"/>
      <c r="UBF650" s="613"/>
      <c r="UBG650" s="613"/>
      <c r="UBH650" s="613"/>
      <c r="UBI650" s="613"/>
      <c r="UBJ650" s="613"/>
      <c r="UBK650" s="613"/>
      <c r="UBL650" s="613"/>
      <c r="UBM650" s="613"/>
      <c r="UBN650" s="613"/>
      <c r="UBO650" s="613"/>
      <c r="UBP650" s="613"/>
      <c r="UBQ650" s="613"/>
      <c r="UBR650" s="613"/>
      <c r="UBS650" s="613"/>
      <c r="UBT650" s="613"/>
      <c r="UBU650" s="613"/>
      <c r="UBV650" s="613"/>
      <c r="UBW650" s="613"/>
      <c r="UBX650" s="613"/>
      <c r="UBY650" s="613"/>
      <c r="UBZ650" s="613"/>
      <c r="UCA650" s="613"/>
      <c r="UCB650" s="613"/>
      <c r="UCC650" s="613"/>
      <c r="UCD650" s="613"/>
      <c r="UCE650" s="613"/>
      <c r="UCF650" s="613"/>
      <c r="UCG650" s="613"/>
      <c r="UCH650" s="613"/>
      <c r="UCI650" s="613"/>
      <c r="UCJ650" s="613"/>
      <c r="UCK650" s="613"/>
      <c r="UCL650" s="613"/>
      <c r="UCM650" s="613"/>
      <c r="UCN650" s="613"/>
      <c r="UCO650" s="613"/>
      <c r="UCP650" s="613"/>
      <c r="UCQ650" s="613"/>
      <c r="UCR650" s="613"/>
      <c r="UCS650" s="613"/>
      <c r="UCT650" s="613"/>
      <c r="UCU650" s="613"/>
      <c r="UCV650" s="613"/>
      <c r="UCW650" s="613"/>
      <c r="UCX650" s="613"/>
      <c r="UCY650" s="613"/>
      <c r="UCZ650" s="613"/>
      <c r="UDA650" s="613"/>
      <c r="UDB650" s="613"/>
      <c r="UDC650" s="613"/>
      <c r="UDD650" s="613"/>
      <c r="UDE650" s="613"/>
      <c r="UDF650" s="613"/>
      <c r="UDG650" s="613"/>
      <c r="UDH650" s="613"/>
      <c r="UDI650" s="613"/>
      <c r="UDJ650" s="613"/>
      <c r="UDK650" s="613"/>
      <c r="UDL650" s="613"/>
      <c r="UDM650" s="613"/>
      <c r="UDN650" s="613"/>
      <c r="UDO650" s="613"/>
      <c r="UDP650" s="613"/>
      <c r="UDQ650" s="613"/>
      <c r="UDR650" s="613"/>
      <c r="UDS650" s="613"/>
      <c r="UDT650" s="613"/>
      <c r="UDU650" s="613"/>
      <c r="UDV650" s="613"/>
      <c r="UDW650" s="613"/>
      <c r="UDX650" s="613"/>
      <c r="UDY650" s="613"/>
      <c r="UDZ650" s="613"/>
      <c r="UEA650" s="613"/>
      <c r="UEB650" s="613"/>
      <c r="UEC650" s="613"/>
      <c r="UED650" s="613"/>
      <c r="UEE650" s="613"/>
      <c r="UEF650" s="613"/>
      <c r="UEG650" s="613"/>
      <c r="UEH650" s="613"/>
      <c r="UEI650" s="613"/>
      <c r="UEJ650" s="613"/>
      <c r="UEK650" s="613"/>
      <c r="UEL650" s="613"/>
      <c r="UEM650" s="613"/>
      <c r="UEN650" s="613"/>
      <c r="UEO650" s="613"/>
      <c r="UEP650" s="613"/>
      <c r="UEQ650" s="613"/>
      <c r="UER650" s="613"/>
      <c r="UES650" s="613"/>
      <c r="UET650" s="613"/>
      <c r="UEU650" s="613"/>
      <c r="UEV650" s="613"/>
      <c r="UEW650" s="613"/>
      <c r="UEX650" s="613"/>
      <c r="UEY650" s="613"/>
      <c r="UEZ650" s="613"/>
      <c r="UFA650" s="613"/>
      <c r="UFB650" s="613"/>
      <c r="UFC650" s="613"/>
      <c r="UFD650" s="613"/>
      <c r="UFE650" s="613"/>
      <c r="UFF650" s="613"/>
      <c r="UFG650" s="613"/>
      <c r="UFH650" s="613"/>
      <c r="UFI650" s="613"/>
      <c r="UFJ650" s="613"/>
      <c r="UFK650" s="613"/>
      <c r="UFL650" s="613"/>
      <c r="UFM650" s="613"/>
      <c r="UFN650" s="613"/>
      <c r="UFO650" s="613"/>
      <c r="UFP650" s="613"/>
      <c r="UFQ650" s="613"/>
      <c r="UFR650" s="613"/>
      <c r="UFS650" s="613"/>
      <c r="UFT650" s="613"/>
      <c r="UFU650" s="613"/>
      <c r="UFV650" s="613"/>
      <c r="UFW650" s="613"/>
      <c r="UFX650" s="613"/>
      <c r="UFY650" s="613"/>
      <c r="UFZ650" s="613"/>
      <c r="UGA650" s="613"/>
      <c r="UGB650" s="613"/>
      <c r="UGC650" s="613"/>
      <c r="UGD650" s="613"/>
      <c r="UGE650" s="613"/>
      <c r="UGF650" s="613"/>
      <c r="UGG650" s="613"/>
      <c r="UGH650" s="613"/>
      <c r="UGI650" s="613"/>
      <c r="UGJ650" s="613"/>
      <c r="UGK650" s="613"/>
      <c r="UGL650" s="613"/>
      <c r="UGM650" s="613"/>
      <c r="UGN650" s="613"/>
      <c r="UGO650" s="613"/>
      <c r="UGP650" s="613"/>
      <c r="UGQ650" s="613"/>
      <c r="UGR650" s="613"/>
      <c r="UGS650" s="613"/>
      <c r="UGT650" s="613"/>
      <c r="UGU650" s="613"/>
      <c r="UGV650" s="613"/>
      <c r="UGW650" s="613"/>
      <c r="UGX650" s="613"/>
      <c r="UGY650" s="613"/>
      <c r="UGZ650" s="613"/>
      <c r="UHA650" s="613"/>
      <c r="UHB650" s="613"/>
      <c r="UHC650" s="613"/>
      <c r="UHD650" s="613"/>
      <c r="UHE650" s="613"/>
      <c r="UHF650" s="613"/>
      <c r="UHG650" s="613"/>
      <c r="UHH650" s="613"/>
      <c r="UHI650" s="613"/>
      <c r="UHJ650" s="613"/>
      <c r="UHK650" s="613"/>
      <c r="UHL650" s="613"/>
      <c r="UHM650" s="613"/>
      <c r="UHN650" s="613"/>
      <c r="UHO650" s="613"/>
      <c r="UHP650" s="613"/>
      <c r="UHQ650" s="613"/>
      <c r="UHR650" s="613"/>
      <c r="UHS650" s="613"/>
      <c r="UHT650" s="613"/>
      <c r="UHU650" s="613"/>
      <c r="UHV650" s="613"/>
      <c r="UHW650" s="613"/>
      <c r="UHX650" s="613"/>
      <c r="UHY650" s="613"/>
      <c r="UHZ650" s="613"/>
      <c r="UIA650" s="613"/>
      <c r="UIB650" s="613"/>
      <c r="UIC650" s="613"/>
      <c r="UID650" s="613"/>
      <c r="UIE650" s="613"/>
      <c r="UIF650" s="613"/>
      <c r="UIG650" s="613"/>
      <c r="UIH650" s="613"/>
      <c r="UII650" s="613"/>
      <c r="UIJ650" s="613"/>
      <c r="UIK650" s="613"/>
      <c r="UIL650" s="613"/>
      <c r="UIM650" s="613"/>
      <c r="UIN650" s="613"/>
      <c r="UIO650" s="613"/>
      <c r="UIP650" s="613"/>
      <c r="UIQ650" s="613"/>
      <c r="UIR650" s="613"/>
      <c r="UIS650" s="613"/>
      <c r="UIT650" s="613"/>
      <c r="UIU650" s="613"/>
      <c r="UIV650" s="613"/>
      <c r="UIW650" s="613"/>
      <c r="UIX650" s="613"/>
      <c r="UIY650" s="613"/>
      <c r="UIZ650" s="613"/>
      <c r="UJA650" s="613"/>
      <c r="UJB650" s="613"/>
      <c r="UJC650" s="613"/>
      <c r="UJD650" s="613"/>
      <c r="UJE650" s="613"/>
      <c r="UJF650" s="613"/>
      <c r="UJG650" s="613"/>
      <c r="UJH650" s="613"/>
      <c r="UJI650" s="613"/>
      <c r="UJJ650" s="613"/>
      <c r="UJK650" s="613"/>
      <c r="UJL650" s="613"/>
      <c r="UJM650" s="613"/>
      <c r="UJN650" s="613"/>
      <c r="UJO650" s="613"/>
      <c r="UJP650" s="613"/>
      <c r="UJQ650" s="613"/>
      <c r="UJR650" s="613"/>
      <c r="UJS650" s="613"/>
      <c r="UJT650" s="613"/>
      <c r="UJU650" s="613"/>
      <c r="UJV650" s="613"/>
      <c r="UJW650" s="613"/>
      <c r="UJX650" s="613"/>
      <c r="UJY650" s="613"/>
      <c r="UJZ650" s="613"/>
      <c r="UKA650" s="613"/>
      <c r="UKB650" s="613"/>
      <c r="UKC650" s="613"/>
      <c r="UKD650" s="613"/>
      <c r="UKE650" s="613"/>
      <c r="UKF650" s="613"/>
      <c r="UKG650" s="613"/>
      <c r="UKH650" s="613"/>
      <c r="UKI650" s="613"/>
      <c r="UKJ650" s="613"/>
      <c r="UKK650" s="613"/>
      <c r="UKL650" s="613"/>
      <c r="UKM650" s="613"/>
      <c r="UKN650" s="613"/>
      <c r="UKO650" s="613"/>
      <c r="UKP650" s="613"/>
      <c r="UKQ650" s="613"/>
      <c r="UKR650" s="613"/>
      <c r="UKS650" s="613"/>
      <c r="UKT650" s="613"/>
      <c r="UKU650" s="613"/>
      <c r="UKV650" s="613"/>
      <c r="UKW650" s="613"/>
      <c r="UKX650" s="613"/>
      <c r="UKY650" s="613"/>
      <c r="UKZ650" s="613"/>
      <c r="ULA650" s="613"/>
      <c r="ULB650" s="613"/>
      <c r="ULC650" s="613"/>
      <c r="ULD650" s="613"/>
      <c r="ULE650" s="613"/>
      <c r="ULF650" s="613"/>
      <c r="ULG650" s="613"/>
      <c r="ULH650" s="613"/>
      <c r="ULI650" s="613"/>
      <c r="ULJ650" s="613"/>
      <c r="ULK650" s="613"/>
      <c r="ULL650" s="613"/>
      <c r="ULM650" s="613"/>
      <c r="ULN650" s="613"/>
      <c r="ULO650" s="613"/>
      <c r="ULP650" s="613"/>
      <c r="ULQ650" s="613"/>
      <c r="ULR650" s="613"/>
      <c r="ULS650" s="613"/>
      <c r="ULT650" s="613"/>
      <c r="ULU650" s="613"/>
      <c r="ULV650" s="613"/>
      <c r="ULW650" s="613"/>
      <c r="ULX650" s="613"/>
      <c r="ULY650" s="613"/>
      <c r="ULZ650" s="613"/>
      <c r="UMA650" s="613"/>
      <c r="UMB650" s="613"/>
      <c r="UMC650" s="613"/>
      <c r="UMD650" s="613"/>
      <c r="UME650" s="613"/>
      <c r="UMF650" s="613"/>
      <c r="UMG650" s="613"/>
      <c r="UMH650" s="613"/>
      <c r="UMI650" s="613"/>
      <c r="UMJ650" s="613"/>
      <c r="UMK650" s="613"/>
      <c r="UML650" s="613"/>
      <c r="UMM650" s="613"/>
      <c r="UMN650" s="613"/>
      <c r="UMO650" s="613"/>
      <c r="UMP650" s="613"/>
      <c r="UMQ650" s="613"/>
      <c r="UMR650" s="613"/>
      <c r="UMS650" s="613"/>
      <c r="UMT650" s="613"/>
      <c r="UMU650" s="613"/>
      <c r="UMV650" s="613"/>
      <c r="UMW650" s="613"/>
      <c r="UMX650" s="613"/>
      <c r="UMY650" s="613"/>
      <c r="UMZ650" s="613"/>
      <c r="UNA650" s="613"/>
      <c r="UNB650" s="613"/>
      <c r="UNC650" s="613"/>
      <c r="UND650" s="613"/>
      <c r="UNE650" s="613"/>
      <c r="UNF650" s="613"/>
      <c r="UNG650" s="613"/>
      <c r="UNH650" s="613"/>
      <c r="UNI650" s="613"/>
      <c r="UNJ650" s="613"/>
      <c r="UNK650" s="613"/>
      <c r="UNL650" s="613"/>
      <c r="UNM650" s="613"/>
      <c r="UNN650" s="613"/>
      <c r="UNO650" s="613"/>
      <c r="UNP650" s="613"/>
      <c r="UNQ650" s="613"/>
      <c r="UNR650" s="613"/>
      <c r="UNS650" s="613"/>
      <c r="UNT650" s="613"/>
      <c r="UNU650" s="613"/>
      <c r="UNV650" s="613"/>
      <c r="UNW650" s="613"/>
      <c r="UNX650" s="613"/>
      <c r="UNY650" s="613"/>
      <c r="UNZ650" s="613"/>
      <c r="UOA650" s="613"/>
      <c r="UOB650" s="613"/>
      <c r="UOC650" s="613"/>
      <c r="UOD650" s="613"/>
      <c r="UOE650" s="613"/>
      <c r="UOF650" s="613"/>
      <c r="UOG650" s="613"/>
      <c r="UOH650" s="613"/>
      <c r="UOI650" s="613"/>
      <c r="UOJ650" s="613"/>
      <c r="UOK650" s="613"/>
      <c r="UOL650" s="613"/>
      <c r="UOM650" s="613"/>
      <c r="UON650" s="613"/>
      <c r="UOO650" s="613"/>
      <c r="UOP650" s="613"/>
      <c r="UOQ650" s="613"/>
      <c r="UOR650" s="613"/>
      <c r="UOS650" s="613"/>
      <c r="UOT650" s="613"/>
      <c r="UOU650" s="613"/>
      <c r="UOV650" s="613"/>
      <c r="UOW650" s="613"/>
      <c r="UOX650" s="613"/>
      <c r="UOY650" s="613"/>
      <c r="UOZ650" s="613"/>
      <c r="UPA650" s="613"/>
      <c r="UPB650" s="613"/>
      <c r="UPC650" s="613"/>
      <c r="UPD650" s="613"/>
      <c r="UPE650" s="613"/>
      <c r="UPF650" s="613"/>
      <c r="UPG650" s="613"/>
      <c r="UPH650" s="613"/>
      <c r="UPI650" s="613"/>
      <c r="UPJ650" s="613"/>
      <c r="UPK650" s="613"/>
      <c r="UPL650" s="613"/>
      <c r="UPM650" s="613"/>
      <c r="UPN650" s="613"/>
      <c r="UPO650" s="613"/>
      <c r="UPP650" s="613"/>
      <c r="UPQ650" s="613"/>
      <c r="UPR650" s="613"/>
      <c r="UPS650" s="613"/>
      <c r="UPT650" s="613"/>
      <c r="UPU650" s="613"/>
      <c r="UPV650" s="613"/>
      <c r="UPW650" s="613"/>
      <c r="UPX650" s="613"/>
      <c r="UPY650" s="613"/>
      <c r="UPZ650" s="613"/>
      <c r="UQA650" s="613"/>
      <c r="UQB650" s="613"/>
      <c r="UQC650" s="613"/>
      <c r="UQD650" s="613"/>
      <c r="UQE650" s="613"/>
      <c r="UQF650" s="613"/>
      <c r="UQG650" s="613"/>
      <c r="UQH650" s="613"/>
      <c r="UQI650" s="613"/>
      <c r="UQJ650" s="613"/>
      <c r="UQK650" s="613"/>
      <c r="UQL650" s="613"/>
      <c r="UQM650" s="613"/>
      <c r="UQN650" s="613"/>
      <c r="UQO650" s="613"/>
      <c r="UQP650" s="613"/>
      <c r="UQQ650" s="613"/>
      <c r="UQR650" s="613"/>
      <c r="UQS650" s="613"/>
      <c r="UQT650" s="613"/>
      <c r="UQU650" s="613"/>
      <c r="UQV650" s="613"/>
      <c r="UQW650" s="613"/>
      <c r="UQX650" s="613"/>
      <c r="UQY650" s="613"/>
      <c r="UQZ650" s="613"/>
      <c r="URA650" s="613"/>
      <c r="URB650" s="613"/>
      <c r="URC650" s="613"/>
      <c r="URD650" s="613"/>
      <c r="URE650" s="613"/>
      <c r="URF650" s="613"/>
      <c r="URG650" s="613"/>
      <c r="URH650" s="613"/>
      <c r="URI650" s="613"/>
      <c r="URJ650" s="613"/>
      <c r="URK650" s="613"/>
      <c r="URL650" s="613"/>
      <c r="URM650" s="613"/>
      <c r="URN650" s="613"/>
      <c r="URO650" s="613"/>
      <c r="URP650" s="613"/>
      <c r="URQ650" s="613"/>
      <c r="URR650" s="613"/>
      <c r="URS650" s="613"/>
      <c r="URT650" s="613"/>
      <c r="URU650" s="613"/>
      <c r="URV650" s="613"/>
      <c r="URW650" s="613"/>
      <c r="URX650" s="613"/>
      <c r="URY650" s="613"/>
      <c r="URZ650" s="613"/>
      <c r="USA650" s="613"/>
      <c r="USB650" s="613"/>
      <c r="USC650" s="613"/>
      <c r="USD650" s="613"/>
      <c r="USE650" s="613"/>
      <c r="USF650" s="613"/>
      <c r="USG650" s="613"/>
      <c r="USH650" s="613"/>
      <c r="USI650" s="613"/>
      <c r="USJ650" s="613"/>
      <c r="USK650" s="613"/>
      <c r="USL650" s="613"/>
      <c r="USM650" s="613"/>
      <c r="USN650" s="613"/>
      <c r="USO650" s="613"/>
      <c r="USP650" s="613"/>
      <c r="USQ650" s="613"/>
      <c r="USR650" s="613"/>
      <c r="USS650" s="613"/>
      <c r="UST650" s="613"/>
      <c r="USU650" s="613"/>
      <c r="USV650" s="613"/>
      <c r="USW650" s="613"/>
      <c r="USX650" s="613"/>
      <c r="USY650" s="613"/>
      <c r="USZ650" s="613"/>
      <c r="UTA650" s="613"/>
      <c r="UTB650" s="613"/>
      <c r="UTC650" s="613"/>
      <c r="UTD650" s="613"/>
      <c r="UTE650" s="613"/>
      <c r="UTF650" s="613"/>
      <c r="UTG650" s="613"/>
      <c r="UTH650" s="613"/>
      <c r="UTI650" s="613"/>
      <c r="UTJ650" s="613"/>
      <c r="UTK650" s="613"/>
      <c r="UTL650" s="613"/>
      <c r="UTM650" s="613"/>
      <c r="UTN650" s="613"/>
      <c r="UTO650" s="613"/>
      <c r="UTP650" s="613"/>
      <c r="UTQ650" s="613"/>
      <c r="UTR650" s="613"/>
      <c r="UTS650" s="613"/>
      <c r="UTT650" s="613"/>
      <c r="UTU650" s="613"/>
      <c r="UTV650" s="613"/>
      <c r="UTW650" s="613"/>
      <c r="UTX650" s="613"/>
      <c r="UTY650" s="613"/>
      <c r="UTZ650" s="613"/>
      <c r="UUA650" s="613"/>
      <c r="UUB650" s="613"/>
      <c r="UUC650" s="613"/>
      <c r="UUD650" s="613"/>
      <c r="UUE650" s="613"/>
      <c r="UUF650" s="613"/>
      <c r="UUG650" s="613"/>
      <c r="UUH650" s="613"/>
      <c r="UUI650" s="613"/>
      <c r="UUJ650" s="613"/>
      <c r="UUK650" s="613"/>
      <c r="UUL650" s="613"/>
      <c r="UUM650" s="613"/>
      <c r="UUN650" s="613"/>
      <c r="UUO650" s="613"/>
      <c r="UUP650" s="613"/>
      <c r="UUQ650" s="613"/>
      <c r="UUR650" s="613"/>
      <c r="UUS650" s="613"/>
      <c r="UUT650" s="613"/>
      <c r="UUU650" s="613"/>
      <c r="UUV650" s="613"/>
      <c r="UUW650" s="613"/>
      <c r="UUX650" s="613"/>
      <c r="UUY650" s="613"/>
      <c r="UUZ650" s="613"/>
      <c r="UVA650" s="613"/>
      <c r="UVB650" s="613"/>
      <c r="UVC650" s="613"/>
      <c r="UVD650" s="613"/>
      <c r="UVE650" s="613"/>
      <c r="UVF650" s="613"/>
      <c r="UVG650" s="613"/>
      <c r="UVH650" s="613"/>
      <c r="UVI650" s="613"/>
      <c r="UVJ650" s="613"/>
      <c r="UVK650" s="613"/>
      <c r="UVL650" s="613"/>
      <c r="UVM650" s="613"/>
      <c r="UVN650" s="613"/>
      <c r="UVO650" s="613"/>
      <c r="UVP650" s="613"/>
      <c r="UVQ650" s="613"/>
      <c r="UVR650" s="613"/>
      <c r="UVS650" s="613"/>
      <c r="UVT650" s="613"/>
      <c r="UVU650" s="613"/>
      <c r="UVV650" s="613"/>
      <c r="UVW650" s="613"/>
      <c r="UVX650" s="613"/>
      <c r="UVY650" s="613"/>
      <c r="UVZ650" s="613"/>
      <c r="UWA650" s="613"/>
      <c r="UWB650" s="613"/>
      <c r="UWC650" s="613"/>
      <c r="UWD650" s="613"/>
      <c r="UWE650" s="613"/>
      <c r="UWF650" s="613"/>
      <c r="UWG650" s="613"/>
      <c r="UWH650" s="613"/>
      <c r="UWI650" s="613"/>
      <c r="UWJ650" s="613"/>
      <c r="UWK650" s="613"/>
      <c r="UWL650" s="613"/>
      <c r="UWM650" s="613"/>
      <c r="UWN650" s="613"/>
      <c r="UWO650" s="613"/>
      <c r="UWP650" s="613"/>
      <c r="UWQ650" s="613"/>
      <c r="UWR650" s="613"/>
      <c r="UWS650" s="613"/>
      <c r="UWT650" s="613"/>
      <c r="UWU650" s="613"/>
      <c r="UWV650" s="613"/>
      <c r="UWW650" s="613"/>
      <c r="UWX650" s="613"/>
      <c r="UWY650" s="613"/>
      <c r="UWZ650" s="613"/>
      <c r="UXA650" s="613"/>
      <c r="UXB650" s="613"/>
      <c r="UXC650" s="613"/>
      <c r="UXD650" s="613"/>
      <c r="UXE650" s="613"/>
      <c r="UXF650" s="613"/>
      <c r="UXG650" s="613"/>
      <c r="UXH650" s="613"/>
      <c r="UXI650" s="613"/>
      <c r="UXJ650" s="613"/>
      <c r="UXK650" s="613"/>
      <c r="UXL650" s="613"/>
      <c r="UXM650" s="613"/>
      <c r="UXN650" s="613"/>
      <c r="UXO650" s="613"/>
      <c r="UXP650" s="613"/>
      <c r="UXQ650" s="613"/>
      <c r="UXR650" s="613"/>
      <c r="UXS650" s="613"/>
      <c r="UXT650" s="613"/>
      <c r="UXU650" s="613"/>
      <c r="UXV650" s="613"/>
      <c r="UXW650" s="613"/>
      <c r="UXX650" s="613"/>
      <c r="UXY650" s="613"/>
      <c r="UXZ650" s="613"/>
      <c r="UYA650" s="613"/>
      <c r="UYB650" s="613"/>
      <c r="UYC650" s="613"/>
      <c r="UYD650" s="613"/>
      <c r="UYE650" s="613"/>
      <c r="UYF650" s="613"/>
      <c r="UYG650" s="613"/>
      <c r="UYH650" s="613"/>
      <c r="UYI650" s="613"/>
      <c r="UYJ650" s="613"/>
      <c r="UYK650" s="613"/>
      <c r="UYL650" s="613"/>
      <c r="UYM650" s="613"/>
      <c r="UYN650" s="613"/>
      <c r="UYO650" s="613"/>
      <c r="UYP650" s="613"/>
      <c r="UYQ650" s="613"/>
      <c r="UYR650" s="613"/>
      <c r="UYS650" s="613"/>
      <c r="UYT650" s="613"/>
      <c r="UYU650" s="613"/>
      <c r="UYV650" s="613"/>
      <c r="UYW650" s="613"/>
      <c r="UYX650" s="613"/>
      <c r="UYY650" s="613"/>
      <c r="UYZ650" s="613"/>
      <c r="UZA650" s="613"/>
      <c r="UZB650" s="613"/>
      <c r="UZC650" s="613"/>
      <c r="UZD650" s="613"/>
      <c r="UZE650" s="613"/>
      <c r="UZF650" s="613"/>
      <c r="UZG650" s="613"/>
      <c r="UZH650" s="613"/>
      <c r="UZI650" s="613"/>
      <c r="UZJ650" s="613"/>
      <c r="UZK650" s="613"/>
      <c r="UZL650" s="613"/>
      <c r="UZM650" s="613"/>
      <c r="UZN650" s="613"/>
      <c r="UZO650" s="613"/>
      <c r="UZP650" s="613"/>
      <c r="UZQ650" s="613"/>
      <c r="UZR650" s="613"/>
      <c r="UZS650" s="613"/>
      <c r="UZT650" s="613"/>
      <c r="UZU650" s="613"/>
      <c r="UZV650" s="613"/>
      <c r="UZW650" s="613"/>
      <c r="UZX650" s="613"/>
      <c r="UZY650" s="613"/>
      <c r="UZZ650" s="613"/>
      <c r="VAA650" s="613"/>
      <c r="VAB650" s="613"/>
      <c r="VAC650" s="613"/>
      <c r="VAD650" s="613"/>
      <c r="VAE650" s="613"/>
      <c r="VAF650" s="613"/>
      <c r="VAG650" s="613"/>
      <c r="VAH650" s="613"/>
      <c r="VAI650" s="613"/>
      <c r="VAJ650" s="613"/>
      <c r="VAK650" s="613"/>
      <c r="VAL650" s="613"/>
      <c r="VAM650" s="613"/>
      <c r="VAN650" s="613"/>
      <c r="VAO650" s="613"/>
      <c r="VAP650" s="613"/>
      <c r="VAQ650" s="613"/>
      <c r="VAR650" s="613"/>
      <c r="VAS650" s="613"/>
      <c r="VAT650" s="613"/>
      <c r="VAU650" s="613"/>
      <c r="VAV650" s="613"/>
      <c r="VAW650" s="613"/>
      <c r="VAX650" s="613"/>
      <c r="VAY650" s="613"/>
      <c r="VAZ650" s="613"/>
      <c r="VBA650" s="613"/>
      <c r="VBB650" s="613"/>
      <c r="VBC650" s="613"/>
      <c r="VBD650" s="613"/>
      <c r="VBE650" s="613"/>
      <c r="VBF650" s="613"/>
      <c r="VBG650" s="613"/>
      <c r="VBH650" s="613"/>
      <c r="VBI650" s="613"/>
      <c r="VBJ650" s="613"/>
      <c r="VBK650" s="613"/>
      <c r="VBL650" s="613"/>
      <c r="VBM650" s="613"/>
      <c r="VBN650" s="613"/>
      <c r="VBO650" s="613"/>
      <c r="VBP650" s="613"/>
      <c r="VBQ650" s="613"/>
      <c r="VBR650" s="613"/>
      <c r="VBS650" s="613"/>
      <c r="VBT650" s="613"/>
      <c r="VBU650" s="613"/>
      <c r="VBV650" s="613"/>
      <c r="VBW650" s="613"/>
      <c r="VBX650" s="613"/>
      <c r="VBY650" s="613"/>
      <c r="VBZ650" s="613"/>
      <c r="VCA650" s="613"/>
      <c r="VCB650" s="613"/>
      <c r="VCC650" s="613"/>
      <c r="VCD650" s="613"/>
      <c r="VCE650" s="613"/>
      <c r="VCF650" s="613"/>
      <c r="VCG650" s="613"/>
      <c r="VCH650" s="613"/>
      <c r="VCI650" s="613"/>
      <c r="VCJ650" s="613"/>
      <c r="VCK650" s="613"/>
      <c r="VCL650" s="613"/>
      <c r="VCM650" s="613"/>
      <c r="VCN650" s="613"/>
      <c r="VCO650" s="613"/>
      <c r="VCP650" s="613"/>
      <c r="VCQ650" s="613"/>
      <c r="VCR650" s="613"/>
      <c r="VCS650" s="613"/>
      <c r="VCT650" s="613"/>
      <c r="VCU650" s="613"/>
      <c r="VCV650" s="613"/>
      <c r="VCW650" s="613"/>
      <c r="VCX650" s="613"/>
      <c r="VCY650" s="613"/>
      <c r="VCZ650" s="613"/>
      <c r="VDA650" s="613"/>
      <c r="VDB650" s="613"/>
      <c r="VDC650" s="613"/>
      <c r="VDD650" s="613"/>
      <c r="VDE650" s="613"/>
      <c r="VDF650" s="613"/>
      <c r="VDG650" s="613"/>
      <c r="VDH650" s="613"/>
      <c r="VDI650" s="613"/>
      <c r="VDJ650" s="613"/>
      <c r="VDK650" s="613"/>
      <c r="VDL650" s="613"/>
      <c r="VDM650" s="613"/>
      <c r="VDN650" s="613"/>
      <c r="VDO650" s="613"/>
      <c r="VDP650" s="613"/>
      <c r="VDQ650" s="613"/>
      <c r="VDR650" s="613"/>
      <c r="VDS650" s="613"/>
      <c r="VDT650" s="613"/>
      <c r="VDU650" s="613"/>
      <c r="VDV650" s="613"/>
      <c r="VDW650" s="613"/>
      <c r="VDX650" s="613"/>
      <c r="VDY650" s="613"/>
      <c r="VDZ650" s="613"/>
      <c r="VEA650" s="613"/>
      <c r="VEB650" s="613"/>
      <c r="VEC650" s="613"/>
      <c r="VED650" s="613"/>
      <c r="VEE650" s="613"/>
      <c r="VEF650" s="613"/>
      <c r="VEG650" s="613"/>
      <c r="VEH650" s="613"/>
      <c r="VEI650" s="613"/>
      <c r="VEJ650" s="613"/>
      <c r="VEK650" s="613"/>
      <c r="VEL650" s="613"/>
      <c r="VEM650" s="613"/>
      <c r="VEN650" s="613"/>
      <c r="VEO650" s="613"/>
      <c r="VEP650" s="613"/>
      <c r="VEQ650" s="613"/>
      <c r="VER650" s="613"/>
      <c r="VES650" s="613"/>
      <c r="VET650" s="613"/>
      <c r="VEU650" s="613"/>
      <c r="VEV650" s="613"/>
      <c r="VEW650" s="613"/>
      <c r="VEX650" s="613"/>
      <c r="VEY650" s="613"/>
      <c r="VEZ650" s="613"/>
      <c r="VFA650" s="613"/>
      <c r="VFB650" s="613"/>
      <c r="VFC650" s="613"/>
      <c r="VFD650" s="613"/>
      <c r="VFE650" s="613"/>
      <c r="VFF650" s="613"/>
      <c r="VFG650" s="613"/>
      <c r="VFH650" s="613"/>
      <c r="VFI650" s="613"/>
      <c r="VFJ650" s="613"/>
      <c r="VFK650" s="613"/>
      <c r="VFL650" s="613"/>
      <c r="VFM650" s="613"/>
      <c r="VFN650" s="613"/>
      <c r="VFO650" s="613"/>
      <c r="VFP650" s="613"/>
      <c r="VFQ650" s="613"/>
      <c r="VFR650" s="613"/>
      <c r="VFS650" s="613"/>
      <c r="VFT650" s="613"/>
      <c r="VFU650" s="613"/>
      <c r="VFV650" s="613"/>
      <c r="VFW650" s="613"/>
      <c r="VFX650" s="613"/>
      <c r="VFY650" s="613"/>
      <c r="VFZ650" s="613"/>
      <c r="VGA650" s="613"/>
      <c r="VGB650" s="613"/>
      <c r="VGC650" s="613"/>
      <c r="VGD650" s="613"/>
      <c r="VGE650" s="613"/>
      <c r="VGF650" s="613"/>
      <c r="VGG650" s="613"/>
      <c r="VGH650" s="613"/>
      <c r="VGI650" s="613"/>
      <c r="VGJ650" s="613"/>
      <c r="VGK650" s="613"/>
      <c r="VGL650" s="613"/>
      <c r="VGM650" s="613"/>
      <c r="VGN650" s="613"/>
      <c r="VGO650" s="613"/>
      <c r="VGP650" s="613"/>
      <c r="VGQ650" s="613"/>
      <c r="VGR650" s="613"/>
      <c r="VGS650" s="613"/>
      <c r="VGT650" s="613"/>
      <c r="VGU650" s="613"/>
      <c r="VGV650" s="613"/>
      <c r="VGW650" s="613"/>
      <c r="VGX650" s="613"/>
      <c r="VGY650" s="613"/>
      <c r="VGZ650" s="613"/>
      <c r="VHA650" s="613"/>
      <c r="VHB650" s="613"/>
      <c r="VHC650" s="613"/>
      <c r="VHD650" s="613"/>
      <c r="VHE650" s="613"/>
      <c r="VHF650" s="613"/>
      <c r="VHG650" s="613"/>
      <c r="VHH650" s="613"/>
      <c r="VHI650" s="613"/>
      <c r="VHJ650" s="613"/>
      <c r="VHK650" s="613"/>
      <c r="VHL650" s="613"/>
      <c r="VHM650" s="613"/>
      <c r="VHN650" s="613"/>
      <c r="VHO650" s="613"/>
      <c r="VHP650" s="613"/>
      <c r="VHQ650" s="613"/>
      <c r="VHR650" s="613"/>
      <c r="VHS650" s="613"/>
      <c r="VHT650" s="613"/>
      <c r="VHU650" s="613"/>
      <c r="VHV650" s="613"/>
      <c r="VHW650" s="613"/>
      <c r="VHX650" s="613"/>
      <c r="VHY650" s="613"/>
      <c r="VHZ650" s="613"/>
      <c r="VIA650" s="613"/>
      <c r="VIB650" s="613"/>
      <c r="VIC650" s="613"/>
      <c r="VID650" s="613"/>
      <c r="VIE650" s="613"/>
      <c r="VIF650" s="613"/>
      <c r="VIG650" s="613"/>
      <c r="VIH650" s="613"/>
      <c r="VII650" s="613"/>
      <c r="VIJ650" s="613"/>
      <c r="VIK650" s="613"/>
      <c r="VIL650" s="613"/>
      <c r="VIM650" s="613"/>
      <c r="VIN650" s="613"/>
      <c r="VIO650" s="613"/>
      <c r="VIP650" s="613"/>
      <c r="VIQ650" s="613"/>
      <c r="VIR650" s="613"/>
      <c r="VIS650" s="613"/>
      <c r="VIT650" s="613"/>
      <c r="VIU650" s="613"/>
      <c r="VIV650" s="613"/>
      <c r="VIW650" s="613"/>
      <c r="VIX650" s="613"/>
      <c r="VIY650" s="613"/>
      <c r="VIZ650" s="613"/>
      <c r="VJA650" s="613"/>
      <c r="VJB650" s="613"/>
      <c r="VJC650" s="613"/>
      <c r="VJD650" s="613"/>
      <c r="VJE650" s="613"/>
      <c r="VJF650" s="613"/>
      <c r="VJG650" s="613"/>
      <c r="VJH650" s="613"/>
      <c r="VJI650" s="613"/>
      <c r="VJJ650" s="613"/>
      <c r="VJK650" s="613"/>
      <c r="VJL650" s="613"/>
      <c r="VJM650" s="613"/>
      <c r="VJN650" s="613"/>
      <c r="VJO650" s="613"/>
      <c r="VJP650" s="613"/>
      <c r="VJQ650" s="613"/>
      <c r="VJR650" s="613"/>
      <c r="VJS650" s="613"/>
      <c r="VJT650" s="613"/>
      <c r="VJU650" s="613"/>
      <c r="VJV650" s="613"/>
      <c r="VJW650" s="613"/>
      <c r="VJX650" s="613"/>
      <c r="VJY650" s="613"/>
      <c r="VJZ650" s="613"/>
      <c r="VKA650" s="613"/>
      <c r="VKB650" s="613"/>
      <c r="VKC650" s="613"/>
      <c r="VKD650" s="613"/>
      <c r="VKE650" s="613"/>
      <c r="VKF650" s="613"/>
      <c r="VKG650" s="613"/>
      <c r="VKH650" s="613"/>
      <c r="VKI650" s="613"/>
      <c r="VKJ650" s="613"/>
      <c r="VKK650" s="613"/>
      <c r="VKL650" s="613"/>
      <c r="VKM650" s="613"/>
      <c r="VKN650" s="613"/>
      <c r="VKO650" s="613"/>
      <c r="VKP650" s="613"/>
      <c r="VKQ650" s="613"/>
      <c r="VKR650" s="613"/>
      <c r="VKS650" s="613"/>
      <c r="VKT650" s="613"/>
      <c r="VKU650" s="613"/>
      <c r="VKV650" s="613"/>
      <c r="VKW650" s="613"/>
      <c r="VKX650" s="613"/>
      <c r="VKY650" s="613"/>
      <c r="VKZ650" s="613"/>
      <c r="VLA650" s="613"/>
      <c r="VLB650" s="613"/>
      <c r="VLC650" s="613"/>
      <c r="VLD650" s="613"/>
      <c r="VLE650" s="613"/>
      <c r="VLF650" s="613"/>
      <c r="VLG650" s="613"/>
      <c r="VLH650" s="613"/>
      <c r="VLI650" s="613"/>
      <c r="VLJ650" s="613"/>
      <c r="VLK650" s="613"/>
      <c r="VLL650" s="613"/>
      <c r="VLM650" s="613"/>
      <c r="VLN650" s="613"/>
      <c r="VLO650" s="613"/>
      <c r="VLP650" s="613"/>
      <c r="VLQ650" s="613"/>
      <c r="VLR650" s="613"/>
      <c r="VLS650" s="613"/>
      <c r="VLT650" s="613"/>
      <c r="VLU650" s="613"/>
      <c r="VLV650" s="613"/>
      <c r="VLW650" s="613"/>
      <c r="VLX650" s="613"/>
      <c r="VLY650" s="613"/>
      <c r="VLZ650" s="613"/>
      <c r="VMA650" s="613"/>
      <c r="VMB650" s="613"/>
      <c r="VMC650" s="613"/>
      <c r="VMD650" s="613"/>
      <c r="VME650" s="613"/>
      <c r="VMF650" s="613"/>
      <c r="VMG650" s="613"/>
      <c r="VMH650" s="613"/>
      <c r="VMI650" s="613"/>
      <c r="VMJ650" s="613"/>
      <c r="VMK650" s="613"/>
      <c r="VML650" s="613"/>
      <c r="VMM650" s="613"/>
      <c r="VMN650" s="613"/>
      <c r="VMO650" s="613"/>
      <c r="VMP650" s="613"/>
      <c r="VMQ650" s="613"/>
      <c r="VMR650" s="613"/>
      <c r="VMS650" s="613"/>
      <c r="VMT650" s="613"/>
      <c r="VMU650" s="613"/>
      <c r="VMV650" s="613"/>
      <c r="VMW650" s="613"/>
      <c r="VMX650" s="613"/>
      <c r="VMY650" s="613"/>
      <c r="VMZ650" s="613"/>
      <c r="VNA650" s="613"/>
      <c r="VNB650" s="613"/>
      <c r="VNC650" s="613"/>
      <c r="VND650" s="613"/>
      <c r="VNE650" s="613"/>
      <c r="VNF650" s="613"/>
      <c r="VNG650" s="613"/>
      <c r="VNH650" s="613"/>
      <c r="VNI650" s="613"/>
      <c r="VNJ650" s="613"/>
      <c r="VNK650" s="613"/>
      <c r="VNL650" s="613"/>
      <c r="VNM650" s="613"/>
      <c r="VNN650" s="613"/>
      <c r="VNO650" s="613"/>
      <c r="VNP650" s="613"/>
      <c r="VNQ650" s="613"/>
      <c r="VNR650" s="613"/>
      <c r="VNS650" s="613"/>
      <c r="VNT650" s="613"/>
      <c r="VNU650" s="613"/>
      <c r="VNV650" s="613"/>
      <c r="VNW650" s="613"/>
      <c r="VNX650" s="613"/>
      <c r="VNY650" s="613"/>
      <c r="VNZ650" s="613"/>
      <c r="VOA650" s="613"/>
      <c r="VOB650" s="613"/>
      <c r="VOC650" s="613"/>
      <c r="VOD650" s="613"/>
      <c r="VOE650" s="613"/>
      <c r="VOF650" s="613"/>
      <c r="VOG650" s="613"/>
      <c r="VOH650" s="613"/>
      <c r="VOI650" s="613"/>
      <c r="VOJ650" s="613"/>
      <c r="VOK650" s="613"/>
      <c r="VOL650" s="613"/>
      <c r="VOM650" s="613"/>
      <c r="VON650" s="613"/>
      <c r="VOO650" s="613"/>
      <c r="VOP650" s="613"/>
      <c r="VOQ650" s="613"/>
      <c r="VOR650" s="613"/>
      <c r="VOS650" s="613"/>
      <c r="VOT650" s="613"/>
      <c r="VOU650" s="613"/>
      <c r="VOV650" s="613"/>
      <c r="VOW650" s="613"/>
      <c r="VOX650" s="613"/>
      <c r="VOY650" s="613"/>
      <c r="VOZ650" s="613"/>
      <c r="VPA650" s="613"/>
      <c r="VPB650" s="613"/>
      <c r="VPC650" s="613"/>
      <c r="VPD650" s="613"/>
      <c r="VPE650" s="613"/>
      <c r="VPF650" s="613"/>
      <c r="VPG650" s="613"/>
      <c r="VPH650" s="613"/>
      <c r="VPI650" s="613"/>
      <c r="VPJ650" s="613"/>
      <c r="VPK650" s="613"/>
      <c r="VPL650" s="613"/>
      <c r="VPM650" s="613"/>
      <c r="VPN650" s="613"/>
      <c r="VPO650" s="613"/>
      <c r="VPP650" s="613"/>
      <c r="VPQ650" s="613"/>
      <c r="VPR650" s="613"/>
      <c r="VPS650" s="613"/>
      <c r="VPT650" s="613"/>
      <c r="VPU650" s="613"/>
      <c r="VPV650" s="613"/>
      <c r="VPW650" s="613"/>
      <c r="VPX650" s="613"/>
      <c r="VPY650" s="613"/>
      <c r="VPZ650" s="613"/>
      <c r="VQA650" s="613"/>
      <c r="VQB650" s="613"/>
      <c r="VQC650" s="613"/>
      <c r="VQD650" s="613"/>
      <c r="VQE650" s="613"/>
      <c r="VQF650" s="613"/>
      <c r="VQG650" s="613"/>
      <c r="VQH650" s="613"/>
      <c r="VQI650" s="613"/>
      <c r="VQJ650" s="613"/>
      <c r="VQK650" s="613"/>
      <c r="VQL650" s="613"/>
      <c r="VQM650" s="613"/>
      <c r="VQN650" s="613"/>
      <c r="VQO650" s="613"/>
      <c r="VQP650" s="613"/>
      <c r="VQQ650" s="613"/>
      <c r="VQR650" s="613"/>
      <c r="VQS650" s="613"/>
      <c r="VQT650" s="613"/>
      <c r="VQU650" s="613"/>
      <c r="VQV650" s="613"/>
      <c r="VQW650" s="613"/>
      <c r="VQX650" s="613"/>
      <c r="VQY650" s="613"/>
      <c r="VQZ650" s="613"/>
      <c r="VRA650" s="613"/>
      <c r="VRB650" s="613"/>
      <c r="VRC650" s="613"/>
      <c r="VRD650" s="613"/>
      <c r="VRE650" s="613"/>
      <c r="VRF650" s="613"/>
      <c r="VRG650" s="613"/>
      <c r="VRH650" s="613"/>
      <c r="VRI650" s="613"/>
      <c r="VRJ650" s="613"/>
      <c r="VRK650" s="613"/>
      <c r="VRL650" s="613"/>
      <c r="VRM650" s="613"/>
      <c r="VRN650" s="613"/>
      <c r="VRO650" s="613"/>
      <c r="VRP650" s="613"/>
      <c r="VRQ650" s="613"/>
      <c r="VRR650" s="613"/>
      <c r="VRS650" s="613"/>
      <c r="VRT650" s="613"/>
      <c r="VRU650" s="613"/>
      <c r="VRV650" s="613"/>
      <c r="VRW650" s="613"/>
      <c r="VRX650" s="613"/>
      <c r="VRY650" s="613"/>
      <c r="VRZ650" s="613"/>
      <c r="VSA650" s="613"/>
      <c r="VSB650" s="613"/>
      <c r="VSC650" s="613"/>
      <c r="VSD650" s="613"/>
      <c r="VSE650" s="613"/>
      <c r="VSF650" s="613"/>
      <c r="VSG650" s="613"/>
      <c r="VSH650" s="613"/>
      <c r="VSI650" s="613"/>
      <c r="VSJ650" s="613"/>
      <c r="VSK650" s="613"/>
      <c r="VSL650" s="613"/>
      <c r="VSM650" s="613"/>
      <c r="VSN650" s="613"/>
      <c r="VSO650" s="613"/>
      <c r="VSP650" s="613"/>
      <c r="VSQ650" s="613"/>
      <c r="VSR650" s="613"/>
      <c r="VSS650" s="613"/>
      <c r="VST650" s="613"/>
      <c r="VSU650" s="613"/>
      <c r="VSV650" s="613"/>
      <c r="VSW650" s="613"/>
      <c r="VSX650" s="613"/>
      <c r="VSY650" s="613"/>
      <c r="VSZ650" s="613"/>
      <c r="VTA650" s="613"/>
      <c r="VTB650" s="613"/>
      <c r="VTC650" s="613"/>
      <c r="VTD650" s="613"/>
      <c r="VTE650" s="613"/>
      <c r="VTF650" s="613"/>
      <c r="VTG650" s="613"/>
      <c r="VTH650" s="613"/>
      <c r="VTI650" s="613"/>
      <c r="VTJ650" s="613"/>
      <c r="VTK650" s="613"/>
      <c r="VTL650" s="613"/>
      <c r="VTM650" s="613"/>
      <c r="VTN650" s="613"/>
      <c r="VTO650" s="613"/>
      <c r="VTP650" s="613"/>
      <c r="VTQ650" s="613"/>
      <c r="VTR650" s="613"/>
      <c r="VTS650" s="613"/>
      <c r="VTT650" s="613"/>
      <c r="VTU650" s="613"/>
      <c r="VTV650" s="613"/>
      <c r="VTW650" s="613"/>
      <c r="VTX650" s="613"/>
      <c r="VTY650" s="613"/>
      <c r="VTZ650" s="613"/>
      <c r="VUA650" s="613"/>
      <c r="VUB650" s="613"/>
      <c r="VUC650" s="613"/>
      <c r="VUD650" s="613"/>
      <c r="VUE650" s="613"/>
      <c r="VUF650" s="613"/>
      <c r="VUG650" s="613"/>
      <c r="VUH650" s="613"/>
      <c r="VUI650" s="613"/>
      <c r="VUJ650" s="613"/>
      <c r="VUK650" s="613"/>
      <c r="VUL650" s="613"/>
      <c r="VUM650" s="613"/>
      <c r="VUN650" s="613"/>
      <c r="VUO650" s="613"/>
      <c r="VUP650" s="613"/>
      <c r="VUQ650" s="613"/>
      <c r="VUR650" s="613"/>
      <c r="VUS650" s="613"/>
      <c r="VUT650" s="613"/>
      <c r="VUU650" s="613"/>
      <c r="VUV650" s="613"/>
      <c r="VUW650" s="613"/>
      <c r="VUX650" s="613"/>
      <c r="VUY650" s="613"/>
      <c r="VUZ650" s="613"/>
      <c r="VVA650" s="613"/>
      <c r="VVB650" s="613"/>
      <c r="VVC650" s="613"/>
      <c r="VVD650" s="613"/>
      <c r="VVE650" s="613"/>
      <c r="VVF650" s="613"/>
      <c r="VVG650" s="613"/>
      <c r="VVH650" s="613"/>
      <c r="VVI650" s="613"/>
      <c r="VVJ650" s="613"/>
      <c r="VVK650" s="613"/>
      <c r="VVL650" s="613"/>
      <c r="VVM650" s="613"/>
      <c r="VVN650" s="613"/>
      <c r="VVO650" s="613"/>
      <c r="VVP650" s="613"/>
      <c r="VVQ650" s="613"/>
      <c r="VVR650" s="613"/>
      <c r="VVS650" s="613"/>
      <c r="VVT650" s="613"/>
      <c r="VVU650" s="613"/>
      <c r="VVV650" s="613"/>
      <c r="VVW650" s="613"/>
      <c r="VVX650" s="613"/>
      <c r="VVY650" s="613"/>
      <c r="VVZ650" s="613"/>
      <c r="VWA650" s="613"/>
      <c r="VWB650" s="613"/>
      <c r="VWC650" s="613"/>
      <c r="VWD650" s="613"/>
      <c r="VWE650" s="613"/>
      <c r="VWF650" s="613"/>
      <c r="VWG650" s="613"/>
      <c r="VWH650" s="613"/>
      <c r="VWI650" s="613"/>
      <c r="VWJ650" s="613"/>
      <c r="VWK650" s="613"/>
      <c r="VWL650" s="613"/>
      <c r="VWM650" s="613"/>
      <c r="VWN650" s="613"/>
      <c r="VWO650" s="613"/>
      <c r="VWP650" s="613"/>
      <c r="VWQ650" s="613"/>
      <c r="VWR650" s="613"/>
      <c r="VWS650" s="613"/>
      <c r="VWT650" s="613"/>
      <c r="VWU650" s="613"/>
      <c r="VWV650" s="613"/>
      <c r="VWW650" s="613"/>
      <c r="VWX650" s="613"/>
      <c r="VWY650" s="613"/>
      <c r="VWZ650" s="613"/>
      <c r="VXA650" s="613"/>
      <c r="VXB650" s="613"/>
      <c r="VXC650" s="613"/>
      <c r="VXD650" s="613"/>
      <c r="VXE650" s="613"/>
      <c r="VXF650" s="613"/>
      <c r="VXG650" s="613"/>
      <c r="VXH650" s="613"/>
      <c r="VXI650" s="613"/>
      <c r="VXJ650" s="613"/>
      <c r="VXK650" s="613"/>
      <c r="VXL650" s="613"/>
      <c r="VXM650" s="613"/>
      <c r="VXN650" s="613"/>
      <c r="VXO650" s="613"/>
      <c r="VXP650" s="613"/>
      <c r="VXQ650" s="613"/>
      <c r="VXR650" s="613"/>
      <c r="VXS650" s="613"/>
      <c r="VXT650" s="613"/>
      <c r="VXU650" s="613"/>
      <c r="VXV650" s="613"/>
      <c r="VXW650" s="613"/>
      <c r="VXX650" s="613"/>
      <c r="VXY650" s="613"/>
      <c r="VXZ650" s="613"/>
      <c r="VYA650" s="613"/>
      <c r="VYB650" s="613"/>
      <c r="VYC650" s="613"/>
      <c r="VYD650" s="613"/>
      <c r="VYE650" s="613"/>
      <c r="VYF650" s="613"/>
      <c r="VYG650" s="613"/>
      <c r="VYH650" s="613"/>
      <c r="VYI650" s="613"/>
      <c r="VYJ650" s="613"/>
      <c r="VYK650" s="613"/>
      <c r="VYL650" s="613"/>
      <c r="VYM650" s="613"/>
      <c r="VYN650" s="613"/>
      <c r="VYO650" s="613"/>
      <c r="VYP650" s="613"/>
      <c r="VYQ650" s="613"/>
      <c r="VYR650" s="613"/>
      <c r="VYS650" s="613"/>
      <c r="VYT650" s="613"/>
      <c r="VYU650" s="613"/>
      <c r="VYV650" s="613"/>
      <c r="VYW650" s="613"/>
      <c r="VYX650" s="613"/>
      <c r="VYY650" s="613"/>
      <c r="VYZ650" s="613"/>
      <c r="VZA650" s="613"/>
      <c r="VZB650" s="613"/>
      <c r="VZC650" s="613"/>
      <c r="VZD650" s="613"/>
      <c r="VZE650" s="613"/>
      <c r="VZF650" s="613"/>
      <c r="VZG650" s="613"/>
      <c r="VZH650" s="613"/>
      <c r="VZI650" s="613"/>
      <c r="VZJ650" s="613"/>
      <c r="VZK650" s="613"/>
      <c r="VZL650" s="613"/>
      <c r="VZM650" s="613"/>
      <c r="VZN650" s="613"/>
      <c r="VZO650" s="613"/>
      <c r="VZP650" s="613"/>
      <c r="VZQ650" s="613"/>
      <c r="VZR650" s="613"/>
      <c r="VZS650" s="613"/>
      <c r="VZT650" s="613"/>
      <c r="VZU650" s="613"/>
      <c r="VZV650" s="613"/>
      <c r="VZW650" s="613"/>
      <c r="VZX650" s="613"/>
      <c r="VZY650" s="613"/>
      <c r="VZZ650" s="613"/>
      <c r="WAA650" s="613"/>
      <c r="WAB650" s="613"/>
      <c r="WAC650" s="613"/>
      <c r="WAD650" s="613"/>
      <c r="WAE650" s="613"/>
      <c r="WAF650" s="613"/>
      <c r="WAG650" s="613"/>
      <c r="WAH650" s="613"/>
      <c r="WAI650" s="613"/>
      <c r="WAJ650" s="613"/>
      <c r="WAK650" s="613"/>
      <c r="WAL650" s="613"/>
      <c r="WAM650" s="613"/>
      <c r="WAN650" s="613"/>
      <c r="WAO650" s="613"/>
      <c r="WAP650" s="613"/>
      <c r="WAQ650" s="613"/>
      <c r="WAR650" s="613"/>
      <c r="WAS650" s="613"/>
      <c r="WAT650" s="613"/>
      <c r="WAU650" s="613"/>
      <c r="WAV650" s="613"/>
      <c r="WAW650" s="613"/>
      <c r="WAX650" s="613"/>
      <c r="WAY650" s="613"/>
      <c r="WAZ650" s="613"/>
      <c r="WBA650" s="613"/>
      <c r="WBB650" s="613"/>
      <c r="WBC650" s="613"/>
      <c r="WBD650" s="613"/>
      <c r="WBE650" s="613"/>
      <c r="WBF650" s="613"/>
      <c r="WBG650" s="613"/>
      <c r="WBH650" s="613"/>
      <c r="WBI650" s="613"/>
      <c r="WBJ650" s="613"/>
      <c r="WBK650" s="613"/>
      <c r="WBL650" s="613"/>
      <c r="WBM650" s="613"/>
      <c r="WBN650" s="613"/>
      <c r="WBO650" s="613"/>
      <c r="WBP650" s="613"/>
      <c r="WBQ650" s="613"/>
      <c r="WBR650" s="613"/>
      <c r="WBS650" s="613"/>
      <c r="WBT650" s="613"/>
      <c r="WBU650" s="613"/>
      <c r="WBV650" s="613"/>
      <c r="WBW650" s="613"/>
      <c r="WBX650" s="613"/>
      <c r="WBY650" s="613"/>
      <c r="WBZ650" s="613"/>
      <c r="WCA650" s="613"/>
      <c r="WCB650" s="613"/>
      <c r="WCC650" s="613"/>
      <c r="WCD650" s="613"/>
      <c r="WCE650" s="613"/>
      <c r="WCF650" s="613"/>
      <c r="WCG650" s="613"/>
      <c r="WCH650" s="613"/>
      <c r="WCI650" s="613"/>
      <c r="WCJ650" s="613"/>
      <c r="WCK650" s="613"/>
      <c r="WCL650" s="613"/>
      <c r="WCM650" s="613"/>
      <c r="WCN650" s="613"/>
      <c r="WCO650" s="613"/>
      <c r="WCP650" s="613"/>
      <c r="WCQ650" s="613"/>
      <c r="WCR650" s="613"/>
      <c r="WCS650" s="613"/>
      <c r="WCT650" s="613"/>
      <c r="WCU650" s="613"/>
      <c r="WCV650" s="613"/>
      <c r="WCW650" s="613"/>
      <c r="WCX650" s="613"/>
      <c r="WCY650" s="613"/>
      <c r="WCZ650" s="613"/>
      <c r="WDA650" s="613"/>
      <c r="WDB650" s="613"/>
      <c r="WDC650" s="613"/>
      <c r="WDD650" s="613"/>
      <c r="WDE650" s="613"/>
      <c r="WDF650" s="613"/>
      <c r="WDG650" s="613"/>
      <c r="WDH650" s="613"/>
      <c r="WDI650" s="613"/>
      <c r="WDJ650" s="613"/>
      <c r="WDK650" s="613"/>
      <c r="WDL650" s="613"/>
      <c r="WDM650" s="613"/>
      <c r="WDN650" s="613"/>
      <c r="WDO650" s="613"/>
      <c r="WDP650" s="613"/>
      <c r="WDQ650" s="613"/>
      <c r="WDR650" s="613"/>
      <c r="WDS650" s="613"/>
      <c r="WDT650" s="613"/>
      <c r="WDU650" s="613"/>
      <c r="WDV650" s="613"/>
      <c r="WDW650" s="613"/>
      <c r="WDX650" s="613"/>
      <c r="WDY650" s="613"/>
      <c r="WDZ650" s="613"/>
      <c r="WEA650" s="613"/>
      <c r="WEB650" s="613"/>
      <c r="WEC650" s="613"/>
      <c r="WED650" s="613"/>
      <c r="WEE650" s="613"/>
      <c r="WEF650" s="613"/>
      <c r="WEG650" s="613"/>
      <c r="WEH650" s="613"/>
      <c r="WEI650" s="613"/>
      <c r="WEJ650" s="613"/>
      <c r="WEK650" s="613"/>
      <c r="WEL650" s="613"/>
      <c r="WEM650" s="613"/>
      <c r="WEN650" s="613"/>
      <c r="WEO650" s="613"/>
      <c r="WEP650" s="613"/>
      <c r="WEQ650" s="613"/>
      <c r="WER650" s="613"/>
      <c r="WES650" s="613"/>
      <c r="WET650" s="613"/>
      <c r="WEU650" s="613"/>
      <c r="WEV650" s="613"/>
      <c r="WEW650" s="613"/>
      <c r="WEX650" s="613"/>
      <c r="WEY650" s="613"/>
      <c r="WEZ650" s="613"/>
      <c r="WFA650" s="613"/>
      <c r="WFB650" s="613"/>
      <c r="WFC650" s="613"/>
      <c r="WFD650" s="613"/>
      <c r="WFE650" s="613"/>
      <c r="WFF650" s="613"/>
      <c r="WFG650" s="613"/>
      <c r="WFH650" s="613"/>
      <c r="WFI650" s="613"/>
      <c r="WFJ650" s="613"/>
      <c r="WFK650" s="613"/>
      <c r="WFL650" s="613"/>
      <c r="WFM650" s="613"/>
      <c r="WFN650" s="613"/>
      <c r="WFO650" s="613"/>
      <c r="WFP650" s="613"/>
      <c r="WFQ650" s="613"/>
      <c r="WFR650" s="613"/>
      <c r="WFS650" s="613"/>
      <c r="WFT650" s="613"/>
      <c r="WFU650" s="613"/>
      <c r="WFV650" s="613"/>
      <c r="WFW650" s="613"/>
      <c r="WFX650" s="613"/>
      <c r="WFY650" s="613"/>
      <c r="WFZ650" s="613"/>
      <c r="WGA650" s="613"/>
      <c r="WGB650" s="613"/>
      <c r="WGC650" s="613"/>
      <c r="WGD650" s="613"/>
      <c r="WGE650" s="613"/>
      <c r="WGF650" s="613"/>
      <c r="WGG650" s="613"/>
      <c r="WGH650" s="613"/>
      <c r="WGI650" s="613"/>
      <c r="WGJ650" s="613"/>
      <c r="WGK650" s="613"/>
      <c r="WGL650" s="613"/>
      <c r="WGM650" s="613"/>
      <c r="WGN650" s="613"/>
      <c r="WGO650" s="613"/>
      <c r="WGP650" s="613"/>
      <c r="WGQ650" s="613"/>
      <c r="WGR650" s="613"/>
      <c r="WGS650" s="613"/>
      <c r="WGT650" s="613"/>
      <c r="WGU650" s="613"/>
      <c r="WGV650" s="613"/>
      <c r="WGW650" s="613"/>
      <c r="WGX650" s="613"/>
      <c r="WGY650" s="613"/>
      <c r="WGZ650" s="613"/>
      <c r="WHA650" s="613"/>
      <c r="WHB650" s="613"/>
      <c r="WHC650" s="613"/>
      <c r="WHD650" s="613"/>
      <c r="WHE650" s="613"/>
      <c r="WHF650" s="613"/>
      <c r="WHG650" s="613"/>
      <c r="WHH650" s="613"/>
      <c r="WHI650" s="613"/>
      <c r="WHJ650" s="613"/>
      <c r="WHK650" s="613"/>
      <c r="WHL650" s="613"/>
      <c r="WHM650" s="613"/>
      <c r="WHN650" s="613"/>
      <c r="WHO650" s="613"/>
      <c r="WHP650" s="613"/>
      <c r="WHQ650" s="613"/>
      <c r="WHR650" s="613"/>
      <c r="WHS650" s="613"/>
      <c r="WHT650" s="613"/>
      <c r="WHU650" s="613"/>
      <c r="WHV650" s="613"/>
      <c r="WHW650" s="613"/>
      <c r="WHX650" s="613"/>
      <c r="WHY650" s="613"/>
      <c r="WHZ650" s="613"/>
      <c r="WIA650" s="613"/>
      <c r="WIB650" s="613"/>
      <c r="WIC650" s="613"/>
      <c r="WID650" s="613"/>
      <c r="WIE650" s="613"/>
      <c r="WIF650" s="613"/>
      <c r="WIG650" s="613"/>
      <c r="WIH650" s="613"/>
      <c r="WII650" s="613"/>
      <c r="WIJ650" s="613"/>
      <c r="WIK650" s="613"/>
      <c r="WIL650" s="613"/>
      <c r="WIM650" s="613"/>
      <c r="WIN650" s="613"/>
      <c r="WIO650" s="613"/>
      <c r="WIP650" s="613"/>
      <c r="WIQ650" s="613"/>
      <c r="WIR650" s="613"/>
      <c r="WIS650" s="613"/>
      <c r="WIT650" s="613"/>
      <c r="WIU650" s="613"/>
      <c r="WIV650" s="613"/>
      <c r="WIW650" s="613"/>
      <c r="WIX650" s="613"/>
      <c r="WIY650" s="613"/>
      <c r="WIZ650" s="613"/>
      <c r="WJA650" s="613"/>
      <c r="WJB650" s="613"/>
      <c r="WJC650" s="613"/>
      <c r="WJD650" s="613"/>
      <c r="WJE650" s="613"/>
      <c r="WJF650" s="613"/>
      <c r="WJG650" s="613"/>
      <c r="WJH650" s="613"/>
      <c r="WJI650" s="613"/>
      <c r="WJJ650" s="613"/>
      <c r="WJK650" s="613"/>
      <c r="WJL650" s="613"/>
      <c r="WJM650" s="613"/>
      <c r="WJN650" s="613"/>
      <c r="WJO650" s="613"/>
      <c r="WJP650" s="613"/>
      <c r="WJQ650" s="613"/>
      <c r="WJR650" s="613"/>
      <c r="WJS650" s="613"/>
      <c r="WJT650" s="613"/>
      <c r="WJU650" s="613"/>
      <c r="WJV650" s="613"/>
      <c r="WJW650" s="613"/>
      <c r="WJX650" s="613"/>
      <c r="WJY650" s="613"/>
      <c r="WJZ650" s="613"/>
      <c r="WKA650" s="613"/>
      <c r="WKB650" s="613"/>
      <c r="WKC650" s="613"/>
      <c r="WKD650" s="613"/>
      <c r="WKE650" s="613"/>
      <c r="WKF650" s="613"/>
      <c r="WKG650" s="613"/>
      <c r="WKH650" s="613"/>
      <c r="WKI650" s="613"/>
      <c r="WKJ650" s="613"/>
      <c r="WKK650" s="613"/>
      <c r="WKL650" s="613"/>
      <c r="WKM650" s="613"/>
      <c r="WKN650" s="613"/>
      <c r="WKO650" s="613"/>
      <c r="WKP650" s="613"/>
      <c r="WKQ650" s="613"/>
      <c r="WKR650" s="613"/>
      <c r="WKS650" s="613"/>
      <c r="WKT650" s="613"/>
      <c r="WKU650" s="613"/>
      <c r="WKV650" s="613"/>
      <c r="WKW650" s="613"/>
      <c r="WKX650" s="613"/>
      <c r="WKY650" s="613"/>
      <c r="WKZ650" s="613"/>
      <c r="WLA650" s="613"/>
      <c r="WLB650" s="613"/>
      <c r="WLC650" s="613"/>
      <c r="WLD650" s="613"/>
      <c r="WLE650" s="613"/>
      <c r="WLF650" s="613"/>
      <c r="WLG650" s="613"/>
      <c r="WLH650" s="613"/>
      <c r="WLI650" s="613"/>
      <c r="WLJ650" s="613"/>
      <c r="WLK650" s="613"/>
      <c r="WLL650" s="613"/>
      <c r="WLM650" s="613"/>
      <c r="WLN650" s="613"/>
      <c r="WLO650" s="613"/>
      <c r="WLP650" s="613"/>
      <c r="WLQ650" s="613"/>
      <c r="WLR650" s="613"/>
      <c r="WLS650" s="613"/>
      <c r="WLT650" s="613"/>
      <c r="WLU650" s="613"/>
      <c r="WLV650" s="613"/>
      <c r="WLW650" s="613"/>
      <c r="WLX650" s="613"/>
      <c r="WLY650" s="613"/>
      <c r="WLZ650" s="613"/>
      <c r="WMA650" s="613"/>
      <c r="WMB650" s="613"/>
      <c r="WMC650" s="613"/>
      <c r="WMD650" s="613"/>
      <c r="WME650" s="613"/>
      <c r="WMF650" s="613"/>
      <c r="WMG650" s="613"/>
      <c r="WMH650" s="613"/>
      <c r="WMI650" s="613"/>
      <c r="WMJ650" s="613"/>
      <c r="WMK650" s="613"/>
      <c r="WML650" s="613"/>
      <c r="WMM650" s="613"/>
      <c r="WMN650" s="613"/>
      <c r="WMO650" s="613"/>
      <c r="WMP650" s="613"/>
      <c r="WMQ650" s="613"/>
      <c r="WMR650" s="613"/>
      <c r="WMS650" s="613"/>
      <c r="WMT650" s="613"/>
      <c r="WMU650" s="613"/>
      <c r="WMV650" s="613"/>
      <c r="WMW650" s="613"/>
      <c r="WMX650" s="613"/>
      <c r="WMY650" s="613"/>
      <c r="WMZ650" s="613"/>
      <c r="WNA650" s="613"/>
      <c r="WNB650" s="613"/>
      <c r="WNC650" s="613"/>
      <c r="WND650" s="613"/>
      <c r="WNE650" s="613"/>
      <c r="WNF650" s="613"/>
      <c r="WNG650" s="613"/>
      <c r="WNH650" s="613"/>
      <c r="WNI650" s="613"/>
      <c r="WNJ650" s="613"/>
      <c r="WNK650" s="613"/>
      <c r="WNL650" s="613"/>
      <c r="WNM650" s="613"/>
      <c r="WNN650" s="613"/>
      <c r="WNO650" s="613"/>
      <c r="WNP650" s="613"/>
      <c r="WNQ650" s="613"/>
      <c r="WNR650" s="613"/>
      <c r="WNS650" s="613"/>
      <c r="WNT650" s="613"/>
      <c r="WNU650" s="613"/>
      <c r="WNV650" s="613"/>
      <c r="WNW650" s="613"/>
      <c r="WNX650" s="613"/>
      <c r="WNY650" s="613"/>
      <c r="WNZ650" s="613"/>
      <c r="WOA650" s="613"/>
      <c r="WOB650" s="613"/>
      <c r="WOC650" s="613"/>
      <c r="WOD650" s="613"/>
      <c r="WOE650" s="613"/>
      <c r="WOF650" s="613"/>
      <c r="WOG650" s="613"/>
      <c r="WOH650" s="613"/>
      <c r="WOI650" s="613"/>
      <c r="WOJ650" s="613"/>
      <c r="WOK650" s="613"/>
      <c r="WOL650" s="613"/>
      <c r="WOM650" s="613"/>
      <c r="WON650" s="613"/>
      <c r="WOO650" s="613"/>
      <c r="WOP650" s="613"/>
      <c r="WOQ650" s="613"/>
      <c r="WOR650" s="613"/>
      <c r="WOS650" s="613"/>
      <c r="WOT650" s="613"/>
      <c r="WOU650" s="613"/>
      <c r="WOV650" s="613"/>
      <c r="WOW650" s="613"/>
      <c r="WOX650" s="613"/>
      <c r="WOY650" s="613"/>
      <c r="WOZ650" s="613"/>
      <c r="WPA650" s="613"/>
      <c r="WPB650" s="613"/>
      <c r="WPC650" s="613"/>
      <c r="WPD650" s="613"/>
      <c r="WPE650" s="613"/>
      <c r="WPF650" s="613"/>
      <c r="WPG650" s="613"/>
      <c r="WPH650" s="613"/>
      <c r="WPI650" s="613"/>
      <c r="WPJ650" s="613"/>
      <c r="WPK650" s="613"/>
      <c r="WPL650" s="613"/>
      <c r="WPM650" s="613"/>
      <c r="WPN650" s="613"/>
      <c r="WPO650" s="613"/>
      <c r="WPP650" s="613"/>
      <c r="WPQ650" s="613"/>
      <c r="WPR650" s="613"/>
      <c r="WPS650" s="613"/>
      <c r="WPT650" s="613"/>
      <c r="WPU650" s="613"/>
      <c r="WPV650" s="613"/>
      <c r="WPW650" s="613"/>
      <c r="WPX650" s="613"/>
      <c r="WPY650" s="613"/>
      <c r="WPZ650" s="613"/>
      <c r="WQA650" s="613"/>
      <c r="WQB650" s="613"/>
      <c r="WQC650" s="613"/>
      <c r="WQD650" s="613"/>
      <c r="WQE650" s="613"/>
      <c r="WQF650" s="613"/>
      <c r="WQG650" s="613"/>
      <c r="WQH650" s="613"/>
      <c r="WQI650" s="613"/>
      <c r="WQJ650" s="613"/>
      <c r="WQK650" s="613"/>
      <c r="WQL650" s="613"/>
      <c r="WQM650" s="613"/>
      <c r="WQN650" s="613"/>
      <c r="WQO650" s="613"/>
      <c r="WQP650" s="613"/>
      <c r="WQQ650" s="613"/>
      <c r="WQR650" s="613"/>
      <c r="WQS650" s="613"/>
      <c r="WQT650" s="613"/>
      <c r="WQU650" s="613"/>
      <c r="WQV650" s="613"/>
      <c r="WQW650" s="613"/>
      <c r="WQX650" s="613"/>
      <c r="WQY650" s="613"/>
      <c r="WQZ650" s="613"/>
      <c r="WRA650" s="613"/>
      <c r="WRB650" s="613"/>
      <c r="WRC650" s="613"/>
      <c r="WRD650" s="613"/>
      <c r="WRE650" s="613"/>
      <c r="WRF650" s="613"/>
      <c r="WRG650" s="613"/>
      <c r="WRH650" s="613"/>
      <c r="WRI650" s="613"/>
      <c r="WRJ650" s="613"/>
      <c r="WRK650" s="613"/>
      <c r="WRL650" s="613"/>
      <c r="WRM650" s="613"/>
      <c r="WRN650" s="613"/>
      <c r="WRO650" s="613"/>
      <c r="WRP650" s="613"/>
      <c r="WRQ650" s="613"/>
      <c r="WRR650" s="613"/>
      <c r="WRS650" s="613"/>
      <c r="WRT650" s="613"/>
      <c r="WRU650" s="613"/>
      <c r="WRV650" s="613"/>
      <c r="WRW650" s="613"/>
      <c r="WRX650" s="613"/>
      <c r="WRY650" s="613"/>
      <c r="WRZ650" s="613"/>
      <c r="WSA650" s="613"/>
      <c r="WSB650" s="613"/>
      <c r="WSC650" s="613"/>
      <c r="WSD650" s="613"/>
      <c r="WSE650" s="613"/>
      <c r="WSF650" s="613"/>
      <c r="WSG650" s="613"/>
      <c r="WSH650" s="613"/>
      <c r="WSI650" s="613"/>
      <c r="WSJ650" s="613"/>
      <c r="WSK650" s="613"/>
      <c r="WSL650" s="613"/>
      <c r="WSM650" s="613"/>
      <c r="WSN650" s="613"/>
      <c r="WSO650" s="613"/>
      <c r="WSP650" s="613"/>
      <c r="WSQ650" s="613"/>
      <c r="WSR650" s="613"/>
      <c r="WSS650" s="613"/>
      <c r="WST650" s="613"/>
      <c r="WSU650" s="613"/>
      <c r="WSV650" s="613"/>
      <c r="WSW650" s="613"/>
      <c r="WSX650" s="613"/>
      <c r="WSY650" s="613"/>
      <c r="WSZ650" s="613"/>
      <c r="WTA650" s="613"/>
      <c r="WTB650" s="613"/>
      <c r="WTC650" s="613"/>
      <c r="WTD650" s="613"/>
      <c r="WTE650" s="613"/>
      <c r="WTF650" s="613"/>
      <c r="WTG650" s="613"/>
      <c r="WTH650" s="613"/>
      <c r="WTI650" s="613"/>
      <c r="WTJ650" s="613"/>
      <c r="WTK650" s="613"/>
      <c r="WTL650" s="613"/>
      <c r="WTM650" s="613"/>
      <c r="WTN650" s="613"/>
      <c r="WTO650" s="613"/>
      <c r="WTP650" s="613"/>
      <c r="WTQ650" s="613"/>
      <c r="WTR650" s="613"/>
      <c r="WTS650" s="613"/>
      <c r="WTT650" s="613"/>
      <c r="WTU650" s="613"/>
      <c r="WTV650" s="613"/>
      <c r="WTW650" s="613"/>
      <c r="WTX650" s="613"/>
      <c r="WTY650" s="613"/>
      <c r="WTZ650" s="613"/>
      <c r="WUA650" s="613"/>
      <c r="WUB650" s="613"/>
      <c r="WUC650" s="613"/>
      <c r="WUD650" s="613"/>
      <c r="WUE650" s="613"/>
      <c r="WUF650" s="613"/>
      <c r="WUG650" s="613"/>
      <c r="WUH650" s="613"/>
      <c r="WUI650" s="613"/>
      <c r="WUJ650" s="613"/>
      <c r="WUK650" s="613"/>
      <c r="WUL650" s="613"/>
      <c r="WUM650" s="613"/>
      <c r="WUN650" s="613"/>
      <c r="WUO650" s="613"/>
      <c r="WUP650" s="613"/>
      <c r="WUQ650" s="613"/>
      <c r="WUR650" s="613"/>
      <c r="WUS650" s="613"/>
      <c r="WUT650" s="613"/>
      <c r="WUU650" s="613"/>
      <c r="WUV650" s="613"/>
      <c r="WUW650" s="613"/>
      <c r="WUX650" s="613"/>
      <c r="WUY650" s="613"/>
      <c r="WUZ650" s="613"/>
      <c r="WVA650" s="613"/>
      <c r="WVB650" s="613"/>
      <c r="WVC650" s="613"/>
      <c r="WVD650" s="613"/>
      <c r="WVE650" s="613"/>
      <c r="WVF650" s="613"/>
      <c r="WVG650" s="613"/>
      <c r="WVH650" s="613"/>
      <c r="WVI650" s="613"/>
      <c r="WVJ650" s="613"/>
      <c r="WVK650" s="613"/>
      <c r="WVL650" s="613"/>
      <c r="WVM650" s="613"/>
      <c r="WVN650" s="613"/>
      <c r="WVO650" s="613"/>
      <c r="WVP650" s="613"/>
      <c r="WVQ650" s="613"/>
      <c r="WVR650" s="613"/>
      <c r="WVS650" s="613"/>
      <c r="WVT650" s="613"/>
      <c r="WVU650" s="613"/>
      <c r="WVV650" s="613"/>
      <c r="WVW650" s="613"/>
      <c r="WVX650" s="613"/>
      <c r="WVY650" s="613"/>
      <c r="WVZ650" s="613"/>
      <c r="WWA650" s="613"/>
      <c r="WWB650" s="613"/>
      <c r="WWC650" s="613"/>
      <c r="WWD650" s="613"/>
      <c r="WWE650" s="613"/>
      <c r="WWF650" s="613"/>
      <c r="WWG650" s="613"/>
      <c r="WWH650" s="613"/>
      <c r="WWI650" s="613"/>
      <c r="WWJ650" s="613"/>
      <c r="WWK650" s="613"/>
      <c r="WWL650" s="613"/>
      <c r="WWM650" s="613"/>
      <c r="WWN650" s="613"/>
      <c r="WWO650" s="613"/>
      <c r="WWP650" s="613"/>
      <c r="WWQ650" s="613"/>
      <c r="WWR650" s="613"/>
      <c r="WWS650" s="613"/>
      <c r="WWT650" s="613"/>
      <c r="WWU650" s="613"/>
      <c r="WWV650" s="613"/>
      <c r="WWW650" s="613"/>
      <c r="WWX650" s="613"/>
      <c r="WWY650" s="613"/>
      <c r="WWZ650" s="613"/>
      <c r="WXA650" s="613"/>
      <c r="WXB650" s="613"/>
      <c r="WXC650" s="613"/>
      <c r="WXD650" s="613"/>
      <c r="WXE650" s="613"/>
      <c r="WXF650" s="613"/>
      <c r="WXG650" s="613"/>
      <c r="WXH650" s="613"/>
      <c r="WXI650" s="613"/>
      <c r="WXJ650" s="613"/>
      <c r="WXK650" s="613"/>
      <c r="WXL650" s="613"/>
      <c r="WXM650" s="613"/>
      <c r="WXN650" s="613"/>
      <c r="WXO650" s="613"/>
      <c r="WXP650" s="613"/>
      <c r="WXQ650" s="613"/>
      <c r="WXR650" s="613"/>
      <c r="WXS650" s="613"/>
      <c r="WXT650" s="613"/>
      <c r="WXU650" s="613"/>
      <c r="WXV650" s="613"/>
      <c r="WXW650" s="613"/>
      <c r="WXX650" s="613"/>
      <c r="WXY650" s="613"/>
      <c r="WXZ650" s="613"/>
      <c r="WYA650" s="613"/>
      <c r="WYB650" s="613"/>
      <c r="WYC650" s="613"/>
      <c r="WYD650" s="613"/>
      <c r="WYE650" s="613"/>
      <c r="WYF650" s="613"/>
      <c r="WYG650" s="613"/>
      <c r="WYH650" s="613"/>
      <c r="WYI650" s="613"/>
      <c r="WYJ650" s="613"/>
      <c r="WYK650" s="613"/>
      <c r="WYL650" s="613"/>
      <c r="WYM650" s="613"/>
      <c r="WYN650" s="613"/>
      <c r="WYO650" s="613"/>
      <c r="WYP650" s="613"/>
      <c r="WYQ650" s="613"/>
      <c r="WYR650" s="613"/>
      <c r="WYS650" s="613"/>
      <c r="WYT650" s="613"/>
      <c r="WYU650" s="613"/>
      <c r="WYV650" s="613"/>
      <c r="WYW650" s="613"/>
      <c r="WYX650" s="613"/>
      <c r="WYY650" s="613"/>
      <c r="WYZ650" s="613"/>
      <c r="WZA650" s="613"/>
      <c r="WZB650" s="613"/>
      <c r="WZC650" s="613"/>
      <c r="WZD650" s="613"/>
      <c r="WZE650" s="613"/>
      <c r="WZF650" s="613"/>
      <c r="WZG650" s="613"/>
      <c r="WZH650" s="613"/>
      <c r="WZI650" s="613"/>
      <c r="WZJ650" s="613"/>
      <c r="WZK650" s="613"/>
      <c r="WZL650" s="613"/>
      <c r="WZM650" s="613"/>
      <c r="WZN650" s="613"/>
      <c r="WZO650" s="613"/>
      <c r="WZP650" s="613"/>
      <c r="WZQ650" s="613"/>
      <c r="WZR650" s="613"/>
      <c r="WZS650" s="613"/>
      <c r="WZT650" s="613"/>
      <c r="WZU650" s="613"/>
      <c r="WZV650" s="613"/>
      <c r="WZW650" s="613"/>
      <c r="WZX650" s="613"/>
      <c r="WZY650" s="613"/>
      <c r="WZZ650" s="613"/>
      <c r="XAA650" s="613"/>
      <c r="XAB650" s="613"/>
      <c r="XAC650" s="613"/>
      <c r="XAD650" s="613"/>
      <c r="XAE650" s="613"/>
      <c r="XAF650" s="613"/>
      <c r="XAG650" s="613"/>
      <c r="XAH650" s="613"/>
      <c r="XAI650" s="613"/>
      <c r="XAJ650" s="613"/>
      <c r="XAK650" s="613"/>
      <c r="XAL650" s="613"/>
      <c r="XAM650" s="613"/>
      <c r="XAN650" s="613"/>
      <c r="XAO650" s="613"/>
      <c r="XAP650" s="613"/>
      <c r="XAQ650" s="613"/>
      <c r="XAR650" s="613"/>
      <c r="XAS650" s="613"/>
      <c r="XAT650" s="613"/>
      <c r="XAU650" s="613"/>
      <c r="XAV650" s="613"/>
      <c r="XAW650" s="613"/>
      <c r="XAX650" s="613"/>
      <c r="XAY650" s="613"/>
      <c r="XAZ650" s="613"/>
      <c r="XBA650" s="613"/>
      <c r="XBB650" s="613"/>
      <c r="XBC650" s="613"/>
      <c r="XBD650" s="613"/>
      <c r="XBE650" s="613"/>
      <c r="XBF650" s="613"/>
      <c r="XBG650" s="613"/>
      <c r="XBH650" s="613"/>
      <c r="XBI650" s="613"/>
      <c r="XBJ650" s="613"/>
      <c r="XBK650" s="613"/>
      <c r="XBL650" s="613"/>
      <c r="XBM650" s="613"/>
      <c r="XBN650" s="613"/>
      <c r="XBO650" s="613"/>
      <c r="XBP650" s="613"/>
      <c r="XBQ650" s="613"/>
      <c r="XBR650" s="613"/>
      <c r="XBS650" s="613"/>
      <c r="XBT650" s="613"/>
      <c r="XBU650" s="613"/>
      <c r="XBV650" s="613"/>
      <c r="XBW650" s="613"/>
      <c r="XBX650" s="613"/>
      <c r="XBY650" s="613"/>
      <c r="XBZ650" s="613"/>
      <c r="XCA650" s="613"/>
      <c r="XCB650" s="613"/>
      <c r="XCC650" s="613"/>
      <c r="XCD650" s="613"/>
      <c r="XCE650" s="613"/>
      <c r="XCF650" s="613"/>
      <c r="XCG650" s="613"/>
      <c r="XCH650" s="613"/>
      <c r="XCI650" s="613"/>
      <c r="XCJ650" s="613"/>
      <c r="XCK650" s="613"/>
      <c r="XCL650" s="613"/>
      <c r="XCM650" s="613"/>
      <c r="XCN650" s="613"/>
      <c r="XCO650" s="613"/>
      <c r="XCP650" s="613"/>
      <c r="XCQ650" s="613"/>
    </row>
    <row r="651" spans="1:16319" ht="56.1" customHeight="1" x14ac:dyDescent="0.2">
      <c r="A651" s="494"/>
      <c r="B651" s="610"/>
      <c r="C651" s="494"/>
      <c r="D651" s="481">
        <v>183</v>
      </c>
      <c r="E651" s="481"/>
      <c r="F651" s="481" t="s">
        <v>2481</v>
      </c>
      <c r="G651" s="482" t="s">
        <v>53</v>
      </c>
      <c r="H651" s="481" t="s">
        <v>329</v>
      </c>
      <c r="I651" s="654" t="s">
        <v>428</v>
      </c>
      <c r="J651" s="654" t="s">
        <v>369</v>
      </c>
      <c r="K651" s="495" t="s">
        <v>446</v>
      </c>
      <c r="L651" s="621"/>
      <c r="M651" s="484" t="s">
        <v>58</v>
      </c>
      <c r="N651" s="327" t="s">
        <v>1363</v>
      </c>
      <c r="O651" s="484" t="s">
        <v>2996</v>
      </c>
      <c r="P651" s="484" t="s">
        <v>81</v>
      </c>
      <c r="Q651" s="667" t="s">
        <v>334</v>
      </c>
      <c r="R651" s="484" t="s">
        <v>334</v>
      </c>
      <c r="S651" s="484" t="s">
        <v>375</v>
      </c>
      <c r="T651" s="484"/>
      <c r="U651" s="620" t="s">
        <v>63</v>
      </c>
      <c r="V651" s="620" t="s">
        <v>63</v>
      </c>
      <c r="W651" s="723">
        <v>81282</v>
      </c>
      <c r="X651" s="723"/>
      <c r="Y651" s="654" t="s">
        <v>226</v>
      </c>
      <c r="Z651" s="654"/>
      <c r="AA651" s="723">
        <v>81282</v>
      </c>
      <c r="AB651" s="652" t="s">
        <v>82</v>
      </c>
      <c r="AC651" s="652"/>
      <c r="AD651" s="496"/>
      <c r="AE651" s="496"/>
      <c r="AF651" s="496"/>
      <c r="AG651" s="487" t="s">
        <v>66</v>
      </c>
      <c r="AH651" s="496"/>
      <c r="AI651" s="496"/>
      <c r="AJ651" s="496"/>
      <c r="AK651" s="496"/>
      <c r="AL651" s="496"/>
      <c r="AM651" s="496"/>
      <c r="AN651" s="496"/>
      <c r="AO651" s="496"/>
      <c r="AP651" s="496"/>
      <c r="AQ651" s="496"/>
      <c r="AR651" s="496"/>
      <c r="AS651" s="496"/>
      <c r="AT651" s="496"/>
      <c r="AU651" s="487"/>
      <c r="AV651" s="487"/>
      <c r="AW651" s="487"/>
      <c r="AX651" s="487"/>
      <c r="AY651" s="487"/>
      <c r="AZ651" s="487"/>
      <c r="BA651" s="484"/>
      <c r="BB651" s="484" t="s">
        <v>340</v>
      </c>
      <c r="BC651" s="484" t="s">
        <v>3041</v>
      </c>
      <c r="BD651" s="494"/>
      <c r="BE651" s="494"/>
      <c r="BF651" s="613"/>
      <c r="BG651" s="613"/>
      <c r="BH651" s="613"/>
      <c r="BI651" s="613"/>
      <c r="BJ651" s="613"/>
      <c r="BK651" s="613"/>
      <c r="BL651" s="613"/>
      <c r="BM651" s="613"/>
      <c r="BN651" s="613"/>
      <c r="BO651" s="613"/>
      <c r="BP651" s="613"/>
      <c r="BQ651" s="613"/>
      <c r="BR651" s="613"/>
      <c r="BS651" s="613"/>
      <c r="BT651" s="613"/>
      <c r="BU651" s="613"/>
      <c r="BV651" s="613"/>
      <c r="BW651" s="613"/>
      <c r="BX651" s="613"/>
      <c r="BY651" s="613"/>
      <c r="BZ651" s="613"/>
      <c r="CA651" s="613"/>
      <c r="CB651" s="613"/>
      <c r="CC651" s="613"/>
      <c r="CD651" s="613"/>
      <c r="CE651" s="613"/>
      <c r="CF651" s="613"/>
      <c r="CG651" s="613"/>
      <c r="CH651" s="613"/>
      <c r="CI651" s="613"/>
      <c r="CJ651" s="613"/>
      <c r="CK651" s="613"/>
      <c r="CL651" s="613"/>
      <c r="CM651" s="613"/>
      <c r="CN651" s="613"/>
      <c r="CO651" s="613"/>
      <c r="CP651" s="613"/>
      <c r="CQ651" s="613"/>
      <c r="CR651" s="613"/>
      <c r="CS651" s="613"/>
      <c r="CT651" s="613"/>
      <c r="CU651" s="613"/>
      <c r="CV651" s="613"/>
      <c r="CW651" s="613"/>
      <c r="CX651" s="613"/>
      <c r="CY651" s="613"/>
      <c r="CZ651" s="613"/>
      <c r="DA651" s="613"/>
      <c r="DB651" s="613"/>
      <c r="DC651" s="613"/>
      <c r="DD651" s="613"/>
      <c r="DE651" s="613"/>
      <c r="DF651" s="613"/>
      <c r="DG651" s="613"/>
      <c r="DH651" s="613"/>
      <c r="DI651" s="613"/>
      <c r="DJ651" s="613"/>
      <c r="DK651" s="613"/>
      <c r="DL651" s="613"/>
      <c r="DM651" s="613"/>
      <c r="DN651" s="613"/>
      <c r="DO651" s="613"/>
      <c r="DP651" s="613"/>
      <c r="DQ651" s="613"/>
      <c r="DR651" s="613"/>
      <c r="DS651" s="613"/>
      <c r="DT651" s="613"/>
      <c r="DU651" s="613"/>
      <c r="DV651" s="613"/>
      <c r="DW651" s="613"/>
      <c r="DX651" s="613"/>
      <c r="DY651" s="613"/>
      <c r="DZ651" s="613"/>
      <c r="EA651" s="613"/>
      <c r="EB651" s="613"/>
      <c r="EC651" s="613"/>
      <c r="ED651" s="613"/>
      <c r="EE651" s="613"/>
      <c r="EF651" s="613"/>
      <c r="EG651" s="613"/>
      <c r="EH651" s="613"/>
      <c r="EI651" s="613"/>
      <c r="EJ651" s="613"/>
      <c r="EK651" s="613"/>
      <c r="EL651" s="613"/>
      <c r="EM651" s="613"/>
      <c r="EN651" s="613"/>
      <c r="EO651" s="613"/>
      <c r="EP651" s="613"/>
      <c r="EQ651" s="613"/>
      <c r="ER651" s="613"/>
      <c r="ES651" s="613"/>
      <c r="ET651" s="613"/>
      <c r="EU651" s="613"/>
      <c r="EV651" s="613"/>
      <c r="EW651" s="613"/>
      <c r="EX651" s="613"/>
      <c r="EY651" s="613"/>
      <c r="EZ651" s="613"/>
      <c r="FA651" s="613"/>
      <c r="FB651" s="613"/>
      <c r="FC651" s="613"/>
      <c r="FD651" s="613"/>
      <c r="FE651" s="613"/>
      <c r="FF651" s="613"/>
      <c r="FG651" s="613"/>
      <c r="FH651" s="613"/>
      <c r="FI651" s="613"/>
      <c r="FJ651" s="613"/>
      <c r="FK651" s="613"/>
      <c r="FL651" s="613"/>
      <c r="FM651" s="613"/>
      <c r="FN651" s="613"/>
      <c r="FO651" s="613"/>
      <c r="FP651" s="613"/>
      <c r="FQ651" s="613"/>
      <c r="FR651" s="613"/>
      <c r="FS651" s="613"/>
      <c r="FT651" s="613"/>
      <c r="FU651" s="613"/>
      <c r="FV651" s="613"/>
      <c r="FW651" s="613"/>
      <c r="FX651" s="613"/>
      <c r="FY651" s="613"/>
      <c r="FZ651" s="613"/>
      <c r="GA651" s="613"/>
      <c r="GB651" s="613"/>
      <c r="GC651" s="613"/>
      <c r="GD651" s="613"/>
      <c r="GE651" s="613"/>
      <c r="GF651" s="613"/>
      <c r="GG651" s="613"/>
      <c r="GH651" s="613"/>
      <c r="GI651" s="613"/>
      <c r="GJ651" s="613"/>
      <c r="GK651" s="613"/>
      <c r="GL651" s="613"/>
      <c r="GM651" s="613"/>
      <c r="GN651" s="613"/>
      <c r="GO651" s="613"/>
      <c r="GP651" s="613"/>
      <c r="GQ651" s="613"/>
      <c r="GR651" s="613"/>
      <c r="GS651" s="613"/>
      <c r="GT651" s="613"/>
      <c r="GU651" s="613"/>
      <c r="GV651" s="613"/>
      <c r="GW651" s="613"/>
      <c r="GX651" s="613"/>
      <c r="GY651" s="613"/>
      <c r="GZ651" s="613"/>
      <c r="HA651" s="613"/>
      <c r="HB651" s="613"/>
      <c r="HC651" s="613"/>
      <c r="HD651" s="613"/>
      <c r="HE651" s="613"/>
      <c r="HF651" s="613"/>
      <c r="HG651" s="613"/>
      <c r="HH651" s="613"/>
      <c r="HI651" s="613"/>
      <c r="HJ651" s="613"/>
      <c r="HK651" s="613"/>
      <c r="HL651" s="613"/>
      <c r="HM651" s="613"/>
      <c r="HN651" s="613"/>
      <c r="HO651" s="613"/>
      <c r="HP651" s="613"/>
      <c r="HQ651" s="613"/>
      <c r="HR651" s="613"/>
      <c r="HS651" s="613"/>
      <c r="HT651" s="613"/>
      <c r="HU651" s="613"/>
      <c r="HV651" s="613"/>
      <c r="HW651" s="613"/>
      <c r="HX651" s="613"/>
      <c r="HY651" s="613"/>
      <c r="HZ651" s="613"/>
      <c r="IA651" s="613"/>
      <c r="IB651" s="613"/>
      <c r="IC651" s="613"/>
      <c r="ID651" s="613"/>
      <c r="IE651" s="613"/>
      <c r="IF651" s="613"/>
      <c r="IG651" s="613"/>
      <c r="IH651" s="613"/>
      <c r="II651" s="613"/>
      <c r="IJ651" s="613"/>
      <c r="IK651" s="613"/>
      <c r="IL651" s="613"/>
      <c r="IM651" s="613"/>
      <c r="IN651" s="613"/>
      <c r="IO651" s="613"/>
      <c r="IP651" s="613"/>
      <c r="IQ651" s="613"/>
      <c r="IR651" s="613"/>
      <c r="IS651" s="613"/>
      <c r="IT651" s="613"/>
      <c r="IU651" s="613"/>
      <c r="IV651" s="613"/>
      <c r="IW651" s="613"/>
      <c r="IX651" s="613"/>
      <c r="IY651" s="613"/>
      <c r="IZ651" s="613"/>
      <c r="JA651" s="613"/>
      <c r="JB651" s="613"/>
      <c r="JC651" s="613"/>
      <c r="JD651" s="613"/>
      <c r="JE651" s="613"/>
      <c r="JF651" s="613"/>
      <c r="JG651" s="613"/>
      <c r="JH651" s="613"/>
      <c r="JI651" s="613"/>
      <c r="JJ651" s="613"/>
      <c r="JK651" s="613"/>
      <c r="JL651" s="613"/>
      <c r="JM651" s="613"/>
      <c r="JN651" s="613"/>
      <c r="JO651" s="613"/>
      <c r="JP651" s="613"/>
      <c r="JQ651" s="613"/>
      <c r="JR651" s="613"/>
      <c r="JS651" s="613"/>
      <c r="JT651" s="613"/>
      <c r="JU651" s="613"/>
      <c r="JV651" s="613"/>
      <c r="JW651" s="613"/>
      <c r="JX651" s="613"/>
      <c r="JY651" s="613"/>
      <c r="JZ651" s="613"/>
      <c r="KA651" s="613"/>
      <c r="KB651" s="613"/>
      <c r="KC651" s="613"/>
      <c r="KD651" s="613"/>
      <c r="KE651" s="613"/>
      <c r="KF651" s="613"/>
      <c r="KG651" s="613"/>
      <c r="KH651" s="613"/>
      <c r="KI651" s="613"/>
      <c r="KJ651" s="613"/>
      <c r="KK651" s="613"/>
      <c r="KL651" s="613"/>
      <c r="KM651" s="613"/>
      <c r="KN651" s="613"/>
      <c r="KO651" s="613"/>
      <c r="KP651" s="613"/>
      <c r="KQ651" s="613"/>
      <c r="KR651" s="613"/>
      <c r="KS651" s="613"/>
      <c r="KT651" s="613"/>
      <c r="KU651" s="613"/>
      <c r="KV651" s="613"/>
      <c r="KW651" s="613"/>
      <c r="KX651" s="613"/>
      <c r="KY651" s="613"/>
      <c r="KZ651" s="613"/>
      <c r="LA651" s="613"/>
      <c r="LB651" s="613"/>
      <c r="LC651" s="613"/>
      <c r="LD651" s="613"/>
      <c r="LE651" s="613"/>
      <c r="LF651" s="613"/>
      <c r="LG651" s="613"/>
      <c r="LH651" s="613"/>
      <c r="LI651" s="613"/>
      <c r="LJ651" s="613"/>
      <c r="LK651" s="613"/>
      <c r="LL651" s="613"/>
      <c r="LM651" s="613"/>
      <c r="LN651" s="613"/>
      <c r="LO651" s="613"/>
      <c r="LP651" s="613"/>
      <c r="LQ651" s="613"/>
      <c r="LR651" s="613"/>
      <c r="LS651" s="613"/>
      <c r="LT651" s="613"/>
      <c r="LU651" s="613"/>
      <c r="LV651" s="613"/>
      <c r="LW651" s="613"/>
      <c r="LX651" s="613"/>
      <c r="LY651" s="613"/>
      <c r="LZ651" s="613"/>
      <c r="MA651" s="613"/>
      <c r="MB651" s="613"/>
      <c r="MC651" s="613"/>
      <c r="MD651" s="613"/>
      <c r="ME651" s="613"/>
      <c r="MF651" s="613"/>
      <c r="MG651" s="613"/>
      <c r="MH651" s="613"/>
      <c r="MI651" s="613"/>
      <c r="MJ651" s="613"/>
      <c r="MK651" s="613"/>
      <c r="ML651" s="613"/>
      <c r="MM651" s="613"/>
      <c r="MN651" s="613"/>
      <c r="MO651" s="613"/>
      <c r="MP651" s="613"/>
      <c r="MQ651" s="613"/>
      <c r="MR651" s="613"/>
      <c r="MS651" s="613"/>
      <c r="MT651" s="613"/>
      <c r="MU651" s="613"/>
      <c r="MV651" s="613"/>
      <c r="MW651" s="613"/>
      <c r="MX651" s="613"/>
      <c r="MY651" s="613"/>
      <c r="MZ651" s="613"/>
      <c r="NA651" s="613"/>
      <c r="NB651" s="613"/>
      <c r="NC651" s="613"/>
      <c r="ND651" s="613"/>
      <c r="NE651" s="613"/>
      <c r="NF651" s="613"/>
      <c r="NG651" s="613"/>
      <c r="NH651" s="613"/>
      <c r="NI651" s="613"/>
      <c r="NJ651" s="613"/>
      <c r="NK651" s="613"/>
      <c r="NL651" s="613"/>
      <c r="NM651" s="613"/>
      <c r="NN651" s="613"/>
      <c r="NO651" s="613"/>
      <c r="NP651" s="613"/>
      <c r="NQ651" s="613"/>
      <c r="NR651" s="613"/>
      <c r="NS651" s="613"/>
      <c r="NT651" s="613"/>
      <c r="NU651" s="613"/>
      <c r="NV651" s="613"/>
      <c r="NW651" s="613"/>
      <c r="NX651" s="613"/>
      <c r="NY651" s="613"/>
      <c r="NZ651" s="613"/>
      <c r="OA651" s="613"/>
      <c r="OB651" s="613"/>
      <c r="OC651" s="613"/>
      <c r="OD651" s="613"/>
      <c r="OE651" s="613"/>
      <c r="OF651" s="613"/>
      <c r="OG651" s="613"/>
      <c r="OH651" s="613"/>
      <c r="OI651" s="613"/>
      <c r="OJ651" s="613"/>
      <c r="OK651" s="613"/>
      <c r="OL651" s="613"/>
      <c r="OM651" s="613"/>
      <c r="ON651" s="613"/>
      <c r="OO651" s="613"/>
      <c r="OP651" s="613"/>
      <c r="OQ651" s="613"/>
      <c r="OR651" s="613"/>
      <c r="OS651" s="613"/>
      <c r="OT651" s="613"/>
      <c r="OU651" s="613"/>
      <c r="OV651" s="613"/>
      <c r="OW651" s="613"/>
      <c r="OX651" s="613"/>
      <c r="OY651" s="613"/>
      <c r="OZ651" s="613"/>
      <c r="PA651" s="613"/>
      <c r="PB651" s="613"/>
      <c r="PC651" s="613"/>
      <c r="PD651" s="613"/>
      <c r="PE651" s="613"/>
      <c r="PF651" s="613"/>
      <c r="PG651" s="613"/>
      <c r="PH651" s="613"/>
      <c r="PI651" s="613"/>
      <c r="PJ651" s="613"/>
      <c r="PK651" s="613"/>
      <c r="PL651" s="613"/>
      <c r="PM651" s="613"/>
      <c r="PN651" s="613"/>
      <c r="PO651" s="613"/>
      <c r="PP651" s="613"/>
      <c r="PQ651" s="613"/>
      <c r="PR651" s="613"/>
      <c r="PS651" s="613"/>
      <c r="PT651" s="613"/>
      <c r="PU651" s="613"/>
      <c r="PV651" s="613"/>
      <c r="PW651" s="613"/>
      <c r="PX651" s="613"/>
      <c r="PY651" s="613"/>
      <c r="PZ651" s="613"/>
      <c r="QA651" s="613"/>
      <c r="QB651" s="613"/>
      <c r="QC651" s="613"/>
      <c r="QD651" s="613"/>
      <c r="QE651" s="613"/>
      <c r="QF651" s="613"/>
      <c r="QG651" s="613"/>
      <c r="QH651" s="613"/>
      <c r="QI651" s="613"/>
      <c r="QJ651" s="613"/>
      <c r="QK651" s="613"/>
      <c r="QL651" s="613"/>
      <c r="QM651" s="613"/>
      <c r="QN651" s="613"/>
      <c r="QO651" s="613"/>
      <c r="QP651" s="613"/>
      <c r="QQ651" s="613"/>
      <c r="QR651" s="613"/>
      <c r="QS651" s="613"/>
      <c r="QT651" s="613"/>
      <c r="QU651" s="613"/>
      <c r="QV651" s="613"/>
      <c r="QW651" s="613"/>
      <c r="QX651" s="613"/>
      <c r="QY651" s="613"/>
      <c r="QZ651" s="613"/>
      <c r="RA651" s="613"/>
      <c r="RB651" s="613"/>
      <c r="RC651" s="613"/>
      <c r="RD651" s="613"/>
      <c r="RE651" s="613"/>
      <c r="RF651" s="613"/>
      <c r="RG651" s="613"/>
      <c r="RH651" s="613"/>
      <c r="RI651" s="613"/>
      <c r="RJ651" s="613"/>
      <c r="RK651" s="613"/>
      <c r="RL651" s="613"/>
      <c r="RM651" s="613"/>
      <c r="RN651" s="613"/>
      <c r="RO651" s="613"/>
      <c r="RP651" s="613"/>
      <c r="RQ651" s="613"/>
      <c r="RR651" s="613"/>
      <c r="RS651" s="613"/>
      <c r="RT651" s="613"/>
      <c r="RU651" s="613"/>
      <c r="RV651" s="613"/>
      <c r="RW651" s="613"/>
      <c r="RX651" s="613"/>
      <c r="RY651" s="613"/>
      <c r="RZ651" s="613"/>
      <c r="SA651" s="613"/>
      <c r="SB651" s="613"/>
      <c r="SC651" s="613"/>
      <c r="SD651" s="613"/>
      <c r="SE651" s="613"/>
      <c r="SF651" s="613"/>
      <c r="SG651" s="613"/>
      <c r="SH651" s="613"/>
      <c r="SI651" s="613"/>
      <c r="SJ651" s="613"/>
      <c r="SK651" s="613"/>
      <c r="SL651" s="613"/>
      <c r="SM651" s="613"/>
      <c r="SN651" s="613"/>
      <c r="SO651" s="613"/>
      <c r="SP651" s="613"/>
      <c r="SQ651" s="613"/>
      <c r="SR651" s="613"/>
      <c r="SS651" s="613"/>
      <c r="ST651" s="613"/>
      <c r="SU651" s="613"/>
      <c r="SV651" s="613"/>
      <c r="SW651" s="613"/>
      <c r="SX651" s="613"/>
      <c r="SY651" s="613"/>
      <c r="SZ651" s="613"/>
      <c r="TA651" s="613"/>
      <c r="TB651" s="613"/>
      <c r="TC651" s="613"/>
      <c r="TD651" s="613"/>
      <c r="TE651" s="613"/>
      <c r="TF651" s="613"/>
      <c r="TG651" s="613"/>
      <c r="TH651" s="613"/>
      <c r="TI651" s="613"/>
      <c r="TJ651" s="613"/>
      <c r="TK651" s="613"/>
      <c r="TL651" s="613"/>
      <c r="TM651" s="613"/>
      <c r="TN651" s="613"/>
      <c r="TO651" s="613"/>
      <c r="TP651" s="613"/>
      <c r="TQ651" s="613"/>
      <c r="TR651" s="613"/>
      <c r="TS651" s="613"/>
      <c r="TT651" s="613"/>
      <c r="TU651" s="613"/>
      <c r="TV651" s="613"/>
      <c r="TW651" s="613"/>
      <c r="TX651" s="613"/>
      <c r="TY651" s="613"/>
      <c r="TZ651" s="613"/>
      <c r="UA651" s="613"/>
      <c r="UB651" s="613"/>
      <c r="UC651" s="613"/>
      <c r="UD651" s="613"/>
      <c r="UE651" s="613"/>
      <c r="UF651" s="613"/>
      <c r="UG651" s="613"/>
      <c r="UH651" s="613"/>
      <c r="UI651" s="613"/>
      <c r="UJ651" s="613"/>
      <c r="UK651" s="613"/>
      <c r="UL651" s="613"/>
      <c r="UM651" s="613"/>
      <c r="UN651" s="613"/>
      <c r="UO651" s="613"/>
      <c r="UP651" s="613"/>
      <c r="UQ651" s="613"/>
      <c r="UR651" s="613"/>
      <c r="US651" s="613"/>
      <c r="UT651" s="613"/>
      <c r="UU651" s="613"/>
      <c r="UV651" s="613"/>
      <c r="UW651" s="613"/>
      <c r="UX651" s="613"/>
      <c r="UY651" s="613"/>
      <c r="UZ651" s="613"/>
      <c r="VA651" s="613"/>
      <c r="VB651" s="613"/>
      <c r="VC651" s="613"/>
      <c r="VD651" s="613"/>
      <c r="VE651" s="613"/>
      <c r="VF651" s="613"/>
      <c r="VG651" s="613"/>
      <c r="VH651" s="613"/>
      <c r="VI651" s="613"/>
      <c r="VJ651" s="613"/>
      <c r="VK651" s="613"/>
      <c r="VL651" s="613"/>
      <c r="VM651" s="613"/>
      <c r="VN651" s="613"/>
      <c r="VO651" s="613"/>
      <c r="VP651" s="613"/>
      <c r="VQ651" s="613"/>
      <c r="VR651" s="613"/>
      <c r="VS651" s="613"/>
      <c r="VT651" s="613"/>
      <c r="VU651" s="613"/>
      <c r="VV651" s="613"/>
      <c r="VW651" s="613"/>
      <c r="VX651" s="613"/>
      <c r="VY651" s="613"/>
      <c r="VZ651" s="613"/>
      <c r="WA651" s="613"/>
      <c r="WB651" s="613"/>
      <c r="WC651" s="613"/>
      <c r="WD651" s="613"/>
      <c r="WE651" s="613"/>
      <c r="WF651" s="613"/>
      <c r="WG651" s="613"/>
      <c r="WH651" s="613"/>
      <c r="WI651" s="613"/>
      <c r="WJ651" s="613"/>
      <c r="WK651" s="613"/>
      <c r="WL651" s="613"/>
      <c r="WM651" s="613"/>
      <c r="WN651" s="613"/>
      <c r="WO651" s="613"/>
      <c r="WP651" s="613"/>
      <c r="WQ651" s="613"/>
      <c r="WR651" s="613"/>
      <c r="WS651" s="613"/>
      <c r="WT651" s="613"/>
      <c r="WU651" s="613"/>
      <c r="WV651" s="613"/>
      <c r="WW651" s="613"/>
      <c r="WX651" s="613"/>
      <c r="WY651" s="613"/>
      <c r="WZ651" s="613"/>
      <c r="XA651" s="613"/>
      <c r="XB651" s="613"/>
      <c r="XC651" s="613"/>
      <c r="XD651" s="613"/>
      <c r="XE651" s="613"/>
      <c r="XF651" s="613"/>
      <c r="XG651" s="613"/>
      <c r="XH651" s="613"/>
      <c r="XI651" s="613"/>
      <c r="XJ651" s="613"/>
      <c r="XK651" s="613"/>
      <c r="XL651" s="613"/>
      <c r="XM651" s="613"/>
      <c r="XN651" s="613"/>
      <c r="XO651" s="613"/>
      <c r="XP651" s="613"/>
      <c r="XQ651" s="613"/>
      <c r="XR651" s="613"/>
      <c r="XS651" s="613"/>
      <c r="XT651" s="613"/>
      <c r="XU651" s="613"/>
      <c r="XV651" s="613"/>
      <c r="XW651" s="613"/>
      <c r="XX651" s="613"/>
      <c r="XY651" s="613"/>
      <c r="XZ651" s="613"/>
      <c r="YA651" s="613"/>
      <c r="YB651" s="613"/>
      <c r="YC651" s="613"/>
      <c r="YD651" s="613"/>
      <c r="YE651" s="613"/>
      <c r="YF651" s="613"/>
      <c r="YG651" s="613"/>
      <c r="YH651" s="613"/>
      <c r="YI651" s="613"/>
      <c r="YJ651" s="613"/>
      <c r="YK651" s="613"/>
      <c r="YL651" s="613"/>
      <c r="YM651" s="613"/>
      <c r="YN651" s="613"/>
      <c r="YO651" s="613"/>
      <c r="YP651" s="613"/>
      <c r="YQ651" s="613"/>
      <c r="YR651" s="613"/>
      <c r="YS651" s="613"/>
      <c r="YT651" s="613"/>
      <c r="YU651" s="613"/>
      <c r="YV651" s="613"/>
      <c r="YW651" s="613"/>
      <c r="YX651" s="613"/>
      <c r="YY651" s="613"/>
      <c r="YZ651" s="613"/>
      <c r="ZA651" s="613"/>
      <c r="ZB651" s="613"/>
      <c r="ZC651" s="613"/>
      <c r="ZD651" s="613"/>
      <c r="ZE651" s="613"/>
      <c r="ZF651" s="613"/>
      <c r="ZG651" s="613"/>
      <c r="ZH651" s="613"/>
      <c r="ZI651" s="613"/>
      <c r="ZJ651" s="613"/>
      <c r="ZK651" s="613"/>
      <c r="ZL651" s="613"/>
      <c r="ZM651" s="613"/>
      <c r="ZN651" s="613"/>
      <c r="ZO651" s="613"/>
      <c r="ZP651" s="613"/>
      <c r="ZQ651" s="613"/>
      <c r="ZR651" s="613"/>
      <c r="ZS651" s="613"/>
      <c r="ZT651" s="613"/>
      <c r="ZU651" s="613"/>
      <c r="ZV651" s="613"/>
      <c r="ZW651" s="613"/>
      <c r="ZX651" s="613"/>
      <c r="ZY651" s="613"/>
      <c r="ZZ651" s="613"/>
      <c r="AAA651" s="613"/>
      <c r="AAB651" s="613"/>
      <c r="AAC651" s="613"/>
      <c r="AAD651" s="613"/>
      <c r="AAE651" s="613"/>
      <c r="AAF651" s="613"/>
      <c r="AAG651" s="613"/>
      <c r="AAH651" s="613"/>
      <c r="AAI651" s="613"/>
      <c r="AAJ651" s="613"/>
      <c r="AAK651" s="613"/>
      <c r="AAL651" s="613"/>
      <c r="AAM651" s="613"/>
      <c r="AAN651" s="613"/>
      <c r="AAO651" s="613"/>
      <c r="AAP651" s="613"/>
      <c r="AAQ651" s="613"/>
      <c r="AAR651" s="613"/>
      <c r="AAS651" s="613"/>
      <c r="AAT651" s="613"/>
      <c r="AAU651" s="613"/>
      <c r="AAV651" s="613"/>
      <c r="AAW651" s="613"/>
      <c r="AAX651" s="613"/>
      <c r="AAY651" s="613"/>
      <c r="AAZ651" s="613"/>
      <c r="ABA651" s="613"/>
      <c r="ABB651" s="613"/>
      <c r="ABC651" s="613"/>
      <c r="ABD651" s="613"/>
      <c r="ABE651" s="613"/>
      <c r="ABF651" s="613"/>
      <c r="ABG651" s="613"/>
      <c r="ABH651" s="613"/>
      <c r="ABI651" s="613"/>
      <c r="ABJ651" s="613"/>
      <c r="ABK651" s="613"/>
      <c r="ABL651" s="613"/>
      <c r="ABM651" s="613"/>
      <c r="ABN651" s="613"/>
      <c r="ABO651" s="613"/>
      <c r="ABP651" s="613"/>
      <c r="ABQ651" s="613"/>
      <c r="ABR651" s="613"/>
      <c r="ABS651" s="613"/>
      <c r="ABT651" s="613"/>
      <c r="ABU651" s="613"/>
      <c r="ABV651" s="613"/>
      <c r="ABW651" s="613"/>
      <c r="ABX651" s="613"/>
      <c r="ABY651" s="613"/>
      <c r="ABZ651" s="613"/>
      <c r="ACA651" s="613"/>
      <c r="ACB651" s="613"/>
      <c r="ACC651" s="613"/>
      <c r="ACD651" s="613"/>
      <c r="ACE651" s="613"/>
      <c r="ACF651" s="613"/>
      <c r="ACG651" s="613"/>
      <c r="ACH651" s="613"/>
      <c r="ACI651" s="613"/>
      <c r="ACJ651" s="613"/>
      <c r="ACK651" s="613"/>
      <c r="ACL651" s="613"/>
      <c r="ACM651" s="613"/>
      <c r="ACN651" s="613"/>
      <c r="ACO651" s="613"/>
      <c r="ACP651" s="613"/>
      <c r="ACQ651" s="613"/>
      <c r="ACR651" s="613"/>
      <c r="ACS651" s="613"/>
      <c r="ACT651" s="613"/>
      <c r="ACU651" s="613"/>
      <c r="ACV651" s="613"/>
      <c r="ACW651" s="613"/>
      <c r="ACX651" s="613"/>
      <c r="ACY651" s="613"/>
      <c r="ACZ651" s="613"/>
      <c r="ADA651" s="613"/>
      <c r="ADB651" s="613"/>
      <c r="ADC651" s="613"/>
      <c r="ADD651" s="613"/>
      <c r="ADE651" s="613"/>
      <c r="ADF651" s="613"/>
      <c r="ADG651" s="613"/>
      <c r="ADH651" s="613"/>
      <c r="ADI651" s="613"/>
      <c r="ADJ651" s="613"/>
      <c r="ADK651" s="613"/>
      <c r="ADL651" s="613"/>
      <c r="ADM651" s="613"/>
      <c r="ADN651" s="613"/>
      <c r="ADO651" s="613"/>
      <c r="ADP651" s="613"/>
      <c r="ADQ651" s="613"/>
      <c r="ADR651" s="613"/>
      <c r="ADS651" s="613"/>
      <c r="ADT651" s="613"/>
      <c r="ADU651" s="613"/>
      <c r="ADV651" s="613"/>
      <c r="ADW651" s="613"/>
      <c r="ADX651" s="613"/>
      <c r="ADY651" s="613"/>
      <c r="ADZ651" s="613"/>
      <c r="AEA651" s="613"/>
      <c r="AEB651" s="613"/>
      <c r="AEC651" s="613"/>
      <c r="AED651" s="613"/>
      <c r="AEE651" s="613"/>
      <c r="AEF651" s="613"/>
      <c r="AEG651" s="613"/>
      <c r="AEH651" s="613"/>
      <c r="AEI651" s="613"/>
      <c r="AEJ651" s="613"/>
      <c r="AEK651" s="613"/>
      <c r="AEL651" s="613"/>
      <c r="AEM651" s="613"/>
      <c r="AEN651" s="613"/>
      <c r="AEO651" s="613"/>
      <c r="AEP651" s="613"/>
      <c r="AEQ651" s="613"/>
      <c r="AER651" s="613"/>
      <c r="AES651" s="613"/>
      <c r="AET651" s="613"/>
      <c r="AEU651" s="613"/>
      <c r="AEV651" s="613"/>
      <c r="AEW651" s="613"/>
      <c r="AEX651" s="613"/>
      <c r="AEY651" s="613"/>
      <c r="AEZ651" s="613"/>
      <c r="AFA651" s="613"/>
      <c r="AFB651" s="613"/>
      <c r="AFC651" s="613"/>
      <c r="AFD651" s="613"/>
      <c r="AFE651" s="613"/>
      <c r="AFF651" s="613"/>
      <c r="AFG651" s="613"/>
      <c r="AFH651" s="613"/>
      <c r="AFI651" s="613"/>
      <c r="AFJ651" s="613"/>
      <c r="AFK651" s="613"/>
      <c r="AFL651" s="613"/>
      <c r="AFM651" s="613"/>
      <c r="AFN651" s="613"/>
      <c r="AFO651" s="613"/>
      <c r="AFP651" s="613"/>
      <c r="AFQ651" s="613"/>
      <c r="AFR651" s="613"/>
      <c r="AFS651" s="613"/>
      <c r="AFT651" s="613"/>
      <c r="AFU651" s="613"/>
      <c r="AFV651" s="613"/>
      <c r="AFW651" s="613"/>
      <c r="AFX651" s="613"/>
      <c r="AFY651" s="613"/>
      <c r="AFZ651" s="613"/>
      <c r="AGA651" s="613"/>
      <c r="AGB651" s="613"/>
      <c r="AGC651" s="613"/>
      <c r="AGD651" s="613"/>
      <c r="AGE651" s="613"/>
      <c r="AGF651" s="613"/>
      <c r="AGG651" s="613"/>
      <c r="AGH651" s="613"/>
      <c r="AGI651" s="613"/>
      <c r="AGJ651" s="613"/>
      <c r="AGK651" s="613"/>
      <c r="AGL651" s="613"/>
      <c r="AGM651" s="613"/>
      <c r="AGN651" s="613"/>
      <c r="AGO651" s="613"/>
      <c r="AGP651" s="613"/>
      <c r="AGQ651" s="613"/>
      <c r="AGR651" s="613"/>
      <c r="AGS651" s="613"/>
      <c r="AGT651" s="613"/>
      <c r="AGU651" s="613"/>
      <c r="AGV651" s="613"/>
      <c r="AGW651" s="613"/>
      <c r="AGX651" s="613"/>
      <c r="AGY651" s="613"/>
      <c r="AGZ651" s="613"/>
      <c r="AHA651" s="613"/>
      <c r="AHB651" s="613"/>
      <c r="AHC651" s="613"/>
      <c r="AHD651" s="613"/>
      <c r="AHE651" s="613"/>
      <c r="AHF651" s="613"/>
      <c r="AHG651" s="613"/>
      <c r="AHH651" s="613"/>
      <c r="AHI651" s="613"/>
      <c r="AHJ651" s="613"/>
      <c r="AHK651" s="613"/>
      <c r="AHL651" s="613"/>
      <c r="AHM651" s="613"/>
      <c r="AHN651" s="613"/>
      <c r="AHO651" s="613"/>
      <c r="AHP651" s="613"/>
      <c r="AHQ651" s="613"/>
      <c r="AHR651" s="613"/>
      <c r="AHS651" s="613"/>
      <c r="AHT651" s="613"/>
      <c r="AHU651" s="613"/>
      <c r="AHV651" s="613"/>
      <c r="AHW651" s="613"/>
      <c r="AHX651" s="613"/>
      <c r="AHY651" s="613"/>
      <c r="AHZ651" s="613"/>
      <c r="AIA651" s="613"/>
      <c r="AIB651" s="613"/>
      <c r="AIC651" s="613"/>
      <c r="AID651" s="613"/>
      <c r="AIE651" s="613"/>
      <c r="AIF651" s="613"/>
      <c r="AIG651" s="613"/>
      <c r="AIH651" s="613"/>
      <c r="AII651" s="613"/>
      <c r="AIJ651" s="613"/>
      <c r="AIK651" s="613"/>
      <c r="AIL651" s="613"/>
      <c r="AIM651" s="613"/>
      <c r="AIN651" s="613"/>
      <c r="AIO651" s="613"/>
      <c r="AIP651" s="613"/>
      <c r="AIQ651" s="613"/>
      <c r="AIR651" s="613"/>
      <c r="AIS651" s="613"/>
      <c r="AIT651" s="613"/>
      <c r="AIU651" s="613"/>
      <c r="AIV651" s="613"/>
      <c r="AIW651" s="613"/>
      <c r="AIX651" s="613"/>
      <c r="AIY651" s="613"/>
      <c r="AIZ651" s="613"/>
      <c r="AJA651" s="613"/>
      <c r="AJB651" s="613"/>
      <c r="AJC651" s="613"/>
      <c r="AJD651" s="613"/>
      <c r="AJE651" s="613"/>
      <c r="AJF651" s="613"/>
      <c r="AJG651" s="613"/>
      <c r="AJH651" s="613"/>
      <c r="AJI651" s="613"/>
      <c r="AJJ651" s="613"/>
      <c r="AJK651" s="613"/>
      <c r="AJL651" s="613"/>
      <c r="AJM651" s="613"/>
      <c r="AJN651" s="613"/>
      <c r="AJO651" s="613"/>
      <c r="AJP651" s="613"/>
      <c r="AJQ651" s="613"/>
      <c r="AJR651" s="613"/>
      <c r="AJS651" s="613"/>
      <c r="AJT651" s="613"/>
      <c r="AJU651" s="613"/>
      <c r="AJV651" s="613"/>
      <c r="AJW651" s="613"/>
      <c r="AJX651" s="613"/>
      <c r="AJY651" s="613"/>
      <c r="AJZ651" s="613"/>
      <c r="AKA651" s="613"/>
      <c r="AKB651" s="613"/>
      <c r="AKC651" s="613"/>
      <c r="AKD651" s="613"/>
      <c r="AKE651" s="613"/>
      <c r="AKF651" s="613"/>
      <c r="AKG651" s="613"/>
      <c r="AKH651" s="613"/>
      <c r="AKI651" s="613"/>
      <c r="AKJ651" s="613"/>
      <c r="AKK651" s="613"/>
      <c r="AKL651" s="613"/>
      <c r="AKM651" s="613"/>
      <c r="AKN651" s="613"/>
      <c r="AKO651" s="613"/>
      <c r="AKP651" s="613"/>
      <c r="AKQ651" s="613"/>
      <c r="AKR651" s="613"/>
      <c r="AKS651" s="613"/>
      <c r="AKT651" s="613"/>
      <c r="AKU651" s="613"/>
      <c r="AKV651" s="613"/>
      <c r="AKW651" s="613"/>
      <c r="AKX651" s="613"/>
      <c r="AKY651" s="613"/>
      <c r="AKZ651" s="613"/>
      <c r="ALA651" s="613"/>
      <c r="ALB651" s="613"/>
      <c r="ALC651" s="613"/>
      <c r="ALD651" s="613"/>
      <c r="ALE651" s="613"/>
      <c r="ALF651" s="613"/>
      <c r="ALG651" s="613"/>
      <c r="ALH651" s="613"/>
      <c r="ALI651" s="613"/>
      <c r="ALJ651" s="613"/>
      <c r="ALK651" s="613"/>
      <c r="ALL651" s="613"/>
      <c r="ALM651" s="613"/>
      <c r="ALN651" s="613"/>
      <c r="ALO651" s="613"/>
      <c r="ALP651" s="613"/>
      <c r="ALQ651" s="613"/>
      <c r="ALR651" s="613"/>
      <c r="ALS651" s="613"/>
      <c r="ALT651" s="613"/>
      <c r="ALU651" s="613"/>
      <c r="ALV651" s="613"/>
      <c r="ALW651" s="613"/>
      <c r="ALX651" s="613"/>
      <c r="ALY651" s="613"/>
      <c r="ALZ651" s="613"/>
      <c r="AMA651" s="613"/>
      <c r="AMB651" s="613"/>
      <c r="AMC651" s="613"/>
      <c r="AMD651" s="613"/>
      <c r="AME651" s="613"/>
      <c r="AMF651" s="613"/>
      <c r="AMG651" s="613"/>
      <c r="AMH651" s="613"/>
      <c r="AMI651" s="613"/>
      <c r="AMJ651" s="613"/>
      <c r="AMK651" s="613"/>
      <c r="AML651" s="613"/>
      <c r="AMM651" s="613"/>
      <c r="AMN651" s="613"/>
      <c r="AMO651" s="613"/>
      <c r="AMP651" s="613"/>
      <c r="AMQ651" s="613"/>
      <c r="AMR651" s="613"/>
      <c r="AMS651" s="613"/>
      <c r="AMT651" s="613"/>
      <c r="AMU651" s="613"/>
      <c r="AMV651" s="613"/>
      <c r="AMW651" s="613"/>
      <c r="AMX651" s="613"/>
      <c r="AMY651" s="613"/>
      <c r="AMZ651" s="613"/>
      <c r="ANA651" s="613"/>
      <c r="ANB651" s="613"/>
      <c r="ANC651" s="613"/>
      <c r="AND651" s="613"/>
      <c r="ANE651" s="613"/>
      <c r="ANF651" s="613"/>
      <c r="ANG651" s="613"/>
      <c r="ANH651" s="613"/>
      <c r="ANI651" s="613"/>
      <c r="ANJ651" s="613"/>
      <c r="ANK651" s="613"/>
      <c r="ANL651" s="613"/>
      <c r="ANM651" s="613"/>
      <c r="ANN651" s="613"/>
      <c r="ANO651" s="613"/>
      <c r="ANP651" s="613"/>
      <c r="ANQ651" s="613"/>
      <c r="ANR651" s="613"/>
      <c r="ANS651" s="613"/>
      <c r="ANT651" s="613"/>
      <c r="ANU651" s="613"/>
      <c r="ANV651" s="613"/>
      <c r="ANW651" s="613"/>
      <c r="ANX651" s="613"/>
      <c r="ANY651" s="613"/>
      <c r="ANZ651" s="613"/>
      <c r="AOA651" s="613"/>
      <c r="AOB651" s="613"/>
      <c r="AOC651" s="613"/>
      <c r="AOD651" s="613"/>
      <c r="AOE651" s="613"/>
      <c r="AOF651" s="613"/>
      <c r="AOG651" s="613"/>
      <c r="AOH651" s="613"/>
      <c r="AOI651" s="613"/>
      <c r="AOJ651" s="613"/>
      <c r="AOK651" s="613"/>
      <c r="AOL651" s="613"/>
      <c r="AOM651" s="613"/>
      <c r="AON651" s="613"/>
      <c r="AOO651" s="613"/>
      <c r="AOP651" s="613"/>
      <c r="AOQ651" s="613"/>
      <c r="AOR651" s="613"/>
      <c r="AOS651" s="613"/>
      <c r="AOT651" s="613"/>
      <c r="AOU651" s="613"/>
      <c r="AOV651" s="613"/>
      <c r="AOW651" s="613"/>
      <c r="AOX651" s="613"/>
      <c r="AOY651" s="613"/>
      <c r="AOZ651" s="613"/>
      <c r="APA651" s="613"/>
      <c r="APB651" s="613"/>
      <c r="APC651" s="613"/>
      <c r="APD651" s="613"/>
      <c r="APE651" s="613"/>
      <c r="APF651" s="613"/>
      <c r="APG651" s="613"/>
      <c r="APH651" s="613"/>
      <c r="API651" s="613"/>
      <c r="APJ651" s="613"/>
      <c r="APK651" s="613"/>
      <c r="APL651" s="613"/>
      <c r="APM651" s="613"/>
      <c r="APN651" s="613"/>
      <c r="APO651" s="613"/>
      <c r="APP651" s="613"/>
      <c r="APQ651" s="613"/>
      <c r="APR651" s="613"/>
      <c r="APS651" s="613"/>
      <c r="APT651" s="613"/>
      <c r="APU651" s="613"/>
      <c r="APV651" s="613"/>
      <c r="APW651" s="613"/>
      <c r="APX651" s="613"/>
      <c r="APY651" s="613"/>
      <c r="APZ651" s="613"/>
      <c r="AQA651" s="613"/>
      <c r="AQB651" s="613"/>
      <c r="AQC651" s="613"/>
      <c r="AQD651" s="613"/>
      <c r="AQE651" s="613"/>
      <c r="AQF651" s="613"/>
      <c r="AQG651" s="613"/>
      <c r="AQH651" s="613"/>
      <c r="AQI651" s="613"/>
      <c r="AQJ651" s="613"/>
      <c r="AQK651" s="613"/>
      <c r="AQL651" s="613"/>
      <c r="AQM651" s="613"/>
      <c r="AQN651" s="613"/>
      <c r="AQO651" s="613"/>
      <c r="AQP651" s="613"/>
      <c r="AQQ651" s="613"/>
      <c r="AQR651" s="613"/>
      <c r="AQS651" s="613"/>
      <c r="AQT651" s="613"/>
      <c r="AQU651" s="613"/>
      <c r="AQV651" s="613"/>
      <c r="AQW651" s="613"/>
      <c r="AQX651" s="613"/>
      <c r="AQY651" s="613"/>
      <c r="AQZ651" s="613"/>
      <c r="ARA651" s="613"/>
      <c r="ARB651" s="613"/>
      <c r="ARC651" s="613"/>
      <c r="ARD651" s="613"/>
      <c r="ARE651" s="613"/>
      <c r="ARF651" s="613"/>
      <c r="ARG651" s="613"/>
      <c r="ARH651" s="613"/>
      <c r="ARI651" s="613"/>
      <c r="ARJ651" s="613"/>
      <c r="ARK651" s="613"/>
      <c r="ARL651" s="613"/>
      <c r="ARM651" s="613"/>
      <c r="ARN651" s="613"/>
      <c r="ARO651" s="613"/>
      <c r="ARP651" s="613"/>
      <c r="ARQ651" s="613"/>
      <c r="ARR651" s="613"/>
      <c r="ARS651" s="613"/>
      <c r="ART651" s="613"/>
      <c r="ARU651" s="613"/>
      <c r="ARV651" s="613"/>
      <c r="ARW651" s="613"/>
      <c r="ARX651" s="613"/>
      <c r="ARY651" s="613"/>
      <c r="ARZ651" s="613"/>
      <c r="ASA651" s="613"/>
      <c r="ASB651" s="613"/>
      <c r="ASC651" s="613"/>
      <c r="ASD651" s="613"/>
      <c r="ASE651" s="613"/>
      <c r="ASF651" s="613"/>
      <c r="ASG651" s="613"/>
      <c r="ASH651" s="613"/>
      <c r="ASI651" s="613"/>
      <c r="ASJ651" s="613"/>
      <c r="ASK651" s="613"/>
      <c r="ASL651" s="613"/>
      <c r="ASM651" s="613"/>
      <c r="ASN651" s="613"/>
      <c r="ASO651" s="613"/>
      <c r="ASP651" s="613"/>
      <c r="ASQ651" s="613"/>
      <c r="ASR651" s="613"/>
      <c r="ASS651" s="613"/>
      <c r="AST651" s="613"/>
      <c r="ASU651" s="613"/>
      <c r="ASV651" s="613"/>
      <c r="ASW651" s="613"/>
      <c r="ASX651" s="613"/>
      <c r="ASY651" s="613"/>
      <c r="ASZ651" s="613"/>
      <c r="ATA651" s="613"/>
      <c r="ATB651" s="613"/>
      <c r="ATC651" s="613"/>
      <c r="ATD651" s="613"/>
      <c r="ATE651" s="613"/>
      <c r="ATF651" s="613"/>
      <c r="ATG651" s="613"/>
      <c r="ATH651" s="613"/>
      <c r="ATI651" s="613"/>
      <c r="ATJ651" s="613"/>
      <c r="ATK651" s="613"/>
      <c r="ATL651" s="613"/>
      <c r="ATM651" s="613"/>
      <c r="ATN651" s="613"/>
      <c r="ATO651" s="613"/>
      <c r="ATP651" s="613"/>
      <c r="ATQ651" s="613"/>
      <c r="ATR651" s="613"/>
      <c r="ATS651" s="613"/>
      <c r="ATT651" s="613"/>
      <c r="ATU651" s="613"/>
      <c r="ATV651" s="613"/>
      <c r="ATW651" s="613"/>
      <c r="ATX651" s="613"/>
      <c r="ATY651" s="613"/>
      <c r="ATZ651" s="613"/>
      <c r="AUA651" s="613"/>
      <c r="AUB651" s="613"/>
      <c r="AUC651" s="613"/>
      <c r="AUD651" s="613"/>
      <c r="AUE651" s="613"/>
      <c r="AUF651" s="613"/>
      <c r="AUG651" s="613"/>
      <c r="AUH651" s="613"/>
      <c r="AUI651" s="613"/>
      <c r="AUJ651" s="613"/>
      <c r="AUK651" s="613"/>
      <c r="AUL651" s="613"/>
      <c r="AUM651" s="613"/>
      <c r="AUN651" s="613"/>
      <c r="AUO651" s="613"/>
      <c r="AUP651" s="613"/>
      <c r="AUQ651" s="613"/>
      <c r="AUR651" s="613"/>
      <c r="AUS651" s="613"/>
      <c r="AUT651" s="613"/>
      <c r="AUU651" s="613"/>
      <c r="AUV651" s="613"/>
      <c r="AUW651" s="613"/>
      <c r="AUX651" s="613"/>
      <c r="AUY651" s="613"/>
      <c r="AUZ651" s="613"/>
      <c r="AVA651" s="613"/>
      <c r="AVB651" s="613"/>
      <c r="AVC651" s="613"/>
      <c r="AVD651" s="613"/>
      <c r="AVE651" s="613"/>
      <c r="AVF651" s="613"/>
      <c r="AVG651" s="613"/>
      <c r="AVH651" s="613"/>
      <c r="AVI651" s="613"/>
      <c r="AVJ651" s="613"/>
      <c r="AVK651" s="613"/>
      <c r="AVL651" s="613"/>
      <c r="AVM651" s="613"/>
      <c r="AVN651" s="613"/>
      <c r="AVO651" s="613"/>
      <c r="AVP651" s="613"/>
      <c r="AVQ651" s="613"/>
      <c r="AVR651" s="613"/>
      <c r="AVS651" s="613"/>
      <c r="AVT651" s="613"/>
      <c r="AVU651" s="613"/>
      <c r="AVV651" s="613"/>
      <c r="AVW651" s="613"/>
      <c r="AVX651" s="613"/>
      <c r="AVY651" s="613"/>
      <c r="AVZ651" s="613"/>
      <c r="AWA651" s="613"/>
      <c r="AWB651" s="613"/>
      <c r="AWC651" s="613"/>
      <c r="AWD651" s="613"/>
      <c r="AWE651" s="613"/>
      <c r="AWF651" s="613"/>
      <c r="AWG651" s="613"/>
      <c r="AWH651" s="613"/>
      <c r="AWI651" s="613"/>
      <c r="AWJ651" s="613"/>
      <c r="AWK651" s="613"/>
      <c r="AWL651" s="613"/>
      <c r="AWM651" s="613"/>
      <c r="AWN651" s="613"/>
      <c r="AWO651" s="613"/>
      <c r="AWP651" s="613"/>
      <c r="AWQ651" s="613"/>
      <c r="AWR651" s="613"/>
      <c r="AWS651" s="613"/>
      <c r="AWT651" s="613"/>
      <c r="AWU651" s="613"/>
      <c r="AWV651" s="613"/>
      <c r="AWW651" s="613"/>
      <c r="AWX651" s="613"/>
      <c r="AWY651" s="613"/>
      <c r="AWZ651" s="613"/>
      <c r="AXA651" s="613"/>
      <c r="AXB651" s="613"/>
      <c r="AXC651" s="613"/>
      <c r="AXD651" s="613"/>
      <c r="AXE651" s="613"/>
      <c r="AXF651" s="613"/>
      <c r="AXG651" s="613"/>
      <c r="AXH651" s="613"/>
      <c r="AXI651" s="613"/>
      <c r="AXJ651" s="613"/>
      <c r="AXK651" s="613"/>
      <c r="AXL651" s="613"/>
      <c r="AXM651" s="613"/>
      <c r="AXN651" s="613"/>
      <c r="AXO651" s="613"/>
      <c r="AXP651" s="613"/>
      <c r="AXQ651" s="613"/>
      <c r="AXR651" s="613"/>
      <c r="AXS651" s="613"/>
      <c r="AXT651" s="613"/>
      <c r="AXU651" s="613"/>
      <c r="AXV651" s="613"/>
      <c r="AXW651" s="613"/>
      <c r="AXX651" s="613"/>
      <c r="AXY651" s="613"/>
      <c r="AXZ651" s="613"/>
      <c r="AYA651" s="613"/>
      <c r="AYB651" s="613"/>
      <c r="AYC651" s="613"/>
      <c r="AYD651" s="613"/>
      <c r="AYE651" s="613"/>
      <c r="AYF651" s="613"/>
      <c r="AYG651" s="613"/>
      <c r="AYH651" s="613"/>
      <c r="AYI651" s="613"/>
      <c r="AYJ651" s="613"/>
      <c r="AYK651" s="613"/>
      <c r="AYL651" s="613"/>
      <c r="AYM651" s="613"/>
      <c r="AYN651" s="613"/>
      <c r="AYO651" s="613"/>
      <c r="AYP651" s="613"/>
      <c r="AYQ651" s="613"/>
      <c r="AYR651" s="613"/>
      <c r="AYS651" s="613"/>
      <c r="AYT651" s="613"/>
      <c r="AYU651" s="613"/>
      <c r="AYV651" s="613"/>
      <c r="AYW651" s="613"/>
      <c r="AYX651" s="613"/>
      <c r="AYY651" s="613"/>
      <c r="AYZ651" s="613"/>
      <c r="AZA651" s="613"/>
      <c r="AZB651" s="613"/>
      <c r="AZC651" s="613"/>
      <c r="AZD651" s="613"/>
      <c r="AZE651" s="613"/>
      <c r="AZF651" s="613"/>
      <c r="AZG651" s="613"/>
      <c r="AZH651" s="613"/>
      <c r="AZI651" s="613"/>
      <c r="AZJ651" s="613"/>
      <c r="AZK651" s="613"/>
      <c r="AZL651" s="613"/>
      <c r="AZM651" s="613"/>
      <c r="AZN651" s="613"/>
      <c r="AZO651" s="613"/>
      <c r="AZP651" s="613"/>
      <c r="AZQ651" s="613"/>
      <c r="AZR651" s="613"/>
      <c r="AZS651" s="613"/>
      <c r="AZT651" s="613"/>
      <c r="AZU651" s="613"/>
      <c r="AZV651" s="613"/>
      <c r="AZW651" s="613"/>
      <c r="AZX651" s="613"/>
      <c r="AZY651" s="613"/>
      <c r="AZZ651" s="613"/>
      <c r="BAA651" s="613"/>
      <c r="BAB651" s="613"/>
      <c r="BAC651" s="613"/>
      <c r="BAD651" s="613"/>
      <c r="BAE651" s="613"/>
      <c r="BAF651" s="613"/>
      <c r="BAG651" s="613"/>
      <c r="BAH651" s="613"/>
      <c r="BAI651" s="613"/>
      <c r="BAJ651" s="613"/>
      <c r="BAK651" s="613"/>
      <c r="BAL651" s="613"/>
      <c r="BAM651" s="613"/>
      <c r="BAN651" s="613"/>
      <c r="BAO651" s="613"/>
      <c r="BAP651" s="613"/>
      <c r="BAQ651" s="613"/>
      <c r="BAR651" s="613"/>
      <c r="BAS651" s="613"/>
      <c r="BAT651" s="613"/>
      <c r="BAU651" s="613"/>
      <c r="BAV651" s="613"/>
      <c r="BAW651" s="613"/>
      <c r="BAX651" s="613"/>
      <c r="BAY651" s="613"/>
      <c r="BAZ651" s="613"/>
      <c r="BBA651" s="613"/>
      <c r="BBB651" s="613"/>
      <c r="BBC651" s="613"/>
      <c r="BBD651" s="613"/>
      <c r="BBE651" s="613"/>
      <c r="BBF651" s="613"/>
      <c r="BBG651" s="613"/>
      <c r="BBH651" s="613"/>
      <c r="BBI651" s="613"/>
      <c r="BBJ651" s="613"/>
      <c r="BBK651" s="613"/>
      <c r="BBL651" s="613"/>
      <c r="BBM651" s="613"/>
      <c r="BBN651" s="613"/>
      <c r="BBO651" s="613"/>
      <c r="BBP651" s="613"/>
      <c r="BBQ651" s="613"/>
      <c r="BBR651" s="613"/>
      <c r="BBS651" s="613"/>
      <c r="BBT651" s="613"/>
      <c r="BBU651" s="613"/>
      <c r="BBV651" s="613"/>
      <c r="BBW651" s="613"/>
      <c r="BBX651" s="613"/>
      <c r="BBY651" s="613"/>
      <c r="BBZ651" s="613"/>
      <c r="BCA651" s="613"/>
      <c r="BCB651" s="613"/>
      <c r="BCC651" s="613"/>
      <c r="BCD651" s="613"/>
      <c r="BCE651" s="613"/>
      <c r="BCF651" s="613"/>
      <c r="BCG651" s="613"/>
      <c r="BCH651" s="613"/>
      <c r="BCI651" s="613"/>
      <c r="BCJ651" s="613"/>
      <c r="BCK651" s="613"/>
      <c r="BCL651" s="613"/>
      <c r="BCM651" s="613"/>
      <c r="BCN651" s="613"/>
      <c r="BCO651" s="613"/>
      <c r="BCP651" s="613"/>
      <c r="BCQ651" s="613"/>
      <c r="BCR651" s="613"/>
      <c r="BCS651" s="613"/>
      <c r="BCT651" s="613"/>
      <c r="BCU651" s="613"/>
      <c r="BCV651" s="613"/>
      <c r="BCW651" s="613"/>
      <c r="BCX651" s="613"/>
      <c r="BCY651" s="613"/>
      <c r="BCZ651" s="613"/>
      <c r="BDA651" s="613"/>
      <c r="BDB651" s="613"/>
      <c r="BDC651" s="613"/>
      <c r="BDD651" s="613"/>
      <c r="BDE651" s="613"/>
      <c r="BDF651" s="613"/>
      <c r="BDG651" s="613"/>
      <c r="BDH651" s="613"/>
      <c r="BDI651" s="613"/>
      <c r="BDJ651" s="613"/>
      <c r="BDK651" s="613"/>
      <c r="BDL651" s="613"/>
      <c r="BDM651" s="613"/>
      <c r="BDN651" s="613"/>
      <c r="BDO651" s="613"/>
      <c r="BDP651" s="613"/>
      <c r="BDQ651" s="613"/>
      <c r="BDR651" s="613"/>
      <c r="BDS651" s="613"/>
      <c r="BDT651" s="613"/>
      <c r="BDU651" s="613"/>
      <c r="BDV651" s="613"/>
      <c r="BDW651" s="613"/>
      <c r="BDX651" s="613"/>
      <c r="BDY651" s="613"/>
      <c r="BDZ651" s="613"/>
      <c r="BEA651" s="613"/>
      <c r="BEB651" s="613"/>
      <c r="BEC651" s="613"/>
      <c r="BED651" s="613"/>
      <c r="BEE651" s="613"/>
      <c r="BEF651" s="613"/>
      <c r="BEG651" s="613"/>
      <c r="BEH651" s="613"/>
      <c r="BEI651" s="613"/>
      <c r="BEJ651" s="613"/>
      <c r="BEK651" s="613"/>
      <c r="BEL651" s="613"/>
      <c r="BEM651" s="613"/>
      <c r="BEN651" s="613"/>
      <c r="BEO651" s="613"/>
      <c r="BEP651" s="613"/>
      <c r="BEQ651" s="613"/>
      <c r="BER651" s="613"/>
      <c r="BES651" s="613"/>
      <c r="BET651" s="613"/>
      <c r="BEU651" s="613"/>
      <c r="BEV651" s="613"/>
      <c r="BEW651" s="613"/>
      <c r="BEX651" s="613"/>
      <c r="BEY651" s="613"/>
      <c r="BEZ651" s="613"/>
      <c r="BFA651" s="613"/>
      <c r="BFB651" s="613"/>
      <c r="BFC651" s="613"/>
      <c r="BFD651" s="613"/>
      <c r="BFE651" s="613"/>
      <c r="BFF651" s="613"/>
      <c r="BFG651" s="613"/>
      <c r="BFH651" s="613"/>
      <c r="BFI651" s="613"/>
      <c r="BFJ651" s="613"/>
      <c r="BFK651" s="613"/>
      <c r="BFL651" s="613"/>
      <c r="BFM651" s="613"/>
      <c r="BFN651" s="613"/>
      <c r="BFO651" s="613"/>
      <c r="BFP651" s="613"/>
      <c r="BFQ651" s="613"/>
      <c r="BFR651" s="613"/>
      <c r="BFS651" s="613"/>
      <c r="BFT651" s="613"/>
      <c r="BFU651" s="613"/>
      <c r="BFV651" s="613"/>
      <c r="BFW651" s="613"/>
      <c r="BFX651" s="613"/>
      <c r="BFY651" s="613"/>
      <c r="BFZ651" s="613"/>
      <c r="BGA651" s="613"/>
      <c r="BGB651" s="613"/>
      <c r="BGC651" s="613"/>
      <c r="BGD651" s="613"/>
      <c r="BGE651" s="613"/>
      <c r="BGF651" s="613"/>
      <c r="BGG651" s="613"/>
      <c r="BGH651" s="613"/>
      <c r="BGI651" s="613"/>
      <c r="BGJ651" s="613"/>
      <c r="BGK651" s="613"/>
      <c r="BGL651" s="613"/>
      <c r="BGM651" s="613"/>
      <c r="BGN651" s="613"/>
      <c r="BGO651" s="613"/>
      <c r="BGP651" s="613"/>
      <c r="BGQ651" s="613"/>
      <c r="BGR651" s="613"/>
      <c r="BGS651" s="613"/>
      <c r="BGT651" s="613"/>
      <c r="BGU651" s="613"/>
      <c r="BGV651" s="613"/>
      <c r="BGW651" s="613"/>
      <c r="BGX651" s="613"/>
      <c r="BGY651" s="613"/>
      <c r="BGZ651" s="613"/>
      <c r="BHA651" s="613"/>
      <c r="BHB651" s="613"/>
      <c r="BHC651" s="613"/>
      <c r="BHD651" s="613"/>
      <c r="BHE651" s="613"/>
      <c r="BHF651" s="613"/>
      <c r="BHG651" s="613"/>
      <c r="BHH651" s="613"/>
      <c r="BHI651" s="613"/>
      <c r="BHJ651" s="613"/>
      <c r="BHK651" s="613"/>
      <c r="BHL651" s="613"/>
      <c r="BHM651" s="613"/>
      <c r="BHN651" s="613"/>
      <c r="BHO651" s="613"/>
      <c r="BHP651" s="613"/>
      <c r="BHQ651" s="613"/>
      <c r="BHR651" s="613"/>
      <c r="BHS651" s="613"/>
      <c r="BHT651" s="613"/>
      <c r="BHU651" s="613"/>
      <c r="BHV651" s="613"/>
      <c r="BHW651" s="613"/>
      <c r="BHX651" s="613"/>
      <c r="BHY651" s="613"/>
      <c r="BHZ651" s="613"/>
      <c r="BIA651" s="613"/>
      <c r="BIB651" s="613"/>
      <c r="BIC651" s="613"/>
      <c r="BID651" s="613"/>
      <c r="BIE651" s="613"/>
      <c r="BIF651" s="613"/>
      <c r="BIG651" s="613"/>
      <c r="BIH651" s="613"/>
      <c r="BII651" s="613"/>
      <c r="BIJ651" s="613"/>
      <c r="BIK651" s="613"/>
      <c r="BIL651" s="613"/>
      <c r="BIM651" s="613"/>
      <c r="BIN651" s="613"/>
      <c r="BIO651" s="613"/>
      <c r="BIP651" s="613"/>
      <c r="BIQ651" s="613"/>
      <c r="BIR651" s="613"/>
      <c r="BIS651" s="613"/>
      <c r="BIT651" s="613"/>
      <c r="BIU651" s="613"/>
      <c r="BIV651" s="613"/>
      <c r="BIW651" s="613"/>
      <c r="BIX651" s="613"/>
      <c r="BIY651" s="613"/>
      <c r="BIZ651" s="613"/>
      <c r="BJA651" s="613"/>
      <c r="BJB651" s="613"/>
      <c r="BJC651" s="613"/>
      <c r="BJD651" s="613"/>
      <c r="BJE651" s="613"/>
      <c r="BJF651" s="613"/>
      <c r="BJG651" s="613"/>
      <c r="BJH651" s="613"/>
      <c r="BJI651" s="613"/>
      <c r="BJJ651" s="613"/>
      <c r="BJK651" s="613"/>
      <c r="BJL651" s="613"/>
      <c r="BJM651" s="613"/>
      <c r="BJN651" s="613"/>
      <c r="BJO651" s="613"/>
      <c r="BJP651" s="613"/>
      <c r="BJQ651" s="613"/>
      <c r="BJR651" s="613"/>
      <c r="BJS651" s="613"/>
      <c r="BJT651" s="613"/>
      <c r="BJU651" s="613"/>
      <c r="BJV651" s="613"/>
      <c r="BJW651" s="613"/>
      <c r="BJX651" s="613"/>
      <c r="BJY651" s="613"/>
      <c r="BJZ651" s="613"/>
      <c r="BKA651" s="613"/>
      <c r="BKB651" s="613"/>
      <c r="BKC651" s="613"/>
      <c r="BKD651" s="613"/>
      <c r="BKE651" s="613"/>
      <c r="BKF651" s="613"/>
      <c r="BKG651" s="613"/>
      <c r="BKH651" s="613"/>
      <c r="BKI651" s="613"/>
      <c r="BKJ651" s="613"/>
      <c r="BKK651" s="613"/>
      <c r="BKL651" s="613"/>
      <c r="BKM651" s="613"/>
      <c r="BKN651" s="613"/>
      <c r="BKO651" s="613"/>
      <c r="BKP651" s="613"/>
      <c r="BKQ651" s="613"/>
      <c r="BKR651" s="613"/>
      <c r="BKS651" s="613"/>
      <c r="BKT651" s="613"/>
      <c r="BKU651" s="613"/>
      <c r="BKV651" s="613"/>
      <c r="BKW651" s="613"/>
      <c r="BKX651" s="613"/>
      <c r="BKY651" s="613"/>
      <c r="BKZ651" s="613"/>
      <c r="BLA651" s="613"/>
      <c r="BLB651" s="613"/>
      <c r="BLC651" s="613"/>
      <c r="BLD651" s="613"/>
      <c r="BLE651" s="613"/>
      <c r="BLF651" s="613"/>
      <c r="BLG651" s="613"/>
      <c r="BLH651" s="613"/>
      <c r="BLI651" s="613"/>
      <c r="BLJ651" s="613"/>
      <c r="BLK651" s="613"/>
      <c r="BLL651" s="613"/>
      <c r="BLM651" s="613"/>
      <c r="BLN651" s="613"/>
      <c r="BLO651" s="613"/>
      <c r="BLP651" s="613"/>
      <c r="BLQ651" s="613"/>
      <c r="BLR651" s="613"/>
      <c r="BLS651" s="613"/>
      <c r="BLT651" s="613"/>
      <c r="BLU651" s="613"/>
      <c r="BLV651" s="613"/>
      <c r="BLW651" s="613"/>
      <c r="BLX651" s="613"/>
      <c r="BLY651" s="613"/>
      <c r="BLZ651" s="613"/>
      <c r="BMA651" s="613"/>
      <c r="BMB651" s="613"/>
      <c r="BMC651" s="613"/>
      <c r="BMD651" s="613"/>
      <c r="BME651" s="613"/>
      <c r="BMF651" s="613"/>
      <c r="BMG651" s="613"/>
      <c r="BMH651" s="613"/>
      <c r="BMI651" s="613"/>
      <c r="BMJ651" s="613"/>
      <c r="BMK651" s="613"/>
      <c r="BML651" s="613"/>
      <c r="BMM651" s="613"/>
      <c r="BMN651" s="613"/>
      <c r="BMO651" s="613"/>
      <c r="BMP651" s="613"/>
      <c r="BMQ651" s="613"/>
      <c r="BMR651" s="613"/>
      <c r="BMS651" s="613"/>
      <c r="BMT651" s="613"/>
      <c r="BMU651" s="613"/>
      <c r="BMV651" s="613"/>
      <c r="BMW651" s="613"/>
      <c r="BMX651" s="613"/>
      <c r="BMY651" s="613"/>
      <c r="BMZ651" s="613"/>
      <c r="BNA651" s="613"/>
      <c r="BNB651" s="613"/>
      <c r="BNC651" s="613"/>
      <c r="BND651" s="613"/>
      <c r="BNE651" s="613"/>
      <c r="BNF651" s="613"/>
      <c r="BNG651" s="613"/>
      <c r="BNH651" s="613"/>
      <c r="BNI651" s="613"/>
      <c r="BNJ651" s="613"/>
      <c r="BNK651" s="613"/>
      <c r="BNL651" s="613"/>
      <c r="BNM651" s="613"/>
      <c r="BNN651" s="613"/>
      <c r="BNO651" s="613"/>
      <c r="BNP651" s="613"/>
      <c r="BNQ651" s="613"/>
      <c r="BNR651" s="613"/>
      <c r="BNS651" s="613"/>
      <c r="BNT651" s="613"/>
      <c r="BNU651" s="613"/>
      <c r="BNV651" s="613"/>
      <c r="BNW651" s="613"/>
      <c r="BNX651" s="613"/>
      <c r="BNY651" s="613"/>
      <c r="BNZ651" s="613"/>
      <c r="BOA651" s="613"/>
      <c r="BOB651" s="613"/>
      <c r="BOC651" s="613"/>
      <c r="BOD651" s="613"/>
      <c r="BOE651" s="613"/>
      <c r="BOF651" s="613"/>
      <c r="BOG651" s="613"/>
      <c r="BOH651" s="613"/>
      <c r="BOI651" s="613"/>
      <c r="BOJ651" s="613"/>
      <c r="BOK651" s="613"/>
      <c r="BOL651" s="613"/>
      <c r="BOM651" s="613"/>
      <c r="BON651" s="613"/>
      <c r="BOO651" s="613"/>
      <c r="BOP651" s="613"/>
      <c r="BOQ651" s="613"/>
      <c r="BOR651" s="613"/>
      <c r="BOS651" s="613"/>
      <c r="BOT651" s="613"/>
      <c r="BOU651" s="613"/>
      <c r="BOV651" s="613"/>
      <c r="BOW651" s="613"/>
      <c r="BOX651" s="613"/>
      <c r="BOY651" s="613"/>
      <c r="BOZ651" s="613"/>
      <c r="BPA651" s="613"/>
      <c r="BPB651" s="613"/>
      <c r="BPC651" s="613"/>
      <c r="BPD651" s="613"/>
      <c r="BPE651" s="613"/>
      <c r="BPF651" s="613"/>
      <c r="BPG651" s="613"/>
      <c r="BPH651" s="613"/>
      <c r="BPI651" s="613"/>
      <c r="BPJ651" s="613"/>
      <c r="BPK651" s="613"/>
      <c r="BPL651" s="613"/>
      <c r="BPM651" s="613"/>
      <c r="BPN651" s="613"/>
      <c r="BPO651" s="613"/>
      <c r="BPP651" s="613"/>
      <c r="BPQ651" s="613"/>
      <c r="BPR651" s="613"/>
      <c r="BPS651" s="613"/>
      <c r="BPT651" s="613"/>
      <c r="BPU651" s="613"/>
      <c r="BPV651" s="613"/>
      <c r="BPW651" s="613"/>
      <c r="BPX651" s="613"/>
      <c r="BPY651" s="613"/>
      <c r="BPZ651" s="613"/>
      <c r="BQA651" s="613"/>
      <c r="BQB651" s="613"/>
      <c r="BQC651" s="613"/>
      <c r="BQD651" s="613"/>
      <c r="BQE651" s="613"/>
      <c r="BQF651" s="613"/>
      <c r="BQG651" s="613"/>
      <c r="BQH651" s="613"/>
      <c r="BQI651" s="613"/>
      <c r="BQJ651" s="613"/>
      <c r="BQK651" s="613"/>
      <c r="BQL651" s="613"/>
      <c r="BQM651" s="613"/>
      <c r="BQN651" s="613"/>
      <c r="BQO651" s="613"/>
      <c r="BQP651" s="613"/>
      <c r="BQQ651" s="613"/>
      <c r="BQR651" s="613"/>
      <c r="BQS651" s="613"/>
      <c r="BQT651" s="613"/>
      <c r="BQU651" s="613"/>
      <c r="BQV651" s="613"/>
      <c r="BQW651" s="613"/>
      <c r="BQX651" s="613"/>
      <c r="BQY651" s="613"/>
      <c r="BQZ651" s="613"/>
      <c r="BRA651" s="613"/>
      <c r="BRB651" s="613"/>
      <c r="BRC651" s="613"/>
      <c r="BRD651" s="613"/>
      <c r="BRE651" s="613"/>
      <c r="BRF651" s="613"/>
      <c r="BRG651" s="613"/>
      <c r="BRH651" s="613"/>
      <c r="BRI651" s="613"/>
      <c r="BRJ651" s="613"/>
      <c r="BRK651" s="613"/>
      <c r="BRL651" s="613"/>
      <c r="BRM651" s="613"/>
      <c r="BRN651" s="613"/>
      <c r="BRO651" s="613"/>
      <c r="BRP651" s="613"/>
      <c r="BRQ651" s="613"/>
      <c r="BRR651" s="613"/>
      <c r="BRS651" s="613"/>
      <c r="BRT651" s="613"/>
      <c r="BRU651" s="613"/>
      <c r="BRV651" s="613"/>
      <c r="BRW651" s="613"/>
      <c r="BRX651" s="613"/>
      <c r="BRY651" s="613"/>
      <c r="BRZ651" s="613"/>
      <c r="BSA651" s="613"/>
      <c r="BSB651" s="613"/>
      <c r="BSC651" s="613"/>
      <c r="BSD651" s="613"/>
      <c r="BSE651" s="613"/>
      <c r="BSF651" s="613"/>
      <c r="BSG651" s="613"/>
      <c r="BSH651" s="613"/>
      <c r="BSI651" s="613"/>
      <c r="BSJ651" s="613"/>
      <c r="BSK651" s="613"/>
      <c r="BSL651" s="613"/>
      <c r="BSM651" s="613"/>
      <c r="BSN651" s="613"/>
      <c r="BSO651" s="613"/>
      <c r="BSP651" s="613"/>
      <c r="BSQ651" s="613"/>
      <c r="BSR651" s="613"/>
      <c r="BSS651" s="613"/>
      <c r="BST651" s="613"/>
      <c r="BSU651" s="613"/>
      <c r="BSV651" s="613"/>
      <c r="BSW651" s="613"/>
      <c r="BSX651" s="613"/>
      <c r="BSY651" s="613"/>
      <c r="BSZ651" s="613"/>
      <c r="BTA651" s="613"/>
      <c r="BTB651" s="613"/>
      <c r="BTC651" s="613"/>
      <c r="BTD651" s="613"/>
      <c r="BTE651" s="613"/>
      <c r="BTF651" s="613"/>
      <c r="BTG651" s="613"/>
      <c r="BTH651" s="613"/>
      <c r="BTI651" s="613"/>
      <c r="BTJ651" s="613"/>
      <c r="BTK651" s="613"/>
      <c r="BTL651" s="613"/>
      <c r="BTM651" s="613"/>
      <c r="BTN651" s="613"/>
      <c r="BTO651" s="613"/>
      <c r="BTP651" s="613"/>
      <c r="BTQ651" s="613"/>
      <c r="BTR651" s="613"/>
      <c r="BTS651" s="613"/>
      <c r="BTT651" s="613"/>
      <c r="BTU651" s="613"/>
      <c r="BTV651" s="613"/>
      <c r="BTW651" s="613"/>
      <c r="BTX651" s="613"/>
      <c r="BTY651" s="613"/>
      <c r="BTZ651" s="613"/>
      <c r="BUA651" s="613"/>
      <c r="BUB651" s="613"/>
      <c r="BUC651" s="613"/>
      <c r="BUD651" s="613"/>
      <c r="BUE651" s="613"/>
      <c r="BUF651" s="613"/>
      <c r="BUG651" s="613"/>
      <c r="BUH651" s="613"/>
      <c r="BUI651" s="613"/>
      <c r="BUJ651" s="613"/>
      <c r="BUK651" s="613"/>
      <c r="BUL651" s="613"/>
      <c r="BUM651" s="613"/>
      <c r="BUN651" s="613"/>
      <c r="BUO651" s="613"/>
      <c r="BUP651" s="613"/>
      <c r="BUQ651" s="613"/>
      <c r="BUR651" s="613"/>
      <c r="BUS651" s="613"/>
      <c r="BUT651" s="613"/>
      <c r="BUU651" s="613"/>
      <c r="BUV651" s="613"/>
      <c r="BUW651" s="613"/>
      <c r="BUX651" s="613"/>
      <c r="BUY651" s="613"/>
      <c r="BUZ651" s="613"/>
      <c r="BVA651" s="613"/>
      <c r="BVB651" s="613"/>
      <c r="BVC651" s="613"/>
      <c r="BVD651" s="613"/>
      <c r="BVE651" s="613"/>
      <c r="BVF651" s="613"/>
      <c r="BVG651" s="613"/>
      <c r="BVH651" s="613"/>
      <c r="BVI651" s="613"/>
      <c r="BVJ651" s="613"/>
      <c r="BVK651" s="613"/>
      <c r="BVL651" s="613"/>
      <c r="BVM651" s="613"/>
      <c r="BVN651" s="613"/>
      <c r="BVO651" s="613"/>
      <c r="BVP651" s="613"/>
      <c r="BVQ651" s="613"/>
      <c r="BVR651" s="613"/>
      <c r="BVS651" s="613"/>
      <c r="BVT651" s="613"/>
      <c r="BVU651" s="613"/>
      <c r="BVV651" s="613"/>
      <c r="BVW651" s="613"/>
      <c r="BVX651" s="613"/>
      <c r="BVY651" s="613"/>
      <c r="BVZ651" s="613"/>
      <c r="BWA651" s="613"/>
      <c r="BWB651" s="613"/>
      <c r="BWC651" s="613"/>
      <c r="BWD651" s="613"/>
      <c r="BWE651" s="613"/>
      <c r="BWF651" s="613"/>
      <c r="BWG651" s="613"/>
      <c r="BWH651" s="613"/>
      <c r="BWI651" s="613"/>
      <c r="BWJ651" s="613"/>
      <c r="BWK651" s="613"/>
      <c r="BWL651" s="613"/>
      <c r="BWM651" s="613"/>
      <c r="BWN651" s="613"/>
      <c r="BWO651" s="613"/>
      <c r="BWP651" s="613"/>
      <c r="BWQ651" s="613"/>
      <c r="BWR651" s="613"/>
      <c r="BWS651" s="613"/>
      <c r="BWT651" s="613"/>
      <c r="BWU651" s="613"/>
      <c r="BWV651" s="613"/>
      <c r="BWW651" s="613"/>
      <c r="BWX651" s="613"/>
      <c r="BWY651" s="613"/>
      <c r="BWZ651" s="613"/>
      <c r="BXA651" s="613"/>
      <c r="BXB651" s="613"/>
      <c r="BXC651" s="613"/>
      <c r="BXD651" s="613"/>
      <c r="BXE651" s="613"/>
      <c r="BXF651" s="613"/>
      <c r="BXG651" s="613"/>
      <c r="BXH651" s="613"/>
      <c r="BXI651" s="613"/>
      <c r="BXJ651" s="613"/>
      <c r="BXK651" s="613"/>
      <c r="BXL651" s="613"/>
      <c r="BXM651" s="613"/>
      <c r="BXN651" s="613"/>
      <c r="BXO651" s="613"/>
      <c r="BXP651" s="613"/>
      <c r="BXQ651" s="613"/>
      <c r="BXR651" s="613"/>
      <c r="BXS651" s="613"/>
      <c r="BXT651" s="613"/>
      <c r="BXU651" s="613"/>
      <c r="BXV651" s="613"/>
      <c r="BXW651" s="613"/>
      <c r="BXX651" s="613"/>
      <c r="BXY651" s="613"/>
      <c r="BXZ651" s="613"/>
      <c r="BYA651" s="613"/>
      <c r="BYB651" s="613"/>
      <c r="BYC651" s="613"/>
      <c r="BYD651" s="613"/>
      <c r="BYE651" s="613"/>
      <c r="BYF651" s="613"/>
      <c r="BYG651" s="613"/>
      <c r="BYH651" s="613"/>
      <c r="BYI651" s="613"/>
      <c r="BYJ651" s="613"/>
      <c r="BYK651" s="613"/>
      <c r="BYL651" s="613"/>
      <c r="BYM651" s="613"/>
      <c r="BYN651" s="613"/>
      <c r="BYO651" s="613"/>
      <c r="BYP651" s="613"/>
      <c r="BYQ651" s="613"/>
      <c r="BYR651" s="613"/>
      <c r="BYS651" s="613"/>
      <c r="BYT651" s="613"/>
      <c r="BYU651" s="613"/>
      <c r="BYV651" s="613"/>
      <c r="BYW651" s="613"/>
      <c r="BYX651" s="613"/>
      <c r="BYY651" s="613"/>
      <c r="BYZ651" s="613"/>
      <c r="BZA651" s="613"/>
      <c r="BZB651" s="613"/>
      <c r="BZC651" s="613"/>
      <c r="BZD651" s="613"/>
      <c r="BZE651" s="613"/>
      <c r="BZF651" s="613"/>
      <c r="BZG651" s="613"/>
      <c r="BZH651" s="613"/>
      <c r="BZI651" s="613"/>
      <c r="BZJ651" s="613"/>
      <c r="BZK651" s="613"/>
      <c r="BZL651" s="613"/>
      <c r="BZM651" s="613"/>
      <c r="BZN651" s="613"/>
      <c r="BZO651" s="613"/>
      <c r="BZP651" s="613"/>
      <c r="BZQ651" s="613"/>
      <c r="BZR651" s="613"/>
      <c r="BZS651" s="613"/>
      <c r="BZT651" s="613"/>
      <c r="BZU651" s="613"/>
      <c r="BZV651" s="613"/>
      <c r="BZW651" s="613"/>
      <c r="BZX651" s="613"/>
      <c r="BZY651" s="613"/>
      <c r="BZZ651" s="613"/>
      <c r="CAA651" s="613"/>
      <c r="CAB651" s="613"/>
      <c r="CAC651" s="613"/>
      <c r="CAD651" s="613"/>
      <c r="CAE651" s="613"/>
      <c r="CAF651" s="613"/>
      <c r="CAG651" s="613"/>
      <c r="CAH651" s="613"/>
      <c r="CAI651" s="613"/>
      <c r="CAJ651" s="613"/>
      <c r="CAK651" s="613"/>
      <c r="CAL651" s="613"/>
      <c r="CAM651" s="613"/>
      <c r="CAN651" s="613"/>
      <c r="CAO651" s="613"/>
      <c r="CAP651" s="613"/>
      <c r="CAQ651" s="613"/>
      <c r="CAR651" s="613"/>
      <c r="CAS651" s="613"/>
      <c r="CAT651" s="613"/>
      <c r="CAU651" s="613"/>
      <c r="CAV651" s="613"/>
      <c r="CAW651" s="613"/>
      <c r="CAX651" s="613"/>
      <c r="CAY651" s="613"/>
      <c r="CAZ651" s="613"/>
      <c r="CBA651" s="613"/>
      <c r="CBB651" s="613"/>
      <c r="CBC651" s="613"/>
      <c r="CBD651" s="613"/>
      <c r="CBE651" s="613"/>
      <c r="CBF651" s="613"/>
      <c r="CBG651" s="613"/>
      <c r="CBH651" s="613"/>
      <c r="CBI651" s="613"/>
      <c r="CBJ651" s="613"/>
      <c r="CBK651" s="613"/>
      <c r="CBL651" s="613"/>
      <c r="CBM651" s="613"/>
      <c r="CBN651" s="613"/>
      <c r="CBO651" s="613"/>
      <c r="CBP651" s="613"/>
      <c r="CBQ651" s="613"/>
      <c r="CBR651" s="613"/>
      <c r="CBS651" s="613"/>
      <c r="CBT651" s="613"/>
      <c r="CBU651" s="613"/>
      <c r="CBV651" s="613"/>
      <c r="CBW651" s="613"/>
      <c r="CBX651" s="613"/>
      <c r="CBY651" s="613"/>
      <c r="CBZ651" s="613"/>
      <c r="CCA651" s="613"/>
      <c r="CCB651" s="613"/>
      <c r="CCC651" s="613"/>
      <c r="CCD651" s="613"/>
      <c r="CCE651" s="613"/>
      <c r="CCF651" s="613"/>
      <c r="CCG651" s="613"/>
      <c r="CCH651" s="613"/>
      <c r="CCI651" s="613"/>
      <c r="CCJ651" s="613"/>
      <c r="CCK651" s="613"/>
      <c r="CCL651" s="613"/>
      <c r="CCM651" s="613"/>
      <c r="CCN651" s="613"/>
      <c r="CCO651" s="613"/>
      <c r="CCP651" s="613"/>
      <c r="CCQ651" s="613"/>
      <c r="CCR651" s="613"/>
      <c r="CCS651" s="613"/>
      <c r="CCT651" s="613"/>
      <c r="CCU651" s="613"/>
      <c r="CCV651" s="613"/>
      <c r="CCW651" s="613"/>
      <c r="CCX651" s="613"/>
      <c r="CCY651" s="613"/>
      <c r="CCZ651" s="613"/>
      <c r="CDA651" s="613"/>
      <c r="CDB651" s="613"/>
      <c r="CDC651" s="613"/>
      <c r="CDD651" s="613"/>
      <c r="CDE651" s="613"/>
      <c r="CDF651" s="613"/>
      <c r="CDG651" s="613"/>
      <c r="CDH651" s="613"/>
      <c r="CDI651" s="613"/>
      <c r="CDJ651" s="613"/>
      <c r="CDK651" s="613"/>
      <c r="CDL651" s="613"/>
      <c r="CDM651" s="613"/>
      <c r="CDN651" s="613"/>
      <c r="CDO651" s="613"/>
      <c r="CDP651" s="613"/>
      <c r="CDQ651" s="613"/>
      <c r="CDR651" s="613"/>
      <c r="CDS651" s="613"/>
      <c r="CDT651" s="613"/>
      <c r="CDU651" s="613"/>
      <c r="CDV651" s="613"/>
      <c r="CDW651" s="613"/>
      <c r="CDX651" s="613"/>
      <c r="CDY651" s="613"/>
      <c r="CDZ651" s="613"/>
      <c r="CEA651" s="613"/>
      <c r="CEB651" s="613"/>
      <c r="CEC651" s="613"/>
      <c r="CED651" s="613"/>
      <c r="CEE651" s="613"/>
      <c r="CEF651" s="613"/>
      <c r="CEG651" s="613"/>
      <c r="CEH651" s="613"/>
      <c r="CEI651" s="613"/>
      <c r="CEJ651" s="613"/>
      <c r="CEK651" s="613"/>
      <c r="CEL651" s="613"/>
      <c r="CEM651" s="613"/>
      <c r="CEN651" s="613"/>
      <c r="CEO651" s="613"/>
      <c r="CEP651" s="613"/>
      <c r="CEQ651" s="613"/>
      <c r="CER651" s="613"/>
      <c r="CES651" s="613"/>
      <c r="CET651" s="613"/>
      <c r="CEU651" s="613"/>
      <c r="CEV651" s="613"/>
      <c r="CEW651" s="613"/>
      <c r="CEX651" s="613"/>
      <c r="CEY651" s="613"/>
      <c r="CEZ651" s="613"/>
      <c r="CFA651" s="613"/>
      <c r="CFB651" s="613"/>
      <c r="CFC651" s="613"/>
      <c r="CFD651" s="613"/>
      <c r="CFE651" s="613"/>
      <c r="CFF651" s="613"/>
      <c r="CFG651" s="613"/>
      <c r="CFH651" s="613"/>
      <c r="CFI651" s="613"/>
      <c r="CFJ651" s="613"/>
      <c r="CFK651" s="613"/>
      <c r="CFL651" s="613"/>
      <c r="CFM651" s="613"/>
      <c r="CFN651" s="613"/>
      <c r="CFO651" s="613"/>
      <c r="CFP651" s="613"/>
      <c r="CFQ651" s="613"/>
      <c r="CFR651" s="613"/>
      <c r="CFS651" s="613"/>
      <c r="CFT651" s="613"/>
      <c r="CFU651" s="613"/>
      <c r="CFV651" s="613"/>
      <c r="CFW651" s="613"/>
      <c r="CFX651" s="613"/>
      <c r="CFY651" s="613"/>
      <c r="CFZ651" s="613"/>
      <c r="CGA651" s="613"/>
      <c r="CGB651" s="613"/>
      <c r="CGC651" s="613"/>
      <c r="CGD651" s="613"/>
      <c r="CGE651" s="613"/>
      <c r="CGF651" s="613"/>
      <c r="CGG651" s="613"/>
      <c r="CGH651" s="613"/>
      <c r="CGI651" s="613"/>
      <c r="CGJ651" s="613"/>
      <c r="CGK651" s="613"/>
      <c r="CGL651" s="613"/>
      <c r="CGM651" s="613"/>
      <c r="CGN651" s="613"/>
      <c r="CGO651" s="613"/>
      <c r="CGP651" s="613"/>
      <c r="CGQ651" s="613"/>
      <c r="CGR651" s="613"/>
      <c r="CGS651" s="613"/>
      <c r="CGT651" s="613"/>
      <c r="CGU651" s="613"/>
      <c r="CGV651" s="613"/>
      <c r="CGW651" s="613"/>
      <c r="CGX651" s="613"/>
      <c r="CGY651" s="613"/>
      <c r="CGZ651" s="613"/>
      <c r="CHA651" s="613"/>
      <c r="CHB651" s="613"/>
      <c r="CHC651" s="613"/>
      <c r="CHD651" s="613"/>
      <c r="CHE651" s="613"/>
      <c r="CHF651" s="613"/>
      <c r="CHG651" s="613"/>
      <c r="CHH651" s="613"/>
      <c r="CHI651" s="613"/>
      <c r="CHJ651" s="613"/>
      <c r="CHK651" s="613"/>
      <c r="CHL651" s="613"/>
      <c r="CHM651" s="613"/>
      <c r="CHN651" s="613"/>
      <c r="CHO651" s="613"/>
      <c r="CHP651" s="613"/>
      <c r="CHQ651" s="613"/>
      <c r="CHR651" s="613"/>
      <c r="CHS651" s="613"/>
      <c r="CHT651" s="613"/>
      <c r="CHU651" s="613"/>
      <c r="CHV651" s="613"/>
      <c r="CHW651" s="613"/>
      <c r="CHX651" s="613"/>
      <c r="CHY651" s="613"/>
      <c r="CHZ651" s="613"/>
      <c r="CIA651" s="613"/>
      <c r="CIB651" s="613"/>
      <c r="CIC651" s="613"/>
      <c r="CID651" s="613"/>
      <c r="CIE651" s="613"/>
      <c r="CIF651" s="613"/>
      <c r="CIG651" s="613"/>
      <c r="CIH651" s="613"/>
      <c r="CII651" s="613"/>
      <c r="CIJ651" s="613"/>
      <c r="CIK651" s="613"/>
      <c r="CIL651" s="613"/>
      <c r="CIM651" s="613"/>
      <c r="CIN651" s="613"/>
      <c r="CIO651" s="613"/>
      <c r="CIP651" s="613"/>
      <c r="CIQ651" s="613"/>
      <c r="CIR651" s="613"/>
      <c r="CIS651" s="613"/>
      <c r="CIT651" s="613"/>
      <c r="CIU651" s="613"/>
      <c r="CIV651" s="613"/>
      <c r="CIW651" s="613"/>
      <c r="CIX651" s="613"/>
      <c r="CIY651" s="613"/>
      <c r="CIZ651" s="613"/>
      <c r="CJA651" s="613"/>
      <c r="CJB651" s="613"/>
      <c r="CJC651" s="613"/>
      <c r="CJD651" s="613"/>
      <c r="CJE651" s="613"/>
      <c r="CJF651" s="613"/>
      <c r="CJG651" s="613"/>
      <c r="CJH651" s="613"/>
      <c r="CJI651" s="613"/>
      <c r="CJJ651" s="613"/>
      <c r="CJK651" s="613"/>
      <c r="CJL651" s="613"/>
      <c r="CJM651" s="613"/>
      <c r="CJN651" s="613"/>
      <c r="CJO651" s="613"/>
      <c r="CJP651" s="613"/>
      <c r="CJQ651" s="613"/>
      <c r="CJR651" s="613"/>
      <c r="CJS651" s="613"/>
      <c r="CJT651" s="613"/>
      <c r="CJU651" s="613"/>
      <c r="CJV651" s="613"/>
      <c r="CJW651" s="613"/>
      <c r="CJX651" s="613"/>
      <c r="CJY651" s="613"/>
      <c r="CJZ651" s="613"/>
      <c r="CKA651" s="613"/>
      <c r="CKB651" s="613"/>
      <c r="CKC651" s="613"/>
      <c r="CKD651" s="613"/>
      <c r="CKE651" s="613"/>
      <c r="CKF651" s="613"/>
      <c r="CKG651" s="613"/>
      <c r="CKH651" s="613"/>
      <c r="CKI651" s="613"/>
      <c r="CKJ651" s="613"/>
      <c r="CKK651" s="613"/>
      <c r="CKL651" s="613"/>
      <c r="CKM651" s="613"/>
      <c r="CKN651" s="613"/>
      <c r="CKO651" s="613"/>
      <c r="CKP651" s="613"/>
      <c r="CKQ651" s="613"/>
      <c r="CKR651" s="613"/>
      <c r="CKS651" s="613"/>
      <c r="CKT651" s="613"/>
      <c r="CKU651" s="613"/>
      <c r="CKV651" s="613"/>
      <c r="CKW651" s="613"/>
      <c r="CKX651" s="613"/>
      <c r="CKY651" s="613"/>
      <c r="CKZ651" s="613"/>
      <c r="CLA651" s="613"/>
      <c r="CLB651" s="613"/>
      <c r="CLC651" s="613"/>
      <c r="CLD651" s="613"/>
      <c r="CLE651" s="613"/>
      <c r="CLF651" s="613"/>
      <c r="CLG651" s="613"/>
      <c r="CLH651" s="613"/>
      <c r="CLI651" s="613"/>
      <c r="CLJ651" s="613"/>
      <c r="CLK651" s="613"/>
      <c r="CLL651" s="613"/>
      <c r="CLM651" s="613"/>
      <c r="CLN651" s="613"/>
      <c r="CLO651" s="613"/>
      <c r="CLP651" s="613"/>
      <c r="CLQ651" s="613"/>
      <c r="CLR651" s="613"/>
      <c r="CLS651" s="613"/>
      <c r="CLT651" s="613"/>
      <c r="CLU651" s="613"/>
      <c r="CLV651" s="613"/>
      <c r="CLW651" s="613"/>
      <c r="CLX651" s="613"/>
      <c r="CLY651" s="613"/>
      <c r="CLZ651" s="613"/>
      <c r="CMA651" s="613"/>
      <c r="CMB651" s="613"/>
      <c r="CMC651" s="613"/>
      <c r="CMD651" s="613"/>
      <c r="CME651" s="613"/>
      <c r="CMF651" s="613"/>
      <c r="CMG651" s="613"/>
      <c r="CMH651" s="613"/>
      <c r="CMI651" s="613"/>
      <c r="CMJ651" s="613"/>
      <c r="CMK651" s="613"/>
      <c r="CML651" s="613"/>
      <c r="CMM651" s="613"/>
      <c r="CMN651" s="613"/>
      <c r="CMO651" s="613"/>
      <c r="CMP651" s="613"/>
      <c r="CMQ651" s="613"/>
      <c r="CMR651" s="613"/>
      <c r="CMS651" s="613"/>
      <c r="CMT651" s="613"/>
      <c r="CMU651" s="613"/>
      <c r="CMV651" s="613"/>
      <c r="CMW651" s="613"/>
      <c r="CMX651" s="613"/>
      <c r="CMY651" s="613"/>
      <c r="CMZ651" s="613"/>
      <c r="CNA651" s="613"/>
      <c r="CNB651" s="613"/>
      <c r="CNC651" s="613"/>
      <c r="CND651" s="613"/>
      <c r="CNE651" s="613"/>
      <c r="CNF651" s="613"/>
      <c r="CNG651" s="613"/>
      <c r="CNH651" s="613"/>
      <c r="CNI651" s="613"/>
      <c r="CNJ651" s="613"/>
      <c r="CNK651" s="613"/>
      <c r="CNL651" s="613"/>
      <c r="CNM651" s="613"/>
      <c r="CNN651" s="613"/>
      <c r="CNO651" s="613"/>
      <c r="CNP651" s="613"/>
      <c r="CNQ651" s="613"/>
      <c r="CNR651" s="613"/>
      <c r="CNS651" s="613"/>
      <c r="CNT651" s="613"/>
      <c r="CNU651" s="613"/>
      <c r="CNV651" s="613"/>
      <c r="CNW651" s="613"/>
      <c r="CNX651" s="613"/>
      <c r="CNY651" s="613"/>
      <c r="CNZ651" s="613"/>
      <c r="COA651" s="613"/>
      <c r="COB651" s="613"/>
      <c r="COC651" s="613"/>
      <c r="COD651" s="613"/>
      <c r="COE651" s="613"/>
      <c r="COF651" s="613"/>
      <c r="COG651" s="613"/>
      <c r="COH651" s="613"/>
      <c r="COI651" s="613"/>
      <c r="COJ651" s="613"/>
      <c r="COK651" s="613"/>
      <c r="COL651" s="613"/>
      <c r="COM651" s="613"/>
      <c r="CON651" s="613"/>
      <c r="COO651" s="613"/>
      <c r="COP651" s="613"/>
      <c r="COQ651" s="613"/>
      <c r="COR651" s="613"/>
      <c r="COS651" s="613"/>
      <c r="COT651" s="613"/>
      <c r="COU651" s="613"/>
      <c r="COV651" s="613"/>
      <c r="COW651" s="613"/>
      <c r="COX651" s="613"/>
      <c r="COY651" s="613"/>
      <c r="COZ651" s="613"/>
      <c r="CPA651" s="613"/>
      <c r="CPB651" s="613"/>
      <c r="CPC651" s="613"/>
      <c r="CPD651" s="613"/>
      <c r="CPE651" s="613"/>
      <c r="CPF651" s="613"/>
      <c r="CPG651" s="613"/>
      <c r="CPH651" s="613"/>
      <c r="CPI651" s="613"/>
      <c r="CPJ651" s="613"/>
      <c r="CPK651" s="613"/>
      <c r="CPL651" s="613"/>
      <c r="CPM651" s="613"/>
      <c r="CPN651" s="613"/>
      <c r="CPO651" s="613"/>
      <c r="CPP651" s="613"/>
      <c r="CPQ651" s="613"/>
      <c r="CPR651" s="613"/>
      <c r="CPS651" s="613"/>
      <c r="CPT651" s="613"/>
      <c r="CPU651" s="613"/>
      <c r="CPV651" s="613"/>
      <c r="CPW651" s="613"/>
      <c r="CPX651" s="613"/>
      <c r="CPY651" s="613"/>
      <c r="CPZ651" s="613"/>
      <c r="CQA651" s="613"/>
      <c r="CQB651" s="613"/>
      <c r="CQC651" s="613"/>
      <c r="CQD651" s="613"/>
      <c r="CQE651" s="613"/>
      <c r="CQF651" s="613"/>
      <c r="CQG651" s="613"/>
      <c r="CQH651" s="613"/>
      <c r="CQI651" s="613"/>
      <c r="CQJ651" s="613"/>
      <c r="CQK651" s="613"/>
      <c r="CQL651" s="613"/>
      <c r="CQM651" s="613"/>
      <c r="CQN651" s="613"/>
      <c r="CQO651" s="613"/>
      <c r="CQP651" s="613"/>
      <c r="CQQ651" s="613"/>
      <c r="CQR651" s="613"/>
      <c r="CQS651" s="613"/>
      <c r="CQT651" s="613"/>
      <c r="CQU651" s="613"/>
      <c r="CQV651" s="613"/>
      <c r="CQW651" s="613"/>
      <c r="CQX651" s="613"/>
      <c r="CQY651" s="613"/>
      <c r="CQZ651" s="613"/>
      <c r="CRA651" s="613"/>
      <c r="CRB651" s="613"/>
      <c r="CRC651" s="613"/>
      <c r="CRD651" s="613"/>
      <c r="CRE651" s="613"/>
      <c r="CRF651" s="613"/>
      <c r="CRG651" s="613"/>
      <c r="CRH651" s="613"/>
      <c r="CRI651" s="613"/>
      <c r="CRJ651" s="613"/>
      <c r="CRK651" s="613"/>
      <c r="CRL651" s="613"/>
      <c r="CRM651" s="613"/>
      <c r="CRN651" s="613"/>
      <c r="CRO651" s="613"/>
      <c r="CRP651" s="613"/>
      <c r="CRQ651" s="613"/>
      <c r="CRR651" s="613"/>
      <c r="CRS651" s="613"/>
      <c r="CRT651" s="613"/>
      <c r="CRU651" s="613"/>
      <c r="CRV651" s="613"/>
      <c r="CRW651" s="613"/>
      <c r="CRX651" s="613"/>
      <c r="CRY651" s="613"/>
      <c r="CRZ651" s="613"/>
      <c r="CSA651" s="613"/>
      <c r="CSB651" s="613"/>
      <c r="CSC651" s="613"/>
      <c r="CSD651" s="613"/>
      <c r="CSE651" s="613"/>
      <c r="CSF651" s="613"/>
      <c r="CSG651" s="613"/>
      <c r="CSH651" s="613"/>
      <c r="CSI651" s="613"/>
      <c r="CSJ651" s="613"/>
      <c r="CSK651" s="613"/>
      <c r="CSL651" s="613"/>
      <c r="CSM651" s="613"/>
      <c r="CSN651" s="613"/>
      <c r="CSO651" s="613"/>
      <c r="CSP651" s="613"/>
      <c r="CSQ651" s="613"/>
      <c r="CSR651" s="613"/>
      <c r="CSS651" s="613"/>
      <c r="CST651" s="613"/>
      <c r="CSU651" s="613"/>
      <c r="CSV651" s="613"/>
      <c r="CSW651" s="613"/>
      <c r="CSX651" s="613"/>
      <c r="CSY651" s="613"/>
      <c r="CSZ651" s="613"/>
      <c r="CTA651" s="613"/>
      <c r="CTB651" s="613"/>
      <c r="CTC651" s="613"/>
      <c r="CTD651" s="613"/>
      <c r="CTE651" s="613"/>
      <c r="CTF651" s="613"/>
      <c r="CTG651" s="613"/>
      <c r="CTH651" s="613"/>
      <c r="CTI651" s="613"/>
      <c r="CTJ651" s="613"/>
      <c r="CTK651" s="613"/>
      <c r="CTL651" s="613"/>
      <c r="CTM651" s="613"/>
      <c r="CTN651" s="613"/>
      <c r="CTO651" s="613"/>
      <c r="CTP651" s="613"/>
      <c r="CTQ651" s="613"/>
      <c r="CTR651" s="613"/>
      <c r="CTS651" s="613"/>
      <c r="CTT651" s="613"/>
      <c r="CTU651" s="613"/>
      <c r="CTV651" s="613"/>
      <c r="CTW651" s="613"/>
      <c r="CTX651" s="613"/>
      <c r="CTY651" s="613"/>
      <c r="CTZ651" s="613"/>
      <c r="CUA651" s="613"/>
      <c r="CUB651" s="613"/>
      <c r="CUC651" s="613"/>
      <c r="CUD651" s="613"/>
      <c r="CUE651" s="613"/>
      <c r="CUF651" s="613"/>
      <c r="CUG651" s="613"/>
      <c r="CUH651" s="613"/>
      <c r="CUI651" s="613"/>
      <c r="CUJ651" s="613"/>
      <c r="CUK651" s="613"/>
      <c r="CUL651" s="613"/>
      <c r="CUM651" s="613"/>
      <c r="CUN651" s="613"/>
      <c r="CUO651" s="613"/>
      <c r="CUP651" s="613"/>
      <c r="CUQ651" s="613"/>
      <c r="CUR651" s="613"/>
      <c r="CUS651" s="613"/>
      <c r="CUT651" s="613"/>
      <c r="CUU651" s="613"/>
      <c r="CUV651" s="613"/>
      <c r="CUW651" s="613"/>
      <c r="CUX651" s="613"/>
      <c r="CUY651" s="613"/>
      <c r="CUZ651" s="613"/>
      <c r="CVA651" s="613"/>
      <c r="CVB651" s="613"/>
      <c r="CVC651" s="613"/>
      <c r="CVD651" s="613"/>
      <c r="CVE651" s="613"/>
      <c r="CVF651" s="613"/>
      <c r="CVG651" s="613"/>
      <c r="CVH651" s="613"/>
      <c r="CVI651" s="613"/>
      <c r="CVJ651" s="613"/>
      <c r="CVK651" s="613"/>
      <c r="CVL651" s="613"/>
      <c r="CVM651" s="613"/>
      <c r="CVN651" s="613"/>
      <c r="CVO651" s="613"/>
      <c r="CVP651" s="613"/>
      <c r="CVQ651" s="613"/>
      <c r="CVR651" s="613"/>
      <c r="CVS651" s="613"/>
      <c r="CVT651" s="613"/>
      <c r="CVU651" s="613"/>
      <c r="CVV651" s="613"/>
      <c r="CVW651" s="613"/>
      <c r="CVX651" s="613"/>
      <c r="CVY651" s="613"/>
      <c r="CVZ651" s="613"/>
      <c r="CWA651" s="613"/>
      <c r="CWB651" s="613"/>
      <c r="CWC651" s="613"/>
      <c r="CWD651" s="613"/>
      <c r="CWE651" s="613"/>
      <c r="CWF651" s="613"/>
      <c r="CWG651" s="613"/>
      <c r="CWH651" s="613"/>
      <c r="CWI651" s="613"/>
      <c r="CWJ651" s="613"/>
      <c r="CWK651" s="613"/>
      <c r="CWL651" s="613"/>
      <c r="CWM651" s="613"/>
      <c r="CWN651" s="613"/>
      <c r="CWO651" s="613"/>
      <c r="CWP651" s="613"/>
      <c r="CWQ651" s="613"/>
      <c r="CWR651" s="613"/>
      <c r="CWS651" s="613"/>
      <c r="CWT651" s="613"/>
      <c r="CWU651" s="613"/>
      <c r="CWV651" s="613"/>
      <c r="CWW651" s="613"/>
      <c r="CWX651" s="613"/>
      <c r="CWY651" s="613"/>
      <c r="CWZ651" s="613"/>
      <c r="CXA651" s="613"/>
      <c r="CXB651" s="613"/>
      <c r="CXC651" s="613"/>
      <c r="CXD651" s="613"/>
      <c r="CXE651" s="613"/>
      <c r="CXF651" s="613"/>
      <c r="CXG651" s="613"/>
      <c r="CXH651" s="613"/>
      <c r="CXI651" s="613"/>
      <c r="CXJ651" s="613"/>
      <c r="CXK651" s="613"/>
      <c r="CXL651" s="613"/>
      <c r="CXM651" s="613"/>
      <c r="CXN651" s="613"/>
      <c r="CXO651" s="613"/>
      <c r="CXP651" s="613"/>
      <c r="CXQ651" s="613"/>
      <c r="CXR651" s="613"/>
      <c r="CXS651" s="613"/>
      <c r="CXT651" s="613"/>
      <c r="CXU651" s="613"/>
      <c r="CXV651" s="613"/>
      <c r="CXW651" s="613"/>
      <c r="CXX651" s="613"/>
      <c r="CXY651" s="613"/>
      <c r="CXZ651" s="613"/>
      <c r="CYA651" s="613"/>
      <c r="CYB651" s="613"/>
      <c r="CYC651" s="613"/>
      <c r="CYD651" s="613"/>
      <c r="CYE651" s="613"/>
      <c r="CYF651" s="613"/>
      <c r="CYG651" s="613"/>
      <c r="CYH651" s="613"/>
      <c r="CYI651" s="613"/>
      <c r="CYJ651" s="613"/>
      <c r="CYK651" s="613"/>
      <c r="CYL651" s="613"/>
      <c r="CYM651" s="613"/>
      <c r="CYN651" s="613"/>
      <c r="CYO651" s="613"/>
      <c r="CYP651" s="613"/>
      <c r="CYQ651" s="613"/>
      <c r="CYR651" s="613"/>
      <c r="CYS651" s="613"/>
      <c r="CYT651" s="613"/>
      <c r="CYU651" s="613"/>
      <c r="CYV651" s="613"/>
      <c r="CYW651" s="613"/>
      <c r="CYX651" s="613"/>
      <c r="CYY651" s="613"/>
      <c r="CYZ651" s="613"/>
      <c r="CZA651" s="613"/>
      <c r="CZB651" s="613"/>
      <c r="CZC651" s="613"/>
      <c r="CZD651" s="613"/>
      <c r="CZE651" s="613"/>
      <c r="CZF651" s="613"/>
      <c r="CZG651" s="613"/>
      <c r="CZH651" s="613"/>
      <c r="CZI651" s="613"/>
      <c r="CZJ651" s="613"/>
      <c r="CZK651" s="613"/>
      <c r="CZL651" s="613"/>
      <c r="CZM651" s="613"/>
      <c r="CZN651" s="613"/>
      <c r="CZO651" s="613"/>
      <c r="CZP651" s="613"/>
      <c r="CZQ651" s="613"/>
      <c r="CZR651" s="613"/>
      <c r="CZS651" s="613"/>
      <c r="CZT651" s="613"/>
      <c r="CZU651" s="613"/>
      <c r="CZV651" s="613"/>
      <c r="CZW651" s="613"/>
      <c r="CZX651" s="613"/>
      <c r="CZY651" s="613"/>
      <c r="CZZ651" s="613"/>
      <c r="DAA651" s="613"/>
      <c r="DAB651" s="613"/>
      <c r="DAC651" s="613"/>
      <c r="DAD651" s="613"/>
      <c r="DAE651" s="613"/>
      <c r="DAF651" s="613"/>
      <c r="DAG651" s="613"/>
      <c r="DAH651" s="613"/>
      <c r="DAI651" s="613"/>
      <c r="DAJ651" s="613"/>
      <c r="DAK651" s="613"/>
      <c r="DAL651" s="613"/>
      <c r="DAM651" s="613"/>
      <c r="DAN651" s="613"/>
      <c r="DAO651" s="613"/>
      <c r="DAP651" s="613"/>
      <c r="DAQ651" s="613"/>
      <c r="DAR651" s="613"/>
      <c r="DAS651" s="613"/>
      <c r="DAT651" s="613"/>
      <c r="DAU651" s="613"/>
      <c r="DAV651" s="613"/>
      <c r="DAW651" s="613"/>
      <c r="DAX651" s="613"/>
      <c r="DAY651" s="613"/>
      <c r="DAZ651" s="613"/>
      <c r="DBA651" s="613"/>
      <c r="DBB651" s="613"/>
      <c r="DBC651" s="613"/>
      <c r="DBD651" s="613"/>
      <c r="DBE651" s="613"/>
      <c r="DBF651" s="613"/>
      <c r="DBG651" s="613"/>
      <c r="DBH651" s="613"/>
      <c r="DBI651" s="613"/>
      <c r="DBJ651" s="613"/>
      <c r="DBK651" s="613"/>
      <c r="DBL651" s="613"/>
      <c r="DBM651" s="613"/>
      <c r="DBN651" s="613"/>
      <c r="DBO651" s="613"/>
      <c r="DBP651" s="613"/>
      <c r="DBQ651" s="613"/>
      <c r="DBR651" s="613"/>
      <c r="DBS651" s="613"/>
      <c r="DBT651" s="613"/>
      <c r="DBU651" s="613"/>
      <c r="DBV651" s="613"/>
      <c r="DBW651" s="613"/>
      <c r="DBX651" s="613"/>
      <c r="DBY651" s="613"/>
      <c r="DBZ651" s="613"/>
      <c r="DCA651" s="613"/>
      <c r="DCB651" s="613"/>
      <c r="DCC651" s="613"/>
      <c r="DCD651" s="613"/>
      <c r="DCE651" s="613"/>
      <c r="DCF651" s="613"/>
      <c r="DCG651" s="613"/>
      <c r="DCH651" s="613"/>
      <c r="DCI651" s="613"/>
      <c r="DCJ651" s="613"/>
      <c r="DCK651" s="613"/>
      <c r="DCL651" s="613"/>
      <c r="DCM651" s="613"/>
      <c r="DCN651" s="613"/>
      <c r="DCO651" s="613"/>
      <c r="DCP651" s="613"/>
      <c r="DCQ651" s="613"/>
      <c r="DCR651" s="613"/>
      <c r="DCS651" s="613"/>
      <c r="DCT651" s="613"/>
      <c r="DCU651" s="613"/>
      <c r="DCV651" s="613"/>
      <c r="DCW651" s="613"/>
      <c r="DCX651" s="613"/>
      <c r="DCY651" s="613"/>
      <c r="DCZ651" s="613"/>
      <c r="DDA651" s="613"/>
      <c r="DDB651" s="613"/>
      <c r="DDC651" s="613"/>
      <c r="DDD651" s="613"/>
      <c r="DDE651" s="613"/>
      <c r="DDF651" s="613"/>
      <c r="DDG651" s="613"/>
      <c r="DDH651" s="613"/>
      <c r="DDI651" s="613"/>
      <c r="DDJ651" s="613"/>
      <c r="DDK651" s="613"/>
      <c r="DDL651" s="613"/>
      <c r="DDM651" s="613"/>
      <c r="DDN651" s="613"/>
      <c r="DDO651" s="613"/>
      <c r="DDP651" s="613"/>
      <c r="DDQ651" s="613"/>
      <c r="DDR651" s="613"/>
      <c r="DDS651" s="613"/>
      <c r="DDT651" s="613"/>
      <c r="DDU651" s="613"/>
      <c r="DDV651" s="613"/>
      <c r="DDW651" s="613"/>
      <c r="DDX651" s="613"/>
      <c r="DDY651" s="613"/>
      <c r="DDZ651" s="613"/>
      <c r="DEA651" s="613"/>
      <c r="DEB651" s="613"/>
      <c r="DEC651" s="613"/>
      <c r="DED651" s="613"/>
      <c r="DEE651" s="613"/>
      <c r="DEF651" s="613"/>
      <c r="DEG651" s="613"/>
      <c r="DEH651" s="613"/>
      <c r="DEI651" s="613"/>
      <c r="DEJ651" s="613"/>
      <c r="DEK651" s="613"/>
      <c r="DEL651" s="613"/>
      <c r="DEM651" s="613"/>
      <c r="DEN651" s="613"/>
      <c r="DEO651" s="613"/>
      <c r="DEP651" s="613"/>
      <c r="DEQ651" s="613"/>
      <c r="DER651" s="613"/>
      <c r="DES651" s="613"/>
      <c r="DET651" s="613"/>
      <c r="DEU651" s="613"/>
      <c r="DEV651" s="613"/>
      <c r="DEW651" s="613"/>
      <c r="DEX651" s="613"/>
      <c r="DEY651" s="613"/>
      <c r="DEZ651" s="613"/>
      <c r="DFA651" s="613"/>
      <c r="DFB651" s="613"/>
      <c r="DFC651" s="613"/>
      <c r="DFD651" s="613"/>
      <c r="DFE651" s="613"/>
      <c r="DFF651" s="613"/>
      <c r="DFG651" s="613"/>
      <c r="DFH651" s="613"/>
      <c r="DFI651" s="613"/>
      <c r="DFJ651" s="613"/>
      <c r="DFK651" s="613"/>
      <c r="DFL651" s="613"/>
      <c r="DFM651" s="613"/>
      <c r="DFN651" s="613"/>
      <c r="DFO651" s="613"/>
      <c r="DFP651" s="613"/>
      <c r="DFQ651" s="613"/>
      <c r="DFR651" s="613"/>
      <c r="DFS651" s="613"/>
      <c r="DFT651" s="613"/>
      <c r="DFU651" s="613"/>
      <c r="DFV651" s="613"/>
      <c r="DFW651" s="613"/>
      <c r="DFX651" s="613"/>
      <c r="DFY651" s="613"/>
      <c r="DFZ651" s="613"/>
      <c r="DGA651" s="613"/>
      <c r="DGB651" s="613"/>
      <c r="DGC651" s="613"/>
      <c r="DGD651" s="613"/>
      <c r="DGE651" s="613"/>
      <c r="DGF651" s="613"/>
      <c r="DGG651" s="613"/>
      <c r="DGH651" s="613"/>
      <c r="DGI651" s="613"/>
      <c r="DGJ651" s="613"/>
      <c r="DGK651" s="613"/>
      <c r="DGL651" s="613"/>
      <c r="DGM651" s="613"/>
      <c r="DGN651" s="613"/>
      <c r="DGO651" s="613"/>
      <c r="DGP651" s="613"/>
      <c r="DGQ651" s="613"/>
      <c r="DGR651" s="613"/>
      <c r="DGS651" s="613"/>
      <c r="DGT651" s="613"/>
      <c r="DGU651" s="613"/>
      <c r="DGV651" s="613"/>
      <c r="DGW651" s="613"/>
      <c r="DGX651" s="613"/>
      <c r="DGY651" s="613"/>
      <c r="DGZ651" s="613"/>
      <c r="DHA651" s="613"/>
      <c r="DHB651" s="613"/>
      <c r="DHC651" s="613"/>
      <c r="DHD651" s="613"/>
      <c r="DHE651" s="613"/>
      <c r="DHF651" s="613"/>
      <c r="DHG651" s="613"/>
      <c r="DHH651" s="613"/>
      <c r="DHI651" s="613"/>
      <c r="DHJ651" s="613"/>
      <c r="DHK651" s="613"/>
      <c r="DHL651" s="613"/>
      <c r="DHM651" s="613"/>
      <c r="DHN651" s="613"/>
      <c r="DHO651" s="613"/>
      <c r="DHP651" s="613"/>
      <c r="DHQ651" s="613"/>
      <c r="DHR651" s="613"/>
      <c r="DHS651" s="613"/>
      <c r="DHT651" s="613"/>
      <c r="DHU651" s="613"/>
      <c r="DHV651" s="613"/>
      <c r="DHW651" s="613"/>
      <c r="DHX651" s="613"/>
      <c r="DHY651" s="613"/>
      <c r="DHZ651" s="613"/>
      <c r="DIA651" s="613"/>
      <c r="DIB651" s="613"/>
      <c r="DIC651" s="613"/>
      <c r="DID651" s="613"/>
      <c r="DIE651" s="613"/>
      <c r="DIF651" s="613"/>
      <c r="DIG651" s="613"/>
      <c r="DIH651" s="613"/>
      <c r="DII651" s="613"/>
      <c r="DIJ651" s="613"/>
      <c r="DIK651" s="613"/>
      <c r="DIL651" s="613"/>
      <c r="DIM651" s="613"/>
      <c r="DIN651" s="613"/>
      <c r="DIO651" s="613"/>
      <c r="DIP651" s="613"/>
      <c r="DIQ651" s="613"/>
      <c r="DIR651" s="613"/>
      <c r="DIS651" s="613"/>
      <c r="DIT651" s="613"/>
      <c r="DIU651" s="613"/>
      <c r="DIV651" s="613"/>
      <c r="DIW651" s="613"/>
      <c r="DIX651" s="613"/>
      <c r="DIY651" s="613"/>
      <c r="DIZ651" s="613"/>
      <c r="DJA651" s="613"/>
      <c r="DJB651" s="613"/>
      <c r="DJC651" s="613"/>
      <c r="DJD651" s="613"/>
      <c r="DJE651" s="613"/>
      <c r="DJF651" s="613"/>
      <c r="DJG651" s="613"/>
      <c r="DJH651" s="613"/>
      <c r="DJI651" s="613"/>
      <c r="DJJ651" s="613"/>
      <c r="DJK651" s="613"/>
      <c r="DJL651" s="613"/>
      <c r="DJM651" s="613"/>
      <c r="DJN651" s="613"/>
      <c r="DJO651" s="613"/>
      <c r="DJP651" s="613"/>
      <c r="DJQ651" s="613"/>
      <c r="DJR651" s="613"/>
      <c r="DJS651" s="613"/>
      <c r="DJT651" s="613"/>
      <c r="DJU651" s="613"/>
      <c r="DJV651" s="613"/>
      <c r="DJW651" s="613"/>
      <c r="DJX651" s="613"/>
      <c r="DJY651" s="613"/>
      <c r="DJZ651" s="613"/>
      <c r="DKA651" s="613"/>
      <c r="DKB651" s="613"/>
      <c r="DKC651" s="613"/>
      <c r="DKD651" s="613"/>
      <c r="DKE651" s="613"/>
      <c r="DKF651" s="613"/>
      <c r="DKG651" s="613"/>
      <c r="DKH651" s="613"/>
      <c r="DKI651" s="613"/>
      <c r="DKJ651" s="613"/>
      <c r="DKK651" s="613"/>
      <c r="DKL651" s="613"/>
      <c r="DKM651" s="613"/>
      <c r="DKN651" s="613"/>
      <c r="DKO651" s="613"/>
      <c r="DKP651" s="613"/>
      <c r="DKQ651" s="613"/>
      <c r="DKR651" s="613"/>
      <c r="DKS651" s="613"/>
      <c r="DKT651" s="613"/>
      <c r="DKU651" s="613"/>
      <c r="DKV651" s="613"/>
      <c r="DKW651" s="613"/>
      <c r="DKX651" s="613"/>
      <c r="DKY651" s="613"/>
      <c r="DKZ651" s="613"/>
      <c r="DLA651" s="613"/>
      <c r="DLB651" s="613"/>
      <c r="DLC651" s="613"/>
      <c r="DLD651" s="613"/>
      <c r="DLE651" s="613"/>
      <c r="DLF651" s="613"/>
      <c r="DLG651" s="613"/>
      <c r="DLH651" s="613"/>
      <c r="DLI651" s="613"/>
      <c r="DLJ651" s="613"/>
      <c r="DLK651" s="613"/>
      <c r="DLL651" s="613"/>
      <c r="DLM651" s="613"/>
      <c r="DLN651" s="613"/>
      <c r="DLO651" s="613"/>
      <c r="DLP651" s="613"/>
      <c r="DLQ651" s="613"/>
      <c r="DLR651" s="613"/>
      <c r="DLS651" s="613"/>
      <c r="DLT651" s="613"/>
      <c r="DLU651" s="613"/>
      <c r="DLV651" s="613"/>
      <c r="DLW651" s="613"/>
      <c r="DLX651" s="613"/>
      <c r="DLY651" s="613"/>
      <c r="DLZ651" s="613"/>
      <c r="DMA651" s="613"/>
      <c r="DMB651" s="613"/>
      <c r="DMC651" s="613"/>
      <c r="DMD651" s="613"/>
      <c r="DME651" s="613"/>
      <c r="DMF651" s="613"/>
      <c r="DMG651" s="613"/>
      <c r="DMH651" s="613"/>
      <c r="DMI651" s="613"/>
      <c r="DMJ651" s="613"/>
      <c r="DMK651" s="613"/>
      <c r="DML651" s="613"/>
      <c r="DMM651" s="613"/>
      <c r="DMN651" s="613"/>
      <c r="DMO651" s="613"/>
      <c r="DMP651" s="613"/>
      <c r="DMQ651" s="613"/>
      <c r="DMR651" s="613"/>
      <c r="DMS651" s="613"/>
      <c r="DMT651" s="613"/>
      <c r="DMU651" s="613"/>
      <c r="DMV651" s="613"/>
      <c r="DMW651" s="613"/>
      <c r="DMX651" s="613"/>
      <c r="DMY651" s="613"/>
      <c r="DMZ651" s="613"/>
      <c r="DNA651" s="613"/>
      <c r="DNB651" s="613"/>
      <c r="DNC651" s="613"/>
      <c r="DND651" s="613"/>
      <c r="DNE651" s="613"/>
      <c r="DNF651" s="613"/>
      <c r="DNG651" s="613"/>
      <c r="DNH651" s="613"/>
      <c r="DNI651" s="613"/>
      <c r="DNJ651" s="613"/>
      <c r="DNK651" s="613"/>
      <c r="DNL651" s="613"/>
      <c r="DNM651" s="613"/>
      <c r="DNN651" s="613"/>
      <c r="DNO651" s="613"/>
      <c r="DNP651" s="613"/>
      <c r="DNQ651" s="613"/>
      <c r="DNR651" s="613"/>
      <c r="DNS651" s="613"/>
      <c r="DNT651" s="613"/>
      <c r="DNU651" s="613"/>
      <c r="DNV651" s="613"/>
      <c r="DNW651" s="613"/>
      <c r="DNX651" s="613"/>
      <c r="DNY651" s="613"/>
      <c r="DNZ651" s="613"/>
      <c r="DOA651" s="613"/>
      <c r="DOB651" s="613"/>
      <c r="DOC651" s="613"/>
      <c r="DOD651" s="613"/>
      <c r="DOE651" s="613"/>
      <c r="DOF651" s="613"/>
      <c r="DOG651" s="613"/>
      <c r="DOH651" s="613"/>
      <c r="DOI651" s="613"/>
      <c r="DOJ651" s="613"/>
      <c r="DOK651" s="613"/>
      <c r="DOL651" s="613"/>
      <c r="DOM651" s="613"/>
      <c r="DON651" s="613"/>
      <c r="DOO651" s="613"/>
      <c r="DOP651" s="613"/>
      <c r="DOQ651" s="613"/>
      <c r="DOR651" s="613"/>
      <c r="DOS651" s="613"/>
      <c r="DOT651" s="613"/>
      <c r="DOU651" s="613"/>
      <c r="DOV651" s="613"/>
      <c r="DOW651" s="613"/>
      <c r="DOX651" s="613"/>
      <c r="DOY651" s="613"/>
      <c r="DOZ651" s="613"/>
      <c r="DPA651" s="613"/>
      <c r="DPB651" s="613"/>
      <c r="DPC651" s="613"/>
      <c r="DPD651" s="613"/>
      <c r="DPE651" s="613"/>
      <c r="DPF651" s="613"/>
      <c r="DPG651" s="613"/>
      <c r="DPH651" s="613"/>
      <c r="DPI651" s="613"/>
      <c r="DPJ651" s="613"/>
      <c r="DPK651" s="613"/>
      <c r="DPL651" s="613"/>
      <c r="DPM651" s="613"/>
      <c r="DPN651" s="613"/>
      <c r="DPO651" s="613"/>
      <c r="DPP651" s="613"/>
      <c r="DPQ651" s="613"/>
      <c r="DPR651" s="613"/>
      <c r="DPS651" s="613"/>
      <c r="DPT651" s="613"/>
      <c r="DPU651" s="613"/>
      <c r="DPV651" s="613"/>
      <c r="DPW651" s="613"/>
      <c r="DPX651" s="613"/>
      <c r="DPY651" s="613"/>
      <c r="DPZ651" s="613"/>
      <c r="DQA651" s="613"/>
      <c r="DQB651" s="613"/>
      <c r="DQC651" s="613"/>
      <c r="DQD651" s="613"/>
      <c r="DQE651" s="613"/>
      <c r="DQF651" s="613"/>
      <c r="DQG651" s="613"/>
      <c r="DQH651" s="613"/>
      <c r="DQI651" s="613"/>
      <c r="DQJ651" s="613"/>
      <c r="DQK651" s="613"/>
      <c r="DQL651" s="613"/>
      <c r="DQM651" s="613"/>
      <c r="DQN651" s="613"/>
      <c r="DQO651" s="613"/>
      <c r="DQP651" s="613"/>
      <c r="DQQ651" s="613"/>
      <c r="DQR651" s="613"/>
      <c r="DQS651" s="613"/>
      <c r="DQT651" s="613"/>
      <c r="DQU651" s="613"/>
      <c r="DQV651" s="613"/>
      <c r="DQW651" s="613"/>
      <c r="DQX651" s="613"/>
      <c r="DQY651" s="613"/>
      <c r="DQZ651" s="613"/>
      <c r="DRA651" s="613"/>
      <c r="DRB651" s="613"/>
      <c r="DRC651" s="613"/>
      <c r="DRD651" s="613"/>
      <c r="DRE651" s="613"/>
      <c r="DRF651" s="613"/>
      <c r="DRG651" s="613"/>
      <c r="DRH651" s="613"/>
      <c r="DRI651" s="613"/>
      <c r="DRJ651" s="613"/>
      <c r="DRK651" s="613"/>
      <c r="DRL651" s="613"/>
      <c r="DRM651" s="613"/>
      <c r="DRN651" s="613"/>
      <c r="DRO651" s="613"/>
      <c r="DRP651" s="613"/>
      <c r="DRQ651" s="613"/>
      <c r="DRR651" s="613"/>
      <c r="DRS651" s="613"/>
      <c r="DRT651" s="613"/>
      <c r="DRU651" s="613"/>
      <c r="DRV651" s="613"/>
      <c r="DRW651" s="613"/>
      <c r="DRX651" s="613"/>
      <c r="DRY651" s="613"/>
      <c r="DRZ651" s="613"/>
      <c r="DSA651" s="613"/>
      <c r="DSB651" s="613"/>
      <c r="DSC651" s="613"/>
      <c r="DSD651" s="613"/>
      <c r="DSE651" s="613"/>
      <c r="DSF651" s="613"/>
      <c r="DSG651" s="613"/>
      <c r="DSH651" s="613"/>
      <c r="DSI651" s="613"/>
      <c r="DSJ651" s="613"/>
      <c r="DSK651" s="613"/>
      <c r="DSL651" s="613"/>
      <c r="DSM651" s="613"/>
      <c r="DSN651" s="613"/>
      <c r="DSO651" s="613"/>
      <c r="DSP651" s="613"/>
      <c r="DSQ651" s="613"/>
      <c r="DSR651" s="613"/>
      <c r="DSS651" s="613"/>
      <c r="DST651" s="613"/>
      <c r="DSU651" s="613"/>
      <c r="DSV651" s="613"/>
      <c r="DSW651" s="613"/>
      <c r="DSX651" s="613"/>
      <c r="DSY651" s="613"/>
      <c r="DSZ651" s="613"/>
      <c r="DTA651" s="613"/>
      <c r="DTB651" s="613"/>
      <c r="DTC651" s="613"/>
      <c r="DTD651" s="613"/>
      <c r="DTE651" s="613"/>
      <c r="DTF651" s="613"/>
      <c r="DTG651" s="613"/>
      <c r="DTH651" s="613"/>
      <c r="DTI651" s="613"/>
      <c r="DTJ651" s="613"/>
      <c r="DTK651" s="613"/>
      <c r="DTL651" s="613"/>
      <c r="DTM651" s="613"/>
      <c r="DTN651" s="613"/>
      <c r="DTO651" s="613"/>
      <c r="DTP651" s="613"/>
      <c r="DTQ651" s="613"/>
      <c r="DTR651" s="613"/>
      <c r="DTS651" s="613"/>
      <c r="DTT651" s="613"/>
      <c r="DTU651" s="613"/>
      <c r="DTV651" s="613"/>
      <c r="DTW651" s="613"/>
      <c r="DTX651" s="613"/>
      <c r="DTY651" s="613"/>
      <c r="DTZ651" s="613"/>
      <c r="DUA651" s="613"/>
      <c r="DUB651" s="613"/>
      <c r="DUC651" s="613"/>
      <c r="DUD651" s="613"/>
      <c r="DUE651" s="613"/>
      <c r="DUF651" s="613"/>
      <c r="DUG651" s="613"/>
      <c r="DUH651" s="613"/>
      <c r="DUI651" s="613"/>
      <c r="DUJ651" s="613"/>
      <c r="DUK651" s="613"/>
      <c r="DUL651" s="613"/>
      <c r="DUM651" s="613"/>
      <c r="DUN651" s="613"/>
      <c r="DUO651" s="613"/>
      <c r="DUP651" s="613"/>
      <c r="DUQ651" s="613"/>
      <c r="DUR651" s="613"/>
      <c r="DUS651" s="613"/>
      <c r="DUT651" s="613"/>
      <c r="DUU651" s="613"/>
      <c r="DUV651" s="613"/>
      <c r="DUW651" s="613"/>
      <c r="DUX651" s="613"/>
      <c r="DUY651" s="613"/>
      <c r="DUZ651" s="613"/>
      <c r="DVA651" s="613"/>
      <c r="DVB651" s="613"/>
      <c r="DVC651" s="613"/>
      <c r="DVD651" s="613"/>
      <c r="DVE651" s="613"/>
      <c r="DVF651" s="613"/>
      <c r="DVG651" s="613"/>
      <c r="DVH651" s="613"/>
      <c r="DVI651" s="613"/>
      <c r="DVJ651" s="613"/>
      <c r="DVK651" s="613"/>
      <c r="DVL651" s="613"/>
      <c r="DVM651" s="613"/>
      <c r="DVN651" s="613"/>
      <c r="DVO651" s="613"/>
      <c r="DVP651" s="613"/>
      <c r="DVQ651" s="613"/>
      <c r="DVR651" s="613"/>
      <c r="DVS651" s="613"/>
      <c r="DVT651" s="613"/>
      <c r="DVU651" s="613"/>
      <c r="DVV651" s="613"/>
      <c r="DVW651" s="613"/>
      <c r="DVX651" s="613"/>
      <c r="DVY651" s="613"/>
      <c r="DVZ651" s="613"/>
      <c r="DWA651" s="613"/>
      <c r="DWB651" s="613"/>
      <c r="DWC651" s="613"/>
      <c r="DWD651" s="613"/>
      <c r="DWE651" s="613"/>
      <c r="DWF651" s="613"/>
      <c r="DWG651" s="613"/>
      <c r="DWH651" s="613"/>
      <c r="DWI651" s="613"/>
      <c r="DWJ651" s="613"/>
      <c r="DWK651" s="613"/>
      <c r="DWL651" s="613"/>
      <c r="DWM651" s="613"/>
      <c r="DWN651" s="613"/>
      <c r="DWO651" s="613"/>
      <c r="DWP651" s="613"/>
      <c r="DWQ651" s="613"/>
      <c r="DWR651" s="613"/>
      <c r="DWS651" s="613"/>
      <c r="DWT651" s="613"/>
      <c r="DWU651" s="613"/>
      <c r="DWV651" s="613"/>
      <c r="DWW651" s="613"/>
      <c r="DWX651" s="613"/>
      <c r="DWY651" s="613"/>
      <c r="DWZ651" s="613"/>
      <c r="DXA651" s="613"/>
      <c r="DXB651" s="613"/>
      <c r="DXC651" s="613"/>
      <c r="DXD651" s="613"/>
      <c r="DXE651" s="613"/>
      <c r="DXF651" s="613"/>
      <c r="DXG651" s="613"/>
      <c r="DXH651" s="613"/>
      <c r="DXI651" s="613"/>
      <c r="DXJ651" s="613"/>
      <c r="DXK651" s="613"/>
      <c r="DXL651" s="613"/>
      <c r="DXM651" s="613"/>
      <c r="DXN651" s="613"/>
      <c r="DXO651" s="613"/>
      <c r="DXP651" s="613"/>
      <c r="DXQ651" s="613"/>
      <c r="DXR651" s="613"/>
      <c r="DXS651" s="613"/>
      <c r="DXT651" s="613"/>
      <c r="DXU651" s="613"/>
      <c r="DXV651" s="613"/>
      <c r="DXW651" s="613"/>
      <c r="DXX651" s="613"/>
      <c r="DXY651" s="613"/>
      <c r="DXZ651" s="613"/>
      <c r="DYA651" s="613"/>
      <c r="DYB651" s="613"/>
      <c r="DYC651" s="613"/>
      <c r="DYD651" s="613"/>
      <c r="DYE651" s="613"/>
      <c r="DYF651" s="613"/>
      <c r="DYG651" s="613"/>
      <c r="DYH651" s="613"/>
      <c r="DYI651" s="613"/>
      <c r="DYJ651" s="613"/>
      <c r="DYK651" s="613"/>
      <c r="DYL651" s="613"/>
      <c r="DYM651" s="613"/>
      <c r="DYN651" s="613"/>
      <c r="DYO651" s="613"/>
      <c r="DYP651" s="613"/>
      <c r="DYQ651" s="613"/>
      <c r="DYR651" s="613"/>
      <c r="DYS651" s="613"/>
      <c r="DYT651" s="613"/>
      <c r="DYU651" s="613"/>
      <c r="DYV651" s="613"/>
      <c r="DYW651" s="613"/>
      <c r="DYX651" s="613"/>
      <c r="DYY651" s="613"/>
      <c r="DYZ651" s="613"/>
      <c r="DZA651" s="613"/>
      <c r="DZB651" s="613"/>
      <c r="DZC651" s="613"/>
      <c r="DZD651" s="613"/>
      <c r="DZE651" s="613"/>
      <c r="DZF651" s="613"/>
      <c r="DZG651" s="613"/>
      <c r="DZH651" s="613"/>
      <c r="DZI651" s="613"/>
      <c r="DZJ651" s="613"/>
      <c r="DZK651" s="613"/>
      <c r="DZL651" s="613"/>
      <c r="DZM651" s="613"/>
      <c r="DZN651" s="613"/>
      <c r="DZO651" s="613"/>
      <c r="DZP651" s="613"/>
      <c r="DZQ651" s="613"/>
      <c r="DZR651" s="613"/>
      <c r="DZS651" s="613"/>
      <c r="DZT651" s="613"/>
      <c r="DZU651" s="613"/>
      <c r="DZV651" s="613"/>
      <c r="DZW651" s="613"/>
      <c r="DZX651" s="613"/>
      <c r="DZY651" s="613"/>
      <c r="DZZ651" s="613"/>
      <c r="EAA651" s="613"/>
      <c r="EAB651" s="613"/>
      <c r="EAC651" s="613"/>
      <c r="EAD651" s="613"/>
      <c r="EAE651" s="613"/>
      <c r="EAF651" s="613"/>
      <c r="EAG651" s="613"/>
      <c r="EAH651" s="613"/>
      <c r="EAI651" s="613"/>
      <c r="EAJ651" s="613"/>
      <c r="EAK651" s="613"/>
      <c r="EAL651" s="613"/>
      <c r="EAM651" s="613"/>
      <c r="EAN651" s="613"/>
      <c r="EAO651" s="613"/>
      <c r="EAP651" s="613"/>
      <c r="EAQ651" s="613"/>
      <c r="EAR651" s="613"/>
      <c r="EAS651" s="613"/>
      <c r="EAT651" s="613"/>
      <c r="EAU651" s="613"/>
      <c r="EAV651" s="613"/>
      <c r="EAW651" s="613"/>
      <c r="EAX651" s="613"/>
      <c r="EAY651" s="613"/>
      <c r="EAZ651" s="613"/>
      <c r="EBA651" s="613"/>
      <c r="EBB651" s="613"/>
      <c r="EBC651" s="613"/>
      <c r="EBD651" s="613"/>
      <c r="EBE651" s="613"/>
      <c r="EBF651" s="613"/>
      <c r="EBG651" s="613"/>
      <c r="EBH651" s="613"/>
      <c r="EBI651" s="613"/>
      <c r="EBJ651" s="613"/>
      <c r="EBK651" s="613"/>
      <c r="EBL651" s="613"/>
      <c r="EBM651" s="613"/>
      <c r="EBN651" s="613"/>
      <c r="EBO651" s="613"/>
      <c r="EBP651" s="613"/>
      <c r="EBQ651" s="613"/>
      <c r="EBR651" s="613"/>
      <c r="EBS651" s="613"/>
      <c r="EBT651" s="613"/>
      <c r="EBU651" s="613"/>
      <c r="EBV651" s="613"/>
      <c r="EBW651" s="613"/>
      <c r="EBX651" s="613"/>
      <c r="EBY651" s="613"/>
      <c r="EBZ651" s="613"/>
      <c r="ECA651" s="613"/>
      <c r="ECB651" s="613"/>
      <c r="ECC651" s="613"/>
      <c r="ECD651" s="613"/>
      <c r="ECE651" s="613"/>
      <c r="ECF651" s="613"/>
      <c r="ECG651" s="613"/>
      <c r="ECH651" s="613"/>
      <c r="ECI651" s="613"/>
      <c r="ECJ651" s="613"/>
      <c r="ECK651" s="613"/>
      <c r="ECL651" s="613"/>
      <c r="ECM651" s="613"/>
      <c r="ECN651" s="613"/>
      <c r="ECO651" s="613"/>
      <c r="ECP651" s="613"/>
      <c r="ECQ651" s="613"/>
      <c r="ECR651" s="613"/>
      <c r="ECS651" s="613"/>
      <c r="ECT651" s="613"/>
      <c r="ECU651" s="613"/>
      <c r="ECV651" s="613"/>
      <c r="ECW651" s="613"/>
      <c r="ECX651" s="613"/>
      <c r="ECY651" s="613"/>
      <c r="ECZ651" s="613"/>
      <c r="EDA651" s="613"/>
      <c r="EDB651" s="613"/>
      <c r="EDC651" s="613"/>
      <c r="EDD651" s="613"/>
      <c r="EDE651" s="613"/>
      <c r="EDF651" s="613"/>
      <c r="EDG651" s="613"/>
      <c r="EDH651" s="613"/>
      <c r="EDI651" s="613"/>
      <c r="EDJ651" s="613"/>
      <c r="EDK651" s="613"/>
      <c r="EDL651" s="613"/>
      <c r="EDM651" s="613"/>
      <c r="EDN651" s="613"/>
      <c r="EDO651" s="613"/>
      <c r="EDP651" s="613"/>
      <c r="EDQ651" s="613"/>
      <c r="EDR651" s="613"/>
      <c r="EDS651" s="613"/>
      <c r="EDT651" s="613"/>
      <c r="EDU651" s="613"/>
      <c r="EDV651" s="613"/>
      <c r="EDW651" s="613"/>
      <c r="EDX651" s="613"/>
      <c r="EDY651" s="613"/>
      <c r="EDZ651" s="613"/>
      <c r="EEA651" s="613"/>
      <c r="EEB651" s="613"/>
      <c r="EEC651" s="613"/>
      <c r="EED651" s="613"/>
      <c r="EEE651" s="613"/>
      <c r="EEF651" s="613"/>
      <c r="EEG651" s="613"/>
      <c r="EEH651" s="613"/>
      <c r="EEI651" s="613"/>
      <c r="EEJ651" s="613"/>
      <c r="EEK651" s="613"/>
      <c r="EEL651" s="613"/>
      <c r="EEM651" s="613"/>
      <c r="EEN651" s="613"/>
      <c r="EEO651" s="613"/>
      <c r="EEP651" s="613"/>
      <c r="EEQ651" s="613"/>
      <c r="EER651" s="613"/>
      <c r="EES651" s="613"/>
      <c r="EET651" s="613"/>
      <c r="EEU651" s="613"/>
      <c r="EEV651" s="613"/>
      <c r="EEW651" s="613"/>
      <c r="EEX651" s="613"/>
      <c r="EEY651" s="613"/>
      <c r="EEZ651" s="613"/>
      <c r="EFA651" s="613"/>
      <c r="EFB651" s="613"/>
      <c r="EFC651" s="613"/>
      <c r="EFD651" s="613"/>
      <c r="EFE651" s="613"/>
      <c r="EFF651" s="613"/>
      <c r="EFG651" s="613"/>
      <c r="EFH651" s="613"/>
      <c r="EFI651" s="613"/>
      <c r="EFJ651" s="613"/>
      <c r="EFK651" s="613"/>
      <c r="EFL651" s="613"/>
      <c r="EFM651" s="613"/>
      <c r="EFN651" s="613"/>
      <c r="EFO651" s="613"/>
      <c r="EFP651" s="613"/>
      <c r="EFQ651" s="613"/>
      <c r="EFR651" s="613"/>
      <c r="EFS651" s="613"/>
      <c r="EFT651" s="613"/>
      <c r="EFU651" s="613"/>
      <c r="EFV651" s="613"/>
      <c r="EFW651" s="613"/>
      <c r="EFX651" s="613"/>
      <c r="EFY651" s="613"/>
      <c r="EFZ651" s="613"/>
      <c r="EGA651" s="613"/>
      <c r="EGB651" s="613"/>
      <c r="EGC651" s="613"/>
      <c r="EGD651" s="613"/>
      <c r="EGE651" s="613"/>
      <c r="EGF651" s="613"/>
      <c r="EGG651" s="613"/>
      <c r="EGH651" s="613"/>
      <c r="EGI651" s="613"/>
      <c r="EGJ651" s="613"/>
      <c r="EGK651" s="613"/>
      <c r="EGL651" s="613"/>
      <c r="EGM651" s="613"/>
      <c r="EGN651" s="613"/>
      <c r="EGO651" s="613"/>
      <c r="EGP651" s="613"/>
      <c r="EGQ651" s="613"/>
      <c r="EGR651" s="613"/>
      <c r="EGS651" s="613"/>
      <c r="EGT651" s="613"/>
      <c r="EGU651" s="613"/>
      <c r="EGV651" s="613"/>
      <c r="EGW651" s="613"/>
      <c r="EGX651" s="613"/>
      <c r="EGY651" s="613"/>
      <c r="EGZ651" s="613"/>
      <c r="EHA651" s="613"/>
      <c r="EHB651" s="613"/>
      <c r="EHC651" s="613"/>
      <c r="EHD651" s="613"/>
      <c r="EHE651" s="613"/>
      <c r="EHF651" s="613"/>
      <c r="EHG651" s="613"/>
      <c r="EHH651" s="613"/>
      <c r="EHI651" s="613"/>
      <c r="EHJ651" s="613"/>
      <c r="EHK651" s="613"/>
      <c r="EHL651" s="613"/>
      <c r="EHM651" s="613"/>
      <c r="EHN651" s="613"/>
      <c r="EHO651" s="613"/>
      <c r="EHP651" s="613"/>
      <c r="EHQ651" s="613"/>
      <c r="EHR651" s="613"/>
      <c r="EHS651" s="613"/>
      <c r="EHT651" s="613"/>
      <c r="EHU651" s="613"/>
      <c r="EHV651" s="613"/>
      <c r="EHW651" s="613"/>
      <c r="EHX651" s="613"/>
      <c r="EHY651" s="613"/>
      <c r="EHZ651" s="613"/>
      <c r="EIA651" s="613"/>
      <c r="EIB651" s="613"/>
      <c r="EIC651" s="613"/>
      <c r="EID651" s="613"/>
      <c r="EIE651" s="613"/>
      <c r="EIF651" s="613"/>
      <c r="EIG651" s="613"/>
      <c r="EIH651" s="613"/>
      <c r="EII651" s="613"/>
      <c r="EIJ651" s="613"/>
      <c r="EIK651" s="613"/>
      <c r="EIL651" s="613"/>
      <c r="EIM651" s="613"/>
      <c r="EIN651" s="613"/>
      <c r="EIO651" s="613"/>
      <c r="EIP651" s="613"/>
      <c r="EIQ651" s="613"/>
      <c r="EIR651" s="613"/>
      <c r="EIS651" s="613"/>
      <c r="EIT651" s="613"/>
      <c r="EIU651" s="613"/>
      <c r="EIV651" s="613"/>
      <c r="EIW651" s="613"/>
      <c r="EIX651" s="613"/>
      <c r="EIY651" s="613"/>
      <c r="EIZ651" s="613"/>
      <c r="EJA651" s="613"/>
      <c r="EJB651" s="613"/>
      <c r="EJC651" s="613"/>
      <c r="EJD651" s="613"/>
      <c r="EJE651" s="613"/>
      <c r="EJF651" s="613"/>
      <c r="EJG651" s="613"/>
      <c r="EJH651" s="613"/>
      <c r="EJI651" s="613"/>
      <c r="EJJ651" s="613"/>
      <c r="EJK651" s="613"/>
      <c r="EJL651" s="613"/>
      <c r="EJM651" s="613"/>
      <c r="EJN651" s="613"/>
      <c r="EJO651" s="613"/>
      <c r="EJP651" s="613"/>
      <c r="EJQ651" s="613"/>
      <c r="EJR651" s="613"/>
      <c r="EJS651" s="613"/>
      <c r="EJT651" s="613"/>
      <c r="EJU651" s="613"/>
      <c r="EJV651" s="613"/>
      <c r="EJW651" s="613"/>
      <c r="EJX651" s="613"/>
      <c r="EJY651" s="613"/>
      <c r="EJZ651" s="613"/>
      <c r="EKA651" s="613"/>
      <c r="EKB651" s="613"/>
      <c r="EKC651" s="613"/>
      <c r="EKD651" s="613"/>
      <c r="EKE651" s="613"/>
      <c r="EKF651" s="613"/>
      <c r="EKG651" s="613"/>
      <c r="EKH651" s="613"/>
      <c r="EKI651" s="613"/>
      <c r="EKJ651" s="613"/>
      <c r="EKK651" s="613"/>
      <c r="EKL651" s="613"/>
      <c r="EKM651" s="613"/>
      <c r="EKN651" s="613"/>
      <c r="EKO651" s="613"/>
      <c r="EKP651" s="613"/>
      <c r="EKQ651" s="613"/>
      <c r="EKR651" s="613"/>
      <c r="EKS651" s="613"/>
      <c r="EKT651" s="613"/>
      <c r="EKU651" s="613"/>
      <c r="EKV651" s="613"/>
      <c r="EKW651" s="613"/>
      <c r="EKX651" s="613"/>
      <c r="EKY651" s="613"/>
      <c r="EKZ651" s="613"/>
      <c r="ELA651" s="613"/>
      <c r="ELB651" s="613"/>
      <c r="ELC651" s="613"/>
      <c r="ELD651" s="613"/>
      <c r="ELE651" s="613"/>
      <c r="ELF651" s="613"/>
      <c r="ELG651" s="613"/>
      <c r="ELH651" s="613"/>
      <c r="ELI651" s="613"/>
      <c r="ELJ651" s="613"/>
      <c r="ELK651" s="613"/>
      <c r="ELL651" s="613"/>
      <c r="ELM651" s="613"/>
      <c r="ELN651" s="613"/>
      <c r="ELO651" s="613"/>
      <c r="ELP651" s="613"/>
      <c r="ELQ651" s="613"/>
      <c r="ELR651" s="613"/>
      <c r="ELS651" s="613"/>
      <c r="ELT651" s="613"/>
      <c r="ELU651" s="613"/>
      <c r="ELV651" s="613"/>
      <c r="ELW651" s="613"/>
      <c r="ELX651" s="613"/>
      <c r="ELY651" s="613"/>
      <c r="ELZ651" s="613"/>
      <c r="EMA651" s="613"/>
      <c r="EMB651" s="613"/>
      <c r="EMC651" s="613"/>
      <c r="EMD651" s="613"/>
      <c r="EME651" s="613"/>
      <c r="EMF651" s="613"/>
      <c r="EMG651" s="613"/>
      <c r="EMH651" s="613"/>
      <c r="EMI651" s="613"/>
      <c r="EMJ651" s="613"/>
      <c r="EMK651" s="613"/>
      <c r="EML651" s="613"/>
      <c r="EMM651" s="613"/>
      <c r="EMN651" s="613"/>
      <c r="EMO651" s="613"/>
      <c r="EMP651" s="613"/>
      <c r="EMQ651" s="613"/>
      <c r="EMR651" s="613"/>
      <c r="EMS651" s="613"/>
      <c r="EMT651" s="613"/>
      <c r="EMU651" s="613"/>
      <c r="EMV651" s="613"/>
      <c r="EMW651" s="613"/>
      <c r="EMX651" s="613"/>
      <c r="EMY651" s="613"/>
      <c r="EMZ651" s="613"/>
      <c r="ENA651" s="613"/>
      <c r="ENB651" s="613"/>
      <c r="ENC651" s="613"/>
      <c r="END651" s="613"/>
      <c r="ENE651" s="613"/>
      <c r="ENF651" s="613"/>
      <c r="ENG651" s="613"/>
      <c r="ENH651" s="613"/>
      <c r="ENI651" s="613"/>
      <c r="ENJ651" s="613"/>
      <c r="ENK651" s="613"/>
      <c r="ENL651" s="613"/>
      <c r="ENM651" s="613"/>
      <c r="ENN651" s="613"/>
      <c r="ENO651" s="613"/>
      <c r="ENP651" s="613"/>
      <c r="ENQ651" s="613"/>
      <c r="ENR651" s="613"/>
      <c r="ENS651" s="613"/>
      <c r="ENT651" s="613"/>
      <c r="ENU651" s="613"/>
      <c r="ENV651" s="613"/>
      <c r="ENW651" s="613"/>
      <c r="ENX651" s="613"/>
      <c r="ENY651" s="613"/>
      <c r="ENZ651" s="613"/>
      <c r="EOA651" s="613"/>
      <c r="EOB651" s="613"/>
      <c r="EOC651" s="613"/>
      <c r="EOD651" s="613"/>
      <c r="EOE651" s="613"/>
      <c r="EOF651" s="613"/>
      <c r="EOG651" s="613"/>
      <c r="EOH651" s="613"/>
      <c r="EOI651" s="613"/>
      <c r="EOJ651" s="613"/>
      <c r="EOK651" s="613"/>
      <c r="EOL651" s="613"/>
      <c r="EOM651" s="613"/>
      <c r="EON651" s="613"/>
      <c r="EOO651" s="613"/>
      <c r="EOP651" s="613"/>
      <c r="EOQ651" s="613"/>
      <c r="EOR651" s="613"/>
      <c r="EOS651" s="613"/>
      <c r="EOT651" s="613"/>
      <c r="EOU651" s="613"/>
      <c r="EOV651" s="613"/>
      <c r="EOW651" s="613"/>
      <c r="EOX651" s="613"/>
      <c r="EOY651" s="613"/>
      <c r="EOZ651" s="613"/>
      <c r="EPA651" s="613"/>
      <c r="EPB651" s="613"/>
      <c r="EPC651" s="613"/>
      <c r="EPD651" s="613"/>
      <c r="EPE651" s="613"/>
      <c r="EPF651" s="613"/>
      <c r="EPG651" s="613"/>
      <c r="EPH651" s="613"/>
      <c r="EPI651" s="613"/>
      <c r="EPJ651" s="613"/>
      <c r="EPK651" s="613"/>
      <c r="EPL651" s="613"/>
      <c r="EPM651" s="613"/>
      <c r="EPN651" s="613"/>
      <c r="EPO651" s="613"/>
      <c r="EPP651" s="613"/>
      <c r="EPQ651" s="613"/>
      <c r="EPR651" s="613"/>
      <c r="EPS651" s="613"/>
      <c r="EPT651" s="613"/>
      <c r="EPU651" s="613"/>
      <c r="EPV651" s="613"/>
      <c r="EPW651" s="613"/>
      <c r="EPX651" s="613"/>
      <c r="EPY651" s="613"/>
      <c r="EPZ651" s="613"/>
      <c r="EQA651" s="613"/>
      <c r="EQB651" s="613"/>
      <c r="EQC651" s="613"/>
      <c r="EQD651" s="613"/>
      <c r="EQE651" s="613"/>
      <c r="EQF651" s="613"/>
      <c r="EQG651" s="613"/>
      <c r="EQH651" s="613"/>
      <c r="EQI651" s="613"/>
      <c r="EQJ651" s="613"/>
      <c r="EQK651" s="613"/>
      <c r="EQL651" s="613"/>
      <c r="EQM651" s="613"/>
      <c r="EQN651" s="613"/>
      <c r="EQO651" s="613"/>
      <c r="EQP651" s="613"/>
      <c r="EQQ651" s="613"/>
      <c r="EQR651" s="613"/>
      <c r="EQS651" s="613"/>
      <c r="EQT651" s="613"/>
      <c r="EQU651" s="613"/>
      <c r="EQV651" s="613"/>
      <c r="EQW651" s="613"/>
      <c r="EQX651" s="613"/>
      <c r="EQY651" s="613"/>
      <c r="EQZ651" s="613"/>
      <c r="ERA651" s="613"/>
      <c r="ERB651" s="613"/>
      <c r="ERC651" s="613"/>
      <c r="ERD651" s="613"/>
      <c r="ERE651" s="613"/>
      <c r="ERF651" s="613"/>
      <c r="ERG651" s="613"/>
      <c r="ERH651" s="613"/>
      <c r="ERI651" s="613"/>
      <c r="ERJ651" s="613"/>
      <c r="ERK651" s="613"/>
      <c r="ERL651" s="613"/>
      <c r="ERM651" s="613"/>
      <c r="ERN651" s="613"/>
      <c r="ERO651" s="613"/>
      <c r="ERP651" s="613"/>
      <c r="ERQ651" s="613"/>
      <c r="ERR651" s="613"/>
      <c r="ERS651" s="613"/>
      <c r="ERT651" s="613"/>
      <c r="ERU651" s="613"/>
      <c r="ERV651" s="613"/>
      <c r="ERW651" s="613"/>
      <c r="ERX651" s="613"/>
      <c r="ERY651" s="613"/>
      <c r="ERZ651" s="613"/>
      <c r="ESA651" s="613"/>
      <c r="ESB651" s="613"/>
      <c r="ESC651" s="613"/>
      <c r="ESD651" s="613"/>
      <c r="ESE651" s="613"/>
      <c r="ESF651" s="613"/>
      <c r="ESG651" s="613"/>
      <c r="ESH651" s="613"/>
      <c r="ESI651" s="613"/>
      <c r="ESJ651" s="613"/>
      <c r="ESK651" s="613"/>
      <c r="ESL651" s="613"/>
      <c r="ESM651" s="613"/>
      <c r="ESN651" s="613"/>
      <c r="ESO651" s="613"/>
      <c r="ESP651" s="613"/>
      <c r="ESQ651" s="613"/>
      <c r="ESR651" s="613"/>
      <c r="ESS651" s="613"/>
      <c r="EST651" s="613"/>
      <c r="ESU651" s="613"/>
      <c r="ESV651" s="613"/>
      <c r="ESW651" s="613"/>
      <c r="ESX651" s="613"/>
      <c r="ESY651" s="613"/>
      <c r="ESZ651" s="613"/>
      <c r="ETA651" s="613"/>
      <c r="ETB651" s="613"/>
      <c r="ETC651" s="613"/>
      <c r="ETD651" s="613"/>
      <c r="ETE651" s="613"/>
      <c r="ETF651" s="613"/>
      <c r="ETG651" s="613"/>
      <c r="ETH651" s="613"/>
      <c r="ETI651" s="613"/>
      <c r="ETJ651" s="613"/>
      <c r="ETK651" s="613"/>
      <c r="ETL651" s="613"/>
      <c r="ETM651" s="613"/>
      <c r="ETN651" s="613"/>
      <c r="ETO651" s="613"/>
      <c r="ETP651" s="613"/>
      <c r="ETQ651" s="613"/>
      <c r="ETR651" s="613"/>
      <c r="ETS651" s="613"/>
      <c r="ETT651" s="613"/>
      <c r="ETU651" s="613"/>
      <c r="ETV651" s="613"/>
      <c r="ETW651" s="613"/>
      <c r="ETX651" s="613"/>
      <c r="ETY651" s="613"/>
      <c r="ETZ651" s="613"/>
      <c r="EUA651" s="613"/>
      <c r="EUB651" s="613"/>
      <c r="EUC651" s="613"/>
      <c r="EUD651" s="613"/>
      <c r="EUE651" s="613"/>
      <c r="EUF651" s="613"/>
      <c r="EUG651" s="613"/>
      <c r="EUH651" s="613"/>
      <c r="EUI651" s="613"/>
      <c r="EUJ651" s="613"/>
      <c r="EUK651" s="613"/>
      <c r="EUL651" s="613"/>
      <c r="EUM651" s="613"/>
      <c r="EUN651" s="613"/>
      <c r="EUO651" s="613"/>
      <c r="EUP651" s="613"/>
      <c r="EUQ651" s="613"/>
      <c r="EUR651" s="613"/>
      <c r="EUS651" s="613"/>
      <c r="EUT651" s="613"/>
      <c r="EUU651" s="613"/>
      <c r="EUV651" s="613"/>
      <c r="EUW651" s="613"/>
      <c r="EUX651" s="613"/>
      <c r="EUY651" s="613"/>
      <c r="EUZ651" s="613"/>
      <c r="EVA651" s="613"/>
      <c r="EVB651" s="613"/>
      <c r="EVC651" s="613"/>
      <c r="EVD651" s="613"/>
      <c r="EVE651" s="613"/>
      <c r="EVF651" s="613"/>
      <c r="EVG651" s="613"/>
      <c r="EVH651" s="613"/>
      <c r="EVI651" s="613"/>
      <c r="EVJ651" s="613"/>
      <c r="EVK651" s="613"/>
      <c r="EVL651" s="613"/>
      <c r="EVM651" s="613"/>
      <c r="EVN651" s="613"/>
      <c r="EVO651" s="613"/>
      <c r="EVP651" s="613"/>
      <c r="EVQ651" s="613"/>
      <c r="EVR651" s="613"/>
      <c r="EVS651" s="613"/>
      <c r="EVT651" s="613"/>
      <c r="EVU651" s="613"/>
      <c r="EVV651" s="613"/>
      <c r="EVW651" s="613"/>
      <c r="EVX651" s="613"/>
      <c r="EVY651" s="613"/>
      <c r="EVZ651" s="613"/>
      <c r="EWA651" s="613"/>
      <c r="EWB651" s="613"/>
      <c r="EWC651" s="613"/>
      <c r="EWD651" s="613"/>
      <c r="EWE651" s="613"/>
      <c r="EWF651" s="613"/>
      <c r="EWG651" s="613"/>
      <c r="EWH651" s="613"/>
      <c r="EWI651" s="613"/>
      <c r="EWJ651" s="613"/>
      <c r="EWK651" s="613"/>
      <c r="EWL651" s="613"/>
      <c r="EWM651" s="613"/>
      <c r="EWN651" s="613"/>
      <c r="EWO651" s="613"/>
      <c r="EWP651" s="613"/>
      <c r="EWQ651" s="613"/>
      <c r="EWR651" s="613"/>
      <c r="EWS651" s="613"/>
      <c r="EWT651" s="613"/>
      <c r="EWU651" s="613"/>
      <c r="EWV651" s="613"/>
      <c r="EWW651" s="613"/>
      <c r="EWX651" s="613"/>
      <c r="EWY651" s="613"/>
      <c r="EWZ651" s="613"/>
      <c r="EXA651" s="613"/>
      <c r="EXB651" s="613"/>
      <c r="EXC651" s="613"/>
      <c r="EXD651" s="613"/>
      <c r="EXE651" s="613"/>
      <c r="EXF651" s="613"/>
      <c r="EXG651" s="613"/>
      <c r="EXH651" s="613"/>
      <c r="EXI651" s="613"/>
      <c r="EXJ651" s="613"/>
      <c r="EXK651" s="613"/>
      <c r="EXL651" s="613"/>
      <c r="EXM651" s="613"/>
      <c r="EXN651" s="613"/>
      <c r="EXO651" s="613"/>
      <c r="EXP651" s="613"/>
      <c r="EXQ651" s="613"/>
      <c r="EXR651" s="613"/>
      <c r="EXS651" s="613"/>
      <c r="EXT651" s="613"/>
      <c r="EXU651" s="613"/>
      <c r="EXV651" s="613"/>
      <c r="EXW651" s="613"/>
      <c r="EXX651" s="613"/>
      <c r="EXY651" s="613"/>
      <c r="EXZ651" s="613"/>
      <c r="EYA651" s="613"/>
      <c r="EYB651" s="613"/>
      <c r="EYC651" s="613"/>
      <c r="EYD651" s="613"/>
      <c r="EYE651" s="613"/>
      <c r="EYF651" s="613"/>
      <c r="EYG651" s="613"/>
      <c r="EYH651" s="613"/>
      <c r="EYI651" s="613"/>
      <c r="EYJ651" s="613"/>
      <c r="EYK651" s="613"/>
      <c r="EYL651" s="613"/>
      <c r="EYM651" s="613"/>
      <c r="EYN651" s="613"/>
      <c r="EYO651" s="613"/>
      <c r="EYP651" s="613"/>
      <c r="EYQ651" s="613"/>
      <c r="EYR651" s="613"/>
      <c r="EYS651" s="613"/>
      <c r="EYT651" s="613"/>
      <c r="EYU651" s="613"/>
      <c r="EYV651" s="613"/>
      <c r="EYW651" s="613"/>
      <c r="EYX651" s="613"/>
      <c r="EYY651" s="613"/>
      <c r="EYZ651" s="613"/>
      <c r="EZA651" s="613"/>
      <c r="EZB651" s="613"/>
      <c r="EZC651" s="613"/>
      <c r="EZD651" s="613"/>
      <c r="EZE651" s="613"/>
      <c r="EZF651" s="613"/>
      <c r="EZG651" s="613"/>
      <c r="EZH651" s="613"/>
      <c r="EZI651" s="613"/>
      <c r="EZJ651" s="613"/>
      <c r="EZK651" s="613"/>
      <c r="EZL651" s="613"/>
      <c r="EZM651" s="613"/>
      <c r="EZN651" s="613"/>
      <c r="EZO651" s="613"/>
      <c r="EZP651" s="613"/>
      <c r="EZQ651" s="613"/>
      <c r="EZR651" s="613"/>
      <c r="EZS651" s="613"/>
      <c r="EZT651" s="613"/>
      <c r="EZU651" s="613"/>
      <c r="EZV651" s="613"/>
      <c r="EZW651" s="613"/>
      <c r="EZX651" s="613"/>
      <c r="EZY651" s="613"/>
      <c r="EZZ651" s="613"/>
      <c r="FAA651" s="613"/>
      <c r="FAB651" s="613"/>
      <c r="FAC651" s="613"/>
      <c r="FAD651" s="613"/>
      <c r="FAE651" s="613"/>
      <c r="FAF651" s="613"/>
      <c r="FAG651" s="613"/>
      <c r="FAH651" s="613"/>
      <c r="FAI651" s="613"/>
      <c r="FAJ651" s="613"/>
      <c r="FAK651" s="613"/>
      <c r="FAL651" s="613"/>
      <c r="FAM651" s="613"/>
      <c r="FAN651" s="613"/>
      <c r="FAO651" s="613"/>
      <c r="FAP651" s="613"/>
      <c r="FAQ651" s="613"/>
      <c r="FAR651" s="613"/>
      <c r="FAS651" s="613"/>
      <c r="FAT651" s="613"/>
      <c r="FAU651" s="613"/>
      <c r="FAV651" s="613"/>
      <c r="FAW651" s="613"/>
      <c r="FAX651" s="613"/>
      <c r="FAY651" s="613"/>
      <c r="FAZ651" s="613"/>
      <c r="FBA651" s="613"/>
      <c r="FBB651" s="613"/>
      <c r="FBC651" s="613"/>
      <c r="FBD651" s="613"/>
      <c r="FBE651" s="613"/>
      <c r="FBF651" s="613"/>
      <c r="FBG651" s="613"/>
      <c r="FBH651" s="613"/>
      <c r="FBI651" s="613"/>
      <c r="FBJ651" s="613"/>
      <c r="FBK651" s="613"/>
      <c r="FBL651" s="613"/>
      <c r="FBM651" s="613"/>
      <c r="FBN651" s="613"/>
      <c r="FBO651" s="613"/>
      <c r="FBP651" s="613"/>
      <c r="FBQ651" s="613"/>
      <c r="FBR651" s="613"/>
      <c r="FBS651" s="613"/>
      <c r="FBT651" s="613"/>
      <c r="FBU651" s="613"/>
      <c r="FBV651" s="613"/>
      <c r="FBW651" s="613"/>
      <c r="FBX651" s="613"/>
      <c r="FBY651" s="613"/>
      <c r="FBZ651" s="613"/>
      <c r="FCA651" s="613"/>
      <c r="FCB651" s="613"/>
      <c r="FCC651" s="613"/>
      <c r="FCD651" s="613"/>
      <c r="FCE651" s="613"/>
      <c r="FCF651" s="613"/>
      <c r="FCG651" s="613"/>
      <c r="FCH651" s="613"/>
      <c r="FCI651" s="613"/>
      <c r="FCJ651" s="613"/>
      <c r="FCK651" s="613"/>
      <c r="FCL651" s="613"/>
      <c r="FCM651" s="613"/>
      <c r="FCN651" s="613"/>
      <c r="FCO651" s="613"/>
      <c r="FCP651" s="613"/>
      <c r="FCQ651" s="613"/>
      <c r="FCR651" s="613"/>
      <c r="FCS651" s="613"/>
      <c r="FCT651" s="613"/>
      <c r="FCU651" s="613"/>
      <c r="FCV651" s="613"/>
      <c r="FCW651" s="613"/>
      <c r="FCX651" s="613"/>
      <c r="FCY651" s="613"/>
      <c r="FCZ651" s="613"/>
      <c r="FDA651" s="613"/>
      <c r="FDB651" s="613"/>
      <c r="FDC651" s="613"/>
      <c r="FDD651" s="613"/>
      <c r="FDE651" s="613"/>
      <c r="FDF651" s="613"/>
      <c r="FDG651" s="613"/>
      <c r="FDH651" s="613"/>
      <c r="FDI651" s="613"/>
      <c r="FDJ651" s="613"/>
      <c r="FDK651" s="613"/>
      <c r="FDL651" s="613"/>
      <c r="FDM651" s="613"/>
      <c r="FDN651" s="613"/>
      <c r="FDO651" s="613"/>
      <c r="FDP651" s="613"/>
      <c r="FDQ651" s="613"/>
      <c r="FDR651" s="613"/>
      <c r="FDS651" s="613"/>
      <c r="FDT651" s="613"/>
      <c r="FDU651" s="613"/>
      <c r="FDV651" s="613"/>
      <c r="FDW651" s="613"/>
      <c r="FDX651" s="613"/>
      <c r="FDY651" s="613"/>
      <c r="FDZ651" s="613"/>
      <c r="FEA651" s="613"/>
      <c r="FEB651" s="613"/>
      <c r="FEC651" s="613"/>
      <c r="FED651" s="613"/>
      <c r="FEE651" s="613"/>
      <c r="FEF651" s="613"/>
      <c r="FEG651" s="613"/>
      <c r="FEH651" s="613"/>
      <c r="FEI651" s="613"/>
      <c r="FEJ651" s="613"/>
      <c r="FEK651" s="613"/>
      <c r="FEL651" s="613"/>
      <c r="FEM651" s="613"/>
      <c r="FEN651" s="613"/>
      <c r="FEO651" s="613"/>
      <c r="FEP651" s="613"/>
      <c r="FEQ651" s="613"/>
      <c r="FER651" s="613"/>
      <c r="FES651" s="613"/>
      <c r="FET651" s="613"/>
      <c r="FEU651" s="613"/>
      <c r="FEV651" s="613"/>
      <c r="FEW651" s="613"/>
      <c r="FEX651" s="613"/>
      <c r="FEY651" s="613"/>
      <c r="FEZ651" s="613"/>
      <c r="FFA651" s="613"/>
      <c r="FFB651" s="613"/>
      <c r="FFC651" s="613"/>
      <c r="FFD651" s="613"/>
      <c r="FFE651" s="613"/>
      <c r="FFF651" s="613"/>
      <c r="FFG651" s="613"/>
      <c r="FFH651" s="613"/>
      <c r="FFI651" s="613"/>
      <c r="FFJ651" s="613"/>
      <c r="FFK651" s="613"/>
      <c r="FFL651" s="613"/>
      <c r="FFM651" s="613"/>
      <c r="FFN651" s="613"/>
      <c r="FFO651" s="613"/>
      <c r="FFP651" s="613"/>
      <c r="FFQ651" s="613"/>
      <c r="FFR651" s="613"/>
      <c r="FFS651" s="613"/>
      <c r="FFT651" s="613"/>
      <c r="FFU651" s="613"/>
      <c r="FFV651" s="613"/>
      <c r="FFW651" s="613"/>
      <c r="FFX651" s="613"/>
      <c r="FFY651" s="613"/>
      <c r="FFZ651" s="613"/>
      <c r="FGA651" s="613"/>
      <c r="FGB651" s="613"/>
      <c r="FGC651" s="613"/>
      <c r="FGD651" s="613"/>
      <c r="FGE651" s="613"/>
      <c r="FGF651" s="613"/>
      <c r="FGG651" s="613"/>
      <c r="FGH651" s="613"/>
      <c r="FGI651" s="613"/>
      <c r="FGJ651" s="613"/>
      <c r="FGK651" s="613"/>
      <c r="FGL651" s="613"/>
      <c r="FGM651" s="613"/>
      <c r="FGN651" s="613"/>
      <c r="FGO651" s="613"/>
      <c r="FGP651" s="613"/>
      <c r="FGQ651" s="613"/>
      <c r="FGR651" s="613"/>
      <c r="FGS651" s="613"/>
      <c r="FGT651" s="613"/>
      <c r="FGU651" s="613"/>
      <c r="FGV651" s="613"/>
      <c r="FGW651" s="613"/>
      <c r="FGX651" s="613"/>
      <c r="FGY651" s="613"/>
      <c r="FGZ651" s="613"/>
      <c r="FHA651" s="613"/>
      <c r="FHB651" s="613"/>
      <c r="FHC651" s="613"/>
      <c r="FHD651" s="613"/>
      <c r="FHE651" s="613"/>
      <c r="FHF651" s="613"/>
      <c r="FHG651" s="613"/>
      <c r="FHH651" s="613"/>
      <c r="FHI651" s="613"/>
      <c r="FHJ651" s="613"/>
      <c r="FHK651" s="613"/>
      <c r="FHL651" s="613"/>
      <c r="FHM651" s="613"/>
      <c r="FHN651" s="613"/>
      <c r="FHO651" s="613"/>
      <c r="FHP651" s="613"/>
      <c r="FHQ651" s="613"/>
      <c r="FHR651" s="613"/>
      <c r="FHS651" s="613"/>
      <c r="FHT651" s="613"/>
      <c r="FHU651" s="613"/>
      <c r="FHV651" s="613"/>
      <c r="FHW651" s="613"/>
      <c r="FHX651" s="613"/>
      <c r="FHY651" s="613"/>
      <c r="FHZ651" s="613"/>
      <c r="FIA651" s="613"/>
      <c r="FIB651" s="613"/>
      <c r="FIC651" s="613"/>
      <c r="FID651" s="613"/>
      <c r="FIE651" s="613"/>
      <c r="FIF651" s="613"/>
      <c r="FIG651" s="613"/>
      <c r="FIH651" s="613"/>
      <c r="FII651" s="613"/>
      <c r="FIJ651" s="613"/>
      <c r="FIK651" s="613"/>
      <c r="FIL651" s="613"/>
      <c r="FIM651" s="613"/>
      <c r="FIN651" s="613"/>
      <c r="FIO651" s="613"/>
      <c r="FIP651" s="613"/>
      <c r="FIQ651" s="613"/>
      <c r="FIR651" s="613"/>
      <c r="FIS651" s="613"/>
      <c r="FIT651" s="613"/>
      <c r="FIU651" s="613"/>
      <c r="FIV651" s="613"/>
      <c r="FIW651" s="613"/>
      <c r="FIX651" s="613"/>
      <c r="FIY651" s="613"/>
      <c r="FIZ651" s="613"/>
      <c r="FJA651" s="613"/>
      <c r="FJB651" s="613"/>
      <c r="FJC651" s="613"/>
      <c r="FJD651" s="613"/>
      <c r="FJE651" s="613"/>
      <c r="FJF651" s="613"/>
      <c r="FJG651" s="613"/>
      <c r="FJH651" s="613"/>
      <c r="FJI651" s="613"/>
      <c r="FJJ651" s="613"/>
      <c r="FJK651" s="613"/>
      <c r="FJL651" s="613"/>
      <c r="FJM651" s="613"/>
      <c r="FJN651" s="613"/>
      <c r="FJO651" s="613"/>
      <c r="FJP651" s="613"/>
      <c r="FJQ651" s="613"/>
      <c r="FJR651" s="613"/>
      <c r="FJS651" s="613"/>
      <c r="FJT651" s="613"/>
      <c r="FJU651" s="613"/>
      <c r="FJV651" s="613"/>
      <c r="FJW651" s="613"/>
      <c r="FJX651" s="613"/>
      <c r="FJY651" s="613"/>
      <c r="FJZ651" s="613"/>
      <c r="FKA651" s="613"/>
      <c r="FKB651" s="613"/>
      <c r="FKC651" s="613"/>
      <c r="FKD651" s="613"/>
      <c r="FKE651" s="613"/>
      <c r="FKF651" s="613"/>
      <c r="FKG651" s="613"/>
      <c r="FKH651" s="613"/>
      <c r="FKI651" s="613"/>
      <c r="FKJ651" s="613"/>
      <c r="FKK651" s="613"/>
      <c r="FKL651" s="613"/>
      <c r="FKM651" s="613"/>
      <c r="FKN651" s="613"/>
      <c r="FKO651" s="613"/>
      <c r="FKP651" s="613"/>
      <c r="FKQ651" s="613"/>
      <c r="FKR651" s="613"/>
      <c r="FKS651" s="613"/>
      <c r="FKT651" s="613"/>
      <c r="FKU651" s="613"/>
      <c r="FKV651" s="613"/>
      <c r="FKW651" s="613"/>
      <c r="FKX651" s="613"/>
      <c r="FKY651" s="613"/>
      <c r="FKZ651" s="613"/>
      <c r="FLA651" s="613"/>
      <c r="FLB651" s="613"/>
      <c r="FLC651" s="613"/>
      <c r="FLD651" s="613"/>
      <c r="FLE651" s="613"/>
      <c r="FLF651" s="613"/>
      <c r="FLG651" s="613"/>
      <c r="FLH651" s="613"/>
      <c r="FLI651" s="613"/>
      <c r="FLJ651" s="613"/>
      <c r="FLK651" s="613"/>
      <c r="FLL651" s="613"/>
      <c r="FLM651" s="613"/>
      <c r="FLN651" s="613"/>
      <c r="FLO651" s="613"/>
      <c r="FLP651" s="613"/>
      <c r="FLQ651" s="613"/>
      <c r="FLR651" s="613"/>
      <c r="FLS651" s="613"/>
      <c r="FLT651" s="613"/>
      <c r="FLU651" s="613"/>
      <c r="FLV651" s="613"/>
      <c r="FLW651" s="613"/>
      <c r="FLX651" s="613"/>
      <c r="FLY651" s="613"/>
      <c r="FLZ651" s="613"/>
      <c r="FMA651" s="613"/>
      <c r="FMB651" s="613"/>
      <c r="FMC651" s="613"/>
      <c r="FMD651" s="613"/>
      <c r="FME651" s="613"/>
      <c r="FMF651" s="613"/>
      <c r="FMG651" s="613"/>
      <c r="FMH651" s="613"/>
      <c r="FMI651" s="613"/>
      <c r="FMJ651" s="613"/>
      <c r="FMK651" s="613"/>
      <c r="FML651" s="613"/>
      <c r="FMM651" s="613"/>
      <c r="FMN651" s="613"/>
      <c r="FMO651" s="613"/>
      <c r="FMP651" s="613"/>
      <c r="FMQ651" s="613"/>
      <c r="FMR651" s="613"/>
      <c r="FMS651" s="613"/>
      <c r="FMT651" s="613"/>
      <c r="FMU651" s="613"/>
      <c r="FMV651" s="613"/>
      <c r="FMW651" s="613"/>
      <c r="FMX651" s="613"/>
      <c r="FMY651" s="613"/>
      <c r="FMZ651" s="613"/>
      <c r="FNA651" s="613"/>
      <c r="FNB651" s="613"/>
      <c r="FNC651" s="613"/>
      <c r="FND651" s="613"/>
      <c r="FNE651" s="613"/>
      <c r="FNF651" s="613"/>
      <c r="FNG651" s="613"/>
      <c r="FNH651" s="613"/>
      <c r="FNI651" s="613"/>
      <c r="FNJ651" s="613"/>
      <c r="FNK651" s="613"/>
      <c r="FNL651" s="613"/>
      <c r="FNM651" s="613"/>
      <c r="FNN651" s="613"/>
      <c r="FNO651" s="613"/>
      <c r="FNP651" s="613"/>
      <c r="FNQ651" s="613"/>
      <c r="FNR651" s="613"/>
      <c r="FNS651" s="613"/>
      <c r="FNT651" s="613"/>
      <c r="FNU651" s="613"/>
      <c r="FNV651" s="613"/>
      <c r="FNW651" s="613"/>
      <c r="FNX651" s="613"/>
      <c r="FNY651" s="613"/>
      <c r="FNZ651" s="613"/>
      <c r="FOA651" s="613"/>
      <c r="FOB651" s="613"/>
      <c r="FOC651" s="613"/>
      <c r="FOD651" s="613"/>
      <c r="FOE651" s="613"/>
      <c r="FOF651" s="613"/>
      <c r="FOG651" s="613"/>
      <c r="FOH651" s="613"/>
      <c r="FOI651" s="613"/>
      <c r="FOJ651" s="613"/>
      <c r="FOK651" s="613"/>
      <c r="FOL651" s="613"/>
      <c r="FOM651" s="613"/>
      <c r="FON651" s="613"/>
      <c r="FOO651" s="613"/>
      <c r="FOP651" s="613"/>
      <c r="FOQ651" s="613"/>
      <c r="FOR651" s="613"/>
      <c r="FOS651" s="613"/>
      <c r="FOT651" s="613"/>
      <c r="FOU651" s="613"/>
      <c r="FOV651" s="613"/>
      <c r="FOW651" s="613"/>
      <c r="FOX651" s="613"/>
      <c r="FOY651" s="613"/>
      <c r="FOZ651" s="613"/>
      <c r="FPA651" s="613"/>
      <c r="FPB651" s="613"/>
      <c r="FPC651" s="613"/>
      <c r="FPD651" s="613"/>
      <c r="FPE651" s="613"/>
      <c r="FPF651" s="613"/>
      <c r="FPG651" s="613"/>
      <c r="FPH651" s="613"/>
      <c r="FPI651" s="613"/>
      <c r="FPJ651" s="613"/>
      <c r="FPK651" s="613"/>
      <c r="FPL651" s="613"/>
      <c r="FPM651" s="613"/>
      <c r="FPN651" s="613"/>
      <c r="FPO651" s="613"/>
      <c r="FPP651" s="613"/>
      <c r="FPQ651" s="613"/>
      <c r="FPR651" s="613"/>
      <c r="FPS651" s="613"/>
      <c r="FPT651" s="613"/>
      <c r="FPU651" s="613"/>
      <c r="FPV651" s="613"/>
      <c r="FPW651" s="613"/>
      <c r="FPX651" s="613"/>
      <c r="FPY651" s="613"/>
      <c r="FPZ651" s="613"/>
      <c r="FQA651" s="613"/>
      <c r="FQB651" s="613"/>
      <c r="FQC651" s="613"/>
      <c r="FQD651" s="613"/>
      <c r="FQE651" s="613"/>
      <c r="FQF651" s="613"/>
      <c r="FQG651" s="613"/>
      <c r="FQH651" s="613"/>
      <c r="FQI651" s="613"/>
      <c r="FQJ651" s="613"/>
      <c r="FQK651" s="613"/>
      <c r="FQL651" s="613"/>
      <c r="FQM651" s="613"/>
      <c r="FQN651" s="613"/>
      <c r="FQO651" s="613"/>
      <c r="FQP651" s="613"/>
      <c r="FQQ651" s="613"/>
      <c r="FQR651" s="613"/>
      <c r="FQS651" s="613"/>
      <c r="FQT651" s="613"/>
      <c r="FQU651" s="613"/>
      <c r="FQV651" s="613"/>
      <c r="FQW651" s="613"/>
      <c r="FQX651" s="613"/>
      <c r="FQY651" s="613"/>
      <c r="FQZ651" s="613"/>
      <c r="FRA651" s="613"/>
      <c r="FRB651" s="613"/>
      <c r="FRC651" s="613"/>
      <c r="FRD651" s="613"/>
      <c r="FRE651" s="613"/>
      <c r="FRF651" s="613"/>
      <c r="FRG651" s="613"/>
      <c r="FRH651" s="613"/>
      <c r="FRI651" s="613"/>
      <c r="FRJ651" s="613"/>
      <c r="FRK651" s="613"/>
      <c r="FRL651" s="613"/>
      <c r="FRM651" s="613"/>
      <c r="FRN651" s="613"/>
      <c r="FRO651" s="613"/>
      <c r="FRP651" s="613"/>
      <c r="FRQ651" s="613"/>
      <c r="FRR651" s="613"/>
      <c r="FRS651" s="613"/>
      <c r="FRT651" s="613"/>
      <c r="FRU651" s="613"/>
      <c r="FRV651" s="613"/>
      <c r="FRW651" s="613"/>
      <c r="FRX651" s="613"/>
      <c r="FRY651" s="613"/>
      <c r="FRZ651" s="613"/>
      <c r="FSA651" s="613"/>
      <c r="FSB651" s="613"/>
      <c r="FSC651" s="613"/>
      <c r="FSD651" s="613"/>
      <c r="FSE651" s="613"/>
      <c r="FSF651" s="613"/>
      <c r="FSG651" s="613"/>
      <c r="FSH651" s="613"/>
      <c r="FSI651" s="613"/>
      <c r="FSJ651" s="613"/>
      <c r="FSK651" s="613"/>
      <c r="FSL651" s="613"/>
      <c r="FSM651" s="613"/>
      <c r="FSN651" s="613"/>
      <c r="FSO651" s="613"/>
      <c r="FSP651" s="613"/>
      <c r="FSQ651" s="613"/>
      <c r="FSR651" s="613"/>
      <c r="FSS651" s="613"/>
      <c r="FST651" s="613"/>
      <c r="FSU651" s="613"/>
      <c r="FSV651" s="613"/>
      <c r="FSW651" s="613"/>
      <c r="FSX651" s="613"/>
      <c r="FSY651" s="613"/>
      <c r="FSZ651" s="613"/>
      <c r="FTA651" s="613"/>
      <c r="FTB651" s="613"/>
      <c r="FTC651" s="613"/>
      <c r="FTD651" s="613"/>
      <c r="FTE651" s="613"/>
      <c r="FTF651" s="613"/>
      <c r="FTG651" s="613"/>
      <c r="FTH651" s="613"/>
      <c r="FTI651" s="613"/>
      <c r="FTJ651" s="613"/>
      <c r="FTK651" s="613"/>
      <c r="FTL651" s="613"/>
      <c r="FTM651" s="613"/>
      <c r="FTN651" s="613"/>
      <c r="FTO651" s="613"/>
      <c r="FTP651" s="613"/>
      <c r="FTQ651" s="613"/>
      <c r="FTR651" s="613"/>
      <c r="FTS651" s="613"/>
      <c r="FTT651" s="613"/>
      <c r="FTU651" s="613"/>
      <c r="FTV651" s="613"/>
      <c r="FTW651" s="613"/>
      <c r="FTX651" s="613"/>
      <c r="FTY651" s="613"/>
      <c r="FTZ651" s="613"/>
      <c r="FUA651" s="613"/>
      <c r="FUB651" s="613"/>
      <c r="FUC651" s="613"/>
      <c r="FUD651" s="613"/>
      <c r="FUE651" s="613"/>
      <c r="FUF651" s="613"/>
      <c r="FUG651" s="613"/>
      <c r="FUH651" s="613"/>
      <c r="FUI651" s="613"/>
      <c r="FUJ651" s="613"/>
      <c r="FUK651" s="613"/>
      <c r="FUL651" s="613"/>
      <c r="FUM651" s="613"/>
      <c r="FUN651" s="613"/>
      <c r="FUO651" s="613"/>
      <c r="FUP651" s="613"/>
      <c r="FUQ651" s="613"/>
      <c r="FUR651" s="613"/>
      <c r="FUS651" s="613"/>
      <c r="FUT651" s="613"/>
      <c r="FUU651" s="613"/>
      <c r="FUV651" s="613"/>
      <c r="FUW651" s="613"/>
      <c r="FUX651" s="613"/>
      <c r="FUY651" s="613"/>
      <c r="FUZ651" s="613"/>
      <c r="FVA651" s="613"/>
      <c r="FVB651" s="613"/>
      <c r="FVC651" s="613"/>
      <c r="FVD651" s="613"/>
      <c r="FVE651" s="613"/>
      <c r="FVF651" s="613"/>
      <c r="FVG651" s="613"/>
      <c r="FVH651" s="613"/>
      <c r="FVI651" s="613"/>
      <c r="FVJ651" s="613"/>
      <c r="FVK651" s="613"/>
      <c r="FVL651" s="613"/>
      <c r="FVM651" s="613"/>
      <c r="FVN651" s="613"/>
      <c r="FVO651" s="613"/>
      <c r="FVP651" s="613"/>
      <c r="FVQ651" s="613"/>
      <c r="FVR651" s="613"/>
      <c r="FVS651" s="613"/>
      <c r="FVT651" s="613"/>
      <c r="FVU651" s="613"/>
      <c r="FVV651" s="613"/>
      <c r="FVW651" s="613"/>
      <c r="FVX651" s="613"/>
      <c r="FVY651" s="613"/>
      <c r="FVZ651" s="613"/>
      <c r="FWA651" s="613"/>
      <c r="FWB651" s="613"/>
      <c r="FWC651" s="613"/>
      <c r="FWD651" s="613"/>
      <c r="FWE651" s="613"/>
      <c r="FWF651" s="613"/>
      <c r="FWG651" s="613"/>
      <c r="FWH651" s="613"/>
      <c r="FWI651" s="613"/>
      <c r="FWJ651" s="613"/>
      <c r="FWK651" s="613"/>
      <c r="FWL651" s="613"/>
      <c r="FWM651" s="613"/>
      <c r="FWN651" s="613"/>
      <c r="FWO651" s="613"/>
      <c r="FWP651" s="613"/>
      <c r="FWQ651" s="613"/>
      <c r="FWR651" s="613"/>
      <c r="FWS651" s="613"/>
      <c r="FWT651" s="613"/>
      <c r="FWU651" s="613"/>
      <c r="FWV651" s="613"/>
      <c r="FWW651" s="613"/>
      <c r="FWX651" s="613"/>
      <c r="FWY651" s="613"/>
      <c r="FWZ651" s="613"/>
      <c r="FXA651" s="613"/>
      <c r="FXB651" s="613"/>
      <c r="FXC651" s="613"/>
      <c r="FXD651" s="613"/>
      <c r="FXE651" s="613"/>
      <c r="FXF651" s="613"/>
      <c r="FXG651" s="613"/>
      <c r="FXH651" s="613"/>
      <c r="FXI651" s="613"/>
      <c r="FXJ651" s="613"/>
      <c r="FXK651" s="613"/>
      <c r="FXL651" s="613"/>
      <c r="FXM651" s="613"/>
      <c r="FXN651" s="613"/>
      <c r="FXO651" s="613"/>
      <c r="FXP651" s="613"/>
      <c r="FXQ651" s="613"/>
      <c r="FXR651" s="613"/>
      <c r="FXS651" s="613"/>
      <c r="FXT651" s="613"/>
      <c r="FXU651" s="613"/>
      <c r="FXV651" s="613"/>
      <c r="FXW651" s="613"/>
      <c r="FXX651" s="613"/>
      <c r="FXY651" s="613"/>
      <c r="FXZ651" s="613"/>
      <c r="FYA651" s="613"/>
      <c r="FYB651" s="613"/>
      <c r="FYC651" s="613"/>
      <c r="FYD651" s="613"/>
      <c r="FYE651" s="613"/>
      <c r="FYF651" s="613"/>
      <c r="FYG651" s="613"/>
      <c r="FYH651" s="613"/>
      <c r="FYI651" s="613"/>
      <c r="FYJ651" s="613"/>
      <c r="FYK651" s="613"/>
      <c r="FYL651" s="613"/>
      <c r="FYM651" s="613"/>
      <c r="FYN651" s="613"/>
      <c r="FYO651" s="613"/>
      <c r="FYP651" s="613"/>
      <c r="FYQ651" s="613"/>
      <c r="FYR651" s="613"/>
      <c r="FYS651" s="613"/>
      <c r="FYT651" s="613"/>
      <c r="FYU651" s="613"/>
      <c r="FYV651" s="613"/>
      <c r="FYW651" s="613"/>
      <c r="FYX651" s="613"/>
      <c r="FYY651" s="613"/>
      <c r="FYZ651" s="613"/>
      <c r="FZA651" s="613"/>
      <c r="FZB651" s="613"/>
      <c r="FZC651" s="613"/>
      <c r="FZD651" s="613"/>
      <c r="FZE651" s="613"/>
      <c r="FZF651" s="613"/>
      <c r="FZG651" s="613"/>
      <c r="FZH651" s="613"/>
      <c r="FZI651" s="613"/>
      <c r="FZJ651" s="613"/>
      <c r="FZK651" s="613"/>
      <c r="FZL651" s="613"/>
      <c r="FZM651" s="613"/>
      <c r="FZN651" s="613"/>
      <c r="FZO651" s="613"/>
      <c r="FZP651" s="613"/>
      <c r="FZQ651" s="613"/>
      <c r="FZR651" s="613"/>
      <c r="FZS651" s="613"/>
      <c r="FZT651" s="613"/>
      <c r="FZU651" s="613"/>
      <c r="FZV651" s="613"/>
      <c r="FZW651" s="613"/>
      <c r="FZX651" s="613"/>
      <c r="FZY651" s="613"/>
      <c r="FZZ651" s="613"/>
      <c r="GAA651" s="613"/>
      <c r="GAB651" s="613"/>
      <c r="GAC651" s="613"/>
      <c r="GAD651" s="613"/>
      <c r="GAE651" s="613"/>
      <c r="GAF651" s="613"/>
      <c r="GAG651" s="613"/>
      <c r="GAH651" s="613"/>
      <c r="GAI651" s="613"/>
      <c r="GAJ651" s="613"/>
      <c r="GAK651" s="613"/>
      <c r="GAL651" s="613"/>
      <c r="GAM651" s="613"/>
      <c r="GAN651" s="613"/>
      <c r="GAO651" s="613"/>
      <c r="GAP651" s="613"/>
      <c r="GAQ651" s="613"/>
      <c r="GAR651" s="613"/>
      <c r="GAS651" s="613"/>
      <c r="GAT651" s="613"/>
      <c r="GAU651" s="613"/>
      <c r="GAV651" s="613"/>
      <c r="GAW651" s="613"/>
      <c r="GAX651" s="613"/>
      <c r="GAY651" s="613"/>
      <c r="GAZ651" s="613"/>
      <c r="GBA651" s="613"/>
      <c r="GBB651" s="613"/>
      <c r="GBC651" s="613"/>
      <c r="GBD651" s="613"/>
      <c r="GBE651" s="613"/>
      <c r="GBF651" s="613"/>
      <c r="GBG651" s="613"/>
      <c r="GBH651" s="613"/>
      <c r="GBI651" s="613"/>
      <c r="GBJ651" s="613"/>
      <c r="GBK651" s="613"/>
      <c r="GBL651" s="613"/>
      <c r="GBM651" s="613"/>
      <c r="GBN651" s="613"/>
      <c r="GBO651" s="613"/>
      <c r="GBP651" s="613"/>
      <c r="GBQ651" s="613"/>
      <c r="GBR651" s="613"/>
      <c r="GBS651" s="613"/>
      <c r="GBT651" s="613"/>
      <c r="GBU651" s="613"/>
      <c r="GBV651" s="613"/>
      <c r="GBW651" s="613"/>
      <c r="GBX651" s="613"/>
      <c r="GBY651" s="613"/>
      <c r="GBZ651" s="613"/>
      <c r="GCA651" s="613"/>
      <c r="GCB651" s="613"/>
      <c r="GCC651" s="613"/>
      <c r="GCD651" s="613"/>
      <c r="GCE651" s="613"/>
      <c r="GCF651" s="613"/>
      <c r="GCG651" s="613"/>
      <c r="GCH651" s="613"/>
      <c r="GCI651" s="613"/>
      <c r="GCJ651" s="613"/>
      <c r="GCK651" s="613"/>
      <c r="GCL651" s="613"/>
      <c r="GCM651" s="613"/>
      <c r="GCN651" s="613"/>
      <c r="GCO651" s="613"/>
      <c r="GCP651" s="613"/>
      <c r="GCQ651" s="613"/>
      <c r="GCR651" s="613"/>
      <c r="GCS651" s="613"/>
      <c r="GCT651" s="613"/>
      <c r="GCU651" s="613"/>
      <c r="GCV651" s="613"/>
      <c r="GCW651" s="613"/>
      <c r="GCX651" s="613"/>
      <c r="GCY651" s="613"/>
      <c r="GCZ651" s="613"/>
      <c r="GDA651" s="613"/>
      <c r="GDB651" s="613"/>
      <c r="GDC651" s="613"/>
      <c r="GDD651" s="613"/>
      <c r="GDE651" s="613"/>
      <c r="GDF651" s="613"/>
      <c r="GDG651" s="613"/>
      <c r="GDH651" s="613"/>
      <c r="GDI651" s="613"/>
      <c r="GDJ651" s="613"/>
      <c r="GDK651" s="613"/>
      <c r="GDL651" s="613"/>
      <c r="GDM651" s="613"/>
      <c r="GDN651" s="613"/>
      <c r="GDO651" s="613"/>
      <c r="GDP651" s="613"/>
      <c r="GDQ651" s="613"/>
      <c r="GDR651" s="613"/>
      <c r="GDS651" s="613"/>
      <c r="GDT651" s="613"/>
      <c r="GDU651" s="613"/>
      <c r="GDV651" s="613"/>
      <c r="GDW651" s="613"/>
      <c r="GDX651" s="613"/>
      <c r="GDY651" s="613"/>
      <c r="GDZ651" s="613"/>
      <c r="GEA651" s="613"/>
      <c r="GEB651" s="613"/>
      <c r="GEC651" s="613"/>
      <c r="GED651" s="613"/>
      <c r="GEE651" s="613"/>
      <c r="GEF651" s="613"/>
      <c r="GEG651" s="613"/>
      <c r="GEH651" s="613"/>
      <c r="GEI651" s="613"/>
      <c r="GEJ651" s="613"/>
      <c r="GEK651" s="613"/>
      <c r="GEL651" s="613"/>
      <c r="GEM651" s="613"/>
      <c r="GEN651" s="613"/>
      <c r="GEO651" s="613"/>
      <c r="GEP651" s="613"/>
      <c r="GEQ651" s="613"/>
      <c r="GER651" s="613"/>
      <c r="GES651" s="613"/>
      <c r="GET651" s="613"/>
      <c r="GEU651" s="613"/>
      <c r="GEV651" s="613"/>
      <c r="GEW651" s="613"/>
      <c r="GEX651" s="613"/>
      <c r="GEY651" s="613"/>
      <c r="GEZ651" s="613"/>
      <c r="GFA651" s="613"/>
      <c r="GFB651" s="613"/>
      <c r="GFC651" s="613"/>
      <c r="GFD651" s="613"/>
      <c r="GFE651" s="613"/>
      <c r="GFF651" s="613"/>
      <c r="GFG651" s="613"/>
      <c r="GFH651" s="613"/>
      <c r="GFI651" s="613"/>
      <c r="GFJ651" s="613"/>
      <c r="GFK651" s="613"/>
      <c r="GFL651" s="613"/>
      <c r="GFM651" s="613"/>
      <c r="GFN651" s="613"/>
      <c r="GFO651" s="613"/>
      <c r="GFP651" s="613"/>
      <c r="GFQ651" s="613"/>
      <c r="GFR651" s="613"/>
      <c r="GFS651" s="613"/>
      <c r="GFT651" s="613"/>
      <c r="GFU651" s="613"/>
      <c r="GFV651" s="613"/>
      <c r="GFW651" s="613"/>
      <c r="GFX651" s="613"/>
      <c r="GFY651" s="613"/>
      <c r="GFZ651" s="613"/>
      <c r="GGA651" s="613"/>
      <c r="GGB651" s="613"/>
      <c r="GGC651" s="613"/>
      <c r="GGD651" s="613"/>
      <c r="GGE651" s="613"/>
      <c r="GGF651" s="613"/>
      <c r="GGG651" s="613"/>
      <c r="GGH651" s="613"/>
      <c r="GGI651" s="613"/>
      <c r="GGJ651" s="613"/>
      <c r="GGK651" s="613"/>
      <c r="GGL651" s="613"/>
      <c r="GGM651" s="613"/>
      <c r="GGN651" s="613"/>
      <c r="GGO651" s="613"/>
      <c r="GGP651" s="613"/>
      <c r="GGQ651" s="613"/>
      <c r="GGR651" s="613"/>
      <c r="GGS651" s="613"/>
      <c r="GGT651" s="613"/>
      <c r="GGU651" s="613"/>
      <c r="GGV651" s="613"/>
      <c r="GGW651" s="613"/>
      <c r="GGX651" s="613"/>
      <c r="GGY651" s="613"/>
      <c r="GGZ651" s="613"/>
      <c r="GHA651" s="613"/>
      <c r="GHB651" s="613"/>
      <c r="GHC651" s="613"/>
      <c r="GHD651" s="613"/>
      <c r="GHE651" s="613"/>
      <c r="GHF651" s="613"/>
      <c r="GHG651" s="613"/>
      <c r="GHH651" s="613"/>
      <c r="GHI651" s="613"/>
      <c r="GHJ651" s="613"/>
      <c r="GHK651" s="613"/>
      <c r="GHL651" s="613"/>
      <c r="GHM651" s="613"/>
      <c r="GHN651" s="613"/>
      <c r="GHO651" s="613"/>
      <c r="GHP651" s="613"/>
      <c r="GHQ651" s="613"/>
      <c r="GHR651" s="613"/>
      <c r="GHS651" s="613"/>
      <c r="GHT651" s="613"/>
      <c r="GHU651" s="613"/>
      <c r="GHV651" s="613"/>
      <c r="GHW651" s="613"/>
      <c r="GHX651" s="613"/>
      <c r="GHY651" s="613"/>
      <c r="GHZ651" s="613"/>
      <c r="GIA651" s="613"/>
      <c r="GIB651" s="613"/>
      <c r="GIC651" s="613"/>
      <c r="GID651" s="613"/>
      <c r="GIE651" s="613"/>
      <c r="GIF651" s="613"/>
      <c r="GIG651" s="613"/>
      <c r="GIH651" s="613"/>
      <c r="GII651" s="613"/>
      <c r="GIJ651" s="613"/>
      <c r="GIK651" s="613"/>
      <c r="GIL651" s="613"/>
      <c r="GIM651" s="613"/>
      <c r="GIN651" s="613"/>
      <c r="GIO651" s="613"/>
      <c r="GIP651" s="613"/>
      <c r="GIQ651" s="613"/>
      <c r="GIR651" s="613"/>
      <c r="GIS651" s="613"/>
      <c r="GIT651" s="613"/>
      <c r="GIU651" s="613"/>
      <c r="GIV651" s="613"/>
      <c r="GIW651" s="613"/>
      <c r="GIX651" s="613"/>
      <c r="GIY651" s="613"/>
      <c r="GIZ651" s="613"/>
      <c r="GJA651" s="613"/>
      <c r="GJB651" s="613"/>
      <c r="GJC651" s="613"/>
      <c r="GJD651" s="613"/>
      <c r="GJE651" s="613"/>
      <c r="GJF651" s="613"/>
      <c r="GJG651" s="613"/>
      <c r="GJH651" s="613"/>
      <c r="GJI651" s="613"/>
      <c r="GJJ651" s="613"/>
      <c r="GJK651" s="613"/>
      <c r="GJL651" s="613"/>
      <c r="GJM651" s="613"/>
      <c r="GJN651" s="613"/>
      <c r="GJO651" s="613"/>
      <c r="GJP651" s="613"/>
      <c r="GJQ651" s="613"/>
      <c r="GJR651" s="613"/>
      <c r="GJS651" s="613"/>
      <c r="GJT651" s="613"/>
      <c r="GJU651" s="613"/>
      <c r="GJV651" s="613"/>
      <c r="GJW651" s="613"/>
      <c r="GJX651" s="613"/>
      <c r="GJY651" s="613"/>
      <c r="GJZ651" s="613"/>
      <c r="GKA651" s="613"/>
      <c r="GKB651" s="613"/>
      <c r="GKC651" s="613"/>
      <c r="GKD651" s="613"/>
      <c r="GKE651" s="613"/>
      <c r="GKF651" s="613"/>
      <c r="GKG651" s="613"/>
      <c r="GKH651" s="613"/>
      <c r="GKI651" s="613"/>
      <c r="GKJ651" s="613"/>
      <c r="GKK651" s="613"/>
      <c r="GKL651" s="613"/>
      <c r="GKM651" s="613"/>
      <c r="GKN651" s="613"/>
      <c r="GKO651" s="613"/>
      <c r="GKP651" s="613"/>
      <c r="GKQ651" s="613"/>
      <c r="GKR651" s="613"/>
      <c r="GKS651" s="613"/>
      <c r="GKT651" s="613"/>
      <c r="GKU651" s="613"/>
      <c r="GKV651" s="613"/>
      <c r="GKW651" s="613"/>
      <c r="GKX651" s="613"/>
      <c r="GKY651" s="613"/>
      <c r="GKZ651" s="613"/>
      <c r="GLA651" s="613"/>
      <c r="GLB651" s="613"/>
      <c r="GLC651" s="613"/>
      <c r="GLD651" s="613"/>
      <c r="GLE651" s="613"/>
      <c r="GLF651" s="613"/>
      <c r="GLG651" s="613"/>
      <c r="GLH651" s="613"/>
      <c r="GLI651" s="613"/>
      <c r="GLJ651" s="613"/>
      <c r="GLK651" s="613"/>
      <c r="GLL651" s="613"/>
      <c r="GLM651" s="613"/>
      <c r="GLN651" s="613"/>
      <c r="GLO651" s="613"/>
      <c r="GLP651" s="613"/>
      <c r="GLQ651" s="613"/>
      <c r="GLR651" s="613"/>
      <c r="GLS651" s="613"/>
      <c r="GLT651" s="613"/>
      <c r="GLU651" s="613"/>
      <c r="GLV651" s="613"/>
      <c r="GLW651" s="613"/>
      <c r="GLX651" s="613"/>
      <c r="GLY651" s="613"/>
      <c r="GLZ651" s="613"/>
      <c r="GMA651" s="613"/>
      <c r="GMB651" s="613"/>
      <c r="GMC651" s="613"/>
      <c r="GMD651" s="613"/>
      <c r="GME651" s="613"/>
      <c r="GMF651" s="613"/>
      <c r="GMG651" s="613"/>
      <c r="GMH651" s="613"/>
      <c r="GMI651" s="613"/>
      <c r="GMJ651" s="613"/>
      <c r="GMK651" s="613"/>
      <c r="GML651" s="613"/>
      <c r="GMM651" s="613"/>
      <c r="GMN651" s="613"/>
      <c r="GMO651" s="613"/>
      <c r="GMP651" s="613"/>
      <c r="GMQ651" s="613"/>
      <c r="GMR651" s="613"/>
      <c r="GMS651" s="613"/>
      <c r="GMT651" s="613"/>
      <c r="GMU651" s="613"/>
      <c r="GMV651" s="613"/>
      <c r="GMW651" s="613"/>
      <c r="GMX651" s="613"/>
      <c r="GMY651" s="613"/>
      <c r="GMZ651" s="613"/>
      <c r="GNA651" s="613"/>
      <c r="GNB651" s="613"/>
      <c r="GNC651" s="613"/>
      <c r="GND651" s="613"/>
      <c r="GNE651" s="613"/>
      <c r="GNF651" s="613"/>
      <c r="GNG651" s="613"/>
      <c r="GNH651" s="613"/>
      <c r="GNI651" s="613"/>
      <c r="GNJ651" s="613"/>
      <c r="GNK651" s="613"/>
      <c r="GNL651" s="613"/>
      <c r="GNM651" s="613"/>
      <c r="GNN651" s="613"/>
      <c r="GNO651" s="613"/>
      <c r="GNP651" s="613"/>
      <c r="GNQ651" s="613"/>
      <c r="GNR651" s="613"/>
      <c r="GNS651" s="613"/>
      <c r="GNT651" s="613"/>
      <c r="GNU651" s="613"/>
      <c r="GNV651" s="613"/>
      <c r="GNW651" s="613"/>
      <c r="GNX651" s="613"/>
      <c r="GNY651" s="613"/>
      <c r="GNZ651" s="613"/>
      <c r="GOA651" s="613"/>
      <c r="GOB651" s="613"/>
      <c r="GOC651" s="613"/>
      <c r="GOD651" s="613"/>
      <c r="GOE651" s="613"/>
      <c r="GOF651" s="613"/>
      <c r="GOG651" s="613"/>
      <c r="GOH651" s="613"/>
      <c r="GOI651" s="613"/>
      <c r="GOJ651" s="613"/>
      <c r="GOK651" s="613"/>
      <c r="GOL651" s="613"/>
      <c r="GOM651" s="613"/>
      <c r="GON651" s="613"/>
      <c r="GOO651" s="613"/>
      <c r="GOP651" s="613"/>
      <c r="GOQ651" s="613"/>
      <c r="GOR651" s="613"/>
      <c r="GOS651" s="613"/>
      <c r="GOT651" s="613"/>
      <c r="GOU651" s="613"/>
      <c r="GOV651" s="613"/>
      <c r="GOW651" s="613"/>
      <c r="GOX651" s="613"/>
      <c r="GOY651" s="613"/>
      <c r="GOZ651" s="613"/>
      <c r="GPA651" s="613"/>
      <c r="GPB651" s="613"/>
      <c r="GPC651" s="613"/>
      <c r="GPD651" s="613"/>
      <c r="GPE651" s="613"/>
      <c r="GPF651" s="613"/>
      <c r="GPG651" s="613"/>
      <c r="GPH651" s="613"/>
      <c r="GPI651" s="613"/>
      <c r="GPJ651" s="613"/>
      <c r="GPK651" s="613"/>
      <c r="GPL651" s="613"/>
      <c r="GPM651" s="613"/>
      <c r="GPN651" s="613"/>
      <c r="GPO651" s="613"/>
      <c r="GPP651" s="613"/>
      <c r="GPQ651" s="613"/>
      <c r="GPR651" s="613"/>
      <c r="GPS651" s="613"/>
      <c r="GPT651" s="613"/>
      <c r="GPU651" s="613"/>
      <c r="GPV651" s="613"/>
      <c r="GPW651" s="613"/>
      <c r="GPX651" s="613"/>
      <c r="GPY651" s="613"/>
      <c r="GPZ651" s="613"/>
      <c r="GQA651" s="613"/>
      <c r="GQB651" s="613"/>
      <c r="GQC651" s="613"/>
      <c r="GQD651" s="613"/>
      <c r="GQE651" s="613"/>
      <c r="GQF651" s="613"/>
      <c r="GQG651" s="613"/>
      <c r="GQH651" s="613"/>
      <c r="GQI651" s="613"/>
      <c r="GQJ651" s="613"/>
      <c r="GQK651" s="613"/>
      <c r="GQL651" s="613"/>
      <c r="GQM651" s="613"/>
      <c r="GQN651" s="613"/>
      <c r="GQO651" s="613"/>
      <c r="GQP651" s="613"/>
      <c r="GQQ651" s="613"/>
      <c r="GQR651" s="613"/>
      <c r="GQS651" s="613"/>
      <c r="GQT651" s="613"/>
      <c r="GQU651" s="613"/>
      <c r="GQV651" s="613"/>
      <c r="GQW651" s="613"/>
      <c r="GQX651" s="613"/>
      <c r="GQY651" s="613"/>
      <c r="GQZ651" s="613"/>
      <c r="GRA651" s="613"/>
      <c r="GRB651" s="613"/>
      <c r="GRC651" s="613"/>
      <c r="GRD651" s="613"/>
      <c r="GRE651" s="613"/>
      <c r="GRF651" s="613"/>
      <c r="GRG651" s="613"/>
      <c r="GRH651" s="613"/>
      <c r="GRI651" s="613"/>
      <c r="GRJ651" s="613"/>
      <c r="GRK651" s="613"/>
      <c r="GRL651" s="613"/>
      <c r="GRM651" s="613"/>
      <c r="GRN651" s="613"/>
      <c r="GRO651" s="613"/>
      <c r="GRP651" s="613"/>
      <c r="GRQ651" s="613"/>
      <c r="GRR651" s="613"/>
      <c r="GRS651" s="613"/>
      <c r="GRT651" s="613"/>
      <c r="GRU651" s="613"/>
      <c r="GRV651" s="613"/>
      <c r="GRW651" s="613"/>
      <c r="GRX651" s="613"/>
      <c r="GRY651" s="613"/>
      <c r="GRZ651" s="613"/>
      <c r="GSA651" s="613"/>
      <c r="GSB651" s="613"/>
      <c r="GSC651" s="613"/>
      <c r="GSD651" s="613"/>
      <c r="GSE651" s="613"/>
      <c r="GSF651" s="613"/>
      <c r="GSG651" s="613"/>
      <c r="GSH651" s="613"/>
      <c r="GSI651" s="613"/>
      <c r="GSJ651" s="613"/>
      <c r="GSK651" s="613"/>
      <c r="GSL651" s="613"/>
      <c r="GSM651" s="613"/>
      <c r="GSN651" s="613"/>
      <c r="GSO651" s="613"/>
      <c r="GSP651" s="613"/>
      <c r="GSQ651" s="613"/>
      <c r="GSR651" s="613"/>
      <c r="GSS651" s="613"/>
      <c r="GST651" s="613"/>
      <c r="GSU651" s="613"/>
      <c r="GSV651" s="613"/>
      <c r="GSW651" s="613"/>
      <c r="GSX651" s="613"/>
      <c r="GSY651" s="613"/>
      <c r="GSZ651" s="613"/>
      <c r="GTA651" s="613"/>
      <c r="GTB651" s="613"/>
      <c r="GTC651" s="613"/>
      <c r="GTD651" s="613"/>
      <c r="GTE651" s="613"/>
      <c r="GTF651" s="613"/>
      <c r="GTG651" s="613"/>
      <c r="GTH651" s="613"/>
      <c r="GTI651" s="613"/>
      <c r="GTJ651" s="613"/>
      <c r="GTK651" s="613"/>
      <c r="GTL651" s="613"/>
      <c r="GTM651" s="613"/>
      <c r="GTN651" s="613"/>
      <c r="GTO651" s="613"/>
      <c r="GTP651" s="613"/>
      <c r="GTQ651" s="613"/>
      <c r="GTR651" s="613"/>
      <c r="GTS651" s="613"/>
      <c r="GTT651" s="613"/>
      <c r="GTU651" s="613"/>
      <c r="GTV651" s="613"/>
      <c r="GTW651" s="613"/>
      <c r="GTX651" s="613"/>
      <c r="GTY651" s="613"/>
      <c r="GTZ651" s="613"/>
      <c r="GUA651" s="613"/>
      <c r="GUB651" s="613"/>
      <c r="GUC651" s="613"/>
      <c r="GUD651" s="613"/>
      <c r="GUE651" s="613"/>
      <c r="GUF651" s="613"/>
      <c r="GUG651" s="613"/>
      <c r="GUH651" s="613"/>
      <c r="GUI651" s="613"/>
      <c r="GUJ651" s="613"/>
      <c r="GUK651" s="613"/>
      <c r="GUL651" s="613"/>
      <c r="GUM651" s="613"/>
      <c r="GUN651" s="613"/>
      <c r="GUO651" s="613"/>
      <c r="GUP651" s="613"/>
      <c r="GUQ651" s="613"/>
      <c r="GUR651" s="613"/>
      <c r="GUS651" s="613"/>
      <c r="GUT651" s="613"/>
      <c r="GUU651" s="613"/>
      <c r="GUV651" s="613"/>
      <c r="GUW651" s="613"/>
      <c r="GUX651" s="613"/>
      <c r="GUY651" s="613"/>
      <c r="GUZ651" s="613"/>
      <c r="GVA651" s="613"/>
      <c r="GVB651" s="613"/>
      <c r="GVC651" s="613"/>
      <c r="GVD651" s="613"/>
      <c r="GVE651" s="613"/>
      <c r="GVF651" s="613"/>
      <c r="GVG651" s="613"/>
      <c r="GVH651" s="613"/>
      <c r="GVI651" s="613"/>
      <c r="GVJ651" s="613"/>
      <c r="GVK651" s="613"/>
      <c r="GVL651" s="613"/>
      <c r="GVM651" s="613"/>
      <c r="GVN651" s="613"/>
      <c r="GVO651" s="613"/>
      <c r="GVP651" s="613"/>
      <c r="GVQ651" s="613"/>
      <c r="GVR651" s="613"/>
      <c r="GVS651" s="613"/>
      <c r="GVT651" s="613"/>
      <c r="GVU651" s="613"/>
      <c r="GVV651" s="613"/>
      <c r="GVW651" s="613"/>
      <c r="GVX651" s="613"/>
      <c r="GVY651" s="613"/>
      <c r="GVZ651" s="613"/>
      <c r="GWA651" s="613"/>
      <c r="GWB651" s="613"/>
      <c r="GWC651" s="613"/>
      <c r="GWD651" s="613"/>
      <c r="GWE651" s="613"/>
      <c r="GWF651" s="613"/>
      <c r="GWG651" s="613"/>
      <c r="GWH651" s="613"/>
      <c r="GWI651" s="613"/>
      <c r="GWJ651" s="613"/>
      <c r="GWK651" s="613"/>
      <c r="GWL651" s="613"/>
      <c r="GWM651" s="613"/>
      <c r="GWN651" s="613"/>
      <c r="GWO651" s="613"/>
      <c r="GWP651" s="613"/>
      <c r="GWQ651" s="613"/>
      <c r="GWR651" s="613"/>
      <c r="GWS651" s="613"/>
      <c r="GWT651" s="613"/>
      <c r="GWU651" s="613"/>
      <c r="GWV651" s="613"/>
      <c r="GWW651" s="613"/>
      <c r="GWX651" s="613"/>
      <c r="GWY651" s="613"/>
      <c r="GWZ651" s="613"/>
      <c r="GXA651" s="613"/>
      <c r="GXB651" s="613"/>
      <c r="GXC651" s="613"/>
      <c r="GXD651" s="613"/>
      <c r="GXE651" s="613"/>
      <c r="GXF651" s="613"/>
      <c r="GXG651" s="613"/>
      <c r="GXH651" s="613"/>
      <c r="GXI651" s="613"/>
      <c r="GXJ651" s="613"/>
      <c r="GXK651" s="613"/>
      <c r="GXL651" s="613"/>
      <c r="GXM651" s="613"/>
      <c r="GXN651" s="613"/>
      <c r="GXO651" s="613"/>
      <c r="GXP651" s="613"/>
      <c r="GXQ651" s="613"/>
      <c r="GXR651" s="613"/>
      <c r="GXS651" s="613"/>
      <c r="GXT651" s="613"/>
      <c r="GXU651" s="613"/>
      <c r="GXV651" s="613"/>
      <c r="GXW651" s="613"/>
      <c r="GXX651" s="613"/>
      <c r="GXY651" s="613"/>
      <c r="GXZ651" s="613"/>
      <c r="GYA651" s="613"/>
      <c r="GYB651" s="613"/>
      <c r="GYC651" s="613"/>
      <c r="GYD651" s="613"/>
      <c r="GYE651" s="613"/>
      <c r="GYF651" s="613"/>
      <c r="GYG651" s="613"/>
      <c r="GYH651" s="613"/>
      <c r="GYI651" s="613"/>
      <c r="GYJ651" s="613"/>
      <c r="GYK651" s="613"/>
      <c r="GYL651" s="613"/>
      <c r="GYM651" s="613"/>
      <c r="GYN651" s="613"/>
      <c r="GYO651" s="613"/>
      <c r="GYP651" s="613"/>
      <c r="GYQ651" s="613"/>
      <c r="GYR651" s="613"/>
      <c r="GYS651" s="613"/>
      <c r="GYT651" s="613"/>
      <c r="GYU651" s="613"/>
      <c r="GYV651" s="613"/>
      <c r="GYW651" s="613"/>
      <c r="GYX651" s="613"/>
      <c r="GYY651" s="613"/>
      <c r="GYZ651" s="613"/>
      <c r="GZA651" s="613"/>
      <c r="GZB651" s="613"/>
      <c r="GZC651" s="613"/>
      <c r="GZD651" s="613"/>
      <c r="GZE651" s="613"/>
      <c r="GZF651" s="613"/>
      <c r="GZG651" s="613"/>
      <c r="GZH651" s="613"/>
      <c r="GZI651" s="613"/>
      <c r="GZJ651" s="613"/>
      <c r="GZK651" s="613"/>
      <c r="GZL651" s="613"/>
      <c r="GZM651" s="613"/>
      <c r="GZN651" s="613"/>
      <c r="GZO651" s="613"/>
      <c r="GZP651" s="613"/>
      <c r="GZQ651" s="613"/>
      <c r="GZR651" s="613"/>
      <c r="GZS651" s="613"/>
      <c r="GZT651" s="613"/>
      <c r="GZU651" s="613"/>
      <c r="GZV651" s="613"/>
      <c r="GZW651" s="613"/>
      <c r="GZX651" s="613"/>
      <c r="GZY651" s="613"/>
      <c r="GZZ651" s="613"/>
      <c r="HAA651" s="613"/>
      <c r="HAB651" s="613"/>
      <c r="HAC651" s="613"/>
      <c r="HAD651" s="613"/>
      <c r="HAE651" s="613"/>
      <c r="HAF651" s="613"/>
      <c r="HAG651" s="613"/>
      <c r="HAH651" s="613"/>
      <c r="HAI651" s="613"/>
      <c r="HAJ651" s="613"/>
      <c r="HAK651" s="613"/>
      <c r="HAL651" s="613"/>
      <c r="HAM651" s="613"/>
      <c r="HAN651" s="613"/>
      <c r="HAO651" s="613"/>
      <c r="HAP651" s="613"/>
      <c r="HAQ651" s="613"/>
      <c r="HAR651" s="613"/>
      <c r="HAS651" s="613"/>
      <c r="HAT651" s="613"/>
      <c r="HAU651" s="613"/>
      <c r="HAV651" s="613"/>
      <c r="HAW651" s="613"/>
      <c r="HAX651" s="613"/>
      <c r="HAY651" s="613"/>
      <c r="HAZ651" s="613"/>
      <c r="HBA651" s="613"/>
      <c r="HBB651" s="613"/>
      <c r="HBC651" s="613"/>
      <c r="HBD651" s="613"/>
      <c r="HBE651" s="613"/>
      <c r="HBF651" s="613"/>
      <c r="HBG651" s="613"/>
      <c r="HBH651" s="613"/>
      <c r="HBI651" s="613"/>
      <c r="HBJ651" s="613"/>
      <c r="HBK651" s="613"/>
      <c r="HBL651" s="613"/>
      <c r="HBM651" s="613"/>
      <c r="HBN651" s="613"/>
      <c r="HBO651" s="613"/>
      <c r="HBP651" s="613"/>
      <c r="HBQ651" s="613"/>
      <c r="HBR651" s="613"/>
      <c r="HBS651" s="613"/>
      <c r="HBT651" s="613"/>
      <c r="HBU651" s="613"/>
      <c r="HBV651" s="613"/>
      <c r="HBW651" s="613"/>
      <c r="HBX651" s="613"/>
      <c r="HBY651" s="613"/>
      <c r="HBZ651" s="613"/>
      <c r="HCA651" s="613"/>
      <c r="HCB651" s="613"/>
      <c r="HCC651" s="613"/>
      <c r="HCD651" s="613"/>
      <c r="HCE651" s="613"/>
      <c r="HCF651" s="613"/>
      <c r="HCG651" s="613"/>
      <c r="HCH651" s="613"/>
      <c r="HCI651" s="613"/>
      <c r="HCJ651" s="613"/>
      <c r="HCK651" s="613"/>
      <c r="HCL651" s="613"/>
      <c r="HCM651" s="613"/>
      <c r="HCN651" s="613"/>
      <c r="HCO651" s="613"/>
      <c r="HCP651" s="613"/>
      <c r="HCQ651" s="613"/>
      <c r="HCR651" s="613"/>
      <c r="HCS651" s="613"/>
      <c r="HCT651" s="613"/>
      <c r="HCU651" s="613"/>
      <c r="HCV651" s="613"/>
      <c r="HCW651" s="613"/>
      <c r="HCX651" s="613"/>
      <c r="HCY651" s="613"/>
      <c r="HCZ651" s="613"/>
      <c r="HDA651" s="613"/>
      <c r="HDB651" s="613"/>
      <c r="HDC651" s="613"/>
      <c r="HDD651" s="613"/>
      <c r="HDE651" s="613"/>
      <c r="HDF651" s="613"/>
      <c r="HDG651" s="613"/>
      <c r="HDH651" s="613"/>
      <c r="HDI651" s="613"/>
      <c r="HDJ651" s="613"/>
      <c r="HDK651" s="613"/>
      <c r="HDL651" s="613"/>
      <c r="HDM651" s="613"/>
      <c r="HDN651" s="613"/>
      <c r="HDO651" s="613"/>
      <c r="HDP651" s="613"/>
      <c r="HDQ651" s="613"/>
      <c r="HDR651" s="613"/>
      <c r="HDS651" s="613"/>
      <c r="HDT651" s="613"/>
      <c r="HDU651" s="613"/>
      <c r="HDV651" s="613"/>
      <c r="HDW651" s="613"/>
      <c r="HDX651" s="613"/>
      <c r="HDY651" s="613"/>
      <c r="HDZ651" s="613"/>
      <c r="HEA651" s="613"/>
      <c r="HEB651" s="613"/>
      <c r="HEC651" s="613"/>
      <c r="HED651" s="613"/>
      <c r="HEE651" s="613"/>
      <c r="HEF651" s="613"/>
      <c r="HEG651" s="613"/>
      <c r="HEH651" s="613"/>
      <c r="HEI651" s="613"/>
      <c r="HEJ651" s="613"/>
      <c r="HEK651" s="613"/>
      <c r="HEL651" s="613"/>
      <c r="HEM651" s="613"/>
      <c r="HEN651" s="613"/>
      <c r="HEO651" s="613"/>
      <c r="HEP651" s="613"/>
      <c r="HEQ651" s="613"/>
      <c r="HER651" s="613"/>
      <c r="HES651" s="613"/>
      <c r="HET651" s="613"/>
      <c r="HEU651" s="613"/>
      <c r="HEV651" s="613"/>
      <c r="HEW651" s="613"/>
      <c r="HEX651" s="613"/>
      <c r="HEY651" s="613"/>
      <c r="HEZ651" s="613"/>
      <c r="HFA651" s="613"/>
      <c r="HFB651" s="613"/>
      <c r="HFC651" s="613"/>
      <c r="HFD651" s="613"/>
      <c r="HFE651" s="613"/>
      <c r="HFF651" s="613"/>
      <c r="HFG651" s="613"/>
      <c r="HFH651" s="613"/>
      <c r="HFI651" s="613"/>
      <c r="HFJ651" s="613"/>
      <c r="HFK651" s="613"/>
      <c r="HFL651" s="613"/>
      <c r="HFM651" s="613"/>
      <c r="HFN651" s="613"/>
      <c r="HFO651" s="613"/>
      <c r="HFP651" s="613"/>
      <c r="HFQ651" s="613"/>
      <c r="HFR651" s="613"/>
      <c r="HFS651" s="613"/>
      <c r="HFT651" s="613"/>
      <c r="HFU651" s="613"/>
      <c r="HFV651" s="613"/>
      <c r="HFW651" s="613"/>
      <c r="HFX651" s="613"/>
      <c r="HFY651" s="613"/>
      <c r="HFZ651" s="613"/>
      <c r="HGA651" s="613"/>
      <c r="HGB651" s="613"/>
      <c r="HGC651" s="613"/>
      <c r="HGD651" s="613"/>
      <c r="HGE651" s="613"/>
      <c r="HGF651" s="613"/>
      <c r="HGG651" s="613"/>
      <c r="HGH651" s="613"/>
      <c r="HGI651" s="613"/>
      <c r="HGJ651" s="613"/>
      <c r="HGK651" s="613"/>
      <c r="HGL651" s="613"/>
      <c r="HGM651" s="613"/>
      <c r="HGN651" s="613"/>
      <c r="HGO651" s="613"/>
      <c r="HGP651" s="613"/>
      <c r="HGQ651" s="613"/>
      <c r="HGR651" s="613"/>
      <c r="HGS651" s="613"/>
      <c r="HGT651" s="613"/>
      <c r="HGU651" s="613"/>
      <c r="HGV651" s="613"/>
      <c r="HGW651" s="613"/>
      <c r="HGX651" s="613"/>
      <c r="HGY651" s="613"/>
      <c r="HGZ651" s="613"/>
      <c r="HHA651" s="613"/>
      <c r="HHB651" s="613"/>
      <c r="HHC651" s="613"/>
      <c r="HHD651" s="613"/>
      <c r="HHE651" s="613"/>
      <c r="HHF651" s="613"/>
      <c r="HHG651" s="613"/>
      <c r="HHH651" s="613"/>
      <c r="HHI651" s="613"/>
      <c r="HHJ651" s="613"/>
      <c r="HHK651" s="613"/>
      <c r="HHL651" s="613"/>
      <c r="HHM651" s="613"/>
      <c r="HHN651" s="613"/>
      <c r="HHO651" s="613"/>
      <c r="HHP651" s="613"/>
      <c r="HHQ651" s="613"/>
      <c r="HHR651" s="613"/>
      <c r="HHS651" s="613"/>
      <c r="HHT651" s="613"/>
      <c r="HHU651" s="613"/>
      <c r="HHV651" s="613"/>
      <c r="HHW651" s="613"/>
      <c r="HHX651" s="613"/>
      <c r="HHY651" s="613"/>
      <c r="HHZ651" s="613"/>
      <c r="HIA651" s="613"/>
      <c r="HIB651" s="613"/>
      <c r="HIC651" s="613"/>
      <c r="HID651" s="613"/>
      <c r="HIE651" s="613"/>
      <c r="HIF651" s="613"/>
      <c r="HIG651" s="613"/>
      <c r="HIH651" s="613"/>
      <c r="HII651" s="613"/>
      <c r="HIJ651" s="613"/>
      <c r="HIK651" s="613"/>
      <c r="HIL651" s="613"/>
      <c r="HIM651" s="613"/>
      <c r="HIN651" s="613"/>
      <c r="HIO651" s="613"/>
      <c r="HIP651" s="613"/>
      <c r="HIQ651" s="613"/>
      <c r="HIR651" s="613"/>
      <c r="HIS651" s="613"/>
      <c r="HIT651" s="613"/>
      <c r="HIU651" s="613"/>
      <c r="HIV651" s="613"/>
      <c r="HIW651" s="613"/>
      <c r="HIX651" s="613"/>
      <c r="HIY651" s="613"/>
      <c r="HIZ651" s="613"/>
      <c r="HJA651" s="613"/>
      <c r="HJB651" s="613"/>
      <c r="HJC651" s="613"/>
      <c r="HJD651" s="613"/>
      <c r="HJE651" s="613"/>
      <c r="HJF651" s="613"/>
      <c r="HJG651" s="613"/>
      <c r="HJH651" s="613"/>
      <c r="HJI651" s="613"/>
      <c r="HJJ651" s="613"/>
      <c r="HJK651" s="613"/>
      <c r="HJL651" s="613"/>
      <c r="HJM651" s="613"/>
      <c r="HJN651" s="613"/>
      <c r="HJO651" s="613"/>
      <c r="HJP651" s="613"/>
      <c r="HJQ651" s="613"/>
      <c r="HJR651" s="613"/>
      <c r="HJS651" s="613"/>
      <c r="HJT651" s="613"/>
      <c r="HJU651" s="613"/>
      <c r="HJV651" s="613"/>
      <c r="HJW651" s="613"/>
      <c r="HJX651" s="613"/>
      <c r="HJY651" s="613"/>
      <c r="HJZ651" s="613"/>
      <c r="HKA651" s="613"/>
      <c r="HKB651" s="613"/>
      <c r="HKC651" s="613"/>
      <c r="HKD651" s="613"/>
      <c r="HKE651" s="613"/>
      <c r="HKF651" s="613"/>
      <c r="HKG651" s="613"/>
      <c r="HKH651" s="613"/>
      <c r="HKI651" s="613"/>
      <c r="HKJ651" s="613"/>
      <c r="HKK651" s="613"/>
      <c r="HKL651" s="613"/>
      <c r="HKM651" s="613"/>
      <c r="HKN651" s="613"/>
      <c r="HKO651" s="613"/>
      <c r="HKP651" s="613"/>
      <c r="HKQ651" s="613"/>
      <c r="HKR651" s="613"/>
      <c r="HKS651" s="613"/>
      <c r="HKT651" s="613"/>
      <c r="HKU651" s="613"/>
      <c r="HKV651" s="613"/>
      <c r="HKW651" s="613"/>
      <c r="HKX651" s="613"/>
      <c r="HKY651" s="613"/>
      <c r="HKZ651" s="613"/>
      <c r="HLA651" s="613"/>
      <c r="HLB651" s="613"/>
      <c r="HLC651" s="613"/>
      <c r="HLD651" s="613"/>
      <c r="HLE651" s="613"/>
      <c r="HLF651" s="613"/>
      <c r="HLG651" s="613"/>
      <c r="HLH651" s="613"/>
      <c r="HLI651" s="613"/>
      <c r="HLJ651" s="613"/>
      <c r="HLK651" s="613"/>
      <c r="HLL651" s="613"/>
      <c r="HLM651" s="613"/>
      <c r="HLN651" s="613"/>
      <c r="HLO651" s="613"/>
      <c r="HLP651" s="613"/>
      <c r="HLQ651" s="613"/>
      <c r="HLR651" s="613"/>
      <c r="HLS651" s="613"/>
      <c r="HLT651" s="613"/>
      <c r="HLU651" s="613"/>
      <c r="HLV651" s="613"/>
      <c r="HLW651" s="613"/>
      <c r="HLX651" s="613"/>
      <c r="HLY651" s="613"/>
      <c r="HLZ651" s="613"/>
      <c r="HMA651" s="613"/>
      <c r="HMB651" s="613"/>
      <c r="HMC651" s="613"/>
      <c r="HMD651" s="613"/>
      <c r="HME651" s="613"/>
      <c r="HMF651" s="613"/>
      <c r="HMG651" s="613"/>
      <c r="HMH651" s="613"/>
      <c r="HMI651" s="613"/>
      <c r="HMJ651" s="613"/>
      <c r="HMK651" s="613"/>
      <c r="HML651" s="613"/>
      <c r="HMM651" s="613"/>
      <c r="HMN651" s="613"/>
      <c r="HMO651" s="613"/>
      <c r="HMP651" s="613"/>
      <c r="HMQ651" s="613"/>
      <c r="HMR651" s="613"/>
      <c r="HMS651" s="613"/>
      <c r="HMT651" s="613"/>
      <c r="HMU651" s="613"/>
      <c r="HMV651" s="613"/>
      <c r="HMW651" s="613"/>
      <c r="HMX651" s="613"/>
      <c r="HMY651" s="613"/>
      <c r="HMZ651" s="613"/>
      <c r="HNA651" s="613"/>
      <c r="HNB651" s="613"/>
      <c r="HNC651" s="613"/>
      <c r="HND651" s="613"/>
      <c r="HNE651" s="613"/>
      <c r="HNF651" s="613"/>
      <c r="HNG651" s="613"/>
      <c r="HNH651" s="613"/>
      <c r="HNI651" s="613"/>
      <c r="HNJ651" s="613"/>
      <c r="HNK651" s="613"/>
      <c r="HNL651" s="613"/>
      <c r="HNM651" s="613"/>
      <c r="HNN651" s="613"/>
      <c r="HNO651" s="613"/>
      <c r="HNP651" s="613"/>
      <c r="HNQ651" s="613"/>
      <c r="HNR651" s="613"/>
      <c r="HNS651" s="613"/>
      <c r="HNT651" s="613"/>
      <c r="HNU651" s="613"/>
      <c r="HNV651" s="613"/>
      <c r="HNW651" s="613"/>
      <c r="HNX651" s="613"/>
      <c r="HNY651" s="613"/>
      <c r="HNZ651" s="613"/>
      <c r="HOA651" s="613"/>
      <c r="HOB651" s="613"/>
      <c r="HOC651" s="613"/>
      <c r="HOD651" s="613"/>
      <c r="HOE651" s="613"/>
      <c r="HOF651" s="613"/>
      <c r="HOG651" s="613"/>
      <c r="HOH651" s="613"/>
      <c r="HOI651" s="613"/>
      <c r="HOJ651" s="613"/>
      <c r="HOK651" s="613"/>
      <c r="HOL651" s="613"/>
      <c r="HOM651" s="613"/>
      <c r="HON651" s="613"/>
      <c r="HOO651" s="613"/>
      <c r="HOP651" s="613"/>
      <c r="HOQ651" s="613"/>
      <c r="HOR651" s="613"/>
      <c r="HOS651" s="613"/>
      <c r="HOT651" s="613"/>
      <c r="HOU651" s="613"/>
      <c r="HOV651" s="613"/>
      <c r="HOW651" s="613"/>
      <c r="HOX651" s="613"/>
      <c r="HOY651" s="613"/>
      <c r="HOZ651" s="613"/>
      <c r="HPA651" s="613"/>
      <c r="HPB651" s="613"/>
      <c r="HPC651" s="613"/>
      <c r="HPD651" s="613"/>
      <c r="HPE651" s="613"/>
      <c r="HPF651" s="613"/>
      <c r="HPG651" s="613"/>
      <c r="HPH651" s="613"/>
      <c r="HPI651" s="613"/>
      <c r="HPJ651" s="613"/>
      <c r="HPK651" s="613"/>
      <c r="HPL651" s="613"/>
      <c r="HPM651" s="613"/>
      <c r="HPN651" s="613"/>
      <c r="HPO651" s="613"/>
      <c r="HPP651" s="613"/>
      <c r="HPQ651" s="613"/>
      <c r="HPR651" s="613"/>
      <c r="HPS651" s="613"/>
      <c r="HPT651" s="613"/>
      <c r="HPU651" s="613"/>
      <c r="HPV651" s="613"/>
      <c r="HPW651" s="613"/>
      <c r="HPX651" s="613"/>
      <c r="HPY651" s="613"/>
      <c r="HPZ651" s="613"/>
      <c r="HQA651" s="613"/>
      <c r="HQB651" s="613"/>
      <c r="HQC651" s="613"/>
      <c r="HQD651" s="613"/>
      <c r="HQE651" s="613"/>
      <c r="HQF651" s="613"/>
      <c r="HQG651" s="613"/>
      <c r="HQH651" s="613"/>
      <c r="HQI651" s="613"/>
      <c r="HQJ651" s="613"/>
      <c r="HQK651" s="613"/>
      <c r="HQL651" s="613"/>
      <c r="HQM651" s="613"/>
      <c r="HQN651" s="613"/>
      <c r="HQO651" s="613"/>
      <c r="HQP651" s="613"/>
      <c r="HQQ651" s="613"/>
      <c r="HQR651" s="613"/>
      <c r="HQS651" s="613"/>
      <c r="HQT651" s="613"/>
      <c r="HQU651" s="613"/>
      <c r="HQV651" s="613"/>
      <c r="HQW651" s="613"/>
      <c r="HQX651" s="613"/>
      <c r="HQY651" s="613"/>
      <c r="HQZ651" s="613"/>
      <c r="HRA651" s="613"/>
      <c r="HRB651" s="613"/>
      <c r="HRC651" s="613"/>
      <c r="HRD651" s="613"/>
      <c r="HRE651" s="613"/>
      <c r="HRF651" s="613"/>
      <c r="HRG651" s="613"/>
      <c r="HRH651" s="613"/>
      <c r="HRI651" s="613"/>
      <c r="HRJ651" s="613"/>
      <c r="HRK651" s="613"/>
      <c r="HRL651" s="613"/>
      <c r="HRM651" s="613"/>
      <c r="HRN651" s="613"/>
      <c r="HRO651" s="613"/>
      <c r="HRP651" s="613"/>
      <c r="HRQ651" s="613"/>
      <c r="HRR651" s="613"/>
      <c r="HRS651" s="613"/>
      <c r="HRT651" s="613"/>
      <c r="HRU651" s="613"/>
      <c r="HRV651" s="613"/>
      <c r="HRW651" s="613"/>
      <c r="HRX651" s="613"/>
      <c r="HRY651" s="613"/>
      <c r="HRZ651" s="613"/>
      <c r="HSA651" s="613"/>
      <c r="HSB651" s="613"/>
      <c r="HSC651" s="613"/>
      <c r="HSD651" s="613"/>
      <c r="HSE651" s="613"/>
      <c r="HSF651" s="613"/>
      <c r="HSG651" s="613"/>
      <c r="HSH651" s="613"/>
      <c r="HSI651" s="613"/>
      <c r="HSJ651" s="613"/>
      <c r="HSK651" s="613"/>
      <c r="HSL651" s="613"/>
      <c r="HSM651" s="613"/>
      <c r="HSN651" s="613"/>
      <c r="HSO651" s="613"/>
      <c r="HSP651" s="613"/>
      <c r="HSQ651" s="613"/>
      <c r="HSR651" s="613"/>
      <c r="HSS651" s="613"/>
      <c r="HST651" s="613"/>
      <c r="HSU651" s="613"/>
      <c r="HSV651" s="613"/>
      <c r="HSW651" s="613"/>
      <c r="HSX651" s="613"/>
      <c r="HSY651" s="613"/>
      <c r="HSZ651" s="613"/>
      <c r="HTA651" s="613"/>
      <c r="HTB651" s="613"/>
      <c r="HTC651" s="613"/>
      <c r="HTD651" s="613"/>
      <c r="HTE651" s="613"/>
      <c r="HTF651" s="613"/>
      <c r="HTG651" s="613"/>
      <c r="HTH651" s="613"/>
      <c r="HTI651" s="613"/>
      <c r="HTJ651" s="613"/>
      <c r="HTK651" s="613"/>
      <c r="HTL651" s="613"/>
      <c r="HTM651" s="613"/>
      <c r="HTN651" s="613"/>
      <c r="HTO651" s="613"/>
      <c r="HTP651" s="613"/>
      <c r="HTQ651" s="613"/>
      <c r="HTR651" s="613"/>
      <c r="HTS651" s="613"/>
      <c r="HTT651" s="613"/>
      <c r="HTU651" s="613"/>
      <c r="HTV651" s="613"/>
      <c r="HTW651" s="613"/>
      <c r="HTX651" s="613"/>
      <c r="HTY651" s="613"/>
      <c r="HTZ651" s="613"/>
      <c r="HUA651" s="613"/>
      <c r="HUB651" s="613"/>
      <c r="HUC651" s="613"/>
      <c r="HUD651" s="613"/>
      <c r="HUE651" s="613"/>
      <c r="HUF651" s="613"/>
      <c r="HUG651" s="613"/>
      <c r="HUH651" s="613"/>
      <c r="HUI651" s="613"/>
      <c r="HUJ651" s="613"/>
      <c r="HUK651" s="613"/>
      <c r="HUL651" s="613"/>
      <c r="HUM651" s="613"/>
      <c r="HUN651" s="613"/>
      <c r="HUO651" s="613"/>
      <c r="HUP651" s="613"/>
      <c r="HUQ651" s="613"/>
      <c r="HUR651" s="613"/>
      <c r="HUS651" s="613"/>
      <c r="HUT651" s="613"/>
      <c r="HUU651" s="613"/>
      <c r="HUV651" s="613"/>
      <c r="HUW651" s="613"/>
      <c r="HUX651" s="613"/>
      <c r="HUY651" s="613"/>
      <c r="HUZ651" s="613"/>
      <c r="HVA651" s="613"/>
      <c r="HVB651" s="613"/>
      <c r="HVC651" s="613"/>
      <c r="HVD651" s="613"/>
      <c r="HVE651" s="613"/>
      <c r="HVF651" s="613"/>
      <c r="HVG651" s="613"/>
      <c r="HVH651" s="613"/>
      <c r="HVI651" s="613"/>
      <c r="HVJ651" s="613"/>
      <c r="HVK651" s="613"/>
      <c r="HVL651" s="613"/>
      <c r="HVM651" s="613"/>
      <c r="HVN651" s="613"/>
      <c r="HVO651" s="613"/>
      <c r="HVP651" s="613"/>
      <c r="HVQ651" s="613"/>
      <c r="HVR651" s="613"/>
      <c r="HVS651" s="613"/>
      <c r="HVT651" s="613"/>
      <c r="HVU651" s="613"/>
      <c r="HVV651" s="613"/>
      <c r="HVW651" s="613"/>
      <c r="HVX651" s="613"/>
      <c r="HVY651" s="613"/>
      <c r="HVZ651" s="613"/>
      <c r="HWA651" s="613"/>
      <c r="HWB651" s="613"/>
      <c r="HWC651" s="613"/>
      <c r="HWD651" s="613"/>
      <c r="HWE651" s="613"/>
      <c r="HWF651" s="613"/>
      <c r="HWG651" s="613"/>
      <c r="HWH651" s="613"/>
      <c r="HWI651" s="613"/>
      <c r="HWJ651" s="613"/>
      <c r="HWK651" s="613"/>
      <c r="HWL651" s="613"/>
      <c r="HWM651" s="613"/>
      <c r="HWN651" s="613"/>
      <c r="HWO651" s="613"/>
      <c r="HWP651" s="613"/>
      <c r="HWQ651" s="613"/>
      <c r="HWR651" s="613"/>
      <c r="HWS651" s="613"/>
      <c r="HWT651" s="613"/>
      <c r="HWU651" s="613"/>
      <c r="HWV651" s="613"/>
      <c r="HWW651" s="613"/>
      <c r="HWX651" s="613"/>
      <c r="HWY651" s="613"/>
      <c r="HWZ651" s="613"/>
      <c r="HXA651" s="613"/>
      <c r="HXB651" s="613"/>
      <c r="HXC651" s="613"/>
      <c r="HXD651" s="613"/>
      <c r="HXE651" s="613"/>
      <c r="HXF651" s="613"/>
      <c r="HXG651" s="613"/>
      <c r="HXH651" s="613"/>
      <c r="HXI651" s="613"/>
      <c r="HXJ651" s="613"/>
      <c r="HXK651" s="613"/>
      <c r="HXL651" s="613"/>
      <c r="HXM651" s="613"/>
      <c r="HXN651" s="613"/>
      <c r="HXO651" s="613"/>
      <c r="HXP651" s="613"/>
      <c r="HXQ651" s="613"/>
      <c r="HXR651" s="613"/>
      <c r="HXS651" s="613"/>
      <c r="HXT651" s="613"/>
      <c r="HXU651" s="613"/>
      <c r="HXV651" s="613"/>
      <c r="HXW651" s="613"/>
      <c r="HXX651" s="613"/>
      <c r="HXY651" s="613"/>
      <c r="HXZ651" s="613"/>
      <c r="HYA651" s="613"/>
      <c r="HYB651" s="613"/>
      <c r="HYC651" s="613"/>
      <c r="HYD651" s="613"/>
      <c r="HYE651" s="613"/>
      <c r="HYF651" s="613"/>
      <c r="HYG651" s="613"/>
      <c r="HYH651" s="613"/>
      <c r="HYI651" s="613"/>
      <c r="HYJ651" s="613"/>
      <c r="HYK651" s="613"/>
      <c r="HYL651" s="613"/>
      <c r="HYM651" s="613"/>
      <c r="HYN651" s="613"/>
      <c r="HYO651" s="613"/>
      <c r="HYP651" s="613"/>
      <c r="HYQ651" s="613"/>
      <c r="HYR651" s="613"/>
      <c r="HYS651" s="613"/>
      <c r="HYT651" s="613"/>
      <c r="HYU651" s="613"/>
      <c r="HYV651" s="613"/>
      <c r="HYW651" s="613"/>
      <c r="HYX651" s="613"/>
      <c r="HYY651" s="613"/>
      <c r="HYZ651" s="613"/>
      <c r="HZA651" s="613"/>
      <c r="HZB651" s="613"/>
      <c r="HZC651" s="613"/>
      <c r="HZD651" s="613"/>
      <c r="HZE651" s="613"/>
      <c r="HZF651" s="613"/>
      <c r="HZG651" s="613"/>
      <c r="HZH651" s="613"/>
      <c r="HZI651" s="613"/>
      <c r="HZJ651" s="613"/>
      <c r="HZK651" s="613"/>
      <c r="HZL651" s="613"/>
      <c r="HZM651" s="613"/>
      <c r="HZN651" s="613"/>
      <c r="HZO651" s="613"/>
      <c r="HZP651" s="613"/>
      <c r="HZQ651" s="613"/>
      <c r="HZR651" s="613"/>
      <c r="HZS651" s="613"/>
      <c r="HZT651" s="613"/>
      <c r="HZU651" s="613"/>
      <c r="HZV651" s="613"/>
      <c r="HZW651" s="613"/>
      <c r="HZX651" s="613"/>
      <c r="HZY651" s="613"/>
      <c r="HZZ651" s="613"/>
      <c r="IAA651" s="613"/>
      <c r="IAB651" s="613"/>
      <c r="IAC651" s="613"/>
      <c r="IAD651" s="613"/>
      <c r="IAE651" s="613"/>
      <c r="IAF651" s="613"/>
      <c r="IAG651" s="613"/>
      <c r="IAH651" s="613"/>
      <c r="IAI651" s="613"/>
      <c r="IAJ651" s="613"/>
      <c r="IAK651" s="613"/>
      <c r="IAL651" s="613"/>
      <c r="IAM651" s="613"/>
      <c r="IAN651" s="613"/>
      <c r="IAO651" s="613"/>
      <c r="IAP651" s="613"/>
      <c r="IAQ651" s="613"/>
      <c r="IAR651" s="613"/>
      <c r="IAS651" s="613"/>
      <c r="IAT651" s="613"/>
      <c r="IAU651" s="613"/>
      <c r="IAV651" s="613"/>
      <c r="IAW651" s="613"/>
      <c r="IAX651" s="613"/>
      <c r="IAY651" s="613"/>
      <c r="IAZ651" s="613"/>
      <c r="IBA651" s="613"/>
      <c r="IBB651" s="613"/>
      <c r="IBC651" s="613"/>
      <c r="IBD651" s="613"/>
      <c r="IBE651" s="613"/>
      <c r="IBF651" s="613"/>
      <c r="IBG651" s="613"/>
      <c r="IBH651" s="613"/>
      <c r="IBI651" s="613"/>
      <c r="IBJ651" s="613"/>
      <c r="IBK651" s="613"/>
      <c r="IBL651" s="613"/>
      <c r="IBM651" s="613"/>
      <c r="IBN651" s="613"/>
      <c r="IBO651" s="613"/>
      <c r="IBP651" s="613"/>
      <c r="IBQ651" s="613"/>
      <c r="IBR651" s="613"/>
      <c r="IBS651" s="613"/>
      <c r="IBT651" s="613"/>
      <c r="IBU651" s="613"/>
      <c r="IBV651" s="613"/>
      <c r="IBW651" s="613"/>
      <c r="IBX651" s="613"/>
      <c r="IBY651" s="613"/>
      <c r="IBZ651" s="613"/>
      <c r="ICA651" s="613"/>
      <c r="ICB651" s="613"/>
      <c r="ICC651" s="613"/>
      <c r="ICD651" s="613"/>
      <c r="ICE651" s="613"/>
      <c r="ICF651" s="613"/>
      <c r="ICG651" s="613"/>
      <c r="ICH651" s="613"/>
      <c r="ICI651" s="613"/>
      <c r="ICJ651" s="613"/>
      <c r="ICK651" s="613"/>
      <c r="ICL651" s="613"/>
      <c r="ICM651" s="613"/>
      <c r="ICN651" s="613"/>
      <c r="ICO651" s="613"/>
      <c r="ICP651" s="613"/>
      <c r="ICQ651" s="613"/>
      <c r="ICR651" s="613"/>
      <c r="ICS651" s="613"/>
      <c r="ICT651" s="613"/>
      <c r="ICU651" s="613"/>
      <c r="ICV651" s="613"/>
      <c r="ICW651" s="613"/>
      <c r="ICX651" s="613"/>
      <c r="ICY651" s="613"/>
      <c r="ICZ651" s="613"/>
      <c r="IDA651" s="613"/>
      <c r="IDB651" s="613"/>
      <c r="IDC651" s="613"/>
      <c r="IDD651" s="613"/>
      <c r="IDE651" s="613"/>
      <c r="IDF651" s="613"/>
      <c r="IDG651" s="613"/>
      <c r="IDH651" s="613"/>
      <c r="IDI651" s="613"/>
      <c r="IDJ651" s="613"/>
      <c r="IDK651" s="613"/>
      <c r="IDL651" s="613"/>
      <c r="IDM651" s="613"/>
      <c r="IDN651" s="613"/>
      <c r="IDO651" s="613"/>
      <c r="IDP651" s="613"/>
      <c r="IDQ651" s="613"/>
      <c r="IDR651" s="613"/>
      <c r="IDS651" s="613"/>
      <c r="IDT651" s="613"/>
      <c r="IDU651" s="613"/>
      <c r="IDV651" s="613"/>
      <c r="IDW651" s="613"/>
      <c r="IDX651" s="613"/>
      <c r="IDY651" s="613"/>
      <c r="IDZ651" s="613"/>
      <c r="IEA651" s="613"/>
      <c r="IEB651" s="613"/>
      <c r="IEC651" s="613"/>
      <c r="IED651" s="613"/>
      <c r="IEE651" s="613"/>
      <c r="IEF651" s="613"/>
      <c r="IEG651" s="613"/>
      <c r="IEH651" s="613"/>
      <c r="IEI651" s="613"/>
      <c r="IEJ651" s="613"/>
      <c r="IEK651" s="613"/>
      <c r="IEL651" s="613"/>
      <c r="IEM651" s="613"/>
      <c r="IEN651" s="613"/>
      <c r="IEO651" s="613"/>
      <c r="IEP651" s="613"/>
      <c r="IEQ651" s="613"/>
      <c r="IER651" s="613"/>
      <c r="IES651" s="613"/>
      <c r="IET651" s="613"/>
      <c r="IEU651" s="613"/>
      <c r="IEV651" s="613"/>
      <c r="IEW651" s="613"/>
      <c r="IEX651" s="613"/>
      <c r="IEY651" s="613"/>
      <c r="IEZ651" s="613"/>
      <c r="IFA651" s="613"/>
      <c r="IFB651" s="613"/>
      <c r="IFC651" s="613"/>
      <c r="IFD651" s="613"/>
      <c r="IFE651" s="613"/>
      <c r="IFF651" s="613"/>
      <c r="IFG651" s="613"/>
      <c r="IFH651" s="613"/>
      <c r="IFI651" s="613"/>
      <c r="IFJ651" s="613"/>
      <c r="IFK651" s="613"/>
      <c r="IFL651" s="613"/>
      <c r="IFM651" s="613"/>
      <c r="IFN651" s="613"/>
      <c r="IFO651" s="613"/>
      <c r="IFP651" s="613"/>
      <c r="IFQ651" s="613"/>
      <c r="IFR651" s="613"/>
      <c r="IFS651" s="613"/>
      <c r="IFT651" s="613"/>
      <c r="IFU651" s="613"/>
      <c r="IFV651" s="613"/>
      <c r="IFW651" s="613"/>
      <c r="IFX651" s="613"/>
      <c r="IFY651" s="613"/>
      <c r="IFZ651" s="613"/>
      <c r="IGA651" s="613"/>
      <c r="IGB651" s="613"/>
      <c r="IGC651" s="613"/>
      <c r="IGD651" s="613"/>
      <c r="IGE651" s="613"/>
      <c r="IGF651" s="613"/>
      <c r="IGG651" s="613"/>
      <c r="IGH651" s="613"/>
      <c r="IGI651" s="613"/>
      <c r="IGJ651" s="613"/>
      <c r="IGK651" s="613"/>
      <c r="IGL651" s="613"/>
      <c r="IGM651" s="613"/>
      <c r="IGN651" s="613"/>
      <c r="IGO651" s="613"/>
      <c r="IGP651" s="613"/>
      <c r="IGQ651" s="613"/>
      <c r="IGR651" s="613"/>
      <c r="IGS651" s="613"/>
      <c r="IGT651" s="613"/>
      <c r="IGU651" s="613"/>
      <c r="IGV651" s="613"/>
      <c r="IGW651" s="613"/>
      <c r="IGX651" s="613"/>
      <c r="IGY651" s="613"/>
      <c r="IGZ651" s="613"/>
      <c r="IHA651" s="613"/>
      <c r="IHB651" s="613"/>
      <c r="IHC651" s="613"/>
      <c r="IHD651" s="613"/>
      <c r="IHE651" s="613"/>
      <c r="IHF651" s="613"/>
      <c r="IHG651" s="613"/>
      <c r="IHH651" s="613"/>
      <c r="IHI651" s="613"/>
      <c r="IHJ651" s="613"/>
      <c r="IHK651" s="613"/>
      <c r="IHL651" s="613"/>
      <c r="IHM651" s="613"/>
      <c r="IHN651" s="613"/>
      <c r="IHO651" s="613"/>
      <c r="IHP651" s="613"/>
      <c r="IHQ651" s="613"/>
      <c r="IHR651" s="613"/>
      <c r="IHS651" s="613"/>
      <c r="IHT651" s="613"/>
      <c r="IHU651" s="613"/>
      <c r="IHV651" s="613"/>
      <c r="IHW651" s="613"/>
      <c r="IHX651" s="613"/>
      <c r="IHY651" s="613"/>
      <c r="IHZ651" s="613"/>
      <c r="IIA651" s="613"/>
      <c r="IIB651" s="613"/>
      <c r="IIC651" s="613"/>
      <c r="IID651" s="613"/>
      <c r="IIE651" s="613"/>
      <c r="IIF651" s="613"/>
      <c r="IIG651" s="613"/>
      <c r="IIH651" s="613"/>
      <c r="III651" s="613"/>
      <c r="IIJ651" s="613"/>
      <c r="IIK651" s="613"/>
      <c r="IIL651" s="613"/>
      <c r="IIM651" s="613"/>
      <c r="IIN651" s="613"/>
      <c r="IIO651" s="613"/>
      <c r="IIP651" s="613"/>
      <c r="IIQ651" s="613"/>
      <c r="IIR651" s="613"/>
      <c r="IIS651" s="613"/>
      <c r="IIT651" s="613"/>
      <c r="IIU651" s="613"/>
      <c r="IIV651" s="613"/>
      <c r="IIW651" s="613"/>
      <c r="IIX651" s="613"/>
      <c r="IIY651" s="613"/>
      <c r="IIZ651" s="613"/>
      <c r="IJA651" s="613"/>
      <c r="IJB651" s="613"/>
      <c r="IJC651" s="613"/>
      <c r="IJD651" s="613"/>
      <c r="IJE651" s="613"/>
      <c r="IJF651" s="613"/>
      <c r="IJG651" s="613"/>
      <c r="IJH651" s="613"/>
      <c r="IJI651" s="613"/>
      <c r="IJJ651" s="613"/>
      <c r="IJK651" s="613"/>
      <c r="IJL651" s="613"/>
      <c r="IJM651" s="613"/>
      <c r="IJN651" s="613"/>
      <c r="IJO651" s="613"/>
      <c r="IJP651" s="613"/>
      <c r="IJQ651" s="613"/>
      <c r="IJR651" s="613"/>
      <c r="IJS651" s="613"/>
      <c r="IJT651" s="613"/>
      <c r="IJU651" s="613"/>
      <c r="IJV651" s="613"/>
      <c r="IJW651" s="613"/>
      <c r="IJX651" s="613"/>
      <c r="IJY651" s="613"/>
      <c r="IJZ651" s="613"/>
      <c r="IKA651" s="613"/>
      <c r="IKB651" s="613"/>
      <c r="IKC651" s="613"/>
      <c r="IKD651" s="613"/>
      <c r="IKE651" s="613"/>
      <c r="IKF651" s="613"/>
      <c r="IKG651" s="613"/>
      <c r="IKH651" s="613"/>
      <c r="IKI651" s="613"/>
      <c r="IKJ651" s="613"/>
      <c r="IKK651" s="613"/>
      <c r="IKL651" s="613"/>
      <c r="IKM651" s="613"/>
      <c r="IKN651" s="613"/>
      <c r="IKO651" s="613"/>
      <c r="IKP651" s="613"/>
      <c r="IKQ651" s="613"/>
      <c r="IKR651" s="613"/>
      <c r="IKS651" s="613"/>
      <c r="IKT651" s="613"/>
      <c r="IKU651" s="613"/>
      <c r="IKV651" s="613"/>
      <c r="IKW651" s="613"/>
      <c r="IKX651" s="613"/>
      <c r="IKY651" s="613"/>
      <c r="IKZ651" s="613"/>
      <c r="ILA651" s="613"/>
      <c r="ILB651" s="613"/>
      <c r="ILC651" s="613"/>
      <c r="ILD651" s="613"/>
      <c r="ILE651" s="613"/>
      <c r="ILF651" s="613"/>
      <c r="ILG651" s="613"/>
      <c r="ILH651" s="613"/>
      <c r="ILI651" s="613"/>
      <c r="ILJ651" s="613"/>
      <c r="ILK651" s="613"/>
      <c r="ILL651" s="613"/>
      <c r="ILM651" s="613"/>
      <c r="ILN651" s="613"/>
      <c r="ILO651" s="613"/>
      <c r="ILP651" s="613"/>
      <c r="ILQ651" s="613"/>
      <c r="ILR651" s="613"/>
      <c r="ILS651" s="613"/>
      <c r="ILT651" s="613"/>
      <c r="ILU651" s="613"/>
      <c r="ILV651" s="613"/>
      <c r="ILW651" s="613"/>
      <c r="ILX651" s="613"/>
      <c r="ILY651" s="613"/>
      <c r="ILZ651" s="613"/>
      <c r="IMA651" s="613"/>
      <c r="IMB651" s="613"/>
      <c r="IMC651" s="613"/>
      <c r="IMD651" s="613"/>
      <c r="IME651" s="613"/>
      <c r="IMF651" s="613"/>
      <c r="IMG651" s="613"/>
      <c r="IMH651" s="613"/>
      <c r="IMI651" s="613"/>
      <c r="IMJ651" s="613"/>
      <c r="IMK651" s="613"/>
      <c r="IML651" s="613"/>
      <c r="IMM651" s="613"/>
      <c r="IMN651" s="613"/>
      <c r="IMO651" s="613"/>
      <c r="IMP651" s="613"/>
      <c r="IMQ651" s="613"/>
      <c r="IMR651" s="613"/>
      <c r="IMS651" s="613"/>
      <c r="IMT651" s="613"/>
      <c r="IMU651" s="613"/>
      <c r="IMV651" s="613"/>
      <c r="IMW651" s="613"/>
      <c r="IMX651" s="613"/>
      <c r="IMY651" s="613"/>
      <c r="IMZ651" s="613"/>
      <c r="INA651" s="613"/>
      <c r="INB651" s="613"/>
      <c r="INC651" s="613"/>
      <c r="IND651" s="613"/>
      <c r="INE651" s="613"/>
      <c r="INF651" s="613"/>
      <c r="ING651" s="613"/>
      <c r="INH651" s="613"/>
      <c r="INI651" s="613"/>
      <c r="INJ651" s="613"/>
      <c r="INK651" s="613"/>
      <c r="INL651" s="613"/>
      <c r="INM651" s="613"/>
      <c r="INN651" s="613"/>
      <c r="INO651" s="613"/>
      <c r="INP651" s="613"/>
      <c r="INQ651" s="613"/>
      <c r="INR651" s="613"/>
      <c r="INS651" s="613"/>
      <c r="INT651" s="613"/>
      <c r="INU651" s="613"/>
      <c r="INV651" s="613"/>
      <c r="INW651" s="613"/>
      <c r="INX651" s="613"/>
      <c r="INY651" s="613"/>
      <c r="INZ651" s="613"/>
      <c r="IOA651" s="613"/>
      <c r="IOB651" s="613"/>
      <c r="IOC651" s="613"/>
      <c r="IOD651" s="613"/>
      <c r="IOE651" s="613"/>
      <c r="IOF651" s="613"/>
      <c r="IOG651" s="613"/>
      <c r="IOH651" s="613"/>
      <c r="IOI651" s="613"/>
      <c r="IOJ651" s="613"/>
      <c r="IOK651" s="613"/>
      <c r="IOL651" s="613"/>
      <c r="IOM651" s="613"/>
      <c r="ION651" s="613"/>
      <c r="IOO651" s="613"/>
      <c r="IOP651" s="613"/>
      <c r="IOQ651" s="613"/>
      <c r="IOR651" s="613"/>
      <c r="IOS651" s="613"/>
      <c r="IOT651" s="613"/>
      <c r="IOU651" s="613"/>
      <c r="IOV651" s="613"/>
      <c r="IOW651" s="613"/>
      <c r="IOX651" s="613"/>
      <c r="IOY651" s="613"/>
      <c r="IOZ651" s="613"/>
      <c r="IPA651" s="613"/>
      <c r="IPB651" s="613"/>
      <c r="IPC651" s="613"/>
      <c r="IPD651" s="613"/>
      <c r="IPE651" s="613"/>
      <c r="IPF651" s="613"/>
      <c r="IPG651" s="613"/>
      <c r="IPH651" s="613"/>
      <c r="IPI651" s="613"/>
      <c r="IPJ651" s="613"/>
      <c r="IPK651" s="613"/>
      <c r="IPL651" s="613"/>
      <c r="IPM651" s="613"/>
      <c r="IPN651" s="613"/>
      <c r="IPO651" s="613"/>
      <c r="IPP651" s="613"/>
      <c r="IPQ651" s="613"/>
      <c r="IPR651" s="613"/>
      <c r="IPS651" s="613"/>
      <c r="IPT651" s="613"/>
      <c r="IPU651" s="613"/>
      <c r="IPV651" s="613"/>
      <c r="IPW651" s="613"/>
      <c r="IPX651" s="613"/>
      <c r="IPY651" s="613"/>
      <c r="IPZ651" s="613"/>
      <c r="IQA651" s="613"/>
      <c r="IQB651" s="613"/>
      <c r="IQC651" s="613"/>
      <c r="IQD651" s="613"/>
      <c r="IQE651" s="613"/>
      <c r="IQF651" s="613"/>
      <c r="IQG651" s="613"/>
      <c r="IQH651" s="613"/>
      <c r="IQI651" s="613"/>
      <c r="IQJ651" s="613"/>
      <c r="IQK651" s="613"/>
      <c r="IQL651" s="613"/>
      <c r="IQM651" s="613"/>
      <c r="IQN651" s="613"/>
      <c r="IQO651" s="613"/>
      <c r="IQP651" s="613"/>
      <c r="IQQ651" s="613"/>
      <c r="IQR651" s="613"/>
      <c r="IQS651" s="613"/>
      <c r="IQT651" s="613"/>
      <c r="IQU651" s="613"/>
      <c r="IQV651" s="613"/>
      <c r="IQW651" s="613"/>
      <c r="IQX651" s="613"/>
      <c r="IQY651" s="613"/>
      <c r="IQZ651" s="613"/>
      <c r="IRA651" s="613"/>
      <c r="IRB651" s="613"/>
      <c r="IRC651" s="613"/>
      <c r="IRD651" s="613"/>
      <c r="IRE651" s="613"/>
      <c r="IRF651" s="613"/>
      <c r="IRG651" s="613"/>
      <c r="IRH651" s="613"/>
      <c r="IRI651" s="613"/>
      <c r="IRJ651" s="613"/>
      <c r="IRK651" s="613"/>
      <c r="IRL651" s="613"/>
      <c r="IRM651" s="613"/>
      <c r="IRN651" s="613"/>
      <c r="IRO651" s="613"/>
      <c r="IRP651" s="613"/>
      <c r="IRQ651" s="613"/>
      <c r="IRR651" s="613"/>
      <c r="IRS651" s="613"/>
      <c r="IRT651" s="613"/>
      <c r="IRU651" s="613"/>
      <c r="IRV651" s="613"/>
      <c r="IRW651" s="613"/>
      <c r="IRX651" s="613"/>
      <c r="IRY651" s="613"/>
      <c r="IRZ651" s="613"/>
      <c r="ISA651" s="613"/>
      <c r="ISB651" s="613"/>
      <c r="ISC651" s="613"/>
      <c r="ISD651" s="613"/>
      <c r="ISE651" s="613"/>
      <c r="ISF651" s="613"/>
      <c r="ISG651" s="613"/>
      <c r="ISH651" s="613"/>
      <c r="ISI651" s="613"/>
      <c r="ISJ651" s="613"/>
      <c r="ISK651" s="613"/>
      <c r="ISL651" s="613"/>
      <c r="ISM651" s="613"/>
      <c r="ISN651" s="613"/>
      <c r="ISO651" s="613"/>
      <c r="ISP651" s="613"/>
      <c r="ISQ651" s="613"/>
      <c r="ISR651" s="613"/>
      <c r="ISS651" s="613"/>
      <c r="IST651" s="613"/>
      <c r="ISU651" s="613"/>
      <c r="ISV651" s="613"/>
      <c r="ISW651" s="613"/>
      <c r="ISX651" s="613"/>
      <c r="ISY651" s="613"/>
      <c r="ISZ651" s="613"/>
      <c r="ITA651" s="613"/>
      <c r="ITB651" s="613"/>
      <c r="ITC651" s="613"/>
      <c r="ITD651" s="613"/>
      <c r="ITE651" s="613"/>
      <c r="ITF651" s="613"/>
      <c r="ITG651" s="613"/>
      <c r="ITH651" s="613"/>
      <c r="ITI651" s="613"/>
      <c r="ITJ651" s="613"/>
      <c r="ITK651" s="613"/>
      <c r="ITL651" s="613"/>
      <c r="ITM651" s="613"/>
      <c r="ITN651" s="613"/>
      <c r="ITO651" s="613"/>
      <c r="ITP651" s="613"/>
      <c r="ITQ651" s="613"/>
      <c r="ITR651" s="613"/>
      <c r="ITS651" s="613"/>
      <c r="ITT651" s="613"/>
      <c r="ITU651" s="613"/>
      <c r="ITV651" s="613"/>
      <c r="ITW651" s="613"/>
      <c r="ITX651" s="613"/>
      <c r="ITY651" s="613"/>
      <c r="ITZ651" s="613"/>
      <c r="IUA651" s="613"/>
      <c r="IUB651" s="613"/>
      <c r="IUC651" s="613"/>
      <c r="IUD651" s="613"/>
      <c r="IUE651" s="613"/>
      <c r="IUF651" s="613"/>
      <c r="IUG651" s="613"/>
      <c r="IUH651" s="613"/>
      <c r="IUI651" s="613"/>
      <c r="IUJ651" s="613"/>
      <c r="IUK651" s="613"/>
      <c r="IUL651" s="613"/>
      <c r="IUM651" s="613"/>
      <c r="IUN651" s="613"/>
      <c r="IUO651" s="613"/>
      <c r="IUP651" s="613"/>
      <c r="IUQ651" s="613"/>
      <c r="IUR651" s="613"/>
      <c r="IUS651" s="613"/>
      <c r="IUT651" s="613"/>
      <c r="IUU651" s="613"/>
      <c r="IUV651" s="613"/>
      <c r="IUW651" s="613"/>
      <c r="IUX651" s="613"/>
      <c r="IUY651" s="613"/>
      <c r="IUZ651" s="613"/>
      <c r="IVA651" s="613"/>
      <c r="IVB651" s="613"/>
      <c r="IVC651" s="613"/>
      <c r="IVD651" s="613"/>
      <c r="IVE651" s="613"/>
      <c r="IVF651" s="613"/>
      <c r="IVG651" s="613"/>
      <c r="IVH651" s="613"/>
      <c r="IVI651" s="613"/>
      <c r="IVJ651" s="613"/>
      <c r="IVK651" s="613"/>
      <c r="IVL651" s="613"/>
      <c r="IVM651" s="613"/>
      <c r="IVN651" s="613"/>
      <c r="IVO651" s="613"/>
      <c r="IVP651" s="613"/>
      <c r="IVQ651" s="613"/>
      <c r="IVR651" s="613"/>
      <c r="IVS651" s="613"/>
      <c r="IVT651" s="613"/>
      <c r="IVU651" s="613"/>
      <c r="IVV651" s="613"/>
      <c r="IVW651" s="613"/>
      <c r="IVX651" s="613"/>
      <c r="IVY651" s="613"/>
      <c r="IVZ651" s="613"/>
      <c r="IWA651" s="613"/>
      <c r="IWB651" s="613"/>
      <c r="IWC651" s="613"/>
      <c r="IWD651" s="613"/>
      <c r="IWE651" s="613"/>
      <c r="IWF651" s="613"/>
      <c r="IWG651" s="613"/>
      <c r="IWH651" s="613"/>
      <c r="IWI651" s="613"/>
      <c r="IWJ651" s="613"/>
      <c r="IWK651" s="613"/>
      <c r="IWL651" s="613"/>
      <c r="IWM651" s="613"/>
      <c r="IWN651" s="613"/>
      <c r="IWO651" s="613"/>
      <c r="IWP651" s="613"/>
      <c r="IWQ651" s="613"/>
      <c r="IWR651" s="613"/>
      <c r="IWS651" s="613"/>
      <c r="IWT651" s="613"/>
      <c r="IWU651" s="613"/>
      <c r="IWV651" s="613"/>
      <c r="IWW651" s="613"/>
      <c r="IWX651" s="613"/>
      <c r="IWY651" s="613"/>
      <c r="IWZ651" s="613"/>
      <c r="IXA651" s="613"/>
      <c r="IXB651" s="613"/>
      <c r="IXC651" s="613"/>
      <c r="IXD651" s="613"/>
      <c r="IXE651" s="613"/>
      <c r="IXF651" s="613"/>
      <c r="IXG651" s="613"/>
      <c r="IXH651" s="613"/>
      <c r="IXI651" s="613"/>
      <c r="IXJ651" s="613"/>
      <c r="IXK651" s="613"/>
      <c r="IXL651" s="613"/>
      <c r="IXM651" s="613"/>
      <c r="IXN651" s="613"/>
      <c r="IXO651" s="613"/>
      <c r="IXP651" s="613"/>
      <c r="IXQ651" s="613"/>
      <c r="IXR651" s="613"/>
      <c r="IXS651" s="613"/>
      <c r="IXT651" s="613"/>
      <c r="IXU651" s="613"/>
      <c r="IXV651" s="613"/>
      <c r="IXW651" s="613"/>
      <c r="IXX651" s="613"/>
      <c r="IXY651" s="613"/>
      <c r="IXZ651" s="613"/>
      <c r="IYA651" s="613"/>
      <c r="IYB651" s="613"/>
      <c r="IYC651" s="613"/>
      <c r="IYD651" s="613"/>
      <c r="IYE651" s="613"/>
      <c r="IYF651" s="613"/>
      <c r="IYG651" s="613"/>
      <c r="IYH651" s="613"/>
      <c r="IYI651" s="613"/>
      <c r="IYJ651" s="613"/>
      <c r="IYK651" s="613"/>
      <c r="IYL651" s="613"/>
      <c r="IYM651" s="613"/>
      <c r="IYN651" s="613"/>
      <c r="IYO651" s="613"/>
      <c r="IYP651" s="613"/>
      <c r="IYQ651" s="613"/>
      <c r="IYR651" s="613"/>
      <c r="IYS651" s="613"/>
      <c r="IYT651" s="613"/>
      <c r="IYU651" s="613"/>
      <c r="IYV651" s="613"/>
      <c r="IYW651" s="613"/>
      <c r="IYX651" s="613"/>
      <c r="IYY651" s="613"/>
      <c r="IYZ651" s="613"/>
      <c r="IZA651" s="613"/>
      <c r="IZB651" s="613"/>
      <c r="IZC651" s="613"/>
      <c r="IZD651" s="613"/>
      <c r="IZE651" s="613"/>
      <c r="IZF651" s="613"/>
      <c r="IZG651" s="613"/>
      <c r="IZH651" s="613"/>
      <c r="IZI651" s="613"/>
      <c r="IZJ651" s="613"/>
      <c r="IZK651" s="613"/>
      <c r="IZL651" s="613"/>
      <c r="IZM651" s="613"/>
      <c r="IZN651" s="613"/>
      <c r="IZO651" s="613"/>
      <c r="IZP651" s="613"/>
      <c r="IZQ651" s="613"/>
      <c r="IZR651" s="613"/>
      <c r="IZS651" s="613"/>
      <c r="IZT651" s="613"/>
      <c r="IZU651" s="613"/>
      <c r="IZV651" s="613"/>
      <c r="IZW651" s="613"/>
      <c r="IZX651" s="613"/>
      <c r="IZY651" s="613"/>
      <c r="IZZ651" s="613"/>
      <c r="JAA651" s="613"/>
      <c r="JAB651" s="613"/>
      <c r="JAC651" s="613"/>
      <c r="JAD651" s="613"/>
      <c r="JAE651" s="613"/>
      <c r="JAF651" s="613"/>
      <c r="JAG651" s="613"/>
      <c r="JAH651" s="613"/>
      <c r="JAI651" s="613"/>
      <c r="JAJ651" s="613"/>
      <c r="JAK651" s="613"/>
      <c r="JAL651" s="613"/>
      <c r="JAM651" s="613"/>
      <c r="JAN651" s="613"/>
      <c r="JAO651" s="613"/>
      <c r="JAP651" s="613"/>
      <c r="JAQ651" s="613"/>
      <c r="JAR651" s="613"/>
      <c r="JAS651" s="613"/>
      <c r="JAT651" s="613"/>
      <c r="JAU651" s="613"/>
      <c r="JAV651" s="613"/>
      <c r="JAW651" s="613"/>
      <c r="JAX651" s="613"/>
      <c r="JAY651" s="613"/>
      <c r="JAZ651" s="613"/>
      <c r="JBA651" s="613"/>
      <c r="JBB651" s="613"/>
      <c r="JBC651" s="613"/>
      <c r="JBD651" s="613"/>
      <c r="JBE651" s="613"/>
      <c r="JBF651" s="613"/>
      <c r="JBG651" s="613"/>
      <c r="JBH651" s="613"/>
      <c r="JBI651" s="613"/>
      <c r="JBJ651" s="613"/>
      <c r="JBK651" s="613"/>
      <c r="JBL651" s="613"/>
      <c r="JBM651" s="613"/>
      <c r="JBN651" s="613"/>
      <c r="JBO651" s="613"/>
      <c r="JBP651" s="613"/>
      <c r="JBQ651" s="613"/>
      <c r="JBR651" s="613"/>
      <c r="JBS651" s="613"/>
      <c r="JBT651" s="613"/>
      <c r="JBU651" s="613"/>
      <c r="JBV651" s="613"/>
      <c r="JBW651" s="613"/>
      <c r="JBX651" s="613"/>
      <c r="JBY651" s="613"/>
      <c r="JBZ651" s="613"/>
      <c r="JCA651" s="613"/>
      <c r="JCB651" s="613"/>
      <c r="JCC651" s="613"/>
      <c r="JCD651" s="613"/>
      <c r="JCE651" s="613"/>
      <c r="JCF651" s="613"/>
      <c r="JCG651" s="613"/>
      <c r="JCH651" s="613"/>
      <c r="JCI651" s="613"/>
      <c r="JCJ651" s="613"/>
      <c r="JCK651" s="613"/>
      <c r="JCL651" s="613"/>
      <c r="JCM651" s="613"/>
      <c r="JCN651" s="613"/>
      <c r="JCO651" s="613"/>
      <c r="JCP651" s="613"/>
      <c r="JCQ651" s="613"/>
      <c r="JCR651" s="613"/>
      <c r="JCS651" s="613"/>
      <c r="JCT651" s="613"/>
      <c r="JCU651" s="613"/>
      <c r="JCV651" s="613"/>
      <c r="JCW651" s="613"/>
      <c r="JCX651" s="613"/>
      <c r="JCY651" s="613"/>
      <c r="JCZ651" s="613"/>
      <c r="JDA651" s="613"/>
      <c r="JDB651" s="613"/>
      <c r="JDC651" s="613"/>
      <c r="JDD651" s="613"/>
      <c r="JDE651" s="613"/>
      <c r="JDF651" s="613"/>
      <c r="JDG651" s="613"/>
      <c r="JDH651" s="613"/>
      <c r="JDI651" s="613"/>
      <c r="JDJ651" s="613"/>
      <c r="JDK651" s="613"/>
      <c r="JDL651" s="613"/>
      <c r="JDM651" s="613"/>
      <c r="JDN651" s="613"/>
      <c r="JDO651" s="613"/>
      <c r="JDP651" s="613"/>
      <c r="JDQ651" s="613"/>
      <c r="JDR651" s="613"/>
      <c r="JDS651" s="613"/>
      <c r="JDT651" s="613"/>
      <c r="JDU651" s="613"/>
      <c r="JDV651" s="613"/>
      <c r="JDW651" s="613"/>
      <c r="JDX651" s="613"/>
      <c r="JDY651" s="613"/>
      <c r="JDZ651" s="613"/>
      <c r="JEA651" s="613"/>
      <c r="JEB651" s="613"/>
      <c r="JEC651" s="613"/>
      <c r="JED651" s="613"/>
      <c r="JEE651" s="613"/>
      <c r="JEF651" s="613"/>
      <c r="JEG651" s="613"/>
      <c r="JEH651" s="613"/>
      <c r="JEI651" s="613"/>
      <c r="JEJ651" s="613"/>
      <c r="JEK651" s="613"/>
      <c r="JEL651" s="613"/>
      <c r="JEM651" s="613"/>
      <c r="JEN651" s="613"/>
      <c r="JEO651" s="613"/>
      <c r="JEP651" s="613"/>
      <c r="JEQ651" s="613"/>
      <c r="JER651" s="613"/>
      <c r="JES651" s="613"/>
      <c r="JET651" s="613"/>
      <c r="JEU651" s="613"/>
      <c r="JEV651" s="613"/>
      <c r="JEW651" s="613"/>
      <c r="JEX651" s="613"/>
      <c r="JEY651" s="613"/>
      <c r="JEZ651" s="613"/>
      <c r="JFA651" s="613"/>
      <c r="JFB651" s="613"/>
      <c r="JFC651" s="613"/>
      <c r="JFD651" s="613"/>
      <c r="JFE651" s="613"/>
      <c r="JFF651" s="613"/>
      <c r="JFG651" s="613"/>
      <c r="JFH651" s="613"/>
      <c r="JFI651" s="613"/>
      <c r="JFJ651" s="613"/>
      <c r="JFK651" s="613"/>
      <c r="JFL651" s="613"/>
      <c r="JFM651" s="613"/>
      <c r="JFN651" s="613"/>
      <c r="JFO651" s="613"/>
      <c r="JFP651" s="613"/>
      <c r="JFQ651" s="613"/>
      <c r="JFR651" s="613"/>
      <c r="JFS651" s="613"/>
      <c r="JFT651" s="613"/>
      <c r="JFU651" s="613"/>
      <c r="JFV651" s="613"/>
      <c r="JFW651" s="613"/>
      <c r="JFX651" s="613"/>
      <c r="JFY651" s="613"/>
      <c r="JFZ651" s="613"/>
      <c r="JGA651" s="613"/>
      <c r="JGB651" s="613"/>
      <c r="JGC651" s="613"/>
      <c r="JGD651" s="613"/>
      <c r="JGE651" s="613"/>
      <c r="JGF651" s="613"/>
      <c r="JGG651" s="613"/>
      <c r="JGH651" s="613"/>
      <c r="JGI651" s="613"/>
      <c r="JGJ651" s="613"/>
      <c r="JGK651" s="613"/>
      <c r="JGL651" s="613"/>
      <c r="JGM651" s="613"/>
      <c r="JGN651" s="613"/>
      <c r="JGO651" s="613"/>
      <c r="JGP651" s="613"/>
      <c r="JGQ651" s="613"/>
      <c r="JGR651" s="613"/>
      <c r="JGS651" s="613"/>
      <c r="JGT651" s="613"/>
      <c r="JGU651" s="613"/>
      <c r="JGV651" s="613"/>
      <c r="JGW651" s="613"/>
      <c r="JGX651" s="613"/>
      <c r="JGY651" s="613"/>
      <c r="JGZ651" s="613"/>
      <c r="JHA651" s="613"/>
      <c r="JHB651" s="613"/>
      <c r="JHC651" s="613"/>
      <c r="JHD651" s="613"/>
      <c r="JHE651" s="613"/>
      <c r="JHF651" s="613"/>
      <c r="JHG651" s="613"/>
      <c r="JHH651" s="613"/>
      <c r="JHI651" s="613"/>
      <c r="JHJ651" s="613"/>
      <c r="JHK651" s="613"/>
      <c r="JHL651" s="613"/>
      <c r="JHM651" s="613"/>
      <c r="JHN651" s="613"/>
      <c r="JHO651" s="613"/>
      <c r="JHP651" s="613"/>
      <c r="JHQ651" s="613"/>
      <c r="JHR651" s="613"/>
      <c r="JHS651" s="613"/>
      <c r="JHT651" s="613"/>
      <c r="JHU651" s="613"/>
      <c r="JHV651" s="613"/>
      <c r="JHW651" s="613"/>
      <c r="JHX651" s="613"/>
      <c r="JHY651" s="613"/>
      <c r="JHZ651" s="613"/>
      <c r="JIA651" s="613"/>
      <c r="JIB651" s="613"/>
      <c r="JIC651" s="613"/>
      <c r="JID651" s="613"/>
      <c r="JIE651" s="613"/>
      <c r="JIF651" s="613"/>
      <c r="JIG651" s="613"/>
      <c r="JIH651" s="613"/>
      <c r="JII651" s="613"/>
      <c r="JIJ651" s="613"/>
      <c r="JIK651" s="613"/>
      <c r="JIL651" s="613"/>
      <c r="JIM651" s="613"/>
      <c r="JIN651" s="613"/>
      <c r="JIO651" s="613"/>
      <c r="JIP651" s="613"/>
      <c r="JIQ651" s="613"/>
      <c r="JIR651" s="613"/>
      <c r="JIS651" s="613"/>
      <c r="JIT651" s="613"/>
      <c r="JIU651" s="613"/>
      <c r="JIV651" s="613"/>
      <c r="JIW651" s="613"/>
      <c r="JIX651" s="613"/>
      <c r="JIY651" s="613"/>
      <c r="JIZ651" s="613"/>
      <c r="JJA651" s="613"/>
      <c r="JJB651" s="613"/>
      <c r="JJC651" s="613"/>
      <c r="JJD651" s="613"/>
      <c r="JJE651" s="613"/>
      <c r="JJF651" s="613"/>
      <c r="JJG651" s="613"/>
      <c r="JJH651" s="613"/>
      <c r="JJI651" s="613"/>
      <c r="JJJ651" s="613"/>
      <c r="JJK651" s="613"/>
      <c r="JJL651" s="613"/>
      <c r="JJM651" s="613"/>
      <c r="JJN651" s="613"/>
      <c r="JJO651" s="613"/>
      <c r="JJP651" s="613"/>
      <c r="JJQ651" s="613"/>
      <c r="JJR651" s="613"/>
      <c r="JJS651" s="613"/>
      <c r="JJT651" s="613"/>
      <c r="JJU651" s="613"/>
      <c r="JJV651" s="613"/>
      <c r="JJW651" s="613"/>
      <c r="JJX651" s="613"/>
      <c r="JJY651" s="613"/>
      <c r="JJZ651" s="613"/>
      <c r="JKA651" s="613"/>
      <c r="JKB651" s="613"/>
      <c r="JKC651" s="613"/>
      <c r="JKD651" s="613"/>
      <c r="JKE651" s="613"/>
      <c r="JKF651" s="613"/>
      <c r="JKG651" s="613"/>
      <c r="JKH651" s="613"/>
      <c r="JKI651" s="613"/>
      <c r="JKJ651" s="613"/>
      <c r="JKK651" s="613"/>
      <c r="JKL651" s="613"/>
      <c r="JKM651" s="613"/>
      <c r="JKN651" s="613"/>
      <c r="JKO651" s="613"/>
      <c r="JKP651" s="613"/>
      <c r="JKQ651" s="613"/>
      <c r="JKR651" s="613"/>
      <c r="JKS651" s="613"/>
      <c r="JKT651" s="613"/>
      <c r="JKU651" s="613"/>
      <c r="JKV651" s="613"/>
      <c r="JKW651" s="613"/>
      <c r="JKX651" s="613"/>
      <c r="JKY651" s="613"/>
      <c r="JKZ651" s="613"/>
      <c r="JLA651" s="613"/>
      <c r="JLB651" s="613"/>
      <c r="JLC651" s="613"/>
      <c r="JLD651" s="613"/>
      <c r="JLE651" s="613"/>
      <c r="JLF651" s="613"/>
      <c r="JLG651" s="613"/>
      <c r="JLH651" s="613"/>
      <c r="JLI651" s="613"/>
      <c r="JLJ651" s="613"/>
      <c r="JLK651" s="613"/>
      <c r="JLL651" s="613"/>
      <c r="JLM651" s="613"/>
      <c r="JLN651" s="613"/>
      <c r="JLO651" s="613"/>
      <c r="JLP651" s="613"/>
      <c r="JLQ651" s="613"/>
      <c r="JLR651" s="613"/>
      <c r="JLS651" s="613"/>
      <c r="JLT651" s="613"/>
      <c r="JLU651" s="613"/>
      <c r="JLV651" s="613"/>
      <c r="JLW651" s="613"/>
      <c r="JLX651" s="613"/>
      <c r="JLY651" s="613"/>
      <c r="JLZ651" s="613"/>
      <c r="JMA651" s="613"/>
      <c r="JMB651" s="613"/>
      <c r="JMC651" s="613"/>
      <c r="JMD651" s="613"/>
      <c r="JME651" s="613"/>
      <c r="JMF651" s="613"/>
      <c r="JMG651" s="613"/>
      <c r="JMH651" s="613"/>
      <c r="JMI651" s="613"/>
      <c r="JMJ651" s="613"/>
      <c r="JMK651" s="613"/>
      <c r="JML651" s="613"/>
      <c r="JMM651" s="613"/>
      <c r="JMN651" s="613"/>
      <c r="JMO651" s="613"/>
      <c r="JMP651" s="613"/>
      <c r="JMQ651" s="613"/>
      <c r="JMR651" s="613"/>
      <c r="JMS651" s="613"/>
      <c r="JMT651" s="613"/>
      <c r="JMU651" s="613"/>
      <c r="JMV651" s="613"/>
      <c r="JMW651" s="613"/>
      <c r="JMX651" s="613"/>
      <c r="JMY651" s="613"/>
      <c r="JMZ651" s="613"/>
      <c r="JNA651" s="613"/>
      <c r="JNB651" s="613"/>
      <c r="JNC651" s="613"/>
      <c r="JND651" s="613"/>
      <c r="JNE651" s="613"/>
      <c r="JNF651" s="613"/>
      <c r="JNG651" s="613"/>
      <c r="JNH651" s="613"/>
      <c r="JNI651" s="613"/>
      <c r="JNJ651" s="613"/>
      <c r="JNK651" s="613"/>
      <c r="JNL651" s="613"/>
      <c r="JNM651" s="613"/>
      <c r="JNN651" s="613"/>
      <c r="JNO651" s="613"/>
      <c r="JNP651" s="613"/>
      <c r="JNQ651" s="613"/>
      <c r="JNR651" s="613"/>
      <c r="JNS651" s="613"/>
      <c r="JNT651" s="613"/>
      <c r="JNU651" s="613"/>
      <c r="JNV651" s="613"/>
      <c r="JNW651" s="613"/>
      <c r="JNX651" s="613"/>
      <c r="JNY651" s="613"/>
      <c r="JNZ651" s="613"/>
      <c r="JOA651" s="613"/>
      <c r="JOB651" s="613"/>
      <c r="JOC651" s="613"/>
      <c r="JOD651" s="613"/>
      <c r="JOE651" s="613"/>
      <c r="JOF651" s="613"/>
      <c r="JOG651" s="613"/>
      <c r="JOH651" s="613"/>
      <c r="JOI651" s="613"/>
      <c r="JOJ651" s="613"/>
      <c r="JOK651" s="613"/>
      <c r="JOL651" s="613"/>
      <c r="JOM651" s="613"/>
      <c r="JON651" s="613"/>
      <c r="JOO651" s="613"/>
      <c r="JOP651" s="613"/>
      <c r="JOQ651" s="613"/>
      <c r="JOR651" s="613"/>
      <c r="JOS651" s="613"/>
      <c r="JOT651" s="613"/>
      <c r="JOU651" s="613"/>
      <c r="JOV651" s="613"/>
      <c r="JOW651" s="613"/>
      <c r="JOX651" s="613"/>
      <c r="JOY651" s="613"/>
      <c r="JOZ651" s="613"/>
      <c r="JPA651" s="613"/>
      <c r="JPB651" s="613"/>
      <c r="JPC651" s="613"/>
      <c r="JPD651" s="613"/>
      <c r="JPE651" s="613"/>
      <c r="JPF651" s="613"/>
      <c r="JPG651" s="613"/>
      <c r="JPH651" s="613"/>
      <c r="JPI651" s="613"/>
      <c r="JPJ651" s="613"/>
      <c r="JPK651" s="613"/>
      <c r="JPL651" s="613"/>
      <c r="JPM651" s="613"/>
      <c r="JPN651" s="613"/>
      <c r="JPO651" s="613"/>
      <c r="JPP651" s="613"/>
      <c r="JPQ651" s="613"/>
      <c r="JPR651" s="613"/>
      <c r="JPS651" s="613"/>
      <c r="JPT651" s="613"/>
      <c r="JPU651" s="613"/>
      <c r="JPV651" s="613"/>
      <c r="JPW651" s="613"/>
      <c r="JPX651" s="613"/>
      <c r="JPY651" s="613"/>
      <c r="JPZ651" s="613"/>
      <c r="JQA651" s="613"/>
      <c r="JQB651" s="613"/>
      <c r="JQC651" s="613"/>
      <c r="JQD651" s="613"/>
      <c r="JQE651" s="613"/>
      <c r="JQF651" s="613"/>
      <c r="JQG651" s="613"/>
      <c r="JQH651" s="613"/>
      <c r="JQI651" s="613"/>
      <c r="JQJ651" s="613"/>
      <c r="JQK651" s="613"/>
      <c r="JQL651" s="613"/>
      <c r="JQM651" s="613"/>
      <c r="JQN651" s="613"/>
      <c r="JQO651" s="613"/>
      <c r="JQP651" s="613"/>
      <c r="JQQ651" s="613"/>
      <c r="JQR651" s="613"/>
      <c r="JQS651" s="613"/>
      <c r="JQT651" s="613"/>
      <c r="JQU651" s="613"/>
      <c r="JQV651" s="613"/>
      <c r="JQW651" s="613"/>
      <c r="JQX651" s="613"/>
      <c r="JQY651" s="613"/>
      <c r="JQZ651" s="613"/>
      <c r="JRA651" s="613"/>
      <c r="JRB651" s="613"/>
      <c r="JRC651" s="613"/>
      <c r="JRD651" s="613"/>
      <c r="JRE651" s="613"/>
      <c r="JRF651" s="613"/>
      <c r="JRG651" s="613"/>
      <c r="JRH651" s="613"/>
      <c r="JRI651" s="613"/>
      <c r="JRJ651" s="613"/>
      <c r="JRK651" s="613"/>
      <c r="JRL651" s="613"/>
      <c r="JRM651" s="613"/>
      <c r="JRN651" s="613"/>
      <c r="JRO651" s="613"/>
      <c r="JRP651" s="613"/>
      <c r="JRQ651" s="613"/>
      <c r="JRR651" s="613"/>
      <c r="JRS651" s="613"/>
      <c r="JRT651" s="613"/>
      <c r="JRU651" s="613"/>
      <c r="JRV651" s="613"/>
      <c r="JRW651" s="613"/>
      <c r="JRX651" s="613"/>
      <c r="JRY651" s="613"/>
      <c r="JRZ651" s="613"/>
      <c r="JSA651" s="613"/>
      <c r="JSB651" s="613"/>
      <c r="JSC651" s="613"/>
      <c r="JSD651" s="613"/>
      <c r="JSE651" s="613"/>
      <c r="JSF651" s="613"/>
      <c r="JSG651" s="613"/>
      <c r="JSH651" s="613"/>
      <c r="JSI651" s="613"/>
      <c r="JSJ651" s="613"/>
      <c r="JSK651" s="613"/>
      <c r="JSL651" s="613"/>
      <c r="JSM651" s="613"/>
      <c r="JSN651" s="613"/>
      <c r="JSO651" s="613"/>
      <c r="JSP651" s="613"/>
      <c r="JSQ651" s="613"/>
      <c r="JSR651" s="613"/>
      <c r="JSS651" s="613"/>
      <c r="JST651" s="613"/>
      <c r="JSU651" s="613"/>
      <c r="JSV651" s="613"/>
      <c r="JSW651" s="613"/>
      <c r="JSX651" s="613"/>
      <c r="JSY651" s="613"/>
      <c r="JSZ651" s="613"/>
      <c r="JTA651" s="613"/>
      <c r="JTB651" s="613"/>
      <c r="JTC651" s="613"/>
      <c r="JTD651" s="613"/>
      <c r="JTE651" s="613"/>
      <c r="JTF651" s="613"/>
      <c r="JTG651" s="613"/>
      <c r="JTH651" s="613"/>
      <c r="JTI651" s="613"/>
      <c r="JTJ651" s="613"/>
      <c r="JTK651" s="613"/>
      <c r="JTL651" s="613"/>
      <c r="JTM651" s="613"/>
      <c r="JTN651" s="613"/>
      <c r="JTO651" s="613"/>
      <c r="JTP651" s="613"/>
      <c r="JTQ651" s="613"/>
      <c r="JTR651" s="613"/>
      <c r="JTS651" s="613"/>
      <c r="JTT651" s="613"/>
      <c r="JTU651" s="613"/>
      <c r="JTV651" s="613"/>
      <c r="JTW651" s="613"/>
      <c r="JTX651" s="613"/>
      <c r="JTY651" s="613"/>
      <c r="JTZ651" s="613"/>
      <c r="JUA651" s="613"/>
      <c r="JUB651" s="613"/>
      <c r="JUC651" s="613"/>
      <c r="JUD651" s="613"/>
      <c r="JUE651" s="613"/>
      <c r="JUF651" s="613"/>
      <c r="JUG651" s="613"/>
      <c r="JUH651" s="613"/>
      <c r="JUI651" s="613"/>
      <c r="JUJ651" s="613"/>
      <c r="JUK651" s="613"/>
      <c r="JUL651" s="613"/>
      <c r="JUM651" s="613"/>
      <c r="JUN651" s="613"/>
      <c r="JUO651" s="613"/>
      <c r="JUP651" s="613"/>
      <c r="JUQ651" s="613"/>
      <c r="JUR651" s="613"/>
      <c r="JUS651" s="613"/>
      <c r="JUT651" s="613"/>
      <c r="JUU651" s="613"/>
      <c r="JUV651" s="613"/>
      <c r="JUW651" s="613"/>
      <c r="JUX651" s="613"/>
      <c r="JUY651" s="613"/>
      <c r="JUZ651" s="613"/>
      <c r="JVA651" s="613"/>
      <c r="JVB651" s="613"/>
      <c r="JVC651" s="613"/>
      <c r="JVD651" s="613"/>
      <c r="JVE651" s="613"/>
      <c r="JVF651" s="613"/>
      <c r="JVG651" s="613"/>
      <c r="JVH651" s="613"/>
      <c r="JVI651" s="613"/>
      <c r="JVJ651" s="613"/>
      <c r="JVK651" s="613"/>
      <c r="JVL651" s="613"/>
      <c r="JVM651" s="613"/>
      <c r="JVN651" s="613"/>
      <c r="JVO651" s="613"/>
      <c r="JVP651" s="613"/>
      <c r="JVQ651" s="613"/>
      <c r="JVR651" s="613"/>
      <c r="JVS651" s="613"/>
      <c r="JVT651" s="613"/>
      <c r="JVU651" s="613"/>
      <c r="JVV651" s="613"/>
      <c r="JVW651" s="613"/>
      <c r="JVX651" s="613"/>
      <c r="JVY651" s="613"/>
      <c r="JVZ651" s="613"/>
      <c r="JWA651" s="613"/>
      <c r="JWB651" s="613"/>
      <c r="JWC651" s="613"/>
      <c r="JWD651" s="613"/>
      <c r="JWE651" s="613"/>
      <c r="JWF651" s="613"/>
      <c r="JWG651" s="613"/>
      <c r="JWH651" s="613"/>
      <c r="JWI651" s="613"/>
      <c r="JWJ651" s="613"/>
      <c r="JWK651" s="613"/>
      <c r="JWL651" s="613"/>
      <c r="JWM651" s="613"/>
      <c r="JWN651" s="613"/>
      <c r="JWO651" s="613"/>
      <c r="JWP651" s="613"/>
      <c r="JWQ651" s="613"/>
      <c r="JWR651" s="613"/>
      <c r="JWS651" s="613"/>
      <c r="JWT651" s="613"/>
      <c r="JWU651" s="613"/>
      <c r="JWV651" s="613"/>
      <c r="JWW651" s="613"/>
      <c r="JWX651" s="613"/>
      <c r="JWY651" s="613"/>
      <c r="JWZ651" s="613"/>
      <c r="JXA651" s="613"/>
      <c r="JXB651" s="613"/>
      <c r="JXC651" s="613"/>
      <c r="JXD651" s="613"/>
      <c r="JXE651" s="613"/>
      <c r="JXF651" s="613"/>
      <c r="JXG651" s="613"/>
      <c r="JXH651" s="613"/>
      <c r="JXI651" s="613"/>
      <c r="JXJ651" s="613"/>
      <c r="JXK651" s="613"/>
      <c r="JXL651" s="613"/>
      <c r="JXM651" s="613"/>
      <c r="JXN651" s="613"/>
      <c r="JXO651" s="613"/>
      <c r="JXP651" s="613"/>
      <c r="JXQ651" s="613"/>
      <c r="JXR651" s="613"/>
      <c r="JXS651" s="613"/>
      <c r="JXT651" s="613"/>
      <c r="JXU651" s="613"/>
      <c r="JXV651" s="613"/>
      <c r="JXW651" s="613"/>
      <c r="JXX651" s="613"/>
      <c r="JXY651" s="613"/>
      <c r="JXZ651" s="613"/>
      <c r="JYA651" s="613"/>
      <c r="JYB651" s="613"/>
      <c r="JYC651" s="613"/>
      <c r="JYD651" s="613"/>
      <c r="JYE651" s="613"/>
      <c r="JYF651" s="613"/>
      <c r="JYG651" s="613"/>
      <c r="JYH651" s="613"/>
      <c r="JYI651" s="613"/>
      <c r="JYJ651" s="613"/>
      <c r="JYK651" s="613"/>
      <c r="JYL651" s="613"/>
      <c r="JYM651" s="613"/>
      <c r="JYN651" s="613"/>
      <c r="JYO651" s="613"/>
      <c r="JYP651" s="613"/>
      <c r="JYQ651" s="613"/>
      <c r="JYR651" s="613"/>
      <c r="JYS651" s="613"/>
      <c r="JYT651" s="613"/>
      <c r="JYU651" s="613"/>
      <c r="JYV651" s="613"/>
      <c r="JYW651" s="613"/>
      <c r="JYX651" s="613"/>
      <c r="JYY651" s="613"/>
      <c r="JYZ651" s="613"/>
      <c r="JZA651" s="613"/>
      <c r="JZB651" s="613"/>
      <c r="JZC651" s="613"/>
      <c r="JZD651" s="613"/>
      <c r="JZE651" s="613"/>
      <c r="JZF651" s="613"/>
      <c r="JZG651" s="613"/>
      <c r="JZH651" s="613"/>
      <c r="JZI651" s="613"/>
      <c r="JZJ651" s="613"/>
      <c r="JZK651" s="613"/>
      <c r="JZL651" s="613"/>
      <c r="JZM651" s="613"/>
      <c r="JZN651" s="613"/>
      <c r="JZO651" s="613"/>
      <c r="JZP651" s="613"/>
      <c r="JZQ651" s="613"/>
      <c r="JZR651" s="613"/>
      <c r="JZS651" s="613"/>
      <c r="JZT651" s="613"/>
      <c r="JZU651" s="613"/>
      <c r="JZV651" s="613"/>
      <c r="JZW651" s="613"/>
      <c r="JZX651" s="613"/>
      <c r="JZY651" s="613"/>
      <c r="JZZ651" s="613"/>
      <c r="KAA651" s="613"/>
      <c r="KAB651" s="613"/>
      <c r="KAC651" s="613"/>
      <c r="KAD651" s="613"/>
      <c r="KAE651" s="613"/>
      <c r="KAF651" s="613"/>
      <c r="KAG651" s="613"/>
      <c r="KAH651" s="613"/>
      <c r="KAI651" s="613"/>
      <c r="KAJ651" s="613"/>
      <c r="KAK651" s="613"/>
      <c r="KAL651" s="613"/>
      <c r="KAM651" s="613"/>
      <c r="KAN651" s="613"/>
      <c r="KAO651" s="613"/>
      <c r="KAP651" s="613"/>
      <c r="KAQ651" s="613"/>
      <c r="KAR651" s="613"/>
      <c r="KAS651" s="613"/>
      <c r="KAT651" s="613"/>
      <c r="KAU651" s="613"/>
      <c r="KAV651" s="613"/>
      <c r="KAW651" s="613"/>
      <c r="KAX651" s="613"/>
      <c r="KAY651" s="613"/>
      <c r="KAZ651" s="613"/>
      <c r="KBA651" s="613"/>
      <c r="KBB651" s="613"/>
      <c r="KBC651" s="613"/>
      <c r="KBD651" s="613"/>
      <c r="KBE651" s="613"/>
      <c r="KBF651" s="613"/>
      <c r="KBG651" s="613"/>
      <c r="KBH651" s="613"/>
      <c r="KBI651" s="613"/>
      <c r="KBJ651" s="613"/>
      <c r="KBK651" s="613"/>
      <c r="KBL651" s="613"/>
      <c r="KBM651" s="613"/>
      <c r="KBN651" s="613"/>
      <c r="KBO651" s="613"/>
      <c r="KBP651" s="613"/>
      <c r="KBQ651" s="613"/>
      <c r="KBR651" s="613"/>
      <c r="KBS651" s="613"/>
      <c r="KBT651" s="613"/>
      <c r="KBU651" s="613"/>
      <c r="KBV651" s="613"/>
      <c r="KBW651" s="613"/>
      <c r="KBX651" s="613"/>
      <c r="KBY651" s="613"/>
      <c r="KBZ651" s="613"/>
      <c r="KCA651" s="613"/>
      <c r="KCB651" s="613"/>
      <c r="KCC651" s="613"/>
      <c r="KCD651" s="613"/>
      <c r="KCE651" s="613"/>
      <c r="KCF651" s="613"/>
      <c r="KCG651" s="613"/>
      <c r="KCH651" s="613"/>
      <c r="KCI651" s="613"/>
      <c r="KCJ651" s="613"/>
      <c r="KCK651" s="613"/>
      <c r="KCL651" s="613"/>
      <c r="KCM651" s="613"/>
      <c r="KCN651" s="613"/>
      <c r="KCO651" s="613"/>
      <c r="KCP651" s="613"/>
      <c r="KCQ651" s="613"/>
      <c r="KCR651" s="613"/>
      <c r="KCS651" s="613"/>
      <c r="KCT651" s="613"/>
      <c r="KCU651" s="613"/>
      <c r="KCV651" s="613"/>
      <c r="KCW651" s="613"/>
      <c r="KCX651" s="613"/>
      <c r="KCY651" s="613"/>
      <c r="KCZ651" s="613"/>
      <c r="KDA651" s="613"/>
      <c r="KDB651" s="613"/>
      <c r="KDC651" s="613"/>
      <c r="KDD651" s="613"/>
      <c r="KDE651" s="613"/>
      <c r="KDF651" s="613"/>
      <c r="KDG651" s="613"/>
      <c r="KDH651" s="613"/>
      <c r="KDI651" s="613"/>
      <c r="KDJ651" s="613"/>
      <c r="KDK651" s="613"/>
      <c r="KDL651" s="613"/>
      <c r="KDM651" s="613"/>
      <c r="KDN651" s="613"/>
      <c r="KDO651" s="613"/>
      <c r="KDP651" s="613"/>
      <c r="KDQ651" s="613"/>
      <c r="KDR651" s="613"/>
      <c r="KDS651" s="613"/>
      <c r="KDT651" s="613"/>
      <c r="KDU651" s="613"/>
      <c r="KDV651" s="613"/>
      <c r="KDW651" s="613"/>
      <c r="KDX651" s="613"/>
      <c r="KDY651" s="613"/>
      <c r="KDZ651" s="613"/>
      <c r="KEA651" s="613"/>
      <c r="KEB651" s="613"/>
      <c r="KEC651" s="613"/>
      <c r="KED651" s="613"/>
      <c r="KEE651" s="613"/>
      <c r="KEF651" s="613"/>
      <c r="KEG651" s="613"/>
      <c r="KEH651" s="613"/>
      <c r="KEI651" s="613"/>
      <c r="KEJ651" s="613"/>
      <c r="KEK651" s="613"/>
      <c r="KEL651" s="613"/>
      <c r="KEM651" s="613"/>
      <c r="KEN651" s="613"/>
      <c r="KEO651" s="613"/>
      <c r="KEP651" s="613"/>
      <c r="KEQ651" s="613"/>
      <c r="KER651" s="613"/>
      <c r="KES651" s="613"/>
      <c r="KET651" s="613"/>
      <c r="KEU651" s="613"/>
      <c r="KEV651" s="613"/>
      <c r="KEW651" s="613"/>
      <c r="KEX651" s="613"/>
      <c r="KEY651" s="613"/>
      <c r="KEZ651" s="613"/>
      <c r="KFA651" s="613"/>
      <c r="KFB651" s="613"/>
      <c r="KFC651" s="613"/>
      <c r="KFD651" s="613"/>
      <c r="KFE651" s="613"/>
      <c r="KFF651" s="613"/>
      <c r="KFG651" s="613"/>
      <c r="KFH651" s="613"/>
      <c r="KFI651" s="613"/>
      <c r="KFJ651" s="613"/>
      <c r="KFK651" s="613"/>
      <c r="KFL651" s="613"/>
      <c r="KFM651" s="613"/>
      <c r="KFN651" s="613"/>
      <c r="KFO651" s="613"/>
      <c r="KFP651" s="613"/>
      <c r="KFQ651" s="613"/>
      <c r="KFR651" s="613"/>
      <c r="KFS651" s="613"/>
      <c r="KFT651" s="613"/>
      <c r="KFU651" s="613"/>
      <c r="KFV651" s="613"/>
      <c r="KFW651" s="613"/>
      <c r="KFX651" s="613"/>
      <c r="KFY651" s="613"/>
      <c r="KFZ651" s="613"/>
      <c r="KGA651" s="613"/>
      <c r="KGB651" s="613"/>
      <c r="KGC651" s="613"/>
      <c r="KGD651" s="613"/>
      <c r="KGE651" s="613"/>
      <c r="KGF651" s="613"/>
      <c r="KGG651" s="613"/>
      <c r="KGH651" s="613"/>
      <c r="KGI651" s="613"/>
      <c r="KGJ651" s="613"/>
      <c r="KGK651" s="613"/>
      <c r="KGL651" s="613"/>
      <c r="KGM651" s="613"/>
      <c r="KGN651" s="613"/>
      <c r="KGO651" s="613"/>
      <c r="KGP651" s="613"/>
      <c r="KGQ651" s="613"/>
      <c r="KGR651" s="613"/>
      <c r="KGS651" s="613"/>
      <c r="KGT651" s="613"/>
      <c r="KGU651" s="613"/>
      <c r="KGV651" s="613"/>
      <c r="KGW651" s="613"/>
      <c r="KGX651" s="613"/>
      <c r="KGY651" s="613"/>
      <c r="KGZ651" s="613"/>
      <c r="KHA651" s="613"/>
      <c r="KHB651" s="613"/>
      <c r="KHC651" s="613"/>
      <c r="KHD651" s="613"/>
      <c r="KHE651" s="613"/>
      <c r="KHF651" s="613"/>
      <c r="KHG651" s="613"/>
      <c r="KHH651" s="613"/>
      <c r="KHI651" s="613"/>
      <c r="KHJ651" s="613"/>
      <c r="KHK651" s="613"/>
      <c r="KHL651" s="613"/>
      <c r="KHM651" s="613"/>
      <c r="KHN651" s="613"/>
      <c r="KHO651" s="613"/>
      <c r="KHP651" s="613"/>
      <c r="KHQ651" s="613"/>
      <c r="KHR651" s="613"/>
      <c r="KHS651" s="613"/>
      <c r="KHT651" s="613"/>
      <c r="KHU651" s="613"/>
      <c r="KHV651" s="613"/>
      <c r="KHW651" s="613"/>
      <c r="KHX651" s="613"/>
      <c r="KHY651" s="613"/>
      <c r="KHZ651" s="613"/>
      <c r="KIA651" s="613"/>
      <c r="KIB651" s="613"/>
      <c r="KIC651" s="613"/>
      <c r="KID651" s="613"/>
      <c r="KIE651" s="613"/>
      <c r="KIF651" s="613"/>
      <c r="KIG651" s="613"/>
      <c r="KIH651" s="613"/>
      <c r="KII651" s="613"/>
      <c r="KIJ651" s="613"/>
      <c r="KIK651" s="613"/>
      <c r="KIL651" s="613"/>
      <c r="KIM651" s="613"/>
      <c r="KIN651" s="613"/>
      <c r="KIO651" s="613"/>
      <c r="KIP651" s="613"/>
      <c r="KIQ651" s="613"/>
      <c r="KIR651" s="613"/>
      <c r="KIS651" s="613"/>
      <c r="KIT651" s="613"/>
      <c r="KIU651" s="613"/>
      <c r="KIV651" s="613"/>
      <c r="KIW651" s="613"/>
      <c r="KIX651" s="613"/>
      <c r="KIY651" s="613"/>
      <c r="KIZ651" s="613"/>
      <c r="KJA651" s="613"/>
      <c r="KJB651" s="613"/>
      <c r="KJC651" s="613"/>
      <c r="KJD651" s="613"/>
      <c r="KJE651" s="613"/>
      <c r="KJF651" s="613"/>
      <c r="KJG651" s="613"/>
      <c r="KJH651" s="613"/>
      <c r="KJI651" s="613"/>
      <c r="KJJ651" s="613"/>
      <c r="KJK651" s="613"/>
      <c r="KJL651" s="613"/>
      <c r="KJM651" s="613"/>
      <c r="KJN651" s="613"/>
      <c r="KJO651" s="613"/>
      <c r="KJP651" s="613"/>
      <c r="KJQ651" s="613"/>
      <c r="KJR651" s="613"/>
      <c r="KJS651" s="613"/>
      <c r="KJT651" s="613"/>
      <c r="KJU651" s="613"/>
      <c r="KJV651" s="613"/>
      <c r="KJW651" s="613"/>
      <c r="KJX651" s="613"/>
      <c r="KJY651" s="613"/>
      <c r="KJZ651" s="613"/>
      <c r="KKA651" s="613"/>
      <c r="KKB651" s="613"/>
      <c r="KKC651" s="613"/>
      <c r="KKD651" s="613"/>
      <c r="KKE651" s="613"/>
      <c r="KKF651" s="613"/>
      <c r="KKG651" s="613"/>
      <c r="KKH651" s="613"/>
      <c r="KKI651" s="613"/>
      <c r="KKJ651" s="613"/>
      <c r="KKK651" s="613"/>
      <c r="KKL651" s="613"/>
      <c r="KKM651" s="613"/>
      <c r="KKN651" s="613"/>
      <c r="KKO651" s="613"/>
      <c r="KKP651" s="613"/>
      <c r="KKQ651" s="613"/>
      <c r="KKR651" s="613"/>
      <c r="KKS651" s="613"/>
      <c r="KKT651" s="613"/>
      <c r="KKU651" s="613"/>
      <c r="KKV651" s="613"/>
      <c r="KKW651" s="613"/>
      <c r="KKX651" s="613"/>
      <c r="KKY651" s="613"/>
      <c r="KKZ651" s="613"/>
      <c r="KLA651" s="613"/>
      <c r="KLB651" s="613"/>
      <c r="KLC651" s="613"/>
      <c r="KLD651" s="613"/>
      <c r="KLE651" s="613"/>
      <c r="KLF651" s="613"/>
      <c r="KLG651" s="613"/>
      <c r="KLH651" s="613"/>
      <c r="KLI651" s="613"/>
      <c r="KLJ651" s="613"/>
      <c r="KLK651" s="613"/>
      <c r="KLL651" s="613"/>
      <c r="KLM651" s="613"/>
      <c r="KLN651" s="613"/>
      <c r="KLO651" s="613"/>
      <c r="KLP651" s="613"/>
      <c r="KLQ651" s="613"/>
      <c r="KLR651" s="613"/>
      <c r="KLS651" s="613"/>
      <c r="KLT651" s="613"/>
      <c r="KLU651" s="613"/>
      <c r="KLV651" s="613"/>
      <c r="KLW651" s="613"/>
      <c r="KLX651" s="613"/>
      <c r="KLY651" s="613"/>
      <c r="KLZ651" s="613"/>
      <c r="KMA651" s="613"/>
      <c r="KMB651" s="613"/>
      <c r="KMC651" s="613"/>
      <c r="KMD651" s="613"/>
      <c r="KME651" s="613"/>
      <c r="KMF651" s="613"/>
      <c r="KMG651" s="613"/>
      <c r="KMH651" s="613"/>
      <c r="KMI651" s="613"/>
      <c r="KMJ651" s="613"/>
      <c r="KMK651" s="613"/>
      <c r="KML651" s="613"/>
      <c r="KMM651" s="613"/>
      <c r="KMN651" s="613"/>
      <c r="KMO651" s="613"/>
      <c r="KMP651" s="613"/>
      <c r="KMQ651" s="613"/>
      <c r="KMR651" s="613"/>
      <c r="KMS651" s="613"/>
      <c r="KMT651" s="613"/>
      <c r="KMU651" s="613"/>
      <c r="KMV651" s="613"/>
      <c r="KMW651" s="613"/>
      <c r="KMX651" s="613"/>
      <c r="KMY651" s="613"/>
      <c r="KMZ651" s="613"/>
      <c r="KNA651" s="613"/>
      <c r="KNB651" s="613"/>
      <c r="KNC651" s="613"/>
      <c r="KND651" s="613"/>
      <c r="KNE651" s="613"/>
      <c r="KNF651" s="613"/>
      <c r="KNG651" s="613"/>
      <c r="KNH651" s="613"/>
      <c r="KNI651" s="613"/>
      <c r="KNJ651" s="613"/>
      <c r="KNK651" s="613"/>
      <c r="KNL651" s="613"/>
      <c r="KNM651" s="613"/>
      <c r="KNN651" s="613"/>
      <c r="KNO651" s="613"/>
      <c r="KNP651" s="613"/>
      <c r="KNQ651" s="613"/>
      <c r="KNR651" s="613"/>
      <c r="KNS651" s="613"/>
      <c r="KNT651" s="613"/>
      <c r="KNU651" s="613"/>
      <c r="KNV651" s="613"/>
      <c r="KNW651" s="613"/>
      <c r="KNX651" s="613"/>
      <c r="KNY651" s="613"/>
      <c r="KNZ651" s="613"/>
      <c r="KOA651" s="613"/>
      <c r="KOB651" s="613"/>
      <c r="KOC651" s="613"/>
      <c r="KOD651" s="613"/>
      <c r="KOE651" s="613"/>
      <c r="KOF651" s="613"/>
      <c r="KOG651" s="613"/>
      <c r="KOH651" s="613"/>
      <c r="KOI651" s="613"/>
      <c r="KOJ651" s="613"/>
      <c r="KOK651" s="613"/>
      <c r="KOL651" s="613"/>
      <c r="KOM651" s="613"/>
      <c r="KON651" s="613"/>
      <c r="KOO651" s="613"/>
      <c r="KOP651" s="613"/>
      <c r="KOQ651" s="613"/>
      <c r="KOR651" s="613"/>
      <c r="KOS651" s="613"/>
      <c r="KOT651" s="613"/>
      <c r="KOU651" s="613"/>
      <c r="KOV651" s="613"/>
      <c r="KOW651" s="613"/>
      <c r="KOX651" s="613"/>
      <c r="KOY651" s="613"/>
      <c r="KOZ651" s="613"/>
      <c r="KPA651" s="613"/>
      <c r="KPB651" s="613"/>
      <c r="KPC651" s="613"/>
      <c r="KPD651" s="613"/>
      <c r="KPE651" s="613"/>
      <c r="KPF651" s="613"/>
      <c r="KPG651" s="613"/>
      <c r="KPH651" s="613"/>
      <c r="KPI651" s="613"/>
      <c r="KPJ651" s="613"/>
      <c r="KPK651" s="613"/>
      <c r="KPL651" s="613"/>
      <c r="KPM651" s="613"/>
      <c r="KPN651" s="613"/>
      <c r="KPO651" s="613"/>
      <c r="KPP651" s="613"/>
      <c r="KPQ651" s="613"/>
      <c r="KPR651" s="613"/>
      <c r="KPS651" s="613"/>
      <c r="KPT651" s="613"/>
      <c r="KPU651" s="613"/>
      <c r="KPV651" s="613"/>
      <c r="KPW651" s="613"/>
      <c r="KPX651" s="613"/>
      <c r="KPY651" s="613"/>
      <c r="KPZ651" s="613"/>
      <c r="KQA651" s="613"/>
      <c r="KQB651" s="613"/>
      <c r="KQC651" s="613"/>
      <c r="KQD651" s="613"/>
      <c r="KQE651" s="613"/>
      <c r="KQF651" s="613"/>
      <c r="KQG651" s="613"/>
      <c r="KQH651" s="613"/>
      <c r="KQI651" s="613"/>
      <c r="KQJ651" s="613"/>
      <c r="KQK651" s="613"/>
      <c r="KQL651" s="613"/>
      <c r="KQM651" s="613"/>
      <c r="KQN651" s="613"/>
      <c r="KQO651" s="613"/>
      <c r="KQP651" s="613"/>
      <c r="KQQ651" s="613"/>
      <c r="KQR651" s="613"/>
      <c r="KQS651" s="613"/>
      <c r="KQT651" s="613"/>
      <c r="KQU651" s="613"/>
      <c r="KQV651" s="613"/>
      <c r="KQW651" s="613"/>
      <c r="KQX651" s="613"/>
      <c r="KQY651" s="613"/>
      <c r="KQZ651" s="613"/>
      <c r="KRA651" s="613"/>
      <c r="KRB651" s="613"/>
      <c r="KRC651" s="613"/>
      <c r="KRD651" s="613"/>
      <c r="KRE651" s="613"/>
      <c r="KRF651" s="613"/>
      <c r="KRG651" s="613"/>
      <c r="KRH651" s="613"/>
      <c r="KRI651" s="613"/>
      <c r="KRJ651" s="613"/>
      <c r="KRK651" s="613"/>
      <c r="KRL651" s="613"/>
      <c r="KRM651" s="613"/>
      <c r="KRN651" s="613"/>
      <c r="KRO651" s="613"/>
      <c r="KRP651" s="613"/>
      <c r="KRQ651" s="613"/>
      <c r="KRR651" s="613"/>
      <c r="KRS651" s="613"/>
      <c r="KRT651" s="613"/>
      <c r="KRU651" s="613"/>
      <c r="KRV651" s="613"/>
      <c r="KRW651" s="613"/>
      <c r="KRX651" s="613"/>
      <c r="KRY651" s="613"/>
      <c r="KRZ651" s="613"/>
      <c r="KSA651" s="613"/>
      <c r="KSB651" s="613"/>
      <c r="KSC651" s="613"/>
      <c r="KSD651" s="613"/>
      <c r="KSE651" s="613"/>
      <c r="KSF651" s="613"/>
      <c r="KSG651" s="613"/>
      <c r="KSH651" s="613"/>
      <c r="KSI651" s="613"/>
      <c r="KSJ651" s="613"/>
      <c r="KSK651" s="613"/>
      <c r="KSL651" s="613"/>
      <c r="KSM651" s="613"/>
      <c r="KSN651" s="613"/>
      <c r="KSO651" s="613"/>
      <c r="KSP651" s="613"/>
      <c r="KSQ651" s="613"/>
      <c r="KSR651" s="613"/>
      <c r="KSS651" s="613"/>
      <c r="KST651" s="613"/>
      <c r="KSU651" s="613"/>
      <c r="KSV651" s="613"/>
      <c r="KSW651" s="613"/>
      <c r="KSX651" s="613"/>
      <c r="KSY651" s="613"/>
      <c r="KSZ651" s="613"/>
      <c r="KTA651" s="613"/>
      <c r="KTB651" s="613"/>
      <c r="KTC651" s="613"/>
      <c r="KTD651" s="613"/>
      <c r="KTE651" s="613"/>
      <c r="KTF651" s="613"/>
      <c r="KTG651" s="613"/>
      <c r="KTH651" s="613"/>
      <c r="KTI651" s="613"/>
      <c r="KTJ651" s="613"/>
      <c r="KTK651" s="613"/>
      <c r="KTL651" s="613"/>
      <c r="KTM651" s="613"/>
      <c r="KTN651" s="613"/>
      <c r="KTO651" s="613"/>
      <c r="KTP651" s="613"/>
      <c r="KTQ651" s="613"/>
      <c r="KTR651" s="613"/>
      <c r="KTS651" s="613"/>
      <c r="KTT651" s="613"/>
      <c r="KTU651" s="613"/>
      <c r="KTV651" s="613"/>
      <c r="KTW651" s="613"/>
      <c r="KTX651" s="613"/>
      <c r="KTY651" s="613"/>
      <c r="KTZ651" s="613"/>
      <c r="KUA651" s="613"/>
      <c r="KUB651" s="613"/>
      <c r="KUC651" s="613"/>
      <c r="KUD651" s="613"/>
      <c r="KUE651" s="613"/>
      <c r="KUF651" s="613"/>
      <c r="KUG651" s="613"/>
      <c r="KUH651" s="613"/>
      <c r="KUI651" s="613"/>
      <c r="KUJ651" s="613"/>
      <c r="KUK651" s="613"/>
      <c r="KUL651" s="613"/>
      <c r="KUM651" s="613"/>
      <c r="KUN651" s="613"/>
      <c r="KUO651" s="613"/>
      <c r="KUP651" s="613"/>
      <c r="KUQ651" s="613"/>
      <c r="KUR651" s="613"/>
      <c r="KUS651" s="613"/>
      <c r="KUT651" s="613"/>
      <c r="KUU651" s="613"/>
      <c r="KUV651" s="613"/>
      <c r="KUW651" s="613"/>
      <c r="KUX651" s="613"/>
      <c r="KUY651" s="613"/>
      <c r="KUZ651" s="613"/>
      <c r="KVA651" s="613"/>
      <c r="KVB651" s="613"/>
      <c r="KVC651" s="613"/>
      <c r="KVD651" s="613"/>
      <c r="KVE651" s="613"/>
      <c r="KVF651" s="613"/>
      <c r="KVG651" s="613"/>
      <c r="KVH651" s="613"/>
      <c r="KVI651" s="613"/>
      <c r="KVJ651" s="613"/>
      <c r="KVK651" s="613"/>
      <c r="KVL651" s="613"/>
      <c r="KVM651" s="613"/>
      <c r="KVN651" s="613"/>
      <c r="KVO651" s="613"/>
      <c r="KVP651" s="613"/>
      <c r="KVQ651" s="613"/>
      <c r="KVR651" s="613"/>
      <c r="KVS651" s="613"/>
      <c r="KVT651" s="613"/>
      <c r="KVU651" s="613"/>
      <c r="KVV651" s="613"/>
      <c r="KVW651" s="613"/>
      <c r="KVX651" s="613"/>
      <c r="KVY651" s="613"/>
      <c r="KVZ651" s="613"/>
      <c r="KWA651" s="613"/>
      <c r="KWB651" s="613"/>
      <c r="KWC651" s="613"/>
      <c r="KWD651" s="613"/>
      <c r="KWE651" s="613"/>
      <c r="KWF651" s="613"/>
      <c r="KWG651" s="613"/>
      <c r="KWH651" s="613"/>
      <c r="KWI651" s="613"/>
      <c r="KWJ651" s="613"/>
      <c r="KWK651" s="613"/>
      <c r="KWL651" s="613"/>
      <c r="KWM651" s="613"/>
      <c r="KWN651" s="613"/>
      <c r="KWO651" s="613"/>
      <c r="KWP651" s="613"/>
      <c r="KWQ651" s="613"/>
      <c r="KWR651" s="613"/>
      <c r="KWS651" s="613"/>
      <c r="KWT651" s="613"/>
      <c r="KWU651" s="613"/>
      <c r="KWV651" s="613"/>
      <c r="KWW651" s="613"/>
      <c r="KWX651" s="613"/>
      <c r="KWY651" s="613"/>
      <c r="KWZ651" s="613"/>
      <c r="KXA651" s="613"/>
      <c r="KXB651" s="613"/>
      <c r="KXC651" s="613"/>
      <c r="KXD651" s="613"/>
      <c r="KXE651" s="613"/>
      <c r="KXF651" s="613"/>
      <c r="KXG651" s="613"/>
      <c r="KXH651" s="613"/>
      <c r="KXI651" s="613"/>
      <c r="KXJ651" s="613"/>
      <c r="KXK651" s="613"/>
      <c r="KXL651" s="613"/>
      <c r="KXM651" s="613"/>
      <c r="KXN651" s="613"/>
      <c r="KXO651" s="613"/>
      <c r="KXP651" s="613"/>
      <c r="KXQ651" s="613"/>
      <c r="KXR651" s="613"/>
      <c r="KXS651" s="613"/>
      <c r="KXT651" s="613"/>
      <c r="KXU651" s="613"/>
      <c r="KXV651" s="613"/>
      <c r="KXW651" s="613"/>
      <c r="KXX651" s="613"/>
      <c r="KXY651" s="613"/>
      <c r="KXZ651" s="613"/>
      <c r="KYA651" s="613"/>
      <c r="KYB651" s="613"/>
      <c r="KYC651" s="613"/>
      <c r="KYD651" s="613"/>
      <c r="KYE651" s="613"/>
      <c r="KYF651" s="613"/>
      <c r="KYG651" s="613"/>
      <c r="KYH651" s="613"/>
      <c r="KYI651" s="613"/>
      <c r="KYJ651" s="613"/>
      <c r="KYK651" s="613"/>
      <c r="KYL651" s="613"/>
      <c r="KYM651" s="613"/>
      <c r="KYN651" s="613"/>
      <c r="KYO651" s="613"/>
      <c r="KYP651" s="613"/>
      <c r="KYQ651" s="613"/>
      <c r="KYR651" s="613"/>
      <c r="KYS651" s="613"/>
      <c r="KYT651" s="613"/>
      <c r="KYU651" s="613"/>
      <c r="KYV651" s="613"/>
      <c r="KYW651" s="613"/>
      <c r="KYX651" s="613"/>
      <c r="KYY651" s="613"/>
      <c r="KYZ651" s="613"/>
      <c r="KZA651" s="613"/>
      <c r="KZB651" s="613"/>
      <c r="KZC651" s="613"/>
      <c r="KZD651" s="613"/>
      <c r="KZE651" s="613"/>
      <c r="KZF651" s="613"/>
      <c r="KZG651" s="613"/>
      <c r="KZH651" s="613"/>
      <c r="KZI651" s="613"/>
      <c r="KZJ651" s="613"/>
      <c r="KZK651" s="613"/>
      <c r="KZL651" s="613"/>
      <c r="KZM651" s="613"/>
      <c r="KZN651" s="613"/>
      <c r="KZO651" s="613"/>
      <c r="KZP651" s="613"/>
      <c r="KZQ651" s="613"/>
      <c r="KZR651" s="613"/>
      <c r="KZS651" s="613"/>
      <c r="KZT651" s="613"/>
      <c r="KZU651" s="613"/>
      <c r="KZV651" s="613"/>
      <c r="KZW651" s="613"/>
      <c r="KZX651" s="613"/>
      <c r="KZY651" s="613"/>
      <c r="KZZ651" s="613"/>
      <c r="LAA651" s="613"/>
      <c r="LAB651" s="613"/>
      <c r="LAC651" s="613"/>
      <c r="LAD651" s="613"/>
      <c r="LAE651" s="613"/>
      <c r="LAF651" s="613"/>
      <c r="LAG651" s="613"/>
      <c r="LAH651" s="613"/>
      <c r="LAI651" s="613"/>
      <c r="LAJ651" s="613"/>
      <c r="LAK651" s="613"/>
      <c r="LAL651" s="613"/>
      <c r="LAM651" s="613"/>
      <c r="LAN651" s="613"/>
      <c r="LAO651" s="613"/>
      <c r="LAP651" s="613"/>
      <c r="LAQ651" s="613"/>
      <c r="LAR651" s="613"/>
      <c r="LAS651" s="613"/>
      <c r="LAT651" s="613"/>
      <c r="LAU651" s="613"/>
      <c r="LAV651" s="613"/>
      <c r="LAW651" s="613"/>
      <c r="LAX651" s="613"/>
      <c r="LAY651" s="613"/>
      <c r="LAZ651" s="613"/>
      <c r="LBA651" s="613"/>
      <c r="LBB651" s="613"/>
      <c r="LBC651" s="613"/>
      <c r="LBD651" s="613"/>
      <c r="LBE651" s="613"/>
      <c r="LBF651" s="613"/>
      <c r="LBG651" s="613"/>
      <c r="LBH651" s="613"/>
      <c r="LBI651" s="613"/>
      <c r="LBJ651" s="613"/>
      <c r="LBK651" s="613"/>
      <c r="LBL651" s="613"/>
      <c r="LBM651" s="613"/>
      <c r="LBN651" s="613"/>
      <c r="LBO651" s="613"/>
      <c r="LBP651" s="613"/>
      <c r="LBQ651" s="613"/>
      <c r="LBR651" s="613"/>
      <c r="LBS651" s="613"/>
      <c r="LBT651" s="613"/>
      <c r="LBU651" s="613"/>
      <c r="LBV651" s="613"/>
      <c r="LBW651" s="613"/>
      <c r="LBX651" s="613"/>
      <c r="LBY651" s="613"/>
      <c r="LBZ651" s="613"/>
      <c r="LCA651" s="613"/>
      <c r="LCB651" s="613"/>
      <c r="LCC651" s="613"/>
      <c r="LCD651" s="613"/>
      <c r="LCE651" s="613"/>
      <c r="LCF651" s="613"/>
      <c r="LCG651" s="613"/>
      <c r="LCH651" s="613"/>
      <c r="LCI651" s="613"/>
      <c r="LCJ651" s="613"/>
      <c r="LCK651" s="613"/>
      <c r="LCL651" s="613"/>
      <c r="LCM651" s="613"/>
      <c r="LCN651" s="613"/>
      <c r="LCO651" s="613"/>
      <c r="LCP651" s="613"/>
      <c r="LCQ651" s="613"/>
      <c r="LCR651" s="613"/>
      <c r="LCS651" s="613"/>
      <c r="LCT651" s="613"/>
      <c r="LCU651" s="613"/>
      <c r="LCV651" s="613"/>
      <c r="LCW651" s="613"/>
      <c r="LCX651" s="613"/>
      <c r="LCY651" s="613"/>
      <c r="LCZ651" s="613"/>
      <c r="LDA651" s="613"/>
      <c r="LDB651" s="613"/>
      <c r="LDC651" s="613"/>
      <c r="LDD651" s="613"/>
      <c r="LDE651" s="613"/>
      <c r="LDF651" s="613"/>
      <c r="LDG651" s="613"/>
      <c r="LDH651" s="613"/>
      <c r="LDI651" s="613"/>
      <c r="LDJ651" s="613"/>
      <c r="LDK651" s="613"/>
      <c r="LDL651" s="613"/>
      <c r="LDM651" s="613"/>
      <c r="LDN651" s="613"/>
      <c r="LDO651" s="613"/>
      <c r="LDP651" s="613"/>
      <c r="LDQ651" s="613"/>
      <c r="LDR651" s="613"/>
      <c r="LDS651" s="613"/>
      <c r="LDT651" s="613"/>
      <c r="LDU651" s="613"/>
      <c r="LDV651" s="613"/>
      <c r="LDW651" s="613"/>
      <c r="LDX651" s="613"/>
      <c r="LDY651" s="613"/>
      <c r="LDZ651" s="613"/>
      <c r="LEA651" s="613"/>
      <c r="LEB651" s="613"/>
      <c r="LEC651" s="613"/>
      <c r="LED651" s="613"/>
      <c r="LEE651" s="613"/>
      <c r="LEF651" s="613"/>
      <c r="LEG651" s="613"/>
      <c r="LEH651" s="613"/>
      <c r="LEI651" s="613"/>
      <c r="LEJ651" s="613"/>
      <c r="LEK651" s="613"/>
      <c r="LEL651" s="613"/>
      <c r="LEM651" s="613"/>
      <c r="LEN651" s="613"/>
      <c r="LEO651" s="613"/>
      <c r="LEP651" s="613"/>
      <c r="LEQ651" s="613"/>
      <c r="LER651" s="613"/>
      <c r="LES651" s="613"/>
      <c r="LET651" s="613"/>
      <c r="LEU651" s="613"/>
      <c r="LEV651" s="613"/>
      <c r="LEW651" s="613"/>
      <c r="LEX651" s="613"/>
      <c r="LEY651" s="613"/>
      <c r="LEZ651" s="613"/>
      <c r="LFA651" s="613"/>
      <c r="LFB651" s="613"/>
      <c r="LFC651" s="613"/>
      <c r="LFD651" s="613"/>
      <c r="LFE651" s="613"/>
      <c r="LFF651" s="613"/>
      <c r="LFG651" s="613"/>
      <c r="LFH651" s="613"/>
      <c r="LFI651" s="613"/>
      <c r="LFJ651" s="613"/>
      <c r="LFK651" s="613"/>
      <c r="LFL651" s="613"/>
      <c r="LFM651" s="613"/>
      <c r="LFN651" s="613"/>
      <c r="LFO651" s="613"/>
      <c r="LFP651" s="613"/>
      <c r="LFQ651" s="613"/>
      <c r="LFR651" s="613"/>
      <c r="LFS651" s="613"/>
      <c r="LFT651" s="613"/>
      <c r="LFU651" s="613"/>
      <c r="LFV651" s="613"/>
      <c r="LFW651" s="613"/>
      <c r="LFX651" s="613"/>
      <c r="LFY651" s="613"/>
      <c r="LFZ651" s="613"/>
      <c r="LGA651" s="613"/>
      <c r="LGB651" s="613"/>
      <c r="LGC651" s="613"/>
      <c r="LGD651" s="613"/>
      <c r="LGE651" s="613"/>
      <c r="LGF651" s="613"/>
      <c r="LGG651" s="613"/>
      <c r="LGH651" s="613"/>
      <c r="LGI651" s="613"/>
      <c r="LGJ651" s="613"/>
      <c r="LGK651" s="613"/>
      <c r="LGL651" s="613"/>
      <c r="LGM651" s="613"/>
      <c r="LGN651" s="613"/>
      <c r="LGO651" s="613"/>
      <c r="LGP651" s="613"/>
      <c r="LGQ651" s="613"/>
      <c r="LGR651" s="613"/>
      <c r="LGS651" s="613"/>
      <c r="LGT651" s="613"/>
      <c r="LGU651" s="613"/>
      <c r="LGV651" s="613"/>
      <c r="LGW651" s="613"/>
      <c r="LGX651" s="613"/>
      <c r="LGY651" s="613"/>
      <c r="LGZ651" s="613"/>
      <c r="LHA651" s="613"/>
      <c r="LHB651" s="613"/>
      <c r="LHC651" s="613"/>
      <c r="LHD651" s="613"/>
      <c r="LHE651" s="613"/>
      <c r="LHF651" s="613"/>
      <c r="LHG651" s="613"/>
      <c r="LHH651" s="613"/>
      <c r="LHI651" s="613"/>
      <c r="LHJ651" s="613"/>
      <c r="LHK651" s="613"/>
      <c r="LHL651" s="613"/>
      <c r="LHM651" s="613"/>
      <c r="LHN651" s="613"/>
      <c r="LHO651" s="613"/>
      <c r="LHP651" s="613"/>
      <c r="LHQ651" s="613"/>
      <c r="LHR651" s="613"/>
      <c r="LHS651" s="613"/>
      <c r="LHT651" s="613"/>
      <c r="LHU651" s="613"/>
      <c r="LHV651" s="613"/>
      <c r="LHW651" s="613"/>
      <c r="LHX651" s="613"/>
      <c r="LHY651" s="613"/>
      <c r="LHZ651" s="613"/>
      <c r="LIA651" s="613"/>
      <c r="LIB651" s="613"/>
      <c r="LIC651" s="613"/>
      <c r="LID651" s="613"/>
      <c r="LIE651" s="613"/>
      <c r="LIF651" s="613"/>
      <c r="LIG651" s="613"/>
      <c r="LIH651" s="613"/>
      <c r="LII651" s="613"/>
      <c r="LIJ651" s="613"/>
      <c r="LIK651" s="613"/>
      <c r="LIL651" s="613"/>
      <c r="LIM651" s="613"/>
      <c r="LIN651" s="613"/>
      <c r="LIO651" s="613"/>
      <c r="LIP651" s="613"/>
      <c r="LIQ651" s="613"/>
      <c r="LIR651" s="613"/>
      <c r="LIS651" s="613"/>
      <c r="LIT651" s="613"/>
      <c r="LIU651" s="613"/>
      <c r="LIV651" s="613"/>
      <c r="LIW651" s="613"/>
      <c r="LIX651" s="613"/>
      <c r="LIY651" s="613"/>
      <c r="LIZ651" s="613"/>
      <c r="LJA651" s="613"/>
      <c r="LJB651" s="613"/>
      <c r="LJC651" s="613"/>
      <c r="LJD651" s="613"/>
      <c r="LJE651" s="613"/>
      <c r="LJF651" s="613"/>
      <c r="LJG651" s="613"/>
      <c r="LJH651" s="613"/>
      <c r="LJI651" s="613"/>
      <c r="LJJ651" s="613"/>
      <c r="LJK651" s="613"/>
      <c r="LJL651" s="613"/>
      <c r="LJM651" s="613"/>
      <c r="LJN651" s="613"/>
      <c r="LJO651" s="613"/>
      <c r="LJP651" s="613"/>
      <c r="LJQ651" s="613"/>
      <c r="LJR651" s="613"/>
      <c r="LJS651" s="613"/>
      <c r="LJT651" s="613"/>
      <c r="LJU651" s="613"/>
      <c r="LJV651" s="613"/>
      <c r="LJW651" s="613"/>
      <c r="LJX651" s="613"/>
      <c r="LJY651" s="613"/>
      <c r="LJZ651" s="613"/>
      <c r="LKA651" s="613"/>
      <c r="LKB651" s="613"/>
      <c r="LKC651" s="613"/>
      <c r="LKD651" s="613"/>
      <c r="LKE651" s="613"/>
      <c r="LKF651" s="613"/>
      <c r="LKG651" s="613"/>
      <c r="LKH651" s="613"/>
      <c r="LKI651" s="613"/>
      <c r="LKJ651" s="613"/>
      <c r="LKK651" s="613"/>
      <c r="LKL651" s="613"/>
      <c r="LKM651" s="613"/>
      <c r="LKN651" s="613"/>
      <c r="LKO651" s="613"/>
      <c r="LKP651" s="613"/>
      <c r="LKQ651" s="613"/>
      <c r="LKR651" s="613"/>
      <c r="LKS651" s="613"/>
      <c r="LKT651" s="613"/>
      <c r="LKU651" s="613"/>
      <c r="LKV651" s="613"/>
      <c r="LKW651" s="613"/>
      <c r="LKX651" s="613"/>
      <c r="LKY651" s="613"/>
      <c r="LKZ651" s="613"/>
      <c r="LLA651" s="613"/>
      <c r="LLB651" s="613"/>
      <c r="LLC651" s="613"/>
      <c r="LLD651" s="613"/>
      <c r="LLE651" s="613"/>
      <c r="LLF651" s="613"/>
      <c r="LLG651" s="613"/>
      <c r="LLH651" s="613"/>
      <c r="LLI651" s="613"/>
      <c r="LLJ651" s="613"/>
      <c r="LLK651" s="613"/>
      <c r="LLL651" s="613"/>
      <c r="LLM651" s="613"/>
      <c r="LLN651" s="613"/>
      <c r="LLO651" s="613"/>
      <c r="LLP651" s="613"/>
      <c r="LLQ651" s="613"/>
      <c r="LLR651" s="613"/>
      <c r="LLS651" s="613"/>
      <c r="LLT651" s="613"/>
      <c r="LLU651" s="613"/>
      <c r="LLV651" s="613"/>
      <c r="LLW651" s="613"/>
      <c r="LLX651" s="613"/>
      <c r="LLY651" s="613"/>
      <c r="LLZ651" s="613"/>
      <c r="LMA651" s="613"/>
      <c r="LMB651" s="613"/>
      <c r="LMC651" s="613"/>
      <c r="LMD651" s="613"/>
      <c r="LME651" s="613"/>
      <c r="LMF651" s="613"/>
      <c r="LMG651" s="613"/>
      <c r="LMH651" s="613"/>
      <c r="LMI651" s="613"/>
      <c r="LMJ651" s="613"/>
      <c r="LMK651" s="613"/>
      <c r="LML651" s="613"/>
      <c r="LMM651" s="613"/>
      <c r="LMN651" s="613"/>
      <c r="LMO651" s="613"/>
      <c r="LMP651" s="613"/>
      <c r="LMQ651" s="613"/>
      <c r="LMR651" s="613"/>
      <c r="LMS651" s="613"/>
      <c r="LMT651" s="613"/>
      <c r="LMU651" s="613"/>
      <c r="LMV651" s="613"/>
      <c r="LMW651" s="613"/>
      <c r="LMX651" s="613"/>
      <c r="LMY651" s="613"/>
      <c r="LMZ651" s="613"/>
      <c r="LNA651" s="613"/>
      <c r="LNB651" s="613"/>
      <c r="LNC651" s="613"/>
      <c r="LND651" s="613"/>
      <c r="LNE651" s="613"/>
      <c r="LNF651" s="613"/>
      <c r="LNG651" s="613"/>
      <c r="LNH651" s="613"/>
      <c r="LNI651" s="613"/>
      <c r="LNJ651" s="613"/>
      <c r="LNK651" s="613"/>
      <c r="LNL651" s="613"/>
      <c r="LNM651" s="613"/>
      <c r="LNN651" s="613"/>
      <c r="LNO651" s="613"/>
      <c r="LNP651" s="613"/>
      <c r="LNQ651" s="613"/>
      <c r="LNR651" s="613"/>
      <c r="LNS651" s="613"/>
      <c r="LNT651" s="613"/>
      <c r="LNU651" s="613"/>
      <c r="LNV651" s="613"/>
      <c r="LNW651" s="613"/>
      <c r="LNX651" s="613"/>
      <c r="LNY651" s="613"/>
      <c r="LNZ651" s="613"/>
      <c r="LOA651" s="613"/>
      <c r="LOB651" s="613"/>
      <c r="LOC651" s="613"/>
      <c r="LOD651" s="613"/>
      <c r="LOE651" s="613"/>
      <c r="LOF651" s="613"/>
      <c r="LOG651" s="613"/>
      <c r="LOH651" s="613"/>
      <c r="LOI651" s="613"/>
      <c r="LOJ651" s="613"/>
      <c r="LOK651" s="613"/>
      <c r="LOL651" s="613"/>
      <c r="LOM651" s="613"/>
      <c r="LON651" s="613"/>
      <c r="LOO651" s="613"/>
      <c r="LOP651" s="613"/>
      <c r="LOQ651" s="613"/>
      <c r="LOR651" s="613"/>
      <c r="LOS651" s="613"/>
      <c r="LOT651" s="613"/>
      <c r="LOU651" s="613"/>
      <c r="LOV651" s="613"/>
      <c r="LOW651" s="613"/>
      <c r="LOX651" s="613"/>
      <c r="LOY651" s="613"/>
      <c r="LOZ651" s="613"/>
      <c r="LPA651" s="613"/>
      <c r="LPB651" s="613"/>
      <c r="LPC651" s="613"/>
      <c r="LPD651" s="613"/>
      <c r="LPE651" s="613"/>
      <c r="LPF651" s="613"/>
      <c r="LPG651" s="613"/>
      <c r="LPH651" s="613"/>
      <c r="LPI651" s="613"/>
      <c r="LPJ651" s="613"/>
      <c r="LPK651" s="613"/>
      <c r="LPL651" s="613"/>
      <c r="LPM651" s="613"/>
      <c r="LPN651" s="613"/>
      <c r="LPO651" s="613"/>
      <c r="LPP651" s="613"/>
      <c r="LPQ651" s="613"/>
      <c r="LPR651" s="613"/>
      <c r="LPS651" s="613"/>
      <c r="LPT651" s="613"/>
      <c r="LPU651" s="613"/>
      <c r="LPV651" s="613"/>
      <c r="LPW651" s="613"/>
      <c r="LPX651" s="613"/>
      <c r="LPY651" s="613"/>
      <c r="LPZ651" s="613"/>
      <c r="LQA651" s="613"/>
      <c r="LQB651" s="613"/>
      <c r="LQC651" s="613"/>
      <c r="LQD651" s="613"/>
      <c r="LQE651" s="613"/>
      <c r="LQF651" s="613"/>
      <c r="LQG651" s="613"/>
      <c r="LQH651" s="613"/>
      <c r="LQI651" s="613"/>
      <c r="LQJ651" s="613"/>
      <c r="LQK651" s="613"/>
      <c r="LQL651" s="613"/>
      <c r="LQM651" s="613"/>
      <c r="LQN651" s="613"/>
      <c r="LQO651" s="613"/>
      <c r="LQP651" s="613"/>
      <c r="LQQ651" s="613"/>
      <c r="LQR651" s="613"/>
      <c r="LQS651" s="613"/>
      <c r="LQT651" s="613"/>
      <c r="LQU651" s="613"/>
      <c r="LQV651" s="613"/>
      <c r="LQW651" s="613"/>
      <c r="LQX651" s="613"/>
      <c r="LQY651" s="613"/>
      <c r="LQZ651" s="613"/>
      <c r="LRA651" s="613"/>
      <c r="LRB651" s="613"/>
      <c r="LRC651" s="613"/>
      <c r="LRD651" s="613"/>
      <c r="LRE651" s="613"/>
      <c r="LRF651" s="613"/>
      <c r="LRG651" s="613"/>
      <c r="LRH651" s="613"/>
      <c r="LRI651" s="613"/>
      <c r="LRJ651" s="613"/>
      <c r="LRK651" s="613"/>
      <c r="LRL651" s="613"/>
      <c r="LRM651" s="613"/>
      <c r="LRN651" s="613"/>
      <c r="LRO651" s="613"/>
      <c r="LRP651" s="613"/>
      <c r="LRQ651" s="613"/>
      <c r="LRR651" s="613"/>
      <c r="LRS651" s="613"/>
      <c r="LRT651" s="613"/>
      <c r="LRU651" s="613"/>
      <c r="LRV651" s="613"/>
      <c r="LRW651" s="613"/>
      <c r="LRX651" s="613"/>
      <c r="LRY651" s="613"/>
      <c r="LRZ651" s="613"/>
      <c r="LSA651" s="613"/>
      <c r="LSB651" s="613"/>
      <c r="LSC651" s="613"/>
      <c r="LSD651" s="613"/>
      <c r="LSE651" s="613"/>
      <c r="LSF651" s="613"/>
      <c r="LSG651" s="613"/>
      <c r="LSH651" s="613"/>
      <c r="LSI651" s="613"/>
      <c r="LSJ651" s="613"/>
      <c r="LSK651" s="613"/>
      <c r="LSL651" s="613"/>
      <c r="LSM651" s="613"/>
      <c r="LSN651" s="613"/>
      <c r="LSO651" s="613"/>
      <c r="LSP651" s="613"/>
      <c r="LSQ651" s="613"/>
      <c r="LSR651" s="613"/>
      <c r="LSS651" s="613"/>
      <c r="LST651" s="613"/>
      <c r="LSU651" s="613"/>
      <c r="LSV651" s="613"/>
      <c r="LSW651" s="613"/>
      <c r="LSX651" s="613"/>
      <c r="LSY651" s="613"/>
      <c r="LSZ651" s="613"/>
      <c r="LTA651" s="613"/>
      <c r="LTB651" s="613"/>
      <c r="LTC651" s="613"/>
      <c r="LTD651" s="613"/>
      <c r="LTE651" s="613"/>
      <c r="LTF651" s="613"/>
      <c r="LTG651" s="613"/>
      <c r="LTH651" s="613"/>
      <c r="LTI651" s="613"/>
      <c r="LTJ651" s="613"/>
      <c r="LTK651" s="613"/>
      <c r="LTL651" s="613"/>
      <c r="LTM651" s="613"/>
      <c r="LTN651" s="613"/>
      <c r="LTO651" s="613"/>
      <c r="LTP651" s="613"/>
      <c r="LTQ651" s="613"/>
      <c r="LTR651" s="613"/>
      <c r="LTS651" s="613"/>
      <c r="LTT651" s="613"/>
      <c r="LTU651" s="613"/>
      <c r="LTV651" s="613"/>
      <c r="LTW651" s="613"/>
      <c r="LTX651" s="613"/>
      <c r="LTY651" s="613"/>
      <c r="LTZ651" s="613"/>
      <c r="LUA651" s="613"/>
      <c r="LUB651" s="613"/>
      <c r="LUC651" s="613"/>
      <c r="LUD651" s="613"/>
      <c r="LUE651" s="613"/>
      <c r="LUF651" s="613"/>
      <c r="LUG651" s="613"/>
      <c r="LUH651" s="613"/>
      <c r="LUI651" s="613"/>
      <c r="LUJ651" s="613"/>
      <c r="LUK651" s="613"/>
      <c r="LUL651" s="613"/>
      <c r="LUM651" s="613"/>
      <c r="LUN651" s="613"/>
      <c r="LUO651" s="613"/>
      <c r="LUP651" s="613"/>
      <c r="LUQ651" s="613"/>
      <c r="LUR651" s="613"/>
      <c r="LUS651" s="613"/>
      <c r="LUT651" s="613"/>
      <c r="LUU651" s="613"/>
      <c r="LUV651" s="613"/>
      <c r="LUW651" s="613"/>
      <c r="LUX651" s="613"/>
      <c r="LUY651" s="613"/>
      <c r="LUZ651" s="613"/>
      <c r="LVA651" s="613"/>
      <c r="LVB651" s="613"/>
      <c r="LVC651" s="613"/>
      <c r="LVD651" s="613"/>
      <c r="LVE651" s="613"/>
      <c r="LVF651" s="613"/>
      <c r="LVG651" s="613"/>
      <c r="LVH651" s="613"/>
      <c r="LVI651" s="613"/>
      <c r="LVJ651" s="613"/>
      <c r="LVK651" s="613"/>
      <c r="LVL651" s="613"/>
      <c r="LVM651" s="613"/>
      <c r="LVN651" s="613"/>
      <c r="LVO651" s="613"/>
      <c r="LVP651" s="613"/>
      <c r="LVQ651" s="613"/>
      <c r="LVR651" s="613"/>
      <c r="LVS651" s="613"/>
      <c r="LVT651" s="613"/>
      <c r="LVU651" s="613"/>
      <c r="LVV651" s="613"/>
      <c r="LVW651" s="613"/>
      <c r="LVX651" s="613"/>
      <c r="LVY651" s="613"/>
      <c r="LVZ651" s="613"/>
      <c r="LWA651" s="613"/>
      <c r="LWB651" s="613"/>
      <c r="LWC651" s="613"/>
      <c r="LWD651" s="613"/>
      <c r="LWE651" s="613"/>
      <c r="LWF651" s="613"/>
      <c r="LWG651" s="613"/>
      <c r="LWH651" s="613"/>
      <c r="LWI651" s="613"/>
      <c r="LWJ651" s="613"/>
      <c r="LWK651" s="613"/>
      <c r="LWL651" s="613"/>
      <c r="LWM651" s="613"/>
      <c r="LWN651" s="613"/>
      <c r="LWO651" s="613"/>
      <c r="LWP651" s="613"/>
      <c r="LWQ651" s="613"/>
      <c r="LWR651" s="613"/>
      <c r="LWS651" s="613"/>
      <c r="LWT651" s="613"/>
      <c r="LWU651" s="613"/>
      <c r="LWV651" s="613"/>
      <c r="LWW651" s="613"/>
      <c r="LWX651" s="613"/>
      <c r="LWY651" s="613"/>
      <c r="LWZ651" s="613"/>
      <c r="LXA651" s="613"/>
      <c r="LXB651" s="613"/>
      <c r="LXC651" s="613"/>
      <c r="LXD651" s="613"/>
      <c r="LXE651" s="613"/>
      <c r="LXF651" s="613"/>
      <c r="LXG651" s="613"/>
      <c r="LXH651" s="613"/>
      <c r="LXI651" s="613"/>
      <c r="LXJ651" s="613"/>
      <c r="LXK651" s="613"/>
      <c r="LXL651" s="613"/>
      <c r="LXM651" s="613"/>
      <c r="LXN651" s="613"/>
      <c r="LXO651" s="613"/>
      <c r="LXP651" s="613"/>
      <c r="LXQ651" s="613"/>
      <c r="LXR651" s="613"/>
      <c r="LXS651" s="613"/>
      <c r="LXT651" s="613"/>
      <c r="LXU651" s="613"/>
      <c r="LXV651" s="613"/>
      <c r="LXW651" s="613"/>
      <c r="LXX651" s="613"/>
      <c r="LXY651" s="613"/>
      <c r="LXZ651" s="613"/>
      <c r="LYA651" s="613"/>
      <c r="LYB651" s="613"/>
      <c r="LYC651" s="613"/>
      <c r="LYD651" s="613"/>
      <c r="LYE651" s="613"/>
      <c r="LYF651" s="613"/>
      <c r="LYG651" s="613"/>
      <c r="LYH651" s="613"/>
      <c r="LYI651" s="613"/>
      <c r="LYJ651" s="613"/>
      <c r="LYK651" s="613"/>
      <c r="LYL651" s="613"/>
      <c r="LYM651" s="613"/>
      <c r="LYN651" s="613"/>
      <c r="LYO651" s="613"/>
      <c r="LYP651" s="613"/>
      <c r="LYQ651" s="613"/>
      <c r="LYR651" s="613"/>
      <c r="LYS651" s="613"/>
      <c r="LYT651" s="613"/>
      <c r="LYU651" s="613"/>
      <c r="LYV651" s="613"/>
      <c r="LYW651" s="613"/>
      <c r="LYX651" s="613"/>
      <c r="LYY651" s="613"/>
      <c r="LYZ651" s="613"/>
      <c r="LZA651" s="613"/>
      <c r="LZB651" s="613"/>
      <c r="LZC651" s="613"/>
      <c r="LZD651" s="613"/>
      <c r="LZE651" s="613"/>
      <c r="LZF651" s="613"/>
      <c r="LZG651" s="613"/>
      <c r="LZH651" s="613"/>
      <c r="LZI651" s="613"/>
      <c r="LZJ651" s="613"/>
      <c r="LZK651" s="613"/>
      <c r="LZL651" s="613"/>
      <c r="LZM651" s="613"/>
      <c r="LZN651" s="613"/>
      <c r="LZO651" s="613"/>
      <c r="LZP651" s="613"/>
      <c r="LZQ651" s="613"/>
      <c r="LZR651" s="613"/>
      <c r="LZS651" s="613"/>
      <c r="LZT651" s="613"/>
      <c r="LZU651" s="613"/>
      <c r="LZV651" s="613"/>
      <c r="LZW651" s="613"/>
      <c r="LZX651" s="613"/>
      <c r="LZY651" s="613"/>
      <c r="LZZ651" s="613"/>
      <c r="MAA651" s="613"/>
      <c r="MAB651" s="613"/>
      <c r="MAC651" s="613"/>
      <c r="MAD651" s="613"/>
      <c r="MAE651" s="613"/>
      <c r="MAF651" s="613"/>
      <c r="MAG651" s="613"/>
      <c r="MAH651" s="613"/>
      <c r="MAI651" s="613"/>
      <c r="MAJ651" s="613"/>
      <c r="MAK651" s="613"/>
      <c r="MAL651" s="613"/>
      <c r="MAM651" s="613"/>
      <c r="MAN651" s="613"/>
      <c r="MAO651" s="613"/>
      <c r="MAP651" s="613"/>
      <c r="MAQ651" s="613"/>
      <c r="MAR651" s="613"/>
      <c r="MAS651" s="613"/>
      <c r="MAT651" s="613"/>
      <c r="MAU651" s="613"/>
      <c r="MAV651" s="613"/>
      <c r="MAW651" s="613"/>
      <c r="MAX651" s="613"/>
      <c r="MAY651" s="613"/>
      <c r="MAZ651" s="613"/>
      <c r="MBA651" s="613"/>
      <c r="MBB651" s="613"/>
      <c r="MBC651" s="613"/>
      <c r="MBD651" s="613"/>
      <c r="MBE651" s="613"/>
      <c r="MBF651" s="613"/>
      <c r="MBG651" s="613"/>
      <c r="MBH651" s="613"/>
      <c r="MBI651" s="613"/>
      <c r="MBJ651" s="613"/>
      <c r="MBK651" s="613"/>
      <c r="MBL651" s="613"/>
      <c r="MBM651" s="613"/>
      <c r="MBN651" s="613"/>
      <c r="MBO651" s="613"/>
      <c r="MBP651" s="613"/>
      <c r="MBQ651" s="613"/>
      <c r="MBR651" s="613"/>
      <c r="MBS651" s="613"/>
      <c r="MBT651" s="613"/>
      <c r="MBU651" s="613"/>
      <c r="MBV651" s="613"/>
      <c r="MBW651" s="613"/>
      <c r="MBX651" s="613"/>
      <c r="MBY651" s="613"/>
      <c r="MBZ651" s="613"/>
      <c r="MCA651" s="613"/>
      <c r="MCB651" s="613"/>
      <c r="MCC651" s="613"/>
      <c r="MCD651" s="613"/>
      <c r="MCE651" s="613"/>
      <c r="MCF651" s="613"/>
      <c r="MCG651" s="613"/>
      <c r="MCH651" s="613"/>
      <c r="MCI651" s="613"/>
      <c r="MCJ651" s="613"/>
      <c r="MCK651" s="613"/>
      <c r="MCL651" s="613"/>
      <c r="MCM651" s="613"/>
      <c r="MCN651" s="613"/>
      <c r="MCO651" s="613"/>
      <c r="MCP651" s="613"/>
      <c r="MCQ651" s="613"/>
      <c r="MCR651" s="613"/>
      <c r="MCS651" s="613"/>
      <c r="MCT651" s="613"/>
      <c r="MCU651" s="613"/>
      <c r="MCV651" s="613"/>
      <c r="MCW651" s="613"/>
      <c r="MCX651" s="613"/>
      <c r="MCY651" s="613"/>
      <c r="MCZ651" s="613"/>
      <c r="MDA651" s="613"/>
      <c r="MDB651" s="613"/>
      <c r="MDC651" s="613"/>
      <c r="MDD651" s="613"/>
      <c r="MDE651" s="613"/>
      <c r="MDF651" s="613"/>
      <c r="MDG651" s="613"/>
      <c r="MDH651" s="613"/>
      <c r="MDI651" s="613"/>
      <c r="MDJ651" s="613"/>
      <c r="MDK651" s="613"/>
      <c r="MDL651" s="613"/>
      <c r="MDM651" s="613"/>
      <c r="MDN651" s="613"/>
      <c r="MDO651" s="613"/>
      <c r="MDP651" s="613"/>
      <c r="MDQ651" s="613"/>
      <c r="MDR651" s="613"/>
      <c r="MDS651" s="613"/>
      <c r="MDT651" s="613"/>
      <c r="MDU651" s="613"/>
      <c r="MDV651" s="613"/>
      <c r="MDW651" s="613"/>
      <c r="MDX651" s="613"/>
      <c r="MDY651" s="613"/>
      <c r="MDZ651" s="613"/>
      <c r="MEA651" s="613"/>
      <c r="MEB651" s="613"/>
      <c r="MEC651" s="613"/>
      <c r="MED651" s="613"/>
      <c r="MEE651" s="613"/>
      <c r="MEF651" s="613"/>
      <c r="MEG651" s="613"/>
      <c r="MEH651" s="613"/>
      <c r="MEI651" s="613"/>
      <c r="MEJ651" s="613"/>
      <c r="MEK651" s="613"/>
      <c r="MEL651" s="613"/>
      <c r="MEM651" s="613"/>
      <c r="MEN651" s="613"/>
      <c r="MEO651" s="613"/>
      <c r="MEP651" s="613"/>
      <c r="MEQ651" s="613"/>
      <c r="MER651" s="613"/>
      <c r="MES651" s="613"/>
      <c r="MET651" s="613"/>
      <c r="MEU651" s="613"/>
      <c r="MEV651" s="613"/>
      <c r="MEW651" s="613"/>
      <c r="MEX651" s="613"/>
      <c r="MEY651" s="613"/>
      <c r="MEZ651" s="613"/>
      <c r="MFA651" s="613"/>
      <c r="MFB651" s="613"/>
      <c r="MFC651" s="613"/>
      <c r="MFD651" s="613"/>
      <c r="MFE651" s="613"/>
      <c r="MFF651" s="613"/>
      <c r="MFG651" s="613"/>
      <c r="MFH651" s="613"/>
      <c r="MFI651" s="613"/>
      <c r="MFJ651" s="613"/>
      <c r="MFK651" s="613"/>
      <c r="MFL651" s="613"/>
      <c r="MFM651" s="613"/>
      <c r="MFN651" s="613"/>
      <c r="MFO651" s="613"/>
      <c r="MFP651" s="613"/>
      <c r="MFQ651" s="613"/>
      <c r="MFR651" s="613"/>
      <c r="MFS651" s="613"/>
      <c r="MFT651" s="613"/>
      <c r="MFU651" s="613"/>
      <c r="MFV651" s="613"/>
      <c r="MFW651" s="613"/>
      <c r="MFX651" s="613"/>
      <c r="MFY651" s="613"/>
      <c r="MFZ651" s="613"/>
      <c r="MGA651" s="613"/>
      <c r="MGB651" s="613"/>
      <c r="MGC651" s="613"/>
      <c r="MGD651" s="613"/>
      <c r="MGE651" s="613"/>
      <c r="MGF651" s="613"/>
      <c r="MGG651" s="613"/>
      <c r="MGH651" s="613"/>
      <c r="MGI651" s="613"/>
      <c r="MGJ651" s="613"/>
      <c r="MGK651" s="613"/>
      <c r="MGL651" s="613"/>
      <c r="MGM651" s="613"/>
      <c r="MGN651" s="613"/>
      <c r="MGO651" s="613"/>
      <c r="MGP651" s="613"/>
      <c r="MGQ651" s="613"/>
      <c r="MGR651" s="613"/>
      <c r="MGS651" s="613"/>
      <c r="MGT651" s="613"/>
      <c r="MGU651" s="613"/>
      <c r="MGV651" s="613"/>
      <c r="MGW651" s="613"/>
      <c r="MGX651" s="613"/>
      <c r="MGY651" s="613"/>
      <c r="MGZ651" s="613"/>
      <c r="MHA651" s="613"/>
      <c r="MHB651" s="613"/>
      <c r="MHC651" s="613"/>
      <c r="MHD651" s="613"/>
      <c r="MHE651" s="613"/>
      <c r="MHF651" s="613"/>
      <c r="MHG651" s="613"/>
      <c r="MHH651" s="613"/>
      <c r="MHI651" s="613"/>
      <c r="MHJ651" s="613"/>
      <c r="MHK651" s="613"/>
      <c r="MHL651" s="613"/>
      <c r="MHM651" s="613"/>
      <c r="MHN651" s="613"/>
      <c r="MHO651" s="613"/>
      <c r="MHP651" s="613"/>
      <c r="MHQ651" s="613"/>
      <c r="MHR651" s="613"/>
      <c r="MHS651" s="613"/>
      <c r="MHT651" s="613"/>
      <c r="MHU651" s="613"/>
      <c r="MHV651" s="613"/>
      <c r="MHW651" s="613"/>
      <c r="MHX651" s="613"/>
      <c r="MHY651" s="613"/>
      <c r="MHZ651" s="613"/>
      <c r="MIA651" s="613"/>
      <c r="MIB651" s="613"/>
      <c r="MIC651" s="613"/>
      <c r="MID651" s="613"/>
      <c r="MIE651" s="613"/>
      <c r="MIF651" s="613"/>
      <c r="MIG651" s="613"/>
      <c r="MIH651" s="613"/>
      <c r="MII651" s="613"/>
      <c r="MIJ651" s="613"/>
      <c r="MIK651" s="613"/>
      <c r="MIL651" s="613"/>
      <c r="MIM651" s="613"/>
      <c r="MIN651" s="613"/>
      <c r="MIO651" s="613"/>
      <c r="MIP651" s="613"/>
      <c r="MIQ651" s="613"/>
      <c r="MIR651" s="613"/>
      <c r="MIS651" s="613"/>
      <c r="MIT651" s="613"/>
      <c r="MIU651" s="613"/>
      <c r="MIV651" s="613"/>
      <c r="MIW651" s="613"/>
      <c r="MIX651" s="613"/>
      <c r="MIY651" s="613"/>
      <c r="MIZ651" s="613"/>
      <c r="MJA651" s="613"/>
      <c r="MJB651" s="613"/>
      <c r="MJC651" s="613"/>
      <c r="MJD651" s="613"/>
      <c r="MJE651" s="613"/>
      <c r="MJF651" s="613"/>
      <c r="MJG651" s="613"/>
      <c r="MJH651" s="613"/>
      <c r="MJI651" s="613"/>
      <c r="MJJ651" s="613"/>
      <c r="MJK651" s="613"/>
      <c r="MJL651" s="613"/>
      <c r="MJM651" s="613"/>
      <c r="MJN651" s="613"/>
      <c r="MJO651" s="613"/>
      <c r="MJP651" s="613"/>
      <c r="MJQ651" s="613"/>
      <c r="MJR651" s="613"/>
      <c r="MJS651" s="613"/>
      <c r="MJT651" s="613"/>
      <c r="MJU651" s="613"/>
      <c r="MJV651" s="613"/>
      <c r="MJW651" s="613"/>
      <c r="MJX651" s="613"/>
      <c r="MJY651" s="613"/>
      <c r="MJZ651" s="613"/>
      <c r="MKA651" s="613"/>
      <c r="MKB651" s="613"/>
      <c r="MKC651" s="613"/>
      <c r="MKD651" s="613"/>
      <c r="MKE651" s="613"/>
      <c r="MKF651" s="613"/>
      <c r="MKG651" s="613"/>
      <c r="MKH651" s="613"/>
      <c r="MKI651" s="613"/>
      <c r="MKJ651" s="613"/>
      <c r="MKK651" s="613"/>
      <c r="MKL651" s="613"/>
      <c r="MKM651" s="613"/>
      <c r="MKN651" s="613"/>
      <c r="MKO651" s="613"/>
      <c r="MKP651" s="613"/>
      <c r="MKQ651" s="613"/>
      <c r="MKR651" s="613"/>
      <c r="MKS651" s="613"/>
      <c r="MKT651" s="613"/>
      <c r="MKU651" s="613"/>
      <c r="MKV651" s="613"/>
      <c r="MKW651" s="613"/>
      <c r="MKX651" s="613"/>
      <c r="MKY651" s="613"/>
      <c r="MKZ651" s="613"/>
      <c r="MLA651" s="613"/>
      <c r="MLB651" s="613"/>
      <c r="MLC651" s="613"/>
      <c r="MLD651" s="613"/>
      <c r="MLE651" s="613"/>
      <c r="MLF651" s="613"/>
      <c r="MLG651" s="613"/>
      <c r="MLH651" s="613"/>
      <c r="MLI651" s="613"/>
      <c r="MLJ651" s="613"/>
      <c r="MLK651" s="613"/>
      <c r="MLL651" s="613"/>
      <c r="MLM651" s="613"/>
      <c r="MLN651" s="613"/>
      <c r="MLO651" s="613"/>
      <c r="MLP651" s="613"/>
      <c r="MLQ651" s="613"/>
      <c r="MLR651" s="613"/>
      <c r="MLS651" s="613"/>
      <c r="MLT651" s="613"/>
      <c r="MLU651" s="613"/>
      <c r="MLV651" s="613"/>
      <c r="MLW651" s="613"/>
      <c r="MLX651" s="613"/>
      <c r="MLY651" s="613"/>
      <c r="MLZ651" s="613"/>
      <c r="MMA651" s="613"/>
      <c r="MMB651" s="613"/>
      <c r="MMC651" s="613"/>
      <c r="MMD651" s="613"/>
      <c r="MME651" s="613"/>
      <c r="MMF651" s="613"/>
      <c r="MMG651" s="613"/>
      <c r="MMH651" s="613"/>
      <c r="MMI651" s="613"/>
      <c r="MMJ651" s="613"/>
      <c r="MMK651" s="613"/>
      <c r="MML651" s="613"/>
      <c r="MMM651" s="613"/>
      <c r="MMN651" s="613"/>
      <c r="MMO651" s="613"/>
      <c r="MMP651" s="613"/>
      <c r="MMQ651" s="613"/>
      <c r="MMR651" s="613"/>
      <c r="MMS651" s="613"/>
      <c r="MMT651" s="613"/>
      <c r="MMU651" s="613"/>
      <c r="MMV651" s="613"/>
      <c r="MMW651" s="613"/>
      <c r="MMX651" s="613"/>
      <c r="MMY651" s="613"/>
      <c r="MMZ651" s="613"/>
      <c r="MNA651" s="613"/>
      <c r="MNB651" s="613"/>
      <c r="MNC651" s="613"/>
      <c r="MND651" s="613"/>
      <c r="MNE651" s="613"/>
      <c r="MNF651" s="613"/>
      <c r="MNG651" s="613"/>
      <c r="MNH651" s="613"/>
      <c r="MNI651" s="613"/>
      <c r="MNJ651" s="613"/>
      <c r="MNK651" s="613"/>
      <c r="MNL651" s="613"/>
      <c r="MNM651" s="613"/>
      <c r="MNN651" s="613"/>
      <c r="MNO651" s="613"/>
      <c r="MNP651" s="613"/>
      <c r="MNQ651" s="613"/>
      <c r="MNR651" s="613"/>
      <c r="MNS651" s="613"/>
      <c r="MNT651" s="613"/>
      <c r="MNU651" s="613"/>
      <c r="MNV651" s="613"/>
      <c r="MNW651" s="613"/>
      <c r="MNX651" s="613"/>
      <c r="MNY651" s="613"/>
      <c r="MNZ651" s="613"/>
      <c r="MOA651" s="613"/>
      <c r="MOB651" s="613"/>
      <c r="MOC651" s="613"/>
      <c r="MOD651" s="613"/>
      <c r="MOE651" s="613"/>
      <c r="MOF651" s="613"/>
      <c r="MOG651" s="613"/>
      <c r="MOH651" s="613"/>
      <c r="MOI651" s="613"/>
      <c r="MOJ651" s="613"/>
      <c r="MOK651" s="613"/>
      <c r="MOL651" s="613"/>
      <c r="MOM651" s="613"/>
      <c r="MON651" s="613"/>
      <c r="MOO651" s="613"/>
      <c r="MOP651" s="613"/>
      <c r="MOQ651" s="613"/>
      <c r="MOR651" s="613"/>
      <c r="MOS651" s="613"/>
      <c r="MOT651" s="613"/>
      <c r="MOU651" s="613"/>
      <c r="MOV651" s="613"/>
      <c r="MOW651" s="613"/>
      <c r="MOX651" s="613"/>
      <c r="MOY651" s="613"/>
      <c r="MOZ651" s="613"/>
      <c r="MPA651" s="613"/>
      <c r="MPB651" s="613"/>
      <c r="MPC651" s="613"/>
      <c r="MPD651" s="613"/>
      <c r="MPE651" s="613"/>
      <c r="MPF651" s="613"/>
      <c r="MPG651" s="613"/>
      <c r="MPH651" s="613"/>
      <c r="MPI651" s="613"/>
      <c r="MPJ651" s="613"/>
      <c r="MPK651" s="613"/>
      <c r="MPL651" s="613"/>
      <c r="MPM651" s="613"/>
      <c r="MPN651" s="613"/>
      <c r="MPO651" s="613"/>
      <c r="MPP651" s="613"/>
      <c r="MPQ651" s="613"/>
      <c r="MPR651" s="613"/>
      <c r="MPS651" s="613"/>
      <c r="MPT651" s="613"/>
      <c r="MPU651" s="613"/>
      <c r="MPV651" s="613"/>
      <c r="MPW651" s="613"/>
      <c r="MPX651" s="613"/>
      <c r="MPY651" s="613"/>
      <c r="MPZ651" s="613"/>
      <c r="MQA651" s="613"/>
      <c r="MQB651" s="613"/>
      <c r="MQC651" s="613"/>
      <c r="MQD651" s="613"/>
      <c r="MQE651" s="613"/>
      <c r="MQF651" s="613"/>
      <c r="MQG651" s="613"/>
      <c r="MQH651" s="613"/>
      <c r="MQI651" s="613"/>
      <c r="MQJ651" s="613"/>
      <c r="MQK651" s="613"/>
      <c r="MQL651" s="613"/>
      <c r="MQM651" s="613"/>
      <c r="MQN651" s="613"/>
      <c r="MQO651" s="613"/>
      <c r="MQP651" s="613"/>
      <c r="MQQ651" s="613"/>
      <c r="MQR651" s="613"/>
      <c r="MQS651" s="613"/>
      <c r="MQT651" s="613"/>
      <c r="MQU651" s="613"/>
      <c r="MQV651" s="613"/>
      <c r="MQW651" s="613"/>
      <c r="MQX651" s="613"/>
      <c r="MQY651" s="613"/>
      <c r="MQZ651" s="613"/>
      <c r="MRA651" s="613"/>
      <c r="MRB651" s="613"/>
      <c r="MRC651" s="613"/>
      <c r="MRD651" s="613"/>
      <c r="MRE651" s="613"/>
      <c r="MRF651" s="613"/>
      <c r="MRG651" s="613"/>
      <c r="MRH651" s="613"/>
      <c r="MRI651" s="613"/>
      <c r="MRJ651" s="613"/>
      <c r="MRK651" s="613"/>
      <c r="MRL651" s="613"/>
      <c r="MRM651" s="613"/>
      <c r="MRN651" s="613"/>
      <c r="MRO651" s="613"/>
      <c r="MRP651" s="613"/>
      <c r="MRQ651" s="613"/>
      <c r="MRR651" s="613"/>
      <c r="MRS651" s="613"/>
      <c r="MRT651" s="613"/>
      <c r="MRU651" s="613"/>
      <c r="MRV651" s="613"/>
      <c r="MRW651" s="613"/>
      <c r="MRX651" s="613"/>
      <c r="MRY651" s="613"/>
      <c r="MRZ651" s="613"/>
      <c r="MSA651" s="613"/>
      <c r="MSB651" s="613"/>
      <c r="MSC651" s="613"/>
      <c r="MSD651" s="613"/>
      <c r="MSE651" s="613"/>
      <c r="MSF651" s="613"/>
      <c r="MSG651" s="613"/>
      <c r="MSH651" s="613"/>
      <c r="MSI651" s="613"/>
      <c r="MSJ651" s="613"/>
      <c r="MSK651" s="613"/>
      <c r="MSL651" s="613"/>
      <c r="MSM651" s="613"/>
      <c r="MSN651" s="613"/>
      <c r="MSO651" s="613"/>
      <c r="MSP651" s="613"/>
      <c r="MSQ651" s="613"/>
      <c r="MSR651" s="613"/>
      <c r="MSS651" s="613"/>
      <c r="MST651" s="613"/>
      <c r="MSU651" s="613"/>
      <c r="MSV651" s="613"/>
      <c r="MSW651" s="613"/>
      <c r="MSX651" s="613"/>
      <c r="MSY651" s="613"/>
      <c r="MSZ651" s="613"/>
      <c r="MTA651" s="613"/>
      <c r="MTB651" s="613"/>
      <c r="MTC651" s="613"/>
      <c r="MTD651" s="613"/>
      <c r="MTE651" s="613"/>
      <c r="MTF651" s="613"/>
      <c r="MTG651" s="613"/>
      <c r="MTH651" s="613"/>
      <c r="MTI651" s="613"/>
      <c r="MTJ651" s="613"/>
      <c r="MTK651" s="613"/>
      <c r="MTL651" s="613"/>
      <c r="MTM651" s="613"/>
      <c r="MTN651" s="613"/>
      <c r="MTO651" s="613"/>
      <c r="MTP651" s="613"/>
      <c r="MTQ651" s="613"/>
      <c r="MTR651" s="613"/>
      <c r="MTS651" s="613"/>
      <c r="MTT651" s="613"/>
      <c r="MTU651" s="613"/>
      <c r="MTV651" s="613"/>
      <c r="MTW651" s="613"/>
      <c r="MTX651" s="613"/>
      <c r="MTY651" s="613"/>
      <c r="MTZ651" s="613"/>
      <c r="MUA651" s="613"/>
      <c r="MUB651" s="613"/>
      <c r="MUC651" s="613"/>
      <c r="MUD651" s="613"/>
      <c r="MUE651" s="613"/>
      <c r="MUF651" s="613"/>
      <c r="MUG651" s="613"/>
      <c r="MUH651" s="613"/>
      <c r="MUI651" s="613"/>
      <c r="MUJ651" s="613"/>
      <c r="MUK651" s="613"/>
      <c r="MUL651" s="613"/>
      <c r="MUM651" s="613"/>
      <c r="MUN651" s="613"/>
      <c r="MUO651" s="613"/>
      <c r="MUP651" s="613"/>
      <c r="MUQ651" s="613"/>
      <c r="MUR651" s="613"/>
      <c r="MUS651" s="613"/>
      <c r="MUT651" s="613"/>
      <c r="MUU651" s="613"/>
      <c r="MUV651" s="613"/>
      <c r="MUW651" s="613"/>
      <c r="MUX651" s="613"/>
      <c r="MUY651" s="613"/>
      <c r="MUZ651" s="613"/>
      <c r="MVA651" s="613"/>
      <c r="MVB651" s="613"/>
      <c r="MVC651" s="613"/>
      <c r="MVD651" s="613"/>
      <c r="MVE651" s="613"/>
      <c r="MVF651" s="613"/>
      <c r="MVG651" s="613"/>
      <c r="MVH651" s="613"/>
      <c r="MVI651" s="613"/>
      <c r="MVJ651" s="613"/>
      <c r="MVK651" s="613"/>
      <c r="MVL651" s="613"/>
      <c r="MVM651" s="613"/>
      <c r="MVN651" s="613"/>
      <c r="MVO651" s="613"/>
      <c r="MVP651" s="613"/>
      <c r="MVQ651" s="613"/>
      <c r="MVR651" s="613"/>
      <c r="MVS651" s="613"/>
      <c r="MVT651" s="613"/>
      <c r="MVU651" s="613"/>
      <c r="MVV651" s="613"/>
      <c r="MVW651" s="613"/>
      <c r="MVX651" s="613"/>
      <c r="MVY651" s="613"/>
      <c r="MVZ651" s="613"/>
      <c r="MWA651" s="613"/>
      <c r="MWB651" s="613"/>
      <c r="MWC651" s="613"/>
      <c r="MWD651" s="613"/>
      <c r="MWE651" s="613"/>
      <c r="MWF651" s="613"/>
      <c r="MWG651" s="613"/>
      <c r="MWH651" s="613"/>
      <c r="MWI651" s="613"/>
      <c r="MWJ651" s="613"/>
      <c r="MWK651" s="613"/>
      <c r="MWL651" s="613"/>
      <c r="MWM651" s="613"/>
      <c r="MWN651" s="613"/>
      <c r="MWO651" s="613"/>
      <c r="MWP651" s="613"/>
      <c r="MWQ651" s="613"/>
      <c r="MWR651" s="613"/>
      <c r="MWS651" s="613"/>
      <c r="MWT651" s="613"/>
      <c r="MWU651" s="613"/>
      <c r="MWV651" s="613"/>
      <c r="MWW651" s="613"/>
      <c r="MWX651" s="613"/>
      <c r="MWY651" s="613"/>
      <c r="MWZ651" s="613"/>
      <c r="MXA651" s="613"/>
      <c r="MXB651" s="613"/>
      <c r="MXC651" s="613"/>
      <c r="MXD651" s="613"/>
      <c r="MXE651" s="613"/>
      <c r="MXF651" s="613"/>
      <c r="MXG651" s="613"/>
      <c r="MXH651" s="613"/>
      <c r="MXI651" s="613"/>
      <c r="MXJ651" s="613"/>
      <c r="MXK651" s="613"/>
      <c r="MXL651" s="613"/>
      <c r="MXM651" s="613"/>
      <c r="MXN651" s="613"/>
      <c r="MXO651" s="613"/>
      <c r="MXP651" s="613"/>
      <c r="MXQ651" s="613"/>
      <c r="MXR651" s="613"/>
      <c r="MXS651" s="613"/>
      <c r="MXT651" s="613"/>
      <c r="MXU651" s="613"/>
      <c r="MXV651" s="613"/>
      <c r="MXW651" s="613"/>
      <c r="MXX651" s="613"/>
      <c r="MXY651" s="613"/>
      <c r="MXZ651" s="613"/>
      <c r="MYA651" s="613"/>
      <c r="MYB651" s="613"/>
      <c r="MYC651" s="613"/>
      <c r="MYD651" s="613"/>
      <c r="MYE651" s="613"/>
      <c r="MYF651" s="613"/>
      <c r="MYG651" s="613"/>
      <c r="MYH651" s="613"/>
      <c r="MYI651" s="613"/>
      <c r="MYJ651" s="613"/>
      <c r="MYK651" s="613"/>
      <c r="MYL651" s="613"/>
      <c r="MYM651" s="613"/>
      <c r="MYN651" s="613"/>
      <c r="MYO651" s="613"/>
      <c r="MYP651" s="613"/>
      <c r="MYQ651" s="613"/>
      <c r="MYR651" s="613"/>
      <c r="MYS651" s="613"/>
      <c r="MYT651" s="613"/>
      <c r="MYU651" s="613"/>
      <c r="MYV651" s="613"/>
      <c r="MYW651" s="613"/>
      <c r="MYX651" s="613"/>
      <c r="MYY651" s="613"/>
      <c r="MYZ651" s="613"/>
      <c r="MZA651" s="613"/>
      <c r="MZB651" s="613"/>
      <c r="MZC651" s="613"/>
      <c r="MZD651" s="613"/>
      <c r="MZE651" s="613"/>
      <c r="MZF651" s="613"/>
      <c r="MZG651" s="613"/>
      <c r="MZH651" s="613"/>
      <c r="MZI651" s="613"/>
      <c r="MZJ651" s="613"/>
      <c r="MZK651" s="613"/>
      <c r="MZL651" s="613"/>
      <c r="MZM651" s="613"/>
      <c r="MZN651" s="613"/>
      <c r="MZO651" s="613"/>
      <c r="MZP651" s="613"/>
      <c r="MZQ651" s="613"/>
      <c r="MZR651" s="613"/>
      <c r="MZS651" s="613"/>
      <c r="MZT651" s="613"/>
      <c r="MZU651" s="613"/>
      <c r="MZV651" s="613"/>
      <c r="MZW651" s="613"/>
      <c r="MZX651" s="613"/>
      <c r="MZY651" s="613"/>
      <c r="MZZ651" s="613"/>
      <c r="NAA651" s="613"/>
      <c r="NAB651" s="613"/>
      <c r="NAC651" s="613"/>
      <c r="NAD651" s="613"/>
      <c r="NAE651" s="613"/>
      <c r="NAF651" s="613"/>
      <c r="NAG651" s="613"/>
      <c r="NAH651" s="613"/>
      <c r="NAI651" s="613"/>
      <c r="NAJ651" s="613"/>
      <c r="NAK651" s="613"/>
      <c r="NAL651" s="613"/>
      <c r="NAM651" s="613"/>
      <c r="NAN651" s="613"/>
      <c r="NAO651" s="613"/>
      <c r="NAP651" s="613"/>
      <c r="NAQ651" s="613"/>
      <c r="NAR651" s="613"/>
      <c r="NAS651" s="613"/>
      <c r="NAT651" s="613"/>
      <c r="NAU651" s="613"/>
      <c r="NAV651" s="613"/>
      <c r="NAW651" s="613"/>
      <c r="NAX651" s="613"/>
      <c r="NAY651" s="613"/>
      <c r="NAZ651" s="613"/>
      <c r="NBA651" s="613"/>
      <c r="NBB651" s="613"/>
      <c r="NBC651" s="613"/>
      <c r="NBD651" s="613"/>
      <c r="NBE651" s="613"/>
      <c r="NBF651" s="613"/>
      <c r="NBG651" s="613"/>
      <c r="NBH651" s="613"/>
      <c r="NBI651" s="613"/>
      <c r="NBJ651" s="613"/>
      <c r="NBK651" s="613"/>
      <c r="NBL651" s="613"/>
      <c r="NBM651" s="613"/>
      <c r="NBN651" s="613"/>
      <c r="NBO651" s="613"/>
      <c r="NBP651" s="613"/>
      <c r="NBQ651" s="613"/>
      <c r="NBR651" s="613"/>
      <c r="NBS651" s="613"/>
      <c r="NBT651" s="613"/>
      <c r="NBU651" s="613"/>
      <c r="NBV651" s="613"/>
      <c r="NBW651" s="613"/>
      <c r="NBX651" s="613"/>
      <c r="NBY651" s="613"/>
      <c r="NBZ651" s="613"/>
      <c r="NCA651" s="613"/>
      <c r="NCB651" s="613"/>
      <c r="NCC651" s="613"/>
      <c r="NCD651" s="613"/>
      <c r="NCE651" s="613"/>
      <c r="NCF651" s="613"/>
      <c r="NCG651" s="613"/>
      <c r="NCH651" s="613"/>
      <c r="NCI651" s="613"/>
      <c r="NCJ651" s="613"/>
      <c r="NCK651" s="613"/>
      <c r="NCL651" s="613"/>
      <c r="NCM651" s="613"/>
      <c r="NCN651" s="613"/>
      <c r="NCO651" s="613"/>
      <c r="NCP651" s="613"/>
      <c r="NCQ651" s="613"/>
      <c r="NCR651" s="613"/>
      <c r="NCS651" s="613"/>
      <c r="NCT651" s="613"/>
      <c r="NCU651" s="613"/>
      <c r="NCV651" s="613"/>
      <c r="NCW651" s="613"/>
      <c r="NCX651" s="613"/>
      <c r="NCY651" s="613"/>
      <c r="NCZ651" s="613"/>
      <c r="NDA651" s="613"/>
      <c r="NDB651" s="613"/>
      <c r="NDC651" s="613"/>
      <c r="NDD651" s="613"/>
      <c r="NDE651" s="613"/>
      <c r="NDF651" s="613"/>
      <c r="NDG651" s="613"/>
      <c r="NDH651" s="613"/>
      <c r="NDI651" s="613"/>
      <c r="NDJ651" s="613"/>
      <c r="NDK651" s="613"/>
      <c r="NDL651" s="613"/>
      <c r="NDM651" s="613"/>
      <c r="NDN651" s="613"/>
      <c r="NDO651" s="613"/>
      <c r="NDP651" s="613"/>
      <c r="NDQ651" s="613"/>
      <c r="NDR651" s="613"/>
      <c r="NDS651" s="613"/>
      <c r="NDT651" s="613"/>
      <c r="NDU651" s="613"/>
      <c r="NDV651" s="613"/>
      <c r="NDW651" s="613"/>
      <c r="NDX651" s="613"/>
      <c r="NDY651" s="613"/>
      <c r="NDZ651" s="613"/>
      <c r="NEA651" s="613"/>
      <c r="NEB651" s="613"/>
      <c r="NEC651" s="613"/>
      <c r="NED651" s="613"/>
      <c r="NEE651" s="613"/>
      <c r="NEF651" s="613"/>
      <c r="NEG651" s="613"/>
      <c r="NEH651" s="613"/>
      <c r="NEI651" s="613"/>
      <c r="NEJ651" s="613"/>
      <c r="NEK651" s="613"/>
      <c r="NEL651" s="613"/>
      <c r="NEM651" s="613"/>
      <c r="NEN651" s="613"/>
      <c r="NEO651" s="613"/>
      <c r="NEP651" s="613"/>
      <c r="NEQ651" s="613"/>
      <c r="NER651" s="613"/>
      <c r="NES651" s="613"/>
      <c r="NET651" s="613"/>
      <c r="NEU651" s="613"/>
      <c r="NEV651" s="613"/>
      <c r="NEW651" s="613"/>
      <c r="NEX651" s="613"/>
      <c r="NEY651" s="613"/>
      <c r="NEZ651" s="613"/>
      <c r="NFA651" s="613"/>
      <c r="NFB651" s="613"/>
      <c r="NFC651" s="613"/>
      <c r="NFD651" s="613"/>
      <c r="NFE651" s="613"/>
      <c r="NFF651" s="613"/>
      <c r="NFG651" s="613"/>
      <c r="NFH651" s="613"/>
      <c r="NFI651" s="613"/>
      <c r="NFJ651" s="613"/>
      <c r="NFK651" s="613"/>
      <c r="NFL651" s="613"/>
      <c r="NFM651" s="613"/>
      <c r="NFN651" s="613"/>
      <c r="NFO651" s="613"/>
      <c r="NFP651" s="613"/>
      <c r="NFQ651" s="613"/>
      <c r="NFR651" s="613"/>
      <c r="NFS651" s="613"/>
      <c r="NFT651" s="613"/>
      <c r="NFU651" s="613"/>
      <c r="NFV651" s="613"/>
      <c r="NFW651" s="613"/>
      <c r="NFX651" s="613"/>
      <c r="NFY651" s="613"/>
      <c r="NFZ651" s="613"/>
      <c r="NGA651" s="613"/>
      <c r="NGB651" s="613"/>
      <c r="NGC651" s="613"/>
      <c r="NGD651" s="613"/>
      <c r="NGE651" s="613"/>
      <c r="NGF651" s="613"/>
      <c r="NGG651" s="613"/>
      <c r="NGH651" s="613"/>
      <c r="NGI651" s="613"/>
      <c r="NGJ651" s="613"/>
      <c r="NGK651" s="613"/>
      <c r="NGL651" s="613"/>
      <c r="NGM651" s="613"/>
      <c r="NGN651" s="613"/>
      <c r="NGO651" s="613"/>
      <c r="NGP651" s="613"/>
      <c r="NGQ651" s="613"/>
      <c r="NGR651" s="613"/>
      <c r="NGS651" s="613"/>
      <c r="NGT651" s="613"/>
      <c r="NGU651" s="613"/>
      <c r="NGV651" s="613"/>
      <c r="NGW651" s="613"/>
      <c r="NGX651" s="613"/>
      <c r="NGY651" s="613"/>
      <c r="NGZ651" s="613"/>
      <c r="NHA651" s="613"/>
      <c r="NHB651" s="613"/>
      <c r="NHC651" s="613"/>
      <c r="NHD651" s="613"/>
      <c r="NHE651" s="613"/>
      <c r="NHF651" s="613"/>
      <c r="NHG651" s="613"/>
      <c r="NHH651" s="613"/>
      <c r="NHI651" s="613"/>
      <c r="NHJ651" s="613"/>
      <c r="NHK651" s="613"/>
      <c r="NHL651" s="613"/>
      <c r="NHM651" s="613"/>
      <c r="NHN651" s="613"/>
      <c r="NHO651" s="613"/>
      <c r="NHP651" s="613"/>
      <c r="NHQ651" s="613"/>
      <c r="NHR651" s="613"/>
      <c r="NHS651" s="613"/>
      <c r="NHT651" s="613"/>
      <c r="NHU651" s="613"/>
      <c r="NHV651" s="613"/>
      <c r="NHW651" s="613"/>
      <c r="NHX651" s="613"/>
      <c r="NHY651" s="613"/>
      <c r="NHZ651" s="613"/>
      <c r="NIA651" s="613"/>
      <c r="NIB651" s="613"/>
      <c r="NIC651" s="613"/>
      <c r="NID651" s="613"/>
      <c r="NIE651" s="613"/>
      <c r="NIF651" s="613"/>
      <c r="NIG651" s="613"/>
      <c r="NIH651" s="613"/>
      <c r="NII651" s="613"/>
      <c r="NIJ651" s="613"/>
      <c r="NIK651" s="613"/>
      <c r="NIL651" s="613"/>
      <c r="NIM651" s="613"/>
      <c r="NIN651" s="613"/>
      <c r="NIO651" s="613"/>
      <c r="NIP651" s="613"/>
      <c r="NIQ651" s="613"/>
      <c r="NIR651" s="613"/>
      <c r="NIS651" s="613"/>
      <c r="NIT651" s="613"/>
      <c r="NIU651" s="613"/>
      <c r="NIV651" s="613"/>
      <c r="NIW651" s="613"/>
      <c r="NIX651" s="613"/>
      <c r="NIY651" s="613"/>
      <c r="NIZ651" s="613"/>
      <c r="NJA651" s="613"/>
      <c r="NJB651" s="613"/>
      <c r="NJC651" s="613"/>
      <c r="NJD651" s="613"/>
      <c r="NJE651" s="613"/>
      <c r="NJF651" s="613"/>
      <c r="NJG651" s="613"/>
      <c r="NJH651" s="613"/>
      <c r="NJI651" s="613"/>
      <c r="NJJ651" s="613"/>
      <c r="NJK651" s="613"/>
      <c r="NJL651" s="613"/>
      <c r="NJM651" s="613"/>
      <c r="NJN651" s="613"/>
      <c r="NJO651" s="613"/>
      <c r="NJP651" s="613"/>
      <c r="NJQ651" s="613"/>
      <c r="NJR651" s="613"/>
      <c r="NJS651" s="613"/>
      <c r="NJT651" s="613"/>
      <c r="NJU651" s="613"/>
      <c r="NJV651" s="613"/>
      <c r="NJW651" s="613"/>
      <c r="NJX651" s="613"/>
      <c r="NJY651" s="613"/>
      <c r="NJZ651" s="613"/>
      <c r="NKA651" s="613"/>
      <c r="NKB651" s="613"/>
      <c r="NKC651" s="613"/>
      <c r="NKD651" s="613"/>
      <c r="NKE651" s="613"/>
      <c r="NKF651" s="613"/>
      <c r="NKG651" s="613"/>
      <c r="NKH651" s="613"/>
      <c r="NKI651" s="613"/>
      <c r="NKJ651" s="613"/>
      <c r="NKK651" s="613"/>
      <c r="NKL651" s="613"/>
      <c r="NKM651" s="613"/>
      <c r="NKN651" s="613"/>
      <c r="NKO651" s="613"/>
      <c r="NKP651" s="613"/>
      <c r="NKQ651" s="613"/>
      <c r="NKR651" s="613"/>
      <c r="NKS651" s="613"/>
      <c r="NKT651" s="613"/>
      <c r="NKU651" s="613"/>
      <c r="NKV651" s="613"/>
      <c r="NKW651" s="613"/>
      <c r="NKX651" s="613"/>
      <c r="NKY651" s="613"/>
      <c r="NKZ651" s="613"/>
      <c r="NLA651" s="613"/>
      <c r="NLB651" s="613"/>
      <c r="NLC651" s="613"/>
      <c r="NLD651" s="613"/>
      <c r="NLE651" s="613"/>
      <c r="NLF651" s="613"/>
      <c r="NLG651" s="613"/>
      <c r="NLH651" s="613"/>
      <c r="NLI651" s="613"/>
      <c r="NLJ651" s="613"/>
      <c r="NLK651" s="613"/>
      <c r="NLL651" s="613"/>
      <c r="NLM651" s="613"/>
      <c r="NLN651" s="613"/>
      <c r="NLO651" s="613"/>
      <c r="NLP651" s="613"/>
      <c r="NLQ651" s="613"/>
      <c r="NLR651" s="613"/>
      <c r="NLS651" s="613"/>
      <c r="NLT651" s="613"/>
      <c r="NLU651" s="613"/>
      <c r="NLV651" s="613"/>
      <c r="NLW651" s="613"/>
      <c r="NLX651" s="613"/>
      <c r="NLY651" s="613"/>
      <c r="NLZ651" s="613"/>
      <c r="NMA651" s="613"/>
      <c r="NMB651" s="613"/>
      <c r="NMC651" s="613"/>
      <c r="NMD651" s="613"/>
      <c r="NME651" s="613"/>
      <c r="NMF651" s="613"/>
      <c r="NMG651" s="613"/>
      <c r="NMH651" s="613"/>
      <c r="NMI651" s="613"/>
      <c r="NMJ651" s="613"/>
      <c r="NMK651" s="613"/>
      <c r="NML651" s="613"/>
      <c r="NMM651" s="613"/>
      <c r="NMN651" s="613"/>
      <c r="NMO651" s="613"/>
      <c r="NMP651" s="613"/>
      <c r="NMQ651" s="613"/>
      <c r="NMR651" s="613"/>
      <c r="NMS651" s="613"/>
      <c r="NMT651" s="613"/>
      <c r="NMU651" s="613"/>
      <c r="NMV651" s="613"/>
      <c r="NMW651" s="613"/>
      <c r="NMX651" s="613"/>
      <c r="NMY651" s="613"/>
      <c r="NMZ651" s="613"/>
      <c r="NNA651" s="613"/>
      <c r="NNB651" s="613"/>
      <c r="NNC651" s="613"/>
      <c r="NND651" s="613"/>
      <c r="NNE651" s="613"/>
      <c r="NNF651" s="613"/>
      <c r="NNG651" s="613"/>
      <c r="NNH651" s="613"/>
      <c r="NNI651" s="613"/>
      <c r="NNJ651" s="613"/>
      <c r="NNK651" s="613"/>
      <c r="NNL651" s="613"/>
      <c r="NNM651" s="613"/>
      <c r="NNN651" s="613"/>
      <c r="NNO651" s="613"/>
      <c r="NNP651" s="613"/>
      <c r="NNQ651" s="613"/>
      <c r="NNR651" s="613"/>
      <c r="NNS651" s="613"/>
      <c r="NNT651" s="613"/>
      <c r="NNU651" s="613"/>
      <c r="NNV651" s="613"/>
      <c r="NNW651" s="613"/>
      <c r="NNX651" s="613"/>
      <c r="NNY651" s="613"/>
      <c r="NNZ651" s="613"/>
      <c r="NOA651" s="613"/>
      <c r="NOB651" s="613"/>
      <c r="NOC651" s="613"/>
      <c r="NOD651" s="613"/>
      <c r="NOE651" s="613"/>
      <c r="NOF651" s="613"/>
      <c r="NOG651" s="613"/>
      <c r="NOH651" s="613"/>
      <c r="NOI651" s="613"/>
      <c r="NOJ651" s="613"/>
      <c r="NOK651" s="613"/>
      <c r="NOL651" s="613"/>
      <c r="NOM651" s="613"/>
      <c r="NON651" s="613"/>
      <c r="NOO651" s="613"/>
      <c r="NOP651" s="613"/>
      <c r="NOQ651" s="613"/>
      <c r="NOR651" s="613"/>
      <c r="NOS651" s="613"/>
      <c r="NOT651" s="613"/>
      <c r="NOU651" s="613"/>
      <c r="NOV651" s="613"/>
      <c r="NOW651" s="613"/>
      <c r="NOX651" s="613"/>
      <c r="NOY651" s="613"/>
      <c r="NOZ651" s="613"/>
      <c r="NPA651" s="613"/>
      <c r="NPB651" s="613"/>
      <c r="NPC651" s="613"/>
      <c r="NPD651" s="613"/>
      <c r="NPE651" s="613"/>
      <c r="NPF651" s="613"/>
      <c r="NPG651" s="613"/>
      <c r="NPH651" s="613"/>
      <c r="NPI651" s="613"/>
      <c r="NPJ651" s="613"/>
      <c r="NPK651" s="613"/>
      <c r="NPL651" s="613"/>
      <c r="NPM651" s="613"/>
      <c r="NPN651" s="613"/>
      <c r="NPO651" s="613"/>
      <c r="NPP651" s="613"/>
      <c r="NPQ651" s="613"/>
      <c r="NPR651" s="613"/>
      <c r="NPS651" s="613"/>
      <c r="NPT651" s="613"/>
      <c r="NPU651" s="613"/>
      <c r="NPV651" s="613"/>
      <c r="NPW651" s="613"/>
      <c r="NPX651" s="613"/>
      <c r="NPY651" s="613"/>
      <c r="NPZ651" s="613"/>
      <c r="NQA651" s="613"/>
      <c r="NQB651" s="613"/>
      <c r="NQC651" s="613"/>
      <c r="NQD651" s="613"/>
      <c r="NQE651" s="613"/>
      <c r="NQF651" s="613"/>
      <c r="NQG651" s="613"/>
      <c r="NQH651" s="613"/>
      <c r="NQI651" s="613"/>
      <c r="NQJ651" s="613"/>
      <c r="NQK651" s="613"/>
      <c r="NQL651" s="613"/>
      <c r="NQM651" s="613"/>
      <c r="NQN651" s="613"/>
      <c r="NQO651" s="613"/>
      <c r="NQP651" s="613"/>
      <c r="NQQ651" s="613"/>
      <c r="NQR651" s="613"/>
      <c r="NQS651" s="613"/>
      <c r="NQT651" s="613"/>
      <c r="NQU651" s="613"/>
      <c r="NQV651" s="613"/>
      <c r="NQW651" s="613"/>
      <c r="NQX651" s="613"/>
      <c r="NQY651" s="613"/>
      <c r="NQZ651" s="613"/>
      <c r="NRA651" s="613"/>
      <c r="NRB651" s="613"/>
      <c r="NRC651" s="613"/>
      <c r="NRD651" s="613"/>
      <c r="NRE651" s="613"/>
      <c r="NRF651" s="613"/>
      <c r="NRG651" s="613"/>
      <c r="NRH651" s="613"/>
      <c r="NRI651" s="613"/>
      <c r="NRJ651" s="613"/>
      <c r="NRK651" s="613"/>
      <c r="NRL651" s="613"/>
      <c r="NRM651" s="613"/>
      <c r="NRN651" s="613"/>
      <c r="NRO651" s="613"/>
      <c r="NRP651" s="613"/>
      <c r="NRQ651" s="613"/>
      <c r="NRR651" s="613"/>
      <c r="NRS651" s="613"/>
      <c r="NRT651" s="613"/>
      <c r="NRU651" s="613"/>
      <c r="NRV651" s="613"/>
      <c r="NRW651" s="613"/>
      <c r="NRX651" s="613"/>
      <c r="NRY651" s="613"/>
      <c r="NRZ651" s="613"/>
      <c r="NSA651" s="613"/>
      <c r="NSB651" s="613"/>
      <c r="NSC651" s="613"/>
      <c r="NSD651" s="613"/>
      <c r="NSE651" s="613"/>
      <c r="NSF651" s="613"/>
      <c r="NSG651" s="613"/>
      <c r="NSH651" s="613"/>
      <c r="NSI651" s="613"/>
      <c r="NSJ651" s="613"/>
      <c r="NSK651" s="613"/>
      <c r="NSL651" s="613"/>
      <c r="NSM651" s="613"/>
      <c r="NSN651" s="613"/>
      <c r="NSO651" s="613"/>
      <c r="NSP651" s="613"/>
      <c r="NSQ651" s="613"/>
      <c r="NSR651" s="613"/>
      <c r="NSS651" s="613"/>
      <c r="NST651" s="613"/>
      <c r="NSU651" s="613"/>
      <c r="NSV651" s="613"/>
      <c r="NSW651" s="613"/>
      <c r="NSX651" s="613"/>
      <c r="NSY651" s="613"/>
      <c r="NSZ651" s="613"/>
      <c r="NTA651" s="613"/>
      <c r="NTB651" s="613"/>
      <c r="NTC651" s="613"/>
      <c r="NTD651" s="613"/>
      <c r="NTE651" s="613"/>
      <c r="NTF651" s="613"/>
      <c r="NTG651" s="613"/>
      <c r="NTH651" s="613"/>
      <c r="NTI651" s="613"/>
      <c r="NTJ651" s="613"/>
      <c r="NTK651" s="613"/>
      <c r="NTL651" s="613"/>
      <c r="NTM651" s="613"/>
      <c r="NTN651" s="613"/>
      <c r="NTO651" s="613"/>
      <c r="NTP651" s="613"/>
      <c r="NTQ651" s="613"/>
      <c r="NTR651" s="613"/>
      <c r="NTS651" s="613"/>
      <c r="NTT651" s="613"/>
      <c r="NTU651" s="613"/>
      <c r="NTV651" s="613"/>
      <c r="NTW651" s="613"/>
      <c r="NTX651" s="613"/>
      <c r="NTY651" s="613"/>
      <c r="NTZ651" s="613"/>
      <c r="NUA651" s="613"/>
      <c r="NUB651" s="613"/>
      <c r="NUC651" s="613"/>
      <c r="NUD651" s="613"/>
      <c r="NUE651" s="613"/>
      <c r="NUF651" s="613"/>
      <c r="NUG651" s="613"/>
      <c r="NUH651" s="613"/>
      <c r="NUI651" s="613"/>
      <c r="NUJ651" s="613"/>
      <c r="NUK651" s="613"/>
      <c r="NUL651" s="613"/>
      <c r="NUM651" s="613"/>
      <c r="NUN651" s="613"/>
      <c r="NUO651" s="613"/>
      <c r="NUP651" s="613"/>
      <c r="NUQ651" s="613"/>
      <c r="NUR651" s="613"/>
      <c r="NUS651" s="613"/>
      <c r="NUT651" s="613"/>
      <c r="NUU651" s="613"/>
      <c r="NUV651" s="613"/>
      <c r="NUW651" s="613"/>
      <c r="NUX651" s="613"/>
      <c r="NUY651" s="613"/>
      <c r="NUZ651" s="613"/>
      <c r="NVA651" s="613"/>
      <c r="NVB651" s="613"/>
      <c r="NVC651" s="613"/>
      <c r="NVD651" s="613"/>
      <c r="NVE651" s="613"/>
      <c r="NVF651" s="613"/>
      <c r="NVG651" s="613"/>
      <c r="NVH651" s="613"/>
      <c r="NVI651" s="613"/>
      <c r="NVJ651" s="613"/>
      <c r="NVK651" s="613"/>
      <c r="NVL651" s="613"/>
      <c r="NVM651" s="613"/>
      <c r="NVN651" s="613"/>
      <c r="NVO651" s="613"/>
      <c r="NVP651" s="613"/>
      <c r="NVQ651" s="613"/>
      <c r="NVR651" s="613"/>
      <c r="NVS651" s="613"/>
      <c r="NVT651" s="613"/>
      <c r="NVU651" s="613"/>
      <c r="NVV651" s="613"/>
      <c r="NVW651" s="613"/>
      <c r="NVX651" s="613"/>
      <c r="NVY651" s="613"/>
      <c r="NVZ651" s="613"/>
      <c r="NWA651" s="613"/>
      <c r="NWB651" s="613"/>
      <c r="NWC651" s="613"/>
      <c r="NWD651" s="613"/>
      <c r="NWE651" s="613"/>
      <c r="NWF651" s="613"/>
      <c r="NWG651" s="613"/>
      <c r="NWH651" s="613"/>
      <c r="NWI651" s="613"/>
      <c r="NWJ651" s="613"/>
      <c r="NWK651" s="613"/>
      <c r="NWL651" s="613"/>
      <c r="NWM651" s="613"/>
      <c r="NWN651" s="613"/>
      <c r="NWO651" s="613"/>
      <c r="NWP651" s="613"/>
      <c r="NWQ651" s="613"/>
      <c r="NWR651" s="613"/>
      <c r="NWS651" s="613"/>
      <c r="NWT651" s="613"/>
      <c r="NWU651" s="613"/>
      <c r="NWV651" s="613"/>
      <c r="NWW651" s="613"/>
      <c r="NWX651" s="613"/>
      <c r="NWY651" s="613"/>
      <c r="NWZ651" s="613"/>
      <c r="NXA651" s="613"/>
      <c r="NXB651" s="613"/>
      <c r="NXC651" s="613"/>
      <c r="NXD651" s="613"/>
      <c r="NXE651" s="613"/>
      <c r="NXF651" s="613"/>
      <c r="NXG651" s="613"/>
      <c r="NXH651" s="613"/>
      <c r="NXI651" s="613"/>
      <c r="NXJ651" s="613"/>
      <c r="NXK651" s="613"/>
      <c r="NXL651" s="613"/>
      <c r="NXM651" s="613"/>
      <c r="NXN651" s="613"/>
      <c r="NXO651" s="613"/>
      <c r="NXP651" s="613"/>
      <c r="NXQ651" s="613"/>
      <c r="NXR651" s="613"/>
      <c r="NXS651" s="613"/>
      <c r="NXT651" s="613"/>
      <c r="NXU651" s="613"/>
      <c r="NXV651" s="613"/>
      <c r="NXW651" s="613"/>
      <c r="NXX651" s="613"/>
      <c r="NXY651" s="613"/>
      <c r="NXZ651" s="613"/>
      <c r="NYA651" s="613"/>
      <c r="NYB651" s="613"/>
      <c r="NYC651" s="613"/>
      <c r="NYD651" s="613"/>
      <c r="NYE651" s="613"/>
      <c r="NYF651" s="613"/>
      <c r="NYG651" s="613"/>
      <c r="NYH651" s="613"/>
      <c r="NYI651" s="613"/>
      <c r="NYJ651" s="613"/>
      <c r="NYK651" s="613"/>
      <c r="NYL651" s="613"/>
      <c r="NYM651" s="613"/>
      <c r="NYN651" s="613"/>
      <c r="NYO651" s="613"/>
      <c r="NYP651" s="613"/>
      <c r="NYQ651" s="613"/>
      <c r="NYR651" s="613"/>
      <c r="NYS651" s="613"/>
      <c r="NYT651" s="613"/>
      <c r="NYU651" s="613"/>
      <c r="NYV651" s="613"/>
      <c r="NYW651" s="613"/>
      <c r="NYX651" s="613"/>
      <c r="NYY651" s="613"/>
      <c r="NYZ651" s="613"/>
      <c r="NZA651" s="613"/>
      <c r="NZB651" s="613"/>
      <c r="NZC651" s="613"/>
      <c r="NZD651" s="613"/>
      <c r="NZE651" s="613"/>
      <c r="NZF651" s="613"/>
      <c r="NZG651" s="613"/>
      <c r="NZH651" s="613"/>
      <c r="NZI651" s="613"/>
      <c r="NZJ651" s="613"/>
      <c r="NZK651" s="613"/>
      <c r="NZL651" s="613"/>
      <c r="NZM651" s="613"/>
      <c r="NZN651" s="613"/>
      <c r="NZO651" s="613"/>
      <c r="NZP651" s="613"/>
      <c r="NZQ651" s="613"/>
      <c r="NZR651" s="613"/>
      <c r="NZS651" s="613"/>
      <c r="NZT651" s="613"/>
      <c r="NZU651" s="613"/>
      <c r="NZV651" s="613"/>
      <c r="NZW651" s="613"/>
      <c r="NZX651" s="613"/>
      <c r="NZY651" s="613"/>
      <c r="NZZ651" s="613"/>
      <c r="OAA651" s="613"/>
      <c r="OAB651" s="613"/>
      <c r="OAC651" s="613"/>
      <c r="OAD651" s="613"/>
      <c r="OAE651" s="613"/>
      <c r="OAF651" s="613"/>
      <c r="OAG651" s="613"/>
      <c r="OAH651" s="613"/>
      <c r="OAI651" s="613"/>
      <c r="OAJ651" s="613"/>
      <c r="OAK651" s="613"/>
      <c r="OAL651" s="613"/>
      <c r="OAM651" s="613"/>
      <c r="OAN651" s="613"/>
      <c r="OAO651" s="613"/>
      <c r="OAP651" s="613"/>
      <c r="OAQ651" s="613"/>
      <c r="OAR651" s="613"/>
      <c r="OAS651" s="613"/>
      <c r="OAT651" s="613"/>
      <c r="OAU651" s="613"/>
      <c r="OAV651" s="613"/>
      <c r="OAW651" s="613"/>
      <c r="OAX651" s="613"/>
      <c r="OAY651" s="613"/>
      <c r="OAZ651" s="613"/>
      <c r="OBA651" s="613"/>
      <c r="OBB651" s="613"/>
      <c r="OBC651" s="613"/>
      <c r="OBD651" s="613"/>
      <c r="OBE651" s="613"/>
      <c r="OBF651" s="613"/>
      <c r="OBG651" s="613"/>
      <c r="OBH651" s="613"/>
      <c r="OBI651" s="613"/>
      <c r="OBJ651" s="613"/>
      <c r="OBK651" s="613"/>
      <c r="OBL651" s="613"/>
      <c r="OBM651" s="613"/>
      <c r="OBN651" s="613"/>
      <c r="OBO651" s="613"/>
      <c r="OBP651" s="613"/>
      <c r="OBQ651" s="613"/>
      <c r="OBR651" s="613"/>
      <c r="OBS651" s="613"/>
      <c r="OBT651" s="613"/>
      <c r="OBU651" s="613"/>
      <c r="OBV651" s="613"/>
      <c r="OBW651" s="613"/>
      <c r="OBX651" s="613"/>
      <c r="OBY651" s="613"/>
      <c r="OBZ651" s="613"/>
      <c r="OCA651" s="613"/>
      <c r="OCB651" s="613"/>
      <c r="OCC651" s="613"/>
      <c r="OCD651" s="613"/>
      <c r="OCE651" s="613"/>
      <c r="OCF651" s="613"/>
      <c r="OCG651" s="613"/>
      <c r="OCH651" s="613"/>
      <c r="OCI651" s="613"/>
      <c r="OCJ651" s="613"/>
      <c r="OCK651" s="613"/>
      <c r="OCL651" s="613"/>
      <c r="OCM651" s="613"/>
      <c r="OCN651" s="613"/>
      <c r="OCO651" s="613"/>
      <c r="OCP651" s="613"/>
      <c r="OCQ651" s="613"/>
      <c r="OCR651" s="613"/>
      <c r="OCS651" s="613"/>
      <c r="OCT651" s="613"/>
      <c r="OCU651" s="613"/>
      <c r="OCV651" s="613"/>
      <c r="OCW651" s="613"/>
      <c r="OCX651" s="613"/>
      <c r="OCY651" s="613"/>
      <c r="OCZ651" s="613"/>
      <c r="ODA651" s="613"/>
      <c r="ODB651" s="613"/>
      <c r="ODC651" s="613"/>
      <c r="ODD651" s="613"/>
      <c r="ODE651" s="613"/>
      <c r="ODF651" s="613"/>
      <c r="ODG651" s="613"/>
      <c r="ODH651" s="613"/>
      <c r="ODI651" s="613"/>
      <c r="ODJ651" s="613"/>
      <c r="ODK651" s="613"/>
      <c r="ODL651" s="613"/>
      <c r="ODM651" s="613"/>
      <c r="ODN651" s="613"/>
      <c r="ODO651" s="613"/>
      <c r="ODP651" s="613"/>
      <c r="ODQ651" s="613"/>
      <c r="ODR651" s="613"/>
      <c r="ODS651" s="613"/>
      <c r="ODT651" s="613"/>
      <c r="ODU651" s="613"/>
      <c r="ODV651" s="613"/>
      <c r="ODW651" s="613"/>
      <c r="ODX651" s="613"/>
      <c r="ODY651" s="613"/>
      <c r="ODZ651" s="613"/>
      <c r="OEA651" s="613"/>
      <c r="OEB651" s="613"/>
      <c r="OEC651" s="613"/>
      <c r="OED651" s="613"/>
      <c r="OEE651" s="613"/>
      <c r="OEF651" s="613"/>
      <c r="OEG651" s="613"/>
      <c r="OEH651" s="613"/>
      <c r="OEI651" s="613"/>
      <c r="OEJ651" s="613"/>
      <c r="OEK651" s="613"/>
      <c r="OEL651" s="613"/>
      <c r="OEM651" s="613"/>
      <c r="OEN651" s="613"/>
      <c r="OEO651" s="613"/>
      <c r="OEP651" s="613"/>
      <c r="OEQ651" s="613"/>
      <c r="OER651" s="613"/>
      <c r="OES651" s="613"/>
      <c r="OET651" s="613"/>
      <c r="OEU651" s="613"/>
      <c r="OEV651" s="613"/>
      <c r="OEW651" s="613"/>
      <c r="OEX651" s="613"/>
      <c r="OEY651" s="613"/>
      <c r="OEZ651" s="613"/>
      <c r="OFA651" s="613"/>
      <c r="OFB651" s="613"/>
      <c r="OFC651" s="613"/>
      <c r="OFD651" s="613"/>
      <c r="OFE651" s="613"/>
      <c r="OFF651" s="613"/>
      <c r="OFG651" s="613"/>
      <c r="OFH651" s="613"/>
      <c r="OFI651" s="613"/>
      <c r="OFJ651" s="613"/>
      <c r="OFK651" s="613"/>
      <c r="OFL651" s="613"/>
      <c r="OFM651" s="613"/>
      <c r="OFN651" s="613"/>
      <c r="OFO651" s="613"/>
      <c r="OFP651" s="613"/>
      <c r="OFQ651" s="613"/>
      <c r="OFR651" s="613"/>
      <c r="OFS651" s="613"/>
      <c r="OFT651" s="613"/>
      <c r="OFU651" s="613"/>
      <c r="OFV651" s="613"/>
      <c r="OFW651" s="613"/>
      <c r="OFX651" s="613"/>
      <c r="OFY651" s="613"/>
      <c r="OFZ651" s="613"/>
      <c r="OGA651" s="613"/>
      <c r="OGB651" s="613"/>
      <c r="OGC651" s="613"/>
      <c r="OGD651" s="613"/>
      <c r="OGE651" s="613"/>
      <c r="OGF651" s="613"/>
      <c r="OGG651" s="613"/>
      <c r="OGH651" s="613"/>
      <c r="OGI651" s="613"/>
      <c r="OGJ651" s="613"/>
      <c r="OGK651" s="613"/>
      <c r="OGL651" s="613"/>
      <c r="OGM651" s="613"/>
      <c r="OGN651" s="613"/>
      <c r="OGO651" s="613"/>
      <c r="OGP651" s="613"/>
      <c r="OGQ651" s="613"/>
      <c r="OGR651" s="613"/>
      <c r="OGS651" s="613"/>
      <c r="OGT651" s="613"/>
      <c r="OGU651" s="613"/>
      <c r="OGV651" s="613"/>
      <c r="OGW651" s="613"/>
      <c r="OGX651" s="613"/>
      <c r="OGY651" s="613"/>
      <c r="OGZ651" s="613"/>
      <c r="OHA651" s="613"/>
      <c r="OHB651" s="613"/>
      <c r="OHC651" s="613"/>
      <c r="OHD651" s="613"/>
      <c r="OHE651" s="613"/>
      <c r="OHF651" s="613"/>
      <c r="OHG651" s="613"/>
      <c r="OHH651" s="613"/>
      <c r="OHI651" s="613"/>
      <c r="OHJ651" s="613"/>
      <c r="OHK651" s="613"/>
      <c r="OHL651" s="613"/>
      <c r="OHM651" s="613"/>
      <c r="OHN651" s="613"/>
      <c r="OHO651" s="613"/>
      <c r="OHP651" s="613"/>
      <c r="OHQ651" s="613"/>
      <c r="OHR651" s="613"/>
      <c r="OHS651" s="613"/>
      <c r="OHT651" s="613"/>
      <c r="OHU651" s="613"/>
      <c r="OHV651" s="613"/>
      <c r="OHW651" s="613"/>
      <c r="OHX651" s="613"/>
      <c r="OHY651" s="613"/>
      <c r="OHZ651" s="613"/>
      <c r="OIA651" s="613"/>
      <c r="OIB651" s="613"/>
      <c r="OIC651" s="613"/>
      <c r="OID651" s="613"/>
      <c r="OIE651" s="613"/>
      <c r="OIF651" s="613"/>
      <c r="OIG651" s="613"/>
      <c r="OIH651" s="613"/>
      <c r="OII651" s="613"/>
      <c r="OIJ651" s="613"/>
      <c r="OIK651" s="613"/>
      <c r="OIL651" s="613"/>
      <c r="OIM651" s="613"/>
      <c r="OIN651" s="613"/>
      <c r="OIO651" s="613"/>
      <c r="OIP651" s="613"/>
      <c r="OIQ651" s="613"/>
      <c r="OIR651" s="613"/>
      <c r="OIS651" s="613"/>
      <c r="OIT651" s="613"/>
      <c r="OIU651" s="613"/>
      <c r="OIV651" s="613"/>
      <c r="OIW651" s="613"/>
      <c r="OIX651" s="613"/>
      <c r="OIY651" s="613"/>
      <c r="OIZ651" s="613"/>
      <c r="OJA651" s="613"/>
      <c r="OJB651" s="613"/>
      <c r="OJC651" s="613"/>
      <c r="OJD651" s="613"/>
      <c r="OJE651" s="613"/>
      <c r="OJF651" s="613"/>
      <c r="OJG651" s="613"/>
      <c r="OJH651" s="613"/>
      <c r="OJI651" s="613"/>
      <c r="OJJ651" s="613"/>
      <c r="OJK651" s="613"/>
      <c r="OJL651" s="613"/>
      <c r="OJM651" s="613"/>
      <c r="OJN651" s="613"/>
      <c r="OJO651" s="613"/>
      <c r="OJP651" s="613"/>
      <c r="OJQ651" s="613"/>
      <c r="OJR651" s="613"/>
      <c r="OJS651" s="613"/>
      <c r="OJT651" s="613"/>
      <c r="OJU651" s="613"/>
      <c r="OJV651" s="613"/>
      <c r="OJW651" s="613"/>
      <c r="OJX651" s="613"/>
      <c r="OJY651" s="613"/>
      <c r="OJZ651" s="613"/>
      <c r="OKA651" s="613"/>
      <c r="OKB651" s="613"/>
      <c r="OKC651" s="613"/>
      <c r="OKD651" s="613"/>
      <c r="OKE651" s="613"/>
      <c r="OKF651" s="613"/>
      <c r="OKG651" s="613"/>
      <c r="OKH651" s="613"/>
      <c r="OKI651" s="613"/>
      <c r="OKJ651" s="613"/>
      <c r="OKK651" s="613"/>
      <c r="OKL651" s="613"/>
      <c r="OKM651" s="613"/>
      <c r="OKN651" s="613"/>
      <c r="OKO651" s="613"/>
      <c r="OKP651" s="613"/>
      <c r="OKQ651" s="613"/>
      <c r="OKR651" s="613"/>
      <c r="OKS651" s="613"/>
      <c r="OKT651" s="613"/>
      <c r="OKU651" s="613"/>
      <c r="OKV651" s="613"/>
      <c r="OKW651" s="613"/>
      <c r="OKX651" s="613"/>
      <c r="OKY651" s="613"/>
      <c r="OKZ651" s="613"/>
      <c r="OLA651" s="613"/>
      <c r="OLB651" s="613"/>
      <c r="OLC651" s="613"/>
      <c r="OLD651" s="613"/>
      <c r="OLE651" s="613"/>
      <c r="OLF651" s="613"/>
      <c r="OLG651" s="613"/>
      <c r="OLH651" s="613"/>
      <c r="OLI651" s="613"/>
      <c r="OLJ651" s="613"/>
      <c r="OLK651" s="613"/>
      <c r="OLL651" s="613"/>
      <c r="OLM651" s="613"/>
      <c r="OLN651" s="613"/>
      <c r="OLO651" s="613"/>
      <c r="OLP651" s="613"/>
      <c r="OLQ651" s="613"/>
      <c r="OLR651" s="613"/>
      <c r="OLS651" s="613"/>
      <c r="OLT651" s="613"/>
      <c r="OLU651" s="613"/>
      <c r="OLV651" s="613"/>
      <c r="OLW651" s="613"/>
      <c r="OLX651" s="613"/>
      <c r="OLY651" s="613"/>
      <c r="OLZ651" s="613"/>
      <c r="OMA651" s="613"/>
      <c r="OMB651" s="613"/>
      <c r="OMC651" s="613"/>
      <c r="OMD651" s="613"/>
      <c r="OME651" s="613"/>
      <c r="OMF651" s="613"/>
      <c r="OMG651" s="613"/>
      <c r="OMH651" s="613"/>
      <c r="OMI651" s="613"/>
      <c r="OMJ651" s="613"/>
      <c r="OMK651" s="613"/>
      <c r="OML651" s="613"/>
      <c r="OMM651" s="613"/>
      <c r="OMN651" s="613"/>
      <c r="OMO651" s="613"/>
      <c r="OMP651" s="613"/>
      <c r="OMQ651" s="613"/>
      <c r="OMR651" s="613"/>
      <c r="OMS651" s="613"/>
      <c r="OMT651" s="613"/>
      <c r="OMU651" s="613"/>
      <c r="OMV651" s="613"/>
      <c r="OMW651" s="613"/>
      <c r="OMX651" s="613"/>
      <c r="OMY651" s="613"/>
      <c r="OMZ651" s="613"/>
      <c r="ONA651" s="613"/>
      <c r="ONB651" s="613"/>
      <c r="ONC651" s="613"/>
      <c r="OND651" s="613"/>
      <c r="ONE651" s="613"/>
      <c r="ONF651" s="613"/>
      <c r="ONG651" s="613"/>
      <c r="ONH651" s="613"/>
      <c r="ONI651" s="613"/>
      <c r="ONJ651" s="613"/>
      <c r="ONK651" s="613"/>
      <c r="ONL651" s="613"/>
      <c r="ONM651" s="613"/>
      <c r="ONN651" s="613"/>
      <c r="ONO651" s="613"/>
      <c r="ONP651" s="613"/>
      <c r="ONQ651" s="613"/>
      <c r="ONR651" s="613"/>
      <c r="ONS651" s="613"/>
      <c r="ONT651" s="613"/>
      <c r="ONU651" s="613"/>
      <c r="ONV651" s="613"/>
      <c r="ONW651" s="613"/>
      <c r="ONX651" s="613"/>
      <c r="ONY651" s="613"/>
      <c r="ONZ651" s="613"/>
      <c r="OOA651" s="613"/>
      <c r="OOB651" s="613"/>
      <c r="OOC651" s="613"/>
      <c r="OOD651" s="613"/>
      <c r="OOE651" s="613"/>
      <c r="OOF651" s="613"/>
      <c r="OOG651" s="613"/>
      <c r="OOH651" s="613"/>
      <c r="OOI651" s="613"/>
      <c r="OOJ651" s="613"/>
      <c r="OOK651" s="613"/>
      <c r="OOL651" s="613"/>
      <c r="OOM651" s="613"/>
      <c r="OON651" s="613"/>
      <c r="OOO651" s="613"/>
      <c r="OOP651" s="613"/>
      <c r="OOQ651" s="613"/>
      <c r="OOR651" s="613"/>
      <c r="OOS651" s="613"/>
      <c r="OOT651" s="613"/>
      <c r="OOU651" s="613"/>
      <c r="OOV651" s="613"/>
      <c r="OOW651" s="613"/>
      <c r="OOX651" s="613"/>
      <c r="OOY651" s="613"/>
      <c r="OOZ651" s="613"/>
      <c r="OPA651" s="613"/>
      <c r="OPB651" s="613"/>
      <c r="OPC651" s="613"/>
      <c r="OPD651" s="613"/>
      <c r="OPE651" s="613"/>
      <c r="OPF651" s="613"/>
      <c r="OPG651" s="613"/>
      <c r="OPH651" s="613"/>
      <c r="OPI651" s="613"/>
      <c r="OPJ651" s="613"/>
      <c r="OPK651" s="613"/>
      <c r="OPL651" s="613"/>
      <c r="OPM651" s="613"/>
      <c r="OPN651" s="613"/>
      <c r="OPO651" s="613"/>
      <c r="OPP651" s="613"/>
      <c r="OPQ651" s="613"/>
      <c r="OPR651" s="613"/>
      <c r="OPS651" s="613"/>
      <c r="OPT651" s="613"/>
      <c r="OPU651" s="613"/>
      <c r="OPV651" s="613"/>
      <c r="OPW651" s="613"/>
      <c r="OPX651" s="613"/>
      <c r="OPY651" s="613"/>
      <c r="OPZ651" s="613"/>
      <c r="OQA651" s="613"/>
      <c r="OQB651" s="613"/>
      <c r="OQC651" s="613"/>
      <c r="OQD651" s="613"/>
      <c r="OQE651" s="613"/>
      <c r="OQF651" s="613"/>
      <c r="OQG651" s="613"/>
      <c r="OQH651" s="613"/>
      <c r="OQI651" s="613"/>
      <c r="OQJ651" s="613"/>
      <c r="OQK651" s="613"/>
      <c r="OQL651" s="613"/>
      <c r="OQM651" s="613"/>
      <c r="OQN651" s="613"/>
      <c r="OQO651" s="613"/>
      <c r="OQP651" s="613"/>
      <c r="OQQ651" s="613"/>
      <c r="OQR651" s="613"/>
      <c r="OQS651" s="613"/>
      <c r="OQT651" s="613"/>
      <c r="OQU651" s="613"/>
      <c r="OQV651" s="613"/>
      <c r="OQW651" s="613"/>
      <c r="OQX651" s="613"/>
      <c r="OQY651" s="613"/>
      <c r="OQZ651" s="613"/>
      <c r="ORA651" s="613"/>
      <c r="ORB651" s="613"/>
      <c r="ORC651" s="613"/>
      <c r="ORD651" s="613"/>
      <c r="ORE651" s="613"/>
      <c r="ORF651" s="613"/>
      <c r="ORG651" s="613"/>
      <c r="ORH651" s="613"/>
      <c r="ORI651" s="613"/>
      <c r="ORJ651" s="613"/>
      <c r="ORK651" s="613"/>
      <c r="ORL651" s="613"/>
      <c r="ORM651" s="613"/>
      <c r="ORN651" s="613"/>
      <c r="ORO651" s="613"/>
      <c r="ORP651" s="613"/>
      <c r="ORQ651" s="613"/>
      <c r="ORR651" s="613"/>
      <c r="ORS651" s="613"/>
      <c r="ORT651" s="613"/>
      <c r="ORU651" s="613"/>
      <c r="ORV651" s="613"/>
      <c r="ORW651" s="613"/>
      <c r="ORX651" s="613"/>
      <c r="ORY651" s="613"/>
      <c r="ORZ651" s="613"/>
      <c r="OSA651" s="613"/>
      <c r="OSB651" s="613"/>
      <c r="OSC651" s="613"/>
      <c r="OSD651" s="613"/>
      <c r="OSE651" s="613"/>
      <c r="OSF651" s="613"/>
      <c r="OSG651" s="613"/>
      <c r="OSH651" s="613"/>
      <c r="OSI651" s="613"/>
      <c r="OSJ651" s="613"/>
      <c r="OSK651" s="613"/>
      <c r="OSL651" s="613"/>
      <c r="OSM651" s="613"/>
      <c r="OSN651" s="613"/>
      <c r="OSO651" s="613"/>
      <c r="OSP651" s="613"/>
      <c r="OSQ651" s="613"/>
      <c r="OSR651" s="613"/>
      <c r="OSS651" s="613"/>
      <c r="OST651" s="613"/>
      <c r="OSU651" s="613"/>
      <c r="OSV651" s="613"/>
      <c r="OSW651" s="613"/>
      <c r="OSX651" s="613"/>
      <c r="OSY651" s="613"/>
      <c r="OSZ651" s="613"/>
      <c r="OTA651" s="613"/>
      <c r="OTB651" s="613"/>
      <c r="OTC651" s="613"/>
      <c r="OTD651" s="613"/>
      <c r="OTE651" s="613"/>
      <c r="OTF651" s="613"/>
      <c r="OTG651" s="613"/>
      <c r="OTH651" s="613"/>
      <c r="OTI651" s="613"/>
      <c r="OTJ651" s="613"/>
      <c r="OTK651" s="613"/>
      <c r="OTL651" s="613"/>
      <c r="OTM651" s="613"/>
      <c r="OTN651" s="613"/>
      <c r="OTO651" s="613"/>
      <c r="OTP651" s="613"/>
      <c r="OTQ651" s="613"/>
      <c r="OTR651" s="613"/>
      <c r="OTS651" s="613"/>
      <c r="OTT651" s="613"/>
      <c r="OTU651" s="613"/>
      <c r="OTV651" s="613"/>
      <c r="OTW651" s="613"/>
      <c r="OTX651" s="613"/>
      <c r="OTY651" s="613"/>
      <c r="OTZ651" s="613"/>
      <c r="OUA651" s="613"/>
      <c r="OUB651" s="613"/>
      <c r="OUC651" s="613"/>
      <c r="OUD651" s="613"/>
      <c r="OUE651" s="613"/>
      <c r="OUF651" s="613"/>
      <c r="OUG651" s="613"/>
      <c r="OUH651" s="613"/>
      <c r="OUI651" s="613"/>
      <c r="OUJ651" s="613"/>
      <c r="OUK651" s="613"/>
      <c r="OUL651" s="613"/>
      <c r="OUM651" s="613"/>
      <c r="OUN651" s="613"/>
      <c r="OUO651" s="613"/>
      <c r="OUP651" s="613"/>
      <c r="OUQ651" s="613"/>
      <c r="OUR651" s="613"/>
      <c r="OUS651" s="613"/>
      <c r="OUT651" s="613"/>
      <c r="OUU651" s="613"/>
      <c r="OUV651" s="613"/>
      <c r="OUW651" s="613"/>
      <c r="OUX651" s="613"/>
      <c r="OUY651" s="613"/>
      <c r="OUZ651" s="613"/>
      <c r="OVA651" s="613"/>
      <c r="OVB651" s="613"/>
      <c r="OVC651" s="613"/>
      <c r="OVD651" s="613"/>
      <c r="OVE651" s="613"/>
      <c r="OVF651" s="613"/>
      <c r="OVG651" s="613"/>
      <c r="OVH651" s="613"/>
      <c r="OVI651" s="613"/>
      <c r="OVJ651" s="613"/>
      <c r="OVK651" s="613"/>
      <c r="OVL651" s="613"/>
      <c r="OVM651" s="613"/>
      <c r="OVN651" s="613"/>
      <c r="OVO651" s="613"/>
      <c r="OVP651" s="613"/>
      <c r="OVQ651" s="613"/>
      <c r="OVR651" s="613"/>
      <c r="OVS651" s="613"/>
      <c r="OVT651" s="613"/>
      <c r="OVU651" s="613"/>
      <c r="OVV651" s="613"/>
      <c r="OVW651" s="613"/>
      <c r="OVX651" s="613"/>
      <c r="OVY651" s="613"/>
      <c r="OVZ651" s="613"/>
      <c r="OWA651" s="613"/>
      <c r="OWB651" s="613"/>
      <c r="OWC651" s="613"/>
      <c r="OWD651" s="613"/>
      <c r="OWE651" s="613"/>
      <c r="OWF651" s="613"/>
      <c r="OWG651" s="613"/>
      <c r="OWH651" s="613"/>
      <c r="OWI651" s="613"/>
      <c r="OWJ651" s="613"/>
      <c r="OWK651" s="613"/>
      <c r="OWL651" s="613"/>
      <c r="OWM651" s="613"/>
      <c r="OWN651" s="613"/>
      <c r="OWO651" s="613"/>
      <c r="OWP651" s="613"/>
      <c r="OWQ651" s="613"/>
      <c r="OWR651" s="613"/>
      <c r="OWS651" s="613"/>
      <c r="OWT651" s="613"/>
      <c r="OWU651" s="613"/>
      <c r="OWV651" s="613"/>
      <c r="OWW651" s="613"/>
      <c r="OWX651" s="613"/>
      <c r="OWY651" s="613"/>
      <c r="OWZ651" s="613"/>
      <c r="OXA651" s="613"/>
      <c r="OXB651" s="613"/>
      <c r="OXC651" s="613"/>
      <c r="OXD651" s="613"/>
      <c r="OXE651" s="613"/>
      <c r="OXF651" s="613"/>
      <c r="OXG651" s="613"/>
      <c r="OXH651" s="613"/>
      <c r="OXI651" s="613"/>
      <c r="OXJ651" s="613"/>
      <c r="OXK651" s="613"/>
      <c r="OXL651" s="613"/>
      <c r="OXM651" s="613"/>
      <c r="OXN651" s="613"/>
      <c r="OXO651" s="613"/>
      <c r="OXP651" s="613"/>
      <c r="OXQ651" s="613"/>
      <c r="OXR651" s="613"/>
      <c r="OXS651" s="613"/>
      <c r="OXT651" s="613"/>
      <c r="OXU651" s="613"/>
      <c r="OXV651" s="613"/>
      <c r="OXW651" s="613"/>
      <c r="OXX651" s="613"/>
      <c r="OXY651" s="613"/>
      <c r="OXZ651" s="613"/>
      <c r="OYA651" s="613"/>
      <c r="OYB651" s="613"/>
      <c r="OYC651" s="613"/>
      <c r="OYD651" s="613"/>
      <c r="OYE651" s="613"/>
      <c r="OYF651" s="613"/>
      <c r="OYG651" s="613"/>
      <c r="OYH651" s="613"/>
      <c r="OYI651" s="613"/>
      <c r="OYJ651" s="613"/>
      <c r="OYK651" s="613"/>
      <c r="OYL651" s="613"/>
      <c r="OYM651" s="613"/>
      <c r="OYN651" s="613"/>
      <c r="OYO651" s="613"/>
      <c r="OYP651" s="613"/>
      <c r="OYQ651" s="613"/>
      <c r="OYR651" s="613"/>
      <c r="OYS651" s="613"/>
      <c r="OYT651" s="613"/>
      <c r="OYU651" s="613"/>
      <c r="OYV651" s="613"/>
      <c r="OYW651" s="613"/>
      <c r="OYX651" s="613"/>
      <c r="OYY651" s="613"/>
      <c r="OYZ651" s="613"/>
      <c r="OZA651" s="613"/>
      <c r="OZB651" s="613"/>
      <c r="OZC651" s="613"/>
      <c r="OZD651" s="613"/>
      <c r="OZE651" s="613"/>
      <c r="OZF651" s="613"/>
      <c r="OZG651" s="613"/>
      <c r="OZH651" s="613"/>
      <c r="OZI651" s="613"/>
      <c r="OZJ651" s="613"/>
      <c r="OZK651" s="613"/>
      <c r="OZL651" s="613"/>
      <c r="OZM651" s="613"/>
      <c r="OZN651" s="613"/>
      <c r="OZO651" s="613"/>
      <c r="OZP651" s="613"/>
      <c r="OZQ651" s="613"/>
      <c r="OZR651" s="613"/>
      <c r="OZS651" s="613"/>
      <c r="OZT651" s="613"/>
      <c r="OZU651" s="613"/>
      <c r="OZV651" s="613"/>
      <c r="OZW651" s="613"/>
      <c r="OZX651" s="613"/>
      <c r="OZY651" s="613"/>
      <c r="OZZ651" s="613"/>
      <c r="PAA651" s="613"/>
      <c r="PAB651" s="613"/>
      <c r="PAC651" s="613"/>
      <c r="PAD651" s="613"/>
      <c r="PAE651" s="613"/>
      <c r="PAF651" s="613"/>
      <c r="PAG651" s="613"/>
      <c r="PAH651" s="613"/>
      <c r="PAI651" s="613"/>
      <c r="PAJ651" s="613"/>
      <c r="PAK651" s="613"/>
      <c r="PAL651" s="613"/>
      <c r="PAM651" s="613"/>
      <c r="PAN651" s="613"/>
      <c r="PAO651" s="613"/>
      <c r="PAP651" s="613"/>
      <c r="PAQ651" s="613"/>
      <c r="PAR651" s="613"/>
      <c r="PAS651" s="613"/>
      <c r="PAT651" s="613"/>
      <c r="PAU651" s="613"/>
      <c r="PAV651" s="613"/>
      <c r="PAW651" s="613"/>
      <c r="PAX651" s="613"/>
      <c r="PAY651" s="613"/>
      <c r="PAZ651" s="613"/>
      <c r="PBA651" s="613"/>
      <c r="PBB651" s="613"/>
      <c r="PBC651" s="613"/>
      <c r="PBD651" s="613"/>
      <c r="PBE651" s="613"/>
      <c r="PBF651" s="613"/>
      <c r="PBG651" s="613"/>
      <c r="PBH651" s="613"/>
      <c r="PBI651" s="613"/>
      <c r="PBJ651" s="613"/>
      <c r="PBK651" s="613"/>
      <c r="PBL651" s="613"/>
      <c r="PBM651" s="613"/>
      <c r="PBN651" s="613"/>
      <c r="PBO651" s="613"/>
      <c r="PBP651" s="613"/>
      <c r="PBQ651" s="613"/>
      <c r="PBR651" s="613"/>
      <c r="PBS651" s="613"/>
      <c r="PBT651" s="613"/>
      <c r="PBU651" s="613"/>
      <c r="PBV651" s="613"/>
      <c r="PBW651" s="613"/>
      <c r="PBX651" s="613"/>
      <c r="PBY651" s="613"/>
      <c r="PBZ651" s="613"/>
      <c r="PCA651" s="613"/>
      <c r="PCB651" s="613"/>
      <c r="PCC651" s="613"/>
      <c r="PCD651" s="613"/>
      <c r="PCE651" s="613"/>
      <c r="PCF651" s="613"/>
      <c r="PCG651" s="613"/>
      <c r="PCH651" s="613"/>
      <c r="PCI651" s="613"/>
      <c r="PCJ651" s="613"/>
      <c r="PCK651" s="613"/>
      <c r="PCL651" s="613"/>
      <c r="PCM651" s="613"/>
      <c r="PCN651" s="613"/>
      <c r="PCO651" s="613"/>
      <c r="PCP651" s="613"/>
      <c r="PCQ651" s="613"/>
      <c r="PCR651" s="613"/>
      <c r="PCS651" s="613"/>
      <c r="PCT651" s="613"/>
      <c r="PCU651" s="613"/>
      <c r="PCV651" s="613"/>
      <c r="PCW651" s="613"/>
      <c r="PCX651" s="613"/>
      <c r="PCY651" s="613"/>
      <c r="PCZ651" s="613"/>
      <c r="PDA651" s="613"/>
      <c r="PDB651" s="613"/>
      <c r="PDC651" s="613"/>
      <c r="PDD651" s="613"/>
      <c r="PDE651" s="613"/>
      <c r="PDF651" s="613"/>
      <c r="PDG651" s="613"/>
      <c r="PDH651" s="613"/>
      <c r="PDI651" s="613"/>
      <c r="PDJ651" s="613"/>
      <c r="PDK651" s="613"/>
      <c r="PDL651" s="613"/>
      <c r="PDM651" s="613"/>
      <c r="PDN651" s="613"/>
      <c r="PDO651" s="613"/>
      <c r="PDP651" s="613"/>
      <c r="PDQ651" s="613"/>
      <c r="PDR651" s="613"/>
      <c r="PDS651" s="613"/>
      <c r="PDT651" s="613"/>
      <c r="PDU651" s="613"/>
      <c r="PDV651" s="613"/>
      <c r="PDW651" s="613"/>
      <c r="PDX651" s="613"/>
      <c r="PDY651" s="613"/>
      <c r="PDZ651" s="613"/>
      <c r="PEA651" s="613"/>
      <c r="PEB651" s="613"/>
      <c r="PEC651" s="613"/>
      <c r="PED651" s="613"/>
      <c r="PEE651" s="613"/>
      <c r="PEF651" s="613"/>
      <c r="PEG651" s="613"/>
      <c r="PEH651" s="613"/>
      <c r="PEI651" s="613"/>
      <c r="PEJ651" s="613"/>
      <c r="PEK651" s="613"/>
      <c r="PEL651" s="613"/>
      <c r="PEM651" s="613"/>
      <c r="PEN651" s="613"/>
      <c r="PEO651" s="613"/>
      <c r="PEP651" s="613"/>
      <c r="PEQ651" s="613"/>
      <c r="PER651" s="613"/>
      <c r="PES651" s="613"/>
      <c r="PET651" s="613"/>
      <c r="PEU651" s="613"/>
      <c r="PEV651" s="613"/>
      <c r="PEW651" s="613"/>
      <c r="PEX651" s="613"/>
      <c r="PEY651" s="613"/>
      <c r="PEZ651" s="613"/>
      <c r="PFA651" s="613"/>
      <c r="PFB651" s="613"/>
      <c r="PFC651" s="613"/>
      <c r="PFD651" s="613"/>
      <c r="PFE651" s="613"/>
      <c r="PFF651" s="613"/>
      <c r="PFG651" s="613"/>
      <c r="PFH651" s="613"/>
      <c r="PFI651" s="613"/>
      <c r="PFJ651" s="613"/>
      <c r="PFK651" s="613"/>
      <c r="PFL651" s="613"/>
      <c r="PFM651" s="613"/>
      <c r="PFN651" s="613"/>
      <c r="PFO651" s="613"/>
      <c r="PFP651" s="613"/>
      <c r="PFQ651" s="613"/>
      <c r="PFR651" s="613"/>
      <c r="PFS651" s="613"/>
      <c r="PFT651" s="613"/>
      <c r="PFU651" s="613"/>
      <c r="PFV651" s="613"/>
      <c r="PFW651" s="613"/>
      <c r="PFX651" s="613"/>
      <c r="PFY651" s="613"/>
      <c r="PFZ651" s="613"/>
      <c r="PGA651" s="613"/>
      <c r="PGB651" s="613"/>
      <c r="PGC651" s="613"/>
      <c r="PGD651" s="613"/>
      <c r="PGE651" s="613"/>
      <c r="PGF651" s="613"/>
      <c r="PGG651" s="613"/>
      <c r="PGH651" s="613"/>
      <c r="PGI651" s="613"/>
      <c r="PGJ651" s="613"/>
      <c r="PGK651" s="613"/>
      <c r="PGL651" s="613"/>
      <c r="PGM651" s="613"/>
      <c r="PGN651" s="613"/>
      <c r="PGO651" s="613"/>
      <c r="PGP651" s="613"/>
      <c r="PGQ651" s="613"/>
      <c r="PGR651" s="613"/>
      <c r="PGS651" s="613"/>
      <c r="PGT651" s="613"/>
      <c r="PGU651" s="613"/>
      <c r="PGV651" s="613"/>
      <c r="PGW651" s="613"/>
      <c r="PGX651" s="613"/>
      <c r="PGY651" s="613"/>
      <c r="PGZ651" s="613"/>
      <c r="PHA651" s="613"/>
      <c r="PHB651" s="613"/>
      <c r="PHC651" s="613"/>
      <c r="PHD651" s="613"/>
      <c r="PHE651" s="613"/>
      <c r="PHF651" s="613"/>
      <c r="PHG651" s="613"/>
      <c r="PHH651" s="613"/>
      <c r="PHI651" s="613"/>
      <c r="PHJ651" s="613"/>
      <c r="PHK651" s="613"/>
      <c r="PHL651" s="613"/>
      <c r="PHM651" s="613"/>
      <c r="PHN651" s="613"/>
      <c r="PHO651" s="613"/>
      <c r="PHP651" s="613"/>
      <c r="PHQ651" s="613"/>
      <c r="PHR651" s="613"/>
      <c r="PHS651" s="613"/>
      <c r="PHT651" s="613"/>
      <c r="PHU651" s="613"/>
      <c r="PHV651" s="613"/>
      <c r="PHW651" s="613"/>
      <c r="PHX651" s="613"/>
      <c r="PHY651" s="613"/>
      <c r="PHZ651" s="613"/>
      <c r="PIA651" s="613"/>
      <c r="PIB651" s="613"/>
      <c r="PIC651" s="613"/>
      <c r="PID651" s="613"/>
      <c r="PIE651" s="613"/>
      <c r="PIF651" s="613"/>
      <c r="PIG651" s="613"/>
      <c r="PIH651" s="613"/>
      <c r="PII651" s="613"/>
      <c r="PIJ651" s="613"/>
      <c r="PIK651" s="613"/>
      <c r="PIL651" s="613"/>
      <c r="PIM651" s="613"/>
      <c r="PIN651" s="613"/>
      <c r="PIO651" s="613"/>
      <c r="PIP651" s="613"/>
      <c r="PIQ651" s="613"/>
      <c r="PIR651" s="613"/>
      <c r="PIS651" s="613"/>
      <c r="PIT651" s="613"/>
      <c r="PIU651" s="613"/>
      <c r="PIV651" s="613"/>
      <c r="PIW651" s="613"/>
      <c r="PIX651" s="613"/>
      <c r="PIY651" s="613"/>
      <c r="PIZ651" s="613"/>
      <c r="PJA651" s="613"/>
      <c r="PJB651" s="613"/>
      <c r="PJC651" s="613"/>
      <c r="PJD651" s="613"/>
      <c r="PJE651" s="613"/>
      <c r="PJF651" s="613"/>
      <c r="PJG651" s="613"/>
      <c r="PJH651" s="613"/>
      <c r="PJI651" s="613"/>
      <c r="PJJ651" s="613"/>
      <c r="PJK651" s="613"/>
      <c r="PJL651" s="613"/>
      <c r="PJM651" s="613"/>
      <c r="PJN651" s="613"/>
      <c r="PJO651" s="613"/>
      <c r="PJP651" s="613"/>
      <c r="PJQ651" s="613"/>
      <c r="PJR651" s="613"/>
      <c r="PJS651" s="613"/>
      <c r="PJT651" s="613"/>
      <c r="PJU651" s="613"/>
      <c r="PJV651" s="613"/>
      <c r="PJW651" s="613"/>
      <c r="PJX651" s="613"/>
      <c r="PJY651" s="613"/>
      <c r="PJZ651" s="613"/>
      <c r="PKA651" s="613"/>
      <c r="PKB651" s="613"/>
      <c r="PKC651" s="613"/>
      <c r="PKD651" s="613"/>
      <c r="PKE651" s="613"/>
      <c r="PKF651" s="613"/>
      <c r="PKG651" s="613"/>
      <c r="PKH651" s="613"/>
      <c r="PKI651" s="613"/>
      <c r="PKJ651" s="613"/>
      <c r="PKK651" s="613"/>
      <c r="PKL651" s="613"/>
      <c r="PKM651" s="613"/>
      <c r="PKN651" s="613"/>
      <c r="PKO651" s="613"/>
      <c r="PKP651" s="613"/>
      <c r="PKQ651" s="613"/>
      <c r="PKR651" s="613"/>
      <c r="PKS651" s="613"/>
      <c r="PKT651" s="613"/>
      <c r="PKU651" s="613"/>
      <c r="PKV651" s="613"/>
      <c r="PKW651" s="613"/>
      <c r="PKX651" s="613"/>
      <c r="PKY651" s="613"/>
      <c r="PKZ651" s="613"/>
      <c r="PLA651" s="613"/>
      <c r="PLB651" s="613"/>
      <c r="PLC651" s="613"/>
      <c r="PLD651" s="613"/>
      <c r="PLE651" s="613"/>
      <c r="PLF651" s="613"/>
      <c r="PLG651" s="613"/>
      <c r="PLH651" s="613"/>
      <c r="PLI651" s="613"/>
      <c r="PLJ651" s="613"/>
      <c r="PLK651" s="613"/>
      <c r="PLL651" s="613"/>
      <c r="PLM651" s="613"/>
      <c r="PLN651" s="613"/>
      <c r="PLO651" s="613"/>
      <c r="PLP651" s="613"/>
      <c r="PLQ651" s="613"/>
      <c r="PLR651" s="613"/>
      <c r="PLS651" s="613"/>
      <c r="PLT651" s="613"/>
      <c r="PLU651" s="613"/>
      <c r="PLV651" s="613"/>
      <c r="PLW651" s="613"/>
      <c r="PLX651" s="613"/>
      <c r="PLY651" s="613"/>
      <c r="PLZ651" s="613"/>
      <c r="PMA651" s="613"/>
      <c r="PMB651" s="613"/>
      <c r="PMC651" s="613"/>
      <c r="PMD651" s="613"/>
      <c r="PME651" s="613"/>
      <c r="PMF651" s="613"/>
      <c r="PMG651" s="613"/>
      <c r="PMH651" s="613"/>
      <c r="PMI651" s="613"/>
      <c r="PMJ651" s="613"/>
      <c r="PMK651" s="613"/>
      <c r="PML651" s="613"/>
      <c r="PMM651" s="613"/>
      <c r="PMN651" s="613"/>
      <c r="PMO651" s="613"/>
      <c r="PMP651" s="613"/>
      <c r="PMQ651" s="613"/>
      <c r="PMR651" s="613"/>
      <c r="PMS651" s="613"/>
      <c r="PMT651" s="613"/>
      <c r="PMU651" s="613"/>
      <c r="PMV651" s="613"/>
      <c r="PMW651" s="613"/>
      <c r="PMX651" s="613"/>
      <c r="PMY651" s="613"/>
      <c r="PMZ651" s="613"/>
      <c r="PNA651" s="613"/>
      <c r="PNB651" s="613"/>
      <c r="PNC651" s="613"/>
      <c r="PND651" s="613"/>
      <c r="PNE651" s="613"/>
      <c r="PNF651" s="613"/>
      <c r="PNG651" s="613"/>
      <c r="PNH651" s="613"/>
      <c r="PNI651" s="613"/>
      <c r="PNJ651" s="613"/>
      <c r="PNK651" s="613"/>
      <c r="PNL651" s="613"/>
      <c r="PNM651" s="613"/>
      <c r="PNN651" s="613"/>
      <c r="PNO651" s="613"/>
      <c r="PNP651" s="613"/>
      <c r="PNQ651" s="613"/>
      <c r="PNR651" s="613"/>
      <c r="PNS651" s="613"/>
      <c r="PNT651" s="613"/>
      <c r="PNU651" s="613"/>
      <c r="PNV651" s="613"/>
      <c r="PNW651" s="613"/>
      <c r="PNX651" s="613"/>
      <c r="PNY651" s="613"/>
      <c r="PNZ651" s="613"/>
      <c r="POA651" s="613"/>
      <c r="POB651" s="613"/>
      <c r="POC651" s="613"/>
      <c r="POD651" s="613"/>
      <c r="POE651" s="613"/>
      <c r="POF651" s="613"/>
      <c r="POG651" s="613"/>
      <c r="POH651" s="613"/>
      <c r="POI651" s="613"/>
      <c r="POJ651" s="613"/>
      <c r="POK651" s="613"/>
      <c r="POL651" s="613"/>
      <c r="POM651" s="613"/>
      <c r="PON651" s="613"/>
      <c r="POO651" s="613"/>
      <c r="POP651" s="613"/>
      <c r="POQ651" s="613"/>
      <c r="POR651" s="613"/>
      <c r="POS651" s="613"/>
      <c r="POT651" s="613"/>
      <c r="POU651" s="613"/>
      <c r="POV651" s="613"/>
      <c r="POW651" s="613"/>
      <c r="POX651" s="613"/>
      <c r="POY651" s="613"/>
      <c r="POZ651" s="613"/>
      <c r="PPA651" s="613"/>
      <c r="PPB651" s="613"/>
      <c r="PPC651" s="613"/>
      <c r="PPD651" s="613"/>
      <c r="PPE651" s="613"/>
      <c r="PPF651" s="613"/>
      <c r="PPG651" s="613"/>
      <c r="PPH651" s="613"/>
      <c r="PPI651" s="613"/>
      <c r="PPJ651" s="613"/>
      <c r="PPK651" s="613"/>
      <c r="PPL651" s="613"/>
      <c r="PPM651" s="613"/>
      <c r="PPN651" s="613"/>
      <c r="PPO651" s="613"/>
      <c r="PPP651" s="613"/>
      <c r="PPQ651" s="613"/>
      <c r="PPR651" s="613"/>
      <c r="PPS651" s="613"/>
      <c r="PPT651" s="613"/>
      <c r="PPU651" s="613"/>
      <c r="PPV651" s="613"/>
      <c r="PPW651" s="613"/>
      <c r="PPX651" s="613"/>
      <c r="PPY651" s="613"/>
      <c r="PPZ651" s="613"/>
      <c r="PQA651" s="613"/>
      <c r="PQB651" s="613"/>
      <c r="PQC651" s="613"/>
      <c r="PQD651" s="613"/>
      <c r="PQE651" s="613"/>
      <c r="PQF651" s="613"/>
      <c r="PQG651" s="613"/>
      <c r="PQH651" s="613"/>
      <c r="PQI651" s="613"/>
      <c r="PQJ651" s="613"/>
      <c r="PQK651" s="613"/>
      <c r="PQL651" s="613"/>
      <c r="PQM651" s="613"/>
      <c r="PQN651" s="613"/>
      <c r="PQO651" s="613"/>
      <c r="PQP651" s="613"/>
      <c r="PQQ651" s="613"/>
      <c r="PQR651" s="613"/>
      <c r="PQS651" s="613"/>
      <c r="PQT651" s="613"/>
      <c r="PQU651" s="613"/>
      <c r="PQV651" s="613"/>
      <c r="PQW651" s="613"/>
      <c r="PQX651" s="613"/>
      <c r="PQY651" s="613"/>
      <c r="PQZ651" s="613"/>
      <c r="PRA651" s="613"/>
      <c r="PRB651" s="613"/>
      <c r="PRC651" s="613"/>
      <c r="PRD651" s="613"/>
      <c r="PRE651" s="613"/>
      <c r="PRF651" s="613"/>
      <c r="PRG651" s="613"/>
      <c r="PRH651" s="613"/>
      <c r="PRI651" s="613"/>
      <c r="PRJ651" s="613"/>
      <c r="PRK651" s="613"/>
      <c r="PRL651" s="613"/>
      <c r="PRM651" s="613"/>
      <c r="PRN651" s="613"/>
      <c r="PRO651" s="613"/>
      <c r="PRP651" s="613"/>
      <c r="PRQ651" s="613"/>
      <c r="PRR651" s="613"/>
      <c r="PRS651" s="613"/>
      <c r="PRT651" s="613"/>
      <c r="PRU651" s="613"/>
      <c r="PRV651" s="613"/>
      <c r="PRW651" s="613"/>
      <c r="PRX651" s="613"/>
      <c r="PRY651" s="613"/>
      <c r="PRZ651" s="613"/>
      <c r="PSA651" s="613"/>
      <c r="PSB651" s="613"/>
      <c r="PSC651" s="613"/>
      <c r="PSD651" s="613"/>
      <c r="PSE651" s="613"/>
      <c r="PSF651" s="613"/>
      <c r="PSG651" s="613"/>
      <c r="PSH651" s="613"/>
      <c r="PSI651" s="613"/>
      <c r="PSJ651" s="613"/>
      <c r="PSK651" s="613"/>
      <c r="PSL651" s="613"/>
      <c r="PSM651" s="613"/>
      <c r="PSN651" s="613"/>
      <c r="PSO651" s="613"/>
      <c r="PSP651" s="613"/>
      <c r="PSQ651" s="613"/>
      <c r="PSR651" s="613"/>
      <c r="PSS651" s="613"/>
      <c r="PST651" s="613"/>
      <c r="PSU651" s="613"/>
      <c r="PSV651" s="613"/>
      <c r="PSW651" s="613"/>
      <c r="PSX651" s="613"/>
      <c r="PSY651" s="613"/>
      <c r="PSZ651" s="613"/>
      <c r="PTA651" s="613"/>
      <c r="PTB651" s="613"/>
      <c r="PTC651" s="613"/>
      <c r="PTD651" s="613"/>
      <c r="PTE651" s="613"/>
      <c r="PTF651" s="613"/>
      <c r="PTG651" s="613"/>
      <c r="PTH651" s="613"/>
      <c r="PTI651" s="613"/>
      <c r="PTJ651" s="613"/>
      <c r="PTK651" s="613"/>
      <c r="PTL651" s="613"/>
      <c r="PTM651" s="613"/>
      <c r="PTN651" s="613"/>
      <c r="PTO651" s="613"/>
      <c r="PTP651" s="613"/>
      <c r="PTQ651" s="613"/>
      <c r="PTR651" s="613"/>
      <c r="PTS651" s="613"/>
      <c r="PTT651" s="613"/>
      <c r="PTU651" s="613"/>
      <c r="PTV651" s="613"/>
      <c r="PTW651" s="613"/>
      <c r="PTX651" s="613"/>
      <c r="PTY651" s="613"/>
      <c r="PTZ651" s="613"/>
      <c r="PUA651" s="613"/>
      <c r="PUB651" s="613"/>
      <c r="PUC651" s="613"/>
      <c r="PUD651" s="613"/>
      <c r="PUE651" s="613"/>
      <c r="PUF651" s="613"/>
      <c r="PUG651" s="613"/>
      <c r="PUH651" s="613"/>
      <c r="PUI651" s="613"/>
      <c r="PUJ651" s="613"/>
      <c r="PUK651" s="613"/>
      <c r="PUL651" s="613"/>
      <c r="PUM651" s="613"/>
      <c r="PUN651" s="613"/>
      <c r="PUO651" s="613"/>
      <c r="PUP651" s="613"/>
      <c r="PUQ651" s="613"/>
      <c r="PUR651" s="613"/>
      <c r="PUS651" s="613"/>
      <c r="PUT651" s="613"/>
      <c r="PUU651" s="613"/>
      <c r="PUV651" s="613"/>
      <c r="PUW651" s="613"/>
      <c r="PUX651" s="613"/>
      <c r="PUY651" s="613"/>
      <c r="PUZ651" s="613"/>
      <c r="PVA651" s="613"/>
      <c r="PVB651" s="613"/>
      <c r="PVC651" s="613"/>
      <c r="PVD651" s="613"/>
      <c r="PVE651" s="613"/>
      <c r="PVF651" s="613"/>
      <c r="PVG651" s="613"/>
      <c r="PVH651" s="613"/>
      <c r="PVI651" s="613"/>
      <c r="PVJ651" s="613"/>
      <c r="PVK651" s="613"/>
      <c r="PVL651" s="613"/>
      <c r="PVM651" s="613"/>
      <c r="PVN651" s="613"/>
      <c r="PVO651" s="613"/>
      <c r="PVP651" s="613"/>
      <c r="PVQ651" s="613"/>
      <c r="PVR651" s="613"/>
      <c r="PVS651" s="613"/>
      <c r="PVT651" s="613"/>
      <c r="PVU651" s="613"/>
      <c r="PVV651" s="613"/>
      <c r="PVW651" s="613"/>
      <c r="PVX651" s="613"/>
      <c r="PVY651" s="613"/>
      <c r="PVZ651" s="613"/>
      <c r="PWA651" s="613"/>
      <c r="PWB651" s="613"/>
      <c r="PWC651" s="613"/>
      <c r="PWD651" s="613"/>
      <c r="PWE651" s="613"/>
      <c r="PWF651" s="613"/>
      <c r="PWG651" s="613"/>
      <c r="PWH651" s="613"/>
      <c r="PWI651" s="613"/>
      <c r="PWJ651" s="613"/>
      <c r="PWK651" s="613"/>
      <c r="PWL651" s="613"/>
      <c r="PWM651" s="613"/>
      <c r="PWN651" s="613"/>
      <c r="PWO651" s="613"/>
      <c r="PWP651" s="613"/>
      <c r="PWQ651" s="613"/>
      <c r="PWR651" s="613"/>
      <c r="PWS651" s="613"/>
      <c r="PWT651" s="613"/>
      <c r="PWU651" s="613"/>
      <c r="PWV651" s="613"/>
      <c r="PWW651" s="613"/>
      <c r="PWX651" s="613"/>
      <c r="PWY651" s="613"/>
      <c r="PWZ651" s="613"/>
      <c r="PXA651" s="613"/>
      <c r="PXB651" s="613"/>
      <c r="PXC651" s="613"/>
      <c r="PXD651" s="613"/>
      <c r="PXE651" s="613"/>
      <c r="PXF651" s="613"/>
      <c r="PXG651" s="613"/>
      <c r="PXH651" s="613"/>
      <c r="PXI651" s="613"/>
      <c r="PXJ651" s="613"/>
      <c r="PXK651" s="613"/>
      <c r="PXL651" s="613"/>
      <c r="PXM651" s="613"/>
      <c r="PXN651" s="613"/>
      <c r="PXO651" s="613"/>
      <c r="PXP651" s="613"/>
      <c r="PXQ651" s="613"/>
      <c r="PXR651" s="613"/>
      <c r="PXS651" s="613"/>
      <c r="PXT651" s="613"/>
      <c r="PXU651" s="613"/>
      <c r="PXV651" s="613"/>
      <c r="PXW651" s="613"/>
      <c r="PXX651" s="613"/>
      <c r="PXY651" s="613"/>
      <c r="PXZ651" s="613"/>
      <c r="PYA651" s="613"/>
      <c r="PYB651" s="613"/>
      <c r="PYC651" s="613"/>
      <c r="PYD651" s="613"/>
      <c r="PYE651" s="613"/>
      <c r="PYF651" s="613"/>
      <c r="PYG651" s="613"/>
      <c r="PYH651" s="613"/>
      <c r="PYI651" s="613"/>
      <c r="PYJ651" s="613"/>
      <c r="PYK651" s="613"/>
      <c r="PYL651" s="613"/>
      <c r="PYM651" s="613"/>
      <c r="PYN651" s="613"/>
      <c r="PYO651" s="613"/>
      <c r="PYP651" s="613"/>
      <c r="PYQ651" s="613"/>
      <c r="PYR651" s="613"/>
      <c r="PYS651" s="613"/>
      <c r="PYT651" s="613"/>
      <c r="PYU651" s="613"/>
      <c r="PYV651" s="613"/>
      <c r="PYW651" s="613"/>
      <c r="PYX651" s="613"/>
      <c r="PYY651" s="613"/>
      <c r="PYZ651" s="613"/>
      <c r="PZA651" s="613"/>
      <c r="PZB651" s="613"/>
      <c r="PZC651" s="613"/>
      <c r="PZD651" s="613"/>
      <c r="PZE651" s="613"/>
      <c r="PZF651" s="613"/>
      <c r="PZG651" s="613"/>
      <c r="PZH651" s="613"/>
      <c r="PZI651" s="613"/>
      <c r="PZJ651" s="613"/>
      <c r="PZK651" s="613"/>
      <c r="PZL651" s="613"/>
      <c r="PZM651" s="613"/>
      <c r="PZN651" s="613"/>
      <c r="PZO651" s="613"/>
      <c r="PZP651" s="613"/>
      <c r="PZQ651" s="613"/>
      <c r="PZR651" s="613"/>
      <c r="PZS651" s="613"/>
      <c r="PZT651" s="613"/>
      <c r="PZU651" s="613"/>
      <c r="PZV651" s="613"/>
      <c r="PZW651" s="613"/>
      <c r="PZX651" s="613"/>
      <c r="PZY651" s="613"/>
      <c r="PZZ651" s="613"/>
      <c r="QAA651" s="613"/>
      <c r="QAB651" s="613"/>
      <c r="QAC651" s="613"/>
      <c r="QAD651" s="613"/>
      <c r="QAE651" s="613"/>
      <c r="QAF651" s="613"/>
      <c r="QAG651" s="613"/>
      <c r="QAH651" s="613"/>
      <c r="QAI651" s="613"/>
      <c r="QAJ651" s="613"/>
      <c r="QAK651" s="613"/>
      <c r="QAL651" s="613"/>
      <c r="QAM651" s="613"/>
      <c r="QAN651" s="613"/>
      <c r="QAO651" s="613"/>
      <c r="QAP651" s="613"/>
      <c r="QAQ651" s="613"/>
      <c r="QAR651" s="613"/>
      <c r="QAS651" s="613"/>
      <c r="QAT651" s="613"/>
      <c r="QAU651" s="613"/>
      <c r="QAV651" s="613"/>
      <c r="QAW651" s="613"/>
      <c r="QAX651" s="613"/>
      <c r="QAY651" s="613"/>
      <c r="QAZ651" s="613"/>
      <c r="QBA651" s="613"/>
      <c r="QBB651" s="613"/>
      <c r="QBC651" s="613"/>
      <c r="QBD651" s="613"/>
      <c r="QBE651" s="613"/>
      <c r="QBF651" s="613"/>
      <c r="QBG651" s="613"/>
      <c r="QBH651" s="613"/>
      <c r="QBI651" s="613"/>
      <c r="QBJ651" s="613"/>
      <c r="QBK651" s="613"/>
      <c r="QBL651" s="613"/>
      <c r="QBM651" s="613"/>
      <c r="QBN651" s="613"/>
      <c r="QBO651" s="613"/>
      <c r="QBP651" s="613"/>
      <c r="QBQ651" s="613"/>
      <c r="QBR651" s="613"/>
      <c r="QBS651" s="613"/>
      <c r="QBT651" s="613"/>
      <c r="QBU651" s="613"/>
      <c r="QBV651" s="613"/>
      <c r="QBW651" s="613"/>
      <c r="QBX651" s="613"/>
      <c r="QBY651" s="613"/>
      <c r="QBZ651" s="613"/>
      <c r="QCA651" s="613"/>
      <c r="QCB651" s="613"/>
      <c r="QCC651" s="613"/>
      <c r="QCD651" s="613"/>
      <c r="QCE651" s="613"/>
      <c r="QCF651" s="613"/>
      <c r="QCG651" s="613"/>
      <c r="QCH651" s="613"/>
      <c r="QCI651" s="613"/>
      <c r="QCJ651" s="613"/>
      <c r="QCK651" s="613"/>
      <c r="QCL651" s="613"/>
      <c r="QCM651" s="613"/>
      <c r="QCN651" s="613"/>
      <c r="QCO651" s="613"/>
      <c r="QCP651" s="613"/>
      <c r="QCQ651" s="613"/>
      <c r="QCR651" s="613"/>
      <c r="QCS651" s="613"/>
      <c r="QCT651" s="613"/>
      <c r="QCU651" s="613"/>
      <c r="QCV651" s="613"/>
      <c r="QCW651" s="613"/>
      <c r="QCX651" s="613"/>
      <c r="QCY651" s="613"/>
      <c r="QCZ651" s="613"/>
      <c r="QDA651" s="613"/>
      <c r="QDB651" s="613"/>
      <c r="QDC651" s="613"/>
      <c r="QDD651" s="613"/>
      <c r="QDE651" s="613"/>
      <c r="QDF651" s="613"/>
      <c r="QDG651" s="613"/>
      <c r="QDH651" s="613"/>
      <c r="QDI651" s="613"/>
      <c r="QDJ651" s="613"/>
      <c r="QDK651" s="613"/>
      <c r="QDL651" s="613"/>
      <c r="QDM651" s="613"/>
      <c r="QDN651" s="613"/>
      <c r="QDO651" s="613"/>
      <c r="QDP651" s="613"/>
      <c r="QDQ651" s="613"/>
      <c r="QDR651" s="613"/>
      <c r="QDS651" s="613"/>
      <c r="QDT651" s="613"/>
      <c r="QDU651" s="613"/>
      <c r="QDV651" s="613"/>
      <c r="QDW651" s="613"/>
      <c r="QDX651" s="613"/>
      <c r="QDY651" s="613"/>
      <c r="QDZ651" s="613"/>
      <c r="QEA651" s="613"/>
      <c r="QEB651" s="613"/>
      <c r="QEC651" s="613"/>
      <c r="QED651" s="613"/>
      <c r="QEE651" s="613"/>
      <c r="QEF651" s="613"/>
      <c r="QEG651" s="613"/>
      <c r="QEH651" s="613"/>
      <c r="QEI651" s="613"/>
      <c r="QEJ651" s="613"/>
      <c r="QEK651" s="613"/>
      <c r="QEL651" s="613"/>
      <c r="QEM651" s="613"/>
      <c r="QEN651" s="613"/>
      <c r="QEO651" s="613"/>
      <c r="QEP651" s="613"/>
      <c r="QEQ651" s="613"/>
      <c r="QER651" s="613"/>
      <c r="QES651" s="613"/>
      <c r="QET651" s="613"/>
      <c r="QEU651" s="613"/>
      <c r="QEV651" s="613"/>
      <c r="QEW651" s="613"/>
      <c r="QEX651" s="613"/>
      <c r="QEY651" s="613"/>
      <c r="QEZ651" s="613"/>
      <c r="QFA651" s="613"/>
      <c r="QFB651" s="613"/>
      <c r="QFC651" s="613"/>
      <c r="QFD651" s="613"/>
      <c r="QFE651" s="613"/>
      <c r="QFF651" s="613"/>
      <c r="QFG651" s="613"/>
      <c r="QFH651" s="613"/>
      <c r="QFI651" s="613"/>
      <c r="QFJ651" s="613"/>
      <c r="QFK651" s="613"/>
      <c r="QFL651" s="613"/>
      <c r="QFM651" s="613"/>
      <c r="QFN651" s="613"/>
      <c r="QFO651" s="613"/>
      <c r="QFP651" s="613"/>
      <c r="QFQ651" s="613"/>
      <c r="QFR651" s="613"/>
      <c r="QFS651" s="613"/>
      <c r="QFT651" s="613"/>
      <c r="QFU651" s="613"/>
      <c r="QFV651" s="613"/>
      <c r="QFW651" s="613"/>
      <c r="QFX651" s="613"/>
      <c r="QFY651" s="613"/>
      <c r="QFZ651" s="613"/>
      <c r="QGA651" s="613"/>
      <c r="QGB651" s="613"/>
      <c r="QGC651" s="613"/>
      <c r="QGD651" s="613"/>
      <c r="QGE651" s="613"/>
      <c r="QGF651" s="613"/>
      <c r="QGG651" s="613"/>
      <c r="QGH651" s="613"/>
      <c r="QGI651" s="613"/>
      <c r="QGJ651" s="613"/>
      <c r="QGK651" s="613"/>
      <c r="QGL651" s="613"/>
      <c r="QGM651" s="613"/>
      <c r="QGN651" s="613"/>
      <c r="QGO651" s="613"/>
      <c r="QGP651" s="613"/>
      <c r="QGQ651" s="613"/>
      <c r="QGR651" s="613"/>
      <c r="QGS651" s="613"/>
      <c r="QGT651" s="613"/>
      <c r="QGU651" s="613"/>
      <c r="QGV651" s="613"/>
      <c r="QGW651" s="613"/>
      <c r="QGX651" s="613"/>
      <c r="QGY651" s="613"/>
      <c r="QGZ651" s="613"/>
      <c r="QHA651" s="613"/>
      <c r="QHB651" s="613"/>
      <c r="QHC651" s="613"/>
      <c r="QHD651" s="613"/>
      <c r="QHE651" s="613"/>
      <c r="QHF651" s="613"/>
      <c r="QHG651" s="613"/>
      <c r="QHH651" s="613"/>
      <c r="QHI651" s="613"/>
      <c r="QHJ651" s="613"/>
      <c r="QHK651" s="613"/>
      <c r="QHL651" s="613"/>
      <c r="QHM651" s="613"/>
      <c r="QHN651" s="613"/>
      <c r="QHO651" s="613"/>
      <c r="QHP651" s="613"/>
      <c r="QHQ651" s="613"/>
      <c r="QHR651" s="613"/>
      <c r="QHS651" s="613"/>
      <c r="QHT651" s="613"/>
      <c r="QHU651" s="613"/>
      <c r="QHV651" s="613"/>
      <c r="QHW651" s="613"/>
      <c r="QHX651" s="613"/>
      <c r="QHY651" s="613"/>
      <c r="QHZ651" s="613"/>
      <c r="QIA651" s="613"/>
      <c r="QIB651" s="613"/>
      <c r="QIC651" s="613"/>
      <c r="QID651" s="613"/>
      <c r="QIE651" s="613"/>
      <c r="QIF651" s="613"/>
      <c r="QIG651" s="613"/>
      <c r="QIH651" s="613"/>
      <c r="QII651" s="613"/>
      <c r="QIJ651" s="613"/>
      <c r="QIK651" s="613"/>
      <c r="QIL651" s="613"/>
      <c r="QIM651" s="613"/>
      <c r="QIN651" s="613"/>
      <c r="QIO651" s="613"/>
      <c r="QIP651" s="613"/>
      <c r="QIQ651" s="613"/>
      <c r="QIR651" s="613"/>
      <c r="QIS651" s="613"/>
      <c r="QIT651" s="613"/>
      <c r="QIU651" s="613"/>
      <c r="QIV651" s="613"/>
      <c r="QIW651" s="613"/>
      <c r="QIX651" s="613"/>
      <c r="QIY651" s="613"/>
      <c r="QIZ651" s="613"/>
      <c r="QJA651" s="613"/>
      <c r="QJB651" s="613"/>
      <c r="QJC651" s="613"/>
      <c r="QJD651" s="613"/>
      <c r="QJE651" s="613"/>
      <c r="QJF651" s="613"/>
      <c r="QJG651" s="613"/>
      <c r="QJH651" s="613"/>
      <c r="QJI651" s="613"/>
      <c r="QJJ651" s="613"/>
      <c r="QJK651" s="613"/>
      <c r="QJL651" s="613"/>
      <c r="QJM651" s="613"/>
      <c r="QJN651" s="613"/>
      <c r="QJO651" s="613"/>
      <c r="QJP651" s="613"/>
      <c r="QJQ651" s="613"/>
      <c r="QJR651" s="613"/>
      <c r="QJS651" s="613"/>
      <c r="QJT651" s="613"/>
      <c r="QJU651" s="613"/>
      <c r="QJV651" s="613"/>
      <c r="QJW651" s="613"/>
      <c r="QJX651" s="613"/>
      <c r="QJY651" s="613"/>
      <c r="QJZ651" s="613"/>
      <c r="QKA651" s="613"/>
      <c r="QKB651" s="613"/>
      <c r="QKC651" s="613"/>
      <c r="QKD651" s="613"/>
      <c r="QKE651" s="613"/>
      <c r="QKF651" s="613"/>
      <c r="QKG651" s="613"/>
      <c r="QKH651" s="613"/>
      <c r="QKI651" s="613"/>
      <c r="QKJ651" s="613"/>
      <c r="QKK651" s="613"/>
      <c r="QKL651" s="613"/>
      <c r="QKM651" s="613"/>
      <c r="QKN651" s="613"/>
      <c r="QKO651" s="613"/>
      <c r="QKP651" s="613"/>
      <c r="QKQ651" s="613"/>
      <c r="QKR651" s="613"/>
      <c r="QKS651" s="613"/>
      <c r="QKT651" s="613"/>
      <c r="QKU651" s="613"/>
      <c r="QKV651" s="613"/>
      <c r="QKW651" s="613"/>
      <c r="QKX651" s="613"/>
      <c r="QKY651" s="613"/>
      <c r="QKZ651" s="613"/>
      <c r="QLA651" s="613"/>
      <c r="QLB651" s="613"/>
      <c r="QLC651" s="613"/>
      <c r="QLD651" s="613"/>
      <c r="QLE651" s="613"/>
      <c r="QLF651" s="613"/>
      <c r="QLG651" s="613"/>
      <c r="QLH651" s="613"/>
      <c r="QLI651" s="613"/>
      <c r="QLJ651" s="613"/>
      <c r="QLK651" s="613"/>
      <c r="QLL651" s="613"/>
      <c r="QLM651" s="613"/>
      <c r="QLN651" s="613"/>
      <c r="QLO651" s="613"/>
      <c r="QLP651" s="613"/>
      <c r="QLQ651" s="613"/>
      <c r="QLR651" s="613"/>
      <c r="QLS651" s="613"/>
      <c r="QLT651" s="613"/>
      <c r="QLU651" s="613"/>
      <c r="QLV651" s="613"/>
      <c r="QLW651" s="613"/>
      <c r="QLX651" s="613"/>
      <c r="QLY651" s="613"/>
      <c r="QLZ651" s="613"/>
      <c r="QMA651" s="613"/>
      <c r="QMB651" s="613"/>
      <c r="QMC651" s="613"/>
      <c r="QMD651" s="613"/>
      <c r="QME651" s="613"/>
      <c r="QMF651" s="613"/>
      <c r="QMG651" s="613"/>
      <c r="QMH651" s="613"/>
      <c r="QMI651" s="613"/>
      <c r="QMJ651" s="613"/>
      <c r="QMK651" s="613"/>
      <c r="QML651" s="613"/>
      <c r="QMM651" s="613"/>
      <c r="QMN651" s="613"/>
      <c r="QMO651" s="613"/>
      <c r="QMP651" s="613"/>
      <c r="QMQ651" s="613"/>
      <c r="QMR651" s="613"/>
      <c r="QMS651" s="613"/>
      <c r="QMT651" s="613"/>
      <c r="QMU651" s="613"/>
      <c r="QMV651" s="613"/>
      <c r="QMW651" s="613"/>
      <c r="QMX651" s="613"/>
      <c r="QMY651" s="613"/>
      <c r="QMZ651" s="613"/>
      <c r="QNA651" s="613"/>
      <c r="QNB651" s="613"/>
      <c r="QNC651" s="613"/>
      <c r="QND651" s="613"/>
      <c r="QNE651" s="613"/>
      <c r="QNF651" s="613"/>
      <c r="QNG651" s="613"/>
      <c r="QNH651" s="613"/>
      <c r="QNI651" s="613"/>
      <c r="QNJ651" s="613"/>
      <c r="QNK651" s="613"/>
      <c r="QNL651" s="613"/>
      <c r="QNM651" s="613"/>
      <c r="QNN651" s="613"/>
      <c r="QNO651" s="613"/>
      <c r="QNP651" s="613"/>
      <c r="QNQ651" s="613"/>
      <c r="QNR651" s="613"/>
      <c r="QNS651" s="613"/>
      <c r="QNT651" s="613"/>
      <c r="QNU651" s="613"/>
      <c r="QNV651" s="613"/>
      <c r="QNW651" s="613"/>
      <c r="QNX651" s="613"/>
      <c r="QNY651" s="613"/>
      <c r="QNZ651" s="613"/>
      <c r="QOA651" s="613"/>
      <c r="QOB651" s="613"/>
      <c r="QOC651" s="613"/>
      <c r="QOD651" s="613"/>
      <c r="QOE651" s="613"/>
      <c r="QOF651" s="613"/>
      <c r="QOG651" s="613"/>
      <c r="QOH651" s="613"/>
      <c r="QOI651" s="613"/>
      <c r="QOJ651" s="613"/>
      <c r="QOK651" s="613"/>
      <c r="QOL651" s="613"/>
      <c r="QOM651" s="613"/>
      <c r="QON651" s="613"/>
      <c r="QOO651" s="613"/>
      <c r="QOP651" s="613"/>
      <c r="QOQ651" s="613"/>
      <c r="QOR651" s="613"/>
      <c r="QOS651" s="613"/>
      <c r="QOT651" s="613"/>
      <c r="QOU651" s="613"/>
      <c r="QOV651" s="613"/>
      <c r="QOW651" s="613"/>
      <c r="QOX651" s="613"/>
      <c r="QOY651" s="613"/>
      <c r="QOZ651" s="613"/>
      <c r="QPA651" s="613"/>
      <c r="QPB651" s="613"/>
      <c r="QPC651" s="613"/>
      <c r="QPD651" s="613"/>
      <c r="QPE651" s="613"/>
      <c r="QPF651" s="613"/>
      <c r="QPG651" s="613"/>
      <c r="QPH651" s="613"/>
      <c r="QPI651" s="613"/>
      <c r="QPJ651" s="613"/>
      <c r="QPK651" s="613"/>
      <c r="QPL651" s="613"/>
      <c r="QPM651" s="613"/>
      <c r="QPN651" s="613"/>
      <c r="QPO651" s="613"/>
      <c r="QPP651" s="613"/>
      <c r="QPQ651" s="613"/>
      <c r="QPR651" s="613"/>
      <c r="QPS651" s="613"/>
      <c r="QPT651" s="613"/>
      <c r="QPU651" s="613"/>
      <c r="QPV651" s="613"/>
      <c r="QPW651" s="613"/>
      <c r="QPX651" s="613"/>
      <c r="QPY651" s="613"/>
      <c r="QPZ651" s="613"/>
      <c r="QQA651" s="613"/>
      <c r="QQB651" s="613"/>
      <c r="QQC651" s="613"/>
      <c r="QQD651" s="613"/>
      <c r="QQE651" s="613"/>
      <c r="QQF651" s="613"/>
      <c r="QQG651" s="613"/>
      <c r="QQH651" s="613"/>
      <c r="QQI651" s="613"/>
      <c r="QQJ651" s="613"/>
      <c r="QQK651" s="613"/>
      <c r="QQL651" s="613"/>
      <c r="QQM651" s="613"/>
      <c r="QQN651" s="613"/>
      <c r="QQO651" s="613"/>
      <c r="QQP651" s="613"/>
      <c r="QQQ651" s="613"/>
      <c r="QQR651" s="613"/>
      <c r="QQS651" s="613"/>
      <c r="QQT651" s="613"/>
      <c r="QQU651" s="613"/>
      <c r="QQV651" s="613"/>
      <c r="QQW651" s="613"/>
      <c r="QQX651" s="613"/>
      <c r="QQY651" s="613"/>
      <c r="QQZ651" s="613"/>
      <c r="QRA651" s="613"/>
      <c r="QRB651" s="613"/>
      <c r="QRC651" s="613"/>
      <c r="QRD651" s="613"/>
      <c r="QRE651" s="613"/>
      <c r="QRF651" s="613"/>
      <c r="QRG651" s="613"/>
      <c r="QRH651" s="613"/>
      <c r="QRI651" s="613"/>
      <c r="QRJ651" s="613"/>
      <c r="QRK651" s="613"/>
      <c r="QRL651" s="613"/>
      <c r="QRM651" s="613"/>
      <c r="QRN651" s="613"/>
      <c r="QRO651" s="613"/>
      <c r="QRP651" s="613"/>
      <c r="QRQ651" s="613"/>
      <c r="QRR651" s="613"/>
      <c r="QRS651" s="613"/>
      <c r="QRT651" s="613"/>
      <c r="QRU651" s="613"/>
      <c r="QRV651" s="613"/>
      <c r="QRW651" s="613"/>
      <c r="QRX651" s="613"/>
      <c r="QRY651" s="613"/>
      <c r="QRZ651" s="613"/>
      <c r="QSA651" s="613"/>
      <c r="QSB651" s="613"/>
      <c r="QSC651" s="613"/>
      <c r="QSD651" s="613"/>
      <c r="QSE651" s="613"/>
      <c r="QSF651" s="613"/>
      <c r="QSG651" s="613"/>
      <c r="QSH651" s="613"/>
      <c r="QSI651" s="613"/>
      <c r="QSJ651" s="613"/>
      <c r="QSK651" s="613"/>
      <c r="QSL651" s="613"/>
      <c r="QSM651" s="613"/>
      <c r="QSN651" s="613"/>
      <c r="QSO651" s="613"/>
      <c r="QSP651" s="613"/>
      <c r="QSQ651" s="613"/>
      <c r="QSR651" s="613"/>
      <c r="QSS651" s="613"/>
      <c r="QST651" s="613"/>
      <c r="QSU651" s="613"/>
      <c r="QSV651" s="613"/>
      <c r="QSW651" s="613"/>
      <c r="QSX651" s="613"/>
      <c r="QSY651" s="613"/>
      <c r="QSZ651" s="613"/>
      <c r="QTA651" s="613"/>
      <c r="QTB651" s="613"/>
      <c r="QTC651" s="613"/>
      <c r="QTD651" s="613"/>
      <c r="QTE651" s="613"/>
      <c r="QTF651" s="613"/>
      <c r="QTG651" s="613"/>
      <c r="QTH651" s="613"/>
      <c r="QTI651" s="613"/>
      <c r="QTJ651" s="613"/>
      <c r="QTK651" s="613"/>
      <c r="QTL651" s="613"/>
      <c r="QTM651" s="613"/>
      <c r="QTN651" s="613"/>
      <c r="QTO651" s="613"/>
      <c r="QTP651" s="613"/>
      <c r="QTQ651" s="613"/>
      <c r="QTR651" s="613"/>
      <c r="QTS651" s="613"/>
      <c r="QTT651" s="613"/>
      <c r="QTU651" s="613"/>
      <c r="QTV651" s="613"/>
      <c r="QTW651" s="613"/>
      <c r="QTX651" s="613"/>
      <c r="QTY651" s="613"/>
      <c r="QTZ651" s="613"/>
      <c r="QUA651" s="613"/>
      <c r="QUB651" s="613"/>
      <c r="QUC651" s="613"/>
      <c r="QUD651" s="613"/>
      <c r="QUE651" s="613"/>
      <c r="QUF651" s="613"/>
      <c r="QUG651" s="613"/>
      <c r="QUH651" s="613"/>
      <c r="QUI651" s="613"/>
      <c r="QUJ651" s="613"/>
      <c r="QUK651" s="613"/>
      <c r="QUL651" s="613"/>
      <c r="QUM651" s="613"/>
      <c r="QUN651" s="613"/>
      <c r="QUO651" s="613"/>
      <c r="QUP651" s="613"/>
      <c r="QUQ651" s="613"/>
      <c r="QUR651" s="613"/>
      <c r="QUS651" s="613"/>
      <c r="QUT651" s="613"/>
      <c r="QUU651" s="613"/>
      <c r="QUV651" s="613"/>
      <c r="QUW651" s="613"/>
      <c r="QUX651" s="613"/>
      <c r="QUY651" s="613"/>
      <c r="QUZ651" s="613"/>
      <c r="QVA651" s="613"/>
      <c r="QVB651" s="613"/>
      <c r="QVC651" s="613"/>
      <c r="QVD651" s="613"/>
      <c r="QVE651" s="613"/>
      <c r="QVF651" s="613"/>
      <c r="QVG651" s="613"/>
      <c r="QVH651" s="613"/>
      <c r="QVI651" s="613"/>
      <c r="QVJ651" s="613"/>
      <c r="QVK651" s="613"/>
      <c r="QVL651" s="613"/>
      <c r="QVM651" s="613"/>
      <c r="QVN651" s="613"/>
      <c r="QVO651" s="613"/>
      <c r="QVP651" s="613"/>
      <c r="QVQ651" s="613"/>
      <c r="QVR651" s="613"/>
      <c r="QVS651" s="613"/>
      <c r="QVT651" s="613"/>
      <c r="QVU651" s="613"/>
      <c r="QVV651" s="613"/>
      <c r="QVW651" s="613"/>
      <c r="QVX651" s="613"/>
      <c r="QVY651" s="613"/>
      <c r="QVZ651" s="613"/>
      <c r="QWA651" s="613"/>
      <c r="QWB651" s="613"/>
      <c r="QWC651" s="613"/>
      <c r="QWD651" s="613"/>
      <c r="QWE651" s="613"/>
      <c r="QWF651" s="613"/>
      <c r="QWG651" s="613"/>
      <c r="QWH651" s="613"/>
      <c r="QWI651" s="613"/>
      <c r="QWJ651" s="613"/>
      <c r="QWK651" s="613"/>
      <c r="QWL651" s="613"/>
      <c r="QWM651" s="613"/>
      <c r="QWN651" s="613"/>
      <c r="QWO651" s="613"/>
      <c r="QWP651" s="613"/>
      <c r="QWQ651" s="613"/>
      <c r="QWR651" s="613"/>
      <c r="QWS651" s="613"/>
      <c r="QWT651" s="613"/>
      <c r="QWU651" s="613"/>
      <c r="QWV651" s="613"/>
      <c r="QWW651" s="613"/>
      <c r="QWX651" s="613"/>
      <c r="QWY651" s="613"/>
      <c r="QWZ651" s="613"/>
      <c r="QXA651" s="613"/>
      <c r="QXB651" s="613"/>
      <c r="QXC651" s="613"/>
      <c r="QXD651" s="613"/>
      <c r="QXE651" s="613"/>
      <c r="QXF651" s="613"/>
      <c r="QXG651" s="613"/>
      <c r="QXH651" s="613"/>
      <c r="QXI651" s="613"/>
      <c r="QXJ651" s="613"/>
      <c r="QXK651" s="613"/>
      <c r="QXL651" s="613"/>
      <c r="QXM651" s="613"/>
      <c r="QXN651" s="613"/>
      <c r="QXO651" s="613"/>
      <c r="QXP651" s="613"/>
      <c r="QXQ651" s="613"/>
      <c r="QXR651" s="613"/>
      <c r="QXS651" s="613"/>
      <c r="QXT651" s="613"/>
      <c r="QXU651" s="613"/>
      <c r="QXV651" s="613"/>
      <c r="QXW651" s="613"/>
      <c r="QXX651" s="613"/>
      <c r="QXY651" s="613"/>
      <c r="QXZ651" s="613"/>
      <c r="QYA651" s="613"/>
      <c r="QYB651" s="613"/>
      <c r="QYC651" s="613"/>
      <c r="QYD651" s="613"/>
      <c r="QYE651" s="613"/>
      <c r="QYF651" s="613"/>
      <c r="QYG651" s="613"/>
      <c r="QYH651" s="613"/>
      <c r="QYI651" s="613"/>
      <c r="QYJ651" s="613"/>
      <c r="QYK651" s="613"/>
      <c r="QYL651" s="613"/>
      <c r="QYM651" s="613"/>
      <c r="QYN651" s="613"/>
      <c r="QYO651" s="613"/>
      <c r="QYP651" s="613"/>
      <c r="QYQ651" s="613"/>
      <c r="QYR651" s="613"/>
      <c r="QYS651" s="613"/>
      <c r="QYT651" s="613"/>
      <c r="QYU651" s="613"/>
      <c r="QYV651" s="613"/>
      <c r="QYW651" s="613"/>
      <c r="QYX651" s="613"/>
      <c r="QYY651" s="613"/>
      <c r="QYZ651" s="613"/>
      <c r="QZA651" s="613"/>
      <c r="QZB651" s="613"/>
      <c r="QZC651" s="613"/>
      <c r="QZD651" s="613"/>
      <c r="QZE651" s="613"/>
      <c r="QZF651" s="613"/>
      <c r="QZG651" s="613"/>
      <c r="QZH651" s="613"/>
      <c r="QZI651" s="613"/>
      <c r="QZJ651" s="613"/>
      <c r="QZK651" s="613"/>
      <c r="QZL651" s="613"/>
      <c r="QZM651" s="613"/>
      <c r="QZN651" s="613"/>
      <c r="QZO651" s="613"/>
      <c r="QZP651" s="613"/>
      <c r="QZQ651" s="613"/>
      <c r="QZR651" s="613"/>
      <c r="QZS651" s="613"/>
      <c r="QZT651" s="613"/>
      <c r="QZU651" s="613"/>
      <c r="QZV651" s="613"/>
      <c r="QZW651" s="613"/>
      <c r="QZX651" s="613"/>
      <c r="QZY651" s="613"/>
      <c r="QZZ651" s="613"/>
      <c r="RAA651" s="613"/>
      <c r="RAB651" s="613"/>
      <c r="RAC651" s="613"/>
      <c r="RAD651" s="613"/>
      <c r="RAE651" s="613"/>
      <c r="RAF651" s="613"/>
      <c r="RAG651" s="613"/>
      <c r="RAH651" s="613"/>
      <c r="RAI651" s="613"/>
      <c r="RAJ651" s="613"/>
      <c r="RAK651" s="613"/>
      <c r="RAL651" s="613"/>
      <c r="RAM651" s="613"/>
      <c r="RAN651" s="613"/>
      <c r="RAO651" s="613"/>
      <c r="RAP651" s="613"/>
      <c r="RAQ651" s="613"/>
      <c r="RAR651" s="613"/>
      <c r="RAS651" s="613"/>
      <c r="RAT651" s="613"/>
      <c r="RAU651" s="613"/>
      <c r="RAV651" s="613"/>
      <c r="RAW651" s="613"/>
      <c r="RAX651" s="613"/>
      <c r="RAY651" s="613"/>
      <c r="RAZ651" s="613"/>
      <c r="RBA651" s="613"/>
      <c r="RBB651" s="613"/>
      <c r="RBC651" s="613"/>
      <c r="RBD651" s="613"/>
      <c r="RBE651" s="613"/>
      <c r="RBF651" s="613"/>
      <c r="RBG651" s="613"/>
      <c r="RBH651" s="613"/>
      <c r="RBI651" s="613"/>
      <c r="RBJ651" s="613"/>
      <c r="RBK651" s="613"/>
      <c r="RBL651" s="613"/>
      <c r="RBM651" s="613"/>
      <c r="RBN651" s="613"/>
      <c r="RBO651" s="613"/>
      <c r="RBP651" s="613"/>
      <c r="RBQ651" s="613"/>
      <c r="RBR651" s="613"/>
      <c r="RBS651" s="613"/>
      <c r="RBT651" s="613"/>
      <c r="RBU651" s="613"/>
      <c r="RBV651" s="613"/>
      <c r="RBW651" s="613"/>
      <c r="RBX651" s="613"/>
      <c r="RBY651" s="613"/>
      <c r="RBZ651" s="613"/>
      <c r="RCA651" s="613"/>
      <c r="RCB651" s="613"/>
      <c r="RCC651" s="613"/>
      <c r="RCD651" s="613"/>
      <c r="RCE651" s="613"/>
      <c r="RCF651" s="613"/>
      <c r="RCG651" s="613"/>
      <c r="RCH651" s="613"/>
      <c r="RCI651" s="613"/>
      <c r="RCJ651" s="613"/>
      <c r="RCK651" s="613"/>
      <c r="RCL651" s="613"/>
      <c r="RCM651" s="613"/>
      <c r="RCN651" s="613"/>
      <c r="RCO651" s="613"/>
      <c r="RCP651" s="613"/>
      <c r="RCQ651" s="613"/>
      <c r="RCR651" s="613"/>
      <c r="RCS651" s="613"/>
      <c r="RCT651" s="613"/>
      <c r="RCU651" s="613"/>
      <c r="RCV651" s="613"/>
      <c r="RCW651" s="613"/>
      <c r="RCX651" s="613"/>
      <c r="RCY651" s="613"/>
      <c r="RCZ651" s="613"/>
      <c r="RDA651" s="613"/>
      <c r="RDB651" s="613"/>
      <c r="RDC651" s="613"/>
      <c r="RDD651" s="613"/>
      <c r="RDE651" s="613"/>
      <c r="RDF651" s="613"/>
      <c r="RDG651" s="613"/>
      <c r="RDH651" s="613"/>
      <c r="RDI651" s="613"/>
      <c r="RDJ651" s="613"/>
      <c r="RDK651" s="613"/>
      <c r="RDL651" s="613"/>
      <c r="RDM651" s="613"/>
      <c r="RDN651" s="613"/>
      <c r="RDO651" s="613"/>
      <c r="RDP651" s="613"/>
      <c r="RDQ651" s="613"/>
      <c r="RDR651" s="613"/>
      <c r="RDS651" s="613"/>
      <c r="RDT651" s="613"/>
      <c r="RDU651" s="613"/>
      <c r="RDV651" s="613"/>
      <c r="RDW651" s="613"/>
      <c r="RDX651" s="613"/>
      <c r="RDY651" s="613"/>
      <c r="RDZ651" s="613"/>
      <c r="REA651" s="613"/>
      <c r="REB651" s="613"/>
      <c r="REC651" s="613"/>
      <c r="RED651" s="613"/>
      <c r="REE651" s="613"/>
      <c r="REF651" s="613"/>
      <c r="REG651" s="613"/>
      <c r="REH651" s="613"/>
      <c r="REI651" s="613"/>
      <c r="REJ651" s="613"/>
      <c r="REK651" s="613"/>
      <c r="REL651" s="613"/>
      <c r="REM651" s="613"/>
      <c r="REN651" s="613"/>
      <c r="REO651" s="613"/>
      <c r="REP651" s="613"/>
      <c r="REQ651" s="613"/>
      <c r="RER651" s="613"/>
      <c r="RES651" s="613"/>
      <c r="RET651" s="613"/>
      <c r="REU651" s="613"/>
      <c r="REV651" s="613"/>
      <c r="REW651" s="613"/>
      <c r="REX651" s="613"/>
      <c r="REY651" s="613"/>
      <c r="REZ651" s="613"/>
      <c r="RFA651" s="613"/>
      <c r="RFB651" s="613"/>
      <c r="RFC651" s="613"/>
      <c r="RFD651" s="613"/>
      <c r="RFE651" s="613"/>
      <c r="RFF651" s="613"/>
      <c r="RFG651" s="613"/>
      <c r="RFH651" s="613"/>
      <c r="RFI651" s="613"/>
      <c r="RFJ651" s="613"/>
      <c r="RFK651" s="613"/>
      <c r="RFL651" s="613"/>
      <c r="RFM651" s="613"/>
      <c r="RFN651" s="613"/>
      <c r="RFO651" s="613"/>
      <c r="RFP651" s="613"/>
      <c r="RFQ651" s="613"/>
      <c r="RFR651" s="613"/>
      <c r="RFS651" s="613"/>
      <c r="RFT651" s="613"/>
      <c r="RFU651" s="613"/>
      <c r="RFV651" s="613"/>
      <c r="RFW651" s="613"/>
      <c r="RFX651" s="613"/>
      <c r="RFY651" s="613"/>
      <c r="RFZ651" s="613"/>
      <c r="RGA651" s="613"/>
      <c r="RGB651" s="613"/>
      <c r="RGC651" s="613"/>
      <c r="RGD651" s="613"/>
      <c r="RGE651" s="613"/>
      <c r="RGF651" s="613"/>
      <c r="RGG651" s="613"/>
      <c r="RGH651" s="613"/>
      <c r="RGI651" s="613"/>
      <c r="RGJ651" s="613"/>
      <c r="RGK651" s="613"/>
      <c r="RGL651" s="613"/>
      <c r="RGM651" s="613"/>
      <c r="RGN651" s="613"/>
      <c r="RGO651" s="613"/>
      <c r="RGP651" s="613"/>
      <c r="RGQ651" s="613"/>
      <c r="RGR651" s="613"/>
      <c r="RGS651" s="613"/>
      <c r="RGT651" s="613"/>
      <c r="RGU651" s="613"/>
      <c r="RGV651" s="613"/>
      <c r="RGW651" s="613"/>
      <c r="RGX651" s="613"/>
      <c r="RGY651" s="613"/>
      <c r="RGZ651" s="613"/>
      <c r="RHA651" s="613"/>
      <c r="RHB651" s="613"/>
      <c r="RHC651" s="613"/>
      <c r="RHD651" s="613"/>
      <c r="RHE651" s="613"/>
      <c r="RHF651" s="613"/>
      <c r="RHG651" s="613"/>
      <c r="RHH651" s="613"/>
      <c r="RHI651" s="613"/>
      <c r="RHJ651" s="613"/>
      <c r="RHK651" s="613"/>
      <c r="RHL651" s="613"/>
      <c r="RHM651" s="613"/>
      <c r="RHN651" s="613"/>
      <c r="RHO651" s="613"/>
      <c r="RHP651" s="613"/>
      <c r="RHQ651" s="613"/>
      <c r="RHR651" s="613"/>
      <c r="RHS651" s="613"/>
      <c r="RHT651" s="613"/>
      <c r="RHU651" s="613"/>
      <c r="RHV651" s="613"/>
      <c r="RHW651" s="613"/>
      <c r="RHX651" s="613"/>
      <c r="RHY651" s="613"/>
      <c r="RHZ651" s="613"/>
      <c r="RIA651" s="613"/>
      <c r="RIB651" s="613"/>
      <c r="RIC651" s="613"/>
      <c r="RID651" s="613"/>
      <c r="RIE651" s="613"/>
      <c r="RIF651" s="613"/>
      <c r="RIG651" s="613"/>
      <c r="RIH651" s="613"/>
      <c r="RII651" s="613"/>
      <c r="RIJ651" s="613"/>
      <c r="RIK651" s="613"/>
      <c r="RIL651" s="613"/>
      <c r="RIM651" s="613"/>
      <c r="RIN651" s="613"/>
      <c r="RIO651" s="613"/>
      <c r="RIP651" s="613"/>
      <c r="RIQ651" s="613"/>
      <c r="RIR651" s="613"/>
      <c r="RIS651" s="613"/>
      <c r="RIT651" s="613"/>
      <c r="RIU651" s="613"/>
      <c r="RIV651" s="613"/>
      <c r="RIW651" s="613"/>
      <c r="RIX651" s="613"/>
      <c r="RIY651" s="613"/>
      <c r="RIZ651" s="613"/>
      <c r="RJA651" s="613"/>
      <c r="RJB651" s="613"/>
      <c r="RJC651" s="613"/>
      <c r="RJD651" s="613"/>
      <c r="RJE651" s="613"/>
      <c r="RJF651" s="613"/>
      <c r="RJG651" s="613"/>
      <c r="RJH651" s="613"/>
      <c r="RJI651" s="613"/>
      <c r="RJJ651" s="613"/>
      <c r="RJK651" s="613"/>
      <c r="RJL651" s="613"/>
      <c r="RJM651" s="613"/>
      <c r="RJN651" s="613"/>
      <c r="RJO651" s="613"/>
      <c r="RJP651" s="613"/>
      <c r="RJQ651" s="613"/>
      <c r="RJR651" s="613"/>
      <c r="RJS651" s="613"/>
      <c r="RJT651" s="613"/>
      <c r="RJU651" s="613"/>
      <c r="RJV651" s="613"/>
      <c r="RJW651" s="613"/>
      <c r="RJX651" s="613"/>
      <c r="RJY651" s="613"/>
      <c r="RJZ651" s="613"/>
      <c r="RKA651" s="613"/>
      <c r="RKB651" s="613"/>
      <c r="RKC651" s="613"/>
      <c r="RKD651" s="613"/>
      <c r="RKE651" s="613"/>
      <c r="RKF651" s="613"/>
      <c r="RKG651" s="613"/>
      <c r="RKH651" s="613"/>
      <c r="RKI651" s="613"/>
      <c r="RKJ651" s="613"/>
      <c r="RKK651" s="613"/>
      <c r="RKL651" s="613"/>
      <c r="RKM651" s="613"/>
      <c r="RKN651" s="613"/>
      <c r="RKO651" s="613"/>
      <c r="RKP651" s="613"/>
      <c r="RKQ651" s="613"/>
      <c r="RKR651" s="613"/>
      <c r="RKS651" s="613"/>
      <c r="RKT651" s="613"/>
      <c r="RKU651" s="613"/>
      <c r="RKV651" s="613"/>
      <c r="RKW651" s="613"/>
      <c r="RKX651" s="613"/>
      <c r="RKY651" s="613"/>
      <c r="RKZ651" s="613"/>
      <c r="RLA651" s="613"/>
      <c r="RLB651" s="613"/>
      <c r="RLC651" s="613"/>
      <c r="RLD651" s="613"/>
      <c r="RLE651" s="613"/>
      <c r="RLF651" s="613"/>
      <c r="RLG651" s="613"/>
      <c r="RLH651" s="613"/>
      <c r="RLI651" s="613"/>
      <c r="RLJ651" s="613"/>
      <c r="RLK651" s="613"/>
      <c r="RLL651" s="613"/>
      <c r="RLM651" s="613"/>
      <c r="RLN651" s="613"/>
      <c r="RLO651" s="613"/>
      <c r="RLP651" s="613"/>
      <c r="RLQ651" s="613"/>
      <c r="RLR651" s="613"/>
      <c r="RLS651" s="613"/>
      <c r="RLT651" s="613"/>
      <c r="RLU651" s="613"/>
      <c r="RLV651" s="613"/>
      <c r="RLW651" s="613"/>
      <c r="RLX651" s="613"/>
      <c r="RLY651" s="613"/>
      <c r="RLZ651" s="613"/>
      <c r="RMA651" s="613"/>
      <c r="RMB651" s="613"/>
      <c r="RMC651" s="613"/>
      <c r="RMD651" s="613"/>
      <c r="RME651" s="613"/>
      <c r="RMF651" s="613"/>
      <c r="RMG651" s="613"/>
      <c r="RMH651" s="613"/>
      <c r="RMI651" s="613"/>
      <c r="RMJ651" s="613"/>
      <c r="RMK651" s="613"/>
      <c r="RML651" s="613"/>
      <c r="RMM651" s="613"/>
      <c r="RMN651" s="613"/>
      <c r="RMO651" s="613"/>
      <c r="RMP651" s="613"/>
      <c r="RMQ651" s="613"/>
      <c r="RMR651" s="613"/>
      <c r="RMS651" s="613"/>
      <c r="RMT651" s="613"/>
      <c r="RMU651" s="613"/>
      <c r="RMV651" s="613"/>
      <c r="RMW651" s="613"/>
      <c r="RMX651" s="613"/>
      <c r="RMY651" s="613"/>
      <c r="RMZ651" s="613"/>
      <c r="RNA651" s="613"/>
      <c r="RNB651" s="613"/>
      <c r="RNC651" s="613"/>
      <c r="RND651" s="613"/>
      <c r="RNE651" s="613"/>
      <c r="RNF651" s="613"/>
      <c r="RNG651" s="613"/>
      <c r="RNH651" s="613"/>
      <c r="RNI651" s="613"/>
      <c r="RNJ651" s="613"/>
      <c r="RNK651" s="613"/>
      <c r="RNL651" s="613"/>
      <c r="RNM651" s="613"/>
      <c r="RNN651" s="613"/>
      <c r="RNO651" s="613"/>
      <c r="RNP651" s="613"/>
      <c r="RNQ651" s="613"/>
      <c r="RNR651" s="613"/>
      <c r="RNS651" s="613"/>
      <c r="RNT651" s="613"/>
      <c r="RNU651" s="613"/>
      <c r="RNV651" s="613"/>
      <c r="RNW651" s="613"/>
      <c r="RNX651" s="613"/>
      <c r="RNY651" s="613"/>
      <c r="RNZ651" s="613"/>
      <c r="ROA651" s="613"/>
      <c r="ROB651" s="613"/>
      <c r="ROC651" s="613"/>
      <c r="ROD651" s="613"/>
      <c r="ROE651" s="613"/>
      <c r="ROF651" s="613"/>
      <c r="ROG651" s="613"/>
      <c r="ROH651" s="613"/>
      <c r="ROI651" s="613"/>
      <c r="ROJ651" s="613"/>
      <c r="ROK651" s="613"/>
      <c r="ROL651" s="613"/>
      <c r="ROM651" s="613"/>
      <c r="RON651" s="613"/>
      <c r="ROO651" s="613"/>
      <c r="ROP651" s="613"/>
      <c r="ROQ651" s="613"/>
      <c r="ROR651" s="613"/>
      <c r="ROS651" s="613"/>
      <c r="ROT651" s="613"/>
      <c r="ROU651" s="613"/>
      <c r="ROV651" s="613"/>
      <c r="ROW651" s="613"/>
      <c r="ROX651" s="613"/>
      <c r="ROY651" s="613"/>
      <c r="ROZ651" s="613"/>
      <c r="RPA651" s="613"/>
      <c r="RPB651" s="613"/>
      <c r="RPC651" s="613"/>
      <c r="RPD651" s="613"/>
      <c r="RPE651" s="613"/>
      <c r="RPF651" s="613"/>
      <c r="RPG651" s="613"/>
      <c r="RPH651" s="613"/>
      <c r="RPI651" s="613"/>
      <c r="RPJ651" s="613"/>
      <c r="RPK651" s="613"/>
      <c r="RPL651" s="613"/>
      <c r="RPM651" s="613"/>
      <c r="RPN651" s="613"/>
      <c r="RPO651" s="613"/>
      <c r="RPP651" s="613"/>
      <c r="RPQ651" s="613"/>
      <c r="RPR651" s="613"/>
      <c r="RPS651" s="613"/>
      <c r="RPT651" s="613"/>
      <c r="RPU651" s="613"/>
      <c r="RPV651" s="613"/>
      <c r="RPW651" s="613"/>
      <c r="RPX651" s="613"/>
      <c r="RPY651" s="613"/>
      <c r="RPZ651" s="613"/>
      <c r="RQA651" s="613"/>
      <c r="RQB651" s="613"/>
      <c r="RQC651" s="613"/>
      <c r="RQD651" s="613"/>
      <c r="RQE651" s="613"/>
      <c r="RQF651" s="613"/>
      <c r="RQG651" s="613"/>
      <c r="RQH651" s="613"/>
      <c r="RQI651" s="613"/>
      <c r="RQJ651" s="613"/>
      <c r="RQK651" s="613"/>
      <c r="RQL651" s="613"/>
      <c r="RQM651" s="613"/>
      <c r="RQN651" s="613"/>
      <c r="RQO651" s="613"/>
      <c r="RQP651" s="613"/>
      <c r="RQQ651" s="613"/>
      <c r="RQR651" s="613"/>
      <c r="RQS651" s="613"/>
      <c r="RQT651" s="613"/>
      <c r="RQU651" s="613"/>
      <c r="RQV651" s="613"/>
      <c r="RQW651" s="613"/>
      <c r="RQX651" s="613"/>
      <c r="RQY651" s="613"/>
      <c r="RQZ651" s="613"/>
      <c r="RRA651" s="613"/>
      <c r="RRB651" s="613"/>
      <c r="RRC651" s="613"/>
      <c r="RRD651" s="613"/>
      <c r="RRE651" s="613"/>
      <c r="RRF651" s="613"/>
      <c r="RRG651" s="613"/>
      <c r="RRH651" s="613"/>
      <c r="RRI651" s="613"/>
      <c r="RRJ651" s="613"/>
      <c r="RRK651" s="613"/>
      <c r="RRL651" s="613"/>
      <c r="RRM651" s="613"/>
      <c r="RRN651" s="613"/>
      <c r="RRO651" s="613"/>
      <c r="RRP651" s="613"/>
      <c r="RRQ651" s="613"/>
      <c r="RRR651" s="613"/>
      <c r="RRS651" s="613"/>
      <c r="RRT651" s="613"/>
      <c r="RRU651" s="613"/>
      <c r="RRV651" s="613"/>
      <c r="RRW651" s="613"/>
      <c r="RRX651" s="613"/>
      <c r="RRY651" s="613"/>
      <c r="RRZ651" s="613"/>
      <c r="RSA651" s="613"/>
      <c r="RSB651" s="613"/>
      <c r="RSC651" s="613"/>
      <c r="RSD651" s="613"/>
      <c r="RSE651" s="613"/>
      <c r="RSF651" s="613"/>
      <c r="RSG651" s="613"/>
      <c r="RSH651" s="613"/>
      <c r="RSI651" s="613"/>
      <c r="RSJ651" s="613"/>
      <c r="RSK651" s="613"/>
      <c r="RSL651" s="613"/>
      <c r="RSM651" s="613"/>
      <c r="RSN651" s="613"/>
      <c r="RSO651" s="613"/>
      <c r="RSP651" s="613"/>
      <c r="RSQ651" s="613"/>
      <c r="RSR651" s="613"/>
      <c r="RSS651" s="613"/>
      <c r="RST651" s="613"/>
      <c r="RSU651" s="613"/>
      <c r="RSV651" s="613"/>
      <c r="RSW651" s="613"/>
      <c r="RSX651" s="613"/>
      <c r="RSY651" s="613"/>
      <c r="RSZ651" s="613"/>
      <c r="RTA651" s="613"/>
      <c r="RTB651" s="613"/>
      <c r="RTC651" s="613"/>
      <c r="RTD651" s="613"/>
      <c r="RTE651" s="613"/>
      <c r="RTF651" s="613"/>
      <c r="RTG651" s="613"/>
      <c r="RTH651" s="613"/>
      <c r="RTI651" s="613"/>
      <c r="RTJ651" s="613"/>
      <c r="RTK651" s="613"/>
      <c r="RTL651" s="613"/>
      <c r="RTM651" s="613"/>
      <c r="RTN651" s="613"/>
      <c r="RTO651" s="613"/>
      <c r="RTP651" s="613"/>
      <c r="RTQ651" s="613"/>
      <c r="RTR651" s="613"/>
      <c r="RTS651" s="613"/>
      <c r="RTT651" s="613"/>
      <c r="RTU651" s="613"/>
      <c r="RTV651" s="613"/>
      <c r="RTW651" s="613"/>
      <c r="RTX651" s="613"/>
      <c r="RTY651" s="613"/>
      <c r="RTZ651" s="613"/>
      <c r="RUA651" s="613"/>
      <c r="RUB651" s="613"/>
      <c r="RUC651" s="613"/>
      <c r="RUD651" s="613"/>
      <c r="RUE651" s="613"/>
      <c r="RUF651" s="613"/>
      <c r="RUG651" s="613"/>
      <c r="RUH651" s="613"/>
      <c r="RUI651" s="613"/>
      <c r="RUJ651" s="613"/>
      <c r="RUK651" s="613"/>
      <c r="RUL651" s="613"/>
      <c r="RUM651" s="613"/>
      <c r="RUN651" s="613"/>
      <c r="RUO651" s="613"/>
      <c r="RUP651" s="613"/>
      <c r="RUQ651" s="613"/>
      <c r="RUR651" s="613"/>
      <c r="RUS651" s="613"/>
      <c r="RUT651" s="613"/>
      <c r="RUU651" s="613"/>
      <c r="RUV651" s="613"/>
      <c r="RUW651" s="613"/>
      <c r="RUX651" s="613"/>
      <c r="RUY651" s="613"/>
      <c r="RUZ651" s="613"/>
      <c r="RVA651" s="613"/>
      <c r="RVB651" s="613"/>
      <c r="RVC651" s="613"/>
      <c r="RVD651" s="613"/>
      <c r="RVE651" s="613"/>
      <c r="RVF651" s="613"/>
      <c r="RVG651" s="613"/>
      <c r="RVH651" s="613"/>
      <c r="RVI651" s="613"/>
      <c r="RVJ651" s="613"/>
      <c r="RVK651" s="613"/>
      <c r="RVL651" s="613"/>
      <c r="RVM651" s="613"/>
      <c r="RVN651" s="613"/>
      <c r="RVO651" s="613"/>
      <c r="RVP651" s="613"/>
      <c r="RVQ651" s="613"/>
      <c r="RVR651" s="613"/>
      <c r="RVS651" s="613"/>
      <c r="RVT651" s="613"/>
      <c r="RVU651" s="613"/>
      <c r="RVV651" s="613"/>
      <c r="RVW651" s="613"/>
      <c r="RVX651" s="613"/>
      <c r="RVY651" s="613"/>
      <c r="RVZ651" s="613"/>
      <c r="RWA651" s="613"/>
      <c r="RWB651" s="613"/>
      <c r="RWC651" s="613"/>
      <c r="RWD651" s="613"/>
      <c r="RWE651" s="613"/>
      <c r="RWF651" s="613"/>
      <c r="RWG651" s="613"/>
      <c r="RWH651" s="613"/>
      <c r="RWI651" s="613"/>
      <c r="RWJ651" s="613"/>
      <c r="RWK651" s="613"/>
      <c r="RWL651" s="613"/>
      <c r="RWM651" s="613"/>
      <c r="RWN651" s="613"/>
      <c r="RWO651" s="613"/>
      <c r="RWP651" s="613"/>
      <c r="RWQ651" s="613"/>
      <c r="RWR651" s="613"/>
      <c r="RWS651" s="613"/>
      <c r="RWT651" s="613"/>
      <c r="RWU651" s="613"/>
      <c r="RWV651" s="613"/>
      <c r="RWW651" s="613"/>
      <c r="RWX651" s="613"/>
      <c r="RWY651" s="613"/>
      <c r="RWZ651" s="613"/>
      <c r="RXA651" s="613"/>
      <c r="RXB651" s="613"/>
      <c r="RXC651" s="613"/>
      <c r="RXD651" s="613"/>
      <c r="RXE651" s="613"/>
      <c r="RXF651" s="613"/>
      <c r="RXG651" s="613"/>
      <c r="RXH651" s="613"/>
      <c r="RXI651" s="613"/>
      <c r="RXJ651" s="613"/>
      <c r="RXK651" s="613"/>
      <c r="RXL651" s="613"/>
      <c r="RXM651" s="613"/>
      <c r="RXN651" s="613"/>
      <c r="RXO651" s="613"/>
      <c r="RXP651" s="613"/>
      <c r="RXQ651" s="613"/>
      <c r="RXR651" s="613"/>
      <c r="RXS651" s="613"/>
      <c r="RXT651" s="613"/>
      <c r="RXU651" s="613"/>
      <c r="RXV651" s="613"/>
      <c r="RXW651" s="613"/>
      <c r="RXX651" s="613"/>
      <c r="RXY651" s="613"/>
      <c r="RXZ651" s="613"/>
      <c r="RYA651" s="613"/>
      <c r="RYB651" s="613"/>
      <c r="RYC651" s="613"/>
      <c r="RYD651" s="613"/>
      <c r="RYE651" s="613"/>
      <c r="RYF651" s="613"/>
      <c r="RYG651" s="613"/>
      <c r="RYH651" s="613"/>
      <c r="RYI651" s="613"/>
      <c r="RYJ651" s="613"/>
      <c r="RYK651" s="613"/>
      <c r="RYL651" s="613"/>
      <c r="RYM651" s="613"/>
      <c r="RYN651" s="613"/>
      <c r="RYO651" s="613"/>
      <c r="RYP651" s="613"/>
      <c r="RYQ651" s="613"/>
      <c r="RYR651" s="613"/>
      <c r="RYS651" s="613"/>
      <c r="RYT651" s="613"/>
      <c r="RYU651" s="613"/>
      <c r="RYV651" s="613"/>
      <c r="RYW651" s="613"/>
      <c r="RYX651" s="613"/>
      <c r="RYY651" s="613"/>
      <c r="RYZ651" s="613"/>
      <c r="RZA651" s="613"/>
      <c r="RZB651" s="613"/>
      <c r="RZC651" s="613"/>
      <c r="RZD651" s="613"/>
      <c r="RZE651" s="613"/>
      <c r="RZF651" s="613"/>
      <c r="RZG651" s="613"/>
      <c r="RZH651" s="613"/>
      <c r="RZI651" s="613"/>
      <c r="RZJ651" s="613"/>
      <c r="RZK651" s="613"/>
      <c r="RZL651" s="613"/>
      <c r="RZM651" s="613"/>
      <c r="RZN651" s="613"/>
      <c r="RZO651" s="613"/>
      <c r="RZP651" s="613"/>
      <c r="RZQ651" s="613"/>
      <c r="RZR651" s="613"/>
      <c r="RZS651" s="613"/>
      <c r="RZT651" s="613"/>
      <c r="RZU651" s="613"/>
      <c r="RZV651" s="613"/>
      <c r="RZW651" s="613"/>
      <c r="RZX651" s="613"/>
      <c r="RZY651" s="613"/>
      <c r="RZZ651" s="613"/>
      <c r="SAA651" s="613"/>
      <c r="SAB651" s="613"/>
      <c r="SAC651" s="613"/>
      <c r="SAD651" s="613"/>
      <c r="SAE651" s="613"/>
      <c r="SAF651" s="613"/>
      <c r="SAG651" s="613"/>
      <c r="SAH651" s="613"/>
      <c r="SAI651" s="613"/>
      <c r="SAJ651" s="613"/>
      <c r="SAK651" s="613"/>
      <c r="SAL651" s="613"/>
      <c r="SAM651" s="613"/>
      <c r="SAN651" s="613"/>
      <c r="SAO651" s="613"/>
      <c r="SAP651" s="613"/>
      <c r="SAQ651" s="613"/>
      <c r="SAR651" s="613"/>
      <c r="SAS651" s="613"/>
      <c r="SAT651" s="613"/>
      <c r="SAU651" s="613"/>
      <c r="SAV651" s="613"/>
      <c r="SAW651" s="613"/>
      <c r="SAX651" s="613"/>
      <c r="SAY651" s="613"/>
      <c r="SAZ651" s="613"/>
      <c r="SBA651" s="613"/>
      <c r="SBB651" s="613"/>
      <c r="SBC651" s="613"/>
      <c r="SBD651" s="613"/>
      <c r="SBE651" s="613"/>
      <c r="SBF651" s="613"/>
      <c r="SBG651" s="613"/>
      <c r="SBH651" s="613"/>
      <c r="SBI651" s="613"/>
      <c r="SBJ651" s="613"/>
      <c r="SBK651" s="613"/>
      <c r="SBL651" s="613"/>
      <c r="SBM651" s="613"/>
      <c r="SBN651" s="613"/>
      <c r="SBO651" s="613"/>
      <c r="SBP651" s="613"/>
      <c r="SBQ651" s="613"/>
      <c r="SBR651" s="613"/>
      <c r="SBS651" s="613"/>
      <c r="SBT651" s="613"/>
      <c r="SBU651" s="613"/>
      <c r="SBV651" s="613"/>
      <c r="SBW651" s="613"/>
      <c r="SBX651" s="613"/>
      <c r="SBY651" s="613"/>
      <c r="SBZ651" s="613"/>
      <c r="SCA651" s="613"/>
      <c r="SCB651" s="613"/>
      <c r="SCC651" s="613"/>
      <c r="SCD651" s="613"/>
      <c r="SCE651" s="613"/>
      <c r="SCF651" s="613"/>
      <c r="SCG651" s="613"/>
      <c r="SCH651" s="613"/>
      <c r="SCI651" s="613"/>
      <c r="SCJ651" s="613"/>
      <c r="SCK651" s="613"/>
      <c r="SCL651" s="613"/>
      <c r="SCM651" s="613"/>
      <c r="SCN651" s="613"/>
      <c r="SCO651" s="613"/>
      <c r="SCP651" s="613"/>
      <c r="SCQ651" s="613"/>
      <c r="SCR651" s="613"/>
      <c r="SCS651" s="613"/>
      <c r="SCT651" s="613"/>
      <c r="SCU651" s="613"/>
      <c r="SCV651" s="613"/>
      <c r="SCW651" s="613"/>
      <c r="SCX651" s="613"/>
      <c r="SCY651" s="613"/>
      <c r="SCZ651" s="613"/>
      <c r="SDA651" s="613"/>
      <c r="SDB651" s="613"/>
      <c r="SDC651" s="613"/>
      <c r="SDD651" s="613"/>
      <c r="SDE651" s="613"/>
      <c r="SDF651" s="613"/>
      <c r="SDG651" s="613"/>
      <c r="SDH651" s="613"/>
      <c r="SDI651" s="613"/>
      <c r="SDJ651" s="613"/>
      <c r="SDK651" s="613"/>
      <c r="SDL651" s="613"/>
      <c r="SDM651" s="613"/>
      <c r="SDN651" s="613"/>
      <c r="SDO651" s="613"/>
      <c r="SDP651" s="613"/>
      <c r="SDQ651" s="613"/>
      <c r="SDR651" s="613"/>
      <c r="SDS651" s="613"/>
      <c r="SDT651" s="613"/>
      <c r="SDU651" s="613"/>
      <c r="SDV651" s="613"/>
      <c r="SDW651" s="613"/>
      <c r="SDX651" s="613"/>
      <c r="SDY651" s="613"/>
      <c r="SDZ651" s="613"/>
      <c r="SEA651" s="613"/>
      <c r="SEB651" s="613"/>
      <c r="SEC651" s="613"/>
      <c r="SED651" s="613"/>
      <c r="SEE651" s="613"/>
      <c r="SEF651" s="613"/>
      <c r="SEG651" s="613"/>
      <c r="SEH651" s="613"/>
      <c r="SEI651" s="613"/>
      <c r="SEJ651" s="613"/>
      <c r="SEK651" s="613"/>
      <c r="SEL651" s="613"/>
      <c r="SEM651" s="613"/>
      <c r="SEN651" s="613"/>
      <c r="SEO651" s="613"/>
      <c r="SEP651" s="613"/>
      <c r="SEQ651" s="613"/>
      <c r="SER651" s="613"/>
      <c r="SES651" s="613"/>
      <c r="SET651" s="613"/>
      <c r="SEU651" s="613"/>
      <c r="SEV651" s="613"/>
      <c r="SEW651" s="613"/>
      <c r="SEX651" s="613"/>
      <c r="SEY651" s="613"/>
      <c r="SEZ651" s="613"/>
      <c r="SFA651" s="613"/>
      <c r="SFB651" s="613"/>
      <c r="SFC651" s="613"/>
      <c r="SFD651" s="613"/>
      <c r="SFE651" s="613"/>
      <c r="SFF651" s="613"/>
      <c r="SFG651" s="613"/>
      <c r="SFH651" s="613"/>
      <c r="SFI651" s="613"/>
      <c r="SFJ651" s="613"/>
      <c r="SFK651" s="613"/>
      <c r="SFL651" s="613"/>
      <c r="SFM651" s="613"/>
      <c r="SFN651" s="613"/>
      <c r="SFO651" s="613"/>
      <c r="SFP651" s="613"/>
      <c r="SFQ651" s="613"/>
      <c r="SFR651" s="613"/>
      <c r="SFS651" s="613"/>
      <c r="SFT651" s="613"/>
      <c r="SFU651" s="613"/>
      <c r="SFV651" s="613"/>
      <c r="SFW651" s="613"/>
      <c r="SFX651" s="613"/>
      <c r="SFY651" s="613"/>
      <c r="SFZ651" s="613"/>
      <c r="SGA651" s="613"/>
      <c r="SGB651" s="613"/>
      <c r="SGC651" s="613"/>
      <c r="SGD651" s="613"/>
      <c r="SGE651" s="613"/>
      <c r="SGF651" s="613"/>
      <c r="SGG651" s="613"/>
      <c r="SGH651" s="613"/>
      <c r="SGI651" s="613"/>
      <c r="SGJ651" s="613"/>
      <c r="SGK651" s="613"/>
      <c r="SGL651" s="613"/>
      <c r="SGM651" s="613"/>
      <c r="SGN651" s="613"/>
      <c r="SGO651" s="613"/>
      <c r="SGP651" s="613"/>
      <c r="SGQ651" s="613"/>
      <c r="SGR651" s="613"/>
      <c r="SGS651" s="613"/>
      <c r="SGT651" s="613"/>
      <c r="SGU651" s="613"/>
      <c r="SGV651" s="613"/>
      <c r="SGW651" s="613"/>
      <c r="SGX651" s="613"/>
      <c r="SGY651" s="613"/>
      <c r="SGZ651" s="613"/>
      <c r="SHA651" s="613"/>
      <c r="SHB651" s="613"/>
      <c r="SHC651" s="613"/>
      <c r="SHD651" s="613"/>
      <c r="SHE651" s="613"/>
      <c r="SHF651" s="613"/>
      <c r="SHG651" s="613"/>
      <c r="SHH651" s="613"/>
      <c r="SHI651" s="613"/>
      <c r="SHJ651" s="613"/>
      <c r="SHK651" s="613"/>
      <c r="SHL651" s="613"/>
      <c r="SHM651" s="613"/>
      <c r="SHN651" s="613"/>
      <c r="SHO651" s="613"/>
      <c r="SHP651" s="613"/>
      <c r="SHQ651" s="613"/>
      <c r="SHR651" s="613"/>
      <c r="SHS651" s="613"/>
      <c r="SHT651" s="613"/>
      <c r="SHU651" s="613"/>
      <c r="SHV651" s="613"/>
      <c r="SHW651" s="613"/>
      <c r="SHX651" s="613"/>
      <c r="SHY651" s="613"/>
      <c r="SHZ651" s="613"/>
      <c r="SIA651" s="613"/>
      <c r="SIB651" s="613"/>
      <c r="SIC651" s="613"/>
      <c r="SID651" s="613"/>
      <c r="SIE651" s="613"/>
      <c r="SIF651" s="613"/>
      <c r="SIG651" s="613"/>
      <c r="SIH651" s="613"/>
      <c r="SII651" s="613"/>
      <c r="SIJ651" s="613"/>
      <c r="SIK651" s="613"/>
      <c r="SIL651" s="613"/>
      <c r="SIM651" s="613"/>
      <c r="SIN651" s="613"/>
      <c r="SIO651" s="613"/>
      <c r="SIP651" s="613"/>
      <c r="SIQ651" s="613"/>
      <c r="SIR651" s="613"/>
      <c r="SIS651" s="613"/>
      <c r="SIT651" s="613"/>
      <c r="SIU651" s="613"/>
      <c r="SIV651" s="613"/>
      <c r="SIW651" s="613"/>
      <c r="SIX651" s="613"/>
      <c r="SIY651" s="613"/>
      <c r="SIZ651" s="613"/>
      <c r="SJA651" s="613"/>
      <c r="SJB651" s="613"/>
      <c r="SJC651" s="613"/>
      <c r="SJD651" s="613"/>
      <c r="SJE651" s="613"/>
      <c r="SJF651" s="613"/>
      <c r="SJG651" s="613"/>
      <c r="SJH651" s="613"/>
      <c r="SJI651" s="613"/>
      <c r="SJJ651" s="613"/>
      <c r="SJK651" s="613"/>
      <c r="SJL651" s="613"/>
      <c r="SJM651" s="613"/>
      <c r="SJN651" s="613"/>
      <c r="SJO651" s="613"/>
      <c r="SJP651" s="613"/>
      <c r="SJQ651" s="613"/>
      <c r="SJR651" s="613"/>
      <c r="SJS651" s="613"/>
      <c r="SJT651" s="613"/>
      <c r="SJU651" s="613"/>
      <c r="SJV651" s="613"/>
      <c r="SJW651" s="613"/>
      <c r="SJX651" s="613"/>
      <c r="SJY651" s="613"/>
      <c r="SJZ651" s="613"/>
      <c r="SKA651" s="613"/>
      <c r="SKB651" s="613"/>
      <c r="SKC651" s="613"/>
      <c r="SKD651" s="613"/>
      <c r="SKE651" s="613"/>
      <c r="SKF651" s="613"/>
      <c r="SKG651" s="613"/>
      <c r="SKH651" s="613"/>
      <c r="SKI651" s="613"/>
      <c r="SKJ651" s="613"/>
      <c r="SKK651" s="613"/>
      <c r="SKL651" s="613"/>
      <c r="SKM651" s="613"/>
      <c r="SKN651" s="613"/>
      <c r="SKO651" s="613"/>
      <c r="SKP651" s="613"/>
      <c r="SKQ651" s="613"/>
      <c r="SKR651" s="613"/>
      <c r="SKS651" s="613"/>
      <c r="SKT651" s="613"/>
      <c r="SKU651" s="613"/>
      <c r="SKV651" s="613"/>
      <c r="SKW651" s="613"/>
      <c r="SKX651" s="613"/>
      <c r="SKY651" s="613"/>
      <c r="SKZ651" s="613"/>
      <c r="SLA651" s="613"/>
      <c r="SLB651" s="613"/>
      <c r="SLC651" s="613"/>
      <c r="SLD651" s="613"/>
      <c r="SLE651" s="613"/>
      <c r="SLF651" s="613"/>
      <c r="SLG651" s="613"/>
      <c r="SLH651" s="613"/>
      <c r="SLI651" s="613"/>
      <c r="SLJ651" s="613"/>
      <c r="SLK651" s="613"/>
      <c r="SLL651" s="613"/>
      <c r="SLM651" s="613"/>
      <c r="SLN651" s="613"/>
      <c r="SLO651" s="613"/>
      <c r="SLP651" s="613"/>
      <c r="SLQ651" s="613"/>
      <c r="SLR651" s="613"/>
      <c r="SLS651" s="613"/>
      <c r="SLT651" s="613"/>
      <c r="SLU651" s="613"/>
      <c r="SLV651" s="613"/>
      <c r="SLW651" s="613"/>
      <c r="SLX651" s="613"/>
      <c r="SLY651" s="613"/>
      <c r="SLZ651" s="613"/>
      <c r="SMA651" s="613"/>
      <c r="SMB651" s="613"/>
      <c r="SMC651" s="613"/>
      <c r="SMD651" s="613"/>
      <c r="SME651" s="613"/>
      <c r="SMF651" s="613"/>
      <c r="SMG651" s="613"/>
      <c r="SMH651" s="613"/>
      <c r="SMI651" s="613"/>
      <c r="SMJ651" s="613"/>
      <c r="SMK651" s="613"/>
      <c r="SML651" s="613"/>
      <c r="SMM651" s="613"/>
      <c r="SMN651" s="613"/>
      <c r="SMO651" s="613"/>
      <c r="SMP651" s="613"/>
      <c r="SMQ651" s="613"/>
      <c r="SMR651" s="613"/>
      <c r="SMS651" s="613"/>
      <c r="SMT651" s="613"/>
      <c r="SMU651" s="613"/>
      <c r="SMV651" s="613"/>
      <c r="SMW651" s="613"/>
      <c r="SMX651" s="613"/>
      <c r="SMY651" s="613"/>
      <c r="SMZ651" s="613"/>
      <c r="SNA651" s="613"/>
      <c r="SNB651" s="613"/>
      <c r="SNC651" s="613"/>
      <c r="SND651" s="613"/>
      <c r="SNE651" s="613"/>
      <c r="SNF651" s="613"/>
      <c r="SNG651" s="613"/>
      <c r="SNH651" s="613"/>
      <c r="SNI651" s="613"/>
      <c r="SNJ651" s="613"/>
      <c r="SNK651" s="613"/>
      <c r="SNL651" s="613"/>
      <c r="SNM651" s="613"/>
      <c r="SNN651" s="613"/>
      <c r="SNO651" s="613"/>
      <c r="SNP651" s="613"/>
      <c r="SNQ651" s="613"/>
      <c r="SNR651" s="613"/>
      <c r="SNS651" s="613"/>
      <c r="SNT651" s="613"/>
      <c r="SNU651" s="613"/>
      <c r="SNV651" s="613"/>
      <c r="SNW651" s="613"/>
      <c r="SNX651" s="613"/>
      <c r="SNY651" s="613"/>
      <c r="SNZ651" s="613"/>
      <c r="SOA651" s="613"/>
      <c r="SOB651" s="613"/>
      <c r="SOC651" s="613"/>
      <c r="SOD651" s="613"/>
      <c r="SOE651" s="613"/>
      <c r="SOF651" s="613"/>
      <c r="SOG651" s="613"/>
      <c r="SOH651" s="613"/>
      <c r="SOI651" s="613"/>
      <c r="SOJ651" s="613"/>
      <c r="SOK651" s="613"/>
      <c r="SOL651" s="613"/>
      <c r="SOM651" s="613"/>
      <c r="SON651" s="613"/>
      <c r="SOO651" s="613"/>
      <c r="SOP651" s="613"/>
      <c r="SOQ651" s="613"/>
      <c r="SOR651" s="613"/>
      <c r="SOS651" s="613"/>
      <c r="SOT651" s="613"/>
      <c r="SOU651" s="613"/>
      <c r="SOV651" s="613"/>
      <c r="SOW651" s="613"/>
      <c r="SOX651" s="613"/>
      <c r="SOY651" s="613"/>
      <c r="SOZ651" s="613"/>
      <c r="SPA651" s="613"/>
      <c r="SPB651" s="613"/>
      <c r="SPC651" s="613"/>
      <c r="SPD651" s="613"/>
      <c r="SPE651" s="613"/>
      <c r="SPF651" s="613"/>
      <c r="SPG651" s="613"/>
      <c r="SPH651" s="613"/>
      <c r="SPI651" s="613"/>
      <c r="SPJ651" s="613"/>
      <c r="SPK651" s="613"/>
      <c r="SPL651" s="613"/>
      <c r="SPM651" s="613"/>
      <c r="SPN651" s="613"/>
      <c r="SPO651" s="613"/>
      <c r="SPP651" s="613"/>
      <c r="SPQ651" s="613"/>
      <c r="SPR651" s="613"/>
      <c r="SPS651" s="613"/>
      <c r="SPT651" s="613"/>
      <c r="SPU651" s="613"/>
      <c r="SPV651" s="613"/>
      <c r="SPW651" s="613"/>
      <c r="SPX651" s="613"/>
      <c r="SPY651" s="613"/>
      <c r="SPZ651" s="613"/>
      <c r="SQA651" s="613"/>
      <c r="SQB651" s="613"/>
      <c r="SQC651" s="613"/>
      <c r="SQD651" s="613"/>
      <c r="SQE651" s="613"/>
      <c r="SQF651" s="613"/>
      <c r="SQG651" s="613"/>
      <c r="SQH651" s="613"/>
      <c r="SQI651" s="613"/>
      <c r="SQJ651" s="613"/>
      <c r="SQK651" s="613"/>
      <c r="SQL651" s="613"/>
      <c r="SQM651" s="613"/>
      <c r="SQN651" s="613"/>
      <c r="SQO651" s="613"/>
      <c r="SQP651" s="613"/>
      <c r="SQQ651" s="613"/>
      <c r="SQR651" s="613"/>
      <c r="SQS651" s="613"/>
      <c r="SQT651" s="613"/>
      <c r="SQU651" s="613"/>
      <c r="SQV651" s="613"/>
      <c r="SQW651" s="613"/>
      <c r="SQX651" s="613"/>
      <c r="SQY651" s="613"/>
      <c r="SQZ651" s="613"/>
      <c r="SRA651" s="613"/>
      <c r="SRB651" s="613"/>
      <c r="SRC651" s="613"/>
      <c r="SRD651" s="613"/>
      <c r="SRE651" s="613"/>
      <c r="SRF651" s="613"/>
      <c r="SRG651" s="613"/>
      <c r="SRH651" s="613"/>
      <c r="SRI651" s="613"/>
      <c r="SRJ651" s="613"/>
      <c r="SRK651" s="613"/>
      <c r="SRL651" s="613"/>
      <c r="SRM651" s="613"/>
      <c r="SRN651" s="613"/>
      <c r="SRO651" s="613"/>
      <c r="SRP651" s="613"/>
      <c r="SRQ651" s="613"/>
      <c r="SRR651" s="613"/>
      <c r="SRS651" s="613"/>
      <c r="SRT651" s="613"/>
      <c r="SRU651" s="613"/>
      <c r="SRV651" s="613"/>
      <c r="SRW651" s="613"/>
      <c r="SRX651" s="613"/>
      <c r="SRY651" s="613"/>
      <c r="SRZ651" s="613"/>
      <c r="SSA651" s="613"/>
      <c r="SSB651" s="613"/>
      <c r="SSC651" s="613"/>
      <c r="SSD651" s="613"/>
      <c r="SSE651" s="613"/>
      <c r="SSF651" s="613"/>
      <c r="SSG651" s="613"/>
      <c r="SSH651" s="613"/>
      <c r="SSI651" s="613"/>
      <c r="SSJ651" s="613"/>
      <c r="SSK651" s="613"/>
      <c r="SSL651" s="613"/>
      <c r="SSM651" s="613"/>
      <c r="SSN651" s="613"/>
      <c r="SSO651" s="613"/>
      <c r="SSP651" s="613"/>
      <c r="SSQ651" s="613"/>
      <c r="SSR651" s="613"/>
      <c r="SSS651" s="613"/>
      <c r="SST651" s="613"/>
      <c r="SSU651" s="613"/>
      <c r="SSV651" s="613"/>
      <c r="SSW651" s="613"/>
      <c r="SSX651" s="613"/>
      <c r="SSY651" s="613"/>
      <c r="SSZ651" s="613"/>
      <c r="STA651" s="613"/>
      <c r="STB651" s="613"/>
      <c r="STC651" s="613"/>
      <c r="STD651" s="613"/>
      <c r="STE651" s="613"/>
      <c r="STF651" s="613"/>
      <c r="STG651" s="613"/>
      <c r="STH651" s="613"/>
      <c r="STI651" s="613"/>
      <c r="STJ651" s="613"/>
      <c r="STK651" s="613"/>
      <c r="STL651" s="613"/>
      <c r="STM651" s="613"/>
      <c r="STN651" s="613"/>
      <c r="STO651" s="613"/>
      <c r="STP651" s="613"/>
      <c r="STQ651" s="613"/>
      <c r="STR651" s="613"/>
      <c r="STS651" s="613"/>
      <c r="STT651" s="613"/>
      <c r="STU651" s="613"/>
      <c r="STV651" s="613"/>
      <c r="STW651" s="613"/>
      <c r="STX651" s="613"/>
      <c r="STY651" s="613"/>
      <c r="STZ651" s="613"/>
      <c r="SUA651" s="613"/>
      <c r="SUB651" s="613"/>
      <c r="SUC651" s="613"/>
      <c r="SUD651" s="613"/>
      <c r="SUE651" s="613"/>
      <c r="SUF651" s="613"/>
      <c r="SUG651" s="613"/>
      <c r="SUH651" s="613"/>
      <c r="SUI651" s="613"/>
      <c r="SUJ651" s="613"/>
      <c r="SUK651" s="613"/>
      <c r="SUL651" s="613"/>
      <c r="SUM651" s="613"/>
      <c r="SUN651" s="613"/>
      <c r="SUO651" s="613"/>
      <c r="SUP651" s="613"/>
      <c r="SUQ651" s="613"/>
      <c r="SUR651" s="613"/>
      <c r="SUS651" s="613"/>
      <c r="SUT651" s="613"/>
      <c r="SUU651" s="613"/>
      <c r="SUV651" s="613"/>
      <c r="SUW651" s="613"/>
      <c r="SUX651" s="613"/>
      <c r="SUY651" s="613"/>
      <c r="SUZ651" s="613"/>
      <c r="SVA651" s="613"/>
      <c r="SVB651" s="613"/>
      <c r="SVC651" s="613"/>
      <c r="SVD651" s="613"/>
      <c r="SVE651" s="613"/>
      <c r="SVF651" s="613"/>
      <c r="SVG651" s="613"/>
      <c r="SVH651" s="613"/>
      <c r="SVI651" s="613"/>
      <c r="SVJ651" s="613"/>
      <c r="SVK651" s="613"/>
      <c r="SVL651" s="613"/>
      <c r="SVM651" s="613"/>
      <c r="SVN651" s="613"/>
      <c r="SVO651" s="613"/>
      <c r="SVP651" s="613"/>
      <c r="SVQ651" s="613"/>
      <c r="SVR651" s="613"/>
      <c r="SVS651" s="613"/>
      <c r="SVT651" s="613"/>
      <c r="SVU651" s="613"/>
      <c r="SVV651" s="613"/>
      <c r="SVW651" s="613"/>
      <c r="SVX651" s="613"/>
      <c r="SVY651" s="613"/>
      <c r="SVZ651" s="613"/>
      <c r="SWA651" s="613"/>
      <c r="SWB651" s="613"/>
      <c r="SWC651" s="613"/>
      <c r="SWD651" s="613"/>
      <c r="SWE651" s="613"/>
      <c r="SWF651" s="613"/>
      <c r="SWG651" s="613"/>
      <c r="SWH651" s="613"/>
      <c r="SWI651" s="613"/>
      <c r="SWJ651" s="613"/>
      <c r="SWK651" s="613"/>
      <c r="SWL651" s="613"/>
      <c r="SWM651" s="613"/>
      <c r="SWN651" s="613"/>
      <c r="SWO651" s="613"/>
      <c r="SWP651" s="613"/>
      <c r="SWQ651" s="613"/>
      <c r="SWR651" s="613"/>
      <c r="SWS651" s="613"/>
      <c r="SWT651" s="613"/>
      <c r="SWU651" s="613"/>
      <c r="SWV651" s="613"/>
      <c r="SWW651" s="613"/>
      <c r="SWX651" s="613"/>
      <c r="SWY651" s="613"/>
      <c r="SWZ651" s="613"/>
      <c r="SXA651" s="613"/>
      <c r="SXB651" s="613"/>
      <c r="SXC651" s="613"/>
      <c r="SXD651" s="613"/>
      <c r="SXE651" s="613"/>
      <c r="SXF651" s="613"/>
      <c r="SXG651" s="613"/>
      <c r="SXH651" s="613"/>
      <c r="SXI651" s="613"/>
      <c r="SXJ651" s="613"/>
      <c r="SXK651" s="613"/>
      <c r="SXL651" s="613"/>
      <c r="SXM651" s="613"/>
      <c r="SXN651" s="613"/>
      <c r="SXO651" s="613"/>
      <c r="SXP651" s="613"/>
      <c r="SXQ651" s="613"/>
      <c r="SXR651" s="613"/>
      <c r="SXS651" s="613"/>
      <c r="SXT651" s="613"/>
      <c r="SXU651" s="613"/>
      <c r="SXV651" s="613"/>
      <c r="SXW651" s="613"/>
      <c r="SXX651" s="613"/>
      <c r="SXY651" s="613"/>
      <c r="SXZ651" s="613"/>
      <c r="SYA651" s="613"/>
      <c r="SYB651" s="613"/>
      <c r="SYC651" s="613"/>
      <c r="SYD651" s="613"/>
      <c r="SYE651" s="613"/>
      <c r="SYF651" s="613"/>
      <c r="SYG651" s="613"/>
      <c r="SYH651" s="613"/>
      <c r="SYI651" s="613"/>
      <c r="SYJ651" s="613"/>
      <c r="SYK651" s="613"/>
      <c r="SYL651" s="613"/>
      <c r="SYM651" s="613"/>
      <c r="SYN651" s="613"/>
      <c r="SYO651" s="613"/>
      <c r="SYP651" s="613"/>
      <c r="SYQ651" s="613"/>
      <c r="SYR651" s="613"/>
      <c r="SYS651" s="613"/>
      <c r="SYT651" s="613"/>
      <c r="SYU651" s="613"/>
      <c r="SYV651" s="613"/>
      <c r="SYW651" s="613"/>
      <c r="SYX651" s="613"/>
      <c r="SYY651" s="613"/>
      <c r="SYZ651" s="613"/>
      <c r="SZA651" s="613"/>
      <c r="SZB651" s="613"/>
      <c r="SZC651" s="613"/>
      <c r="SZD651" s="613"/>
      <c r="SZE651" s="613"/>
      <c r="SZF651" s="613"/>
      <c r="SZG651" s="613"/>
      <c r="SZH651" s="613"/>
      <c r="SZI651" s="613"/>
      <c r="SZJ651" s="613"/>
      <c r="SZK651" s="613"/>
      <c r="SZL651" s="613"/>
      <c r="SZM651" s="613"/>
      <c r="SZN651" s="613"/>
      <c r="SZO651" s="613"/>
      <c r="SZP651" s="613"/>
      <c r="SZQ651" s="613"/>
      <c r="SZR651" s="613"/>
      <c r="SZS651" s="613"/>
      <c r="SZT651" s="613"/>
      <c r="SZU651" s="613"/>
      <c r="SZV651" s="613"/>
      <c r="SZW651" s="613"/>
      <c r="SZX651" s="613"/>
      <c r="SZY651" s="613"/>
      <c r="SZZ651" s="613"/>
      <c r="TAA651" s="613"/>
      <c r="TAB651" s="613"/>
      <c r="TAC651" s="613"/>
      <c r="TAD651" s="613"/>
      <c r="TAE651" s="613"/>
      <c r="TAF651" s="613"/>
      <c r="TAG651" s="613"/>
      <c r="TAH651" s="613"/>
      <c r="TAI651" s="613"/>
      <c r="TAJ651" s="613"/>
      <c r="TAK651" s="613"/>
      <c r="TAL651" s="613"/>
      <c r="TAM651" s="613"/>
      <c r="TAN651" s="613"/>
      <c r="TAO651" s="613"/>
      <c r="TAP651" s="613"/>
      <c r="TAQ651" s="613"/>
      <c r="TAR651" s="613"/>
      <c r="TAS651" s="613"/>
      <c r="TAT651" s="613"/>
      <c r="TAU651" s="613"/>
      <c r="TAV651" s="613"/>
      <c r="TAW651" s="613"/>
      <c r="TAX651" s="613"/>
      <c r="TAY651" s="613"/>
      <c r="TAZ651" s="613"/>
      <c r="TBA651" s="613"/>
      <c r="TBB651" s="613"/>
      <c r="TBC651" s="613"/>
      <c r="TBD651" s="613"/>
      <c r="TBE651" s="613"/>
      <c r="TBF651" s="613"/>
      <c r="TBG651" s="613"/>
      <c r="TBH651" s="613"/>
      <c r="TBI651" s="613"/>
      <c r="TBJ651" s="613"/>
      <c r="TBK651" s="613"/>
      <c r="TBL651" s="613"/>
      <c r="TBM651" s="613"/>
      <c r="TBN651" s="613"/>
      <c r="TBO651" s="613"/>
      <c r="TBP651" s="613"/>
      <c r="TBQ651" s="613"/>
      <c r="TBR651" s="613"/>
      <c r="TBS651" s="613"/>
      <c r="TBT651" s="613"/>
      <c r="TBU651" s="613"/>
      <c r="TBV651" s="613"/>
      <c r="TBW651" s="613"/>
      <c r="TBX651" s="613"/>
      <c r="TBY651" s="613"/>
      <c r="TBZ651" s="613"/>
      <c r="TCA651" s="613"/>
      <c r="TCB651" s="613"/>
      <c r="TCC651" s="613"/>
      <c r="TCD651" s="613"/>
      <c r="TCE651" s="613"/>
      <c r="TCF651" s="613"/>
      <c r="TCG651" s="613"/>
      <c r="TCH651" s="613"/>
      <c r="TCI651" s="613"/>
      <c r="TCJ651" s="613"/>
      <c r="TCK651" s="613"/>
      <c r="TCL651" s="613"/>
      <c r="TCM651" s="613"/>
      <c r="TCN651" s="613"/>
      <c r="TCO651" s="613"/>
      <c r="TCP651" s="613"/>
      <c r="TCQ651" s="613"/>
      <c r="TCR651" s="613"/>
      <c r="TCS651" s="613"/>
      <c r="TCT651" s="613"/>
      <c r="TCU651" s="613"/>
      <c r="TCV651" s="613"/>
      <c r="TCW651" s="613"/>
      <c r="TCX651" s="613"/>
      <c r="TCY651" s="613"/>
      <c r="TCZ651" s="613"/>
      <c r="TDA651" s="613"/>
      <c r="TDB651" s="613"/>
      <c r="TDC651" s="613"/>
      <c r="TDD651" s="613"/>
      <c r="TDE651" s="613"/>
      <c r="TDF651" s="613"/>
      <c r="TDG651" s="613"/>
      <c r="TDH651" s="613"/>
      <c r="TDI651" s="613"/>
      <c r="TDJ651" s="613"/>
      <c r="TDK651" s="613"/>
      <c r="TDL651" s="613"/>
      <c r="TDM651" s="613"/>
      <c r="TDN651" s="613"/>
      <c r="TDO651" s="613"/>
      <c r="TDP651" s="613"/>
      <c r="TDQ651" s="613"/>
      <c r="TDR651" s="613"/>
      <c r="TDS651" s="613"/>
      <c r="TDT651" s="613"/>
      <c r="TDU651" s="613"/>
      <c r="TDV651" s="613"/>
      <c r="TDW651" s="613"/>
      <c r="TDX651" s="613"/>
      <c r="TDY651" s="613"/>
      <c r="TDZ651" s="613"/>
      <c r="TEA651" s="613"/>
      <c r="TEB651" s="613"/>
      <c r="TEC651" s="613"/>
      <c r="TED651" s="613"/>
      <c r="TEE651" s="613"/>
      <c r="TEF651" s="613"/>
      <c r="TEG651" s="613"/>
      <c r="TEH651" s="613"/>
      <c r="TEI651" s="613"/>
      <c r="TEJ651" s="613"/>
      <c r="TEK651" s="613"/>
      <c r="TEL651" s="613"/>
      <c r="TEM651" s="613"/>
      <c r="TEN651" s="613"/>
      <c r="TEO651" s="613"/>
      <c r="TEP651" s="613"/>
      <c r="TEQ651" s="613"/>
      <c r="TER651" s="613"/>
      <c r="TES651" s="613"/>
      <c r="TET651" s="613"/>
      <c r="TEU651" s="613"/>
      <c r="TEV651" s="613"/>
      <c r="TEW651" s="613"/>
      <c r="TEX651" s="613"/>
      <c r="TEY651" s="613"/>
      <c r="TEZ651" s="613"/>
      <c r="TFA651" s="613"/>
      <c r="TFB651" s="613"/>
      <c r="TFC651" s="613"/>
      <c r="TFD651" s="613"/>
      <c r="TFE651" s="613"/>
      <c r="TFF651" s="613"/>
      <c r="TFG651" s="613"/>
      <c r="TFH651" s="613"/>
      <c r="TFI651" s="613"/>
      <c r="TFJ651" s="613"/>
      <c r="TFK651" s="613"/>
      <c r="TFL651" s="613"/>
      <c r="TFM651" s="613"/>
      <c r="TFN651" s="613"/>
      <c r="TFO651" s="613"/>
      <c r="TFP651" s="613"/>
      <c r="TFQ651" s="613"/>
      <c r="TFR651" s="613"/>
      <c r="TFS651" s="613"/>
      <c r="TFT651" s="613"/>
      <c r="TFU651" s="613"/>
      <c r="TFV651" s="613"/>
      <c r="TFW651" s="613"/>
      <c r="TFX651" s="613"/>
      <c r="TFY651" s="613"/>
      <c r="TFZ651" s="613"/>
      <c r="TGA651" s="613"/>
      <c r="TGB651" s="613"/>
      <c r="TGC651" s="613"/>
      <c r="TGD651" s="613"/>
      <c r="TGE651" s="613"/>
      <c r="TGF651" s="613"/>
      <c r="TGG651" s="613"/>
      <c r="TGH651" s="613"/>
      <c r="TGI651" s="613"/>
      <c r="TGJ651" s="613"/>
      <c r="TGK651" s="613"/>
      <c r="TGL651" s="613"/>
      <c r="TGM651" s="613"/>
      <c r="TGN651" s="613"/>
      <c r="TGO651" s="613"/>
      <c r="TGP651" s="613"/>
      <c r="TGQ651" s="613"/>
      <c r="TGR651" s="613"/>
      <c r="TGS651" s="613"/>
      <c r="TGT651" s="613"/>
      <c r="TGU651" s="613"/>
      <c r="TGV651" s="613"/>
      <c r="TGW651" s="613"/>
      <c r="TGX651" s="613"/>
      <c r="TGY651" s="613"/>
      <c r="TGZ651" s="613"/>
      <c r="THA651" s="613"/>
      <c r="THB651" s="613"/>
      <c r="THC651" s="613"/>
      <c r="THD651" s="613"/>
      <c r="THE651" s="613"/>
      <c r="THF651" s="613"/>
      <c r="THG651" s="613"/>
      <c r="THH651" s="613"/>
      <c r="THI651" s="613"/>
      <c r="THJ651" s="613"/>
      <c r="THK651" s="613"/>
      <c r="THL651" s="613"/>
      <c r="THM651" s="613"/>
      <c r="THN651" s="613"/>
      <c r="THO651" s="613"/>
      <c r="THP651" s="613"/>
      <c r="THQ651" s="613"/>
      <c r="THR651" s="613"/>
      <c r="THS651" s="613"/>
      <c r="THT651" s="613"/>
      <c r="THU651" s="613"/>
      <c r="THV651" s="613"/>
      <c r="THW651" s="613"/>
      <c r="THX651" s="613"/>
      <c r="THY651" s="613"/>
      <c r="THZ651" s="613"/>
      <c r="TIA651" s="613"/>
      <c r="TIB651" s="613"/>
      <c r="TIC651" s="613"/>
      <c r="TID651" s="613"/>
      <c r="TIE651" s="613"/>
      <c r="TIF651" s="613"/>
      <c r="TIG651" s="613"/>
      <c r="TIH651" s="613"/>
      <c r="TII651" s="613"/>
      <c r="TIJ651" s="613"/>
      <c r="TIK651" s="613"/>
      <c r="TIL651" s="613"/>
      <c r="TIM651" s="613"/>
      <c r="TIN651" s="613"/>
      <c r="TIO651" s="613"/>
      <c r="TIP651" s="613"/>
      <c r="TIQ651" s="613"/>
      <c r="TIR651" s="613"/>
      <c r="TIS651" s="613"/>
      <c r="TIT651" s="613"/>
      <c r="TIU651" s="613"/>
      <c r="TIV651" s="613"/>
      <c r="TIW651" s="613"/>
      <c r="TIX651" s="613"/>
      <c r="TIY651" s="613"/>
      <c r="TIZ651" s="613"/>
      <c r="TJA651" s="613"/>
      <c r="TJB651" s="613"/>
      <c r="TJC651" s="613"/>
      <c r="TJD651" s="613"/>
      <c r="TJE651" s="613"/>
      <c r="TJF651" s="613"/>
      <c r="TJG651" s="613"/>
      <c r="TJH651" s="613"/>
      <c r="TJI651" s="613"/>
      <c r="TJJ651" s="613"/>
      <c r="TJK651" s="613"/>
      <c r="TJL651" s="613"/>
      <c r="TJM651" s="613"/>
      <c r="TJN651" s="613"/>
      <c r="TJO651" s="613"/>
      <c r="TJP651" s="613"/>
      <c r="TJQ651" s="613"/>
      <c r="TJR651" s="613"/>
      <c r="TJS651" s="613"/>
      <c r="TJT651" s="613"/>
      <c r="TJU651" s="613"/>
      <c r="TJV651" s="613"/>
      <c r="TJW651" s="613"/>
      <c r="TJX651" s="613"/>
      <c r="TJY651" s="613"/>
      <c r="TJZ651" s="613"/>
      <c r="TKA651" s="613"/>
      <c r="TKB651" s="613"/>
      <c r="TKC651" s="613"/>
      <c r="TKD651" s="613"/>
      <c r="TKE651" s="613"/>
      <c r="TKF651" s="613"/>
      <c r="TKG651" s="613"/>
      <c r="TKH651" s="613"/>
      <c r="TKI651" s="613"/>
      <c r="TKJ651" s="613"/>
      <c r="TKK651" s="613"/>
      <c r="TKL651" s="613"/>
      <c r="TKM651" s="613"/>
      <c r="TKN651" s="613"/>
      <c r="TKO651" s="613"/>
      <c r="TKP651" s="613"/>
      <c r="TKQ651" s="613"/>
      <c r="TKR651" s="613"/>
      <c r="TKS651" s="613"/>
      <c r="TKT651" s="613"/>
      <c r="TKU651" s="613"/>
      <c r="TKV651" s="613"/>
      <c r="TKW651" s="613"/>
      <c r="TKX651" s="613"/>
      <c r="TKY651" s="613"/>
      <c r="TKZ651" s="613"/>
      <c r="TLA651" s="613"/>
      <c r="TLB651" s="613"/>
      <c r="TLC651" s="613"/>
      <c r="TLD651" s="613"/>
      <c r="TLE651" s="613"/>
      <c r="TLF651" s="613"/>
      <c r="TLG651" s="613"/>
      <c r="TLH651" s="613"/>
      <c r="TLI651" s="613"/>
      <c r="TLJ651" s="613"/>
      <c r="TLK651" s="613"/>
      <c r="TLL651" s="613"/>
      <c r="TLM651" s="613"/>
      <c r="TLN651" s="613"/>
      <c r="TLO651" s="613"/>
      <c r="TLP651" s="613"/>
      <c r="TLQ651" s="613"/>
      <c r="TLR651" s="613"/>
      <c r="TLS651" s="613"/>
      <c r="TLT651" s="613"/>
      <c r="TLU651" s="613"/>
      <c r="TLV651" s="613"/>
      <c r="TLW651" s="613"/>
      <c r="TLX651" s="613"/>
      <c r="TLY651" s="613"/>
      <c r="TLZ651" s="613"/>
      <c r="TMA651" s="613"/>
      <c r="TMB651" s="613"/>
      <c r="TMC651" s="613"/>
      <c r="TMD651" s="613"/>
      <c r="TME651" s="613"/>
      <c r="TMF651" s="613"/>
      <c r="TMG651" s="613"/>
      <c r="TMH651" s="613"/>
      <c r="TMI651" s="613"/>
      <c r="TMJ651" s="613"/>
      <c r="TMK651" s="613"/>
      <c r="TML651" s="613"/>
      <c r="TMM651" s="613"/>
      <c r="TMN651" s="613"/>
      <c r="TMO651" s="613"/>
      <c r="TMP651" s="613"/>
      <c r="TMQ651" s="613"/>
      <c r="TMR651" s="613"/>
      <c r="TMS651" s="613"/>
      <c r="TMT651" s="613"/>
      <c r="TMU651" s="613"/>
      <c r="TMV651" s="613"/>
      <c r="TMW651" s="613"/>
      <c r="TMX651" s="613"/>
      <c r="TMY651" s="613"/>
      <c r="TMZ651" s="613"/>
      <c r="TNA651" s="613"/>
      <c r="TNB651" s="613"/>
      <c r="TNC651" s="613"/>
      <c r="TND651" s="613"/>
      <c r="TNE651" s="613"/>
      <c r="TNF651" s="613"/>
      <c r="TNG651" s="613"/>
      <c r="TNH651" s="613"/>
      <c r="TNI651" s="613"/>
      <c r="TNJ651" s="613"/>
      <c r="TNK651" s="613"/>
      <c r="TNL651" s="613"/>
      <c r="TNM651" s="613"/>
      <c r="TNN651" s="613"/>
      <c r="TNO651" s="613"/>
      <c r="TNP651" s="613"/>
      <c r="TNQ651" s="613"/>
      <c r="TNR651" s="613"/>
      <c r="TNS651" s="613"/>
      <c r="TNT651" s="613"/>
      <c r="TNU651" s="613"/>
      <c r="TNV651" s="613"/>
      <c r="TNW651" s="613"/>
      <c r="TNX651" s="613"/>
      <c r="TNY651" s="613"/>
      <c r="TNZ651" s="613"/>
      <c r="TOA651" s="613"/>
      <c r="TOB651" s="613"/>
      <c r="TOC651" s="613"/>
      <c r="TOD651" s="613"/>
      <c r="TOE651" s="613"/>
      <c r="TOF651" s="613"/>
      <c r="TOG651" s="613"/>
      <c r="TOH651" s="613"/>
      <c r="TOI651" s="613"/>
      <c r="TOJ651" s="613"/>
      <c r="TOK651" s="613"/>
      <c r="TOL651" s="613"/>
      <c r="TOM651" s="613"/>
      <c r="TON651" s="613"/>
      <c r="TOO651" s="613"/>
      <c r="TOP651" s="613"/>
      <c r="TOQ651" s="613"/>
      <c r="TOR651" s="613"/>
      <c r="TOS651" s="613"/>
      <c r="TOT651" s="613"/>
      <c r="TOU651" s="613"/>
      <c r="TOV651" s="613"/>
      <c r="TOW651" s="613"/>
      <c r="TOX651" s="613"/>
      <c r="TOY651" s="613"/>
      <c r="TOZ651" s="613"/>
      <c r="TPA651" s="613"/>
      <c r="TPB651" s="613"/>
      <c r="TPC651" s="613"/>
      <c r="TPD651" s="613"/>
      <c r="TPE651" s="613"/>
      <c r="TPF651" s="613"/>
      <c r="TPG651" s="613"/>
      <c r="TPH651" s="613"/>
      <c r="TPI651" s="613"/>
      <c r="TPJ651" s="613"/>
      <c r="TPK651" s="613"/>
      <c r="TPL651" s="613"/>
      <c r="TPM651" s="613"/>
      <c r="TPN651" s="613"/>
      <c r="TPO651" s="613"/>
      <c r="TPP651" s="613"/>
      <c r="TPQ651" s="613"/>
      <c r="TPR651" s="613"/>
      <c r="TPS651" s="613"/>
      <c r="TPT651" s="613"/>
      <c r="TPU651" s="613"/>
      <c r="TPV651" s="613"/>
      <c r="TPW651" s="613"/>
      <c r="TPX651" s="613"/>
      <c r="TPY651" s="613"/>
      <c r="TPZ651" s="613"/>
      <c r="TQA651" s="613"/>
      <c r="TQB651" s="613"/>
      <c r="TQC651" s="613"/>
      <c r="TQD651" s="613"/>
      <c r="TQE651" s="613"/>
      <c r="TQF651" s="613"/>
      <c r="TQG651" s="613"/>
      <c r="TQH651" s="613"/>
      <c r="TQI651" s="613"/>
      <c r="TQJ651" s="613"/>
      <c r="TQK651" s="613"/>
      <c r="TQL651" s="613"/>
      <c r="TQM651" s="613"/>
      <c r="TQN651" s="613"/>
      <c r="TQO651" s="613"/>
      <c r="TQP651" s="613"/>
      <c r="TQQ651" s="613"/>
      <c r="TQR651" s="613"/>
      <c r="TQS651" s="613"/>
      <c r="TQT651" s="613"/>
      <c r="TQU651" s="613"/>
      <c r="TQV651" s="613"/>
      <c r="TQW651" s="613"/>
      <c r="TQX651" s="613"/>
      <c r="TQY651" s="613"/>
      <c r="TQZ651" s="613"/>
      <c r="TRA651" s="613"/>
      <c r="TRB651" s="613"/>
      <c r="TRC651" s="613"/>
      <c r="TRD651" s="613"/>
      <c r="TRE651" s="613"/>
      <c r="TRF651" s="613"/>
      <c r="TRG651" s="613"/>
      <c r="TRH651" s="613"/>
      <c r="TRI651" s="613"/>
      <c r="TRJ651" s="613"/>
      <c r="TRK651" s="613"/>
      <c r="TRL651" s="613"/>
      <c r="TRM651" s="613"/>
      <c r="TRN651" s="613"/>
      <c r="TRO651" s="613"/>
      <c r="TRP651" s="613"/>
      <c r="TRQ651" s="613"/>
      <c r="TRR651" s="613"/>
      <c r="TRS651" s="613"/>
      <c r="TRT651" s="613"/>
      <c r="TRU651" s="613"/>
      <c r="TRV651" s="613"/>
      <c r="TRW651" s="613"/>
      <c r="TRX651" s="613"/>
      <c r="TRY651" s="613"/>
      <c r="TRZ651" s="613"/>
      <c r="TSA651" s="613"/>
      <c r="TSB651" s="613"/>
      <c r="TSC651" s="613"/>
      <c r="TSD651" s="613"/>
      <c r="TSE651" s="613"/>
      <c r="TSF651" s="613"/>
      <c r="TSG651" s="613"/>
      <c r="TSH651" s="613"/>
      <c r="TSI651" s="613"/>
      <c r="TSJ651" s="613"/>
      <c r="TSK651" s="613"/>
      <c r="TSL651" s="613"/>
      <c r="TSM651" s="613"/>
      <c r="TSN651" s="613"/>
      <c r="TSO651" s="613"/>
      <c r="TSP651" s="613"/>
      <c r="TSQ651" s="613"/>
      <c r="TSR651" s="613"/>
      <c r="TSS651" s="613"/>
      <c r="TST651" s="613"/>
      <c r="TSU651" s="613"/>
      <c r="TSV651" s="613"/>
      <c r="TSW651" s="613"/>
      <c r="TSX651" s="613"/>
      <c r="TSY651" s="613"/>
      <c r="TSZ651" s="613"/>
      <c r="TTA651" s="613"/>
      <c r="TTB651" s="613"/>
      <c r="TTC651" s="613"/>
      <c r="TTD651" s="613"/>
      <c r="TTE651" s="613"/>
      <c r="TTF651" s="613"/>
      <c r="TTG651" s="613"/>
      <c r="TTH651" s="613"/>
      <c r="TTI651" s="613"/>
      <c r="TTJ651" s="613"/>
      <c r="TTK651" s="613"/>
      <c r="TTL651" s="613"/>
      <c r="TTM651" s="613"/>
      <c r="TTN651" s="613"/>
      <c r="TTO651" s="613"/>
      <c r="TTP651" s="613"/>
      <c r="TTQ651" s="613"/>
      <c r="TTR651" s="613"/>
      <c r="TTS651" s="613"/>
      <c r="TTT651" s="613"/>
      <c r="TTU651" s="613"/>
      <c r="TTV651" s="613"/>
      <c r="TTW651" s="613"/>
      <c r="TTX651" s="613"/>
      <c r="TTY651" s="613"/>
      <c r="TTZ651" s="613"/>
      <c r="TUA651" s="613"/>
      <c r="TUB651" s="613"/>
      <c r="TUC651" s="613"/>
      <c r="TUD651" s="613"/>
      <c r="TUE651" s="613"/>
      <c r="TUF651" s="613"/>
      <c r="TUG651" s="613"/>
      <c r="TUH651" s="613"/>
      <c r="TUI651" s="613"/>
      <c r="TUJ651" s="613"/>
      <c r="TUK651" s="613"/>
      <c r="TUL651" s="613"/>
      <c r="TUM651" s="613"/>
      <c r="TUN651" s="613"/>
      <c r="TUO651" s="613"/>
      <c r="TUP651" s="613"/>
      <c r="TUQ651" s="613"/>
      <c r="TUR651" s="613"/>
      <c r="TUS651" s="613"/>
      <c r="TUT651" s="613"/>
      <c r="TUU651" s="613"/>
      <c r="TUV651" s="613"/>
      <c r="TUW651" s="613"/>
      <c r="TUX651" s="613"/>
      <c r="TUY651" s="613"/>
      <c r="TUZ651" s="613"/>
      <c r="TVA651" s="613"/>
      <c r="TVB651" s="613"/>
      <c r="TVC651" s="613"/>
      <c r="TVD651" s="613"/>
      <c r="TVE651" s="613"/>
      <c r="TVF651" s="613"/>
      <c r="TVG651" s="613"/>
      <c r="TVH651" s="613"/>
      <c r="TVI651" s="613"/>
      <c r="TVJ651" s="613"/>
      <c r="TVK651" s="613"/>
      <c r="TVL651" s="613"/>
      <c r="TVM651" s="613"/>
      <c r="TVN651" s="613"/>
      <c r="TVO651" s="613"/>
      <c r="TVP651" s="613"/>
      <c r="TVQ651" s="613"/>
      <c r="TVR651" s="613"/>
      <c r="TVS651" s="613"/>
      <c r="TVT651" s="613"/>
      <c r="TVU651" s="613"/>
      <c r="TVV651" s="613"/>
      <c r="TVW651" s="613"/>
      <c r="TVX651" s="613"/>
      <c r="TVY651" s="613"/>
      <c r="TVZ651" s="613"/>
      <c r="TWA651" s="613"/>
      <c r="TWB651" s="613"/>
      <c r="TWC651" s="613"/>
      <c r="TWD651" s="613"/>
      <c r="TWE651" s="613"/>
      <c r="TWF651" s="613"/>
      <c r="TWG651" s="613"/>
      <c r="TWH651" s="613"/>
      <c r="TWI651" s="613"/>
      <c r="TWJ651" s="613"/>
      <c r="TWK651" s="613"/>
      <c r="TWL651" s="613"/>
      <c r="TWM651" s="613"/>
      <c r="TWN651" s="613"/>
      <c r="TWO651" s="613"/>
      <c r="TWP651" s="613"/>
      <c r="TWQ651" s="613"/>
      <c r="TWR651" s="613"/>
      <c r="TWS651" s="613"/>
      <c r="TWT651" s="613"/>
      <c r="TWU651" s="613"/>
      <c r="TWV651" s="613"/>
      <c r="TWW651" s="613"/>
      <c r="TWX651" s="613"/>
      <c r="TWY651" s="613"/>
      <c r="TWZ651" s="613"/>
      <c r="TXA651" s="613"/>
      <c r="TXB651" s="613"/>
      <c r="TXC651" s="613"/>
      <c r="TXD651" s="613"/>
      <c r="TXE651" s="613"/>
      <c r="TXF651" s="613"/>
      <c r="TXG651" s="613"/>
      <c r="TXH651" s="613"/>
      <c r="TXI651" s="613"/>
      <c r="TXJ651" s="613"/>
      <c r="TXK651" s="613"/>
      <c r="TXL651" s="613"/>
      <c r="TXM651" s="613"/>
      <c r="TXN651" s="613"/>
      <c r="TXO651" s="613"/>
      <c r="TXP651" s="613"/>
      <c r="TXQ651" s="613"/>
      <c r="TXR651" s="613"/>
      <c r="TXS651" s="613"/>
      <c r="TXT651" s="613"/>
      <c r="TXU651" s="613"/>
      <c r="TXV651" s="613"/>
      <c r="TXW651" s="613"/>
      <c r="TXX651" s="613"/>
      <c r="TXY651" s="613"/>
      <c r="TXZ651" s="613"/>
      <c r="TYA651" s="613"/>
      <c r="TYB651" s="613"/>
      <c r="TYC651" s="613"/>
      <c r="TYD651" s="613"/>
      <c r="TYE651" s="613"/>
      <c r="TYF651" s="613"/>
      <c r="TYG651" s="613"/>
      <c r="TYH651" s="613"/>
      <c r="TYI651" s="613"/>
      <c r="TYJ651" s="613"/>
      <c r="TYK651" s="613"/>
      <c r="TYL651" s="613"/>
      <c r="TYM651" s="613"/>
      <c r="TYN651" s="613"/>
      <c r="TYO651" s="613"/>
      <c r="TYP651" s="613"/>
      <c r="TYQ651" s="613"/>
      <c r="TYR651" s="613"/>
      <c r="TYS651" s="613"/>
      <c r="TYT651" s="613"/>
      <c r="TYU651" s="613"/>
      <c r="TYV651" s="613"/>
      <c r="TYW651" s="613"/>
      <c r="TYX651" s="613"/>
      <c r="TYY651" s="613"/>
      <c r="TYZ651" s="613"/>
      <c r="TZA651" s="613"/>
      <c r="TZB651" s="613"/>
      <c r="TZC651" s="613"/>
      <c r="TZD651" s="613"/>
      <c r="TZE651" s="613"/>
      <c r="TZF651" s="613"/>
      <c r="TZG651" s="613"/>
      <c r="TZH651" s="613"/>
      <c r="TZI651" s="613"/>
      <c r="TZJ651" s="613"/>
      <c r="TZK651" s="613"/>
      <c r="TZL651" s="613"/>
      <c r="TZM651" s="613"/>
      <c r="TZN651" s="613"/>
      <c r="TZO651" s="613"/>
      <c r="TZP651" s="613"/>
      <c r="TZQ651" s="613"/>
      <c r="TZR651" s="613"/>
      <c r="TZS651" s="613"/>
      <c r="TZT651" s="613"/>
      <c r="TZU651" s="613"/>
      <c r="TZV651" s="613"/>
      <c r="TZW651" s="613"/>
      <c r="TZX651" s="613"/>
      <c r="TZY651" s="613"/>
      <c r="TZZ651" s="613"/>
      <c r="UAA651" s="613"/>
      <c r="UAB651" s="613"/>
      <c r="UAC651" s="613"/>
      <c r="UAD651" s="613"/>
      <c r="UAE651" s="613"/>
      <c r="UAF651" s="613"/>
      <c r="UAG651" s="613"/>
      <c r="UAH651" s="613"/>
      <c r="UAI651" s="613"/>
      <c r="UAJ651" s="613"/>
      <c r="UAK651" s="613"/>
      <c r="UAL651" s="613"/>
      <c r="UAM651" s="613"/>
      <c r="UAN651" s="613"/>
      <c r="UAO651" s="613"/>
      <c r="UAP651" s="613"/>
      <c r="UAQ651" s="613"/>
      <c r="UAR651" s="613"/>
      <c r="UAS651" s="613"/>
      <c r="UAT651" s="613"/>
      <c r="UAU651" s="613"/>
      <c r="UAV651" s="613"/>
      <c r="UAW651" s="613"/>
      <c r="UAX651" s="613"/>
      <c r="UAY651" s="613"/>
      <c r="UAZ651" s="613"/>
      <c r="UBA651" s="613"/>
      <c r="UBB651" s="613"/>
      <c r="UBC651" s="613"/>
      <c r="UBD651" s="613"/>
      <c r="UBE651" s="613"/>
      <c r="UBF651" s="613"/>
      <c r="UBG651" s="613"/>
      <c r="UBH651" s="613"/>
      <c r="UBI651" s="613"/>
      <c r="UBJ651" s="613"/>
      <c r="UBK651" s="613"/>
      <c r="UBL651" s="613"/>
      <c r="UBM651" s="613"/>
      <c r="UBN651" s="613"/>
      <c r="UBO651" s="613"/>
      <c r="UBP651" s="613"/>
      <c r="UBQ651" s="613"/>
      <c r="UBR651" s="613"/>
      <c r="UBS651" s="613"/>
      <c r="UBT651" s="613"/>
      <c r="UBU651" s="613"/>
      <c r="UBV651" s="613"/>
      <c r="UBW651" s="613"/>
      <c r="UBX651" s="613"/>
      <c r="UBY651" s="613"/>
      <c r="UBZ651" s="613"/>
      <c r="UCA651" s="613"/>
      <c r="UCB651" s="613"/>
      <c r="UCC651" s="613"/>
      <c r="UCD651" s="613"/>
      <c r="UCE651" s="613"/>
      <c r="UCF651" s="613"/>
      <c r="UCG651" s="613"/>
      <c r="UCH651" s="613"/>
      <c r="UCI651" s="613"/>
      <c r="UCJ651" s="613"/>
      <c r="UCK651" s="613"/>
      <c r="UCL651" s="613"/>
      <c r="UCM651" s="613"/>
      <c r="UCN651" s="613"/>
      <c r="UCO651" s="613"/>
      <c r="UCP651" s="613"/>
      <c r="UCQ651" s="613"/>
      <c r="UCR651" s="613"/>
      <c r="UCS651" s="613"/>
      <c r="UCT651" s="613"/>
      <c r="UCU651" s="613"/>
      <c r="UCV651" s="613"/>
      <c r="UCW651" s="613"/>
      <c r="UCX651" s="613"/>
      <c r="UCY651" s="613"/>
      <c r="UCZ651" s="613"/>
      <c r="UDA651" s="613"/>
      <c r="UDB651" s="613"/>
      <c r="UDC651" s="613"/>
      <c r="UDD651" s="613"/>
      <c r="UDE651" s="613"/>
      <c r="UDF651" s="613"/>
      <c r="UDG651" s="613"/>
      <c r="UDH651" s="613"/>
      <c r="UDI651" s="613"/>
      <c r="UDJ651" s="613"/>
      <c r="UDK651" s="613"/>
      <c r="UDL651" s="613"/>
      <c r="UDM651" s="613"/>
      <c r="UDN651" s="613"/>
      <c r="UDO651" s="613"/>
      <c r="UDP651" s="613"/>
      <c r="UDQ651" s="613"/>
      <c r="UDR651" s="613"/>
      <c r="UDS651" s="613"/>
      <c r="UDT651" s="613"/>
      <c r="UDU651" s="613"/>
      <c r="UDV651" s="613"/>
      <c r="UDW651" s="613"/>
      <c r="UDX651" s="613"/>
      <c r="UDY651" s="613"/>
      <c r="UDZ651" s="613"/>
      <c r="UEA651" s="613"/>
      <c r="UEB651" s="613"/>
      <c r="UEC651" s="613"/>
      <c r="UED651" s="613"/>
      <c r="UEE651" s="613"/>
      <c r="UEF651" s="613"/>
      <c r="UEG651" s="613"/>
      <c r="UEH651" s="613"/>
      <c r="UEI651" s="613"/>
      <c r="UEJ651" s="613"/>
      <c r="UEK651" s="613"/>
      <c r="UEL651" s="613"/>
      <c r="UEM651" s="613"/>
      <c r="UEN651" s="613"/>
      <c r="UEO651" s="613"/>
      <c r="UEP651" s="613"/>
      <c r="UEQ651" s="613"/>
      <c r="UER651" s="613"/>
      <c r="UES651" s="613"/>
      <c r="UET651" s="613"/>
      <c r="UEU651" s="613"/>
      <c r="UEV651" s="613"/>
      <c r="UEW651" s="613"/>
      <c r="UEX651" s="613"/>
      <c r="UEY651" s="613"/>
      <c r="UEZ651" s="613"/>
      <c r="UFA651" s="613"/>
      <c r="UFB651" s="613"/>
      <c r="UFC651" s="613"/>
      <c r="UFD651" s="613"/>
      <c r="UFE651" s="613"/>
      <c r="UFF651" s="613"/>
      <c r="UFG651" s="613"/>
      <c r="UFH651" s="613"/>
      <c r="UFI651" s="613"/>
      <c r="UFJ651" s="613"/>
      <c r="UFK651" s="613"/>
      <c r="UFL651" s="613"/>
      <c r="UFM651" s="613"/>
      <c r="UFN651" s="613"/>
      <c r="UFO651" s="613"/>
      <c r="UFP651" s="613"/>
      <c r="UFQ651" s="613"/>
      <c r="UFR651" s="613"/>
      <c r="UFS651" s="613"/>
      <c r="UFT651" s="613"/>
      <c r="UFU651" s="613"/>
      <c r="UFV651" s="613"/>
      <c r="UFW651" s="613"/>
      <c r="UFX651" s="613"/>
      <c r="UFY651" s="613"/>
      <c r="UFZ651" s="613"/>
      <c r="UGA651" s="613"/>
      <c r="UGB651" s="613"/>
      <c r="UGC651" s="613"/>
      <c r="UGD651" s="613"/>
      <c r="UGE651" s="613"/>
      <c r="UGF651" s="613"/>
      <c r="UGG651" s="613"/>
      <c r="UGH651" s="613"/>
      <c r="UGI651" s="613"/>
      <c r="UGJ651" s="613"/>
      <c r="UGK651" s="613"/>
      <c r="UGL651" s="613"/>
      <c r="UGM651" s="613"/>
      <c r="UGN651" s="613"/>
      <c r="UGO651" s="613"/>
      <c r="UGP651" s="613"/>
      <c r="UGQ651" s="613"/>
      <c r="UGR651" s="613"/>
      <c r="UGS651" s="613"/>
      <c r="UGT651" s="613"/>
      <c r="UGU651" s="613"/>
      <c r="UGV651" s="613"/>
      <c r="UGW651" s="613"/>
      <c r="UGX651" s="613"/>
      <c r="UGY651" s="613"/>
      <c r="UGZ651" s="613"/>
      <c r="UHA651" s="613"/>
      <c r="UHB651" s="613"/>
      <c r="UHC651" s="613"/>
      <c r="UHD651" s="613"/>
      <c r="UHE651" s="613"/>
      <c r="UHF651" s="613"/>
      <c r="UHG651" s="613"/>
      <c r="UHH651" s="613"/>
      <c r="UHI651" s="613"/>
      <c r="UHJ651" s="613"/>
      <c r="UHK651" s="613"/>
      <c r="UHL651" s="613"/>
      <c r="UHM651" s="613"/>
      <c r="UHN651" s="613"/>
      <c r="UHO651" s="613"/>
      <c r="UHP651" s="613"/>
      <c r="UHQ651" s="613"/>
      <c r="UHR651" s="613"/>
      <c r="UHS651" s="613"/>
      <c r="UHT651" s="613"/>
      <c r="UHU651" s="613"/>
      <c r="UHV651" s="613"/>
      <c r="UHW651" s="613"/>
      <c r="UHX651" s="613"/>
      <c r="UHY651" s="613"/>
      <c r="UHZ651" s="613"/>
      <c r="UIA651" s="613"/>
      <c r="UIB651" s="613"/>
      <c r="UIC651" s="613"/>
      <c r="UID651" s="613"/>
      <c r="UIE651" s="613"/>
      <c r="UIF651" s="613"/>
      <c r="UIG651" s="613"/>
      <c r="UIH651" s="613"/>
      <c r="UII651" s="613"/>
      <c r="UIJ651" s="613"/>
      <c r="UIK651" s="613"/>
      <c r="UIL651" s="613"/>
      <c r="UIM651" s="613"/>
      <c r="UIN651" s="613"/>
      <c r="UIO651" s="613"/>
      <c r="UIP651" s="613"/>
      <c r="UIQ651" s="613"/>
      <c r="UIR651" s="613"/>
      <c r="UIS651" s="613"/>
      <c r="UIT651" s="613"/>
      <c r="UIU651" s="613"/>
      <c r="UIV651" s="613"/>
      <c r="UIW651" s="613"/>
      <c r="UIX651" s="613"/>
      <c r="UIY651" s="613"/>
      <c r="UIZ651" s="613"/>
      <c r="UJA651" s="613"/>
      <c r="UJB651" s="613"/>
      <c r="UJC651" s="613"/>
      <c r="UJD651" s="613"/>
      <c r="UJE651" s="613"/>
      <c r="UJF651" s="613"/>
      <c r="UJG651" s="613"/>
      <c r="UJH651" s="613"/>
      <c r="UJI651" s="613"/>
      <c r="UJJ651" s="613"/>
      <c r="UJK651" s="613"/>
      <c r="UJL651" s="613"/>
      <c r="UJM651" s="613"/>
      <c r="UJN651" s="613"/>
      <c r="UJO651" s="613"/>
      <c r="UJP651" s="613"/>
      <c r="UJQ651" s="613"/>
      <c r="UJR651" s="613"/>
      <c r="UJS651" s="613"/>
      <c r="UJT651" s="613"/>
      <c r="UJU651" s="613"/>
      <c r="UJV651" s="613"/>
      <c r="UJW651" s="613"/>
      <c r="UJX651" s="613"/>
      <c r="UJY651" s="613"/>
      <c r="UJZ651" s="613"/>
      <c r="UKA651" s="613"/>
      <c r="UKB651" s="613"/>
      <c r="UKC651" s="613"/>
      <c r="UKD651" s="613"/>
      <c r="UKE651" s="613"/>
      <c r="UKF651" s="613"/>
      <c r="UKG651" s="613"/>
      <c r="UKH651" s="613"/>
      <c r="UKI651" s="613"/>
      <c r="UKJ651" s="613"/>
      <c r="UKK651" s="613"/>
      <c r="UKL651" s="613"/>
      <c r="UKM651" s="613"/>
      <c r="UKN651" s="613"/>
      <c r="UKO651" s="613"/>
      <c r="UKP651" s="613"/>
      <c r="UKQ651" s="613"/>
      <c r="UKR651" s="613"/>
      <c r="UKS651" s="613"/>
      <c r="UKT651" s="613"/>
      <c r="UKU651" s="613"/>
      <c r="UKV651" s="613"/>
      <c r="UKW651" s="613"/>
      <c r="UKX651" s="613"/>
      <c r="UKY651" s="613"/>
      <c r="UKZ651" s="613"/>
      <c r="ULA651" s="613"/>
      <c r="ULB651" s="613"/>
      <c r="ULC651" s="613"/>
      <c r="ULD651" s="613"/>
      <c r="ULE651" s="613"/>
      <c r="ULF651" s="613"/>
      <c r="ULG651" s="613"/>
      <c r="ULH651" s="613"/>
      <c r="ULI651" s="613"/>
      <c r="ULJ651" s="613"/>
      <c r="ULK651" s="613"/>
      <c r="ULL651" s="613"/>
      <c r="ULM651" s="613"/>
      <c r="ULN651" s="613"/>
      <c r="ULO651" s="613"/>
      <c r="ULP651" s="613"/>
      <c r="ULQ651" s="613"/>
      <c r="ULR651" s="613"/>
      <c r="ULS651" s="613"/>
      <c r="ULT651" s="613"/>
      <c r="ULU651" s="613"/>
      <c r="ULV651" s="613"/>
      <c r="ULW651" s="613"/>
      <c r="ULX651" s="613"/>
      <c r="ULY651" s="613"/>
      <c r="ULZ651" s="613"/>
      <c r="UMA651" s="613"/>
      <c r="UMB651" s="613"/>
      <c r="UMC651" s="613"/>
      <c r="UMD651" s="613"/>
      <c r="UME651" s="613"/>
      <c r="UMF651" s="613"/>
      <c r="UMG651" s="613"/>
      <c r="UMH651" s="613"/>
      <c r="UMI651" s="613"/>
      <c r="UMJ651" s="613"/>
      <c r="UMK651" s="613"/>
      <c r="UML651" s="613"/>
      <c r="UMM651" s="613"/>
      <c r="UMN651" s="613"/>
      <c r="UMO651" s="613"/>
      <c r="UMP651" s="613"/>
      <c r="UMQ651" s="613"/>
      <c r="UMR651" s="613"/>
      <c r="UMS651" s="613"/>
      <c r="UMT651" s="613"/>
      <c r="UMU651" s="613"/>
      <c r="UMV651" s="613"/>
      <c r="UMW651" s="613"/>
      <c r="UMX651" s="613"/>
      <c r="UMY651" s="613"/>
      <c r="UMZ651" s="613"/>
      <c r="UNA651" s="613"/>
      <c r="UNB651" s="613"/>
      <c r="UNC651" s="613"/>
      <c r="UND651" s="613"/>
      <c r="UNE651" s="613"/>
      <c r="UNF651" s="613"/>
      <c r="UNG651" s="613"/>
      <c r="UNH651" s="613"/>
      <c r="UNI651" s="613"/>
      <c r="UNJ651" s="613"/>
      <c r="UNK651" s="613"/>
      <c r="UNL651" s="613"/>
      <c r="UNM651" s="613"/>
      <c r="UNN651" s="613"/>
      <c r="UNO651" s="613"/>
      <c r="UNP651" s="613"/>
      <c r="UNQ651" s="613"/>
      <c r="UNR651" s="613"/>
      <c r="UNS651" s="613"/>
      <c r="UNT651" s="613"/>
      <c r="UNU651" s="613"/>
      <c r="UNV651" s="613"/>
      <c r="UNW651" s="613"/>
      <c r="UNX651" s="613"/>
      <c r="UNY651" s="613"/>
      <c r="UNZ651" s="613"/>
      <c r="UOA651" s="613"/>
      <c r="UOB651" s="613"/>
      <c r="UOC651" s="613"/>
      <c r="UOD651" s="613"/>
      <c r="UOE651" s="613"/>
      <c r="UOF651" s="613"/>
      <c r="UOG651" s="613"/>
      <c r="UOH651" s="613"/>
      <c r="UOI651" s="613"/>
      <c r="UOJ651" s="613"/>
      <c r="UOK651" s="613"/>
      <c r="UOL651" s="613"/>
      <c r="UOM651" s="613"/>
      <c r="UON651" s="613"/>
      <c r="UOO651" s="613"/>
      <c r="UOP651" s="613"/>
      <c r="UOQ651" s="613"/>
      <c r="UOR651" s="613"/>
      <c r="UOS651" s="613"/>
      <c r="UOT651" s="613"/>
      <c r="UOU651" s="613"/>
      <c r="UOV651" s="613"/>
      <c r="UOW651" s="613"/>
      <c r="UOX651" s="613"/>
      <c r="UOY651" s="613"/>
      <c r="UOZ651" s="613"/>
      <c r="UPA651" s="613"/>
      <c r="UPB651" s="613"/>
      <c r="UPC651" s="613"/>
      <c r="UPD651" s="613"/>
      <c r="UPE651" s="613"/>
      <c r="UPF651" s="613"/>
      <c r="UPG651" s="613"/>
      <c r="UPH651" s="613"/>
      <c r="UPI651" s="613"/>
      <c r="UPJ651" s="613"/>
      <c r="UPK651" s="613"/>
      <c r="UPL651" s="613"/>
      <c r="UPM651" s="613"/>
      <c r="UPN651" s="613"/>
      <c r="UPO651" s="613"/>
      <c r="UPP651" s="613"/>
      <c r="UPQ651" s="613"/>
      <c r="UPR651" s="613"/>
      <c r="UPS651" s="613"/>
      <c r="UPT651" s="613"/>
      <c r="UPU651" s="613"/>
      <c r="UPV651" s="613"/>
      <c r="UPW651" s="613"/>
      <c r="UPX651" s="613"/>
      <c r="UPY651" s="613"/>
      <c r="UPZ651" s="613"/>
      <c r="UQA651" s="613"/>
      <c r="UQB651" s="613"/>
      <c r="UQC651" s="613"/>
      <c r="UQD651" s="613"/>
      <c r="UQE651" s="613"/>
      <c r="UQF651" s="613"/>
      <c r="UQG651" s="613"/>
      <c r="UQH651" s="613"/>
      <c r="UQI651" s="613"/>
      <c r="UQJ651" s="613"/>
      <c r="UQK651" s="613"/>
      <c r="UQL651" s="613"/>
      <c r="UQM651" s="613"/>
      <c r="UQN651" s="613"/>
      <c r="UQO651" s="613"/>
      <c r="UQP651" s="613"/>
      <c r="UQQ651" s="613"/>
      <c r="UQR651" s="613"/>
      <c r="UQS651" s="613"/>
      <c r="UQT651" s="613"/>
      <c r="UQU651" s="613"/>
      <c r="UQV651" s="613"/>
      <c r="UQW651" s="613"/>
      <c r="UQX651" s="613"/>
      <c r="UQY651" s="613"/>
      <c r="UQZ651" s="613"/>
      <c r="URA651" s="613"/>
      <c r="URB651" s="613"/>
      <c r="URC651" s="613"/>
      <c r="URD651" s="613"/>
      <c r="URE651" s="613"/>
      <c r="URF651" s="613"/>
      <c r="URG651" s="613"/>
      <c r="URH651" s="613"/>
      <c r="URI651" s="613"/>
      <c r="URJ651" s="613"/>
      <c r="URK651" s="613"/>
      <c r="URL651" s="613"/>
      <c r="URM651" s="613"/>
      <c r="URN651" s="613"/>
      <c r="URO651" s="613"/>
      <c r="URP651" s="613"/>
      <c r="URQ651" s="613"/>
      <c r="URR651" s="613"/>
      <c r="URS651" s="613"/>
      <c r="URT651" s="613"/>
      <c r="URU651" s="613"/>
      <c r="URV651" s="613"/>
      <c r="URW651" s="613"/>
      <c r="URX651" s="613"/>
      <c r="URY651" s="613"/>
      <c r="URZ651" s="613"/>
      <c r="USA651" s="613"/>
      <c r="USB651" s="613"/>
      <c r="USC651" s="613"/>
      <c r="USD651" s="613"/>
      <c r="USE651" s="613"/>
      <c r="USF651" s="613"/>
      <c r="USG651" s="613"/>
      <c r="USH651" s="613"/>
      <c r="USI651" s="613"/>
      <c r="USJ651" s="613"/>
      <c r="USK651" s="613"/>
      <c r="USL651" s="613"/>
      <c r="USM651" s="613"/>
      <c r="USN651" s="613"/>
      <c r="USO651" s="613"/>
      <c r="USP651" s="613"/>
      <c r="USQ651" s="613"/>
      <c r="USR651" s="613"/>
      <c r="USS651" s="613"/>
      <c r="UST651" s="613"/>
      <c r="USU651" s="613"/>
      <c r="USV651" s="613"/>
      <c r="USW651" s="613"/>
      <c r="USX651" s="613"/>
      <c r="USY651" s="613"/>
      <c r="USZ651" s="613"/>
      <c r="UTA651" s="613"/>
      <c r="UTB651" s="613"/>
      <c r="UTC651" s="613"/>
      <c r="UTD651" s="613"/>
      <c r="UTE651" s="613"/>
      <c r="UTF651" s="613"/>
      <c r="UTG651" s="613"/>
      <c r="UTH651" s="613"/>
      <c r="UTI651" s="613"/>
      <c r="UTJ651" s="613"/>
      <c r="UTK651" s="613"/>
      <c r="UTL651" s="613"/>
      <c r="UTM651" s="613"/>
      <c r="UTN651" s="613"/>
      <c r="UTO651" s="613"/>
      <c r="UTP651" s="613"/>
      <c r="UTQ651" s="613"/>
      <c r="UTR651" s="613"/>
      <c r="UTS651" s="613"/>
      <c r="UTT651" s="613"/>
      <c r="UTU651" s="613"/>
      <c r="UTV651" s="613"/>
      <c r="UTW651" s="613"/>
      <c r="UTX651" s="613"/>
      <c r="UTY651" s="613"/>
      <c r="UTZ651" s="613"/>
      <c r="UUA651" s="613"/>
      <c r="UUB651" s="613"/>
      <c r="UUC651" s="613"/>
      <c r="UUD651" s="613"/>
      <c r="UUE651" s="613"/>
      <c r="UUF651" s="613"/>
      <c r="UUG651" s="613"/>
      <c r="UUH651" s="613"/>
      <c r="UUI651" s="613"/>
      <c r="UUJ651" s="613"/>
      <c r="UUK651" s="613"/>
      <c r="UUL651" s="613"/>
      <c r="UUM651" s="613"/>
      <c r="UUN651" s="613"/>
      <c r="UUO651" s="613"/>
      <c r="UUP651" s="613"/>
      <c r="UUQ651" s="613"/>
      <c r="UUR651" s="613"/>
      <c r="UUS651" s="613"/>
      <c r="UUT651" s="613"/>
      <c r="UUU651" s="613"/>
      <c r="UUV651" s="613"/>
      <c r="UUW651" s="613"/>
      <c r="UUX651" s="613"/>
      <c r="UUY651" s="613"/>
      <c r="UUZ651" s="613"/>
      <c r="UVA651" s="613"/>
      <c r="UVB651" s="613"/>
      <c r="UVC651" s="613"/>
      <c r="UVD651" s="613"/>
      <c r="UVE651" s="613"/>
      <c r="UVF651" s="613"/>
      <c r="UVG651" s="613"/>
      <c r="UVH651" s="613"/>
      <c r="UVI651" s="613"/>
      <c r="UVJ651" s="613"/>
      <c r="UVK651" s="613"/>
      <c r="UVL651" s="613"/>
      <c r="UVM651" s="613"/>
      <c r="UVN651" s="613"/>
      <c r="UVO651" s="613"/>
      <c r="UVP651" s="613"/>
      <c r="UVQ651" s="613"/>
      <c r="UVR651" s="613"/>
      <c r="UVS651" s="613"/>
      <c r="UVT651" s="613"/>
      <c r="UVU651" s="613"/>
      <c r="UVV651" s="613"/>
      <c r="UVW651" s="613"/>
      <c r="UVX651" s="613"/>
      <c r="UVY651" s="613"/>
      <c r="UVZ651" s="613"/>
      <c r="UWA651" s="613"/>
      <c r="UWB651" s="613"/>
      <c r="UWC651" s="613"/>
      <c r="UWD651" s="613"/>
      <c r="UWE651" s="613"/>
      <c r="UWF651" s="613"/>
      <c r="UWG651" s="613"/>
      <c r="UWH651" s="613"/>
      <c r="UWI651" s="613"/>
      <c r="UWJ651" s="613"/>
      <c r="UWK651" s="613"/>
      <c r="UWL651" s="613"/>
      <c r="UWM651" s="613"/>
      <c r="UWN651" s="613"/>
      <c r="UWO651" s="613"/>
      <c r="UWP651" s="613"/>
      <c r="UWQ651" s="613"/>
      <c r="UWR651" s="613"/>
      <c r="UWS651" s="613"/>
      <c r="UWT651" s="613"/>
      <c r="UWU651" s="613"/>
      <c r="UWV651" s="613"/>
      <c r="UWW651" s="613"/>
      <c r="UWX651" s="613"/>
      <c r="UWY651" s="613"/>
      <c r="UWZ651" s="613"/>
      <c r="UXA651" s="613"/>
      <c r="UXB651" s="613"/>
      <c r="UXC651" s="613"/>
      <c r="UXD651" s="613"/>
      <c r="UXE651" s="613"/>
      <c r="UXF651" s="613"/>
      <c r="UXG651" s="613"/>
      <c r="UXH651" s="613"/>
      <c r="UXI651" s="613"/>
      <c r="UXJ651" s="613"/>
      <c r="UXK651" s="613"/>
      <c r="UXL651" s="613"/>
      <c r="UXM651" s="613"/>
      <c r="UXN651" s="613"/>
      <c r="UXO651" s="613"/>
      <c r="UXP651" s="613"/>
      <c r="UXQ651" s="613"/>
      <c r="UXR651" s="613"/>
      <c r="UXS651" s="613"/>
      <c r="UXT651" s="613"/>
      <c r="UXU651" s="613"/>
      <c r="UXV651" s="613"/>
      <c r="UXW651" s="613"/>
      <c r="UXX651" s="613"/>
      <c r="UXY651" s="613"/>
      <c r="UXZ651" s="613"/>
      <c r="UYA651" s="613"/>
      <c r="UYB651" s="613"/>
      <c r="UYC651" s="613"/>
      <c r="UYD651" s="613"/>
      <c r="UYE651" s="613"/>
      <c r="UYF651" s="613"/>
      <c r="UYG651" s="613"/>
      <c r="UYH651" s="613"/>
      <c r="UYI651" s="613"/>
      <c r="UYJ651" s="613"/>
      <c r="UYK651" s="613"/>
      <c r="UYL651" s="613"/>
      <c r="UYM651" s="613"/>
      <c r="UYN651" s="613"/>
      <c r="UYO651" s="613"/>
      <c r="UYP651" s="613"/>
      <c r="UYQ651" s="613"/>
      <c r="UYR651" s="613"/>
      <c r="UYS651" s="613"/>
      <c r="UYT651" s="613"/>
      <c r="UYU651" s="613"/>
      <c r="UYV651" s="613"/>
      <c r="UYW651" s="613"/>
      <c r="UYX651" s="613"/>
      <c r="UYY651" s="613"/>
      <c r="UYZ651" s="613"/>
      <c r="UZA651" s="613"/>
      <c r="UZB651" s="613"/>
      <c r="UZC651" s="613"/>
      <c r="UZD651" s="613"/>
      <c r="UZE651" s="613"/>
      <c r="UZF651" s="613"/>
      <c r="UZG651" s="613"/>
      <c r="UZH651" s="613"/>
      <c r="UZI651" s="613"/>
      <c r="UZJ651" s="613"/>
      <c r="UZK651" s="613"/>
      <c r="UZL651" s="613"/>
      <c r="UZM651" s="613"/>
      <c r="UZN651" s="613"/>
      <c r="UZO651" s="613"/>
      <c r="UZP651" s="613"/>
      <c r="UZQ651" s="613"/>
      <c r="UZR651" s="613"/>
      <c r="UZS651" s="613"/>
      <c r="UZT651" s="613"/>
      <c r="UZU651" s="613"/>
      <c r="UZV651" s="613"/>
      <c r="UZW651" s="613"/>
      <c r="UZX651" s="613"/>
      <c r="UZY651" s="613"/>
      <c r="UZZ651" s="613"/>
      <c r="VAA651" s="613"/>
      <c r="VAB651" s="613"/>
      <c r="VAC651" s="613"/>
      <c r="VAD651" s="613"/>
      <c r="VAE651" s="613"/>
      <c r="VAF651" s="613"/>
      <c r="VAG651" s="613"/>
      <c r="VAH651" s="613"/>
      <c r="VAI651" s="613"/>
      <c r="VAJ651" s="613"/>
      <c r="VAK651" s="613"/>
      <c r="VAL651" s="613"/>
      <c r="VAM651" s="613"/>
      <c r="VAN651" s="613"/>
      <c r="VAO651" s="613"/>
      <c r="VAP651" s="613"/>
      <c r="VAQ651" s="613"/>
      <c r="VAR651" s="613"/>
      <c r="VAS651" s="613"/>
      <c r="VAT651" s="613"/>
      <c r="VAU651" s="613"/>
      <c r="VAV651" s="613"/>
      <c r="VAW651" s="613"/>
      <c r="VAX651" s="613"/>
      <c r="VAY651" s="613"/>
      <c r="VAZ651" s="613"/>
      <c r="VBA651" s="613"/>
      <c r="VBB651" s="613"/>
      <c r="VBC651" s="613"/>
      <c r="VBD651" s="613"/>
      <c r="VBE651" s="613"/>
      <c r="VBF651" s="613"/>
      <c r="VBG651" s="613"/>
      <c r="VBH651" s="613"/>
      <c r="VBI651" s="613"/>
      <c r="VBJ651" s="613"/>
      <c r="VBK651" s="613"/>
      <c r="VBL651" s="613"/>
      <c r="VBM651" s="613"/>
      <c r="VBN651" s="613"/>
      <c r="VBO651" s="613"/>
      <c r="VBP651" s="613"/>
      <c r="VBQ651" s="613"/>
      <c r="VBR651" s="613"/>
      <c r="VBS651" s="613"/>
      <c r="VBT651" s="613"/>
      <c r="VBU651" s="613"/>
      <c r="VBV651" s="613"/>
      <c r="VBW651" s="613"/>
      <c r="VBX651" s="613"/>
      <c r="VBY651" s="613"/>
      <c r="VBZ651" s="613"/>
      <c r="VCA651" s="613"/>
      <c r="VCB651" s="613"/>
      <c r="VCC651" s="613"/>
      <c r="VCD651" s="613"/>
      <c r="VCE651" s="613"/>
      <c r="VCF651" s="613"/>
      <c r="VCG651" s="613"/>
      <c r="VCH651" s="613"/>
      <c r="VCI651" s="613"/>
      <c r="VCJ651" s="613"/>
      <c r="VCK651" s="613"/>
      <c r="VCL651" s="613"/>
      <c r="VCM651" s="613"/>
      <c r="VCN651" s="613"/>
      <c r="VCO651" s="613"/>
      <c r="VCP651" s="613"/>
      <c r="VCQ651" s="613"/>
      <c r="VCR651" s="613"/>
      <c r="VCS651" s="613"/>
      <c r="VCT651" s="613"/>
      <c r="VCU651" s="613"/>
      <c r="VCV651" s="613"/>
      <c r="VCW651" s="613"/>
      <c r="VCX651" s="613"/>
      <c r="VCY651" s="613"/>
      <c r="VCZ651" s="613"/>
      <c r="VDA651" s="613"/>
      <c r="VDB651" s="613"/>
      <c r="VDC651" s="613"/>
      <c r="VDD651" s="613"/>
      <c r="VDE651" s="613"/>
      <c r="VDF651" s="613"/>
      <c r="VDG651" s="613"/>
      <c r="VDH651" s="613"/>
      <c r="VDI651" s="613"/>
      <c r="VDJ651" s="613"/>
      <c r="VDK651" s="613"/>
      <c r="VDL651" s="613"/>
      <c r="VDM651" s="613"/>
      <c r="VDN651" s="613"/>
      <c r="VDO651" s="613"/>
      <c r="VDP651" s="613"/>
      <c r="VDQ651" s="613"/>
      <c r="VDR651" s="613"/>
      <c r="VDS651" s="613"/>
      <c r="VDT651" s="613"/>
      <c r="VDU651" s="613"/>
      <c r="VDV651" s="613"/>
      <c r="VDW651" s="613"/>
      <c r="VDX651" s="613"/>
      <c r="VDY651" s="613"/>
      <c r="VDZ651" s="613"/>
      <c r="VEA651" s="613"/>
      <c r="VEB651" s="613"/>
      <c r="VEC651" s="613"/>
      <c r="VED651" s="613"/>
      <c r="VEE651" s="613"/>
      <c r="VEF651" s="613"/>
      <c r="VEG651" s="613"/>
      <c r="VEH651" s="613"/>
      <c r="VEI651" s="613"/>
      <c r="VEJ651" s="613"/>
      <c r="VEK651" s="613"/>
      <c r="VEL651" s="613"/>
      <c r="VEM651" s="613"/>
      <c r="VEN651" s="613"/>
      <c r="VEO651" s="613"/>
      <c r="VEP651" s="613"/>
      <c r="VEQ651" s="613"/>
      <c r="VER651" s="613"/>
      <c r="VES651" s="613"/>
      <c r="VET651" s="613"/>
      <c r="VEU651" s="613"/>
      <c r="VEV651" s="613"/>
      <c r="VEW651" s="613"/>
      <c r="VEX651" s="613"/>
      <c r="VEY651" s="613"/>
      <c r="VEZ651" s="613"/>
      <c r="VFA651" s="613"/>
      <c r="VFB651" s="613"/>
      <c r="VFC651" s="613"/>
      <c r="VFD651" s="613"/>
      <c r="VFE651" s="613"/>
      <c r="VFF651" s="613"/>
      <c r="VFG651" s="613"/>
      <c r="VFH651" s="613"/>
      <c r="VFI651" s="613"/>
      <c r="VFJ651" s="613"/>
      <c r="VFK651" s="613"/>
      <c r="VFL651" s="613"/>
      <c r="VFM651" s="613"/>
      <c r="VFN651" s="613"/>
      <c r="VFO651" s="613"/>
      <c r="VFP651" s="613"/>
      <c r="VFQ651" s="613"/>
      <c r="VFR651" s="613"/>
      <c r="VFS651" s="613"/>
      <c r="VFT651" s="613"/>
      <c r="VFU651" s="613"/>
      <c r="VFV651" s="613"/>
      <c r="VFW651" s="613"/>
      <c r="VFX651" s="613"/>
      <c r="VFY651" s="613"/>
      <c r="VFZ651" s="613"/>
      <c r="VGA651" s="613"/>
      <c r="VGB651" s="613"/>
      <c r="VGC651" s="613"/>
      <c r="VGD651" s="613"/>
      <c r="VGE651" s="613"/>
      <c r="VGF651" s="613"/>
      <c r="VGG651" s="613"/>
      <c r="VGH651" s="613"/>
      <c r="VGI651" s="613"/>
      <c r="VGJ651" s="613"/>
      <c r="VGK651" s="613"/>
      <c r="VGL651" s="613"/>
      <c r="VGM651" s="613"/>
      <c r="VGN651" s="613"/>
      <c r="VGO651" s="613"/>
      <c r="VGP651" s="613"/>
      <c r="VGQ651" s="613"/>
      <c r="VGR651" s="613"/>
      <c r="VGS651" s="613"/>
      <c r="VGT651" s="613"/>
      <c r="VGU651" s="613"/>
      <c r="VGV651" s="613"/>
      <c r="VGW651" s="613"/>
      <c r="VGX651" s="613"/>
      <c r="VGY651" s="613"/>
      <c r="VGZ651" s="613"/>
      <c r="VHA651" s="613"/>
      <c r="VHB651" s="613"/>
      <c r="VHC651" s="613"/>
      <c r="VHD651" s="613"/>
      <c r="VHE651" s="613"/>
      <c r="VHF651" s="613"/>
      <c r="VHG651" s="613"/>
      <c r="VHH651" s="613"/>
      <c r="VHI651" s="613"/>
      <c r="VHJ651" s="613"/>
      <c r="VHK651" s="613"/>
      <c r="VHL651" s="613"/>
      <c r="VHM651" s="613"/>
      <c r="VHN651" s="613"/>
      <c r="VHO651" s="613"/>
      <c r="VHP651" s="613"/>
      <c r="VHQ651" s="613"/>
      <c r="VHR651" s="613"/>
      <c r="VHS651" s="613"/>
      <c r="VHT651" s="613"/>
      <c r="VHU651" s="613"/>
      <c r="VHV651" s="613"/>
      <c r="VHW651" s="613"/>
      <c r="VHX651" s="613"/>
      <c r="VHY651" s="613"/>
      <c r="VHZ651" s="613"/>
      <c r="VIA651" s="613"/>
      <c r="VIB651" s="613"/>
      <c r="VIC651" s="613"/>
      <c r="VID651" s="613"/>
      <c r="VIE651" s="613"/>
      <c r="VIF651" s="613"/>
      <c r="VIG651" s="613"/>
      <c r="VIH651" s="613"/>
      <c r="VII651" s="613"/>
      <c r="VIJ651" s="613"/>
      <c r="VIK651" s="613"/>
      <c r="VIL651" s="613"/>
      <c r="VIM651" s="613"/>
      <c r="VIN651" s="613"/>
      <c r="VIO651" s="613"/>
      <c r="VIP651" s="613"/>
      <c r="VIQ651" s="613"/>
      <c r="VIR651" s="613"/>
      <c r="VIS651" s="613"/>
      <c r="VIT651" s="613"/>
      <c r="VIU651" s="613"/>
      <c r="VIV651" s="613"/>
      <c r="VIW651" s="613"/>
      <c r="VIX651" s="613"/>
      <c r="VIY651" s="613"/>
      <c r="VIZ651" s="613"/>
      <c r="VJA651" s="613"/>
      <c r="VJB651" s="613"/>
      <c r="VJC651" s="613"/>
      <c r="VJD651" s="613"/>
      <c r="VJE651" s="613"/>
      <c r="VJF651" s="613"/>
      <c r="VJG651" s="613"/>
      <c r="VJH651" s="613"/>
      <c r="VJI651" s="613"/>
      <c r="VJJ651" s="613"/>
      <c r="VJK651" s="613"/>
      <c r="VJL651" s="613"/>
      <c r="VJM651" s="613"/>
      <c r="VJN651" s="613"/>
      <c r="VJO651" s="613"/>
      <c r="VJP651" s="613"/>
      <c r="VJQ651" s="613"/>
      <c r="VJR651" s="613"/>
      <c r="VJS651" s="613"/>
      <c r="VJT651" s="613"/>
      <c r="VJU651" s="613"/>
      <c r="VJV651" s="613"/>
      <c r="VJW651" s="613"/>
      <c r="VJX651" s="613"/>
      <c r="VJY651" s="613"/>
      <c r="VJZ651" s="613"/>
      <c r="VKA651" s="613"/>
      <c r="VKB651" s="613"/>
      <c r="VKC651" s="613"/>
      <c r="VKD651" s="613"/>
      <c r="VKE651" s="613"/>
      <c r="VKF651" s="613"/>
      <c r="VKG651" s="613"/>
      <c r="VKH651" s="613"/>
      <c r="VKI651" s="613"/>
      <c r="VKJ651" s="613"/>
      <c r="VKK651" s="613"/>
      <c r="VKL651" s="613"/>
      <c r="VKM651" s="613"/>
      <c r="VKN651" s="613"/>
      <c r="VKO651" s="613"/>
      <c r="VKP651" s="613"/>
      <c r="VKQ651" s="613"/>
      <c r="VKR651" s="613"/>
      <c r="VKS651" s="613"/>
      <c r="VKT651" s="613"/>
      <c r="VKU651" s="613"/>
      <c r="VKV651" s="613"/>
      <c r="VKW651" s="613"/>
      <c r="VKX651" s="613"/>
      <c r="VKY651" s="613"/>
      <c r="VKZ651" s="613"/>
      <c r="VLA651" s="613"/>
      <c r="VLB651" s="613"/>
      <c r="VLC651" s="613"/>
      <c r="VLD651" s="613"/>
      <c r="VLE651" s="613"/>
      <c r="VLF651" s="613"/>
      <c r="VLG651" s="613"/>
      <c r="VLH651" s="613"/>
      <c r="VLI651" s="613"/>
      <c r="VLJ651" s="613"/>
      <c r="VLK651" s="613"/>
      <c r="VLL651" s="613"/>
      <c r="VLM651" s="613"/>
      <c r="VLN651" s="613"/>
      <c r="VLO651" s="613"/>
      <c r="VLP651" s="613"/>
      <c r="VLQ651" s="613"/>
      <c r="VLR651" s="613"/>
      <c r="VLS651" s="613"/>
      <c r="VLT651" s="613"/>
      <c r="VLU651" s="613"/>
      <c r="VLV651" s="613"/>
      <c r="VLW651" s="613"/>
      <c r="VLX651" s="613"/>
      <c r="VLY651" s="613"/>
      <c r="VLZ651" s="613"/>
      <c r="VMA651" s="613"/>
      <c r="VMB651" s="613"/>
      <c r="VMC651" s="613"/>
      <c r="VMD651" s="613"/>
      <c r="VME651" s="613"/>
      <c r="VMF651" s="613"/>
      <c r="VMG651" s="613"/>
      <c r="VMH651" s="613"/>
      <c r="VMI651" s="613"/>
      <c r="VMJ651" s="613"/>
      <c r="VMK651" s="613"/>
      <c r="VML651" s="613"/>
      <c r="VMM651" s="613"/>
      <c r="VMN651" s="613"/>
      <c r="VMO651" s="613"/>
      <c r="VMP651" s="613"/>
      <c r="VMQ651" s="613"/>
      <c r="VMR651" s="613"/>
      <c r="VMS651" s="613"/>
      <c r="VMT651" s="613"/>
      <c r="VMU651" s="613"/>
      <c r="VMV651" s="613"/>
      <c r="VMW651" s="613"/>
      <c r="VMX651" s="613"/>
      <c r="VMY651" s="613"/>
      <c r="VMZ651" s="613"/>
      <c r="VNA651" s="613"/>
      <c r="VNB651" s="613"/>
      <c r="VNC651" s="613"/>
      <c r="VND651" s="613"/>
      <c r="VNE651" s="613"/>
      <c r="VNF651" s="613"/>
      <c r="VNG651" s="613"/>
      <c r="VNH651" s="613"/>
      <c r="VNI651" s="613"/>
      <c r="VNJ651" s="613"/>
      <c r="VNK651" s="613"/>
      <c r="VNL651" s="613"/>
      <c r="VNM651" s="613"/>
      <c r="VNN651" s="613"/>
      <c r="VNO651" s="613"/>
      <c r="VNP651" s="613"/>
      <c r="VNQ651" s="613"/>
      <c r="VNR651" s="613"/>
      <c r="VNS651" s="613"/>
      <c r="VNT651" s="613"/>
      <c r="VNU651" s="613"/>
      <c r="VNV651" s="613"/>
      <c r="VNW651" s="613"/>
      <c r="VNX651" s="613"/>
      <c r="VNY651" s="613"/>
      <c r="VNZ651" s="613"/>
      <c r="VOA651" s="613"/>
      <c r="VOB651" s="613"/>
      <c r="VOC651" s="613"/>
      <c r="VOD651" s="613"/>
      <c r="VOE651" s="613"/>
      <c r="VOF651" s="613"/>
      <c r="VOG651" s="613"/>
      <c r="VOH651" s="613"/>
      <c r="VOI651" s="613"/>
      <c r="VOJ651" s="613"/>
      <c r="VOK651" s="613"/>
      <c r="VOL651" s="613"/>
      <c r="VOM651" s="613"/>
      <c r="VON651" s="613"/>
      <c r="VOO651" s="613"/>
      <c r="VOP651" s="613"/>
      <c r="VOQ651" s="613"/>
      <c r="VOR651" s="613"/>
      <c r="VOS651" s="613"/>
      <c r="VOT651" s="613"/>
      <c r="VOU651" s="613"/>
      <c r="VOV651" s="613"/>
      <c r="VOW651" s="613"/>
      <c r="VOX651" s="613"/>
      <c r="VOY651" s="613"/>
      <c r="VOZ651" s="613"/>
      <c r="VPA651" s="613"/>
      <c r="VPB651" s="613"/>
      <c r="VPC651" s="613"/>
      <c r="VPD651" s="613"/>
      <c r="VPE651" s="613"/>
      <c r="VPF651" s="613"/>
      <c r="VPG651" s="613"/>
      <c r="VPH651" s="613"/>
      <c r="VPI651" s="613"/>
      <c r="VPJ651" s="613"/>
      <c r="VPK651" s="613"/>
      <c r="VPL651" s="613"/>
      <c r="VPM651" s="613"/>
      <c r="VPN651" s="613"/>
      <c r="VPO651" s="613"/>
      <c r="VPP651" s="613"/>
      <c r="VPQ651" s="613"/>
      <c r="VPR651" s="613"/>
      <c r="VPS651" s="613"/>
      <c r="VPT651" s="613"/>
      <c r="VPU651" s="613"/>
      <c r="VPV651" s="613"/>
      <c r="VPW651" s="613"/>
      <c r="VPX651" s="613"/>
      <c r="VPY651" s="613"/>
      <c r="VPZ651" s="613"/>
      <c r="VQA651" s="613"/>
      <c r="VQB651" s="613"/>
      <c r="VQC651" s="613"/>
      <c r="VQD651" s="613"/>
      <c r="VQE651" s="613"/>
      <c r="VQF651" s="613"/>
      <c r="VQG651" s="613"/>
      <c r="VQH651" s="613"/>
      <c r="VQI651" s="613"/>
      <c r="VQJ651" s="613"/>
      <c r="VQK651" s="613"/>
      <c r="VQL651" s="613"/>
      <c r="VQM651" s="613"/>
      <c r="VQN651" s="613"/>
      <c r="VQO651" s="613"/>
      <c r="VQP651" s="613"/>
      <c r="VQQ651" s="613"/>
      <c r="VQR651" s="613"/>
      <c r="VQS651" s="613"/>
      <c r="VQT651" s="613"/>
      <c r="VQU651" s="613"/>
      <c r="VQV651" s="613"/>
      <c r="VQW651" s="613"/>
      <c r="VQX651" s="613"/>
      <c r="VQY651" s="613"/>
      <c r="VQZ651" s="613"/>
      <c r="VRA651" s="613"/>
      <c r="VRB651" s="613"/>
      <c r="VRC651" s="613"/>
      <c r="VRD651" s="613"/>
      <c r="VRE651" s="613"/>
      <c r="VRF651" s="613"/>
      <c r="VRG651" s="613"/>
      <c r="VRH651" s="613"/>
      <c r="VRI651" s="613"/>
      <c r="VRJ651" s="613"/>
      <c r="VRK651" s="613"/>
      <c r="VRL651" s="613"/>
      <c r="VRM651" s="613"/>
      <c r="VRN651" s="613"/>
      <c r="VRO651" s="613"/>
      <c r="VRP651" s="613"/>
      <c r="VRQ651" s="613"/>
      <c r="VRR651" s="613"/>
      <c r="VRS651" s="613"/>
      <c r="VRT651" s="613"/>
      <c r="VRU651" s="613"/>
      <c r="VRV651" s="613"/>
      <c r="VRW651" s="613"/>
      <c r="VRX651" s="613"/>
      <c r="VRY651" s="613"/>
      <c r="VRZ651" s="613"/>
      <c r="VSA651" s="613"/>
      <c r="VSB651" s="613"/>
      <c r="VSC651" s="613"/>
      <c r="VSD651" s="613"/>
      <c r="VSE651" s="613"/>
      <c r="VSF651" s="613"/>
      <c r="VSG651" s="613"/>
      <c r="VSH651" s="613"/>
      <c r="VSI651" s="613"/>
      <c r="VSJ651" s="613"/>
      <c r="VSK651" s="613"/>
      <c r="VSL651" s="613"/>
      <c r="VSM651" s="613"/>
      <c r="VSN651" s="613"/>
      <c r="VSO651" s="613"/>
      <c r="VSP651" s="613"/>
      <c r="VSQ651" s="613"/>
      <c r="VSR651" s="613"/>
      <c r="VSS651" s="613"/>
      <c r="VST651" s="613"/>
      <c r="VSU651" s="613"/>
      <c r="VSV651" s="613"/>
      <c r="VSW651" s="613"/>
      <c r="VSX651" s="613"/>
      <c r="VSY651" s="613"/>
      <c r="VSZ651" s="613"/>
      <c r="VTA651" s="613"/>
      <c r="VTB651" s="613"/>
      <c r="VTC651" s="613"/>
      <c r="VTD651" s="613"/>
      <c r="VTE651" s="613"/>
      <c r="VTF651" s="613"/>
      <c r="VTG651" s="613"/>
      <c r="VTH651" s="613"/>
      <c r="VTI651" s="613"/>
      <c r="VTJ651" s="613"/>
      <c r="VTK651" s="613"/>
      <c r="VTL651" s="613"/>
      <c r="VTM651" s="613"/>
      <c r="VTN651" s="613"/>
      <c r="VTO651" s="613"/>
      <c r="VTP651" s="613"/>
      <c r="VTQ651" s="613"/>
      <c r="VTR651" s="613"/>
      <c r="VTS651" s="613"/>
      <c r="VTT651" s="613"/>
      <c r="VTU651" s="613"/>
      <c r="VTV651" s="613"/>
      <c r="VTW651" s="613"/>
      <c r="VTX651" s="613"/>
      <c r="VTY651" s="613"/>
      <c r="VTZ651" s="613"/>
      <c r="VUA651" s="613"/>
      <c r="VUB651" s="613"/>
      <c r="VUC651" s="613"/>
      <c r="VUD651" s="613"/>
      <c r="VUE651" s="613"/>
      <c r="VUF651" s="613"/>
      <c r="VUG651" s="613"/>
      <c r="VUH651" s="613"/>
      <c r="VUI651" s="613"/>
      <c r="VUJ651" s="613"/>
      <c r="VUK651" s="613"/>
      <c r="VUL651" s="613"/>
      <c r="VUM651" s="613"/>
      <c r="VUN651" s="613"/>
      <c r="VUO651" s="613"/>
      <c r="VUP651" s="613"/>
      <c r="VUQ651" s="613"/>
      <c r="VUR651" s="613"/>
      <c r="VUS651" s="613"/>
      <c r="VUT651" s="613"/>
      <c r="VUU651" s="613"/>
      <c r="VUV651" s="613"/>
      <c r="VUW651" s="613"/>
      <c r="VUX651" s="613"/>
      <c r="VUY651" s="613"/>
      <c r="VUZ651" s="613"/>
      <c r="VVA651" s="613"/>
      <c r="VVB651" s="613"/>
      <c r="VVC651" s="613"/>
      <c r="VVD651" s="613"/>
      <c r="VVE651" s="613"/>
      <c r="VVF651" s="613"/>
      <c r="VVG651" s="613"/>
      <c r="VVH651" s="613"/>
      <c r="VVI651" s="613"/>
      <c r="VVJ651" s="613"/>
      <c r="VVK651" s="613"/>
      <c r="VVL651" s="613"/>
      <c r="VVM651" s="613"/>
      <c r="VVN651" s="613"/>
      <c r="VVO651" s="613"/>
      <c r="VVP651" s="613"/>
      <c r="VVQ651" s="613"/>
      <c r="VVR651" s="613"/>
      <c r="VVS651" s="613"/>
      <c r="VVT651" s="613"/>
      <c r="VVU651" s="613"/>
      <c r="VVV651" s="613"/>
      <c r="VVW651" s="613"/>
      <c r="VVX651" s="613"/>
      <c r="VVY651" s="613"/>
      <c r="VVZ651" s="613"/>
      <c r="VWA651" s="613"/>
      <c r="VWB651" s="613"/>
      <c r="VWC651" s="613"/>
      <c r="VWD651" s="613"/>
      <c r="VWE651" s="613"/>
      <c r="VWF651" s="613"/>
      <c r="VWG651" s="613"/>
      <c r="VWH651" s="613"/>
      <c r="VWI651" s="613"/>
      <c r="VWJ651" s="613"/>
      <c r="VWK651" s="613"/>
      <c r="VWL651" s="613"/>
      <c r="VWM651" s="613"/>
      <c r="VWN651" s="613"/>
      <c r="VWO651" s="613"/>
      <c r="VWP651" s="613"/>
      <c r="VWQ651" s="613"/>
      <c r="VWR651" s="613"/>
      <c r="VWS651" s="613"/>
      <c r="VWT651" s="613"/>
      <c r="VWU651" s="613"/>
      <c r="VWV651" s="613"/>
      <c r="VWW651" s="613"/>
      <c r="VWX651" s="613"/>
      <c r="VWY651" s="613"/>
      <c r="VWZ651" s="613"/>
      <c r="VXA651" s="613"/>
      <c r="VXB651" s="613"/>
      <c r="VXC651" s="613"/>
      <c r="VXD651" s="613"/>
      <c r="VXE651" s="613"/>
      <c r="VXF651" s="613"/>
      <c r="VXG651" s="613"/>
      <c r="VXH651" s="613"/>
      <c r="VXI651" s="613"/>
      <c r="VXJ651" s="613"/>
      <c r="VXK651" s="613"/>
      <c r="VXL651" s="613"/>
      <c r="VXM651" s="613"/>
      <c r="VXN651" s="613"/>
      <c r="VXO651" s="613"/>
      <c r="VXP651" s="613"/>
      <c r="VXQ651" s="613"/>
      <c r="VXR651" s="613"/>
      <c r="VXS651" s="613"/>
      <c r="VXT651" s="613"/>
      <c r="VXU651" s="613"/>
      <c r="VXV651" s="613"/>
      <c r="VXW651" s="613"/>
      <c r="VXX651" s="613"/>
      <c r="VXY651" s="613"/>
      <c r="VXZ651" s="613"/>
      <c r="VYA651" s="613"/>
      <c r="VYB651" s="613"/>
      <c r="VYC651" s="613"/>
      <c r="VYD651" s="613"/>
      <c r="VYE651" s="613"/>
      <c r="VYF651" s="613"/>
      <c r="VYG651" s="613"/>
      <c r="VYH651" s="613"/>
      <c r="VYI651" s="613"/>
      <c r="VYJ651" s="613"/>
      <c r="VYK651" s="613"/>
      <c r="VYL651" s="613"/>
      <c r="VYM651" s="613"/>
      <c r="VYN651" s="613"/>
      <c r="VYO651" s="613"/>
      <c r="VYP651" s="613"/>
      <c r="VYQ651" s="613"/>
      <c r="VYR651" s="613"/>
      <c r="VYS651" s="613"/>
      <c r="VYT651" s="613"/>
      <c r="VYU651" s="613"/>
      <c r="VYV651" s="613"/>
      <c r="VYW651" s="613"/>
      <c r="VYX651" s="613"/>
      <c r="VYY651" s="613"/>
      <c r="VYZ651" s="613"/>
      <c r="VZA651" s="613"/>
      <c r="VZB651" s="613"/>
      <c r="VZC651" s="613"/>
      <c r="VZD651" s="613"/>
      <c r="VZE651" s="613"/>
      <c r="VZF651" s="613"/>
      <c r="VZG651" s="613"/>
      <c r="VZH651" s="613"/>
      <c r="VZI651" s="613"/>
      <c r="VZJ651" s="613"/>
      <c r="VZK651" s="613"/>
      <c r="VZL651" s="613"/>
      <c r="VZM651" s="613"/>
      <c r="VZN651" s="613"/>
      <c r="VZO651" s="613"/>
      <c r="VZP651" s="613"/>
      <c r="VZQ651" s="613"/>
      <c r="VZR651" s="613"/>
      <c r="VZS651" s="613"/>
      <c r="VZT651" s="613"/>
      <c r="VZU651" s="613"/>
      <c r="VZV651" s="613"/>
      <c r="VZW651" s="613"/>
      <c r="VZX651" s="613"/>
      <c r="VZY651" s="613"/>
      <c r="VZZ651" s="613"/>
      <c r="WAA651" s="613"/>
      <c r="WAB651" s="613"/>
      <c r="WAC651" s="613"/>
      <c r="WAD651" s="613"/>
      <c r="WAE651" s="613"/>
      <c r="WAF651" s="613"/>
      <c r="WAG651" s="613"/>
      <c r="WAH651" s="613"/>
      <c r="WAI651" s="613"/>
      <c r="WAJ651" s="613"/>
      <c r="WAK651" s="613"/>
      <c r="WAL651" s="613"/>
      <c r="WAM651" s="613"/>
      <c r="WAN651" s="613"/>
      <c r="WAO651" s="613"/>
      <c r="WAP651" s="613"/>
      <c r="WAQ651" s="613"/>
      <c r="WAR651" s="613"/>
      <c r="WAS651" s="613"/>
      <c r="WAT651" s="613"/>
      <c r="WAU651" s="613"/>
      <c r="WAV651" s="613"/>
      <c r="WAW651" s="613"/>
      <c r="WAX651" s="613"/>
      <c r="WAY651" s="613"/>
      <c r="WAZ651" s="613"/>
      <c r="WBA651" s="613"/>
      <c r="WBB651" s="613"/>
      <c r="WBC651" s="613"/>
      <c r="WBD651" s="613"/>
      <c r="WBE651" s="613"/>
      <c r="WBF651" s="613"/>
      <c r="WBG651" s="613"/>
      <c r="WBH651" s="613"/>
      <c r="WBI651" s="613"/>
      <c r="WBJ651" s="613"/>
      <c r="WBK651" s="613"/>
      <c r="WBL651" s="613"/>
      <c r="WBM651" s="613"/>
      <c r="WBN651" s="613"/>
      <c r="WBO651" s="613"/>
      <c r="WBP651" s="613"/>
      <c r="WBQ651" s="613"/>
      <c r="WBR651" s="613"/>
      <c r="WBS651" s="613"/>
      <c r="WBT651" s="613"/>
      <c r="WBU651" s="613"/>
      <c r="WBV651" s="613"/>
      <c r="WBW651" s="613"/>
      <c r="WBX651" s="613"/>
      <c r="WBY651" s="613"/>
      <c r="WBZ651" s="613"/>
      <c r="WCA651" s="613"/>
      <c r="WCB651" s="613"/>
      <c r="WCC651" s="613"/>
      <c r="WCD651" s="613"/>
      <c r="WCE651" s="613"/>
      <c r="WCF651" s="613"/>
      <c r="WCG651" s="613"/>
      <c r="WCH651" s="613"/>
      <c r="WCI651" s="613"/>
      <c r="WCJ651" s="613"/>
      <c r="WCK651" s="613"/>
      <c r="WCL651" s="613"/>
      <c r="WCM651" s="613"/>
      <c r="WCN651" s="613"/>
      <c r="WCO651" s="613"/>
      <c r="WCP651" s="613"/>
      <c r="WCQ651" s="613"/>
      <c r="WCR651" s="613"/>
      <c r="WCS651" s="613"/>
      <c r="WCT651" s="613"/>
      <c r="WCU651" s="613"/>
      <c r="WCV651" s="613"/>
      <c r="WCW651" s="613"/>
      <c r="WCX651" s="613"/>
      <c r="WCY651" s="613"/>
      <c r="WCZ651" s="613"/>
      <c r="WDA651" s="613"/>
      <c r="WDB651" s="613"/>
      <c r="WDC651" s="613"/>
      <c r="WDD651" s="613"/>
      <c r="WDE651" s="613"/>
      <c r="WDF651" s="613"/>
      <c r="WDG651" s="613"/>
      <c r="WDH651" s="613"/>
      <c r="WDI651" s="613"/>
      <c r="WDJ651" s="613"/>
      <c r="WDK651" s="613"/>
      <c r="WDL651" s="613"/>
      <c r="WDM651" s="613"/>
      <c r="WDN651" s="613"/>
      <c r="WDO651" s="613"/>
      <c r="WDP651" s="613"/>
      <c r="WDQ651" s="613"/>
      <c r="WDR651" s="613"/>
      <c r="WDS651" s="613"/>
      <c r="WDT651" s="613"/>
      <c r="WDU651" s="613"/>
      <c r="WDV651" s="613"/>
      <c r="WDW651" s="613"/>
      <c r="WDX651" s="613"/>
      <c r="WDY651" s="613"/>
      <c r="WDZ651" s="613"/>
      <c r="WEA651" s="613"/>
      <c r="WEB651" s="613"/>
      <c r="WEC651" s="613"/>
      <c r="WED651" s="613"/>
      <c r="WEE651" s="613"/>
      <c r="WEF651" s="613"/>
      <c r="WEG651" s="613"/>
      <c r="WEH651" s="613"/>
      <c r="WEI651" s="613"/>
      <c r="WEJ651" s="613"/>
      <c r="WEK651" s="613"/>
      <c r="WEL651" s="613"/>
      <c r="WEM651" s="613"/>
      <c r="WEN651" s="613"/>
      <c r="WEO651" s="613"/>
      <c r="WEP651" s="613"/>
      <c r="WEQ651" s="613"/>
      <c r="WER651" s="613"/>
      <c r="WES651" s="613"/>
      <c r="WET651" s="613"/>
      <c r="WEU651" s="613"/>
      <c r="WEV651" s="613"/>
      <c r="WEW651" s="613"/>
      <c r="WEX651" s="613"/>
      <c r="WEY651" s="613"/>
      <c r="WEZ651" s="613"/>
      <c r="WFA651" s="613"/>
      <c r="WFB651" s="613"/>
      <c r="WFC651" s="613"/>
      <c r="WFD651" s="613"/>
      <c r="WFE651" s="613"/>
      <c r="WFF651" s="613"/>
      <c r="WFG651" s="613"/>
      <c r="WFH651" s="613"/>
      <c r="WFI651" s="613"/>
      <c r="WFJ651" s="613"/>
      <c r="WFK651" s="613"/>
      <c r="WFL651" s="613"/>
      <c r="WFM651" s="613"/>
      <c r="WFN651" s="613"/>
      <c r="WFO651" s="613"/>
      <c r="WFP651" s="613"/>
      <c r="WFQ651" s="613"/>
      <c r="WFR651" s="613"/>
      <c r="WFS651" s="613"/>
      <c r="WFT651" s="613"/>
      <c r="WFU651" s="613"/>
      <c r="WFV651" s="613"/>
      <c r="WFW651" s="613"/>
      <c r="WFX651" s="613"/>
      <c r="WFY651" s="613"/>
      <c r="WFZ651" s="613"/>
      <c r="WGA651" s="613"/>
      <c r="WGB651" s="613"/>
      <c r="WGC651" s="613"/>
      <c r="WGD651" s="613"/>
      <c r="WGE651" s="613"/>
      <c r="WGF651" s="613"/>
      <c r="WGG651" s="613"/>
      <c r="WGH651" s="613"/>
      <c r="WGI651" s="613"/>
      <c r="WGJ651" s="613"/>
      <c r="WGK651" s="613"/>
      <c r="WGL651" s="613"/>
      <c r="WGM651" s="613"/>
      <c r="WGN651" s="613"/>
      <c r="WGO651" s="613"/>
      <c r="WGP651" s="613"/>
      <c r="WGQ651" s="613"/>
      <c r="WGR651" s="613"/>
      <c r="WGS651" s="613"/>
      <c r="WGT651" s="613"/>
      <c r="WGU651" s="613"/>
      <c r="WGV651" s="613"/>
      <c r="WGW651" s="613"/>
      <c r="WGX651" s="613"/>
      <c r="WGY651" s="613"/>
      <c r="WGZ651" s="613"/>
      <c r="WHA651" s="613"/>
      <c r="WHB651" s="613"/>
      <c r="WHC651" s="613"/>
      <c r="WHD651" s="613"/>
      <c r="WHE651" s="613"/>
      <c r="WHF651" s="613"/>
      <c r="WHG651" s="613"/>
      <c r="WHH651" s="613"/>
      <c r="WHI651" s="613"/>
      <c r="WHJ651" s="613"/>
      <c r="WHK651" s="613"/>
      <c r="WHL651" s="613"/>
      <c r="WHM651" s="613"/>
      <c r="WHN651" s="613"/>
      <c r="WHO651" s="613"/>
      <c r="WHP651" s="613"/>
      <c r="WHQ651" s="613"/>
      <c r="WHR651" s="613"/>
      <c r="WHS651" s="613"/>
      <c r="WHT651" s="613"/>
      <c r="WHU651" s="613"/>
      <c r="WHV651" s="613"/>
      <c r="WHW651" s="613"/>
      <c r="WHX651" s="613"/>
      <c r="WHY651" s="613"/>
      <c r="WHZ651" s="613"/>
      <c r="WIA651" s="613"/>
      <c r="WIB651" s="613"/>
      <c r="WIC651" s="613"/>
      <c r="WID651" s="613"/>
      <c r="WIE651" s="613"/>
      <c r="WIF651" s="613"/>
      <c r="WIG651" s="613"/>
      <c r="WIH651" s="613"/>
      <c r="WII651" s="613"/>
      <c r="WIJ651" s="613"/>
      <c r="WIK651" s="613"/>
      <c r="WIL651" s="613"/>
      <c r="WIM651" s="613"/>
      <c r="WIN651" s="613"/>
      <c r="WIO651" s="613"/>
      <c r="WIP651" s="613"/>
      <c r="WIQ651" s="613"/>
      <c r="WIR651" s="613"/>
      <c r="WIS651" s="613"/>
      <c r="WIT651" s="613"/>
      <c r="WIU651" s="613"/>
      <c r="WIV651" s="613"/>
      <c r="WIW651" s="613"/>
      <c r="WIX651" s="613"/>
      <c r="WIY651" s="613"/>
      <c r="WIZ651" s="613"/>
      <c r="WJA651" s="613"/>
      <c r="WJB651" s="613"/>
      <c r="WJC651" s="613"/>
      <c r="WJD651" s="613"/>
      <c r="WJE651" s="613"/>
      <c r="WJF651" s="613"/>
      <c r="WJG651" s="613"/>
      <c r="WJH651" s="613"/>
      <c r="WJI651" s="613"/>
      <c r="WJJ651" s="613"/>
      <c r="WJK651" s="613"/>
      <c r="WJL651" s="613"/>
      <c r="WJM651" s="613"/>
      <c r="WJN651" s="613"/>
      <c r="WJO651" s="613"/>
      <c r="WJP651" s="613"/>
      <c r="WJQ651" s="613"/>
      <c r="WJR651" s="613"/>
      <c r="WJS651" s="613"/>
      <c r="WJT651" s="613"/>
      <c r="WJU651" s="613"/>
      <c r="WJV651" s="613"/>
      <c r="WJW651" s="613"/>
      <c r="WJX651" s="613"/>
      <c r="WJY651" s="613"/>
      <c r="WJZ651" s="613"/>
      <c r="WKA651" s="613"/>
      <c r="WKB651" s="613"/>
      <c r="WKC651" s="613"/>
      <c r="WKD651" s="613"/>
      <c r="WKE651" s="613"/>
      <c r="WKF651" s="613"/>
      <c r="WKG651" s="613"/>
      <c r="WKH651" s="613"/>
      <c r="WKI651" s="613"/>
      <c r="WKJ651" s="613"/>
      <c r="WKK651" s="613"/>
      <c r="WKL651" s="613"/>
      <c r="WKM651" s="613"/>
      <c r="WKN651" s="613"/>
      <c r="WKO651" s="613"/>
      <c r="WKP651" s="613"/>
      <c r="WKQ651" s="613"/>
      <c r="WKR651" s="613"/>
      <c r="WKS651" s="613"/>
      <c r="WKT651" s="613"/>
      <c r="WKU651" s="613"/>
      <c r="WKV651" s="613"/>
      <c r="WKW651" s="613"/>
      <c r="WKX651" s="613"/>
      <c r="WKY651" s="613"/>
      <c r="WKZ651" s="613"/>
      <c r="WLA651" s="613"/>
      <c r="WLB651" s="613"/>
      <c r="WLC651" s="613"/>
      <c r="WLD651" s="613"/>
      <c r="WLE651" s="613"/>
      <c r="WLF651" s="613"/>
      <c r="WLG651" s="613"/>
      <c r="WLH651" s="613"/>
      <c r="WLI651" s="613"/>
      <c r="WLJ651" s="613"/>
      <c r="WLK651" s="613"/>
      <c r="WLL651" s="613"/>
      <c r="WLM651" s="613"/>
      <c r="WLN651" s="613"/>
      <c r="WLO651" s="613"/>
      <c r="WLP651" s="613"/>
      <c r="WLQ651" s="613"/>
      <c r="WLR651" s="613"/>
      <c r="WLS651" s="613"/>
      <c r="WLT651" s="613"/>
      <c r="WLU651" s="613"/>
      <c r="WLV651" s="613"/>
      <c r="WLW651" s="613"/>
      <c r="WLX651" s="613"/>
      <c r="WLY651" s="613"/>
      <c r="WLZ651" s="613"/>
      <c r="WMA651" s="613"/>
      <c r="WMB651" s="613"/>
      <c r="WMC651" s="613"/>
      <c r="WMD651" s="613"/>
      <c r="WME651" s="613"/>
      <c r="WMF651" s="613"/>
      <c r="WMG651" s="613"/>
      <c r="WMH651" s="613"/>
      <c r="WMI651" s="613"/>
      <c r="WMJ651" s="613"/>
      <c r="WMK651" s="613"/>
      <c r="WML651" s="613"/>
      <c r="WMM651" s="613"/>
      <c r="WMN651" s="613"/>
      <c r="WMO651" s="613"/>
      <c r="WMP651" s="613"/>
      <c r="WMQ651" s="613"/>
      <c r="WMR651" s="613"/>
      <c r="WMS651" s="613"/>
      <c r="WMT651" s="613"/>
      <c r="WMU651" s="613"/>
      <c r="WMV651" s="613"/>
      <c r="WMW651" s="613"/>
      <c r="WMX651" s="613"/>
      <c r="WMY651" s="613"/>
      <c r="WMZ651" s="613"/>
      <c r="WNA651" s="613"/>
      <c r="WNB651" s="613"/>
      <c r="WNC651" s="613"/>
      <c r="WND651" s="613"/>
      <c r="WNE651" s="613"/>
      <c r="WNF651" s="613"/>
      <c r="WNG651" s="613"/>
      <c r="WNH651" s="613"/>
      <c r="WNI651" s="613"/>
      <c r="WNJ651" s="613"/>
      <c r="WNK651" s="613"/>
      <c r="WNL651" s="613"/>
      <c r="WNM651" s="613"/>
      <c r="WNN651" s="613"/>
      <c r="WNO651" s="613"/>
      <c r="WNP651" s="613"/>
      <c r="WNQ651" s="613"/>
      <c r="WNR651" s="613"/>
      <c r="WNS651" s="613"/>
      <c r="WNT651" s="613"/>
      <c r="WNU651" s="613"/>
      <c r="WNV651" s="613"/>
      <c r="WNW651" s="613"/>
      <c r="WNX651" s="613"/>
      <c r="WNY651" s="613"/>
      <c r="WNZ651" s="613"/>
      <c r="WOA651" s="613"/>
      <c r="WOB651" s="613"/>
      <c r="WOC651" s="613"/>
      <c r="WOD651" s="613"/>
      <c r="WOE651" s="613"/>
      <c r="WOF651" s="613"/>
      <c r="WOG651" s="613"/>
      <c r="WOH651" s="613"/>
      <c r="WOI651" s="613"/>
      <c r="WOJ651" s="613"/>
      <c r="WOK651" s="613"/>
      <c r="WOL651" s="613"/>
      <c r="WOM651" s="613"/>
      <c r="WON651" s="613"/>
      <c r="WOO651" s="613"/>
      <c r="WOP651" s="613"/>
      <c r="WOQ651" s="613"/>
      <c r="WOR651" s="613"/>
      <c r="WOS651" s="613"/>
      <c r="WOT651" s="613"/>
      <c r="WOU651" s="613"/>
      <c r="WOV651" s="613"/>
      <c r="WOW651" s="613"/>
      <c r="WOX651" s="613"/>
      <c r="WOY651" s="613"/>
      <c r="WOZ651" s="613"/>
      <c r="WPA651" s="613"/>
      <c r="WPB651" s="613"/>
      <c r="WPC651" s="613"/>
      <c r="WPD651" s="613"/>
      <c r="WPE651" s="613"/>
      <c r="WPF651" s="613"/>
      <c r="WPG651" s="613"/>
      <c r="WPH651" s="613"/>
      <c r="WPI651" s="613"/>
      <c r="WPJ651" s="613"/>
      <c r="WPK651" s="613"/>
      <c r="WPL651" s="613"/>
      <c r="WPM651" s="613"/>
      <c r="WPN651" s="613"/>
      <c r="WPO651" s="613"/>
      <c r="WPP651" s="613"/>
      <c r="WPQ651" s="613"/>
      <c r="WPR651" s="613"/>
      <c r="WPS651" s="613"/>
      <c r="WPT651" s="613"/>
      <c r="WPU651" s="613"/>
      <c r="WPV651" s="613"/>
      <c r="WPW651" s="613"/>
      <c r="WPX651" s="613"/>
      <c r="WPY651" s="613"/>
      <c r="WPZ651" s="613"/>
      <c r="WQA651" s="613"/>
      <c r="WQB651" s="613"/>
      <c r="WQC651" s="613"/>
      <c r="WQD651" s="613"/>
      <c r="WQE651" s="613"/>
      <c r="WQF651" s="613"/>
      <c r="WQG651" s="613"/>
      <c r="WQH651" s="613"/>
      <c r="WQI651" s="613"/>
      <c r="WQJ651" s="613"/>
      <c r="WQK651" s="613"/>
      <c r="WQL651" s="613"/>
      <c r="WQM651" s="613"/>
      <c r="WQN651" s="613"/>
      <c r="WQO651" s="613"/>
      <c r="WQP651" s="613"/>
      <c r="WQQ651" s="613"/>
      <c r="WQR651" s="613"/>
      <c r="WQS651" s="613"/>
      <c r="WQT651" s="613"/>
      <c r="WQU651" s="613"/>
      <c r="WQV651" s="613"/>
      <c r="WQW651" s="613"/>
      <c r="WQX651" s="613"/>
      <c r="WQY651" s="613"/>
      <c r="WQZ651" s="613"/>
      <c r="WRA651" s="613"/>
      <c r="WRB651" s="613"/>
      <c r="WRC651" s="613"/>
      <c r="WRD651" s="613"/>
      <c r="WRE651" s="613"/>
      <c r="WRF651" s="613"/>
      <c r="WRG651" s="613"/>
      <c r="WRH651" s="613"/>
      <c r="WRI651" s="613"/>
      <c r="WRJ651" s="613"/>
      <c r="WRK651" s="613"/>
      <c r="WRL651" s="613"/>
      <c r="WRM651" s="613"/>
      <c r="WRN651" s="613"/>
      <c r="WRO651" s="613"/>
      <c r="WRP651" s="613"/>
      <c r="WRQ651" s="613"/>
      <c r="WRR651" s="613"/>
      <c r="WRS651" s="613"/>
      <c r="WRT651" s="613"/>
      <c r="WRU651" s="613"/>
      <c r="WRV651" s="613"/>
      <c r="WRW651" s="613"/>
      <c r="WRX651" s="613"/>
      <c r="WRY651" s="613"/>
      <c r="WRZ651" s="613"/>
      <c r="WSA651" s="613"/>
      <c r="WSB651" s="613"/>
      <c r="WSC651" s="613"/>
      <c r="WSD651" s="613"/>
      <c r="WSE651" s="613"/>
      <c r="WSF651" s="613"/>
      <c r="WSG651" s="613"/>
      <c r="WSH651" s="613"/>
      <c r="WSI651" s="613"/>
      <c r="WSJ651" s="613"/>
      <c r="WSK651" s="613"/>
      <c r="WSL651" s="613"/>
      <c r="WSM651" s="613"/>
      <c r="WSN651" s="613"/>
      <c r="WSO651" s="613"/>
      <c r="WSP651" s="613"/>
      <c r="WSQ651" s="613"/>
      <c r="WSR651" s="613"/>
      <c r="WSS651" s="613"/>
      <c r="WST651" s="613"/>
      <c r="WSU651" s="613"/>
      <c r="WSV651" s="613"/>
      <c r="WSW651" s="613"/>
      <c r="WSX651" s="613"/>
      <c r="WSY651" s="613"/>
      <c r="WSZ651" s="613"/>
      <c r="WTA651" s="613"/>
      <c r="WTB651" s="613"/>
      <c r="WTC651" s="613"/>
      <c r="WTD651" s="613"/>
      <c r="WTE651" s="613"/>
      <c r="WTF651" s="613"/>
      <c r="WTG651" s="613"/>
      <c r="WTH651" s="613"/>
      <c r="WTI651" s="613"/>
      <c r="WTJ651" s="613"/>
      <c r="WTK651" s="613"/>
      <c r="WTL651" s="613"/>
      <c r="WTM651" s="613"/>
      <c r="WTN651" s="613"/>
      <c r="WTO651" s="613"/>
      <c r="WTP651" s="613"/>
      <c r="WTQ651" s="613"/>
      <c r="WTR651" s="613"/>
      <c r="WTS651" s="613"/>
      <c r="WTT651" s="613"/>
      <c r="WTU651" s="613"/>
      <c r="WTV651" s="613"/>
      <c r="WTW651" s="613"/>
      <c r="WTX651" s="613"/>
      <c r="WTY651" s="613"/>
      <c r="WTZ651" s="613"/>
      <c r="WUA651" s="613"/>
      <c r="WUB651" s="613"/>
      <c r="WUC651" s="613"/>
      <c r="WUD651" s="613"/>
      <c r="WUE651" s="613"/>
      <c r="WUF651" s="613"/>
      <c r="WUG651" s="613"/>
      <c r="WUH651" s="613"/>
      <c r="WUI651" s="613"/>
      <c r="WUJ651" s="613"/>
      <c r="WUK651" s="613"/>
      <c r="WUL651" s="613"/>
      <c r="WUM651" s="613"/>
      <c r="WUN651" s="613"/>
      <c r="WUO651" s="613"/>
      <c r="WUP651" s="613"/>
      <c r="WUQ651" s="613"/>
      <c r="WUR651" s="613"/>
      <c r="WUS651" s="613"/>
      <c r="WUT651" s="613"/>
      <c r="WUU651" s="613"/>
      <c r="WUV651" s="613"/>
      <c r="WUW651" s="613"/>
      <c r="WUX651" s="613"/>
      <c r="WUY651" s="613"/>
      <c r="WUZ651" s="613"/>
      <c r="WVA651" s="613"/>
      <c r="WVB651" s="613"/>
      <c r="WVC651" s="613"/>
      <c r="WVD651" s="613"/>
      <c r="WVE651" s="613"/>
      <c r="WVF651" s="613"/>
      <c r="WVG651" s="613"/>
      <c r="WVH651" s="613"/>
      <c r="WVI651" s="613"/>
      <c r="WVJ651" s="613"/>
      <c r="WVK651" s="613"/>
      <c r="WVL651" s="613"/>
      <c r="WVM651" s="613"/>
      <c r="WVN651" s="613"/>
      <c r="WVO651" s="613"/>
      <c r="WVP651" s="613"/>
      <c r="WVQ651" s="613"/>
      <c r="WVR651" s="613"/>
      <c r="WVS651" s="613"/>
      <c r="WVT651" s="613"/>
      <c r="WVU651" s="613"/>
      <c r="WVV651" s="613"/>
      <c r="WVW651" s="613"/>
      <c r="WVX651" s="613"/>
      <c r="WVY651" s="613"/>
      <c r="WVZ651" s="613"/>
      <c r="WWA651" s="613"/>
      <c r="WWB651" s="613"/>
      <c r="WWC651" s="613"/>
      <c r="WWD651" s="613"/>
      <c r="WWE651" s="613"/>
      <c r="WWF651" s="613"/>
      <c r="WWG651" s="613"/>
      <c r="WWH651" s="613"/>
      <c r="WWI651" s="613"/>
      <c r="WWJ651" s="613"/>
      <c r="WWK651" s="613"/>
      <c r="WWL651" s="613"/>
      <c r="WWM651" s="613"/>
      <c r="WWN651" s="613"/>
      <c r="WWO651" s="613"/>
      <c r="WWP651" s="613"/>
      <c r="WWQ651" s="613"/>
      <c r="WWR651" s="613"/>
      <c r="WWS651" s="613"/>
      <c r="WWT651" s="613"/>
      <c r="WWU651" s="613"/>
      <c r="WWV651" s="613"/>
      <c r="WWW651" s="613"/>
      <c r="WWX651" s="613"/>
      <c r="WWY651" s="613"/>
      <c r="WWZ651" s="613"/>
      <c r="WXA651" s="613"/>
      <c r="WXB651" s="613"/>
      <c r="WXC651" s="613"/>
      <c r="WXD651" s="613"/>
      <c r="WXE651" s="613"/>
      <c r="WXF651" s="613"/>
      <c r="WXG651" s="613"/>
      <c r="WXH651" s="613"/>
      <c r="WXI651" s="613"/>
      <c r="WXJ651" s="613"/>
      <c r="WXK651" s="613"/>
      <c r="WXL651" s="613"/>
      <c r="WXM651" s="613"/>
      <c r="WXN651" s="613"/>
      <c r="WXO651" s="613"/>
      <c r="WXP651" s="613"/>
      <c r="WXQ651" s="613"/>
      <c r="WXR651" s="613"/>
      <c r="WXS651" s="613"/>
      <c r="WXT651" s="613"/>
      <c r="WXU651" s="613"/>
      <c r="WXV651" s="613"/>
      <c r="WXW651" s="613"/>
      <c r="WXX651" s="613"/>
      <c r="WXY651" s="613"/>
      <c r="WXZ651" s="613"/>
      <c r="WYA651" s="613"/>
      <c r="WYB651" s="613"/>
      <c r="WYC651" s="613"/>
      <c r="WYD651" s="613"/>
      <c r="WYE651" s="613"/>
      <c r="WYF651" s="613"/>
      <c r="WYG651" s="613"/>
      <c r="WYH651" s="613"/>
      <c r="WYI651" s="613"/>
      <c r="WYJ651" s="613"/>
      <c r="WYK651" s="613"/>
      <c r="WYL651" s="613"/>
      <c r="WYM651" s="613"/>
      <c r="WYN651" s="613"/>
      <c r="WYO651" s="613"/>
      <c r="WYP651" s="613"/>
      <c r="WYQ651" s="613"/>
      <c r="WYR651" s="613"/>
      <c r="WYS651" s="613"/>
      <c r="WYT651" s="613"/>
      <c r="WYU651" s="613"/>
      <c r="WYV651" s="613"/>
      <c r="WYW651" s="613"/>
      <c r="WYX651" s="613"/>
      <c r="WYY651" s="613"/>
      <c r="WYZ651" s="613"/>
      <c r="WZA651" s="613"/>
      <c r="WZB651" s="613"/>
      <c r="WZC651" s="613"/>
      <c r="WZD651" s="613"/>
      <c r="WZE651" s="613"/>
      <c r="WZF651" s="613"/>
      <c r="WZG651" s="613"/>
      <c r="WZH651" s="613"/>
      <c r="WZI651" s="613"/>
      <c r="WZJ651" s="613"/>
      <c r="WZK651" s="613"/>
      <c r="WZL651" s="613"/>
      <c r="WZM651" s="613"/>
      <c r="WZN651" s="613"/>
      <c r="WZO651" s="613"/>
      <c r="WZP651" s="613"/>
      <c r="WZQ651" s="613"/>
      <c r="WZR651" s="613"/>
      <c r="WZS651" s="613"/>
      <c r="WZT651" s="613"/>
      <c r="WZU651" s="613"/>
      <c r="WZV651" s="613"/>
      <c r="WZW651" s="613"/>
      <c r="WZX651" s="613"/>
      <c r="WZY651" s="613"/>
      <c r="WZZ651" s="613"/>
      <c r="XAA651" s="613"/>
      <c r="XAB651" s="613"/>
      <c r="XAC651" s="613"/>
      <c r="XAD651" s="613"/>
      <c r="XAE651" s="613"/>
      <c r="XAF651" s="613"/>
      <c r="XAG651" s="613"/>
      <c r="XAH651" s="613"/>
      <c r="XAI651" s="613"/>
      <c r="XAJ651" s="613"/>
      <c r="XAK651" s="613"/>
      <c r="XAL651" s="613"/>
      <c r="XAM651" s="613"/>
      <c r="XAN651" s="613"/>
      <c r="XAO651" s="613"/>
      <c r="XAP651" s="613"/>
      <c r="XAQ651" s="613"/>
      <c r="XAR651" s="613"/>
      <c r="XAS651" s="613"/>
      <c r="XAT651" s="613"/>
      <c r="XAU651" s="613"/>
      <c r="XAV651" s="613"/>
      <c r="XAW651" s="613"/>
      <c r="XAX651" s="613"/>
      <c r="XAY651" s="613"/>
      <c r="XAZ651" s="613"/>
      <c r="XBA651" s="613"/>
      <c r="XBB651" s="613"/>
      <c r="XBC651" s="613"/>
      <c r="XBD651" s="613"/>
      <c r="XBE651" s="613"/>
      <c r="XBF651" s="613"/>
      <c r="XBG651" s="613"/>
      <c r="XBH651" s="613"/>
      <c r="XBI651" s="613"/>
      <c r="XBJ651" s="613"/>
      <c r="XBK651" s="613"/>
      <c r="XBL651" s="613"/>
      <c r="XBM651" s="613"/>
      <c r="XBN651" s="613"/>
      <c r="XBO651" s="613"/>
      <c r="XBP651" s="613"/>
      <c r="XBQ651" s="613"/>
      <c r="XBR651" s="613"/>
      <c r="XBS651" s="613"/>
      <c r="XBT651" s="613"/>
      <c r="XBU651" s="613"/>
      <c r="XBV651" s="613"/>
      <c r="XBW651" s="613"/>
      <c r="XBX651" s="613"/>
      <c r="XBY651" s="613"/>
      <c r="XBZ651" s="613"/>
      <c r="XCA651" s="613"/>
      <c r="XCB651" s="613"/>
      <c r="XCC651" s="613"/>
      <c r="XCD651" s="613"/>
      <c r="XCE651" s="613"/>
      <c r="XCF651" s="613"/>
      <c r="XCG651" s="613"/>
      <c r="XCH651" s="613"/>
      <c r="XCI651" s="613"/>
      <c r="XCJ651" s="613"/>
      <c r="XCK651" s="613"/>
      <c r="XCL651" s="613"/>
      <c r="XCM651" s="613"/>
      <c r="XCN651" s="613"/>
      <c r="XCO651" s="613"/>
      <c r="XCP651" s="613"/>
      <c r="XCQ651" s="613"/>
    </row>
    <row r="652" spans="1:16319" ht="56.1" customHeight="1" x14ac:dyDescent="0.2">
      <c r="A652" s="273" t="s">
        <v>3019</v>
      </c>
      <c r="B652" s="610"/>
      <c r="C652" s="77"/>
      <c r="D652" s="481">
        <v>190</v>
      </c>
      <c r="E652" s="481"/>
      <c r="F652" s="481" t="s">
        <v>2481</v>
      </c>
      <c r="G652" s="482" t="s">
        <v>53</v>
      </c>
      <c r="H652" s="481" t="s">
        <v>329</v>
      </c>
      <c r="I652" s="654" t="s">
        <v>428</v>
      </c>
      <c r="J652" s="654" t="s">
        <v>369</v>
      </c>
      <c r="K652" s="495" t="s">
        <v>453</v>
      </c>
      <c r="L652" s="621"/>
      <c r="M652" s="484" t="s">
        <v>58</v>
      </c>
      <c r="N652" s="329" t="s">
        <v>2606</v>
      </c>
      <c r="O652" s="484" t="s">
        <v>2996</v>
      </c>
      <c r="P652" s="484" t="s">
        <v>81</v>
      </c>
      <c r="Q652" s="667" t="s">
        <v>334</v>
      </c>
      <c r="R652" s="484" t="s">
        <v>334</v>
      </c>
      <c r="S652" s="484" t="s">
        <v>71</v>
      </c>
      <c r="T652" s="484"/>
      <c r="U652" s="620" t="s">
        <v>63</v>
      </c>
      <c r="V652" s="620" t="s">
        <v>63</v>
      </c>
      <c r="W652" s="723">
        <v>54359.652135744109</v>
      </c>
      <c r="X652" s="723"/>
      <c r="Y652" s="654" t="s">
        <v>226</v>
      </c>
      <c r="Z652" s="654"/>
      <c r="AA652" s="723">
        <v>54359.652135744109</v>
      </c>
      <c r="AB652" s="652" t="s">
        <v>82</v>
      </c>
      <c r="AC652" s="652"/>
      <c r="AD652" s="496"/>
      <c r="AE652" s="496"/>
      <c r="AF652" s="496"/>
      <c r="AG652" s="496"/>
      <c r="AH652" s="496"/>
      <c r="AI652" s="487"/>
      <c r="AJ652" s="496"/>
      <c r="AK652" s="496"/>
      <c r="AL652" s="496"/>
      <c r="AM652" s="496"/>
      <c r="AN652" s="496"/>
      <c r="AO652" s="496"/>
      <c r="AP652" s="496" t="s">
        <v>66</v>
      </c>
      <c r="AQ652" s="496"/>
      <c r="AR652" s="496"/>
      <c r="AS652" s="496"/>
      <c r="AT652" s="496"/>
      <c r="AU652" s="487"/>
      <c r="AV652" s="487"/>
      <c r="AW652" s="487"/>
      <c r="AX652" s="487"/>
      <c r="AY652" s="487"/>
      <c r="AZ652" s="487"/>
      <c r="BA652" s="484"/>
      <c r="BB652" s="484"/>
      <c r="BC652" s="484"/>
      <c r="BD652" s="494"/>
      <c r="BE652" s="494"/>
      <c r="BF652" s="613"/>
      <c r="BG652" s="613"/>
      <c r="BH652" s="613"/>
      <c r="BI652" s="613"/>
      <c r="BJ652" s="613"/>
      <c r="BK652" s="613"/>
      <c r="BL652" s="613"/>
      <c r="BM652" s="613"/>
      <c r="BN652" s="613"/>
      <c r="BO652" s="613"/>
      <c r="BP652" s="613"/>
      <c r="BQ652" s="613"/>
      <c r="BR652" s="613"/>
      <c r="BS652" s="613"/>
      <c r="BT652" s="613"/>
      <c r="BU652" s="613"/>
      <c r="BV652" s="613"/>
      <c r="BW652" s="613"/>
      <c r="BX652" s="613"/>
      <c r="BY652" s="613"/>
      <c r="BZ652" s="613"/>
      <c r="CA652" s="613"/>
      <c r="CB652" s="613"/>
      <c r="CC652" s="613"/>
      <c r="CD652" s="613"/>
      <c r="CE652" s="613"/>
      <c r="CF652" s="613"/>
      <c r="CG652" s="613"/>
      <c r="CH652" s="613"/>
      <c r="CI652" s="613"/>
      <c r="CJ652" s="613"/>
      <c r="CK652" s="613"/>
      <c r="CL652" s="613"/>
      <c r="CM652" s="613"/>
      <c r="CN652" s="613"/>
      <c r="CO652" s="613"/>
      <c r="CP652" s="613"/>
      <c r="CQ652" s="613"/>
      <c r="CR652" s="613"/>
      <c r="CS652" s="613"/>
      <c r="CT652" s="613"/>
      <c r="CU652" s="613"/>
      <c r="CV652" s="613"/>
      <c r="CW652" s="613"/>
      <c r="CX652" s="613"/>
      <c r="CY652" s="613"/>
      <c r="CZ652" s="613"/>
      <c r="DA652" s="613"/>
      <c r="DB652" s="613"/>
      <c r="DC652" s="613"/>
      <c r="DD652" s="613"/>
      <c r="DE652" s="613"/>
      <c r="DF652" s="613"/>
      <c r="DG652" s="613"/>
      <c r="DH652" s="613"/>
      <c r="DI652" s="613"/>
      <c r="DJ652" s="613"/>
      <c r="DK652" s="613"/>
      <c r="DL652" s="613"/>
      <c r="DM652" s="613"/>
      <c r="DN652" s="613"/>
      <c r="DO652" s="613"/>
      <c r="DP652" s="613"/>
      <c r="DQ652" s="613"/>
      <c r="DR652" s="613"/>
      <c r="DS652" s="613"/>
      <c r="DT652" s="613"/>
      <c r="DU652" s="613"/>
      <c r="DV652" s="613"/>
      <c r="DW652" s="613"/>
      <c r="DX652" s="613"/>
      <c r="DY652" s="613"/>
      <c r="DZ652" s="613"/>
      <c r="EA652" s="613"/>
      <c r="EB652" s="613"/>
      <c r="EC652" s="613"/>
      <c r="ED652" s="613"/>
      <c r="EE652" s="613"/>
      <c r="EF652" s="613"/>
      <c r="EG652" s="613"/>
      <c r="EH652" s="613"/>
      <c r="EI652" s="613"/>
      <c r="EJ652" s="613"/>
      <c r="EK652" s="613"/>
      <c r="EL652" s="613"/>
      <c r="EM652" s="613"/>
      <c r="EN652" s="613"/>
      <c r="EO652" s="613"/>
      <c r="EP652" s="613"/>
      <c r="EQ652" s="613"/>
      <c r="ER652" s="613"/>
      <c r="ES652" s="613"/>
      <c r="ET652" s="613"/>
      <c r="EU652" s="613"/>
      <c r="EV652" s="613"/>
      <c r="EW652" s="613"/>
      <c r="EX652" s="613"/>
      <c r="EY652" s="613"/>
      <c r="EZ652" s="613"/>
      <c r="FA652" s="613"/>
      <c r="FB652" s="613"/>
      <c r="FC652" s="613"/>
      <c r="FD652" s="613"/>
      <c r="FE652" s="613"/>
      <c r="FF652" s="613"/>
      <c r="FG652" s="613"/>
      <c r="FH652" s="613"/>
      <c r="FI652" s="613"/>
      <c r="FJ652" s="613"/>
      <c r="FK652" s="613"/>
      <c r="FL652" s="613"/>
      <c r="FM652" s="613"/>
      <c r="FN652" s="613"/>
      <c r="FO652" s="613"/>
      <c r="FP652" s="613"/>
      <c r="FQ652" s="613"/>
      <c r="FR652" s="613"/>
      <c r="FS652" s="613"/>
      <c r="FT652" s="613"/>
      <c r="FU652" s="613"/>
      <c r="FV652" s="613"/>
      <c r="FW652" s="613"/>
      <c r="FX652" s="613"/>
      <c r="FY652" s="613"/>
      <c r="FZ652" s="613"/>
      <c r="GA652" s="613"/>
      <c r="GB652" s="613"/>
      <c r="GC652" s="613"/>
      <c r="GD652" s="613"/>
      <c r="GE652" s="613"/>
      <c r="GF652" s="613"/>
      <c r="GG652" s="613"/>
      <c r="GH652" s="613"/>
      <c r="GI652" s="613"/>
      <c r="GJ652" s="613"/>
      <c r="GK652" s="613"/>
      <c r="GL652" s="613"/>
      <c r="GM652" s="613"/>
      <c r="GN652" s="613"/>
      <c r="GO652" s="613"/>
      <c r="GP652" s="613"/>
      <c r="GQ652" s="613"/>
      <c r="GR652" s="613"/>
      <c r="GS652" s="613"/>
      <c r="GT652" s="613"/>
      <c r="GU652" s="613"/>
      <c r="GV652" s="613"/>
      <c r="GW652" s="613"/>
      <c r="GX652" s="613"/>
      <c r="GY652" s="613"/>
      <c r="GZ652" s="613"/>
      <c r="HA652" s="613"/>
      <c r="HB652" s="613"/>
      <c r="HC652" s="613"/>
      <c r="HD652" s="613"/>
      <c r="HE652" s="613"/>
      <c r="HF652" s="613"/>
      <c r="HG652" s="613"/>
      <c r="HH652" s="613"/>
      <c r="HI652" s="613"/>
      <c r="HJ652" s="613"/>
      <c r="HK652" s="613"/>
      <c r="HL652" s="613"/>
      <c r="HM652" s="613"/>
      <c r="HN652" s="613"/>
      <c r="HO652" s="613"/>
      <c r="HP652" s="613"/>
      <c r="HQ652" s="613"/>
      <c r="HR652" s="613"/>
      <c r="HS652" s="613"/>
      <c r="HT652" s="613"/>
      <c r="HU652" s="613"/>
      <c r="HV652" s="613"/>
      <c r="HW652" s="613"/>
      <c r="HX652" s="613"/>
      <c r="HY652" s="613"/>
      <c r="HZ652" s="613"/>
      <c r="IA652" s="613"/>
      <c r="IB652" s="613"/>
      <c r="IC652" s="613"/>
      <c r="ID652" s="613"/>
      <c r="IE652" s="613"/>
      <c r="IF652" s="613"/>
      <c r="IG652" s="613"/>
      <c r="IH652" s="613"/>
      <c r="II652" s="613"/>
      <c r="IJ652" s="613"/>
      <c r="IK652" s="613"/>
      <c r="IL652" s="613"/>
      <c r="IM652" s="613"/>
      <c r="IN652" s="613"/>
      <c r="IO652" s="613"/>
      <c r="IP652" s="613"/>
      <c r="IQ652" s="613"/>
      <c r="IR652" s="613"/>
      <c r="IS652" s="613"/>
      <c r="IT652" s="613"/>
      <c r="IU652" s="613"/>
      <c r="IV652" s="613"/>
      <c r="IW652" s="613"/>
      <c r="IX652" s="613"/>
      <c r="IY652" s="613"/>
      <c r="IZ652" s="613"/>
      <c r="JA652" s="613"/>
      <c r="JB652" s="613"/>
      <c r="JC652" s="613"/>
      <c r="JD652" s="613"/>
      <c r="JE652" s="613"/>
      <c r="JF652" s="613"/>
      <c r="JG652" s="613"/>
      <c r="JH652" s="613"/>
      <c r="JI652" s="613"/>
      <c r="JJ652" s="613"/>
      <c r="JK652" s="613"/>
      <c r="JL652" s="613"/>
      <c r="JM652" s="613"/>
      <c r="JN652" s="613"/>
      <c r="JO652" s="613"/>
      <c r="JP652" s="613"/>
      <c r="JQ652" s="613"/>
      <c r="JR652" s="613"/>
      <c r="JS652" s="613"/>
      <c r="JT652" s="613"/>
      <c r="JU652" s="613"/>
      <c r="JV652" s="613"/>
      <c r="JW652" s="613"/>
      <c r="JX652" s="613"/>
      <c r="JY652" s="613"/>
      <c r="JZ652" s="613"/>
      <c r="KA652" s="613"/>
      <c r="KB652" s="613"/>
      <c r="KC652" s="613"/>
      <c r="KD652" s="613"/>
      <c r="KE652" s="613"/>
      <c r="KF652" s="613"/>
      <c r="KG652" s="613"/>
      <c r="KH652" s="613"/>
      <c r="KI652" s="613"/>
      <c r="KJ652" s="613"/>
      <c r="KK652" s="613"/>
      <c r="KL652" s="613"/>
      <c r="KM652" s="613"/>
      <c r="KN652" s="613"/>
      <c r="KO652" s="613"/>
      <c r="KP652" s="613"/>
      <c r="KQ652" s="613"/>
      <c r="KR652" s="613"/>
      <c r="KS652" s="613"/>
      <c r="KT652" s="613"/>
      <c r="KU652" s="613"/>
      <c r="KV652" s="613"/>
      <c r="KW652" s="613"/>
      <c r="KX652" s="613"/>
      <c r="KY652" s="613"/>
      <c r="KZ652" s="613"/>
      <c r="LA652" s="613"/>
      <c r="LB652" s="613"/>
      <c r="LC652" s="613"/>
      <c r="LD652" s="613"/>
      <c r="LE652" s="613"/>
      <c r="LF652" s="613"/>
      <c r="LG652" s="613"/>
      <c r="LH652" s="613"/>
      <c r="LI652" s="613"/>
      <c r="LJ652" s="613"/>
      <c r="LK652" s="613"/>
      <c r="LL652" s="613"/>
      <c r="LM652" s="613"/>
      <c r="LN652" s="613"/>
      <c r="LO652" s="613"/>
      <c r="LP652" s="613"/>
      <c r="LQ652" s="613"/>
      <c r="LR652" s="613"/>
      <c r="LS652" s="613"/>
      <c r="LT652" s="613"/>
      <c r="LU652" s="613"/>
      <c r="LV652" s="613"/>
      <c r="LW652" s="613"/>
      <c r="LX652" s="613"/>
      <c r="LY652" s="613"/>
      <c r="LZ652" s="613"/>
      <c r="MA652" s="613"/>
      <c r="MB652" s="613"/>
      <c r="MC652" s="613"/>
      <c r="MD652" s="613"/>
      <c r="ME652" s="613"/>
      <c r="MF652" s="613"/>
      <c r="MG652" s="613"/>
      <c r="MH652" s="613"/>
      <c r="MI652" s="613"/>
      <c r="MJ652" s="613"/>
      <c r="MK652" s="613"/>
      <c r="ML652" s="613"/>
      <c r="MM652" s="613"/>
      <c r="MN652" s="613"/>
      <c r="MO652" s="613"/>
      <c r="MP652" s="613"/>
      <c r="MQ652" s="613"/>
      <c r="MR652" s="613"/>
      <c r="MS652" s="613"/>
      <c r="MT652" s="613"/>
      <c r="MU652" s="613"/>
      <c r="MV652" s="613"/>
      <c r="MW652" s="613"/>
      <c r="MX652" s="613"/>
      <c r="MY652" s="613"/>
      <c r="MZ652" s="613"/>
      <c r="NA652" s="613"/>
      <c r="NB652" s="613"/>
      <c r="NC652" s="613"/>
      <c r="ND652" s="613"/>
      <c r="NE652" s="613"/>
      <c r="NF652" s="613"/>
      <c r="NG652" s="613"/>
      <c r="NH652" s="613"/>
      <c r="NI652" s="613"/>
      <c r="NJ652" s="613"/>
      <c r="NK652" s="613"/>
      <c r="NL652" s="613"/>
      <c r="NM652" s="613"/>
      <c r="NN652" s="613"/>
      <c r="NO652" s="613"/>
      <c r="NP652" s="613"/>
      <c r="NQ652" s="613"/>
      <c r="NR652" s="613"/>
      <c r="NS652" s="613"/>
      <c r="NT652" s="613"/>
      <c r="NU652" s="613"/>
      <c r="NV652" s="613"/>
      <c r="NW652" s="613"/>
      <c r="NX652" s="613"/>
      <c r="NY652" s="613"/>
      <c r="NZ652" s="613"/>
      <c r="OA652" s="613"/>
      <c r="OB652" s="613"/>
      <c r="OC652" s="613"/>
      <c r="OD652" s="613"/>
      <c r="OE652" s="613"/>
      <c r="OF652" s="613"/>
      <c r="OG652" s="613"/>
      <c r="OH652" s="613"/>
      <c r="OI652" s="613"/>
      <c r="OJ652" s="613"/>
      <c r="OK652" s="613"/>
      <c r="OL652" s="613"/>
      <c r="OM652" s="613"/>
      <c r="ON652" s="613"/>
      <c r="OO652" s="613"/>
      <c r="OP652" s="613"/>
      <c r="OQ652" s="613"/>
      <c r="OR652" s="613"/>
      <c r="OS652" s="613"/>
      <c r="OT652" s="613"/>
      <c r="OU652" s="613"/>
      <c r="OV652" s="613"/>
      <c r="OW652" s="613"/>
      <c r="OX652" s="613"/>
      <c r="OY652" s="613"/>
      <c r="OZ652" s="613"/>
      <c r="PA652" s="613"/>
      <c r="PB652" s="613"/>
      <c r="PC652" s="613"/>
      <c r="PD652" s="613"/>
      <c r="PE652" s="613"/>
      <c r="PF652" s="613"/>
      <c r="PG652" s="613"/>
      <c r="PH652" s="613"/>
      <c r="PI652" s="613"/>
      <c r="PJ652" s="613"/>
      <c r="PK652" s="613"/>
      <c r="PL652" s="613"/>
      <c r="PM652" s="613"/>
      <c r="PN652" s="613"/>
      <c r="PO652" s="613"/>
      <c r="PP652" s="613"/>
      <c r="PQ652" s="613"/>
      <c r="PR652" s="613"/>
      <c r="PS652" s="613"/>
      <c r="PT652" s="613"/>
      <c r="PU652" s="613"/>
      <c r="PV652" s="613"/>
      <c r="PW652" s="613"/>
      <c r="PX652" s="613"/>
      <c r="PY652" s="613"/>
      <c r="PZ652" s="613"/>
      <c r="QA652" s="613"/>
      <c r="QB652" s="613"/>
      <c r="QC652" s="613"/>
      <c r="QD652" s="613"/>
      <c r="QE652" s="613"/>
      <c r="QF652" s="613"/>
      <c r="QG652" s="613"/>
      <c r="QH652" s="613"/>
      <c r="QI652" s="613"/>
      <c r="QJ652" s="613"/>
      <c r="QK652" s="613"/>
      <c r="QL652" s="613"/>
      <c r="QM652" s="613"/>
      <c r="QN652" s="613"/>
      <c r="QO652" s="613"/>
      <c r="QP652" s="613"/>
      <c r="QQ652" s="613"/>
      <c r="QR652" s="613"/>
      <c r="QS652" s="613"/>
      <c r="QT652" s="613"/>
      <c r="QU652" s="613"/>
      <c r="QV652" s="613"/>
      <c r="QW652" s="613"/>
      <c r="QX652" s="613"/>
      <c r="QY652" s="613"/>
      <c r="QZ652" s="613"/>
      <c r="RA652" s="613"/>
      <c r="RB652" s="613"/>
      <c r="RC652" s="613"/>
      <c r="RD652" s="613"/>
      <c r="RE652" s="613"/>
      <c r="RF652" s="613"/>
      <c r="RG652" s="613"/>
      <c r="RH652" s="613"/>
      <c r="RI652" s="613"/>
      <c r="RJ652" s="613"/>
      <c r="RK652" s="613"/>
      <c r="RL652" s="613"/>
      <c r="RM652" s="613"/>
      <c r="RN652" s="613"/>
      <c r="RO652" s="613"/>
      <c r="RP652" s="613"/>
      <c r="RQ652" s="613"/>
      <c r="RR652" s="613"/>
      <c r="RS652" s="613"/>
      <c r="RT652" s="613"/>
      <c r="RU652" s="613"/>
      <c r="RV652" s="613"/>
      <c r="RW652" s="613"/>
      <c r="RX652" s="613"/>
      <c r="RY652" s="613"/>
      <c r="RZ652" s="613"/>
      <c r="SA652" s="613"/>
      <c r="SB652" s="613"/>
      <c r="SC652" s="613"/>
      <c r="SD652" s="613"/>
      <c r="SE652" s="613"/>
      <c r="SF652" s="613"/>
      <c r="SG652" s="613"/>
      <c r="SH652" s="613"/>
      <c r="SI652" s="613"/>
      <c r="SJ652" s="613"/>
      <c r="SK652" s="613"/>
      <c r="SL652" s="613"/>
      <c r="SM652" s="613"/>
      <c r="SN652" s="613"/>
      <c r="SO652" s="613"/>
      <c r="SP652" s="613"/>
      <c r="SQ652" s="613"/>
      <c r="SR652" s="613"/>
      <c r="SS652" s="613"/>
      <c r="ST652" s="613"/>
      <c r="SU652" s="613"/>
      <c r="SV652" s="613"/>
      <c r="SW652" s="613"/>
      <c r="SX652" s="613"/>
      <c r="SY652" s="613"/>
      <c r="SZ652" s="613"/>
      <c r="TA652" s="613"/>
      <c r="TB652" s="613"/>
      <c r="TC652" s="613"/>
      <c r="TD652" s="613"/>
      <c r="TE652" s="613"/>
      <c r="TF652" s="613"/>
      <c r="TG652" s="613"/>
      <c r="TH652" s="613"/>
      <c r="TI652" s="613"/>
      <c r="TJ652" s="613"/>
      <c r="TK652" s="613"/>
      <c r="TL652" s="613"/>
      <c r="TM652" s="613"/>
      <c r="TN652" s="613"/>
      <c r="TO652" s="613"/>
      <c r="TP652" s="613"/>
      <c r="TQ652" s="613"/>
      <c r="TR652" s="613"/>
      <c r="TS652" s="613"/>
      <c r="TT652" s="613"/>
      <c r="TU652" s="613"/>
      <c r="TV652" s="613"/>
      <c r="TW652" s="613"/>
      <c r="TX652" s="613"/>
      <c r="TY652" s="613"/>
      <c r="TZ652" s="613"/>
      <c r="UA652" s="613"/>
      <c r="UB652" s="613"/>
      <c r="UC652" s="613"/>
      <c r="UD652" s="613"/>
      <c r="UE652" s="613"/>
      <c r="UF652" s="613"/>
      <c r="UG652" s="613"/>
      <c r="UH652" s="613"/>
      <c r="UI652" s="613"/>
      <c r="UJ652" s="613"/>
      <c r="UK652" s="613"/>
      <c r="UL652" s="613"/>
      <c r="UM652" s="613"/>
      <c r="UN652" s="613"/>
      <c r="UO652" s="613"/>
      <c r="UP652" s="613"/>
      <c r="UQ652" s="613"/>
      <c r="UR652" s="613"/>
      <c r="US652" s="613"/>
      <c r="UT652" s="613"/>
      <c r="UU652" s="613"/>
      <c r="UV652" s="613"/>
      <c r="UW652" s="613"/>
      <c r="UX652" s="613"/>
      <c r="UY652" s="613"/>
      <c r="UZ652" s="613"/>
      <c r="VA652" s="613"/>
      <c r="VB652" s="613"/>
      <c r="VC652" s="613"/>
      <c r="VD652" s="613"/>
      <c r="VE652" s="613"/>
      <c r="VF652" s="613"/>
      <c r="VG652" s="613"/>
      <c r="VH652" s="613"/>
      <c r="VI652" s="613"/>
      <c r="VJ652" s="613"/>
      <c r="VK652" s="613"/>
      <c r="VL652" s="613"/>
      <c r="VM652" s="613"/>
      <c r="VN652" s="613"/>
      <c r="VO652" s="613"/>
      <c r="VP652" s="613"/>
      <c r="VQ652" s="613"/>
      <c r="VR652" s="613"/>
      <c r="VS652" s="613"/>
      <c r="VT652" s="613"/>
      <c r="VU652" s="613"/>
      <c r="VV652" s="613"/>
      <c r="VW652" s="613"/>
      <c r="VX652" s="613"/>
      <c r="VY652" s="613"/>
      <c r="VZ652" s="613"/>
      <c r="WA652" s="613"/>
      <c r="WB652" s="613"/>
      <c r="WC652" s="613"/>
      <c r="WD652" s="613"/>
      <c r="WE652" s="613"/>
      <c r="WF652" s="613"/>
      <c r="WG652" s="613"/>
      <c r="WH652" s="613"/>
      <c r="WI652" s="613"/>
      <c r="WJ652" s="613"/>
      <c r="WK652" s="613"/>
      <c r="WL652" s="613"/>
      <c r="WM652" s="613"/>
      <c r="WN652" s="613"/>
      <c r="WO652" s="613"/>
      <c r="WP652" s="613"/>
      <c r="WQ652" s="613"/>
      <c r="WR652" s="613"/>
      <c r="WS652" s="613"/>
      <c r="WT652" s="613"/>
      <c r="WU652" s="613"/>
      <c r="WV652" s="613"/>
      <c r="WW652" s="613"/>
      <c r="WX652" s="613"/>
      <c r="WY652" s="613"/>
      <c r="WZ652" s="613"/>
      <c r="XA652" s="613"/>
      <c r="XB652" s="613"/>
      <c r="XC652" s="613"/>
      <c r="XD652" s="613"/>
      <c r="XE652" s="613"/>
      <c r="XF652" s="613"/>
      <c r="XG652" s="613"/>
      <c r="XH652" s="613"/>
      <c r="XI652" s="613"/>
      <c r="XJ652" s="613"/>
      <c r="XK652" s="613"/>
      <c r="XL652" s="613"/>
      <c r="XM652" s="613"/>
      <c r="XN652" s="613"/>
      <c r="XO652" s="613"/>
      <c r="XP652" s="613"/>
      <c r="XQ652" s="613"/>
      <c r="XR652" s="613"/>
      <c r="XS652" s="613"/>
      <c r="XT652" s="613"/>
      <c r="XU652" s="613"/>
      <c r="XV652" s="613"/>
      <c r="XW652" s="613"/>
      <c r="XX652" s="613"/>
      <c r="XY652" s="613"/>
      <c r="XZ652" s="613"/>
      <c r="YA652" s="613"/>
      <c r="YB652" s="613"/>
      <c r="YC652" s="613"/>
      <c r="YD652" s="613"/>
      <c r="YE652" s="613"/>
      <c r="YF652" s="613"/>
      <c r="YG652" s="613"/>
      <c r="YH652" s="613"/>
      <c r="YI652" s="613"/>
      <c r="YJ652" s="613"/>
      <c r="YK652" s="613"/>
      <c r="YL652" s="613"/>
      <c r="YM652" s="613"/>
      <c r="YN652" s="613"/>
      <c r="YO652" s="613"/>
      <c r="YP652" s="613"/>
      <c r="YQ652" s="613"/>
      <c r="YR652" s="613"/>
      <c r="YS652" s="613"/>
      <c r="YT652" s="613"/>
      <c r="YU652" s="613"/>
      <c r="YV652" s="613"/>
      <c r="YW652" s="613"/>
      <c r="YX652" s="613"/>
      <c r="YY652" s="613"/>
      <c r="YZ652" s="613"/>
      <c r="ZA652" s="613"/>
      <c r="ZB652" s="613"/>
      <c r="ZC652" s="613"/>
      <c r="ZD652" s="613"/>
      <c r="ZE652" s="613"/>
      <c r="ZF652" s="613"/>
      <c r="ZG652" s="613"/>
      <c r="ZH652" s="613"/>
      <c r="ZI652" s="613"/>
      <c r="ZJ652" s="613"/>
      <c r="ZK652" s="613"/>
      <c r="ZL652" s="613"/>
      <c r="ZM652" s="613"/>
      <c r="ZN652" s="613"/>
      <c r="ZO652" s="613"/>
      <c r="ZP652" s="613"/>
      <c r="ZQ652" s="613"/>
      <c r="ZR652" s="613"/>
      <c r="ZS652" s="613"/>
      <c r="ZT652" s="613"/>
      <c r="ZU652" s="613"/>
      <c r="ZV652" s="613"/>
      <c r="ZW652" s="613"/>
      <c r="ZX652" s="613"/>
      <c r="ZY652" s="613"/>
      <c r="ZZ652" s="613"/>
      <c r="AAA652" s="613"/>
      <c r="AAB652" s="613"/>
      <c r="AAC652" s="613"/>
      <c r="AAD652" s="613"/>
      <c r="AAE652" s="613"/>
      <c r="AAF652" s="613"/>
      <c r="AAG652" s="613"/>
      <c r="AAH652" s="613"/>
      <c r="AAI652" s="613"/>
      <c r="AAJ652" s="613"/>
      <c r="AAK652" s="613"/>
      <c r="AAL652" s="613"/>
      <c r="AAM652" s="613"/>
      <c r="AAN652" s="613"/>
      <c r="AAO652" s="613"/>
      <c r="AAP652" s="613"/>
      <c r="AAQ652" s="613"/>
      <c r="AAR652" s="613"/>
      <c r="AAS652" s="613"/>
      <c r="AAT652" s="613"/>
      <c r="AAU652" s="613"/>
      <c r="AAV652" s="613"/>
      <c r="AAW652" s="613"/>
      <c r="AAX652" s="613"/>
      <c r="AAY652" s="613"/>
      <c r="AAZ652" s="613"/>
      <c r="ABA652" s="613"/>
      <c r="ABB652" s="613"/>
      <c r="ABC652" s="613"/>
      <c r="ABD652" s="613"/>
      <c r="ABE652" s="613"/>
      <c r="ABF652" s="613"/>
      <c r="ABG652" s="613"/>
      <c r="ABH652" s="613"/>
      <c r="ABI652" s="613"/>
      <c r="ABJ652" s="613"/>
      <c r="ABK652" s="613"/>
      <c r="ABL652" s="613"/>
      <c r="ABM652" s="613"/>
      <c r="ABN652" s="613"/>
      <c r="ABO652" s="613"/>
      <c r="ABP652" s="613"/>
      <c r="ABQ652" s="613"/>
      <c r="ABR652" s="613"/>
      <c r="ABS652" s="613"/>
      <c r="ABT652" s="613"/>
      <c r="ABU652" s="613"/>
      <c r="ABV652" s="613"/>
      <c r="ABW652" s="613"/>
      <c r="ABX652" s="613"/>
      <c r="ABY652" s="613"/>
      <c r="ABZ652" s="613"/>
      <c r="ACA652" s="613"/>
      <c r="ACB652" s="613"/>
      <c r="ACC652" s="613"/>
      <c r="ACD652" s="613"/>
      <c r="ACE652" s="613"/>
      <c r="ACF652" s="613"/>
      <c r="ACG652" s="613"/>
      <c r="ACH652" s="613"/>
      <c r="ACI652" s="613"/>
      <c r="ACJ652" s="613"/>
      <c r="ACK652" s="613"/>
      <c r="ACL652" s="613"/>
      <c r="ACM652" s="613"/>
      <c r="ACN652" s="613"/>
      <c r="ACO652" s="613"/>
      <c r="ACP652" s="613"/>
      <c r="ACQ652" s="613"/>
      <c r="ACR652" s="613"/>
      <c r="ACS652" s="613"/>
      <c r="ACT652" s="613"/>
      <c r="ACU652" s="613"/>
      <c r="ACV652" s="613"/>
      <c r="ACW652" s="613"/>
      <c r="ACX652" s="613"/>
      <c r="ACY652" s="613"/>
      <c r="ACZ652" s="613"/>
      <c r="ADA652" s="613"/>
      <c r="ADB652" s="613"/>
      <c r="ADC652" s="613"/>
      <c r="ADD652" s="613"/>
      <c r="ADE652" s="613"/>
      <c r="ADF652" s="613"/>
      <c r="ADG652" s="613"/>
      <c r="ADH652" s="613"/>
      <c r="ADI652" s="613"/>
      <c r="ADJ652" s="613"/>
      <c r="ADK652" s="613"/>
      <c r="ADL652" s="613"/>
      <c r="ADM652" s="613"/>
      <c r="ADN652" s="613"/>
      <c r="ADO652" s="613"/>
      <c r="ADP652" s="613"/>
      <c r="ADQ652" s="613"/>
      <c r="ADR652" s="613"/>
      <c r="ADS652" s="613"/>
      <c r="ADT652" s="613"/>
      <c r="ADU652" s="613"/>
      <c r="ADV652" s="613"/>
      <c r="ADW652" s="613"/>
      <c r="ADX652" s="613"/>
      <c r="ADY652" s="613"/>
      <c r="ADZ652" s="613"/>
      <c r="AEA652" s="613"/>
      <c r="AEB652" s="613"/>
      <c r="AEC652" s="613"/>
      <c r="AED652" s="613"/>
      <c r="AEE652" s="613"/>
      <c r="AEF652" s="613"/>
      <c r="AEG652" s="613"/>
      <c r="AEH652" s="613"/>
      <c r="AEI652" s="613"/>
      <c r="AEJ652" s="613"/>
      <c r="AEK652" s="613"/>
      <c r="AEL652" s="613"/>
      <c r="AEM652" s="613"/>
      <c r="AEN652" s="613"/>
      <c r="AEO652" s="613"/>
      <c r="AEP652" s="613"/>
      <c r="AEQ652" s="613"/>
      <c r="AER652" s="613"/>
      <c r="AES652" s="613"/>
      <c r="AET652" s="613"/>
      <c r="AEU652" s="613"/>
      <c r="AEV652" s="613"/>
      <c r="AEW652" s="613"/>
      <c r="AEX652" s="613"/>
      <c r="AEY652" s="613"/>
      <c r="AEZ652" s="613"/>
      <c r="AFA652" s="613"/>
      <c r="AFB652" s="613"/>
      <c r="AFC652" s="613"/>
      <c r="AFD652" s="613"/>
      <c r="AFE652" s="613"/>
      <c r="AFF652" s="613"/>
      <c r="AFG652" s="613"/>
      <c r="AFH652" s="613"/>
      <c r="AFI652" s="613"/>
      <c r="AFJ652" s="613"/>
      <c r="AFK652" s="613"/>
      <c r="AFL652" s="613"/>
      <c r="AFM652" s="613"/>
      <c r="AFN652" s="613"/>
      <c r="AFO652" s="613"/>
      <c r="AFP652" s="613"/>
      <c r="AFQ652" s="613"/>
      <c r="AFR652" s="613"/>
      <c r="AFS652" s="613"/>
      <c r="AFT652" s="613"/>
      <c r="AFU652" s="613"/>
      <c r="AFV652" s="613"/>
      <c r="AFW652" s="613"/>
      <c r="AFX652" s="613"/>
      <c r="AFY652" s="613"/>
      <c r="AFZ652" s="613"/>
      <c r="AGA652" s="613"/>
      <c r="AGB652" s="613"/>
      <c r="AGC652" s="613"/>
      <c r="AGD652" s="613"/>
      <c r="AGE652" s="613"/>
      <c r="AGF652" s="613"/>
      <c r="AGG652" s="613"/>
      <c r="AGH652" s="613"/>
      <c r="AGI652" s="613"/>
      <c r="AGJ652" s="613"/>
      <c r="AGK652" s="613"/>
      <c r="AGL652" s="613"/>
      <c r="AGM652" s="613"/>
      <c r="AGN652" s="613"/>
      <c r="AGO652" s="613"/>
      <c r="AGP652" s="613"/>
      <c r="AGQ652" s="613"/>
      <c r="AGR652" s="613"/>
      <c r="AGS652" s="613"/>
      <c r="AGT652" s="613"/>
      <c r="AGU652" s="613"/>
      <c r="AGV652" s="613"/>
      <c r="AGW652" s="613"/>
      <c r="AGX652" s="613"/>
      <c r="AGY652" s="613"/>
      <c r="AGZ652" s="613"/>
      <c r="AHA652" s="613"/>
      <c r="AHB652" s="613"/>
      <c r="AHC652" s="613"/>
      <c r="AHD652" s="613"/>
      <c r="AHE652" s="613"/>
      <c r="AHF652" s="613"/>
      <c r="AHG652" s="613"/>
      <c r="AHH652" s="613"/>
      <c r="AHI652" s="613"/>
      <c r="AHJ652" s="613"/>
      <c r="AHK652" s="613"/>
      <c r="AHL652" s="613"/>
      <c r="AHM652" s="613"/>
      <c r="AHN652" s="613"/>
      <c r="AHO652" s="613"/>
      <c r="AHP652" s="613"/>
      <c r="AHQ652" s="613"/>
      <c r="AHR652" s="613"/>
      <c r="AHS652" s="613"/>
      <c r="AHT652" s="613"/>
      <c r="AHU652" s="613"/>
      <c r="AHV652" s="613"/>
      <c r="AHW652" s="613"/>
      <c r="AHX652" s="613"/>
      <c r="AHY652" s="613"/>
      <c r="AHZ652" s="613"/>
      <c r="AIA652" s="613"/>
      <c r="AIB652" s="613"/>
      <c r="AIC652" s="613"/>
      <c r="AID652" s="613"/>
      <c r="AIE652" s="613"/>
      <c r="AIF652" s="613"/>
      <c r="AIG652" s="613"/>
      <c r="AIH652" s="613"/>
      <c r="AII652" s="613"/>
      <c r="AIJ652" s="613"/>
      <c r="AIK652" s="613"/>
      <c r="AIL652" s="613"/>
      <c r="AIM652" s="613"/>
      <c r="AIN652" s="613"/>
      <c r="AIO652" s="613"/>
      <c r="AIP652" s="613"/>
      <c r="AIQ652" s="613"/>
      <c r="AIR652" s="613"/>
      <c r="AIS652" s="613"/>
      <c r="AIT652" s="613"/>
      <c r="AIU652" s="613"/>
      <c r="AIV652" s="613"/>
      <c r="AIW652" s="613"/>
      <c r="AIX652" s="613"/>
      <c r="AIY652" s="613"/>
      <c r="AIZ652" s="613"/>
      <c r="AJA652" s="613"/>
      <c r="AJB652" s="613"/>
      <c r="AJC652" s="613"/>
      <c r="AJD652" s="613"/>
      <c r="AJE652" s="613"/>
      <c r="AJF652" s="613"/>
      <c r="AJG652" s="613"/>
      <c r="AJH652" s="613"/>
      <c r="AJI652" s="613"/>
      <c r="AJJ652" s="613"/>
      <c r="AJK652" s="613"/>
      <c r="AJL652" s="613"/>
      <c r="AJM652" s="613"/>
      <c r="AJN652" s="613"/>
      <c r="AJO652" s="613"/>
      <c r="AJP652" s="613"/>
      <c r="AJQ652" s="613"/>
      <c r="AJR652" s="613"/>
      <c r="AJS652" s="613"/>
      <c r="AJT652" s="613"/>
      <c r="AJU652" s="613"/>
      <c r="AJV652" s="613"/>
      <c r="AJW652" s="613"/>
      <c r="AJX652" s="613"/>
      <c r="AJY652" s="613"/>
      <c r="AJZ652" s="613"/>
      <c r="AKA652" s="613"/>
      <c r="AKB652" s="613"/>
      <c r="AKC652" s="613"/>
      <c r="AKD652" s="613"/>
      <c r="AKE652" s="613"/>
      <c r="AKF652" s="613"/>
      <c r="AKG652" s="613"/>
      <c r="AKH652" s="613"/>
      <c r="AKI652" s="613"/>
      <c r="AKJ652" s="613"/>
      <c r="AKK652" s="613"/>
      <c r="AKL652" s="613"/>
      <c r="AKM652" s="613"/>
      <c r="AKN652" s="613"/>
      <c r="AKO652" s="613"/>
      <c r="AKP652" s="613"/>
      <c r="AKQ652" s="613"/>
      <c r="AKR652" s="613"/>
      <c r="AKS652" s="613"/>
      <c r="AKT652" s="613"/>
      <c r="AKU652" s="613"/>
      <c r="AKV652" s="613"/>
      <c r="AKW652" s="613"/>
      <c r="AKX652" s="613"/>
      <c r="AKY652" s="613"/>
      <c r="AKZ652" s="613"/>
      <c r="ALA652" s="613"/>
      <c r="ALB652" s="613"/>
      <c r="ALC652" s="613"/>
      <c r="ALD652" s="613"/>
      <c r="ALE652" s="613"/>
      <c r="ALF652" s="613"/>
      <c r="ALG652" s="613"/>
      <c r="ALH652" s="613"/>
      <c r="ALI652" s="613"/>
      <c r="ALJ652" s="613"/>
      <c r="ALK652" s="613"/>
      <c r="ALL652" s="613"/>
      <c r="ALM652" s="613"/>
      <c r="ALN652" s="613"/>
      <c r="ALO652" s="613"/>
      <c r="ALP652" s="613"/>
      <c r="ALQ652" s="613"/>
      <c r="ALR652" s="613"/>
      <c r="ALS652" s="613"/>
      <c r="ALT652" s="613"/>
      <c r="ALU652" s="613"/>
      <c r="ALV652" s="613"/>
      <c r="ALW652" s="613"/>
      <c r="ALX652" s="613"/>
      <c r="ALY652" s="613"/>
      <c r="ALZ652" s="613"/>
      <c r="AMA652" s="613"/>
      <c r="AMB652" s="613"/>
      <c r="AMC652" s="613"/>
      <c r="AMD652" s="613"/>
      <c r="AME652" s="613"/>
      <c r="AMF652" s="613"/>
      <c r="AMG652" s="613"/>
      <c r="AMH652" s="613"/>
      <c r="AMI652" s="613"/>
      <c r="AMJ652" s="613"/>
      <c r="AMK652" s="613"/>
      <c r="AML652" s="613"/>
      <c r="AMM652" s="613"/>
      <c r="AMN652" s="613"/>
      <c r="AMO652" s="613"/>
      <c r="AMP652" s="613"/>
      <c r="AMQ652" s="613"/>
      <c r="AMR652" s="613"/>
      <c r="AMS652" s="613"/>
      <c r="AMT652" s="613"/>
      <c r="AMU652" s="613"/>
      <c r="AMV652" s="613"/>
      <c r="AMW652" s="613"/>
      <c r="AMX652" s="613"/>
      <c r="AMY652" s="613"/>
      <c r="AMZ652" s="613"/>
      <c r="ANA652" s="613"/>
      <c r="ANB652" s="613"/>
      <c r="ANC652" s="613"/>
      <c r="AND652" s="613"/>
      <c r="ANE652" s="613"/>
      <c r="ANF652" s="613"/>
      <c r="ANG652" s="613"/>
      <c r="ANH652" s="613"/>
      <c r="ANI652" s="613"/>
      <c r="ANJ652" s="613"/>
      <c r="ANK652" s="613"/>
      <c r="ANL652" s="613"/>
      <c r="ANM652" s="613"/>
      <c r="ANN652" s="613"/>
      <c r="ANO652" s="613"/>
      <c r="ANP652" s="613"/>
      <c r="ANQ652" s="613"/>
      <c r="ANR652" s="613"/>
      <c r="ANS652" s="613"/>
      <c r="ANT652" s="613"/>
      <c r="ANU652" s="613"/>
      <c r="ANV652" s="613"/>
      <c r="ANW652" s="613"/>
      <c r="ANX652" s="613"/>
      <c r="ANY652" s="613"/>
      <c r="ANZ652" s="613"/>
      <c r="AOA652" s="613"/>
      <c r="AOB652" s="613"/>
      <c r="AOC652" s="613"/>
      <c r="AOD652" s="613"/>
      <c r="AOE652" s="613"/>
      <c r="AOF652" s="613"/>
      <c r="AOG652" s="613"/>
      <c r="AOH652" s="613"/>
      <c r="AOI652" s="613"/>
      <c r="AOJ652" s="613"/>
      <c r="AOK652" s="613"/>
      <c r="AOL652" s="613"/>
      <c r="AOM652" s="613"/>
      <c r="AON652" s="613"/>
      <c r="AOO652" s="613"/>
      <c r="AOP652" s="613"/>
      <c r="AOQ652" s="613"/>
      <c r="AOR652" s="613"/>
      <c r="AOS652" s="613"/>
      <c r="AOT652" s="613"/>
      <c r="AOU652" s="613"/>
      <c r="AOV652" s="613"/>
      <c r="AOW652" s="613"/>
      <c r="AOX652" s="613"/>
      <c r="AOY652" s="613"/>
      <c r="AOZ652" s="613"/>
      <c r="APA652" s="613"/>
      <c r="APB652" s="613"/>
      <c r="APC652" s="613"/>
      <c r="APD652" s="613"/>
      <c r="APE652" s="613"/>
      <c r="APF652" s="613"/>
      <c r="APG652" s="613"/>
      <c r="APH652" s="613"/>
      <c r="API652" s="613"/>
      <c r="APJ652" s="613"/>
      <c r="APK652" s="613"/>
      <c r="APL652" s="613"/>
      <c r="APM652" s="613"/>
      <c r="APN652" s="613"/>
      <c r="APO652" s="613"/>
      <c r="APP652" s="613"/>
      <c r="APQ652" s="613"/>
      <c r="APR652" s="613"/>
      <c r="APS652" s="613"/>
      <c r="APT652" s="613"/>
      <c r="APU652" s="613"/>
      <c r="APV652" s="613"/>
      <c r="APW652" s="613"/>
      <c r="APX652" s="613"/>
      <c r="APY652" s="613"/>
      <c r="APZ652" s="613"/>
      <c r="AQA652" s="613"/>
      <c r="AQB652" s="613"/>
      <c r="AQC652" s="613"/>
      <c r="AQD652" s="613"/>
      <c r="AQE652" s="613"/>
      <c r="AQF652" s="613"/>
      <c r="AQG652" s="613"/>
      <c r="AQH652" s="613"/>
      <c r="AQI652" s="613"/>
      <c r="AQJ652" s="613"/>
      <c r="AQK652" s="613"/>
      <c r="AQL652" s="613"/>
      <c r="AQM652" s="613"/>
      <c r="AQN652" s="613"/>
      <c r="AQO652" s="613"/>
      <c r="AQP652" s="613"/>
      <c r="AQQ652" s="613"/>
      <c r="AQR652" s="613"/>
      <c r="AQS652" s="613"/>
      <c r="AQT652" s="613"/>
      <c r="AQU652" s="613"/>
      <c r="AQV652" s="613"/>
      <c r="AQW652" s="613"/>
      <c r="AQX652" s="613"/>
      <c r="AQY652" s="613"/>
      <c r="AQZ652" s="613"/>
      <c r="ARA652" s="613"/>
      <c r="ARB652" s="613"/>
      <c r="ARC652" s="613"/>
      <c r="ARD652" s="613"/>
      <c r="ARE652" s="613"/>
      <c r="ARF652" s="613"/>
      <c r="ARG652" s="613"/>
      <c r="ARH652" s="613"/>
      <c r="ARI652" s="613"/>
      <c r="ARJ652" s="613"/>
      <c r="ARK652" s="613"/>
      <c r="ARL652" s="613"/>
      <c r="ARM652" s="613"/>
      <c r="ARN652" s="613"/>
      <c r="ARO652" s="613"/>
      <c r="ARP652" s="613"/>
      <c r="ARQ652" s="613"/>
      <c r="ARR652" s="613"/>
      <c r="ARS652" s="613"/>
      <c r="ART652" s="613"/>
      <c r="ARU652" s="613"/>
      <c r="ARV652" s="613"/>
      <c r="ARW652" s="613"/>
      <c r="ARX652" s="613"/>
      <c r="ARY652" s="613"/>
      <c r="ARZ652" s="613"/>
      <c r="ASA652" s="613"/>
      <c r="ASB652" s="613"/>
      <c r="ASC652" s="613"/>
      <c r="ASD652" s="613"/>
      <c r="ASE652" s="613"/>
      <c r="ASF652" s="613"/>
      <c r="ASG652" s="613"/>
      <c r="ASH652" s="613"/>
      <c r="ASI652" s="613"/>
      <c r="ASJ652" s="613"/>
      <c r="ASK652" s="613"/>
      <c r="ASL652" s="613"/>
      <c r="ASM652" s="613"/>
      <c r="ASN652" s="613"/>
      <c r="ASO652" s="613"/>
      <c r="ASP652" s="613"/>
      <c r="ASQ652" s="613"/>
      <c r="ASR652" s="613"/>
      <c r="ASS652" s="613"/>
      <c r="AST652" s="613"/>
      <c r="ASU652" s="613"/>
      <c r="ASV652" s="613"/>
      <c r="ASW652" s="613"/>
      <c r="ASX652" s="613"/>
      <c r="ASY652" s="613"/>
      <c r="ASZ652" s="613"/>
      <c r="ATA652" s="613"/>
      <c r="ATB652" s="613"/>
      <c r="ATC652" s="613"/>
      <c r="ATD652" s="613"/>
      <c r="ATE652" s="613"/>
      <c r="ATF652" s="613"/>
      <c r="ATG652" s="613"/>
      <c r="ATH652" s="613"/>
      <c r="ATI652" s="613"/>
      <c r="ATJ652" s="613"/>
      <c r="ATK652" s="613"/>
      <c r="ATL652" s="613"/>
      <c r="ATM652" s="613"/>
      <c r="ATN652" s="613"/>
      <c r="ATO652" s="613"/>
      <c r="ATP652" s="613"/>
      <c r="ATQ652" s="613"/>
      <c r="ATR652" s="613"/>
      <c r="ATS652" s="613"/>
      <c r="ATT652" s="613"/>
      <c r="ATU652" s="613"/>
      <c r="ATV652" s="613"/>
      <c r="ATW652" s="613"/>
      <c r="ATX652" s="613"/>
      <c r="ATY652" s="613"/>
      <c r="ATZ652" s="613"/>
      <c r="AUA652" s="613"/>
      <c r="AUB652" s="613"/>
      <c r="AUC652" s="613"/>
      <c r="AUD652" s="613"/>
      <c r="AUE652" s="613"/>
      <c r="AUF652" s="613"/>
      <c r="AUG652" s="613"/>
      <c r="AUH652" s="613"/>
      <c r="AUI652" s="613"/>
      <c r="AUJ652" s="613"/>
      <c r="AUK652" s="613"/>
      <c r="AUL652" s="613"/>
      <c r="AUM652" s="613"/>
      <c r="AUN652" s="613"/>
      <c r="AUO652" s="613"/>
      <c r="AUP652" s="613"/>
      <c r="AUQ652" s="613"/>
      <c r="AUR652" s="613"/>
      <c r="AUS652" s="613"/>
      <c r="AUT652" s="613"/>
      <c r="AUU652" s="613"/>
      <c r="AUV652" s="613"/>
      <c r="AUW652" s="613"/>
      <c r="AUX652" s="613"/>
      <c r="AUY652" s="613"/>
      <c r="AUZ652" s="613"/>
      <c r="AVA652" s="613"/>
      <c r="AVB652" s="613"/>
      <c r="AVC652" s="613"/>
      <c r="AVD652" s="613"/>
      <c r="AVE652" s="613"/>
      <c r="AVF652" s="613"/>
      <c r="AVG652" s="613"/>
      <c r="AVH652" s="613"/>
      <c r="AVI652" s="613"/>
      <c r="AVJ652" s="613"/>
      <c r="AVK652" s="613"/>
      <c r="AVL652" s="613"/>
      <c r="AVM652" s="613"/>
      <c r="AVN652" s="613"/>
      <c r="AVO652" s="613"/>
      <c r="AVP652" s="613"/>
      <c r="AVQ652" s="613"/>
      <c r="AVR652" s="613"/>
      <c r="AVS652" s="613"/>
      <c r="AVT652" s="613"/>
      <c r="AVU652" s="613"/>
      <c r="AVV652" s="613"/>
      <c r="AVW652" s="613"/>
      <c r="AVX652" s="613"/>
      <c r="AVY652" s="613"/>
      <c r="AVZ652" s="613"/>
      <c r="AWA652" s="613"/>
      <c r="AWB652" s="613"/>
      <c r="AWC652" s="613"/>
      <c r="AWD652" s="613"/>
      <c r="AWE652" s="613"/>
      <c r="AWF652" s="613"/>
      <c r="AWG652" s="613"/>
      <c r="AWH652" s="613"/>
      <c r="AWI652" s="613"/>
      <c r="AWJ652" s="613"/>
      <c r="AWK652" s="613"/>
      <c r="AWL652" s="613"/>
      <c r="AWM652" s="613"/>
      <c r="AWN652" s="613"/>
      <c r="AWO652" s="613"/>
      <c r="AWP652" s="613"/>
      <c r="AWQ652" s="613"/>
      <c r="AWR652" s="613"/>
      <c r="AWS652" s="613"/>
      <c r="AWT652" s="613"/>
      <c r="AWU652" s="613"/>
      <c r="AWV652" s="613"/>
      <c r="AWW652" s="613"/>
      <c r="AWX652" s="613"/>
      <c r="AWY652" s="613"/>
      <c r="AWZ652" s="613"/>
      <c r="AXA652" s="613"/>
      <c r="AXB652" s="613"/>
      <c r="AXC652" s="613"/>
      <c r="AXD652" s="613"/>
      <c r="AXE652" s="613"/>
      <c r="AXF652" s="613"/>
      <c r="AXG652" s="613"/>
      <c r="AXH652" s="613"/>
      <c r="AXI652" s="613"/>
      <c r="AXJ652" s="613"/>
      <c r="AXK652" s="613"/>
      <c r="AXL652" s="613"/>
      <c r="AXM652" s="613"/>
      <c r="AXN652" s="613"/>
      <c r="AXO652" s="613"/>
      <c r="AXP652" s="613"/>
      <c r="AXQ652" s="613"/>
      <c r="AXR652" s="613"/>
      <c r="AXS652" s="613"/>
      <c r="AXT652" s="613"/>
      <c r="AXU652" s="613"/>
      <c r="AXV652" s="613"/>
      <c r="AXW652" s="613"/>
      <c r="AXX652" s="613"/>
      <c r="AXY652" s="613"/>
      <c r="AXZ652" s="613"/>
      <c r="AYA652" s="613"/>
      <c r="AYB652" s="613"/>
      <c r="AYC652" s="613"/>
      <c r="AYD652" s="613"/>
      <c r="AYE652" s="613"/>
      <c r="AYF652" s="613"/>
      <c r="AYG652" s="613"/>
      <c r="AYH652" s="613"/>
      <c r="AYI652" s="613"/>
      <c r="AYJ652" s="613"/>
      <c r="AYK652" s="613"/>
      <c r="AYL652" s="613"/>
      <c r="AYM652" s="613"/>
      <c r="AYN652" s="613"/>
      <c r="AYO652" s="613"/>
      <c r="AYP652" s="613"/>
      <c r="AYQ652" s="613"/>
      <c r="AYR652" s="613"/>
      <c r="AYS652" s="613"/>
      <c r="AYT652" s="613"/>
      <c r="AYU652" s="613"/>
      <c r="AYV652" s="613"/>
      <c r="AYW652" s="613"/>
      <c r="AYX652" s="613"/>
      <c r="AYY652" s="613"/>
      <c r="AYZ652" s="613"/>
      <c r="AZA652" s="613"/>
      <c r="AZB652" s="613"/>
      <c r="AZC652" s="613"/>
      <c r="AZD652" s="613"/>
      <c r="AZE652" s="613"/>
      <c r="AZF652" s="613"/>
      <c r="AZG652" s="613"/>
      <c r="AZH652" s="613"/>
      <c r="AZI652" s="613"/>
      <c r="AZJ652" s="613"/>
      <c r="AZK652" s="613"/>
      <c r="AZL652" s="613"/>
      <c r="AZM652" s="613"/>
      <c r="AZN652" s="613"/>
      <c r="AZO652" s="613"/>
      <c r="AZP652" s="613"/>
      <c r="AZQ652" s="613"/>
      <c r="AZR652" s="613"/>
      <c r="AZS652" s="613"/>
      <c r="AZT652" s="613"/>
      <c r="AZU652" s="613"/>
      <c r="AZV652" s="613"/>
      <c r="AZW652" s="613"/>
      <c r="AZX652" s="613"/>
      <c r="AZY652" s="613"/>
      <c r="AZZ652" s="613"/>
      <c r="BAA652" s="613"/>
      <c r="BAB652" s="613"/>
      <c r="BAC652" s="613"/>
      <c r="BAD652" s="613"/>
      <c r="BAE652" s="613"/>
      <c r="BAF652" s="613"/>
      <c r="BAG652" s="613"/>
      <c r="BAH652" s="613"/>
      <c r="BAI652" s="613"/>
      <c r="BAJ652" s="613"/>
      <c r="BAK652" s="613"/>
      <c r="BAL652" s="613"/>
      <c r="BAM652" s="613"/>
      <c r="BAN652" s="613"/>
      <c r="BAO652" s="613"/>
      <c r="BAP652" s="613"/>
      <c r="BAQ652" s="613"/>
      <c r="BAR652" s="613"/>
      <c r="BAS652" s="613"/>
      <c r="BAT652" s="613"/>
      <c r="BAU652" s="613"/>
      <c r="BAV652" s="613"/>
      <c r="BAW652" s="613"/>
      <c r="BAX652" s="613"/>
      <c r="BAY652" s="613"/>
      <c r="BAZ652" s="613"/>
      <c r="BBA652" s="613"/>
      <c r="BBB652" s="613"/>
      <c r="BBC652" s="613"/>
      <c r="BBD652" s="613"/>
      <c r="BBE652" s="613"/>
      <c r="BBF652" s="613"/>
      <c r="BBG652" s="613"/>
      <c r="BBH652" s="613"/>
      <c r="BBI652" s="613"/>
      <c r="BBJ652" s="613"/>
      <c r="BBK652" s="613"/>
      <c r="BBL652" s="613"/>
      <c r="BBM652" s="613"/>
      <c r="BBN652" s="613"/>
      <c r="BBO652" s="613"/>
      <c r="BBP652" s="613"/>
      <c r="BBQ652" s="613"/>
      <c r="BBR652" s="613"/>
      <c r="BBS652" s="613"/>
      <c r="BBT652" s="613"/>
      <c r="BBU652" s="613"/>
      <c r="BBV652" s="613"/>
      <c r="BBW652" s="613"/>
      <c r="BBX652" s="613"/>
      <c r="BBY652" s="613"/>
      <c r="BBZ652" s="613"/>
      <c r="BCA652" s="613"/>
      <c r="BCB652" s="613"/>
      <c r="BCC652" s="613"/>
      <c r="BCD652" s="613"/>
      <c r="BCE652" s="613"/>
      <c r="BCF652" s="613"/>
      <c r="BCG652" s="613"/>
      <c r="BCH652" s="613"/>
      <c r="BCI652" s="613"/>
      <c r="BCJ652" s="613"/>
      <c r="BCK652" s="613"/>
      <c r="BCL652" s="613"/>
      <c r="BCM652" s="613"/>
      <c r="BCN652" s="613"/>
      <c r="BCO652" s="613"/>
      <c r="BCP652" s="613"/>
      <c r="BCQ652" s="613"/>
      <c r="BCR652" s="613"/>
      <c r="BCS652" s="613"/>
      <c r="BCT652" s="613"/>
      <c r="BCU652" s="613"/>
      <c r="BCV652" s="613"/>
      <c r="BCW652" s="613"/>
      <c r="BCX652" s="613"/>
      <c r="BCY652" s="613"/>
      <c r="BCZ652" s="613"/>
      <c r="BDA652" s="613"/>
      <c r="BDB652" s="613"/>
      <c r="BDC652" s="613"/>
      <c r="BDD652" s="613"/>
      <c r="BDE652" s="613"/>
      <c r="BDF652" s="613"/>
      <c r="BDG652" s="613"/>
      <c r="BDH652" s="613"/>
      <c r="BDI652" s="613"/>
      <c r="BDJ652" s="613"/>
      <c r="BDK652" s="613"/>
      <c r="BDL652" s="613"/>
      <c r="BDM652" s="613"/>
      <c r="BDN652" s="613"/>
      <c r="BDO652" s="613"/>
      <c r="BDP652" s="613"/>
      <c r="BDQ652" s="613"/>
      <c r="BDR652" s="613"/>
      <c r="BDS652" s="613"/>
      <c r="BDT652" s="613"/>
      <c r="BDU652" s="613"/>
      <c r="BDV652" s="613"/>
      <c r="BDW652" s="613"/>
      <c r="BDX652" s="613"/>
      <c r="BDY652" s="613"/>
      <c r="BDZ652" s="613"/>
      <c r="BEA652" s="613"/>
      <c r="BEB652" s="613"/>
      <c r="BEC652" s="613"/>
      <c r="BED652" s="613"/>
      <c r="BEE652" s="613"/>
      <c r="BEF652" s="613"/>
      <c r="BEG652" s="613"/>
      <c r="BEH652" s="613"/>
      <c r="BEI652" s="613"/>
      <c r="BEJ652" s="613"/>
      <c r="BEK652" s="613"/>
      <c r="BEL652" s="613"/>
      <c r="BEM652" s="613"/>
      <c r="BEN652" s="613"/>
      <c r="BEO652" s="613"/>
      <c r="BEP652" s="613"/>
      <c r="BEQ652" s="613"/>
      <c r="BER652" s="613"/>
      <c r="BES652" s="613"/>
      <c r="BET652" s="613"/>
      <c r="BEU652" s="613"/>
      <c r="BEV652" s="613"/>
      <c r="BEW652" s="613"/>
      <c r="BEX652" s="613"/>
      <c r="BEY652" s="613"/>
      <c r="BEZ652" s="613"/>
      <c r="BFA652" s="613"/>
      <c r="BFB652" s="613"/>
      <c r="BFC652" s="613"/>
      <c r="BFD652" s="613"/>
      <c r="BFE652" s="613"/>
      <c r="BFF652" s="613"/>
      <c r="BFG652" s="613"/>
      <c r="BFH652" s="613"/>
      <c r="BFI652" s="613"/>
      <c r="BFJ652" s="613"/>
      <c r="BFK652" s="613"/>
      <c r="BFL652" s="613"/>
      <c r="BFM652" s="613"/>
      <c r="BFN652" s="613"/>
      <c r="BFO652" s="613"/>
      <c r="BFP652" s="613"/>
      <c r="BFQ652" s="613"/>
      <c r="BFR652" s="613"/>
      <c r="BFS652" s="613"/>
      <c r="BFT652" s="613"/>
      <c r="BFU652" s="613"/>
      <c r="BFV652" s="613"/>
      <c r="BFW652" s="613"/>
      <c r="BFX652" s="613"/>
      <c r="BFY652" s="613"/>
      <c r="BFZ652" s="613"/>
      <c r="BGA652" s="613"/>
      <c r="BGB652" s="613"/>
      <c r="BGC652" s="613"/>
      <c r="BGD652" s="613"/>
      <c r="BGE652" s="613"/>
      <c r="BGF652" s="613"/>
      <c r="BGG652" s="613"/>
      <c r="BGH652" s="613"/>
      <c r="BGI652" s="613"/>
      <c r="BGJ652" s="613"/>
      <c r="BGK652" s="613"/>
      <c r="BGL652" s="613"/>
      <c r="BGM652" s="613"/>
      <c r="BGN652" s="613"/>
      <c r="BGO652" s="613"/>
      <c r="BGP652" s="613"/>
      <c r="BGQ652" s="613"/>
      <c r="BGR652" s="613"/>
      <c r="BGS652" s="613"/>
      <c r="BGT652" s="613"/>
      <c r="BGU652" s="613"/>
      <c r="BGV652" s="613"/>
      <c r="BGW652" s="613"/>
      <c r="BGX652" s="613"/>
      <c r="BGY652" s="613"/>
      <c r="BGZ652" s="613"/>
      <c r="BHA652" s="613"/>
      <c r="BHB652" s="613"/>
      <c r="BHC652" s="613"/>
      <c r="BHD652" s="613"/>
      <c r="BHE652" s="613"/>
      <c r="BHF652" s="613"/>
      <c r="BHG652" s="613"/>
      <c r="BHH652" s="613"/>
      <c r="BHI652" s="613"/>
      <c r="BHJ652" s="613"/>
      <c r="BHK652" s="613"/>
      <c r="BHL652" s="613"/>
      <c r="BHM652" s="613"/>
      <c r="BHN652" s="613"/>
      <c r="BHO652" s="613"/>
      <c r="BHP652" s="613"/>
      <c r="BHQ652" s="613"/>
      <c r="BHR652" s="613"/>
      <c r="BHS652" s="613"/>
      <c r="BHT652" s="613"/>
      <c r="BHU652" s="613"/>
      <c r="BHV652" s="613"/>
      <c r="BHW652" s="613"/>
      <c r="BHX652" s="613"/>
      <c r="BHY652" s="613"/>
      <c r="BHZ652" s="613"/>
      <c r="BIA652" s="613"/>
      <c r="BIB652" s="613"/>
      <c r="BIC652" s="613"/>
      <c r="BID652" s="613"/>
      <c r="BIE652" s="613"/>
      <c r="BIF652" s="613"/>
      <c r="BIG652" s="613"/>
      <c r="BIH652" s="613"/>
      <c r="BII652" s="613"/>
      <c r="BIJ652" s="613"/>
      <c r="BIK652" s="613"/>
      <c r="BIL652" s="613"/>
      <c r="BIM652" s="613"/>
      <c r="BIN652" s="613"/>
      <c r="BIO652" s="613"/>
      <c r="BIP652" s="613"/>
      <c r="BIQ652" s="613"/>
      <c r="BIR652" s="613"/>
      <c r="BIS652" s="613"/>
      <c r="BIT652" s="613"/>
      <c r="BIU652" s="613"/>
      <c r="BIV652" s="613"/>
      <c r="BIW652" s="613"/>
      <c r="BIX652" s="613"/>
      <c r="BIY652" s="613"/>
      <c r="BIZ652" s="613"/>
      <c r="BJA652" s="613"/>
      <c r="BJB652" s="613"/>
      <c r="BJC652" s="613"/>
      <c r="BJD652" s="613"/>
      <c r="BJE652" s="613"/>
      <c r="BJF652" s="613"/>
      <c r="BJG652" s="613"/>
      <c r="BJH652" s="613"/>
      <c r="BJI652" s="613"/>
      <c r="BJJ652" s="613"/>
      <c r="BJK652" s="613"/>
      <c r="BJL652" s="613"/>
      <c r="BJM652" s="613"/>
      <c r="BJN652" s="613"/>
      <c r="BJO652" s="613"/>
      <c r="BJP652" s="613"/>
      <c r="BJQ652" s="613"/>
      <c r="BJR652" s="613"/>
      <c r="BJS652" s="613"/>
      <c r="BJT652" s="613"/>
      <c r="BJU652" s="613"/>
      <c r="BJV652" s="613"/>
      <c r="BJW652" s="613"/>
      <c r="BJX652" s="613"/>
      <c r="BJY652" s="613"/>
      <c r="BJZ652" s="613"/>
      <c r="BKA652" s="613"/>
      <c r="BKB652" s="613"/>
      <c r="BKC652" s="613"/>
      <c r="BKD652" s="613"/>
      <c r="BKE652" s="613"/>
      <c r="BKF652" s="613"/>
      <c r="BKG652" s="613"/>
      <c r="BKH652" s="613"/>
      <c r="BKI652" s="613"/>
      <c r="BKJ652" s="613"/>
      <c r="BKK652" s="613"/>
      <c r="BKL652" s="613"/>
      <c r="BKM652" s="613"/>
      <c r="BKN652" s="613"/>
      <c r="BKO652" s="613"/>
      <c r="BKP652" s="613"/>
      <c r="BKQ652" s="613"/>
      <c r="BKR652" s="613"/>
      <c r="BKS652" s="613"/>
      <c r="BKT652" s="613"/>
      <c r="BKU652" s="613"/>
      <c r="BKV652" s="613"/>
      <c r="BKW652" s="613"/>
      <c r="BKX652" s="613"/>
      <c r="BKY652" s="613"/>
      <c r="BKZ652" s="613"/>
      <c r="BLA652" s="613"/>
      <c r="BLB652" s="613"/>
      <c r="BLC652" s="613"/>
      <c r="BLD652" s="613"/>
      <c r="BLE652" s="613"/>
      <c r="BLF652" s="613"/>
      <c r="BLG652" s="613"/>
      <c r="BLH652" s="613"/>
      <c r="BLI652" s="613"/>
      <c r="BLJ652" s="613"/>
      <c r="BLK652" s="613"/>
      <c r="BLL652" s="613"/>
      <c r="BLM652" s="613"/>
      <c r="BLN652" s="613"/>
      <c r="BLO652" s="613"/>
      <c r="BLP652" s="613"/>
      <c r="BLQ652" s="613"/>
      <c r="BLR652" s="613"/>
      <c r="BLS652" s="613"/>
      <c r="BLT652" s="613"/>
      <c r="BLU652" s="613"/>
      <c r="BLV652" s="613"/>
      <c r="BLW652" s="613"/>
      <c r="BLX652" s="613"/>
      <c r="BLY652" s="613"/>
      <c r="BLZ652" s="613"/>
      <c r="BMA652" s="613"/>
      <c r="BMB652" s="613"/>
      <c r="BMC652" s="613"/>
      <c r="BMD652" s="613"/>
      <c r="BME652" s="613"/>
      <c r="BMF652" s="613"/>
      <c r="BMG652" s="613"/>
      <c r="BMH652" s="613"/>
      <c r="BMI652" s="613"/>
      <c r="BMJ652" s="613"/>
      <c r="BMK652" s="613"/>
      <c r="BML652" s="613"/>
      <c r="BMM652" s="613"/>
      <c r="BMN652" s="613"/>
      <c r="BMO652" s="613"/>
      <c r="BMP652" s="613"/>
      <c r="BMQ652" s="613"/>
      <c r="BMR652" s="613"/>
      <c r="BMS652" s="613"/>
      <c r="BMT652" s="613"/>
      <c r="BMU652" s="613"/>
      <c r="BMV652" s="613"/>
      <c r="BMW652" s="613"/>
      <c r="BMX652" s="613"/>
      <c r="BMY652" s="613"/>
      <c r="BMZ652" s="613"/>
      <c r="BNA652" s="613"/>
      <c r="BNB652" s="613"/>
      <c r="BNC652" s="613"/>
      <c r="BND652" s="613"/>
      <c r="BNE652" s="613"/>
      <c r="BNF652" s="613"/>
      <c r="BNG652" s="613"/>
      <c r="BNH652" s="613"/>
      <c r="BNI652" s="613"/>
      <c r="BNJ652" s="613"/>
      <c r="BNK652" s="613"/>
      <c r="BNL652" s="613"/>
      <c r="BNM652" s="613"/>
      <c r="BNN652" s="613"/>
      <c r="BNO652" s="613"/>
      <c r="BNP652" s="613"/>
      <c r="BNQ652" s="613"/>
      <c r="BNR652" s="613"/>
      <c r="BNS652" s="613"/>
      <c r="BNT652" s="613"/>
      <c r="BNU652" s="613"/>
      <c r="BNV652" s="613"/>
      <c r="BNW652" s="613"/>
      <c r="BNX652" s="613"/>
      <c r="BNY652" s="613"/>
      <c r="BNZ652" s="613"/>
      <c r="BOA652" s="613"/>
      <c r="BOB652" s="613"/>
      <c r="BOC652" s="613"/>
      <c r="BOD652" s="613"/>
      <c r="BOE652" s="613"/>
      <c r="BOF652" s="613"/>
      <c r="BOG652" s="613"/>
      <c r="BOH652" s="613"/>
      <c r="BOI652" s="613"/>
      <c r="BOJ652" s="613"/>
      <c r="BOK652" s="613"/>
      <c r="BOL652" s="613"/>
      <c r="BOM652" s="613"/>
      <c r="BON652" s="613"/>
      <c r="BOO652" s="613"/>
      <c r="BOP652" s="613"/>
      <c r="BOQ652" s="613"/>
      <c r="BOR652" s="613"/>
      <c r="BOS652" s="613"/>
      <c r="BOT652" s="613"/>
      <c r="BOU652" s="613"/>
      <c r="BOV652" s="613"/>
      <c r="BOW652" s="613"/>
      <c r="BOX652" s="613"/>
      <c r="BOY652" s="613"/>
      <c r="BOZ652" s="613"/>
      <c r="BPA652" s="613"/>
      <c r="BPB652" s="613"/>
      <c r="BPC652" s="613"/>
      <c r="BPD652" s="613"/>
      <c r="BPE652" s="613"/>
      <c r="BPF652" s="613"/>
      <c r="BPG652" s="613"/>
      <c r="BPH652" s="613"/>
      <c r="BPI652" s="613"/>
      <c r="BPJ652" s="613"/>
      <c r="BPK652" s="613"/>
      <c r="BPL652" s="613"/>
      <c r="BPM652" s="613"/>
      <c r="BPN652" s="613"/>
      <c r="BPO652" s="613"/>
      <c r="BPP652" s="613"/>
      <c r="BPQ652" s="613"/>
      <c r="BPR652" s="613"/>
      <c r="BPS652" s="613"/>
      <c r="BPT652" s="613"/>
      <c r="BPU652" s="613"/>
      <c r="BPV652" s="613"/>
      <c r="BPW652" s="613"/>
      <c r="BPX652" s="613"/>
      <c r="BPY652" s="613"/>
      <c r="BPZ652" s="613"/>
      <c r="BQA652" s="613"/>
      <c r="BQB652" s="613"/>
      <c r="BQC652" s="613"/>
      <c r="BQD652" s="613"/>
      <c r="BQE652" s="613"/>
      <c r="BQF652" s="613"/>
      <c r="BQG652" s="613"/>
      <c r="BQH652" s="613"/>
      <c r="BQI652" s="613"/>
      <c r="BQJ652" s="613"/>
      <c r="BQK652" s="613"/>
      <c r="BQL652" s="613"/>
      <c r="BQM652" s="613"/>
      <c r="BQN652" s="613"/>
      <c r="BQO652" s="613"/>
      <c r="BQP652" s="613"/>
      <c r="BQQ652" s="613"/>
      <c r="BQR652" s="613"/>
      <c r="BQS652" s="613"/>
      <c r="BQT652" s="613"/>
      <c r="BQU652" s="613"/>
      <c r="BQV652" s="613"/>
      <c r="BQW652" s="613"/>
      <c r="BQX652" s="613"/>
      <c r="BQY652" s="613"/>
      <c r="BQZ652" s="613"/>
      <c r="BRA652" s="613"/>
      <c r="BRB652" s="613"/>
      <c r="BRC652" s="613"/>
      <c r="BRD652" s="613"/>
      <c r="BRE652" s="613"/>
      <c r="BRF652" s="613"/>
      <c r="BRG652" s="613"/>
      <c r="BRH652" s="613"/>
      <c r="BRI652" s="613"/>
      <c r="BRJ652" s="613"/>
      <c r="BRK652" s="613"/>
      <c r="BRL652" s="613"/>
      <c r="BRM652" s="613"/>
      <c r="BRN652" s="613"/>
      <c r="BRO652" s="613"/>
      <c r="BRP652" s="613"/>
      <c r="BRQ652" s="613"/>
      <c r="BRR652" s="613"/>
      <c r="BRS652" s="613"/>
      <c r="BRT652" s="613"/>
      <c r="BRU652" s="613"/>
      <c r="BRV652" s="613"/>
      <c r="BRW652" s="613"/>
      <c r="BRX652" s="613"/>
      <c r="BRY652" s="613"/>
      <c r="BRZ652" s="613"/>
      <c r="BSA652" s="613"/>
      <c r="BSB652" s="613"/>
      <c r="BSC652" s="613"/>
      <c r="BSD652" s="613"/>
      <c r="BSE652" s="613"/>
      <c r="BSF652" s="613"/>
      <c r="BSG652" s="613"/>
      <c r="BSH652" s="613"/>
      <c r="BSI652" s="613"/>
      <c r="BSJ652" s="613"/>
      <c r="BSK652" s="613"/>
      <c r="BSL652" s="613"/>
      <c r="BSM652" s="613"/>
      <c r="BSN652" s="613"/>
      <c r="BSO652" s="613"/>
      <c r="BSP652" s="613"/>
      <c r="BSQ652" s="613"/>
      <c r="BSR652" s="613"/>
      <c r="BSS652" s="613"/>
      <c r="BST652" s="613"/>
      <c r="BSU652" s="613"/>
      <c r="BSV652" s="613"/>
      <c r="BSW652" s="613"/>
      <c r="BSX652" s="613"/>
      <c r="BSY652" s="613"/>
      <c r="BSZ652" s="613"/>
      <c r="BTA652" s="613"/>
      <c r="BTB652" s="613"/>
      <c r="BTC652" s="613"/>
      <c r="BTD652" s="613"/>
      <c r="BTE652" s="613"/>
      <c r="BTF652" s="613"/>
      <c r="BTG652" s="613"/>
      <c r="BTH652" s="613"/>
      <c r="BTI652" s="613"/>
      <c r="BTJ652" s="613"/>
      <c r="BTK652" s="613"/>
      <c r="BTL652" s="613"/>
      <c r="BTM652" s="613"/>
      <c r="BTN652" s="613"/>
      <c r="BTO652" s="613"/>
      <c r="BTP652" s="613"/>
      <c r="BTQ652" s="613"/>
      <c r="BTR652" s="613"/>
      <c r="BTS652" s="613"/>
      <c r="BTT652" s="613"/>
      <c r="BTU652" s="613"/>
      <c r="BTV652" s="613"/>
      <c r="BTW652" s="613"/>
      <c r="BTX652" s="613"/>
      <c r="BTY652" s="613"/>
      <c r="BTZ652" s="613"/>
      <c r="BUA652" s="613"/>
      <c r="BUB652" s="613"/>
      <c r="BUC652" s="613"/>
      <c r="BUD652" s="613"/>
      <c r="BUE652" s="613"/>
      <c r="BUF652" s="613"/>
      <c r="BUG652" s="613"/>
      <c r="BUH652" s="613"/>
      <c r="BUI652" s="613"/>
      <c r="BUJ652" s="613"/>
      <c r="BUK652" s="613"/>
      <c r="BUL652" s="613"/>
      <c r="BUM652" s="613"/>
      <c r="BUN652" s="613"/>
      <c r="BUO652" s="613"/>
      <c r="BUP652" s="613"/>
      <c r="BUQ652" s="613"/>
      <c r="BUR652" s="613"/>
      <c r="BUS652" s="613"/>
      <c r="BUT652" s="613"/>
      <c r="BUU652" s="613"/>
      <c r="BUV652" s="613"/>
      <c r="BUW652" s="613"/>
      <c r="BUX652" s="613"/>
      <c r="BUY652" s="613"/>
      <c r="BUZ652" s="613"/>
      <c r="BVA652" s="613"/>
      <c r="BVB652" s="613"/>
      <c r="BVC652" s="613"/>
      <c r="BVD652" s="613"/>
      <c r="BVE652" s="613"/>
      <c r="BVF652" s="613"/>
      <c r="BVG652" s="613"/>
      <c r="BVH652" s="613"/>
      <c r="BVI652" s="613"/>
      <c r="BVJ652" s="613"/>
      <c r="BVK652" s="613"/>
      <c r="BVL652" s="613"/>
      <c r="BVM652" s="613"/>
      <c r="BVN652" s="613"/>
      <c r="BVO652" s="613"/>
      <c r="BVP652" s="613"/>
      <c r="BVQ652" s="613"/>
      <c r="BVR652" s="613"/>
      <c r="BVS652" s="613"/>
      <c r="BVT652" s="613"/>
      <c r="BVU652" s="613"/>
      <c r="BVV652" s="613"/>
      <c r="BVW652" s="613"/>
      <c r="BVX652" s="613"/>
      <c r="BVY652" s="613"/>
      <c r="BVZ652" s="613"/>
      <c r="BWA652" s="613"/>
      <c r="BWB652" s="613"/>
      <c r="BWC652" s="613"/>
      <c r="BWD652" s="613"/>
      <c r="BWE652" s="613"/>
      <c r="BWF652" s="613"/>
      <c r="BWG652" s="613"/>
      <c r="BWH652" s="613"/>
      <c r="BWI652" s="613"/>
      <c r="BWJ652" s="613"/>
      <c r="BWK652" s="613"/>
      <c r="BWL652" s="613"/>
      <c r="BWM652" s="613"/>
      <c r="BWN652" s="613"/>
      <c r="BWO652" s="613"/>
      <c r="BWP652" s="613"/>
      <c r="BWQ652" s="613"/>
      <c r="BWR652" s="613"/>
      <c r="BWS652" s="613"/>
      <c r="BWT652" s="613"/>
      <c r="BWU652" s="613"/>
      <c r="BWV652" s="613"/>
      <c r="BWW652" s="613"/>
      <c r="BWX652" s="613"/>
      <c r="BWY652" s="613"/>
      <c r="BWZ652" s="613"/>
      <c r="BXA652" s="613"/>
      <c r="BXB652" s="613"/>
      <c r="BXC652" s="613"/>
      <c r="BXD652" s="613"/>
      <c r="BXE652" s="613"/>
      <c r="BXF652" s="613"/>
      <c r="BXG652" s="613"/>
      <c r="BXH652" s="613"/>
      <c r="BXI652" s="613"/>
      <c r="BXJ652" s="613"/>
      <c r="BXK652" s="613"/>
      <c r="BXL652" s="613"/>
      <c r="BXM652" s="613"/>
      <c r="BXN652" s="613"/>
      <c r="BXO652" s="613"/>
      <c r="BXP652" s="613"/>
      <c r="BXQ652" s="613"/>
      <c r="BXR652" s="613"/>
      <c r="BXS652" s="613"/>
      <c r="BXT652" s="613"/>
      <c r="BXU652" s="613"/>
      <c r="BXV652" s="613"/>
      <c r="BXW652" s="613"/>
      <c r="BXX652" s="613"/>
      <c r="BXY652" s="613"/>
      <c r="BXZ652" s="613"/>
      <c r="BYA652" s="613"/>
      <c r="BYB652" s="613"/>
      <c r="BYC652" s="613"/>
      <c r="BYD652" s="613"/>
      <c r="BYE652" s="613"/>
      <c r="BYF652" s="613"/>
      <c r="BYG652" s="613"/>
      <c r="BYH652" s="613"/>
      <c r="BYI652" s="613"/>
      <c r="BYJ652" s="613"/>
      <c r="BYK652" s="613"/>
      <c r="BYL652" s="613"/>
      <c r="BYM652" s="613"/>
      <c r="BYN652" s="613"/>
      <c r="BYO652" s="613"/>
      <c r="BYP652" s="613"/>
      <c r="BYQ652" s="613"/>
      <c r="BYR652" s="613"/>
      <c r="BYS652" s="613"/>
      <c r="BYT652" s="613"/>
      <c r="BYU652" s="613"/>
      <c r="BYV652" s="613"/>
      <c r="BYW652" s="613"/>
      <c r="BYX652" s="613"/>
      <c r="BYY652" s="613"/>
      <c r="BYZ652" s="613"/>
      <c r="BZA652" s="613"/>
      <c r="BZB652" s="613"/>
      <c r="BZC652" s="613"/>
      <c r="BZD652" s="613"/>
      <c r="BZE652" s="613"/>
      <c r="BZF652" s="613"/>
      <c r="BZG652" s="613"/>
      <c r="BZH652" s="613"/>
      <c r="BZI652" s="613"/>
      <c r="BZJ652" s="613"/>
      <c r="BZK652" s="613"/>
      <c r="BZL652" s="613"/>
      <c r="BZM652" s="613"/>
      <c r="BZN652" s="613"/>
      <c r="BZO652" s="613"/>
      <c r="BZP652" s="613"/>
      <c r="BZQ652" s="613"/>
      <c r="BZR652" s="613"/>
      <c r="BZS652" s="613"/>
      <c r="BZT652" s="613"/>
      <c r="BZU652" s="613"/>
      <c r="BZV652" s="613"/>
      <c r="BZW652" s="613"/>
      <c r="BZX652" s="613"/>
      <c r="BZY652" s="613"/>
      <c r="BZZ652" s="613"/>
      <c r="CAA652" s="613"/>
      <c r="CAB652" s="613"/>
      <c r="CAC652" s="613"/>
      <c r="CAD652" s="613"/>
      <c r="CAE652" s="613"/>
      <c r="CAF652" s="613"/>
      <c r="CAG652" s="613"/>
      <c r="CAH652" s="613"/>
      <c r="CAI652" s="613"/>
      <c r="CAJ652" s="613"/>
      <c r="CAK652" s="613"/>
      <c r="CAL652" s="613"/>
      <c r="CAM652" s="613"/>
      <c r="CAN652" s="613"/>
      <c r="CAO652" s="613"/>
      <c r="CAP652" s="613"/>
      <c r="CAQ652" s="613"/>
      <c r="CAR652" s="613"/>
      <c r="CAS652" s="613"/>
      <c r="CAT652" s="613"/>
      <c r="CAU652" s="613"/>
      <c r="CAV652" s="613"/>
      <c r="CAW652" s="613"/>
      <c r="CAX652" s="613"/>
      <c r="CAY652" s="613"/>
      <c r="CAZ652" s="613"/>
      <c r="CBA652" s="613"/>
      <c r="CBB652" s="613"/>
      <c r="CBC652" s="613"/>
      <c r="CBD652" s="613"/>
      <c r="CBE652" s="613"/>
      <c r="CBF652" s="613"/>
      <c r="CBG652" s="613"/>
      <c r="CBH652" s="613"/>
      <c r="CBI652" s="613"/>
      <c r="CBJ652" s="613"/>
      <c r="CBK652" s="613"/>
      <c r="CBL652" s="613"/>
      <c r="CBM652" s="613"/>
      <c r="CBN652" s="613"/>
      <c r="CBO652" s="613"/>
      <c r="CBP652" s="613"/>
      <c r="CBQ652" s="613"/>
      <c r="CBR652" s="613"/>
      <c r="CBS652" s="613"/>
      <c r="CBT652" s="613"/>
      <c r="CBU652" s="613"/>
      <c r="CBV652" s="613"/>
      <c r="CBW652" s="613"/>
      <c r="CBX652" s="613"/>
      <c r="CBY652" s="613"/>
      <c r="CBZ652" s="613"/>
      <c r="CCA652" s="613"/>
      <c r="CCB652" s="613"/>
      <c r="CCC652" s="613"/>
      <c r="CCD652" s="613"/>
      <c r="CCE652" s="613"/>
      <c r="CCF652" s="613"/>
      <c r="CCG652" s="613"/>
      <c r="CCH652" s="613"/>
      <c r="CCI652" s="613"/>
      <c r="CCJ652" s="613"/>
      <c r="CCK652" s="613"/>
      <c r="CCL652" s="613"/>
      <c r="CCM652" s="613"/>
      <c r="CCN652" s="613"/>
      <c r="CCO652" s="613"/>
      <c r="CCP652" s="613"/>
      <c r="CCQ652" s="613"/>
      <c r="CCR652" s="613"/>
      <c r="CCS652" s="613"/>
      <c r="CCT652" s="613"/>
      <c r="CCU652" s="613"/>
      <c r="CCV652" s="613"/>
      <c r="CCW652" s="613"/>
      <c r="CCX652" s="613"/>
      <c r="CCY652" s="613"/>
      <c r="CCZ652" s="613"/>
      <c r="CDA652" s="613"/>
      <c r="CDB652" s="613"/>
      <c r="CDC652" s="613"/>
      <c r="CDD652" s="613"/>
      <c r="CDE652" s="613"/>
      <c r="CDF652" s="613"/>
      <c r="CDG652" s="613"/>
      <c r="CDH652" s="613"/>
      <c r="CDI652" s="613"/>
      <c r="CDJ652" s="613"/>
      <c r="CDK652" s="613"/>
      <c r="CDL652" s="613"/>
      <c r="CDM652" s="613"/>
      <c r="CDN652" s="613"/>
      <c r="CDO652" s="613"/>
      <c r="CDP652" s="613"/>
      <c r="CDQ652" s="613"/>
      <c r="CDR652" s="613"/>
      <c r="CDS652" s="613"/>
      <c r="CDT652" s="613"/>
      <c r="CDU652" s="613"/>
      <c r="CDV652" s="613"/>
      <c r="CDW652" s="613"/>
      <c r="CDX652" s="613"/>
      <c r="CDY652" s="613"/>
      <c r="CDZ652" s="613"/>
      <c r="CEA652" s="613"/>
      <c r="CEB652" s="613"/>
      <c r="CEC652" s="613"/>
      <c r="CED652" s="613"/>
      <c r="CEE652" s="613"/>
      <c r="CEF652" s="613"/>
      <c r="CEG652" s="613"/>
      <c r="CEH652" s="613"/>
      <c r="CEI652" s="613"/>
      <c r="CEJ652" s="613"/>
      <c r="CEK652" s="613"/>
      <c r="CEL652" s="613"/>
      <c r="CEM652" s="613"/>
      <c r="CEN652" s="613"/>
      <c r="CEO652" s="613"/>
      <c r="CEP652" s="613"/>
      <c r="CEQ652" s="613"/>
      <c r="CER652" s="613"/>
      <c r="CES652" s="613"/>
      <c r="CET652" s="613"/>
      <c r="CEU652" s="613"/>
      <c r="CEV652" s="613"/>
      <c r="CEW652" s="613"/>
      <c r="CEX652" s="613"/>
      <c r="CEY652" s="613"/>
      <c r="CEZ652" s="613"/>
      <c r="CFA652" s="613"/>
      <c r="CFB652" s="613"/>
      <c r="CFC652" s="613"/>
      <c r="CFD652" s="613"/>
      <c r="CFE652" s="613"/>
      <c r="CFF652" s="613"/>
      <c r="CFG652" s="613"/>
      <c r="CFH652" s="613"/>
      <c r="CFI652" s="613"/>
      <c r="CFJ652" s="613"/>
      <c r="CFK652" s="613"/>
      <c r="CFL652" s="613"/>
      <c r="CFM652" s="613"/>
      <c r="CFN652" s="613"/>
      <c r="CFO652" s="613"/>
      <c r="CFP652" s="613"/>
      <c r="CFQ652" s="613"/>
      <c r="CFR652" s="613"/>
      <c r="CFS652" s="613"/>
      <c r="CFT652" s="613"/>
      <c r="CFU652" s="613"/>
      <c r="CFV652" s="613"/>
      <c r="CFW652" s="613"/>
      <c r="CFX652" s="613"/>
      <c r="CFY652" s="613"/>
      <c r="CFZ652" s="613"/>
      <c r="CGA652" s="613"/>
      <c r="CGB652" s="613"/>
      <c r="CGC652" s="613"/>
      <c r="CGD652" s="613"/>
      <c r="CGE652" s="613"/>
      <c r="CGF652" s="613"/>
      <c r="CGG652" s="613"/>
      <c r="CGH652" s="613"/>
      <c r="CGI652" s="613"/>
      <c r="CGJ652" s="613"/>
      <c r="CGK652" s="613"/>
      <c r="CGL652" s="613"/>
      <c r="CGM652" s="613"/>
      <c r="CGN652" s="613"/>
      <c r="CGO652" s="613"/>
      <c r="CGP652" s="613"/>
      <c r="CGQ652" s="613"/>
      <c r="CGR652" s="613"/>
      <c r="CGS652" s="613"/>
      <c r="CGT652" s="613"/>
      <c r="CGU652" s="613"/>
      <c r="CGV652" s="613"/>
      <c r="CGW652" s="613"/>
      <c r="CGX652" s="613"/>
      <c r="CGY652" s="613"/>
      <c r="CGZ652" s="613"/>
      <c r="CHA652" s="613"/>
      <c r="CHB652" s="613"/>
      <c r="CHC652" s="613"/>
      <c r="CHD652" s="613"/>
      <c r="CHE652" s="613"/>
      <c r="CHF652" s="613"/>
      <c r="CHG652" s="613"/>
      <c r="CHH652" s="613"/>
      <c r="CHI652" s="613"/>
      <c r="CHJ652" s="613"/>
      <c r="CHK652" s="613"/>
      <c r="CHL652" s="613"/>
      <c r="CHM652" s="613"/>
      <c r="CHN652" s="613"/>
      <c r="CHO652" s="613"/>
      <c r="CHP652" s="613"/>
      <c r="CHQ652" s="613"/>
      <c r="CHR652" s="613"/>
      <c r="CHS652" s="613"/>
      <c r="CHT652" s="613"/>
      <c r="CHU652" s="613"/>
      <c r="CHV652" s="613"/>
      <c r="CHW652" s="613"/>
      <c r="CHX652" s="613"/>
      <c r="CHY652" s="613"/>
      <c r="CHZ652" s="613"/>
      <c r="CIA652" s="613"/>
      <c r="CIB652" s="613"/>
      <c r="CIC652" s="613"/>
      <c r="CID652" s="613"/>
      <c r="CIE652" s="613"/>
      <c r="CIF652" s="613"/>
      <c r="CIG652" s="613"/>
      <c r="CIH652" s="613"/>
      <c r="CII652" s="613"/>
      <c r="CIJ652" s="613"/>
      <c r="CIK652" s="613"/>
      <c r="CIL652" s="613"/>
      <c r="CIM652" s="613"/>
      <c r="CIN652" s="613"/>
      <c r="CIO652" s="613"/>
      <c r="CIP652" s="613"/>
      <c r="CIQ652" s="613"/>
      <c r="CIR652" s="613"/>
      <c r="CIS652" s="613"/>
      <c r="CIT652" s="613"/>
      <c r="CIU652" s="613"/>
      <c r="CIV652" s="613"/>
      <c r="CIW652" s="613"/>
      <c r="CIX652" s="613"/>
      <c r="CIY652" s="613"/>
      <c r="CIZ652" s="613"/>
      <c r="CJA652" s="613"/>
      <c r="CJB652" s="613"/>
      <c r="CJC652" s="613"/>
      <c r="CJD652" s="613"/>
      <c r="CJE652" s="613"/>
      <c r="CJF652" s="613"/>
      <c r="CJG652" s="613"/>
      <c r="CJH652" s="613"/>
      <c r="CJI652" s="613"/>
      <c r="CJJ652" s="613"/>
      <c r="CJK652" s="613"/>
      <c r="CJL652" s="613"/>
      <c r="CJM652" s="613"/>
      <c r="CJN652" s="613"/>
      <c r="CJO652" s="613"/>
      <c r="CJP652" s="613"/>
      <c r="CJQ652" s="613"/>
      <c r="CJR652" s="613"/>
      <c r="CJS652" s="613"/>
      <c r="CJT652" s="613"/>
      <c r="CJU652" s="613"/>
      <c r="CJV652" s="613"/>
      <c r="CJW652" s="613"/>
      <c r="CJX652" s="613"/>
      <c r="CJY652" s="613"/>
      <c r="CJZ652" s="613"/>
      <c r="CKA652" s="613"/>
      <c r="CKB652" s="613"/>
      <c r="CKC652" s="613"/>
      <c r="CKD652" s="613"/>
      <c r="CKE652" s="613"/>
      <c r="CKF652" s="613"/>
      <c r="CKG652" s="613"/>
      <c r="CKH652" s="613"/>
      <c r="CKI652" s="613"/>
      <c r="CKJ652" s="613"/>
      <c r="CKK652" s="613"/>
      <c r="CKL652" s="613"/>
      <c r="CKM652" s="613"/>
      <c r="CKN652" s="613"/>
      <c r="CKO652" s="613"/>
      <c r="CKP652" s="613"/>
      <c r="CKQ652" s="613"/>
      <c r="CKR652" s="613"/>
      <c r="CKS652" s="613"/>
      <c r="CKT652" s="613"/>
      <c r="CKU652" s="613"/>
      <c r="CKV652" s="613"/>
      <c r="CKW652" s="613"/>
      <c r="CKX652" s="613"/>
      <c r="CKY652" s="613"/>
      <c r="CKZ652" s="613"/>
      <c r="CLA652" s="613"/>
      <c r="CLB652" s="613"/>
      <c r="CLC652" s="613"/>
      <c r="CLD652" s="613"/>
      <c r="CLE652" s="613"/>
      <c r="CLF652" s="613"/>
      <c r="CLG652" s="613"/>
      <c r="CLH652" s="613"/>
      <c r="CLI652" s="613"/>
      <c r="CLJ652" s="613"/>
      <c r="CLK652" s="613"/>
      <c r="CLL652" s="613"/>
      <c r="CLM652" s="613"/>
      <c r="CLN652" s="613"/>
      <c r="CLO652" s="613"/>
      <c r="CLP652" s="613"/>
      <c r="CLQ652" s="613"/>
      <c r="CLR652" s="613"/>
      <c r="CLS652" s="613"/>
      <c r="CLT652" s="613"/>
      <c r="CLU652" s="613"/>
      <c r="CLV652" s="613"/>
      <c r="CLW652" s="613"/>
      <c r="CLX652" s="613"/>
      <c r="CLY652" s="613"/>
      <c r="CLZ652" s="613"/>
      <c r="CMA652" s="613"/>
      <c r="CMB652" s="613"/>
      <c r="CMC652" s="613"/>
      <c r="CMD652" s="613"/>
      <c r="CME652" s="613"/>
      <c r="CMF652" s="613"/>
      <c r="CMG652" s="613"/>
      <c r="CMH652" s="613"/>
      <c r="CMI652" s="613"/>
      <c r="CMJ652" s="613"/>
      <c r="CMK652" s="613"/>
      <c r="CML652" s="613"/>
      <c r="CMM652" s="613"/>
      <c r="CMN652" s="613"/>
      <c r="CMO652" s="613"/>
      <c r="CMP652" s="613"/>
      <c r="CMQ652" s="613"/>
      <c r="CMR652" s="613"/>
      <c r="CMS652" s="613"/>
      <c r="CMT652" s="613"/>
      <c r="CMU652" s="613"/>
      <c r="CMV652" s="613"/>
      <c r="CMW652" s="613"/>
      <c r="CMX652" s="613"/>
      <c r="CMY652" s="613"/>
      <c r="CMZ652" s="613"/>
      <c r="CNA652" s="613"/>
      <c r="CNB652" s="613"/>
      <c r="CNC652" s="613"/>
      <c r="CND652" s="613"/>
      <c r="CNE652" s="613"/>
      <c r="CNF652" s="613"/>
      <c r="CNG652" s="613"/>
      <c r="CNH652" s="613"/>
      <c r="CNI652" s="613"/>
      <c r="CNJ652" s="613"/>
      <c r="CNK652" s="613"/>
      <c r="CNL652" s="613"/>
      <c r="CNM652" s="613"/>
      <c r="CNN652" s="613"/>
      <c r="CNO652" s="613"/>
      <c r="CNP652" s="613"/>
      <c r="CNQ652" s="613"/>
      <c r="CNR652" s="613"/>
      <c r="CNS652" s="613"/>
      <c r="CNT652" s="613"/>
      <c r="CNU652" s="613"/>
      <c r="CNV652" s="613"/>
      <c r="CNW652" s="613"/>
      <c r="CNX652" s="613"/>
      <c r="CNY652" s="613"/>
      <c r="CNZ652" s="613"/>
      <c r="COA652" s="613"/>
      <c r="COB652" s="613"/>
      <c r="COC652" s="613"/>
      <c r="COD652" s="613"/>
      <c r="COE652" s="613"/>
      <c r="COF652" s="613"/>
      <c r="COG652" s="613"/>
      <c r="COH652" s="613"/>
      <c r="COI652" s="613"/>
      <c r="COJ652" s="613"/>
      <c r="COK652" s="613"/>
      <c r="COL652" s="613"/>
      <c r="COM652" s="613"/>
      <c r="CON652" s="613"/>
      <c r="COO652" s="613"/>
      <c r="COP652" s="613"/>
      <c r="COQ652" s="613"/>
      <c r="COR652" s="613"/>
      <c r="COS652" s="613"/>
      <c r="COT652" s="613"/>
      <c r="COU652" s="613"/>
      <c r="COV652" s="613"/>
      <c r="COW652" s="613"/>
      <c r="COX652" s="613"/>
      <c r="COY652" s="613"/>
      <c r="COZ652" s="613"/>
      <c r="CPA652" s="613"/>
      <c r="CPB652" s="613"/>
      <c r="CPC652" s="613"/>
      <c r="CPD652" s="613"/>
      <c r="CPE652" s="613"/>
      <c r="CPF652" s="613"/>
      <c r="CPG652" s="613"/>
      <c r="CPH652" s="613"/>
      <c r="CPI652" s="613"/>
      <c r="CPJ652" s="613"/>
      <c r="CPK652" s="613"/>
      <c r="CPL652" s="613"/>
      <c r="CPM652" s="613"/>
      <c r="CPN652" s="613"/>
      <c r="CPO652" s="613"/>
      <c r="CPP652" s="613"/>
      <c r="CPQ652" s="613"/>
      <c r="CPR652" s="613"/>
      <c r="CPS652" s="613"/>
      <c r="CPT652" s="613"/>
      <c r="CPU652" s="613"/>
      <c r="CPV652" s="613"/>
      <c r="CPW652" s="613"/>
      <c r="CPX652" s="613"/>
      <c r="CPY652" s="613"/>
      <c r="CPZ652" s="613"/>
      <c r="CQA652" s="613"/>
      <c r="CQB652" s="613"/>
      <c r="CQC652" s="613"/>
      <c r="CQD652" s="613"/>
      <c r="CQE652" s="613"/>
      <c r="CQF652" s="613"/>
      <c r="CQG652" s="613"/>
      <c r="CQH652" s="613"/>
      <c r="CQI652" s="613"/>
      <c r="CQJ652" s="613"/>
      <c r="CQK652" s="613"/>
      <c r="CQL652" s="613"/>
      <c r="CQM652" s="613"/>
      <c r="CQN652" s="613"/>
      <c r="CQO652" s="613"/>
      <c r="CQP652" s="613"/>
      <c r="CQQ652" s="613"/>
      <c r="CQR652" s="613"/>
      <c r="CQS652" s="613"/>
      <c r="CQT652" s="613"/>
      <c r="CQU652" s="613"/>
      <c r="CQV652" s="613"/>
      <c r="CQW652" s="613"/>
      <c r="CQX652" s="613"/>
      <c r="CQY652" s="613"/>
      <c r="CQZ652" s="613"/>
      <c r="CRA652" s="613"/>
      <c r="CRB652" s="613"/>
      <c r="CRC652" s="613"/>
      <c r="CRD652" s="613"/>
      <c r="CRE652" s="613"/>
      <c r="CRF652" s="613"/>
      <c r="CRG652" s="613"/>
      <c r="CRH652" s="613"/>
      <c r="CRI652" s="613"/>
      <c r="CRJ652" s="613"/>
      <c r="CRK652" s="613"/>
      <c r="CRL652" s="613"/>
      <c r="CRM652" s="613"/>
      <c r="CRN652" s="613"/>
      <c r="CRO652" s="613"/>
      <c r="CRP652" s="613"/>
      <c r="CRQ652" s="613"/>
      <c r="CRR652" s="613"/>
      <c r="CRS652" s="613"/>
      <c r="CRT652" s="613"/>
      <c r="CRU652" s="613"/>
      <c r="CRV652" s="613"/>
      <c r="CRW652" s="613"/>
      <c r="CRX652" s="613"/>
      <c r="CRY652" s="613"/>
      <c r="CRZ652" s="613"/>
      <c r="CSA652" s="613"/>
      <c r="CSB652" s="613"/>
      <c r="CSC652" s="613"/>
      <c r="CSD652" s="613"/>
      <c r="CSE652" s="613"/>
      <c r="CSF652" s="613"/>
      <c r="CSG652" s="613"/>
      <c r="CSH652" s="613"/>
      <c r="CSI652" s="613"/>
      <c r="CSJ652" s="613"/>
      <c r="CSK652" s="613"/>
      <c r="CSL652" s="613"/>
      <c r="CSM652" s="613"/>
      <c r="CSN652" s="613"/>
      <c r="CSO652" s="613"/>
      <c r="CSP652" s="613"/>
      <c r="CSQ652" s="613"/>
      <c r="CSR652" s="613"/>
      <c r="CSS652" s="613"/>
      <c r="CST652" s="613"/>
      <c r="CSU652" s="613"/>
      <c r="CSV652" s="613"/>
      <c r="CSW652" s="613"/>
      <c r="CSX652" s="613"/>
      <c r="CSY652" s="613"/>
      <c r="CSZ652" s="613"/>
      <c r="CTA652" s="613"/>
      <c r="CTB652" s="613"/>
      <c r="CTC652" s="613"/>
      <c r="CTD652" s="613"/>
      <c r="CTE652" s="613"/>
      <c r="CTF652" s="613"/>
      <c r="CTG652" s="613"/>
      <c r="CTH652" s="613"/>
      <c r="CTI652" s="613"/>
      <c r="CTJ652" s="613"/>
      <c r="CTK652" s="613"/>
      <c r="CTL652" s="613"/>
      <c r="CTM652" s="613"/>
      <c r="CTN652" s="613"/>
      <c r="CTO652" s="613"/>
      <c r="CTP652" s="613"/>
      <c r="CTQ652" s="613"/>
      <c r="CTR652" s="613"/>
      <c r="CTS652" s="613"/>
      <c r="CTT652" s="613"/>
      <c r="CTU652" s="613"/>
      <c r="CTV652" s="613"/>
      <c r="CTW652" s="613"/>
      <c r="CTX652" s="613"/>
      <c r="CTY652" s="613"/>
      <c r="CTZ652" s="613"/>
      <c r="CUA652" s="613"/>
      <c r="CUB652" s="613"/>
      <c r="CUC652" s="613"/>
      <c r="CUD652" s="613"/>
      <c r="CUE652" s="613"/>
      <c r="CUF652" s="613"/>
      <c r="CUG652" s="613"/>
      <c r="CUH652" s="613"/>
      <c r="CUI652" s="613"/>
      <c r="CUJ652" s="613"/>
      <c r="CUK652" s="613"/>
      <c r="CUL652" s="613"/>
      <c r="CUM652" s="613"/>
      <c r="CUN652" s="613"/>
      <c r="CUO652" s="613"/>
      <c r="CUP652" s="613"/>
      <c r="CUQ652" s="613"/>
      <c r="CUR652" s="613"/>
      <c r="CUS652" s="613"/>
      <c r="CUT652" s="613"/>
      <c r="CUU652" s="613"/>
      <c r="CUV652" s="613"/>
      <c r="CUW652" s="613"/>
      <c r="CUX652" s="613"/>
      <c r="CUY652" s="613"/>
      <c r="CUZ652" s="613"/>
      <c r="CVA652" s="613"/>
      <c r="CVB652" s="613"/>
      <c r="CVC652" s="613"/>
      <c r="CVD652" s="613"/>
      <c r="CVE652" s="613"/>
      <c r="CVF652" s="613"/>
      <c r="CVG652" s="613"/>
      <c r="CVH652" s="613"/>
      <c r="CVI652" s="613"/>
      <c r="CVJ652" s="613"/>
      <c r="CVK652" s="613"/>
      <c r="CVL652" s="613"/>
      <c r="CVM652" s="613"/>
      <c r="CVN652" s="613"/>
      <c r="CVO652" s="613"/>
      <c r="CVP652" s="613"/>
      <c r="CVQ652" s="613"/>
      <c r="CVR652" s="613"/>
      <c r="CVS652" s="613"/>
      <c r="CVT652" s="613"/>
      <c r="CVU652" s="613"/>
      <c r="CVV652" s="613"/>
      <c r="CVW652" s="613"/>
      <c r="CVX652" s="613"/>
      <c r="CVY652" s="613"/>
      <c r="CVZ652" s="613"/>
      <c r="CWA652" s="613"/>
      <c r="CWB652" s="613"/>
      <c r="CWC652" s="613"/>
      <c r="CWD652" s="613"/>
      <c r="CWE652" s="613"/>
      <c r="CWF652" s="613"/>
      <c r="CWG652" s="613"/>
      <c r="CWH652" s="613"/>
      <c r="CWI652" s="613"/>
      <c r="CWJ652" s="613"/>
      <c r="CWK652" s="613"/>
      <c r="CWL652" s="613"/>
      <c r="CWM652" s="613"/>
      <c r="CWN652" s="613"/>
      <c r="CWO652" s="613"/>
      <c r="CWP652" s="613"/>
      <c r="CWQ652" s="613"/>
      <c r="CWR652" s="613"/>
      <c r="CWS652" s="613"/>
      <c r="CWT652" s="613"/>
      <c r="CWU652" s="613"/>
      <c r="CWV652" s="613"/>
      <c r="CWW652" s="613"/>
      <c r="CWX652" s="613"/>
      <c r="CWY652" s="613"/>
      <c r="CWZ652" s="613"/>
      <c r="CXA652" s="613"/>
      <c r="CXB652" s="613"/>
      <c r="CXC652" s="613"/>
      <c r="CXD652" s="613"/>
      <c r="CXE652" s="613"/>
      <c r="CXF652" s="613"/>
      <c r="CXG652" s="613"/>
      <c r="CXH652" s="613"/>
      <c r="CXI652" s="613"/>
      <c r="CXJ652" s="613"/>
      <c r="CXK652" s="613"/>
      <c r="CXL652" s="613"/>
      <c r="CXM652" s="613"/>
      <c r="CXN652" s="613"/>
      <c r="CXO652" s="613"/>
      <c r="CXP652" s="613"/>
      <c r="CXQ652" s="613"/>
      <c r="CXR652" s="613"/>
      <c r="CXS652" s="613"/>
      <c r="CXT652" s="613"/>
      <c r="CXU652" s="613"/>
      <c r="CXV652" s="613"/>
      <c r="CXW652" s="613"/>
      <c r="CXX652" s="613"/>
      <c r="CXY652" s="613"/>
      <c r="CXZ652" s="613"/>
      <c r="CYA652" s="613"/>
      <c r="CYB652" s="613"/>
      <c r="CYC652" s="613"/>
      <c r="CYD652" s="613"/>
      <c r="CYE652" s="613"/>
      <c r="CYF652" s="613"/>
      <c r="CYG652" s="613"/>
      <c r="CYH652" s="613"/>
      <c r="CYI652" s="613"/>
      <c r="CYJ652" s="613"/>
      <c r="CYK652" s="613"/>
      <c r="CYL652" s="613"/>
      <c r="CYM652" s="613"/>
      <c r="CYN652" s="613"/>
      <c r="CYO652" s="613"/>
      <c r="CYP652" s="613"/>
      <c r="CYQ652" s="613"/>
      <c r="CYR652" s="613"/>
      <c r="CYS652" s="613"/>
      <c r="CYT652" s="613"/>
      <c r="CYU652" s="613"/>
      <c r="CYV652" s="613"/>
      <c r="CYW652" s="613"/>
      <c r="CYX652" s="613"/>
      <c r="CYY652" s="613"/>
      <c r="CYZ652" s="613"/>
      <c r="CZA652" s="613"/>
      <c r="CZB652" s="613"/>
      <c r="CZC652" s="613"/>
      <c r="CZD652" s="613"/>
      <c r="CZE652" s="613"/>
      <c r="CZF652" s="613"/>
      <c r="CZG652" s="613"/>
      <c r="CZH652" s="613"/>
      <c r="CZI652" s="613"/>
      <c r="CZJ652" s="613"/>
      <c r="CZK652" s="613"/>
      <c r="CZL652" s="613"/>
      <c r="CZM652" s="613"/>
      <c r="CZN652" s="613"/>
      <c r="CZO652" s="613"/>
      <c r="CZP652" s="613"/>
      <c r="CZQ652" s="613"/>
      <c r="CZR652" s="613"/>
      <c r="CZS652" s="613"/>
      <c r="CZT652" s="613"/>
      <c r="CZU652" s="613"/>
      <c r="CZV652" s="613"/>
      <c r="CZW652" s="613"/>
      <c r="CZX652" s="613"/>
      <c r="CZY652" s="613"/>
      <c r="CZZ652" s="613"/>
      <c r="DAA652" s="613"/>
      <c r="DAB652" s="613"/>
      <c r="DAC652" s="613"/>
      <c r="DAD652" s="613"/>
      <c r="DAE652" s="613"/>
      <c r="DAF652" s="613"/>
      <c r="DAG652" s="613"/>
      <c r="DAH652" s="613"/>
      <c r="DAI652" s="613"/>
      <c r="DAJ652" s="613"/>
      <c r="DAK652" s="613"/>
      <c r="DAL652" s="613"/>
      <c r="DAM652" s="613"/>
      <c r="DAN652" s="613"/>
      <c r="DAO652" s="613"/>
      <c r="DAP652" s="613"/>
      <c r="DAQ652" s="613"/>
      <c r="DAR652" s="613"/>
      <c r="DAS652" s="613"/>
      <c r="DAT652" s="613"/>
      <c r="DAU652" s="613"/>
      <c r="DAV652" s="613"/>
      <c r="DAW652" s="613"/>
      <c r="DAX652" s="613"/>
      <c r="DAY652" s="613"/>
      <c r="DAZ652" s="613"/>
      <c r="DBA652" s="613"/>
      <c r="DBB652" s="613"/>
      <c r="DBC652" s="613"/>
      <c r="DBD652" s="613"/>
      <c r="DBE652" s="613"/>
      <c r="DBF652" s="613"/>
      <c r="DBG652" s="613"/>
      <c r="DBH652" s="613"/>
      <c r="DBI652" s="613"/>
      <c r="DBJ652" s="613"/>
      <c r="DBK652" s="613"/>
      <c r="DBL652" s="613"/>
      <c r="DBM652" s="613"/>
      <c r="DBN652" s="613"/>
      <c r="DBO652" s="613"/>
      <c r="DBP652" s="613"/>
      <c r="DBQ652" s="613"/>
      <c r="DBR652" s="613"/>
      <c r="DBS652" s="613"/>
      <c r="DBT652" s="613"/>
      <c r="DBU652" s="613"/>
      <c r="DBV652" s="613"/>
      <c r="DBW652" s="613"/>
      <c r="DBX652" s="613"/>
      <c r="DBY652" s="613"/>
      <c r="DBZ652" s="613"/>
      <c r="DCA652" s="613"/>
      <c r="DCB652" s="613"/>
      <c r="DCC652" s="613"/>
      <c r="DCD652" s="613"/>
      <c r="DCE652" s="613"/>
      <c r="DCF652" s="613"/>
      <c r="DCG652" s="613"/>
      <c r="DCH652" s="613"/>
      <c r="DCI652" s="613"/>
      <c r="DCJ652" s="613"/>
      <c r="DCK652" s="613"/>
      <c r="DCL652" s="613"/>
      <c r="DCM652" s="613"/>
      <c r="DCN652" s="613"/>
      <c r="DCO652" s="613"/>
      <c r="DCP652" s="613"/>
      <c r="DCQ652" s="613"/>
      <c r="DCR652" s="613"/>
      <c r="DCS652" s="613"/>
      <c r="DCT652" s="613"/>
      <c r="DCU652" s="613"/>
      <c r="DCV652" s="613"/>
      <c r="DCW652" s="613"/>
      <c r="DCX652" s="613"/>
      <c r="DCY652" s="613"/>
      <c r="DCZ652" s="613"/>
      <c r="DDA652" s="613"/>
      <c r="DDB652" s="613"/>
      <c r="DDC652" s="613"/>
      <c r="DDD652" s="613"/>
      <c r="DDE652" s="613"/>
      <c r="DDF652" s="613"/>
      <c r="DDG652" s="613"/>
      <c r="DDH652" s="613"/>
      <c r="DDI652" s="613"/>
      <c r="DDJ652" s="613"/>
      <c r="DDK652" s="613"/>
      <c r="DDL652" s="613"/>
      <c r="DDM652" s="613"/>
      <c r="DDN652" s="613"/>
      <c r="DDO652" s="613"/>
      <c r="DDP652" s="613"/>
      <c r="DDQ652" s="613"/>
      <c r="DDR652" s="613"/>
      <c r="DDS652" s="613"/>
      <c r="DDT652" s="613"/>
      <c r="DDU652" s="613"/>
      <c r="DDV652" s="613"/>
      <c r="DDW652" s="613"/>
      <c r="DDX652" s="613"/>
      <c r="DDY652" s="613"/>
      <c r="DDZ652" s="613"/>
      <c r="DEA652" s="613"/>
      <c r="DEB652" s="613"/>
      <c r="DEC652" s="613"/>
      <c r="DED652" s="613"/>
      <c r="DEE652" s="613"/>
      <c r="DEF652" s="613"/>
      <c r="DEG652" s="613"/>
      <c r="DEH652" s="613"/>
      <c r="DEI652" s="613"/>
      <c r="DEJ652" s="613"/>
      <c r="DEK652" s="613"/>
      <c r="DEL652" s="613"/>
      <c r="DEM652" s="613"/>
      <c r="DEN652" s="613"/>
      <c r="DEO652" s="613"/>
      <c r="DEP652" s="613"/>
      <c r="DEQ652" s="613"/>
      <c r="DER652" s="613"/>
      <c r="DES652" s="613"/>
      <c r="DET652" s="613"/>
      <c r="DEU652" s="613"/>
      <c r="DEV652" s="613"/>
      <c r="DEW652" s="613"/>
      <c r="DEX652" s="613"/>
      <c r="DEY652" s="613"/>
      <c r="DEZ652" s="613"/>
      <c r="DFA652" s="613"/>
      <c r="DFB652" s="613"/>
      <c r="DFC652" s="613"/>
      <c r="DFD652" s="613"/>
      <c r="DFE652" s="613"/>
      <c r="DFF652" s="613"/>
      <c r="DFG652" s="613"/>
      <c r="DFH652" s="613"/>
      <c r="DFI652" s="613"/>
      <c r="DFJ652" s="613"/>
      <c r="DFK652" s="613"/>
      <c r="DFL652" s="613"/>
      <c r="DFM652" s="613"/>
      <c r="DFN652" s="613"/>
      <c r="DFO652" s="613"/>
      <c r="DFP652" s="613"/>
      <c r="DFQ652" s="613"/>
      <c r="DFR652" s="613"/>
      <c r="DFS652" s="613"/>
      <c r="DFT652" s="613"/>
      <c r="DFU652" s="613"/>
      <c r="DFV652" s="613"/>
      <c r="DFW652" s="613"/>
      <c r="DFX652" s="613"/>
      <c r="DFY652" s="613"/>
      <c r="DFZ652" s="613"/>
      <c r="DGA652" s="613"/>
      <c r="DGB652" s="613"/>
      <c r="DGC652" s="613"/>
      <c r="DGD652" s="613"/>
      <c r="DGE652" s="613"/>
      <c r="DGF652" s="613"/>
      <c r="DGG652" s="613"/>
      <c r="DGH652" s="613"/>
      <c r="DGI652" s="613"/>
      <c r="DGJ652" s="613"/>
      <c r="DGK652" s="613"/>
      <c r="DGL652" s="613"/>
      <c r="DGM652" s="613"/>
      <c r="DGN652" s="613"/>
      <c r="DGO652" s="613"/>
      <c r="DGP652" s="613"/>
      <c r="DGQ652" s="613"/>
      <c r="DGR652" s="613"/>
      <c r="DGS652" s="613"/>
      <c r="DGT652" s="613"/>
      <c r="DGU652" s="613"/>
      <c r="DGV652" s="613"/>
      <c r="DGW652" s="613"/>
      <c r="DGX652" s="613"/>
      <c r="DGY652" s="613"/>
      <c r="DGZ652" s="613"/>
      <c r="DHA652" s="613"/>
      <c r="DHB652" s="613"/>
      <c r="DHC652" s="613"/>
      <c r="DHD652" s="613"/>
      <c r="DHE652" s="613"/>
      <c r="DHF652" s="613"/>
      <c r="DHG652" s="613"/>
      <c r="DHH652" s="613"/>
      <c r="DHI652" s="613"/>
      <c r="DHJ652" s="613"/>
      <c r="DHK652" s="613"/>
      <c r="DHL652" s="613"/>
      <c r="DHM652" s="613"/>
      <c r="DHN652" s="613"/>
      <c r="DHO652" s="613"/>
      <c r="DHP652" s="613"/>
      <c r="DHQ652" s="613"/>
      <c r="DHR652" s="613"/>
      <c r="DHS652" s="613"/>
      <c r="DHT652" s="613"/>
      <c r="DHU652" s="613"/>
      <c r="DHV652" s="613"/>
      <c r="DHW652" s="613"/>
      <c r="DHX652" s="613"/>
      <c r="DHY652" s="613"/>
      <c r="DHZ652" s="613"/>
      <c r="DIA652" s="613"/>
      <c r="DIB652" s="613"/>
      <c r="DIC652" s="613"/>
      <c r="DID652" s="613"/>
      <c r="DIE652" s="613"/>
      <c r="DIF652" s="613"/>
      <c r="DIG652" s="613"/>
      <c r="DIH652" s="613"/>
      <c r="DII652" s="613"/>
      <c r="DIJ652" s="613"/>
      <c r="DIK652" s="613"/>
      <c r="DIL652" s="613"/>
      <c r="DIM652" s="613"/>
      <c r="DIN652" s="613"/>
      <c r="DIO652" s="613"/>
      <c r="DIP652" s="613"/>
      <c r="DIQ652" s="613"/>
      <c r="DIR652" s="613"/>
      <c r="DIS652" s="613"/>
      <c r="DIT652" s="613"/>
      <c r="DIU652" s="613"/>
      <c r="DIV652" s="613"/>
      <c r="DIW652" s="613"/>
      <c r="DIX652" s="613"/>
      <c r="DIY652" s="613"/>
      <c r="DIZ652" s="613"/>
      <c r="DJA652" s="613"/>
      <c r="DJB652" s="613"/>
      <c r="DJC652" s="613"/>
      <c r="DJD652" s="613"/>
      <c r="DJE652" s="613"/>
      <c r="DJF652" s="613"/>
      <c r="DJG652" s="613"/>
      <c r="DJH652" s="613"/>
      <c r="DJI652" s="613"/>
      <c r="DJJ652" s="613"/>
      <c r="DJK652" s="613"/>
      <c r="DJL652" s="613"/>
      <c r="DJM652" s="613"/>
      <c r="DJN652" s="613"/>
      <c r="DJO652" s="613"/>
      <c r="DJP652" s="613"/>
      <c r="DJQ652" s="613"/>
      <c r="DJR652" s="613"/>
      <c r="DJS652" s="613"/>
      <c r="DJT652" s="613"/>
      <c r="DJU652" s="613"/>
      <c r="DJV652" s="613"/>
      <c r="DJW652" s="613"/>
      <c r="DJX652" s="613"/>
      <c r="DJY652" s="613"/>
      <c r="DJZ652" s="613"/>
      <c r="DKA652" s="613"/>
      <c r="DKB652" s="613"/>
      <c r="DKC652" s="613"/>
      <c r="DKD652" s="613"/>
      <c r="DKE652" s="613"/>
      <c r="DKF652" s="613"/>
      <c r="DKG652" s="613"/>
      <c r="DKH652" s="613"/>
      <c r="DKI652" s="613"/>
      <c r="DKJ652" s="613"/>
      <c r="DKK652" s="613"/>
      <c r="DKL652" s="613"/>
      <c r="DKM652" s="613"/>
      <c r="DKN652" s="613"/>
      <c r="DKO652" s="613"/>
      <c r="DKP652" s="613"/>
      <c r="DKQ652" s="613"/>
      <c r="DKR652" s="613"/>
      <c r="DKS652" s="613"/>
      <c r="DKT652" s="613"/>
      <c r="DKU652" s="613"/>
      <c r="DKV652" s="613"/>
      <c r="DKW652" s="613"/>
      <c r="DKX652" s="613"/>
      <c r="DKY652" s="613"/>
      <c r="DKZ652" s="613"/>
      <c r="DLA652" s="613"/>
      <c r="DLB652" s="613"/>
      <c r="DLC652" s="613"/>
      <c r="DLD652" s="613"/>
      <c r="DLE652" s="613"/>
      <c r="DLF652" s="613"/>
      <c r="DLG652" s="613"/>
      <c r="DLH652" s="613"/>
      <c r="DLI652" s="613"/>
      <c r="DLJ652" s="613"/>
      <c r="DLK652" s="613"/>
      <c r="DLL652" s="613"/>
      <c r="DLM652" s="613"/>
      <c r="DLN652" s="613"/>
      <c r="DLO652" s="613"/>
      <c r="DLP652" s="613"/>
      <c r="DLQ652" s="613"/>
      <c r="DLR652" s="613"/>
      <c r="DLS652" s="613"/>
      <c r="DLT652" s="613"/>
      <c r="DLU652" s="613"/>
      <c r="DLV652" s="613"/>
      <c r="DLW652" s="613"/>
      <c r="DLX652" s="613"/>
      <c r="DLY652" s="613"/>
      <c r="DLZ652" s="613"/>
      <c r="DMA652" s="613"/>
      <c r="DMB652" s="613"/>
      <c r="DMC652" s="613"/>
      <c r="DMD652" s="613"/>
      <c r="DME652" s="613"/>
      <c r="DMF652" s="613"/>
      <c r="DMG652" s="613"/>
      <c r="DMH652" s="613"/>
      <c r="DMI652" s="613"/>
      <c r="DMJ652" s="613"/>
      <c r="DMK652" s="613"/>
      <c r="DML652" s="613"/>
      <c r="DMM652" s="613"/>
      <c r="DMN652" s="613"/>
      <c r="DMO652" s="613"/>
      <c r="DMP652" s="613"/>
      <c r="DMQ652" s="613"/>
      <c r="DMR652" s="613"/>
      <c r="DMS652" s="613"/>
      <c r="DMT652" s="613"/>
      <c r="DMU652" s="613"/>
      <c r="DMV652" s="613"/>
      <c r="DMW652" s="613"/>
      <c r="DMX652" s="613"/>
      <c r="DMY652" s="613"/>
      <c r="DMZ652" s="613"/>
      <c r="DNA652" s="613"/>
      <c r="DNB652" s="613"/>
      <c r="DNC652" s="613"/>
      <c r="DND652" s="613"/>
      <c r="DNE652" s="613"/>
      <c r="DNF652" s="613"/>
      <c r="DNG652" s="613"/>
      <c r="DNH652" s="613"/>
      <c r="DNI652" s="613"/>
      <c r="DNJ652" s="613"/>
      <c r="DNK652" s="613"/>
      <c r="DNL652" s="613"/>
      <c r="DNM652" s="613"/>
      <c r="DNN652" s="613"/>
      <c r="DNO652" s="613"/>
      <c r="DNP652" s="613"/>
      <c r="DNQ652" s="613"/>
      <c r="DNR652" s="613"/>
      <c r="DNS652" s="613"/>
      <c r="DNT652" s="613"/>
      <c r="DNU652" s="613"/>
      <c r="DNV652" s="613"/>
      <c r="DNW652" s="613"/>
      <c r="DNX652" s="613"/>
      <c r="DNY652" s="613"/>
      <c r="DNZ652" s="613"/>
      <c r="DOA652" s="613"/>
      <c r="DOB652" s="613"/>
      <c r="DOC652" s="613"/>
      <c r="DOD652" s="613"/>
      <c r="DOE652" s="613"/>
      <c r="DOF652" s="613"/>
      <c r="DOG652" s="613"/>
      <c r="DOH652" s="613"/>
      <c r="DOI652" s="613"/>
      <c r="DOJ652" s="613"/>
      <c r="DOK652" s="613"/>
      <c r="DOL652" s="613"/>
      <c r="DOM652" s="613"/>
      <c r="DON652" s="613"/>
      <c r="DOO652" s="613"/>
      <c r="DOP652" s="613"/>
      <c r="DOQ652" s="613"/>
      <c r="DOR652" s="613"/>
      <c r="DOS652" s="613"/>
      <c r="DOT652" s="613"/>
      <c r="DOU652" s="613"/>
      <c r="DOV652" s="613"/>
      <c r="DOW652" s="613"/>
      <c r="DOX652" s="613"/>
      <c r="DOY652" s="613"/>
      <c r="DOZ652" s="613"/>
      <c r="DPA652" s="613"/>
      <c r="DPB652" s="613"/>
      <c r="DPC652" s="613"/>
      <c r="DPD652" s="613"/>
      <c r="DPE652" s="613"/>
      <c r="DPF652" s="613"/>
      <c r="DPG652" s="613"/>
      <c r="DPH652" s="613"/>
      <c r="DPI652" s="613"/>
      <c r="DPJ652" s="613"/>
      <c r="DPK652" s="613"/>
      <c r="DPL652" s="613"/>
      <c r="DPM652" s="613"/>
      <c r="DPN652" s="613"/>
      <c r="DPO652" s="613"/>
      <c r="DPP652" s="613"/>
      <c r="DPQ652" s="613"/>
      <c r="DPR652" s="613"/>
      <c r="DPS652" s="613"/>
      <c r="DPT652" s="613"/>
      <c r="DPU652" s="613"/>
      <c r="DPV652" s="613"/>
      <c r="DPW652" s="613"/>
      <c r="DPX652" s="613"/>
      <c r="DPY652" s="613"/>
      <c r="DPZ652" s="613"/>
      <c r="DQA652" s="613"/>
      <c r="DQB652" s="613"/>
      <c r="DQC652" s="613"/>
      <c r="DQD652" s="613"/>
      <c r="DQE652" s="613"/>
      <c r="DQF652" s="613"/>
      <c r="DQG652" s="613"/>
      <c r="DQH652" s="613"/>
      <c r="DQI652" s="613"/>
      <c r="DQJ652" s="613"/>
      <c r="DQK652" s="613"/>
      <c r="DQL652" s="613"/>
      <c r="DQM652" s="613"/>
      <c r="DQN652" s="613"/>
      <c r="DQO652" s="613"/>
      <c r="DQP652" s="613"/>
      <c r="DQQ652" s="613"/>
      <c r="DQR652" s="613"/>
      <c r="DQS652" s="613"/>
      <c r="DQT652" s="613"/>
      <c r="DQU652" s="613"/>
      <c r="DQV652" s="613"/>
      <c r="DQW652" s="613"/>
      <c r="DQX652" s="613"/>
      <c r="DQY652" s="613"/>
      <c r="DQZ652" s="613"/>
      <c r="DRA652" s="613"/>
      <c r="DRB652" s="613"/>
      <c r="DRC652" s="613"/>
      <c r="DRD652" s="613"/>
      <c r="DRE652" s="613"/>
      <c r="DRF652" s="613"/>
      <c r="DRG652" s="613"/>
      <c r="DRH652" s="613"/>
      <c r="DRI652" s="613"/>
      <c r="DRJ652" s="613"/>
      <c r="DRK652" s="613"/>
      <c r="DRL652" s="613"/>
      <c r="DRM652" s="613"/>
      <c r="DRN652" s="613"/>
      <c r="DRO652" s="613"/>
      <c r="DRP652" s="613"/>
      <c r="DRQ652" s="613"/>
      <c r="DRR652" s="613"/>
      <c r="DRS652" s="613"/>
      <c r="DRT652" s="613"/>
      <c r="DRU652" s="613"/>
      <c r="DRV652" s="613"/>
      <c r="DRW652" s="613"/>
      <c r="DRX652" s="613"/>
      <c r="DRY652" s="613"/>
      <c r="DRZ652" s="613"/>
      <c r="DSA652" s="613"/>
      <c r="DSB652" s="613"/>
      <c r="DSC652" s="613"/>
      <c r="DSD652" s="613"/>
      <c r="DSE652" s="613"/>
      <c r="DSF652" s="613"/>
      <c r="DSG652" s="613"/>
      <c r="DSH652" s="613"/>
      <c r="DSI652" s="613"/>
      <c r="DSJ652" s="613"/>
      <c r="DSK652" s="613"/>
      <c r="DSL652" s="613"/>
      <c r="DSM652" s="613"/>
      <c r="DSN652" s="613"/>
      <c r="DSO652" s="613"/>
      <c r="DSP652" s="613"/>
      <c r="DSQ652" s="613"/>
      <c r="DSR652" s="613"/>
      <c r="DSS652" s="613"/>
      <c r="DST652" s="613"/>
      <c r="DSU652" s="613"/>
      <c r="DSV652" s="613"/>
      <c r="DSW652" s="613"/>
      <c r="DSX652" s="613"/>
      <c r="DSY652" s="613"/>
      <c r="DSZ652" s="613"/>
      <c r="DTA652" s="613"/>
      <c r="DTB652" s="613"/>
      <c r="DTC652" s="613"/>
      <c r="DTD652" s="613"/>
      <c r="DTE652" s="613"/>
      <c r="DTF652" s="613"/>
      <c r="DTG652" s="613"/>
      <c r="DTH652" s="613"/>
      <c r="DTI652" s="613"/>
      <c r="DTJ652" s="613"/>
      <c r="DTK652" s="613"/>
      <c r="DTL652" s="613"/>
      <c r="DTM652" s="613"/>
      <c r="DTN652" s="613"/>
      <c r="DTO652" s="613"/>
      <c r="DTP652" s="613"/>
      <c r="DTQ652" s="613"/>
      <c r="DTR652" s="613"/>
      <c r="DTS652" s="613"/>
      <c r="DTT652" s="613"/>
      <c r="DTU652" s="613"/>
      <c r="DTV652" s="613"/>
      <c r="DTW652" s="613"/>
      <c r="DTX652" s="613"/>
      <c r="DTY652" s="613"/>
      <c r="DTZ652" s="613"/>
      <c r="DUA652" s="613"/>
      <c r="DUB652" s="613"/>
      <c r="DUC652" s="613"/>
      <c r="DUD652" s="613"/>
      <c r="DUE652" s="613"/>
      <c r="DUF652" s="613"/>
      <c r="DUG652" s="613"/>
      <c r="DUH652" s="613"/>
      <c r="DUI652" s="613"/>
      <c r="DUJ652" s="613"/>
      <c r="DUK652" s="613"/>
      <c r="DUL652" s="613"/>
      <c r="DUM652" s="613"/>
      <c r="DUN652" s="613"/>
      <c r="DUO652" s="613"/>
      <c r="DUP652" s="613"/>
      <c r="DUQ652" s="613"/>
      <c r="DUR652" s="613"/>
      <c r="DUS652" s="613"/>
      <c r="DUT652" s="613"/>
      <c r="DUU652" s="613"/>
      <c r="DUV652" s="613"/>
      <c r="DUW652" s="613"/>
      <c r="DUX652" s="613"/>
      <c r="DUY652" s="613"/>
      <c r="DUZ652" s="613"/>
      <c r="DVA652" s="613"/>
      <c r="DVB652" s="613"/>
      <c r="DVC652" s="613"/>
      <c r="DVD652" s="613"/>
      <c r="DVE652" s="613"/>
      <c r="DVF652" s="613"/>
      <c r="DVG652" s="613"/>
      <c r="DVH652" s="613"/>
      <c r="DVI652" s="613"/>
      <c r="DVJ652" s="613"/>
      <c r="DVK652" s="613"/>
      <c r="DVL652" s="613"/>
      <c r="DVM652" s="613"/>
      <c r="DVN652" s="613"/>
      <c r="DVO652" s="613"/>
      <c r="DVP652" s="613"/>
      <c r="DVQ652" s="613"/>
      <c r="DVR652" s="613"/>
      <c r="DVS652" s="613"/>
      <c r="DVT652" s="613"/>
      <c r="DVU652" s="613"/>
      <c r="DVV652" s="613"/>
      <c r="DVW652" s="613"/>
      <c r="DVX652" s="613"/>
      <c r="DVY652" s="613"/>
      <c r="DVZ652" s="613"/>
      <c r="DWA652" s="613"/>
      <c r="DWB652" s="613"/>
      <c r="DWC652" s="613"/>
      <c r="DWD652" s="613"/>
      <c r="DWE652" s="613"/>
      <c r="DWF652" s="613"/>
      <c r="DWG652" s="613"/>
      <c r="DWH652" s="613"/>
      <c r="DWI652" s="613"/>
      <c r="DWJ652" s="613"/>
      <c r="DWK652" s="613"/>
      <c r="DWL652" s="613"/>
      <c r="DWM652" s="613"/>
      <c r="DWN652" s="613"/>
      <c r="DWO652" s="613"/>
      <c r="DWP652" s="613"/>
      <c r="DWQ652" s="613"/>
      <c r="DWR652" s="613"/>
      <c r="DWS652" s="613"/>
      <c r="DWT652" s="613"/>
      <c r="DWU652" s="613"/>
      <c r="DWV652" s="613"/>
      <c r="DWW652" s="613"/>
      <c r="DWX652" s="613"/>
      <c r="DWY652" s="613"/>
      <c r="DWZ652" s="613"/>
      <c r="DXA652" s="613"/>
      <c r="DXB652" s="613"/>
      <c r="DXC652" s="613"/>
      <c r="DXD652" s="613"/>
      <c r="DXE652" s="613"/>
      <c r="DXF652" s="613"/>
      <c r="DXG652" s="613"/>
      <c r="DXH652" s="613"/>
      <c r="DXI652" s="613"/>
      <c r="DXJ652" s="613"/>
      <c r="DXK652" s="613"/>
      <c r="DXL652" s="613"/>
      <c r="DXM652" s="613"/>
      <c r="DXN652" s="613"/>
      <c r="DXO652" s="613"/>
      <c r="DXP652" s="613"/>
      <c r="DXQ652" s="613"/>
      <c r="DXR652" s="613"/>
      <c r="DXS652" s="613"/>
      <c r="DXT652" s="613"/>
      <c r="DXU652" s="613"/>
      <c r="DXV652" s="613"/>
      <c r="DXW652" s="613"/>
      <c r="DXX652" s="613"/>
      <c r="DXY652" s="613"/>
      <c r="DXZ652" s="613"/>
      <c r="DYA652" s="613"/>
      <c r="DYB652" s="613"/>
      <c r="DYC652" s="613"/>
      <c r="DYD652" s="613"/>
      <c r="DYE652" s="613"/>
      <c r="DYF652" s="613"/>
      <c r="DYG652" s="613"/>
      <c r="DYH652" s="613"/>
      <c r="DYI652" s="613"/>
      <c r="DYJ652" s="613"/>
      <c r="DYK652" s="613"/>
      <c r="DYL652" s="613"/>
      <c r="DYM652" s="613"/>
      <c r="DYN652" s="613"/>
      <c r="DYO652" s="613"/>
      <c r="DYP652" s="613"/>
      <c r="DYQ652" s="613"/>
      <c r="DYR652" s="613"/>
      <c r="DYS652" s="613"/>
      <c r="DYT652" s="613"/>
      <c r="DYU652" s="613"/>
      <c r="DYV652" s="613"/>
      <c r="DYW652" s="613"/>
      <c r="DYX652" s="613"/>
      <c r="DYY652" s="613"/>
      <c r="DYZ652" s="613"/>
      <c r="DZA652" s="613"/>
      <c r="DZB652" s="613"/>
      <c r="DZC652" s="613"/>
      <c r="DZD652" s="613"/>
      <c r="DZE652" s="613"/>
      <c r="DZF652" s="613"/>
      <c r="DZG652" s="613"/>
      <c r="DZH652" s="613"/>
      <c r="DZI652" s="613"/>
      <c r="DZJ652" s="613"/>
      <c r="DZK652" s="613"/>
      <c r="DZL652" s="613"/>
      <c r="DZM652" s="613"/>
      <c r="DZN652" s="613"/>
      <c r="DZO652" s="613"/>
      <c r="DZP652" s="613"/>
      <c r="DZQ652" s="613"/>
      <c r="DZR652" s="613"/>
      <c r="DZS652" s="613"/>
      <c r="DZT652" s="613"/>
      <c r="DZU652" s="613"/>
      <c r="DZV652" s="613"/>
      <c r="DZW652" s="613"/>
      <c r="DZX652" s="613"/>
      <c r="DZY652" s="613"/>
      <c r="DZZ652" s="613"/>
      <c r="EAA652" s="613"/>
      <c r="EAB652" s="613"/>
      <c r="EAC652" s="613"/>
      <c r="EAD652" s="613"/>
      <c r="EAE652" s="613"/>
      <c r="EAF652" s="613"/>
      <c r="EAG652" s="613"/>
      <c r="EAH652" s="613"/>
      <c r="EAI652" s="613"/>
      <c r="EAJ652" s="613"/>
      <c r="EAK652" s="613"/>
      <c r="EAL652" s="613"/>
      <c r="EAM652" s="613"/>
      <c r="EAN652" s="613"/>
      <c r="EAO652" s="613"/>
      <c r="EAP652" s="613"/>
      <c r="EAQ652" s="613"/>
      <c r="EAR652" s="613"/>
      <c r="EAS652" s="613"/>
      <c r="EAT652" s="613"/>
      <c r="EAU652" s="613"/>
      <c r="EAV652" s="613"/>
      <c r="EAW652" s="613"/>
      <c r="EAX652" s="613"/>
      <c r="EAY652" s="613"/>
      <c r="EAZ652" s="613"/>
      <c r="EBA652" s="613"/>
      <c r="EBB652" s="613"/>
      <c r="EBC652" s="613"/>
      <c r="EBD652" s="613"/>
      <c r="EBE652" s="613"/>
      <c r="EBF652" s="613"/>
      <c r="EBG652" s="613"/>
      <c r="EBH652" s="613"/>
      <c r="EBI652" s="613"/>
      <c r="EBJ652" s="613"/>
      <c r="EBK652" s="613"/>
      <c r="EBL652" s="613"/>
      <c r="EBM652" s="613"/>
      <c r="EBN652" s="613"/>
      <c r="EBO652" s="613"/>
      <c r="EBP652" s="613"/>
      <c r="EBQ652" s="613"/>
      <c r="EBR652" s="613"/>
      <c r="EBS652" s="613"/>
      <c r="EBT652" s="613"/>
      <c r="EBU652" s="613"/>
      <c r="EBV652" s="613"/>
      <c r="EBW652" s="613"/>
      <c r="EBX652" s="613"/>
      <c r="EBY652" s="613"/>
      <c r="EBZ652" s="613"/>
      <c r="ECA652" s="613"/>
      <c r="ECB652" s="613"/>
      <c r="ECC652" s="613"/>
      <c r="ECD652" s="613"/>
      <c r="ECE652" s="613"/>
      <c r="ECF652" s="613"/>
      <c r="ECG652" s="613"/>
      <c r="ECH652" s="613"/>
      <c r="ECI652" s="613"/>
      <c r="ECJ652" s="613"/>
      <c r="ECK652" s="613"/>
      <c r="ECL652" s="613"/>
      <c r="ECM652" s="613"/>
      <c r="ECN652" s="613"/>
      <c r="ECO652" s="613"/>
      <c r="ECP652" s="613"/>
      <c r="ECQ652" s="613"/>
      <c r="ECR652" s="613"/>
      <c r="ECS652" s="613"/>
      <c r="ECT652" s="613"/>
      <c r="ECU652" s="613"/>
      <c r="ECV652" s="613"/>
      <c r="ECW652" s="613"/>
      <c r="ECX652" s="613"/>
      <c r="ECY652" s="613"/>
      <c r="ECZ652" s="613"/>
      <c r="EDA652" s="613"/>
      <c r="EDB652" s="613"/>
      <c r="EDC652" s="613"/>
      <c r="EDD652" s="613"/>
      <c r="EDE652" s="613"/>
      <c r="EDF652" s="613"/>
      <c r="EDG652" s="613"/>
      <c r="EDH652" s="613"/>
      <c r="EDI652" s="613"/>
      <c r="EDJ652" s="613"/>
      <c r="EDK652" s="613"/>
      <c r="EDL652" s="613"/>
      <c r="EDM652" s="613"/>
      <c r="EDN652" s="613"/>
      <c r="EDO652" s="613"/>
      <c r="EDP652" s="613"/>
      <c r="EDQ652" s="613"/>
      <c r="EDR652" s="613"/>
      <c r="EDS652" s="613"/>
      <c r="EDT652" s="613"/>
      <c r="EDU652" s="613"/>
      <c r="EDV652" s="613"/>
      <c r="EDW652" s="613"/>
      <c r="EDX652" s="613"/>
      <c r="EDY652" s="613"/>
      <c r="EDZ652" s="613"/>
      <c r="EEA652" s="613"/>
      <c r="EEB652" s="613"/>
      <c r="EEC652" s="613"/>
      <c r="EED652" s="613"/>
      <c r="EEE652" s="613"/>
      <c r="EEF652" s="613"/>
      <c r="EEG652" s="613"/>
      <c r="EEH652" s="613"/>
      <c r="EEI652" s="613"/>
      <c r="EEJ652" s="613"/>
      <c r="EEK652" s="613"/>
      <c r="EEL652" s="613"/>
      <c r="EEM652" s="613"/>
      <c r="EEN652" s="613"/>
      <c r="EEO652" s="613"/>
      <c r="EEP652" s="613"/>
      <c r="EEQ652" s="613"/>
      <c r="EER652" s="613"/>
      <c r="EES652" s="613"/>
      <c r="EET652" s="613"/>
      <c r="EEU652" s="613"/>
      <c r="EEV652" s="613"/>
      <c r="EEW652" s="613"/>
      <c r="EEX652" s="613"/>
      <c r="EEY652" s="613"/>
      <c r="EEZ652" s="613"/>
      <c r="EFA652" s="613"/>
      <c r="EFB652" s="613"/>
      <c r="EFC652" s="613"/>
      <c r="EFD652" s="613"/>
      <c r="EFE652" s="613"/>
      <c r="EFF652" s="613"/>
      <c r="EFG652" s="613"/>
      <c r="EFH652" s="613"/>
      <c r="EFI652" s="613"/>
      <c r="EFJ652" s="613"/>
      <c r="EFK652" s="613"/>
      <c r="EFL652" s="613"/>
      <c r="EFM652" s="613"/>
      <c r="EFN652" s="613"/>
      <c r="EFO652" s="613"/>
      <c r="EFP652" s="613"/>
      <c r="EFQ652" s="613"/>
      <c r="EFR652" s="613"/>
      <c r="EFS652" s="613"/>
      <c r="EFT652" s="613"/>
      <c r="EFU652" s="613"/>
      <c r="EFV652" s="613"/>
      <c r="EFW652" s="613"/>
      <c r="EFX652" s="613"/>
      <c r="EFY652" s="613"/>
      <c r="EFZ652" s="613"/>
      <c r="EGA652" s="613"/>
      <c r="EGB652" s="613"/>
      <c r="EGC652" s="613"/>
      <c r="EGD652" s="613"/>
      <c r="EGE652" s="613"/>
      <c r="EGF652" s="613"/>
      <c r="EGG652" s="613"/>
      <c r="EGH652" s="613"/>
      <c r="EGI652" s="613"/>
      <c r="EGJ652" s="613"/>
      <c r="EGK652" s="613"/>
      <c r="EGL652" s="613"/>
      <c r="EGM652" s="613"/>
      <c r="EGN652" s="613"/>
      <c r="EGO652" s="613"/>
      <c r="EGP652" s="613"/>
      <c r="EGQ652" s="613"/>
      <c r="EGR652" s="613"/>
      <c r="EGS652" s="613"/>
      <c r="EGT652" s="613"/>
      <c r="EGU652" s="613"/>
      <c r="EGV652" s="613"/>
      <c r="EGW652" s="613"/>
      <c r="EGX652" s="613"/>
      <c r="EGY652" s="613"/>
      <c r="EGZ652" s="613"/>
      <c r="EHA652" s="613"/>
      <c r="EHB652" s="613"/>
      <c r="EHC652" s="613"/>
      <c r="EHD652" s="613"/>
      <c r="EHE652" s="613"/>
      <c r="EHF652" s="613"/>
      <c r="EHG652" s="613"/>
      <c r="EHH652" s="613"/>
      <c r="EHI652" s="613"/>
      <c r="EHJ652" s="613"/>
      <c r="EHK652" s="613"/>
      <c r="EHL652" s="613"/>
      <c r="EHM652" s="613"/>
      <c r="EHN652" s="613"/>
      <c r="EHO652" s="613"/>
      <c r="EHP652" s="613"/>
      <c r="EHQ652" s="613"/>
      <c r="EHR652" s="613"/>
      <c r="EHS652" s="613"/>
      <c r="EHT652" s="613"/>
      <c r="EHU652" s="613"/>
      <c r="EHV652" s="613"/>
      <c r="EHW652" s="613"/>
      <c r="EHX652" s="613"/>
      <c r="EHY652" s="613"/>
      <c r="EHZ652" s="613"/>
      <c r="EIA652" s="613"/>
      <c r="EIB652" s="613"/>
      <c r="EIC652" s="613"/>
      <c r="EID652" s="613"/>
      <c r="EIE652" s="613"/>
      <c r="EIF652" s="613"/>
      <c r="EIG652" s="613"/>
      <c r="EIH652" s="613"/>
      <c r="EII652" s="613"/>
      <c r="EIJ652" s="613"/>
      <c r="EIK652" s="613"/>
      <c r="EIL652" s="613"/>
      <c r="EIM652" s="613"/>
      <c r="EIN652" s="613"/>
      <c r="EIO652" s="613"/>
      <c r="EIP652" s="613"/>
      <c r="EIQ652" s="613"/>
      <c r="EIR652" s="613"/>
      <c r="EIS652" s="613"/>
      <c r="EIT652" s="613"/>
      <c r="EIU652" s="613"/>
      <c r="EIV652" s="613"/>
      <c r="EIW652" s="613"/>
      <c r="EIX652" s="613"/>
      <c r="EIY652" s="613"/>
      <c r="EIZ652" s="613"/>
      <c r="EJA652" s="613"/>
      <c r="EJB652" s="613"/>
      <c r="EJC652" s="613"/>
      <c r="EJD652" s="613"/>
      <c r="EJE652" s="613"/>
      <c r="EJF652" s="613"/>
      <c r="EJG652" s="613"/>
      <c r="EJH652" s="613"/>
      <c r="EJI652" s="613"/>
      <c r="EJJ652" s="613"/>
      <c r="EJK652" s="613"/>
      <c r="EJL652" s="613"/>
      <c r="EJM652" s="613"/>
      <c r="EJN652" s="613"/>
      <c r="EJO652" s="613"/>
      <c r="EJP652" s="613"/>
      <c r="EJQ652" s="613"/>
      <c r="EJR652" s="613"/>
      <c r="EJS652" s="613"/>
      <c r="EJT652" s="613"/>
      <c r="EJU652" s="613"/>
      <c r="EJV652" s="613"/>
      <c r="EJW652" s="613"/>
      <c r="EJX652" s="613"/>
      <c r="EJY652" s="613"/>
      <c r="EJZ652" s="613"/>
      <c r="EKA652" s="613"/>
      <c r="EKB652" s="613"/>
      <c r="EKC652" s="613"/>
      <c r="EKD652" s="613"/>
      <c r="EKE652" s="613"/>
      <c r="EKF652" s="613"/>
      <c r="EKG652" s="613"/>
      <c r="EKH652" s="613"/>
      <c r="EKI652" s="613"/>
      <c r="EKJ652" s="613"/>
      <c r="EKK652" s="613"/>
      <c r="EKL652" s="613"/>
      <c r="EKM652" s="613"/>
      <c r="EKN652" s="613"/>
      <c r="EKO652" s="613"/>
      <c r="EKP652" s="613"/>
      <c r="EKQ652" s="613"/>
      <c r="EKR652" s="613"/>
      <c r="EKS652" s="613"/>
      <c r="EKT652" s="613"/>
      <c r="EKU652" s="613"/>
      <c r="EKV652" s="613"/>
      <c r="EKW652" s="613"/>
      <c r="EKX652" s="613"/>
      <c r="EKY652" s="613"/>
      <c r="EKZ652" s="613"/>
      <c r="ELA652" s="613"/>
      <c r="ELB652" s="613"/>
      <c r="ELC652" s="613"/>
      <c r="ELD652" s="613"/>
      <c r="ELE652" s="613"/>
      <c r="ELF652" s="613"/>
      <c r="ELG652" s="613"/>
      <c r="ELH652" s="613"/>
      <c r="ELI652" s="613"/>
      <c r="ELJ652" s="613"/>
      <c r="ELK652" s="613"/>
      <c r="ELL652" s="613"/>
      <c r="ELM652" s="613"/>
      <c r="ELN652" s="613"/>
      <c r="ELO652" s="613"/>
      <c r="ELP652" s="613"/>
      <c r="ELQ652" s="613"/>
      <c r="ELR652" s="613"/>
      <c r="ELS652" s="613"/>
      <c r="ELT652" s="613"/>
      <c r="ELU652" s="613"/>
      <c r="ELV652" s="613"/>
      <c r="ELW652" s="613"/>
      <c r="ELX652" s="613"/>
      <c r="ELY652" s="613"/>
      <c r="ELZ652" s="613"/>
      <c r="EMA652" s="613"/>
      <c r="EMB652" s="613"/>
      <c r="EMC652" s="613"/>
      <c r="EMD652" s="613"/>
      <c r="EME652" s="613"/>
      <c r="EMF652" s="613"/>
      <c r="EMG652" s="613"/>
      <c r="EMH652" s="613"/>
      <c r="EMI652" s="613"/>
      <c r="EMJ652" s="613"/>
      <c r="EMK652" s="613"/>
      <c r="EML652" s="613"/>
      <c r="EMM652" s="613"/>
      <c r="EMN652" s="613"/>
      <c r="EMO652" s="613"/>
      <c r="EMP652" s="613"/>
      <c r="EMQ652" s="613"/>
      <c r="EMR652" s="613"/>
      <c r="EMS652" s="613"/>
      <c r="EMT652" s="613"/>
      <c r="EMU652" s="613"/>
      <c r="EMV652" s="613"/>
      <c r="EMW652" s="613"/>
      <c r="EMX652" s="613"/>
      <c r="EMY652" s="613"/>
      <c r="EMZ652" s="613"/>
      <c r="ENA652" s="613"/>
      <c r="ENB652" s="613"/>
      <c r="ENC652" s="613"/>
      <c r="END652" s="613"/>
      <c r="ENE652" s="613"/>
      <c r="ENF652" s="613"/>
      <c r="ENG652" s="613"/>
      <c r="ENH652" s="613"/>
      <c r="ENI652" s="613"/>
      <c r="ENJ652" s="613"/>
      <c r="ENK652" s="613"/>
      <c r="ENL652" s="613"/>
      <c r="ENM652" s="613"/>
      <c r="ENN652" s="613"/>
      <c r="ENO652" s="613"/>
      <c r="ENP652" s="613"/>
      <c r="ENQ652" s="613"/>
      <c r="ENR652" s="613"/>
      <c r="ENS652" s="613"/>
      <c r="ENT652" s="613"/>
      <c r="ENU652" s="613"/>
      <c r="ENV652" s="613"/>
      <c r="ENW652" s="613"/>
      <c r="ENX652" s="613"/>
      <c r="ENY652" s="613"/>
      <c r="ENZ652" s="613"/>
      <c r="EOA652" s="613"/>
      <c r="EOB652" s="613"/>
      <c r="EOC652" s="613"/>
      <c r="EOD652" s="613"/>
      <c r="EOE652" s="613"/>
      <c r="EOF652" s="613"/>
      <c r="EOG652" s="613"/>
      <c r="EOH652" s="613"/>
      <c r="EOI652" s="613"/>
      <c r="EOJ652" s="613"/>
      <c r="EOK652" s="613"/>
      <c r="EOL652" s="613"/>
      <c r="EOM652" s="613"/>
      <c r="EON652" s="613"/>
      <c r="EOO652" s="613"/>
      <c r="EOP652" s="613"/>
      <c r="EOQ652" s="613"/>
      <c r="EOR652" s="613"/>
      <c r="EOS652" s="613"/>
      <c r="EOT652" s="613"/>
      <c r="EOU652" s="613"/>
      <c r="EOV652" s="613"/>
      <c r="EOW652" s="613"/>
      <c r="EOX652" s="613"/>
      <c r="EOY652" s="613"/>
      <c r="EOZ652" s="613"/>
      <c r="EPA652" s="613"/>
      <c r="EPB652" s="613"/>
      <c r="EPC652" s="613"/>
      <c r="EPD652" s="613"/>
      <c r="EPE652" s="613"/>
      <c r="EPF652" s="613"/>
      <c r="EPG652" s="613"/>
      <c r="EPH652" s="613"/>
      <c r="EPI652" s="613"/>
      <c r="EPJ652" s="613"/>
      <c r="EPK652" s="613"/>
      <c r="EPL652" s="613"/>
      <c r="EPM652" s="613"/>
      <c r="EPN652" s="613"/>
      <c r="EPO652" s="613"/>
      <c r="EPP652" s="613"/>
      <c r="EPQ652" s="613"/>
      <c r="EPR652" s="613"/>
      <c r="EPS652" s="613"/>
      <c r="EPT652" s="613"/>
      <c r="EPU652" s="613"/>
      <c r="EPV652" s="613"/>
      <c r="EPW652" s="613"/>
      <c r="EPX652" s="613"/>
      <c r="EPY652" s="613"/>
      <c r="EPZ652" s="613"/>
      <c r="EQA652" s="613"/>
      <c r="EQB652" s="613"/>
      <c r="EQC652" s="613"/>
      <c r="EQD652" s="613"/>
      <c r="EQE652" s="613"/>
      <c r="EQF652" s="613"/>
      <c r="EQG652" s="613"/>
      <c r="EQH652" s="613"/>
      <c r="EQI652" s="613"/>
      <c r="EQJ652" s="613"/>
      <c r="EQK652" s="613"/>
      <c r="EQL652" s="613"/>
      <c r="EQM652" s="613"/>
      <c r="EQN652" s="613"/>
      <c r="EQO652" s="613"/>
      <c r="EQP652" s="613"/>
      <c r="EQQ652" s="613"/>
      <c r="EQR652" s="613"/>
      <c r="EQS652" s="613"/>
      <c r="EQT652" s="613"/>
      <c r="EQU652" s="613"/>
      <c r="EQV652" s="613"/>
      <c r="EQW652" s="613"/>
      <c r="EQX652" s="613"/>
      <c r="EQY652" s="613"/>
      <c r="EQZ652" s="613"/>
      <c r="ERA652" s="613"/>
      <c r="ERB652" s="613"/>
      <c r="ERC652" s="613"/>
      <c r="ERD652" s="613"/>
      <c r="ERE652" s="613"/>
      <c r="ERF652" s="613"/>
      <c r="ERG652" s="613"/>
      <c r="ERH652" s="613"/>
      <c r="ERI652" s="613"/>
      <c r="ERJ652" s="613"/>
      <c r="ERK652" s="613"/>
      <c r="ERL652" s="613"/>
      <c r="ERM652" s="613"/>
      <c r="ERN652" s="613"/>
      <c r="ERO652" s="613"/>
      <c r="ERP652" s="613"/>
      <c r="ERQ652" s="613"/>
      <c r="ERR652" s="613"/>
      <c r="ERS652" s="613"/>
      <c r="ERT652" s="613"/>
      <c r="ERU652" s="613"/>
      <c r="ERV652" s="613"/>
      <c r="ERW652" s="613"/>
      <c r="ERX652" s="613"/>
      <c r="ERY652" s="613"/>
      <c r="ERZ652" s="613"/>
      <c r="ESA652" s="613"/>
      <c r="ESB652" s="613"/>
      <c r="ESC652" s="613"/>
      <c r="ESD652" s="613"/>
      <c r="ESE652" s="613"/>
      <c r="ESF652" s="613"/>
      <c r="ESG652" s="613"/>
      <c r="ESH652" s="613"/>
      <c r="ESI652" s="613"/>
      <c r="ESJ652" s="613"/>
      <c r="ESK652" s="613"/>
      <c r="ESL652" s="613"/>
      <c r="ESM652" s="613"/>
      <c r="ESN652" s="613"/>
      <c r="ESO652" s="613"/>
      <c r="ESP652" s="613"/>
      <c r="ESQ652" s="613"/>
      <c r="ESR652" s="613"/>
      <c r="ESS652" s="613"/>
      <c r="EST652" s="613"/>
      <c r="ESU652" s="613"/>
      <c r="ESV652" s="613"/>
      <c r="ESW652" s="613"/>
      <c r="ESX652" s="613"/>
      <c r="ESY652" s="613"/>
      <c r="ESZ652" s="613"/>
      <c r="ETA652" s="613"/>
      <c r="ETB652" s="613"/>
      <c r="ETC652" s="613"/>
      <c r="ETD652" s="613"/>
      <c r="ETE652" s="613"/>
      <c r="ETF652" s="613"/>
      <c r="ETG652" s="613"/>
      <c r="ETH652" s="613"/>
      <c r="ETI652" s="613"/>
      <c r="ETJ652" s="613"/>
      <c r="ETK652" s="613"/>
      <c r="ETL652" s="613"/>
      <c r="ETM652" s="613"/>
      <c r="ETN652" s="613"/>
      <c r="ETO652" s="613"/>
      <c r="ETP652" s="613"/>
      <c r="ETQ652" s="613"/>
      <c r="ETR652" s="613"/>
      <c r="ETS652" s="613"/>
      <c r="ETT652" s="613"/>
      <c r="ETU652" s="613"/>
      <c r="ETV652" s="613"/>
      <c r="ETW652" s="613"/>
      <c r="ETX652" s="613"/>
      <c r="ETY652" s="613"/>
      <c r="ETZ652" s="613"/>
      <c r="EUA652" s="613"/>
      <c r="EUB652" s="613"/>
      <c r="EUC652" s="613"/>
      <c r="EUD652" s="613"/>
      <c r="EUE652" s="613"/>
      <c r="EUF652" s="613"/>
      <c r="EUG652" s="613"/>
      <c r="EUH652" s="613"/>
      <c r="EUI652" s="613"/>
      <c r="EUJ652" s="613"/>
      <c r="EUK652" s="613"/>
      <c r="EUL652" s="613"/>
      <c r="EUM652" s="613"/>
      <c r="EUN652" s="613"/>
      <c r="EUO652" s="613"/>
      <c r="EUP652" s="613"/>
      <c r="EUQ652" s="613"/>
      <c r="EUR652" s="613"/>
      <c r="EUS652" s="613"/>
      <c r="EUT652" s="613"/>
      <c r="EUU652" s="613"/>
      <c r="EUV652" s="613"/>
      <c r="EUW652" s="613"/>
      <c r="EUX652" s="613"/>
      <c r="EUY652" s="613"/>
      <c r="EUZ652" s="613"/>
      <c r="EVA652" s="613"/>
      <c r="EVB652" s="613"/>
      <c r="EVC652" s="613"/>
      <c r="EVD652" s="613"/>
      <c r="EVE652" s="613"/>
      <c r="EVF652" s="613"/>
      <c r="EVG652" s="613"/>
      <c r="EVH652" s="613"/>
      <c r="EVI652" s="613"/>
      <c r="EVJ652" s="613"/>
      <c r="EVK652" s="613"/>
      <c r="EVL652" s="613"/>
      <c r="EVM652" s="613"/>
      <c r="EVN652" s="613"/>
      <c r="EVO652" s="613"/>
      <c r="EVP652" s="613"/>
      <c r="EVQ652" s="613"/>
      <c r="EVR652" s="613"/>
      <c r="EVS652" s="613"/>
      <c r="EVT652" s="613"/>
      <c r="EVU652" s="613"/>
      <c r="EVV652" s="613"/>
      <c r="EVW652" s="613"/>
      <c r="EVX652" s="613"/>
      <c r="EVY652" s="613"/>
      <c r="EVZ652" s="613"/>
      <c r="EWA652" s="613"/>
      <c r="EWB652" s="613"/>
      <c r="EWC652" s="613"/>
      <c r="EWD652" s="613"/>
      <c r="EWE652" s="613"/>
      <c r="EWF652" s="613"/>
      <c r="EWG652" s="613"/>
      <c r="EWH652" s="613"/>
      <c r="EWI652" s="613"/>
      <c r="EWJ652" s="613"/>
      <c r="EWK652" s="613"/>
      <c r="EWL652" s="613"/>
      <c r="EWM652" s="613"/>
      <c r="EWN652" s="613"/>
      <c r="EWO652" s="613"/>
      <c r="EWP652" s="613"/>
      <c r="EWQ652" s="613"/>
      <c r="EWR652" s="613"/>
      <c r="EWS652" s="613"/>
      <c r="EWT652" s="613"/>
      <c r="EWU652" s="613"/>
      <c r="EWV652" s="613"/>
      <c r="EWW652" s="613"/>
      <c r="EWX652" s="613"/>
      <c r="EWY652" s="613"/>
      <c r="EWZ652" s="613"/>
      <c r="EXA652" s="613"/>
      <c r="EXB652" s="613"/>
      <c r="EXC652" s="613"/>
      <c r="EXD652" s="613"/>
      <c r="EXE652" s="613"/>
      <c r="EXF652" s="613"/>
      <c r="EXG652" s="613"/>
      <c r="EXH652" s="613"/>
      <c r="EXI652" s="613"/>
      <c r="EXJ652" s="613"/>
      <c r="EXK652" s="613"/>
      <c r="EXL652" s="613"/>
      <c r="EXM652" s="613"/>
      <c r="EXN652" s="613"/>
      <c r="EXO652" s="613"/>
      <c r="EXP652" s="613"/>
      <c r="EXQ652" s="613"/>
      <c r="EXR652" s="613"/>
      <c r="EXS652" s="613"/>
      <c r="EXT652" s="613"/>
      <c r="EXU652" s="613"/>
      <c r="EXV652" s="613"/>
      <c r="EXW652" s="613"/>
      <c r="EXX652" s="613"/>
      <c r="EXY652" s="613"/>
      <c r="EXZ652" s="613"/>
      <c r="EYA652" s="613"/>
      <c r="EYB652" s="613"/>
      <c r="EYC652" s="613"/>
      <c r="EYD652" s="613"/>
      <c r="EYE652" s="613"/>
      <c r="EYF652" s="613"/>
      <c r="EYG652" s="613"/>
      <c r="EYH652" s="613"/>
      <c r="EYI652" s="613"/>
      <c r="EYJ652" s="613"/>
      <c r="EYK652" s="613"/>
      <c r="EYL652" s="613"/>
      <c r="EYM652" s="613"/>
      <c r="EYN652" s="613"/>
      <c r="EYO652" s="613"/>
      <c r="EYP652" s="613"/>
      <c r="EYQ652" s="613"/>
      <c r="EYR652" s="613"/>
      <c r="EYS652" s="613"/>
      <c r="EYT652" s="613"/>
      <c r="EYU652" s="613"/>
      <c r="EYV652" s="613"/>
      <c r="EYW652" s="613"/>
      <c r="EYX652" s="613"/>
      <c r="EYY652" s="613"/>
      <c r="EYZ652" s="613"/>
      <c r="EZA652" s="613"/>
      <c r="EZB652" s="613"/>
      <c r="EZC652" s="613"/>
      <c r="EZD652" s="613"/>
      <c r="EZE652" s="613"/>
      <c r="EZF652" s="613"/>
      <c r="EZG652" s="613"/>
      <c r="EZH652" s="613"/>
      <c r="EZI652" s="613"/>
      <c r="EZJ652" s="613"/>
      <c r="EZK652" s="613"/>
      <c r="EZL652" s="613"/>
      <c r="EZM652" s="613"/>
      <c r="EZN652" s="613"/>
      <c r="EZO652" s="613"/>
      <c r="EZP652" s="613"/>
      <c r="EZQ652" s="613"/>
      <c r="EZR652" s="613"/>
      <c r="EZS652" s="613"/>
      <c r="EZT652" s="613"/>
      <c r="EZU652" s="613"/>
      <c r="EZV652" s="613"/>
      <c r="EZW652" s="613"/>
      <c r="EZX652" s="613"/>
      <c r="EZY652" s="613"/>
      <c r="EZZ652" s="613"/>
      <c r="FAA652" s="613"/>
      <c r="FAB652" s="613"/>
      <c r="FAC652" s="613"/>
      <c r="FAD652" s="613"/>
      <c r="FAE652" s="613"/>
      <c r="FAF652" s="613"/>
      <c r="FAG652" s="613"/>
      <c r="FAH652" s="613"/>
      <c r="FAI652" s="613"/>
      <c r="FAJ652" s="613"/>
      <c r="FAK652" s="613"/>
      <c r="FAL652" s="613"/>
      <c r="FAM652" s="613"/>
      <c r="FAN652" s="613"/>
      <c r="FAO652" s="613"/>
      <c r="FAP652" s="613"/>
      <c r="FAQ652" s="613"/>
      <c r="FAR652" s="613"/>
      <c r="FAS652" s="613"/>
      <c r="FAT652" s="613"/>
      <c r="FAU652" s="613"/>
      <c r="FAV652" s="613"/>
      <c r="FAW652" s="613"/>
      <c r="FAX652" s="613"/>
      <c r="FAY652" s="613"/>
      <c r="FAZ652" s="613"/>
      <c r="FBA652" s="613"/>
      <c r="FBB652" s="613"/>
      <c r="FBC652" s="613"/>
      <c r="FBD652" s="613"/>
      <c r="FBE652" s="613"/>
      <c r="FBF652" s="613"/>
      <c r="FBG652" s="613"/>
      <c r="FBH652" s="613"/>
      <c r="FBI652" s="613"/>
      <c r="FBJ652" s="613"/>
      <c r="FBK652" s="613"/>
      <c r="FBL652" s="613"/>
      <c r="FBM652" s="613"/>
      <c r="FBN652" s="613"/>
      <c r="FBO652" s="613"/>
      <c r="FBP652" s="613"/>
      <c r="FBQ652" s="613"/>
      <c r="FBR652" s="613"/>
      <c r="FBS652" s="613"/>
      <c r="FBT652" s="613"/>
      <c r="FBU652" s="613"/>
      <c r="FBV652" s="613"/>
      <c r="FBW652" s="613"/>
      <c r="FBX652" s="613"/>
      <c r="FBY652" s="613"/>
      <c r="FBZ652" s="613"/>
      <c r="FCA652" s="613"/>
      <c r="FCB652" s="613"/>
      <c r="FCC652" s="613"/>
      <c r="FCD652" s="613"/>
      <c r="FCE652" s="613"/>
      <c r="FCF652" s="613"/>
      <c r="FCG652" s="613"/>
      <c r="FCH652" s="613"/>
      <c r="FCI652" s="613"/>
      <c r="FCJ652" s="613"/>
      <c r="FCK652" s="613"/>
      <c r="FCL652" s="613"/>
      <c r="FCM652" s="613"/>
      <c r="FCN652" s="613"/>
      <c r="FCO652" s="613"/>
      <c r="FCP652" s="613"/>
      <c r="FCQ652" s="613"/>
      <c r="FCR652" s="613"/>
      <c r="FCS652" s="613"/>
      <c r="FCT652" s="613"/>
      <c r="FCU652" s="613"/>
      <c r="FCV652" s="613"/>
      <c r="FCW652" s="613"/>
      <c r="FCX652" s="613"/>
      <c r="FCY652" s="613"/>
      <c r="FCZ652" s="613"/>
      <c r="FDA652" s="613"/>
      <c r="FDB652" s="613"/>
      <c r="FDC652" s="613"/>
      <c r="FDD652" s="613"/>
      <c r="FDE652" s="613"/>
      <c r="FDF652" s="613"/>
      <c r="FDG652" s="613"/>
      <c r="FDH652" s="613"/>
      <c r="FDI652" s="613"/>
      <c r="FDJ652" s="613"/>
      <c r="FDK652" s="613"/>
      <c r="FDL652" s="613"/>
      <c r="FDM652" s="613"/>
      <c r="FDN652" s="613"/>
      <c r="FDO652" s="613"/>
      <c r="FDP652" s="613"/>
      <c r="FDQ652" s="613"/>
      <c r="FDR652" s="613"/>
      <c r="FDS652" s="613"/>
      <c r="FDT652" s="613"/>
      <c r="FDU652" s="613"/>
      <c r="FDV652" s="613"/>
      <c r="FDW652" s="613"/>
      <c r="FDX652" s="613"/>
      <c r="FDY652" s="613"/>
      <c r="FDZ652" s="613"/>
      <c r="FEA652" s="613"/>
      <c r="FEB652" s="613"/>
      <c r="FEC652" s="613"/>
      <c r="FED652" s="613"/>
      <c r="FEE652" s="613"/>
      <c r="FEF652" s="613"/>
      <c r="FEG652" s="613"/>
      <c r="FEH652" s="613"/>
      <c r="FEI652" s="613"/>
      <c r="FEJ652" s="613"/>
      <c r="FEK652" s="613"/>
      <c r="FEL652" s="613"/>
      <c r="FEM652" s="613"/>
      <c r="FEN652" s="613"/>
      <c r="FEO652" s="613"/>
      <c r="FEP652" s="613"/>
      <c r="FEQ652" s="613"/>
      <c r="FER652" s="613"/>
      <c r="FES652" s="613"/>
      <c r="FET652" s="613"/>
      <c r="FEU652" s="613"/>
      <c r="FEV652" s="613"/>
      <c r="FEW652" s="613"/>
      <c r="FEX652" s="613"/>
      <c r="FEY652" s="613"/>
      <c r="FEZ652" s="613"/>
      <c r="FFA652" s="613"/>
      <c r="FFB652" s="613"/>
      <c r="FFC652" s="613"/>
      <c r="FFD652" s="613"/>
      <c r="FFE652" s="613"/>
      <c r="FFF652" s="613"/>
      <c r="FFG652" s="613"/>
      <c r="FFH652" s="613"/>
      <c r="FFI652" s="613"/>
      <c r="FFJ652" s="613"/>
      <c r="FFK652" s="613"/>
      <c r="FFL652" s="613"/>
      <c r="FFM652" s="613"/>
      <c r="FFN652" s="613"/>
      <c r="FFO652" s="613"/>
      <c r="FFP652" s="613"/>
      <c r="FFQ652" s="613"/>
      <c r="FFR652" s="613"/>
      <c r="FFS652" s="613"/>
      <c r="FFT652" s="613"/>
      <c r="FFU652" s="613"/>
      <c r="FFV652" s="613"/>
      <c r="FFW652" s="613"/>
      <c r="FFX652" s="613"/>
      <c r="FFY652" s="613"/>
      <c r="FFZ652" s="613"/>
      <c r="FGA652" s="613"/>
      <c r="FGB652" s="613"/>
      <c r="FGC652" s="613"/>
      <c r="FGD652" s="613"/>
      <c r="FGE652" s="613"/>
      <c r="FGF652" s="613"/>
      <c r="FGG652" s="613"/>
      <c r="FGH652" s="613"/>
      <c r="FGI652" s="613"/>
      <c r="FGJ652" s="613"/>
      <c r="FGK652" s="613"/>
      <c r="FGL652" s="613"/>
      <c r="FGM652" s="613"/>
      <c r="FGN652" s="613"/>
      <c r="FGO652" s="613"/>
      <c r="FGP652" s="613"/>
      <c r="FGQ652" s="613"/>
      <c r="FGR652" s="613"/>
      <c r="FGS652" s="613"/>
      <c r="FGT652" s="613"/>
      <c r="FGU652" s="613"/>
      <c r="FGV652" s="613"/>
      <c r="FGW652" s="613"/>
      <c r="FGX652" s="613"/>
      <c r="FGY652" s="613"/>
      <c r="FGZ652" s="613"/>
      <c r="FHA652" s="613"/>
      <c r="FHB652" s="613"/>
      <c r="FHC652" s="613"/>
      <c r="FHD652" s="613"/>
      <c r="FHE652" s="613"/>
      <c r="FHF652" s="613"/>
      <c r="FHG652" s="613"/>
      <c r="FHH652" s="613"/>
      <c r="FHI652" s="613"/>
      <c r="FHJ652" s="613"/>
      <c r="FHK652" s="613"/>
      <c r="FHL652" s="613"/>
      <c r="FHM652" s="613"/>
      <c r="FHN652" s="613"/>
      <c r="FHO652" s="613"/>
      <c r="FHP652" s="613"/>
      <c r="FHQ652" s="613"/>
      <c r="FHR652" s="613"/>
      <c r="FHS652" s="613"/>
      <c r="FHT652" s="613"/>
      <c r="FHU652" s="613"/>
      <c r="FHV652" s="613"/>
      <c r="FHW652" s="613"/>
      <c r="FHX652" s="613"/>
      <c r="FHY652" s="613"/>
      <c r="FHZ652" s="613"/>
      <c r="FIA652" s="613"/>
      <c r="FIB652" s="613"/>
      <c r="FIC652" s="613"/>
      <c r="FID652" s="613"/>
      <c r="FIE652" s="613"/>
      <c r="FIF652" s="613"/>
      <c r="FIG652" s="613"/>
      <c r="FIH652" s="613"/>
      <c r="FII652" s="613"/>
      <c r="FIJ652" s="613"/>
      <c r="FIK652" s="613"/>
      <c r="FIL652" s="613"/>
      <c r="FIM652" s="613"/>
      <c r="FIN652" s="613"/>
      <c r="FIO652" s="613"/>
      <c r="FIP652" s="613"/>
      <c r="FIQ652" s="613"/>
      <c r="FIR652" s="613"/>
      <c r="FIS652" s="613"/>
      <c r="FIT652" s="613"/>
      <c r="FIU652" s="613"/>
      <c r="FIV652" s="613"/>
      <c r="FIW652" s="613"/>
      <c r="FIX652" s="613"/>
      <c r="FIY652" s="613"/>
      <c r="FIZ652" s="613"/>
      <c r="FJA652" s="613"/>
      <c r="FJB652" s="613"/>
      <c r="FJC652" s="613"/>
      <c r="FJD652" s="613"/>
      <c r="FJE652" s="613"/>
      <c r="FJF652" s="613"/>
      <c r="FJG652" s="613"/>
      <c r="FJH652" s="613"/>
      <c r="FJI652" s="613"/>
      <c r="FJJ652" s="613"/>
      <c r="FJK652" s="613"/>
      <c r="FJL652" s="613"/>
      <c r="FJM652" s="613"/>
      <c r="FJN652" s="613"/>
      <c r="FJO652" s="613"/>
      <c r="FJP652" s="613"/>
      <c r="FJQ652" s="613"/>
      <c r="FJR652" s="613"/>
      <c r="FJS652" s="613"/>
      <c r="FJT652" s="613"/>
      <c r="FJU652" s="613"/>
      <c r="FJV652" s="613"/>
      <c r="FJW652" s="613"/>
      <c r="FJX652" s="613"/>
      <c r="FJY652" s="613"/>
      <c r="FJZ652" s="613"/>
      <c r="FKA652" s="613"/>
      <c r="FKB652" s="613"/>
      <c r="FKC652" s="613"/>
      <c r="FKD652" s="613"/>
      <c r="FKE652" s="613"/>
      <c r="FKF652" s="613"/>
      <c r="FKG652" s="613"/>
      <c r="FKH652" s="613"/>
      <c r="FKI652" s="613"/>
      <c r="FKJ652" s="613"/>
      <c r="FKK652" s="613"/>
      <c r="FKL652" s="613"/>
      <c r="FKM652" s="613"/>
      <c r="FKN652" s="613"/>
      <c r="FKO652" s="613"/>
      <c r="FKP652" s="613"/>
      <c r="FKQ652" s="613"/>
      <c r="FKR652" s="613"/>
      <c r="FKS652" s="613"/>
      <c r="FKT652" s="613"/>
      <c r="FKU652" s="613"/>
      <c r="FKV652" s="613"/>
      <c r="FKW652" s="613"/>
      <c r="FKX652" s="613"/>
      <c r="FKY652" s="613"/>
      <c r="FKZ652" s="613"/>
      <c r="FLA652" s="613"/>
      <c r="FLB652" s="613"/>
      <c r="FLC652" s="613"/>
      <c r="FLD652" s="613"/>
      <c r="FLE652" s="613"/>
      <c r="FLF652" s="613"/>
      <c r="FLG652" s="613"/>
      <c r="FLH652" s="613"/>
      <c r="FLI652" s="613"/>
      <c r="FLJ652" s="613"/>
      <c r="FLK652" s="613"/>
      <c r="FLL652" s="613"/>
      <c r="FLM652" s="613"/>
      <c r="FLN652" s="613"/>
      <c r="FLO652" s="613"/>
      <c r="FLP652" s="613"/>
      <c r="FLQ652" s="613"/>
      <c r="FLR652" s="613"/>
      <c r="FLS652" s="613"/>
      <c r="FLT652" s="613"/>
      <c r="FLU652" s="613"/>
      <c r="FLV652" s="613"/>
      <c r="FLW652" s="613"/>
      <c r="FLX652" s="613"/>
      <c r="FLY652" s="613"/>
      <c r="FLZ652" s="613"/>
      <c r="FMA652" s="613"/>
      <c r="FMB652" s="613"/>
      <c r="FMC652" s="613"/>
      <c r="FMD652" s="613"/>
      <c r="FME652" s="613"/>
      <c r="FMF652" s="613"/>
      <c r="FMG652" s="613"/>
      <c r="FMH652" s="613"/>
      <c r="FMI652" s="613"/>
      <c r="FMJ652" s="613"/>
      <c r="FMK652" s="613"/>
      <c r="FML652" s="613"/>
      <c r="FMM652" s="613"/>
      <c r="FMN652" s="613"/>
      <c r="FMO652" s="613"/>
      <c r="FMP652" s="613"/>
      <c r="FMQ652" s="613"/>
      <c r="FMR652" s="613"/>
      <c r="FMS652" s="613"/>
      <c r="FMT652" s="613"/>
      <c r="FMU652" s="613"/>
      <c r="FMV652" s="613"/>
      <c r="FMW652" s="613"/>
      <c r="FMX652" s="613"/>
      <c r="FMY652" s="613"/>
      <c r="FMZ652" s="613"/>
      <c r="FNA652" s="613"/>
      <c r="FNB652" s="613"/>
      <c r="FNC652" s="613"/>
      <c r="FND652" s="613"/>
      <c r="FNE652" s="613"/>
      <c r="FNF652" s="613"/>
      <c r="FNG652" s="613"/>
      <c r="FNH652" s="613"/>
      <c r="FNI652" s="613"/>
      <c r="FNJ652" s="613"/>
      <c r="FNK652" s="613"/>
      <c r="FNL652" s="613"/>
      <c r="FNM652" s="613"/>
      <c r="FNN652" s="613"/>
      <c r="FNO652" s="613"/>
      <c r="FNP652" s="613"/>
      <c r="FNQ652" s="613"/>
      <c r="FNR652" s="613"/>
      <c r="FNS652" s="613"/>
      <c r="FNT652" s="613"/>
      <c r="FNU652" s="613"/>
      <c r="FNV652" s="613"/>
      <c r="FNW652" s="613"/>
      <c r="FNX652" s="613"/>
      <c r="FNY652" s="613"/>
      <c r="FNZ652" s="613"/>
      <c r="FOA652" s="613"/>
      <c r="FOB652" s="613"/>
      <c r="FOC652" s="613"/>
      <c r="FOD652" s="613"/>
      <c r="FOE652" s="613"/>
      <c r="FOF652" s="613"/>
      <c r="FOG652" s="613"/>
      <c r="FOH652" s="613"/>
      <c r="FOI652" s="613"/>
      <c r="FOJ652" s="613"/>
      <c r="FOK652" s="613"/>
      <c r="FOL652" s="613"/>
      <c r="FOM652" s="613"/>
      <c r="FON652" s="613"/>
      <c r="FOO652" s="613"/>
      <c r="FOP652" s="613"/>
      <c r="FOQ652" s="613"/>
      <c r="FOR652" s="613"/>
      <c r="FOS652" s="613"/>
      <c r="FOT652" s="613"/>
      <c r="FOU652" s="613"/>
      <c r="FOV652" s="613"/>
      <c r="FOW652" s="613"/>
      <c r="FOX652" s="613"/>
      <c r="FOY652" s="613"/>
      <c r="FOZ652" s="613"/>
      <c r="FPA652" s="613"/>
      <c r="FPB652" s="613"/>
      <c r="FPC652" s="613"/>
      <c r="FPD652" s="613"/>
      <c r="FPE652" s="613"/>
      <c r="FPF652" s="613"/>
      <c r="FPG652" s="613"/>
      <c r="FPH652" s="613"/>
      <c r="FPI652" s="613"/>
      <c r="FPJ652" s="613"/>
      <c r="FPK652" s="613"/>
      <c r="FPL652" s="613"/>
      <c r="FPM652" s="613"/>
      <c r="FPN652" s="613"/>
      <c r="FPO652" s="613"/>
      <c r="FPP652" s="613"/>
      <c r="FPQ652" s="613"/>
      <c r="FPR652" s="613"/>
      <c r="FPS652" s="613"/>
      <c r="FPT652" s="613"/>
      <c r="FPU652" s="613"/>
      <c r="FPV652" s="613"/>
      <c r="FPW652" s="613"/>
      <c r="FPX652" s="613"/>
      <c r="FPY652" s="613"/>
      <c r="FPZ652" s="613"/>
      <c r="FQA652" s="613"/>
      <c r="FQB652" s="613"/>
      <c r="FQC652" s="613"/>
      <c r="FQD652" s="613"/>
      <c r="FQE652" s="613"/>
      <c r="FQF652" s="613"/>
      <c r="FQG652" s="613"/>
      <c r="FQH652" s="613"/>
      <c r="FQI652" s="613"/>
      <c r="FQJ652" s="613"/>
      <c r="FQK652" s="613"/>
      <c r="FQL652" s="613"/>
      <c r="FQM652" s="613"/>
      <c r="FQN652" s="613"/>
      <c r="FQO652" s="613"/>
      <c r="FQP652" s="613"/>
      <c r="FQQ652" s="613"/>
      <c r="FQR652" s="613"/>
      <c r="FQS652" s="613"/>
      <c r="FQT652" s="613"/>
      <c r="FQU652" s="613"/>
      <c r="FQV652" s="613"/>
      <c r="FQW652" s="613"/>
      <c r="FQX652" s="613"/>
      <c r="FQY652" s="613"/>
      <c r="FQZ652" s="613"/>
      <c r="FRA652" s="613"/>
      <c r="FRB652" s="613"/>
      <c r="FRC652" s="613"/>
      <c r="FRD652" s="613"/>
      <c r="FRE652" s="613"/>
      <c r="FRF652" s="613"/>
      <c r="FRG652" s="613"/>
      <c r="FRH652" s="613"/>
      <c r="FRI652" s="613"/>
      <c r="FRJ652" s="613"/>
      <c r="FRK652" s="613"/>
      <c r="FRL652" s="613"/>
      <c r="FRM652" s="613"/>
      <c r="FRN652" s="613"/>
      <c r="FRO652" s="613"/>
      <c r="FRP652" s="613"/>
      <c r="FRQ652" s="613"/>
      <c r="FRR652" s="613"/>
      <c r="FRS652" s="613"/>
      <c r="FRT652" s="613"/>
      <c r="FRU652" s="613"/>
      <c r="FRV652" s="613"/>
      <c r="FRW652" s="613"/>
      <c r="FRX652" s="613"/>
      <c r="FRY652" s="613"/>
      <c r="FRZ652" s="613"/>
      <c r="FSA652" s="613"/>
      <c r="FSB652" s="613"/>
      <c r="FSC652" s="613"/>
      <c r="FSD652" s="613"/>
      <c r="FSE652" s="613"/>
      <c r="FSF652" s="613"/>
      <c r="FSG652" s="613"/>
      <c r="FSH652" s="613"/>
      <c r="FSI652" s="613"/>
      <c r="FSJ652" s="613"/>
      <c r="FSK652" s="613"/>
      <c r="FSL652" s="613"/>
      <c r="FSM652" s="613"/>
      <c r="FSN652" s="613"/>
      <c r="FSO652" s="613"/>
      <c r="FSP652" s="613"/>
      <c r="FSQ652" s="613"/>
      <c r="FSR652" s="613"/>
      <c r="FSS652" s="613"/>
      <c r="FST652" s="613"/>
      <c r="FSU652" s="613"/>
      <c r="FSV652" s="613"/>
      <c r="FSW652" s="613"/>
      <c r="FSX652" s="613"/>
      <c r="FSY652" s="613"/>
      <c r="FSZ652" s="613"/>
      <c r="FTA652" s="613"/>
      <c r="FTB652" s="613"/>
      <c r="FTC652" s="613"/>
      <c r="FTD652" s="613"/>
      <c r="FTE652" s="613"/>
      <c r="FTF652" s="613"/>
      <c r="FTG652" s="613"/>
      <c r="FTH652" s="613"/>
      <c r="FTI652" s="613"/>
      <c r="FTJ652" s="613"/>
      <c r="FTK652" s="613"/>
      <c r="FTL652" s="613"/>
      <c r="FTM652" s="613"/>
      <c r="FTN652" s="613"/>
      <c r="FTO652" s="613"/>
      <c r="FTP652" s="613"/>
      <c r="FTQ652" s="613"/>
      <c r="FTR652" s="613"/>
      <c r="FTS652" s="613"/>
      <c r="FTT652" s="613"/>
      <c r="FTU652" s="613"/>
      <c r="FTV652" s="613"/>
      <c r="FTW652" s="613"/>
      <c r="FTX652" s="613"/>
      <c r="FTY652" s="613"/>
      <c r="FTZ652" s="613"/>
      <c r="FUA652" s="613"/>
      <c r="FUB652" s="613"/>
      <c r="FUC652" s="613"/>
      <c r="FUD652" s="613"/>
      <c r="FUE652" s="613"/>
      <c r="FUF652" s="613"/>
      <c r="FUG652" s="613"/>
      <c r="FUH652" s="613"/>
      <c r="FUI652" s="613"/>
      <c r="FUJ652" s="613"/>
      <c r="FUK652" s="613"/>
      <c r="FUL652" s="613"/>
      <c r="FUM652" s="613"/>
      <c r="FUN652" s="613"/>
      <c r="FUO652" s="613"/>
      <c r="FUP652" s="613"/>
      <c r="FUQ652" s="613"/>
      <c r="FUR652" s="613"/>
      <c r="FUS652" s="613"/>
      <c r="FUT652" s="613"/>
      <c r="FUU652" s="613"/>
      <c r="FUV652" s="613"/>
      <c r="FUW652" s="613"/>
      <c r="FUX652" s="613"/>
      <c r="FUY652" s="613"/>
      <c r="FUZ652" s="613"/>
      <c r="FVA652" s="613"/>
      <c r="FVB652" s="613"/>
      <c r="FVC652" s="613"/>
      <c r="FVD652" s="613"/>
      <c r="FVE652" s="613"/>
      <c r="FVF652" s="613"/>
      <c r="FVG652" s="613"/>
      <c r="FVH652" s="613"/>
      <c r="FVI652" s="613"/>
      <c r="FVJ652" s="613"/>
      <c r="FVK652" s="613"/>
      <c r="FVL652" s="613"/>
      <c r="FVM652" s="613"/>
      <c r="FVN652" s="613"/>
      <c r="FVO652" s="613"/>
      <c r="FVP652" s="613"/>
      <c r="FVQ652" s="613"/>
      <c r="FVR652" s="613"/>
      <c r="FVS652" s="613"/>
      <c r="FVT652" s="613"/>
      <c r="FVU652" s="613"/>
      <c r="FVV652" s="613"/>
      <c r="FVW652" s="613"/>
      <c r="FVX652" s="613"/>
      <c r="FVY652" s="613"/>
      <c r="FVZ652" s="613"/>
      <c r="FWA652" s="613"/>
      <c r="FWB652" s="613"/>
      <c r="FWC652" s="613"/>
      <c r="FWD652" s="613"/>
      <c r="FWE652" s="613"/>
      <c r="FWF652" s="613"/>
      <c r="FWG652" s="613"/>
      <c r="FWH652" s="613"/>
      <c r="FWI652" s="613"/>
      <c r="FWJ652" s="613"/>
      <c r="FWK652" s="613"/>
      <c r="FWL652" s="613"/>
      <c r="FWM652" s="613"/>
      <c r="FWN652" s="613"/>
      <c r="FWO652" s="613"/>
      <c r="FWP652" s="613"/>
      <c r="FWQ652" s="613"/>
      <c r="FWR652" s="613"/>
      <c r="FWS652" s="613"/>
      <c r="FWT652" s="613"/>
      <c r="FWU652" s="613"/>
      <c r="FWV652" s="613"/>
      <c r="FWW652" s="613"/>
      <c r="FWX652" s="613"/>
      <c r="FWY652" s="613"/>
      <c r="FWZ652" s="613"/>
      <c r="FXA652" s="613"/>
      <c r="FXB652" s="613"/>
      <c r="FXC652" s="613"/>
      <c r="FXD652" s="613"/>
      <c r="FXE652" s="613"/>
      <c r="FXF652" s="613"/>
      <c r="FXG652" s="613"/>
      <c r="FXH652" s="613"/>
      <c r="FXI652" s="613"/>
      <c r="FXJ652" s="613"/>
      <c r="FXK652" s="613"/>
      <c r="FXL652" s="613"/>
      <c r="FXM652" s="613"/>
      <c r="FXN652" s="613"/>
      <c r="FXO652" s="613"/>
      <c r="FXP652" s="613"/>
      <c r="FXQ652" s="613"/>
      <c r="FXR652" s="613"/>
      <c r="FXS652" s="613"/>
      <c r="FXT652" s="613"/>
      <c r="FXU652" s="613"/>
      <c r="FXV652" s="613"/>
      <c r="FXW652" s="613"/>
      <c r="FXX652" s="613"/>
      <c r="FXY652" s="613"/>
      <c r="FXZ652" s="613"/>
      <c r="FYA652" s="613"/>
      <c r="FYB652" s="613"/>
      <c r="FYC652" s="613"/>
      <c r="FYD652" s="613"/>
      <c r="FYE652" s="613"/>
      <c r="FYF652" s="613"/>
      <c r="FYG652" s="613"/>
      <c r="FYH652" s="613"/>
      <c r="FYI652" s="613"/>
      <c r="FYJ652" s="613"/>
      <c r="FYK652" s="613"/>
      <c r="FYL652" s="613"/>
      <c r="FYM652" s="613"/>
      <c r="FYN652" s="613"/>
      <c r="FYO652" s="613"/>
      <c r="FYP652" s="613"/>
      <c r="FYQ652" s="613"/>
      <c r="FYR652" s="613"/>
      <c r="FYS652" s="613"/>
      <c r="FYT652" s="613"/>
      <c r="FYU652" s="613"/>
      <c r="FYV652" s="613"/>
      <c r="FYW652" s="613"/>
      <c r="FYX652" s="613"/>
      <c r="FYY652" s="613"/>
      <c r="FYZ652" s="613"/>
      <c r="FZA652" s="613"/>
      <c r="FZB652" s="613"/>
      <c r="FZC652" s="613"/>
      <c r="FZD652" s="613"/>
      <c r="FZE652" s="613"/>
      <c r="FZF652" s="613"/>
      <c r="FZG652" s="613"/>
      <c r="FZH652" s="613"/>
      <c r="FZI652" s="613"/>
      <c r="FZJ652" s="613"/>
      <c r="FZK652" s="613"/>
      <c r="FZL652" s="613"/>
      <c r="FZM652" s="613"/>
      <c r="FZN652" s="613"/>
      <c r="FZO652" s="613"/>
      <c r="FZP652" s="613"/>
      <c r="FZQ652" s="613"/>
      <c r="FZR652" s="613"/>
      <c r="FZS652" s="613"/>
      <c r="FZT652" s="613"/>
      <c r="FZU652" s="613"/>
      <c r="FZV652" s="613"/>
      <c r="FZW652" s="613"/>
      <c r="FZX652" s="613"/>
      <c r="FZY652" s="613"/>
      <c r="FZZ652" s="613"/>
      <c r="GAA652" s="613"/>
      <c r="GAB652" s="613"/>
      <c r="GAC652" s="613"/>
      <c r="GAD652" s="613"/>
      <c r="GAE652" s="613"/>
      <c r="GAF652" s="613"/>
      <c r="GAG652" s="613"/>
      <c r="GAH652" s="613"/>
      <c r="GAI652" s="613"/>
      <c r="GAJ652" s="613"/>
      <c r="GAK652" s="613"/>
      <c r="GAL652" s="613"/>
      <c r="GAM652" s="613"/>
      <c r="GAN652" s="613"/>
      <c r="GAO652" s="613"/>
      <c r="GAP652" s="613"/>
      <c r="GAQ652" s="613"/>
      <c r="GAR652" s="613"/>
      <c r="GAS652" s="613"/>
      <c r="GAT652" s="613"/>
      <c r="GAU652" s="613"/>
      <c r="GAV652" s="613"/>
      <c r="GAW652" s="613"/>
      <c r="GAX652" s="613"/>
      <c r="GAY652" s="613"/>
      <c r="GAZ652" s="613"/>
      <c r="GBA652" s="613"/>
      <c r="GBB652" s="613"/>
      <c r="GBC652" s="613"/>
      <c r="GBD652" s="613"/>
      <c r="GBE652" s="613"/>
      <c r="GBF652" s="613"/>
      <c r="GBG652" s="613"/>
      <c r="GBH652" s="613"/>
      <c r="GBI652" s="613"/>
      <c r="GBJ652" s="613"/>
      <c r="GBK652" s="613"/>
      <c r="GBL652" s="613"/>
      <c r="GBM652" s="613"/>
      <c r="GBN652" s="613"/>
      <c r="GBO652" s="613"/>
      <c r="GBP652" s="613"/>
      <c r="GBQ652" s="613"/>
      <c r="GBR652" s="613"/>
      <c r="GBS652" s="613"/>
      <c r="GBT652" s="613"/>
      <c r="GBU652" s="613"/>
      <c r="GBV652" s="613"/>
      <c r="GBW652" s="613"/>
      <c r="GBX652" s="613"/>
      <c r="GBY652" s="613"/>
      <c r="GBZ652" s="613"/>
      <c r="GCA652" s="613"/>
      <c r="GCB652" s="613"/>
      <c r="GCC652" s="613"/>
      <c r="GCD652" s="613"/>
      <c r="GCE652" s="613"/>
      <c r="GCF652" s="613"/>
      <c r="GCG652" s="613"/>
      <c r="GCH652" s="613"/>
      <c r="GCI652" s="613"/>
      <c r="GCJ652" s="613"/>
      <c r="GCK652" s="613"/>
      <c r="GCL652" s="613"/>
      <c r="GCM652" s="613"/>
      <c r="GCN652" s="613"/>
      <c r="GCO652" s="613"/>
      <c r="GCP652" s="613"/>
      <c r="GCQ652" s="613"/>
      <c r="GCR652" s="613"/>
      <c r="GCS652" s="613"/>
      <c r="GCT652" s="613"/>
      <c r="GCU652" s="613"/>
      <c r="GCV652" s="613"/>
      <c r="GCW652" s="613"/>
      <c r="GCX652" s="613"/>
      <c r="GCY652" s="613"/>
      <c r="GCZ652" s="613"/>
      <c r="GDA652" s="613"/>
      <c r="GDB652" s="613"/>
      <c r="GDC652" s="613"/>
      <c r="GDD652" s="613"/>
      <c r="GDE652" s="613"/>
      <c r="GDF652" s="613"/>
      <c r="GDG652" s="613"/>
      <c r="GDH652" s="613"/>
      <c r="GDI652" s="613"/>
      <c r="GDJ652" s="613"/>
      <c r="GDK652" s="613"/>
      <c r="GDL652" s="613"/>
      <c r="GDM652" s="613"/>
      <c r="GDN652" s="613"/>
      <c r="GDO652" s="613"/>
      <c r="GDP652" s="613"/>
      <c r="GDQ652" s="613"/>
      <c r="GDR652" s="613"/>
      <c r="GDS652" s="613"/>
      <c r="GDT652" s="613"/>
      <c r="GDU652" s="613"/>
      <c r="GDV652" s="613"/>
      <c r="GDW652" s="613"/>
      <c r="GDX652" s="613"/>
      <c r="GDY652" s="613"/>
      <c r="GDZ652" s="613"/>
      <c r="GEA652" s="613"/>
      <c r="GEB652" s="613"/>
      <c r="GEC652" s="613"/>
      <c r="GED652" s="613"/>
      <c r="GEE652" s="613"/>
      <c r="GEF652" s="613"/>
      <c r="GEG652" s="613"/>
      <c r="GEH652" s="613"/>
      <c r="GEI652" s="613"/>
      <c r="GEJ652" s="613"/>
      <c r="GEK652" s="613"/>
      <c r="GEL652" s="613"/>
      <c r="GEM652" s="613"/>
      <c r="GEN652" s="613"/>
      <c r="GEO652" s="613"/>
      <c r="GEP652" s="613"/>
      <c r="GEQ652" s="613"/>
      <c r="GER652" s="613"/>
      <c r="GES652" s="613"/>
      <c r="GET652" s="613"/>
      <c r="GEU652" s="613"/>
      <c r="GEV652" s="613"/>
      <c r="GEW652" s="613"/>
      <c r="GEX652" s="613"/>
      <c r="GEY652" s="613"/>
      <c r="GEZ652" s="613"/>
      <c r="GFA652" s="613"/>
      <c r="GFB652" s="613"/>
      <c r="GFC652" s="613"/>
      <c r="GFD652" s="613"/>
      <c r="GFE652" s="613"/>
      <c r="GFF652" s="613"/>
      <c r="GFG652" s="613"/>
      <c r="GFH652" s="613"/>
      <c r="GFI652" s="613"/>
      <c r="GFJ652" s="613"/>
      <c r="GFK652" s="613"/>
      <c r="GFL652" s="613"/>
      <c r="GFM652" s="613"/>
      <c r="GFN652" s="613"/>
      <c r="GFO652" s="613"/>
      <c r="GFP652" s="613"/>
      <c r="GFQ652" s="613"/>
      <c r="GFR652" s="613"/>
      <c r="GFS652" s="613"/>
      <c r="GFT652" s="613"/>
      <c r="GFU652" s="613"/>
      <c r="GFV652" s="613"/>
      <c r="GFW652" s="613"/>
      <c r="GFX652" s="613"/>
      <c r="GFY652" s="613"/>
      <c r="GFZ652" s="613"/>
      <c r="GGA652" s="613"/>
      <c r="GGB652" s="613"/>
      <c r="GGC652" s="613"/>
      <c r="GGD652" s="613"/>
      <c r="GGE652" s="613"/>
      <c r="GGF652" s="613"/>
      <c r="GGG652" s="613"/>
      <c r="GGH652" s="613"/>
      <c r="GGI652" s="613"/>
      <c r="GGJ652" s="613"/>
      <c r="GGK652" s="613"/>
      <c r="GGL652" s="613"/>
      <c r="GGM652" s="613"/>
      <c r="GGN652" s="613"/>
      <c r="GGO652" s="613"/>
      <c r="GGP652" s="613"/>
      <c r="GGQ652" s="613"/>
      <c r="GGR652" s="613"/>
      <c r="GGS652" s="613"/>
      <c r="GGT652" s="613"/>
      <c r="GGU652" s="613"/>
      <c r="GGV652" s="613"/>
      <c r="GGW652" s="613"/>
      <c r="GGX652" s="613"/>
      <c r="GGY652" s="613"/>
      <c r="GGZ652" s="613"/>
      <c r="GHA652" s="613"/>
      <c r="GHB652" s="613"/>
      <c r="GHC652" s="613"/>
      <c r="GHD652" s="613"/>
      <c r="GHE652" s="613"/>
      <c r="GHF652" s="613"/>
      <c r="GHG652" s="613"/>
      <c r="GHH652" s="613"/>
      <c r="GHI652" s="613"/>
      <c r="GHJ652" s="613"/>
      <c r="GHK652" s="613"/>
      <c r="GHL652" s="613"/>
      <c r="GHM652" s="613"/>
      <c r="GHN652" s="613"/>
      <c r="GHO652" s="613"/>
      <c r="GHP652" s="613"/>
      <c r="GHQ652" s="613"/>
      <c r="GHR652" s="613"/>
      <c r="GHS652" s="613"/>
      <c r="GHT652" s="613"/>
      <c r="GHU652" s="613"/>
      <c r="GHV652" s="613"/>
      <c r="GHW652" s="613"/>
      <c r="GHX652" s="613"/>
      <c r="GHY652" s="613"/>
      <c r="GHZ652" s="613"/>
      <c r="GIA652" s="613"/>
      <c r="GIB652" s="613"/>
      <c r="GIC652" s="613"/>
      <c r="GID652" s="613"/>
      <c r="GIE652" s="613"/>
      <c r="GIF652" s="613"/>
      <c r="GIG652" s="613"/>
      <c r="GIH652" s="613"/>
      <c r="GII652" s="613"/>
      <c r="GIJ652" s="613"/>
      <c r="GIK652" s="613"/>
      <c r="GIL652" s="613"/>
      <c r="GIM652" s="613"/>
      <c r="GIN652" s="613"/>
      <c r="GIO652" s="613"/>
      <c r="GIP652" s="613"/>
      <c r="GIQ652" s="613"/>
      <c r="GIR652" s="613"/>
      <c r="GIS652" s="613"/>
      <c r="GIT652" s="613"/>
      <c r="GIU652" s="613"/>
      <c r="GIV652" s="613"/>
      <c r="GIW652" s="613"/>
      <c r="GIX652" s="613"/>
      <c r="GIY652" s="613"/>
      <c r="GIZ652" s="613"/>
      <c r="GJA652" s="613"/>
      <c r="GJB652" s="613"/>
      <c r="GJC652" s="613"/>
      <c r="GJD652" s="613"/>
      <c r="GJE652" s="613"/>
      <c r="GJF652" s="613"/>
      <c r="GJG652" s="613"/>
      <c r="GJH652" s="613"/>
      <c r="GJI652" s="613"/>
      <c r="GJJ652" s="613"/>
      <c r="GJK652" s="613"/>
      <c r="GJL652" s="613"/>
      <c r="GJM652" s="613"/>
      <c r="GJN652" s="613"/>
      <c r="GJO652" s="613"/>
      <c r="GJP652" s="613"/>
      <c r="GJQ652" s="613"/>
      <c r="GJR652" s="613"/>
      <c r="GJS652" s="613"/>
      <c r="GJT652" s="613"/>
      <c r="GJU652" s="613"/>
      <c r="GJV652" s="613"/>
      <c r="GJW652" s="613"/>
      <c r="GJX652" s="613"/>
      <c r="GJY652" s="613"/>
      <c r="GJZ652" s="613"/>
      <c r="GKA652" s="613"/>
      <c r="GKB652" s="613"/>
      <c r="GKC652" s="613"/>
      <c r="GKD652" s="613"/>
      <c r="GKE652" s="613"/>
      <c r="GKF652" s="613"/>
      <c r="GKG652" s="613"/>
      <c r="GKH652" s="613"/>
      <c r="GKI652" s="613"/>
      <c r="GKJ652" s="613"/>
      <c r="GKK652" s="613"/>
      <c r="GKL652" s="613"/>
      <c r="GKM652" s="613"/>
      <c r="GKN652" s="613"/>
      <c r="GKO652" s="613"/>
      <c r="GKP652" s="613"/>
      <c r="GKQ652" s="613"/>
      <c r="GKR652" s="613"/>
      <c r="GKS652" s="613"/>
      <c r="GKT652" s="613"/>
      <c r="GKU652" s="613"/>
      <c r="GKV652" s="613"/>
      <c r="GKW652" s="613"/>
      <c r="GKX652" s="613"/>
      <c r="GKY652" s="613"/>
      <c r="GKZ652" s="613"/>
      <c r="GLA652" s="613"/>
      <c r="GLB652" s="613"/>
      <c r="GLC652" s="613"/>
      <c r="GLD652" s="613"/>
      <c r="GLE652" s="613"/>
      <c r="GLF652" s="613"/>
      <c r="GLG652" s="613"/>
      <c r="GLH652" s="613"/>
      <c r="GLI652" s="613"/>
      <c r="GLJ652" s="613"/>
      <c r="GLK652" s="613"/>
      <c r="GLL652" s="613"/>
      <c r="GLM652" s="613"/>
      <c r="GLN652" s="613"/>
      <c r="GLO652" s="613"/>
      <c r="GLP652" s="613"/>
      <c r="GLQ652" s="613"/>
      <c r="GLR652" s="613"/>
      <c r="GLS652" s="613"/>
      <c r="GLT652" s="613"/>
      <c r="GLU652" s="613"/>
      <c r="GLV652" s="613"/>
      <c r="GLW652" s="613"/>
      <c r="GLX652" s="613"/>
      <c r="GLY652" s="613"/>
      <c r="GLZ652" s="613"/>
      <c r="GMA652" s="613"/>
      <c r="GMB652" s="613"/>
      <c r="GMC652" s="613"/>
      <c r="GMD652" s="613"/>
      <c r="GME652" s="613"/>
      <c r="GMF652" s="613"/>
      <c r="GMG652" s="613"/>
      <c r="GMH652" s="613"/>
      <c r="GMI652" s="613"/>
      <c r="GMJ652" s="613"/>
      <c r="GMK652" s="613"/>
      <c r="GML652" s="613"/>
      <c r="GMM652" s="613"/>
      <c r="GMN652" s="613"/>
      <c r="GMO652" s="613"/>
      <c r="GMP652" s="613"/>
      <c r="GMQ652" s="613"/>
      <c r="GMR652" s="613"/>
      <c r="GMS652" s="613"/>
      <c r="GMT652" s="613"/>
      <c r="GMU652" s="613"/>
      <c r="GMV652" s="613"/>
      <c r="GMW652" s="613"/>
      <c r="GMX652" s="613"/>
      <c r="GMY652" s="613"/>
      <c r="GMZ652" s="613"/>
      <c r="GNA652" s="613"/>
      <c r="GNB652" s="613"/>
      <c r="GNC652" s="613"/>
      <c r="GND652" s="613"/>
      <c r="GNE652" s="613"/>
      <c r="GNF652" s="613"/>
      <c r="GNG652" s="613"/>
      <c r="GNH652" s="613"/>
      <c r="GNI652" s="613"/>
      <c r="GNJ652" s="613"/>
      <c r="GNK652" s="613"/>
      <c r="GNL652" s="613"/>
      <c r="GNM652" s="613"/>
      <c r="GNN652" s="613"/>
      <c r="GNO652" s="613"/>
      <c r="GNP652" s="613"/>
      <c r="GNQ652" s="613"/>
      <c r="GNR652" s="613"/>
      <c r="GNS652" s="613"/>
      <c r="GNT652" s="613"/>
      <c r="GNU652" s="613"/>
      <c r="GNV652" s="613"/>
      <c r="GNW652" s="613"/>
      <c r="GNX652" s="613"/>
      <c r="GNY652" s="613"/>
      <c r="GNZ652" s="613"/>
      <c r="GOA652" s="613"/>
      <c r="GOB652" s="613"/>
      <c r="GOC652" s="613"/>
      <c r="GOD652" s="613"/>
      <c r="GOE652" s="613"/>
      <c r="GOF652" s="613"/>
      <c r="GOG652" s="613"/>
      <c r="GOH652" s="613"/>
      <c r="GOI652" s="613"/>
      <c r="GOJ652" s="613"/>
      <c r="GOK652" s="613"/>
      <c r="GOL652" s="613"/>
      <c r="GOM652" s="613"/>
      <c r="GON652" s="613"/>
      <c r="GOO652" s="613"/>
      <c r="GOP652" s="613"/>
      <c r="GOQ652" s="613"/>
      <c r="GOR652" s="613"/>
      <c r="GOS652" s="613"/>
      <c r="GOT652" s="613"/>
      <c r="GOU652" s="613"/>
      <c r="GOV652" s="613"/>
      <c r="GOW652" s="613"/>
      <c r="GOX652" s="613"/>
      <c r="GOY652" s="613"/>
      <c r="GOZ652" s="613"/>
      <c r="GPA652" s="613"/>
      <c r="GPB652" s="613"/>
      <c r="GPC652" s="613"/>
      <c r="GPD652" s="613"/>
      <c r="GPE652" s="613"/>
      <c r="GPF652" s="613"/>
      <c r="GPG652" s="613"/>
      <c r="GPH652" s="613"/>
      <c r="GPI652" s="613"/>
      <c r="GPJ652" s="613"/>
      <c r="GPK652" s="613"/>
      <c r="GPL652" s="613"/>
      <c r="GPM652" s="613"/>
      <c r="GPN652" s="613"/>
      <c r="GPO652" s="613"/>
      <c r="GPP652" s="613"/>
      <c r="GPQ652" s="613"/>
      <c r="GPR652" s="613"/>
      <c r="GPS652" s="613"/>
      <c r="GPT652" s="613"/>
      <c r="GPU652" s="613"/>
      <c r="GPV652" s="613"/>
      <c r="GPW652" s="613"/>
      <c r="GPX652" s="613"/>
      <c r="GPY652" s="613"/>
      <c r="GPZ652" s="613"/>
      <c r="GQA652" s="613"/>
      <c r="GQB652" s="613"/>
      <c r="GQC652" s="613"/>
      <c r="GQD652" s="613"/>
      <c r="GQE652" s="613"/>
      <c r="GQF652" s="613"/>
      <c r="GQG652" s="613"/>
      <c r="GQH652" s="613"/>
      <c r="GQI652" s="613"/>
      <c r="GQJ652" s="613"/>
      <c r="GQK652" s="613"/>
      <c r="GQL652" s="613"/>
      <c r="GQM652" s="613"/>
      <c r="GQN652" s="613"/>
      <c r="GQO652" s="613"/>
      <c r="GQP652" s="613"/>
      <c r="GQQ652" s="613"/>
      <c r="GQR652" s="613"/>
      <c r="GQS652" s="613"/>
      <c r="GQT652" s="613"/>
      <c r="GQU652" s="613"/>
      <c r="GQV652" s="613"/>
      <c r="GQW652" s="613"/>
      <c r="GQX652" s="613"/>
      <c r="GQY652" s="613"/>
      <c r="GQZ652" s="613"/>
      <c r="GRA652" s="613"/>
      <c r="GRB652" s="613"/>
      <c r="GRC652" s="613"/>
      <c r="GRD652" s="613"/>
      <c r="GRE652" s="613"/>
      <c r="GRF652" s="613"/>
      <c r="GRG652" s="613"/>
      <c r="GRH652" s="613"/>
      <c r="GRI652" s="613"/>
      <c r="GRJ652" s="613"/>
      <c r="GRK652" s="613"/>
      <c r="GRL652" s="613"/>
      <c r="GRM652" s="613"/>
      <c r="GRN652" s="613"/>
      <c r="GRO652" s="613"/>
      <c r="GRP652" s="613"/>
      <c r="GRQ652" s="613"/>
      <c r="GRR652" s="613"/>
      <c r="GRS652" s="613"/>
      <c r="GRT652" s="613"/>
      <c r="GRU652" s="613"/>
      <c r="GRV652" s="613"/>
      <c r="GRW652" s="613"/>
      <c r="GRX652" s="613"/>
      <c r="GRY652" s="613"/>
      <c r="GRZ652" s="613"/>
      <c r="GSA652" s="613"/>
      <c r="GSB652" s="613"/>
      <c r="GSC652" s="613"/>
      <c r="GSD652" s="613"/>
      <c r="GSE652" s="613"/>
      <c r="GSF652" s="613"/>
      <c r="GSG652" s="613"/>
      <c r="GSH652" s="613"/>
      <c r="GSI652" s="613"/>
      <c r="GSJ652" s="613"/>
      <c r="GSK652" s="613"/>
      <c r="GSL652" s="613"/>
      <c r="GSM652" s="613"/>
      <c r="GSN652" s="613"/>
      <c r="GSO652" s="613"/>
      <c r="GSP652" s="613"/>
      <c r="GSQ652" s="613"/>
      <c r="GSR652" s="613"/>
      <c r="GSS652" s="613"/>
      <c r="GST652" s="613"/>
      <c r="GSU652" s="613"/>
      <c r="GSV652" s="613"/>
      <c r="GSW652" s="613"/>
      <c r="GSX652" s="613"/>
      <c r="GSY652" s="613"/>
      <c r="GSZ652" s="613"/>
      <c r="GTA652" s="613"/>
      <c r="GTB652" s="613"/>
      <c r="GTC652" s="613"/>
      <c r="GTD652" s="613"/>
      <c r="GTE652" s="613"/>
      <c r="GTF652" s="613"/>
      <c r="GTG652" s="613"/>
      <c r="GTH652" s="613"/>
      <c r="GTI652" s="613"/>
      <c r="GTJ652" s="613"/>
      <c r="GTK652" s="613"/>
      <c r="GTL652" s="613"/>
      <c r="GTM652" s="613"/>
      <c r="GTN652" s="613"/>
      <c r="GTO652" s="613"/>
      <c r="GTP652" s="613"/>
      <c r="GTQ652" s="613"/>
      <c r="GTR652" s="613"/>
      <c r="GTS652" s="613"/>
      <c r="GTT652" s="613"/>
      <c r="GTU652" s="613"/>
      <c r="GTV652" s="613"/>
      <c r="GTW652" s="613"/>
      <c r="GTX652" s="613"/>
      <c r="GTY652" s="613"/>
      <c r="GTZ652" s="613"/>
      <c r="GUA652" s="613"/>
      <c r="GUB652" s="613"/>
      <c r="GUC652" s="613"/>
      <c r="GUD652" s="613"/>
      <c r="GUE652" s="613"/>
      <c r="GUF652" s="613"/>
      <c r="GUG652" s="613"/>
      <c r="GUH652" s="613"/>
      <c r="GUI652" s="613"/>
      <c r="GUJ652" s="613"/>
      <c r="GUK652" s="613"/>
      <c r="GUL652" s="613"/>
      <c r="GUM652" s="613"/>
      <c r="GUN652" s="613"/>
      <c r="GUO652" s="613"/>
      <c r="GUP652" s="613"/>
      <c r="GUQ652" s="613"/>
      <c r="GUR652" s="613"/>
      <c r="GUS652" s="613"/>
      <c r="GUT652" s="613"/>
      <c r="GUU652" s="613"/>
      <c r="GUV652" s="613"/>
      <c r="GUW652" s="613"/>
      <c r="GUX652" s="613"/>
      <c r="GUY652" s="613"/>
      <c r="GUZ652" s="613"/>
      <c r="GVA652" s="613"/>
      <c r="GVB652" s="613"/>
      <c r="GVC652" s="613"/>
      <c r="GVD652" s="613"/>
      <c r="GVE652" s="613"/>
      <c r="GVF652" s="613"/>
      <c r="GVG652" s="613"/>
      <c r="GVH652" s="613"/>
      <c r="GVI652" s="613"/>
      <c r="GVJ652" s="613"/>
      <c r="GVK652" s="613"/>
      <c r="GVL652" s="613"/>
      <c r="GVM652" s="613"/>
      <c r="GVN652" s="613"/>
      <c r="GVO652" s="613"/>
      <c r="GVP652" s="613"/>
      <c r="GVQ652" s="613"/>
      <c r="GVR652" s="613"/>
      <c r="GVS652" s="613"/>
      <c r="GVT652" s="613"/>
      <c r="GVU652" s="613"/>
      <c r="GVV652" s="613"/>
      <c r="GVW652" s="613"/>
      <c r="GVX652" s="613"/>
      <c r="GVY652" s="613"/>
      <c r="GVZ652" s="613"/>
      <c r="GWA652" s="613"/>
      <c r="GWB652" s="613"/>
      <c r="GWC652" s="613"/>
      <c r="GWD652" s="613"/>
      <c r="GWE652" s="613"/>
      <c r="GWF652" s="613"/>
      <c r="GWG652" s="613"/>
      <c r="GWH652" s="613"/>
      <c r="GWI652" s="613"/>
      <c r="GWJ652" s="613"/>
      <c r="GWK652" s="613"/>
      <c r="GWL652" s="613"/>
      <c r="GWM652" s="613"/>
      <c r="GWN652" s="613"/>
      <c r="GWO652" s="613"/>
      <c r="GWP652" s="613"/>
      <c r="GWQ652" s="613"/>
      <c r="GWR652" s="613"/>
      <c r="GWS652" s="613"/>
      <c r="GWT652" s="613"/>
      <c r="GWU652" s="613"/>
      <c r="GWV652" s="613"/>
      <c r="GWW652" s="613"/>
      <c r="GWX652" s="613"/>
      <c r="GWY652" s="613"/>
      <c r="GWZ652" s="613"/>
      <c r="GXA652" s="613"/>
      <c r="GXB652" s="613"/>
      <c r="GXC652" s="613"/>
      <c r="GXD652" s="613"/>
      <c r="GXE652" s="613"/>
      <c r="GXF652" s="613"/>
      <c r="GXG652" s="613"/>
      <c r="GXH652" s="613"/>
      <c r="GXI652" s="613"/>
      <c r="GXJ652" s="613"/>
      <c r="GXK652" s="613"/>
      <c r="GXL652" s="613"/>
      <c r="GXM652" s="613"/>
      <c r="GXN652" s="613"/>
      <c r="GXO652" s="613"/>
      <c r="GXP652" s="613"/>
      <c r="GXQ652" s="613"/>
      <c r="GXR652" s="613"/>
      <c r="GXS652" s="613"/>
      <c r="GXT652" s="613"/>
      <c r="GXU652" s="613"/>
      <c r="GXV652" s="613"/>
      <c r="GXW652" s="613"/>
      <c r="GXX652" s="613"/>
      <c r="GXY652" s="613"/>
      <c r="GXZ652" s="613"/>
      <c r="GYA652" s="613"/>
      <c r="GYB652" s="613"/>
      <c r="GYC652" s="613"/>
      <c r="GYD652" s="613"/>
      <c r="GYE652" s="613"/>
      <c r="GYF652" s="613"/>
      <c r="GYG652" s="613"/>
      <c r="GYH652" s="613"/>
      <c r="GYI652" s="613"/>
      <c r="GYJ652" s="613"/>
      <c r="GYK652" s="613"/>
      <c r="GYL652" s="613"/>
      <c r="GYM652" s="613"/>
      <c r="GYN652" s="613"/>
      <c r="GYO652" s="613"/>
      <c r="GYP652" s="613"/>
      <c r="GYQ652" s="613"/>
      <c r="GYR652" s="613"/>
      <c r="GYS652" s="613"/>
      <c r="GYT652" s="613"/>
      <c r="GYU652" s="613"/>
      <c r="GYV652" s="613"/>
      <c r="GYW652" s="613"/>
      <c r="GYX652" s="613"/>
      <c r="GYY652" s="613"/>
      <c r="GYZ652" s="613"/>
      <c r="GZA652" s="613"/>
      <c r="GZB652" s="613"/>
      <c r="GZC652" s="613"/>
      <c r="GZD652" s="613"/>
      <c r="GZE652" s="613"/>
      <c r="GZF652" s="613"/>
      <c r="GZG652" s="613"/>
      <c r="GZH652" s="613"/>
      <c r="GZI652" s="613"/>
      <c r="GZJ652" s="613"/>
      <c r="GZK652" s="613"/>
      <c r="GZL652" s="613"/>
      <c r="GZM652" s="613"/>
      <c r="GZN652" s="613"/>
      <c r="GZO652" s="613"/>
      <c r="GZP652" s="613"/>
      <c r="GZQ652" s="613"/>
      <c r="GZR652" s="613"/>
      <c r="GZS652" s="613"/>
      <c r="GZT652" s="613"/>
      <c r="GZU652" s="613"/>
      <c r="GZV652" s="613"/>
      <c r="GZW652" s="613"/>
      <c r="GZX652" s="613"/>
      <c r="GZY652" s="613"/>
      <c r="GZZ652" s="613"/>
      <c r="HAA652" s="613"/>
      <c r="HAB652" s="613"/>
      <c r="HAC652" s="613"/>
      <c r="HAD652" s="613"/>
      <c r="HAE652" s="613"/>
      <c r="HAF652" s="613"/>
      <c r="HAG652" s="613"/>
      <c r="HAH652" s="613"/>
      <c r="HAI652" s="613"/>
      <c r="HAJ652" s="613"/>
      <c r="HAK652" s="613"/>
      <c r="HAL652" s="613"/>
      <c r="HAM652" s="613"/>
      <c r="HAN652" s="613"/>
      <c r="HAO652" s="613"/>
      <c r="HAP652" s="613"/>
      <c r="HAQ652" s="613"/>
      <c r="HAR652" s="613"/>
      <c r="HAS652" s="613"/>
      <c r="HAT652" s="613"/>
      <c r="HAU652" s="613"/>
      <c r="HAV652" s="613"/>
      <c r="HAW652" s="613"/>
      <c r="HAX652" s="613"/>
      <c r="HAY652" s="613"/>
      <c r="HAZ652" s="613"/>
      <c r="HBA652" s="613"/>
      <c r="HBB652" s="613"/>
      <c r="HBC652" s="613"/>
      <c r="HBD652" s="613"/>
      <c r="HBE652" s="613"/>
      <c r="HBF652" s="613"/>
      <c r="HBG652" s="613"/>
      <c r="HBH652" s="613"/>
      <c r="HBI652" s="613"/>
      <c r="HBJ652" s="613"/>
      <c r="HBK652" s="613"/>
      <c r="HBL652" s="613"/>
      <c r="HBM652" s="613"/>
      <c r="HBN652" s="613"/>
      <c r="HBO652" s="613"/>
      <c r="HBP652" s="613"/>
      <c r="HBQ652" s="613"/>
      <c r="HBR652" s="613"/>
      <c r="HBS652" s="613"/>
      <c r="HBT652" s="613"/>
      <c r="HBU652" s="613"/>
      <c r="HBV652" s="613"/>
      <c r="HBW652" s="613"/>
      <c r="HBX652" s="613"/>
      <c r="HBY652" s="613"/>
      <c r="HBZ652" s="613"/>
      <c r="HCA652" s="613"/>
      <c r="HCB652" s="613"/>
      <c r="HCC652" s="613"/>
      <c r="HCD652" s="613"/>
      <c r="HCE652" s="613"/>
      <c r="HCF652" s="613"/>
      <c r="HCG652" s="613"/>
      <c r="HCH652" s="613"/>
      <c r="HCI652" s="613"/>
      <c r="HCJ652" s="613"/>
      <c r="HCK652" s="613"/>
      <c r="HCL652" s="613"/>
      <c r="HCM652" s="613"/>
      <c r="HCN652" s="613"/>
      <c r="HCO652" s="613"/>
      <c r="HCP652" s="613"/>
      <c r="HCQ652" s="613"/>
      <c r="HCR652" s="613"/>
      <c r="HCS652" s="613"/>
      <c r="HCT652" s="613"/>
      <c r="HCU652" s="613"/>
      <c r="HCV652" s="613"/>
      <c r="HCW652" s="613"/>
      <c r="HCX652" s="613"/>
      <c r="HCY652" s="613"/>
      <c r="HCZ652" s="613"/>
      <c r="HDA652" s="613"/>
      <c r="HDB652" s="613"/>
      <c r="HDC652" s="613"/>
      <c r="HDD652" s="613"/>
      <c r="HDE652" s="613"/>
      <c r="HDF652" s="613"/>
      <c r="HDG652" s="613"/>
      <c r="HDH652" s="613"/>
      <c r="HDI652" s="613"/>
      <c r="HDJ652" s="613"/>
      <c r="HDK652" s="613"/>
      <c r="HDL652" s="613"/>
      <c r="HDM652" s="613"/>
      <c r="HDN652" s="613"/>
      <c r="HDO652" s="613"/>
      <c r="HDP652" s="613"/>
      <c r="HDQ652" s="613"/>
      <c r="HDR652" s="613"/>
      <c r="HDS652" s="613"/>
      <c r="HDT652" s="613"/>
      <c r="HDU652" s="613"/>
      <c r="HDV652" s="613"/>
      <c r="HDW652" s="613"/>
      <c r="HDX652" s="613"/>
      <c r="HDY652" s="613"/>
      <c r="HDZ652" s="613"/>
      <c r="HEA652" s="613"/>
      <c r="HEB652" s="613"/>
      <c r="HEC652" s="613"/>
      <c r="HED652" s="613"/>
      <c r="HEE652" s="613"/>
      <c r="HEF652" s="613"/>
      <c r="HEG652" s="613"/>
      <c r="HEH652" s="613"/>
      <c r="HEI652" s="613"/>
      <c r="HEJ652" s="613"/>
      <c r="HEK652" s="613"/>
      <c r="HEL652" s="613"/>
      <c r="HEM652" s="613"/>
      <c r="HEN652" s="613"/>
      <c r="HEO652" s="613"/>
      <c r="HEP652" s="613"/>
      <c r="HEQ652" s="613"/>
      <c r="HER652" s="613"/>
      <c r="HES652" s="613"/>
      <c r="HET652" s="613"/>
      <c r="HEU652" s="613"/>
      <c r="HEV652" s="613"/>
      <c r="HEW652" s="613"/>
      <c r="HEX652" s="613"/>
      <c r="HEY652" s="613"/>
      <c r="HEZ652" s="613"/>
      <c r="HFA652" s="613"/>
      <c r="HFB652" s="613"/>
      <c r="HFC652" s="613"/>
      <c r="HFD652" s="613"/>
      <c r="HFE652" s="613"/>
      <c r="HFF652" s="613"/>
      <c r="HFG652" s="613"/>
      <c r="HFH652" s="613"/>
      <c r="HFI652" s="613"/>
      <c r="HFJ652" s="613"/>
      <c r="HFK652" s="613"/>
      <c r="HFL652" s="613"/>
      <c r="HFM652" s="613"/>
      <c r="HFN652" s="613"/>
      <c r="HFO652" s="613"/>
      <c r="HFP652" s="613"/>
      <c r="HFQ652" s="613"/>
      <c r="HFR652" s="613"/>
      <c r="HFS652" s="613"/>
      <c r="HFT652" s="613"/>
      <c r="HFU652" s="613"/>
      <c r="HFV652" s="613"/>
      <c r="HFW652" s="613"/>
      <c r="HFX652" s="613"/>
      <c r="HFY652" s="613"/>
      <c r="HFZ652" s="613"/>
      <c r="HGA652" s="613"/>
      <c r="HGB652" s="613"/>
      <c r="HGC652" s="613"/>
      <c r="HGD652" s="613"/>
      <c r="HGE652" s="613"/>
      <c r="HGF652" s="613"/>
      <c r="HGG652" s="613"/>
      <c r="HGH652" s="613"/>
      <c r="HGI652" s="613"/>
      <c r="HGJ652" s="613"/>
      <c r="HGK652" s="613"/>
      <c r="HGL652" s="613"/>
      <c r="HGM652" s="613"/>
      <c r="HGN652" s="613"/>
      <c r="HGO652" s="613"/>
      <c r="HGP652" s="613"/>
      <c r="HGQ652" s="613"/>
      <c r="HGR652" s="613"/>
      <c r="HGS652" s="613"/>
      <c r="HGT652" s="613"/>
      <c r="HGU652" s="613"/>
      <c r="HGV652" s="613"/>
      <c r="HGW652" s="613"/>
      <c r="HGX652" s="613"/>
      <c r="HGY652" s="613"/>
      <c r="HGZ652" s="613"/>
      <c r="HHA652" s="613"/>
      <c r="HHB652" s="613"/>
      <c r="HHC652" s="613"/>
      <c r="HHD652" s="613"/>
      <c r="HHE652" s="613"/>
      <c r="HHF652" s="613"/>
      <c r="HHG652" s="613"/>
      <c r="HHH652" s="613"/>
      <c r="HHI652" s="613"/>
      <c r="HHJ652" s="613"/>
      <c r="HHK652" s="613"/>
      <c r="HHL652" s="613"/>
      <c r="HHM652" s="613"/>
      <c r="HHN652" s="613"/>
      <c r="HHO652" s="613"/>
      <c r="HHP652" s="613"/>
      <c r="HHQ652" s="613"/>
      <c r="HHR652" s="613"/>
      <c r="HHS652" s="613"/>
      <c r="HHT652" s="613"/>
      <c r="HHU652" s="613"/>
      <c r="HHV652" s="613"/>
      <c r="HHW652" s="613"/>
      <c r="HHX652" s="613"/>
      <c r="HHY652" s="613"/>
      <c r="HHZ652" s="613"/>
      <c r="HIA652" s="613"/>
      <c r="HIB652" s="613"/>
      <c r="HIC652" s="613"/>
      <c r="HID652" s="613"/>
      <c r="HIE652" s="613"/>
      <c r="HIF652" s="613"/>
      <c r="HIG652" s="613"/>
      <c r="HIH652" s="613"/>
      <c r="HII652" s="613"/>
      <c r="HIJ652" s="613"/>
      <c r="HIK652" s="613"/>
      <c r="HIL652" s="613"/>
      <c r="HIM652" s="613"/>
      <c r="HIN652" s="613"/>
      <c r="HIO652" s="613"/>
      <c r="HIP652" s="613"/>
      <c r="HIQ652" s="613"/>
      <c r="HIR652" s="613"/>
      <c r="HIS652" s="613"/>
      <c r="HIT652" s="613"/>
      <c r="HIU652" s="613"/>
      <c r="HIV652" s="613"/>
      <c r="HIW652" s="613"/>
      <c r="HIX652" s="613"/>
      <c r="HIY652" s="613"/>
      <c r="HIZ652" s="613"/>
      <c r="HJA652" s="613"/>
      <c r="HJB652" s="613"/>
      <c r="HJC652" s="613"/>
      <c r="HJD652" s="613"/>
      <c r="HJE652" s="613"/>
      <c r="HJF652" s="613"/>
      <c r="HJG652" s="613"/>
      <c r="HJH652" s="613"/>
      <c r="HJI652" s="613"/>
      <c r="HJJ652" s="613"/>
      <c r="HJK652" s="613"/>
      <c r="HJL652" s="613"/>
      <c r="HJM652" s="613"/>
      <c r="HJN652" s="613"/>
      <c r="HJO652" s="613"/>
      <c r="HJP652" s="613"/>
      <c r="HJQ652" s="613"/>
      <c r="HJR652" s="613"/>
      <c r="HJS652" s="613"/>
      <c r="HJT652" s="613"/>
      <c r="HJU652" s="613"/>
      <c r="HJV652" s="613"/>
      <c r="HJW652" s="613"/>
      <c r="HJX652" s="613"/>
      <c r="HJY652" s="613"/>
      <c r="HJZ652" s="613"/>
      <c r="HKA652" s="613"/>
      <c r="HKB652" s="613"/>
      <c r="HKC652" s="613"/>
      <c r="HKD652" s="613"/>
      <c r="HKE652" s="613"/>
      <c r="HKF652" s="613"/>
      <c r="HKG652" s="613"/>
      <c r="HKH652" s="613"/>
      <c r="HKI652" s="613"/>
      <c r="HKJ652" s="613"/>
      <c r="HKK652" s="613"/>
      <c r="HKL652" s="613"/>
      <c r="HKM652" s="613"/>
      <c r="HKN652" s="613"/>
      <c r="HKO652" s="613"/>
      <c r="HKP652" s="613"/>
      <c r="HKQ652" s="613"/>
      <c r="HKR652" s="613"/>
      <c r="HKS652" s="613"/>
      <c r="HKT652" s="613"/>
      <c r="HKU652" s="613"/>
      <c r="HKV652" s="613"/>
      <c r="HKW652" s="613"/>
      <c r="HKX652" s="613"/>
      <c r="HKY652" s="613"/>
      <c r="HKZ652" s="613"/>
      <c r="HLA652" s="613"/>
      <c r="HLB652" s="613"/>
      <c r="HLC652" s="613"/>
      <c r="HLD652" s="613"/>
      <c r="HLE652" s="613"/>
      <c r="HLF652" s="613"/>
      <c r="HLG652" s="613"/>
      <c r="HLH652" s="613"/>
      <c r="HLI652" s="613"/>
      <c r="HLJ652" s="613"/>
      <c r="HLK652" s="613"/>
      <c r="HLL652" s="613"/>
      <c r="HLM652" s="613"/>
      <c r="HLN652" s="613"/>
      <c r="HLO652" s="613"/>
      <c r="HLP652" s="613"/>
      <c r="HLQ652" s="613"/>
      <c r="HLR652" s="613"/>
      <c r="HLS652" s="613"/>
      <c r="HLT652" s="613"/>
      <c r="HLU652" s="613"/>
      <c r="HLV652" s="613"/>
      <c r="HLW652" s="613"/>
      <c r="HLX652" s="613"/>
      <c r="HLY652" s="613"/>
      <c r="HLZ652" s="613"/>
      <c r="HMA652" s="613"/>
      <c r="HMB652" s="613"/>
      <c r="HMC652" s="613"/>
      <c r="HMD652" s="613"/>
      <c r="HME652" s="613"/>
      <c r="HMF652" s="613"/>
      <c r="HMG652" s="613"/>
      <c r="HMH652" s="613"/>
      <c r="HMI652" s="613"/>
      <c r="HMJ652" s="613"/>
      <c r="HMK652" s="613"/>
      <c r="HML652" s="613"/>
      <c r="HMM652" s="613"/>
      <c r="HMN652" s="613"/>
      <c r="HMO652" s="613"/>
      <c r="HMP652" s="613"/>
      <c r="HMQ652" s="613"/>
      <c r="HMR652" s="613"/>
      <c r="HMS652" s="613"/>
      <c r="HMT652" s="613"/>
      <c r="HMU652" s="613"/>
      <c r="HMV652" s="613"/>
      <c r="HMW652" s="613"/>
      <c r="HMX652" s="613"/>
      <c r="HMY652" s="613"/>
      <c r="HMZ652" s="613"/>
      <c r="HNA652" s="613"/>
      <c r="HNB652" s="613"/>
      <c r="HNC652" s="613"/>
      <c r="HND652" s="613"/>
      <c r="HNE652" s="613"/>
      <c r="HNF652" s="613"/>
      <c r="HNG652" s="613"/>
      <c r="HNH652" s="613"/>
      <c r="HNI652" s="613"/>
      <c r="HNJ652" s="613"/>
      <c r="HNK652" s="613"/>
      <c r="HNL652" s="613"/>
      <c r="HNM652" s="613"/>
      <c r="HNN652" s="613"/>
      <c r="HNO652" s="613"/>
      <c r="HNP652" s="613"/>
      <c r="HNQ652" s="613"/>
      <c r="HNR652" s="613"/>
      <c r="HNS652" s="613"/>
      <c r="HNT652" s="613"/>
      <c r="HNU652" s="613"/>
      <c r="HNV652" s="613"/>
      <c r="HNW652" s="613"/>
      <c r="HNX652" s="613"/>
      <c r="HNY652" s="613"/>
      <c r="HNZ652" s="613"/>
      <c r="HOA652" s="613"/>
      <c r="HOB652" s="613"/>
      <c r="HOC652" s="613"/>
      <c r="HOD652" s="613"/>
      <c r="HOE652" s="613"/>
      <c r="HOF652" s="613"/>
      <c r="HOG652" s="613"/>
      <c r="HOH652" s="613"/>
      <c r="HOI652" s="613"/>
      <c r="HOJ652" s="613"/>
      <c r="HOK652" s="613"/>
      <c r="HOL652" s="613"/>
      <c r="HOM652" s="613"/>
      <c r="HON652" s="613"/>
      <c r="HOO652" s="613"/>
      <c r="HOP652" s="613"/>
      <c r="HOQ652" s="613"/>
      <c r="HOR652" s="613"/>
      <c r="HOS652" s="613"/>
      <c r="HOT652" s="613"/>
      <c r="HOU652" s="613"/>
      <c r="HOV652" s="613"/>
      <c r="HOW652" s="613"/>
      <c r="HOX652" s="613"/>
      <c r="HOY652" s="613"/>
      <c r="HOZ652" s="613"/>
      <c r="HPA652" s="613"/>
      <c r="HPB652" s="613"/>
      <c r="HPC652" s="613"/>
      <c r="HPD652" s="613"/>
      <c r="HPE652" s="613"/>
      <c r="HPF652" s="613"/>
      <c r="HPG652" s="613"/>
      <c r="HPH652" s="613"/>
      <c r="HPI652" s="613"/>
      <c r="HPJ652" s="613"/>
      <c r="HPK652" s="613"/>
      <c r="HPL652" s="613"/>
      <c r="HPM652" s="613"/>
      <c r="HPN652" s="613"/>
      <c r="HPO652" s="613"/>
      <c r="HPP652" s="613"/>
      <c r="HPQ652" s="613"/>
      <c r="HPR652" s="613"/>
      <c r="HPS652" s="613"/>
      <c r="HPT652" s="613"/>
      <c r="HPU652" s="613"/>
      <c r="HPV652" s="613"/>
      <c r="HPW652" s="613"/>
      <c r="HPX652" s="613"/>
      <c r="HPY652" s="613"/>
      <c r="HPZ652" s="613"/>
      <c r="HQA652" s="613"/>
      <c r="HQB652" s="613"/>
      <c r="HQC652" s="613"/>
      <c r="HQD652" s="613"/>
      <c r="HQE652" s="613"/>
      <c r="HQF652" s="613"/>
      <c r="HQG652" s="613"/>
      <c r="HQH652" s="613"/>
      <c r="HQI652" s="613"/>
      <c r="HQJ652" s="613"/>
      <c r="HQK652" s="613"/>
      <c r="HQL652" s="613"/>
      <c r="HQM652" s="613"/>
      <c r="HQN652" s="613"/>
      <c r="HQO652" s="613"/>
      <c r="HQP652" s="613"/>
      <c r="HQQ652" s="613"/>
      <c r="HQR652" s="613"/>
      <c r="HQS652" s="613"/>
      <c r="HQT652" s="613"/>
      <c r="HQU652" s="613"/>
      <c r="HQV652" s="613"/>
      <c r="HQW652" s="613"/>
      <c r="HQX652" s="613"/>
      <c r="HQY652" s="613"/>
      <c r="HQZ652" s="613"/>
      <c r="HRA652" s="613"/>
      <c r="HRB652" s="613"/>
      <c r="HRC652" s="613"/>
      <c r="HRD652" s="613"/>
      <c r="HRE652" s="613"/>
      <c r="HRF652" s="613"/>
      <c r="HRG652" s="613"/>
      <c r="HRH652" s="613"/>
      <c r="HRI652" s="613"/>
      <c r="HRJ652" s="613"/>
      <c r="HRK652" s="613"/>
      <c r="HRL652" s="613"/>
      <c r="HRM652" s="613"/>
      <c r="HRN652" s="613"/>
      <c r="HRO652" s="613"/>
      <c r="HRP652" s="613"/>
      <c r="HRQ652" s="613"/>
      <c r="HRR652" s="613"/>
      <c r="HRS652" s="613"/>
      <c r="HRT652" s="613"/>
      <c r="HRU652" s="613"/>
      <c r="HRV652" s="613"/>
      <c r="HRW652" s="613"/>
      <c r="HRX652" s="613"/>
      <c r="HRY652" s="613"/>
      <c r="HRZ652" s="613"/>
      <c r="HSA652" s="613"/>
      <c r="HSB652" s="613"/>
      <c r="HSC652" s="613"/>
      <c r="HSD652" s="613"/>
      <c r="HSE652" s="613"/>
      <c r="HSF652" s="613"/>
      <c r="HSG652" s="613"/>
      <c r="HSH652" s="613"/>
      <c r="HSI652" s="613"/>
      <c r="HSJ652" s="613"/>
      <c r="HSK652" s="613"/>
      <c r="HSL652" s="613"/>
      <c r="HSM652" s="613"/>
      <c r="HSN652" s="613"/>
      <c r="HSO652" s="613"/>
      <c r="HSP652" s="613"/>
      <c r="HSQ652" s="613"/>
      <c r="HSR652" s="613"/>
      <c r="HSS652" s="613"/>
      <c r="HST652" s="613"/>
      <c r="HSU652" s="613"/>
      <c r="HSV652" s="613"/>
      <c r="HSW652" s="613"/>
      <c r="HSX652" s="613"/>
      <c r="HSY652" s="613"/>
      <c r="HSZ652" s="613"/>
      <c r="HTA652" s="613"/>
      <c r="HTB652" s="613"/>
      <c r="HTC652" s="613"/>
      <c r="HTD652" s="613"/>
      <c r="HTE652" s="613"/>
      <c r="HTF652" s="613"/>
      <c r="HTG652" s="613"/>
      <c r="HTH652" s="613"/>
      <c r="HTI652" s="613"/>
      <c r="HTJ652" s="613"/>
      <c r="HTK652" s="613"/>
      <c r="HTL652" s="613"/>
      <c r="HTM652" s="613"/>
      <c r="HTN652" s="613"/>
      <c r="HTO652" s="613"/>
      <c r="HTP652" s="613"/>
      <c r="HTQ652" s="613"/>
      <c r="HTR652" s="613"/>
      <c r="HTS652" s="613"/>
      <c r="HTT652" s="613"/>
      <c r="HTU652" s="613"/>
      <c r="HTV652" s="613"/>
      <c r="HTW652" s="613"/>
      <c r="HTX652" s="613"/>
      <c r="HTY652" s="613"/>
      <c r="HTZ652" s="613"/>
      <c r="HUA652" s="613"/>
      <c r="HUB652" s="613"/>
      <c r="HUC652" s="613"/>
      <c r="HUD652" s="613"/>
      <c r="HUE652" s="613"/>
      <c r="HUF652" s="613"/>
      <c r="HUG652" s="613"/>
      <c r="HUH652" s="613"/>
      <c r="HUI652" s="613"/>
      <c r="HUJ652" s="613"/>
      <c r="HUK652" s="613"/>
      <c r="HUL652" s="613"/>
      <c r="HUM652" s="613"/>
      <c r="HUN652" s="613"/>
      <c r="HUO652" s="613"/>
      <c r="HUP652" s="613"/>
      <c r="HUQ652" s="613"/>
      <c r="HUR652" s="613"/>
      <c r="HUS652" s="613"/>
      <c r="HUT652" s="613"/>
      <c r="HUU652" s="613"/>
      <c r="HUV652" s="613"/>
      <c r="HUW652" s="613"/>
      <c r="HUX652" s="613"/>
      <c r="HUY652" s="613"/>
      <c r="HUZ652" s="613"/>
      <c r="HVA652" s="613"/>
      <c r="HVB652" s="613"/>
      <c r="HVC652" s="613"/>
      <c r="HVD652" s="613"/>
      <c r="HVE652" s="613"/>
      <c r="HVF652" s="613"/>
      <c r="HVG652" s="613"/>
      <c r="HVH652" s="613"/>
      <c r="HVI652" s="613"/>
      <c r="HVJ652" s="613"/>
      <c r="HVK652" s="613"/>
      <c r="HVL652" s="613"/>
      <c r="HVM652" s="613"/>
      <c r="HVN652" s="613"/>
      <c r="HVO652" s="613"/>
      <c r="HVP652" s="613"/>
      <c r="HVQ652" s="613"/>
      <c r="HVR652" s="613"/>
      <c r="HVS652" s="613"/>
      <c r="HVT652" s="613"/>
      <c r="HVU652" s="613"/>
      <c r="HVV652" s="613"/>
      <c r="HVW652" s="613"/>
      <c r="HVX652" s="613"/>
      <c r="HVY652" s="613"/>
      <c r="HVZ652" s="613"/>
      <c r="HWA652" s="613"/>
      <c r="HWB652" s="613"/>
      <c r="HWC652" s="613"/>
      <c r="HWD652" s="613"/>
      <c r="HWE652" s="613"/>
      <c r="HWF652" s="613"/>
      <c r="HWG652" s="613"/>
      <c r="HWH652" s="613"/>
      <c r="HWI652" s="613"/>
      <c r="HWJ652" s="613"/>
      <c r="HWK652" s="613"/>
      <c r="HWL652" s="613"/>
      <c r="HWM652" s="613"/>
      <c r="HWN652" s="613"/>
      <c r="HWO652" s="613"/>
      <c r="HWP652" s="613"/>
      <c r="HWQ652" s="613"/>
      <c r="HWR652" s="613"/>
      <c r="HWS652" s="613"/>
      <c r="HWT652" s="613"/>
      <c r="HWU652" s="613"/>
      <c r="HWV652" s="613"/>
      <c r="HWW652" s="613"/>
      <c r="HWX652" s="613"/>
      <c r="HWY652" s="613"/>
      <c r="HWZ652" s="613"/>
      <c r="HXA652" s="613"/>
      <c r="HXB652" s="613"/>
      <c r="HXC652" s="613"/>
      <c r="HXD652" s="613"/>
      <c r="HXE652" s="613"/>
      <c r="HXF652" s="613"/>
      <c r="HXG652" s="613"/>
      <c r="HXH652" s="613"/>
      <c r="HXI652" s="613"/>
      <c r="HXJ652" s="613"/>
      <c r="HXK652" s="613"/>
      <c r="HXL652" s="613"/>
      <c r="HXM652" s="613"/>
      <c r="HXN652" s="613"/>
      <c r="HXO652" s="613"/>
      <c r="HXP652" s="613"/>
      <c r="HXQ652" s="613"/>
      <c r="HXR652" s="613"/>
      <c r="HXS652" s="613"/>
      <c r="HXT652" s="613"/>
      <c r="HXU652" s="613"/>
      <c r="HXV652" s="613"/>
      <c r="HXW652" s="613"/>
      <c r="HXX652" s="613"/>
      <c r="HXY652" s="613"/>
      <c r="HXZ652" s="613"/>
      <c r="HYA652" s="613"/>
      <c r="HYB652" s="613"/>
      <c r="HYC652" s="613"/>
      <c r="HYD652" s="613"/>
      <c r="HYE652" s="613"/>
      <c r="HYF652" s="613"/>
      <c r="HYG652" s="613"/>
      <c r="HYH652" s="613"/>
      <c r="HYI652" s="613"/>
      <c r="HYJ652" s="613"/>
      <c r="HYK652" s="613"/>
      <c r="HYL652" s="613"/>
      <c r="HYM652" s="613"/>
      <c r="HYN652" s="613"/>
      <c r="HYO652" s="613"/>
      <c r="HYP652" s="613"/>
      <c r="HYQ652" s="613"/>
      <c r="HYR652" s="613"/>
      <c r="HYS652" s="613"/>
      <c r="HYT652" s="613"/>
      <c r="HYU652" s="613"/>
      <c r="HYV652" s="613"/>
      <c r="HYW652" s="613"/>
      <c r="HYX652" s="613"/>
      <c r="HYY652" s="613"/>
      <c r="HYZ652" s="613"/>
      <c r="HZA652" s="613"/>
      <c r="HZB652" s="613"/>
      <c r="HZC652" s="613"/>
      <c r="HZD652" s="613"/>
      <c r="HZE652" s="613"/>
      <c r="HZF652" s="613"/>
      <c r="HZG652" s="613"/>
      <c r="HZH652" s="613"/>
      <c r="HZI652" s="613"/>
      <c r="HZJ652" s="613"/>
      <c r="HZK652" s="613"/>
      <c r="HZL652" s="613"/>
      <c r="HZM652" s="613"/>
      <c r="HZN652" s="613"/>
      <c r="HZO652" s="613"/>
      <c r="HZP652" s="613"/>
      <c r="HZQ652" s="613"/>
      <c r="HZR652" s="613"/>
      <c r="HZS652" s="613"/>
      <c r="HZT652" s="613"/>
      <c r="HZU652" s="613"/>
      <c r="HZV652" s="613"/>
      <c r="HZW652" s="613"/>
      <c r="HZX652" s="613"/>
      <c r="HZY652" s="613"/>
      <c r="HZZ652" s="613"/>
      <c r="IAA652" s="613"/>
      <c r="IAB652" s="613"/>
      <c r="IAC652" s="613"/>
      <c r="IAD652" s="613"/>
      <c r="IAE652" s="613"/>
      <c r="IAF652" s="613"/>
      <c r="IAG652" s="613"/>
      <c r="IAH652" s="613"/>
      <c r="IAI652" s="613"/>
      <c r="IAJ652" s="613"/>
      <c r="IAK652" s="613"/>
      <c r="IAL652" s="613"/>
      <c r="IAM652" s="613"/>
      <c r="IAN652" s="613"/>
      <c r="IAO652" s="613"/>
      <c r="IAP652" s="613"/>
      <c r="IAQ652" s="613"/>
      <c r="IAR652" s="613"/>
      <c r="IAS652" s="613"/>
      <c r="IAT652" s="613"/>
      <c r="IAU652" s="613"/>
      <c r="IAV652" s="613"/>
      <c r="IAW652" s="613"/>
      <c r="IAX652" s="613"/>
      <c r="IAY652" s="613"/>
      <c r="IAZ652" s="613"/>
      <c r="IBA652" s="613"/>
      <c r="IBB652" s="613"/>
      <c r="IBC652" s="613"/>
      <c r="IBD652" s="613"/>
      <c r="IBE652" s="613"/>
      <c r="IBF652" s="613"/>
      <c r="IBG652" s="613"/>
      <c r="IBH652" s="613"/>
      <c r="IBI652" s="613"/>
      <c r="IBJ652" s="613"/>
      <c r="IBK652" s="613"/>
      <c r="IBL652" s="613"/>
      <c r="IBM652" s="613"/>
      <c r="IBN652" s="613"/>
      <c r="IBO652" s="613"/>
      <c r="IBP652" s="613"/>
      <c r="IBQ652" s="613"/>
      <c r="IBR652" s="613"/>
      <c r="IBS652" s="613"/>
      <c r="IBT652" s="613"/>
      <c r="IBU652" s="613"/>
      <c r="IBV652" s="613"/>
      <c r="IBW652" s="613"/>
      <c r="IBX652" s="613"/>
      <c r="IBY652" s="613"/>
      <c r="IBZ652" s="613"/>
      <c r="ICA652" s="613"/>
      <c r="ICB652" s="613"/>
      <c r="ICC652" s="613"/>
      <c r="ICD652" s="613"/>
      <c r="ICE652" s="613"/>
      <c r="ICF652" s="613"/>
      <c r="ICG652" s="613"/>
      <c r="ICH652" s="613"/>
      <c r="ICI652" s="613"/>
      <c r="ICJ652" s="613"/>
      <c r="ICK652" s="613"/>
      <c r="ICL652" s="613"/>
      <c r="ICM652" s="613"/>
      <c r="ICN652" s="613"/>
      <c r="ICO652" s="613"/>
      <c r="ICP652" s="613"/>
      <c r="ICQ652" s="613"/>
      <c r="ICR652" s="613"/>
      <c r="ICS652" s="613"/>
      <c r="ICT652" s="613"/>
      <c r="ICU652" s="613"/>
      <c r="ICV652" s="613"/>
      <c r="ICW652" s="613"/>
      <c r="ICX652" s="613"/>
      <c r="ICY652" s="613"/>
      <c r="ICZ652" s="613"/>
      <c r="IDA652" s="613"/>
      <c r="IDB652" s="613"/>
      <c r="IDC652" s="613"/>
      <c r="IDD652" s="613"/>
      <c r="IDE652" s="613"/>
      <c r="IDF652" s="613"/>
      <c r="IDG652" s="613"/>
      <c r="IDH652" s="613"/>
      <c r="IDI652" s="613"/>
      <c r="IDJ652" s="613"/>
      <c r="IDK652" s="613"/>
      <c r="IDL652" s="613"/>
      <c r="IDM652" s="613"/>
      <c r="IDN652" s="613"/>
      <c r="IDO652" s="613"/>
      <c r="IDP652" s="613"/>
      <c r="IDQ652" s="613"/>
      <c r="IDR652" s="613"/>
      <c r="IDS652" s="613"/>
      <c r="IDT652" s="613"/>
      <c r="IDU652" s="613"/>
      <c r="IDV652" s="613"/>
      <c r="IDW652" s="613"/>
      <c r="IDX652" s="613"/>
      <c r="IDY652" s="613"/>
      <c r="IDZ652" s="613"/>
      <c r="IEA652" s="613"/>
      <c r="IEB652" s="613"/>
      <c r="IEC652" s="613"/>
      <c r="IED652" s="613"/>
      <c r="IEE652" s="613"/>
      <c r="IEF652" s="613"/>
      <c r="IEG652" s="613"/>
      <c r="IEH652" s="613"/>
      <c r="IEI652" s="613"/>
      <c r="IEJ652" s="613"/>
      <c r="IEK652" s="613"/>
      <c r="IEL652" s="613"/>
      <c r="IEM652" s="613"/>
      <c r="IEN652" s="613"/>
      <c r="IEO652" s="613"/>
      <c r="IEP652" s="613"/>
      <c r="IEQ652" s="613"/>
      <c r="IER652" s="613"/>
      <c r="IES652" s="613"/>
      <c r="IET652" s="613"/>
      <c r="IEU652" s="613"/>
      <c r="IEV652" s="613"/>
      <c r="IEW652" s="613"/>
      <c r="IEX652" s="613"/>
      <c r="IEY652" s="613"/>
      <c r="IEZ652" s="613"/>
      <c r="IFA652" s="613"/>
      <c r="IFB652" s="613"/>
      <c r="IFC652" s="613"/>
      <c r="IFD652" s="613"/>
      <c r="IFE652" s="613"/>
      <c r="IFF652" s="613"/>
      <c r="IFG652" s="613"/>
      <c r="IFH652" s="613"/>
      <c r="IFI652" s="613"/>
      <c r="IFJ652" s="613"/>
      <c r="IFK652" s="613"/>
      <c r="IFL652" s="613"/>
      <c r="IFM652" s="613"/>
      <c r="IFN652" s="613"/>
      <c r="IFO652" s="613"/>
      <c r="IFP652" s="613"/>
      <c r="IFQ652" s="613"/>
      <c r="IFR652" s="613"/>
      <c r="IFS652" s="613"/>
      <c r="IFT652" s="613"/>
      <c r="IFU652" s="613"/>
      <c r="IFV652" s="613"/>
      <c r="IFW652" s="613"/>
      <c r="IFX652" s="613"/>
      <c r="IFY652" s="613"/>
      <c r="IFZ652" s="613"/>
      <c r="IGA652" s="613"/>
      <c r="IGB652" s="613"/>
      <c r="IGC652" s="613"/>
      <c r="IGD652" s="613"/>
      <c r="IGE652" s="613"/>
      <c r="IGF652" s="613"/>
      <c r="IGG652" s="613"/>
      <c r="IGH652" s="613"/>
      <c r="IGI652" s="613"/>
      <c r="IGJ652" s="613"/>
      <c r="IGK652" s="613"/>
      <c r="IGL652" s="613"/>
      <c r="IGM652" s="613"/>
      <c r="IGN652" s="613"/>
      <c r="IGO652" s="613"/>
      <c r="IGP652" s="613"/>
      <c r="IGQ652" s="613"/>
      <c r="IGR652" s="613"/>
      <c r="IGS652" s="613"/>
      <c r="IGT652" s="613"/>
      <c r="IGU652" s="613"/>
      <c r="IGV652" s="613"/>
      <c r="IGW652" s="613"/>
      <c r="IGX652" s="613"/>
      <c r="IGY652" s="613"/>
      <c r="IGZ652" s="613"/>
      <c r="IHA652" s="613"/>
      <c r="IHB652" s="613"/>
      <c r="IHC652" s="613"/>
      <c r="IHD652" s="613"/>
      <c r="IHE652" s="613"/>
      <c r="IHF652" s="613"/>
      <c r="IHG652" s="613"/>
      <c r="IHH652" s="613"/>
      <c r="IHI652" s="613"/>
      <c r="IHJ652" s="613"/>
      <c r="IHK652" s="613"/>
      <c r="IHL652" s="613"/>
      <c r="IHM652" s="613"/>
      <c r="IHN652" s="613"/>
      <c r="IHO652" s="613"/>
      <c r="IHP652" s="613"/>
      <c r="IHQ652" s="613"/>
      <c r="IHR652" s="613"/>
      <c r="IHS652" s="613"/>
      <c r="IHT652" s="613"/>
      <c r="IHU652" s="613"/>
      <c r="IHV652" s="613"/>
      <c r="IHW652" s="613"/>
      <c r="IHX652" s="613"/>
      <c r="IHY652" s="613"/>
      <c r="IHZ652" s="613"/>
      <c r="IIA652" s="613"/>
      <c r="IIB652" s="613"/>
      <c r="IIC652" s="613"/>
      <c r="IID652" s="613"/>
      <c r="IIE652" s="613"/>
      <c r="IIF652" s="613"/>
      <c r="IIG652" s="613"/>
      <c r="IIH652" s="613"/>
      <c r="III652" s="613"/>
      <c r="IIJ652" s="613"/>
      <c r="IIK652" s="613"/>
      <c r="IIL652" s="613"/>
      <c r="IIM652" s="613"/>
      <c r="IIN652" s="613"/>
      <c r="IIO652" s="613"/>
      <c r="IIP652" s="613"/>
      <c r="IIQ652" s="613"/>
      <c r="IIR652" s="613"/>
      <c r="IIS652" s="613"/>
      <c r="IIT652" s="613"/>
      <c r="IIU652" s="613"/>
      <c r="IIV652" s="613"/>
      <c r="IIW652" s="613"/>
      <c r="IIX652" s="613"/>
      <c r="IIY652" s="613"/>
      <c r="IIZ652" s="613"/>
      <c r="IJA652" s="613"/>
      <c r="IJB652" s="613"/>
      <c r="IJC652" s="613"/>
      <c r="IJD652" s="613"/>
      <c r="IJE652" s="613"/>
      <c r="IJF652" s="613"/>
      <c r="IJG652" s="613"/>
      <c r="IJH652" s="613"/>
      <c r="IJI652" s="613"/>
      <c r="IJJ652" s="613"/>
      <c r="IJK652" s="613"/>
      <c r="IJL652" s="613"/>
      <c r="IJM652" s="613"/>
      <c r="IJN652" s="613"/>
      <c r="IJO652" s="613"/>
      <c r="IJP652" s="613"/>
      <c r="IJQ652" s="613"/>
      <c r="IJR652" s="613"/>
      <c r="IJS652" s="613"/>
      <c r="IJT652" s="613"/>
      <c r="IJU652" s="613"/>
      <c r="IJV652" s="613"/>
      <c r="IJW652" s="613"/>
      <c r="IJX652" s="613"/>
      <c r="IJY652" s="613"/>
      <c r="IJZ652" s="613"/>
      <c r="IKA652" s="613"/>
      <c r="IKB652" s="613"/>
      <c r="IKC652" s="613"/>
      <c r="IKD652" s="613"/>
      <c r="IKE652" s="613"/>
      <c r="IKF652" s="613"/>
      <c r="IKG652" s="613"/>
      <c r="IKH652" s="613"/>
      <c r="IKI652" s="613"/>
      <c r="IKJ652" s="613"/>
      <c r="IKK652" s="613"/>
      <c r="IKL652" s="613"/>
      <c r="IKM652" s="613"/>
      <c r="IKN652" s="613"/>
      <c r="IKO652" s="613"/>
      <c r="IKP652" s="613"/>
      <c r="IKQ652" s="613"/>
      <c r="IKR652" s="613"/>
      <c r="IKS652" s="613"/>
      <c r="IKT652" s="613"/>
      <c r="IKU652" s="613"/>
      <c r="IKV652" s="613"/>
      <c r="IKW652" s="613"/>
      <c r="IKX652" s="613"/>
      <c r="IKY652" s="613"/>
      <c r="IKZ652" s="613"/>
      <c r="ILA652" s="613"/>
      <c r="ILB652" s="613"/>
      <c r="ILC652" s="613"/>
      <c r="ILD652" s="613"/>
      <c r="ILE652" s="613"/>
      <c r="ILF652" s="613"/>
      <c r="ILG652" s="613"/>
      <c r="ILH652" s="613"/>
      <c r="ILI652" s="613"/>
      <c r="ILJ652" s="613"/>
      <c r="ILK652" s="613"/>
      <c r="ILL652" s="613"/>
      <c r="ILM652" s="613"/>
      <c r="ILN652" s="613"/>
      <c r="ILO652" s="613"/>
      <c r="ILP652" s="613"/>
      <c r="ILQ652" s="613"/>
      <c r="ILR652" s="613"/>
      <c r="ILS652" s="613"/>
      <c r="ILT652" s="613"/>
      <c r="ILU652" s="613"/>
      <c r="ILV652" s="613"/>
      <c r="ILW652" s="613"/>
      <c r="ILX652" s="613"/>
      <c r="ILY652" s="613"/>
      <c r="ILZ652" s="613"/>
      <c r="IMA652" s="613"/>
      <c r="IMB652" s="613"/>
      <c r="IMC652" s="613"/>
      <c r="IMD652" s="613"/>
      <c r="IME652" s="613"/>
      <c r="IMF652" s="613"/>
      <c r="IMG652" s="613"/>
      <c r="IMH652" s="613"/>
      <c r="IMI652" s="613"/>
      <c r="IMJ652" s="613"/>
      <c r="IMK652" s="613"/>
      <c r="IML652" s="613"/>
      <c r="IMM652" s="613"/>
      <c r="IMN652" s="613"/>
      <c r="IMO652" s="613"/>
      <c r="IMP652" s="613"/>
      <c r="IMQ652" s="613"/>
      <c r="IMR652" s="613"/>
      <c r="IMS652" s="613"/>
      <c r="IMT652" s="613"/>
      <c r="IMU652" s="613"/>
      <c r="IMV652" s="613"/>
      <c r="IMW652" s="613"/>
      <c r="IMX652" s="613"/>
      <c r="IMY652" s="613"/>
      <c r="IMZ652" s="613"/>
      <c r="INA652" s="613"/>
      <c r="INB652" s="613"/>
      <c r="INC652" s="613"/>
      <c r="IND652" s="613"/>
      <c r="INE652" s="613"/>
      <c r="INF652" s="613"/>
      <c r="ING652" s="613"/>
      <c r="INH652" s="613"/>
      <c r="INI652" s="613"/>
      <c r="INJ652" s="613"/>
      <c r="INK652" s="613"/>
      <c r="INL652" s="613"/>
      <c r="INM652" s="613"/>
      <c r="INN652" s="613"/>
      <c r="INO652" s="613"/>
      <c r="INP652" s="613"/>
      <c r="INQ652" s="613"/>
      <c r="INR652" s="613"/>
      <c r="INS652" s="613"/>
      <c r="INT652" s="613"/>
      <c r="INU652" s="613"/>
      <c r="INV652" s="613"/>
      <c r="INW652" s="613"/>
      <c r="INX652" s="613"/>
      <c r="INY652" s="613"/>
      <c r="INZ652" s="613"/>
      <c r="IOA652" s="613"/>
      <c r="IOB652" s="613"/>
      <c r="IOC652" s="613"/>
      <c r="IOD652" s="613"/>
      <c r="IOE652" s="613"/>
      <c r="IOF652" s="613"/>
      <c r="IOG652" s="613"/>
      <c r="IOH652" s="613"/>
      <c r="IOI652" s="613"/>
      <c r="IOJ652" s="613"/>
      <c r="IOK652" s="613"/>
      <c r="IOL652" s="613"/>
      <c r="IOM652" s="613"/>
      <c r="ION652" s="613"/>
      <c r="IOO652" s="613"/>
      <c r="IOP652" s="613"/>
      <c r="IOQ652" s="613"/>
      <c r="IOR652" s="613"/>
      <c r="IOS652" s="613"/>
      <c r="IOT652" s="613"/>
      <c r="IOU652" s="613"/>
      <c r="IOV652" s="613"/>
      <c r="IOW652" s="613"/>
      <c r="IOX652" s="613"/>
      <c r="IOY652" s="613"/>
      <c r="IOZ652" s="613"/>
      <c r="IPA652" s="613"/>
      <c r="IPB652" s="613"/>
      <c r="IPC652" s="613"/>
      <c r="IPD652" s="613"/>
      <c r="IPE652" s="613"/>
      <c r="IPF652" s="613"/>
      <c r="IPG652" s="613"/>
      <c r="IPH652" s="613"/>
      <c r="IPI652" s="613"/>
      <c r="IPJ652" s="613"/>
      <c r="IPK652" s="613"/>
      <c r="IPL652" s="613"/>
      <c r="IPM652" s="613"/>
      <c r="IPN652" s="613"/>
      <c r="IPO652" s="613"/>
      <c r="IPP652" s="613"/>
      <c r="IPQ652" s="613"/>
      <c r="IPR652" s="613"/>
      <c r="IPS652" s="613"/>
      <c r="IPT652" s="613"/>
      <c r="IPU652" s="613"/>
      <c r="IPV652" s="613"/>
      <c r="IPW652" s="613"/>
      <c r="IPX652" s="613"/>
      <c r="IPY652" s="613"/>
      <c r="IPZ652" s="613"/>
      <c r="IQA652" s="613"/>
      <c r="IQB652" s="613"/>
      <c r="IQC652" s="613"/>
      <c r="IQD652" s="613"/>
      <c r="IQE652" s="613"/>
      <c r="IQF652" s="613"/>
      <c r="IQG652" s="613"/>
      <c r="IQH652" s="613"/>
      <c r="IQI652" s="613"/>
      <c r="IQJ652" s="613"/>
      <c r="IQK652" s="613"/>
      <c r="IQL652" s="613"/>
      <c r="IQM652" s="613"/>
      <c r="IQN652" s="613"/>
      <c r="IQO652" s="613"/>
      <c r="IQP652" s="613"/>
      <c r="IQQ652" s="613"/>
      <c r="IQR652" s="613"/>
      <c r="IQS652" s="613"/>
      <c r="IQT652" s="613"/>
      <c r="IQU652" s="613"/>
      <c r="IQV652" s="613"/>
      <c r="IQW652" s="613"/>
      <c r="IQX652" s="613"/>
      <c r="IQY652" s="613"/>
      <c r="IQZ652" s="613"/>
      <c r="IRA652" s="613"/>
      <c r="IRB652" s="613"/>
      <c r="IRC652" s="613"/>
      <c r="IRD652" s="613"/>
      <c r="IRE652" s="613"/>
      <c r="IRF652" s="613"/>
      <c r="IRG652" s="613"/>
      <c r="IRH652" s="613"/>
      <c r="IRI652" s="613"/>
      <c r="IRJ652" s="613"/>
      <c r="IRK652" s="613"/>
      <c r="IRL652" s="613"/>
      <c r="IRM652" s="613"/>
      <c r="IRN652" s="613"/>
      <c r="IRO652" s="613"/>
      <c r="IRP652" s="613"/>
      <c r="IRQ652" s="613"/>
      <c r="IRR652" s="613"/>
      <c r="IRS652" s="613"/>
      <c r="IRT652" s="613"/>
      <c r="IRU652" s="613"/>
      <c r="IRV652" s="613"/>
      <c r="IRW652" s="613"/>
      <c r="IRX652" s="613"/>
      <c r="IRY652" s="613"/>
      <c r="IRZ652" s="613"/>
      <c r="ISA652" s="613"/>
      <c r="ISB652" s="613"/>
      <c r="ISC652" s="613"/>
      <c r="ISD652" s="613"/>
      <c r="ISE652" s="613"/>
      <c r="ISF652" s="613"/>
      <c r="ISG652" s="613"/>
      <c r="ISH652" s="613"/>
      <c r="ISI652" s="613"/>
      <c r="ISJ652" s="613"/>
      <c r="ISK652" s="613"/>
      <c r="ISL652" s="613"/>
      <c r="ISM652" s="613"/>
      <c r="ISN652" s="613"/>
      <c r="ISO652" s="613"/>
      <c r="ISP652" s="613"/>
      <c r="ISQ652" s="613"/>
      <c r="ISR652" s="613"/>
      <c r="ISS652" s="613"/>
      <c r="IST652" s="613"/>
      <c r="ISU652" s="613"/>
      <c r="ISV652" s="613"/>
      <c r="ISW652" s="613"/>
      <c r="ISX652" s="613"/>
      <c r="ISY652" s="613"/>
      <c r="ISZ652" s="613"/>
      <c r="ITA652" s="613"/>
      <c r="ITB652" s="613"/>
      <c r="ITC652" s="613"/>
      <c r="ITD652" s="613"/>
      <c r="ITE652" s="613"/>
      <c r="ITF652" s="613"/>
      <c r="ITG652" s="613"/>
      <c r="ITH652" s="613"/>
      <c r="ITI652" s="613"/>
      <c r="ITJ652" s="613"/>
      <c r="ITK652" s="613"/>
      <c r="ITL652" s="613"/>
      <c r="ITM652" s="613"/>
      <c r="ITN652" s="613"/>
      <c r="ITO652" s="613"/>
      <c r="ITP652" s="613"/>
      <c r="ITQ652" s="613"/>
      <c r="ITR652" s="613"/>
      <c r="ITS652" s="613"/>
      <c r="ITT652" s="613"/>
      <c r="ITU652" s="613"/>
      <c r="ITV652" s="613"/>
      <c r="ITW652" s="613"/>
      <c r="ITX652" s="613"/>
      <c r="ITY652" s="613"/>
      <c r="ITZ652" s="613"/>
      <c r="IUA652" s="613"/>
      <c r="IUB652" s="613"/>
      <c r="IUC652" s="613"/>
      <c r="IUD652" s="613"/>
      <c r="IUE652" s="613"/>
      <c r="IUF652" s="613"/>
      <c r="IUG652" s="613"/>
      <c r="IUH652" s="613"/>
      <c r="IUI652" s="613"/>
      <c r="IUJ652" s="613"/>
      <c r="IUK652" s="613"/>
      <c r="IUL652" s="613"/>
      <c r="IUM652" s="613"/>
      <c r="IUN652" s="613"/>
      <c r="IUO652" s="613"/>
      <c r="IUP652" s="613"/>
      <c r="IUQ652" s="613"/>
      <c r="IUR652" s="613"/>
      <c r="IUS652" s="613"/>
      <c r="IUT652" s="613"/>
      <c r="IUU652" s="613"/>
      <c r="IUV652" s="613"/>
      <c r="IUW652" s="613"/>
      <c r="IUX652" s="613"/>
      <c r="IUY652" s="613"/>
      <c r="IUZ652" s="613"/>
      <c r="IVA652" s="613"/>
      <c r="IVB652" s="613"/>
      <c r="IVC652" s="613"/>
      <c r="IVD652" s="613"/>
      <c r="IVE652" s="613"/>
      <c r="IVF652" s="613"/>
      <c r="IVG652" s="613"/>
      <c r="IVH652" s="613"/>
      <c r="IVI652" s="613"/>
      <c r="IVJ652" s="613"/>
      <c r="IVK652" s="613"/>
      <c r="IVL652" s="613"/>
      <c r="IVM652" s="613"/>
      <c r="IVN652" s="613"/>
      <c r="IVO652" s="613"/>
      <c r="IVP652" s="613"/>
      <c r="IVQ652" s="613"/>
      <c r="IVR652" s="613"/>
      <c r="IVS652" s="613"/>
      <c r="IVT652" s="613"/>
      <c r="IVU652" s="613"/>
      <c r="IVV652" s="613"/>
      <c r="IVW652" s="613"/>
      <c r="IVX652" s="613"/>
      <c r="IVY652" s="613"/>
      <c r="IVZ652" s="613"/>
      <c r="IWA652" s="613"/>
      <c r="IWB652" s="613"/>
      <c r="IWC652" s="613"/>
      <c r="IWD652" s="613"/>
      <c r="IWE652" s="613"/>
      <c r="IWF652" s="613"/>
      <c r="IWG652" s="613"/>
      <c r="IWH652" s="613"/>
      <c r="IWI652" s="613"/>
      <c r="IWJ652" s="613"/>
      <c r="IWK652" s="613"/>
      <c r="IWL652" s="613"/>
      <c r="IWM652" s="613"/>
      <c r="IWN652" s="613"/>
      <c r="IWO652" s="613"/>
      <c r="IWP652" s="613"/>
      <c r="IWQ652" s="613"/>
      <c r="IWR652" s="613"/>
      <c r="IWS652" s="613"/>
      <c r="IWT652" s="613"/>
      <c r="IWU652" s="613"/>
      <c r="IWV652" s="613"/>
      <c r="IWW652" s="613"/>
      <c r="IWX652" s="613"/>
      <c r="IWY652" s="613"/>
      <c r="IWZ652" s="613"/>
      <c r="IXA652" s="613"/>
      <c r="IXB652" s="613"/>
      <c r="IXC652" s="613"/>
      <c r="IXD652" s="613"/>
      <c r="IXE652" s="613"/>
      <c r="IXF652" s="613"/>
      <c r="IXG652" s="613"/>
      <c r="IXH652" s="613"/>
      <c r="IXI652" s="613"/>
      <c r="IXJ652" s="613"/>
      <c r="IXK652" s="613"/>
      <c r="IXL652" s="613"/>
      <c r="IXM652" s="613"/>
      <c r="IXN652" s="613"/>
      <c r="IXO652" s="613"/>
      <c r="IXP652" s="613"/>
      <c r="IXQ652" s="613"/>
      <c r="IXR652" s="613"/>
      <c r="IXS652" s="613"/>
      <c r="IXT652" s="613"/>
      <c r="IXU652" s="613"/>
      <c r="IXV652" s="613"/>
      <c r="IXW652" s="613"/>
      <c r="IXX652" s="613"/>
      <c r="IXY652" s="613"/>
      <c r="IXZ652" s="613"/>
      <c r="IYA652" s="613"/>
      <c r="IYB652" s="613"/>
      <c r="IYC652" s="613"/>
      <c r="IYD652" s="613"/>
      <c r="IYE652" s="613"/>
      <c r="IYF652" s="613"/>
      <c r="IYG652" s="613"/>
      <c r="IYH652" s="613"/>
      <c r="IYI652" s="613"/>
      <c r="IYJ652" s="613"/>
      <c r="IYK652" s="613"/>
      <c r="IYL652" s="613"/>
      <c r="IYM652" s="613"/>
      <c r="IYN652" s="613"/>
      <c r="IYO652" s="613"/>
      <c r="IYP652" s="613"/>
      <c r="IYQ652" s="613"/>
      <c r="IYR652" s="613"/>
      <c r="IYS652" s="613"/>
      <c r="IYT652" s="613"/>
      <c r="IYU652" s="613"/>
      <c r="IYV652" s="613"/>
      <c r="IYW652" s="613"/>
      <c r="IYX652" s="613"/>
      <c r="IYY652" s="613"/>
      <c r="IYZ652" s="613"/>
      <c r="IZA652" s="613"/>
      <c r="IZB652" s="613"/>
      <c r="IZC652" s="613"/>
      <c r="IZD652" s="613"/>
      <c r="IZE652" s="613"/>
      <c r="IZF652" s="613"/>
      <c r="IZG652" s="613"/>
      <c r="IZH652" s="613"/>
      <c r="IZI652" s="613"/>
      <c r="IZJ652" s="613"/>
      <c r="IZK652" s="613"/>
      <c r="IZL652" s="613"/>
      <c r="IZM652" s="613"/>
      <c r="IZN652" s="613"/>
      <c r="IZO652" s="613"/>
      <c r="IZP652" s="613"/>
      <c r="IZQ652" s="613"/>
      <c r="IZR652" s="613"/>
      <c r="IZS652" s="613"/>
      <c r="IZT652" s="613"/>
      <c r="IZU652" s="613"/>
      <c r="IZV652" s="613"/>
      <c r="IZW652" s="613"/>
      <c r="IZX652" s="613"/>
      <c r="IZY652" s="613"/>
      <c r="IZZ652" s="613"/>
      <c r="JAA652" s="613"/>
      <c r="JAB652" s="613"/>
      <c r="JAC652" s="613"/>
      <c r="JAD652" s="613"/>
      <c r="JAE652" s="613"/>
      <c r="JAF652" s="613"/>
      <c r="JAG652" s="613"/>
      <c r="JAH652" s="613"/>
      <c r="JAI652" s="613"/>
      <c r="JAJ652" s="613"/>
      <c r="JAK652" s="613"/>
      <c r="JAL652" s="613"/>
      <c r="JAM652" s="613"/>
      <c r="JAN652" s="613"/>
      <c r="JAO652" s="613"/>
      <c r="JAP652" s="613"/>
      <c r="JAQ652" s="613"/>
      <c r="JAR652" s="613"/>
      <c r="JAS652" s="613"/>
      <c r="JAT652" s="613"/>
      <c r="JAU652" s="613"/>
      <c r="JAV652" s="613"/>
      <c r="JAW652" s="613"/>
      <c r="JAX652" s="613"/>
      <c r="JAY652" s="613"/>
      <c r="JAZ652" s="613"/>
      <c r="JBA652" s="613"/>
      <c r="JBB652" s="613"/>
      <c r="JBC652" s="613"/>
      <c r="JBD652" s="613"/>
      <c r="JBE652" s="613"/>
      <c r="JBF652" s="613"/>
      <c r="JBG652" s="613"/>
      <c r="JBH652" s="613"/>
      <c r="JBI652" s="613"/>
      <c r="JBJ652" s="613"/>
      <c r="JBK652" s="613"/>
      <c r="JBL652" s="613"/>
      <c r="JBM652" s="613"/>
      <c r="JBN652" s="613"/>
      <c r="JBO652" s="613"/>
      <c r="JBP652" s="613"/>
      <c r="JBQ652" s="613"/>
      <c r="JBR652" s="613"/>
      <c r="JBS652" s="613"/>
      <c r="JBT652" s="613"/>
      <c r="JBU652" s="613"/>
      <c r="JBV652" s="613"/>
      <c r="JBW652" s="613"/>
      <c r="JBX652" s="613"/>
      <c r="JBY652" s="613"/>
      <c r="JBZ652" s="613"/>
      <c r="JCA652" s="613"/>
      <c r="JCB652" s="613"/>
      <c r="JCC652" s="613"/>
      <c r="JCD652" s="613"/>
      <c r="JCE652" s="613"/>
      <c r="JCF652" s="613"/>
      <c r="JCG652" s="613"/>
      <c r="JCH652" s="613"/>
      <c r="JCI652" s="613"/>
      <c r="JCJ652" s="613"/>
      <c r="JCK652" s="613"/>
      <c r="JCL652" s="613"/>
      <c r="JCM652" s="613"/>
      <c r="JCN652" s="613"/>
      <c r="JCO652" s="613"/>
      <c r="JCP652" s="613"/>
      <c r="JCQ652" s="613"/>
      <c r="JCR652" s="613"/>
      <c r="JCS652" s="613"/>
      <c r="JCT652" s="613"/>
      <c r="JCU652" s="613"/>
      <c r="JCV652" s="613"/>
      <c r="JCW652" s="613"/>
      <c r="JCX652" s="613"/>
      <c r="JCY652" s="613"/>
      <c r="JCZ652" s="613"/>
      <c r="JDA652" s="613"/>
      <c r="JDB652" s="613"/>
      <c r="JDC652" s="613"/>
      <c r="JDD652" s="613"/>
      <c r="JDE652" s="613"/>
      <c r="JDF652" s="613"/>
      <c r="JDG652" s="613"/>
      <c r="JDH652" s="613"/>
      <c r="JDI652" s="613"/>
      <c r="JDJ652" s="613"/>
      <c r="JDK652" s="613"/>
      <c r="JDL652" s="613"/>
      <c r="JDM652" s="613"/>
      <c r="JDN652" s="613"/>
      <c r="JDO652" s="613"/>
      <c r="JDP652" s="613"/>
      <c r="JDQ652" s="613"/>
      <c r="JDR652" s="613"/>
      <c r="JDS652" s="613"/>
      <c r="JDT652" s="613"/>
      <c r="JDU652" s="613"/>
      <c r="JDV652" s="613"/>
      <c r="JDW652" s="613"/>
      <c r="JDX652" s="613"/>
      <c r="JDY652" s="613"/>
      <c r="JDZ652" s="613"/>
      <c r="JEA652" s="613"/>
      <c r="JEB652" s="613"/>
      <c r="JEC652" s="613"/>
      <c r="JED652" s="613"/>
      <c r="JEE652" s="613"/>
      <c r="JEF652" s="613"/>
      <c r="JEG652" s="613"/>
      <c r="JEH652" s="613"/>
      <c r="JEI652" s="613"/>
      <c r="JEJ652" s="613"/>
      <c r="JEK652" s="613"/>
      <c r="JEL652" s="613"/>
      <c r="JEM652" s="613"/>
      <c r="JEN652" s="613"/>
      <c r="JEO652" s="613"/>
      <c r="JEP652" s="613"/>
      <c r="JEQ652" s="613"/>
      <c r="JER652" s="613"/>
      <c r="JES652" s="613"/>
      <c r="JET652" s="613"/>
      <c r="JEU652" s="613"/>
      <c r="JEV652" s="613"/>
      <c r="JEW652" s="613"/>
      <c r="JEX652" s="613"/>
      <c r="JEY652" s="613"/>
      <c r="JEZ652" s="613"/>
      <c r="JFA652" s="613"/>
      <c r="JFB652" s="613"/>
      <c r="JFC652" s="613"/>
      <c r="JFD652" s="613"/>
      <c r="JFE652" s="613"/>
      <c r="JFF652" s="613"/>
      <c r="JFG652" s="613"/>
      <c r="JFH652" s="613"/>
      <c r="JFI652" s="613"/>
      <c r="JFJ652" s="613"/>
      <c r="JFK652" s="613"/>
      <c r="JFL652" s="613"/>
      <c r="JFM652" s="613"/>
      <c r="JFN652" s="613"/>
      <c r="JFO652" s="613"/>
      <c r="JFP652" s="613"/>
      <c r="JFQ652" s="613"/>
      <c r="JFR652" s="613"/>
      <c r="JFS652" s="613"/>
      <c r="JFT652" s="613"/>
      <c r="JFU652" s="613"/>
      <c r="JFV652" s="613"/>
      <c r="JFW652" s="613"/>
      <c r="JFX652" s="613"/>
      <c r="JFY652" s="613"/>
      <c r="JFZ652" s="613"/>
      <c r="JGA652" s="613"/>
      <c r="JGB652" s="613"/>
      <c r="JGC652" s="613"/>
      <c r="JGD652" s="613"/>
      <c r="JGE652" s="613"/>
      <c r="JGF652" s="613"/>
      <c r="JGG652" s="613"/>
      <c r="JGH652" s="613"/>
      <c r="JGI652" s="613"/>
      <c r="JGJ652" s="613"/>
      <c r="JGK652" s="613"/>
      <c r="JGL652" s="613"/>
      <c r="JGM652" s="613"/>
      <c r="JGN652" s="613"/>
      <c r="JGO652" s="613"/>
      <c r="JGP652" s="613"/>
      <c r="JGQ652" s="613"/>
      <c r="JGR652" s="613"/>
      <c r="JGS652" s="613"/>
      <c r="JGT652" s="613"/>
      <c r="JGU652" s="613"/>
      <c r="JGV652" s="613"/>
      <c r="JGW652" s="613"/>
      <c r="JGX652" s="613"/>
      <c r="JGY652" s="613"/>
      <c r="JGZ652" s="613"/>
      <c r="JHA652" s="613"/>
      <c r="JHB652" s="613"/>
      <c r="JHC652" s="613"/>
      <c r="JHD652" s="613"/>
      <c r="JHE652" s="613"/>
      <c r="JHF652" s="613"/>
      <c r="JHG652" s="613"/>
      <c r="JHH652" s="613"/>
      <c r="JHI652" s="613"/>
      <c r="JHJ652" s="613"/>
      <c r="JHK652" s="613"/>
      <c r="JHL652" s="613"/>
      <c r="JHM652" s="613"/>
      <c r="JHN652" s="613"/>
      <c r="JHO652" s="613"/>
      <c r="JHP652" s="613"/>
      <c r="JHQ652" s="613"/>
      <c r="JHR652" s="613"/>
      <c r="JHS652" s="613"/>
      <c r="JHT652" s="613"/>
      <c r="JHU652" s="613"/>
      <c r="JHV652" s="613"/>
      <c r="JHW652" s="613"/>
      <c r="JHX652" s="613"/>
      <c r="JHY652" s="613"/>
      <c r="JHZ652" s="613"/>
      <c r="JIA652" s="613"/>
      <c r="JIB652" s="613"/>
      <c r="JIC652" s="613"/>
      <c r="JID652" s="613"/>
      <c r="JIE652" s="613"/>
      <c r="JIF652" s="613"/>
      <c r="JIG652" s="613"/>
      <c r="JIH652" s="613"/>
      <c r="JII652" s="613"/>
      <c r="JIJ652" s="613"/>
      <c r="JIK652" s="613"/>
      <c r="JIL652" s="613"/>
      <c r="JIM652" s="613"/>
      <c r="JIN652" s="613"/>
      <c r="JIO652" s="613"/>
      <c r="JIP652" s="613"/>
      <c r="JIQ652" s="613"/>
      <c r="JIR652" s="613"/>
      <c r="JIS652" s="613"/>
      <c r="JIT652" s="613"/>
      <c r="JIU652" s="613"/>
      <c r="JIV652" s="613"/>
      <c r="JIW652" s="613"/>
      <c r="JIX652" s="613"/>
      <c r="JIY652" s="613"/>
      <c r="JIZ652" s="613"/>
      <c r="JJA652" s="613"/>
      <c r="JJB652" s="613"/>
      <c r="JJC652" s="613"/>
      <c r="JJD652" s="613"/>
      <c r="JJE652" s="613"/>
      <c r="JJF652" s="613"/>
      <c r="JJG652" s="613"/>
      <c r="JJH652" s="613"/>
      <c r="JJI652" s="613"/>
      <c r="JJJ652" s="613"/>
      <c r="JJK652" s="613"/>
      <c r="JJL652" s="613"/>
      <c r="JJM652" s="613"/>
      <c r="JJN652" s="613"/>
      <c r="JJO652" s="613"/>
      <c r="JJP652" s="613"/>
      <c r="JJQ652" s="613"/>
      <c r="JJR652" s="613"/>
      <c r="JJS652" s="613"/>
      <c r="JJT652" s="613"/>
      <c r="JJU652" s="613"/>
      <c r="JJV652" s="613"/>
      <c r="JJW652" s="613"/>
      <c r="JJX652" s="613"/>
      <c r="JJY652" s="613"/>
      <c r="JJZ652" s="613"/>
      <c r="JKA652" s="613"/>
      <c r="JKB652" s="613"/>
      <c r="JKC652" s="613"/>
      <c r="JKD652" s="613"/>
      <c r="JKE652" s="613"/>
      <c r="JKF652" s="613"/>
      <c r="JKG652" s="613"/>
      <c r="JKH652" s="613"/>
      <c r="JKI652" s="613"/>
      <c r="JKJ652" s="613"/>
      <c r="JKK652" s="613"/>
      <c r="JKL652" s="613"/>
      <c r="JKM652" s="613"/>
      <c r="JKN652" s="613"/>
      <c r="JKO652" s="613"/>
      <c r="JKP652" s="613"/>
      <c r="JKQ652" s="613"/>
      <c r="JKR652" s="613"/>
      <c r="JKS652" s="613"/>
      <c r="JKT652" s="613"/>
      <c r="JKU652" s="613"/>
      <c r="JKV652" s="613"/>
      <c r="JKW652" s="613"/>
      <c r="JKX652" s="613"/>
      <c r="JKY652" s="613"/>
      <c r="JKZ652" s="613"/>
      <c r="JLA652" s="613"/>
      <c r="JLB652" s="613"/>
      <c r="JLC652" s="613"/>
      <c r="JLD652" s="613"/>
      <c r="JLE652" s="613"/>
      <c r="JLF652" s="613"/>
      <c r="JLG652" s="613"/>
      <c r="JLH652" s="613"/>
      <c r="JLI652" s="613"/>
      <c r="JLJ652" s="613"/>
      <c r="JLK652" s="613"/>
      <c r="JLL652" s="613"/>
      <c r="JLM652" s="613"/>
      <c r="JLN652" s="613"/>
      <c r="JLO652" s="613"/>
      <c r="JLP652" s="613"/>
      <c r="JLQ652" s="613"/>
      <c r="JLR652" s="613"/>
      <c r="JLS652" s="613"/>
      <c r="JLT652" s="613"/>
      <c r="JLU652" s="613"/>
      <c r="JLV652" s="613"/>
      <c r="JLW652" s="613"/>
      <c r="JLX652" s="613"/>
      <c r="JLY652" s="613"/>
      <c r="JLZ652" s="613"/>
      <c r="JMA652" s="613"/>
      <c r="JMB652" s="613"/>
      <c r="JMC652" s="613"/>
      <c r="JMD652" s="613"/>
      <c r="JME652" s="613"/>
      <c r="JMF652" s="613"/>
      <c r="JMG652" s="613"/>
      <c r="JMH652" s="613"/>
      <c r="JMI652" s="613"/>
      <c r="JMJ652" s="613"/>
      <c r="JMK652" s="613"/>
      <c r="JML652" s="613"/>
      <c r="JMM652" s="613"/>
      <c r="JMN652" s="613"/>
      <c r="JMO652" s="613"/>
      <c r="JMP652" s="613"/>
      <c r="JMQ652" s="613"/>
      <c r="JMR652" s="613"/>
      <c r="JMS652" s="613"/>
      <c r="JMT652" s="613"/>
      <c r="JMU652" s="613"/>
      <c r="JMV652" s="613"/>
      <c r="JMW652" s="613"/>
      <c r="JMX652" s="613"/>
      <c r="JMY652" s="613"/>
      <c r="JMZ652" s="613"/>
      <c r="JNA652" s="613"/>
      <c r="JNB652" s="613"/>
      <c r="JNC652" s="613"/>
      <c r="JND652" s="613"/>
      <c r="JNE652" s="613"/>
      <c r="JNF652" s="613"/>
      <c r="JNG652" s="613"/>
      <c r="JNH652" s="613"/>
      <c r="JNI652" s="613"/>
      <c r="JNJ652" s="613"/>
      <c r="JNK652" s="613"/>
      <c r="JNL652" s="613"/>
      <c r="JNM652" s="613"/>
      <c r="JNN652" s="613"/>
      <c r="JNO652" s="613"/>
      <c r="JNP652" s="613"/>
      <c r="JNQ652" s="613"/>
      <c r="JNR652" s="613"/>
      <c r="JNS652" s="613"/>
      <c r="JNT652" s="613"/>
      <c r="JNU652" s="613"/>
      <c r="JNV652" s="613"/>
      <c r="JNW652" s="613"/>
      <c r="JNX652" s="613"/>
      <c r="JNY652" s="613"/>
      <c r="JNZ652" s="613"/>
      <c r="JOA652" s="613"/>
      <c r="JOB652" s="613"/>
      <c r="JOC652" s="613"/>
      <c r="JOD652" s="613"/>
      <c r="JOE652" s="613"/>
      <c r="JOF652" s="613"/>
      <c r="JOG652" s="613"/>
      <c r="JOH652" s="613"/>
      <c r="JOI652" s="613"/>
      <c r="JOJ652" s="613"/>
      <c r="JOK652" s="613"/>
      <c r="JOL652" s="613"/>
      <c r="JOM652" s="613"/>
      <c r="JON652" s="613"/>
      <c r="JOO652" s="613"/>
      <c r="JOP652" s="613"/>
      <c r="JOQ652" s="613"/>
      <c r="JOR652" s="613"/>
      <c r="JOS652" s="613"/>
      <c r="JOT652" s="613"/>
      <c r="JOU652" s="613"/>
      <c r="JOV652" s="613"/>
      <c r="JOW652" s="613"/>
      <c r="JOX652" s="613"/>
      <c r="JOY652" s="613"/>
      <c r="JOZ652" s="613"/>
      <c r="JPA652" s="613"/>
      <c r="JPB652" s="613"/>
      <c r="JPC652" s="613"/>
      <c r="JPD652" s="613"/>
      <c r="JPE652" s="613"/>
      <c r="JPF652" s="613"/>
      <c r="JPG652" s="613"/>
      <c r="JPH652" s="613"/>
      <c r="JPI652" s="613"/>
      <c r="JPJ652" s="613"/>
      <c r="JPK652" s="613"/>
      <c r="JPL652" s="613"/>
      <c r="JPM652" s="613"/>
      <c r="JPN652" s="613"/>
      <c r="JPO652" s="613"/>
      <c r="JPP652" s="613"/>
      <c r="JPQ652" s="613"/>
      <c r="JPR652" s="613"/>
      <c r="JPS652" s="613"/>
      <c r="JPT652" s="613"/>
      <c r="JPU652" s="613"/>
      <c r="JPV652" s="613"/>
      <c r="JPW652" s="613"/>
      <c r="JPX652" s="613"/>
      <c r="JPY652" s="613"/>
      <c r="JPZ652" s="613"/>
      <c r="JQA652" s="613"/>
      <c r="JQB652" s="613"/>
      <c r="JQC652" s="613"/>
      <c r="JQD652" s="613"/>
      <c r="JQE652" s="613"/>
      <c r="JQF652" s="613"/>
      <c r="JQG652" s="613"/>
      <c r="JQH652" s="613"/>
      <c r="JQI652" s="613"/>
      <c r="JQJ652" s="613"/>
      <c r="JQK652" s="613"/>
      <c r="JQL652" s="613"/>
      <c r="JQM652" s="613"/>
      <c r="JQN652" s="613"/>
      <c r="JQO652" s="613"/>
      <c r="JQP652" s="613"/>
      <c r="JQQ652" s="613"/>
      <c r="JQR652" s="613"/>
      <c r="JQS652" s="613"/>
      <c r="JQT652" s="613"/>
      <c r="JQU652" s="613"/>
      <c r="JQV652" s="613"/>
      <c r="JQW652" s="613"/>
      <c r="JQX652" s="613"/>
      <c r="JQY652" s="613"/>
      <c r="JQZ652" s="613"/>
      <c r="JRA652" s="613"/>
      <c r="JRB652" s="613"/>
      <c r="JRC652" s="613"/>
      <c r="JRD652" s="613"/>
      <c r="JRE652" s="613"/>
      <c r="JRF652" s="613"/>
      <c r="JRG652" s="613"/>
      <c r="JRH652" s="613"/>
      <c r="JRI652" s="613"/>
      <c r="JRJ652" s="613"/>
      <c r="JRK652" s="613"/>
      <c r="JRL652" s="613"/>
      <c r="JRM652" s="613"/>
      <c r="JRN652" s="613"/>
      <c r="JRO652" s="613"/>
      <c r="JRP652" s="613"/>
      <c r="JRQ652" s="613"/>
      <c r="JRR652" s="613"/>
      <c r="JRS652" s="613"/>
      <c r="JRT652" s="613"/>
      <c r="JRU652" s="613"/>
      <c r="JRV652" s="613"/>
      <c r="JRW652" s="613"/>
      <c r="JRX652" s="613"/>
      <c r="JRY652" s="613"/>
      <c r="JRZ652" s="613"/>
      <c r="JSA652" s="613"/>
      <c r="JSB652" s="613"/>
      <c r="JSC652" s="613"/>
      <c r="JSD652" s="613"/>
      <c r="JSE652" s="613"/>
      <c r="JSF652" s="613"/>
      <c r="JSG652" s="613"/>
      <c r="JSH652" s="613"/>
      <c r="JSI652" s="613"/>
      <c r="JSJ652" s="613"/>
      <c r="JSK652" s="613"/>
      <c r="JSL652" s="613"/>
      <c r="JSM652" s="613"/>
      <c r="JSN652" s="613"/>
      <c r="JSO652" s="613"/>
      <c r="JSP652" s="613"/>
      <c r="JSQ652" s="613"/>
      <c r="JSR652" s="613"/>
      <c r="JSS652" s="613"/>
      <c r="JST652" s="613"/>
      <c r="JSU652" s="613"/>
      <c r="JSV652" s="613"/>
      <c r="JSW652" s="613"/>
      <c r="JSX652" s="613"/>
      <c r="JSY652" s="613"/>
      <c r="JSZ652" s="613"/>
      <c r="JTA652" s="613"/>
      <c r="JTB652" s="613"/>
      <c r="JTC652" s="613"/>
      <c r="JTD652" s="613"/>
      <c r="JTE652" s="613"/>
      <c r="JTF652" s="613"/>
      <c r="JTG652" s="613"/>
      <c r="JTH652" s="613"/>
      <c r="JTI652" s="613"/>
      <c r="JTJ652" s="613"/>
      <c r="JTK652" s="613"/>
      <c r="JTL652" s="613"/>
      <c r="JTM652" s="613"/>
      <c r="JTN652" s="613"/>
      <c r="JTO652" s="613"/>
      <c r="JTP652" s="613"/>
      <c r="JTQ652" s="613"/>
      <c r="JTR652" s="613"/>
      <c r="JTS652" s="613"/>
      <c r="JTT652" s="613"/>
      <c r="JTU652" s="613"/>
      <c r="JTV652" s="613"/>
      <c r="JTW652" s="613"/>
      <c r="JTX652" s="613"/>
      <c r="JTY652" s="613"/>
      <c r="JTZ652" s="613"/>
      <c r="JUA652" s="613"/>
      <c r="JUB652" s="613"/>
      <c r="JUC652" s="613"/>
      <c r="JUD652" s="613"/>
      <c r="JUE652" s="613"/>
      <c r="JUF652" s="613"/>
      <c r="JUG652" s="613"/>
      <c r="JUH652" s="613"/>
      <c r="JUI652" s="613"/>
      <c r="JUJ652" s="613"/>
      <c r="JUK652" s="613"/>
      <c r="JUL652" s="613"/>
      <c r="JUM652" s="613"/>
      <c r="JUN652" s="613"/>
      <c r="JUO652" s="613"/>
      <c r="JUP652" s="613"/>
      <c r="JUQ652" s="613"/>
      <c r="JUR652" s="613"/>
      <c r="JUS652" s="613"/>
      <c r="JUT652" s="613"/>
      <c r="JUU652" s="613"/>
      <c r="JUV652" s="613"/>
      <c r="JUW652" s="613"/>
      <c r="JUX652" s="613"/>
      <c r="JUY652" s="613"/>
      <c r="JUZ652" s="613"/>
      <c r="JVA652" s="613"/>
      <c r="JVB652" s="613"/>
      <c r="JVC652" s="613"/>
      <c r="JVD652" s="613"/>
      <c r="JVE652" s="613"/>
      <c r="JVF652" s="613"/>
      <c r="JVG652" s="613"/>
      <c r="JVH652" s="613"/>
      <c r="JVI652" s="613"/>
      <c r="JVJ652" s="613"/>
      <c r="JVK652" s="613"/>
      <c r="JVL652" s="613"/>
      <c r="JVM652" s="613"/>
      <c r="JVN652" s="613"/>
      <c r="JVO652" s="613"/>
      <c r="JVP652" s="613"/>
      <c r="JVQ652" s="613"/>
      <c r="JVR652" s="613"/>
      <c r="JVS652" s="613"/>
      <c r="JVT652" s="613"/>
      <c r="JVU652" s="613"/>
      <c r="JVV652" s="613"/>
      <c r="JVW652" s="613"/>
      <c r="JVX652" s="613"/>
      <c r="JVY652" s="613"/>
      <c r="JVZ652" s="613"/>
      <c r="JWA652" s="613"/>
      <c r="JWB652" s="613"/>
      <c r="JWC652" s="613"/>
      <c r="JWD652" s="613"/>
      <c r="JWE652" s="613"/>
      <c r="JWF652" s="613"/>
      <c r="JWG652" s="613"/>
      <c r="JWH652" s="613"/>
      <c r="JWI652" s="613"/>
      <c r="JWJ652" s="613"/>
      <c r="JWK652" s="613"/>
      <c r="JWL652" s="613"/>
      <c r="JWM652" s="613"/>
      <c r="JWN652" s="613"/>
      <c r="JWO652" s="613"/>
      <c r="JWP652" s="613"/>
      <c r="JWQ652" s="613"/>
      <c r="JWR652" s="613"/>
      <c r="JWS652" s="613"/>
      <c r="JWT652" s="613"/>
      <c r="JWU652" s="613"/>
      <c r="JWV652" s="613"/>
      <c r="JWW652" s="613"/>
      <c r="JWX652" s="613"/>
      <c r="JWY652" s="613"/>
      <c r="JWZ652" s="613"/>
      <c r="JXA652" s="613"/>
      <c r="JXB652" s="613"/>
      <c r="JXC652" s="613"/>
      <c r="JXD652" s="613"/>
      <c r="JXE652" s="613"/>
      <c r="JXF652" s="613"/>
      <c r="JXG652" s="613"/>
      <c r="JXH652" s="613"/>
      <c r="JXI652" s="613"/>
      <c r="JXJ652" s="613"/>
      <c r="JXK652" s="613"/>
      <c r="JXL652" s="613"/>
      <c r="JXM652" s="613"/>
      <c r="JXN652" s="613"/>
      <c r="JXO652" s="613"/>
      <c r="JXP652" s="613"/>
      <c r="JXQ652" s="613"/>
      <c r="JXR652" s="613"/>
      <c r="JXS652" s="613"/>
      <c r="JXT652" s="613"/>
      <c r="JXU652" s="613"/>
      <c r="JXV652" s="613"/>
      <c r="JXW652" s="613"/>
      <c r="JXX652" s="613"/>
      <c r="JXY652" s="613"/>
      <c r="JXZ652" s="613"/>
      <c r="JYA652" s="613"/>
      <c r="JYB652" s="613"/>
      <c r="JYC652" s="613"/>
      <c r="JYD652" s="613"/>
      <c r="JYE652" s="613"/>
      <c r="JYF652" s="613"/>
      <c r="JYG652" s="613"/>
      <c r="JYH652" s="613"/>
      <c r="JYI652" s="613"/>
      <c r="JYJ652" s="613"/>
      <c r="JYK652" s="613"/>
      <c r="JYL652" s="613"/>
      <c r="JYM652" s="613"/>
      <c r="JYN652" s="613"/>
      <c r="JYO652" s="613"/>
      <c r="JYP652" s="613"/>
      <c r="JYQ652" s="613"/>
      <c r="JYR652" s="613"/>
      <c r="JYS652" s="613"/>
      <c r="JYT652" s="613"/>
      <c r="JYU652" s="613"/>
      <c r="JYV652" s="613"/>
      <c r="JYW652" s="613"/>
      <c r="JYX652" s="613"/>
      <c r="JYY652" s="613"/>
      <c r="JYZ652" s="613"/>
      <c r="JZA652" s="613"/>
      <c r="JZB652" s="613"/>
      <c r="JZC652" s="613"/>
      <c r="JZD652" s="613"/>
      <c r="JZE652" s="613"/>
      <c r="JZF652" s="613"/>
      <c r="JZG652" s="613"/>
      <c r="JZH652" s="613"/>
      <c r="JZI652" s="613"/>
      <c r="JZJ652" s="613"/>
      <c r="JZK652" s="613"/>
      <c r="JZL652" s="613"/>
      <c r="JZM652" s="613"/>
      <c r="JZN652" s="613"/>
      <c r="JZO652" s="613"/>
      <c r="JZP652" s="613"/>
      <c r="JZQ652" s="613"/>
      <c r="JZR652" s="613"/>
      <c r="JZS652" s="613"/>
      <c r="JZT652" s="613"/>
      <c r="JZU652" s="613"/>
      <c r="JZV652" s="613"/>
      <c r="JZW652" s="613"/>
      <c r="JZX652" s="613"/>
      <c r="JZY652" s="613"/>
      <c r="JZZ652" s="613"/>
      <c r="KAA652" s="613"/>
      <c r="KAB652" s="613"/>
      <c r="KAC652" s="613"/>
      <c r="KAD652" s="613"/>
      <c r="KAE652" s="613"/>
      <c r="KAF652" s="613"/>
      <c r="KAG652" s="613"/>
      <c r="KAH652" s="613"/>
      <c r="KAI652" s="613"/>
      <c r="KAJ652" s="613"/>
      <c r="KAK652" s="613"/>
      <c r="KAL652" s="613"/>
      <c r="KAM652" s="613"/>
      <c r="KAN652" s="613"/>
      <c r="KAO652" s="613"/>
      <c r="KAP652" s="613"/>
      <c r="KAQ652" s="613"/>
      <c r="KAR652" s="613"/>
      <c r="KAS652" s="613"/>
      <c r="KAT652" s="613"/>
      <c r="KAU652" s="613"/>
      <c r="KAV652" s="613"/>
      <c r="KAW652" s="613"/>
      <c r="KAX652" s="613"/>
      <c r="KAY652" s="613"/>
      <c r="KAZ652" s="613"/>
      <c r="KBA652" s="613"/>
      <c r="KBB652" s="613"/>
      <c r="KBC652" s="613"/>
      <c r="KBD652" s="613"/>
      <c r="KBE652" s="613"/>
      <c r="KBF652" s="613"/>
      <c r="KBG652" s="613"/>
      <c r="KBH652" s="613"/>
      <c r="KBI652" s="613"/>
      <c r="KBJ652" s="613"/>
      <c r="KBK652" s="613"/>
      <c r="KBL652" s="613"/>
      <c r="KBM652" s="613"/>
      <c r="KBN652" s="613"/>
      <c r="KBO652" s="613"/>
      <c r="KBP652" s="613"/>
      <c r="KBQ652" s="613"/>
      <c r="KBR652" s="613"/>
      <c r="KBS652" s="613"/>
      <c r="KBT652" s="613"/>
      <c r="KBU652" s="613"/>
      <c r="KBV652" s="613"/>
      <c r="KBW652" s="613"/>
      <c r="KBX652" s="613"/>
      <c r="KBY652" s="613"/>
      <c r="KBZ652" s="613"/>
      <c r="KCA652" s="613"/>
      <c r="KCB652" s="613"/>
      <c r="KCC652" s="613"/>
      <c r="KCD652" s="613"/>
      <c r="KCE652" s="613"/>
      <c r="KCF652" s="613"/>
      <c r="KCG652" s="613"/>
      <c r="KCH652" s="613"/>
      <c r="KCI652" s="613"/>
      <c r="KCJ652" s="613"/>
      <c r="KCK652" s="613"/>
      <c r="KCL652" s="613"/>
      <c r="KCM652" s="613"/>
      <c r="KCN652" s="613"/>
      <c r="KCO652" s="613"/>
      <c r="KCP652" s="613"/>
      <c r="KCQ652" s="613"/>
      <c r="KCR652" s="613"/>
      <c r="KCS652" s="613"/>
      <c r="KCT652" s="613"/>
      <c r="KCU652" s="613"/>
      <c r="KCV652" s="613"/>
      <c r="KCW652" s="613"/>
      <c r="KCX652" s="613"/>
      <c r="KCY652" s="613"/>
      <c r="KCZ652" s="613"/>
      <c r="KDA652" s="613"/>
      <c r="KDB652" s="613"/>
      <c r="KDC652" s="613"/>
      <c r="KDD652" s="613"/>
      <c r="KDE652" s="613"/>
      <c r="KDF652" s="613"/>
      <c r="KDG652" s="613"/>
      <c r="KDH652" s="613"/>
      <c r="KDI652" s="613"/>
      <c r="KDJ652" s="613"/>
      <c r="KDK652" s="613"/>
      <c r="KDL652" s="613"/>
      <c r="KDM652" s="613"/>
      <c r="KDN652" s="613"/>
      <c r="KDO652" s="613"/>
      <c r="KDP652" s="613"/>
      <c r="KDQ652" s="613"/>
      <c r="KDR652" s="613"/>
      <c r="KDS652" s="613"/>
      <c r="KDT652" s="613"/>
      <c r="KDU652" s="613"/>
      <c r="KDV652" s="613"/>
      <c r="KDW652" s="613"/>
      <c r="KDX652" s="613"/>
      <c r="KDY652" s="613"/>
      <c r="KDZ652" s="613"/>
      <c r="KEA652" s="613"/>
      <c r="KEB652" s="613"/>
      <c r="KEC652" s="613"/>
      <c r="KED652" s="613"/>
      <c r="KEE652" s="613"/>
      <c r="KEF652" s="613"/>
      <c r="KEG652" s="613"/>
      <c r="KEH652" s="613"/>
      <c r="KEI652" s="613"/>
      <c r="KEJ652" s="613"/>
      <c r="KEK652" s="613"/>
      <c r="KEL652" s="613"/>
      <c r="KEM652" s="613"/>
      <c r="KEN652" s="613"/>
      <c r="KEO652" s="613"/>
      <c r="KEP652" s="613"/>
      <c r="KEQ652" s="613"/>
      <c r="KER652" s="613"/>
      <c r="KES652" s="613"/>
      <c r="KET652" s="613"/>
      <c r="KEU652" s="613"/>
      <c r="KEV652" s="613"/>
      <c r="KEW652" s="613"/>
      <c r="KEX652" s="613"/>
      <c r="KEY652" s="613"/>
      <c r="KEZ652" s="613"/>
      <c r="KFA652" s="613"/>
      <c r="KFB652" s="613"/>
      <c r="KFC652" s="613"/>
      <c r="KFD652" s="613"/>
      <c r="KFE652" s="613"/>
      <c r="KFF652" s="613"/>
      <c r="KFG652" s="613"/>
      <c r="KFH652" s="613"/>
      <c r="KFI652" s="613"/>
      <c r="KFJ652" s="613"/>
      <c r="KFK652" s="613"/>
      <c r="KFL652" s="613"/>
      <c r="KFM652" s="613"/>
      <c r="KFN652" s="613"/>
      <c r="KFO652" s="613"/>
      <c r="KFP652" s="613"/>
      <c r="KFQ652" s="613"/>
      <c r="KFR652" s="613"/>
      <c r="KFS652" s="613"/>
      <c r="KFT652" s="613"/>
      <c r="KFU652" s="613"/>
      <c r="KFV652" s="613"/>
      <c r="KFW652" s="613"/>
      <c r="KFX652" s="613"/>
      <c r="KFY652" s="613"/>
      <c r="KFZ652" s="613"/>
      <c r="KGA652" s="613"/>
      <c r="KGB652" s="613"/>
      <c r="KGC652" s="613"/>
      <c r="KGD652" s="613"/>
      <c r="KGE652" s="613"/>
      <c r="KGF652" s="613"/>
      <c r="KGG652" s="613"/>
      <c r="KGH652" s="613"/>
      <c r="KGI652" s="613"/>
      <c r="KGJ652" s="613"/>
      <c r="KGK652" s="613"/>
      <c r="KGL652" s="613"/>
      <c r="KGM652" s="613"/>
      <c r="KGN652" s="613"/>
      <c r="KGO652" s="613"/>
      <c r="KGP652" s="613"/>
      <c r="KGQ652" s="613"/>
      <c r="KGR652" s="613"/>
      <c r="KGS652" s="613"/>
      <c r="KGT652" s="613"/>
      <c r="KGU652" s="613"/>
      <c r="KGV652" s="613"/>
      <c r="KGW652" s="613"/>
      <c r="KGX652" s="613"/>
      <c r="KGY652" s="613"/>
      <c r="KGZ652" s="613"/>
      <c r="KHA652" s="613"/>
      <c r="KHB652" s="613"/>
      <c r="KHC652" s="613"/>
      <c r="KHD652" s="613"/>
      <c r="KHE652" s="613"/>
      <c r="KHF652" s="613"/>
      <c r="KHG652" s="613"/>
      <c r="KHH652" s="613"/>
      <c r="KHI652" s="613"/>
      <c r="KHJ652" s="613"/>
      <c r="KHK652" s="613"/>
      <c r="KHL652" s="613"/>
      <c r="KHM652" s="613"/>
      <c r="KHN652" s="613"/>
      <c r="KHO652" s="613"/>
      <c r="KHP652" s="613"/>
      <c r="KHQ652" s="613"/>
      <c r="KHR652" s="613"/>
      <c r="KHS652" s="613"/>
      <c r="KHT652" s="613"/>
      <c r="KHU652" s="613"/>
      <c r="KHV652" s="613"/>
      <c r="KHW652" s="613"/>
      <c r="KHX652" s="613"/>
      <c r="KHY652" s="613"/>
      <c r="KHZ652" s="613"/>
      <c r="KIA652" s="613"/>
      <c r="KIB652" s="613"/>
      <c r="KIC652" s="613"/>
      <c r="KID652" s="613"/>
      <c r="KIE652" s="613"/>
      <c r="KIF652" s="613"/>
      <c r="KIG652" s="613"/>
      <c r="KIH652" s="613"/>
      <c r="KII652" s="613"/>
      <c r="KIJ652" s="613"/>
      <c r="KIK652" s="613"/>
      <c r="KIL652" s="613"/>
      <c r="KIM652" s="613"/>
      <c r="KIN652" s="613"/>
      <c r="KIO652" s="613"/>
      <c r="KIP652" s="613"/>
      <c r="KIQ652" s="613"/>
      <c r="KIR652" s="613"/>
      <c r="KIS652" s="613"/>
      <c r="KIT652" s="613"/>
      <c r="KIU652" s="613"/>
      <c r="KIV652" s="613"/>
      <c r="KIW652" s="613"/>
      <c r="KIX652" s="613"/>
      <c r="KIY652" s="613"/>
      <c r="KIZ652" s="613"/>
      <c r="KJA652" s="613"/>
      <c r="KJB652" s="613"/>
      <c r="KJC652" s="613"/>
      <c r="KJD652" s="613"/>
      <c r="KJE652" s="613"/>
      <c r="KJF652" s="613"/>
      <c r="KJG652" s="613"/>
      <c r="KJH652" s="613"/>
      <c r="KJI652" s="613"/>
      <c r="KJJ652" s="613"/>
      <c r="KJK652" s="613"/>
      <c r="KJL652" s="613"/>
      <c r="KJM652" s="613"/>
      <c r="KJN652" s="613"/>
      <c r="KJO652" s="613"/>
      <c r="KJP652" s="613"/>
      <c r="KJQ652" s="613"/>
      <c r="KJR652" s="613"/>
      <c r="KJS652" s="613"/>
      <c r="KJT652" s="613"/>
      <c r="KJU652" s="613"/>
      <c r="KJV652" s="613"/>
      <c r="KJW652" s="613"/>
      <c r="KJX652" s="613"/>
      <c r="KJY652" s="613"/>
      <c r="KJZ652" s="613"/>
      <c r="KKA652" s="613"/>
      <c r="KKB652" s="613"/>
      <c r="KKC652" s="613"/>
      <c r="KKD652" s="613"/>
      <c r="KKE652" s="613"/>
      <c r="KKF652" s="613"/>
      <c r="KKG652" s="613"/>
      <c r="KKH652" s="613"/>
      <c r="KKI652" s="613"/>
      <c r="KKJ652" s="613"/>
      <c r="KKK652" s="613"/>
      <c r="KKL652" s="613"/>
      <c r="KKM652" s="613"/>
      <c r="KKN652" s="613"/>
      <c r="KKO652" s="613"/>
      <c r="KKP652" s="613"/>
      <c r="KKQ652" s="613"/>
      <c r="KKR652" s="613"/>
      <c r="KKS652" s="613"/>
      <c r="KKT652" s="613"/>
      <c r="KKU652" s="613"/>
      <c r="KKV652" s="613"/>
      <c r="KKW652" s="613"/>
      <c r="KKX652" s="613"/>
      <c r="KKY652" s="613"/>
      <c r="KKZ652" s="613"/>
      <c r="KLA652" s="613"/>
      <c r="KLB652" s="613"/>
      <c r="KLC652" s="613"/>
      <c r="KLD652" s="613"/>
      <c r="KLE652" s="613"/>
      <c r="KLF652" s="613"/>
      <c r="KLG652" s="613"/>
      <c r="KLH652" s="613"/>
      <c r="KLI652" s="613"/>
      <c r="KLJ652" s="613"/>
      <c r="KLK652" s="613"/>
      <c r="KLL652" s="613"/>
      <c r="KLM652" s="613"/>
      <c r="KLN652" s="613"/>
      <c r="KLO652" s="613"/>
      <c r="KLP652" s="613"/>
      <c r="KLQ652" s="613"/>
      <c r="KLR652" s="613"/>
      <c r="KLS652" s="613"/>
      <c r="KLT652" s="613"/>
      <c r="KLU652" s="613"/>
      <c r="KLV652" s="613"/>
      <c r="KLW652" s="613"/>
      <c r="KLX652" s="613"/>
      <c r="KLY652" s="613"/>
      <c r="KLZ652" s="613"/>
      <c r="KMA652" s="613"/>
      <c r="KMB652" s="613"/>
      <c r="KMC652" s="613"/>
      <c r="KMD652" s="613"/>
      <c r="KME652" s="613"/>
      <c r="KMF652" s="613"/>
      <c r="KMG652" s="613"/>
      <c r="KMH652" s="613"/>
      <c r="KMI652" s="613"/>
      <c r="KMJ652" s="613"/>
      <c r="KMK652" s="613"/>
      <c r="KML652" s="613"/>
      <c r="KMM652" s="613"/>
      <c r="KMN652" s="613"/>
      <c r="KMO652" s="613"/>
      <c r="KMP652" s="613"/>
      <c r="KMQ652" s="613"/>
      <c r="KMR652" s="613"/>
      <c r="KMS652" s="613"/>
      <c r="KMT652" s="613"/>
      <c r="KMU652" s="613"/>
      <c r="KMV652" s="613"/>
      <c r="KMW652" s="613"/>
      <c r="KMX652" s="613"/>
      <c r="KMY652" s="613"/>
      <c r="KMZ652" s="613"/>
      <c r="KNA652" s="613"/>
      <c r="KNB652" s="613"/>
      <c r="KNC652" s="613"/>
      <c r="KND652" s="613"/>
      <c r="KNE652" s="613"/>
      <c r="KNF652" s="613"/>
      <c r="KNG652" s="613"/>
      <c r="KNH652" s="613"/>
      <c r="KNI652" s="613"/>
      <c r="KNJ652" s="613"/>
      <c r="KNK652" s="613"/>
      <c r="KNL652" s="613"/>
      <c r="KNM652" s="613"/>
      <c r="KNN652" s="613"/>
      <c r="KNO652" s="613"/>
      <c r="KNP652" s="613"/>
      <c r="KNQ652" s="613"/>
      <c r="KNR652" s="613"/>
      <c r="KNS652" s="613"/>
      <c r="KNT652" s="613"/>
      <c r="KNU652" s="613"/>
      <c r="KNV652" s="613"/>
      <c r="KNW652" s="613"/>
      <c r="KNX652" s="613"/>
      <c r="KNY652" s="613"/>
      <c r="KNZ652" s="613"/>
      <c r="KOA652" s="613"/>
      <c r="KOB652" s="613"/>
      <c r="KOC652" s="613"/>
      <c r="KOD652" s="613"/>
      <c r="KOE652" s="613"/>
      <c r="KOF652" s="613"/>
      <c r="KOG652" s="613"/>
      <c r="KOH652" s="613"/>
      <c r="KOI652" s="613"/>
      <c r="KOJ652" s="613"/>
      <c r="KOK652" s="613"/>
      <c r="KOL652" s="613"/>
      <c r="KOM652" s="613"/>
      <c r="KON652" s="613"/>
      <c r="KOO652" s="613"/>
      <c r="KOP652" s="613"/>
      <c r="KOQ652" s="613"/>
      <c r="KOR652" s="613"/>
      <c r="KOS652" s="613"/>
      <c r="KOT652" s="613"/>
      <c r="KOU652" s="613"/>
      <c r="KOV652" s="613"/>
      <c r="KOW652" s="613"/>
      <c r="KOX652" s="613"/>
      <c r="KOY652" s="613"/>
      <c r="KOZ652" s="613"/>
      <c r="KPA652" s="613"/>
      <c r="KPB652" s="613"/>
      <c r="KPC652" s="613"/>
      <c r="KPD652" s="613"/>
      <c r="KPE652" s="613"/>
      <c r="KPF652" s="613"/>
      <c r="KPG652" s="613"/>
      <c r="KPH652" s="613"/>
      <c r="KPI652" s="613"/>
      <c r="KPJ652" s="613"/>
      <c r="KPK652" s="613"/>
      <c r="KPL652" s="613"/>
      <c r="KPM652" s="613"/>
      <c r="KPN652" s="613"/>
      <c r="KPO652" s="613"/>
      <c r="KPP652" s="613"/>
      <c r="KPQ652" s="613"/>
      <c r="KPR652" s="613"/>
      <c r="KPS652" s="613"/>
      <c r="KPT652" s="613"/>
      <c r="KPU652" s="613"/>
      <c r="KPV652" s="613"/>
      <c r="KPW652" s="613"/>
      <c r="KPX652" s="613"/>
      <c r="KPY652" s="613"/>
      <c r="KPZ652" s="613"/>
      <c r="KQA652" s="613"/>
      <c r="KQB652" s="613"/>
      <c r="KQC652" s="613"/>
      <c r="KQD652" s="613"/>
      <c r="KQE652" s="613"/>
      <c r="KQF652" s="613"/>
      <c r="KQG652" s="613"/>
      <c r="KQH652" s="613"/>
      <c r="KQI652" s="613"/>
      <c r="KQJ652" s="613"/>
      <c r="KQK652" s="613"/>
      <c r="KQL652" s="613"/>
      <c r="KQM652" s="613"/>
      <c r="KQN652" s="613"/>
      <c r="KQO652" s="613"/>
      <c r="KQP652" s="613"/>
      <c r="KQQ652" s="613"/>
      <c r="KQR652" s="613"/>
      <c r="KQS652" s="613"/>
      <c r="KQT652" s="613"/>
      <c r="KQU652" s="613"/>
      <c r="KQV652" s="613"/>
      <c r="KQW652" s="613"/>
      <c r="KQX652" s="613"/>
      <c r="KQY652" s="613"/>
      <c r="KQZ652" s="613"/>
      <c r="KRA652" s="613"/>
      <c r="KRB652" s="613"/>
      <c r="KRC652" s="613"/>
      <c r="KRD652" s="613"/>
      <c r="KRE652" s="613"/>
      <c r="KRF652" s="613"/>
      <c r="KRG652" s="613"/>
      <c r="KRH652" s="613"/>
      <c r="KRI652" s="613"/>
      <c r="KRJ652" s="613"/>
      <c r="KRK652" s="613"/>
      <c r="KRL652" s="613"/>
      <c r="KRM652" s="613"/>
      <c r="KRN652" s="613"/>
      <c r="KRO652" s="613"/>
      <c r="KRP652" s="613"/>
      <c r="KRQ652" s="613"/>
      <c r="KRR652" s="613"/>
      <c r="KRS652" s="613"/>
      <c r="KRT652" s="613"/>
      <c r="KRU652" s="613"/>
      <c r="KRV652" s="613"/>
      <c r="KRW652" s="613"/>
      <c r="KRX652" s="613"/>
      <c r="KRY652" s="613"/>
      <c r="KRZ652" s="613"/>
      <c r="KSA652" s="613"/>
      <c r="KSB652" s="613"/>
      <c r="KSC652" s="613"/>
      <c r="KSD652" s="613"/>
      <c r="KSE652" s="613"/>
      <c r="KSF652" s="613"/>
      <c r="KSG652" s="613"/>
      <c r="KSH652" s="613"/>
      <c r="KSI652" s="613"/>
      <c r="KSJ652" s="613"/>
      <c r="KSK652" s="613"/>
      <c r="KSL652" s="613"/>
      <c r="KSM652" s="613"/>
      <c r="KSN652" s="613"/>
      <c r="KSO652" s="613"/>
      <c r="KSP652" s="613"/>
      <c r="KSQ652" s="613"/>
      <c r="KSR652" s="613"/>
      <c r="KSS652" s="613"/>
      <c r="KST652" s="613"/>
      <c r="KSU652" s="613"/>
      <c r="KSV652" s="613"/>
      <c r="KSW652" s="613"/>
      <c r="KSX652" s="613"/>
      <c r="KSY652" s="613"/>
      <c r="KSZ652" s="613"/>
      <c r="KTA652" s="613"/>
      <c r="KTB652" s="613"/>
      <c r="KTC652" s="613"/>
      <c r="KTD652" s="613"/>
      <c r="KTE652" s="613"/>
      <c r="KTF652" s="613"/>
      <c r="KTG652" s="613"/>
      <c r="KTH652" s="613"/>
      <c r="KTI652" s="613"/>
      <c r="KTJ652" s="613"/>
      <c r="KTK652" s="613"/>
      <c r="KTL652" s="613"/>
      <c r="KTM652" s="613"/>
      <c r="KTN652" s="613"/>
      <c r="KTO652" s="613"/>
      <c r="KTP652" s="613"/>
      <c r="KTQ652" s="613"/>
      <c r="KTR652" s="613"/>
      <c r="KTS652" s="613"/>
      <c r="KTT652" s="613"/>
      <c r="KTU652" s="613"/>
      <c r="KTV652" s="613"/>
      <c r="KTW652" s="613"/>
      <c r="KTX652" s="613"/>
      <c r="KTY652" s="613"/>
      <c r="KTZ652" s="613"/>
      <c r="KUA652" s="613"/>
      <c r="KUB652" s="613"/>
      <c r="KUC652" s="613"/>
      <c r="KUD652" s="613"/>
      <c r="KUE652" s="613"/>
      <c r="KUF652" s="613"/>
      <c r="KUG652" s="613"/>
      <c r="KUH652" s="613"/>
      <c r="KUI652" s="613"/>
      <c r="KUJ652" s="613"/>
      <c r="KUK652" s="613"/>
      <c r="KUL652" s="613"/>
      <c r="KUM652" s="613"/>
      <c r="KUN652" s="613"/>
      <c r="KUO652" s="613"/>
      <c r="KUP652" s="613"/>
      <c r="KUQ652" s="613"/>
      <c r="KUR652" s="613"/>
      <c r="KUS652" s="613"/>
      <c r="KUT652" s="613"/>
      <c r="KUU652" s="613"/>
      <c r="KUV652" s="613"/>
      <c r="KUW652" s="613"/>
      <c r="KUX652" s="613"/>
      <c r="KUY652" s="613"/>
      <c r="KUZ652" s="613"/>
      <c r="KVA652" s="613"/>
      <c r="KVB652" s="613"/>
      <c r="KVC652" s="613"/>
      <c r="KVD652" s="613"/>
      <c r="KVE652" s="613"/>
      <c r="KVF652" s="613"/>
      <c r="KVG652" s="613"/>
      <c r="KVH652" s="613"/>
      <c r="KVI652" s="613"/>
      <c r="KVJ652" s="613"/>
      <c r="KVK652" s="613"/>
      <c r="KVL652" s="613"/>
      <c r="KVM652" s="613"/>
      <c r="KVN652" s="613"/>
      <c r="KVO652" s="613"/>
      <c r="KVP652" s="613"/>
      <c r="KVQ652" s="613"/>
      <c r="KVR652" s="613"/>
      <c r="KVS652" s="613"/>
      <c r="KVT652" s="613"/>
      <c r="KVU652" s="613"/>
      <c r="KVV652" s="613"/>
      <c r="KVW652" s="613"/>
      <c r="KVX652" s="613"/>
      <c r="KVY652" s="613"/>
      <c r="KVZ652" s="613"/>
      <c r="KWA652" s="613"/>
      <c r="KWB652" s="613"/>
      <c r="KWC652" s="613"/>
      <c r="KWD652" s="613"/>
      <c r="KWE652" s="613"/>
      <c r="KWF652" s="613"/>
      <c r="KWG652" s="613"/>
      <c r="KWH652" s="613"/>
      <c r="KWI652" s="613"/>
      <c r="KWJ652" s="613"/>
      <c r="KWK652" s="613"/>
      <c r="KWL652" s="613"/>
      <c r="KWM652" s="613"/>
      <c r="KWN652" s="613"/>
      <c r="KWO652" s="613"/>
      <c r="KWP652" s="613"/>
      <c r="KWQ652" s="613"/>
      <c r="KWR652" s="613"/>
      <c r="KWS652" s="613"/>
      <c r="KWT652" s="613"/>
      <c r="KWU652" s="613"/>
      <c r="KWV652" s="613"/>
      <c r="KWW652" s="613"/>
      <c r="KWX652" s="613"/>
      <c r="KWY652" s="613"/>
      <c r="KWZ652" s="613"/>
      <c r="KXA652" s="613"/>
      <c r="KXB652" s="613"/>
      <c r="KXC652" s="613"/>
      <c r="KXD652" s="613"/>
      <c r="KXE652" s="613"/>
      <c r="KXF652" s="613"/>
      <c r="KXG652" s="613"/>
      <c r="KXH652" s="613"/>
      <c r="KXI652" s="613"/>
      <c r="KXJ652" s="613"/>
      <c r="KXK652" s="613"/>
      <c r="KXL652" s="613"/>
      <c r="KXM652" s="613"/>
      <c r="KXN652" s="613"/>
      <c r="KXO652" s="613"/>
      <c r="KXP652" s="613"/>
      <c r="KXQ652" s="613"/>
      <c r="KXR652" s="613"/>
      <c r="KXS652" s="613"/>
      <c r="KXT652" s="613"/>
      <c r="KXU652" s="613"/>
      <c r="KXV652" s="613"/>
      <c r="KXW652" s="613"/>
      <c r="KXX652" s="613"/>
      <c r="KXY652" s="613"/>
      <c r="KXZ652" s="613"/>
      <c r="KYA652" s="613"/>
      <c r="KYB652" s="613"/>
      <c r="KYC652" s="613"/>
      <c r="KYD652" s="613"/>
      <c r="KYE652" s="613"/>
      <c r="KYF652" s="613"/>
      <c r="KYG652" s="613"/>
      <c r="KYH652" s="613"/>
      <c r="KYI652" s="613"/>
      <c r="KYJ652" s="613"/>
      <c r="KYK652" s="613"/>
      <c r="KYL652" s="613"/>
      <c r="KYM652" s="613"/>
      <c r="KYN652" s="613"/>
      <c r="KYO652" s="613"/>
      <c r="KYP652" s="613"/>
      <c r="KYQ652" s="613"/>
      <c r="KYR652" s="613"/>
      <c r="KYS652" s="613"/>
      <c r="KYT652" s="613"/>
      <c r="KYU652" s="613"/>
      <c r="KYV652" s="613"/>
      <c r="KYW652" s="613"/>
      <c r="KYX652" s="613"/>
      <c r="KYY652" s="613"/>
      <c r="KYZ652" s="613"/>
      <c r="KZA652" s="613"/>
      <c r="KZB652" s="613"/>
      <c r="KZC652" s="613"/>
      <c r="KZD652" s="613"/>
      <c r="KZE652" s="613"/>
      <c r="KZF652" s="613"/>
      <c r="KZG652" s="613"/>
      <c r="KZH652" s="613"/>
      <c r="KZI652" s="613"/>
      <c r="KZJ652" s="613"/>
      <c r="KZK652" s="613"/>
      <c r="KZL652" s="613"/>
      <c r="KZM652" s="613"/>
      <c r="KZN652" s="613"/>
      <c r="KZO652" s="613"/>
      <c r="KZP652" s="613"/>
      <c r="KZQ652" s="613"/>
      <c r="KZR652" s="613"/>
      <c r="KZS652" s="613"/>
      <c r="KZT652" s="613"/>
      <c r="KZU652" s="613"/>
      <c r="KZV652" s="613"/>
      <c r="KZW652" s="613"/>
      <c r="KZX652" s="613"/>
      <c r="KZY652" s="613"/>
      <c r="KZZ652" s="613"/>
      <c r="LAA652" s="613"/>
      <c r="LAB652" s="613"/>
      <c r="LAC652" s="613"/>
      <c r="LAD652" s="613"/>
      <c r="LAE652" s="613"/>
      <c r="LAF652" s="613"/>
      <c r="LAG652" s="613"/>
      <c r="LAH652" s="613"/>
      <c r="LAI652" s="613"/>
      <c r="LAJ652" s="613"/>
      <c r="LAK652" s="613"/>
      <c r="LAL652" s="613"/>
      <c r="LAM652" s="613"/>
      <c r="LAN652" s="613"/>
      <c r="LAO652" s="613"/>
      <c r="LAP652" s="613"/>
      <c r="LAQ652" s="613"/>
      <c r="LAR652" s="613"/>
      <c r="LAS652" s="613"/>
      <c r="LAT652" s="613"/>
      <c r="LAU652" s="613"/>
      <c r="LAV652" s="613"/>
      <c r="LAW652" s="613"/>
      <c r="LAX652" s="613"/>
      <c r="LAY652" s="613"/>
      <c r="LAZ652" s="613"/>
      <c r="LBA652" s="613"/>
      <c r="LBB652" s="613"/>
      <c r="LBC652" s="613"/>
      <c r="LBD652" s="613"/>
      <c r="LBE652" s="613"/>
      <c r="LBF652" s="613"/>
      <c r="LBG652" s="613"/>
      <c r="LBH652" s="613"/>
      <c r="LBI652" s="613"/>
      <c r="LBJ652" s="613"/>
      <c r="LBK652" s="613"/>
      <c r="LBL652" s="613"/>
      <c r="LBM652" s="613"/>
      <c r="LBN652" s="613"/>
      <c r="LBO652" s="613"/>
      <c r="LBP652" s="613"/>
      <c r="LBQ652" s="613"/>
      <c r="LBR652" s="613"/>
      <c r="LBS652" s="613"/>
      <c r="LBT652" s="613"/>
      <c r="LBU652" s="613"/>
      <c r="LBV652" s="613"/>
      <c r="LBW652" s="613"/>
      <c r="LBX652" s="613"/>
      <c r="LBY652" s="613"/>
      <c r="LBZ652" s="613"/>
      <c r="LCA652" s="613"/>
      <c r="LCB652" s="613"/>
      <c r="LCC652" s="613"/>
      <c r="LCD652" s="613"/>
      <c r="LCE652" s="613"/>
      <c r="LCF652" s="613"/>
      <c r="LCG652" s="613"/>
      <c r="LCH652" s="613"/>
      <c r="LCI652" s="613"/>
      <c r="LCJ652" s="613"/>
      <c r="LCK652" s="613"/>
      <c r="LCL652" s="613"/>
      <c r="LCM652" s="613"/>
      <c r="LCN652" s="613"/>
      <c r="LCO652" s="613"/>
      <c r="LCP652" s="613"/>
      <c r="LCQ652" s="613"/>
      <c r="LCR652" s="613"/>
      <c r="LCS652" s="613"/>
      <c r="LCT652" s="613"/>
      <c r="LCU652" s="613"/>
      <c r="LCV652" s="613"/>
      <c r="LCW652" s="613"/>
      <c r="LCX652" s="613"/>
      <c r="LCY652" s="613"/>
      <c r="LCZ652" s="613"/>
      <c r="LDA652" s="613"/>
      <c r="LDB652" s="613"/>
      <c r="LDC652" s="613"/>
      <c r="LDD652" s="613"/>
      <c r="LDE652" s="613"/>
      <c r="LDF652" s="613"/>
      <c r="LDG652" s="613"/>
      <c r="LDH652" s="613"/>
      <c r="LDI652" s="613"/>
      <c r="LDJ652" s="613"/>
      <c r="LDK652" s="613"/>
      <c r="LDL652" s="613"/>
      <c r="LDM652" s="613"/>
      <c r="LDN652" s="613"/>
      <c r="LDO652" s="613"/>
      <c r="LDP652" s="613"/>
      <c r="LDQ652" s="613"/>
      <c r="LDR652" s="613"/>
      <c r="LDS652" s="613"/>
      <c r="LDT652" s="613"/>
      <c r="LDU652" s="613"/>
      <c r="LDV652" s="613"/>
      <c r="LDW652" s="613"/>
      <c r="LDX652" s="613"/>
      <c r="LDY652" s="613"/>
      <c r="LDZ652" s="613"/>
      <c r="LEA652" s="613"/>
      <c r="LEB652" s="613"/>
      <c r="LEC652" s="613"/>
      <c r="LED652" s="613"/>
      <c r="LEE652" s="613"/>
      <c r="LEF652" s="613"/>
      <c r="LEG652" s="613"/>
      <c r="LEH652" s="613"/>
      <c r="LEI652" s="613"/>
      <c r="LEJ652" s="613"/>
      <c r="LEK652" s="613"/>
      <c r="LEL652" s="613"/>
      <c r="LEM652" s="613"/>
      <c r="LEN652" s="613"/>
      <c r="LEO652" s="613"/>
      <c r="LEP652" s="613"/>
      <c r="LEQ652" s="613"/>
      <c r="LER652" s="613"/>
      <c r="LES652" s="613"/>
      <c r="LET652" s="613"/>
      <c r="LEU652" s="613"/>
      <c r="LEV652" s="613"/>
      <c r="LEW652" s="613"/>
      <c r="LEX652" s="613"/>
      <c r="LEY652" s="613"/>
      <c r="LEZ652" s="613"/>
      <c r="LFA652" s="613"/>
      <c r="LFB652" s="613"/>
      <c r="LFC652" s="613"/>
      <c r="LFD652" s="613"/>
      <c r="LFE652" s="613"/>
      <c r="LFF652" s="613"/>
      <c r="LFG652" s="613"/>
      <c r="LFH652" s="613"/>
      <c r="LFI652" s="613"/>
      <c r="LFJ652" s="613"/>
      <c r="LFK652" s="613"/>
      <c r="LFL652" s="613"/>
      <c r="LFM652" s="613"/>
      <c r="LFN652" s="613"/>
      <c r="LFO652" s="613"/>
      <c r="LFP652" s="613"/>
      <c r="LFQ652" s="613"/>
      <c r="LFR652" s="613"/>
      <c r="LFS652" s="613"/>
      <c r="LFT652" s="613"/>
      <c r="LFU652" s="613"/>
      <c r="LFV652" s="613"/>
      <c r="LFW652" s="613"/>
      <c r="LFX652" s="613"/>
      <c r="LFY652" s="613"/>
      <c r="LFZ652" s="613"/>
      <c r="LGA652" s="613"/>
      <c r="LGB652" s="613"/>
      <c r="LGC652" s="613"/>
      <c r="LGD652" s="613"/>
      <c r="LGE652" s="613"/>
      <c r="LGF652" s="613"/>
      <c r="LGG652" s="613"/>
      <c r="LGH652" s="613"/>
      <c r="LGI652" s="613"/>
      <c r="LGJ652" s="613"/>
      <c r="LGK652" s="613"/>
      <c r="LGL652" s="613"/>
      <c r="LGM652" s="613"/>
      <c r="LGN652" s="613"/>
      <c r="LGO652" s="613"/>
      <c r="LGP652" s="613"/>
      <c r="LGQ652" s="613"/>
      <c r="LGR652" s="613"/>
      <c r="LGS652" s="613"/>
      <c r="LGT652" s="613"/>
      <c r="LGU652" s="613"/>
      <c r="LGV652" s="613"/>
      <c r="LGW652" s="613"/>
      <c r="LGX652" s="613"/>
      <c r="LGY652" s="613"/>
      <c r="LGZ652" s="613"/>
      <c r="LHA652" s="613"/>
      <c r="LHB652" s="613"/>
      <c r="LHC652" s="613"/>
      <c r="LHD652" s="613"/>
      <c r="LHE652" s="613"/>
      <c r="LHF652" s="613"/>
      <c r="LHG652" s="613"/>
      <c r="LHH652" s="613"/>
      <c r="LHI652" s="613"/>
      <c r="LHJ652" s="613"/>
      <c r="LHK652" s="613"/>
      <c r="LHL652" s="613"/>
      <c r="LHM652" s="613"/>
      <c r="LHN652" s="613"/>
      <c r="LHO652" s="613"/>
      <c r="LHP652" s="613"/>
      <c r="LHQ652" s="613"/>
      <c r="LHR652" s="613"/>
      <c r="LHS652" s="613"/>
      <c r="LHT652" s="613"/>
      <c r="LHU652" s="613"/>
      <c r="LHV652" s="613"/>
      <c r="LHW652" s="613"/>
      <c r="LHX652" s="613"/>
      <c r="LHY652" s="613"/>
      <c r="LHZ652" s="613"/>
      <c r="LIA652" s="613"/>
      <c r="LIB652" s="613"/>
      <c r="LIC652" s="613"/>
      <c r="LID652" s="613"/>
      <c r="LIE652" s="613"/>
      <c r="LIF652" s="613"/>
      <c r="LIG652" s="613"/>
      <c r="LIH652" s="613"/>
      <c r="LII652" s="613"/>
      <c r="LIJ652" s="613"/>
      <c r="LIK652" s="613"/>
      <c r="LIL652" s="613"/>
      <c r="LIM652" s="613"/>
      <c r="LIN652" s="613"/>
      <c r="LIO652" s="613"/>
      <c r="LIP652" s="613"/>
      <c r="LIQ652" s="613"/>
      <c r="LIR652" s="613"/>
      <c r="LIS652" s="613"/>
      <c r="LIT652" s="613"/>
      <c r="LIU652" s="613"/>
      <c r="LIV652" s="613"/>
      <c r="LIW652" s="613"/>
      <c r="LIX652" s="613"/>
      <c r="LIY652" s="613"/>
      <c r="LIZ652" s="613"/>
      <c r="LJA652" s="613"/>
      <c r="LJB652" s="613"/>
      <c r="LJC652" s="613"/>
      <c r="LJD652" s="613"/>
      <c r="LJE652" s="613"/>
      <c r="LJF652" s="613"/>
      <c r="LJG652" s="613"/>
      <c r="LJH652" s="613"/>
      <c r="LJI652" s="613"/>
      <c r="LJJ652" s="613"/>
      <c r="LJK652" s="613"/>
      <c r="LJL652" s="613"/>
      <c r="LJM652" s="613"/>
      <c r="LJN652" s="613"/>
      <c r="LJO652" s="613"/>
      <c r="LJP652" s="613"/>
      <c r="LJQ652" s="613"/>
      <c r="LJR652" s="613"/>
      <c r="LJS652" s="613"/>
      <c r="LJT652" s="613"/>
      <c r="LJU652" s="613"/>
      <c r="LJV652" s="613"/>
      <c r="LJW652" s="613"/>
      <c r="LJX652" s="613"/>
      <c r="LJY652" s="613"/>
      <c r="LJZ652" s="613"/>
      <c r="LKA652" s="613"/>
      <c r="LKB652" s="613"/>
      <c r="LKC652" s="613"/>
      <c r="LKD652" s="613"/>
      <c r="LKE652" s="613"/>
      <c r="LKF652" s="613"/>
      <c r="LKG652" s="613"/>
      <c r="LKH652" s="613"/>
      <c r="LKI652" s="613"/>
      <c r="LKJ652" s="613"/>
      <c r="LKK652" s="613"/>
      <c r="LKL652" s="613"/>
      <c r="LKM652" s="613"/>
      <c r="LKN652" s="613"/>
      <c r="LKO652" s="613"/>
      <c r="LKP652" s="613"/>
      <c r="LKQ652" s="613"/>
      <c r="LKR652" s="613"/>
      <c r="LKS652" s="613"/>
      <c r="LKT652" s="613"/>
      <c r="LKU652" s="613"/>
      <c r="LKV652" s="613"/>
      <c r="LKW652" s="613"/>
      <c r="LKX652" s="613"/>
      <c r="LKY652" s="613"/>
      <c r="LKZ652" s="613"/>
      <c r="LLA652" s="613"/>
      <c r="LLB652" s="613"/>
      <c r="LLC652" s="613"/>
      <c r="LLD652" s="613"/>
      <c r="LLE652" s="613"/>
      <c r="LLF652" s="613"/>
      <c r="LLG652" s="613"/>
      <c r="LLH652" s="613"/>
      <c r="LLI652" s="613"/>
      <c r="LLJ652" s="613"/>
      <c r="LLK652" s="613"/>
      <c r="LLL652" s="613"/>
      <c r="LLM652" s="613"/>
      <c r="LLN652" s="613"/>
      <c r="LLO652" s="613"/>
      <c r="LLP652" s="613"/>
      <c r="LLQ652" s="613"/>
      <c r="LLR652" s="613"/>
      <c r="LLS652" s="613"/>
      <c r="LLT652" s="613"/>
      <c r="LLU652" s="613"/>
      <c r="LLV652" s="613"/>
      <c r="LLW652" s="613"/>
      <c r="LLX652" s="613"/>
      <c r="LLY652" s="613"/>
      <c r="LLZ652" s="613"/>
      <c r="LMA652" s="613"/>
      <c r="LMB652" s="613"/>
      <c r="LMC652" s="613"/>
      <c r="LMD652" s="613"/>
      <c r="LME652" s="613"/>
      <c r="LMF652" s="613"/>
      <c r="LMG652" s="613"/>
      <c r="LMH652" s="613"/>
      <c r="LMI652" s="613"/>
      <c r="LMJ652" s="613"/>
      <c r="LMK652" s="613"/>
      <c r="LML652" s="613"/>
      <c r="LMM652" s="613"/>
      <c r="LMN652" s="613"/>
      <c r="LMO652" s="613"/>
      <c r="LMP652" s="613"/>
      <c r="LMQ652" s="613"/>
      <c r="LMR652" s="613"/>
      <c r="LMS652" s="613"/>
      <c r="LMT652" s="613"/>
      <c r="LMU652" s="613"/>
      <c r="LMV652" s="613"/>
      <c r="LMW652" s="613"/>
      <c r="LMX652" s="613"/>
      <c r="LMY652" s="613"/>
      <c r="LMZ652" s="613"/>
      <c r="LNA652" s="613"/>
      <c r="LNB652" s="613"/>
      <c r="LNC652" s="613"/>
      <c r="LND652" s="613"/>
      <c r="LNE652" s="613"/>
      <c r="LNF652" s="613"/>
      <c r="LNG652" s="613"/>
      <c r="LNH652" s="613"/>
      <c r="LNI652" s="613"/>
      <c r="LNJ652" s="613"/>
      <c r="LNK652" s="613"/>
      <c r="LNL652" s="613"/>
      <c r="LNM652" s="613"/>
      <c r="LNN652" s="613"/>
      <c r="LNO652" s="613"/>
      <c r="LNP652" s="613"/>
      <c r="LNQ652" s="613"/>
      <c r="LNR652" s="613"/>
      <c r="LNS652" s="613"/>
      <c r="LNT652" s="613"/>
      <c r="LNU652" s="613"/>
      <c r="LNV652" s="613"/>
      <c r="LNW652" s="613"/>
      <c r="LNX652" s="613"/>
      <c r="LNY652" s="613"/>
      <c r="LNZ652" s="613"/>
      <c r="LOA652" s="613"/>
      <c r="LOB652" s="613"/>
      <c r="LOC652" s="613"/>
      <c r="LOD652" s="613"/>
      <c r="LOE652" s="613"/>
      <c r="LOF652" s="613"/>
      <c r="LOG652" s="613"/>
      <c r="LOH652" s="613"/>
      <c r="LOI652" s="613"/>
      <c r="LOJ652" s="613"/>
      <c r="LOK652" s="613"/>
      <c r="LOL652" s="613"/>
      <c r="LOM652" s="613"/>
      <c r="LON652" s="613"/>
      <c r="LOO652" s="613"/>
      <c r="LOP652" s="613"/>
      <c r="LOQ652" s="613"/>
      <c r="LOR652" s="613"/>
      <c r="LOS652" s="613"/>
      <c r="LOT652" s="613"/>
      <c r="LOU652" s="613"/>
      <c r="LOV652" s="613"/>
      <c r="LOW652" s="613"/>
      <c r="LOX652" s="613"/>
      <c r="LOY652" s="613"/>
      <c r="LOZ652" s="613"/>
      <c r="LPA652" s="613"/>
      <c r="LPB652" s="613"/>
      <c r="LPC652" s="613"/>
      <c r="LPD652" s="613"/>
      <c r="LPE652" s="613"/>
      <c r="LPF652" s="613"/>
      <c r="LPG652" s="613"/>
      <c r="LPH652" s="613"/>
      <c r="LPI652" s="613"/>
      <c r="LPJ652" s="613"/>
      <c r="LPK652" s="613"/>
      <c r="LPL652" s="613"/>
      <c r="LPM652" s="613"/>
      <c r="LPN652" s="613"/>
      <c r="LPO652" s="613"/>
      <c r="LPP652" s="613"/>
      <c r="LPQ652" s="613"/>
      <c r="LPR652" s="613"/>
      <c r="LPS652" s="613"/>
      <c r="LPT652" s="613"/>
      <c r="LPU652" s="613"/>
      <c r="LPV652" s="613"/>
      <c r="LPW652" s="613"/>
      <c r="LPX652" s="613"/>
      <c r="LPY652" s="613"/>
      <c r="LPZ652" s="613"/>
      <c r="LQA652" s="613"/>
      <c r="LQB652" s="613"/>
      <c r="LQC652" s="613"/>
      <c r="LQD652" s="613"/>
      <c r="LQE652" s="613"/>
      <c r="LQF652" s="613"/>
      <c r="LQG652" s="613"/>
      <c r="LQH652" s="613"/>
      <c r="LQI652" s="613"/>
      <c r="LQJ652" s="613"/>
      <c r="LQK652" s="613"/>
      <c r="LQL652" s="613"/>
      <c r="LQM652" s="613"/>
      <c r="LQN652" s="613"/>
      <c r="LQO652" s="613"/>
      <c r="LQP652" s="613"/>
      <c r="LQQ652" s="613"/>
      <c r="LQR652" s="613"/>
      <c r="LQS652" s="613"/>
      <c r="LQT652" s="613"/>
      <c r="LQU652" s="613"/>
      <c r="LQV652" s="613"/>
      <c r="LQW652" s="613"/>
      <c r="LQX652" s="613"/>
      <c r="LQY652" s="613"/>
      <c r="LQZ652" s="613"/>
      <c r="LRA652" s="613"/>
      <c r="LRB652" s="613"/>
      <c r="LRC652" s="613"/>
      <c r="LRD652" s="613"/>
      <c r="LRE652" s="613"/>
      <c r="LRF652" s="613"/>
      <c r="LRG652" s="613"/>
      <c r="LRH652" s="613"/>
      <c r="LRI652" s="613"/>
      <c r="LRJ652" s="613"/>
      <c r="LRK652" s="613"/>
      <c r="LRL652" s="613"/>
      <c r="LRM652" s="613"/>
      <c r="LRN652" s="613"/>
      <c r="LRO652" s="613"/>
      <c r="LRP652" s="613"/>
      <c r="LRQ652" s="613"/>
      <c r="LRR652" s="613"/>
      <c r="LRS652" s="613"/>
      <c r="LRT652" s="613"/>
      <c r="LRU652" s="613"/>
      <c r="LRV652" s="613"/>
      <c r="LRW652" s="613"/>
      <c r="LRX652" s="613"/>
      <c r="LRY652" s="613"/>
      <c r="LRZ652" s="613"/>
      <c r="LSA652" s="613"/>
      <c r="LSB652" s="613"/>
      <c r="LSC652" s="613"/>
      <c r="LSD652" s="613"/>
      <c r="LSE652" s="613"/>
      <c r="LSF652" s="613"/>
      <c r="LSG652" s="613"/>
      <c r="LSH652" s="613"/>
      <c r="LSI652" s="613"/>
      <c r="LSJ652" s="613"/>
      <c r="LSK652" s="613"/>
      <c r="LSL652" s="613"/>
      <c r="LSM652" s="613"/>
      <c r="LSN652" s="613"/>
      <c r="LSO652" s="613"/>
      <c r="LSP652" s="613"/>
      <c r="LSQ652" s="613"/>
      <c r="LSR652" s="613"/>
      <c r="LSS652" s="613"/>
      <c r="LST652" s="613"/>
      <c r="LSU652" s="613"/>
      <c r="LSV652" s="613"/>
      <c r="LSW652" s="613"/>
      <c r="LSX652" s="613"/>
      <c r="LSY652" s="613"/>
      <c r="LSZ652" s="613"/>
      <c r="LTA652" s="613"/>
      <c r="LTB652" s="613"/>
      <c r="LTC652" s="613"/>
      <c r="LTD652" s="613"/>
      <c r="LTE652" s="613"/>
      <c r="LTF652" s="613"/>
      <c r="LTG652" s="613"/>
      <c r="LTH652" s="613"/>
      <c r="LTI652" s="613"/>
      <c r="LTJ652" s="613"/>
      <c r="LTK652" s="613"/>
      <c r="LTL652" s="613"/>
      <c r="LTM652" s="613"/>
      <c r="LTN652" s="613"/>
      <c r="LTO652" s="613"/>
      <c r="LTP652" s="613"/>
      <c r="LTQ652" s="613"/>
      <c r="LTR652" s="613"/>
      <c r="LTS652" s="613"/>
      <c r="LTT652" s="613"/>
      <c r="LTU652" s="613"/>
      <c r="LTV652" s="613"/>
      <c r="LTW652" s="613"/>
      <c r="LTX652" s="613"/>
      <c r="LTY652" s="613"/>
      <c r="LTZ652" s="613"/>
      <c r="LUA652" s="613"/>
      <c r="LUB652" s="613"/>
      <c r="LUC652" s="613"/>
      <c r="LUD652" s="613"/>
      <c r="LUE652" s="613"/>
      <c r="LUF652" s="613"/>
      <c r="LUG652" s="613"/>
      <c r="LUH652" s="613"/>
      <c r="LUI652" s="613"/>
      <c r="LUJ652" s="613"/>
      <c r="LUK652" s="613"/>
      <c r="LUL652" s="613"/>
      <c r="LUM652" s="613"/>
      <c r="LUN652" s="613"/>
      <c r="LUO652" s="613"/>
      <c r="LUP652" s="613"/>
      <c r="LUQ652" s="613"/>
      <c r="LUR652" s="613"/>
      <c r="LUS652" s="613"/>
      <c r="LUT652" s="613"/>
      <c r="LUU652" s="613"/>
      <c r="LUV652" s="613"/>
      <c r="LUW652" s="613"/>
      <c r="LUX652" s="613"/>
      <c r="LUY652" s="613"/>
      <c r="LUZ652" s="613"/>
      <c r="LVA652" s="613"/>
      <c r="LVB652" s="613"/>
      <c r="LVC652" s="613"/>
      <c r="LVD652" s="613"/>
      <c r="LVE652" s="613"/>
      <c r="LVF652" s="613"/>
      <c r="LVG652" s="613"/>
      <c r="LVH652" s="613"/>
      <c r="LVI652" s="613"/>
      <c r="LVJ652" s="613"/>
      <c r="LVK652" s="613"/>
      <c r="LVL652" s="613"/>
      <c r="LVM652" s="613"/>
      <c r="LVN652" s="613"/>
      <c r="LVO652" s="613"/>
      <c r="LVP652" s="613"/>
      <c r="LVQ652" s="613"/>
      <c r="LVR652" s="613"/>
      <c r="LVS652" s="613"/>
      <c r="LVT652" s="613"/>
      <c r="LVU652" s="613"/>
      <c r="LVV652" s="613"/>
      <c r="LVW652" s="613"/>
      <c r="LVX652" s="613"/>
      <c r="LVY652" s="613"/>
      <c r="LVZ652" s="613"/>
      <c r="LWA652" s="613"/>
      <c r="LWB652" s="613"/>
      <c r="LWC652" s="613"/>
      <c r="LWD652" s="613"/>
      <c r="LWE652" s="613"/>
      <c r="LWF652" s="613"/>
      <c r="LWG652" s="613"/>
      <c r="LWH652" s="613"/>
      <c r="LWI652" s="613"/>
      <c r="LWJ652" s="613"/>
      <c r="LWK652" s="613"/>
      <c r="LWL652" s="613"/>
      <c r="LWM652" s="613"/>
      <c r="LWN652" s="613"/>
      <c r="LWO652" s="613"/>
      <c r="LWP652" s="613"/>
      <c r="LWQ652" s="613"/>
      <c r="LWR652" s="613"/>
      <c r="LWS652" s="613"/>
      <c r="LWT652" s="613"/>
      <c r="LWU652" s="613"/>
      <c r="LWV652" s="613"/>
      <c r="LWW652" s="613"/>
      <c r="LWX652" s="613"/>
      <c r="LWY652" s="613"/>
      <c r="LWZ652" s="613"/>
      <c r="LXA652" s="613"/>
      <c r="LXB652" s="613"/>
      <c r="LXC652" s="613"/>
      <c r="LXD652" s="613"/>
      <c r="LXE652" s="613"/>
      <c r="LXF652" s="613"/>
      <c r="LXG652" s="613"/>
      <c r="LXH652" s="613"/>
      <c r="LXI652" s="613"/>
      <c r="LXJ652" s="613"/>
      <c r="LXK652" s="613"/>
      <c r="LXL652" s="613"/>
      <c r="LXM652" s="613"/>
      <c r="LXN652" s="613"/>
      <c r="LXO652" s="613"/>
      <c r="LXP652" s="613"/>
      <c r="LXQ652" s="613"/>
      <c r="LXR652" s="613"/>
      <c r="LXS652" s="613"/>
      <c r="LXT652" s="613"/>
      <c r="LXU652" s="613"/>
      <c r="LXV652" s="613"/>
      <c r="LXW652" s="613"/>
      <c r="LXX652" s="613"/>
      <c r="LXY652" s="613"/>
      <c r="LXZ652" s="613"/>
      <c r="LYA652" s="613"/>
      <c r="LYB652" s="613"/>
      <c r="LYC652" s="613"/>
      <c r="LYD652" s="613"/>
      <c r="LYE652" s="613"/>
      <c r="LYF652" s="613"/>
      <c r="LYG652" s="613"/>
      <c r="LYH652" s="613"/>
      <c r="LYI652" s="613"/>
      <c r="LYJ652" s="613"/>
      <c r="LYK652" s="613"/>
      <c r="LYL652" s="613"/>
      <c r="LYM652" s="613"/>
      <c r="LYN652" s="613"/>
      <c r="LYO652" s="613"/>
      <c r="LYP652" s="613"/>
      <c r="LYQ652" s="613"/>
      <c r="LYR652" s="613"/>
      <c r="LYS652" s="613"/>
      <c r="LYT652" s="613"/>
      <c r="LYU652" s="613"/>
      <c r="LYV652" s="613"/>
      <c r="LYW652" s="613"/>
      <c r="LYX652" s="613"/>
      <c r="LYY652" s="613"/>
      <c r="LYZ652" s="613"/>
      <c r="LZA652" s="613"/>
      <c r="LZB652" s="613"/>
      <c r="LZC652" s="613"/>
      <c r="LZD652" s="613"/>
      <c r="LZE652" s="613"/>
      <c r="LZF652" s="613"/>
      <c r="LZG652" s="613"/>
      <c r="LZH652" s="613"/>
      <c r="LZI652" s="613"/>
      <c r="LZJ652" s="613"/>
      <c r="LZK652" s="613"/>
      <c r="LZL652" s="613"/>
      <c r="LZM652" s="613"/>
      <c r="LZN652" s="613"/>
      <c r="LZO652" s="613"/>
      <c r="LZP652" s="613"/>
      <c r="LZQ652" s="613"/>
      <c r="LZR652" s="613"/>
      <c r="LZS652" s="613"/>
      <c r="LZT652" s="613"/>
      <c r="LZU652" s="613"/>
      <c r="LZV652" s="613"/>
      <c r="LZW652" s="613"/>
      <c r="LZX652" s="613"/>
      <c r="LZY652" s="613"/>
      <c r="LZZ652" s="613"/>
      <c r="MAA652" s="613"/>
      <c r="MAB652" s="613"/>
      <c r="MAC652" s="613"/>
      <c r="MAD652" s="613"/>
      <c r="MAE652" s="613"/>
      <c r="MAF652" s="613"/>
      <c r="MAG652" s="613"/>
      <c r="MAH652" s="613"/>
      <c r="MAI652" s="613"/>
      <c r="MAJ652" s="613"/>
      <c r="MAK652" s="613"/>
      <c r="MAL652" s="613"/>
      <c r="MAM652" s="613"/>
      <c r="MAN652" s="613"/>
      <c r="MAO652" s="613"/>
      <c r="MAP652" s="613"/>
      <c r="MAQ652" s="613"/>
      <c r="MAR652" s="613"/>
      <c r="MAS652" s="613"/>
      <c r="MAT652" s="613"/>
      <c r="MAU652" s="613"/>
      <c r="MAV652" s="613"/>
      <c r="MAW652" s="613"/>
      <c r="MAX652" s="613"/>
      <c r="MAY652" s="613"/>
      <c r="MAZ652" s="613"/>
      <c r="MBA652" s="613"/>
      <c r="MBB652" s="613"/>
      <c r="MBC652" s="613"/>
      <c r="MBD652" s="613"/>
      <c r="MBE652" s="613"/>
      <c r="MBF652" s="613"/>
      <c r="MBG652" s="613"/>
      <c r="MBH652" s="613"/>
      <c r="MBI652" s="613"/>
      <c r="MBJ652" s="613"/>
      <c r="MBK652" s="613"/>
      <c r="MBL652" s="613"/>
      <c r="MBM652" s="613"/>
      <c r="MBN652" s="613"/>
      <c r="MBO652" s="613"/>
      <c r="MBP652" s="613"/>
      <c r="MBQ652" s="613"/>
      <c r="MBR652" s="613"/>
      <c r="MBS652" s="613"/>
      <c r="MBT652" s="613"/>
      <c r="MBU652" s="613"/>
      <c r="MBV652" s="613"/>
      <c r="MBW652" s="613"/>
      <c r="MBX652" s="613"/>
      <c r="MBY652" s="613"/>
      <c r="MBZ652" s="613"/>
      <c r="MCA652" s="613"/>
      <c r="MCB652" s="613"/>
      <c r="MCC652" s="613"/>
      <c r="MCD652" s="613"/>
      <c r="MCE652" s="613"/>
      <c r="MCF652" s="613"/>
      <c r="MCG652" s="613"/>
      <c r="MCH652" s="613"/>
      <c r="MCI652" s="613"/>
      <c r="MCJ652" s="613"/>
      <c r="MCK652" s="613"/>
      <c r="MCL652" s="613"/>
      <c r="MCM652" s="613"/>
      <c r="MCN652" s="613"/>
      <c r="MCO652" s="613"/>
      <c r="MCP652" s="613"/>
      <c r="MCQ652" s="613"/>
      <c r="MCR652" s="613"/>
      <c r="MCS652" s="613"/>
      <c r="MCT652" s="613"/>
      <c r="MCU652" s="613"/>
      <c r="MCV652" s="613"/>
      <c r="MCW652" s="613"/>
      <c r="MCX652" s="613"/>
      <c r="MCY652" s="613"/>
      <c r="MCZ652" s="613"/>
      <c r="MDA652" s="613"/>
      <c r="MDB652" s="613"/>
      <c r="MDC652" s="613"/>
      <c r="MDD652" s="613"/>
      <c r="MDE652" s="613"/>
      <c r="MDF652" s="613"/>
      <c r="MDG652" s="613"/>
      <c r="MDH652" s="613"/>
      <c r="MDI652" s="613"/>
      <c r="MDJ652" s="613"/>
      <c r="MDK652" s="613"/>
      <c r="MDL652" s="613"/>
      <c r="MDM652" s="613"/>
      <c r="MDN652" s="613"/>
      <c r="MDO652" s="613"/>
      <c r="MDP652" s="613"/>
      <c r="MDQ652" s="613"/>
      <c r="MDR652" s="613"/>
      <c r="MDS652" s="613"/>
      <c r="MDT652" s="613"/>
      <c r="MDU652" s="613"/>
      <c r="MDV652" s="613"/>
      <c r="MDW652" s="613"/>
      <c r="MDX652" s="613"/>
      <c r="MDY652" s="613"/>
      <c r="MDZ652" s="613"/>
      <c r="MEA652" s="613"/>
      <c r="MEB652" s="613"/>
      <c r="MEC652" s="613"/>
      <c r="MED652" s="613"/>
      <c r="MEE652" s="613"/>
      <c r="MEF652" s="613"/>
      <c r="MEG652" s="613"/>
      <c r="MEH652" s="613"/>
      <c r="MEI652" s="613"/>
      <c r="MEJ652" s="613"/>
      <c r="MEK652" s="613"/>
      <c r="MEL652" s="613"/>
      <c r="MEM652" s="613"/>
      <c r="MEN652" s="613"/>
      <c r="MEO652" s="613"/>
      <c r="MEP652" s="613"/>
      <c r="MEQ652" s="613"/>
      <c r="MER652" s="613"/>
      <c r="MES652" s="613"/>
      <c r="MET652" s="613"/>
      <c r="MEU652" s="613"/>
      <c r="MEV652" s="613"/>
      <c r="MEW652" s="613"/>
      <c r="MEX652" s="613"/>
      <c r="MEY652" s="613"/>
      <c r="MEZ652" s="613"/>
      <c r="MFA652" s="613"/>
      <c r="MFB652" s="613"/>
      <c r="MFC652" s="613"/>
      <c r="MFD652" s="613"/>
      <c r="MFE652" s="613"/>
      <c r="MFF652" s="613"/>
      <c r="MFG652" s="613"/>
      <c r="MFH652" s="613"/>
      <c r="MFI652" s="613"/>
      <c r="MFJ652" s="613"/>
      <c r="MFK652" s="613"/>
      <c r="MFL652" s="613"/>
      <c r="MFM652" s="613"/>
      <c r="MFN652" s="613"/>
      <c r="MFO652" s="613"/>
      <c r="MFP652" s="613"/>
      <c r="MFQ652" s="613"/>
      <c r="MFR652" s="613"/>
      <c r="MFS652" s="613"/>
      <c r="MFT652" s="613"/>
      <c r="MFU652" s="613"/>
      <c r="MFV652" s="613"/>
      <c r="MFW652" s="613"/>
      <c r="MFX652" s="613"/>
      <c r="MFY652" s="613"/>
      <c r="MFZ652" s="613"/>
      <c r="MGA652" s="613"/>
      <c r="MGB652" s="613"/>
      <c r="MGC652" s="613"/>
      <c r="MGD652" s="613"/>
      <c r="MGE652" s="613"/>
      <c r="MGF652" s="613"/>
      <c r="MGG652" s="613"/>
      <c r="MGH652" s="613"/>
      <c r="MGI652" s="613"/>
      <c r="MGJ652" s="613"/>
      <c r="MGK652" s="613"/>
      <c r="MGL652" s="613"/>
      <c r="MGM652" s="613"/>
      <c r="MGN652" s="613"/>
      <c r="MGO652" s="613"/>
      <c r="MGP652" s="613"/>
      <c r="MGQ652" s="613"/>
      <c r="MGR652" s="613"/>
      <c r="MGS652" s="613"/>
      <c r="MGT652" s="613"/>
      <c r="MGU652" s="613"/>
      <c r="MGV652" s="613"/>
      <c r="MGW652" s="613"/>
      <c r="MGX652" s="613"/>
      <c r="MGY652" s="613"/>
      <c r="MGZ652" s="613"/>
      <c r="MHA652" s="613"/>
      <c r="MHB652" s="613"/>
      <c r="MHC652" s="613"/>
      <c r="MHD652" s="613"/>
      <c r="MHE652" s="613"/>
      <c r="MHF652" s="613"/>
      <c r="MHG652" s="613"/>
      <c r="MHH652" s="613"/>
      <c r="MHI652" s="613"/>
      <c r="MHJ652" s="613"/>
      <c r="MHK652" s="613"/>
      <c r="MHL652" s="613"/>
      <c r="MHM652" s="613"/>
      <c r="MHN652" s="613"/>
      <c r="MHO652" s="613"/>
      <c r="MHP652" s="613"/>
      <c r="MHQ652" s="613"/>
      <c r="MHR652" s="613"/>
      <c r="MHS652" s="613"/>
      <c r="MHT652" s="613"/>
      <c r="MHU652" s="613"/>
      <c r="MHV652" s="613"/>
      <c r="MHW652" s="613"/>
      <c r="MHX652" s="613"/>
      <c r="MHY652" s="613"/>
      <c r="MHZ652" s="613"/>
      <c r="MIA652" s="613"/>
      <c r="MIB652" s="613"/>
      <c r="MIC652" s="613"/>
      <c r="MID652" s="613"/>
      <c r="MIE652" s="613"/>
      <c r="MIF652" s="613"/>
      <c r="MIG652" s="613"/>
      <c r="MIH652" s="613"/>
      <c r="MII652" s="613"/>
      <c r="MIJ652" s="613"/>
      <c r="MIK652" s="613"/>
      <c r="MIL652" s="613"/>
      <c r="MIM652" s="613"/>
      <c r="MIN652" s="613"/>
      <c r="MIO652" s="613"/>
      <c r="MIP652" s="613"/>
      <c r="MIQ652" s="613"/>
      <c r="MIR652" s="613"/>
      <c r="MIS652" s="613"/>
      <c r="MIT652" s="613"/>
      <c r="MIU652" s="613"/>
      <c r="MIV652" s="613"/>
      <c r="MIW652" s="613"/>
      <c r="MIX652" s="613"/>
      <c r="MIY652" s="613"/>
      <c r="MIZ652" s="613"/>
      <c r="MJA652" s="613"/>
      <c r="MJB652" s="613"/>
      <c r="MJC652" s="613"/>
      <c r="MJD652" s="613"/>
      <c r="MJE652" s="613"/>
      <c r="MJF652" s="613"/>
      <c r="MJG652" s="613"/>
      <c r="MJH652" s="613"/>
      <c r="MJI652" s="613"/>
      <c r="MJJ652" s="613"/>
      <c r="MJK652" s="613"/>
      <c r="MJL652" s="613"/>
      <c r="MJM652" s="613"/>
      <c r="MJN652" s="613"/>
      <c r="MJO652" s="613"/>
      <c r="MJP652" s="613"/>
      <c r="MJQ652" s="613"/>
      <c r="MJR652" s="613"/>
      <c r="MJS652" s="613"/>
      <c r="MJT652" s="613"/>
      <c r="MJU652" s="613"/>
      <c r="MJV652" s="613"/>
      <c r="MJW652" s="613"/>
      <c r="MJX652" s="613"/>
      <c r="MJY652" s="613"/>
      <c r="MJZ652" s="613"/>
      <c r="MKA652" s="613"/>
      <c r="MKB652" s="613"/>
      <c r="MKC652" s="613"/>
      <c r="MKD652" s="613"/>
      <c r="MKE652" s="613"/>
      <c r="MKF652" s="613"/>
      <c r="MKG652" s="613"/>
      <c r="MKH652" s="613"/>
      <c r="MKI652" s="613"/>
      <c r="MKJ652" s="613"/>
      <c r="MKK652" s="613"/>
      <c r="MKL652" s="613"/>
      <c r="MKM652" s="613"/>
      <c r="MKN652" s="613"/>
      <c r="MKO652" s="613"/>
      <c r="MKP652" s="613"/>
      <c r="MKQ652" s="613"/>
      <c r="MKR652" s="613"/>
      <c r="MKS652" s="613"/>
      <c r="MKT652" s="613"/>
      <c r="MKU652" s="613"/>
      <c r="MKV652" s="613"/>
      <c r="MKW652" s="613"/>
      <c r="MKX652" s="613"/>
      <c r="MKY652" s="613"/>
      <c r="MKZ652" s="613"/>
      <c r="MLA652" s="613"/>
      <c r="MLB652" s="613"/>
      <c r="MLC652" s="613"/>
      <c r="MLD652" s="613"/>
      <c r="MLE652" s="613"/>
      <c r="MLF652" s="613"/>
      <c r="MLG652" s="613"/>
      <c r="MLH652" s="613"/>
      <c r="MLI652" s="613"/>
      <c r="MLJ652" s="613"/>
      <c r="MLK652" s="613"/>
      <c r="MLL652" s="613"/>
      <c r="MLM652" s="613"/>
      <c r="MLN652" s="613"/>
      <c r="MLO652" s="613"/>
      <c r="MLP652" s="613"/>
      <c r="MLQ652" s="613"/>
      <c r="MLR652" s="613"/>
      <c r="MLS652" s="613"/>
      <c r="MLT652" s="613"/>
      <c r="MLU652" s="613"/>
      <c r="MLV652" s="613"/>
      <c r="MLW652" s="613"/>
      <c r="MLX652" s="613"/>
      <c r="MLY652" s="613"/>
      <c r="MLZ652" s="613"/>
      <c r="MMA652" s="613"/>
      <c r="MMB652" s="613"/>
      <c r="MMC652" s="613"/>
      <c r="MMD652" s="613"/>
      <c r="MME652" s="613"/>
      <c r="MMF652" s="613"/>
      <c r="MMG652" s="613"/>
      <c r="MMH652" s="613"/>
      <c r="MMI652" s="613"/>
      <c r="MMJ652" s="613"/>
      <c r="MMK652" s="613"/>
      <c r="MML652" s="613"/>
      <c r="MMM652" s="613"/>
      <c r="MMN652" s="613"/>
      <c r="MMO652" s="613"/>
      <c r="MMP652" s="613"/>
      <c r="MMQ652" s="613"/>
      <c r="MMR652" s="613"/>
      <c r="MMS652" s="613"/>
      <c r="MMT652" s="613"/>
      <c r="MMU652" s="613"/>
      <c r="MMV652" s="613"/>
      <c r="MMW652" s="613"/>
      <c r="MMX652" s="613"/>
      <c r="MMY652" s="613"/>
      <c r="MMZ652" s="613"/>
      <c r="MNA652" s="613"/>
      <c r="MNB652" s="613"/>
      <c r="MNC652" s="613"/>
      <c r="MND652" s="613"/>
      <c r="MNE652" s="613"/>
      <c r="MNF652" s="613"/>
      <c r="MNG652" s="613"/>
      <c r="MNH652" s="613"/>
      <c r="MNI652" s="613"/>
      <c r="MNJ652" s="613"/>
      <c r="MNK652" s="613"/>
      <c r="MNL652" s="613"/>
      <c r="MNM652" s="613"/>
      <c r="MNN652" s="613"/>
      <c r="MNO652" s="613"/>
      <c r="MNP652" s="613"/>
      <c r="MNQ652" s="613"/>
      <c r="MNR652" s="613"/>
      <c r="MNS652" s="613"/>
      <c r="MNT652" s="613"/>
      <c r="MNU652" s="613"/>
      <c r="MNV652" s="613"/>
      <c r="MNW652" s="613"/>
      <c r="MNX652" s="613"/>
      <c r="MNY652" s="613"/>
      <c r="MNZ652" s="613"/>
      <c r="MOA652" s="613"/>
      <c r="MOB652" s="613"/>
      <c r="MOC652" s="613"/>
      <c r="MOD652" s="613"/>
      <c r="MOE652" s="613"/>
      <c r="MOF652" s="613"/>
      <c r="MOG652" s="613"/>
      <c r="MOH652" s="613"/>
      <c r="MOI652" s="613"/>
      <c r="MOJ652" s="613"/>
      <c r="MOK652" s="613"/>
      <c r="MOL652" s="613"/>
      <c r="MOM652" s="613"/>
      <c r="MON652" s="613"/>
      <c r="MOO652" s="613"/>
      <c r="MOP652" s="613"/>
      <c r="MOQ652" s="613"/>
      <c r="MOR652" s="613"/>
      <c r="MOS652" s="613"/>
      <c r="MOT652" s="613"/>
      <c r="MOU652" s="613"/>
      <c r="MOV652" s="613"/>
      <c r="MOW652" s="613"/>
      <c r="MOX652" s="613"/>
      <c r="MOY652" s="613"/>
      <c r="MOZ652" s="613"/>
      <c r="MPA652" s="613"/>
      <c r="MPB652" s="613"/>
      <c r="MPC652" s="613"/>
      <c r="MPD652" s="613"/>
      <c r="MPE652" s="613"/>
      <c r="MPF652" s="613"/>
      <c r="MPG652" s="613"/>
      <c r="MPH652" s="613"/>
      <c r="MPI652" s="613"/>
      <c r="MPJ652" s="613"/>
      <c r="MPK652" s="613"/>
      <c r="MPL652" s="613"/>
      <c r="MPM652" s="613"/>
      <c r="MPN652" s="613"/>
      <c r="MPO652" s="613"/>
      <c r="MPP652" s="613"/>
      <c r="MPQ652" s="613"/>
      <c r="MPR652" s="613"/>
      <c r="MPS652" s="613"/>
      <c r="MPT652" s="613"/>
      <c r="MPU652" s="613"/>
      <c r="MPV652" s="613"/>
      <c r="MPW652" s="613"/>
      <c r="MPX652" s="613"/>
      <c r="MPY652" s="613"/>
      <c r="MPZ652" s="613"/>
      <c r="MQA652" s="613"/>
      <c r="MQB652" s="613"/>
      <c r="MQC652" s="613"/>
      <c r="MQD652" s="613"/>
      <c r="MQE652" s="613"/>
      <c r="MQF652" s="613"/>
      <c r="MQG652" s="613"/>
      <c r="MQH652" s="613"/>
      <c r="MQI652" s="613"/>
      <c r="MQJ652" s="613"/>
      <c r="MQK652" s="613"/>
      <c r="MQL652" s="613"/>
      <c r="MQM652" s="613"/>
      <c r="MQN652" s="613"/>
      <c r="MQO652" s="613"/>
      <c r="MQP652" s="613"/>
      <c r="MQQ652" s="613"/>
      <c r="MQR652" s="613"/>
      <c r="MQS652" s="613"/>
      <c r="MQT652" s="613"/>
      <c r="MQU652" s="613"/>
      <c r="MQV652" s="613"/>
      <c r="MQW652" s="613"/>
      <c r="MQX652" s="613"/>
      <c r="MQY652" s="613"/>
      <c r="MQZ652" s="613"/>
      <c r="MRA652" s="613"/>
      <c r="MRB652" s="613"/>
      <c r="MRC652" s="613"/>
      <c r="MRD652" s="613"/>
      <c r="MRE652" s="613"/>
      <c r="MRF652" s="613"/>
      <c r="MRG652" s="613"/>
      <c r="MRH652" s="613"/>
      <c r="MRI652" s="613"/>
      <c r="MRJ652" s="613"/>
      <c r="MRK652" s="613"/>
      <c r="MRL652" s="613"/>
      <c r="MRM652" s="613"/>
      <c r="MRN652" s="613"/>
      <c r="MRO652" s="613"/>
      <c r="MRP652" s="613"/>
      <c r="MRQ652" s="613"/>
      <c r="MRR652" s="613"/>
      <c r="MRS652" s="613"/>
      <c r="MRT652" s="613"/>
      <c r="MRU652" s="613"/>
      <c r="MRV652" s="613"/>
      <c r="MRW652" s="613"/>
      <c r="MRX652" s="613"/>
      <c r="MRY652" s="613"/>
      <c r="MRZ652" s="613"/>
      <c r="MSA652" s="613"/>
      <c r="MSB652" s="613"/>
      <c r="MSC652" s="613"/>
      <c r="MSD652" s="613"/>
      <c r="MSE652" s="613"/>
      <c r="MSF652" s="613"/>
      <c r="MSG652" s="613"/>
      <c r="MSH652" s="613"/>
      <c r="MSI652" s="613"/>
      <c r="MSJ652" s="613"/>
      <c r="MSK652" s="613"/>
      <c r="MSL652" s="613"/>
      <c r="MSM652" s="613"/>
      <c r="MSN652" s="613"/>
      <c r="MSO652" s="613"/>
      <c r="MSP652" s="613"/>
      <c r="MSQ652" s="613"/>
      <c r="MSR652" s="613"/>
      <c r="MSS652" s="613"/>
      <c r="MST652" s="613"/>
      <c r="MSU652" s="613"/>
      <c r="MSV652" s="613"/>
      <c r="MSW652" s="613"/>
      <c r="MSX652" s="613"/>
      <c r="MSY652" s="613"/>
      <c r="MSZ652" s="613"/>
      <c r="MTA652" s="613"/>
      <c r="MTB652" s="613"/>
      <c r="MTC652" s="613"/>
      <c r="MTD652" s="613"/>
      <c r="MTE652" s="613"/>
      <c r="MTF652" s="613"/>
      <c r="MTG652" s="613"/>
      <c r="MTH652" s="613"/>
      <c r="MTI652" s="613"/>
      <c r="MTJ652" s="613"/>
      <c r="MTK652" s="613"/>
      <c r="MTL652" s="613"/>
      <c r="MTM652" s="613"/>
      <c r="MTN652" s="613"/>
      <c r="MTO652" s="613"/>
      <c r="MTP652" s="613"/>
      <c r="MTQ652" s="613"/>
      <c r="MTR652" s="613"/>
      <c r="MTS652" s="613"/>
      <c r="MTT652" s="613"/>
      <c r="MTU652" s="613"/>
      <c r="MTV652" s="613"/>
      <c r="MTW652" s="613"/>
      <c r="MTX652" s="613"/>
      <c r="MTY652" s="613"/>
      <c r="MTZ652" s="613"/>
      <c r="MUA652" s="613"/>
      <c r="MUB652" s="613"/>
      <c r="MUC652" s="613"/>
      <c r="MUD652" s="613"/>
      <c r="MUE652" s="613"/>
      <c r="MUF652" s="613"/>
      <c r="MUG652" s="613"/>
      <c r="MUH652" s="613"/>
      <c r="MUI652" s="613"/>
      <c r="MUJ652" s="613"/>
      <c r="MUK652" s="613"/>
      <c r="MUL652" s="613"/>
      <c r="MUM652" s="613"/>
      <c r="MUN652" s="613"/>
      <c r="MUO652" s="613"/>
      <c r="MUP652" s="613"/>
      <c r="MUQ652" s="613"/>
      <c r="MUR652" s="613"/>
      <c r="MUS652" s="613"/>
      <c r="MUT652" s="613"/>
      <c r="MUU652" s="613"/>
      <c r="MUV652" s="613"/>
      <c r="MUW652" s="613"/>
      <c r="MUX652" s="613"/>
      <c r="MUY652" s="613"/>
      <c r="MUZ652" s="613"/>
      <c r="MVA652" s="613"/>
      <c r="MVB652" s="613"/>
      <c r="MVC652" s="613"/>
      <c r="MVD652" s="613"/>
      <c r="MVE652" s="613"/>
      <c r="MVF652" s="613"/>
      <c r="MVG652" s="613"/>
      <c r="MVH652" s="613"/>
      <c r="MVI652" s="613"/>
      <c r="MVJ652" s="613"/>
      <c r="MVK652" s="613"/>
      <c r="MVL652" s="613"/>
      <c r="MVM652" s="613"/>
      <c r="MVN652" s="613"/>
      <c r="MVO652" s="613"/>
      <c r="MVP652" s="613"/>
      <c r="MVQ652" s="613"/>
      <c r="MVR652" s="613"/>
      <c r="MVS652" s="613"/>
      <c r="MVT652" s="613"/>
      <c r="MVU652" s="613"/>
      <c r="MVV652" s="613"/>
      <c r="MVW652" s="613"/>
      <c r="MVX652" s="613"/>
      <c r="MVY652" s="613"/>
      <c r="MVZ652" s="613"/>
      <c r="MWA652" s="613"/>
      <c r="MWB652" s="613"/>
      <c r="MWC652" s="613"/>
      <c r="MWD652" s="613"/>
      <c r="MWE652" s="613"/>
      <c r="MWF652" s="613"/>
      <c r="MWG652" s="613"/>
      <c r="MWH652" s="613"/>
      <c r="MWI652" s="613"/>
      <c r="MWJ652" s="613"/>
      <c r="MWK652" s="613"/>
      <c r="MWL652" s="613"/>
      <c r="MWM652" s="613"/>
      <c r="MWN652" s="613"/>
      <c r="MWO652" s="613"/>
      <c r="MWP652" s="613"/>
      <c r="MWQ652" s="613"/>
      <c r="MWR652" s="613"/>
      <c r="MWS652" s="613"/>
      <c r="MWT652" s="613"/>
      <c r="MWU652" s="613"/>
      <c r="MWV652" s="613"/>
      <c r="MWW652" s="613"/>
      <c r="MWX652" s="613"/>
      <c r="MWY652" s="613"/>
      <c r="MWZ652" s="613"/>
      <c r="MXA652" s="613"/>
      <c r="MXB652" s="613"/>
      <c r="MXC652" s="613"/>
      <c r="MXD652" s="613"/>
      <c r="MXE652" s="613"/>
      <c r="MXF652" s="613"/>
      <c r="MXG652" s="613"/>
      <c r="MXH652" s="613"/>
      <c r="MXI652" s="613"/>
      <c r="MXJ652" s="613"/>
      <c r="MXK652" s="613"/>
      <c r="MXL652" s="613"/>
      <c r="MXM652" s="613"/>
      <c r="MXN652" s="613"/>
      <c r="MXO652" s="613"/>
      <c r="MXP652" s="613"/>
      <c r="MXQ652" s="613"/>
      <c r="MXR652" s="613"/>
      <c r="MXS652" s="613"/>
      <c r="MXT652" s="613"/>
      <c r="MXU652" s="613"/>
      <c r="MXV652" s="613"/>
      <c r="MXW652" s="613"/>
      <c r="MXX652" s="613"/>
      <c r="MXY652" s="613"/>
      <c r="MXZ652" s="613"/>
      <c r="MYA652" s="613"/>
      <c r="MYB652" s="613"/>
      <c r="MYC652" s="613"/>
      <c r="MYD652" s="613"/>
      <c r="MYE652" s="613"/>
      <c r="MYF652" s="613"/>
      <c r="MYG652" s="613"/>
      <c r="MYH652" s="613"/>
      <c r="MYI652" s="613"/>
      <c r="MYJ652" s="613"/>
      <c r="MYK652" s="613"/>
      <c r="MYL652" s="613"/>
      <c r="MYM652" s="613"/>
      <c r="MYN652" s="613"/>
      <c r="MYO652" s="613"/>
      <c r="MYP652" s="613"/>
      <c r="MYQ652" s="613"/>
      <c r="MYR652" s="613"/>
      <c r="MYS652" s="613"/>
      <c r="MYT652" s="613"/>
      <c r="MYU652" s="613"/>
      <c r="MYV652" s="613"/>
      <c r="MYW652" s="613"/>
      <c r="MYX652" s="613"/>
      <c r="MYY652" s="613"/>
      <c r="MYZ652" s="613"/>
      <c r="MZA652" s="613"/>
      <c r="MZB652" s="613"/>
      <c r="MZC652" s="613"/>
      <c r="MZD652" s="613"/>
      <c r="MZE652" s="613"/>
      <c r="MZF652" s="613"/>
      <c r="MZG652" s="613"/>
      <c r="MZH652" s="613"/>
      <c r="MZI652" s="613"/>
      <c r="MZJ652" s="613"/>
      <c r="MZK652" s="613"/>
      <c r="MZL652" s="613"/>
      <c r="MZM652" s="613"/>
      <c r="MZN652" s="613"/>
      <c r="MZO652" s="613"/>
      <c r="MZP652" s="613"/>
      <c r="MZQ652" s="613"/>
      <c r="MZR652" s="613"/>
      <c r="MZS652" s="613"/>
      <c r="MZT652" s="613"/>
      <c r="MZU652" s="613"/>
      <c r="MZV652" s="613"/>
      <c r="MZW652" s="613"/>
      <c r="MZX652" s="613"/>
      <c r="MZY652" s="613"/>
      <c r="MZZ652" s="613"/>
      <c r="NAA652" s="613"/>
      <c r="NAB652" s="613"/>
      <c r="NAC652" s="613"/>
      <c r="NAD652" s="613"/>
      <c r="NAE652" s="613"/>
      <c r="NAF652" s="613"/>
      <c r="NAG652" s="613"/>
      <c r="NAH652" s="613"/>
      <c r="NAI652" s="613"/>
      <c r="NAJ652" s="613"/>
      <c r="NAK652" s="613"/>
      <c r="NAL652" s="613"/>
      <c r="NAM652" s="613"/>
      <c r="NAN652" s="613"/>
      <c r="NAO652" s="613"/>
      <c r="NAP652" s="613"/>
      <c r="NAQ652" s="613"/>
      <c r="NAR652" s="613"/>
      <c r="NAS652" s="613"/>
      <c r="NAT652" s="613"/>
      <c r="NAU652" s="613"/>
      <c r="NAV652" s="613"/>
      <c r="NAW652" s="613"/>
      <c r="NAX652" s="613"/>
      <c r="NAY652" s="613"/>
      <c r="NAZ652" s="613"/>
      <c r="NBA652" s="613"/>
      <c r="NBB652" s="613"/>
      <c r="NBC652" s="613"/>
      <c r="NBD652" s="613"/>
      <c r="NBE652" s="613"/>
      <c r="NBF652" s="613"/>
      <c r="NBG652" s="613"/>
      <c r="NBH652" s="613"/>
      <c r="NBI652" s="613"/>
      <c r="NBJ652" s="613"/>
      <c r="NBK652" s="613"/>
      <c r="NBL652" s="613"/>
      <c r="NBM652" s="613"/>
      <c r="NBN652" s="613"/>
      <c r="NBO652" s="613"/>
      <c r="NBP652" s="613"/>
      <c r="NBQ652" s="613"/>
      <c r="NBR652" s="613"/>
      <c r="NBS652" s="613"/>
      <c r="NBT652" s="613"/>
      <c r="NBU652" s="613"/>
      <c r="NBV652" s="613"/>
      <c r="NBW652" s="613"/>
      <c r="NBX652" s="613"/>
      <c r="NBY652" s="613"/>
      <c r="NBZ652" s="613"/>
      <c r="NCA652" s="613"/>
      <c r="NCB652" s="613"/>
      <c r="NCC652" s="613"/>
      <c r="NCD652" s="613"/>
      <c r="NCE652" s="613"/>
      <c r="NCF652" s="613"/>
      <c r="NCG652" s="613"/>
      <c r="NCH652" s="613"/>
      <c r="NCI652" s="613"/>
      <c r="NCJ652" s="613"/>
      <c r="NCK652" s="613"/>
      <c r="NCL652" s="613"/>
      <c r="NCM652" s="613"/>
      <c r="NCN652" s="613"/>
      <c r="NCO652" s="613"/>
      <c r="NCP652" s="613"/>
      <c r="NCQ652" s="613"/>
      <c r="NCR652" s="613"/>
      <c r="NCS652" s="613"/>
      <c r="NCT652" s="613"/>
      <c r="NCU652" s="613"/>
      <c r="NCV652" s="613"/>
      <c r="NCW652" s="613"/>
      <c r="NCX652" s="613"/>
      <c r="NCY652" s="613"/>
      <c r="NCZ652" s="613"/>
      <c r="NDA652" s="613"/>
      <c r="NDB652" s="613"/>
      <c r="NDC652" s="613"/>
      <c r="NDD652" s="613"/>
      <c r="NDE652" s="613"/>
      <c r="NDF652" s="613"/>
      <c r="NDG652" s="613"/>
      <c r="NDH652" s="613"/>
      <c r="NDI652" s="613"/>
      <c r="NDJ652" s="613"/>
      <c r="NDK652" s="613"/>
      <c r="NDL652" s="613"/>
      <c r="NDM652" s="613"/>
      <c r="NDN652" s="613"/>
      <c r="NDO652" s="613"/>
      <c r="NDP652" s="613"/>
      <c r="NDQ652" s="613"/>
      <c r="NDR652" s="613"/>
      <c r="NDS652" s="613"/>
      <c r="NDT652" s="613"/>
      <c r="NDU652" s="613"/>
      <c r="NDV652" s="613"/>
      <c r="NDW652" s="613"/>
      <c r="NDX652" s="613"/>
      <c r="NDY652" s="613"/>
      <c r="NDZ652" s="613"/>
      <c r="NEA652" s="613"/>
      <c r="NEB652" s="613"/>
      <c r="NEC652" s="613"/>
      <c r="NED652" s="613"/>
      <c r="NEE652" s="613"/>
      <c r="NEF652" s="613"/>
      <c r="NEG652" s="613"/>
      <c r="NEH652" s="613"/>
      <c r="NEI652" s="613"/>
      <c r="NEJ652" s="613"/>
      <c r="NEK652" s="613"/>
      <c r="NEL652" s="613"/>
      <c r="NEM652" s="613"/>
      <c r="NEN652" s="613"/>
      <c r="NEO652" s="613"/>
      <c r="NEP652" s="613"/>
      <c r="NEQ652" s="613"/>
      <c r="NER652" s="613"/>
      <c r="NES652" s="613"/>
      <c r="NET652" s="613"/>
      <c r="NEU652" s="613"/>
      <c r="NEV652" s="613"/>
      <c r="NEW652" s="613"/>
      <c r="NEX652" s="613"/>
      <c r="NEY652" s="613"/>
      <c r="NEZ652" s="613"/>
      <c r="NFA652" s="613"/>
      <c r="NFB652" s="613"/>
      <c r="NFC652" s="613"/>
      <c r="NFD652" s="613"/>
      <c r="NFE652" s="613"/>
      <c r="NFF652" s="613"/>
      <c r="NFG652" s="613"/>
      <c r="NFH652" s="613"/>
      <c r="NFI652" s="613"/>
      <c r="NFJ652" s="613"/>
      <c r="NFK652" s="613"/>
      <c r="NFL652" s="613"/>
      <c r="NFM652" s="613"/>
      <c r="NFN652" s="613"/>
      <c r="NFO652" s="613"/>
      <c r="NFP652" s="613"/>
      <c r="NFQ652" s="613"/>
      <c r="NFR652" s="613"/>
      <c r="NFS652" s="613"/>
      <c r="NFT652" s="613"/>
      <c r="NFU652" s="613"/>
      <c r="NFV652" s="613"/>
      <c r="NFW652" s="613"/>
      <c r="NFX652" s="613"/>
      <c r="NFY652" s="613"/>
      <c r="NFZ652" s="613"/>
      <c r="NGA652" s="613"/>
      <c r="NGB652" s="613"/>
      <c r="NGC652" s="613"/>
      <c r="NGD652" s="613"/>
      <c r="NGE652" s="613"/>
      <c r="NGF652" s="613"/>
      <c r="NGG652" s="613"/>
      <c r="NGH652" s="613"/>
      <c r="NGI652" s="613"/>
      <c r="NGJ652" s="613"/>
      <c r="NGK652" s="613"/>
      <c r="NGL652" s="613"/>
      <c r="NGM652" s="613"/>
      <c r="NGN652" s="613"/>
      <c r="NGO652" s="613"/>
      <c r="NGP652" s="613"/>
      <c r="NGQ652" s="613"/>
      <c r="NGR652" s="613"/>
      <c r="NGS652" s="613"/>
      <c r="NGT652" s="613"/>
      <c r="NGU652" s="613"/>
      <c r="NGV652" s="613"/>
      <c r="NGW652" s="613"/>
      <c r="NGX652" s="613"/>
      <c r="NGY652" s="613"/>
      <c r="NGZ652" s="613"/>
      <c r="NHA652" s="613"/>
      <c r="NHB652" s="613"/>
      <c r="NHC652" s="613"/>
      <c r="NHD652" s="613"/>
      <c r="NHE652" s="613"/>
      <c r="NHF652" s="613"/>
      <c r="NHG652" s="613"/>
      <c r="NHH652" s="613"/>
      <c r="NHI652" s="613"/>
      <c r="NHJ652" s="613"/>
      <c r="NHK652" s="613"/>
      <c r="NHL652" s="613"/>
      <c r="NHM652" s="613"/>
      <c r="NHN652" s="613"/>
      <c r="NHO652" s="613"/>
      <c r="NHP652" s="613"/>
      <c r="NHQ652" s="613"/>
      <c r="NHR652" s="613"/>
      <c r="NHS652" s="613"/>
      <c r="NHT652" s="613"/>
      <c r="NHU652" s="613"/>
      <c r="NHV652" s="613"/>
      <c r="NHW652" s="613"/>
      <c r="NHX652" s="613"/>
      <c r="NHY652" s="613"/>
      <c r="NHZ652" s="613"/>
      <c r="NIA652" s="613"/>
      <c r="NIB652" s="613"/>
      <c r="NIC652" s="613"/>
      <c r="NID652" s="613"/>
      <c r="NIE652" s="613"/>
      <c r="NIF652" s="613"/>
      <c r="NIG652" s="613"/>
      <c r="NIH652" s="613"/>
      <c r="NII652" s="613"/>
      <c r="NIJ652" s="613"/>
      <c r="NIK652" s="613"/>
      <c r="NIL652" s="613"/>
      <c r="NIM652" s="613"/>
      <c r="NIN652" s="613"/>
      <c r="NIO652" s="613"/>
      <c r="NIP652" s="613"/>
      <c r="NIQ652" s="613"/>
      <c r="NIR652" s="613"/>
      <c r="NIS652" s="613"/>
      <c r="NIT652" s="613"/>
      <c r="NIU652" s="613"/>
      <c r="NIV652" s="613"/>
      <c r="NIW652" s="613"/>
      <c r="NIX652" s="613"/>
      <c r="NIY652" s="613"/>
      <c r="NIZ652" s="613"/>
      <c r="NJA652" s="613"/>
      <c r="NJB652" s="613"/>
      <c r="NJC652" s="613"/>
      <c r="NJD652" s="613"/>
      <c r="NJE652" s="613"/>
      <c r="NJF652" s="613"/>
      <c r="NJG652" s="613"/>
      <c r="NJH652" s="613"/>
      <c r="NJI652" s="613"/>
      <c r="NJJ652" s="613"/>
      <c r="NJK652" s="613"/>
      <c r="NJL652" s="613"/>
      <c r="NJM652" s="613"/>
      <c r="NJN652" s="613"/>
      <c r="NJO652" s="613"/>
      <c r="NJP652" s="613"/>
      <c r="NJQ652" s="613"/>
      <c r="NJR652" s="613"/>
      <c r="NJS652" s="613"/>
      <c r="NJT652" s="613"/>
      <c r="NJU652" s="613"/>
      <c r="NJV652" s="613"/>
      <c r="NJW652" s="613"/>
      <c r="NJX652" s="613"/>
      <c r="NJY652" s="613"/>
      <c r="NJZ652" s="613"/>
      <c r="NKA652" s="613"/>
      <c r="NKB652" s="613"/>
      <c r="NKC652" s="613"/>
      <c r="NKD652" s="613"/>
      <c r="NKE652" s="613"/>
      <c r="NKF652" s="613"/>
      <c r="NKG652" s="613"/>
      <c r="NKH652" s="613"/>
      <c r="NKI652" s="613"/>
      <c r="NKJ652" s="613"/>
      <c r="NKK652" s="613"/>
      <c r="NKL652" s="613"/>
      <c r="NKM652" s="613"/>
      <c r="NKN652" s="613"/>
      <c r="NKO652" s="613"/>
      <c r="NKP652" s="613"/>
      <c r="NKQ652" s="613"/>
      <c r="NKR652" s="613"/>
      <c r="NKS652" s="613"/>
      <c r="NKT652" s="613"/>
      <c r="NKU652" s="613"/>
      <c r="NKV652" s="613"/>
      <c r="NKW652" s="613"/>
      <c r="NKX652" s="613"/>
      <c r="NKY652" s="613"/>
      <c r="NKZ652" s="613"/>
      <c r="NLA652" s="613"/>
      <c r="NLB652" s="613"/>
      <c r="NLC652" s="613"/>
      <c r="NLD652" s="613"/>
      <c r="NLE652" s="613"/>
      <c r="NLF652" s="613"/>
      <c r="NLG652" s="613"/>
      <c r="NLH652" s="613"/>
      <c r="NLI652" s="613"/>
      <c r="NLJ652" s="613"/>
      <c r="NLK652" s="613"/>
      <c r="NLL652" s="613"/>
      <c r="NLM652" s="613"/>
      <c r="NLN652" s="613"/>
      <c r="NLO652" s="613"/>
      <c r="NLP652" s="613"/>
      <c r="NLQ652" s="613"/>
      <c r="NLR652" s="613"/>
      <c r="NLS652" s="613"/>
      <c r="NLT652" s="613"/>
      <c r="NLU652" s="613"/>
      <c r="NLV652" s="613"/>
      <c r="NLW652" s="613"/>
      <c r="NLX652" s="613"/>
      <c r="NLY652" s="613"/>
      <c r="NLZ652" s="613"/>
      <c r="NMA652" s="613"/>
      <c r="NMB652" s="613"/>
      <c r="NMC652" s="613"/>
      <c r="NMD652" s="613"/>
      <c r="NME652" s="613"/>
      <c r="NMF652" s="613"/>
      <c r="NMG652" s="613"/>
      <c r="NMH652" s="613"/>
      <c r="NMI652" s="613"/>
      <c r="NMJ652" s="613"/>
      <c r="NMK652" s="613"/>
      <c r="NML652" s="613"/>
      <c r="NMM652" s="613"/>
      <c r="NMN652" s="613"/>
      <c r="NMO652" s="613"/>
      <c r="NMP652" s="613"/>
      <c r="NMQ652" s="613"/>
      <c r="NMR652" s="613"/>
      <c r="NMS652" s="613"/>
      <c r="NMT652" s="613"/>
      <c r="NMU652" s="613"/>
      <c r="NMV652" s="613"/>
      <c r="NMW652" s="613"/>
      <c r="NMX652" s="613"/>
      <c r="NMY652" s="613"/>
      <c r="NMZ652" s="613"/>
      <c r="NNA652" s="613"/>
      <c r="NNB652" s="613"/>
      <c r="NNC652" s="613"/>
      <c r="NND652" s="613"/>
      <c r="NNE652" s="613"/>
      <c r="NNF652" s="613"/>
      <c r="NNG652" s="613"/>
      <c r="NNH652" s="613"/>
      <c r="NNI652" s="613"/>
      <c r="NNJ652" s="613"/>
      <c r="NNK652" s="613"/>
      <c r="NNL652" s="613"/>
      <c r="NNM652" s="613"/>
      <c r="NNN652" s="613"/>
      <c r="NNO652" s="613"/>
      <c r="NNP652" s="613"/>
      <c r="NNQ652" s="613"/>
      <c r="NNR652" s="613"/>
      <c r="NNS652" s="613"/>
      <c r="NNT652" s="613"/>
      <c r="NNU652" s="613"/>
      <c r="NNV652" s="613"/>
      <c r="NNW652" s="613"/>
      <c r="NNX652" s="613"/>
      <c r="NNY652" s="613"/>
      <c r="NNZ652" s="613"/>
      <c r="NOA652" s="613"/>
      <c r="NOB652" s="613"/>
      <c r="NOC652" s="613"/>
      <c r="NOD652" s="613"/>
      <c r="NOE652" s="613"/>
      <c r="NOF652" s="613"/>
      <c r="NOG652" s="613"/>
      <c r="NOH652" s="613"/>
      <c r="NOI652" s="613"/>
      <c r="NOJ652" s="613"/>
      <c r="NOK652" s="613"/>
      <c r="NOL652" s="613"/>
      <c r="NOM652" s="613"/>
      <c r="NON652" s="613"/>
      <c r="NOO652" s="613"/>
      <c r="NOP652" s="613"/>
      <c r="NOQ652" s="613"/>
      <c r="NOR652" s="613"/>
      <c r="NOS652" s="613"/>
      <c r="NOT652" s="613"/>
      <c r="NOU652" s="613"/>
      <c r="NOV652" s="613"/>
      <c r="NOW652" s="613"/>
      <c r="NOX652" s="613"/>
      <c r="NOY652" s="613"/>
      <c r="NOZ652" s="613"/>
      <c r="NPA652" s="613"/>
      <c r="NPB652" s="613"/>
      <c r="NPC652" s="613"/>
      <c r="NPD652" s="613"/>
      <c r="NPE652" s="613"/>
      <c r="NPF652" s="613"/>
      <c r="NPG652" s="613"/>
      <c r="NPH652" s="613"/>
      <c r="NPI652" s="613"/>
      <c r="NPJ652" s="613"/>
      <c r="NPK652" s="613"/>
      <c r="NPL652" s="613"/>
      <c r="NPM652" s="613"/>
      <c r="NPN652" s="613"/>
      <c r="NPO652" s="613"/>
      <c r="NPP652" s="613"/>
      <c r="NPQ652" s="613"/>
      <c r="NPR652" s="613"/>
      <c r="NPS652" s="613"/>
      <c r="NPT652" s="613"/>
      <c r="NPU652" s="613"/>
      <c r="NPV652" s="613"/>
      <c r="NPW652" s="613"/>
      <c r="NPX652" s="613"/>
      <c r="NPY652" s="613"/>
      <c r="NPZ652" s="613"/>
      <c r="NQA652" s="613"/>
      <c r="NQB652" s="613"/>
      <c r="NQC652" s="613"/>
      <c r="NQD652" s="613"/>
      <c r="NQE652" s="613"/>
      <c r="NQF652" s="613"/>
      <c r="NQG652" s="613"/>
      <c r="NQH652" s="613"/>
      <c r="NQI652" s="613"/>
      <c r="NQJ652" s="613"/>
      <c r="NQK652" s="613"/>
      <c r="NQL652" s="613"/>
      <c r="NQM652" s="613"/>
      <c r="NQN652" s="613"/>
      <c r="NQO652" s="613"/>
      <c r="NQP652" s="613"/>
      <c r="NQQ652" s="613"/>
      <c r="NQR652" s="613"/>
      <c r="NQS652" s="613"/>
      <c r="NQT652" s="613"/>
      <c r="NQU652" s="613"/>
      <c r="NQV652" s="613"/>
      <c r="NQW652" s="613"/>
      <c r="NQX652" s="613"/>
      <c r="NQY652" s="613"/>
      <c r="NQZ652" s="613"/>
      <c r="NRA652" s="613"/>
      <c r="NRB652" s="613"/>
      <c r="NRC652" s="613"/>
      <c r="NRD652" s="613"/>
      <c r="NRE652" s="613"/>
      <c r="NRF652" s="613"/>
      <c r="NRG652" s="613"/>
      <c r="NRH652" s="613"/>
      <c r="NRI652" s="613"/>
      <c r="NRJ652" s="613"/>
      <c r="NRK652" s="613"/>
      <c r="NRL652" s="613"/>
      <c r="NRM652" s="613"/>
      <c r="NRN652" s="613"/>
      <c r="NRO652" s="613"/>
      <c r="NRP652" s="613"/>
      <c r="NRQ652" s="613"/>
      <c r="NRR652" s="613"/>
      <c r="NRS652" s="613"/>
      <c r="NRT652" s="613"/>
      <c r="NRU652" s="613"/>
      <c r="NRV652" s="613"/>
      <c r="NRW652" s="613"/>
      <c r="NRX652" s="613"/>
      <c r="NRY652" s="613"/>
      <c r="NRZ652" s="613"/>
      <c r="NSA652" s="613"/>
      <c r="NSB652" s="613"/>
      <c r="NSC652" s="613"/>
      <c r="NSD652" s="613"/>
      <c r="NSE652" s="613"/>
      <c r="NSF652" s="613"/>
      <c r="NSG652" s="613"/>
      <c r="NSH652" s="613"/>
      <c r="NSI652" s="613"/>
      <c r="NSJ652" s="613"/>
      <c r="NSK652" s="613"/>
      <c r="NSL652" s="613"/>
      <c r="NSM652" s="613"/>
      <c r="NSN652" s="613"/>
      <c r="NSO652" s="613"/>
      <c r="NSP652" s="613"/>
      <c r="NSQ652" s="613"/>
      <c r="NSR652" s="613"/>
      <c r="NSS652" s="613"/>
      <c r="NST652" s="613"/>
      <c r="NSU652" s="613"/>
      <c r="NSV652" s="613"/>
      <c r="NSW652" s="613"/>
      <c r="NSX652" s="613"/>
      <c r="NSY652" s="613"/>
      <c r="NSZ652" s="613"/>
      <c r="NTA652" s="613"/>
      <c r="NTB652" s="613"/>
      <c r="NTC652" s="613"/>
      <c r="NTD652" s="613"/>
      <c r="NTE652" s="613"/>
      <c r="NTF652" s="613"/>
      <c r="NTG652" s="613"/>
      <c r="NTH652" s="613"/>
      <c r="NTI652" s="613"/>
      <c r="NTJ652" s="613"/>
      <c r="NTK652" s="613"/>
      <c r="NTL652" s="613"/>
      <c r="NTM652" s="613"/>
      <c r="NTN652" s="613"/>
      <c r="NTO652" s="613"/>
      <c r="NTP652" s="613"/>
      <c r="NTQ652" s="613"/>
      <c r="NTR652" s="613"/>
      <c r="NTS652" s="613"/>
      <c r="NTT652" s="613"/>
      <c r="NTU652" s="613"/>
      <c r="NTV652" s="613"/>
      <c r="NTW652" s="613"/>
      <c r="NTX652" s="613"/>
      <c r="NTY652" s="613"/>
      <c r="NTZ652" s="613"/>
      <c r="NUA652" s="613"/>
      <c r="NUB652" s="613"/>
      <c r="NUC652" s="613"/>
      <c r="NUD652" s="613"/>
      <c r="NUE652" s="613"/>
      <c r="NUF652" s="613"/>
      <c r="NUG652" s="613"/>
      <c r="NUH652" s="613"/>
      <c r="NUI652" s="613"/>
      <c r="NUJ652" s="613"/>
      <c r="NUK652" s="613"/>
      <c r="NUL652" s="613"/>
      <c r="NUM652" s="613"/>
      <c r="NUN652" s="613"/>
      <c r="NUO652" s="613"/>
      <c r="NUP652" s="613"/>
      <c r="NUQ652" s="613"/>
      <c r="NUR652" s="613"/>
      <c r="NUS652" s="613"/>
      <c r="NUT652" s="613"/>
      <c r="NUU652" s="613"/>
      <c r="NUV652" s="613"/>
      <c r="NUW652" s="613"/>
      <c r="NUX652" s="613"/>
      <c r="NUY652" s="613"/>
      <c r="NUZ652" s="613"/>
      <c r="NVA652" s="613"/>
      <c r="NVB652" s="613"/>
      <c r="NVC652" s="613"/>
      <c r="NVD652" s="613"/>
      <c r="NVE652" s="613"/>
      <c r="NVF652" s="613"/>
      <c r="NVG652" s="613"/>
      <c r="NVH652" s="613"/>
      <c r="NVI652" s="613"/>
      <c r="NVJ652" s="613"/>
      <c r="NVK652" s="613"/>
      <c r="NVL652" s="613"/>
      <c r="NVM652" s="613"/>
      <c r="NVN652" s="613"/>
      <c r="NVO652" s="613"/>
      <c r="NVP652" s="613"/>
      <c r="NVQ652" s="613"/>
      <c r="NVR652" s="613"/>
      <c r="NVS652" s="613"/>
      <c r="NVT652" s="613"/>
      <c r="NVU652" s="613"/>
      <c r="NVV652" s="613"/>
      <c r="NVW652" s="613"/>
      <c r="NVX652" s="613"/>
      <c r="NVY652" s="613"/>
      <c r="NVZ652" s="613"/>
      <c r="NWA652" s="613"/>
      <c r="NWB652" s="613"/>
      <c r="NWC652" s="613"/>
      <c r="NWD652" s="613"/>
      <c r="NWE652" s="613"/>
      <c r="NWF652" s="613"/>
      <c r="NWG652" s="613"/>
      <c r="NWH652" s="613"/>
      <c r="NWI652" s="613"/>
      <c r="NWJ652" s="613"/>
      <c r="NWK652" s="613"/>
      <c r="NWL652" s="613"/>
      <c r="NWM652" s="613"/>
      <c r="NWN652" s="613"/>
      <c r="NWO652" s="613"/>
      <c r="NWP652" s="613"/>
      <c r="NWQ652" s="613"/>
      <c r="NWR652" s="613"/>
      <c r="NWS652" s="613"/>
      <c r="NWT652" s="613"/>
      <c r="NWU652" s="613"/>
      <c r="NWV652" s="613"/>
      <c r="NWW652" s="613"/>
      <c r="NWX652" s="613"/>
      <c r="NWY652" s="613"/>
      <c r="NWZ652" s="613"/>
      <c r="NXA652" s="613"/>
      <c r="NXB652" s="613"/>
      <c r="NXC652" s="613"/>
      <c r="NXD652" s="613"/>
      <c r="NXE652" s="613"/>
      <c r="NXF652" s="613"/>
      <c r="NXG652" s="613"/>
      <c r="NXH652" s="613"/>
      <c r="NXI652" s="613"/>
      <c r="NXJ652" s="613"/>
      <c r="NXK652" s="613"/>
      <c r="NXL652" s="613"/>
      <c r="NXM652" s="613"/>
      <c r="NXN652" s="613"/>
      <c r="NXO652" s="613"/>
      <c r="NXP652" s="613"/>
      <c r="NXQ652" s="613"/>
      <c r="NXR652" s="613"/>
      <c r="NXS652" s="613"/>
      <c r="NXT652" s="613"/>
      <c r="NXU652" s="613"/>
      <c r="NXV652" s="613"/>
      <c r="NXW652" s="613"/>
      <c r="NXX652" s="613"/>
      <c r="NXY652" s="613"/>
      <c r="NXZ652" s="613"/>
      <c r="NYA652" s="613"/>
      <c r="NYB652" s="613"/>
      <c r="NYC652" s="613"/>
      <c r="NYD652" s="613"/>
      <c r="NYE652" s="613"/>
      <c r="NYF652" s="613"/>
      <c r="NYG652" s="613"/>
      <c r="NYH652" s="613"/>
      <c r="NYI652" s="613"/>
      <c r="NYJ652" s="613"/>
      <c r="NYK652" s="613"/>
      <c r="NYL652" s="613"/>
      <c r="NYM652" s="613"/>
      <c r="NYN652" s="613"/>
      <c r="NYO652" s="613"/>
      <c r="NYP652" s="613"/>
      <c r="NYQ652" s="613"/>
      <c r="NYR652" s="613"/>
      <c r="NYS652" s="613"/>
      <c r="NYT652" s="613"/>
      <c r="NYU652" s="613"/>
      <c r="NYV652" s="613"/>
      <c r="NYW652" s="613"/>
      <c r="NYX652" s="613"/>
      <c r="NYY652" s="613"/>
      <c r="NYZ652" s="613"/>
      <c r="NZA652" s="613"/>
      <c r="NZB652" s="613"/>
      <c r="NZC652" s="613"/>
      <c r="NZD652" s="613"/>
      <c r="NZE652" s="613"/>
      <c r="NZF652" s="613"/>
      <c r="NZG652" s="613"/>
      <c r="NZH652" s="613"/>
      <c r="NZI652" s="613"/>
      <c r="NZJ652" s="613"/>
      <c r="NZK652" s="613"/>
      <c r="NZL652" s="613"/>
      <c r="NZM652" s="613"/>
      <c r="NZN652" s="613"/>
      <c r="NZO652" s="613"/>
      <c r="NZP652" s="613"/>
      <c r="NZQ652" s="613"/>
      <c r="NZR652" s="613"/>
      <c r="NZS652" s="613"/>
      <c r="NZT652" s="613"/>
      <c r="NZU652" s="613"/>
      <c r="NZV652" s="613"/>
      <c r="NZW652" s="613"/>
      <c r="NZX652" s="613"/>
      <c r="NZY652" s="613"/>
      <c r="NZZ652" s="613"/>
      <c r="OAA652" s="613"/>
      <c r="OAB652" s="613"/>
      <c r="OAC652" s="613"/>
      <c r="OAD652" s="613"/>
      <c r="OAE652" s="613"/>
      <c r="OAF652" s="613"/>
      <c r="OAG652" s="613"/>
      <c r="OAH652" s="613"/>
      <c r="OAI652" s="613"/>
      <c r="OAJ652" s="613"/>
      <c r="OAK652" s="613"/>
      <c r="OAL652" s="613"/>
      <c r="OAM652" s="613"/>
      <c r="OAN652" s="613"/>
      <c r="OAO652" s="613"/>
      <c r="OAP652" s="613"/>
      <c r="OAQ652" s="613"/>
      <c r="OAR652" s="613"/>
      <c r="OAS652" s="613"/>
      <c r="OAT652" s="613"/>
      <c r="OAU652" s="613"/>
      <c r="OAV652" s="613"/>
      <c r="OAW652" s="613"/>
      <c r="OAX652" s="613"/>
      <c r="OAY652" s="613"/>
      <c r="OAZ652" s="613"/>
      <c r="OBA652" s="613"/>
      <c r="OBB652" s="613"/>
      <c r="OBC652" s="613"/>
      <c r="OBD652" s="613"/>
      <c r="OBE652" s="613"/>
      <c r="OBF652" s="613"/>
      <c r="OBG652" s="613"/>
      <c r="OBH652" s="613"/>
      <c r="OBI652" s="613"/>
      <c r="OBJ652" s="613"/>
      <c r="OBK652" s="613"/>
      <c r="OBL652" s="613"/>
      <c r="OBM652" s="613"/>
      <c r="OBN652" s="613"/>
      <c r="OBO652" s="613"/>
      <c r="OBP652" s="613"/>
      <c r="OBQ652" s="613"/>
      <c r="OBR652" s="613"/>
      <c r="OBS652" s="613"/>
      <c r="OBT652" s="613"/>
      <c r="OBU652" s="613"/>
      <c r="OBV652" s="613"/>
      <c r="OBW652" s="613"/>
      <c r="OBX652" s="613"/>
      <c r="OBY652" s="613"/>
      <c r="OBZ652" s="613"/>
      <c r="OCA652" s="613"/>
      <c r="OCB652" s="613"/>
      <c r="OCC652" s="613"/>
      <c r="OCD652" s="613"/>
      <c r="OCE652" s="613"/>
      <c r="OCF652" s="613"/>
      <c r="OCG652" s="613"/>
      <c r="OCH652" s="613"/>
      <c r="OCI652" s="613"/>
      <c r="OCJ652" s="613"/>
      <c r="OCK652" s="613"/>
      <c r="OCL652" s="613"/>
      <c r="OCM652" s="613"/>
      <c r="OCN652" s="613"/>
      <c r="OCO652" s="613"/>
      <c r="OCP652" s="613"/>
      <c r="OCQ652" s="613"/>
      <c r="OCR652" s="613"/>
      <c r="OCS652" s="613"/>
      <c r="OCT652" s="613"/>
      <c r="OCU652" s="613"/>
      <c r="OCV652" s="613"/>
      <c r="OCW652" s="613"/>
      <c r="OCX652" s="613"/>
      <c r="OCY652" s="613"/>
      <c r="OCZ652" s="613"/>
      <c r="ODA652" s="613"/>
      <c r="ODB652" s="613"/>
      <c r="ODC652" s="613"/>
      <c r="ODD652" s="613"/>
      <c r="ODE652" s="613"/>
      <c r="ODF652" s="613"/>
      <c r="ODG652" s="613"/>
      <c r="ODH652" s="613"/>
      <c r="ODI652" s="613"/>
      <c r="ODJ652" s="613"/>
      <c r="ODK652" s="613"/>
      <c r="ODL652" s="613"/>
      <c r="ODM652" s="613"/>
      <c r="ODN652" s="613"/>
      <c r="ODO652" s="613"/>
      <c r="ODP652" s="613"/>
      <c r="ODQ652" s="613"/>
      <c r="ODR652" s="613"/>
      <c r="ODS652" s="613"/>
      <c r="ODT652" s="613"/>
      <c r="ODU652" s="613"/>
      <c r="ODV652" s="613"/>
      <c r="ODW652" s="613"/>
      <c r="ODX652" s="613"/>
      <c r="ODY652" s="613"/>
      <c r="ODZ652" s="613"/>
      <c r="OEA652" s="613"/>
      <c r="OEB652" s="613"/>
      <c r="OEC652" s="613"/>
      <c r="OED652" s="613"/>
      <c r="OEE652" s="613"/>
      <c r="OEF652" s="613"/>
      <c r="OEG652" s="613"/>
      <c r="OEH652" s="613"/>
      <c r="OEI652" s="613"/>
      <c r="OEJ652" s="613"/>
      <c r="OEK652" s="613"/>
      <c r="OEL652" s="613"/>
      <c r="OEM652" s="613"/>
      <c r="OEN652" s="613"/>
      <c r="OEO652" s="613"/>
      <c r="OEP652" s="613"/>
      <c r="OEQ652" s="613"/>
      <c r="OER652" s="613"/>
      <c r="OES652" s="613"/>
      <c r="OET652" s="613"/>
      <c r="OEU652" s="613"/>
      <c r="OEV652" s="613"/>
      <c r="OEW652" s="613"/>
      <c r="OEX652" s="613"/>
      <c r="OEY652" s="613"/>
      <c r="OEZ652" s="613"/>
      <c r="OFA652" s="613"/>
      <c r="OFB652" s="613"/>
      <c r="OFC652" s="613"/>
      <c r="OFD652" s="613"/>
      <c r="OFE652" s="613"/>
      <c r="OFF652" s="613"/>
      <c r="OFG652" s="613"/>
      <c r="OFH652" s="613"/>
      <c r="OFI652" s="613"/>
      <c r="OFJ652" s="613"/>
      <c r="OFK652" s="613"/>
      <c r="OFL652" s="613"/>
      <c r="OFM652" s="613"/>
      <c r="OFN652" s="613"/>
      <c r="OFO652" s="613"/>
      <c r="OFP652" s="613"/>
      <c r="OFQ652" s="613"/>
      <c r="OFR652" s="613"/>
      <c r="OFS652" s="613"/>
      <c r="OFT652" s="613"/>
      <c r="OFU652" s="613"/>
      <c r="OFV652" s="613"/>
      <c r="OFW652" s="613"/>
      <c r="OFX652" s="613"/>
      <c r="OFY652" s="613"/>
      <c r="OFZ652" s="613"/>
      <c r="OGA652" s="613"/>
      <c r="OGB652" s="613"/>
      <c r="OGC652" s="613"/>
      <c r="OGD652" s="613"/>
      <c r="OGE652" s="613"/>
      <c r="OGF652" s="613"/>
      <c r="OGG652" s="613"/>
      <c r="OGH652" s="613"/>
      <c r="OGI652" s="613"/>
      <c r="OGJ652" s="613"/>
      <c r="OGK652" s="613"/>
      <c r="OGL652" s="613"/>
      <c r="OGM652" s="613"/>
      <c r="OGN652" s="613"/>
      <c r="OGO652" s="613"/>
      <c r="OGP652" s="613"/>
      <c r="OGQ652" s="613"/>
      <c r="OGR652" s="613"/>
      <c r="OGS652" s="613"/>
      <c r="OGT652" s="613"/>
      <c r="OGU652" s="613"/>
      <c r="OGV652" s="613"/>
      <c r="OGW652" s="613"/>
      <c r="OGX652" s="613"/>
      <c r="OGY652" s="613"/>
      <c r="OGZ652" s="613"/>
      <c r="OHA652" s="613"/>
      <c r="OHB652" s="613"/>
      <c r="OHC652" s="613"/>
      <c r="OHD652" s="613"/>
      <c r="OHE652" s="613"/>
      <c r="OHF652" s="613"/>
      <c r="OHG652" s="613"/>
      <c r="OHH652" s="613"/>
      <c r="OHI652" s="613"/>
      <c r="OHJ652" s="613"/>
      <c r="OHK652" s="613"/>
      <c r="OHL652" s="613"/>
      <c r="OHM652" s="613"/>
      <c r="OHN652" s="613"/>
      <c r="OHO652" s="613"/>
      <c r="OHP652" s="613"/>
      <c r="OHQ652" s="613"/>
      <c r="OHR652" s="613"/>
      <c r="OHS652" s="613"/>
      <c r="OHT652" s="613"/>
      <c r="OHU652" s="613"/>
      <c r="OHV652" s="613"/>
      <c r="OHW652" s="613"/>
      <c r="OHX652" s="613"/>
      <c r="OHY652" s="613"/>
      <c r="OHZ652" s="613"/>
      <c r="OIA652" s="613"/>
      <c r="OIB652" s="613"/>
      <c r="OIC652" s="613"/>
      <c r="OID652" s="613"/>
      <c r="OIE652" s="613"/>
      <c r="OIF652" s="613"/>
      <c r="OIG652" s="613"/>
      <c r="OIH652" s="613"/>
      <c r="OII652" s="613"/>
      <c r="OIJ652" s="613"/>
      <c r="OIK652" s="613"/>
      <c r="OIL652" s="613"/>
      <c r="OIM652" s="613"/>
      <c r="OIN652" s="613"/>
      <c r="OIO652" s="613"/>
      <c r="OIP652" s="613"/>
      <c r="OIQ652" s="613"/>
      <c r="OIR652" s="613"/>
      <c r="OIS652" s="613"/>
      <c r="OIT652" s="613"/>
      <c r="OIU652" s="613"/>
      <c r="OIV652" s="613"/>
      <c r="OIW652" s="613"/>
      <c r="OIX652" s="613"/>
      <c r="OIY652" s="613"/>
      <c r="OIZ652" s="613"/>
      <c r="OJA652" s="613"/>
      <c r="OJB652" s="613"/>
      <c r="OJC652" s="613"/>
      <c r="OJD652" s="613"/>
      <c r="OJE652" s="613"/>
      <c r="OJF652" s="613"/>
      <c r="OJG652" s="613"/>
      <c r="OJH652" s="613"/>
      <c r="OJI652" s="613"/>
      <c r="OJJ652" s="613"/>
      <c r="OJK652" s="613"/>
      <c r="OJL652" s="613"/>
      <c r="OJM652" s="613"/>
      <c r="OJN652" s="613"/>
      <c r="OJO652" s="613"/>
      <c r="OJP652" s="613"/>
      <c r="OJQ652" s="613"/>
      <c r="OJR652" s="613"/>
      <c r="OJS652" s="613"/>
      <c r="OJT652" s="613"/>
      <c r="OJU652" s="613"/>
      <c r="OJV652" s="613"/>
      <c r="OJW652" s="613"/>
      <c r="OJX652" s="613"/>
      <c r="OJY652" s="613"/>
      <c r="OJZ652" s="613"/>
      <c r="OKA652" s="613"/>
      <c r="OKB652" s="613"/>
      <c r="OKC652" s="613"/>
      <c r="OKD652" s="613"/>
      <c r="OKE652" s="613"/>
      <c r="OKF652" s="613"/>
      <c r="OKG652" s="613"/>
      <c r="OKH652" s="613"/>
      <c r="OKI652" s="613"/>
      <c r="OKJ652" s="613"/>
      <c r="OKK652" s="613"/>
      <c r="OKL652" s="613"/>
      <c r="OKM652" s="613"/>
      <c r="OKN652" s="613"/>
      <c r="OKO652" s="613"/>
      <c r="OKP652" s="613"/>
      <c r="OKQ652" s="613"/>
      <c r="OKR652" s="613"/>
      <c r="OKS652" s="613"/>
      <c r="OKT652" s="613"/>
      <c r="OKU652" s="613"/>
      <c r="OKV652" s="613"/>
      <c r="OKW652" s="613"/>
      <c r="OKX652" s="613"/>
      <c r="OKY652" s="613"/>
      <c r="OKZ652" s="613"/>
      <c r="OLA652" s="613"/>
      <c r="OLB652" s="613"/>
      <c r="OLC652" s="613"/>
      <c r="OLD652" s="613"/>
      <c r="OLE652" s="613"/>
      <c r="OLF652" s="613"/>
      <c r="OLG652" s="613"/>
      <c r="OLH652" s="613"/>
      <c r="OLI652" s="613"/>
      <c r="OLJ652" s="613"/>
      <c r="OLK652" s="613"/>
      <c r="OLL652" s="613"/>
      <c r="OLM652" s="613"/>
      <c r="OLN652" s="613"/>
      <c r="OLO652" s="613"/>
      <c r="OLP652" s="613"/>
      <c r="OLQ652" s="613"/>
      <c r="OLR652" s="613"/>
      <c r="OLS652" s="613"/>
      <c r="OLT652" s="613"/>
      <c r="OLU652" s="613"/>
      <c r="OLV652" s="613"/>
      <c r="OLW652" s="613"/>
      <c r="OLX652" s="613"/>
      <c r="OLY652" s="613"/>
      <c r="OLZ652" s="613"/>
      <c r="OMA652" s="613"/>
      <c r="OMB652" s="613"/>
      <c r="OMC652" s="613"/>
      <c r="OMD652" s="613"/>
      <c r="OME652" s="613"/>
      <c r="OMF652" s="613"/>
      <c r="OMG652" s="613"/>
      <c r="OMH652" s="613"/>
      <c r="OMI652" s="613"/>
      <c r="OMJ652" s="613"/>
      <c r="OMK652" s="613"/>
      <c r="OML652" s="613"/>
      <c r="OMM652" s="613"/>
      <c r="OMN652" s="613"/>
      <c r="OMO652" s="613"/>
      <c r="OMP652" s="613"/>
      <c r="OMQ652" s="613"/>
      <c r="OMR652" s="613"/>
      <c r="OMS652" s="613"/>
      <c r="OMT652" s="613"/>
      <c r="OMU652" s="613"/>
      <c r="OMV652" s="613"/>
      <c r="OMW652" s="613"/>
      <c r="OMX652" s="613"/>
      <c r="OMY652" s="613"/>
      <c r="OMZ652" s="613"/>
      <c r="ONA652" s="613"/>
      <c r="ONB652" s="613"/>
      <c r="ONC652" s="613"/>
      <c r="OND652" s="613"/>
      <c r="ONE652" s="613"/>
      <c r="ONF652" s="613"/>
      <c r="ONG652" s="613"/>
      <c r="ONH652" s="613"/>
      <c r="ONI652" s="613"/>
      <c r="ONJ652" s="613"/>
      <c r="ONK652" s="613"/>
      <c r="ONL652" s="613"/>
      <c r="ONM652" s="613"/>
      <c r="ONN652" s="613"/>
      <c r="ONO652" s="613"/>
      <c r="ONP652" s="613"/>
      <c r="ONQ652" s="613"/>
      <c r="ONR652" s="613"/>
      <c r="ONS652" s="613"/>
      <c r="ONT652" s="613"/>
      <c r="ONU652" s="613"/>
      <c r="ONV652" s="613"/>
      <c r="ONW652" s="613"/>
      <c r="ONX652" s="613"/>
      <c r="ONY652" s="613"/>
      <c r="ONZ652" s="613"/>
      <c r="OOA652" s="613"/>
      <c r="OOB652" s="613"/>
      <c r="OOC652" s="613"/>
      <c r="OOD652" s="613"/>
      <c r="OOE652" s="613"/>
      <c r="OOF652" s="613"/>
      <c r="OOG652" s="613"/>
      <c r="OOH652" s="613"/>
      <c r="OOI652" s="613"/>
      <c r="OOJ652" s="613"/>
      <c r="OOK652" s="613"/>
      <c r="OOL652" s="613"/>
      <c r="OOM652" s="613"/>
      <c r="OON652" s="613"/>
      <c r="OOO652" s="613"/>
      <c r="OOP652" s="613"/>
      <c r="OOQ652" s="613"/>
      <c r="OOR652" s="613"/>
      <c r="OOS652" s="613"/>
      <c r="OOT652" s="613"/>
      <c r="OOU652" s="613"/>
      <c r="OOV652" s="613"/>
      <c r="OOW652" s="613"/>
      <c r="OOX652" s="613"/>
      <c r="OOY652" s="613"/>
      <c r="OOZ652" s="613"/>
      <c r="OPA652" s="613"/>
      <c r="OPB652" s="613"/>
      <c r="OPC652" s="613"/>
      <c r="OPD652" s="613"/>
      <c r="OPE652" s="613"/>
      <c r="OPF652" s="613"/>
      <c r="OPG652" s="613"/>
      <c r="OPH652" s="613"/>
      <c r="OPI652" s="613"/>
      <c r="OPJ652" s="613"/>
      <c r="OPK652" s="613"/>
      <c r="OPL652" s="613"/>
      <c r="OPM652" s="613"/>
      <c r="OPN652" s="613"/>
      <c r="OPO652" s="613"/>
      <c r="OPP652" s="613"/>
      <c r="OPQ652" s="613"/>
      <c r="OPR652" s="613"/>
      <c r="OPS652" s="613"/>
      <c r="OPT652" s="613"/>
      <c r="OPU652" s="613"/>
      <c r="OPV652" s="613"/>
      <c r="OPW652" s="613"/>
      <c r="OPX652" s="613"/>
      <c r="OPY652" s="613"/>
      <c r="OPZ652" s="613"/>
      <c r="OQA652" s="613"/>
      <c r="OQB652" s="613"/>
      <c r="OQC652" s="613"/>
      <c r="OQD652" s="613"/>
      <c r="OQE652" s="613"/>
      <c r="OQF652" s="613"/>
      <c r="OQG652" s="613"/>
      <c r="OQH652" s="613"/>
      <c r="OQI652" s="613"/>
      <c r="OQJ652" s="613"/>
      <c r="OQK652" s="613"/>
      <c r="OQL652" s="613"/>
      <c r="OQM652" s="613"/>
      <c r="OQN652" s="613"/>
      <c r="OQO652" s="613"/>
      <c r="OQP652" s="613"/>
      <c r="OQQ652" s="613"/>
      <c r="OQR652" s="613"/>
      <c r="OQS652" s="613"/>
      <c r="OQT652" s="613"/>
      <c r="OQU652" s="613"/>
      <c r="OQV652" s="613"/>
      <c r="OQW652" s="613"/>
      <c r="OQX652" s="613"/>
      <c r="OQY652" s="613"/>
      <c r="OQZ652" s="613"/>
      <c r="ORA652" s="613"/>
      <c r="ORB652" s="613"/>
      <c r="ORC652" s="613"/>
      <c r="ORD652" s="613"/>
      <c r="ORE652" s="613"/>
      <c r="ORF652" s="613"/>
      <c r="ORG652" s="613"/>
      <c r="ORH652" s="613"/>
      <c r="ORI652" s="613"/>
      <c r="ORJ652" s="613"/>
      <c r="ORK652" s="613"/>
      <c r="ORL652" s="613"/>
      <c r="ORM652" s="613"/>
      <c r="ORN652" s="613"/>
      <c r="ORO652" s="613"/>
      <c r="ORP652" s="613"/>
      <c r="ORQ652" s="613"/>
      <c r="ORR652" s="613"/>
      <c r="ORS652" s="613"/>
      <c r="ORT652" s="613"/>
      <c r="ORU652" s="613"/>
      <c r="ORV652" s="613"/>
      <c r="ORW652" s="613"/>
      <c r="ORX652" s="613"/>
      <c r="ORY652" s="613"/>
      <c r="ORZ652" s="613"/>
      <c r="OSA652" s="613"/>
      <c r="OSB652" s="613"/>
      <c r="OSC652" s="613"/>
      <c r="OSD652" s="613"/>
      <c r="OSE652" s="613"/>
      <c r="OSF652" s="613"/>
      <c r="OSG652" s="613"/>
      <c r="OSH652" s="613"/>
      <c r="OSI652" s="613"/>
      <c r="OSJ652" s="613"/>
      <c r="OSK652" s="613"/>
      <c r="OSL652" s="613"/>
      <c r="OSM652" s="613"/>
      <c r="OSN652" s="613"/>
      <c r="OSO652" s="613"/>
      <c r="OSP652" s="613"/>
      <c r="OSQ652" s="613"/>
      <c r="OSR652" s="613"/>
      <c r="OSS652" s="613"/>
      <c r="OST652" s="613"/>
      <c r="OSU652" s="613"/>
      <c r="OSV652" s="613"/>
      <c r="OSW652" s="613"/>
      <c r="OSX652" s="613"/>
      <c r="OSY652" s="613"/>
      <c r="OSZ652" s="613"/>
      <c r="OTA652" s="613"/>
      <c r="OTB652" s="613"/>
      <c r="OTC652" s="613"/>
      <c r="OTD652" s="613"/>
      <c r="OTE652" s="613"/>
      <c r="OTF652" s="613"/>
      <c r="OTG652" s="613"/>
      <c r="OTH652" s="613"/>
      <c r="OTI652" s="613"/>
      <c r="OTJ652" s="613"/>
      <c r="OTK652" s="613"/>
      <c r="OTL652" s="613"/>
      <c r="OTM652" s="613"/>
      <c r="OTN652" s="613"/>
      <c r="OTO652" s="613"/>
      <c r="OTP652" s="613"/>
      <c r="OTQ652" s="613"/>
      <c r="OTR652" s="613"/>
      <c r="OTS652" s="613"/>
      <c r="OTT652" s="613"/>
      <c r="OTU652" s="613"/>
      <c r="OTV652" s="613"/>
      <c r="OTW652" s="613"/>
      <c r="OTX652" s="613"/>
      <c r="OTY652" s="613"/>
      <c r="OTZ652" s="613"/>
      <c r="OUA652" s="613"/>
      <c r="OUB652" s="613"/>
      <c r="OUC652" s="613"/>
      <c r="OUD652" s="613"/>
      <c r="OUE652" s="613"/>
      <c r="OUF652" s="613"/>
      <c r="OUG652" s="613"/>
      <c r="OUH652" s="613"/>
      <c r="OUI652" s="613"/>
      <c r="OUJ652" s="613"/>
      <c r="OUK652" s="613"/>
      <c r="OUL652" s="613"/>
      <c r="OUM652" s="613"/>
      <c r="OUN652" s="613"/>
      <c r="OUO652" s="613"/>
      <c r="OUP652" s="613"/>
      <c r="OUQ652" s="613"/>
      <c r="OUR652" s="613"/>
      <c r="OUS652" s="613"/>
      <c r="OUT652" s="613"/>
      <c r="OUU652" s="613"/>
      <c r="OUV652" s="613"/>
      <c r="OUW652" s="613"/>
      <c r="OUX652" s="613"/>
      <c r="OUY652" s="613"/>
      <c r="OUZ652" s="613"/>
      <c r="OVA652" s="613"/>
      <c r="OVB652" s="613"/>
      <c r="OVC652" s="613"/>
      <c r="OVD652" s="613"/>
      <c r="OVE652" s="613"/>
      <c r="OVF652" s="613"/>
      <c r="OVG652" s="613"/>
      <c r="OVH652" s="613"/>
      <c r="OVI652" s="613"/>
      <c r="OVJ652" s="613"/>
      <c r="OVK652" s="613"/>
      <c r="OVL652" s="613"/>
      <c r="OVM652" s="613"/>
      <c r="OVN652" s="613"/>
      <c r="OVO652" s="613"/>
      <c r="OVP652" s="613"/>
      <c r="OVQ652" s="613"/>
      <c r="OVR652" s="613"/>
      <c r="OVS652" s="613"/>
      <c r="OVT652" s="613"/>
      <c r="OVU652" s="613"/>
      <c r="OVV652" s="613"/>
      <c r="OVW652" s="613"/>
      <c r="OVX652" s="613"/>
      <c r="OVY652" s="613"/>
      <c r="OVZ652" s="613"/>
      <c r="OWA652" s="613"/>
      <c r="OWB652" s="613"/>
      <c r="OWC652" s="613"/>
      <c r="OWD652" s="613"/>
      <c r="OWE652" s="613"/>
      <c r="OWF652" s="613"/>
      <c r="OWG652" s="613"/>
      <c r="OWH652" s="613"/>
      <c r="OWI652" s="613"/>
      <c r="OWJ652" s="613"/>
      <c r="OWK652" s="613"/>
      <c r="OWL652" s="613"/>
      <c r="OWM652" s="613"/>
      <c r="OWN652" s="613"/>
      <c r="OWO652" s="613"/>
      <c r="OWP652" s="613"/>
      <c r="OWQ652" s="613"/>
      <c r="OWR652" s="613"/>
      <c r="OWS652" s="613"/>
      <c r="OWT652" s="613"/>
      <c r="OWU652" s="613"/>
      <c r="OWV652" s="613"/>
      <c r="OWW652" s="613"/>
      <c r="OWX652" s="613"/>
      <c r="OWY652" s="613"/>
      <c r="OWZ652" s="613"/>
      <c r="OXA652" s="613"/>
      <c r="OXB652" s="613"/>
      <c r="OXC652" s="613"/>
      <c r="OXD652" s="613"/>
      <c r="OXE652" s="613"/>
      <c r="OXF652" s="613"/>
      <c r="OXG652" s="613"/>
      <c r="OXH652" s="613"/>
      <c r="OXI652" s="613"/>
      <c r="OXJ652" s="613"/>
      <c r="OXK652" s="613"/>
      <c r="OXL652" s="613"/>
      <c r="OXM652" s="613"/>
      <c r="OXN652" s="613"/>
      <c r="OXO652" s="613"/>
      <c r="OXP652" s="613"/>
      <c r="OXQ652" s="613"/>
      <c r="OXR652" s="613"/>
      <c r="OXS652" s="613"/>
      <c r="OXT652" s="613"/>
      <c r="OXU652" s="613"/>
      <c r="OXV652" s="613"/>
      <c r="OXW652" s="613"/>
      <c r="OXX652" s="613"/>
      <c r="OXY652" s="613"/>
      <c r="OXZ652" s="613"/>
      <c r="OYA652" s="613"/>
      <c r="OYB652" s="613"/>
      <c r="OYC652" s="613"/>
      <c r="OYD652" s="613"/>
      <c r="OYE652" s="613"/>
      <c r="OYF652" s="613"/>
      <c r="OYG652" s="613"/>
      <c r="OYH652" s="613"/>
      <c r="OYI652" s="613"/>
      <c r="OYJ652" s="613"/>
      <c r="OYK652" s="613"/>
      <c r="OYL652" s="613"/>
      <c r="OYM652" s="613"/>
      <c r="OYN652" s="613"/>
      <c r="OYO652" s="613"/>
      <c r="OYP652" s="613"/>
      <c r="OYQ652" s="613"/>
      <c r="OYR652" s="613"/>
      <c r="OYS652" s="613"/>
      <c r="OYT652" s="613"/>
      <c r="OYU652" s="613"/>
      <c r="OYV652" s="613"/>
      <c r="OYW652" s="613"/>
      <c r="OYX652" s="613"/>
      <c r="OYY652" s="613"/>
      <c r="OYZ652" s="613"/>
      <c r="OZA652" s="613"/>
      <c r="OZB652" s="613"/>
      <c r="OZC652" s="613"/>
      <c r="OZD652" s="613"/>
      <c r="OZE652" s="613"/>
      <c r="OZF652" s="613"/>
      <c r="OZG652" s="613"/>
      <c r="OZH652" s="613"/>
      <c r="OZI652" s="613"/>
      <c r="OZJ652" s="613"/>
      <c r="OZK652" s="613"/>
      <c r="OZL652" s="613"/>
      <c r="OZM652" s="613"/>
      <c r="OZN652" s="613"/>
      <c r="OZO652" s="613"/>
      <c r="OZP652" s="613"/>
      <c r="OZQ652" s="613"/>
      <c r="OZR652" s="613"/>
      <c r="OZS652" s="613"/>
      <c r="OZT652" s="613"/>
      <c r="OZU652" s="613"/>
      <c r="OZV652" s="613"/>
      <c r="OZW652" s="613"/>
      <c r="OZX652" s="613"/>
      <c r="OZY652" s="613"/>
      <c r="OZZ652" s="613"/>
      <c r="PAA652" s="613"/>
      <c r="PAB652" s="613"/>
      <c r="PAC652" s="613"/>
      <c r="PAD652" s="613"/>
      <c r="PAE652" s="613"/>
      <c r="PAF652" s="613"/>
      <c r="PAG652" s="613"/>
      <c r="PAH652" s="613"/>
      <c r="PAI652" s="613"/>
      <c r="PAJ652" s="613"/>
      <c r="PAK652" s="613"/>
      <c r="PAL652" s="613"/>
      <c r="PAM652" s="613"/>
      <c r="PAN652" s="613"/>
      <c r="PAO652" s="613"/>
      <c r="PAP652" s="613"/>
      <c r="PAQ652" s="613"/>
      <c r="PAR652" s="613"/>
      <c r="PAS652" s="613"/>
      <c r="PAT652" s="613"/>
      <c r="PAU652" s="613"/>
      <c r="PAV652" s="613"/>
      <c r="PAW652" s="613"/>
      <c r="PAX652" s="613"/>
      <c r="PAY652" s="613"/>
      <c r="PAZ652" s="613"/>
      <c r="PBA652" s="613"/>
      <c r="PBB652" s="613"/>
      <c r="PBC652" s="613"/>
      <c r="PBD652" s="613"/>
      <c r="PBE652" s="613"/>
      <c r="PBF652" s="613"/>
      <c r="PBG652" s="613"/>
      <c r="PBH652" s="613"/>
      <c r="PBI652" s="613"/>
      <c r="PBJ652" s="613"/>
      <c r="PBK652" s="613"/>
      <c r="PBL652" s="613"/>
      <c r="PBM652" s="613"/>
      <c r="PBN652" s="613"/>
      <c r="PBO652" s="613"/>
      <c r="PBP652" s="613"/>
      <c r="PBQ652" s="613"/>
      <c r="PBR652" s="613"/>
      <c r="PBS652" s="613"/>
      <c r="PBT652" s="613"/>
      <c r="PBU652" s="613"/>
      <c r="PBV652" s="613"/>
      <c r="PBW652" s="613"/>
      <c r="PBX652" s="613"/>
      <c r="PBY652" s="613"/>
      <c r="PBZ652" s="613"/>
      <c r="PCA652" s="613"/>
      <c r="PCB652" s="613"/>
      <c r="PCC652" s="613"/>
      <c r="PCD652" s="613"/>
      <c r="PCE652" s="613"/>
      <c r="PCF652" s="613"/>
      <c r="PCG652" s="613"/>
      <c r="PCH652" s="613"/>
      <c r="PCI652" s="613"/>
      <c r="PCJ652" s="613"/>
      <c r="PCK652" s="613"/>
      <c r="PCL652" s="613"/>
      <c r="PCM652" s="613"/>
      <c r="PCN652" s="613"/>
      <c r="PCO652" s="613"/>
      <c r="PCP652" s="613"/>
      <c r="PCQ652" s="613"/>
      <c r="PCR652" s="613"/>
      <c r="PCS652" s="613"/>
      <c r="PCT652" s="613"/>
      <c r="PCU652" s="613"/>
      <c r="PCV652" s="613"/>
      <c r="PCW652" s="613"/>
      <c r="PCX652" s="613"/>
      <c r="PCY652" s="613"/>
      <c r="PCZ652" s="613"/>
      <c r="PDA652" s="613"/>
      <c r="PDB652" s="613"/>
      <c r="PDC652" s="613"/>
      <c r="PDD652" s="613"/>
      <c r="PDE652" s="613"/>
      <c r="PDF652" s="613"/>
      <c r="PDG652" s="613"/>
      <c r="PDH652" s="613"/>
      <c r="PDI652" s="613"/>
      <c r="PDJ652" s="613"/>
      <c r="PDK652" s="613"/>
      <c r="PDL652" s="613"/>
      <c r="PDM652" s="613"/>
      <c r="PDN652" s="613"/>
      <c r="PDO652" s="613"/>
      <c r="PDP652" s="613"/>
      <c r="PDQ652" s="613"/>
      <c r="PDR652" s="613"/>
      <c r="PDS652" s="613"/>
      <c r="PDT652" s="613"/>
      <c r="PDU652" s="613"/>
      <c r="PDV652" s="613"/>
      <c r="PDW652" s="613"/>
      <c r="PDX652" s="613"/>
      <c r="PDY652" s="613"/>
      <c r="PDZ652" s="613"/>
      <c r="PEA652" s="613"/>
      <c r="PEB652" s="613"/>
      <c r="PEC652" s="613"/>
      <c r="PED652" s="613"/>
      <c r="PEE652" s="613"/>
      <c r="PEF652" s="613"/>
      <c r="PEG652" s="613"/>
      <c r="PEH652" s="613"/>
      <c r="PEI652" s="613"/>
      <c r="PEJ652" s="613"/>
      <c r="PEK652" s="613"/>
      <c r="PEL652" s="613"/>
      <c r="PEM652" s="613"/>
      <c r="PEN652" s="613"/>
      <c r="PEO652" s="613"/>
      <c r="PEP652" s="613"/>
      <c r="PEQ652" s="613"/>
      <c r="PER652" s="613"/>
      <c r="PES652" s="613"/>
      <c r="PET652" s="613"/>
      <c r="PEU652" s="613"/>
      <c r="PEV652" s="613"/>
      <c r="PEW652" s="613"/>
      <c r="PEX652" s="613"/>
      <c r="PEY652" s="613"/>
      <c r="PEZ652" s="613"/>
      <c r="PFA652" s="613"/>
      <c r="PFB652" s="613"/>
      <c r="PFC652" s="613"/>
      <c r="PFD652" s="613"/>
      <c r="PFE652" s="613"/>
      <c r="PFF652" s="613"/>
      <c r="PFG652" s="613"/>
      <c r="PFH652" s="613"/>
      <c r="PFI652" s="613"/>
      <c r="PFJ652" s="613"/>
      <c r="PFK652" s="613"/>
      <c r="PFL652" s="613"/>
      <c r="PFM652" s="613"/>
      <c r="PFN652" s="613"/>
      <c r="PFO652" s="613"/>
      <c r="PFP652" s="613"/>
      <c r="PFQ652" s="613"/>
      <c r="PFR652" s="613"/>
      <c r="PFS652" s="613"/>
      <c r="PFT652" s="613"/>
      <c r="PFU652" s="613"/>
      <c r="PFV652" s="613"/>
      <c r="PFW652" s="613"/>
      <c r="PFX652" s="613"/>
      <c r="PFY652" s="613"/>
      <c r="PFZ652" s="613"/>
      <c r="PGA652" s="613"/>
      <c r="PGB652" s="613"/>
      <c r="PGC652" s="613"/>
      <c r="PGD652" s="613"/>
      <c r="PGE652" s="613"/>
      <c r="PGF652" s="613"/>
      <c r="PGG652" s="613"/>
      <c r="PGH652" s="613"/>
      <c r="PGI652" s="613"/>
      <c r="PGJ652" s="613"/>
      <c r="PGK652" s="613"/>
      <c r="PGL652" s="613"/>
      <c r="PGM652" s="613"/>
      <c r="PGN652" s="613"/>
      <c r="PGO652" s="613"/>
      <c r="PGP652" s="613"/>
      <c r="PGQ652" s="613"/>
      <c r="PGR652" s="613"/>
      <c r="PGS652" s="613"/>
      <c r="PGT652" s="613"/>
      <c r="PGU652" s="613"/>
      <c r="PGV652" s="613"/>
      <c r="PGW652" s="613"/>
      <c r="PGX652" s="613"/>
      <c r="PGY652" s="613"/>
      <c r="PGZ652" s="613"/>
      <c r="PHA652" s="613"/>
      <c r="PHB652" s="613"/>
      <c r="PHC652" s="613"/>
      <c r="PHD652" s="613"/>
      <c r="PHE652" s="613"/>
      <c r="PHF652" s="613"/>
      <c r="PHG652" s="613"/>
      <c r="PHH652" s="613"/>
      <c r="PHI652" s="613"/>
      <c r="PHJ652" s="613"/>
      <c r="PHK652" s="613"/>
      <c r="PHL652" s="613"/>
      <c r="PHM652" s="613"/>
      <c r="PHN652" s="613"/>
      <c r="PHO652" s="613"/>
      <c r="PHP652" s="613"/>
      <c r="PHQ652" s="613"/>
      <c r="PHR652" s="613"/>
      <c r="PHS652" s="613"/>
      <c r="PHT652" s="613"/>
      <c r="PHU652" s="613"/>
      <c r="PHV652" s="613"/>
      <c r="PHW652" s="613"/>
      <c r="PHX652" s="613"/>
      <c r="PHY652" s="613"/>
      <c r="PHZ652" s="613"/>
      <c r="PIA652" s="613"/>
      <c r="PIB652" s="613"/>
      <c r="PIC652" s="613"/>
      <c r="PID652" s="613"/>
      <c r="PIE652" s="613"/>
      <c r="PIF652" s="613"/>
      <c r="PIG652" s="613"/>
      <c r="PIH652" s="613"/>
      <c r="PII652" s="613"/>
      <c r="PIJ652" s="613"/>
      <c r="PIK652" s="613"/>
      <c r="PIL652" s="613"/>
      <c r="PIM652" s="613"/>
      <c r="PIN652" s="613"/>
      <c r="PIO652" s="613"/>
      <c r="PIP652" s="613"/>
      <c r="PIQ652" s="613"/>
      <c r="PIR652" s="613"/>
      <c r="PIS652" s="613"/>
      <c r="PIT652" s="613"/>
      <c r="PIU652" s="613"/>
      <c r="PIV652" s="613"/>
      <c r="PIW652" s="613"/>
      <c r="PIX652" s="613"/>
      <c r="PIY652" s="613"/>
      <c r="PIZ652" s="613"/>
      <c r="PJA652" s="613"/>
      <c r="PJB652" s="613"/>
      <c r="PJC652" s="613"/>
      <c r="PJD652" s="613"/>
      <c r="PJE652" s="613"/>
      <c r="PJF652" s="613"/>
      <c r="PJG652" s="613"/>
      <c r="PJH652" s="613"/>
      <c r="PJI652" s="613"/>
      <c r="PJJ652" s="613"/>
      <c r="PJK652" s="613"/>
      <c r="PJL652" s="613"/>
      <c r="PJM652" s="613"/>
      <c r="PJN652" s="613"/>
      <c r="PJO652" s="613"/>
      <c r="PJP652" s="613"/>
      <c r="PJQ652" s="613"/>
      <c r="PJR652" s="613"/>
      <c r="PJS652" s="613"/>
      <c r="PJT652" s="613"/>
      <c r="PJU652" s="613"/>
      <c r="PJV652" s="613"/>
      <c r="PJW652" s="613"/>
      <c r="PJX652" s="613"/>
      <c r="PJY652" s="613"/>
      <c r="PJZ652" s="613"/>
      <c r="PKA652" s="613"/>
      <c r="PKB652" s="613"/>
      <c r="PKC652" s="613"/>
      <c r="PKD652" s="613"/>
      <c r="PKE652" s="613"/>
      <c r="PKF652" s="613"/>
      <c r="PKG652" s="613"/>
      <c r="PKH652" s="613"/>
      <c r="PKI652" s="613"/>
      <c r="PKJ652" s="613"/>
      <c r="PKK652" s="613"/>
      <c r="PKL652" s="613"/>
      <c r="PKM652" s="613"/>
      <c r="PKN652" s="613"/>
      <c r="PKO652" s="613"/>
      <c r="PKP652" s="613"/>
      <c r="PKQ652" s="613"/>
      <c r="PKR652" s="613"/>
      <c r="PKS652" s="613"/>
      <c r="PKT652" s="613"/>
      <c r="PKU652" s="613"/>
      <c r="PKV652" s="613"/>
      <c r="PKW652" s="613"/>
      <c r="PKX652" s="613"/>
      <c r="PKY652" s="613"/>
      <c r="PKZ652" s="613"/>
      <c r="PLA652" s="613"/>
      <c r="PLB652" s="613"/>
      <c r="PLC652" s="613"/>
      <c r="PLD652" s="613"/>
      <c r="PLE652" s="613"/>
      <c r="PLF652" s="613"/>
      <c r="PLG652" s="613"/>
      <c r="PLH652" s="613"/>
      <c r="PLI652" s="613"/>
      <c r="PLJ652" s="613"/>
      <c r="PLK652" s="613"/>
      <c r="PLL652" s="613"/>
      <c r="PLM652" s="613"/>
      <c r="PLN652" s="613"/>
      <c r="PLO652" s="613"/>
      <c r="PLP652" s="613"/>
      <c r="PLQ652" s="613"/>
      <c r="PLR652" s="613"/>
      <c r="PLS652" s="613"/>
      <c r="PLT652" s="613"/>
      <c r="PLU652" s="613"/>
      <c r="PLV652" s="613"/>
      <c r="PLW652" s="613"/>
      <c r="PLX652" s="613"/>
      <c r="PLY652" s="613"/>
      <c r="PLZ652" s="613"/>
      <c r="PMA652" s="613"/>
      <c r="PMB652" s="613"/>
      <c r="PMC652" s="613"/>
      <c r="PMD652" s="613"/>
      <c r="PME652" s="613"/>
      <c r="PMF652" s="613"/>
      <c r="PMG652" s="613"/>
      <c r="PMH652" s="613"/>
      <c r="PMI652" s="613"/>
      <c r="PMJ652" s="613"/>
      <c r="PMK652" s="613"/>
      <c r="PML652" s="613"/>
      <c r="PMM652" s="613"/>
      <c r="PMN652" s="613"/>
      <c r="PMO652" s="613"/>
      <c r="PMP652" s="613"/>
      <c r="PMQ652" s="613"/>
      <c r="PMR652" s="613"/>
      <c r="PMS652" s="613"/>
      <c r="PMT652" s="613"/>
      <c r="PMU652" s="613"/>
      <c r="PMV652" s="613"/>
      <c r="PMW652" s="613"/>
      <c r="PMX652" s="613"/>
      <c r="PMY652" s="613"/>
      <c r="PMZ652" s="613"/>
      <c r="PNA652" s="613"/>
      <c r="PNB652" s="613"/>
      <c r="PNC652" s="613"/>
      <c r="PND652" s="613"/>
      <c r="PNE652" s="613"/>
      <c r="PNF652" s="613"/>
      <c r="PNG652" s="613"/>
      <c r="PNH652" s="613"/>
      <c r="PNI652" s="613"/>
      <c r="PNJ652" s="613"/>
      <c r="PNK652" s="613"/>
      <c r="PNL652" s="613"/>
      <c r="PNM652" s="613"/>
      <c r="PNN652" s="613"/>
      <c r="PNO652" s="613"/>
      <c r="PNP652" s="613"/>
      <c r="PNQ652" s="613"/>
      <c r="PNR652" s="613"/>
      <c r="PNS652" s="613"/>
      <c r="PNT652" s="613"/>
      <c r="PNU652" s="613"/>
      <c r="PNV652" s="613"/>
      <c r="PNW652" s="613"/>
      <c r="PNX652" s="613"/>
      <c r="PNY652" s="613"/>
      <c r="PNZ652" s="613"/>
      <c r="POA652" s="613"/>
      <c r="POB652" s="613"/>
      <c r="POC652" s="613"/>
      <c r="POD652" s="613"/>
      <c r="POE652" s="613"/>
      <c r="POF652" s="613"/>
      <c r="POG652" s="613"/>
      <c r="POH652" s="613"/>
      <c r="POI652" s="613"/>
      <c r="POJ652" s="613"/>
      <c r="POK652" s="613"/>
      <c r="POL652" s="613"/>
      <c r="POM652" s="613"/>
      <c r="PON652" s="613"/>
      <c r="POO652" s="613"/>
      <c r="POP652" s="613"/>
      <c r="POQ652" s="613"/>
      <c r="POR652" s="613"/>
      <c r="POS652" s="613"/>
      <c r="POT652" s="613"/>
      <c r="POU652" s="613"/>
      <c r="POV652" s="613"/>
      <c r="POW652" s="613"/>
      <c r="POX652" s="613"/>
      <c r="POY652" s="613"/>
      <c r="POZ652" s="613"/>
      <c r="PPA652" s="613"/>
      <c r="PPB652" s="613"/>
      <c r="PPC652" s="613"/>
      <c r="PPD652" s="613"/>
      <c r="PPE652" s="613"/>
      <c r="PPF652" s="613"/>
      <c r="PPG652" s="613"/>
      <c r="PPH652" s="613"/>
      <c r="PPI652" s="613"/>
      <c r="PPJ652" s="613"/>
      <c r="PPK652" s="613"/>
      <c r="PPL652" s="613"/>
      <c r="PPM652" s="613"/>
      <c r="PPN652" s="613"/>
      <c r="PPO652" s="613"/>
      <c r="PPP652" s="613"/>
      <c r="PPQ652" s="613"/>
      <c r="PPR652" s="613"/>
      <c r="PPS652" s="613"/>
      <c r="PPT652" s="613"/>
      <c r="PPU652" s="613"/>
      <c r="PPV652" s="613"/>
      <c r="PPW652" s="613"/>
      <c r="PPX652" s="613"/>
      <c r="PPY652" s="613"/>
      <c r="PPZ652" s="613"/>
      <c r="PQA652" s="613"/>
      <c r="PQB652" s="613"/>
      <c r="PQC652" s="613"/>
      <c r="PQD652" s="613"/>
      <c r="PQE652" s="613"/>
      <c r="PQF652" s="613"/>
      <c r="PQG652" s="613"/>
      <c r="PQH652" s="613"/>
      <c r="PQI652" s="613"/>
      <c r="PQJ652" s="613"/>
      <c r="PQK652" s="613"/>
      <c r="PQL652" s="613"/>
      <c r="PQM652" s="613"/>
      <c r="PQN652" s="613"/>
      <c r="PQO652" s="613"/>
      <c r="PQP652" s="613"/>
      <c r="PQQ652" s="613"/>
      <c r="PQR652" s="613"/>
      <c r="PQS652" s="613"/>
      <c r="PQT652" s="613"/>
      <c r="PQU652" s="613"/>
      <c r="PQV652" s="613"/>
      <c r="PQW652" s="613"/>
      <c r="PQX652" s="613"/>
      <c r="PQY652" s="613"/>
      <c r="PQZ652" s="613"/>
      <c r="PRA652" s="613"/>
      <c r="PRB652" s="613"/>
      <c r="PRC652" s="613"/>
      <c r="PRD652" s="613"/>
      <c r="PRE652" s="613"/>
      <c r="PRF652" s="613"/>
      <c r="PRG652" s="613"/>
      <c r="PRH652" s="613"/>
      <c r="PRI652" s="613"/>
      <c r="PRJ652" s="613"/>
      <c r="PRK652" s="613"/>
      <c r="PRL652" s="613"/>
      <c r="PRM652" s="613"/>
      <c r="PRN652" s="613"/>
      <c r="PRO652" s="613"/>
      <c r="PRP652" s="613"/>
      <c r="PRQ652" s="613"/>
      <c r="PRR652" s="613"/>
      <c r="PRS652" s="613"/>
      <c r="PRT652" s="613"/>
      <c r="PRU652" s="613"/>
      <c r="PRV652" s="613"/>
      <c r="PRW652" s="613"/>
      <c r="PRX652" s="613"/>
      <c r="PRY652" s="613"/>
      <c r="PRZ652" s="613"/>
      <c r="PSA652" s="613"/>
      <c r="PSB652" s="613"/>
      <c r="PSC652" s="613"/>
      <c r="PSD652" s="613"/>
      <c r="PSE652" s="613"/>
      <c r="PSF652" s="613"/>
      <c r="PSG652" s="613"/>
      <c r="PSH652" s="613"/>
      <c r="PSI652" s="613"/>
      <c r="PSJ652" s="613"/>
      <c r="PSK652" s="613"/>
      <c r="PSL652" s="613"/>
      <c r="PSM652" s="613"/>
      <c r="PSN652" s="613"/>
      <c r="PSO652" s="613"/>
      <c r="PSP652" s="613"/>
      <c r="PSQ652" s="613"/>
      <c r="PSR652" s="613"/>
      <c r="PSS652" s="613"/>
      <c r="PST652" s="613"/>
      <c r="PSU652" s="613"/>
      <c r="PSV652" s="613"/>
      <c r="PSW652" s="613"/>
      <c r="PSX652" s="613"/>
      <c r="PSY652" s="613"/>
      <c r="PSZ652" s="613"/>
      <c r="PTA652" s="613"/>
      <c r="PTB652" s="613"/>
      <c r="PTC652" s="613"/>
      <c r="PTD652" s="613"/>
      <c r="PTE652" s="613"/>
      <c r="PTF652" s="613"/>
      <c r="PTG652" s="613"/>
      <c r="PTH652" s="613"/>
      <c r="PTI652" s="613"/>
      <c r="PTJ652" s="613"/>
      <c r="PTK652" s="613"/>
      <c r="PTL652" s="613"/>
      <c r="PTM652" s="613"/>
      <c r="PTN652" s="613"/>
      <c r="PTO652" s="613"/>
      <c r="PTP652" s="613"/>
      <c r="PTQ652" s="613"/>
      <c r="PTR652" s="613"/>
      <c r="PTS652" s="613"/>
      <c r="PTT652" s="613"/>
      <c r="PTU652" s="613"/>
      <c r="PTV652" s="613"/>
      <c r="PTW652" s="613"/>
      <c r="PTX652" s="613"/>
      <c r="PTY652" s="613"/>
      <c r="PTZ652" s="613"/>
      <c r="PUA652" s="613"/>
      <c r="PUB652" s="613"/>
      <c r="PUC652" s="613"/>
      <c r="PUD652" s="613"/>
      <c r="PUE652" s="613"/>
      <c r="PUF652" s="613"/>
      <c r="PUG652" s="613"/>
      <c r="PUH652" s="613"/>
      <c r="PUI652" s="613"/>
      <c r="PUJ652" s="613"/>
      <c r="PUK652" s="613"/>
      <c r="PUL652" s="613"/>
      <c r="PUM652" s="613"/>
      <c r="PUN652" s="613"/>
      <c r="PUO652" s="613"/>
      <c r="PUP652" s="613"/>
      <c r="PUQ652" s="613"/>
      <c r="PUR652" s="613"/>
      <c r="PUS652" s="613"/>
      <c r="PUT652" s="613"/>
      <c r="PUU652" s="613"/>
      <c r="PUV652" s="613"/>
      <c r="PUW652" s="613"/>
      <c r="PUX652" s="613"/>
      <c r="PUY652" s="613"/>
      <c r="PUZ652" s="613"/>
      <c r="PVA652" s="613"/>
      <c r="PVB652" s="613"/>
      <c r="PVC652" s="613"/>
      <c r="PVD652" s="613"/>
      <c r="PVE652" s="613"/>
      <c r="PVF652" s="613"/>
      <c r="PVG652" s="613"/>
      <c r="PVH652" s="613"/>
      <c r="PVI652" s="613"/>
      <c r="PVJ652" s="613"/>
      <c r="PVK652" s="613"/>
      <c r="PVL652" s="613"/>
      <c r="PVM652" s="613"/>
      <c r="PVN652" s="613"/>
      <c r="PVO652" s="613"/>
      <c r="PVP652" s="613"/>
      <c r="PVQ652" s="613"/>
      <c r="PVR652" s="613"/>
      <c r="PVS652" s="613"/>
      <c r="PVT652" s="613"/>
      <c r="PVU652" s="613"/>
      <c r="PVV652" s="613"/>
      <c r="PVW652" s="613"/>
      <c r="PVX652" s="613"/>
      <c r="PVY652" s="613"/>
      <c r="PVZ652" s="613"/>
      <c r="PWA652" s="613"/>
      <c r="PWB652" s="613"/>
      <c r="PWC652" s="613"/>
      <c r="PWD652" s="613"/>
      <c r="PWE652" s="613"/>
      <c r="PWF652" s="613"/>
      <c r="PWG652" s="613"/>
      <c r="PWH652" s="613"/>
      <c r="PWI652" s="613"/>
      <c r="PWJ652" s="613"/>
      <c r="PWK652" s="613"/>
      <c r="PWL652" s="613"/>
      <c r="PWM652" s="613"/>
      <c r="PWN652" s="613"/>
      <c r="PWO652" s="613"/>
      <c r="PWP652" s="613"/>
      <c r="PWQ652" s="613"/>
      <c r="PWR652" s="613"/>
      <c r="PWS652" s="613"/>
      <c r="PWT652" s="613"/>
      <c r="PWU652" s="613"/>
      <c r="PWV652" s="613"/>
      <c r="PWW652" s="613"/>
      <c r="PWX652" s="613"/>
      <c r="PWY652" s="613"/>
      <c r="PWZ652" s="613"/>
      <c r="PXA652" s="613"/>
      <c r="PXB652" s="613"/>
      <c r="PXC652" s="613"/>
      <c r="PXD652" s="613"/>
      <c r="PXE652" s="613"/>
      <c r="PXF652" s="613"/>
      <c r="PXG652" s="613"/>
      <c r="PXH652" s="613"/>
      <c r="PXI652" s="613"/>
      <c r="PXJ652" s="613"/>
      <c r="PXK652" s="613"/>
      <c r="PXL652" s="613"/>
      <c r="PXM652" s="613"/>
      <c r="PXN652" s="613"/>
      <c r="PXO652" s="613"/>
      <c r="PXP652" s="613"/>
      <c r="PXQ652" s="613"/>
      <c r="PXR652" s="613"/>
      <c r="PXS652" s="613"/>
      <c r="PXT652" s="613"/>
      <c r="PXU652" s="613"/>
      <c r="PXV652" s="613"/>
      <c r="PXW652" s="613"/>
      <c r="PXX652" s="613"/>
      <c r="PXY652" s="613"/>
      <c r="PXZ652" s="613"/>
      <c r="PYA652" s="613"/>
      <c r="PYB652" s="613"/>
      <c r="PYC652" s="613"/>
      <c r="PYD652" s="613"/>
      <c r="PYE652" s="613"/>
      <c r="PYF652" s="613"/>
      <c r="PYG652" s="613"/>
      <c r="PYH652" s="613"/>
      <c r="PYI652" s="613"/>
      <c r="PYJ652" s="613"/>
      <c r="PYK652" s="613"/>
      <c r="PYL652" s="613"/>
      <c r="PYM652" s="613"/>
      <c r="PYN652" s="613"/>
      <c r="PYO652" s="613"/>
      <c r="PYP652" s="613"/>
      <c r="PYQ652" s="613"/>
      <c r="PYR652" s="613"/>
      <c r="PYS652" s="613"/>
      <c r="PYT652" s="613"/>
      <c r="PYU652" s="613"/>
      <c r="PYV652" s="613"/>
      <c r="PYW652" s="613"/>
      <c r="PYX652" s="613"/>
      <c r="PYY652" s="613"/>
      <c r="PYZ652" s="613"/>
      <c r="PZA652" s="613"/>
      <c r="PZB652" s="613"/>
      <c r="PZC652" s="613"/>
      <c r="PZD652" s="613"/>
      <c r="PZE652" s="613"/>
      <c r="PZF652" s="613"/>
      <c r="PZG652" s="613"/>
      <c r="PZH652" s="613"/>
      <c r="PZI652" s="613"/>
      <c r="PZJ652" s="613"/>
      <c r="PZK652" s="613"/>
      <c r="PZL652" s="613"/>
      <c r="PZM652" s="613"/>
      <c r="PZN652" s="613"/>
      <c r="PZO652" s="613"/>
      <c r="PZP652" s="613"/>
      <c r="PZQ652" s="613"/>
      <c r="PZR652" s="613"/>
      <c r="PZS652" s="613"/>
      <c r="PZT652" s="613"/>
      <c r="PZU652" s="613"/>
      <c r="PZV652" s="613"/>
      <c r="PZW652" s="613"/>
      <c r="PZX652" s="613"/>
      <c r="PZY652" s="613"/>
      <c r="PZZ652" s="613"/>
      <c r="QAA652" s="613"/>
      <c r="QAB652" s="613"/>
      <c r="QAC652" s="613"/>
      <c r="QAD652" s="613"/>
      <c r="QAE652" s="613"/>
      <c r="QAF652" s="613"/>
      <c r="QAG652" s="613"/>
      <c r="QAH652" s="613"/>
      <c r="QAI652" s="613"/>
      <c r="QAJ652" s="613"/>
      <c r="QAK652" s="613"/>
      <c r="QAL652" s="613"/>
      <c r="QAM652" s="613"/>
      <c r="QAN652" s="613"/>
      <c r="QAO652" s="613"/>
      <c r="QAP652" s="613"/>
      <c r="QAQ652" s="613"/>
      <c r="QAR652" s="613"/>
      <c r="QAS652" s="613"/>
      <c r="QAT652" s="613"/>
      <c r="QAU652" s="613"/>
      <c r="QAV652" s="613"/>
      <c r="QAW652" s="613"/>
      <c r="QAX652" s="613"/>
      <c r="QAY652" s="613"/>
      <c r="QAZ652" s="613"/>
      <c r="QBA652" s="613"/>
      <c r="QBB652" s="613"/>
      <c r="QBC652" s="613"/>
      <c r="QBD652" s="613"/>
      <c r="QBE652" s="613"/>
      <c r="QBF652" s="613"/>
      <c r="QBG652" s="613"/>
      <c r="QBH652" s="613"/>
      <c r="QBI652" s="613"/>
      <c r="QBJ652" s="613"/>
      <c r="QBK652" s="613"/>
      <c r="QBL652" s="613"/>
      <c r="QBM652" s="613"/>
      <c r="QBN652" s="613"/>
      <c r="QBO652" s="613"/>
      <c r="QBP652" s="613"/>
      <c r="QBQ652" s="613"/>
      <c r="QBR652" s="613"/>
      <c r="QBS652" s="613"/>
      <c r="QBT652" s="613"/>
      <c r="QBU652" s="613"/>
      <c r="QBV652" s="613"/>
      <c r="QBW652" s="613"/>
      <c r="QBX652" s="613"/>
      <c r="QBY652" s="613"/>
      <c r="QBZ652" s="613"/>
      <c r="QCA652" s="613"/>
      <c r="QCB652" s="613"/>
      <c r="QCC652" s="613"/>
      <c r="QCD652" s="613"/>
      <c r="QCE652" s="613"/>
      <c r="QCF652" s="613"/>
      <c r="QCG652" s="613"/>
      <c r="QCH652" s="613"/>
      <c r="QCI652" s="613"/>
      <c r="QCJ652" s="613"/>
      <c r="QCK652" s="613"/>
      <c r="QCL652" s="613"/>
      <c r="QCM652" s="613"/>
      <c r="QCN652" s="613"/>
      <c r="QCO652" s="613"/>
      <c r="QCP652" s="613"/>
      <c r="QCQ652" s="613"/>
      <c r="QCR652" s="613"/>
      <c r="QCS652" s="613"/>
      <c r="QCT652" s="613"/>
      <c r="QCU652" s="613"/>
      <c r="QCV652" s="613"/>
      <c r="QCW652" s="613"/>
      <c r="QCX652" s="613"/>
      <c r="QCY652" s="613"/>
      <c r="QCZ652" s="613"/>
      <c r="QDA652" s="613"/>
      <c r="QDB652" s="613"/>
      <c r="QDC652" s="613"/>
      <c r="QDD652" s="613"/>
      <c r="QDE652" s="613"/>
      <c r="QDF652" s="613"/>
      <c r="QDG652" s="613"/>
      <c r="QDH652" s="613"/>
      <c r="QDI652" s="613"/>
      <c r="QDJ652" s="613"/>
      <c r="QDK652" s="613"/>
      <c r="QDL652" s="613"/>
      <c r="QDM652" s="613"/>
      <c r="QDN652" s="613"/>
      <c r="QDO652" s="613"/>
      <c r="QDP652" s="613"/>
      <c r="QDQ652" s="613"/>
      <c r="QDR652" s="613"/>
      <c r="QDS652" s="613"/>
      <c r="QDT652" s="613"/>
      <c r="QDU652" s="613"/>
      <c r="QDV652" s="613"/>
      <c r="QDW652" s="613"/>
      <c r="QDX652" s="613"/>
      <c r="QDY652" s="613"/>
      <c r="QDZ652" s="613"/>
      <c r="QEA652" s="613"/>
      <c r="QEB652" s="613"/>
      <c r="QEC652" s="613"/>
      <c r="QED652" s="613"/>
      <c r="QEE652" s="613"/>
      <c r="QEF652" s="613"/>
      <c r="QEG652" s="613"/>
      <c r="QEH652" s="613"/>
      <c r="QEI652" s="613"/>
      <c r="QEJ652" s="613"/>
      <c r="QEK652" s="613"/>
      <c r="QEL652" s="613"/>
      <c r="QEM652" s="613"/>
      <c r="QEN652" s="613"/>
      <c r="QEO652" s="613"/>
      <c r="QEP652" s="613"/>
      <c r="QEQ652" s="613"/>
      <c r="QER652" s="613"/>
      <c r="QES652" s="613"/>
      <c r="QET652" s="613"/>
      <c r="QEU652" s="613"/>
      <c r="QEV652" s="613"/>
      <c r="QEW652" s="613"/>
      <c r="QEX652" s="613"/>
      <c r="QEY652" s="613"/>
      <c r="QEZ652" s="613"/>
      <c r="QFA652" s="613"/>
      <c r="QFB652" s="613"/>
      <c r="QFC652" s="613"/>
      <c r="QFD652" s="613"/>
      <c r="QFE652" s="613"/>
      <c r="QFF652" s="613"/>
      <c r="QFG652" s="613"/>
      <c r="QFH652" s="613"/>
      <c r="QFI652" s="613"/>
      <c r="QFJ652" s="613"/>
      <c r="QFK652" s="613"/>
      <c r="QFL652" s="613"/>
      <c r="QFM652" s="613"/>
      <c r="QFN652" s="613"/>
      <c r="QFO652" s="613"/>
      <c r="QFP652" s="613"/>
      <c r="QFQ652" s="613"/>
      <c r="QFR652" s="613"/>
      <c r="QFS652" s="613"/>
      <c r="QFT652" s="613"/>
      <c r="QFU652" s="613"/>
      <c r="QFV652" s="613"/>
      <c r="QFW652" s="613"/>
      <c r="QFX652" s="613"/>
      <c r="QFY652" s="613"/>
      <c r="QFZ652" s="613"/>
      <c r="QGA652" s="613"/>
      <c r="QGB652" s="613"/>
      <c r="QGC652" s="613"/>
      <c r="QGD652" s="613"/>
      <c r="QGE652" s="613"/>
      <c r="QGF652" s="613"/>
      <c r="QGG652" s="613"/>
      <c r="QGH652" s="613"/>
      <c r="QGI652" s="613"/>
      <c r="QGJ652" s="613"/>
      <c r="QGK652" s="613"/>
      <c r="QGL652" s="613"/>
      <c r="QGM652" s="613"/>
      <c r="QGN652" s="613"/>
      <c r="QGO652" s="613"/>
      <c r="QGP652" s="613"/>
      <c r="QGQ652" s="613"/>
      <c r="QGR652" s="613"/>
      <c r="QGS652" s="613"/>
      <c r="QGT652" s="613"/>
      <c r="QGU652" s="613"/>
      <c r="QGV652" s="613"/>
      <c r="QGW652" s="613"/>
      <c r="QGX652" s="613"/>
      <c r="QGY652" s="613"/>
      <c r="QGZ652" s="613"/>
      <c r="QHA652" s="613"/>
      <c r="QHB652" s="613"/>
      <c r="QHC652" s="613"/>
      <c r="QHD652" s="613"/>
      <c r="QHE652" s="613"/>
      <c r="QHF652" s="613"/>
      <c r="QHG652" s="613"/>
      <c r="QHH652" s="613"/>
      <c r="QHI652" s="613"/>
      <c r="QHJ652" s="613"/>
      <c r="QHK652" s="613"/>
      <c r="QHL652" s="613"/>
      <c r="QHM652" s="613"/>
      <c r="QHN652" s="613"/>
      <c r="QHO652" s="613"/>
      <c r="QHP652" s="613"/>
      <c r="QHQ652" s="613"/>
      <c r="QHR652" s="613"/>
      <c r="QHS652" s="613"/>
      <c r="QHT652" s="613"/>
      <c r="QHU652" s="613"/>
      <c r="QHV652" s="613"/>
      <c r="QHW652" s="613"/>
      <c r="QHX652" s="613"/>
      <c r="QHY652" s="613"/>
      <c r="QHZ652" s="613"/>
      <c r="QIA652" s="613"/>
      <c r="QIB652" s="613"/>
      <c r="QIC652" s="613"/>
      <c r="QID652" s="613"/>
      <c r="QIE652" s="613"/>
      <c r="QIF652" s="613"/>
      <c r="QIG652" s="613"/>
      <c r="QIH652" s="613"/>
      <c r="QII652" s="613"/>
      <c r="QIJ652" s="613"/>
      <c r="QIK652" s="613"/>
      <c r="QIL652" s="613"/>
      <c r="QIM652" s="613"/>
      <c r="QIN652" s="613"/>
      <c r="QIO652" s="613"/>
      <c r="QIP652" s="613"/>
      <c r="QIQ652" s="613"/>
      <c r="QIR652" s="613"/>
      <c r="QIS652" s="613"/>
      <c r="QIT652" s="613"/>
      <c r="QIU652" s="613"/>
      <c r="QIV652" s="613"/>
      <c r="QIW652" s="613"/>
      <c r="QIX652" s="613"/>
      <c r="QIY652" s="613"/>
      <c r="QIZ652" s="613"/>
      <c r="QJA652" s="613"/>
      <c r="QJB652" s="613"/>
      <c r="QJC652" s="613"/>
      <c r="QJD652" s="613"/>
      <c r="QJE652" s="613"/>
      <c r="QJF652" s="613"/>
      <c r="QJG652" s="613"/>
      <c r="QJH652" s="613"/>
      <c r="QJI652" s="613"/>
      <c r="QJJ652" s="613"/>
      <c r="QJK652" s="613"/>
      <c r="QJL652" s="613"/>
      <c r="QJM652" s="613"/>
      <c r="QJN652" s="613"/>
      <c r="QJO652" s="613"/>
      <c r="QJP652" s="613"/>
      <c r="QJQ652" s="613"/>
      <c r="QJR652" s="613"/>
      <c r="QJS652" s="613"/>
      <c r="QJT652" s="613"/>
      <c r="QJU652" s="613"/>
      <c r="QJV652" s="613"/>
      <c r="QJW652" s="613"/>
      <c r="QJX652" s="613"/>
      <c r="QJY652" s="613"/>
      <c r="QJZ652" s="613"/>
      <c r="QKA652" s="613"/>
      <c r="QKB652" s="613"/>
      <c r="QKC652" s="613"/>
      <c r="QKD652" s="613"/>
      <c r="QKE652" s="613"/>
      <c r="QKF652" s="613"/>
      <c r="QKG652" s="613"/>
      <c r="QKH652" s="613"/>
      <c r="QKI652" s="613"/>
      <c r="QKJ652" s="613"/>
      <c r="QKK652" s="613"/>
      <c r="QKL652" s="613"/>
      <c r="QKM652" s="613"/>
      <c r="QKN652" s="613"/>
      <c r="QKO652" s="613"/>
      <c r="QKP652" s="613"/>
      <c r="QKQ652" s="613"/>
      <c r="QKR652" s="613"/>
      <c r="QKS652" s="613"/>
      <c r="QKT652" s="613"/>
      <c r="QKU652" s="613"/>
      <c r="QKV652" s="613"/>
      <c r="QKW652" s="613"/>
      <c r="QKX652" s="613"/>
      <c r="QKY652" s="613"/>
      <c r="QKZ652" s="613"/>
      <c r="QLA652" s="613"/>
      <c r="QLB652" s="613"/>
      <c r="QLC652" s="613"/>
      <c r="QLD652" s="613"/>
      <c r="QLE652" s="613"/>
      <c r="QLF652" s="613"/>
      <c r="QLG652" s="613"/>
      <c r="QLH652" s="613"/>
      <c r="QLI652" s="613"/>
      <c r="QLJ652" s="613"/>
      <c r="QLK652" s="613"/>
      <c r="QLL652" s="613"/>
      <c r="QLM652" s="613"/>
      <c r="QLN652" s="613"/>
      <c r="QLO652" s="613"/>
      <c r="QLP652" s="613"/>
      <c r="QLQ652" s="613"/>
      <c r="QLR652" s="613"/>
      <c r="QLS652" s="613"/>
      <c r="QLT652" s="613"/>
      <c r="QLU652" s="613"/>
      <c r="QLV652" s="613"/>
      <c r="QLW652" s="613"/>
      <c r="QLX652" s="613"/>
      <c r="QLY652" s="613"/>
      <c r="QLZ652" s="613"/>
      <c r="QMA652" s="613"/>
      <c r="QMB652" s="613"/>
      <c r="QMC652" s="613"/>
      <c r="QMD652" s="613"/>
      <c r="QME652" s="613"/>
      <c r="QMF652" s="613"/>
      <c r="QMG652" s="613"/>
      <c r="QMH652" s="613"/>
      <c r="QMI652" s="613"/>
      <c r="QMJ652" s="613"/>
      <c r="QMK652" s="613"/>
      <c r="QML652" s="613"/>
      <c r="QMM652" s="613"/>
      <c r="QMN652" s="613"/>
      <c r="QMO652" s="613"/>
      <c r="QMP652" s="613"/>
      <c r="QMQ652" s="613"/>
      <c r="QMR652" s="613"/>
      <c r="QMS652" s="613"/>
      <c r="QMT652" s="613"/>
      <c r="QMU652" s="613"/>
      <c r="QMV652" s="613"/>
      <c r="QMW652" s="613"/>
      <c r="QMX652" s="613"/>
      <c r="QMY652" s="613"/>
      <c r="QMZ652" s="613"/>
      <c r="QNA652" s="613"/>
      <c r="QNB652" s="613"/>
      <c r="QNC652" s="613"/>
      <c r="QND652" s="613"/>
      <c r="QNE652" s="613"/>
      <c r="QNF652" s="613"/>
      <c r="QNG652" s="613"/>
      <c r="QNH652" s="613"/>
      <c r="QNI652" s="613"/>
      <c r="QNJ652" s="613"/>
      <c r="QNK652" s="613"/>
      <c r="QNL652" s="613"/>
      <c r="QNM652" s="613"/>
      <c r="QNN652" s="613"/>
      <c r="QNO652" s="613"/>
      <c r="QNP652" s="613"/>
      <c r="QNQ652" s="613"/>
      <c r="QNR652" s="613"/>
      <c r="QNS652" s="613"/>
      <c r="QNT652" s="613"/>
      <c r="QNU652" s="613"/>
      <c r="QNV652" s="613"/>
      <c r="QNW652" s="613"/>
      <c r="QNX652" s="613"/>
      <c r="QNY652" s="613"/>
      <c r="QNZ652" s="613"/>
      <c r="QOA652" s="613"/>
      <c r="QOB652" s="613"/>
      <c r="QOC652" s="613"/>
      <c r="QOD652" s="613"/>
      <c r="QOE652" s="613"/>
      <c r="QOF652" s="613"/>
      <c r="QOG652" s="613"/>
      <c r="QOH652" s="613"/>
      <c r="QOI652" s="613"/>
      <c r="QOJ652" s="613"/>
      <c r="QOK652" s="613"/>
      <c r="QOL652" s="613"/>
      <c r="QOM652" s="613"/>
      <c r="QON652" s="613"/>
      <c r="QOO652" s="613"/>
      <c r="QOP652" s="613"/>
      <c r="QOQ652" s="613"/>
      <c r="QOR652" s="613"/>
      <c r="QOS652" s="613"/>
      <c r="QOT652" s="613"/>
      <c r="QOU652" s="613"/>
      <c r="QOV652" s="613"/>
      <c r="QOW652" s="613"/>
      <c r="QOX652" s="613"/>
      <c r="QOY652" s="613"/>
      <c r="QOZ652" s="613"/>
      <c r="QPA652" s="613"/>
      <c r="QPB652" s="613"/>
      <c r="QPC652" s="613"/>
      <c r="QPD652" s="613"/>
      <c r="QPE652" s="613"/>
      <c r="QPF652" s="613"/>
      <c r="QPG652" s="613"/>
      <c r="QPH652" s="613"/>
      <c r="QPI652" s="613"/>
      <c r="QPJ652" s="613"/>
      <c r="QPK652" s="613"/>
      <c r="QPL652" s="613"/>
      <c r="QPM652" s="613"/>
      <c r="QPN652" s="613"/>
      <c r="QPO652" s="613"/>
      <c r="QPP652" s="613"/>
      <c r="QPQ652" s="613"/>
      <c r="QPR652" s="613"/>
      <c r="QPS652" s="613"/>
      <c r="QPT652" s="613"/>
      <c r="QPU652" s="613"/>
      <c r="QPV652" s="613"/>
      <c r="QPW652" s="613"/>
      <c r="QPX652" s="613"/>
      <c r="QPY652" s="613"/>
      <c r="QPZ652" s="613"/>
      <c r="QQA652" s="613"/>
      <c r="QQB652" s="613"/>
      <c r="QQC652" s="613"/>
      <c r="QQD652" s="613"/>
      <c r="QQE652" s="613"/>
      <c r="QQF652" s="613"/>
      <c r="QQG652" s="613"/>
      <c r="QQH652" s="613"/>
      <c r="QQI652" s="613"/>
      <c r="QQJ652" s="613"/>
      <c r="QQK652" s="613"/>
      <c r="QQL652" s="613"/>
      <c r="QQM652" s="613"/>
      <c r="QQN652" s="613"/>
      <c r="QQO652" s="613"/>
      <c r="QQP652" s="613"/>
      <c r="QQQ652" s="613"/>
      <c r="QQR652" s="613"/>
      <c r="QQS652" s="613"/>
      <c r="QQT652" s="613"/>
      <c r="QQU652" s="613"/>
      <c r="QQV652" s="613"/>
      <c r="QQW652" s="613"/>
      <c r="QQX652" s="613"/>
      <c r="QQY652" s="613"/>
      <c r="QQZ652" s="613"/>
      <c r="QRA652" s="613"/>
      <c r="QRB652" s="613"/>
      <c r="QRC652" s="613"/>
      <c r="QRD652" s="613"/>
      <c r="QRE652" s="613"/>
      <c r="QRF652" s="613"/>
      <c r="QRG652" s="613"/>
      <c r="QRH652" s="613"/>
      <c r="QRI652" s="613"/>
      <c r="QRJ652" s="613"/>
      <c r="QRK652" s="613"/>
      <c r="QRL652" s="613"/>
      <c r="QRM652" s="613"/>
      <c r="QRN652" s="613"/>
      <c r="QRO652" s="613"/>
      <c r="QRP652" s="613"/>
      <c r="QRQ652" s="613"/>
      <c r="QRR652" s="613"/>
      <c r="QRS652" s="613"/>
      <c r="QRT652" s="613"/>
      <c r="QRU652" s="613"/>
      <c r="QRV652" s="613"/>
      <c r="QRW652" s="613"/>
      <c r="QRX652" s="613"/>
      <c r="QRY652" s="613"/>
      <c r="QRZ652" s="613"/>
      <c r="QSA652" s="613"/>
      <c r="QSB652" s="613"/>
      <c r="QSC652" s="613"/>
      <c r="QSD652" s="613"/>
      <c r="QSE652" s="613"/>
      <c r="QSF652" s="613"/>
      <c r="QSG652" s="613"/>
      <c r="QSH652" s="613"/>
      <c r="QSI652" s="613"/>
      <c r="QSJ652" s="613"/>
      <c r="QSK652" s="613"/>
      <c r="QSL652" s="613"/>
      <c r="QSM652" s="613"/>
      <c r="QSN652" s="613"/>
      <c r="QSO652" s="613"/>
      <c r="QSP652" s="613"/>
      <c r="QSQ652" s="613"/>
      <c r="QSR652" s="613"/>
      <c r="QSS652" s="613"/>
      <c r="QST652" s="613"/>
      <c r="QSU652" s="613"/>
      <c r="QSV652" s="613"/>
      <c r="QSW652" s="613"/>
      <c r="QSX652" s="613"/>
      <c r="QSY652" s="613"/>
      <c r="QSZ652" s="613"/>
      <c r="QTA652" s="613"/>
      <c r="QTB652" s="613"/>
      <c r="QTC652" s="613"/>
      <c r="QTD652" s="613"/>
      <c r="QTE652" s="613"/>
      <c r="QTF652" s="613"/>
      <c r="QTG652" s="613"/>
      <c r="QTH652" s="613"/>
      <c r="QTI652" s="613"/>
      <c r="QTJ652" s="613"/>
      <c r="QTK652" s="613"/>
      <c r="QTL652" s="613"/>
      <c r="QTM652" s="613"/>
      <c r="QTN652" s="613"/>
      <c r="QTO652" s="613"/>
      <c r="QTP652" s="613"/>
      <c r="QTQ652" s="613"/>
      <c r="QTR652" s="613"/>
      <c r="QTS652" s="613"/>
      <c r="QTT652" s="613"/>
      <c r="QTU652" s="613"/>
      <c r="QTV652" s="613"/>
      <c r="QTW652" s="613"/>
      <c r="QTX652" s="613"/>
      <c r="QTY652" s="613"/>
      <c r="QTZ652" s="613"/>
      <c r="QUA652" s="613"/>
      <c r="QUB652" s="613"/>
      <c r="QUC652" s="613"/>
      <c r="QUD652" s="613"/>
      <c r="QUE652" s="613"/>
      <c r="QUF652" s="613"/>
      <c r="QUG652" s="613"/>
      <c r="QUH652" s="613"/>
      <c r="QUI652" s="613"/>
      <c r="QUJ652" s="613"/>
      <c r="QUK652" s="613"/>
      <c r="QUL652" s="613"/>
      <c r="QUM652" s="613"/>
      <c r="QUN652" s="613"/>
      <c r="QUO652" s="613"/>
      <c r="QUP652" s="613"/>
      <c r="QUQ652" s="613"/>
      <c r="QUR652" s="613"/>
      <c r="QUS652" s="613"/>
      <c r="QUT652" s="613"/>
      <c r="QUU652" s="613"/>
      <c r="QUV652" s="613"/>
      <c r="QUW652" s="613"/>
      <c r="QUX652" s="613"/>
      <c r="QUY652" s="613"/>
      <c r="QUZ652" s="613"/>
      <c r="QVA652" s="613"/>
      <c r="QVB652" s="613"/>
      <c r="QVC652" s="613"/>
      <c r="QVD652" s="613"/>
      <c r="QVE652" s="613"/>
      <c r="QVF652" s="613"/>
      <c r="QVG652" s="613"/>
      <c r="QVH652" s="613"/>
      <c r="QVI652" s="613"/>
      <c r="QVJ652" s="613"/>
      <c r="QVK652" s="613"/>
      <c r="QVL652" s="613"/>
      <c r="QVM652" s="613"/>
      <c r="QVN652" s="613"/>
      <c r="QVO652" s="613"/>
      <c r="QVP652" s="613"/>
      <c r="QVQ652" s="613"/>
      <c r="QVR652" s="613"/>
      <c r="QVS652" s="613"/>
      <c r="QVT652" s="613"/>
      <c r="QVU652" s="613"/>
      <c r="QVV652" s="613"/>
      <c r="QVW652" s="613"/>
      <c r="QVX652" s="613"/>
      <c r="QVY652" s="613"/>
      <c r="QVZ652" s="613"/>
      <c r="QWA652" s="613"/>
      <c r="QWB652" s="613"/>
      <c r="QWC652" s="613"/>
      <c r="QWD652" s="613"/>
      <c r="QWE652" s="613"/>
      <c r="QWF652" s="613"/>
      <c r="QWG652" s="613"/>
      <c r="QWH652" s="613"/>
      <c r="QWI652" s="613"/>
      <c r="QWJ652" s="613"/>
      <c r="QWK652" s="613"/>
      <c r="QWL652" s="613"/>
      <c r="QWM652" s="613"/>
      <c r="QWN652" s="613"/>
      <c r="QWO652" s="613"/>
      <c r="QWP652" s="613"/>
      <c r="QWQ652" s="613"/>
      <c r="QWR652" s="613"/>
      <c r="QWS652" s="613"/>
      <c r="QWT652" s="613"/>
      <c r="QWU652" s="613"/>
      <c r="QWV652" s="613"/>
      <c r="QWW652" s="613"/>
      <c r="QWX652" s="613"/>
      <c r="QWY652" s="613"/>
      <c r="QWZ652" s="613"/>
      <c r="QXA652" s="613"/>
      <c r="QXB652" s="613"/>
      <c r="QXC652" s="613"/>
      <c r="QXD652" s="613"/>
      <c r="QXE652" s="613"/>
      <c r="QXF652" s="613"/>
      <c r="QXG652" s="613"/>
      <c r="QXH652" s="613"/>
      <c r="QXI652" s="613"/>
      <c r="QXJ652" s="613"/>
      <c r="QXK652" s="613"/>
      <c r="QXL652" s="613"/>
      <c r="QXM652" s="613"/>
      <c r="QXN652" s="613"/>
      <c r="QXO652" s="613"/>
      <c r="QXP652" s="613"/>
      <c r="QXQ652" s="613"/>
      <c r="QXR652" s="613"/>
      <c r="QXS652" s="613"/>
      <c r="QXT652" s="613"/>
      <c r="QXU652" s="613"/>
      <c r="QXV652" s="613"/>
      <c r="QXW652" s="613"/>
      <c r="QXX652" s="613"/>
      <c r="QXY652" s="613"/>
      <c r="QXZ652" s="613"/>
      <c r="QYA652" s="613"/>
      <c r="QYB652" s="613"/>
      <c r="QYC652" s="613"/>
      <c r="QYD652" s="613"/>
      <c r="QYE652" s="613"/>
      <c r="QYF652" s="613"/>
      <c r="QYG652" s="613"/>
      <c r="QYH652" s="613"/>
      <c r="QYI652" s="613"/>
      <c r="QYJ652" s="613"/>
      <c r="QYK652" s="613"/>
      <c r="QYL652" s="613"/>
      <c r="QYM652" s="613"/>
      <c r="QYN652" s="613"/>
      <c r="QYO652" s="613"/>
      <c r="QYP652" s="613"/>
      <c r="QYQ652" s="613"/>
      <c r="QYR652" s="613"/>
      <c r="QYS652" s="613"/>
      <c r="QYT652" s="613"/>
      <c r="QYU652" s="613"/>
      <c r="QYV652" s="613"/>
      <c r="QYW652" s="613"/>
      <c r="QYX652" s="613"/>
      <c r="QYY652" s="613"/>
      <c r="QYZ652" s="613"/>
      <c r="QZA652" s="613"/>
      <c r="QZB652" s="613"/>
      <c r="QZC652" s="613"/>
      <c r="QZD652" s="613"/>
      <c r="QZE652" s="613"/>
      <c r="QZF652" s="613"/>
      <c r="QZG652" s="613"/>
      <c r="QZH652" s="613"/>
      <c r="QZI652" s="613"/>
      <c r="QZJ652" s="613"/>
      <c r="QZK652" s="613"/>
      <c r="QZL652" s="613"/>
      <c r="QZM652" s="613"/>
      <c r="QZN652" s="613"/>
      <c r="QZO652" s="613"/>
      <c r="QZP652" s="613"/>
      <c r="QZQ652" s="613"/>
      <c r="QZR652" s="613"/>
      <c r="QZS652" s="613"/>
      <c r="QZT652" s="613"/>
      <c r="QZU652" s="613"/>
      <c r="QZV652" s="613"/>
      <c r="QZW652" s="613"/>
      <c r="QZX652" s="613"/>
      <c r="QZY652" s="613"/>
      <c r="QZZ652" s="613"/>
      <c r="RAA652" s="613"/>
      <c r="RAB652" s="613"/>
      <c r="RAC652" s="613"/>
      <c r="RAD652" s="613"/>
      <c r="RAE652" s="613"/>
      <c r="RAF652" s="613"/>
      <c r="RAG652" s="613"/>
      <c r="RAH652" s="613"/>
      <c r="RAI652" s="613"/>
      <c r="RAJ652" s="613"/>
      <c r="RAK652" s="613"/>
      <c r="RAL652" s="613"/>
      <c r="RAM652" s="613"/>
      <c r="RAN652" s="613"/>
      <c r="RAO652" s="613"/>
      <c r="RAP652" s="613"/>
      <c r="RAQ652" s="613"/>
      <c r="RAR652" s="613"/>
      <c r="RAS652" s="613"/>
      <c r="RAT652" s="613"/>
      <c r="RAU652" s="613"/>
      <c r="RAV652" s="613"/>
      <c r="RAW652" s="613"/>
      <c r="RAX652" s="613"/>
      <c r="RAY652" s="613"/>
      <c r="RAZ652" s="613"/>
      <c r="RBA652" s="613"/>
      <c r="RBB652" s="613"/>
      <c r="RBC652" s="613"/>
      <c r="RBD652" s="613"/>
      <c r="RBE652" s="613"/>
      <c r="RBF652" s="613"/>
      <c r="RBG652" s="613"/>
      <c r="RBH652" s="613"/>
      <c r="RBI652" s="613"/>
      <c r="RBJ652" s="613"/>
      <c r="RBK652" s="613"/>
      <c r="RBL652" s="613"/>
      <c r="RBM652" s="613"/>
      <c r="RBN652" s="613"/>
      <c r="RBO652" s="613"/>
      <c r="RBP652" s="613"/>
      <c r="RBQ652" s="613"/>
      <c r="RBR652" s="613"/>
      <c r="RBS652" s="613"/>
      <c r="RBT652" s="613"/>
      <c r="RBU652" s="613"/>
      <c r="RBV652" s="613"/>
      <c r="RBW652" s="613"/>
      <c r="RBX652" s="613"/>
      <c r="RBY652" s="613"/>
      <c r="RBZ652" s="613"/>
      <c r="RCA652" s="613"/>
      <c r="RCB652" s="613"/>
      <c r="RCC652" s="613"/>
      <c r="RCD652" s="613"/>
      <c r="RCE652" s="613"/>
      <c r="RCF652" s="613"/>
      <c r="RCG652" s="613"/>
      <c r="RCH652" s="613"/>
      <c r="RCI652" s="613"/>
      <c r="RCJ652" s="613"/>
      <c r="RCK652" s="613"/>
      <c r="RCL652" s="613"/>
      <c r="RCM652" s="613"/>
      <c r="RCN652" s="613"/>
      <c r="RCO652" s="613"/>
      <c r="RCP652" s="613"/>
      <c r="RCQ652" s="613"/>
      <c r="RCR652" s="613"/>
      <c r="RCS652" s="613"/>
      <c r="RCT652" s="613"/>
      <c r="RCU652" s="613"/>
      <c r="RCV652" s="613"/>
      <c r="RCW652" s="613"/>
      <c r="RCX652" s="613"/>
      <c r="RCY652" s="613"/>
      <c r="RCZ652" s="613"/>
      <c r="RDA652" s="613"/>
      <c r="RDB652" s="613"/>
      <c r="RDC652" s="613"/>
      <c r="RDD652" s="613"/>
      <c r="RDE652" s="613"/>
      <c r="RDF652" s="613"/>
      <c r="RDG652" s="613"/>
      <c r="RDH652" s="613"/>
      <c r="RDI652" s="613"/>
      <c r="RDJ652" s="613"/>
      <c r="RDK652" s="613"/>
      <c r="RDL652" s="613"/>
      <c r="RDM652" s="613"/>
      <c r="RDN652" s="613"/>
      <c r="RDO652" s="613"/>
      <c r="RDP652" s="613"/>
      <c r="RDQ652" s="613"/>
      <c r="RDR652" s="613"/>
      <c r="RDS652" s="613"/>
      <c r="RDT652" s="613"/>
      <c r="RDU652" s="613"/>
      <c r="RDV652" s="613"/>
      <c r="RDW652" s="613"/>
      <c r="RDX652" s="613"/>
      <c r="RDY652" s="613"/>
      <c r="RDZ652" s="613"/>
      <c r="REA652" s="613"/>
      <c r="REB652" s="613"/>
      <c r="REC652" s="613"/>
      <c r="RED652" s="613"/>
      <c r="REE652" s="613"/>
      <c r="REF652" s="613"/>
      <c r="REG652" s="613"/>
      <c r="REH652" s="613"/>
      <c r="REI652" s="613"/>
      <c r="REJ652" s="613"/>
      <c r="REK652" s="613"/>
      <c r="REL652" s="613"/>
      <c r="REM652" s="613"/>
      <c r="REN652" s="613"/>
      <c r="REO652" s="613"/>
      <c r="REP652" s="613"/>
      <c r="REQ652" s="613"/>
      <c r="RER652" s="613"/>
      <c r="RES652" s="613"/>
      <c r="RET652" s="613"/>
      <c r="REU652" s="613"/>
      <c r="REV652" s="613"/>
      <c r="REW652" s="613"/>
      <c r="REX652" s="613"/>
      <c r="REY652" s="613"/>
      <c r="REZ652" s="613"/>
      <c r="RFA652" s="613"/>
      <c r="RFB652" s="613"/>
      <c r="RFC652" s="613"/>
      <c r="RFD652" s="613"/>
      <c r="RFE652" s="613"/>
      <c r="RFF652" s="613"/>
      <c r="RFG652" s="613"/>
      <c r="RFH652" s="613"/>
      <c r="RFI652" s="613"/>
      <c r="RFJ652" s="613"/>
      <c r="RFK652" s="613"/>
      <c r="RFL652" s="613"/>
      <c r="RFM652" s="613"/>
      <c r="RFN652" s="613"/>
      <c r="RFO652" s="613"/>
      <c r="RFP652" s="613"/>
      <c r="RFQ652" s="613"/>
      <c r="RFR652" s="613"/>
      <c r="RFS652" s="613"/>
      <c r="RFT652" s="613"/>
      <c r="RFU652" s="613"/>
      <c r="RFV652" s="613"/>
      <c r="RFW652" s="613"/>
      <c r="RFX652" s="613"/>
      <c r="RFY652" s="613"/>
      <c r="RFZ652" s="613"/>
      <c r="RGA652" s="613"/>
      <c r="RGB652" s="613"/>
      <c r="RGC652" s="613"/>
      <c r="RGD652" s="613"/>
      <c r="RGE652" s="613"/>
      <c r="RGF652" s="613"/>
      <c r="RGG652" s="613"/>
      <c r="RGH652" s="613"/>
      <c r="RGI652" s="613"/>
      <c r="RGJ652" s="613"/>
      <c r="RGK652" s="613"/>
      <c r="RGL652" s="613"/>
      <c r="RGM652" s="613"/>
      <c r="RGN652" s="613"/>
      <c r="RGO652" s="613"/>
      <c r="RGP652" s="613"/>
      <c r="RGQ652" s="613"/>
      <c r="RGR652" s="613"/>
      <c r="RGS652" s="613"/>
      <c r="RGT652" s="613"/>
      <c r="RGU652" s="613"/>
      <c r="RGV652" s="613"/>
      <c r="RGW652" s="613"/>
      <c r="RGX652" s="613"/>
      <c r="RGY652" s="613"/>
      <c r="RGZ652" s="613"/>
      <c r="RHA652" s="613"/>
      <c r="RHB652" s="613"/>
      <c r="RHC652" s="613"/>
      <c r="RHD652" s="613"/>
      <c r="RHE652" s="613"/>
      <c r="RHF652" s="613"/>
      <c r="RHG652" s="613"/>
      <c r="RHH652" s="613"/>
      <c r="RHI652" s="613"/>
      <c r="RHJ652" s="613"/>
      <c r="RHK652" s="613"/>
      <c r="RHL652" s="613"/>
      <c r="RHM652" s="613"/>
      <c r="RHN652" s="613"/>
      <c r="RHO652" s="613"/>
      <c r="RHP652" s="613"/>
      <c r="RHQ652" s="613"/>
      <c r="RHR652" s="613"/>
      <c r="RHS652" s="613"/>
      <c r="RHT652" s="613"/>
      <c r="RHU652" s="613"/>
      <c r="RHV652" s="613"/>
      <c r="RHW652" s="613"/>
      <c r="RHX652" s="613"/>
      <c r="RHY652" s="613"/>
      <c r="RHZ652" s="613"/>
      <c r="RIA652" s="613"/>
      <c r="RIB652" s="613"/>
      <c r="RIC652" s="613"/>
      <c r="RID652" s="613"/>
      <c r="RIE652" s="613"/>
      <c r="RIF652" s="613"/>
      <c r="RIG652" s="613"/>
      <c r="RIH652" s="613"/>
      <c r="RII652" s="613"/>
      <c r="RIJ652" s="613"/>
      <c r="RIK652" s="613"/>
      <c r="RIL652" s="613"/>
      <c r="RIM652" s="613"/>
      <c r="RIN652" s="613"/>
      <c r="RIO652" s="613"/>
      <c r="RIP652" s="613"/>
      <c r="RIQ652" s="613"/>
      <c r="RIR652" s="613"/>
      <c r="RIS652" s="613"/>
      <c r="RIT652" s="613"/>
      <c r="RIU652" s="613"/>
      <c r="RIV652" s="613"/>
      <c r="RIW652" s="613"/>
      <c r="RIX652" s="613"/>
      <c r="RIY652" s="613"/>
      <c r="RIZ652" s="613"/>
      <c r="RJA652" s="613"/>
      <c r="RJB652" s="613"/>
      <c r="RJC652" s="613"/>
      <c r="RJD652" s="613"/>
      <c r="RJE652" s="613"/>
      <c r="RJF652" s="613"/>
      <c r="RJG652" s="613"/>
      <c r="RJH652" s="613"/>
      <c r="RJI652" s="613"/>
      <c r="RJJ652" s="613"/>
      <c r="RJK652" s="613"/>
      <c r="RJL652" s="613"/>
      <c r="RJM652" s="613"/>
      <c r="RJN652" s="613"/>
      <c r="RJO652" s="613"/>
      <c r="RJP652" s="613"/>
      <c r="RJQ652" s="613"/>
      <c r="RJR652" s="613"/>
      <c r="RJS652" s="613"/>
      <c r="RJT652" s="613"/>
      <c r="RJU652" s="613"/>
      <c r="RJV652" s="613"/>
      <c r="RJW652" s="613"/>
      <c r="RJX652" s="613"/>
      <c r="RJY652" s="613"/>
      <c r="RJZ652" s="613"/>
      <c r="RKA652" s="613"/>
      <c r="RKB652" s="613"/>
      <c r="RKC652" s="613"/>
      <c r="RKD652" s="613"/>
      <c r="RKE652" s="613"/>
      <c r="RKF652" s="613"/>
      <c r="RKG652" s="613"/>
      <c r="RKH652" s="613"/>
      <c r="RKI652" s="613"/>
      <c r="RKJ652" s="613"/>
      <c r="RKK652" s="613"/>
      <c r="RKL652" s="613"/>
      <c r="RKM652" s="613"/>
      <c r="RKN652" s="613"/>
      <c r="RKO652" s="613"/>
      <c r="RKP652" s="613"/>
      <c r="RKQ652" s="613"/>
      <c r="RKR652" s="613"/>
      <c r="RKS652" s="613"/>
      <c r="RKT652" s="613"/>
      <c r="RKU652" s="613"/>
      <c r="RKV652" s="613"/>
      <c r="RKW652" s="613"/>
      <c r="RKX652" s="613"/>
      <c r="RKY652" s="613"/>
      <c r="RKZ652" s="613"/>
      <c r="RLA652" s="613"/>
      <c r="RLB652" s="613"/>
      <c r="RLC652" s="613"/>
      <c r="RLD652" s="613"/>
      <c r="RLE652" s="613"/>
      <c r="RLF652" s="613"/>
      <c r="RLG652" s="613"/>
      <c r="RLH652" s="613"/>
      <c r="RLI652" s="613"/>
      <c r="RLJ652" s="613"/>
      <c r="RLK652" s="613"/>
      <c r="RLL652" s="613"/>
      <c r="RLM652" s="613"/>
      <c r="RLN652" s="613"/>
      <c r="RLO652" s="613"/>
      <c r="RLP652" s="613"/>
      <c r="RLQ652" s="613"/>
      <c r="RLR652" s="613"/>
      <c r="RLS652" s="613"/>
      <c r="RLT652" s="613"/>
      <c r="RLU652" s="613"/>
      <c r="RLV652" s="613"/>
      <c r="RLW652" s="613"/>
      <c r="RLX652" s="613"/>
      <c r="RLY652" s="613"/>
      <c r="RLZ652" s="613"/>
      <c r="RMA652" s="613"/>
      <c r="RMB652" s="613"/>
      <c r="RMC652" s="613"/>
      <c r="RMD652" s="613"/>
      <c r="RME652" s="613"/>
      <c r="RMF652" s="613"/>
      <c r="RMG652" s="613"/>
      <c r="RMH652" s="613"/>
      <c r="RMI652" s="613"/>
      <c r="RMJ652" s="613"/>
      <c r="RMK652" s="613"/>
      <c r="RML652" s="613"/>
      <c r="RMM652" s="613"/>
      <c r="RMN652" s="613"/>
      <c r="RMO652" s="613"/>
      <c r="RMP652" s="613"/>
      <c r="RMQ652" s="613"/>
      <c r="RMR652" s="613"/>
      <c r="RMS652" s="613"/>
      <c r="RMT652" s="613"/>
      <c r="RMU652" s="613"/>
      <c r="RMV652" s="613"/>
      <c r="RMW652" s="613"/>
      <c r="RMX652" s="613"/>
      <c r="RMY652" s="613"/>
      <c r="RMZ652" s="613"/>
      <c r="RNA652" s="613"/>
      <c r="RNB652" s="613"/>
      <c r="RNC652" s="613"/>
      <c r="RND652" s="613"/>
      <c r="RNE652" s="613"/>
      <c r="RNF652" s="613"/>
      <c r="RNG652" s="613"/>
      <c r="RNH652" s="613"/>
      <c r="RNI652" s="613"/>
      <c r="RNJ652" s="613"/>
      <c r="RNK652" s="613"/>
      <c r="RNL652" s="613"/>
      <c r="RNM652" s="613"/>
      <c r="RNN652" s="613"/>
      <c r="RNO652" s="613"/>
      <c r="RNP652" s="613"/>
      <c r="RNQ652" s="613"/>
      <c r="RNR652" s="613"/>
      <c r="RNS652" s="613"/>
      <c r="RNT652" s="613"/>
      <c r="RNU652" s="613"/>
      <c r="RNV652" s="613"/>
      <c r="RNW652" s="613"/>
      <c r="RNX652" s="613"/>
      <c r="RNY652" s="613"/>
      <c r="RNZ652" s="613"/>
      <c r="ROA652" s="613"/>
      <c r="ROB652" s="613"/>
      <c r="ROC652" s="613"/>
      <c r="ROD652" s="613"/>
      <c r="ROE652" s="613"/>
      <c r="ROF652" s="613"/>
      <c r="ROG652" s="613"/>
      <c r="ROH652" s="613"/>
      <c r="ROI652" s="613"/>
      <c r="ROJ652" s="613"/>
      <c r="ROK652" s="613"/>
      <c r="ROL652" s="613"/>
      <c r="ROM652" s="613"/>
      <c r="RON652" s="613"/>
      <c r="ROO652" s="613"/>
      <c r="ROP652" s="613"/>
      <c r="ROQ652" s="613"/>
      <c r="ROR652" s="613"/>
      <c r="ROS652" s="613"/>
      <c r="ROT652" s="613"/>
      <c r="ROU652" s="613"/>
      <c r="ROV652" s="613"/>
      <c r="ROW652" s="613"/>
      <c r="ROX652" s="613"/>
      <c r="ROY652" s="613"/>
      <c r="ROZ652" s="613"/>
      <c r="RPA652" s="613"/>
      <c r="RPB652" s="613"/>
      <c r="RPC652" s="613"/>
      <c r="RPD652" s="613"/>
      <c r="RPE652" s="613"/>
      <c r="RPF652" s="613"/>
      <c r="RPG652" s="613"/>
      <c r="RPH652" s="613"/>
      <c r="RPI652" s="613"/>
      <c r="RPJ652" s="613"/>
      <c r="RPK652" s="613"/>
      <c r="RPL652" s="613"/>
      <c r="RPM652" s="613"/>
      <c r="RPN652" s="613"/>
      <c r="RPO652" s="613"/>
      <c r="RPP652" s="613"/>
      <c r="RPQ652" s="613"/>
      <c r="RPR652" s="613"/>
      <c r="RPS652" s="613"/>
      <c r="RPT652" s="613"/>
      <c r="RPU652" s="613"/>
      <c r="RPV652" s="613"/>
      <c r="RPW652" s="613"/>
      <c r="RPX652" s="613"/>
      <c r="RPY652" s="613"/>
      <c r="RPZ652" s="613"/>
      <c r="RQA652" s="613"/>
      <c r="RQB652" s="613"/>
      <c r="RQC652" s="613"/>
      <c r="RQD652" s="613"/>
      <c r="RQE652" s="613"/>
      <c r="RQF652" s="613"/>
      <c r="RQG652" s="613"/>
      <c r="RQH652" s="613"/>
      <c r="RQI652" s="613"/>
      <c r="RQJ652" s="613"/>
      <c r="RQK652" s="613"/>
      <c r="RQL652" s="613"/>
      <c r="RQM652" s="613"/>
      <c r="RQN652" s="613"/>
      <c r="RQO652" s="613"/>
      <c r="RQP652" s="613"/>
      <c r="RQQ652" s="613"/>
      <c r="RQR652" s="613"/>
      <c r="RQS652" s="613"/>
      <c r="RQT652" s="613"/>
      <c r="RQU652" s="613"/>
      <c r="RQV652" s="613"/>
      <c r="RQW652" s="613"/>
      <c r="RQX652" s="613"/>
      <c r="RQY652" s="613"/>
      <c r="RQZ652" s="613"/>
      <c r="RRA652" s="613"/>
      <c r="RRB652" s="613"/>
      <c r="RRC652" s="613"/>
      <c r="RRD652" s="613"/>
      <c r="RRE652" s="613"/>
      <c r="RRF652" s="613"/>
      <c r="RRG652" s="613"/>
      <c r="RRH652" s="613"/>
      <c r="RRI652" s="613"/>
      <c r="RRJ652" s="613"/>
      <c r="RRK652" s="613"/>
      <c r="RRL652" s="613"/>
      <c r="RRM652" s="613"/>
      <c r="RRN652" s="613"/>
      <c r="RRO652" s="613"/>
      <c r="RRP652" s="613"/>
      <c r="RRQ652" s="613"/>
      <c r="RRR652" s="613"/>
      <c r="RRS652" s="613"/>
      <c r="RRT652" s="613"/>
      <c r="RRU652" s="613"/>
      <c r="RRV652" s="613"/>
      <c r="RRW652" s="613"/>
      <c r="RRX652" s="613"/>
      <c r="RRY652" s="613"/>
      <c r="RRZ652" s="613"/>
      <c r="RSA652" s="613"/>
      <c r="RSB652" s="613"/>
      <c r="RSC652" s="613"/>
      <c r="RSD652" s="613"/>
      <c r="RSE652" s="613"/>
      <c r="RSF652" s="613"/>
      <c r="RSG652" s="613"/>
      <c r="RSH652" s="613"/>
      <c r="RSI652" s="613"/>
      <c r="RSJ652" s="613"/>
      <c r="RSK652" s="613"/>
      <c r="RSL652" s="613"/>
      <c r="RSM652" s="613"/>
      <c r="RSN652" s="613"/>
      <c r="RSO652" s="613"/>
      <c r="RSP652" s="613"/>
      <c r="RSQ652" s="613"/>
      <c r="RSR652" s="613"/>
      <c r="RSS652" s="613"/>
      <c r="RST652" s="613"/>
      <c r="RSU652" s="613"/>
      <c r="RSV652" s="613"/>
      <c r="RSW652" s="613"/>
      <c r="RSX652" s="613"/>
      <c r="RSY652" s="613"/>
      <c r="RSZ652" s="613"/>
      <c r="RTA652" s="613"/>
      <c r="RTB652" s="613"/>
      <c r="RTC652" s="613"/>
      <c r="RTD652" s="613"/>
      <c r="RTE652" s="613"/>
      <c r="RTF652" s="613"/>
      <c r="RTG652" s="613"/>
      <c r="RTH652" s="613"/>
      <c r="RTI652" s="613"/>
      <c r="RTJ652" s="613"/>
      <c r="RTK652" s="613"/>
      <c r="RTL652" s="613"/>
      <c r="RTM652" s="613"/>
      <c r="RTN652" s="613"/>
      <c r="RTO652" s="613"/>
      <c r="RTP652" s="613"/>
      <c r="RTQ652" s="613"/>
      <c r="RTR652" s="613"/>
      <c r="RTS652" s="613"/>
      <c r="RTT652" s="613"/>
      <c r="RTU652" s="613"/>
      <c r="RTV652" s="613"/>
      <c r="RTW652" s="613"/>
      <c r="RTX652" s="613"/>
      <c r="RTY652" s="613"/>
      <c r="RTZ652" s="613"/>
      <c r="RUA652" s="613"/>
      <c r="RUB652" s="613"/>
      <c r="RUC652" s="613"/>
      <c r="RUD652" s="613"/>
      <c r="RUE652" s="613"/>
      <c r="RUF652" s="613"/>
      <c r="RUG652" s="613"/>
      <c r="RUH652" s="613"/>
      <c r="RUI652" s="613"/>
      <c r="RUJ652" s="613"/>
      <c r="RUK652" s="613"/>
      <c r="RUL652" s="613"/>
      <c r="RUM652" s="613"/>
      <c r="RUN652" s="613"/>
      <c r="RUO652" s="613"/>
      <c r="RUP652" s="613"/>
      <c r="RUQ652" s="613"/>
      <c r="RUR652" s="613"/>
      <c r="RUS652" s="613"/>
      <c r="RUT652" s="613"/>
      <c r="RUU652" s="613"/>
      <c r="RUV652" s="613"/>
      <c r="RUW652" s="613"/>
      <c r="RUX652" s="613"/>
      <c r="RUY652" s="613"/>
      <c r="RUZ652" s="613"/>
      <c r="RVA652" s="613"/>
      <c r="RVB652" s="613"/>
      <c r="RVC652" s="613"/>
      <c r="RVD652" s="613"/>
      <c r="RVE652" s="613"/>
      <c r="RVF652" s="613"/>
      <c r="RVG652" s="613"/>
      <c r="RVH652" s="613"/>
      <c r="RVI652" s="613"/>
      <c r="RVJ652" s="613"/>
      <c r="RVK652" s="613"/>
      <c r="RVL652" s="613"/>
      <c r="RVM652" s="613"/>
      <c r="RVN652" s="613"/>
      <c r="RVO652" s="613"/>
      <c r="RVP652" s="613"/>
      <c r="RVQ652" s="613"/>
      <c r="RVR652" s="613"/>
      <c r="RVS652" s="613"/>
      <c r="RVT652" s="613"/>
      <c r="RVU652" s="613"/>
      <c r="RVV652" s="613"/>
      <c r="RVW652" s="613"/>
      <c r="RVX652" s="613"/>
      <c r="RVY652" s="613"/>
      <c r="RVZ652" s="613"/>
      <c r="RWA652" s="613"/>
      <c r="RWB652" s="613"/>
      <c r="RWC652" s="613"/>
      <c r="RWD652" s="613"/>
      <c r="RWE652" s="613"/>
      <c r="RWF652" s="613"/>
      <c r="RWG652" s="613"/>
      <c r="RWH652" s="613"/>
      <c r="RWI652" s="613"/>
      <c r="RWJ652" s="613"/>
      <c r="RWK652" s="613"/>
      <c r="RWL652" s="613"/>
      <c r="RWM652" s="613"/>
      <c r="RWN652" s="613"/>
      <c r="RWO652" s="613"/>
      <c r="RWP652" s="613"/>
      <c r="RWQ652" s="613"/>
      <c r="RWR652" s="613"/>
      <c r="RWS652" s="613"/>
      <c r="RWT652" s="613"/>
      <c r="RWU652" s="613"/>
      <c r="RWV652" s="613"/>
      <c r="RWW652" s="613"/>
      <c r="RWX652" s="613"/>
      <c r="RWY652" s="613"/>
      <c r="RWZ652" s="613"/>
      <c r="RXA652" s="613"/>
      <c r="RXB652" s="613"/>
      <c r="RXC652" s="613"/>
      <c r="RXD652" s="613"/>
      <c r="RXE652" s="613"/>
      <c r="RXF652" s="613"/>
      <c r="RXG652" s="613"/>
      <c r="RXH652" s="613"/>
      <c r="RXI652" s="613"/>
      <c r="RXJ652" s="613"/>
      <c r="RXK652" s="613"/>
      <c r="RXL652" s="613"/>
      <c r="RXM652" s="613"/>
      <c r="RXN652" s="613"/>
      <c r="RXO652" s="613"/>
      <c r="RXP652" s="613"/>
      <c r="RXQ652" s="613"/>
      <c r="RXR652" s="613"/>
      <c r="RXS652" s="613"/>
      <c r="RXT652" s="613"/>
      <c r="RXU652" s="613"/>
      <c r="RXV652" s="613"/>
      <c r="RXW652" s="613"/>
      <c r="RXX652" s="613"/>
      <c r="RXY652" s="613"/>
      <c r="RXZ652" s="613"/>
      <c r="RYA652" s="613"/>
      <c r="RYB652" s="613"/>
      <c r="RYC652" s="613"/>
      <c r="RYD652" s="613"/>
      <c r="RYE652" s="613"/>
      <c r="RYF652" s="613"/>
      <c r="RYG652" s="613"/>
      <c r="RYH652" s="613"/>
      <c r="RYI652" s="613"/>
      <c r="RYJ652" s="613"/>
      <c r="RYK652" s="613"/>
      <c r="RYL652" s="613"/>
      <c r="RYM652" s="613"/>
      <c r="RYN652" s="613"/>
      <c r="RYO652" s="613"/>
      <c r="RYP652" s="613"/>
      <c r="RYQ652" s="613"/>
      <c r="RYR652" s="613"/>
      <c r="RYS652" s="613"/>
      <c r="RYT652" s="613"/>
      <c r="RYU652" s="613"/>
      <c r="RYV652" s="613"/>
      <c r="RYW652" s="613"/>
      <c r="RYX652" s="613"/>
      <c r="RYY652" s="613"/>
      <c r="RYZ652" s="613"/>
      <c r="RZA652" s="613"/>
      <c r="RZB652" s="613"/>
      <c r="RZC652" s="613"/>
      <c r="RZD652" s="613"/>
      <c r="RZE652" s="613"/>
      <c r="RZF652" s="613"/>
      <c r="RZG652" s="613"/>
      <c r="RZH652" s="613"/>
      <c r="RZI652" s="613"/>
      <c r="RZJ652" s="613"/>
      <c r="RZK652" s="613"/>
      <c r="RZL652" s="613"/>
      <c r="RZM652" s="613"/>
      <c r="RZN652" s="613"/>
      <c r="RZO652" s="613"/>
      <c r="RZP652" s="613"/>
      <c r="RZQ652" s="613"/>
      <c r="RZR652" s="613"/>
      <c r="RZS652" s="613"/>
      <c r="RZT652" s="613"/>
      <c r="RZU652" s="613"/>
      <c r="RZV652" s="613"/>
      <c r="RZW652" s="613"/>
      <c r="RZX652" s="613"/>
      <c r="RZY652" s="613"/>
      <c r="RZZ652" s="613"/>
      <c r="SAA652" s="613"/>
      <c r="SAB652" s="613"/>
      <c r="SAC652" s="613"/>
      <c r="SAD652" s="613"/>
      <c r="SAE652" s="613"/>
      <c r="SAF652" s="613"/>
      <c r="SAG652" s="613"/>
      <c r="SAH652" s="613"/>
      <c r="SAI652" s="613"/>
      <c r="SAJ652" s="613"/>
      <c r="SAK652" s="613"/>
      <c r="SAL652" s="613"/>
      <c r="SAM652" s="613"/>
      <c r="SAN652" s="613"/>
      <c r="SAO652" s="613"/>
      <c r="SAP652" s="613"/>
      <c r="SAQ652" s="613"/>
      <c r="SAR652" s="613"/>
      <c r="SAS652" s="613"/>
      <c r="SAT652" s="613"/>
      <c r="SAU652" s="613"/>
      <c r="SAV652" s="613"/>
      <c r="SAW652" s="613"/>
      <c r="SAX652" s="613"/>
      <c r="SAY652" s="613"/>
      <c r="SAZ652" s="613"/>
      <c r="SBA652" s="613"/>
      <c r="SBB652" s="613"/>
      <c r="SBC652" s="613"/>
      <c r="SBD652" s="613"/>
      <c r="SBE652" s="613"/>
      <c r="SBF652" s="613"/>
      <c r="SBG652" s="613"/>
      <c r="SBH652" s="613"/>
      <c r="SBI652" s="613"/>
      <c r="SBJ652" s="613"/>
      <c r="SBK652" s="613"/>
      <c r="SBL652" s="613"/>
      <c r="SBM652" s="613"/>
      <c r="SBN652" s="613"/>
      <c r="SBO652" s="613"/>
      <c r="SBP652" s="613"/>
      <c r="SBQ652" s="613"/>
      <c r="SBR652" s="613"/>
      <c r="SBS652" s="613"/>
      <c r="SBT652" s="613"/>
      <c r="SBU652" s="613"/>
      <c r="SBV652" s="613"/>
      <c r="SBW652" s="613"/>
      <c r="SBX652" s="613"/>
      <c r="SBY652" s="613"/>
      <c r="SBZ652" s="613"/>
      <c r="SCA652" s="613"/>
      <c r="SCB652" s="613"/>
      <c r="SCC652" s="613"/>
      <c r="SCD652" s="613"/>
      <c r="SCE652" s="613"/>
      <c r="SCF652" s="613"/>
      <c r="SCG652" s="613"/>
      <c r="SCH652" s="613"/>
      <c r="SCI652" s="613"/>
      <c r="SCJ652" s="613"/>
      <c r="SCK652" s="613"/>
      <c r="SCL652" s="613"/>
      <c r="SCM652" s="613"/>
      <c r="SCN652" s="613"/>
      <c r="SCO652" s="613"/>
      <c r="SCP652" s="613"/>
      <c r="SCQ652" s="613"/>
      <c r="SCR652" s="613"/>
      <c r="SCS652" s="613"/>
      <c r="SCT652" s="613"/>
      <c r="SCU652" s="613"/>
      <c r="SCV652" s="613"/>
      <c r="SCW652" s="613"/>
      <c r="SCX652" s="613"/>
      <c r="SCY652" s="613"/>
      <c r="SCZ652" s="613"/>
      <c r="SDA652" s="613"/>
      <c r="SDB652" s="613"/>
      <c r="SDC652" s="613"/>
      <c r="SDD652" s="613"/>
      <c r="SDE652" s="613"/>
      <c r="SDF652" s="613"/>
      <c r="SDG652" s="613"/>
      <c r="SDH652" s="613"/>
      <c r="SDI652" s="613"/>
      <c r="SDJ652" s="613"/>
      <c r="SDK652" s="613"/>
      <c r="SDL652" s="613"/>
      <c r="SDM652" s="613"/>
      <c r="SDN652" s="613"/>
      <c r="SDO652" s="613"/>
      <c r="SDP652" s="613"/>
      <c r="SDQ652" s="613"/>
      <c r="SDR652" s="613"/>
      <c r="SDS652" s="613"/>
      <c r="SDT652" s="613"/>
      <c r="SDU652" s="613"/>
      <c r="SDV652" s="613"/>
      <c r="SDW652" s="613"/>
      <c r="SDX652" s="613"/>
      <c r="SDY652" s="613"/>
      <c r="SDZ652" s="613"/>
      <c r="SEA652" s="613"/>
      <c r="SEB652" s="613"/>
      <c r="SEC652" s="613"/>
      <c r="SED652" s="613"/>
      <c r="SEE652" s="613"/>
      <c r="SEF652" s="613"/>
      <c r="SEG652" s="613"/>
      <c r="SEH652" s="613"/>
      <c r="SEI652" s="613"/>
      <c r="SEJ652" s="613"/>
      <c r="SEK652" s="613"/>
      <c r="SEL652" s="613"/>
      <c r="SEM652" s="613"/>
      <c r="SEN652" s="613"/>
      <c r="SEO652" s="613"/>
      <c r="SEP652" s="613"/>
      <c r="SEQ652" s="613"/>
      <c r="SER652" s="613"/>
      <c r="SES652" s="613"/>
      <c r="SET652" s="613"/>
      <c r="SEU652" s="613"/>
      <c r="SEV652" s="613"/>
      <c r="SEW652" s="613"/>
      <c r="SEX652" s="613"/>
      <c r="SEY652" s="613"/>
      <c r="SEZ652" s="613"/>
      <c r="SFA652" s="613"/>
      <c r="SFB652" s="613"/>
      <c r="SFC652" s="613"/>
      <c r="SFD652" s="613"/>
      <c r="SFE652" s="613"/>
      <c r="SFF652" s="613"/>
      <c r="SFG652" s="613"/>
      <c r="SFH652" s="613"/>
      <c r="SFI652" s="613"/>
      <c r="SFJ652" s="613"/>
      <c r="SFK652" s="613"/>
      <c r="SFL652" s="613"/>
      <c r="SFM652" s="613"/>
      <c r="SFN652" s="613"/>
      <c r="SFO652" s="613"/>
      <c r="SFP652" s="613"/>
      <c r="SFQ652" s="613"/>
      <c r="SFR652" s="613"/>
      <c r="SFS652" s="613"/>
      <c r="SFT652" s="613"/>
      <c r="SFU652" s="613"/>
      <c r="SFV652" s="613"/>
      <c r="SFW652" s="613"/>
      <c r="SFX652" s="613"/>
      <c r="SFY652" s="613"/>
      <c r="SFZ652" s="613"/>
      <c r="SGA652" s="613"/>
      <c r="SGB652" s="613"/>
      <c r="SGC652" s="613"/>
      <c r="SGD652" s="613"/>
      <c r="SGE652" s="613"/>
      <c r="SGF652" s="613"/>
      <c r="SGG652" s="613"/>
      <c r="SGH652" s="613"/>
      <c r="SGI652" s="613"/>
      <c r="SGJ652" s="613"/>
      <c r="SGK652" s="613"/>
      <c r="SGL652" s="613"/>
      <c r="SGM652" s="613"/>
      <c r="SGN652" s="613"/>
      <c r="SGO652" s="613"/>
      <c r="SGP652" s="613"/>
      <c r="SGQ652" s="613"/>
      <c r="SGR652" s="613"/>
      <c r="SGS652" s="613"/>
      <c r="SGT652" s="613"/>
      <c r="SGU652" s="613"/>
      <c r="SGV652" s="613"/>
      <c r="SGW652" s="613"/>
      <c r="SGX652" s="613"/>
      <c r="SGY652" s="613"/>
      <c r="SGZ652" s="613"/>
      <c r="SHA652" s="613"/>
      <c r="SHB652" s="613"/>
      <c r="SHC652" s="613"/>
      <c r="SHD652" s="613"/>
      <c r="SHE652" s="613"/>
      <c r="SHF652" s="613"/>
      <c r="SHG652" s="613"/>
      <c r="SHH652" s="613"/>
      <c r="SHI652" s="613"/>
      <c r="SHJ652" s="613"/>
      <c r="SHK652" s="613"/>
      <c r="SHL652" s="613"/>
      <c r="SHM652" s="613"/>
      <c r="SHN652" s="613"/>
      <c r="SHO652" s="613"/>
      <c r="SHP652" s="613"/>
      <c r="SHQ652" s="613"/>
      <c r="SHR652" s="613"/>
      <c r="SHS652" s="613"/>
      <c r="SHT652" s="613"/>
      <c r="SHU652" s="613"/>
      <c r="SHV652" s="613"/>
      <c r="SHW652" s="613"/>
      <c r="SHX652" s="613"/>
      <c r="SHY652" s="613"/>
      <c r="SHZ652" s="613"/>
      <c r="SIA652" s="613"/>
      <c r="SIB652" s="613"/>
      <c r="SIC652" s="613"/>
      <c r="SID652" s="613"/>
      <c r="SIE652" s="613"/>
      <c r="SIF652" s="613"/>
      <c r="SIG652" s="613"/>
      <c r="SIH652" s="613"/>
      <c r="SII652" s="613"/>
      <c r="SIJ652" s="613"/>
      <c r="SIK652" s="613"/>
      <c r="SIL652" s="613"/>
      <c r="SIM652" s="613"/>
      <c r="SIN652" s="613"/>
      <c r="SIO652" s="613"/>
      <c r="SIP652" s="613"/>
      <c r="SIQ652" s="613"/>
      <c r="SIR652" s="613"/>
      <c r="SIS652" s="613"/>
      <c r="SIT652" s="613"/>
      <c r="SIU652" s="613"/>
      <c r="SIV652" s="613"/>
      <c r="SIW652" s="613"/>
      <c r="SIX652" s="613"/>
      <c r="SIY652" s="613"/>
      <c r="SIZ652" s="613"/>
      <c r="SJA652" s="613"/>
      <c r="SJB652" s="613"/>
      <c r="SJC652" s="613"/>
      <c r="SJD652" s="613"/>
      <c r="SJE652" s="613"/>
      <c r="SJF652" s="613"/>
      <c r="SJG652" s="613"/>
      <c r="SJH652" s="613"/>
      <c r="SJI652" s="613"/>
      <c r="SJJ652" s="613"/>
      <c r="SJK652" s="613"/>
      <c r="SJL652" s="613"/>
      <c r="SJM652" s="613"/>
      <c r="SJN652" s="613"/>
      <c r="SJO652" s="613"/>
      <c r="SJP652" s="613"/>
      <c r="SJQ652" s="613"/>
      <c r="SJR652" s="613"/>
      <c r="SJS652" s="613"/>
      <c r="SJT652" s="613"/>
      <c r="SJU652" s="613"/>
      <c r="SJV652" s="613"/>
      <c r="SJW652" s="613"/>
      <c r="SJX652" s="613"/>
      <c r="SJY652" s="613"/>
      <c r="SJZ652" s="613"/>
      <c r="SKA652" s="613"/>
      <c r="SKB652" s="613"/>
      <c r="SKC652" s="613"/>
      <c r="SKD652" s="613"/>
      <c r="SKE652" s="613"/>
      <c r="SKF652" s="613"/>
      <c r="SKG652" s="613"/>
      <c r="SKH652" s="613"/>
      <c r="SKI652" s="613"/>
      <c r="SKJ652" s="613"/>
      <c r="SKK652" s="613"/>
      <c r="SKL652" s="613"/>
      <c r="SKM652" s="613"/>
      <c r="SKN652" s="613"/>
      <c r="SKO652" s="613"/>
      <c r="SKP652" s="613"/>
      <c r="SKQ652" s="613"/>
      <c r="SKR652" s="613"/>
      <c r="SKS652" s="613"/>
      <c r="SKT652" s="613"/>
      <c r="SKU652" s="613"/>
      <c r="SKV652" s="613"/>
      <c r="SKW652" s="613"/>
      <c r="SKX652" s="613"/>
      <c r="SKY652" s="613"/>
      <c r="SKZ652" s="613"/>
      <c r="SLA652" s="613"/>
      <c r="SLB652" s="613"/>
      <c r="SLC652" s="613"/>
      <c r="SLD652" s="613"/>
      <c r="SLE652" s="613"/>
      <c r="SLF652" s="613"/>
      <c r="SLG652" s="613"/>
      <c r="SLH652" s="613"/>
      <c r="SLI652" s="613"/>
      <c r="SLJ652" s="613"/>
      <c r="SLK652" s="613"/>
      <c r="SLL652" s="613"/>
      <c r="SLM652" s="613"/>
      <c r="SLN652" s="613"/>
      <c r="SLO652" s="613"/>
      <c r="SLP652" s="613"/>
      <c r="SLQ652" s="613"/>
      <c r="SLR652" s="613"/>
      <c r="SLS652" s="613"/>
      <c r="SLT652" s="613"/>
      <c r="SLU652" s="613"/>
      <c r="SLV652" s="613"/>
      <c r="SLW652" s="613"/>
      <c r="SLX652" s="613"/>
      <c r="SLY652" s="613"/>
      <c r="SLZ652" s="613"/>
      <c r="SMA652" s="613"/>
      <c r="SMB652" s="613"/>
      <c r="SMC652" s="613"/>
      <c r="SMD652" s="613"/>
      <c r="SME652" s="613"/>
      <c r="SMF652" s="613"/>
      <c r="SMG652" s="613"/>
      <c r="SMH652" s="613"/>
      <c r="SMI652" s="613"/>
      <c r="SMJ652" s="613"/>
      <c r="SMK652" s="613"/>
      <c r="SML652" s="613"/>
      <c r="SMM652" s="613"/>
      <c r="SMN652" s="613"/>
      <c r="SMO652" s="613"/>
      <c r="SMP652" s="613"/>
      <c r="SMQ652" s="613"/>
      <c r="SMR652" s="613"/>
      <c r="SMS652" s="613"/>
      <c r="SMT652" s="613"/>
      <c r="SMU652" s="613"/>
      <c r="SMV652" s="613"/>
      <c r="SMW652" s="613"/>
      <c r="SMX652" s="613"/>
      <c r="SMY652" s="613"/>
      <c r="SMZ652" s="613"/>
      <c r="SNA652" s="613"/>
      <c r="SNB652" s="613"/>
      <c r="SNC652" s="613"/>
      <c r="SND652" s="613"/>
      <c r="SNE652" s="613"/>
      <c r="SNF652" s="613"/>
      <c r="SNG652" s="613"/>
      <c r="SNH652" s="613"/>
      <c r="SNI652" s="613"/>
      <c r="SNJ652" s="613"/>
      <c r="SNK652" s="613"/>
      <c r="SNL652" s="613"/>
      <c r="SNM652" s="613"/>
      <c r="SNN652" s="613"/>
      <c r="SNO652" s="613"/>
      <c r="SNP652" s="613"/>
      <c r="SNQ652" s="613"/>
      <c r="SNR652" s="613"/>
      <c r="SNS652" s="613"/>
      <c r="SNT652" s="613"/>
      <c r="SNU652" s="613"/>
      <c r="SNV652" s="613"/>
      <c r="SNW652" s="613"/>
      <c r="SNX652" s="613"/>
      <c r="SNY652" s="613"/>
      <c r="SNZ652" s="613"/>
      <c r="SOA652" s="613"/>
      <c r="SOB652" s="613"/>
      <c r="SOC652" s="613"/>
      <c r="SOD652" s="613"/>
      <c r="SOE652" s="613"/>
      <c r="SOF652" s="613"/>
      <c r="SOG652" s="613"/>
      <c r="SOH652" s="613"/>
      <c r="SOI652" s="613"/>
      <c r="SOJ652" s="613"/>
      <c r="SOK652" s="613"/>
      <c r="SOL652" s="613"/>
      <c r="SOM652" s="613"/>
      <c r="SON652" s="613"/>
      <c r="SOO652" s="613"/>
      <c r="SOP652" s="613"/>
      <c r="SOQ652" s="613"/>
      <c r="SOR652" s="613"/>
      <c r="SOS652" s="613"/>
      <c r="SOT652" s="613"/>
      <c r="SOU652" s="613"/>
      <c r="SOV652" s="613"/>
      <c r="SOW652" s="613"/>
      <c r="SOX652" s="613"/>
      <c r="SOY652" s="613"/>
      <c r="SOZ652" s="613"/>
      <c r="SPA652" s="613"/>
      <c r="SPB652" s="613"/>
      <c r="SPC652" s="613"/>
      <c r="SPD652" s="613"/>
      <c r="SPE652" s="613"/>
      <c r="SPF652" s="613"/>
      <c r="SPG652" s="613"/>
      <c r="SPH652" s="613"/>
      <c r="SPI652" s="613"/>
      <c r="SPJ652" s="613"/>
      <c r="SPK652" s="613"/>
      <c r="SPL652" s="613"/>
      <c r="SPM652" s="613"/>
      <c r="SPN652" s="613"/>
      <c r="SPO652" s="613"/>
      <c r="SPP652" s="613"/>
      <c r="SPQ652" s="613"/>
      <c r="SPR652" s="613"/>
      <c r="SPS652" s="613"/>
      <c r="SPT652" s="613"/>
      <c r="SPU652" s="613"/>
      <c r="SPV652" s="613"/>
      <c r="SPW652" s="613"/>
      <c r="SPX652" s="613"/>
      <c r="SPY652" s="613"/>
      <c r="SPZ652" s="613"/>
      <c r="SQA652" s="613"/>
      <c r="SQB652" s="613"/>
      <c r="SQC652" s="613"/>
      <c r="SQD652" s="613"/>
      <c r="SQE652" s="613"/>
      <c r="SQF652" s="613"/>
      <c r="SQG652" s="613"/>
      <c r="SQH652" s="613"/>
      <c r="SQI652" s="613"/>
      <c r="SQJ652" s="613"/>
      <c r="SQK652" s="613"/>
      <c r="SQL652" s="613"/>
      <c r="SQM652" s="613"/>
      <c r="SQN652" s="613"/>
      <c r="SQO652" s="613"/>
      <c r="SQP652" s="613"/>
      <c r="SQQ652" s="613"/>
      <c r="SQR652" s="613"/>
      <c r="SQS652" s="613"/>
      <c r="SQT652" s="613"/>
      <c r="SQU652" s="613"/>
      <c r="SQV652" s="613"/>
      <c r="SQW652" s="613"/>
      <c r="SQX652" s="613"/>
      <c r="SQY652" s="613"/>
      <c r="SQZ652" s="613"/>
      <c r="SRA652" s="613"/>
      <c r="SRB652" s="613"/>
      <c r="SRC652" s="613"/>
      <c r="SRD652" s="613"/>
      <c r="SRE652" s="613"/>
      <c r="SRF652" s="613"/>
      <c r="SRG652" s="613"/>
      <c r="SRH652" s="613"/>
      <c r="SRI652" s="613"/>
      <c r="SRJ652" s="613"/>
      <c r="SRK652" s="613"/>
      <c r="SRL652" s="613"/>
      <c r="SRM652" s="613"/>
      <c r="SRN652" s="613"/>
      <c r="SRO652" s="613"/>
      <c r="SRP652" s="613"/>
      <c r="SRQ652" s="613"/>
      <c r="SRR652" s="613"/>
      <c r="SRS652" s="613"/>
      <c r="SRT652" s="613"/>
      <c r="SRU652" s="613"/>
      <c r="SRV652" s="613"/>
      <c r="SRW652" s="613"/>
      <c r="SRX652" s="613"/>
      <c r="SRY652" s="613"/>
      <c r="SRZ652" s="613"/>
      <c r="SSA652" s="613"/>
      <c r="SSB652" s="613"/>
      <c r="SSC652" s="613"/>
      <c r="SSD652" s="613"/>
      <c r="SSE652" s="613"/>
      <c r="SSF652" s="613"/>
      <c r="SSG652" s="613"/>
      <c r="SSH652" s="613"/>
      <c r="SSI652" s="613"/>
      <c r="SSJ652" s="613"/>
      <c r="SSK652" s="613"/>
      <c r="SSL652" s="613"/>
      <c r="SSM652" s="613"/>
      <c r="SSN652" s="613"/>
      <c r="SSO652" s="613"/>
      <c r="SSP652" s="613"/>
      <c r="SSQ652" s="613"/>
      <c r="SSR652" s="613"/>
      <c r="SSS652" s="613"/>
      <c r="SST652" s="613"/>
      <c r="SSU652" s="613"/>
      <c r="SSV652" s="613"/>
      <c r="SSW652" s="613"/>
      <c r="SSX652" s="613"/>
      <c r="SSY652" s="613"/>
      <c r="SSZ652" s="613"/>
      <c r="STA652" s="613"/>
      <c r="STB652" s="613"/>
      <c r="STC652" s="613"/>
      <c r="STD652" s="613"/>
      <c r="STE652" s="613"/>
      <c r="STF652" s="613"/>
      <c r="STG652" s="613"/>
      <c r="STH652" s="613"/>
      <c r="STI652" s="613"/>
      <c r="STJ652" s="613"/>
      <c r="STK652" s="613"/>
      <c r="STL652" s="613"/>
      <c r="STM652" s="613"/>
      <c r="STN652" s="613"/>
      <c r="STO652" s="613"/>
      <c r="STP652" s="613"/>
      <c r="STQ652" s="613"/>
      <c r="STR652" s="613"/>
      <c r="STS652" s="613"/>
      <c r="STT652" s="613"/>
      <c r="STU652" s="613"/>
      <c r="STV652" s="613"/>
      <c r="STW652" s="613"/>
      <c r="STX652" s="613"/>
      <c r="STY652" s="613"/>
      <c r="STZ652" s="613"/>
      <c r="SUA652" s="613"/>
      <c r="SUB652" s="613"/>
      <c r="SUC652" s="613"/>
      <c r="SUD652" s="613"/>
      <c r="SUE652" s="613"/>
      <c r="SUF652" s="613"/>
      <c r="SUG652" s="613"/>
      <c r="SUH652" s="613"/>
      <c r="SUI652" s="613"/>
      <c r="SUJ652" s="613"/>
      <c r="SUK652" s="613"/>
      <c r="SUL652" s="613"/>
      <c r="SUM652" s="613"/>
      <c r="SUN652" s="613"/>
      <c r="SUO652" s="613"/>
      <c r="SUP652" s="613"/>
      <c r="SUQ652" s="613"/>
      <c r="SUR652" s="613"/>
      <c r="SUS652" s="613"/>
      <c r="SUT652" s="613"/>
      <c r="SUU652" s="613"/>
      <c r="SUV652" s="613"/>
      <c r="SUW652" s="613"/>
      <c r="SUX652" s="613"/>
      <c r="SUY652" s="613"/>
      <c r="SUZ652" s="613"/>
      <c r="SVA652" s="613"/>
      <c r="SVB652" s="613"/>
      <c r="SVC652" s="613"/>
      <c r="SVD652" s="613"/>
      <c r="SVE652" s="613"/>
      <c r="SVF652" s="613"/>
      <c r="SVG652" s="613"/>
      <c r="SVH652" s="613"/>
      <c r="SVI652" s="613"/>
      <c r="SVJ652" s="613"/>
      <c r="SVK652" s="613"/>
      <c r="SVL652" s="613"/>
      <c r="SVM652" s="613"/>
      <c r="SVN652" s="613"/>
      <c r="SVO652" s="613"/>
      <c r="SVP652" s="613"/>
      <c r="SVQ652" s="613"/>
      <c r="SVR652" s="613"/>
      <c r="SVS652" s="613"/>
      <c r="SVT652" s="613"/>
      <c r="SVU652" s="613"/>
      <c r="SVV652" s="613"/>
      <c r="SVW652" s="613"/>
      <c r="SVX652" s="613"/>
      <c r="SVY652" s="613"/>
      <c r="SVZ652" s="613"/>
      <c r="SWA652" s="613"/>
      <c r="SWB652" s="613"/>
      <c r="SWC652" s="613"/>
      <c r="SWD652" s="613"/>
      <c r="SWE652" s="613"/>
      <c r="SWF652" s="613"/>
      <c r="SWG652" s="613"/>
      <c r="SWH652" s="613"/>
      <c r="SWI652" s="613"/>
      <c r="SWJ652" s="613"/>
      <c r="SWK652" s="613"/>
      <c r="SWL652" s="613"/>
      <c r="SWM652" s="613"/>
      <c r="SWN652" s="613"/>
      <c r="SWO652" s="613"/>
      <c r="SWP652" s="613"/>
      <c r="SWQ652" s="613"/>
      <c r="SWR652" s="613"/>
      <c r="SWS652" s="613"/>
      <c r="SWT652" s="613"/>
      <c r="SWU652" s="613"/>
      <c r="SWV652" s="613"/>
      <c r="SWW652" s="613"/>
      <c r="SWX652" s="613"/>
      <c r="SWY652" s="613"/>
      <c r="SWZ652" s="613"/>
      <c r="SXA652" s="613"/>
      <c r="SXB652" s="613"/>
      <c r="SXC652" s="613"/>
      <c r="SXD652" s="613"/>
      <c r="SXE652" s="613"/>
      <c r="SXF652" s="613"/>
      <c r="SXG652" s="613"/>
      <c r="SXH652" s="613"/>
      <c r="SXI652" s="613"/>
      <c r="SXJ652" s="613"/>
      <c r="SXK652" s="613"/>
      <c r="SXL652" s="613"/>
      <c r="SXM652" s="613"/>
      <c r="SXN652" s="613"/>
      <c r="SXO652" s="613"/>
      <c r="SXP652" s="613"/>
      <c r="SXQ652" s="613"/>
      <c r="SXR652" s="613"/>
      <c r="SXS652" s="613"/>
      <c r="SXT652" s="613"/>
      <c r="SXU652" s="613"/>
      <c r="SXV652" s="613"/>
      <c r="SXW652" s="613"/>
      <c r="SXX652" s="613"/>
      <c r="SXY652" s="613"/>
      <c r="SXZ652" s="613"/>
      <c r="SYA652" s="613"/>
      <c r="SYB652" s="613"/>
      <c r="SYC652" s="613"/>
      <c r="SYD652" s="613"/>
      <c r="SYE652" s="613"/>
      <c r="SYF652" s="613"/>
      <c r="SYG652" s="613"/>
      <c r="SYH652" s="613"/>
      <c r="SYI652" s="613"/>
      <c r="SYJ652" s="613"/>
      <c r="SYK652" s="613"/>
      <c r="SYL652" s="613"/>
      <c r="SYM652" s="613"/>
      <c r="SYN652" s="613"/>
      <c r="SYO652" s="613"/>
      <c r="SYP652" s="613"/>
      <c r="SYQ652" s="613"/>
      <c r="SYR652" s="613"/>
      <c r="SYS652" s="613"/>
      <c r="SYT652" s="613"/>
      <c r="SYU652" s="613"/>
      <c r="SYV652" s="613"/>
      <c r="SYW652" s="613"/>
      <c r="SYX652" s="613"/>
      <c r="SYY652" s="613"/>
      <c r="SYZ652" s="613"/>
      <c r="SZA652" s="613"/>
      <c r="SZB652" s="613"/>
      <c r="SZC652" s="613"/>
      <c r="SZD652" s="613"/>
      <c r="SZE652" s="613"/>
      <c r="SZF652" s="613"/>
      <c r="SZG652" s="613"/>
      <c r="SZH652" s="613"/>
      <c r="SZI652" s="613"/>
      <c r="SZJ652" s="613"/>
      <c r="SZK652" s="613"/>
      <c r="SZL652" s="613"/>
      <c r="SZM652" s="613"/>
      <c r="SZN652" s="613"/>
      <c r="SZO652" s="613"/>
      <c r="SZP652" s="613"/>
      <c r="SZQ652" s="613"/>
      <c r="SZR652" s="613"/>
      <c r="SZS652" s="613"/>
      <c r="SZT652" s="613"/>
      <c r="SZU652" s="613"/>
      <c r="SZV652" s="613"/>
      <c r="SZW652" s="613"/>
      <c r="SZX652" s="613"/>
      <c r="SZY652" s="613"/>
      <c r="SZZ652" s="613"/>
      <c r="TAA652" s="613"/>
      <c r="TAB652" s="613"/>
      <c r="TAC652" s="613"/>
      <c r="TAD652" s="613"/>
      <c r="TAE652" s="613"/>
      <c r="TAF652" s="613"/>
      <c r="TAG652" s="613"/>
      <c r="TAH652" s="613"/>
      <c r="TAI652" s="613"/>
      <c r="TAJ652" s="613"/>
      <c r="TAK652" s="613"/>
      <c r="TAL652" s="613"/>
      <c r="TAM652" s="613"/>
      <c r="TAN652" s="613"/>
      <c r="TAO652" s="613"/>
      <c r="TAP652" s="613"/>
      <c r="TAQ652" s="613"/>
      <c r="TAR652" s="613"/>
      <c r="TAS652" s="613"/>
      <c r="TAT652" s="613"/>
      <c r="TAU652" s="613"/>
      <c r="TAV652" s="613"/>
      <c r="TAW652" s="613"/>
      <c r="TAX652" s="613"/>
      <c r="TAY652" s="613"/>
      <c r="TAZ652" s="613"/>
      <c r="TBA652" s="613"/>
      <c r="TBB652" s="613"/>
      <c r="TBC652" s="613"/>
      <c r="TBD652" s="613"/>
      <c r="TBE652" s="613"/>
      <c r="TBF652" s="613"/>
      <c r="TBG652" s="613"/>
      <c r="TBH652" s="613"/>
      <c r="TBI652" s="613"/>
      <c r="TBJ652" s="613"/>
      <c r="TBK652" s="613"/>
      <c r="TBL652" s="613"/>
      <c r="TBM652" s="613"/>
      <c r="TBN652" s="613"/>
      <c r="TBO652" s="613"/>
      <c r="TBP652" s="613"/>
      <c r="TBQ652" s="613"/>
      <c r="TBR652" s="613"/>
      <c r="TBS652" s="613"/>
      <c r="TBT652" s="613"/>
      <c r="TBU652" s="613"/>
      <c r="TBV652" s="613"/>
      <c r="TBW652" s="613"/>
      <c r="TBX652" s="613"/>
      <c r="TBY652" s="613"/>
      <c r="TBZ652" s="613"/>
      <c r="TCA652" s="613"/>
      <c r="TCB652" s="613"/>
      <c r="TCC652" s="613"/>
      <c r="TCD652" s="613"/>
      <c r="TCE652" s="613"/>
      <c r="TCF652" s="613"/>
      <c r="TCG652" s="613"/>
      <c r="TCH652" s="613"/>
      <c r="TCI652" s="613"/>
      <c r="TCJ652" s="613"/>
      <c r="TCK652" s="613"/>
      <c r="TCL652" s="613"/>
      <c r="TCM652" s="613"/>
      <c r="TCN652" s="613"/>
      <c r="TCO652" s="613"/>
      <c r="TCP652" s="613"/>
      <c r="TCQ652" s="613"/>
      <c r="TCR652" s="613"/>
      <c r="TCS652" s="613"/>
      <c r="TCT652" s="613"/>
      <c r="TCU652" s="613"/>
      <c r="TCV652" s="613"/>
      <c r="TCW652" s="613"/>
      <c r="TCX652" s="613"/>
      <c r="TCY652" s="613"/>
      <c r="TCZ652" s="613"/>
      <c r="TDA652" s="613"/>
      <c r="TDB652" s="613"/>
      <c r="TDC652" s="613"/>
      <c r="TDD652" s="613"/>
      <c r="TDE652" s="613"/>
      <c r="TDF652" s="613"/>
      <c r="TDG652" s="613"/>
      <c r="TDH652" s="613"/>
      <c r="TDI652" s="613"/>
      <c r="TDJ652" s="613"/>
      <c r="TDK652" s="613"/>
      <c r="TDL652" s="613"/>
      <c r="TDM652" s="613"/>
      <c r="TDN652" s="613"/>
      <c r="TDO652" s="613"/>
      <c r="TDP652" s="613"/>
      <c r="TDQ652" s="613"/>
      <c r="TDR652" s="613"/>
      <c r="TDS652" s="613"/>
      <c r="TDT652" s="613"/>
      <c r="TDU652" s="613"/>
      <c r="TDV652" s="613"/>
      <c r="TDW652" s="613"/>
      <c r="TDX652" s="613"/>
      <c r="TDY652" s="613"/>
      <c r="TDZ652" s="613"/>
      <c r="TEA652" s="613"/>
      <c r="TEB652" s="613"/>
      <c r="TEC652" s="613"/>
      <c r="TED652" s="613"/>
      <c r="TEE652" s="613"/>
      <c r="TEF652" s="613"/>
      <c r="TEG652" s="613"/>
      <c r="TEH652" s="613"/>
      <c r="TEI652" s="613"/>
      <c r="TEJ652" s="613"/>
      <c r="TEK652" s="613"/>
      <c r="TEL652" s="613"/>
      <c r="TEM652" s="613"/>
      <c r="TEN652" s="613"/>
      <c r="TEO652" s="613"/>
      <c r="TEP652" s="613"/>
      <c r="TEQ652" s="613"/>
      <c r="TER652" s="613"/>
      <c r="TES652" s="613"/>
      <c r="TET652" s="613"/>
      <c r="TEU652" s="613"/>
      <c r="TEV652" s="613"/>
      <c r="TEW652" s="613"/>
      <c r="TEX652" s="613"/>
      <c r="TEY652" s="613"/>
      <c r="TEZ652" s="613"/>
      <c r="TFA652" s="613"/>
      <c r="TFB652" s="613"/>
      <c r="TFC652" s="613"/>
      <c r="TFD652" s="613"/>
      <c r="TFE652" s="613"/>
      <c r="TFF652" s="613"/>
      <c r="TFG652" s="613"/>
      <c r="TFH652" s="613"/>
      <c r="TFI652" s="613"/>
      <c r="TFJ652" s="613"/>
      <c r="TFK652" s="613"/>
      <c r="TFL652" s="613"/>
      <c r="TFM652" s="613"/>
      <c r="TFN652" s="613"/>
      <c r="TFO652" s="613"/>
      <c r="TFP652" s="613"/>
      <c r="TFQ652" s="613"/>
      <c r="TFR652" s="613"/>
      <c r="TFS652" s="613"/>
      <c r="TFT652" s="613"/>
      <c r="TFU652" s="613"/>
      <c r="TFV652" s="613"/>
      <c r="TFW652" s="613"/>
      <c r="TFX652" s="613"/>
      <c r="TFY652" s="613"/>
      <c r="TFZ652" s="613"/>
      <c r="TGA652" s="613"/>
      <c r="TGB652" s="613"/>
      <c r="TGC652" s="613"/>
      <c r="TGD652" s="613"/>
      <c r="TGE652" s="613"/>
      <c r="TGF652" s="613"/>
      <c r="TGG652" s="613"/>
      <c r="TGH652" s="613"/>
      <c r="TGI652" s="613"/>
      <c r="TGJ652" s="613"/>
      <c r="TGK652" s="613"/>
      <c r="TGL652" s="613"/>
      <c r="TGM652" s="613"/>
      <c r="TGN652" s="613"/>
      <c r="TGO652" s="613"/>
      <c r="TGP652" s="613"/>
      <c r="TGQ652" s="613"/>
      <c r="TGR652" s="613"/>
      <c r="TGS652" s="613"/>
      <c r="TGT652" s="613"/>
      <c r="TGU652" s="613"/>
      <c r="TGV652" s="613"/>
      <c r="TGW652" s="613"/>
      <c r="TGX652" s="613"/>
      <c r="TGY652" s="613"/>
      <c r="TGZ652" s="613"/>
      <c r="THA652" s="613"/>
      <c r="THB652" s="613"/>
      <c r="THC652" s="613"/>
      <c r="THD652" s="613"/>
      <c r="THE652" s="613"/>
      <c r="THF652" s="613"/>
      <c r="THG652" s="613"/>
      <c r="THH652" s="613"/>
      <c r="THI652" s="613"/>
      <c r="THJ652" s="613"/>
      <c r="THK652" s="613"/>
      <c r="THL652" s="613"/>
      <c r="THM652" s="613"/>
      <c r="THN652" s="613"/>
      <c r="THO652" s="613"/>
      <c r="THP652" s="613"/>
      <c r="THQ652" s="613"/>
      <c r="THR652" s="613"/>
      <c r="THS652" s="613"/>
      <c r="THT652" s="613"/>
      <c r="THU652" s="613"/>
      <c r="THV652" s="613"/>
      <c r="THW652" s="613"/>
      <c r="THX652" s="613"/>
      <c r="THY652" s="613"/>
      <c r="THZ652" s="613"/>
      <c r="TIA652" s="613"/>
      <c r="TIB652" s="613"/>
      <c r="TIC652" s="613"/>
      <c r="TID652" s="613"/>
      <c r="TIE652" s="613"/>
      <c r="TIF652" s="613"/>
      <c r="TIG652" s="613"/>
      <c r="TIH652" s="613"/>
      <c r="TII652" s="613"/>
      <c r="TIJ652" s="613"/>
      <c r="TIK652" s="613"/>
      <c r="TIL652" s="613"/>
      <c r="TIM652" s="613"/>
      <c r="TIN652" s="613"/>
      <c r="TIO652" s="613"/>
      <c r="TIP652" s="613"/>
      <c r="TIQ652" s="613"/>
      <c r="TIR652" s="613"/>
      <c r="TIS652" s="613"/>
      <c r="TIT652" s="613"/>
      <c r="TIU652" s="613"/>
      <c r="TIV652" s="613"/>
      <c r="TIW652" s="613"/>
      <c r="TIX652" s="613"/>
      <c r="TIY652" s="613"/>
      <c r="TIZ652" s="613"/>
      <c r="TJA652" s="613"/>
      <c r="TJB652" s="613"/>
      <c r="TJC652" s="613"/>
      <c r="TJD652" s="613"/>
      <c r="TJE652" s="613"/>
      <c r="TJF652" s="613"/>
      <c r="TJG652" s="613"/>
      <c r="TJH652" s="613"/>
      <c r="TJI652" s="613"/>
      <c r="TJJ652" s="613"/>
      <c r="TJK652" s="613"/>
      <c r="TJL652" s="613"/>
      <c r="TJM652" s="613"/>
      <c r="TJN652" s="613"/>
      <c r="TJO652" s="613"/>
      <c r="TJP652" s="613"/>
      <c r="TJQ652" s="613"/>
      <c r="TJR652" s="613"/>
      <c r="TJS652" s="613"/>
      <c r="TJT652" s="613"/>
      <c r="TJU652" s="613"/>
      <c r="TJV652" s="613"/>
      <c r="TJW652" s="613"/>
      <c r="TJX652" s="613"/>
      <c r="TJY652" s="613"/>
      <c r="TJZ652" s="613"/>
      <c r="TKA652" s="613"/>
      <c r="TKB652" s="613"/>
      <c r="TKC652" s="613"/>
      <c r="TKD652" s="613"/>
      <c r="TKE652" s="613"/>
      <c r="TKF652" s="613"/>
      <c r="TKG652" s="613"/>
      <c r="TKH652" s="613"/>
      <c r="TKI652" s="613"/>
      <c r="TKJ652" s="613"/>
      <c r="TKK652" s="613"/>
      <c r="TKL652" s="613"/>
      <c r="TKM652" s="613"/>
      <c r="TKN652" s="613"/>
      <c r="TKO652" s="613"/>
      <c r="TKP652" s="613"/>
      <c r="TKQ652" s="613"/>
      <c r="TKR652" s="613"/>
      <c r="TKS652" s="613"/>
      <c r="TKT652" s="613"/>
      <c r="TKU652" s="613"/>
      <c r="TKV652" s="613"/>
      <c r="TKW652" s="613"/>
      <c r="TKX652" s="613"/>
      <c r="TKY652" s="613"/>
      <c r="TKZ652" s="613"/>
      <c r="TLA652" s="613"/>
      <c r="TLB652" s="613"/>
      <c r="TLC652" s="613"/>
      <c r="TLD652" s="613"/>
      <c r="TLE652" s="613"/>
      <c r="TLF652" s="613"/>
      <c r="TLG652" s="613"/>
      <c r="TLH652" s="613"/>
      <c r="TLI652" s="613"/>
      <c r="TLJ652" s="613"/>
      <c r="TLK652" s="613"/>
      <c r="TLL652" s="613"/>
      <c r="TLM652" s="613"/>
      <c r="TLN652" s="613"/>
      <c r="TLO652" s="613"/>
      <c r="TLP652" s="613"/>
      <c r="TLQ652" s="613"/>
      <c r="TLR652" s="613"/>
      <c r="TLS652" s="613"/>
      <c r="TLT652" s="613"/>
      <c r="TLU652" s="613"/>
      <c r="TLV652" s="613"/>
      <c r="TLW652" s="613"/>
      <c r="TLX652" s="613"/>
      <c r="TLY652" s="613"/>
      <c r="TLZ652" s="613"/>
      <c r="TMA652" s="613"/>
      <c r="TMB652" s="613"/>
      <c r="TMC652" s="613"/>
      <c r="TMD652" s="613"/>
      <c r="TME652" s="613"/>
      <c r="TMF652" s="613"/>
      <c r="TMG652" s="613"/>
      <c r="TMH652" s="613"/>
      <c r="TMI652" s="613"/>
      <c r="TMJ652" s="613"/>
      <c r="TMK652" s="613"/>
      <c r="TML652" s="613"/>
      <c r="TMM652" s="613"/>
      <c r="TMN652" s="613"/>
      <c r="TMO652" s="613"/>
      <c r="TMP652" s="613"/>
      <c r="TMQ652" s="613"/>
      <c r="TMR652" s="613"/>
      <c r="TMS652" s="613"/>
      <c r="TMT652" s="613"/>
      <c r="TMU652" s="613"/>
      <c r="TMV652" s="613"/>
      <c r="TMW652" s="613"/>
      <c r="TMX652" s="613"/>
      <c r="TMY652" s="613"/>
      <c r="TMZ652" s="613"/>
      <c r="TNA652" s="613"/>
      <c r="TNB652" s="613"/>
      <c r="TNC652" s="613"/>
      <c r="TND652" s="613"/>
      <c r="TNE652" s="613"/>
      <c r="TNF652" s="613"/>
      <c r="TNG652" s="613"/>
      <c r="TNH652" s="613"/>
      <c r="TNI652" s="613"/>
      <c r="TNJ652" s="613"/>
      <c r="TNK652" s="613"/>
      <c r="TNL652" s="613"/>
      <c r="TNM652" s="613"/>
      <c r="TNN652" s="613"/>
      <c r="TNO652" s="613"/>
      <c r="TNP652" s="613"/>
      <c r="TNQ652" s="613"/>
      <c r="TNR652" s="613"/>
      <c r="TNS652" s="613"/>
      <c r="TNT652" s="613"/>
      <c r="TNU652" s="613"/>
      <c r="TNV652" s="613"/>
      <c r="TNW652" s="613"/>
      <c r="TNX652" s="613"/>
      <c r="TNY652" s="613"/>
      <c r="TNZ652" s="613"/>
      <c r="TOA652" s="613"/>
      <c r="TOB652" s="613"/>
      <c r="TOC652" s="613"/>
      <c r="TOD652" s="613"/>
      <c r="TOE652" s="613"/>
      <c r="TOF652" s="613"/>
      <c r="TOG652" s="613"/>
      <c r="TOH652" s="613"/>
      <c r="TOI652" s="613"/>
      <c r="TOJ652" s="613"/>
      <c r="TOK652" s="613"/>
      <c r="TOL652" s="613"/>
      <c r="TOM652" s="613"/>
      <c r="TON652" s="613"/>
      <c r="TOO652" s="613"/>
      <c r="TOP652" s="613"/>
      <c r="TOQ652" s="613"/>
      <c r="TOR652" s="613"/>
      <c r="TOS652" s="613"/>
      <c r="TOT652" s="613"/>
      <c r="TOU652" s="613"/>
      <c r="TOV652" s="613"/>
      <c r="TOW652" s="613"/>
      <c r="TOX652" s="613"/>
      <c r="TOY652" s="613"/>
      <c r="TOZ652" s="613"/>
      <c r="TPA652" s="613"/>
      <c r="TPB652" s="613"/>
      <c r="TPC652" s="613"/>
      <c r="TPD652" s="613"/>
      <c r="TPE652" s="613"/>
      <c r="TPF652" s="613"/>
      <c r="TPG652" s="613"/>
      <c r="TPH652" s="613"/>
      <c r="TPI652" s="613"/>
      <c r="TPJ652" s="613"/>
      <c r="TPK652" s="613"/>
      <c r="TPL652" s="613"/>
      <c r="TPM652" s="613"/>
      <c r="TPN652" s="613"/>
      <c r="TPO652" s="613"/>
      <c r="TPP652" s="613"/>
      <c r="TPQ652" s="613"/>
      <c r="TPR652" s="613"/>
      <c r="TPS652" s="613"/>
      <c r="TPT652" s="613"/>
      <c r="TPU652" s="613"/>
      <c r="TPV652" s="613"/>
      <c r="TPW652" s="613"/>
      <c r="TPX652" s="613"/>
      <c r="TPY652" s="613"/>
      <c r="TPZ652" s="613"/>
      <c r="TQA652" s="613"/>
      <c r="TQB652" s="613"/>
      <c r="TQC652" s="613"/>
      <c r="TQD652" s="613"/>
      <c r="TQE652" s="613"/>
      <c r="TQF652" s="613"/>
      <c r="TQG652" s="613"/>
      <c r="TQH652" s="613"/>
      <c r="TQI652" s="613"/>
      <c r="TQJ652" s="613"/>
      <c r="TQK652" s="613"/>
      <c r="TQL652" s="613"/>
      <c r="TQM652" s="613"/>
      <c r="TQN652" s="613"/>
      <c r="TQO652" s="613"/>
      <c r="TQP652" s="613"/>
      <c r="TQQ652" s="613"/>
      <c r="TQR652" s="613"/>
      <c r="TQS652" s="613"/>
      <c r="TQT652" s="613"/>
      <c r="TQU652" s="613"/>
      <c r="TQV652" s="613"/>
      <c r="TQW652" s="613"/>
      <c r="TQX652" s="613"/>
      <c r="TQY652" s="613"/>
      <c r="TQZ652" s="613"/>
      <c r="TRA652" s="613"/>
      <c r="TRB652" s="613"/>
      <c r="TRC652" s="613"/>
      <c r="TRD652" s="613"/>
      <c r="TRE652" s="613"/>
      <c r="TRF652" s="613"/>
      <c r="TRG652" s="613"/>
      <c r="TRH652" s="613"/>
      <c r="TRI652" s="613"/>
      <c r="TRJ652" s="613"/>
      <c r="TRK652" s="613"/>
      <c r="TRL652" s="613"/>
      <c r="TRM652" s="613"/>
      <c r="TRN652" s="613"/>
      <c r="TRO652" s="613"/>
      <c r="TRP652" s="613"/>
      <c r="TRQ652" s="613"/>
      <c r="TRR652" s="613"/>
      <c r="TRS652" s="613"/>
      <c r="TRT652" s="613"/>
      <c r="TRU652" s="613"/>
      <c r="TRV652" s="613"/>
      <c r="TRW652" s="613"/>
      <c r="TRX652" s="613"/>
      <c r="TRY652" s="613"/>
      <c r="TRZ652" s="613"/>
      <c r="TSA652" s="613"/>
      <c r="TSB652" s="613"/>
      <c r="TSC652" s="613"/>
      <c r="TSD652" s="613"/>
      <c r="TSE652" s="613"/>
      <c r="TSF652" s="613"/>
      <c r="TSG652" s="613"/>
      <c r="TSH652" s="613"/>
      <c r="TSI652" s="613"/>
      <c r="TSJ652" s="613"/>
      <c r="TSK652" s="613"/>
      <c r="TSL652" s="613"/>
      <c r="TSM652" s="613"/>
      <c r="TSN652" s="613"/>
      <c r="TSO652" s="613"/>
      <c r="TSP652" s="613"/>
      <c r="TSQ652" s="613"/>
      <c r="TSR652" s="613"/>
      <c r="TSS652" s="613"/>
      <c r="TST652" s="613"/>
      <c r="TSU652" s="613"/>
      <c r="TSV652" s="613"/>
      <c r="TSW652" s="613"/>
      <c r="TSX652" s="613"/>
      <c r="TSY652" s="613"/>
      <c r="TSZ652" s="613"/>
      <c r="TTA652" s="613"/>
      <c r="TTB652" s="613"/>
      <c r="TTC652" s="613"/>
      <c r="TTD652" s="613"/>
      <c r="TTE652" s="613"/>
      <c r="TTF652" s="613"/>
      <c r="TTG652" s="613"/>
      <c r="TTH652" s="613"/>
      <c r="TTI652" s="613"/>
      <c r="TTJ652" s="613"/>
      <c r="TTK652" s="613"/>
      <c r="TTL652" s="613"/>
      <c r="TTM652" s="613"/>
      <c r="TTN652" s="613"/>
      <c r="TTO652" s="613"/>
      <c r="TTP652" s="613"/>
      <c r="TTQ652" s="613"/>
      <c r="TTR652" s="613"/>
      <c r="TTS652" s="613"/>
      <c r="TTT652" s="613"/>
      <c r="TTU652" s="613"/>
      <c r="TTV652" s="613"/>
      <c r="TTW652" s="613"/>
      <c r="TTX652" s="613"/>
      <c r="TTY652" s="613"/>
      <c r="TTZ652" s="613"/>
      <c r="TUA652" s="613"/>
      <c r="TUB652" s="613"/>
      <c r="TUC652" s="613"/>
      <c r="TUD652" s="613"/>
      <c r="TUE652" s="613"/>
      <c r="TUF652" s="613"/>
      <c r="TUG652" s="613"/>
      <c r="TUH652" s="613"/>
      <c r="TUI652" s="613"/>
      <c r="TUJ652" s="613"/>
      <c r="TUK652" s="613"/>
      <c r="TUL652" s="613"/>
      <c r="TUM652" s="613"/>
      <c r="TUN652" s="613"/>
      <c r="TUO652" s="613"/>
      <c r="TUP652" s="613"/>
      <c r="TUQ652" s="613"/>
      <c r="TUR652" s="613"/>
      <c r="TUS652" s="613"/>
      <c r="TUT652" s="613"/>
      <c r="TUU652" s="613"/>
      <c r="TUV652" s="613"/>
      <c r="TUW652" s="613"/>
      <c r="TUX652" s="613"/>
      <c r="TUY652" s="613"/>
      <c r="TUZ652" s="613"/>
      <c r="TVA652" s="613"/>
      <c r="TVB652" s="613"/>
      <c r="TVC652" s="613"/>
      <c r="TVD652" s="613"/>
      <c r="TVE652" s="613"/>
      <c r="TVF652" s="613"/>
      <c r="TVG652" s="613"/>
      <c r="TVH652" s="613"/>
      <c r="TVI652" s="613"/>
      <c r="TVJ652" s="613"/>
      <c r="TVK652" s="613"/>
      <c r="TVL652" s="613"/>
      <c r="TVM652" s="613"/>
      <c r="TVN652" s="613"/>
      <c r="TVO652" s="613"/>
      <c r="TVP652" s="613"/>
      <c r="TVQ652" s="613"/>
      <c r="TVR652" s="613"/>
      <c r="TVS652" s="613"/>
      <c r="TVT652" s="613"/>
      <c r="TVU652" s="613"/>
      <c r="TVV652" s="613"/>
      <c r="TVW652" s="613"/>
      <c r="TVX652" s="613"/>
      <c r="TVY652" s="613"/>
      <c r="TVZ652" s="613"/>
      <c r="TWA652" s="613"/>
      <c r="TWB652" s="613"/>
      <c r="TWC652" s="613"/>
      <c r="TWD652" s="613"/>
      <c r="TWE652" s="613"/>
      <c r="TWF652" s="613"/>
      <c r="TWG652" s="613"/>
      <c r="TWH652" s="613"/>
      <c r="TWI652" s="613"/>
      <c r="TWJ652" s="613"/>
      <c r="TWK652" s="613"/>
      <c r="TWL652" s="613"/>
      <c r="TWM652" s="613"/>
      <c r="TWN652" s="613"/>
      <c r="TWO652" s="613"/>
      <c r="TWP652" s="613"/>
      <c r="TWQ652" s="613"/>
      <c r="TWR652" s="613"/>
      <c r="TWS652" s="613"/>
      <c r="TWT652" s="613"/>
      <c r="TWU652" s="613"/>
      <c r="TWV652" s="613"/>
      <c r="TWW652" s="613"/>
      <c r="TWX652" s="613"/>
      <c r="TWY652" s="613"/>
      <c r="TWZ652" s="613"/>
      <c r="TXA652" s="613"/>
      <c r="TXB652" s="613"/>
      <c r="TXC652" s="613"/>
      <c r="TXD652" s="613"/>
      <c r="TXE652" s="613"/>
      <c r="TXF652" s="613"/>
      <c r="TXG652" s="613"/>
      <c r="TXH652" s="613"/>
      <c r="TXI652" s="613"/>
      <c r="TXJ652" s="613"/>
      <c r="TXK652" s="613"/>
      <c r="TXL652" s="613"/>
      <c r="TXM652" s="613"/>
      <c r="TXN652" s="613"/>
      <c r="TXO652" s="613"/>
      <c r="TXP652" s="613"/>
      <c r="TXQ652" s="613"/>
      <c r="TXR652" s="613"/>
      <c r="TXS652" s="613"/>
      <c r="TXT652" s="613"/>
      <c r="TXU652" s="613"/>
      <c r="TXV652" s="613"/>
      <c r="TXW652" s="613"/>
      <c r="TXX652" s="613"/>
      <c r="TXY652" s="613"/>
      <c r="TXZ652" s="613"/>
      <c r="TYA652" s="613"/>
      <c r="TYB652" s="613"/>
      <c r="TYC652" s="613"/>
      <c r="TYD652" s="613"/>
      <c r="TYE652" s="613"/>
      <c r="TYF652" s="613"/>
      <c r="TYG652" s="613"/>
      <c r="TYH652" s="613"/>
      <c r="TYI652" s="613"/>
      <c r="TYJ652" s="613"/>
      <c r="TYK652" s="613"/>
      <c r="TYL652" s="613"/>
      <c r="TYM652" s="613"/>
      <c r="TYN652" s="613"/>
      <c r="TYO652" s="613"/>
      <c r="TYP652" s="613"/>
      <c r="TYQ652" s="613"/>
      <c r="TYR652" s="613"/>
      <c r="TYS652" s="613"/>
      <c r="TYT652" s="613"/>
      <c r="TYU652" s="613"/>
      <c r="TYV652" s="613"/>
      <c r="TYW652" s="613"/>
      <c r="TYX652" s="613"/>
      <c r="TYY652" s="613"/>
      <c r="TYZ652" s="613"/>
      <c r="TZA652" s="613"/>
      <c r="TZB652" s="613"/>
      <c r="TZC652" s="613"/>
      <c r="TZD652" s="613"/>
      <c r="TZE652" s="613"/>
      <c r="TZF652" s="613"/>
      <c r="TZG652" s="613"/>
      <c r="TZH652" s="613"/>
      <c r="TZI652" s="613"/>
      <c r="TZJ652" s="613"/>
      <c r="TZK652" s="613"/>
      <c r="TZL652" s="613"/>
      <c r="TZM652" s="613"/>
      <c r="TZN652" s="613"/>
      <c r="TZO652" s="613"/>
      <c r="TZP652" s="613"/>
      <c r="TZQ652" s="613"/>
      <c r="TZR652" s="613"/>
      <c r="TZS652" s="613"/>
      <c r="TZT652" s="613"/>
      <c r="TZU652" s="613"/>
      <c r="TZV652" s="613"/>
      <c r="TZW652" s="613"/>
      <c r="TZX652" s="613"/>
      <c r="TZY652" s="613"/>
      <c r="TZZ652" s="613"/>
      <c r="UAA652" s="613"/>
      <c r="UAB652" s="613"/>
      <c r="UAC652" s="613"/>
      <c r="UAD652" s="613"/>
      <c r="UAE652" s="613"/>
      <c r="UAF652" s="613"/>
      <c r="UAG652" s="613"/>
      <c r="UAH652" s="613"/>
      <c r="UAI652" s="613"/>
      <c r="UAJ652" s="613"/>
      <c r="UAK652" s="613"/>
      <c r="UAL652" s="613"/>
      <c r="UAM652" s="613"/>
      <c r="UAN652" s="613"/>
      <c r="UAO652" s="613"/>
      <c r="UAP652" s="613"/>
      <c r="UAQ652" s="613"/>
      <c r="UAR652" s="613"/>
      <c r="UAS652" s="613"/>
      <c r="UAT652" s="613"/>
      <c r="UAU652" s="613"/>
      <c r="UAV652" s="613"/>
      <c r="UAW652" s="613"/>
      <c r="UAX652" s="613"/>
      <c r="UAY652" s="613"/>
      <c r="UAZ652" s="613"/>
      <c r="UBA652" s="613"/>
      <c r="UBB652" s="613"/>
      <c r="UBC652" s="613"/>
      <c r="UBD652" s="613"/>
      <c r="UBE652" s="613"/>
      <c r="UBF652" s="613"/>
      <c r="UBG652" s="613"/>
      <c r="UBH652" s="613"/>
      <c r="UBI652" s="613"/>
      <c r="UBJ652" s="613"/>
      <c r="UBK652" s="613"/>
      <c r="UBL652" s="613"/>
      <c r="UBM652" s="613"/>
      <c r="UBN652" s="613"/>
      <c r="UBO652" s="613"/>
      <c r="UBP652" s="613"/>
      <c r="UBQ652" s="613"/>
      <c r="UBR652" s="613"/>
      <c r="UBS652" s="613"/>
      <c r="UBT652" s="613"/>
      <c r="UBU652" s="613"/>
      <c r="UBV652" s="613"/>
      <c r="UBW652" s="613"/>
      <c r="UBX652" s="613"/>
      <c r="UBY652" s="613"/>
      <c r="UBZ652" s="613"/>
      <c r="UCA652" s="613"/>
      <c r="UCB652" s="613"/>
      <c r="UCC652" s="613"/>
      <c r="UCD652" s="613"/>
      <c r="UCE652" s="613"/>
      <c r="UCF652" s="613"/>
      <c r="UCG652" s="613"/>
      <c r="UCH652" s="613"/>
      <c r="UCI652" s="613"/>
      <c r="UCJ652" s="613"/>
      <c r="UCK652" s="613"/>
      <c r="UCL652" s="613"/>
      <c r="UCM652" s="613"/>
      <c r="UCN652" s="613"/>
      <c r="UCO652" s="613"/>
      <c r="UCP652" s="613"/>
      <c r="UCQ652" s="613"/>
      <c r="UCR652" s="613"/>
      <c r="UCS652" s="613"/>
      <c r="UCT652" s="613"/>
      <c r="UCU652" s="613"/>
      <c r="UCV652" s="613"/>
      <c r="UCW652" s="613"/>
      <c r="UCX652" s="613"/>
      <c r="UCY652" s="613"/>
      <c r="UCZ652" s="613"/>
      <c r="UDA652" s="613"/>
      <c r="UDB652" s="613"/>
      <c r="UDC652" s="613"/>
      <c r="UDD652" s="613"/>
      <c r="UDE652" s="613"/>
      <c r="UDF652" s="613"/>
      <c r="UDG652" s="613"/>
      <c r="UDH652" s="613"/>
      <c r="UDI652" s="613"/>
      <c r="UDJ652" s="613"/>
      <c r="UDK652" s="613"/>
      <c r="UDL652" s="613"/>
      <c r="UDM652" s="613"/>
      <c r="UDN652" s="613"/>
      <c r="UDO652" s="613"/>
      <c r="UDP652" s="613"/>
      <c r="UDQ652" s="613"/>
      <c r="UDR652" s="613"/>
      <c r="UDS652" s="613"/>
      <c r="UDT652" s="613"/>
      <c r="UDU652" s="613"/>
      <c r="UDV652" s="613"/>
      <c r="UDW652" s="613"/>
      <c r="UDX652" s="613"/>
      <c r="UDY652" s="613"/>
      <c r="UDZ652" s="613"/>
      <c r="UEA652" s="613"/>
      <c r="UEB652" s="613"/>
      <c r="UEC652" s="613"/>
      <c r="UED652" s="613"/>
      <c r="UEE652" s="613"/>
      <c r="UEF652" s="613"/>
      <c r="UEG652" s="613"/>
      <c r="UEH652" s="613"/>
      <c r="UEI652" s="613"/>
      <c r="UEJ652" s="613"/>
      <c r="UEK652" s="613"/>
      <c r="UEL652" s="613"/>
      <c r="UEM652" s="613"/>
      <c r="UEN652" s="613"/>
      <c r="UEO652" s="613"/>
      <c r="UEP652" s="613"/>
      <c r="UEQ652" s="613"/>
      <c r="UER652" s="613"/>
      <c r="UES652" s="613"/>
      <c r="UET652" s="613"/>
      <c r="UEU652" s="613"/>
      <c r="UEV652" s="613"/>
      <c r="UEW652" s="613"/>
      <c r="UEX652" s="613"/>
      <c r="UEY652" s="613"/>
      <c r="UEZ652" s="613"/>
      <c r="UFA652" s="613"/>
      <c r="UFB652" s="613"/>
      <c r="UFC652" s="613"/>
      <c r="UFD652" s="613"/>
      <c r="UFE652" s="613"/>
      <c r="UFF652" s="613"/>
      <c r="UFG652" s="613"/>
      <c r="UFH652" s="613"/>
      <c r="UFI652" s="613"/>
      <c r="UFJ652" s="613"/>
      <c r="UFK652" s="613"/>
      <c r="UFL652" s="613"/>
      <c r="UFM652" s="613"/>
      <c r="UFN652" s="613"/>
      <c r="UFO652" s="613"/>
      <c r="UFP652" s="613"/>
      <c r="UFQ652" s="613"/>
      <c r="UFR652" s="613"/>
      <c r="UFS652" s="613"/>
      <c r="UFT652" s="613"/>
      <c r="UFU652" s="613"/>
      <c r="UFV652" s="613"/>
      <c r="UFW652" s="613"/>
      <c r="UFX652" s="613"/>
      <c r="UFY652" s="613"/>
      <c r="UFZ652" s="613"/>
      <c r="UGA652" s="613"/>
      <c r="UGB652" s="613"/>
      <c r="UGC652" s="613"/>
      <c r="UGD652" s="613"/>
      <c r="UGE652" s="613"/>
      <c r="UGF652" s="613"/>
      <c r="UGG652" s="613"/>
      <c r="UGH652" s="613"/>
      <c r="UGI652" s="613"/>
      <c r="UGJ652" s="613"/>
      <c r="UGK652" s="613"/>
      <c r="UGL652" s="613"/>
      <c r="UGM652" s="613"/>
      <c r="UGN652" s="613"/>
      <c r="UGO652" s="613"/>
      <c r="UGP652" s="613"/>
      <c r="UGQ652" s="613"/>
      <c r="UGR652" s="613"/>
      <c r="UGS652" s="613"/>
      <c r="UGT652" s="613"/>
      <c r="UGU652" s="613"/>
      <c r="UGV652" s="613"/>
      <c r="UGW652" s="613"/>
      <c r="UGX652" s="613"/>
      <c r="UGY652" s="613"/>
      <c r="UGZ652" s="613"/>
      <c r="UHA652" s="613"/>
      <c r="UHB652" s="613"/>
      <c r="UHC652" s="613"/>
      <c r="UHD652" s="613"/>
      <c r="UHE652" s="613"/>
      <c r="UHF652" s="613"/>
      <c r="UHG652" s="613"/>
      <c r="UHH652" s="613"/>
      <c r="UHI652" s="613"/>
      <c r="UHJ652" s="613"/>
      <c r="UHK652" s="613"/>
      <c r="UHL652" s="613"/>
      <c r="UHM652" s="613"/>
      <c r="UHN652" s="613"/>
      <c r="UHO652" s="613"/>
      <c r="UHP652" s="613"/>
      <c r="UHQ652" s="613"/>
      <c r="UHR652" s="613"/>
      <c r="UHS652" s="613"/>
      <c r="UHT652" s="613"/>
      <c r="UHU652" s="613"/>
      <c r="UHV652" s="613"/>
      <c r="UHW652" s="613"/>
      <c r="UHX652" s="613"/>
      <c r="UHY652" s="613"/>
      <c r="UHZ652" s="613"/>
      <c r="UIA652" s="613"/>
      <c r="UIB652" s="613"/>
      <c r="UIC652" s="613"/>
      <c r="UID652" s="613"/>
      <c r="UIE652" s="613"/>
      <c r="UIF652" s="613"/>
      <c r="UIG652" s="613"/>
      <c r="UIH652" s="613"/>
      <c r="UII652" s="613"/>
      <c r="UIJ652" s="613"/>
      <c r="UIK652" s="613"/>
      <c r="UIL652" s="613"/>
      <c r="UIM652" s="613"/>
      <c r="UIN652" s="613"/>
      <c r="UIO652" s="613"/>
      <c r="UIP652" s="613"/>
      <c r="UIQ652" s="613"/>
      <c r="UIR652" s="613"/>
      <c r="UIS652" s="613"/>
      <c r="UIT652" s="613"/>
      <c r="UIU652" s="613"/>
      <c r="UIV652" s="613"/>
      <c r="UIW652" s="613"/>
      <c r="UIX652" s="613"/>
      <c r="UIY652" s="613"/>
      <c r="UIZ652" s="613"/>
      <c r="UJA652" s="613"/>
      <c r="UJB652" s="613"/>
      <c r="UJC652" s="613"/>
      <c r="UJD652" s="613"/>
      <c r="UJE652" s="613"/>
      <c r="UJF652" s="613"/>
      <c r="UJG652" s="613"/>
      <c r="UJH652" s="613"/>
      <c r="UJI652" s="613"/>
      <c r="UJJ652" s="613"/>
      <c r="UJK652" s="613"/>
      <c r="UJL652" s="613"/>
      <c r="UJM652" s="613"/>
      <c r="UJN652" s="613"/>
      <c r="UJO652" s="613"/>
      <c r="UJP652" s="613"/>
      <c r="UJQ652" s="613"/>
      <c r="UJR652" s="613"/>
      <c r="UJS652" s="613"/>
      <c r="UJT652" s="613"/>
      <c r="UJU652" s="613"/>
      <c r="UJV652" s="613"/>
      <c r="UJW652" s="613"/>
      <c r="UJX652" s="613"/>
      <c r="UJY652" s="613"/>
      <c r="UJZ652" s="613"/>
      <c r="UKA652" s="613"/>
      <c r="UKB652" s="613"/>
      <c r="UKC652" s="613"/>
      <c r="UKD652" s="613"/>
      <c r="UKE652" s="613"/>
      <c r="UKF652" s="613"/>
      <c r="UKG652" s="613"/>
      <c r="UKH652" s="613"/>
      <c r="UKI652" s="613"/>
      <c r="UKJ652" s="613"/>
      <c r="UKK652" s="613"/>
      <c r="UKL652" s="613"/>
      <c r="UKM652" s="613"/>
      <c r="UKN652" s="613"/>
      <c r="UKO652" s="613"/>
      <c r="UKP652" s="613"/>
      <c r="UKQ652" s="613"/>
      <c r="UKR652" s="613"/>
      <c r="UKS652" s="613"/>
      <c r="UKT652" s="613"/>
      <c r="UKU652" s="613"/>
      <c r="UKV652" s="613"/>
      <c r="UKW652" s="613"/>
      <c r="UKX652" s="613"/>
      <c r="UKY652" s="613"/>
      <c r="UKZ652" s="613"/>
      <c r="ULA652" s="613"/>
      <c r="ULB652" s="613"/>
      <c r="ULC652" s="613"/>
      <c r="ULD652" s="613"/>
      <c r="ULE652" s="613"/>
      <c r="ULF652" s="613"/>
      <c r="ULG652" s="613"/>
      <c r="ULH652" s="613"/>
      <c r="ULI652" s="613"/>
      <c r="ULJ652" s="613"/>
      <c r="ULK652" s="613"/>
      <c r="ULL652" s="613"/>
      <c r="ULM652" s="613"/>
      <c r="ULN652" s="613"/>
      <c r="ULO652" s="613"/>
      <c r="ULP652" s="613"/>
      <c r="ULQ652" s="613"/>
      <c r="ULR652" s="613"/>
      <c r="ULS652" s="613"/>
      <c r="ULT652" s="613"/>
      <c r="ULU652" s="613"/>
      <c r="ULV652" s="613"/>
      <c r="ULW652" s="613"/>
      <c r="ULX652" s="613"/>
      <c r="ULY652" s="613"/>
      <c r="ULZ652" s="613"/>
      <c r="UMA652" s="613"/>
      <c r="UMB652" s="613"/>
      <c r="UMC652" s="613"/>
      <c r="UMD652" s="613"/>
      <c r="UME652" s="613"/>
      <c r="UMF652" s="613"/>
      <c r="UMG652" s="613"/>
      <c r="UMH652" s="613"/>
      <c r="UMI652" s="613"/>
      <c r="UMJ652" s="613"/>
      <c r="UMK652" s="613"/>
      <c r="UML652" s="613"/>
      <c r="UMM652" s="613"/>
      <c r="UMN652" s="613"/>
      <c r="UMO652" s="613"/>
      <c r="UMP652" s="613"/>
      <c r="UMQ652" s="613"/>
      <c r="UMR652" s="613"/>
      <c r="UMS652" s="613"/>
      <c r="UMT652" s="613"/>
      <c r="UMU652" s="613"/>
      <c r="UMV652" s="613"/>
      <c r="UMW652" s="613"/>
      <c r="UMX652" s="613"/>
      <c r="UMY652" s="613"/>
      <c r="UMZ652" s="613"/>
      <c r="UNA652" s="613"/>
      <c r="UNB652" s="613"/>
      <c r="UNC652" s="613"/>
      <c r="UND652" s="613"/>
      <c r="UNE652" s="613"/>
      <c r="UNF652" s="613"/>
      <c r="UNG652" s="613"/>
      <c r="UNH652" s="613"/>
      <c r="UNI652" s="613"/>
      <c r="UNJ652" s="613"/>
      <c r="UNK652" s="613"/>
      <c r="UNL652" s="613"/>
      <c r="UNM652" s="613"/>
      <c r="UNN652" s="613"/>
      <c r="UNO652" s="613"/>
      <c r="UNP652" s="613"/>
      <c r="UNQ652" s="613"/>
      <c r="UNR652" s="613"/>
      <c r="UNS652" s="613"/>
      <c r="UNT652" s="613"/>
      <c r="UNU652" s="613"/>
      <c r="UNV652" s="613"/>
      <c r="UNW652" s="613"/>
      <c r="UNX652" s="613"/>
      <c r="UNY652" s="613"/>
      <c r="UNZ652" s="613"/>
      <c r="UOA652" s="613"/>
      <c r="UOB652" s="613"/>
      <c r="UOC652" s="613"/>
      <c r="UOD652" s="613"/>
      <c r="UOE652" s="613"/>
      <c r="UOF652" s="613"/>
      <c r="UOG652" s="613"/>
      <c r="UOH652" s="613"/>
      <c r="UOI652" s="613"/>
      <c r="UOJ652" s="613"/>
      <c r="UOK652" s="613"/>
      <c r="UOL652" s="613"/>
      <c r="UOM652" s="613"/>
      <c r="UON652" s="613"/>
      <c r="UOO652" s="613"/>
      <c r="UOP652" s="613"/>
      <c r="UOQ652" s="613"/>
      <c r="UOR652" s="613"/>
      <c r="UOS652" s="613"/>
      <c r="UOT652" s="613"/>
      <c r="UOU652" s="613"/>
      <c r="UOV652" s="613"/>
      <c r="UOW652" s="613"/>
      <c r="UOX652" s="613"/>
      <c r="UOY652" s="613"/>
      <c r="UOZ652" s="613"/>
      <c r="UPA652" s="613"/>
      <c r="UPB652" s="613"/>
      <c r="UPC652" s="613"/>
      <c r="UPD652" s="613"/>
      <c r="UPE652" s="613"/>
      <c r="UPF652" s="613"/>
      <c r="UPG652" s="613"/>
      <c r="UPH652" s="613"/>
      <c r="UPI652" s="613"/>
      <c r="UPJ652" s="613"/>
      <c r="UPK652" s="613"/>
      <c r="UPL652" s="613"/>
      <c r="UPM652" s="613"/>
      <c r="UPN652" s="613"/>
      <c r="UPO652" s="613"/>
      <c r="UPP652" s="613"/>
      <c r="UPQ652" s="613"/>
      <c r="UPR652" s="613"/>
      <c r="UPS652" s="613"/>
      <c r="UPT652" s="613"/>
      <c r="UPU652" s="613"/>
      <c r="UPV652" s="613"/>
      <c r="UPW652" s="613"/>
      <c r="UPX652" s="613"/>
      <c r="UPY652" s="613"/>
      <c r="UPZ652" s="613"/>
      <c r="UQA652" s="613"/>
      <c r="UQB652" s="613"/>
      <c r="UQC652" s="613"/>
      <c r="UQD652" s="613"/>
      <c r="UQE652" s="613"/>
      <c r="UQF652" s="613"/>
      <c r="UQG652" s="613"/>
      <c r="UQH652" s="613"/>
      <c r="UQI652" s="613"/>
      <c r="UQJ652" s="613"/>
      <c r="UQK652" s="613"/>
      <c r="UQL652" s="613"/>
      <c r="UQM652" s="613"/>
      <c r="UQN652" s="613"/>
      <c r="UQO652" s="613"/>
      <c r="UQP652" s="613"/>
      <c r="UQQ652" s="613"/>
      <c r="UQR652" s="613"/>
      <c r="UQS652" s="613"/>
      <c r="UQT652" s="613"/>
      <c r="UQU652" s="613"/>
      <c r="UQV652" s="613"/>
      <c r="UQW652" s="613"/>
      <c r="UQX652" s="613"/>
      <c r="UQY652" s="613"/>
      <c r="UQZ652" s="613"/>
      <c r="URA652" s="613"/>
      <c r="URB652" s="613"/>
      <c r="URC652" s="613"/>
      <c r="URD652" s="613"/>
      <c r="URE652" s="613"/>
      <c r="URF652" s="613"/>
      <c r="URG652" s="613"/>
      <c r="URH652" s="613"/>
      <c r="URI652" s="613"/>
      <c r="URJ652" s="613"/>
      <c r="URK652" s="613"/>
      <c r="URL652" s="613"/>
      <c r="URM652" s="613"/>
      <c r="URN652" s="613"/>
      <c r="URO652" s="613"/>
      <c r="URP652" s="613"/>
      <c r="URQ652" s="613"/>
      <c r="URR652" s="613"/>
      <c r="URS652" s="613"/>
      <c r="URT652" s="613"/>
      <c r="URU652" s="613"/>
      <c r="URV652" s="613"/>
      <c r="URW652" s="613"/>
      <c r="URX652" s="613"/>
      <c r="URY652" s="613"/>
      <c r="URZ652" s="613"/>
      <c r="USA652" s="613"/>
      <c r="USB652" s="613"/>
      <c r="USC652" s="613"/>
      <c r="USD652" s="613"/>
      <c r="USE652" s="613"/>
      <c r="USF652" s="613"/>
      <c r="USG652" s="613"/>
      <c r="USH652" s="613"/>
      <c r="USI652" s="613"/>
      <c r="USJ652" s="613"/>
      <c r="USK652" s="613"/>
      <c r="USL652" s="613"/>
      <c r="USM652" s="613"/>
      <c r="USN652" s="613"/>
      <c r="USO652" s="613"/>
      <c r="USP652" s="613"/>
      <c r="USQ652" s="613"/>
      <c r="USR652" s="613"/>
      <c r="USS652" s="613"/>
      <c r="UST652" s="613"/>
      <c r="USU652" s="613"/>
      <c r="USV652" s="613"/>
      <c r="USW652" s="613"/>
      <c r="USX652" s="613"/>
      <c r="USY652" s="613"/>
      <c r="USZ652" s="613"/>
      <c r="UTA652" s="613"/>
      <c r="UTB652" s="613"/>
      <c r="UTC652" s="613"/>
      <c r="UTD652" s="613"/>
      <c r="UTE652" s="613"/>
      <c r="UTF652" s="613"/>
      <c r="UTG652" s="613"/>
      <c r="UTH652" s="613"/>
      <c r="UTI652" s="613"/>
      <c r="UTJ652" s="613"/>
      <c r="UTK652" s="613"/>
      <c r="UTL652" s="613"/>
      <c r="UTM652" s="613"/>
      <c r="UTN652" s="613"/>
      <c r="UTO652" s="613"/>
      <c r="UTP652" s="613"/>
      <c r="UTQ652" s="613"/>
      <c r="UTR652" s="613"/>
      <c r="UTS652" s="613"/>
      <c r="UTT652" s="613"/>
      <c r="UTU652" s="613"/>
      <c r="UTV652" s="613"/>
      <c r="UTW652" s="613"/>
      <c r="UTX652" s="613"/>
      <c r="UTY652" s="613"/>
      <c r="UTZ652" s="613"/>
      <c r="UUA652" s="613"/>
      <c r="UUB652" s="613"/>
      <c r="UUC652" s="613"/>
      <c r="UUD652" s="613"/>
      <c r="UUE652" s="613"/>
      <c r="UUF652" s="613"/>
      <c r="UUG652" s="613"/>
      <c r="UUH652" s="613"/>
      <c r="UUI652" s="613"/>
      <c r="UUJ652" s="613"/>
      <c r="UUK652" s="613"/>
      <c r="UUL652" s="613"/>
      <c r="UUM652" s="613"/>
      <c r="UUN652" s="613"/>
      <c r="UUO652" s="613"/>
      <c r="UUP652" s="613"/>
      <c r="UUQ652" s="613"/>
      <c r="UUR652" s="613"/>
      <c r="UUS652" s="613"/>
      <c r="UUT652" s="613"/>
      <c r="UUU652" s="613"/>
      <c r="UUV652" s="613"/>
      <c r="UUW652" s="613"/>
      <c r="UUX652" s="613"/>
      <c r="UUY652" s="613"/>
      <c r="UUZ652" s="613"/>
      <c r="UVA652" s="613"/>
      <c r="UVB652" s="613"/>
      <c r="UVC652" s="613"/>
      <c r="UVD652" s="613"/>
      <c r="UVE652" s="613"/>
      <c r="UVF652" s="613"/>
      <c r="UVG652" s="613"/>
      <c r="UVH652" s="613"/>
      <c r="UVI652" s="613"/>
      <c r="UVJ652" s="613"/>
      <c r="UVK652" s="613"/>
      <c r="UVL652" s="613"/>
      <c r="UVM652" s="613"/>
      <c r="UVN652" s="613"/>
      <c r="UVO652" s="613"/>
      <c r="UVP652" s="613"/>
      <c r="UVQ652" s="613"/>
      <c r="UVR652" s="613"/>
      <c r="UVS652" s="613"/>
      <c r="UVT652" s="613"/>
      <c r="UVU652" s="613"/>
      <c r="UVV652" s="613"/>
      <c r="UVW652" s="613"/>
      <c r="UVX652" s="613"/>
      <c r="UVY652" s="613"/>
      <c r="UVZ652" s="613"/>
      <c r="UWA652" s="613"/>
      <c r="UWB652" s="613"/>
      <c r="UWC652" s="613"/>
      <c r="UWD652" s="613"/>
      <c r="UWE652" s="613"/>
      <c r="UWF652" s="613"/>
      <c r="UWG652" s="613"/>
      <c r="UWH652" s="613"/>
      <c r="UWI652" s="613"/>
      <c r="UWJ652" s="613"/>
      <c r="UWK652" s="613"/>
      <c r="UWL652" s="613"/>
      <c r="UWM652" s="613"/>
      <c r="UWN652" s="613"/>
      <c r="UWO652" s="613"/>
      <c r="UWP652" s="613"/>
      <c r="UWQ652" s="613"/>
      <c r="UWR652" s="613"/>
      <c r="UWS652" s="613"/>
      <c r="UWT652" s="613"/>
      <c r="UWU652" s="613"/>
      <c r="UWV652" s="613"/>
      <c r="UWW652" s="613"/>
      <c r="UWX652" s="613"/>
      <c r="UWY652" s="613"/>
      <c r="UWZ652" s="613"/>
      <c r="UXA652" s="613"/>
      <c r="UXB652" s="613"/>
      <c r="UXC652" s="613"/>
      <c r="UXD652" s="613"/>
      <c r="UXE652" s="613"/>
      <c r="UXF652" s="613"/>
      <c r="UXG652" s="613"/>
      <c r="UXH652" s="613"/>
      <c r="UXI652" s="613"/>
      <c r="UXJ652" s="613"/>
      <c r="UXK652" s="613"/>
      <c r="UXL652" s="613"/>
      <c r="UXM652" s="613"/>
      <c r="UXN652" s="613"/>
      <c r="UXO652" s="613"/>
      <c r="UXP652" s="613"/>
      <c r="UXQ652" s="613"/>
      <c r="UXR652" s="613"/>
      <c r="UXS652" s="613"/>
      <c r="UXT652" s="613"/>
      <c r="UXU652" s="613"/>
      <c r="UXV652" s="613"/>
      <c r="UXW652" s="613"/>
      <c r="UXX652" s="613"/>
      <c r="UXY652" s="613"/>
      <c r="UXZ652" s="613"/>
      <c r="UYA652" s="613"/>
      <c r="UYB652" s="613"/>
      <c r="UYC652" s="613"/>
      <c r="UYD652" s="613"/>
      <c r="UYE652" s="613"/>
      <c r="UYF652" s="613"/>
      <c r="UYG652" s="613"/>
      <c r="UYH652" s="613"/>
      <c r="UYI652" s="613"/>
      <c r="UYJ652" s="613"/>
      <c r="UYK652" s="613"/>
      <c r="UYL652" s="613"/>
      <c r="UYM652" s="613"/>
      <c r="UYN652" s="613"/>
      <c r="UYO652" s="613"/>
      <c r="UYP652" s="613"/>
      <c r="UYQ652" s="613"/>
      <c r="UYR652" s="613"/>
      <c r="UYS652" s="613"/>
      <c r="UYT652" s="613"/>
      <c r="UYU652" s="613"/>
      <c r="UYV652" s="613"/>
      <c r="UYW652" s="613"/>
      <c r="UYX652" s="613"/>
      <c r="UYY652" s="613"/>
      <c r="UYZ652" s="613"/>
      <c r="UZA652" s="613"/>
      <c r="UZB652" s="613"/>
      <c r="UZC652" s="613"/>
      <c r="UZD652" s="613"/>
      <c r="UZE652" s="613"/>
      <c r="UZF652" s="613"/>
      <c r="UZG652" s="613"/>
      <c r="UZH652" s="613"/>
      <c r="UZI652" s="613"/>
      <c r="UZJ652" s="613"/>
      <c r="UZK652" s="613"/>
      <c r="UZL652" s="613"/>
      <c r="UZM652" s="613"/>
      <c r="UZN652" s="613"/>
      <c r="UZO652" s="613"/>
      <c r="UZP652" s="613"/>
      <c r="UZQ652" s="613"/>
      <c r="UZR652" s="613"/>
      <c r="UZS652" s="613"/>
      <c r="UZT652" s="613"/>
      <c r="UZU652" s="613"/>
      <c r="UZV652" s="613"/>
      <c r="UZW652" s="613"/>
      <c r="UZX652" s="613"/>
      <c r="UZY652" s="613"/>
      <c r="UZZ652" s="613"/>
      <c r="VAA652" s="613"/>
      <c r="VAB652" s="613"/>
      <c r="VAC652" s="613"/>
      <c r="VAD652" s="613"/>
      <c r="VAE652" s="613"/>
      <c r="VAF652" s="613"/>
      <c r="VAG652" s="613"/>
      <c r="VAH652" s="613"/>
      <c r="VAI652" s="613"/>
      <c r="VAJ652" s="613"/>
      <c r="VAK652" s="613"/>
      <c r="VAL652" s="613"/>
      <c r="VAM652" s="613"/>
      <c r="VAN652" s="613"/>
      <c r="VAO652" s="613"/>
      <c r="VAP652" s="613"/>
      <c r="VAQ652" s="613"/>
      <c r="VAR652" s="613"/>
      <c r="VAS652" s="613"/>
      <c r="VAT652" s="613"/>
      <c r="VAU652" s="613"/>
      <c r="VAV652" s="613"/>
      <c r="VAW652" s="613"/>
      <c r="VAX652" s="613"/>
      <c r="VAY652" s="613"/>
      <c r="VAZ652" s="613"/>
      <c r="VBA652" s="613"/>
      <c r="VBB652" s="613"/>
      <c r="VBC652" s="613"/>
      <c r="VBD652" s="613"/>
      <c r="VBE652" s="613"/>
      <c r="VBF652" s="613"/>
      <c r="VBG652" s="613"/>
      <c r="VBH652" s="613"/>
      <c r="VBI652" s="613"/>
      <c r="VBJ652" s="613"/>
      <c r="VBK652" s="613"/>
      <c r="VBL652" s="613"/>
      <c r="VBM652" s="613"/>
      <c r="VBN652" s="613"/>
      <c r="VBO652" s="613"/>
      <c r="VBP652" s="613"/>
      <c r="VBQ652" s="613"/>
      <c r="VBR652" s="613"/>
      <c r="VBS652" s="613"/>
      <c r="VBT652" s="613"/>
      <c r="VBU652" s="613"/>
      <c r="VBV652" s="613"/>
      <c r="VBW652" s="613"/>
      <c r="VBX652" s="613"/>
      <c r="VBY652" s="613"/>
      <c r="VBZ652" s="613"/>
      <c r="VCA652" s="613"/>
      <c r="VCB652" s="613"/>
      <c r="VCC652" s="613"/>
      <c r="VCD652" s="613"/>
      <c r="VCE652" s="613"/>
      <c r="VCF652" s="613"/>
      <c r="VCG652" s="613"/>
      <c r="VCH652" s="613"/>
      <c r="VCI652" s="613"/>
      <c r="VCJ652" s="613"/>
      <c r="VCK652" s="613"/>
      <c r="VCL652" s="613"/>
      <c r="VCM652" s="613"/>
      <c r="VCN652" s="613"/>
      <c r="VCO652" s="613"/>
      <c r="VCP652" s="613"/>
      <c r="VCQ652" s="613"/>
      <c r="VCR652" s="613"/>
      <c r="VCS652" s="613"/>
      <c r="VCT652" s="613"/>
      <c r="VCU652" s="613"/>
      <c r="VCV652" s="613"/>
      <c r="VCW652" s="613"/>
      <c r="VCX652" s="613"/>
      <c r="VCY652" s="613"/>
      <c r="VCZ652" s="613"/>
      <c r="VDA652" s="613"/>
      <c r="VDB652" s="613"/>
      <c r="VDC652" s="613"/>
      <c r="VDD652" s="613"/>
      <c r="VDE652" s="613"/>
      <c r="VDF652" s="613"/>
      <c r="VDG652" s="613"/>
      <c r="VDH652" s="613"/>
      <c r="VDI652" s="613"/>
      <c r="VDJ652" s="613"/>
      <c r="VDK652" s="613"/>
      <c r="VDL652" s="613"/>
      <c r="VDM652" s="613"/>
      <c r="VDN652" s="613"/>
      <c r="VDO652" s="613"/>
      <c r="VDP652" s="613"/>
      <c r="VDQ652" s="613"/>
      <c r="VDR652" s="613"/>
      <c r="VDS652" s="613"/>
      <c r="VDT652" s="613"/>
      <c r="VDU652" s="613"/>
      <c r="VDV652" s="613"/>
      <c r="VDW652" s="613"/>
      <c r="VDX652" s="613"/>
      <c r="VDY652" s="613"/>
      <c r="VDZ652" s="613"/>
      <c r="VEA652" s="613"/>
      <c r="VEB652" s="613"/>
      <c r="VEC652" s="613"/>
      <c r="VED652" s="613"/>
      <c r="VEE652" s="613"/>
      <c r="VEF652" s="613"/>
      <c r="VEG652" s="613"/>
      <c r="VEH652" s="613"/>
      <c r="VEI652" s="613"/>
      <c r="VEJ652" s="613"/>
      <c r="VEK652" s="613"/>
      <c r="VEL652" s="613"/>
      <c r="VEM652" s="613"/>
      <c r="VEN652" s="613"/>
      <c r="VEO652" s="613"/>
      <c r="VEP652" s="613"/>
      <c r="VEQ652" s="613"/>
      <c r="VER652" s="613"/>
      <c r="VES652" s="613"/>
      <c r="VET652" s="613"/>
      <c r="VEU652" s="613"/>
      <c r="VEV652" s="613"/>
      <c r="VEW652" s="613"/>
      <c r="VEX652" s="613"/>
      <c r="VEY652" s="613"/>
      <c r="VEZ652" s="613"/>
      <c r="VFA652" s="613"/>
      <c r="VFB652" s="613"/>
      <c r="VFC652" s="613"/>
      <c r="VFD652" s="613"/>
      <c r="VFE652" s="613"/>
      <c r="VFF652" s="613"/>
      <c r="VFG652" s="613"/>
      <c r="VFH652" s="613"/>
      <c r="VFI652" s="613"/>
      <c r="VFJ652" s="613"/>
      <c r="VFK652" s="613"/>
      <c r="VFL652" s="613"/>
      <c r="VFM652" s="613"/>
      <c r="VFN652" s="613"/>
      <c r="VFO652" s="613"/>
      <c r="VFP652" s="613"/>
      <c r="VFQ652" s="613"/>
      <c r="VFR652" s="613"/>
      <c r="VFS652" s="613"/>
      <c r="VFT652" s="613"/>
      <c r="VFU652" s="613"/>
      <c r="VFV652" s="613"/>
      <c r="VFW652" s="613"/>
      <c r="VFX652" s="613"/>
      <c r="VFY652" s="613"/>
      <c r="VFZ652" s="613"/>
      <c r="VGA652" s="613"/>
      <c r="VGB652" s="613"/>
      <c r="VGC652" s="613"/>
      <c r="VGD652" s="613"/>
      <c r="VGE652" s="613"/>
      <c r="VGF652" s="613"/>
      <c r="VGG652" s="613"/>
      <c r="VGH652" s="613"/>
      <c r="VGI652" s="613"/>
      <c r="VGJ652" s="613"/>
      <c r="VGK652" s="613"/>
      <c r="VGL652" s="613"/>
      <c r="VGM652" s="613"/>
      <c r="VGN652" s="613"/>
      <c r="VGO652" s="613"/>
      <c r="VGP652" s="613"/>
      <c r="VGQ652" s="613"/>
      <c r="VGR652" s="613"/>
      <c r="VGS652" s="613"/>
      <c r="VGT652" s="613"/>
      <c r="VGU652" s="613"/>
      <c r="VGV652" s="613"/>
      <c r="VGW652" s="613"/>
      <c r="VGX652" s="613"/>
      <c r="VGY652" s="613"/>
      <c r="VGZ652" s="613"/>
      <c r="VHA652" s="613"/>
      <c r="VHB652" s="613"/>
      <c r="VHC652" s="613"/>
      <c r="VHD652" s="613"/>
      <c r="VHE652" s="613"/>
      <c r="VHF652" s="613"/>
      <c r="VHG652" s="613"/>
      <c r="VHH652" s="613"/>
      <c r="VHI652" s="613"/>
      <c r="VHJ652" s="613"/>
      <c r="VHK652" s="613"/>
      <c r="VHL652" s="613"/>
      <c r="VHM652" s="613"/>
      <c r="VHN652" s="613"/>
      <c r="VHO652" s="613"/>
      <c r="VHP652" s="613"/>
      <c r="VHQ652" s="613"/>
      <c r="VHR652" s="613"/>
      <c r="VHS652" s="613"/>
      <c r="VHT652" s="613"/>
      <c r="VHU652" s="613"/>
      <c r="VHV652" s="613"/>
      <c r="VHW652" s="613"/>
      <c r="VHX652" s="613"/>
      <c r="VHY652" s="613"/>
      <c r="VHZ652" s="613"/>
      <c r="VIA652" s="613"/>
      <c r="VIB652" s="613"/>
      <c r="VIC652" s="613"/>
      <c r="VID652" s="613"/>
      <c r="VIE652" s="613"/>
      <c r="VIF652" s="613"/>
      <c r="VIG652" s="613"/>
      <c r="VIH652" s="613"/>
      <c r="VII652" s="613"/>
      <c r="VIJ652" s="613"/>
      <c r="VIK652" s="613"/>
      <c r="VIL652" s="613"/>
      <c r="VIM652" s="613"/>
      <c r="VIN652" s="613"/>
      <c r="VIO652" s="613"/>
      <c r="VIP652" s="613"/>
      <c r="VIQ652" s="613"/>
      <c r="VIR652" s="613"/>
      <c r="VIS652" s="613"/>
      <c r="VIT652" s="613"/>
      <c r="VIU652" s="613"/>
      <c r="VIV652" s="613"/>
      <c r="VIW652" s="613"/>
      <c r="VIX652" s="613"/>
      <c r="VIY652" s="613"/>
      <c r="VIZ652" s="613"/>
      <c r="VJA652" s="613"/>
      <c r="VJB652" s="613"/>
      <c r="VJC652" s="613"/>
      <c r="VJD652" s="613"/>
      <c r="VJE652" s="613"/>
      <c r="VJF652" s="613"/>
      <c r="VJG652" s="613"/>
      <c r="VJH652" s="613"/>
      <c r="VJI652" s="613"/>
      <c r="VJJ652" s="613"/>
      <c r="VJK652" s="613"/>
      <c r="VJL652" s="613"/>
      <c r="VJM652" s="613"/>
      <c r="VJN652" s="613"/>
      <c r="VJO652" s="613"/>
      <c r="VJP652" s="613"/>
      <c r="VJQ652" s="613"/>
      <c r="VJR652" s="613"/>
      <c r="VJS652" s="613"/>
      <c r="VJT652" s="613"/>
      <c r="VJU652" s="613"/>
      <c r="VJV652" s="613"/>
      <c r="VJW652" s="613"/>
      <c r="VJX652" s="613"/>
      <c r="VJY652" s="613"/>
      <c r="VJZ652" s="613"/>
      <c r="VKA652" s="613"/>
      <c r="VKB652" s="613"/>
      <c r="VKC652" s="613"/>
      <c r="VKD652" s="613"/>
      <c r="VKE652" s="613"/>
      <c r="VKF652" s="613"/>
      <c r="VKG652" s="613"/>
      <c r="VKH652" s="613"/>
      <c r="VKI652" s="613"/>
      <c r="VKJ652" s="613"/>
      <c r="VKK652" s="613"/>
      <c r="VKL652" s="613"/>
      <c r="VKM652" s="613"/>
      <c r="VKN652" s="613"/>
      <c r="VKO652" s="613"/>
      <c r="VKP652" s="613"/>
      <c r="VKQ652" s="613"/>
      <c r="VKR652" s="613"/>
      <c r="VKS652" s="613"/>
      <c r="VKT652" s="613"/>
      <c r="VKU652" s="613"/>
      <c r="VKV652" s="613"/>
      <c r="VKW652" s="613"/>
      <c r="VKX652" s="613"/>
      <c r="VKY652" s="613"/>
      <c r="VKZ652" s="613"/>
      <c r="VLA652" s="613"/>
      <c r="VLB652" s="613"/>
      <c r="VLC652" s="613"/>
      <c r="VLD652" s="613"/>
      <c r="VLE652" s="613"/>
      <c r="VLF652" s="613"/>
      <c r="VLG652" s="613"/>
      <c r="VLH652" s="613"/>
      <c r="VLI652" s="613"/>
      <c r="VLJ652" s="613"/>
      <c r="VLK652" s="613"/>
      <c r="VLL652" s="613"/>
      <c r="VLM652" s="613"/>
      <c r="VLN652" s="613"/>
      <c r="VLO652" s="613"/>
      <c r="VLP652" s="613"/>
      <c r="VLQ652" s="613"/>
      <c r="VLR652" s="613"/>
      <c r="VLS652" s="613"/>
      <c r="VLT652" s="613"/>
      <c r="VLU652" s="613"/>
      <c r="VLV652" s="613"/>
      <c r="VLW652" s="613"/>
      <c r="VLX652" s="613"/>
      <c r="VLY652" s="613"/>
      <c r="VLZ652" s="613"/>
      <c r="VMA652" s="613"/>
      <c r="VMB652" s="613"/>
      <c r="VMC652" s="613"/>
      <c r="VMD652" s="613"/>
      <c r="VME652" s="613"/>
      <c r="VMF652" s="613"/>
      <c r="VMG652" s="613"/>
      <c r="VMH652" s="613"/>
      <c r="VMI652" s="613"/>
      <c r="VMJ652" s="613"/>
      <c r="VMK652" s="613"/>
      <c r="VML652" s="613"/>
      <c r="VMM652" s="613"/>
      <c r="VMN652" s="613"/>
      <c r="VMO652" s="613"/>
      <c r="VMP652" s="613"/>
      <c r="VMQ652" s="613"/>
      <c r="VMR652" s="613"/>
      <c r="VMS652" s="613"/>
      <c r="VMT652" s="613"/>
      <c r="VMU652" s="613"/>
      <c r="VMV652" s="613"/>
      <c r="VMW652" s="613"/>
      <c r="VMX652" s="613"/>
      <c r="VMY652" s="613"/>
      <c r="VMZ652" s="613"/>
      <c r="VNA652" s="613"/>
      <c r="VNB652" s="613"/>
      <c r="VNC652" s="613"/>
      <c r="VND652" s="613"/>
      <c r="VNE652" s="613"/>
      <c r="VNF652" s="613"/>
      <c r="VNG652" s="613"/>
      <c r="VNH652" s="613"/>
      <c r="VNI652" s="613"/>
      <c r="VNJ652" s="613"/>
      <c r="VNK652" s="613"/>
      <c r="VNL652" s="613"/>
      <c r="VNM652" s="613"/>
      <c r="VNN652" s="613"/>
      <c r="VNO652" s="613"/>
      <c r="VNP652" s="613"/>
      <c r="VNQ652" s="613"/>
      <c r="VNR652" s="613"/>
      <c r="VNS652" s="613"/>
      <c r="VNT652" s="613"/>
      <c r="VNU652" s="613"/>
      <c r="VNV652" s="613"/>
      <c r="VNW652" s="613"/>
      <c r="VNX652" s="613"/>
      <c r="VNY652" s="613"/>
      <c r="VNZ652" s="613"/>
      <c r="VOA652" s="613"/>
      <c r="VOB652" s="613"/>
      <c r="VOC652" s="613"/>
      <c r="VOD652" s="613"/>
      <c r="VOE652" s="613"/>
      <c r="VOF652" s="613"/>
      <c r="VOG652" s="613"/>
      <c r="VOH652" s="613"/>
      <c r="VOI652" s="613"/>
      <c r="VOJ652" s="613"/>
      <c r="VOK652" s="613"/>
      <c r="VOL652" s="613"/>
      <c r="VOM652" s="613"/>
      <c r="VON652" s="613"/>
      <c r="VOO652" s="613"/>
      <c r="VOP652" s="613"/>
      <c r="VOQ652" s="613"/>
      <c r="VOR652" s="613"/>
      <c r="VOS652" s="613"/>
      <c r="VOT652" s="613"/>
      <c r="VOU652" s="613"/>
      <c r="VOV652" s="613"/>
      <c r="VOW652" s="613"/>
      <c r="VOX652" s="613"/>
      <c r="VOY652" s="613"/>
      <c r="VOZ652" s="613"/>
      <c r="VPA652" s="613"/>
      <c r="VPB652" s="613"/>
      <c r="VPC652" s="613"/>
      <c r="VPD652" s="613"/>
      <c r="VPE652" s="613"/>
      <c r="VPF652" s="613"/>
      <c r="VPG652" s="613"/>
      <c r="VPH652" s="613"/>
      <c r="VPI652" s="613"/>
      <c r="VPJ652" s="613"/>
      <c r="VPK652" s="613"/>
      <c r="VPL652" s="613"/>
      <c r="VPM652" s="613"/>
      <c r="VPN652" s="613"/>
      <c r="VPO652" s="613"/>
      <c r="VPP652" s="613"/>
      <c r="VPQ652" s="613"/>
      <c r="VPR652" s="613"/>
      <c r="VPS652" s="613"/>
      <c r="VPT652" s="613"/>
      <c r="VPU652" s="613"/>
      <c r="VPV652" s="613"/>
      <c r="VPW652" s="613"/>
      <c r="VPX652" s="613"/>
      <c r="VPY652" s="613"/>
      <c r="VPZ652" s="613"/>
      <c r="VQA652" s="613"/>
      <c r="VQB652" s="613"/>
      <c r="VQC652" s="613"/>
      <c r="VQD652" s="613"/>
      <c r="VQE652" s="613"/>
      <c r="VQF652" s="613"/>
      <c r="VQG652" s="613"/>
      <c r="VQH652" s="613"/>
      <c r="VQI652" s="613"/>
      <c r="VQJ652" s="613"/>
      <c r="VQK652" s="613"/>
      <c r="VQL652" s="613"/>
      <c r="VQM652" s="613"/>
      <c r="VQN652" s="613"/>
      <c r="VQO652" s="613"/>
      <c r="VQP652" s="613"/>
      <c r="VQQ652" s="613"/>
      <c r="VQR652" s="613"/>
      <c r="VQS652" s="613"/>
      <c r="VQT652" s="613"/>
      <c r="VQU652" s="613"/>
      <c r="VQV652" s="613"/>
      <c r="VQW652" s="613"/>
      <c r="VQX652" s="613"/>
      <c r="VQY652" s="613"/>
      <c r="VQZ652" s="613"/>
      <c r="VRA652" s="613"/>
      <c r="VRB652" s="613"/>
      <c r="VRC652" s="613"/>
      <c r="VRD652" s="613"/>
      <c r="VRE652" s="613"/>
      <c r="VRF652" s="613"/>
      <c r="VRG652" s="613"/>
      <c r="VRH652" s="613"/>
      <c r="VRI652" s="613"/>
      <c r="VRJ652" s="613"/>
      <c r="VRK652" s="613"/>
      <c r="VRL652" s="613"/>
      <c r="VRM652" s="613"/>
      <c r="VRN652" s="613"/>
      <c r="VRO652" s="613"/>
      <c r="VRP652" s="613"/>
      <c r="VRQ652" s="613"/>
      <c r="VRR652" s="613"/>
      <c r="VRS652" s="613"/>
      <c r="VRT652" s="613"/>
      <c r="VRU652" s="613"/>
      <c r="VRV652" s="613"/>
      <c r="VRW652" s="613"/>
      <c r="VRX652" s="613"/>
      <c r="VRY652" s="613"/>
      <c r="VRZ652" s="613"/>
      <c r="VSA652" s="613"/>
      <c r="VSB652" s="613"/>
      <c r="VSC652" s="613"/>
      <c r="VSD652" s="613"/>
      <c r="VSE652" s="613"/>
      <c r="VSF652" s="613"/>
      <c r="VSG652" s="613"/>
      <c r="VSH652" s="613"/>
      <c r="VSI652" s="613"/>
      <c r="VSJ652" s="613"/>
      <c r="VSK652" s="613"/>
      <c r="VSL652" s="613"/>
      <c r="VSM652" s="613"/>
      <c r="VSN652" s="613"/>
      <c r="VSO652" s="613"/>
      <c r="VSP652" s="613"/>
      <c r="VSQ652" s="613"/>
      <c r="VSR652" s="613"/>
      <c r="VSS652" s="613"/>
      <c r="VST652" s="613"/>
      <c r="VSU652" s="613"/>
      <c r="VSV652" s="613"/>
      <c r="VSW652" s="613"/>
      <c r="VSX652" s="613"/>
      <c r="VSY652" s="613"/>
      <c r="VSZ652" s="613"/>
      <c r="VTA652" s="613"/>
      <c r="VTB652" s="613"/>
      <c r="VTC652" s="613"/>
      <c r="VTD652" s="613"/>
      <c r="VTE652" s="613"/>
      <c r="VTF652" s="613"/>
      <c r="VTG652" s="613"/>
      <c r="VTH652" s="613"/>
      <c r="VTI652" s="613"/>
      <c r="VTJ652" s="613"/>
      <c r="VTK652" s="613"/>
      <c r="VTL652" s="613"/>
      <c r="VTM652" s="613"/>
      <c r="VTN652" s="613"/>
      <c r="VTO652" s="613"/>
      <c r="VTP652" s="613"/>
      <c r="VTQ652" s="613"/>
      <c r="VTR652" s="613"/>
      <c r="VTS652" s="613"/>
      <c r="VTT652" s="613"/>
      <c r="VTU652" s="613"/>
      <c r="VTV652" s="613"/>
      <c r="VTW652" s="613"/>
      <c r="VTX652" s="613"/>
      <c r="VTY652" s="613"/>
      <c r="VTZ652" s="613"/>
      <c r="VUA652" s="613"/>
      <c r="VUB652" s="613"/>
      <c r="VUC652" s="613"/>
      <c r="VUD652" s="613"/>
      <c r="VUE652" s="613"/>
      <c r="VUF652" s="613"/>
      <c r="VUG652" s="613"/>
      <c r="VUH652" s="613"/>
      <c r="VUI652" s="613"/>
      <c r="VUJ652" s="613"/>
      <c r="VUK652" s="613"/>
      <c r="VUL652" s="613"/>
      <c r="VUM652" s="613"/>
      <c r="VUN652" s="613"/>
      <c r="VUO652" s="613"/>
      <c r="VUP652" s="613"/>
      <c r="VUQ652" s="613"/>
      <c r="VUR652" s="613"/>
      <c r="VUS652" s="613"/>
      <c r="VUT652" s="613"/>
      <c r="VUU652" s="613"/>
      <c r="VUV652" s="613"/>
      <c r="VUW652" s="613"/>
      <c r="VUX652" s="613"/>
      <c r="VUY652" s="613"/>
      <c r="VUZ652" s="613"/>
      <c r="VVA652" s="613"/>
      <c r="VVB652" s="613"/>
      <c r="VVC652" s="613"/>
      <c r="VVD652" s="613"/>
      <c r="VVE652" s="613"/>
      <c r="VVF652" s="613"/>
      <c r="VVG652" s="613"/>
      <c r="VVH652" s="613"/>
      <c r="VVI652" s="613"/>
      <c r="VVJ652" s="613"/>
      <c r="VVK652" s="613"/>
      <c r="VVL652" s="613"/>
      <c r="VVM652" s="613"/>
      <c r="VVN652" s="613"/>
      <c r="VVO652" s="613"/>
      <c r="VVP652" s="613"/>
      <c r="VVQ652" s="613"/>
      <c r="VVR652" s="613"/>
      <c r="VVS652" s="613"/>
      <c r="VVT652" s="613"/>
      <c r="VVU652" s="613"/>
      <c r="VVV652" s="613"/>
      <c r="VVW652" s="613"/>
      <c r="VVX652" s="613"/>
      <c r="VVY652" s="613"/>
      <c r="VVZ652" s="613"/>
      <c r="VWA652" s="613"/>
      <c r="VWB652" s="613"/>
      <c r="VWC652" s="613"/>
      <c r="VWD652" s="613"/>
      <c r="VWE652" s="613"/>
      <c r="VWF652" s="613"/>
      <c r="VWG652" s="613"/>
      <c r="VWH652" s="613"/>
      <c r="VWI652" s="613"/>
      <c r="VWJ652" s="613"/>
      <c r="VWK652" s="613"/>
      <c r="VWL652" s="613"/>
      <c r="VWM652" s="613"/>
      <c r="VWN652" s="613"/>
      <c r="VWO652" s="613"/>
      <c r="VWP652" s="613"/>
      <c r="VWQ652" s="613"/>
      <c r="VWR652" s="613"/>
      <c r="VWS652" s="613"/>
      <c r="VWT652" s="613"/>
      <c r="VWU652" s="613"/>
      <c r="VWV652" s="613"/>
      <c r="VWW652" s="613"/>
      <c r="VWX652" s="613"/>
      <c r="VWY652" s="613"/>
      <c r="VWZ652" s="613"/>
      <c r="VXA652" s="613"/>
      <c r="VXB652" s="613"/>
      <c r="VXC652" s="613"/>
      <c r="VXD652" s="613"/>
      <c r="VXE652" s="613"/>
      <c r="VXF652" s="613"/>
      <c r="VXG652" s="613"/>
      <c r="VXH652" s="613"/>
      <c r="VXI652" s="613"/>
      <c r="VXJ652" s="613"/>
      <c r="VXK652" s="613"/>
      <c r="VXL652" s="613"/>
      <c r="VXM652" s="613"/>
      <c r="VXN652" s="613"/>
      <c r="VXO652" s="613"/>
      <c r="VXP652" s="613"/>
      <c r="VXQ652" s="613"/>
      <c r="VXR652" s="613"/>
      <c r="VXS652" s="613"/>
      <c r="VXT652" s="613"/>
      <c r="VXU652" s="613"/>
      <c r="VXV652" s="613"/>
      <c r="VXW652" s="613"/>
      <c r="VXX652" s="613"/>
      <c r="VXY652" s="613"/>
      <c r="VXZ652" s="613"/>
      <c r="VYA652" s="613"/>
      <c r="VYB652" s="613"/>
      <c r="VYC652" s="613"/>
      <c r="VYD652" s="613"/>
      <c r="VYE652" s="613"/>
      <c r="VYF652" s="613"/>
      <c r="VYG652" s="613"/>
      <c r="VYH652" s="613"/>
      <c r="VYI652" s="613"/>
      <c r="VYJ652" s="613"/>
      <c r="VYK652" s="613"/>
      <c r="VYL652" s="613"/>
      <c r="VYM652" s="613"/>
      <c r="VYN652" s="613"/>
      <c r="VYO652" s="613"/>
      <c r="VYP652" s="613"/>
      <c r="VYQ652" s="613"/>
      <c r="VYR652" s="613"/>
      <c r="VYS652" s="613"/>
      <c r="VYT652" s="613"/>
      <c r="VYU652" s="613"/>
      <c r="VYV652" s="613"/>
      <c r="VYW652" s="613"/>
      <c r="VYX652" s="613"/>
      <c r="VYY652" s="613"/>
      <c r="VYZ652" s="613"/>
      <c r="VZA652" s="613"/>
      <c r="VZB652" s="613"/>
      <c r="VZC652" s="613"/>
      <c r="VZD652" s="613"/>
      <c r="VZE652" s="613"/>
      <c r="VZF652" s="613"/>
      <c r="VZG652" s="613"/>
      <c r="VZH652" s="613"/>
      <c r="VZI652" s="613"/>
      <c r="VZJ652" s="613"/>
      <c r="VZK652" s="613"/>
      <c r="VZL652" s="613"/>
      <c r="VZM652" s="613"/>
      <c r="VZN652" s="613"/>
      <c r="VZO652" s="613"/>
      <c r="VZP652" s="613"/>
      <c r="VZQ652" s="613"/>
      <c r="VZR652" s="613"/>
      <c r="VZS652" s="613"/>
      <c r="VZT652" s="613"/>
      <c r="VZU652" s="613"/>
      <c r="VZV652" s="613"/>
      <c r="VZW652" s="613"/>
      <c r="VZX652" s="613"/>
      <c r="VZY652" s="613"/>
      <c r="VZZ652" s="613"/>
      <c r="WAA652" s="613"/>
      <c r="WAB652" s="613"/>
      <c r="WAC652" s="613"/>
      <c r="WAD652" s="613"/>
      <c r="WAE652" s="613"/>
      <c r="WAF652" s="613"/>
      <c r="WAG652" s="613"/>
      <c r="WAH652" s="613"/>
      <c r="WAI652" s="613"/>
      <c r="WAJ652" s="613"/>
      <c r="WAK652" s="613"/>
      <c r="WAL652" s="613"/>
      <c r="WAM652" s="613"/>
      <c r="WAN652" s="613"/>
      <c r="WAO652" s="613"/>
      <c r="WAP652" s="613"/>
      <c r="WAQ652" s="613"/>
      <c r="WAR652" s="613"/>
      <c r="WAS652" s="613"/>
      <c r="WAT652" s="613"/>
      <c r="WAU652" s="613"/>
      <c r="WAV652" s="613"/>
      <c r="WAW652" s="613"/>
      <c r="WAX652" s="613"/>
      <c r="WAY652" s="613"/>
      <c r="WAZ652" s="613"/>
      <c r="WBA652" s="613"/>
      <c r="WBB652" s="613"/>
      <c r="WBC652" s="613"/>
      <c r="WBD652" s="613"/>
      <c r="WBE652" s="613"/>
      <c r="WBF652" s="613"/>
      <c r="WBG652" s="613"/>
      <c r="WBH652" s="613"/>
      <c r="WBI652" s="613"/>
      <c r="WBJ652" s="613"/>
      <c r="WBK652" s="613"/>
      <c r="WBL652" s="613"/>
      <c r="WBM652" s="613"/>
      <c r="WBN652" s="613"/>
      <c r="WBO652" s="613"/>
      <c r="WBP652" s="613"/>
      <c r="WBQ652" s="613"/>
      <c r="WBR652" s="613"/>
      <c r="WBS652" s="613"/>
      <c r="WBT652" s="613"/>
      <c r="WBU652" s="613"/>
      <c r="WBV652" s="613"/>
      <c r="WBW652" s="613"/>
      <c r="WBX652" s="613"/>
      <c r="WBY652" s="613"/>
      <c r="WBZ652" s="613"/>
      <c r="WCA652" s="613"/>
      <c r="WCB652" s="613"/>
      <c r="WCC652" s="613"/>
      <c r="WCD652" s="613"/>
      <c r="WCE652" s="613"/>
      <c r="WCF652" s="613"/>
      <c r="WCG652" s="613"/>
      <c r="WCH652" s="613"/>
      <c r="WCI652" s="613"/>
      <c r="WCJ652" s="613"/>
      <c r="WCK652" s="613"/>
      <c r="WCL652" s="613"/>
      <c r="WCM652" s="613"/>
      <c r="WCN652" s="613"/>
      <c r="WCO652" s="613"/>
      <c r="WCP652" s="613"/>
      <c r="WCQ652" s="613"/>
      <c r="WCR652" s="613"/>
      <c r="WCS652" s="613"/>
      <c r="WCT652" s="613"/>
      <c r="WCU652" s="613"/>
      <c r="WCV652" s="613"/>
      <c r="WCW652" s="613"/>
      <c r="WCX652" s="613"/>
      <c r="WCY652" s="613"/>
      <c r="WCZ652" s="613"/>
      <c r="WDA652" s="613"/>
      <c r="WDB652" s="613"/>
      <c r="WDC652" s="613"/>
      <c r="WDD652" s="613"/>
      <c r="WDE652" s="613"/>
      <c r="WDF652" s="613"/>
      <c r="WDG652" s="613"/>
      <c r="WDH652" s="613"/>
      <c r="WDI652" s="613"/>
      <c r="WDJ652" s="613"/>
      <c r="WDK652" s="613"/>
      <c r="WDL652" s="613"/>
      <c r="WDM652" s="613"/>
      <c r="WDN652" s="613"/>
      <c r="WDO652" s="613"/>
      <c r="WDP652" s="613"/>
      <c r="WDQ652" s="613"/>
      <c r="WDR652" s="613"/>
      <c r="WDS652" s="613"/>
      <c r="WDT652" s="613"/>
      <c r="WDU652" s="613"/>
      <c r="WDV652" s="613"/>
      <c r="WDW652" s="613"/>
      <c r="WDX652" s="613"/>
      <c r="WDY652" s="613"/>
      <c r="WDZ652" s="613"/>
      <c r="WEA652" s="613"/>
      <c r="WEB652" s="613"/>
      <c r="WEC652" s="613"/>
      <c r="WED652" s="613"/>
      <c r="WEE652" s="613"/>
      <c r="WEF652" s="613"/>
      <c r="WEG652" s="613"/>
      <c r="WEH652" s="613"/>
      <c r="WEI652" s="613"/>
      <c r="WEJ652" s="613"/>
      <c r="WEK652" s="613"/>
      <c r="WEL652" s="613"/>
      <c r="WEM652" s="613"/>
      <c r="WEN652" s="613"/>
      <c r="WEO652" s="613"/>
      <c r="WEP652" s="613"/>
      <c r="WEQ652" s="613"/>
      <c r="WER652" s="613"/>
      <c r="WES652" s="613"/>
      <c r="WET652" s="613"/>
      <c r="WEU652" s="613"/>
      <c r="WEV652" s="613"/>
      <c r="WEW652" s="613"/>
      <c r="WEX652" s="613"/>
      <c r="WEY652" s="613"/>
      <c r="WEZ652" s="613"/>
      <c r="WFA652" s="613"/>
      <c r="WFB652" s="613"/>
      <c r="WFC652" s="613"/>
      <c r="WFD652" s="613"/>
      <c r="WFE652" s="613"/>
      <c r="WFF652" s="613"/>
      <c r="WFG652" s="613"/>
      <c r="WFH652" s="613"/>
      <c r="WFI652" s="613"/>
      <c r="WFJ652" s="613"/>
      <c r="WFK652" s="613"/>
      <c r="WFL652" s="613"/>
      <c r="WFM652" s="613"/>
      <c r="WFN652" s="613"/>
      <c r="WFO652" s="613"/>
      <c r="WFP652" s="613"/>
      <c r="WFQ652" s="613"/>
      <c r="WFR652" s="613"/>
      <c r="WFS652" s="613"/>
      <c r="WFT652" s="613"/>
      <c r="WFU652" s="613"/>
      <c r="WFV652" s="613"/>
      <c r="WFW652" s="613"/>
      <c r="WFX652" s="613"/>
      <c r="WFY652" s="613"/>
      <c r="WFZ652" s="613"/>
      <c r="WGA652" s="613"/>
      <c r="WGB652" s="613"/>
      <c r="WGC652" s="613"/>
      <c r="WGD652" s="613"/>
      <c r="WGE652" s="613"/>
      <c r="WGF652" s="613"/>
      <c r="WGG652" s="613"/>
      <c r="WGH652" s="613"/>
      <c r="WGI652" s="613"/>
      <c r="WGJ652" s="613"/>
      <c r="WGK652" s="613"/>
      <c r="WGL652" s="613"/>
      <c r="WGM652" s="613"/>
      <c r="WGN652" s="613"/>
      <c r="WGO652" s="613"/>
      <c r="WGP652" s="613"/>
      <c r="WGQ652" s="613"/>
      <c r="WGR652" s="613"/>
      <c r="WGS652" s="613"/>
      <c r="WGT652" s="613"/>
      <c r="WGU652" s="613"/>
      <c r="WGV652" s="613"/>
      <c r="WGW652" s="613"/>
      <c r="WGX652" s="613"/>
      <c r="WGY652" s="613"/>
      <c r="WGZ652" s="613"/>
      <c r="WHA652" s="613"/>
      <c r="WHB652" s="613"/>
      <c r="WHC652" s="613"/>
      <c r="WHD652" s="613"/>
      <c r="WHE652" s="613"/>
      <c r="WHF652" s="613"/>
      <c r="WHG652" s="613"/>
      <c r="WHH652" s="613"/>
      <c r="WHI652" s="613"/>
      <c r="WHJ652" s="613"/>
      <c r="WHK652" s="613"/>
      <c r="WHL652" s="613"/>
      <c r="WHM652" s="613"/>
      <c r="WHN652" s="613"/>
      <c r="WHO652" s="613"/>
      <c r="WHP652" s="613"/>
      <c r="WHQ652" s="613"/>
      <c r="WHR652" s="613"/>
      <c r="WHS652" s="613"/>
      <c r="WHT652" s="613"/>
      <c r="WHU652" s="613"/>
      <c r="WHV652" s="613"/>
      <c r="WHW652" s="613"/>
      <c r="WHX652" s="613"/>
      <c r="WHY652" s="613"/>
      <c r="WHZ652" s="613"/>
      <c r="WIA652" s="613"/>
      <c r="WIB652" s="613"/>
      <c r="WIC652" s="613"/>
      <c r="WID652" s="613"/>
      <c r="WIE652" s="613"/>
      <c r="WIF652" s="613"/>
      <c r="WIG652" s="613"/>
      <c r="WIH652" s="613"/>
      <c r="WII652" s="613"/>
      <c r="WIJ652" s="613"/>
      <c r="WIK652" s="613"/>
      <c r="WIL652" s="613"/>
      <c r="WIM652" s="613"/>
      <c r="WIN652" s="613"/>
      <c r="WIO652" s="613"/>
      <c r="WIP652" s="613"/>
      <c r="WIQ652" s="613"/>
      <c r="WIR652" s="613"/>
      <c r="WIS652" s="613"/>
      <c r="WIT652" s="613"/>
      <c r="WIU652" s="613"/>
      <c r="WIV652" s="613"/>
      <c r="WIW652" s="613"/>
      <c r="WIX652" s="613"/>
      <c r="WIY652" s="613"/>
      <c r="WIZ652" s="613"/>
      <c r="WJA652" s="613"/>
      <c r="WJB652" s="613"/>
      <c r="WJC652" s="613"/>
      <c r="WJD652" s="613"/>
      <c r="WJE652" s="613"/>
      <c r="WJF652" s="613"/>
      <c r="WJG652" s="613"/>
      <c r="WJH652" s="613"/>
      <c r="WJI652" s="613"/>
      <c r="WJJ652" s="613"/>
      <c r="WJK652" s="613"/>
      <c r="WJL652" s="613"/>
      <c r="WJM652" s="613"/>
      <c r="WJN652" s="613"/>
      <c r="WJO652" s="613"/>
      <c r="WJP652" s="613"/>
      <c r="WJQ652" s="613"/>
      <c r="WJR652" s="613"/>
      <c r="WJS652" s="613"/>
      <c r="WJT652" s="613"/>
      <c r="WJU652" s="613"/>
      <c r="WJV652" s="613"/>
      <c r="WJW652" s="613"/>
      <c r="WJX652" s="613"/>
      <c r="WJY652" s="613"/>
      <c r="WJZ652" s="613"/>
      <c r="WKA652" s="613"/>
      <c r="WKB652" s="613"/>
      <c r="WKC652" s="613"/>
      <c r="WKD652" s="613"/>
      <c r="WKE652" s="613"/>
      <c r="WKF652" s="613"/>
      <c r="WKG652" s="613"/>
      <c r="WKH652" s="613"/>
      <c r="WKI652" s="613"/>
      <c r="WKJ652" s="613"/>
      <c r="WKK652" s="613"/>
      <c r="WKL652" s="613"/>
      <c r="WKM652" s="613"/>
      <c r="WKN652" s="613"/>
      <c r="WKO652" s="613"/>
      <c r="WKP652" s="613"/>
      <c r="WKQ652" s="613"/>
      <c r="WKR652" s="613"/>
      <c r="WKS652" s="613"/>
      <c r="WKT652" s="613"/>
      <c r="WKU652" s="613"/>
      <c r="WKV652" s="613"/>
      <c r="WKW652" s="613"/>
      <c r="WKX652" s="613"/>
      <c r="WKY652" s="613"/>
      <c r="WKZ652" s="613"/>
      <c r="WLA652" s="613"/>
      <c r="WLB652" s="613"/>
      <c r="WLC652" s="613"/>
      <c r="WLD652" s="613"/>
      <c r="WLE652" s="613"/>
      <c r="WLF652" s="613"/>
      <c r="WLG652" s="613"/>
      <c r="WLH652" s="613"/>
      <c r="WLI652" s="613"/>
      <c r="WLJ652" s="613"/>
      <c r="WLK652" s="613"/>
      <c r="WLL652" s="613"/>
      <c r="WLM652" s="613"/>
      <c r="WLN652" s="613"/>
      <c r="WLO652" s="613"/>
      <c r="WLP652" s="613"/>
      <c r="WLQ652" s="613"/>
      <c r="WLR652" s="613"/>
      <c r="WLS652" s="613"/>
      <c r="WLT652" s="613"/>
      <c r="WLU652" s="613"/>
      <c r="WLV652" s="613"/>
      <c r="WLW652" s="613"/>
      <c r="WLX652" s="613"/>
      <c r="WLY652" s="613"/>
      <c r="WLZ652" s="613"/>
      <c r="WMA652" s="613"/>
      <c r="WMB652" s="613"/>
      <c r="WMC652" s="613"/>
      <c r="WMD652" s="613"/>
      <c r="WME652" s="613"/>
      <c r="WMF652" s="613"/>
      <c r="WMG652" s="613"/>
      <c r="WMH652" s="613"/>
      <c r="WMI652" s="613"/>
      <c r="WMJ652" s="613"/>
      <c r="WMK652" s="613"/>
      <c r="WML652" s="613"/>
      <c r="WMM652" s="613"/>
      <c r="WMN652" s="613"/>
      <c r="WMO652" s="613"/>
      <c r="WMP652" s="613"/>
      <c r="WMQ652" s="613"/>
      <c r="WMR652" s="613"/>
      <c r="WMS652" s="613"/>
      <c r="WMT652" s="613"/>
      <c r="WMU652" s="613"/>
      <c r="WMV652" s="613"/>
      <c r="WMW652" s="613"/>
      <c r="WMX652" s="613"/>
      <c r="WMY652" s="613"/>
      <c r="WMZ652" s="613"/>
      <c r="WNA652" s="613"/>
      <c r="WNB652" s="613"/>
      <c r="WNC652" s="613"/>
      <c r="WND652" s="613"/>
      <c r="WNE652" s="613"/>
      <c r="WNF652" s="613"/>
      <c r="WNG652" s="613"/>
      <c r="WNH652" s="613"/>
      <c r="WNI652" s="613"/>
      <c r="WNJ652" s="613"/>
      <c r="WNK652" s="613"/>
      <c r="WNL652" s="613"/>
      <c r="WNM652" s="613"/>
      <c r="WNN652" s="613"/>
      <c r="WNO652" s="613"/>
      <c r="WNP652" s="613"/>
      <c r="WNQ652" s="613"/>
      <c r="WNR652" s="613"/>
      <c r="WNS652" s="613"/>
      <c r="WNT652" s="613"/>
      <c r="WNU652" s="613"/>
      <c r="WNV652" s="613"/>
      <c r="WNW652" s="613"/>
      <c r="WNX652" s="613"/>
      <c r="WNY652" s="613"/>
      <c r="WNZ652" s="613"/>
      <c r="WOA652" s="613"/>
      <c r="WOB652" s="613"/>
      <c r="WOC652" s="613"/>
      <c r="WOD652" s="613"/>
      <c r="WOE652" s="613"/>
      <c r="WOF652" s="613"/>
      <c r="WOG652" s="613"/>
      <c r="WOH652" s="613"/>
      <c r="WOI652" s="613"/>
      <c r="WOJ652" s="613"/>
      <c r="WOK652" s="613"/>
      <c r="WOL652" s="613"/>
      <c r="WOM652" s="613"/>
      <c r="WON652" s="613"/>
      <c r="WOO652" s="613"/>
      <c r="WOP652" s="613"/>
      <c r="WOQ652" s="613"/>
      <c r="WOR652" s="613"/>
      <c r="WOS652" s="613"/>
      <c r="WOT652" s="613"/>
      <c r="WOU652" s="613"/>
      <c r="WOV652" s="613"/>
      <c r="WOW652" s="613"/>
      <c r="WOX652" s="613"/>
      <c r="WOY652" s="613"/>
      <c r="WOZ652" s="613"/>
      <c r="WPA652" s="613"/>
      <c r="WPB652" s="613"/>
      <c r="WPC652" s="613"/>
      <c r="WPD652" s="613"/>
      <c r="WPE652" s="613"/>
      <c r="WPF652" s="613"/>
      <c r="WPG652" s="613"/>
      <c r="WPH652" s="613"/>
      <c r="WPI652" s="613"/>
      <c r="WPJ652" s="613"/>
      <c r="WPK652" s="613"/>
      <c r="WPL652" s="613"/>
      <c r="WPM652" s="613"/>
      <c r="WPN652" s="613"/>
      <c r="WPO652" s="613"/>
      <c r="WPP652" s="613"/>
      <c r="WPQ652" s="613"/>
      <c r="WPR652" s="613"/>
      <c r="WPS652" s="613"/>
      <c r="WPT652" s="613"/>
      <c r="WPU652" s="613"/>
      <c r="WPV652" s="613"/>
      <c r="WPW652" s="613"/>
      <c r="WPX652" s="613"/>
      <c r="WPY652" s="613"/>
      <c r="WPZ652" s="613"/>
      <c r="WQA652" s="613"/>
      <c r="WQB652" s="613"/>
      <c r="WQC652" s="613"/>
      <c r="WQD652" s="613"/>
      <c r="WQE652" s="613"/>
      <c r="WQF652" s="613"/>
      <c r="WQG652" s="613"/>
      <c r="WQH652" s="613"/>
      <c r="WQI652" s="613"/>
      <c r="WQJ652" s="613"/>
      <c r="WQK652" s="613"/>
      <c r="WQL652" s="613"/>
      <c r="WQM652" s="613"/>
      <c r="WQN652" s="613"/>
      <c r="WQO652" s="613"/>
      <c r="WQP652" s="613"/>
      <c r="WQQ652" s="613"/>
      <c r="WQR652" s="613"/>
      <c r="WQS652" s="613"/>
      <c r="WQT652" s="613"/>
      <c r="WQU652" s="613"/>
      <c r="WQV652" s="613"/>
      <c r="WQW652" s="613"/>
      <c r="WQX652" s="613"/>
      <c r="WQY652" s="613"/>
      <c r="WQZ652" s="613"/>
      <c r="WRA652" s="613"/>
      <c r="WRB652" s="613"/>
      <c r="WRC652" s="613"/>
      <c r="WRD652" s="613"/>
      <c r="WRE652" s="613"/>
      <c r="WRF652" s="613"/>
      <c r="WRG652" s="613"/>
      <c r="WRH652" s="613"/>
      <c r="WRI652" s="613"/>
      <c r="WRJ652" s="613"/>
      <c r="WRK652" s="613"/>
      <c r="WRL652" s="613"/>
      <c r="WRM652" s="613"/>
      <c r="WRN652" s="613"/>
      <c r="WRO652" s="613"/>
      <c r="WRP652" s="613"/>
      <c r="WRQ652" s="613"/>
      <c r="WRR652" s="613"/>
      <c r="WRS652" s="613"/>
      <c r="WRT652" s="613"/>
      <c r="WRU652" s="613"/>
      <c r="WRV652" s="613"/>
      <c r="WRW652" s="613"/>
      <c r="WRX652" s="613"/>
      <c r="WRY652" s="613"/>
      <c r="WRZ652" s="613"/>
      <c r="WSA652" s="613"/>
      <c r="WSB652" s="613"/>
      <c r="WSC652" s="613"/>
      <c r="WSD652" s="613"/>
      <c r="WSE652" s="613"/>
      <c r="WSF652" s="613"/>
      <c r="WSG652" s="613"/>
      <c r="WSH652" s="613"/>
      <c r="WSI652" s="613"/>
      <c r="WSJ652" s="613"/>
      <c r="WSK652" s="613"/>
      <c r="WSL652" s="613"/>
      <c r="WSM652" s="613"/>
      <c r="WSN652" s="613"/>
      <c r="WSO652" s="613"/>
      <c r="WSP652" s="613"/>
      <c r="WSQ652" s="613"/>
      <c r="WSR652" s="613"/>
      <c r="WSS652" s="613"/>
      <c r="WST652" s="613"/>
      <c r="WSU652" s="613"/>
      <c r="WSV652" s="613"/>
      <c r="WSW652" s="613"/>
      <c r="WSX652" s="613"/>
      <c r="WSY652" s="613"/>
      <c r="WSZ652" s="613"/>
      <c r="WTA652" s="613"/>
      <c r="WTB652" s="613"/>
      <c r="WTC652" s="613"/>
      <c r="WTD652" s="613"/>
      <c r="WTE652" s="613"/>
      <c r="WTF652" s="613"/>
      <c r="WTG652" s="613"/>
      <c r="WTH652" s="613"/>
      <c r="WTI652" s="613"/>
      <c r="WTJ652" s="613"/>
      <c r="WTK652" s="613"/>
      <c r="WTL652" s="613"/>
      <c r="WTM652" s="613"/>
      <c r="WTN652" s="613"/>
      <c r="WTO652" s="613"/>
      <c r="WTP652" s="613"/>
      <c r="WTQ652" s="613"/>
      <c r="WTR652" s="613"/>
      <c r="WTS652" s="613"/>
      <c r="WTT652" s="613"/>
      <c r="WTU652" s="613"/>
      <c r="WTV652" s="613"/>
      <c r="WTW652" s="613"/>
      <c r="WTX652" s="613"/>
      <c r="WTY652" s="613"/>
      <c r="WTZ652" s="613"/>
      <c r="WUA652" s="613"/>
      <c r="WUB652" s="613"/>
      <c r="WUC652" s="613"/>
      <c r="WUD652" s="613"/>
      <c r="WUE652" s="613"/>
      <c r="WUF652" s="613"/>
      <c r="WUG652" s="613"/>
      <c r="WUH652" s="613"/>
      <c r="WUI652" s="613"/>
      <c r="WUJ652" s="613"/>
      <c r="WUK652" s="613"/>
      <c r="WUL652" s="613"/>
      <c r="WUM652" s="613"/>
      <c r="WUN652" s="613"/>
      <c r="WUO652" s="613"/>
      <c r="WUP652" s="613"/>
      <c r="WUQ652" s="613"/>
      <c r="WUR652" s="613"/>
      <c r="WUS652" s="613"/>
      <c r="WUT652" s="613"/>
      <c r="WUU652" s="613"/>
      <c r="WUV652" s="613"/>
      <c r="WUW652" s="613"/>
      <c r="WUX652" s="613"/>
      <c r="WUY652" s="613"/>
      <c r="WUZ652" s="613"/>
      <c r="WVA652" s="613"/>
      <c r="WVB652" s="613"/>
      <c r="WVC652" s="613"/>
      <c r="WVD652" s="613"/>
      <c r="WVE652" s="613"/>
      <c r="WVF652" s="613"/>
      <c r="WVG652" s="613"/>
      <c r="WVH652" s="613"/>
      <c r="WVI652" s="613"/>
      <c r="WVJ652" s="613"/>
      <c r="WVK652" s="613"/>
      <c r="WVL652" s="613"/>
      <c r="WVM652" s="613"/>
      <c r="WVN652" s="613"/>
      <c r="WVO652" s="613"/>
      <c r="WVP652" s="613"/>
      <c r="WVQ652" s="613"/>
      <c r="WVR652" s="613"/>
      <c r="WVS652" s="613"/>
      <c r="WVT652" s="613"/>
      <c r="WVU652" s="613"/>
      <c r="WVV652" s="613"/>
      <c r="WVW652" s="613"/>
      <c r="WVX652" s="613"/>
      <c r="WVY652" s="613"/>
      <c r="WVZ652" s="613"/>
      <c r="WWA652" s="613"/>
      <c r="WWB652" s="613"/>
      <c r="WWC652" s="613"/>
      <c r="WWD652" s="613"/>
      <c r="WWE652" s="613"/>
      <c r="WWF652" s="613"/>
      <c r="WWG652" s="613"/>
      <c r="WWH652" s="613"/>
      <c r="WWI652" s="613"/>
      <c r="WWJ652" s="613"/>
      <c r="WWK652" s="613"/>
      <c r="WWL652" s="613"/>
      <c r="WWM652" s="613"/>
      <c r="WWN652" s="613"/>
      <c r="WWO652" s="613"/>
      <c r="WWP652" s="613"/>
      <c r="WWQ652" s="613"/>
      <c r="WWR652" s="613"/>
      <c r="WWS652" s="613"/>
      <c r="WWT652" s="613"/>
      <c r="WWU652" s="613"/>
      <c r="WWV652" s="613"/>
      <c r="WWW652" s="613"/>
      <c r="WWX652" s="613"/>
      <c r="WWY652" s="613"/>
      <c r="WWZ652" s="613"/>
      <c r="WXA652" s="613"/>
      <c r="WXB652" s="613"/>
      <c r="WXC652" s="613"/>
      <c r="WXD652" s="613"/>
      <c r="WXE652" s="613"/>
      <c r="WXF652" s="613"/>
      <c r="WXG652" s="613"/>
      <c r="WXH652" s="613"/>
      <c r="WXI652" s="613"/>
      <c r="WXJ652" s="613"/>
      <c r="WXK652" s="613"/>
      <c r="WXL652" s="613"/>
      <c r="WXM652" s="613"/>
      <c r="WXN652" s="613"/>
      <c r="WXO652" s="613"/>
      <c r="WXP652" s="613"/>
      <c r="WXQ652" s="613"/>
      <c r="WXR652" s="613"/>
      <c r="WXS652" s="613"/>
      <c r="WXT652" s="613"/>
      <c r="WXU652" s="613"/>
      <c r="WXV652" s="613"/>
      <c r="WXW652" s="613"/>
      <c r="WXX652" s="613"/>
      <c r="WXY652" s="613"/>
      <c r="WXZ652" s="613"/>
      <c r="WYA652" s="613"/>
      <c r="WYB652" s="613"/>
      <c r="WYC652" s="613"/>
      <c r="WYD652" s="613"/>
      <c r="WYE652" s="613"/>
      <c r="WYF652" s="613"/>
      <c r="WYG652" s="613"/>
      <c r="WYH652" s="613"/>
      <c r="WYI652" s="613"/>
      <c r="WYJ652" s="613"/>
      <c r="WYK652" s="613"/>
      <c r="WYL652" s="613"/>
      <c r="WYM652" s="613"/>
      <c r="WYN652" s="613"/>
      <c r="WYO652" s="613"/>
      <c r="WYP652" s="613"/>
      <c r="WYQ652" s="613"/>
      <c r="WYR652" s="613"/>
      <c r="WYS652" s="613"/>
      <c r="WYT652" s="613"/>
      <c r="WYU652" s="613"/>
      <c r="WYV652" s="613"/>
      <c r="WYW652" s="613"/>
      <c r="WYX652" s="613"/>
      <c r="WYY652" s="613"/>
      <c r="WYZ652" s="613"/>
      <c r="WZA652" s="613"/>
      <c r="WZB652" s="613"/>
      <c r="WZC652" s="613"/>
      <c r="WZD652" s="613"/>
      <c r="WZE652" s="613"/>
      <c r="WZF652" s="613"/>
      <c r="WZG652" s="613"/>
      <c r="WZH652" s="613"/>
      <c r="WZI652" s="613"/>
      <c r="WZJ652" s="613"/>
      <c r="WZK652" s="613"/>
      <c r="WZL652" s="613"/>
      <c r="WZM652" s="613"/>
      <c r="WZN652" s="613"/>
      <c r="WZO652" s="613"/>
      <c r="WZP652" s="613"/>
      <c r="WZQ652" s="613"/>
      <c r="WZR652" s="613"/>
      <c r="WZS652" s="613"/>
      <c r="WZT652" s="613"/>
      <c r="WZU652" s="613"/>
      <c r="WZV652" s="613"/>
      <c r="WZW652" s="613"/>
      <c r="WZX652" s="613"/>
      <c r="WZY652" s="613"/>
      <c r="WZZ652" s="613"/>
      <c r="XAA652" s="613"/>
      <c r="XAB652" s="613"/>
      <c r="XAC652" s="613"/>
      <c r="XAD652" s="613"/>
      <c r="XAE652" s="613"/>
      <c r="XAF652" s="613"/>
      <c r="XAG652" s="613"/>
      <c r="XAH652" s="613"/>
      <c r="XAI652" s="613"/>
      <c r="XAJ652" s="613"/>
      <c r="XAK652" s="613"/>
      <c r="XAL652" s="613"/>
      <c r="XAM652" s="613"/>
      <c r="XAN652" s="613"/>
      <c r="XAO652" s="613"/>
      <c r="XAP652" s="613"/>
      <c r="XAQ652" s="613"/>
      <c r="XAR652" s="613"/>
      <c r="XAS652" s="613"/>
      <c r="XAT652" s="613"/>
      <c r="XAU652" s="613"/>
      <c r="XAV652" s="613"/>
      <c r="XAW652" s="613"/>
      <c r="XAX652" s="613"/>
      <c r="XAY652" s="613"/>
      <c r="XAZ652" s="613"/>
      <c r="XBA652" s="613"/>
      <c r="XBB652" s="613"/>
      <c r="XBC652" s="613"/>
      <c r="XBD652" s="613"/>
      <c r="XBE652" s="613"/>
      <c r="XBF652" s="613"/>
      <c r="XBG652" s="613"/>
      <c r="XBH652" s="613"/>
      <c r="XBI652" s="613"/>
      <c r="XBJ652" s="613"/>
      <c r="XBK652" s="613"/>
      <c r="XBL652" s="613"/>
      <c r="XBM652" s="613"/>
      <c r="XBN652" s="613"/>
      <c r="XBO652" s="613"/>
      <c r="XBP652" s="613"/>
      <c r="XBQ652" s="613"/>
      <c r="XBR652" s="613"/>
      <c r="XBS652" s="613"/>
      <c r="XBT652" s="613"/>
      <c r="XBU652" s="613"/>
      <c r="XBV652" s="613"/>
      <c r="XBW652" s="613"/>
      <c r="XBX652" s="613"/>
      <c r="XBY652" s="613"/>
      <c r="XBZ652" s="613"/>
      <c r="XCA652" s="613"/>
      <c r="XCB652" s="613"/>
      <c r="XCC652" s="613"/>
      <c r="XCD652" s="613"/>
      <c r="XCE652" s="613"/>
      <c r="XCF652" s="613"/>
      <c r="XCG652" s="613"/>
      <c r="XCH652" s="613"/>
      <c r="XCI652" s="613"/>
      <c r="XCJ652" s="613"/>
      <c r="XCK652" s="613"/>
      <c r="XCL652" s="613"/>
      <c r="XCM652" s="613"/>
      <c r="XCN652" s="613"/>
      <c r="XCO652" s="613"/>
      <c r="XCP652" s="613"/>
      <c r="XCQ652" s="613"/>
    </row>
    <row r="653" spans="1:16319" ht="56.1" customHeight="1" x14ac:dyDescent="0.2">
      <c r="A653" s="494"/>
      <c r="B653" s="610"/>
      <c r="C653" s="494"/>
      <c r="D653" s="481">
        <v>192</v>
      </c>
      <c r="E653" s="481"/>
      <c r="F653" s="481" t="s">
        <v>2481</v>
      </c>
      <c r="G653" s="482" t="s">
        <v>53</v>
      </c>
      <c r="H653" s="481" t="s">
        <v>329</v>
      </c>
      <c r="I653" s="654" t="s">
        <v>428</v>
      </c>
      <c r="J653" s="654" t="s">
        <v>369</v>
      </c>
      <c r="K653" s="495" t="s">
        <v>455</v>
      </c>
      <c r="L653" s="621"/>
      <c r="M653" s="484" t="s">
        <v>58</v>
      </c>
      <c r="N653" s="327" t="s">
        <v>1370</v>
      </c>
      <c r="O653" s="484" t="s">
        <v>2996</v>
      </c>
      <c r="P653" s="484" t="s">
        <v>81</v>
      </c>
      <c r="Q653" s="667" t="s">
        <v>334</v>
      </c>
      <c r="R653" s="484" t="s">
        <v>334</v>
      </c>
      <c r="S653" s="484" t="s">
        <v>390</v>
      </c>
      <c r="T653" s="484"/>
      <c r="U653" s="620" t="s">
        <v>63</v>
      </c>
      <c r="V653" s="620" t="s">
        <v>63</v>
      </c>
      <c r="W653" s="723">
        <v>174162.46250449176</v>
      </c>
      <c r="X653" s="723"/>
      <c r="Y653" s="654" t="s">
        <v>226</v>
      </c>
      <c r="Z653" s="654"/>
      <c r="AA653" s="723">
        <v>174162.46250449176</v>
      </c>
      <c r="AB653" s="652" t="s">
        <v>82</v>
      </c>
      <c r="AC653" s="652"/>
      <c r="AD653" s="496"/>
      <c r="AE653" s="496"/>
      <c r="AF653" s="496"/>
      <c r="AG653" s="496"/>
      <c r="AH653" s="496"/>
      <c r="AI653" s="487"/>
      <c r="AJ653" s="496"/>
      <c r="AK653" s="496"/>
      <c r="AL653" s="496"/>
      <c r="AM653" s="496"/>
      <c r="AN653" s="496"/>
      <c r="AO653" s="496"/>
      <c r="AP653" s="496"/>
      <c r="AQ653" s="496"/>
      <c r="AR653" s="496"/>
      <c r="AS653" s="496"/>
      <c r="AT653" s="496"/>
      <c r="AU653" s="487"/>
      <c r="AV653" s="487"/>
      <c r="AW653" s="487"/>
      <c r="AX653" s="487"/>
      <c r="AY653" s="487"/>
      <c r="AZ653" s="487"/>
      <c r="BA653" s="484"/>
      <c r="BB653" s="484"/>
      <c r="BC653" s="484"/>
      <c r="BD653" s="494"/>
      <c r="BE653" s="494"/>
      <c r="BF653" s="613"/>
      <c r="BG653" s="613"/>
      <c r="BH653" s="613"/>
      <c r="BI653" s="613"/>
      <c r="BJ653" s="613"/>
      <c r="BK653" s="613"/>
      <c r="BL653" s="613"/>
      <c r="BM653" s="613"/>
      <c r="BN653" s="613"/>
      <c r="BO653" s="613"/>
      <c r="BP653" s="613"/>
      <c r="BQ653" s="613"/>
      <c r="BR653" s="613"/>
      <c r="BS653" s="613"/>
      <c r="BT653" s="613"/>
      <c r="BU653" s="613"/>
      <c r="BV653" s="613"/>
      <c r="BW653" s="613"/>
      <c r="BX653" s="613"/>
      <c r="BY653" s="613"/>
      <c r="BZ653" s="613"/>
      <c r="CA653" s="613"/>
      <c r="CB653" s="613"/>
      <c r="CC653" s="613"/>
      <c r="CD653" s="613"/>
      <c r="CE653" s="613"/>
      <c r="CF653" s="613"/>
      <c r="CG653" s="613"/>
      <c r="CH653" s="613"/>
      <c r="CI653" s="613"/>
      <c r="CJ653" s="613"/>
      <c r="CK653" s="613"/>
      <c r="CL653" s="613"/>
      <c r="CM653" s="613"/>
      <c r="CN653" s="613"/>
      <c r="CO653" s="613"/>
      <c r="CP653" s="613"/>
      <c r="CQ653" s="613"/>
      <c r="CR653" s="613"/>
      <c r="CS653" s="613"/>
      <c r="CT653" s="613"/>
      <c r="CU653" s="613"/>
      <c r="CV653" s="613"/>
      <c r="CW653" s="613"/>
      <c r="CX653" s="613"/>
      <c r="CY653" s="613"/>
      <c r="CZ653" s="613"/>
      <c r="DA653" s="613"/>
      <c r="DB653" s="613"/>
      <c r="DC653" s="613"/>
      <c r="DD653" s="613"/>
      <c r="DE653" s="613"/>
      <c r="DF653" s="613"/>
      <c r="DG653" s="613"/>
      <c r="DH653" s="613"/>
      <c r="DI653" s="613"/>
      <c r="DJ653" s="613"/>
      <c r="DK653" s="613"/>
      <c r="DL653" s="613"/>
      <c r="DM653" s="613"/>
      <c r="DN653" s="613"/>
      <c r="DO653" s="613"/>
      <c r="DP653" s="613"/>
      <c r="DQ653" s="613"/>
      <c r="DR653" s="613"/>
      <c r="DS653" s="613"/>
      <c r="DT653" s="613"/>
      <c r="DU653" s="613"/>
      <c r="DV653" s="613"/>
      <c r="DW653" s="613"/>
      <c r="DX653" s="613"/>
      <c r="DY653" s="613"/>
      <c r="DZ653" s="613"/>
      <c r="EA653" s="613"/>
      <c r="EB653" s="613"/>
      <c r="EC653" s="613"/>
      <c r="ED653" s="613"/>
      <c r="EE653" s="613"/>
      <c r="EF653" s="613"/>
      <c r="EG653" s="613"/>
      <c r="EH653" s="613"/>
      <c r="EI653" s="613"/>
      <c r="EJ653" s="613"/>
      <c r="EK653" s="613"/>
      <c r="EL653" s="613"/>
      <c r="EM653" s="613"/>
      <c r="EN653" s="613"/>
      <c r="EO653" s="613"/>
      <c r="EP653" s="613"/>
      <c r="EQ653" s="613"/>
      <c r="ER653" s="613"/>
      <c r="ES653" s="613"/>
      <c r="ET653" s="613"/>
      <c r="EU653" s="613"/>
      <c r="EV653" s="613"/>
      <c r="EW653" s="613"/>
      <c r="EX653" s="613"/>
      <c r="EY653" s="613"/>
      <c r="EZ653" s="613"/>
      <c r="FA653" s="613"/>
      <c r="FB653" s="613"/>
      <c r="FC653" s="613"/>
      <c r="FD653" s="613"/>
      <c r="FE653" s="613"/>
      <c r="FF653" s="613"/>
      <c r="FG653" s="613"/>
      <c r="FH653" s="613"/>
      <c r="FI653" s="613"/>
      <c r="FJ653" s="613"/>
      <c r="FK653" s="613"/>
      <c r="FL653" s="613"/>
      <c r="FM653" s="613"/>
      <c r="FN653" s="613"/>
      <c r="FO653" s="613"/>
      <c r="FP653" s="613"/>
      <c r="FQ653" s="613"/>
      <c r="FR653" s="613"/>
      <c r="FS653" s="613"/>
      <c r="FT653" s="613"/>
      <c r="FU653" s="613"/>
      <c r="FV653" s="613"/>
      <c r="FW653" s="613"/>
      <c r="FX653" s="613"/>
      <c r="FY653" s="613"/>
      <c r="FZ653" s="613"/>
      <c r="GA653" s="613"/>
      <c r="GB653" s="613"/>
      <c r="GC653" s="613"/>
      <c r="GD653" s="613"/>
      <c r="GE653" s="613"/>
      <c r="GF653" s="613"/>
      <c r="GG653" s="613"/>
      <c r="GH653" s="613"/>
      <c r="GI653" s="613"/>
      <c r="GJ653" s="613"/>
      <c r="GK653" s="613"/>
      <c r="GL653" s="613"/>
      <c r="GM653" s="613"/>
      <c r="GN653" s="613"/>
      <c r="GO653" s="613"/>
      <c r="GP653" s="613"/>
      <c r="GQ653" s="613"/>
      <c r="GR653" s="613"/>
      <c r="GS653" s="613"/>
      <c r="GT653" s="613"/>
      <c r="GU653" s="613"/>
      <c r="GV653" s="613"/>
      <c r="GW653" s="613"/>
      <c r="GX653" s="613"/>
      <c r="GY653" s="613"/>
      <c r="GZ653" s="613"/>
      <c r="HA653" s="613"/>
      <c r="HB653" s="613"/>
      <c r="HC653" s="613"/>
      <c r="HD653" s="613"/>
      <c r="HE653" s="613"/>
      <c r="HF653" s="613"/>
      <c r="HG653" s="613"/>
      <c r="HH653" s="613"/>
      <c r="HI653" s="613"/>
      <c r="HJ653" s="613"/>
      <c r="HK653" s="613"/>
      <c r="HL653" s="613"/>
      <c r="HM653" s="613"/>
      <c r="HN653" s="613"/>
      <c r="HO653" s="613"/>
      <c r="HP653" s="613"/>
      <c r="HQ653" s="613"/>
      <c r="HR653" s="613"/>
      <c r="HS653" s="613"/>
      <c r="HT653" s="613"/>
      <c r="HU653" s="613"/>
      <c r="HV653" s="613"/>
      <c r="HW653" s="613"/>
      <c r="HX653" s="613"/>
      <c r="HY653" s="613"/>
      <c r="HZ653" s="613"/>
      <c r="IA653" s="613"/>
      <c r="IB653" s="613"/>
      <c r="IC653" s="613"/>
      <c r="ID653" s="613"/>
      <c r="IE653" s="613"/>
      <c r="IF653" s="613"/>
      <c r="IG653" s="613"/>
      <c r="IH653" s="613"/>
      <c r="II653" s="613"/>
      <c r="IJ653" s="613"/>
      <c r="IK653" s="613"/>
      <c r="IL653" s="613"/>
      <c r="IM653" s="613"/>
      <c r="IN653" s="613"/>
      <c r="IO653" s="613"/>
      <c r="IP653" s="613"/>
      <c r="IQ653" s="613"/>
      <c r="IR653" s="613"/>
      <c r="IS653" s="613"/>
      <c r="IT653" s="613"/>
      <c r="IU653" s="613"/>
      <c r="IV653" s="613"/>
      <c r="IW653" s="613"/>
      <c r="IX653" s="613"/>
      <c r="IY653" s="613"/>
      <c r="IZ653" s="613"/>
      <c r="JA653" s="613"/>
      <c r="JB653" s="613"/>
      <c r="JC653" s="613"/>
      <c r="JD653" s="613"/>
      <c r="JE653" s="613"/>
      <c r="JF653" s="613"/>
      <c r="JG653" s="613"/>
      <c r="JH653" s="613"/>
      <c r="JI653" s="613"/>
      <c r="JJ653" s="613"/>
      <c r="JK653" s="613"/>
      <c r="JL653" s="613"/>
      <c r="JM653" s="613"/>
      <c r="JN653" s="613"/>
      <c r="JO653" s="613"/>
      <c r="JP653" s="613"/>
      <c r="JQ653" s="613"/>
      <c r="JR653" s="613"/>
      <c r="JS653" s="613"/>
      <c r="JT653" s="613"/>
      <c r="JU653" s="613"/>
      <c r="JV653" s="613"/>
      <c r="JW653" s="613"/>
      <c r="JX653" s="613"/>
      <c r="JY653" s="613"/>
      <c r="JZ653" s="613"/>
      <c r="KA653" s="613"/>
      <c r="KB653" s="613"/>
      <c r="KC653" s="613"/>
      <c r="KD653" s="613"/>
      <c r="KE653" s="613"/>
      <c r="KF653" s="613"/>
      <c r="KG653" s="613"/>
      <c r="KH653" s="613"/>
      <c r="KI653" s="613"/>
      <c r="KJ653" s="613"/>
      <c r="KK653" s="613"/>
      <c r="KL653" s="613"/>
      <c r="KM653" s="613"/>
      <c r="KN653" s="613"/>
      <c r="KO653" s="613"/>
      <c r="KP653" s="613"/>
      <c r="KQ653" s="613"/>
      <c r="KR653" s="613"/>
      <c r="KS653" s="613"/>
      <c r="KT653" s="613"/>
      <c r="KU653" s="613"/>
      <c r="KV653" s="613"/>
      <c r="KW653" s="613"/>
      <c r="KX653" s="613"/>
      <c r="KY653" s="613"/>
      <c r="KZ653" s="613"/>
      <c r="LA653" s="613"/>
      <c r="LB653" s="613"/>
      <c r="LC653" s="613"/>
      <c r="LD653" s="613"/>
      <c r="LE653" s="613"/>
      <c r="LF653" s="613"/>
      <c r="LG653" s="613"/>
      <c r="LH653" s="613"/>
      <c r="LI653" s="613"/>
      <c r="LJ653" s="613"/>
      <c r="LK653" s="613"/>
      <c r="LL653" s="613"/>
      <c r="LM653" s="613"/>
      <c r="LN653" s="613"/>
      <c r="LO653" s="613"/>
      <c r="LP653" s="613"/>
      <c r="LQ653" s="613"/>
      <c r="LR653" s="613"/>
      <c r="LS653" s="613"/>
      <c r="LT653" s="613"/>
      <c r="LU653" s="613"/>
      <c r="LV653" s="613"/>
      <c r="LW653" s="613"/>
      <c r="LX653" s="613"/>
      <c r="LY653" s="613"/>
      <c r="LZ653" s="613"/>
      <c r="MA653" s="613"/>
      <c r="MB653" s="613"/>
      <c r="MC653" s="613"/>
      <c r="MD653" s="613"/>
      <c r="ME653" s="613"/>
      <c r="MF653" s="613"/>
      <c r="MG653" s="613"/>
      <c r="MH653" s="613"/>
      <c r="MI653" s="613"/>
      <c r="MJ653" s="613"/>
      <c r="MK653" s="613"/>
      <c r="ML653" s="613"/>
      <c r="MM653" s="613"/>
      <c r="MN653" s="613"/>
      <c r="MO653" s="613"/>
      <c r="MP653" s="613"/>
      <c r="MQ653" s="613"/>
      <c r="MR653" s="613"/>
      <c r="MS653" s="613"/>
      <c r="MT653" s="613"/>
      <c r="MU653" s="613"/>
      <c r="MV653" s="613"/>
      <c r="MW653" s="613"/>
      <c r="MX653" s="613"/>
      <c r="MY653" s="613"/>
      <c r="MZ653" s="613"/>
      <c r="NA653" s="613"/>
      <c r="NB653" s="613"/>
      <c r="NC653" s="613"/>
      <c r="ND653" s="613"/>
      <c r="NE653" s="613"/>
      <c r="NF653" s="613"/>
      <c r="NG653" s="613"/>
      <c r="NH653" s="613"/>
      <c r="NI653" s="613"/>
      <c r="NJ653" s="613"/>
      <c r="NK653" s="613"/>
      <c r="NL653" s="613"/>
      <c r="NM653" s="613"/>
      <c r="NN653" s="613"/>
      <c r="NO653" s="613"/>
      <c r="NP653" s="613"/>
      <c r="NQ653" s="613"/>
      <c r="NR653" s="613"/>
      <c r="NS653" s="613"/>
      <c r="NT653" s="613"/>
      <c r="NU653" s="613"/>
      <c r="NV653" s="613"/>
      <c r="NW653" s="613"/>
      <c r="NX653" s="613"/>
      <c r="NY653" s="613"/>
      <c r="NZ653" s="613"/>
      <c r="OA653" s="613"/>
      <c r="OB653" s="613"/>
      <c r="OC653" s="613"/>
      <c r="OD653" s="613"/>
      <c r="OE653" s="613"/>
      <c r="OF653" s="613"/>
      <c r="OG653" s="613"/>
      <c r="OH653" s="613"/>
      <c r="OI653" s="613"/>
      <c r="OJ653" s="613"/>
      <c r="OK653" s="613"/>
      <c r="OL653" s="613"/>
      <c r="OM653" s="613"/>
      <c r="ON653" s="613"/>
      <c r="OO653" s="613"/>
      <c r="OP653" s="613"/>
      <c r="OQ653" s="613"/>
      <c r="OR653" s="613"/>
      <c r="OS653" s="613"/>
      <c r="OT653" s="613"/>
      <c r="OU653" s="613"/>
      <c r="OV653" s="613"/>
      <c r="OW653" s="613"/>
      <c r="OX653" s="613"/>
      <c r="OY653" s="613"/>
      <c r="OZ653" s="613"/>
      <c r="PA653" s="613"/>
      <c r="PB653" s="613"/>
      <c r="PC653" s="613"/>
      <c r="PD653" s="613"/>
      <c r="PE653" s="613"/>
      <c r="PF653" s="613"/>
      <c r="PG653" s="613"/>
      <c r="PH653" s="613"/>
      <c r="PI653" s="613"/>
      <c r="PJ653" s="613"/>
      <c r="PK653" s="613"/>
      <c r="PL653" s="613"/>
      <c r="PM653" s="613"/>
      <c r="PN653" s="613"/>
      <c r="PO653" s="613"/>
      <c r="PP653" s="613"/>
      <c r="PQ653" s="613"/>
      <c r="PR653" s="613"/>
      <c r="PS653" s="613"/>
      <c r="PT653" s="613"/>
      <c r="PU653" s="613"/>
      <c r="PV653" s="613"/>
      <c r="PW653" s="613"/>
      <c r="PX653" s="613"/>
      <c r="PY653" s="613"/>
      <c r="PZ653" s="613"/>
      <c r="QA653" s="613"/>
      <c r="QB653" s="613"/>
      <c r="QC653" s="613"/>
      <c r="QD653" s="613"/>
      <c r="QE653" s="613"/>
      <c r="QF653" s="613"/>
      <c r="QG653" s="613"/>
      <c r="QH653" s="613"/>
      <c r="QI653" s="613"/>
      <c r="QJ653" s="613"/>
      <c r="QK653" s="613"/>
      <c r="QL653" s="613"/>
      <c r="QM653" s="613"/>
      <c r="QN653" s="613"/>
      <c r="QO653" s="613"/>
      <c r="QP653" s="613"/>
      <c r="QQ653" s="613"/>
      <c r="QR653" s="613"/>
      <c r="QS653" s="613"/>
      <c r="QT653" s="613"/>
      <c r="QU653" s="613"/>
      <c r="QV653" s="613"/>
      <c r="QW653" s="613"/>
      <c r="QX653" s="613"/>
      <c r="QY653" s="613"/>
      <c r="QZ653" s="613"/>
      <c r="RA653" s="613"/>
      <c r="RB653" s="613"/>
      <c r="RC653" s="613"/>
      <c r="RD653" s="613"/>
      <c r="RE653" s="613"/>
      <c r="RF653" s="613"/>
      <c r="RG653" s="613"/>
      <c r="RH653" s="613"/>
      <c r="RI653" s="613"/>
      <c r="RJ653" s="613"/>
      <c r="RK653" s="613"/>
      <c r="RL653" s="613"/>
      <c r="RM653" s="613"/>
      <c r="RN653" s="613"/>
      <c r="RO653" s="613"/>
      <c r="RP653" s="613"/>
      <c r="RQ653" s="613"/>
      <c r="RR653" s="613"/>
      <c r="RS653" s="613"/>
      <c r="RT653" s="613"/>
      <c r="RU653" s="613"/>
      <c r="RV653" s="613"/>
      <c r="RW653" s="613"/>
      <c r="RX653" s="613"/>
      <c r="RY653" s="613"/>
      <c r="RZ653" s="613"/>
      <c r="SA653" s="613"/>
      <c r="SB653" s="613"/>
      <c r="SC653" s="613"/>
      <c r="SD653" s="613"/>
      <c r="SE653" s="613"/>
      <c r="SF653" s="613"/>
      <c r="SG653" s="613"/>
      <c r="SH653" s="613"/>
      <c r="SI653" s="613"/>
      <c r="SJ653" s="613"/>
      <c r="SK653" s="613"/>
      <c r="SL653" s="613"/>
      <c r="SM653" s="613"/>
      <c r="SN653" s="613"/>
      <c r="SO653" s="613"/>
      <c r="SP653" s="613"/>
      <c r="SQ653" s="613"/>
      <c r="SR653" s="613"/>
      <c r="SS653" s="613"/>
      <c r="ST653" s="613"/>
      <c r="SU653" s="613"/>
      <c r="SV653" s="613"/>
      <c r="SW653" s="613"/>
      <c r="SX653" s="613"/>
      <c r="SY653" s="613"/>
      <c r="SZ653" s="613"/>
      <c r="TA653" s="613"/>
      <c r="TB653" s="613"/>
      <c r="TC653" s="613"/>
      <c r="TD653" s="613"/>
      <c r="TE653" s="613"/>
      <c r="TF653" s="613"/>
      <c r="TG653" s="613"/>
      <c r="TH653" s="613"/>
      <c r="TI653" s="613"/>
      <c r="TJ653" s="613"/>
      <c r="TK653" s="613"/>
      <c r="TL653" s="613"/>
      <c r="TM653" s="613"/>
      <c r="TN653" s="613"/>
      <c r="TO653" s="613"/>
      <c r="TP653" s="613"/>
      <c r="TQ653" s="613"/>
      <c r="TR653" s="613"/>
      <c r="TS653" s="613"/>
      <c r="TT653" s="613"/>
      <c r="TU653" s="613"/>
      <c r="TV653" s="613"/>
      <c r="TW653" s="613"/>
      <c r="TX653" s="613"/>
      <c r="TY653" s="613"/>
      <c r="TZ653" s="613"/>
      <c r="UA653" s="613"/>
      <c r="UB653" s="613"/>
      <c r="UC653" s="613"/>
      <c r="UD653" s="613"/>
      <c r="UE653" s="613"/>
      <c r="UF653" s="613"/>
      <c r="UG653" s="613"/>
      <c r="UH653" s="613"/>
      <c r="UI653" s="613"/>
      <c r="UJ653" s="613"/>
      <c r="UK653" s="613"/>
      <c r="UL653" s="613"/>
      <c r="UM653" s="613"/>
      <c r="UN653" s="613"/>
      <c r="UO653" s="613"/>
      <c r="UP653" s="613"/>
      <c r="UQ653" s="613"/>
      <c r="UR653" s="613"/>
      <c r="US653" s="613"/>
      <c r="UT653" s="613"/>
      <c r="UU653" s="613"/>
      <c r="UV653" s="613"/>
      <c r="UW653" s="613"/>
      <c r="UX653" s="613"/>
      <c r="UY653" s="613"/>
      <c r="UZ653" s="613"/>
      <c r="VA653" s="613"/>
      <c r="VB653" s="613"/>
      <c r="VC653" s="613"/>
      <c r="VD653" s="613"/>
      <c r="VE653" s="613"/>
      <c r="VF653" s="613"/>
      <c r="VG653" s="613"/>
      <c r="VH653" s="613"/>
      <c r="VI653" s="613"/>
      <c r="VJ653" s="613"/>
      <c r="VK653" s="613"/>
      <c r="VL653" s="613"/>
      <c r="VM653" s="613"/>
      <c r="VN653" s="613"/>
      <c r="VO653" s="613"/>
      <c r="VP653" s="613"/>
      <c r="VQ653" s="613"/>
      <c r="VR653" s="613"/>
      <c r="VS653" s="613"/>
      <c r="VT653" s="613"/>
      <c r="VU653" s="613"/>
      <c r="VV653" s="613"/>
      <c r="VW653" s="613"/>
      <c r="VX653" s="613"/>
      <c r="VY653" s="613"/>
      <c r="VZ653" s="613"/>
      <c r="WA653" s="613"/>
      <c r="WB653" s="613"/>
      <c r="WC653" s="613"/>
      <c r="WD653" s="613"/>
      <c r="WE653" s="613"/>
      <c r="WF653" s="613"/>
      <c r="WG653" s="613"/>
      <c r="WH653" s="613"/>
      <c r="WI653" s="613"/>
      <c r="WJ653" s="613"/>
      <c r="WK653" s="613"/>
      <c r="WL653" s="613"/>
      <c r="WM653" s="613"/>
      <c r="WN653" s="613"/>
      <c r="WO653" s="613"/>
      <c r="WP653" s="613"/>
      <c r="WQ653" s="613"/>
      <c r="WR653" s="613"/>
      <c r="WS653" s="613"/>
      <c r="WT653" s="613"/>
      <c r="WU653" s="613"/>
      <c r="WV653" s="613"/>
      <c r="WW653" s="613"/>
      <c r="WX653" s="613"/>
      <c r="WY653" s="613"/>
      <c r="WZ653" s="613"/>
      <c r="XA653" s="613"/>
      <c r="XB653" s="613"/>
      <c r="XC653" s="613"/>
      <c r="XD653" s="613"/>
      <c r="XE653" s="613"/>
      <c r="XF653" s="613"/>
      <c r="XG653" s="613"/>
      <c r="XH653" s="613"/>
      <c r="XI653" s="613"/>
      <c r="XJ653" s="613"/>
      <c r="XK653" s="613"/>
      <c r="XL653" s="613"/>
      <c r="XM653" s="613"/>
      <c r="XN653" s="613"/>
      <c r="XO653" s="613"/>
      <c r="XP653" s="613"/>
      <c r="XQ653" s="613"/>
      <c r="XR653" s="613"/>
      <c r="XS653" s="613"/>
      <c r="XT653" s="613"/>
      <c r="XU653" s="613"/>
      <c r="XV653" s="613"/>
      <c r="XW653" s="613"/>
      <c r="XX653" s="613"/>
      <c r="XY653" s="613"/>
      <c r="XZ653" s="613"/>
      <c r="YA653" s="613"/>
      <c r="YB653" s="613"/>
      <c r="YC653" s="613"/>
      <c r="YD653" s="613"/>
      <c r="YE653" s="613"/>
      <c r="YF653" s="613"/>
      <c r="YG653" s="613"/>
      <c r="YH653" s="613"/>
      <c r="YI653" s="613"/>
      <c r="YJ653" s="613"/>
      <c r="YK653" s="613"/>
      <c r="YL653" s="613"/>
      <c r="YM653" s="613"/>
      <c r="YN653" s="613"/>
      <c r="YO653" s="613"/>
      <c r="YP653" s="613"/>
      <c r="YQ653" s="613"/>
      <c r="YR653" s="613"/>
      <c r="YS653" s="613"/>
      <c r="YT653" s="613"/>
      <c r="YU653" s="613"/>
      <c r="YV653" s="613"/>
      <c r="YW653" s="613"/>
      <c r="YX653" s="613"/>
      <c r="YY653" s="613"/>
      <c r="YZ653" s="613"/>
      <c r="ZA653" s="613"/>
      <c r="ZB653" s="613"/>
      <c r="ZC653" s="613"/>
      <c r="ZD653" s="613"/>
      <c r="ZE653" s="613"/>
      <c r="ZF653" s="613"/>
      <c r="ZG653" s="613"/>
      <c r="ZH653" s="613"/>
      <c r="ZI653" s="613"/>
      <c r="ZJ653" s="613"/>
      <c r="ZK653" s="613"/>
      <c r="ZL653" s="613"/>
      <c r="ZM653" s="613"/>
      <c r="ZN653" s="613"/>
      <c r="ZO653" s="613"/>
      <c r="ZP653" s="613"/>
      <c r="ZQ653" s="613"/>
      <c r="ZR653" s="613"/>
      <c r="ZS653" s="613"/>
      <c r="ZT653" s="613"/>
      <c r="ZU653" s="613"/>
      <c r="ZV653" s="613"/>
      <c r="ZW653" s="613"/>
      <c r="ZX653" s="613"/>
      <c r="ZY653" s="613"/>
      <c r="ZZ653" s="613"/>
      <c r="AAA653" s="613"/>
      <c r="AAB653" s="613"/>
      <c r="AAC653" s="613"/>
      <c r="AAD653" s="613"/>
      <c r="AAE653" s="613"/>
      <c r="AAF653" s="613"/>
      <c r="AAG653" s="613"/>
      <c r="AAH653" s="613"/>
      <c r="AAI653" s="613"/>
      <c r="AAJ653" s="613"/>
      <c r="AAK653" s="613"/>
      <c r="AAL653" s="613"/>
      <c r="AAM653" s="613"/>
      <c r="AAN653" s="613"/>
      <c r="AAO653" s="613"/>
      <c r="AAP653" s="613"/>
      <c r="AAQ653" s="613"/>
      <c r="AAR653" s="613"/>
      <c r="AAS653" s="613"/>
      <c r="AAT653" s="613"/>
      <c r="AAU653" s="613"/>
      <c r="AAV653" s="613"/>
      <c r="AAW653" s="613"/>
      <c r="AAX653" s="613"/>
      <c r="AAY653" s="613"/>
      <c r="AAZ653" s="613"/>
      <c r="ABA653" s="613"/>
      <c r="ABB653" s="613"/>
      <c r="ABC653" s="613"/>
      <c r="ABD653" s="613"/>
      <c r="ABE653" s="613"/>
      <c r="ABF653" s="613"/>
      <c r="ABG653" s="613"/>
      <c r="ABH653" s="613"/>
      <c r="ABI653" s="613"/>
      <c r="ABJ653" s="613"/>
      <c r="ABK653" s="613"/>
      <c r="ABL653" s="613"/>
      <c r="ABM653" s="613"/>
      <c r="ABN653" s="613"/>
      <c r="ABO653" s="613"/>
      <c r="ABP653" s="613"/>
      <c r="ABQ653" s="613"/>
      <c r="ABR653" s="613"/>
      <c r="ABS653" s="613"/>
      <c r="ABT653" s="613"/>
      <c r="ABU653" s="613"/>
      <c r="ABV653" s="613"/>
      <c r="ABW653" s="613"/>
      <c r="ABX653" s="613"/>
      <c r="ABY653" s="613"/>
      <c r="ABZ653" s="613"/>
      <c r="ACA653" s="613"/>
      <c r="ACB653" s="613"/>
      <c r="ACC653" s="613"/>
      <c r="ACD653" s="613"/>
      <c r="ACE653" s="613"/>
      <c r="ACF653" s="613"/>
      <c r="ACG653" s="613"/>
      <c r="ACH653" s="613"/>
      <c r="ACI653" s="613"/>
      <c r="ACJ653" s="613"/>
      <c r="ACK653" s="613"/>
      <c r="ACL653" s="613"/>
      <c r="ACM653" s="613"/>
      <c r="ACN653" s="613"/>
      <c r="ACO653" s="613"/>
      <c r="ACP653" s="613"/>
      <c r="ACQ653" s="613"/>
      <c r="ACR653" s="613"/>
      <c r="ACS653" s="613"/>
      <c r="ACT653" s="613"/>
      <c r="ACU653" s="613"/>
      <c r="ACV653" s="613"/>
      <c r="ACW653" s="613"/>
      <c r="ACX653" s="613"/>
      <c r="ACY653" s="613"/>
      <c r="ACZ653" s="613"/>
      <c r="ADA653" s="613"/>
      <c r="ADB653" s="613"/>
      <c r="ADC653" s="613"/>
      <c r="ADD653" s="613"/>
      <c r="ADE653" s="613"/>
      <c r="ADF653" s="613"/>
      <c r="ADG653" s="613"/>
      <c r="ADH653" s="613"/>
      <c r="ADI653" s="613"/>
      <c r="ADJ653" s="613"/>
      <c r="ADK653" s="613"/>
      <c r="ADL653" s="613"/>
      <c r="ADM653" s="613"/>
      <c r="ADN653" s="613"/>
      <c r="ADO653" s="613"/>
      <c r="ADP653" s="613"/>
      <c r="ADQ653" s="613"/>
      <c r="ADR653" s="613"/>
      <c r="ADS653" s="613"/>
      <c r="ADT653" s="613"/>
      <c r="ADU653" s="613"/>
      <c r="ADV653" s="613"/>
      <c r="ADW653" s="613"/>
      <c r="ADX653" s="613"/>
      <c r="ADY653" s="613"/>
      <c r="ADZ653" s="613"/>
      <c r="AEA653" s="613"/>
      <c r="AEB653" s="613"/>
      <c r="AEC653" s="613"/>
      <c r="AED653" s="613"/>
      <c r="AEE653" s="613"/>
      <c r="AEF653" s="613"/>
      <c r="AEG653" s="613"/>
      <c r="AEH653" s="613"/>
      <c r="AEI653" s="613"/>
      <c r="AEJ653" s="613"/>
      <c r="AEK653" s="613"/>
      <c r="AEL653" s="613"/>
      <c r="AEM653" s="613"/>
      <c r="AEN653" s="613"/>
      <c r="AEO653" s="613"/>
      <c r="AEP653" s="613"/>
      <c r="AEQ653" s="613"/>
      <c r="AER653" s="613"/>
      <c r="AES653" s="613"/>
      <c r="AET653" s="613"/>
      <c r="AEU653" s="613"/>
      <c r="AEV653" s="613"/>
      <c r="AEW653" s="613"/>
      <c r="AEX653" s="613"/>
      <c r="AEY653" s="613"/>
      <c r="AEZ653" s="613"/>
      <c r="AFA653" s="613"/>
      <c r="AFB653" s="613"/>
      <c r="AFC653" s="613"/>
      <c r="AFD653" s="613"/>
      <c r="AFE653" s="613"/>
      <c r="AFF653" s="613"/>
      <c r="AFG653" s="613"/>
      <c r="AFH653" s="613"/>
      <c r="AFI653" s="613"/>
      <c r="AFJ653" s="613"/>
      <c r="AFK653" s="613"/>
      <c r="AFL653" s="613"/>
      <c r="AFM653" s="613"/>
      <c r="AFN653" s="613"/>
      <c r="AFO653" s="613"/>
      <c r="AFP653" s="613"/>
      <c r="AFQ653" s="613"/>
      <c r="AFR653" s="613"/>
      <c r="AFS653" s="613"/>
      <c r="AFT653" s="613"/>
      <c r="AFU653" s="613"/>
      <c r="AFV653" s="613"/>
      <c r="AFW653" s="613"/>
      <c r="AFX653" s="613"/>
      <c r="AFY653" s="613"/>
      <c r="AFZ653" s="613"/>
      <c r="AGA653" s="613"/>
      <c r="AGB653" s="613"/>
      <c r="AGC653" s="613"/>
      <c r="AGD653" s="613"/>
      <c r="AGE653" s="613"/>
      <c r="AGF653" s="613"/>
      <c r="AGG653" s="613"/>
      <c r="AGH653" s="613"/>
      <c r="AGI653" s="613"/>
      <c r="AGJ653" s="613"/>
      <c r="AGK653" s="613"/>
      <c r="AGL653" s="613"/>
      <c r="AGM653" s="613"/>
      <c r="AGN653" s="613"/>
      <c r="AGO653" s="613"/>
      <c r="AGP653" s="613"/>
      <c r="AGQ653" s="613"/>
      <c r="AGR653" s="613"/>
      <c r="AGS653" s="613"/>
      <c r="AGT653" s="613"/>
      <c r="AGU653" s="613"/>
      <c r="AGV653" s="613"/>
      <c r="AGW653" s="613"/>
      <c r="AGX653" s="613"/>
      <c r="AGY653" s="613"/>
      <c r="AGZ653" s="613"/>
      <c r="AHA653" s="613"/>
      <c r="AHB653" s="613"/>
      <c r="AHC653" s="613"/>
      <c r="AHD653" s="613"/>
      <c r="AHE653" s="613"/>
      <c r="AHF653" s="613"/>
      <c r="AHG653" s="613"/>
      <c r="AHH653" s="613"/>
      <c r="AHI653" s="613"/>
      <c r="AHJ653" s="613"/>
      <c r="AHK653" s="613"/>
      <c r="AHL653" s="613"/>
      <c r="AHM653" s="613"/>
      <c r="AHN653" s="613"/>
      <c r="AHO653" s="613"/>
      <c r="AHP653" s="613"/>
      <c r="AHQ653" s="613"/>
      <c r="AHR653" s="613"/>
      <c r="AHS653" s="613"/>
      <c r="AHT653" s="613"/>
      <c r="AHU653" s="613"/>
      <c r="AHV653" s="613"/>
      <c r="AHW653" s="613"/>
      <c r="AHX653" s="613"/>
      <c r="AHY653" s="613"/>
      <c r="AHZ653" s="613"/>
      <c r="AIA653" s="613"/>
      <c r="AIB653" s="613"/>
      <c r="AIC653" s="613"/>
      <c r="AID653" s="613"/>
      <c r="AIE653" s="613"/>
      <c r="AIF653" s="613"/>
      <c r="AIG653" s="613"/>
      <c r="AIH653" s="613"/>
      <c r="AII653" s="613"/>
      <c r="AIJ653" s="613"/>
      <c r="AIK653" s="613"/>
      <c r="AIL653" s="613"/>
      <c r="AIM653" s="613"/>
      <c r="AIN653" s="613"/>
      <c r="AIO653" s="613"/>
      <c r="AIP653" s="613"/>
      <c r="AIQ653" s="613"/>
      <c r="AIR653" s="613"/>
      <c r="AIS653" s="613"/>
      <c r="AIT653" s="613"/>
      <c r="AIU653" s="613"/>
      <c r="AIV653" s="613"/>
      <c r="AIW653" s="613"/>
      <c r="AIX653" s="613"/>
      <c r="AIY653" s="613"/>
      <c r="AIZ653" s="613"/>
      <c r="AJA653" s="613"/>
      <c r="AJB653" s="613"/>
      <c r="AJC653" s="613"/>
      <c r="AJD653" s="613"/>
      <c r="AJE653" s="613"/>
      <c r="AJF653" s="613"/>
      <c r="AJG653" s="613"/>
      <c r="AJH653" s="613"/>
      <c r="AJI653" s="613"/>
      <c r="AJJ653" s="613"/>
      <c r="AJK653" s="613"/>
      <c r="AJL653" s="613"/>
      <c r="AJM653" s="613"/>
      <c r="AJN653" s="613"/>
      <c r="AJO653" s="613"/>
      <c r="AJP653" s="613"/>
      <c r="AJQ653" s="613"/>
      <c r="AJR653" s="613"/>
      <c r="AJS653" s="613"/>
      <c r="AJT653" s="613"/>
      <c r="AJU653" s="613"/>
      <c r="AJV653" s="613"/>
      <c r="AJW653" s="613"/>
      <c r="AJX653" s="613"/>
      <c r="AJY653" s="613"/>
      <c r="AJZ653" s="613"/>
      <c r="AKA653" s="613"/>
      <c r="AKB653" s="613"/>
      <c r="AKC653" s="613"/>
      <c r="AKD653" s="613"/>
      <c r="AKE653" s="613"/>
      <c r="AKF653" s="613"/>
      <c r="AKG653" s="613"/>
      <c r="AKH653" s="613"/>
      <c r="AKI653" s="613"/>
      <c r="AKJ653" s="613"/>
      <c r="AKK653" s="613"/>
      <c r="AKL653" s="613"/>
      <c r="AKM653" s="613"/>
      <c r="AKN653" s="613"/>
      <c r="AKO653" s="613"/>
      <c r="AKP653" s="613"/>
      <c r="AKQ653" s="613"/>
      <c r="AKR653" s="613"/>
      <c r="AKS653" s="613"/>
      <c r="AKT653" s="613"/>
      <c r="AKU653" s="613"/>
      <c r="AKV653" s="613"/>
      <c r="AKW653" s="613"/>
      <c r="AKX653" s="613"/>
      <c r="AKY653" s="613"/>
      <c r="AKZ653" s="613"/>
      <c r="ALA653" s="613"/>
      <c r="ALB653" s="613"/>
      <c r="ALC653" s="613"/>
      <c r="ALD653" s="613"/>
      <c r="ALE653" s="613"/>
      <c r="ALF653" s="613"/>
      <c r="ALG653" s="613"/>
      <c r="ALH653" s="613"/>
      <c r="ALI653" s="613"/>
      <c r="ALJ653" s="613"/>
      <c r="ALK653" s="613"/>
      <c r="ALL653" s="613"/>
      <c r="ALM653" s="613"/>
      <c r="ALN653" s="613"/>
      <c r="ALO653" s="613"/>
      <c r="ALP653" s="613"/>
      <c r="ALQ653" s="613"/>
      <c r="ALR653" s="613"/>
      <c r="ALS653" s="613"/>
      <c r="ALT653" s="613"/>
      <c r="ALU653" s="613"/>
      <c r="ALV653" s="613"/>
      <c r="ALW653" s="613"/>
      <c r="ALX653" s="613"/>
      <c r="ALY653" s="613"/>
      <c r="ALZ653" s="613"/>
      <c r="AMA653" s="613"/>
      <c r="AMB653" s="613"/>
      <c r="AMC653" s="613"/>
      <c r="AMD653" s="613"/>
      <c r="AME653" s="613"/>
      <c r="AMF653" s="613"/>
      <c r="AMG653" s="613"/>
      <c r="AMH653" s="613"/>
      <c r="AMI653" s="613"/>
      <c r="AMJ653" s="613"/>
      <c r="AMK653" s="613"/>
      <c r="AML653" s="613"/>
      <c r="AMM653" s="613"/>
      <c r="AMN653" s="613"/>
      <c r="AMO653" s="613"/>
      <c r="AMP653" s="613"/>
      <c r="AMQ653" s="613"/>
      <c r="AMR653" s="613"/>
      <c r="AMS653" s="613"/>
      <c r="AMT653" s="613"/>
      <c r="AMU653" s="613"/>
      <c r="AMV653" s="613"/>
      <c r="AMW653" s="613"/>
      <c r="AMX653" s="613"/>
      <c r="AMY653" s="613"/>
      <c r="AMZ653" s="613"/>
      <c r="ANA653" s="613"/>
      <c r="ANB653" s="613"/>
      <c r="ANC653" s="613"/>
      <c r="AND653" s="613"/>
      <c r="ANE653" s="613"/>
      <c r="ANF653" s="613"/>
      <c r="ANG653" s="613"/>
      <c r="ANH653" s="613"/>
      <c r="ANI653" s="613"/>
      <c r="ANJ653" s="613"/>
      <c r="ANK653" s="613"/>
      <c r="ANL653" s="613"/>
      <c r="ANM653" s="613"/>
      <c r="ANN653" s="613"/>
      <c r="ANO653" s="613"/>
      <c r="ANP653" s="613"/>
      <c r="ANQ653" s="613"/>
      <c r="ANR653" s="613"/>
      <c r="ANS653" s="613"/>
      <c r="ANT653" s="613"/>
      <c r="ANU653" s="613"/>
      <c r="ANV653" s="613"/>
      <c r="ANW653" s="613"/>
      <c r="ANX653" s="613"/>
      <c r="ANY653" s="613"/>
      <c r="ANZ653" s="613"/>
      <c r="AOA653" s="613"/>
      <c r="AOB653" s="613"/>
      <c r="AOC653" s="613"/>
      <c r="AOD653" s="613"/>
      <c r="AOE653" s="613"/>
      <c r="AOF653" s="613"/>
      <c r="AOG653" s="613"/>
      <c r="AOH653" s="613"/>
      <c r="AOI653" s="613"/>
      <c r="AOJ653" s="613"/>
      <c r="AOK653" s="613"/>
      <c r="AOL653" s="613"/>
      <c r="AOM653" s="613"/>
      <c r="AON653" s="613"/>
      <c r="AOO653" s="613"/>
      <c r="AOP653" s="613"/>
      <c r="AOQ653" s="613"/>
      <c r="AOR653" s="613"/>
      <c r="AOS653" s="613"/>
      <c r="AOT653" s="613"/>
      <c r="AOU653" s="613"/>
      <c r="AOV653" s="613"/>
      <c r="AOW653" s="613"/>
      <c r="AOX653" s="613"/>
      <c r="AOY653" s="613"/>
      <c r="AOZ653" s="613"/>
      <c r="APA653" s="613"/>
      <c r="APB653" s="613"/>
      <c r="APC653" s="613"/>
      <c r="APD653" s="613"/>
      <c r="APE653" s="613"/>
      <c r="APF653" s="613"/>
      <c r="APG653" s="613"/>
      <c r="APH653" s="613"/>
      <c r="API653" s="613"/>
      <c r="APJ653" s="613"/>
      <c r="APK653" s="613"/>
      <c r="APL653" s="613"/>
      <c r="APM653" s="613"/>
      <c r="APN653" s="613"/>
      <c r="APO653" s="613"/>
      <c r="APP653" s="613"/>
      <c r="APQ653" s="613"/>
      <c r="APR653" s="613"/>
      <c r="APS653" s="613"/>
      <c r="APT653" s="613"/>
      <c r="APU653" s="613"/>
      <c r="APV653" s="613"/>
      <c r="APW653" s="613"/>
      <c r="APX653" s="613"/>
      <c r="APY653" s="613"/>
      <c r="APZ653" s="613"/>
      <c r="AQA653" s="613"/>
      <c r="AQB653" s="613"/>
      <c r="AQC653" s="613"/>
      <c r="AQD653" s="613"/>
      <c r="AQE653" s="613"/>
      <c r="AQF653" s="613"/>
      <c r="AQG653" s="613"/>
      <c r="AQH653" s="613"/>
      <c r="AQI653" s="613"/>
      <c r="AQJ653" s="613"/>
      <c r="AQK653" s="613"/>
      <c r="AQL653" s="613"/>
      <c r="AQM653" s="613"/>
      <c r="AQN653" s="613"/>
      <c r="AQO653" s="613"/>
      <c r="AQP653" s="613"/>
      <c r="AQQ653" s="613"/>
      <c r="AQR653" s="613"/>
      <c r="AQS653" s="613"/>
      <c r="AQT653" s="613"/>
      <c r="AQU653" s="613"/>
      <c r="AQV653" s="613"/>
      <c r="AQW653" s="613"/>
      <c r="AQX653" s="613"/>
      <c r="AQY653" s="613"/>
      <c r="AQZ653" s="613"/>
      <c r="ARA653" s="613"/>
      <c r="ARB653" s="613"/>
      <c r="ARC653" s="613"/>
      <c r="ARD653" s="613"/>
      <c r="ARE653" s="613"/>
      <c r="ARF653" s="613"/>
      <c r="ARG653" s="613"/>
      <c r="ARH653" s="613"/>
      <c r="ARI653" s="613"/>
      <c r="ARJ653" s="613"/>
      <c r="ARK653" s="613"/>
      <c r="ARL653" s="613"/>
      <c r="ARM653" s="613"/>
      <c r="ARN653" s="613"/>
      <c r="ARO653" s="613"/>
      <c r="ARP653" s="613"/>
      <c r="ARQ653" s="613"/>
      <c r="ARR653" s="613"/>
      <c r="ARS653" s="613"/>
      <c r="ART653" s="613"/>
      <c r="ARU653" s="613"/>
      <c r="ARV653" s="613"/>
      <c r="ARW653" s="613"/>
      <c r="ARX653" s="613"/>
      <c r="ARY653" s="613"/>
      <c r="ARZ653" s="613"/>
      <c r="ASA653" s="613"/>
      <c r="ASB653" s="613"/>
      <c r="ASC653" s="613"/>
      <c r="ASD653" s="613"/>
      <c r="ASE653" s="613"/>
      <c r="ASF653" s="613"/>
      <c r="ASG653" s="613"/>
      <c r="ASH653" s="613"/>
      <c r="ASI653" s="613"/>
      <c r="ASJ653" s="613"/>
      <c r="ASK653" s="613"/>
      <c r="ASL653" s="613"/>
      <c r="ASM653" s="613"/>
      <c r="ASN653" s="613"/>
      <c r="ASO653" s="613"/>
      <c r="ASP653" s="613"/>
      <c r="ASQ653" s="613"/>
      <c r="ASR653" s="613"/>
      <c r="ASS653" s="613"/>
      <c r="AST653" s="613"/>
      <c r="ASU653" s="613"/>
      <c r="ASV653" s="613"/>
      <c r="ASW653" s="613"/>
      <c r="ASX653" s="613"/>
      <c r="ASY653" s="613"/>
      <c r="ASZ653" s="613"/>
      <c r="ATA653" s="613"/>
      <c r="ATB653" s="613"/>
      <c r="ATC653" s="613"/>
      <c r="ATD653" s="613"/>
      <c r="ATE653" s="613"/>
      <c r="ATF653" s="613"/>
      <c r="ATG653" s="613"/>
      <c r="ATH653" s="613"/>
      <c r="ATI653" s="613"/>
      <c r="ATJ653" s="613"/>
      <c r="ATK653" s="613"/>
      <c r="ATL653" s="613"/>
      <c r="ATM653" s="613"/>
      <c r="ATN653" s="613"/>
      <c r="ATO653" s="613"/>
      <c r="ATP653" s="613"/>
      <c r="ATQ653" s="613"/>
      <c r="ATR653" s="613"/>
      <c r="ATS653" s="613"/>
      <c r="ATT653" s="613"/>
      <c r="ATU653" s="613"/>
      <c r="ATV653" s="613"/>
      <c r="ATW653" s="613"/>
      <c r="ATX653" s="613"/>
      <c r="ATY653" s="613"/>
      <c r="ATZ653" s="613"/>
      <c r="AUA653" s="613"/>
      <c r="AUB653" s="613"/>
      <c r="AUC653" s="613"/>
      <c r="AUD653" s="613"/>
      <c r="AUE653" s="613"/>
      <c r="AUF653" s="613"/>
      <c r="AUG653" s="613"/>
      <c r="AUH653" s="613"/>
      <c r="AUI653" s="613"/>
      <c r="AUJ653" s="613"/>
      <c r="AUK653" s="613"/>
      <c r="AUL653" s="613"/>
      <c r="AUM653" s="613"/>
      <c r="AUN653" s="613"/>
      <c r="AUO653" s="613"/>
      <c r="AUP653" s="613"/>
      <c r="AUQ653" s="613"/>
      <c r="AUR653" s="613"/>
      <c r="AUS653" s="613"/>
      <c r="AUT653" s="613"/>
      <c r="AUU653" s="613"/>
      <c r="AUV653" s="613"/>
      <c r="AUW653" s="613"/>
      <c r="AUX653" s="613"/>
      <c r="AUY653" s="613"/>
      <c r="AUZ653" s="613"/>
      <c r="AVA653" s="613"/>
      <c r="AVB653" s="613"/>
      <c r="AVC653" s="613"/>
      <c r="AVD653" s="613"/>
      <c r="AVE653" s="613"/>
      <c r="AVF653" s="613"/>
      <c r="AVG653" s="613"/>
      <c r="AVH653" s="613"/>
      <c r="AVI653" s="613"/>
      <c r="AVJ653" s="613"/>
      <c r="AVK653" s="613"/>
      <c r="AVL653" s="613"/>
      <c r="AVM653" s="613"/>
      <c r="AVN653" s="613"/>
      <c r="AVO653" s="613"/>
      <c r="AVP653" s="613"/>
      <c r="AVQ653" s="613"/>
      <c r="AVR653" s="613"/>
      <c r="AVS653" s="613"/>
      <c r="AVT653" s="613"/>
      <c r="AVU653" s="613"/>
      <c r="AVV653" s="613"/>
      <c r="AVW653" s="613"/>
      <c r="AVX653" s="613"/>
      <c r="AVY653" s="613"/>
      <c r="AVZ653" s="613"/>
      <c r="AWA653" s="613"/>
      <c r="AWB653" s="613"/>
      <c r="AWC653" s="613"/>
      <c r="AWD653" s="613"/>
      <c r="AWE653" s="613"/>
      <c r="AWF653" s="613"/>
      <c r="AWG653" s="613"/>
      <c r="AWH653" s="613"/>
      <c r="AWI653" s="613"/>
      <c r="AWJ653" s="613"/>
      <c r="AWK653" s="613"/>
      <c r="AWL653" s="613"/>
      <c r="AWM653" s="613"/>
      <c r="AWN653" s="613"/>
      <c r="AWO653" s="613"/>
      <c r="AWP653" s="613"/>
      <c r="AWQ653" s="613"/>
      <c r="AWR653" s="613"/>
      <c r="AWS653" s="613"/>
      <c r="AWT653" s="613"/>
      <c r="AWU653" s="613"/>
      <c r="AWV653" s="613"/>
      <c r="AWW653" s="613"/>
      <c r="AWX653" s="613"/>
      <c r="AWY653" s="613"/>
      <c r="AWZ653" s="613"/>
      <c r="AXA653" s="613"/>
      <c r="AXB653" s="613"/>
      <c r="AXC653" s="613"/>
      <c r="AXD653" s="613"/>
      <c r="AXE653" s="613"/>
      <c r="AXF653" s="613"/>
      <c r="AXG653" s="613"/>
      <c r="AXH653" s="613"/>
      <c r="AXI653" s="613"/>
      <c r="AXJ653" s="613"/>
      <c r="AXK653" s="613"/>
      <c r="AXL653" s="613"/>
      <c r="AXM653" s="613"/>
      <c r="AXN653" s="613"/>
      <c r="AXO653" s="613"/>
      <c r="AXP653" s="613"/>
      <c r="AXQ653" s="613"/>
      <c r="AXR653" s="613"/>
      <c r="AXS653" s="613"/>
      <c r="AXT653" s="613"/>
      <c r="AXU653" s="613"/>
      <c r="AXV653" s="613"/>
      <c r="AXW653" s="613"/>
      <c r="AXX653" s="613"/>
      <c r="AXY653" s="613"/>
      <c r="AXZ653" s="613"/>
      <c r="AYA653" s="613"/>
      <c r="AYB653" s="613"/>
      <c r="AYC653" s="613"/>
      <c r="AYD653" s="613"/>
      <c r="AYE653" s="613"/>
      <c r="AYF653" s="613"/>
      <c r="AYG653" s="613"/>
      <c r="AYH653" s="613"/>
      <c r="AYI653" s="613"/>
      <c r="AYJ653" s="613"/>
      <c r="AYK653" s="613"/>
      <c r="AYL653" s="613"/>
      <c r="AYM653" s="613"/>
      <c r="AYN653" s="613"/>
      <c r="AYO653" s="613"/>
      <c r="AYP653" s="613"/>
      <c r="AYQ653" s="613"/>
      <c r="AYR653" s="613"/>
      <c r="AYS653" s="613"/>
      <c r="AYT653" s="613"/>
      <c r="AYU653" s="613"/>
      <c r="AYV653" s="613"/>
      <c r="AYW653" s="613"/>
      <c r="AYX653" s="613"/>
      <c r="AYY653" s="613"/>
      <c r="AYZ653" s="613"/>
      <c r="AZA653" s="613"/>
      <c r="AZB653" s="613"/>
      <c r="AZC653" s="613"/>
      <c r="AZD653" s="613"/>
      <c r="AZE653" s="613"/>
      <c r="AZF653" s="613"/>
      <c r="AZG653" s="613"/>
      <c r="AZH653" s="613"/>
      <c r="AZI653" s="613"/>
      <c r="AZJ653" s="613"/>
      <c r="AZK653" s="613"/>
      <c r="AZL653" s="613"/>
      <c r="AZM653" s="613"/>
      <c r="AZN653" s="613"/>
      <c r="AZO653" s="613"/>
      <c r="AZP653" s="613"/>
      <c r="AZQ653" s="613"/>
      <c r="AZR653" s="613"/>
      <c r="AZS653" s="613"/>
      <c r="AZT653" s="613"/>
      <c r="AZU653" s="613"/>
      <c r="AZV653" s="613"/>
      <c r="AZW653" s="613"/>
      <c r="AZX653" s="613"/>
      <c r="AZY653" s="613"/>
      <c r="AZZ653" s="613"/>
      <c r="BAA653" s="613"/>
      <c r="BAB653" s="613"/>
      <c r="BAC653" s="613"/>
      <c r="BAD653" s="613"/>
      <c r="BAE653" s="613"/>
      <c r="BAF653" s="613"/>
      <c r="BAG653" s="613"/>
      <c r="BAH653" s="613"/>
      <c r="BAI653" s="613"/>
      <c r="BAJ653" s="613"/>
      <c r="BAK653" s="613"/>
      <c r="BAL653" s="613"/>
      <c r="BAM653" s="613"/>
      <c r="BAN653" s="613"/>
      <c r="BAO653" s="613"/>
      <c r="BAP653" s="613"/>
      <c r="BAQ653" s="613"/>
      <c r="BAR653" s="613"/>
      <c r="BAS653" s="613"/>
      <c r="BAT653" s="613"/>
      <c r="BAU653" s="613"/>
      <c r="BAV653" s="613"/>
      <c r="BAW653" s="613"/>
      <c r="BAX653" s="613"/>
      <c r="BAY653" s="613"/>
      <c r="BAZ653" s="613"/>
      <c r="BBA653" s="613"/>
      <c r="BBB653" s="613"/>
      <c r="BBC653" s="613"/>
      <c r="BBD653" s="613"/>
      <c r="BBE653" s="613"/>
      <c r="BBF653" s="613"/>
      <c r="BBG653" s="613"/>
      <c r="BBH653" s="613"/>
      <c r="BBI653" s="613"/>
      <c r="BBJ653" s="613"/>
      <c r="BBK653" s="613"/>
      <c r="BBL653" s="613"/>
      <c r="BBM653" s="613"/>
      <c r="BBN653" s="613"/>
      <c r="BBO653" s="613"/>
      <c r="BBP653" s="613"/>
      <c r="BBQ653" s="613"/>
      <c r="BBR653" s="613"/>
      <c r="BBS653" s="613"/>
      <c r="BBT653" s="613"/>
      <c r="BBU653" s="613"/>
      <c r="BBV653" s="613"/>
      <c r="BBW653" s="613"/>
      <c r="BBX653" s="613"/>
      <c r="BBY653" s="613"/>
      <c r="BBZ653" s="613"/>
      <c r="BCA653" s="613"/>
      <c r="BCB653" s="613"/>
      <c r="BCC653" s="613"/>
      <c r="BCD653" s="613"/>
      <c r="BCE653" s="613"/>
      <c r="BCF653" s="613"/>
      <c r="BCG653" s="613"/>
      <c r="BCH653" s="613"/>
      <c r="BCI653" s="613"/>
      <c r="BCJ653" s="613"/>
      <c r="BCK653" s="613"/>
      <c r="BCL653" s="613"/>
      <c r="BCM653" s="613"/>
      <c r="BCN653" s="613"/>
      <c r="BCO653" s="613"/>
      <c r="BCP653" s="613"/>
      <c r="BCQ653" s="613"/>
      <c r="BCR653" s="613"/>
      <c r="BCS653" s="613"/>
      <c r="BCT653" s="613"/>
      <c r="BCU653" s="613"/>
      <c r="BCV653" s="613"/>
      <c r="BCW653" s="613"/>
      <c r="BCX653" s="613"/>
      <c r="BCY653" s="613"/>
      <c r="BCZ653" s="613"/>
      <c r="BDA653" s="613"/>
      <c r="BDB653" s="613"/>
      <c r="BDC653" s="613"/>
      <c r="BDD653" s="613"/>
      <c r="BDE653" s="613"/>
      <c r="BDF653" s="613"/>
      <c r="BDG653" s="613"/>
      <c r="BDH653" s="613"/>
      <c r="BDI653" s="613"/>
      <c r="BDJ653" s="613"/>
      <c r="BDK653" s="613"/>
      <c r="BDL653" s="613"/>
      <c r="BDM653" s="613"/>
      <c r="BDN653" s="613"/>
      <c r="BDO653" s="613"/>
      <c r="BDP653" s="613"/>
      <c r="BDQ653" s="613"/>
      <c r="BDR653" s="613"/>
      <c r="BDS653" s="613"/>
      <c r="BDT653" s="613"/>
      <c r="BDU653" s="613"/>
      <c r="BDV653" s="613"/>
      <c r="BDW653" s="613"/>
      <c r="BDX653" s="613"/>
      <c r="BDY653" s="613"/>
      <c r="BDZ653" s="613"/>
      <c r="BEA653" s="613"/>
      <c r="BEB653" s="613"/>
      <c r="BEC653" s="613"/>
      <c r="BED653" s="613"/>
      <c r="BEE653" s="613"/>
      <c r="BEF653" s="613"/>
      <c r="BEG653" s="613"/>
      <c r="BEH653" s="613"/>
      <c r="BEI653" s="613"/>
      <c r="BEJ653" s="613"/>
      <c r="BEK653" s="613"/>
      <c r="BEL653" s="613"/>
      <c r="BEM653" s="613"/>
      <c r="BEN653" s="613"/>
      <c r="BEO653" s="613"/>
      <c r="BEP653" s="613"/>
      <c r="BEQ653" s="613"/>
      <c r="BER653" s="613"/>
      <c r="BES653" s="613"/>
      <c r="BET653" s="613"/>
      <c r="BEU653" s="613"/>
      <c r="BEV653" s="613"/>
      <c r="BEW653" s="613"/>
      <c r="BEX653" s="613"/>
      <c r="BEY653" s="613"/>
      <c r="BEZ653" s="613"/>
      <c r="BFA653" s="613"/>
      <c r="BFB653" s="613"/>
      <c r="BFC653" s="613"/>
      <c r="BFD653" s="613"/>
      <c r="BFE653" s="613"/>
      <c r="BFF653" s="613"/>
      <c r="BFG653" s="613"/>
      <c r="BFH653" s="613"/>
      <c r="BFI653" s="613"/>
      <c r="BFJ653" s="613"/>
      <c r="BFK653" s="613"/>
      <c r="BFL653" s="613"/>
      <c r="BFM653" s="613"/>
      <c r="BFN653" s="613"/>
      <c r="BFO653" s="613"/>
      <c r="BFP653" s="613"/>
      <c r="BFQ653" s="613"/>
      <c r="BFR653" s="613"/>
      <c r="BFS653" s="613"/>
      <c r="BFT653" s="613"/>
      <c r="BFU653" s="613"/>
      <c r="BFV653" s="613"/>
      <c r="BFW653" s="613"/>
      <c r="BFX653" s="613"/>
      <c r="BFY653" s="613"/>
      <c r="BFZ653" s="613"/>
      <c r="BGA653" s="613"/>
      <c r="BGB653" s="613"/>
      <c r="BGC653" s="613"/>
      <c r="BGD653" s="613"/>
      <c r="BGE653" s="613"/>
      <c r="BGF653" s="613"/>
      <c r="BGG653" s="613"/>
      <c r="BGH653" s="613"/>
      <c r="BGI653" s="613"/>
      <c r="BGJ653" s="613"/>
      <c r="BGK653" s="613"/>
      <c r="BGL653" s="613"/>
      <c r="BGM653" s="613"/>
      <c r="BGN653" s="613"/>
      <c r="BGO653" s="613"/>
      <c r="BGP653" s="613"/>
      <c r="BGQ653" s="613"/>
      <c r="BGR653" s="613"/>
      <c r="BGS653" s="613"/>
      <c r="BGT653" s="613"/>
      <c r="BGU653" s="613"/>
      <c r="BGV653" s="613"/>
      <c r="BGW653" s="613"/>
      <c r="BGX653" s="613"/>
      <c r="BGY653" s="613"/>
      <c r="BGZ653" s="613"/>
      <c r="BHA653" s="613"/>
      <c r="BHB653" s="613"/>
      <c r="BHC653" s="613"/>
      <c r="BHD653" s="613"/>
      <c r="BHE653" s="613"/>
      <c r="BHF653" s="613"/>
      <c r="BHG653" s="613"/>
      <c r="BHH653" s="613"/>
      <c r="BHI653" s="613"/>
      <c r="BHJ653" s="613"/>
      <c r="BHK653" s="613"/>
      <c r="BHL653" s="613"/>
      <c r="BHM653" s="613"/>
      <c r="BHN653" s="613"/>
      <c r="BHO653" s="613"/>
      <c r="BHP653" s="613"/>
      <c r="BHQ653" s="613"/>
      <c r="BHR653" s="613"/>
      <c r="BHS653" s="613"/>
      <c r="BHT653" s="613"/>
      <c r="BHU653" s="613"/>
      <c r="BHV653" s="613"/>
      <c r="BHW653" s="613"/>
      <c r="BHX653" s="613"/>
      <c r="BHY653" s="613"/>
      <c r="BHZ653" s="613"/>
      <c r="BIA653" s="613"/>
      <c r="BIB653" s="613"/>
      <c r="BIC653" s="613"/>
      <c r="BID653" s="613"/>
      <c r="BIE653" s="613"/>
      <c r="BIF653" s="613"/>
      <c r="BIG653" s="613"/>
      <c r="BIH653" s="613"/>
      <c r="BII653" s="613"/>
      <c r="BIJ653" s="613"/>
      <c r="BIK653" s="613"/>
      <c r="BIL653" s="613"/>
      <c r="BIM653" s="613"/>
      <c r="BIN653" s="613"/>
      <c r="BIO653" s="613"/>
      <c r="BIP653" s="613"/>
      <c r="BIQ653" s="613"/>
      <c r="BIR653" s="613"/>
      <c r="BIS653" s="613"/>
      <c r="BIT653" s="613"/>
      <c r="BIU653" s="613"/>
      <c r="BIV653" s="613"/>
      <c r="BIW653" s="613"/>
      <c r="BIX653" s="613"/>
      <c r="BIY653" s="613"/>
      <c r="BIZ653" s="613"/>
      <c r="BJA653" s="613"/>
      <c r="BJB653" s="613"/>
      <c r="BJC653" s="613"/>
      <c r="BJD653" s="613"/>
      <c r="BJE653" s="613"/>
      <c r="BJF653" s="613"/>
      <c r="BJG653" s="613"/>
      <c r="BJH653" s="613"/>
      <c r="BJI653" s="613"/>
      <c r="BJJ653" s="613"/>
      <c r="BJK653" s="613"/>
      <c r="BJL653" s="613"/>
      <c r="BJM653" s="613"/>
      <c r="BJN653" s="613"/>
      <c r="BJO653" s="613"/>
      <c r="BJP653" s="613"/>
      <c r="BJQ653" s="613"/>
      <c r="BJR653" s="613"/>
      <c r="BJS653" s="613"/>
      <c r="BJT653" s="613"/>
      <c r="BJU653" s="613"/>
      <c r="BJV653" s="613"/>
      <c r="BJW653" s="613"/>
      <c r="BJX653" s="613"/>
      <c r="BJY653" s="613"/>
      <c r="BJZ653" s="613"/>
      <c r="BKA653" s="613"/>
      <c r="BKB653" s="613"/>
      <c r="BKC653" s="613"/>
      <c r="BKD653" s="613"/>
      <c r="BKE653" s="613"/>
      <c r="BKF653" s="613"/>
      <c r="BKG653" s="613"/>
      <c r="BKH653" s="613"/>
      <c r="BKI653" s="613"/>
      <c r="BKJ653" s="613"/>
      <c r="BKK653" s="613"/>
      <c r="BKL653" s="613"/>
      <c r="BKM653" s="613"/>
      <c r="BKN653" s="613"/>
      <c r="BKO653" s="613"/>
      <c r="BKP653" s="613"/>
      <c r="BKQ653" s="613"/>
      <c r="BKR653" s="613"/>
      <c r="BKS653" s="613"/>
      <c r="BKT653" s="613"/>
      <c r="BKU653" s="613"/>
      <c r="BKV653" s="613"/>
      <c r="BKW653" s="613"/>
      <c r="BKX653" s="613"/>
      <c r="BKY653" s="613"/>
      <c r="BKZ653" s="613"/>
      <c r="BLA653" s="613"/>
      <c r="BLB653" s="613"/>
      <c r="BLC653" s="613"/>
      <c r="BLD653" s="613"/>
      <c r="BLE653" s="613"/>
      <c r="BLF653" s="613"/>
      <c r="BLG653" s="613"/>
      <c r="BLH653" s="613"/>
      <c r="BLI653" s="613"/>
      <c r="BLJ653" s="613"/>
      <c r="BLK653" s="613"/>
      <c r="BLL653" s="613"/>
      <c r="BLM653" s="613"/>
      <c r="BLN653" s="613"/>
      <c r="BLO653" s="613"/>
      <c r="BLP653" s="613"/>
      <c r="BLQ653" s="613"/>
      <c r="BLR653" s="613"/>
      <c r="BLS653" s="613"/>
      <c r="BLT653" s="613"/>
      <c r="BLU653" s="613"/>
      <c r="BLV653" s="613"/>
      <c r="BLW653" s="613"/>
      <c r="BLX653" s="613"/>
      <c r="BLY653" s="613"/>
      <c r="BLZ653" s="613"/>
      <c r="BMA653" s="613"/>
      <c r="BMB653" s="613"/>
      <c r="BMC653" s="613"/>
      <c r="BMD653" s="613"/>
      <c r="BME653" s="613"/>
      <c r="BMF653" s="613"/>
      <c r="BMG653" s="613"/>
      <c r="BMH653" s="613"/>
      <c r="BMI653" s="613"/>
      <c r="BMJ653" s="613"/>
      <c r="BMK653" s="613"/>
      <c r="BML653" s="613"/>
      <c r="BMM653" s="613"/>
      <c r="BMN653" s="613"/>
      <c r="BMO653" s="613"/>
      <c r="BMP653" s="613"/>
      <c r="BMQ653" s="613"/>
      <c r="BMR653" s="613"/>
      <c r="BMS653" s="613"/>
      <c r="BMT653" s="613"/>
      <c r="BMU653" s="613"/>
      <c r="BMV653" s="613"/>
      <c r="BMW653" s="613"/>
      <c r="BMX653" s="613"/>
      <c r="BMY653" s="613"/>
      <c r="BMZ653" s="613"/>
      <c r="BNA653" s="613"/>
      <c r="BNB653" s="613"/>
      <c r="BNC653" s="613"/>
      <c r="BND653" s="613"/>
      <c r="BNE653" s="613"/>
      <c r="BNF653" s="613"/>
      <c r="BNG653" s="613"/>
      <c r="BNH653" s="613"/>
      <c r="BNI653" s="613"/>
      <c r="BNJ653" s="613"/>
      <c r="BNK653" s="613"/>
      <c r="BNL653" s="613"/>
      <c r="BNM653" s="613"/>
      <c r="BNN653" s="613"/>
      <c r="BNO653" s="613"/>
      <c r="BNP653" s="613"/>
      <c r="BNQ653" s="613"/>
      <c r="BNR653" s="613"/>
      <c r="BNS653" s="613"/>
      <c r="BNT653" s="613"/>
      <c r="BNU653" s="613"/>
      <c r="BNV653" s="613"/>
      <c r="BNW653" s="613"/>
      <c r="BNX653" s="613"/>
      <c r="BNY653" s="613"/>
      <c r="BNZ653" s="613"/>
      <c r="BOA653" s="613"/>
      <c r="BOB653" s="613"/>
      <c r="BOC653" s="613"/>
      <c r="BOD653" s="613"/>
      <c r="BOE653" s="613"/>
      <c r="BOF653" s="613"/>
      <c r="BOG653" s="613"/>
      <c r="BOH653" s="613"/>
      <c r="BOI653" s="613"/>
      <c r="BOJ653" s="613"/>
      <c r="BOK653" s="613"/>
      <c r="BOL653" s="613"/>
      <c r="BOM653" s="613"/>
      <c r="BON653" s="613"/>
      <c r="BOO653" s="613"/>
      <c r="BOP653" s="613"/>
      <c r="BOQ653" s="613"/>
      <c r="BOR653" s="613"/>
      <c r="BOS653" s="613"/>
      <c r="BOT653" s="613"/>
      <c r="BOU653" s="613"/>
      <c r="BOV653" s="613"/>
      <c r="BOW653" s="613"/>
      <c r="BOX653" s="613"/>
      <c r="BOY653" s="613"/>
      <c r="BOZ653" s="613"/>
      <c r="BPA653" s="613"/>
      <c r="BPB653" s="613"/>
      <c r="BPC653" s="613"/>
      <c r="BPD653" s="613"/>
      <c r="BPE653" s="613"/>
      <c r="BPF653" s="613"/>
      <c r="BPG653" s="613"/>
      <c r="BPH653" s="613"/>
      <c r="BPI653" s="613"/>
      <c r="BPJ653" s="613"/>
      <c r="BPK653" s="613"/>
      <c r="BPL653" s="613"/>
      <c r="BPM653" s="613"/>
      <c r="BPN653" s="613"/>
      <c r="BPO653" s="613"/>
      <c r="BPP653" s="613"/>
      <c r="BPQ653" s="613"/>
      <c r="BPR653" s="613"/>
      <c r="BPS653" s="613"/>
      <c r="BPT653" s="613"/>
      <c r="BPU653" s="613"/>
      <c r="BPV653" s="613"/>
      <c r="BPW653" s="613"/>
      <c r="BPX653" s="613"/>
      <c r="BPY653" s="613"/>
      <c r="BPZ653" s="613"/>
      <c r="BQA653" s="613"/>
      <c r="BQB653" s="613"/>
      <c r="BQC653" s="613"/>
      <c r="BQD653" s="613"/>
      <c r="BQE653" s="613"/>
      <c r="BQF653" s="613"/>
      <c r="BQG653" s="613"/>
      <c r="BQH653" s="613"/>
      <c r="BQI653" s="613"/>
      <c r="BQJ653" s="613"/>
      <c r="BQK653" s="613"/>
      <c r="BQL653" s="613"/>
      <c r="BQM653" s="613"/>
      <c r="BQN653" s="613"/>
      <c r="BQO653" s="613"/>
      <c r="BQP653" s="613"/>
      <c r="BQQ653" s="613"/>
      <c r="BQR653" s="613"/>
      <c r="BQS653" s="613"/>
      <c r="BQT653" s="613"/>
      <c r="BQU653" s="613"/>
      <c r="BQV653" s="613"/>
      <c r="BQW653" s="613"/>
      <c r="BQX653" s="613"/>
      <c r="BQY653" s="613"/>
      <c r="BQZ653" s="613"/>
      <c r="BRA653" s="613"/>
      <c r="BRB653" s="613"/>
      <c r="BRC653" s="613"/>
      <c r="BRD653" s="613"/>
      <c r="BRE653" s="613"/>
      <c r="BRF653" s="613"/>
      <c r="BRG653" s="613"/>
      <c r="BRH653" s="613"/>
      <c r="BRI653" s="613"/>
      <c r="BRJ653" s="613"/>
      <c r="BRK653" s="613"/>
      <c r="BRL653" s="613"/>
      <c r="BRM653" s="613"/>
      <c r="BRN653" s="613"/>
      <c r="BRO653" s="613"/>
      <c r="BRP653" s="613"/>
      <c r="BRQ653" s="613"/>
      <c r="BRR653" s="613"/>
      <c r="BRS653" s="613"/>
      <c r="BRT653" s="613"/>
      <c r="BRU653" s="613"/>
      <c r="BRV653" s="613"/>
      <c r="BRW653" s="613"/>
      <c r="BRX653" s="613"/>
      <c r="BRY653" s="613"/>
      <c r="BRZ653" s="613"/>
      <c r="BSA653" s="613"/>
      <c r="BSB653" s="613"/>
      <c r="BSC653" s="613"/>
      <c r="BSD653" s="613"/>
      <c r="BSE653" s="613"/>
      <c r="BSF653" s="613"/>
      <c r="BSG653" s="613"/>
      <c r="BSH653" s="613"/>
      <c r="BSI653" s="613"/>
      <c r="BSJ653" s="613"/>
      <c r="BSK653" s="613"/>
      <c r="BSL653" s="613"/>
      <c r="BSM653" s="613"/>
      <c r="BSN653" s="613"/>
      <c r="BSO653" s="613"/>
      <c r="BSP653" s="613"/>
      <c r="BSQ653" s="613"/>
      <c r="BSR653" s="613"/>
      <c r="BSS653" s="613"/>
      <c r="BST653" s="613"/>
      <c r="BSU653" s="613"/>
      <c r="BSV653" s="613"/>
      <c r="BSW653" s="613"/>
      <c r="BSX653" s="613"/>
      <c r="BSY653" s="613"/>
      <c r="BSZ653" s="613"/>
      <c r="BTA653" s="613"/>
      <c r="BTB653" s="613"/>
      <c r="BTC653" s="613"/>
      <c r="BTD653" s="613"/>
      <c r="BTE653" s="613"/>
      <c r="BTF653" s="613"/>
      <c r="BTG653" s="613"/>
      <c r="BTH653" s="613"/>
      <c r="BTI653" s="613"/>
      <c r="BTJ653" s="613"/>
      <c r="BTK653" s="613"/>
      <c r="BTL653" s="613"/>
      <c r="BTM653" s="613"/>
      <c r="BTN653" s="613"/>
      <c r="BTO653" s="613"/>
      <c r="BTP653" s="613"/>
      <c r="BTQ653" s="613"/>
      <c r="BTR653" s="613"/>
      <c r="BTS653" s="613"/>
      <c r="BTT653" s="613"/>
      <c r="BTU653" s="613"/>
      <c r="BTV653" s="613"/>
      <c r="BTW653" s="613"/>
      <c r="BTX653" s="613"/>
      <c r="BTY653" s="613"/>
      <c r="BTZ653" s="613"/>
      <c r="BUA653" s="613"/>
      <c r="BUB653" s="613"/>
      <c r="BUC653" s="613"/>
      <c r="BUD653" s="613"/>
      <c r="BUE653" s="613"/>
      <c r="BUF653" s="613"/>
      <c r="BUG653" s="613"/>
      <c r="BUH653" s="613"/>
      <c r="BUI653" s="613"/>
      <c r="BUJ653" s="613"/>
      <c r="BUK653" s="613"/>
      <c r="BUL653" s="613"/>
      <c r="BUM653" s="613"/>
      <c r="BUN653" s="613"/>
      <c r="BUO653" s="613"/>
      <c r="BUP653" s="613"/>
      <c r="BUQ653" s="613"/>
      <c r="BUR653" s="613"/>
      <c r="BUS653" s="613"/>
      <c r="BUT653" s="613"/>
      <c r="BUU653" s="613"/>
      <c r="BUV653" s="613"/>
      <c r="BUW653" s="613"/>
      <c r="BUX653" s="613"/>
      <c r="BUY653" s="613"/>
      <c r="BUZ653" s="613"/>
      <c r="BVA653" s="613"/>
      <c r="BVB653" s="613"/>
      <c r="BVC653" s="613"/>
      <c r="BVD653" s="613"/>
      <c r="BVE653" s="613"/>
      <c r="BVF653" s="613"/>
      <c r="BVG653" s="613"/>
      <c r="BVH653" s="613"/>
      <c r="BVI653" s="613"/>
      <c r="BVJ653" s="613"/>
      <c r="BVK653" s="613"/>
      <c r="BVL653" s="613"/>
      <c r="BVM653" s="613"/>
      <c r="BVN653" s="613"/>
      <c r="BVO653" s="613"/>
      <c r="BVP653" s="613"/>
      <c r="BVQ653" s="613"/>
      <c r="BVR653" s="613"/>
      <c r="BVS653" s="613"/>
      <c r="BVT653" s="613"/>
      <c r="BVU653" s="613"/>
      <c r="BVV653" s="613"/>
      <c r="BVW653" s="613"/>
      <c r="BVX653" s="613"/>
      <c r="BVY653" s="613"/>
      <c r="BVZ653" s="613"/>
      <c r="BWA653" s="613"/>
      <c r="BWB653" s="613"/>
      <c r="BWC653" s="613"/>
      <c r="BWD653" s="613"/>
      <c r="BWE653" s="613"/>
      <c r="BWF653" s="613"/>
      <c r="BWG653" s="613"/>
      <c r="BWH653" s="613"/>
      <c r="BWI653" s="613"/>
      <c r="BWJ653" s="613"/>
      <c r="BWK653" s="613"/>
      <c r="BWL653" s="613"/>
      <c r="BWM653" s="613"/>
      <c r="BWN653" s="613"/>
      <c r="BWO653" s="613"/>
      <c r="BWP653" s="613"/>
      <c r="BWQ653" s="613"/>
      <c r="BWR653" s="613"/>
      <c r="BWS653" s="613"/>
      <c r="BWT653" s="613"/>
      <c r="BWU653" s="613"/>
      <c r="BWV653" s="613"/>
      <c r="BWW653" s="613"/>
      <c r="BWX653" s="613"/>
      <c r="BWY653" s="613"/>
      <c r="BWZ653" s="613"/>
      <c r="BXA653" s="613"/>
      <c r="BXB653" s="613"/>
      <c r="BXC653" s="613"/>
      <c r="BXD653" s="613"/>
      <c r="BXE653" s="613"/>
      <c r="BXF653" s="613"/>
      <c r="BXG653" s="613"/>
      <c r="BXH653" s="613"/>
      <c r="BXI653" s="613"/>
      <c r="BXJ653" s="613"/>
      <c r="BXK653" s="613"/>
      <c r="BXL653" s="613"/>
      <c r="BXM653" s="613"/>
      <c r="BXN653" s="613"/>
      <c r="BXO653" s="613"/>
      <c r="BXP653" s="613"/>
      <c r="BXQ653" s="613"/>
      <c r="BXR653" s="613"/>
      <c r="BXS653" s="613"/>
      <c r="BXT653" s="613"/>
      <c r="BXU653" s="613"/>
      <c r="BXV653" s="613"/>
      <c r="BXW653" s="613"/>
      <c r="BXX653" s="613"/>
      <c r="BXY653" s="613"/>
      <c r="BXZ653" s="613"/>
      <c r="BYA653" s="613"/>
      <c r="BYB653" s="613"/>
      <c r="BYC653" s="613"/>
      <c r="BYD653" s="613"/>
      <c r="BYE653" s="613"/>
      <c r="BYF653" s="613"/>
      <c r="BYG653" s="613"/>
      <c r="BYH653" s="613"/>
      <c r="BYI653" s="613"/>
      <c r="BYJ653" s="613"/>
      <c r="BYK653" s="613"/>
      <c r="BYL653" s="613"/>
      <c r="BYM653" s="613"/>
      <c r="BYN653" s="613"/>
      <c r="BYO653" s="613"/>
      <c r="BYP653" s="613"/>
      <c r="BYQ653" s="613"/>
      <c r="BYR653" s="613"/>
      <c r="BYS653" s="613"/>
      <c r="BYT653" s="613"/>
      <c r="BYU653" s="613"/>
      <c r="BYV653" s="613"/>
      <c r="BYW653" s="613"/>
      <c r="BYX653" s="613"/>
      <c r="BYY653" s="613"/>
      <c r="BYZ653" s="613"/>
      <c r="BZA653" s="613"/>
      <c r="BZB653" s="613"/>
      <c r="BZC653" s="613"/>
      <c r="BZD653" s="613"/>
      <c r="BZE653" s="613"/>
      <c r="BZF653" s="613"/>
      <c r="BZG653" s="613"/>
      <c r="BZH653" s="613"/>
      <c r="BZI653" s="613"/>
      <c r="BZJ653" s="613"/>
      <c r="BZK653" s="613"/>
      <c r="BZL653" s="613"/>
      <c r="BZM653" s="613"/>
      <c r="BZN653" s="613"/>
      <c r="BZO653" s="613"/>
      <c r="BZP653" s="613"/>
      <c r="BZQ653" s="613"/>
      <c r="BZR653" s="613"/>
      <c r="BZS653" s="613"/>
      <c r="BZT653" s="613"/>
      <c r="BZU653" s="613"/>
      <c r="BZV653" s="613"/>
      <c r="BZW653" s="613"/>
      <c r="BZX653" s="613"/>
      <c r="BZY653" s="613"/>
      <c r="BZZ653" s="613"/>
      <c r="CAA653" s="613"/>
      <c r="CAB653" s="613"/>
      <c r="CAC653" s="613"/>
      <c r="CAD653" s="613"/>
      <c r="CAE653" s="613"/>
      <c r="CAF653" s="613"/>
      <c r="CAG653" s="613"/>
      <c r="CAH653" s="613"/>
      <c r="CAI653" s="613"/>
      <c r="CAJ653" s="613"/>
      <c r="CAK653" s="613"/>
      <c r="CAL653" s="613"/>
      <c r="CAM653" s="613"/>
      <c r="CAN653" s="613"/>
      <c r="CAO653" s="613"/>
      <c r="CAP653" s="613"/>
      <c r="CAQ653" s="613"/>
      <c r="CAR653" s="613"/>
      <c r="CAS653" s="613"/>
      <c r="CAT653" s="613"/>
      <c r="CAU653" s="613"/>
      <c r="CAV653" s="613"/>
      <c r="CAW653" s="613"/>
      <c r="CAX653" s="613"/>
      <c r="CAY653" s="613"/>
      <c r="CAZ653" s="613"/>
      <c r="CBA653" s="613"/>
      <c r="CBB653" s="613"/>
      <c r="CBC653" s="613"/>
      <c r="CBD653" s="613"/>
      <c r="CBE653" s="613"/>
      <c r="CBF653" s="613"/>
      <c r="CBG653" s="613"/>
      <c r="CBH653" s="613"/>
      <c r="CBI653" s="613"/>
      <c r="CBJ653" s="613"/>
      <c r="CBK653" s="613"/>
      <c r="CBL653" s="613"/>
      <c r="CBM653" s="613"/>
      <c r="CBN653" s="613"/>
      <c r="CBO653" s="613"/>
      <c r="CBP653" s="613"/>
      <c r="CBQ653" s="613"/>
      <c r="CBR653" s="613"/>
      <c r="CBS653" s="613"/>
      <c r="CBT653" s="613"/>
      <c r="CBU653" s="613"/>
      <c r="CBV653" s="613"/>
      <c r="CBW653" s="613"/>
      <c r="CBX653" s="613"/>
      <c r="CBY653" s="613"/>
      <c r="CBZ653" s="613"/>
      <c r="CCA653" s="613"/>
      <c r="CCB653" s="613"/>
      <c r="CCC653" s="613"/>
      <c r="CCD653" s="613"/>
      <c r="CCE653" s="613"/>
      <c r="CCF653" s="613"/>
      <c r="CCG653" s="613"/>
      <c r="CCH653" s="613"/>
      <c r="CCI653" s="613"/>
      <c r="CCJ653" s="613"/>
      <c r="CCK653" s="613"/>
      <c r="CCL653" s="613"/>
      <c r="CCM653" s="613"/>
      <c r="CCN653" s="613"/>
      <c r="CCO653" s="613"/>
      <c r="CCP653" s="613"/>
      <c r="CCQ653" s="613"/>
      <c r="CCR653" s="613"/>
      <c r="CCS653" s="613"/>
      <c r="CCT653" s="613"/>
      <c r="CCU653" s="613"/>
      <c r="CCV653" s="613"/>
      <c r="CCW653" s="613"/>
      <c r="CCX653" s="613"/>
      <c r="CCY653" s="613"/>
      <c r="CCZ653" s="613"/>
      <c r="CDA653" s="613"/>
      <c r="CDB653" s="613"/>
      <c r="CDC653" s="613"/>
      <c r="CDD653" s="613"/>
      <c r="CDE653" s="613"/>
      <c r="CDF653" s="613"/>
      <c r="CDG653" s="613"/>
      <c r="CDH653" s="613"/>
      <c r="CDI653" s="613"/>
      <c r="CDJ653" s="613"/>
      <c r="CDK653" s="613"/>
      <c r="CDL653" s="613"/>
      <c r="CDM653" s="613"/>
      <c r="CDN653" s="613"/>
      <c r="CDO653" s="613"/>
      <c r="CDP653" s="613"/>
      <c r="CDQ653" s="613"/>
      <c r="CDR653" s="613"/>
      <c r="CDS653" s="613"/>
      <c r="CDT653" s="613"/>
      <c r="CDU653" s="613"/>
      <c r="CDV653" s="613"/>
      <c r="CDW653" s="613"/>
      <c r="CDX653" s="613"/>
      <c r="CDY653" s="613"/>
      <c r="CDZ653" s="613"/>
      <c r="CEA653" s="613"/>
      <c r="CEB653" s="613"/>
      <c r="CEC653" s="613"/>
      <c r="CED653" s="613"/>
      <c r="CEE653" s="613"/>
      <c r="CEF653" s="613"/>
      <c r="CEG653" s="613"/>
      <c r="CEH653" s="613"/>
      <c r="CEI653" s="613"/>
      <c r="CEJ653" s="613"/>
      <c r="CEK653" s="613"/>
      <c r="CEL653" s="613"/>
      <c r="CEM653" s="613"/>
      <c r="CEN653" s="613"/>
      <c r="CEO653" s="613"/>
      <c r="CEP653" s="613"/>
      <c r="CEQ653" s="613"/>
      <c r="CER653" s="613"/>
      <c r="CES653" s="613"/>
      <c r="CET653" s="613"/>
      <c r="CEU653" s="613"/>
      <c r="CEV653" s="613"/>
      <c r="CEW653" s="613"/>
      <c r="CEX653" s="613"/>
      <c r="CEY653" s="613"/>
      <c r="CEZ653" s="613"/>
      <c r="CFA653" s="613"/>
      <c r="CFB653" s="613"/>
      <c r="CFC653" s="613"/>
      <c r="CFD653" s="613"/>
      <c r="CFE653" s="613"/>
      <c r="CFF653" s="613"/>
      <c r="CFG653" s="613"/>
      <c r="CFH653" s="613"/>
      <c r="CFI653" s="613"/>
      <c r="CFJ653" s="613"/>
      <c r="CFK653" s="613"/>
      <c r="CFL653" s="613"/>
      <c r="CFM653" s="613"/>
      <c r="CFN653" s="613"/>
      <c r="CFO653" s="613"/>
      <c r="CFP653" s="613"/>
      <c r="CFQ653" s="613"/>
      <c r="CFR653" s="613"/>
      <c r="CFS653" s="613"/>
      <c r="CFT653" s="613"/>
      <c r="CFU653" s="613"/>
      <c r="CFV653" s="613"/>
      <c r="CFW653" s="613"/>
      <c r="CFX653" s="613"/>
      <c r="CFY653" s="613"/>
      <c r="CFZ653" s="613"/>
      <c r="CGA653" s="613"/>
      <c r="CGB653" s="613"/>
      <c r="CGC653" s="613"/>
      <c r="CGD653" s="613"/>
      <c r="CGE653" s="613"/>
      <c r="CGF653" s="613"/>
      <c r="CGG653" s="613"/>
      <c r="CGH653" s="613"/>
      <c r="CGI653" s="613"/>
      <c r="CGJ653" s="613"/>
      <c r="CGK653" s="613"/>
      <c r="CGL653" s="613"/>
      <c r="CGM653" s="613"/>
      <c r="CGN653" s="613"/>
      <c r="CGO653" s="613"/>
      <c r="CGP653" s="613"/>
      <c r="CGQ653" s="613"/>
      <c r="CGR653" s="613"/>
      <c r="CGS653" s="613"/>
      <c r="CGT653" s="613"/>
      <c r="CGU653" s="613"/>
      <c r="CGV653" s="613"/>
      <c r="CGW653" s="613"/>
      <c r="CGX653" s="613"/>
      <c r="CGY653" s="613"/>
      <c r="CGZ653" s="613"/>
      <c r="CHA653" s="613"/>
      <c r="CHB653" s="613"/>
      <c r="CHC653" s="613"/>
      <c r="CHD653" s="613"/>
      <c r="CHE653" s="613"/>
      <c r="CHF653" s="613"/>
      <c r="CHG653" s="613"/>
      <c r="CHH653" s="613"/>
      <c r="CHI653" s="613"/>
      <c r="CHJ653" s="613"/>
      <c r="CHK653" s="613"/>
      <c r="CHL653" s="613"/>
      <c r="CHM653" s="613"/>
      <c r="CHN653" s="613"/>
      <c r="CHO653" s="613"/>
      <c r="CHP653" s="613"/>
      <c r="CHQ653" s="613"/>
      <c r="CHR653" s="613"/>
      <c r="CHS653" s="613"/>
      <c r="CHT653" s="613"/>
      <c r="CHU653" s="613"/>
      <c r="CHV653" s="613"/>
      <c r="CHW653" s="613"/>
      <c r="CHX653" s="613"/>
      <c r="CHY653" s="613"/>
      <c r="CHZ653" s="613"/>
      <c r="CIA653" s="613"/>
      <c r="CIB653" s="613"/>
      <c r="CIC653" s="613"/>
      <c r="CID653" s="613"/>
      <c r="CIE653" s="613"/>
      <c r="CIF653" s="613"/>
      <c r="CIG653" s="613"/>
      <c r="CIH653" s="613"/>
      <c r="CII653" s="613"/>
      <c r="CIJ653" s="613"/>
      <c r="CIK653" s="613"/>
      <c r="CIL653" s="613"/>
      <c r="CIM653" s="613"/>
      <c r="CIN653" s="613"/>
      <c r="CIO653" s="613"/>
      <c r="CIP653" s="613"/>
      <c r="CIQ653" s="613"/>
      <c r="CIR653" s="613"/>
      <c r="CIS653" s="613"/>
      <c r="CIT653" s="613"/>
      <c r="CIU653" s="613"/>
      <c r="CIV653" s="613"/>
      <c r="CIW653" s="613"/>
      <c r="CIX653" s="613"/>
      <c r="CIY653" s="613"/>
      <c r="CIZ653" s="613"/>
      <c r="CJA653" s="613"/>
      <c r="CJB653" s="613"/>
      <c r="CJC653" s="613"/>
      <c r="CJD653" s="613"/>
      <c r="CJE653" s="613"/>
      <c r="CJF653" s="613"/>
      <c r="CJG653" s="613"/>
      <c r="CJH653" s="613"/>
      <c r="CJI653" s="613"/>
      <c r="CJJ653" s="613"/>
      <c r="CJK653" s="613"/>
      <c r="CJL653" s="613"/>
      <c r="CJM653" s="613"/>
      <c r="CJN653" s="613"/>
      <c r="CJO653" s="613"/>
      <c r="CJP653" s="613"/>
      <c r="CJQ653" s="613"/>
      <c r="CJR653" s="613"/>
      <c r="CJS653" s="613"/>
      <c r="CJT653" s="613"/>
      <c r="CJU653" s="613"/>
      <c r="CJV653" s="613"/>
      <c r="CJW653" s="613"/>
      <c r="CJX653" s="613"/>
      <c r="CJY653" s="613"/>
      <c r="CJZ653" s="613"/>
      <c r="CKA653" s="613"/>
      <c r="CKB653" s="613"/>
      <c r="CKC653" s="613"/>
      <c r="CKD653" s="613"/>
      <c r="CKE653" s="613"/>
      <c r="CKF653" s="613"/>
      <c r="CKG653" s="613"/>
      <c r="CKH653" s="613"/>
      <c r="CKI653" s="613"/>
      <c r="CKJ653" s="613"/>
      <c r="CKK653" s="613"/>
      <c r="CKL653" s="613"/>
      <c r="CKM653" s="613"/>
      <c r="CKN653" s="613"/>
      <c r="CKO653" s="613"/>
      <c r="CKP653" s="613"/>
      <c r="CKQ653" s="613"/>
      <c r="CKR653" s="613"/>
      <c r="CKS653" s="613"/>
      <c r="CKT653" s="613"/>
      <c r="CKU653" s="613"/>
      <c r="CKV653" s="613"/>
      <c r="CKW653" s="613"/>
      <c r="CKX653" s="613"/>
      <c r="CKY653" s="613"/>
      <c r="CKZ653" s="613"/>
      <c r="CLA653" s="613"/>
      <c r="CLB653" s="613"/>
      <c r="CLC653" s="613"/>
      <c r="CLD653" s="613"/>
      <c r="CLE653" s="613"/>
      <c r="CLF653" s="613"/>
      <c r="CLG653" s="613"/>
      <c r="CLH653" s="613"/>
      <c r="CLI653" s="613"/>
      <c r="CLJ653" s="613"/>
      <c r="CLK653" s="613"/>
      <c r="CLL653" s="613"/>
      <c r="CLM653" s="613"/>
      <c r="CLN653" s="613"/>
      <c r="CLO653" s="613"/>
      <c r="CLP653" s="613"/>
      <c r="CLQ653" s="613"/>
      <c r="CLR653" s="613"/>
      <c r="CLS653" s="613"/>
      <c r="CLT653" s="613"/>
      <c r="CLU653" s="613"/>
      <c r="CLV653" s="613"/>
      <c r="CLW653" s="613"/>
      <c r="CLX653" s="613"/>
      <c r="CLY653" s="613"/>
      <c r="CLZ653" s="613"/>
      <c r="CMA653" s="613"/>
      <c r="CMB653" s="613"/>
      <c r="CMC653" s="613"/>
      <c r="CMD653" s="613"/>
      <c r="CME653" s="613"/>
      <c r="CMF653" s="613"/>
      <c r="CMG653" s="613"/>
      <c r="CMH653" s="613"/>
      <c r="CMI653" s="613"/>
      <c r="CMJ653" s="613"/>
      <c r="CMK653" s="613"/>
      <c r="CML653" s="613"/>
      <c r="CMM653" s="613"/>
      <c r="CMN653" s="613"/>
      <c r="CMO653" s="613"/>
      <c r="CMP653" s="613"/>
      <c r="CMQ653" s="613"/>
      <c r="CMR653" s="613"/>
      <c r="CMS653" s="613"/>
      <c r="CMT653" s="613"/>
      <c r="CMU653" s="613"/>
      <c r="CMV653" s="613"/>
      <c r="CMW653" s="613"/>
      <c r="CMX653" s="613"/>
      <c r="CMY653" s="613"/>
      <c r="CMZ653" s="613"/>
      <c r="CNA653" s="613"/>
      <c r="CNB653" s="613"/>
      <c r="CNC653" s="613"/>
      <c r="CND653" s="613"/>
      <c r="CNE653" s="613"/>
      <c r="CNF653" s="613"/>
      <c r="CNG653" s="613"/>
      <c r="CNH653" s="613"/>
      <c r="CNI653" s="613"/>
      <c r="CNJ653" s="613"/>
      <c r="CNK653" s="613"/>
      <c r="CNL653" s="613"/>
      <c r="CNM653" s="613"/>
      <c r="CNN653" s="613"/>
      <c r="CNO653" s="613"/>
      <c r="CNP653" s="613"/>
      <c r="CNQ653" s="613"/>
      <c r="CNR653" s="613"/>
      <c r="CNS653" s="613"/>
      <c r="CNT653" s="613"/>
      <c r="CNU653" s="613"/>
      <c r="CNV653" s="613"/>
      <c r="CNW653" s="613"/>
      <c r="CNX653" s="613"/>
      <c r="CNY653" s="613"/>
      <c r="CNZ653" s="613"/>
      <c r="COA653" s="613"/>
      <c r="COB653" s="613"/>
      <c r="COC653" s="613"/>
      <c r="COD653" s="613"/>
      <c r="COE653" s="613"/>
      <c r="COF653" s="613"/>
      <c r="COG653" s="613"/>
      <c r="COH653" s="613"/>
      <c r="COI653" s="613"/>
      <c r="COJ653" s="613"/>
      <c r="COK653" s="613"/>
      <c r="COL653" s="613"/>
      <c r="COM653" s="613"/>
      <c r="CON653" s="613"/>
      <c r="COO653" s="613"/>
      <c r="COP653" s="613"/>
      <c r="COQ653" s="613"/>
      <c r="COR653" s="613"/>
      <c r="COS653" s="613"/>
      <c r="COT653" s="613"/>
      <c r="COU653" s="613"/>
      <c r="COV653" s="613"/>
      <c r="COW653" s="613"/>
      <c r="COX653" s="613"/>
      <c r="COY653" s="613"/>
      <c r="COZ653" s="613"/>
      <c r="CPA653" s="613"/>
      <c r="CPB653" s="613"/>
      <c r="CPC653" s="613"/>
      <c r="CPD653" s="613"/>
      <c r="CPE653" s="613"/>
      <c r="CPF653" s="613"/>
      <c r="CPG653" s="613"/>
      <c r="CPH653" s="613"/>
      <c r="CPI653" s="613"/>
      <c r="CPJ653" s="613"/>
      <c r="CPK653" s="613"/>
      <c r="CPL653" s="613"/>
      <c r="CPM653" s="613"/>
      <c r="CPN653" s="613"/>
      <c r="CPO653" s="613"/>
      <c r="CPP653" s="613"/>
      <c r="CPQ653" s="613"/>
      <c r="CPR653" s="613"/>
      <c r="CPS653" s="613"/>
      <c r="CPT653" s="613"/>
      <c r="CPU653" s="613"/>
      <c r="CPV653" s="613"/>
      <c r="CPW653" s="613"/>
      <c r="CPX653" s="613"/>
      <c r="CPY653" s="613"/>
      <c r="CPZ653" s="613"/>
      <c r="CQA653" s="613"/>
      <c r="CQB653" s="613"/>
      <c r="CQC653" s="613"/>
      <c r="CQD653" s="613"/>
      <c r="CQE653" s="613"/>
      <c r="CQF653" s="613"/>
      <c r="CQG653" s="613"/>
      <c r="CQH653" s="613"/>
      <c r="CQI653" s="613"/>
      <c r="CQJ653" s="613"/>
      <c r="CQK653" s="613"/>
      <c r="CQL653" s="613"/>
      <c r="CQM653" s="613"/>
      <c r="CQN653" s="613"/>
      <c r="CQO653" s="613"/>
      <c r="CQP653" s="613"/>
      <c r="CQQ653" s="613"/>
      <c r="CQR653" s="613"/>
      <c r="CQS653" s="613"/>
      <c r="CQT653" s="613"/>
      <c r="CQU653" s="613"/>
      <c r="CQV653" s="613"/>
      <c r="CQW653" s="613"/>
      <c r="CQX653" s="613"/>
      <c r="CQY653" s="613"/>
      <c r="CQZ653" s="613"/>
      <c r="CRA653" s="613"/>
      <c r="CRB653" s="613"/>
      <c r="CRC653" s="613"/>
      <c r="CRD653" s="613"/>
      <c r="CRE653" s="613"/>
      <c r="CRF653" s="613"/>
      <c r="CRG653" s="613"/>
      <c r="CRH653" s="613"/>
      <c r="CRI653" s="613"/>
      <c r="CRJ653" s="613"/>
      <c r="CRK653" s="613"/>
      <c r="CRL653" s="613"/>
      <c r="CRM653" s="613"/>
      <c r="CRN653" s="613"/>
      <c r="CRO653" s="613"/>
      <c r="CRP653" s="613"/>
      <c r="CRQ653" s="613"/>
      <c r="CRR653" s="613"/>
      <c r="CRS653" s="613"/>
      <c r="CRT653" s="613"/>
      <c r="CRU653" s="613"/>
      <c r="CRV653" s="613"/>
      <c r="CRW653" s="613"/>
      <c r="CRX653" s="613"/>
      <c r="CRY653" s="613"/>
      <c r="CRZ653" s="613"/>
      <c r="CSA653" s="613"/>
      <c r="CSB653" s="613"/>
      <c r="CSC653" s="613"/>
      <c r="CSD653" s="613"/>
      <c r="CSE653" s="613"/>
      <c r="CSF653" s="613"/>
      <c r="CSG653" s="613"/>
      <c r="CSH653" s="613"/>
      <c r="CSI653" s="613"/>
      <c r="CSJ653" s="613"/>
      <c r="CSK653" s="613"/>
      <c r="CSL653" s="613"/>
      <c r="CSM653" s="613"/>
      <c r="CSN653" s="613"/>
      <c r="CSO653" s="613"/>
      <c r="CSP653" s="613"/>
      <c r="CSQ653" s="613"/>
      <c r="CSR653" s="613"/>
      <c r="CSS653" s="613"/>
      <c r="CST653" s="613"/>
      <c r="CSU653" s="613"/>
      <c r="CSV653" s="613"/>
      <c r="CSW653" s="613"/>
      <c r="CSX653" s="613"/>
      <c r="CSY653" s="613"/>
      <c r="CSZ653" s="613"/>
      <c r="CTA653" s="613"/>
      <c r="CTB653" s="613"/>
      <c r="CTC653" s="613"/>
      <c r="CTD653" s="613"/>
      <c r="CTE653" s="613"/>
      <c r="CTF653" s="613"/>
      <c r="CTG653" s="613"/>
      <c r="CTH653" s="613"/>
      <c r="CTI653" s="613"/>
      <c r="CTJ653" s="613"/>
      <c r="CTK653" s="613"/>
      <c r="CTL653" s="613"/>
      <c r="CTM653" s="613"/>
      <c r="CTN653" s="613"/>
      <c r="CTO653" s="613"/>
      <c r="CTP653" s="613"/>
      <c r="CTQ653" s="613"/>
      <c r="CTR653" s="613"/>
      <c r="CTS653" s="613"/>
      <c r="CTT653" s="613"/>
      <c r="CTU653" s="613"/>
      <c r="CTV653" s="613"/>
      <c r="CTW653" s="613"/>
      <c r="CTX653" s="613"/>
      <c r="CTY653" s="613"/>
      <c r="CTZ653" s="613"/>
      <c r="CUA653" s="613"/>
      <c r="CUB653" s="613"/>
      <c r="CUC653" s="613"/>
      <c r="CUD653" s="613"/>
      <c r="CUE653" s="613"/>
      <c r="CUF653" s="613"/>
      <c r="CUG653" s="613"/>
      <c r="CUH653" s="613"/>
      <c r="CUI653" s="613"/>
      <c r="CUJ653" s="613"/>
      <c r="CUK653" s="613"/>
      <c r="CUL653" s="613"/>
      <c r="CUM653" s="613"/>
      <c r="CUN653" s="613"/>
      <c r="CUO653" s="613"/>
      <c r="CUP653" s="613"/>
      <c r="CUQ653" s="613"/>
      <c r="CUR653" s="613"/>
      <c r="CUS653" s="613"/>
      <c r="CUT653" s="613"/>
      <c r="CUU653" s="613"/>
      <c r="CUV653" s="613"/>
      <c r="CUW653" s="613"/>
      <c r="CUX653" s="613"/>
      <c r="CUY653" s="613"/>
      <c r="CUZ653" s="613"/>
      <c r="CVA653" s="613"/>
      <c r="CVB653" s="613"/>
      <c r="CVC653" s="613"/>
      <c r="CVD653" s="613"/>
      <c r="CVE653" s="613"/>
      <c r="CVF653" s="613"/>
      <c r="CVG653" s="613"/>
      <c r="CVH653" s="613"/>
      <c r="CVI653" s="613"/>
      <c r="CVJ653" s="613"/>
      <c r="CVK653" s="613"/>
      <c r="CVL653" s="613"/>
      <c r="CVM653" s="613"/>
      <c r="CVN653" s="613"/>
      <c r="CVO653" s="613"/>
      <c r="CVP653" s="613"/>
      <c r="CVQ653" s="613"/>
      <c r="CVR653" s="613"/>
      <c r="CVS653" s="613"/>
      <c r="CVT653" s="613"/>
      <c r="CVU653" s="613"/>
      <c r="CVV653" s="613"/>
      <c r="CVW653" s="613"/>
      <c r="CVX653" s="613"/>
      <c r="CVY653" s="613"/>
      <c r="CVZ653" s="613"/>
      <c r="CWA653" s="613"/>
      <c r="CWB653" s="613"/>
      <c r="CWC653" s="613"/>
      <c r="CWD653" s="613"/>
      <c r="CWE653" s="613"/>
      <c r="CWF653" s="613"/>
      <c r="CWG653" s="613"/>
      <c r="CWH653" s="613"/>
      <c r="CWI653" s="613"/>
      <c r="CWJ653" s="613"/>
      <c r="CWK653" s="613"/>
      <c r="CWL653" s="613"/>
      <c r="CWM653" s="613"/>
      <c r="CWN653" s="613"/>
      <c r="CWO653" s="613"/>
      <c r="CWP653" s="613"/>
      <c r="CWQ653" s="613"/>
      <c r="CWR653" s="613"/>
      <c r="CWS653" s="613"/>
      <c r="CWT653" s="613"/>
      <c r="CWU653" s="613"/>
      <c r="CWV653" s="613"/>
      <c r="CWW653" s="613"/>
      <c r="CWX653" s="613"/>
      <c r="CWY653" s="613"/>
      <c r="CWZ653" s="613"/>
      <c r="CXA653" s="613"/>
      <c r="CXB653" s="613"/>
      <c r="CXC653" s="613"/>
      <c r="CXD653" s="613"/>
      <c r="CXE653" s="613"/>
      <c r="CXF653" s="613"/>
      <c r="CXG653" s="613"/>
      <c r="CXH653" s="613"/>
      <c r="CXI653" s="613"/>
      <c r="CXJ653" s="613"/>
      <c r="CXK653" s="613"/>
      <c r="CXL653" s="613"/>
      <c r="CXM653" s="613"/>
      <c r="CXN653" s="613"/>
      <c r="CXO653" s="613"/>
      <c r="CXP653" s="613"/>
      <c r="CXQ653" s="613"/>
      <c r="CXR653" s="613"/>
      <c r="CXS653" s="613"/>
      <c r="CXT653" s="613"/>
      <c r="CXU653" s="613"/>
      <c r="CXV653" s="613"/>
      <c r="CXW653" s="613"/>
      <c r="CXX653" s="613"/>
      <c r="CXY653" s="613"/>
      <c r="CXZ653" s="613"/>
      <c r="CYA653" s="613"/>
      <c r="CYB653" s="613"/>
      <c r="CYC653" s="613"/>
      <c r="CYD653" s="613"/>
      <c r="CYE653" s="613"/>
      <c r="CYF653" s="613"/>
      <c r="CYG653" s="613"/>
      <c r="CYH653" s="613"/>
      <c r="CYI653" s="613"/>
      <c r="CYJ653" s="613"/>
      <c r="CYK653" s="613"/>
      <c r="CYL653" s="613"/>
      <c r="CYM653" s="613"/>
      <c r="CYN653" s="613"/>
      <c r="CYO653" s="613"/>
      <c r="CYP653" s="613"/>
      <c r="CYQ653" s="613"/>
      <c r="CYR653" s="613"/>
      <c r="CYS653" s="613"/>
      <c r="CYT653" s="613"/>
      <c r="CYU653" s="613"/>
      <c r="CYV653" s="613"/>
      <c r="CYW653" s="613"/>
      <c r="CYX653" s="613"/>
      <c r="CYY653" s="613"/>
      <c r="CYZ653" s="613"/>
      <c r="CZA653" s="613"/>
      <c r="CZB653" s="613"/>
      <c r="CZC653" s="613"/>
      <c r="CZD653" s="613"/>
      <c r="CZE653" s="613"/>
      <c r="CZF653" s="613"/>
      <c r="CZG653" s="613"/>
      <c r="CZH653" s="613"/>
      <c r="CZI653" s="613"/>
      <c r="CZJ653" s="613"/>
      <c r="CZK653" s="613"/>
      <c r="CZL653" s="613"/>
      <c r="CZM653" s="613"/>
      <c r="CZN653" s="613"/>
      <c r="CZO653" s="613"/>
      <c r="CZP653" s="613"/>
      <c r="CZQ653" s="613"/>
      <c r="CZR653" s="613"/>
      <c r="CZS653" s="613"/>
      <c r="CZT653" s="613"/>
      <c r="CZU653" s="613"/>
      <c r="CZV653" s="613"/>
      <c r="CZW653" s="613"/>
      <c r="CZX653" s="613"/>
      <c r="CZY653" s="613"/>
      <c r="CZZ653" s="613"/>
      <c r="DAA653" s="613"/>
      <c r="DAB653" s="613"/>
      <c r="DAC653" s="613"/>
      <c r="DAD653" s="613"/>
      <c r="DAE653" s="613"/>
      <c r="DAF653" s="613"/>
      <c r="DAG653" s="613"/>
      <c r="DAH653" s="613"/>
      <c r="DAI653" s="613"/>
      <c r="DAJ653" s="613"/>
      <c r="DAK653" s="613"/>
      <c r="DAL653" s="613"/>
      <c r="DAM653" s="613"/>
      <c r="DAN653" s="613"/>
      <c r="DAO653" s="613"/>
      <c r="DAP653" s="613"/>
      <c r="DAQ653" s="613"/>
      <c r="DAR653" s="613"/>
      <c r="DAS653" s="613"/>
      <c r="DAT653" s="613"/>
      <c r="DAU653" s="613"/>
      <c r="DAV653" s="613"/>
      <c r="DAW653" s="613"/>
      <c r="DAX653" s="613"/>
      <c r="DAY653" s="613"/>
      <c r="DAZ653" s="613"/>
      <c r="DBA653" s="613"/>
      <c r="DBB653" s="613"/>
      <c r="DBC653" s="613"/>
      <c r="DBD653" s="613"/>
      <c r="DBE653" s="613"/>
      <c r="DBF653" s="613"/>
      <c r="DBG653" s="613"/>
      <c r="DBH653" s="613"/>
      <c r="DBI653" s="613"/>
      <c r="DBJ653" s="613"/>
      <c r="DBK653" s="613"/>
      <c r="DBL653" s="613"/>
      <c r="DBM653" s="613"/>
      <c r="DBN653" s="613"/>
      <c r="DBO653" s="613"/>
      <c r="DBP653" s="613"/>
      <c r="DBQ653" s="613"/>
      <c r="DBR653" s="613"/>
      <c r="DBS653" s="613"/>
      <c r="DBT653" s="613"/>
      <c r="DBU653" s="613"/>
      <c r="DBV653" s="613"/>
      <c r="DBW653" s="613"/>
      <c r="DBX653" s="613"/>
      <c r="DBY653" s="613"/>
      <c r="DBZ653" s="613"/>
      <c r="DCA653" s="613"/>
      <c r="DCB653" s="613"/>
      <c r="DCC653" s="613"/>
      <c r="DCD653" s="613"/>
      <c r="DCE653" s="613"/>
      <c r="DCF653" s="613"/>
      <c r="DCG653" s="613"/>
      <c r="DCH653" s="613"/>
      <c r="DCI653" s="613"/>
      <c r="DCJ653" s="613"/>
      <c r="DCK653" s="613"/>
      <c r="DCL653" s="613"/>
      <c r="DCM653" s="613"/>
      <c r="DCN653" s="613"/>
      <c r="DCO653" s="613"/>
      <c r="DCP653" s="613"/>
      <c r="DCQ653" s="613"/>
      <c r="DCR653" s="613"/>
      <c r="DCS653" s="613"/>
      <c r="DCT653" s="613"/>
      <c r="DCU653" s="613"/>
      <c r="DCV653" s="613"/>
      <c r="DCW653" s="613"/>
      <c r="DCX653" s="613"/>
      <c r="DCY653" s="613"/>
      <c r="DCZ653" s="613"/>
      <c r="DDA653" s="613"/>
      <c r="DDB653" s="613"/>
      <c r="DDC653" s="613"/>
      <c r="DDD653" s="613"/>
      <c r="DDE653" s="613"/>
      <c r="DDF653" s="613"/>
      <c r="DDG653" s="613"/>
      <c r="DDH653" s="613"/>
      <c r="DDI653" s="613"/>
      <c r="DDJ653" s="613"/>
      <c r="DDK653" s="613"/>
      <c r="DDL653" s="613"/>
      <c r="DDM653" s="613"/>
      <c r="DDN653" s="613"/>
      <c r="DDO653" s="613"/>
      <c r="DDP653" s="613"/>
      <c r="DDQ653" s="613"/>
      <c r="DDR653" s="613"/>
      <c r="DDS653" s="613"/>
      <c r="DDT653" s="613"/>
      <c r="DDU653" s="613"/>
      <c r="DDV653" s="613"/>
      <c r="DDW653" s="613"/>
      <c r="DDX653" s="613"/>
      <c r="DDY653" s="613"/>
      <c r="DDZ653" s="613"/>
      <c r="DEA653" s="613"/>
      <c r="DEB653" s="613"/>
      <c r="DEC653" s="613"/>
      <c r="DED653" s="613"/>
      <c r="DEE653" s="613"/>
      <c r="DEF653" s="613"/>
      <c r="DEG653" s="613"/>
      <c r="DEH653" s="613"/>
      <c r="DEI653" s="613"/>
      <c r="DEJ653" s="613"/>
      <c r="DEK653" s="613"/>
      <c r="DEL653" s="613"/>
      <c r="DEM653" s="613"/>
      <c r="DEN653" s="613"/>
      <c r="DEO653" s="613"/>
      <c r="DEP653" s="613"/>
      <c r="DEQ653" s="613"/>
      <c r="DER653" s="613"/>
      <c r="DES653" s="613"/>
      <c r="DET653" s="613"/>
      <c r="DEU653" s="613"/>
      <c r="DEV653" s="613"/>
      <c r="DEW653" s="613"/>
      <c r="DEX653" s="613"/>
      <c r="DEY653" s="613"/>
      <c r="DEZ653" s="613"/>
      <c r="DFA653" s="613"/>
      <c r="DFB653" s="613"/>
      <c r="DFC653" s="613"/>
      <c r="DFD653" s="613"/>
      <c r="DFE653" s="613"/>
      <c r="DFF653" s="613"/>
      <c r="DFG653" s="613"/>
      <c r="DFH653" s="613"/>
      <c r="DFI653" s="613"/>
      <c r="DFJ653" s="613"/>
      <c r="DFK653" s="613"/>
      <c r="DFL653" s="613"/>
      <c r="DFM653" s="613"/>
      <c r="DFN653" s="613"/>
      <c r="DFO653" s="613"/>
      <c r="DFP653" s="613"/>
      <c r="DFQ653" s="613"/>
      <c r="DFR653" s="613"/>
      <c r="DFS653" s="613"/>
      <c r="DFT653" s="613"/>
      <c r="DFU653" s="613"/>
      <c r="DFV653" s="613"/>
      <c r="DFW653" s="613"/>
      <c r="DFX653" s="613"/>
      <c r="DFY653" s="613"/>
      <c r="DFZ653" s="613"/>
      <c r="DGA653" s="613"/>
      <c r="DGB653" s="613"/>
      <c r="DGC653" s="613"/>
      <c r="DGD653" s="613"/>
      <c r="DGE653" s="613"/>
      <c r="DGF653" s="613"/>
      <c r="DGG653" s="613"/>
      <c r="DGH653" s="613"/>
      <c r="DGI653" s="613"/>
      <c r="DGJ653" s="613"/>
      <c r="DGK653" s="613"/>
      <c r="DGL653" s="613"/>
      <c r="DGM653" s="613"/>
      <c r="DGN653" s="613"/>
      <c r="DGO653" s="613"/>
      <c r="DGP653" s="613"/>
      <c r="DGQ653" s="613"/>
      <c r="DGR653" s="613"/>
      <c r="DGS653" s="613"/>
      <c r="DGT653" s="613"/>
      <c r="DGU653" s="613"/>
      <c r="DGV653" s="613"/>
      <c r="DGW653" s="613"/>
      <c r="DGX653" s="613"/>
      <c r="DGY653" s="613"/>
      <c r="DGZ653" s="613"/>
      <c r="DHA653" s="613"/>
      <c r="DHB653" s="613"/>
      <c r="DHC653" s="613"/>
      <c r="DHD653" s="613"/>
      <c r="DHE653" s="613"/>
      <c r="DHF653" s="613"/>
      <c r="DHG653" s="613"/>
      <c r="DHH653" s="613"/>
      <c r="DHI653" s="613"/>
      <c r="DHJ653" s="613"/>
      <c r="DHK653" s="613"/>
      <c r="DHL653" s="613"/>
      <c r="DHM653" s="613"/>
      <c r="DHN653" s="613"/>
      <c r="DHO653" s="613"/>
      <c r="DHP653" s="613"/>
      <c r="DHQ653" s="613"/>
      <c r="DHR653" s="613"/>
      <c r="DHS653" s="613"/>
      <c r="DHT653" s="613"/>
      <c r="DHU653" s="613"/>
      <c r="DHV653" s="613"/>
      <c r="DHW653" s="613"/>
      <c r="DHX653" s="613"/>
      <c r="DHY653" s="613"/>
      <c r="DHZ653" s="613"/>
      <c r="DIA653" s="613"/>
      <c r="DIB653" s="613"/>
      <c r="DIC653" s="613"/>
      <c r="DID653" s="613"/>
      <c r="DIE653" s="613"/>
      <c r="DIF653" s="613"/>
      <c r="DIG653" s="613"/>
      <c r="DIH653" s="613"/>
      <c r="DII653" s="613"/>
      <c r="DIJ653" s="613"/>
      <c r="DIK653" s="613"/>
      <c r="DIL653" s="613"/>
      <c r="DIM653" s="613"/>
      <c r="DIN653" s="613"/>
      <c r="DIO653" s="613"/>
      <c r="DIP653" s="613"/>
      <c r="DIQ653" s="613"/>
      <c r="DIR653" s="613"/>
      <c r="DIS653" s="613"/>
      <c r="DIT653" s="613"/>
      <c r="DIU653" s="613"/>
      <c r="DIV653" s="613"/>
      <c r="DIW653" s="613"/>
      <c r="DIX653" s="613"/>
      <c r="DIY653" s="613"/>
      <c r="DIZ653" s="613"/>
      <c r="DJA653" s="613"/>
      <c r="DJB653" s="613"/>
      <c r="DJC653" s="613"/>
      <c r="DJD653" s="613"/>
      <c r="DJE653" s="613"/>
      <c r="DJF653" s="613"/>
      <c r="DJG653" s="613"/>
      <c r="DJH653" s="613"/>
      <c r="DJI653" s="613"/>
      <c r="DJJ653" s="613"/>
      <c r="DJK653" s="613"/>
      <c r="DJL653" s="613"/>
      <c r="DJM653" s="613"/>
      <c r="DJN653" s="613"/>
      <c r="DJO653" s="613"/>
      <c r="DJP653" s="613"/>
      <c r="DJQ653" s="613"/>
      <c r="DJR653" s="613"/>
      <c r="DJS653" s="613"/>
      <c r="DJT653" s="613"/>
      <c r="DJU653" s="613"/>
      <c r="DJV653" s="613"/>
      <c r="DJW653" s="613"/>
      <c r="DJX653" s="613"/>
      <c r="DJY653" s="613"/>
      <c r="DJZ653" s="613"/>
      <c r="DKA653" s="613"/>
      <c r="DKB653" s="613"/>
      <c r="DKC653" s="613"/>
      <c r="DKD653" s="613"/>
      <c r="DKE653" s="613"/>
      <c r="DKF653" s="613"/>
      <c r="DKG653" s="613"/>
      <c r="DKH653" s="613"/>
      <c r="DKI653" s="613"/>
      <c r="DKJ653" s="613"/>
      <c r="DKK653" s="613"/>
      <c r="DKL653" s="613"/>
      <c r="DKM653" s="613"/>
      <c r="DKN653" s="613"/>
      <c r="DKO653" s="613"/>
      <c r="DKP653" s="613"/>
      <c r="DKQ653" s="613"/>
      <c r="DKR653" s="613"/>
      <c r="DKS653" s="613"/>
      <c r="DKT653" s="613"/>
      <c r="DKU653" s="613"/>
      <c r="DKV653" s="613"/>
      <c r="DKW653" s="613"/>
      <c r="DKX653" s="613"/>
      <c r="DKY653" s="613"/>
      <c r="DKZ653" s="613"/>
      <c r="DLA653" s="613"/>
      <c r="DLB653" s="613"/>
      <c r="DLC653" s="613"/>
      <c r="DLD653" s="613"/>
      <c r="DLE653" s="613"/>
      <c r="DLF653" s="613"/>
      <c r="DLG653" s="613"/>
      <c r="DLH653" s="613"/>
      <c r="DLI653" s="613"/>
      <c r="DLJ653" s="613"/>
      <c r="DLK653" s="613"/>
      <c r="DLL653" s="613"/>
      <c r="DLM653" s="613"/>
      <c r="DLN653" s="613"/>
      <c r="DLO653" s="613"/>
      <c r="DLP653" s="613"/>
      <c r="DLQ653" s="613"/>
      <c r="DLR653" s="613"/>
      <c r="DLS653" s="613"/>
      <c r="DLT653" s="613"/>
      <c r="DLU653" s="613"/>
      <c r="DLV653" s="613"/>
      <c r="DLW653" s="613"/>
      <c r="DLX653" s="613"/>
      <c r="DLY653" s="613"/>
      <c r="DLZ653" s="613"/>
      <c r="DMA653" s="613"/>
      <c r="DMB653" s="613"/>
      <c r="DMC653" s="613"/>
      <c r="DMD653" s="613"/>
      <c r="DME653" s="613"/>
      <c r="DMF653" s="613"/>
      <c r="DMG653" s="613"/>
      <c r="DMH653" s="613"/>
      <c r="DMI653" s="613"/>
      <c r="DMJ653" s="613"/>
      <c r="DMK653" s="613"/>
      <c r="DML653" s="613"/>
      <c r="DMM653" s="613"/>
      <c r="DMN653" s="613"/>
      <c r="DMO653" s="613"/>
      <c r="DMP653" s="613"/>
      <c r="DMQ653" s="613"/>
      <c r="DMR653" s="613"/>
      <c r="DMS653" s="613"/>
      <c r="DMT653" s="613"/>
      <c r="DMU653" s="613"/>
      <c r="DMV653" s="613"/>
      <c r="DMW653" s="613"/>
      <c r="DMX653" s="613"/>
      <c r="DMY653" s="613"/>
      <c r="DMZ653" s="613"/>
      <c r="DNA653" s="613"/>
      <c r="DNB653" s="613"/>
      <c r="DNC653" s="613"/>
      <c r="DND653" s="613"/>
      <c r="DNE653" s="613"/>
      <c r="DNF653" s="613"/>
      <c r="DNG653" s="613"/>
      <c r="DNH653" s="613"/>
      <c r="DNI653" s="613"/>
      <c r="DNJ653" s="613"/>
      <c r="DNK653" s="613"/>
      <c r="DNL653" s="613"/>
      <c r="DNM653" s="613"/>
      <c r="DNN653" s="613"/>
      <c r="DNO653" s="613"/>
      <c r="DNP653" s="613"/>
      <c r="DNQ653" s="613"/>
      <c r="DNR653" s="613"/>
      <c r="DNS653" s="613"/>
      <c r="DNT653" s="613"/>
      <c r="DNU653" s="613"/>
      <c r="DNV653" s="613"/>
      <c r="DNW653" s="613"/>
      <c r="DNX653" s="613"/>
      <c r="DNY653" s="613"/>
      <c r="DNZ653" s="613"/>
      <c r="DOA653" s="613"/>
      <c r="DOB653" s="613"/>
      <c r="DOC653" s="613"/>
      <c r="DOD653" s="613"/>
      <c r="DOE653" s="613"/>
      <c r="DOF653" s="613"/>
      <c r="DOG653" s="613"/>
      <c r="DOH653" s="613"/>
      <c r="DOI653" s="613"/>
      <c r="DOJ653" s="613"/>
      <c r="DOK653" s="613"/>
      <c r="DOL653" s="613"/>
      <c r="DOM653" s="613"/>
      <c r="DON653" s="613"/>
      <c r="DOO653" s="613"/>
      <c r="DOP653" s="613"/>
      <c r="DOQ653" s="613"/>
      <c r="DOR653" s="613"/>
      <c r="DOS653" s="613"/>
      <c r="DOT653" s="613"/>
      <c r="DOU653" s="613"/>
      <c r="DOV653" s="613"/>
      <c r="DOW653" s="613"/>
      <c r="DOX653" s="613"/>
      <c r="DOY653" s="613"/>
      <c r="DOZ653" s="613"/>
      <c r="DPA653" s="613"/>
      <c r="DPB653" s="613"/>
      <c r="DPC653" s="613"/>
      <c r="DPD653" s="613"/>
      <c r="DPE653" s="613"/>
      <c r="DPF653" s="613"/>
      <c r="DPG653" s="613"/>
      <c r="DPH653" s="613"/>
      <c r="DPI653" s="613"/>
      <c r="DPJ653" s="613"/>
      <c r="DPK653" s="613"/>
      <c r="DPL653" s="613"/>
      <c r="DPM653" s="613"/>
      <c r="DPN653" s="613"/>
      <c r="DPO653" s="613"/>
      <c r="DPP653" s="613"/>
      <c r="DPQ653" s="613"/>
      <c r="DPR653" s="613"/>
      <c r="DPS653" s="613"/>
      <c r="DPT653" s="613"/>
      <c r="DPU653" s="613"/>
      <c r="DPV653" s="613"/>
      <c r="DPW653" s="613"/>
      <c r="DPX653" s="613"/>
      <c r="DPY653" s="613"/>
      <c r="DPZ653" s="613"/>
      <c r="DQA653" s="613"/>
      <c r="DQB653" s="613"/>
      <c r="DQC653" s="613"/>
      <c r="DQD653" s="613"/>
      <c r="DQE653" s="613"/>
      <c r="DQF653" s="613"/>
      <c r="DQG653" s="613"/>
      <c r="DQH653" s="613"/>
      <c r="DQI653" s="613"/>
      <c r="DQJ653" s="613"/>
      <c r="DQK653" s="613"/>
      <c r="DQL653" s="613"/>
      <c r="DQM653" s="613"/>
      <c r="DQN653" s="613"/>
      <c r="DQO653" s="613"/>
      <c r="DQP653" s="613"/>
      <c r="DQQ653" s="613"/>
      <c r="DQR653" s="613"/>
      <c r="DQS653" s="613"/>
      <c r="DQT653" s="613"/>
      <c r="DQU653" s="613"/>
      <c r="DQV653" s="613"/>
      <c r="DQW653" s="613"/>
      <c r="DQX653" s="613"/>
      <c r="DQY653" s="613"/>
      <c r="DQZ653" s="613"/>
      <c r="DRA653" s="613"/>
      <c r="DRB653" s="613"/>
      <c r="DRC653" s="613"/>
      <c r="DRD653" s="613"/>
      <c r="DRE653" s="613"/>
      <c r="DRF653" s="613"/>
      <c r="DRG653" s="613"/>
      <c r="DRH653" s="613"/>
      <c r="DRI653" s="613"/>
      <c r="DRJ653" s="613"/>
      <c r="DRK653" s="613"/>
      <c r="DRL653" s="613"/>
      <c r="DRM653" s="613"/>
      <c r="DRN653" s="613"/>
      <c r="DRO653" s="613"/>
      <c r="DRP653" s="613"/>
      <c r="DRQ653" s="613"/>
      <c r="DRR653" s="613"/>
      <c r="DRS653" s="613"/>
      <c r="DRT653" s="613"/>
      <c r="DRU653" s="613"/>
      <c r="DRV653" s="613"/>
      <c r="DRW653" s="613"/>
      <c r="DRX653" s="613"/>
      <c r="DRY653" s="613"/>
      <c r="DRZ653" s="613"/>
      <c r="DSA653" s="613"/>
      <c r="DSB653" s="613"/>
      <c r="DSC653" s="613"/>
      <c r="DSD653" s="613"/>
      <c r="DSE653" s="613"/>
      <c r="DSF653" s="613"/>
      <c r="DSG653" s="613"/>
      <c r="DSH653" s="613"/>
      <c r="DSI653" s="613"/>
      <c r="DSJ653" s="613"/>
      <c r="DSK653" s="613"/>
      <c r="DSL653" s="613"/>
      <c r="DSM653" s="613"/>
      <c r="DSN653" s="613"/>
      <c r="DSO653" s="613"/>
      <c r="DSP653" s="613"/>
      <c r="DSQ653" s="613"/>
      <c r="DSR653" s="613"/>
      <c r="DSS653" s="613"/>
      <c r="DST653" s="613"/>
      <c r="DSU653" s="613"/>
      <c r="DSV653" s="613"/>
      <c r="DSW653" s="613"/>
      <c r="DSX653" s="613"/>
      <c r="DSY653" s="613"/>
      <c r="DSZ653" s="613"/>
      <c r="DTA653" s="613"/>
      <c r="DTB653" s="613"/>
      <c r="DTC653" s="613"/>
      <c r="DTD653" s="613"/>
      <c r="DTE653" s="613"/>
      <c r="DTF653" s="613"/>
      <c r="DTG653" s="613"/>
      <c r="DTH653" s="613"/>
      <c r="DTI653" s="613"/>
      <c r="DTJ653" s="613"/>
      <c r="DTK653" s="613"/>
      <c r="DTL653" s="613"/>
      <c r="DTM653" s="613"/>
      <c r="DTN653" s="613"/>
      <c r="DTO653" s="613"/>
      <c r="DTP653" s="613"/>
      <c r="DTQ653" s="613"/>
      <c r="DTR653" s="613"/>
      <c r="DTS653" s="613"/>
      <c r="DTT653" s="613"/>
      <c r="DTU653" s="613"/>
      <c r="DTV653" s="613"/>
      <c r="DTW653" s="613"/>
      <c r="DTX653" s="613"/>
      <c r="DTY653" s="613"/>
      <c r="DTZ653" s="613"/>
      <c r="DUA653" s="613"/>
      <c r="DUB653" s="613"/>
      <c r="DUC653" s="613"/>
      <c r="DUD653" s="613"/>
      <c r="DUE653" s="613"/>
      <c r="DUF653" s="613"/>
      <c r="DUG653" s="613"/>
      <c r="DUH653" s="613"/>
      <c r="DUI653" s="613"/>
      <c r="DUJ653" s="613"/>
      <c r="DUK653" s="613"/>
      <c r="DUL653" s="613"/>
      <c r="DUM653" s="613"/>
      <c r="DUN653" s="613"/>
      <c r="DUO653" s="613"/>
      <c r="DUP653" s="613"/>
      <c r="DUQ653" s="613"/>
      <c r="DUR653" s="613"/>
      <c r="DUS653" s="613"/>
      <c r="DUT653" s="613"/>
      <c r="DUU653" s="613"/>
      <c r="DUV653" s="613"/>
      <c r="DUW653" s="613"/>
      <c r="DUX653" s="613"/>
      <c r="DUY653" s="613"/>
      <c r="DUZ653" s="613"/>
      <c r="DVA653" s="613"/>
      <c r="DVB653" s="613"/>
      <c r="DVC653" s="613"/>
      <c r="DVD653" s="613"/>
      <c r="DVE653" s="613"/>
      <c r="DVF653" s="613"/>
      <c r="DVG653" s="613"/>
      <c r="DVH653" s="613"/>
      <c r="DVI653" s="613"/>
      <c r="DVJ653" s="613"/>
      <c r="DVK653" s="613"/>
      <c r="DVL653" s="613"/>
      <c r="DVM653" s="613"/>
      <c r="DVN653" s="613"/>
      <c r="DVO653" s="613"/>
      <c r="DVP653" s="613"/>
      <c r="DVQ653" s="613"/>
      <c r="DVR653" s="613"/>
      <c r="DVS653" s="613"/>
      <c r="DVT653" s="613"/>
      <c r="DVU653" s="613"/>
      <c r="DVV653" s="613"/>
      <c r="DVW653" s="613"/>
      <c r="DVX653" s="613"/>
      <c r="DVY653" s="613"/>
      <c r="DVZ653" s="613"/>
      <c r="DWA653" s="613"/>
      <c r="DWB653" s="613"/>
      <c r="DWC653" s="613"/>
      <c r="DWD653" s="613"/>
      <c r="DWE653" s="613"/>
      <c r="DWF653" s="613"/>
      <c r="DWG653" s="613"/>
      <c r="DWH653" s="613"/>
      <c r="DWI653" s="613"/>
      <c r="DWJ653" s="613"/>
      <c r="DWK653" s="613"/>
      <c r="DWL653" s="613"/>
      <c r="DWM653" s="613"/>
      <c r="DWN653" s="613"/>
      <c r="DWO653" s="613"/>
      <c r="DWP653" s="613"/>
      <c r="DWQ653" s="613"/>
      <c r="DWR653" s="613"/>
      <c r="DWS653" s="613"/>
      <c r="DWT653" s="613"/>
      <c r="DWU653" s="613"/>
      <c r="DWV653" s="613"/>
      <c r="DWW653" s="613"/>
      <c r="DWX653" s="613"/>
      <c r="DWY653" s="613"/>
      <c r="DWZ653" s="613"/>
      <c r="DXA653" s="613"/>
      <c r="DXB653" s="613"/>
      <c r="DXC653" s="613"/>
      <c r="DXD653" s="613"/>
      <c r="DXE653" s="613"/>
      <c r="DXF653" s="613"/>
      <c r="DXG653" s="613"/>
      <c r="DXH653" s="613"/>
      <c r="DXI653" s="613"/>
      <c r="DXJ653" s="613"/>
      <c r="DXK653" s="613"/>
      <c r="DXL653" s="613"/>
      <c r="DXM653" s="613"/>
      <c r="DXN653" s="613"/>
      <c r="DXO653" s="613"/>
      <c r="DXP653" s="613"/>
      <c r="DXQ653" s="613"/>
      <c r="DXR653" s="613"/>
      <c r="DXS653" s="613"/>
      <c r="DXT653" s="613"/>
      <c r="DXU653" s="613"/>
      <c r="DXV653" s="613"/>
      <c r="DXW653" s="613"/>
      <c r="DXX653" s="613"/>
      <c r="DXY653" s="613"/>
      <c r="DXZ653" s="613"/>
      <c r="DYA653" s="613"/>
      <c r="DYB653" s="613"/>
      <c r="DYC653" s="613"/>
      <c r="DYD653" s="613"/>
      <c r="DYE653" s="613"/>
      <c r="DYF653" s="613"/>
      <c r="DYG653" s="613"/>
      <c r="DYH653" s="613"/>
      <c r="DYI653" s="613"/>
      <c r="DYJ653" s="613"/>
      <c r="DYK653" s="613"/>
      <c r="DYL653" s="613"/>
      <c r="DYM653" s="613"/>
      <c r="DYN653" s="613"/>
      <c r="DYO653" s="613"/>
      <c r="DYP653" s="613"/>
      <c r="DYQ653" s="613"/>
      <c r="DYR653" s="613"/>
      <c r="DYS653" s="613"/>
      <c r="DYT653" s="613"/>
      <c r="DYU653" s="613"/>
      <c r="DYV653" s="613"/>
      <c r="DYW653" s="613"/>
      <c r="DYX653" s="613"/>
      <c r="DYY653" s="613"/>
      <c r="DYZ653" s="613"/>
      <c r="DZA653" s="613"/>
      <c r="DZB653" s="613"/>
      <c r="DZC653" s="613"/>
      <c r="DZD653" s="613"/>
      <c r="DZE653" s="613"/>
      <c r="DZF653" s="613"/>
      <c r="DZG653" s="613"/>
      <c r="DZH653" s="613"/>
      <c r="DZI653" s="613"/>
      <c r="DZJ653" s="613"/>
      <c r="DZK653" s="613"/>
      <c r="DZL653" s="613"/>
      <c r="DZM653" s="613"/>
      <c r="DZN653" s="613"/>
      <c r="DZO653" s="613"/>
      <c r="DZP653" s="613"/>
      <c r="DZQ653" s="613"/>
      <c r="DZR653" s="613"/>
      <c r="DZS653" s="613"/>
      <c r="DZT653" s="613"/>
      <c r="DZU653" s="613"/>
      <c r="DZV653" s="613"/>
      <c r="DZW653" s="613"/>
      <c r="DZX653" s="613"/>
      <c r="DZY653" s="613"/>
      <c r="DZZ653" s="613"/>
      <c r="EAA653" s="613"/>
      <c r="EAB653" s="613"/>
      <c r="EAC653" s="613"/>
      <c r="EAD653" s="613"/>
      <c r="EAE653" s="613"/>
      <c r="EAF653" s="613"/>
      <c r="EAG653" s="613"/>
      <c r="EAH653" s="613"/>
      <c r="EAI653" s="613"/>
      <c r="EAJ653" s="613"/>
      <c r="EAK653" s="613"/>
      <c r="EAL653" s="613"/>
      <c r="EAM653" s="613"/>
      <c r="EAN653" s="613"/>
      <c r="EAO653" s="613"/>
      <c r="EAP653" s="613"/>
      <c r="EAQ653" s="613"/>
      <c r="EAR653" s="613"/>
      <c r="EAS653" s="613"/>
      <c r="EAT653" s="613"/>
      <c r="EAU653" s="613"/>
      <c r="EAV653" s="613"/>
      <c r="EAW653" s="613"/>
      <c r="EAX653" s="613"/>
      <c r="EAY653" s="613"/>
      <c r="EAZ653" s="613"/>
      <c r="EBA653" s="613"/>
      <c r="EBB653" s="613"/>
      <c r="EBC653" s="613"/>
      <c r="EBD653" s="613"/>
      <c r="EBE653" s="613"/>
      <c r="EBF653" s="613"/>
      <c r="EBG653" s="613"/>
      <c r="EBH653" s="613"/>
      <c r="EBI653" s="613"/>
      <c r="EBJ653" s="613"/>
      <c r="EBK653" s="613"/>
      <c r="EBL653" s="613"/>
      <c r="EBM653" s="613"/>
      <c r="EBN653" s="613"/>
      <c r="EBO653" s="613"/>
      <c r="EBP653" s="613"/>
      <c r="EBQ653" s="613"/>
      <c r="EBR653" s="613"/>
      <c r="EBS653" s="613"/>
      <c r="EBT653" s="613"/>
      <c r="EBU653" s="613"/>
      <c r="EBV653" s="613"/>
      <c r="EBW653" s="613"/>
      <c r="EBX653" s="613"/>
      <c r="EBY653" s="613"/>
      <c r="EBZ653" s="613"/>
      <c r="ECA653" s="613"/>
      <c r="ECB653" s="613"/>
      <c r="ECC653" s="613"/>
      <c r="ECD653" s="613"/>
      <c r="ECE653" s="613"/>
      <c r="ECF653" s="613"/>
      <c r="ECG653" s="613"/>
      <c r="ECH653" s="613"/>
      <c r="ECI653" s="613"/>
      <c r="ECJ653" s="613"/>
      <c r="ECK653" s="613"/>
      <c r="ECL653" s="613"/>
      <c r="ECM653" s="613"/>
      <c r="ECN653" s="613"/>
      <c r="ECO653" s="613"/>
      <c r="ECP653" s="613"/>
      <c r="ECQ653" s="613"/>
      <c r="ECR653" s="613"/>
      <c r="ECS653" s="613"/>
      <c r="ECT653" s="613"/>
      <c r="ECU653" s="613"/>
      <c r="ECV653" s="613"/>
      <c r="ECW653" s="613"/>
      <c r="ECX653" s="613"/>
      <c r="ECY653" s="613"/>
      <c r="ECZ653" s="613"/>
      <c r="EDA653" s="613"/>
      <c r="EDB653" s="613"/>
      <c r="EDC653" s="613"/>
      <c r="EDD653" s="613"/>
      <c r="EDE653" s="613"/>
      <c r="EDF653" s="613"/>
      <c r="EDG653" s="613"/>
      <c r="EDH653" s="613"/>
      <c r="EDI653" s="613"/>
      <c r="EDJ653" s="613"/>
      <c r="EDK653" s="613"/>
      <c r="EDL653" s="613"/>
      <c r="EDM653" s="613"/>
      <c r="EDN653" s="613"/>
      <c r="EDO653" s="613"/>
      <c r="EDP653" s="613"/>
      <c r="EDQ653" s="613"/>
      <c r="EDR653" s="613"/>
      <c r="EDS653" s="613"/>
      <c r="EDT653" s="613"/>
      <c r="EDU653" s="613"/>
      <c r="EDV653" s="613"/>
      <c r="EDW653" s="613"/>
      <c r="EDX653" s="613"/>
      <c r="EDY653" s="613"/>
      <c r="EDZ653" s="613"/>
      <c r="EEA653" s="613"/>
      <c r="EEB653" s="613"/>
      <c r="EEC653" s="613"/>
      <c r="EED653" s="613"/>
      <c r="EEE653" s="613"/>
      <c r="EEF653" s="613"/>
      <c r="EEG653" s="613"/>
      <c r="EEH653" s="613"/>
      <c r="EEI653" s="613"/>
      <c r="EEJ653" s="613"/>
      <c r="EEK653" s="613"/>
      <c r="EEL653" s="613"/>
      <c r="EEM653" s="613"/>
      <c r="EEN653" s="613"/>
      <c r="EEO653" s="613"/>
      <c r="EEP653" s="613"/>
      <c r="EEQ653" s="613"/>
      <c r="EER653" s="613"/>
      <c r="EES653" s="613"/>
      <c r="EET653" s="613"/>
      <c r="EEU653" s="613"/>
      <c r="EEV653" s="613"/>
      <c r="EEW653" s="613"/>
      <c r="EEX653" s="613"/>
      <c r="EEY653" s="613"/>
      <c r="EEZ653" s="613"/>
      <c r="EFA653" s="613"/>
      <c r="EFB653" s="613"/>
      <c r="EFC653" s="613"/>
      <c r="EFD653" s="613"/>
      <c r="EFE653" s="613"/>
      <c r="EFF653" s="613"/>
      <c r="EFG653" s="613"/>
      <c r="EFH653" s="613"/>
      <c r="EFI653" s="613"/>
      <c r="EFJ653" s="613"/>
      <c r="EFK653" s="613"/>
      <c r="EFL653" s="613"/>
      <c r="EFM653" s="613"/>
      <c r="EFN653" s="613"/>
      <c r="EFO653" s="613"/>
      <c r="EFP653" s="613"/>
      <c r="EFQ653" s="613"/>
      <c r="EFR653" s="613"/>
      <c r="EFS653" s="613"/>
      <c r="EFT653" s="613"/>
      <c r="EFU653" s="613"/>
      <c r="EFV653" s="613"/>
      <c r="EFW653" s="613"/>
      <c r="EFX653" s="613"/>
      <c r="EFY653" s="613"/>
      <c r="EFZ653" s="613"/>
      <c r="EGA653" s="613"/>
      <c r="EGB653" s="613"/>
      <c r="EGC653" s="613"/>
      <c r="EGD653" s="613"/>
      <c r="EGE653" s="613"/>
      <c r="EGF653" s="613"/>
      <c r="EGG653" s="613"/>
      <c r="EGH653" s="613"/>
      <c r="EGI653" s="613"/>
      <c r="EGJ653" s="613"/>
      <c r="EGK653" s="613"/>
      <c r="EGL653" s="613"/>
      <c r="EGM653" s="613"/>
      <c r="EGN653" s="613"/>
      <c r="EGO653" s="613"/>
      <c r="EGP653" s="613"/>
      <c r="EGQ653" s="613"/>
      <c r="EGR653" s="613"/>
      <c r="EGS653" s="613"/>
      <c r="EGT653" s="613"/>
      <c r="EGU653" s="613"/>
      <c r="EGV653" s="613"/>
      <c r="EGW653" s="613"/>
      <c r="EGX653" s="613"/>
      <c r="EGY653" s="613"/>
      <c r="EGZ653" s="613"/>
      <c r="EHA653" s="613"/>
      <c r="EHB653" s="613"/>
      <c r="EHC653" s="613"/>
      <c r="EHD653" s="613"/>
      <c r="EHE653" s="613"/>
      <c r="EHF653" s="613"/>
      <c r="EHG653" s="613"/>
      <c r="EHH653" s="613"/>
      <c r="EHI653" s="613"/>
      <c r="EHJ653" s="613"/>
      <c r="EHK653" s="613"/>
      <c r="EHL653" s="613"/>
      <c r="EHM653" s="613"/>
      <c r="EHN653" s="613"/>
      <c r="EHO653" s="613"/>
      <c r="EHP653" s="613"/>
      <c r="EHQ653" s="613"/>
      <c r="EHR653" s="613"/>
      <c r="EHS653" s="613"/>
      <c r="EHT653" s="613"/>
      <c r="EHU653" s="613"/>
      <c r="EHV653" s="613"/>
      <c r="EHW653" s="613"/>
      <c r="EHX653" s="613"/>
      <c r="EHY653" s="613"/>
      <c r="EHZ653" s="613"/>
      <c r="EIA653" s="613"/>
      <c r="EIB653" s="613"/>
      <c r="EIC653" s="613"/>
      <c r="EID653" s="613"/>
      <c r="EIE653" s="613"/>
      <c r="EIF653" s="613"/>
      <c r="EIG653" s="613"/>
      <c r="EIH653" s="613"/>
      <c r="EII653" s="613"/>
      <c r="EIJ653" s="613"/>
      <c r="EIK653" s="613"/>
      <c r="EIL653" s="613"/>
      <c r="EIM653" s="613"/>
      <c r="EIN653" s="613"/>
      <c r="EIO653" s="613"/>
      <c r="EIP653" s="613"/>
      <c r="EIQ653" s="613"/>
      <c r="EIR653" s="613"/>
      <c r="EIS653" s="613"/>
      <c r="EIT653" s="613"/>
      <c r="EIU653" s="613"/>
      <c r="EIV653" s="613"/>
      <c r="EIW653" s="613"/>
      <c r="EIX653" s="613"/>
      <c r="EIY653" s="613"/>
      <c r="EIZ653" s="613"/>
      <c r="EJA653" s="613"/>
      <c r="EJB653" s="613"/>
      <c r="EJC653" s="613"/>
      <c r="EJD653" s="613"/>
      <c r="EJE653" s="613"/>
      <c r="EJF653" s="613"/>
      <c r="EJG653" s="613"/>
      <c r="EJH653" s="613"/>
      <c r="EJI653" s="613"/>
      <c r="EJJ653" s="613"/>
      <c r="EJK653" s="613"/>
      <c r="EJL653" s="613"/>
      <c r="EJM653" s="613"/>
      <c r="EJN653" s="613"/>
      <c r="EJO653" s="613"/>
      <c r="EJP653" s="613"/>
      <c r="EJQ653" s="613"/>
      <c r="EJR653" s="613"/>
      <c r="EJS653" s="613"/>
      <c r="EJT653" s="613"/>
      <c r="EJU653" s="613"/>
      <c r="EJV653" s="613"/>
      <c r="EJW653" s="613"/>
      <c r="EJX653" s="613"/>
      <c r="EJY653" s="613"/>
      <c r="EJZ653" s="613"/>
      <c r="EKA653" s="613"/>
      <c r="EKB653" s="613"/>
      <c r="EKC653" s="613"/>
      <c r="EKD653" s="613"/>
      <c r="EKE653" s="613"/>
      <c r="EKF653" s="613"/>
      <c r="EKG653" s="613"/>
      <c r="EKH653" s="613"/>
      <c r="EKI653" s="613"/>
      <c r="EKJ653" s="613"/>
      <c r="EKK653" s="613"/>
      <c r="EKL653" s="613"/>
      <c r="EKM653" s="613"/>
      <c r="EKN653" s="613"/>
      <c r="EKO653" s="613"/>
      <c r="EKP653" s="613"/>
      <c r="EKQ653" s="613"/>
      <c r="EKR653" s="613"/>
      <c r="EKS653" s="613"/>
      <c r="EKT653" s="613"/>
      <c r="EKU653" s="613"/>
      <c r="EKV653" s="613"/>
      <c r="EKW653" s="613"/>
      <c r="EKX653" s="613"/>
      <c r="EKY653" s="613"/>
      <c r="EKZ653" s="613"/>
      <c r="ELA653" s="613"/>
      <c r="ELB653" s="613"/>
      <c r="ELC653" s="613"/>
      <c r="ELD653" s="613"/>
      <c r="ELE653" s="613"/>
      <c r="ELF653" s="613"/>
      <c r="ELG653" s="613"/>
      <c r="ELH653" s="613"/>
      <c r="ELI653" s="613"/>
      <c r="ELJ653" s="613"/>
      <c r="ELK653" s="613"/>
      <c r="ELL653" s="613"/>
      <c r="ELM653" s="613"/>
      <c r="ELN653" s="613"/>
      <c r="ELO653" s="613"/>
      <c r="ELP653" s="613"/>
      <c r="ELQ653" s="613"/>
      <c r="ELR653" s="613"/>
      <c r="ELS653" s="613"/>
      <c r="ELT653" s="613"/>
      <c r="ELU653" s="613"/>
      <c r="ELV653" s="613"/>
      <c r="ELW653" s="613"/>
      <c r="ELX653" s="613"/>
      <c r="ELY653" s="613"/>
      <c r="ELZ653" s="613"/>
      <c r="EMA653" s="613"/>
      <c r="EMB653" s="613"/>
      <c r="EMC653" s="613"/>
      <c r="EMD653" s="613"/>
      <c r="EME653" s="613"/>
      <c r="EMF653" s="613"/>
      <c r="EMG653" s="613"/>
      <c r="EMH653" s="613"/>
      <c r="EMI653" s="613"/>
      <c r="EMJ653" s="613"/>
      <c r="EMK653" s="613"/>
      <c r="EML653" s="613"/>
      <c r="EMM653" s="613"/>
      <c r="EMN653" s="613"/>
      <c r="EMO653" s="613"/>
      <c r="EMP653" s="613"/>
      <c r="EMQ653" s="613"/>
      <c r="EMR653" s="613"/>
      <c r="EMS653" s="613"/>
      <c r="EMT653" s="613"/>
      <c r="EMU653" s="613"/>
      <c r="EMV653" s="613"/>
      <c r="EMW653" s="613"/>
      <c r="EMX653" s="613"/>
      <c r="EMY653" s="613"/>
      <c r="EMZ653" s="613"/>
      <c r="ENA653" s="613"/>
      <c r="ENB653" s="613"/>
      <c r="ENC653" s="613"/>
      <c r="END653" s="613"/>
      <c r="ENE653" s="613"/>
      <c r="ENF653" s="613"/>
      <c r="ENG653" s="613"/>
      <c r="ENH653" s="613"/>
      <c r="ENI653" s="613"/>
      <c r="ENJ653" s="613"/>
      <c r="ENK653" s="613"/>
      <c r="ENL653" s="613"/>
      <c r="ENM653" s="613"/>
      <c r="ENN653" s="613"/>
      <c r="ENO653" s="613"/>
      <c r="ENP653" s="613"/>
      <c r="ENQ653" s="613"/>
      <c r="ENR653" s="613"/>
      <c r="ENS653" s="613"/>
      <c r="ENT653" s="613"/>
      <c r="ENU653" s="613"/>
      <c r="ENV653" s="613"/>
      <c r="ENW653" s="613"/>
      <c r="ENX653" s="613"/>
      <c r="ENY653" s="613"/>
      <c r="ENZ653" s="613"/>
      <c r="EOA653" s="613"/>
      <c r="EOB653" s="613"/>
      <c r="EOC653" s="613"/>
      <c r="EOD653" s="613"/>
      <c r="EOE653" s="613"/>
      <c r="EOF653" s="613"/>
      <c r="EOG653" s="613"/>
      <c r="EOH653" s="613"/>
      <c r="EOI653" s="613"/>
      <c r="EOJ653" s="613"/>
      <c r="EOK653" s="613"/>
      <c r="EOL653" s="613"/>
      <c r="EOM653" s="613"/>
      <c r="EON653" s="613"/>
      <c r="EOO653" s="613"/>
      <c r="EOP653" s="613"/>
      <c r="EOQ653" s="613"/>
      <c r="EOR653" s="613"/>
      <c r="EOS653" s="613"/>
      <c r="EOT653" s="613"/>
      <c r="EOU653" s="613"/>
      <c r="EOV653" s="613"/>
      <c r="EOW653" s="613"/>
      <c r="EOX653" s="613"/>
      <c r="EOY653" s="613"/>
      <c r="EOZ653" s="613"/>
      <c r="EPA653" s="613"/>
      <c r="EPB653" s="613"/>
      <c r="EPC653" s="613"/>
      <c r="EPD653" s="613"/>
      <c r="EPE653" s="613"/>
      <c r="EPF653" s="613"/>
      <c r="EPG653" s="613"/>
      <c r="EPH653" s="613"/>
      <c r="EPI653" s="613"/>
      <c r="EPJ653" s="613"/>
      <c r="EPK653" s="613"/>
      <c r="EPL653" s="613"/>
      <c r="EPM653" s="613"/>
      <c r="EPN653" s="613"/>
      <c r="EPO653" s="613"/>
      <c r="EPP653" s="613"/>
      <c r="EPQ653" s="613"/>
      <c r="EPR653" s="613"/>
      <c r="EPS653" s="613"/>
      <c r="EPT653" s="613"/>
      <c r="EPU653" s="613"/>
      <c r="EPV653" s="613"/>
      <c r="EPW653" s="613"/>
      <c r="EPX653" s="613"/>
      <c r="EPY653" s="613"/>
      <c r="EPZ653" s="613"/>
      <c r="EQA653" s="613"/>
      <c r="EQB653" s="613"/>
      <c r="EQC653" s="613"/>
      <c r="EQD653" s="613"/>
      <c r="EQE653" s="613"/>
      <c r="EQF653" s="613"/>
      <c r="EQG653" s="613"/>
      <c r="EQH653" s="613"/>
      <c r="EQI653" s="613"/>
      <c r="EQJ653" s="613"/>
      <c r="EQK653" s="613"/>
      <c r="EQL653" s="613"/>
      <c r="EQM653" s="613"/>
      <c r="EQN653" s="613"/>
      <c r="EQO653" s="613"/>
      <c r="EQP653" s="613"/>
      <c r="EQQ653" s="613"/>
      <c r="EQR653" s="613"/>
      <c r="EQS653" s="613"/>
      <c r="EQT653" s="613"/>
      <c r="EQU653" s="613"/>
      <c r="EQV653" s="613"/>
      <c r="EQW653" s="613"/>
      <c r="EQX653" s="613"/>
      <c r="EQY653" s="613"/>
      <c r="EQZ653" s="613"/>
      <c r="ERA653" s="613"/>
      <c r="ERB653" s="613"/>
      <c r="ERC653" s="613"/>
      <c r="ERD653" s="613"/>
      <c r="ERE653" s="613"/>
      <c r="ERF653" s="613"/>
      <c r="ERG653" s="613"/>
      <c r="ERH653" s="613"/>
      <c r="ERI653" s="613"/>
      <c r="ERJ653" s="613"/>
      <c r="ERK653" s="613"/>
      <c r="ERL653" s="613"/>
      <c r="ERM653" s="613"/>
      <c r="ERN653" s="613"/>
      <c r="ERO653" s="613"/>
      <c r="ERP653" s="613"/>
      <c r="ERQ653" s="613"/>
      <c r="ERR653" s="613"/>
      <c r="ERS653" s="613"/>
      <c r="ERT653" s="613"/>
      <c r="ERU653" s="613"/>
      <c r="ERV653" s="613"/>
      <c r="ERW653" s="613"/>
      <c r="ERX653" s="613"/>
      <c r="ERY653" s="613"/>
      <c r="ERZ653" s="613"/>
      <c r="ESA653" s="613"/>
      <c r="ESB653" s="613"/>
      <c r="ESC653" s="613"/>
      <c r="ESD653" s="613"/>
      <c r="ESE653" s="613"/>
      <c r="ESF653" s="613"/>
      <c r="ESG653" s="613"/>
      <c r="ESH653" s="613"/>
      <c r="ESI653" s="613"/>
      <c r="ESJ653" s="613"/>
      <c r="ESK653" s="613"/>
      <c r="ESL653" s="613"/>
      <c r="ESM653" s="613"/>
      <c r="ESN653" s="613"/>
      <c r="ESO653" s="613"/>
      <c r="ESP653" s="613"/>
      <c r="ESQ653" s="613"/>
      <c r="ESR653" s="613"/>
      <c r="ESS653" s="613"/>
      <c r="EST653" s="613"/>
      <c r="ESU653" s="613"/>
      <c r="ESV653" s="613"/>
      <c r="ESW653" s="613"/>
      <c r="ESX653" s="613"/>
      <c r="ESY653" s="613"/>
      <c r="ESZ653" s="613"/>
      <c r="ETA653" s="613"/>
      <c r="ETB653" s="613"/>
      <c r="ETC653" s="613"/>
      <c r="ETD653" s="613"/>
      <c r="ETE653" s="613"/>
      <c r="ETF653" s="613"/>
      <c r="ETG653" s="613"/>
      <c r="ETH653" s="613"/>
      <c r="ETI653" s="613"/>
      <c r="ETJ653" s="613"/>
      <c r="ETK653" s="613"/>
      <c r="ETL653" s="613"/>
      <c r="ETM653" s="613"/>
      <c r="ETN653" s="613"/>
      <c r="ETO653" s="613"/>
      <c r="ETP653" s="613"/>
      <c r="ETQ653" s="613"/>
      <c r="ETR653" s="613"/>
      <c r="ETS653" s="613"/>
      <c r="ETT653" s="613"/>
      <c r="ETU653" s="613"/>
      <c r="ETV653" s="613"/>
      <c r="ETW653" s="613"/>
      <c r="ETX653" s="613"/>
      <c r="ETY653" s="613"/>
      <c r="ETZ653" s="613"/>
      <c r="EUA653" s="613"/>
      <c r="EUB653" s="613"/>
      <c r="EUC653" s="613"/>
      <c r="EUD653" s="613"/>
      <c r="EUE653" s="613"/>
      <c r="EUF653" s="613"/>
      <c r="EUG653" s="613"/>
      <c r="EUH653" s="613"/>
      <c r="EUI653" s="613"/>
      <c r="EUJ653" s="613"/>
      <c r="EUK653" s="613"/>
      <c r="EUL653" s="613"/>
      <c r="EUM653" s="613"/>
      <c r="EUN653" s="613"/>
      <c r="EUO653" s="613"/>
      <c r="EUP653" s="613"/>
      <c r="EUQ653" s="613"/>
      <c r="EUR653" s="613"/>
      <c r="EUS653" s="613"/>
      <c r="EUT653" s="613"/>
      <c r="EUU653" s="613"/>
      <c r="EUV653" s="613"/>
      <c r="EUW653" s="613"/>
      <c r="EUX653" s="613"/>
      <c r="EUY653" s="613"/>
      <c r="EUZ653" s="613"/>
      <c r="EVA653" s="613"/>
      <c r="EVB653" s="613"/>
      <c r="EVC653" s="613"/>
      <c r="EVD653" s="613"/>
      <c r="EVE653" s="613"/>
      <c r="EVF653" s="613"/>
      <c r="EVG653" s="613"/>
      <c r="EVH653" s="613"/>
      <c r="EVI653" s="613"/>
      <c r="EVJ653" s="613"/>
      <c r="EVK653" s="613"/>
      <c r="EVL653" s="613"/>
      <c r="EVM653" s="613"/>
      <c r="EVN653" s="613"/>
      <c r="EVO653" s="613"/>
      <c r="EVP653" s="613"/>
      <c r="EVQ653" s="613"/>
      <c r="EVR653" s="613"/>
      <c r="EVS653" s="613"/>
      <c r="EVT653" s="613"/>
      <c r="EVU653" s="613"/>
      <c r="EVV653" s="613"/>
      <c r="EVW653" s="613"/>
      <c r="EVX653" s="613"/>
      <c r="EVY653" s="613"/>
      <c r="EVZ653" s="613"/>
      <c r="EWA653" s="613"/>
      <c r="EWB653" s="613"/>
      <c r="EWC653" s="613"/>
      <c r="EWD653" s="613"/>
      <c r="EWE653" s="613"/>
      <c r="EWF653" s="613"/>
      <c r="EWG653" s="613"/>
      <c r="EWH653" s="613"/>
      <c r="EWI653" s="613"/>
      <c r="EWJ653" s="613"/>
      <c r="EWK653" s="613"/>
      <c r="EWL653" s="613"/>
      <c r="EWM653" s="613"/>
      <c r="EWN653" s="613"/>
      <c r="EWO653" s="613"/>
      <c r="EWP653" s="613"/>
      <c r="EWQ653" s="613"/>
      <c r="EWR653" s="613"/>
      <c r="EWS653" s="613"/>
      <c r="EWT653" s="613"/>
      <c r="EWU653" s="613"/>
      <c r="EWV653" s="613"/>
      <c r="EWW653" s="613"/>
      <c r="EWX653" s="613"/>
      <c r="EWY653" s="613"/>
      <c r="EWZ653" s="613"/>
      <c r="EXA653" s="613"/>
      <c r="EXB653" s="613"/>
      <c r="EXC653" s="613"/>
      <c r="EXD653" s="613"/>
      <c r="EXE653" s="613"/>
      <c r="EXF653" s="613"/>
      <c r="EXG653" s="613"/>
      <c r="EXH653" s="613"/>
      <c r="EXI653" s="613"/>
      <c r="EXJ653" s="613"/>
      <c r="EXK653" s="613"/>
      <c r="EXL653" s="613"/>
      <c r="EXM653" s="613"/>
      <c r="EXN653" s="613"/>
      <c r="EXO653" s="613"/>
      <c r="EXP653" s="613"/>
      <c r="EXQ653" s="613"/>
      <c r="EXR653" s="613"/>
      <c r="EXS653" s="613"/>
      <c r="EXT653" s="613"/>
      <c r="EXU653" s="613"/>
      <c r="EXV653" s="613"/>
      <c r="EXW653" s="613"/>
      <c r="EXX653" s="613"/>
      <c r="EXY653" s="613"/>
      <c r="EXZ653" s="613"/>
      <c r="EYA653" s="613"/>
      <c r="EYB653" s="613"/>
      <c r="EYC653" s="613"/>
      <c r="EYD653" s="613"/>
      <c r="EYE653" s="613"/>
      <c r="EYF653" s="613"/>
      <c r="EYG653" s="613"/>
      <c r="EYH653" s="613"/>
      <c r="EYI653" s="613"/>
      <c r="EYJ653" s="613"/>
      <c r="EYK653" s="613"/>
      <c r="EYL653" s="613"/>
      <c r="EYM653" s="613"/>
      <c r="EYN653" s="613"/>
      <c r="EYO653" s="613"/>
      <c r="EYP653" s="613"/>
      <c r="EYQ653" s="613"/>
      <c r="EYR653" s="613"/>
      <c r="EYS653" s="613"/>
      <c r="EYT653" s="613"/>
      <c r="EYU653" s="613"/>
      <c r="EYV653" s="613"/>
      <c r="EYW653" s="613"/>
      <c r="EYX653" s="613"/>
      <c r="EYY653" s="613"/>
      <c r="EYZ653" s="613"/>
      <c r="EZA653" s="613"/>
      <c r="EZB653" s="613"/>
      <c r="EZC653" s="613"/>
      <c r="EZD653" s="613"/>
      <c r="EZE653" s="613"/>
      <c r="EZF653" s="613"/>
      <c r="EZG653" s="613"/>
      <c r="EZH653" s="613"/>
      <c r="EZI653" s="613"/>
      <c r="EZJ653" s="613"/>
      <c r="EZK653" s="613"/>
      <c r="EZL653" s="613"/>
      <c r="EZM653" s="613"/>
      <c r="EZN653" s="613"/>
      <c r="EZO653" s="613"/>
      <c r="EZP653" s="613"/>
      <c r="EZQ653" s="613"/>
      <c r="EZR653" s="613"/>
      <c r="EZS653" s="613"/>
      <c r="EZT653" s="613"/>
      <c r="EZU653" s="613"/>
      <c r="EZV653" s="613"/>
      <c r="EZW653" s="613"/>
      <c r="EZX653" s="613"/>
      <c r="EZY653" s="613"/>
      <c r="EZZ653" s="613"/>
      <c r="FAA653" s="613"/>
      <c r="FAB653" s="613"/>
      <c r="FAC653" s="613"/>
      <c r="FAD653" s="613"/>
      <c r="FAE653" s="613"/>
      <c r="FAF653" s="613"/>
      <c r="FAG653" s="613"/>
      <c r="FAH653" s="613"/>
      <c r="FAI653" s="613"/>
      <c r="FAJ653" s="613"/>
      <c r="FAK653" s="613"/>
      <c r="FAL653" s="613"/>
      <c r="FAM653" s="613"/>
      <c r="FAN653" s="613"/>
      <c r="FAO653" s="613"/>
      <c r="FAP653" s="613"/>
      <c r="FAQ653" s="613"/>
      <c r="FAR653" s="613"/>
      <c r="FAS653" s="613"/>
      <c r="FAT653" s="613"/>
      <c r="FAU653" s="613"/>
      <c r="FAV653" s="613"/>
      <c r="FAW653" s="613"/>
      <c r="FAX653" s="613"/>
      <c r="FAY653" s="613"/>
      <c r="FAZ653" s="613"/>
      <c r="FBA653" s="613"/>
      <c r="FBB653" s="613"/>
      <c r="FBC653" s="613"/>
      <c r="FBD653" s="613"/>
      <c r="FBE653" s="613"/>
      <c r="FBF653" s="613"/>
      <c r="FBG653" s="613"/>
      <c r="FBH653" s="613"/>
      <c r="FBI653" s="613"/>
      <c r="FBJ653" s="613"/>
      <c r="FBK653" s="613"/>
      <c r="FBL653" s="613"/>
      <c r="FBM653" s="613"/>
      <c r="FBN653" s="613"/>
      <c r="FBO653" s="613"/>
      <c r="FBP653" s="613"/>
      <c r="FBQ653" s="613"/>
      <c r="FBR653" s="613"/>
      <c r="FBS653" s="613"/>
      <c r="FBT653" s="613"/>
      <c r="FBU653" s="613"/>
      <c r="FBV653" s="613"/>
      <c r="FBW653" s="613"/>
      <c r="FBX653" s="613"/>
      <c r="FBY653" s="613"/>
      <c r="FBZ653" s="613"/>
      <c r="FCA653" s="613"/>
      <c r="FCB653" s="613"/>
      <c r="FCC653" s="613"/>
      <c r="FCD653" s="613"/>
      <c r="FCE653" s="613"/>
      <c r="FCF653" s="613"/>
      <c r="FCG653" s="613"/>
      <c r="FCH653" s="613"/>
      <c r="FCI653" s="613"/>
      <c r="FCJ653" s="613"/>
      <c r="FCK653" s="613"/>
      <c r="FCL653" s="613"/>
      <c r="FCM653" s="613"/>
      <c r="FCN653" s="613"/>
      <c r="FCO653" s="613"/>
      <c r="FCP653" s="613"/>
      <c r="FCQ653" s="613"/>
      <c r="FCR653" s="613"/>
      <c r="FCS653" s="613"/>
      <c r="FCT653" s="613"/>
      <c r="FCU653" s="613"/>
      <c r="FCV653" s="613"/>
      <c r="FCW653" s="613"/>
      <c r="FCX653" s="613"/>
      <c r="FCY653" s="613"/>
      <c r="FCZ653" s="613"/>
      <c r="FDA653" s="613"/>
      <c r="FDB653" s="613"/>
      <c r="FDC653" s="613"/>
      <c r="FDD653" s="613"/>
      <c r="FDE653" s="613"/>
      <c r="FDF653" s="613"/>
      <c r="FDG653" s="613"/>
      <c r="FDH653" s="613"/>
      <c r="FDI653" s="613"/>
      <c r="FDJ653" s="613"/>
      <c r="FDK653" s="613"/>
      <c r="FDL653" s="613"/>
      <c r="FDM653" s="613"/>
      <c r="FDN653" s="613"/>
      <c r="FDO653" s="613"/>
      <c r="FDP653" s="613"/>
      <c r="FDQ653" s="613"/>
      <c r="FDR653" s="613"/>
      <c r="FDS653" s="613"/>
      <c r="FDT653" s="613"/>
      <c r="FDU653" s="613"/>
      <c r="FDV653" s="613"/>
      <c r="FDW653" s="613"/>
      <c r="FDX653" s="613"/>
      <c r="FDY653" s="613"/>
      <c r="FDZ653" s="613"/>
      <c r="FEA653" s="613"/>
      <c r="FEB653" s="613"/>
      <c r="FEC653" s="613"/>
      <c r="FED653" s="613"/>
      <c r="FEE653" s="613"/>
      <c r="FEF653" s="613"/>
      <c r="FEG653" s="613"/>
      <c r="FEH653" s="613"/>
      <c r="FEI653" s="613"/>
      <c r="FEJ653" s="613"/>
      <c r="FEK653" s="613"/>
      <c r="FEL653" s="613"/>
      <c r="FEM653" s="613"/>
      <c r="FEN653" s="613"/>
      <c r="FEO653" s="613"/>
      <c r="FEP653" s="613"/>
      <c r="FEQ653" s="613"/>
      <c r="FER653" s="613"/>
      <c r="FES653" s="613"/>
      <c r="FET653" s="613"/>
      <c r="FEU653" s="613"/>
      <c r="FEV653" s="613"/>
      <c r="FEW653" s="613"/>
      <c r="FEX653" s="613"/>
      <c r="FEY653" s="613"/>
      <c r="FEZ653" s="613"/>
      <c r="FFA653" s="613"/>
      <c r="FFB653" s="613"/>
      <c r="FFC653" s="613"/>
      <c r="FFD653" s="613"/>
      <c r="FFE653" s="613"/>
      <c r="FFF653" s="613"/>
      <c r="FFG653" s="613"/>
      <c r="FFH653" s="613"/>
      <c r="FFI653" s="613"/>
      <c r="FFJ653" s="613"/>
      <c r="FFK653" s="613"/>
      <c r="FFL653" s="613"/>
      <c r="FFM653" s="613"/>
      <c r="FFN653" s="613"/>
      <c r="FFO653" s="613"/>
      <c r="FFP653" s="613"/>
      <c r="FFQ653" s="613"/>
      <c r="FFR653" s="613"/>
      <c r="FFS653" s="613"/>
      <c r="FFT653" s="613"/>
      <c r="FFU653" s="613"/>
      <c r="FFV653" s="613"/>
      <c r="FFW653" s="613"/>
      <c r="FFX653" s="613"/>
      <c r="FFY653" s="613"/>
      <c r="FFZ653" s="613"/>
      <c r="FGA653" s="613"/>
      <c r="FGB653" s="613"/>
      <c r="FGC653" s="613"/>
      <c r="FGD653" s="613"/>
      <c r="FGE653" s="613"/>
      <c r="FGF653" s="613"/>
      <c r="FGG653" s="613"/>
      <c r="FGH653" s="613"/>
      <c r="FGI653" s="613"/>
      <c r="FGJ653" s="613"/>
      <c r="FGK653" s="613"/>
      <c r="FGL653" s="613"/>
      <c r="FGM653" s="613"/>
      <c r="FGN653" s="613"/>
      <c r="FGO653" s="613"/>
      <c r="FGP653" s="613"/>
      <c r="FGQ653" s="613"/>
      <c r="FGR653" s="613"/>
      <c r="FGS653" s="613"/>
      <c r="FGT653" s="613"/>
      <c r="FGU653" s="613"/>
      <c r="FGV653" s="613"/>
      <c r="FGW653" s="613"/>
      <c r="FGX653" s="613"/>
      <c r="FGY653" s="613"/>
      <c r="FGZ653" s="613"/>
      <c r="FHA653" s="613"/>
      <c r="FHB653" s="613"/>
      <c r="FHC653" s="613"/>
      <c r="FHD653" s="613"/>
      <c r="FHE653" s="613"/>
      <c r="FHF653" s="613"/>
      <c r="FHG653" s="613"/>
      <c r="FHH653" s="613"/>
      <c r="FHI653" s="613"/>
      <c r="FHJ653" s="613"/>
      <c r="FHK653" s="613"/>
      <c r="FHL653" s="613"/>
      <c r="FHM653" s="613"/>
      <c r="FHN653" s="613"/>
      <c r="FHO653" s="613"/>
      <c r="FHP653" s="613"/>
      <c r="FHQ653" s="613"/>
      <c r="FHR653" s="613"/>
      <c r="FHS653" s="613"/>
      <c r="FHT653" s="613"/>
      <c r="FHU653" s="613"/>
      <c r="FHV653" s="613"/>
      <c r="FHW653" s="613"/>
      <c r="FHX653" s="613"/>
      <c r="FHY653" s="613"/>
      <c r="FHZ653" s="613"/>
      <c r="FIA653" s="613"/>
      <c r="FIB653" s="613"/>
      <c r="FIC653" s="613"/>
      <c r="FID653" s="613"/>
      <c r="FIE653" s="613"/>
      <c r="FIF653" s="613"/>
      <c r="FIG653" s="613"/>
      <c r="FIH653" s="613"/>
      <c r="FII653" s="613"/>
      <c r="FIJ653" s="613"/>
      <c r="FIK653" s="613"/>
      <c r="FIL653" s="613"/>
      <c r="FIM653" s="613"/>
      <c r="FIN653" s="613"/>
      <c r="FIO653" s="613"/>
      <c r="FIP653" s="613"/>
      <c r="FIQ653" s="613"/>
      <c r="FIR653" s="613"/>
      <c r="FIS653" s="613"/>
      <c r="FIT653" s="613"/>
      <c r="FIU653" s="613"/>
      <c r="FIV653" s="613"/>
      <c r="FIW653" s="613"/>
      <c r="FIX653" s="613"/>
      <c r="FIY653" s="613"/>
      <c r="FIZ653" s="613"/>
      <c r="FJA653" s="613"/>
      <c r="FJB653" s="613"/>
      <c r="FJC653" s="613"/>
      <c r="FJD653" s="613"/>
      <c r="FJE653" s="613"/>
      <c r="FJF653" s="613"/>
      <c r="FJG653" s="613"/>
      <c r="FJH653" s="613"/>
      <c r="FJI653" s="613"/>
      <c r="FJJ653" s="613"/>
      <c r="FJK653" s="613"/>
      <c r="FJL653" s="613"/>
      <c r="FJM653" s="613"/>
      <c r="FJN653" s="613"/>
      <c r="FJO653" s="613"/>
      <c r="FJP653" s="613"/>
      <c r="FJQ653" s="613"/>
      <c r="FJR653" s="613"/>
      <c r="FJS653" s="613"/>
      <c r="FJT653" s="613"/>
      <c r="FJU653" s="613"/>
      <c r="FJV653" s="613"/>
      <c r="FJW653" s="613"/>
      <c r="FJX653" s="613"/>
      <c r="FJY653" s="613"/>
      <c r="FJZ653" s="613"/>
      <c r="FKA653" s="613"/>
      <c r="FKB653" s="613"/>
      <c r="FKC653" s="613"/>
      <c r="FKD653" s="613"/>
      <c r="FKE653" s="613"/>
      <c r="FKF653" s="613"/>
      <c r="FKG653" s="613"/>
      <c r="FKH653" s="613"/>
      <c r="FKI653" s="613"/>
      <c r="FKJ653" s="613"/>
      <c r="FKK653" s="613"/>
      <c r="FKL653" s="613"/>
      <c r="FKM653" s="613"/>
      <c r="FKN653" s="613"/>
      <c r="FKO653" s="613"/>
      <c r="FKP653" s="613"/>
      <c r="FKQ653" s="613"/>
      <c r="FKR653" s="613"/>
      <c r="FKS653" s="613"/>
      <c r="FKT653" s="613"/>
      <c r="FKU653" s="613"/>
      <c r="FKV653" s="613"/>
      <c r="FKW653" s="613"/>
      <c r="FKX653" s="613"/>
      <c r="FKY653" s="613"/>
      <c r="FKZ653" s="613"/>
      <c r="FLA653" s="613"/>
      <c r="FLB653" s="613"/>
      <c r="FLC653" s="613"/>
      <c r="FLD653" s="613"/>
      <c r="FLE653" s="613"/>
      <c r="FLF653" s="613"/>
      <c r="FLG653" s="613"/>
      <c r="FLH653" s="613"/>
      <c r="FLI653" s="613"/>
      <c r="FLJ653" s="613"/>
      <c r="FLK653" s="613"/>
      <c r="FLL653" s="613"/>
      <c r="FLM653" s="613"/>
      <c r="FLN653" s="613"/>
      <c r="FLO653" s="613"/>
      <c r="FLP653" s="613"/>
      <c r="FLQ653" s="613"/>
      <c r="FLR653" s="613"/>
      <c r="FLS653" s="613"/>
      <c r="FLT653" s="613"/>
      <c r="FLU653" s="613"/>
      <c r="FLV653" s="613"/>
      <c r="FLW653" s="613"/>
      <c r="FLX653" s="613"/>
      <c r="FLY653" s="613"/>
      <c r="FLZ653" s="613"/>
      <c r="FMA653" s="613"/>
      <c r="FMB653" s="613"/>
      <c r="FMC653" s="613"/>
      <c r="FMD653" s="613"/>
      <c r="FME653" s="613"/>
      <c r="FMF653" s="613"/>
      <c r="FMG653" s="613"/>
      <c r="FMH653" s="613"/>
      <c r="FMI653" s="613"/>
      <c r="FMJ653" s="613"/>
      <c r="FMK653" s="613"/>
      <c r="FML653" s="613"/>
      <c r="FMM653" s="613"/>
      <c r="FMN653" s="613"/>
      <c r="FMO653" s="613"/>
      <c r="FMP653" s="613"/>
      <c r="FMQ653" s="613"/>
      <c r="FMR653" s="613"/>
      <c r="FMS653" s="613"/>
      <c r="FMT653" s="613"/>
      <c r="FMU653" s="613"/>
      <c r="FMV653" s="613"/>
      <c r="FMW653" s="613"/>
      <c r="FMX653" s="613"/>
      <c r="FMY653" s="613"/>
      <c r="FMZ653" s="613"/>
      <c r="FNA653" s="613"/>
      <c r="FNB653" s="613"/>
      <c r="FNC653" s="613"/>
      <c r="FND653" s="613"/>
      <c r="FNE653" s="613"/>
      <c r="FNF653" s="613"/>
      <c r="FNG653" s="613"/>
      <c r="FNH653" s="613"/>
      <c r="FNI653" s="613"/>
      <c r="FNJ653" s="613"/>
      <c r="FNK653" s="613"/>
      <c r="FNL653" s="613"/>
      <c r="FNM653" s="613"/>
      <c r="FNN653" s="613"/>
      <c r="FNO653" s="613"/>
      <c r="FNP653" s="613"/>
      <c r="FNQ653" s="613"/>
      <c r="FNR653" s="613"/>
      <c r="FNS653" s="613"/>
      <c r="FNT653" s="613"/>
      <c r="FNU653" s="613"/>
      <c r="FNV653" s="613"/>
      <c r="FNW653" s="613"/>
      <c r="FNX653" s="613"/>
      <c r="FNY653" s="613"/>
      <c r="FNZ653" s="613"/>
      <c r="FOA653" s="613"/>
      <c r="FOB653" s="613"/>
      <c r="FOC653" s="613"/>
      <c r="FOD653" s="613"/>
      <c r="FOE653" s="613"/>
      <c r="FOF653" s="613"/>
      <c r="FOG653" s="613"/>
      <c r="FOH653" s="613"/>
      <c r="FOI653" s="613"/>
      <c r="FOJ653" s="613"/>
      <c r="FOK653" s="613"/>
      <c r="FOL653" s="613"/>
      <c r="FOM653" s="613"/>
      <c r="FON653" s="613"/>
      <c r="FOO653" s="613"/>
      <c r="FOP653" s="613"/>
      <c r="FOQ653" s="613"/>
      <c r="FOR653" s="613"/>
      <c r="FOS653" s="613"/>
      <c r="FOT653" s="613"/>
      <c r="FOU653" s="613"/>
      <c r="FOV653" s="613"/>
      <c r="FOW653" s="613"/>
      <c r="FOX653" s="613"/>
      <c r="FOY653" s="613"/>
      <c r="FOZ653" s="613"/>
      <c r="FPA653" s="613"/>
      <c r="FPB653" s="613"/>
      <c r="FPC653" s="613"/>
      <c r="FPD653" s="613"/>
      <c r="FPE653" s="613"/>
      <c r="FPF653" s="613"/>
      <c r="FPG653" s="613"/>
      <c r="FPH653" s="613"/>
      <c r="FPI653" s="613"/>
      <c r="FPJ653" s="613"/>
      <c r="FPK653" s="613"/>
      <c r="FPL653" s="613"/>
      <c r="FPM653" s="613"/>
      <c r="FPN653" s="613"/>
      <c r="FPO653" s="613"/>
      <c r="FPP653" s="613"/>
      <c r="FPQ653" s="613"/>
      <c r="FPR653" s="613"/>
      <c r="FPS653" s="613"/>
      <c r="FPT653" s="613"/>
      <c r="FPU653" s="613"/>
      <c r="FPV653" s="613"/>
      <c r="FPW653" s="613"/>
      <c r="FPX653" s="613"/>
      <c r="FPY653" s="613"/>
      <c r="FPZ653" s="613"/>
      <c r="FQA653" s="613"/>
      <c r="FQB653" s="613"/>
      <c r="FQC653" s="613"/>
      <c r="FQD653" s="613"/>
      <c r="FQE653" s="613"/>
      <c r="FQF653" s="613"/>
      <c r="FQG653" s="613"/>
      <c r="FQH653" s="613"/>
      <c r="FQI653" s="613"/>
      <c r="FQJ653" s="613"/>
      <c r="FQK653" s="613"/>
      <c r="FQL653" s="613"/>
      <c r="FQM653" s="613"/>
      <c r="FQN653" s="613"/>
      <c r="FQO653" s="613"/>
      <c r="FQP653" s="613"/>
      <c r="FQQ653" s="613"/>
      <c r="FQR653" s="613"/>
      <c r="FQS653" s="613"/>
      <c r="FQT653" s="613"/>
      <c r="FQU653" s="613"/>
      <c r="FQV653" s="613"/>
      <c r="FQW653" s="613"/>
      <c r="FQX653" s="613"/>
      <c r="FQY653" s="613"/>
      <c r="FQZ653" s="613"/>
      <c r="FRA653" s="613"/>
      <c r="FRB653" s="613"/>
      <c r="FRC653" s="613"/>
      <c r="FRD653" s="613"/>
      <c r="FRE653" s="613"/>
      <c r="FRF653" s="613"/>
      <c r="FRG653" s="613"/>
      <c r="FRH653" s="613"/>
      <c r="FRI653" s="613"/>
      <c r="FRJ653" s="613"/>
      <c r="FRK653" s="613"/>
      <c r="FRL653" s="613"/>
      <c r="FRM653" s="613"/>
      <c r="FRN653" s="613"/>
      <c r="FRO653" s="613"/>
      <c r="FRP653" s="613"/>
      <c r="FRQ653" s="613"/>
      <c r="FRR653" s="613"/>
      <c r="FRS653" s="613"/>
      <c r="FRT653" s="613"/>
      <c r="FRU653" s="613"/>
      <c r="FRV653" s="613"/>
      <c r="FRW653" s="613"/>
      <c r="FRX653" s="613"/>
      <c r="FRY653" s="613"/>
      <c r="FRZ653" s="613"/>
      <c r="FSA653" s="613"/>
      <c r="FSB653" s="613"/>
      <c r="FSC653" s="613"/>
      <c r="FSD653" s="613"/>
      <c r="FSE653" s="613"/>
      <c r="FSF653" s="613"/>
      <c r="FSG653" s="613"/>
      <c r="FSH653" s="613"/>
      <c r="FSI653" s="613"/>
      <c r="FSJ653" s="613"/>
      <c r="FSK653" s="613"/>
      <c r="FSL653" s="613"/>
      <c r="FSM653" s="613"/>
      <c r="FSN653" s="613"/>
      <c r="FSO653" s="613"/>
      <c r="FSP653" s="613"/>
      <c r="FSQ653" s="613"/>
      <c r="FSR653" s="613"/>
      <c r="FSS653" s="613"/>
      <c r="FST653" s="613"/>
      <c r="FSU653" s="613"/>
      <c r="FSV653" s="613"/>
      <c r="FSW653" s="613"/>
      <c r="FSX653" s="613"/>
      <c r="FSY653" s="613"/>
      <c r="FSZ653" s="613"/>
      <c r="FTA653" s="613"/>
      <c r="FTB653" s="613"/>
      <c r="FTC653" s="613"/>
      <c r="FTD653" s="613"/>
      <c r="FTE653" s="613"/>
      <c r="FTF653" s="613"/>
      <c r="FTG653" s="613"/>
      <c r="FTH653" s="613"/>
      <c r="FTI653" s="613"/>
      <c r="FTJ653" s="613"/>
      <c r="FTK653" s="613"/>
      <c r="FTL653" s="613"/>
      <c r="FTM653" s="613"/>
      <c r="FTN653" s="613"/>
      <c r="FTO653" s="613"/>
      <c r="FTP653" s="613"/>
      <c r="FTQ653" s="613"/>
      <c r="FTR653" s="613"/>
      <c r="FTS653" s="613"/>
      <c r="FTT653" s="613"/>
      <c r="FTU653" s="613"/>
      <c r="FTV653" s="613"/>
      <c r="FTW653" s="613"/>
      <c r="FTX653" s="613"/>
      <c r="FTY653" s="613"/>
      <c r="FTZ653" s="613"/>
      <c r="FUA653" s="613"/>
      <c r="FUB653" s="613"/>
      <c r="FUC653" s="613"/>
      <c r="FUD653" s="613"/>
      <c r="FUE653" s="613"/>
      <c r="FUF653" s="613"/>
      <c r="FUG653" s="613"/>
      <c r="FUH653" s="613"/>
      <c r="FUI653" s="613"/>
      <c r="FUJ653" s="613"/>
      <c r="FUK653" s="613"/>
      <c r="FUL653" s="613"/>
      <c r="FUM653" s="613"/>
      <c r="FUN653" s="613"/>
      <c r="FUO653" s="613"/>
      <c r="FUP653" s="613"/>
      <c r="FUQ653" s="613"/>
      <c r="FUR653" s="613"/>
      <c r="FUS653" s="613"/>
      <c r="FUT653" s="613"/>
      <c r="FUU653" s="613"/>
      <c r="FUV653" s="613"/>
      <c r="FUW653" s="613"/>
      <c r="FUX653" s="613"/>
      <c r="FUY653" s="613"/>
      <c r="FUZ653" s="613"/>
      <c r="FVA653" s="613"/>
      <c r="FVB653" s="613"/>
      <c r="FVC653" s="613"/>
      <c r="FVD653" s="613"/>
      <c r="FVE653" s="613"/>
      <c r="FVF653" s="613"/>
      <c r="FVG653" s="613"/>
      <c r="FVH653" s="613"/>
      <c r="FVI653" s="613"/>
      <c r="FVJ653" s="613"/>
      <c r="FVK653" s="613"/>
      <c r="FVL653" s="613"/>
      <c r="FVM653" s="613"/>
      <c r="FVN653" s="613"/>
      <c r="FVO653" s="613"/>
      <c r="FVP653" s="613"/>
      <c r="FVQ653" s="613"/>
      <c r="FVR653" s="613"/>
      <c r="FVS653" s="613"/>
      <c r="FVT653" s="613"/>
      <c r="FVU653" s="613"/>
      <c r="FVV653" s="613"/>
      <c r="FVW653" s="613"/>
      <c r="FVX653" s="613"/>
      <c r="FVY653" s="613"/>
      <c r="FVZ653" s="613"/>
      <c r="FWA653" s="613"/>
      <c r="FWB653" s="613"/>
      <c r="FWC653" s="613"/>
      <c r="FWD653" s="613"/>
      <c r="FWE653" s="613"/>
      <c r="FWF653" s="613"/>
      <c r="FWG653" s="613"/>
      <c r="FWH653" s="613"/>
      <c r="FWI653" s="613"/>
      <c r="FWJ653" s="613"/>
      <c r="FWK653" s="613"/>
      <c r="FWL653" s="613"/>
      <c r="FWM653" s="613"/>
      <c r="FWN653" s="613"/>
      <c r="FWO653" s="613"/>
      <c r="FWP653" s="613"/>
      <c r="FWQ653" s="613"/>
      <c r="FWR653" s="613"/>
      <c r="FWS653" s="613"/>
      <c r="FWT653" s="613"/>
      <c r="FWU653" s="613"/>
      <c r="FWV653" s="613"/>
      <c r="FWW653" s="613"/>
      <c r="FWX653" s="613"/>
      <c r="FWY653" s="613"/>
      <c r="FWZ653" s="613"/>
      <c r="FXA653" s="613"/>
      <c r="FXB653" s="613"/>
      <c r="FXC653" s="613"/>
      <c r="FXD653" s="613"/>
      <c r="FXE653" s="613"/>
      <c r="FXF653" s="613"/>
      <c r="FXG653" s="613"/>
      <c r="FXH653" s="613"/>
      <c r="FXI653" s="613"/>
      <c r="FXJ653" s="613"/>
      <c r="FXK653" s="613"/>
      <c r="FXL653" s="613"/>
      <c r="FXM653" s="613"/>
      <c r="FXN653" s="613"/>
      <c r="FXO653" s="613"/>
      <c r="FXP653" s="613"/>
      <c r="FXQ653" s="613"/>
      <c r="FXR653" s="613"/>
      <c r="FXS653" s="613"/>
      <c r="FXT653" s="613"/>
      <c r="FXU653" s="613"/>
      <c r="FXV653" s="613"/>
      <c r="FXW653" s="613"/>
      <c r="FXX653" s="613"/>
      <c r="FXY653" s="613"/>
      <c r="FXZ653" s="613"/>
      <c r="FYA653" s="613"/>
      <c r="FYB653" s="613"/>
      <c r="FYC653" s="613"/>
      <c r="FYD653" s="613"/>
      <c r="FYE653" s="613"/>
      <c r="FYF653" s="613"/>
      <c r="FYG653" s="613"/>
      <c r="FYH653" s="613"/>
      <c r="FYI653" s="613"/>
      <c r="FYJ653" s="613"/>
      <c r="FYK653" s="613"/>
      <c r="FYL653" s="613"/>
      <c r="FYM653" s="613"/>
      <c r="FYN653" s="613"/>
      <c r="FYO653" s="613"/>
      <c r="FYP653" s="613"/>
      <c r="FYQ653" s="613"/>
      <c r="FYR653" s="613"/>
      <c r="FYS653" s="613"/>
      <c r="FYT653" s="613"/>
      <c r="FYU653" s="613"/>
      <c r="FYV653" s="613"/>
      <c r="FYW653" s="613"/>
      <c r="FYX653" s="613"/>
      <c r="FYY653" s="613"/>
      <c r="FYZ653" s="613"/>
      <c r="FZA653" s="613"/>
      <c r="FZB653" s="613"/>
      <c r="FZC653" s="613"/>
      <c r="FZD653" s="613"/>
      <c r="FZE653" s="613"/>
      <c r="FZF653" s="613"/>
      <c r="FZG653" s="613"/>
      <c r="FZH653" s="613"/>
      <c r="FZI653" s="613"/>
      <c r="FZJ653" s="613"/>
      <c r="FZK653" s="613"/>
      <c r="FZL653" s="613"/>
      <c r="FZM653" s="613"/>
      <c r="FZN653" s="613"/>
      <c r="FZO653" s="613"/>
      <c r="FZP653" s="613"/>
      <c r="FZQ653" s="613"/>
      <c r="FZR653" s="613"/>
      <c r="FZS653" s="613"/>
      <c r="FZT653" s="613"/>
      <c r="FZU653" s="613"/>
      <c r="FZV653" s="613"/>
      <c r="FZW653" s="613"/>
      <c r="FZX653" s="613"/>
      <c r="FZY653" s="613"/>
      <c r="FZZ653" s="613"/>
      <c r="GAA653" s="613"/>
      <c r="GAB653" s="613"/>
      <c r="GAC653" s="613"/>
      <c r="GAD653" s="613"/>
      <c r="GAE653" s="613"/>
      <c r="GAF653" s="613"/>
      <c r="GAG653" s="613"/>
      <c r="GAH653" s="613"/>
      <c r="GAI653" s="613"/>
      <c r="GAJ653" s="613"/>
      <c r="GAK653" s="613"/>
      <c r="GAL653" s="613"/>
      <c r="GAM653" s="613"/>
      <c r="GAN653" s="613"/>
      <c r="GAO653" s="613"/>
      <c r="GAP653" s="613"/>
      <c r="GAQ653" s="613"/>
      <c r="GAR653" s="613"/>
      <c r="GAS653" s="613"/>
      <c r="GAT653" s="613"/>
      <c r="GAU653" s="613"/>
      <c r="GAV653" s="613"/>
      <c r="GAW653" s="613"/>
      <c r="GAX653" s="613"/>
      <c r="GAY653" s="613"/>
      <c r="GAZ653" s="613"/>
      <c r="GBA653" s="613"/>
      <c r="GBB653" s="613"/>
      <c r="GBC653" s="613"/>
      <c r="GBD653" s="613"/>
      <c r="GBE653" s="613"/>
      <c r="GBF653" s="613"/>
      <c r="GBG653" s="613"/>
      <c r="GBH653" s="613"/>
      <c r="GBI653" s="613"/>
      <c r="GBJ653" s="613"/>
      <c r="GBK653" s="613"/>
      <c r="GBL653" s="613"/>
      <c r="GBM653" s="613"/>
      <c r="GBN653" s="613"/>
      <c r="GBO653" s="613"/>
      <c r="GBP653" s="613"/>
      <c r="GBQ653" s="613"/>
      <c r="GBR653" s="613"/>
      <c r="GBS653" s="613"/>
      <c r="GBT653" s="613"/>
      <c r="GBU653" s="613"/>
      <c r="GBV653" s="613"/>
      <c r="GBW653" s="613"/>
      <c r="GBX653" s="613"/>
      <c r="GBY653" s="613"/>
      <c r="GBZ653" s="613"/>
      <c r="GCA653" s="613"/>
      <c r="GCB653" s="613"/>
      <c r="GCC653" s="613"/>
      <c r="GCD653" s="613"/>
      <c r="GCE653" s="613"/>
      <c r="GCF653" s="613"/>
      <c r="GCG653" s="613"/>
      <c r="GCH653" s="613"/>
      <c r="GCI653" s="613"/>
      <c r="GCJ653" s="613"/>
      <c r="GCK653" s="613"/>
      <c r="GCL653" s="613"/>
      <c r="GCM653" s="613"/>
      <c r="GCN653" s="613"/>
      <c r="GCO653" s="613"/>
      <c r="GCP653" s="613"/>
      <c r="GCQ653" s="613"/>
      <c r="GCR653" s="613"/>
      <c r="GCS653" s="613"/>
      <c r="GCT653" s="613"/>
      <c r="GCU653" s="613"/>
      <c r="GCV653" s="613"/>
      <c r="GCW653" s="613"/>
      <c r="GCX653" s="613"/>
      <c r="GCY653" s="613"/>
      <c r="GCZ653" s="613"/>
      <c r="GDA653" s="613"/>
      <c r="GDB653" s="613"/>
      <c r="GDC653" s="613"/>
      <c r="GDD653" s="613"/>
      <c r="GDE653" s="613"/>
      <c r="GDF653" s="613"/>
      <c r="GDG653" s="613"/>
      <c r="GDH653" s="613"/>
      <c r="GDI653" s="613"/>
      <c r="GDJ653" s="613"/>
      <c r="GDK653" s="613"/>
      <c r="GDL653" s="613"/>
      <c r="GDM653" s="613"/>
      <c r="GDN653" s="613"/>
      <c r="GDO653" s="613"/>
      <c r="GDP653" s="613"/>
      <c r="GDQ653" s="613"/>
      <c r="GDR653" s="613"/>
      <c r="GDS653" s="613"/>
      <c r="GDT653" s="613"/>
      <c r="GDU653" s="613"/>
      <c r="GDV653" s="613"/>
      <c r="GDW653" s="613"/>
      <c r="GDX653" s="613"/>
      <c r="GDY653" s="613"/>
      <c r="GDZ653" s="613"/>
      <c r="GEA653" s="613"/>
      <c r="GEB653" s="613"/>
      <c r="GEC653" s="613"/>
      <c r="GED653" s="613"/>
      <c r="GEE653" s="613"/>
      <c r="GEF653" s="613"/>
      <c r="GEG653" s="613"/>
      <c r="GEH653" s="613"/>
      <c r="GEI653" s="613"/>
      <c r="GEJ653" s="613"/>
      <c r="GEK653" s="613"/>
      <c r="GEL653" s="613"/>
      <c r="GEM653" s="613"/>
      <c r="GEN653" s="613"/>
      <c r="GEO653" s="613"/>
      <c r="GEP653" s="613"/>
      <c r="GEQ653" s="613"/>
      <c r="GER653" s="613"/>
      <c r="GES653" s="613"/>
      <c r="GET653" s="613"/>
      <c r="GEU653" s="613"/>
      <c r="GEV653" s="613"/>
      <c r="GEW653" s="613"/>
      <c r="GEX653" s="613"/>
      <c r="GEY653" s="613"/>
      <c r="GEZ653" s="613"/>
      <c r="GFA653" s="613"/>
      <c r="GFB653" s="613"/>
      <c r="GFC653" s="613"/>
      <c r="GFD653" s="613"/>
      <c r="GFE653" s="613"/>
      <c r="GFF653" s="613"/>
      <c r="GFG653" s="613"/>
      <c r="GFH653" s="613"/>
      <c r="GFI653" s="613"/>
      <c r="GFJ653" s="613"/>
      <c r="GFK653" s="613"/>
      <c r="GFL653" s="613"/>
      <c r="GFM653" s="613"/>
      <c r="GFN653" s="613"/>
      <c r="GFO653" s="613"/>
      <c r="GFP653" s="613"/>
      <c r="GFQ653" s="613"/>
      <c r="GFR653" s="613"/>
      <c r="GFS653" s="613"/>
      <c r="GFT653" s="613"/>
      <c r="GFU653" s="613"/>
      <c r="GFV653" s="613"/>
      <c r="GFW653" s="613"/>
      <c r="GFX653" s="613"/>
      <c r="GFY653" s="613"/>
      <c r="GFZ653" s="613"/>
      <c r="GGA653" s="613"/>
      <c r="GGB653" s="613"/>
      <c r="GGC653" s="613"/>
      <c r="GGD653" s="613"/>
      <c r="GGE653" s="613"/>
      <c r="GGF653" s="613"/>
      <c r="GGG653" s="613"/>
      <c r="GGH653" s="613"/>
      <c r="GGI653" s="613"/>
      <c r="GGJ653" s="613"/>
      <c r="GGK653" s="613"/>
      <c r="GGL653" s="613"/>
      <c r="GGM653" s="613"/>
      <c r="GGN653" s="613"/>
      <c r="GGO653" s="613"/>
      <c r="GGP653" s="613"/>
      <c r="GGQ653" s="613"/>
      <c r="GGR653" s="613"/>
      <c r="GGS653" s="613"/>
      <c r="GGT653" s="613"/>
      <c r="GGU653" s="613"/>
      <c r="GGV653" s="613"/>
      <c r="GGW653" s="613"/>
      <c r="GGX653" s="613"/>
      <c r="GGY653" s="613"/>
      <c r="GGZ653" s="613"/>
      <c r="GHA653" s="613"/>
      <c r="GHB653" s="613"/>
      <c r="GHC653" s="613"/>
      <c r="GHD653" s="613"/>
      <c r="GHE653" s="613"/>
      <c r="GHF653" s="613"/>
      <c r="GHG653" s="613"/>
      <c r="GHH653" s="613"/>
      <c r="GHI653" s="613"/>
      <c r="GHJ653" s="613"/>
      <c r="GHK653" s="613"/>
      <c r="GHL653" s="613"/>
      <c r="GHM653" s="613"/>
      <c r="GHN653" s="613"/>
      <c r="GHO653" s="613"/>
      <c r="GHP653" s="613"/>
      <c r="GHQ653" s="613"/>
      <c r="GHR653" s="613"/>
      <c r="GHS653" s="613"/>
      <c r="GHT653" s="613"/>
      <c r="GHU653" s="613"/>
      <c r="GHV653" s="613"/>
      <c r="GHW653" s="613"/>
      <c r="GHX653" s="613"/>
      <c r="GHY653" s="613"/>
      <c r="GHZ653" s="613"/>
      <c r="GIA653" s="613"/>
      <c r="GIB653" s="613"/>
      <c r="GIC653" s="613"/>
      <c r="GID653" s="613"/>
      <c r="GIE653" s="613"/>
      <c r="GIF653" s="613"/>
      <c r="GIG653" s="613"/>
      <c r="GIH653" s="613"/>
      <c r="GII653" s="613"/>
      <c r="GIJ653" s="613"/>
      <c r="GIK653" s="613"/>
      <c r="GIL653" s="613"/>
      <c r="GIM653" s="613"/>
      <c r="GIN653" s="613"/>
      <c r="GIO653" s="613"/>
      <c r="GIP653" s="613"/>
      <c r="GIQ653" s="613"/>
      <c r="GIR653" s="613"/>
      <c r="GIS653" s="613"/>
      <c r="GIT653" s="613"/>
      <c r="GIU653" s="613"/>
      <c r="GIV653" s="613"/>
      <c r="GIW653" s="613"/>
      <c r="GIX653" s="613"/>
      <c r="GIY653" s="613"/>
      <c r="GIZ653" s="613"/>
      <c r="GJA653" s="613"/>
      <c r="GJB653" s="613"/>
      <c r="GJC653" s="613"/>
      <c r="GJD653" s="613"/>
      <c r="GJE653" s="613"/>
      <c r="GJF653" s="613"/>
      <c r="GJG653" s="613"/>
      <c r="GJH653" s="613"/>
      <c r="GJI653" s="613"/>
      <c r="GJJ653" s="613"/>
      <c r="GJK653" s="613"/>
      <c r="GJL653" s="613"/>
      <c r="GJM653" s="613"/>
      <c r="GJN653" s="613"/>
      <c r="GJO653" s="613"/>
      <c r="GJP653" s="613"/>
      <c r="GJQ653" s="613"/>
      <c r="GJR653" s="613"/>
      <c r="GJS653" s="613"/>
      <c r="GJT653" s="613"/>
      <c r="GJU653" s="613"/>
      <c r="GJV653" s="613"/>
      <c r="GJW653" s="613"/>
      <c r="GJX653" s="613"/>
      <c r="GJY653" s="613"/>
      <c r="GJZ653" s="613"/>
      <c r="GKA653" s="613"/>
      <c r="GKB653" s="613"/>
      <c r="GKC653" s="613"/>
      <c r="GKD653" s="613"/>
      <c r="GKE653" s="613"/>
      <c r="GKF653" s="613"/>
      <c r="GKG653" s="613"/>
      <c r="GKH653" s="613"/>
      <c r="GKI653" s="613"/>
      <c r="GKJ653" s="613"/>
      <c r="GKK653" s="613"/>
      <c r="GKL653" s="613"/>
      <c r="GKM653" s="613"/>
      <c r="GKN653" s="613"/>
      <c r="GKO653" s="613"/>
      <c r="GKP653" s="613"/>
      <c r="GKQ653" s="613"/>
      <c r="GKR653" s="613"/>
      <c r="GKS653" s="613"/>
      <c r="GKT653" s="613"/>
      <c r="GKU653" s="613"/>
      <c r="GKV653" s="613"/>
      <c r="GKW653" s="613"/>
      <c r="GKX653" s="613"/>
      <c r="GKY653" s="613"/>
      <c r="GKZ653" s="613"/>
      <c r="GLA653" s="613"/>
      <c r="GLB653" s="613"/>
      <c r="GLC653" s="613"/>
      <c r="GLD653" s="613"/>
      <c r="GLE653" s="613"/>
      <c r="GLF653" s="613"/>
      <c r="GLG653" s="613"/>
      <c r="GLH653" s="613"/>
      <c r="GLI653" s="613"/>
      <c r="GLJ653" s="613"/>
      <c r="GLK653" s="613"/>
      <c r="GLL653" s="613"/>
      <c r="GLM653" s="613"/>
      <c r="GLN653" s="613"/>
      <c r="GLO653" s="613"/>
      <c r="GLP653" s="613"/>
      <c r="GLQ653" s="613"/>
      <c r="GLR653" s="613"/>
      <c r="GLS653" s="613"/>
      <c r="GLT653" s="613"/>
      <c r="GLU653" s="613"/>
      <c r="GLV653" s="613"/>
      <c r="GLW653" s="613"/>
      <c r="GLX653" s="613"/>
      <c r="GLY653" s="613"/>
      <c r="GLZ653" s="613"/>
      <c r="GMA653" s="613"/>
      <c r="GMB653" s="613"/>
      <c r="GMC653" s="613"/>
      <c r="GMD653" s="613"/>
      <c r="GME653" s="613"/>
      <c r="GMF653" s="613"/>
      <c r="GMG653" s="613"/>
      <c r="GMH653" s="613"/>
      <c r="GMI653" s="613"/>
      <c r="GMJ653" s="613"/>
      <c r="GMK653" s="613"/>
      <c r="GML653" s="613"/>
      <c r="GMM653" s="613"/>
      <c r="GMN653" s="613"/>
      <c r="GMO653" s="613"/>
      <c r="GMP653" s="613"/>
      <c r="GMQ653" s="613"/>
      <c r="GMR653" s="613"/>
      <c r="GMS653" s="613"/>
      <c r="GMT653" s="613"/>
      <c r="GMU653" s="613"/>
      <c r="GMV653" s="613"/>
      <c r="GMW653" s="613"/>
      <c r="GMX653" s="613"/>
      <c r="GMY653" s="613"/>
      <c r="GMZ653" s="613"/>
      <c r="GNA653" s="613"/>
      <c r="GNB653" s="613"/>
      <c r="GNC653" s="613"/>
      <c r="GND653" s="613"/>
      <c r="GNE653" s="613"/>
      <c r="GNF653" s="613"/>
      <c r="GNG653" s="613"/>
      <c r="GNH653" s="613"/>
      <c r="GNI653" s="613"/>
      <c r="GNJ653" s="613"/>
      <c r="GNK653" s="613"/>
      <c r="GNL653" s="613"/>
      <c r="GNM653" s="613"/>
      <c r="GNN653" s="613"/>
      <c r="GNO653" s="613"/>
      <c r="GNP653" s="613"/>
      <c r="GNQ653" s="613"/>
      <c r="GNR653" s="613"/>
      <c r="GNS653" s="613"/>
      <c r="GNT653" s="613"/>
      <c r="GNU653" s="613"/>
      <c r="GNV653" s="613"/>
      <c r="GNW653" s="613"/>
      <c r="GNX653" s="613"/>
      <c r="GNY653" s="613"/>
      <c r="GNZ653" s="613"/>
      <c r="GOA653" s="613"/>
      <c r="GOB653" s="613"/>
      <c r="GOC653" s="613"/>
      <c r="GOD653" s="613"/>
      <c r="GOE653" s="613"/>
      <c r="GOF653" s="613"/>
      <c r="GOG653" s="613"/>
      <c r="GOH653" s="613"/>
      <c r="GOI653" s="613"/>
      <c r="GOJ653" s="613"/>
      <c r="GOK653" s="613"/>
      <c r="GOL653" s="613"/>
      <c r="GOM653" s="613"/>
      <c r="GON653" s="613"/>
      <c r="GOO653" s="613"/>
      <c r="GOP653" s="613"/>
      <c r="GOQ653" s="613"/>
      <c r="GOR653" s="613"/>
      <c r="GOS653" s="613"/>
      <c r="GOT653" s="613"/>
      <c r="GOU653" s="613"/>
      <c r="GOV653" s="613"/>
      <c r="GOW653" s="613"/>
      <c r="GOX653" s="613"/>
      <c r="GOY653" s="613"/>
      <c r="GOZ653" s="613"/>
      <c r="GPA653" s="613"/>
      <c r="GPB653" s="613"/>
      <c r="GPC653" s="613"/>
      <c r="GPD653" s="613"/>
      <c r="GPE653" s="613"/>
      <c r="GPF653" s="613"/>
      <c r="GPG653" s="613"/>
      <c r="GPH653" s="613"/>
      <c r="GPI653" s="613"/>
      <c r="GPJ653" s="613"/>
      <c r="GPK653" s="613"/>
      <c r="GPL653" s="613"/>
      <c r="GPM653" s="613"/>
      <c r="GPN653" s="613"/>
      <c r="GPO653" s="613"/>
      <c r="GPP653" s="613"/>
      <c r="GPQ653" s="613"/>
      <c r="GPR653" s="613"/>
      <c r="GPS653" s="613"/>
      <c r="GPT653" s="613"/>
      <c r="GPU653" s="613"/>
      <c r="GPV653" s="613"/>
      <c r="GPW653" s="613"/>
      <c r="GPX653" s="613"/>
      <c r="GPY653" s="613"/>
      <c r="GPZ653" s="613"/>
      <c r="GQA653" s="613"/>
      <c r="GQB653" s="613"/>
      <c r="GQC653" s="613"/>
      <c r="GQD653" s="613"/>
      <c r="GQE653" s="613"/>
      <c r="GQF653" s="613"/>
      <c r="GQG653" s="613"/>
      <c r="GQH653" s="613"/>
      <c r="GQI653" s="613"/>
      <c r="GQJ653" s="613"/>
      <c r="GQK653" s="613"/>
      <c r="GQL653" s="613"/>
      <c r="GQM653" s="613"/>
      <c r="GQN653" s="613"/>
      <c r="GQO653" s="613"/>
      <c r="GQP653" s="613"/>
      <c r="GQQ653" s="613"/>
      <c r="GQR653" s="613"/>
      <c r="GQS653" s="613"/>
      <c r="GQT653" s="613"/>
      <c r="GQU653" s="613"/>
      <c r="GQV653" s="613"/>
      <c r="GQW653" s="613"/>
      <c r="GQX653" s="613"/>
      <c r="GQY653" s="613"/>
      <c r="GQZ653" s="613"/>
      <c r="GRA653" s="613"/>
      <c r="GRB653" s="613"/>
      <c r="GRC653" s="613"/>
      <c r="GRD653" s="613"/>
      <c r="GRE653" s="613"/>
      <c r="GRF653" s="613"/>
      <c r="GRG653" s="613"/>
      <c r="GRH653" s="613"/>
      <c r="GRI653" s="613"/>
      <c r="GRJ653" s="613"/>
      <c r="GRK653" s="613"/>
      <c r="GRL653" s="613"/>
      <c r="GRM653" s="613"/>
      <c r="GRN653" s="613"/>
      <c r="GRO653" s="613"/>
      <c r="GRP653" s="613"/>
      <c r="GRQ653" s="613"/>
      <c r="GRR653" s="613"/>
      <c r="GRS653" s="613"/>
      <c r="GRT653" s="613"/>
      <c r="GRU653" s="613"/>
      <c r="GRV653" s="613"/>
      <c r="GRW653" s="613"/>
      <c r="GRX653" s="613"/>
      <c r="GRY653" s="613"/>
      <c r="GRZ653" s="613"/>
      <c r="GSA653" s="613"/>
      <c r="GSB653" s="613"/>
      <c r="GSC653" s="613"/>
      <c r="GSD653" s="613"/>
      <c r="GSE653" s="613"/>
      <c r="GSF653" s="613"/>
      <c r="GSG653" s="613"/>
      <c r="GSH653" s="613"/>
      <c r="GSI653" s="613"/>
      <c r="GSJ653" s="613"/>
      <c r="GSK653" s="613"/>
      <c r="GSL653" s="613"/>
      <c r="GSM653" s="613"/>
      <c r="GSN653" s="613"/>
      <c r="GSO653" s="613"/>
      <c r="GSP653" s="613"/>
      <c r="GSQ653" s="613"/>
      <c r="GSR653" s="613"/>
      <c r="GSS653" s="613"/>
      <c r="GST653" s="613"/>
      <c r="GSU653" s="613"/>
      <c r="GSV653" s="613"/>
      <c r="GSW653" s="613"/>
      <c r="GSX653" s="613"/>
      <c r="GSY653" s="613"/>
      <c r="GSZ653" s="613"/>
      <c r="GTA653" s="613"/>
      <c r="GTB653" s="613"/>
      <c r="GTC653" s="613"/>
      <c r="GTD653" s="613"/>
      <c r="GTE653" s="613"/>
      <c r="GTF653" s="613"/>
      <c r="GTG653" s="613"/>
      <c r="GTH653" s="613"/>
      <c r="GTI653" s="613"/>
      <c r="GTJ653" s="613"/>
      <c r="GTK653" s="613"/>
      <c r="GTL653" s="613"/>
      <c r="GTM653" s="613"/>
      <c r="GTN653" s="613"/>
      <c r="GTO653" s="613"/>
      <c r="GTP653" s="613"/>
      <c r="GTQ653" s="613"/>
      <c r="GTR653" s="613"/>
      <c r="GTS653" s="613"/>
      <c r="GTT653" s="613"/>
      <c r="GTU653" s="613"/>
      <c r="GTV653" s="613"/>
      <c r="GTW653" s="613"/>
      <c r="GTX653" s="613"/>
      <c r="GTY653" s="613"/>
      <c r="GTZ653" s="613"/>
      <c r="GUA653" s="613"/>
      <c r="GUB653" s="613"/>
      <c r="GUC653" s="613"/>
      <c r="GUD653" s="613"/>
      <c r="GUE653" s="613"/>
      <c r="GUF653" s="613"/>
      <c r="GUG653" s="613"/>
      <c r="GUH653" s="613"/>
      <c r="GUI653" s="613"/>
      <c r="GUJ653" s="613"/>
      <c r="GUK653" s="613"/>
      <c r="GUL653" s="613"/>
      <c r="GUM653" s="613"/>
      <c r="GUN653" s="613"/>
      <c r="GUO653" s="613"/>
      <c r="GUP653" s="613"/>
      <c r="GUQ653" s="613"/>
      <c r="GUR653" s="613"/>
      <c r="GUS653" s="613"/>
      <c r="GUT653" s="613"/>
      <c r="GUU653" s="613"/>
      <c r="GUV653" s="613"/>
      <c r="GUW653" s="613"/>
      <c r="GUX653" s="613"/>
      <c r="GUY653" s="613"/>
      <c r="GUZ653" s="613"/>
      <c r="GVA653" s="613"/>
      <c r="GVB653" s="613"/>
      <c r="GVC653" s="613"/>
      <c r="GVD653" s="613"/>
      <c r="GVE653" s="613"/>
      <c r="GVF653" s="613"/>
      <c r="GVG653" s="613"/>
      <c r="GVH653" s="613"/>
      <c r="GVI653" s="613"/>
      <c r="GVJ653" s="613"/>
      <c r="GVK653" s="613"/>
      <c r="GVL653" s="613"/>
      <c r="GVM653" s="613"/>
      <c r="GVN653" s="613"/>
      <c r="GVO653" s="613"/>
      <c r="GVP653" s="613"/>
      <c r="GVQ653" s="613"/>
      <c r="GVR653" s="613"/>
      <c r="GVS653" s="613"/>
      <c r="GVT653" s="613"/>
      <c r="GVU653" s="613"/>
      <c r="GVV653" s="613"/>
      <c r="GVW653" s="613"/>
      <c r="GVX653" s="613"/>
      <c r="GVY653" s="613"/>
      <c r="GVZ653" s="613"/>
      <c r="GWA653" s="613"/>
      <c r="GWB653" s="613"/>
      <c r="GWC653" s="613"/>
      <c r="GWD653" s="613"/>
      <c r="GWE653" s="613"/>
      <c r="GWF653" s="613"/>
      <c r="GWG653" s="613"/>
      <c r="GWH653" s="613"/>
      <c r="GWI653" s="613"/>
      <c r="GWJ653" s="613"/>
      <c r="GWK653" s="613"/>
      <c r="GWL653" s="613"/>
      <c r="GWM653" s="613"/>
      <c r="GWN653" s="613"/>
      <c r="GWO653" s="613"/>
      <c r="GWP653" s="613"/>
      <c r="GWQ653" s="613"/>
      <c r="GWR653" s="613"/>
      <c r="GWS653" s="613"/>
      <c r="GWT653" s="613"/>
      <c r="GWU653" s="613"/>
      <c r="GWV653" s="613"/>
      <c r="GWW653" s="613"/>
      <c r="GWX653" s="613"/>
      <c r="GWY653" s="613"/>
      <c r="GWZ653" s="613"/>
      <c r="GXA653" s="613"/>
      <c r="GXB653" s="613"/>
      <c r="GXC653" s="613"/>
      <c r="GXD653" s="613"/>
      <c r="GXE653" s="613"/>
      <c r="GXF653" s="613"/>
      <c r="GXG653" s="613"/>
      <c r="GXH653" s="613"/>
      <c r="GXI653" s="613"/>
      <c r="GXJ653" s="613"/>
      <c r="GXK653" s="613"/>
      <c r="GXL653" s="613"/>
      <c r="GXM653" s="613"/>
      <c r="GXN653" s="613"/>
      <c r="GXO653" s="613"/>
      <c r="GXP653" s="613"/>
      <c r="GXQ653" s="613"/>
      <c r="GXR653" s="613"/>
      <c r="GXS653" s="613"/>
      <c r="GXT653" s="613"/>
      <c r="GXU653" s="613"/>
      <c r="GXV653" s="613"/>
      <c r="GXW653" s="613"/>
      <c r="GXX653" s="613"/>
      <c r="GXY653" s="613"/>
      <c r="GXZ653" s="613"/>
      <c r="GYA653" s="613"/>
      <c r="GYB653" s="613"/>
      <c r="GYC653" s="613"/>
      <c r="GYD653" s="613"/>
      <c r="GYE653" s="613"/>
      <c r="GYF653" s="613"/>
      <c r="GYG653" s="613"/>
      <c r="GYH653" s="613"/>
      <c r="GYI653" s="613"/>
      <c r="GYJ653" s="613"/>
      <c r="GYK653" s="613"/>
      <c r="GYL653" s="613"/>
      <c r="GYM653" s="613"/>
      <c r="GYN653" s="613"/>
      <c r="GYO653" s="613"/>
      <c r="GYP653" s="613"/>
      <c r="GYQ653" s="613"/>
      <c r="GYR653" s="613"/>
      <c r="GYS653" s="613"/>
      <c r="GYT653" s="613"/>
      <c r="GYU653" s="613"/>
      <c r="GYV653" s="613"/>
      <c r="GYW653" s="613"/>
      <c r="GYX653" s="613"/>
      <c r="GYY653" s="613"/>
      <c r="GYZ653" s="613"/>
      <c r="GZA653" s="613"/>
      <c r="GZB653" s="613"/>
      <c r="GZC653" s="613"/>
      <c r="GZD653" s="613"/>
      <c r="GZE653" s="613"/>
      <c r="GZF653" s="613"/>
      <c r="GZG653" s="613"/>
      <c r="GZH653" s="613"/>
      <c r="GZI653" s="613"/>
      <c r="GZJ653" s="613"/>
      <c r="GZK653" s="613"/>
      <c r="GZL653" s="613"/>
      <c r="GZM653" s="613"/>
      <c r="GZN653" s="613"/>
      <c r="GZO653" s="613"/>
      <c r="GZP653" s="613"/>
      <c r="GZQ653" s="613"/>
      <c r="GZR653" s="613"/>
      <c r="GZS653" s="613"/>
      <c r="GZT653" s="613"/>
      <c r="GZU653" s="613"/>
      <c r="GZV653" s="613"/>
      <c r="GZW653" s="613"/>
      <c r="GZX653" s="613"/>
      <c r="GZY653" s="613"/>
      <c r="GZZ653" s="613"/>
      <c r="HAA653" s="613"/>
      <c r="HAB653" s="613"/>
      <c r="HAC653" s="613"/>
      <c r="HAD653" s="613"/>
      <c r="HAE653" s="613"/>
      <c r="HAF653" s="613"/>
      <c r="HAG653" s="613"/>
      <c r="HAH653" s="613"/>
      <c r="HAI653" s="613"/>
      <c r="HAJ653" s="613"/>
      <c r="HAK653" s="613"/>
      <c r="HAL653" s="613"/>
      <c r="HAM653" s="613"/>
      <c r="HAN653" s="613"/>
      <c r="HAO653" s="613"/>
      <c r="HAP653" s="613"/>
      <c r="HAQ653" s="613"/>
      <c r="HAR653" s="613"/>
      <c r="HAS653" s="613"/>
      <c r="HAT653" s="613"/>
      <c r="HAU653" s="613"/>
      <c r="HAV653" s="613"/>
      <c r="HAW653" s="613"/>
      <c r="HAX653" s="613"/>
      <c r="HAY653" s="613"/>
      <c r="HAZ653" s="613"/>
      <c r="HBA653" s="613"/>
      <c r="HBB653" s="613"/>
      <c r="HBC653" s="613"/>
      <c r="HBD653" s="613"/>
      <c r="HBE653" s="613"/>
      <c r="HBF653" s="613"/>
      <c r="HBG653" s="613"/>
      <c r="HBH653" s="613"/>
      <c r="HBI653" s="613"/>
      <c r="HBJ653" s="613"/>
      <c r="HBK653" s="613"/>
      <c r="HBL653" s="613"/>
      <c r="HBM653" s="613"/>
      <c r="HBN653" s="613"/>
      <c r="HBO653" s="613"/>
      <c r="HBP653" s="613"/>
      <c r="HBQ653" s="613"/>
      <c r="HBR653" s="613"/>
      <c r="HBS653" s="613"/>
      <c r="HBT653" s="613"/>
      <c r="HBU653" s="613"/>
      <c r="HBV653" s="613"/>
      <c r="HBW653" s="613"/>
      <c r="HBX653" s="613"/>
      <c r="HBY653" s="613"/>
      <c r="HBZ653" s="613"/>
      <c r="HCA653" s="613"/>
      <c r="HCB653" s="613"/>
      <c r="HCC653" s="613"/>
      <c r="HCD653" s="613"/>
      <c r="HCE653" s="613"/>
      <c r="HCF653" s="613"/>
      <c r="HCG653" s="613"/>
      <c r="HCH653" s="613"/>
      <c r="HCI653" s="613"/>
      <c r="HCJ653" s="613"/>
      <c r="HCK653" s="613"/>
      <c r="HCL653" s="613"/>
      <c r="HCM653" s="613"/>
      <c r="HCN653" s="613"/>
      <c r="HCO653" s="613"/>
      <c r="HCP653" s="613"/>
      <c r="HCQ653" s="613"/>
      <c r="HCR653" s="613"/>
      <c r="HCS653" s="613"/>
      <c r="HCT653" s="613"/>
      <c r="HCU653" s="613"/>
      <c r="HCV653" s="613"/>
      <c r="HCW653" s="613"/>
      <c r="HCX653" s="613"/>
      <c r="HCY653" s="613"/>
      <c r="HCZ653" s="613"/>
      <c r="HDA653" s="613"/>
      <c r="HDB653" s="613"/>
      <c r="HDC653" s="613"/>
      <c r="HDD653" s="613"/>
      <c r="HDE653" s="613"/>
      <c r="HDF653" s="613"/>
      <c r="HDG653" s="613"/>
      <c r="HDH653" s="613"/>
      <c r="HDI653" s="613"/>
      <c r="HDJ653" s="613"/>
      <c r="HDK653" s="613"/>
      <c r="HDL653" s="613"/>
      <c r="HDM653" s="613"/>
      <c r="HDN653" s="613"/>
      <c r="HDO653" s="613"/>
      <c r="HDP653" s="613"/>
      <c r="HDQ653" s="613"/>
      <c r="HDR653" s="613"/>
      <c r="HDS653" s="613"/>
      <c r="HDT653" s="613"/>
      <c r="HDU653" s="613"/>
      <c r="HDV653" s="613"/>
      <c r="HDW653" s="613"/>
      <c r="HDX653" s="613"/>
      <c r="HDY653" s="613"/>
      <c r="HDZ653" s="613"/>
      <c r="HEA653" s="613"/>
      <c r="HEB653" s="613"/>
      <c r="HEC653" s="613"/>
      <c r="HED653" s="613"/>
      <c r="HEE653" s="613"/>
      <c r="HEF653" s="613"/>
      <c r="HEG653" s="613"/>
      <c r="HEH653" s="613"/>
      <c r="HEI653" s="613"/>
      <c r="HEJ653" s="613"/>
      <c r="HEK653" s="613"/>
      <c r="HEL653" s="613"/>
      <c r="HEM653" s="613"/>
      <c r="HEN653" s="613"/>
      <c r="HEO653" s="613"/>
      <c r="HEP653" s="613"/>
      <c r="HEQ653" s="613"/>
      <c r="HER653" s="613"/>
      <c r="HES653" s="613"/>
      <c r="HET653" s="613"/>
      <c r="HEU653" s="613"/>
      <c r="HEV653" s="613"/>
      <c r="HEW653" s="613"/>
      <c r="HEX653" s="613"/>
      <c r="HEY653" s="613"/>
      <c r="HEZ653" s="613"/>
      <c r="HFA653" s="613"/>
      <c r="HFB653" s="613"/>
      <c r="HFC653" s="613"/>
      <c r="HFD653" s="613"/>
      <c r="HFE653" s="613"/>
      <c r="HFF653" s="613"/>
      <c r="HFG653" s="613"/>
      <c r="HFH653" s="613"/>
      <c r="HFI653" s="613"/>
      <c r="HFJ653" s="613"/>
      <c r="HFK653" s="613"/>
      <c r="HFL653" s="613"/>
      <c r="HFM653" s="613"/>
      <c r="HFN653" s="613"/>
      <c r="HFO653" s="613"/>
      <c r="HFP653" s="613"/>
      <c r="HFQ653" s="613"/>
      <c r="HFR653" s="613"/>
      <c r="HFS653" s="613"/>
      <c r="HFT653" s="613"/>
      <c r="HFU653" s="613"/>
      <c r="HFV653" s="613"/>
      <c r="HFW653" s="613"/>
      <c r="HFX653" s="613"/>
      <c r="HFY653" s="613"/>
      <c r="HFZ653" s="613"/>
      <c r="HGA653" s="613"/>
      <c r="HGB653" s="613"/>
      <c r="HGC653" s="613"/>
      <c r="HGD653" s="613"/>
      <c r="HGE653" s="613"/>
      <c r="HGF653" s="613"/>
      <c r="HGG653" s="613"/>
      <c r="HGH653" s="613"/>
      <c r="HGI653" s="613"/>
      <c r="HGJ653" s="613"/>
      <c r="HGK653" s="613"/>
      <c r="HGL653" s="613"/>
      <c r="HGM653" s="613"/>
      <c r="HGN653" s="613"/>
      <c r="HGO653" s="613"/>
      <c r="HGP653" s="613"/>
      <c r="HGQ653" s="613"/>
      <c r="HGR653" s="613"/>
      <c r="HGS653" s="613"/>
      <c r="HGT653" s="613"/>
      <c r="HGU653" s="613"/>
      <c r="HGV653" s="613"/>
      <c r="HGW653" s="613"/>
      <c r="HGX653" s="613"/>
      <c r="HGY653" s="613"/>
      <c r="HGZ653" s="613"/>
      <c r="HHA653" s="613"/>
      <c r="HHB653" s="613"/>
      <c r="HHC653" s="613"/>
      <c r="HHD653" s="613"/>
      <c r="HHE653" s="613"/>
      <c r="HHF653" s="613"/>
      <c r="HHG653" s="613"/>
      <c r="HHH653" s="613"/>
      <c r="HHI653" s="613"/>
      <c r="HHJ653" s="613"/>
      <c r="HHK653" s="613"/>
      <c r="HHL653" s="613"/>
      <c r="HHM653" s="613"/>
      <c r="HHN653" s="613"/>
      <c r="HHO653" s="613"/>
      <c r="HHP653" s="613"/>
      <c r="HHQ653" s="613"/>
      <c r="HHR653" s="613"/>
      <c r="HHS653" s="613"/>
      <c r="HHT653" s="613"/>
      <c r="HHU653" s="613"/>
      <c r="HHV653" s="613"/>
      <c r="HHW653" s="613"/>
      <c r="HHX653" s="613"/>
      <c r="HHY653" s="613"/>
      <c r="HHZ653" s="613"/>
      <c r="HIA653" s="613"/>
      <c r="HIB653" s="613"/>
      <c r="HIC653" s="613"/>
      <c r="HID653" s="613"/>
      <c r="HIE653" s="613"/>
      <c r="HIF653" s="613"/>
      <c r="HIG653" s="613"/>
      <c r="HIH653" s="613"/>
      <c r="HII653" s="613"/>
      <c r="HIJ653" s="613"/>
      <c r="HIK653" s="613"/>
      <c r="HIL653" s="613"/>
      <c r="HIM653" s="613"/>
      <c r="HIN653" s="613"/>
      <c r="HIO653" s="613"/>
      <c r="HIP653" s="613"/>
      <c r="HIQ653" s="613"/>
      <c r="HIR653" s="613"/>
      <c r="HIS653" s="613"/>
      <c r="HIT653" s="613"/>
      <c r="HIU653" s="613"/>
      <c r="HIV653" s="613"/>
      <c r="HIW653" s="613"/>
      <c r="HIX653" s="613"/>
      <c r="HIY653" s="613"/>
      <c r="HIZ653" s="613"/>
      <c r="HJA653" s="613"/>
      <c r="HJB653" s="613"/>
      <c r="HJC653" s="613"/>
      <c r="HJD653" s="613"/>
      <c r="HJE653" s="613"/>
      <c r="HJF653" s="613"/>
      <c r="HJG653" s="613"/>
      <c r="HJH653" s="613"/>
      <c r="HJI653" s="613"/>
      <c r="HJJ653" s="613"/>
      <c r="HJK653" s="613"/>
      <c r="HJL653" s="613"/>
      <c r="HJM653" s="613"/>
      <c r="HJN653" s="613"/>
      <c r="HJO653" s="613"/>
      <c r="HJP653" s="613"/>
      <c r="HJQ653" s="613"/>
      <c r="HJR653" s="613"/>
      <c r="HJS653" s="613"/>
      <c r="HJT653" s="613"/>
      <c r="HJU653" s="613"/>
      <c r="HJV653" s="613"/>
      <c r="HJW653" s="613"/>
      <c r="HJX653" s="613"/>
      <c r="HJY653" s="613"/>
      <c r="HJZ653" s="613"/>
      <c r="HKA653" s="613"/>
      <c r="HKB653" s="613"/>
      <c r="HKC653" s="613"/>
      <c r="HKD653" s="613"/>
      <c r="HKE653" s="613"/>
      <c r="HKF653" s="613"/>
      <c r="HKG653" s="613"/>
      <c r="HKH653" s="613"/>
      <c r="HKI653" s="613"/>
      <c r="HKJ653" s="613"/>
      <c r="HKK653" s="613"/>
      <c r="HKL653" s="613"/>
      <c r="HKM653" s="613"/>
      <c r="HKN653" s="613"/>
      <c r="HKO653" s="613"/>
      <c r="HKP653" s="613"/>
      <c r="HKQ653" s="613"/>
      <c r="HKR653" s="613"/>
      <c r="HKS653" s="613"/>
      <c r="HKT653" s="613"/>
      <c r="HKU653" s="613"/>
      <c r="HKV653" s="613"/>
      <c r="HKW653" s="613"/>
      <c r="HKX653" s="613"/>
      <c r="HKY653" s="613"/>
      <c r="HKZ653" s="613"/>
      <c r="HLA653" s="613"/>
      <c r="HLB653" s="613"/>
      <c r="HLC653" s="613"/>
      <c r="HLD653" s="613"/>
      <c r="HLE653" s="613"/>
      <c r="HLF653" s="613"/>
      <c r="HLG653" s="613"/>
      <c r="HLH653" s="613"/>
      <c r="HLI653" s="613"/>
      <c r="HLJ653" s="613"/>
      <c r="HLK653" s="613"/>
      <c r="HLL653" s="613"/>
      <c r="HLM653" s="613"/>
      <c r="HLN653" s="613"/>
      <c r="HLO653" s="613"/>
      <c r="HLP653" s="613"/>
      <c r="HLQ653" s="613"/>
      <c r="HLR653" s="613"/>
      <c r="HLS653" s="613"/>
      <c r="HLT653" s="613"/>
      <c r="HLU653" s="613"/>
      <c r="HLV653" s="613"/>
      <c r="HLW653" s="613"/>
      <c r="HLX653" s="613"/>
      <c r="HLY653" s="613"/>
      <c r="HLZ653" s="613"/>
      <c r="HMA653" s="613"/>
      <c r="HMB653" s="613"/>
      <c r="HMC653" s="613"/>
      <c r="HMD653" s="613"/>
      <c r="HME653" s="613"/>
      <c r="HMF653" s="613"/>
      <c r="HMG653" s="613"/>
      <c r="HMH653" s="613"/>
      <c r="HMI653" s="613"/>
      <c r="HMJ653" s="613"/>
      <c r="HMK653" s="613"/>
      <c r="HML653" s="613"/>
      <c r="HMM653" s="613"/>
      <c r="HMN653" s="613"/>
      <c r="HMO653" s="613"/>
      <c r="HMP653" s="613"/>
      <c r="HMQ653" s="613"/>
      <c r="HMR653" s="613"/>
      <c r="HMS653" s="613"/>
      <c r="HMT653" s="613"/>
      <c r="HMU653" s="613"/>
      <c r="HMV653" s="613"/>
      <c r="HMW653" s="613"/>
      <c r="HMX653" s="613"/>
      <c r="HMY653" s="613"/>
      <c r="HMZ653" s="613"/>
      <c r="HNA653" s="613"/>
      <c r="HNB653" s="613"/>
      <c r="HNC653" s="613"/>
      <c r="HND653" s="613"/>
      <c r="HNE653" s="613"/>
      <c r="HNF653" s="613"/>
      <c r="HNG653" s="613"/>
      <c r="HNH653" s="613"/>
      <c r="HNI653" s="613"/>
      <c r="HNJ653" s="613"/>
      <c r="HNK653" s="613"/>
      <c r="HNL653" s="613"/>
      <c r="HNM653" s="613"/>
      <c r="HNN653" s="613"/>
      <c r="HNO653" s="613"/>
      <c r="HNP653" s="613"/>
      <c r="HNQ653" s="613"/>
      <c r="HNR653" s="613"/>
      <c r="HNS653" s="613"/>
      <c r="HNT653" s="613"/>
      <c r="HNU653" s="613"/>
      <c r="HNV653" s="613"/>
      <c r="HNW653" s="613"/>
      <c r="HNX653" s="613"/>
      <c r="HNY653" s="613"/>
      <c r="HNZ653" s="613"/>
      <c r="HOA653" s="613"/>
      <c r="HOB653" s="613"/>
      <c r="HOC653" s="613"/>
      <c r="HOD653" s="613"/>
      <c r="HOE653" s="613"/>
      <c r="HOF653" s="613"/>
      <c r="HOG653" s="613"/>
      <c r="HOH653" s="613"/>
      <c r="HOI653" s="613"/>
      <c r="HOJ653" s="613"/>
      <c r="HOK653" s="613"/>
      <c r="HOL653" s="613"/>
      <c r="HOM653" s="613"/>
      <c r="HON653" s="613"/>
      <c r="HOO653" s="613"/>
      <c r="HOP653" s="613"/>
      <c r="HOQ653" s="613"/>
      <c r="HOR653" s="613"/>
      <c r="HOS653" s="613"/>
      <c r="HOT653" s="613"/>
      <c r="HOU653" s="613"/>
      <c r="HOV653" s="613"/>
      <c r="HOW653" s="613"/>
      <c r="HOX653" s="613"/>
      <c r="HOY653" s="613"/>
      <c r="HOZ653" s="613"/>
      <c r="HPA653" s="613"/>
      <c r="HPB653" s="613"/>
      <c r="HPC653" s="613"/>
      <c r="HPD653" s="613"/>
      <c r="HPE653" s="613"/>
      <c r="HPF653" s="613"/>
      <c r="HPG653" s="613"/>
      <c r="HPH653" s="613"/>
      <c r="HPI653" s="613"/>
      <c r="HPJ653" s="613"/>
      <c r="HPK653" s="613"/>
      <c r="HPL653" s="613"/>
      <c r="HPM653" s="613"/>
      <c r="HPN653" s="613"/>
      <c r="HPO653" s="613"/>
      <c r="HPP653" s="613"/>
      <c r="HPQ653" s="613"/>
      <c r="HPR653" s="613"/>
      <c r="HPS653" s="613"/>
      <c r="HPT653" s="613"/>
      <c r="HPU653" s="613"/>
      <c r="HPV653" s="613"/>
      <c r="HPW653" s="613"/>
      <c r="HPX653" s="613"/>
      <c r="HPY653" s="613"/>
      <c r="HPZ653" s="613"/>
      <c r="HQA653" s="613"/>
      <c r="HQB653" s="613"/>
      <c r="HQC653" s="613"/>
      <c r="HQD653" s="613"/>
      <c r="HQE653" s="613"/>
      <c r="HQF653" s="613"/>
      <c r="HQG653" s="613"/>
      <c r="HQH653" s="613"/>
      <c r="HQI653" s="613"/>
      <c r="HQJ653" s="613"/>
      <c r="HQK653" s="613"/>
      <c r="HQL653" s="613"/>
      <c r="HQM653" s="613"/>
      <c r="HQN653" s="613"/>
      <c r="HQO653" s="613"/>
      <c r="HQP653" s="613"/>
      <c r="HQQ653" s="613"/>
      <c r="HQR653" s="613"/>
      <c r="HQS653" s="613"/>
      <c r="HQT653" s="613"/>
      <c r="HQU653" s="613"/>
      <c r="HQV653" s="613"/>
      <c r="HQW653" s="613"/>
      <c r="HQX653" s="613"/>
      <c r="HQY653" s="613"/>
      <c r="HQZ653" s="613"/>
      <c r="HRA653" s="613"/>
      <c r="HRB653" s="613"/>
      <c r="HRC653" s="613"/>
      <c r="HRD653" s="613"/>
      <c r="HRE653" s="613"/>
      <c r="HRF653" s="613"/>
      <c r="HRG653" s="613"/>
      <c r="HRH653" s="613"/>
      <c r="HRI653" s="613"/>
      <c r="HRJ653" s="613"/>
      <c r="HRK653" s="613"/>
      <c r="HRL653" s="613"/>
      <c r="HRM653" s="613"/>
      <c r="HRN653" s="613"/>
      <c r="HRO653" s="613"/>
      <c r="HRP653" s="613"/>
      <c r="HRQ653" s="613"/>
      <c r="HRR653" s="613"/>
      <c r="HRS653" s="613"/>
      <c r="HRT653" s="613"/>
      <c r="HRU653" s="613"/>
      <c r="HRV653" s="613"/>
      <c r="HRW653" s="613"/>
      <c r="HRX653" s="613"/>
      <c r="HRY653" s="613"/>
      <c r="HRZ653" s="613"/>
      <c r="HSA653" s="613"/>
      <c r="HSB653" s="613"/>
      <c r="HSC653" s="613"/>
      <c r="HSD653" s="613"/>
      <c r="HSE653" s="613"/>
      <c r="HSF653" s="613"/>
      <c r="HSG653" s="613"/>
      <c r="HSH653" s="613"/>
      <c r="HSI653" s="613"/>
      <c r="HSJ653" s="613"/>
      <c r="HSK653" s="613"/>
      <c r="HSL653" s="613"/>
      <c r="HSM653" s="613"/>
      <c r="HSN653" s="613"/>
      <c r="HSO653" s="613"/>
      <c r="HSP653" s="613"/>
      <c r="HSQ653" s="613"/>
      <c r="HSR653" s="613"/>
      <c r="HSS653" s="613"/>
      <c r="HST653" s="613"/>
      <c r="HSU653" s="613"/>
      <c r="HSV653" s="613"/>
      <c r="HSW653" s="613"/>
      <c r="HSX653" s="613"/>
      <c r="HSY653" s="613"/>
      <c r="HSZ653" s="613"/>
      <c r="HTA653" s="613"/>
      <c r="HTB653" s="613"/>
      <c r="HTC653" s="613"/>
      <c r="HTD653" s="613"/>
      <c r="HTE653" s="613"/>
      <c r="HTF653" s="613"/>
      <c r="HTG653" s="613"/>
      <c r="HTH653" s="613"/>
      <c r="HTI653" s="613"/>
      <c r="HTJ653" s="613"/>
      <c r="HTK653" s="613"/>
      <c r="HTL653" s="613"/>
      <c r="HTM653" s="613"/>
      <c r="HTN653" s="613"/>
      <c r="HTO653" s="613"/>
      <c r="HTP653" s="613"/>
      <c r="HTQ653" s="613"/>
      <c r="HTR653" s="613"/>
      <c r="HTS653" s="613"/>
      <c r="HTT653" s="613"/>
      <c r="HTU653" s="613"/>
      <c r="HTV653" s="613"/>
      <c r="HTW653" s="613"/>
      <c r="HTX653" s="613"/>
      <c r="HTY653" s="613"/>
      <c r="HTZ653" s="613"/>
      <c r="HUA653" s="613"/>
      <c r="HUB653" s="613"/>
      <c r="HUC653" s="613"/>
      <c r="HUD653" s="613"/>
      <c r="HUE653" s="613"/>
      <c r="HUF653" s="613"/>
      <c r="HUG653" s="613"/>
      <c r="HUH653" s="613"/>
      <c r="HUI653" s="613"/>
      <c r="HUJ653" s="613"/>
      <c r="HUK653" s="613"/>
      <c r="HUL653" s="613"/>
      <c r="HUM653" s="613"/>
      <c r="HUN653" s="613"/>
      <c r="HUO653" s="613"/>
      <c r="HUP653" s="613"/>
      <c r="HUQ653" s="613"/>
      <c r="HUR653" s="613"/>
      <c r="HUS653" s="613"/>
      <c r="HUT653" s="613"/>
      <c r="HUU653" s="613"/>
      <c r="HUV653" s="613"/>
      <c r="HUW653" s="613"/>
      <c r="HUX653" s="613"/>
      <c r="HUY653" s="613"/>
      <c r="HUZ653" s="613"/>
      <c r="HVA653" s="613"/>
      <c r="HVB653" s="613"/>
      <c r="HVC653" s="613"/>
      <c r="HVD653" s="613"/>
      <c r="HVE653" s="613"/>
      <c r="HVF653" s="613"/>
      <c r="HVG653" s="613"/>
      <c r="HVH653" s="613"/>
      <c r="HVI653" s="613"/>
      <c r="HVJ653" s="613"/>
      <c r="HVK653" s="613"/>
      <c r="HVL653" s="613"/>
      <c r="HVM653" s="613"/>
      <c r="HVN653" s="613"/>
      <c r="HVO653" s="613"/>
      <c r="HVP653" s="613"/>
      <c r="HVQ653" s="613"/>
      <c r="HVR653" s="613"/>
      <c r="HVS653" s="613"/>
      <c r="HVT653" s="613"/>
      <c r="HVU653" s="613"/>
      <c r="HVV653" s="613"/>
      <c r="HVW653" s="613"/>
      <c r="HVX653" s="613"/>
      <c r="HVY653" s="613"/>
      <c r="HVZ653" s="613"/>
      <c r="HWA653" s="613"/>
      <c r="HWB653" s="613"/>
      <c r="HWC653" s="613"/>
      <c r="HWD653" s="613"/>
      <c r="HWE653" s="613"/>
      <c r="HWF653" s="613"/>
      <c r="HWG653" s="613"/>
      <c r="HWH653" s="613"/>
      <c r="HWI653" s="613"/>
      <c r="HWJ653" s="613"/>
      <c r="HWK653" s="613"/>
      <c r="HWL653" s="613"/>
      <c r="HWM653" s="613"/>
      <c r="HWN653" s="613"/>
      <c r="HWO653" s="613"/>
      <c r="HWP653" s="613"/>
      <c r="HWQ653" s="613"/>
      <c r="HWR653" s="613"/>
      <c r="HWS653" s="613"/>
      <c r="HWT653" s="613"/>
      <c r="HWU653" s="613"/>
      <c r="HWV653" s="613"/>
      <c r="HWW653" s="613"/>
      <c r="HWX653" s="613"/>
      <c r="HWY653" s="613"/>
      <c r="HWZ653" s="613"/>
      <c r="HXA653" s="613"/>
      <c r="HXB653" s="613"/>
      <c r="HXC653" s="613"/>
      <c r="HXD653" s="613"/>
      <c r="HXE653" s="613"/>
      <c r="HXF653" s="613"/>
      <c r="HXG653" s="613"/>
      <c r="HXH653" s="613"/>
      <c r="HXI653" s="613"/>
      <c r="HXJ653" s="613"/>
      <c r="HXK653" s="613"/>
      <c r="HXL653" s="613"/>
      <c r="HXM653" s="613"/>
      <c r="HXN653" s="613"/>
      <c r="HXO653" s="613"/>
      <c r="HXP653" s="613"/>
      <c r="HXQ653" s="613"/>
      <c r="HXR653" s="613"/>
      <c r="HXS653" s="613"/>
      <c r="HXT653" s="613"/>
      <c r="HXU653" s="613"/>
      <c r="HXV653" s="613"/>
      <c r="HXW653" s="613"/>
      <c r="HXX653" s="613"/>
      <c r="HXY653" s="613"/>
      <c r="HXZ653" s="613"/>
      <c r="HYA653" s="613"/>
      <c r="HYB653" s="613"/>
      <c r="HYC653" s="613"/>
      <c r="HYD653" s="613"/>
      <c r="HYE653" s="613"/>
      <c r="HYF653" s="613"/>
      <c r="HYG653" s="613"/>
      <c r="HYH653" s="613"/>
      <c r="HYI653" s="613"/>
      <c r="HYJ653" s="613"/>
      <c r="HYK653" s="613"/>
      <c r="HYL653" s="613"/>
      <c r="HYM653" s="613"/>
      <c r="HYN653" s="613"/>
      <c r="HYO653" s="613"/>
      <c r="HYP653" s="613"/>
      <c r="HYQ653" s="613"/>
      <c r="HYR653" s="613"/>
      <c r="HYS653" s="613"/>
      <c r="HYT653" s="613"/>
      <c r="HYU653" s="613"/>
      <c r="HYV653" s="613"/>
      <c r="HYW653" s="613"/>
      <c r="HYX653" s="613"/>
      <c r="HYY653" s="613"/>
      <c r="HYZ653" s="613"/>
      <c r="HZA653" s="613"/>
      <c r="HZB653" s="613"/>
      <c r="HZC653" s="613"/>
      <c r="HZD653" s="613"/>
      <c r="HZE653" s="613"/>
      <c r="HZF653" s="613"/>
      <c r="HZG653" s="613"/>
      <c r="HZH653" s="613"/>
      <c r="HZI653" s="613"/>
      <c r="HZJ653" s="613"/>
      <c r="HZK653" s="613"/>
      <c r="HZL653" s="613"/>
      <c r="HZM653" s="613"/>
      <c r="HZN653" s="613"/>
      <c r="HZO653" s="613"/>
      <c r="HZP653" s="613"/>
      <c r="HZQ653" s="613"/>
      <c r="HZR653" s="613"/>
      <c r="HZS653" s="613"/>
      <c r="HZT653" s="613"/>
      <c r="HZU653" s="613"/>
      <c r="HZV653" s="613"/>
      <c r="HZW653" s="613"/>
      <c r="HZX653" s="613"/>
      <c r="HZY653" s="613"/>
      <c r="HZZ653" s="613"/>
      <c r="IAA653" s="613"/>
      <c r="IAB653" s="613"/>
      <c r="IAC653" s="613"/>
      <c r="IAD653" s="613"/>
      <c r="IAE653" s="613"/>
      <c r="IAF653" s="613"/>
      <c r="IAG653" s="613"/>
      <c r="IAH653" s="613"/>
      <c r="IAI653" s="613"/>
      <c r="IAJ653" s="613"/>
      <c r="IAK653" s="613"/>
      <c r="IAL653" s="613"/>
      <c r="IAM653" s="613"/>
      <c r="IAN653" s="613"/>
      <c r="IAO653" s="613"/>
      <c r="IAP653" s="613"/>
      <c r="IAQ653" s="613"/>
      <c r="IAR653" s="613"/>
      <c r="IAS653" s="613"/>
      <c r="IAT653" s="613"/>
      <c r="IAU653" s="613"/>
      <c r="IAV653" s="613"/>
      <c r="IAW653" s="613"/>
      <c r="IAX653" s="613"/>
      <c r="IAY653" s="613"/>
      <c r="IAZ653" s="613"/>
      <c r="IBA653" s="613"/>
      <c r="IBB653" s="613"/>
      <c r="IBC653" s="613"/>
      <c r="IBD653" s="613"/>
      <c r="IBE653" s="613"/>
      <c r="IBF653" s="613"/>
      <c r="IBG653" s="613"/>
      <c r="IBH653" s="613"/>
      <c r="IBI653" s="613"/>
      <c r="IBJ653" s="613"/>
      <c r="IBK653" s="613"/>
      <c r="IBL653" s="613"/>
      <c r="IBM653" s="613"/>
      <c r="IBN653" s="613"/>
      <c r="IBO653" s="613"/>
      <c r="IBP653" s="613"/>
      <c r="IBQ653" s="613"/>
      <c r="IBR653" s="613"/>
      <c r="IBS653" s="613"/>
      <c r="IBT653" s="613"/>
      <c r="IBU653" s="613"/>
      <c r="IBV653" s="613"/>
      <c r="IBW653" s="613"/>
      <c r="IBX653" s="613"/>
      <c r="IBY653" s="613"/>
      <c r="IBZ653" s="613"/>
      <c r="ICA653" s="613"/>
      <c r="ICB653" s="613"/>
      <c r="ICC653" s="613"/>
      <c r="ICD653" s="613"/>
      <c r="ICE653" s="613"/>
      <c r="ICF653" s="613"/>
      <c r="ICG653" s="613"/>
      <c r="ICH653" s="613"/>
      <c r="ICI653" s="613"/>
      <c r="ICJ653" s="613"/>
      <c r="ICK653" s="613"/>
      <c r="ICL653" s="613"/>
      <c r="ICM653" s="613"/>
      <c r="ICN653" s="613"/>
      <c r="ICO653" s="613"/>
      <c r="ICP653" s="613"/>
      <c r="ICQ653" s="613"/>
      <c r="ICR653" s="613"/>
      <c r="ICS653" s="613"/>
      <c r="ICT653" s="613"/>
      <c r="ICU653" s="613"/>
      <c r="ICV653" s="613"/>
      <c r="ICW653" s="613"/>
      <c r="ICX653" s="613"/>
      <c r="ICY653" s="613"/>
      <c r="ICZ653" s="613"/>
      <c r="IDA653" s="613"/>
      <c r="IDB653" s="613"/>
      <c r="IDC653" s="613"/>
      <c r="IDD653" s="613"/>
      <c r="IDE653" s="613"/>
      <c r="IDF653" s="613"/>
      <c r="IDG653" s="613"/>
      <c r="IDH653" s="613"/>
      <c r="IDI653" s="613"/>
      <c r="IDJ653" s="613"/>
      <c r="IDK653" s="613"/>
      <c r="IDL653" s="613"/>
      <c r="IDM653" s="613"/>
      <c r="IDN653" s="613"/>
      <c r="IDO653" s="613"/>
      <c r="IDP653" s="613"/>
      <c r="IDQ653" s="613"/>
      <c r="IDR653" s="613"/>
      <c r="IDS653" s="613"/>
      <c r="IDT653" s="613"/>
      <c r="IDU653" s="613"/>
      <c r="IDV653" s="613"/>
      <c r="IDW653" s="613"/>
      <c r="IDX653" s="613"/>
      <c r="IDY653" s="613"/>
      <c r="IDZ653" s="613"/>
      <c r="IEA653" s="613"/>
      <c r="IEB653" s="613"/>
      <c r="IEC653" s="613"/>
      <c r="IED653" s="613"/>
      <c r="IEE653" s="613"/>
      <c r="IEF653" s="613"/>
      <c r="IEG653" s="613"/>
      <c r="IEH653" s="613"/>
      <c r="IEI653" s="613"/>
      <c r="IEJ653" s="613"/>
      <c r="IEK653" s="613"/>
      <c r="IEL653" s="613"/>
      <c r="IEM653" s="613"/>
      <c r="IEN653" s="613"/>
      <c r="IEO653" s="613"/>
      <c r="IEP653" s="613"/>
      <c r="IEQ653" s="613"/>
      <c r="IER653" s="613"/>
      <c r="IES653" s="613"/>
      <c r="IET653" s="613"/>
      <c r="IEU653" s="613"/>
      <c r="IEV653" s="613"/>
      <c r="IEW653" s="613"/>
      <c r="IEX653" s="613"/>
      <c r="IEY653" s="613"/>
      <c r="IEZ653" s="613"/>
      <c r="IFA653" s="613"/>
      <c r="IFB653" s="613"/>
      <c r="IFC653" s="613"/>
      <c r="IFD653" s="613"/>
      <c r="IFE653" s="613"/>
      <c r="IFF653" s="613"/>
      <c r="IFG653" s="613"/>
      <c r="IFH653" s="613"/>
      <c r="IFI653" s="613"/>
      <c r="IFJ653" s="613"/>
      <c r="IFK653" s="613"/>
      <c r="IFL653" s="613"/>
      <c r="IFM653" s="613"/>
      <c r="IFN653" s="613"/>
      <c r="IFO653" s="613"/>
      <c r="IFP653" s="613"/>
      <c r="IFQ653" s="613"/>
      <c r="IFR653" s="613"/>
      <c r="IFS653" s="613"/>
      <c r="IFT653" s="613"/>
      <c r="IFU653" s="613"/>
      <c r="IFV653" s="613"/>
      <c r="IFW653" s="613"/>
      <c r="IFX653" s="613"/>
      <c r="IFY653" s="613"/>
      <c r="IFZ653" s="613"/>
      <c r="IGA653" s="613"/>
      <c r="IGB653" s="613"/>
      <c r="IGC653" s="613"/>
      <c r="IGD653" s="613"/>
      <c r="IGE653" s="613"/>
      <c r="IGF653" s="613"/>
      <c r="IGG653" s="613"/>
      <c r="IGH653" s="613"/>
      <c r="IGI653" s="613"/>
      <c r="IGJ653" s="613"/>
      <c r="IGK653" s="613"/>
      <c r="IGL653" s="613"/>
      <c r="IGM653" s="613"/>
      <c r="IGN653" s="613"/>
      <c r="IGO653" s="613"/>
      <c r="IGP653" s="613"/>
      <c r="IGQ653" s="613"/>
      <c r="IGR653" s="613"/>
      <c r="IGS653" s="613"/>
      <c r="IGT653" s="613"/>
      <c r="IGU653" s="613"/>
      <c r="IGV653" s="613"/>
      <c r="IGW653" s="613"/>
      <c r="IGX653" s="613"/>
      <c r="IGY653" s="613"/>
      <c r="IGZ653" s="613"/>
      <c r="IHA653" s="613"/>
      <c r="IHB653" s="613"/>
      <c r="IHC653" s="613"/>
      <c r="IHD653" s="613"/>
      <c r="IHE653" s="613"/>
      <c r="IHF653" s="613"/>
      <c r="IHG653" s="613"/>
      <c r="IHH653" s="613"/>
      <c r="IHI653" s="613"/>
      <c r="IHJ653" s="613"/>
      <c r="IHK653" s="613"/>
      <c r="IHL653" s="613"/>
      <c r="IHM653" s="613"/>
      <c r="IHN653" s="613"/>
      <c r="IHO653" s="613"/>
      <c r="IHP653" s="613"/>
      <c r="IHQ653" s="613"/>
      <c r="IHR653" s="613"/>
      <c r="IHS653" s="613"/>
      <c r="IHT653" s="613"/>
      <c r="IHU653" s="613"/>
      <c r="IHV653" s="613"/>
      <c r="IHW653" s="613"/>
      <c r="IHX653" s="613"/>
      <c r="IHY653" s="613"/>
      <c r="IHZ653" s="613"/>
      <c r="IIA653" s="613"/>
      <c r="IIB653" s="613"/>
      <c r="IIC653" s="613"/>
      <c r="IID653" s="613"/>
      <c r="IIE653" s="613"/>
      <c r="IIF653" s="613"/>
      <c r="IIG653" s="613"/>
      <c r="IIH653" s="613"/>
      <c r="III653" s="613"/>
      <c r="IIJ653" s="613"/>
      <c r="IIK653" s="613"/>
      <c r="IIL653" s="613"/>
      <c r="IIM653" s="613"/>
      <c r="IIN653" s="613"/>
      <c r="IIO653" s="613"/>
      <c r="IIP653" s="613"/>
      <c r="IIQ653" s="613"/>
      <c r="IIR653" s="613"/>
      <c r="IIS653" s="613"/>
      <c r="IIT653" s="613"/>
      <c r="IIU653" s="613"/>
      <c r="IIV653" s="613"/>
      <c r="IIW653" s="613"/>
      <c r="IIX653" s="613"/>
      <c r="IIY653" s="613"/>
      <c r="IIZ653" s="613"/>
      <c r="IJA653" s="613"/>
      <c r="IJB653" s="613"/>
      <c r="IJC653" s="613"/>
      <c r="IJD653" s="613"/>
      <c r="IJE653" s="613"/>
      <c r="IJF653" s="613"/>
      <c r="IJG653" s="613"/>
      <c r="IJH653" s="613"/>
      <c r="IJI653" s="613"/>
      <c r="IJJ653" s="613"/>
      <c r="IJK653" s="613"/>
      <c r="IJL653" s="613"/>
      <c r="IJM653" s="613"/>
      <c r="IJN653" s="613"/>
      <c r="IJO653" s="613"/>
      <c r="IJP653" s="613"/>
      <c r="IJQ653" s="613"/>
      <c r="IJR653" s="613"/>
      <c r="IJS653" s="613"/>
      <c r="IJT653" s="613"/>
      <c r="IJU653" s="613"/>
      <c r="IJV653" s="613"/>
      <c r="IJW653" s="613"/>
      <c r="IJX653" s="613"/>
      <c r="IJY653" s="613"/>
      <c r="IJZ653" s="613"/>
      <c r="IKA653" s="613"/>
      <c r="IKB653" s="613"/>
      <c r="IKC653" s="613"/>
      <c r="IKD653" s="613"/>
      <c r="IKE653" s="613"/>
      <c r="IKF653" s="613"/>
      <c r="IKG653" s="613"/>
      <c r="IKH653" s="613"/>
      <c r="IKI653" s="613"/>
      <c r="IKJ653" s="613"/>
      <c r="IKK653" s="613"/>
      <c r="IKL653" s="613"/>
      <c r="IKM653" s="613"/>
      <c r="IKN653" s="613"/>
      <c r="IKO653" s="613"/>
      <c r="IKP653" s="613"/>
      <c r="IKQ653" s="613"/>
      <c r="IKR653" s="613"/>
      <c r="IKS653" s="613"/>
      <c r="IKT653" s="613"/>
      <c r="IKU653" s="613"/>
      <c r="IKV653" s="613"/>
      <c r="IKW653" s="613"/>
      <c r="IKX653" s="613"/>
      <c r="IKY653" s="613"/>
      <c r="IKZ653" s="613"/>
      <c r="ILA653" s="613"/>
      <c r="ILB653" s="613"/>
      <c r="ILC653" s="613"/>
      <c r="ILD653" s="613"/>
      <c r="ILE653" s="613"/>
      <c r="ILF653" s="613"/>
      <c r="ILG653" s="613"/>
      <c r="ILH653" s="613"/>
      <c r="ILI653" s="613"/>
      <c r="ILJ653" s="613"/>
      <c r="ILK653" s="613"/>
      <c r="ILL653" s="613"/>
      <c r="ILM653" s="613"/>
      <c r="ILN653" s="613"/>
      <c r="ILO653" s="613"/>
      <c r="ILP653" s="613"/>
      <c r="ILQ653" s="613"/>
      <c r="ILR653" s="613"/>
      <c r="ILS653" s="613"/>
      <c r="ILT653" s="613"/>
      <c r="ILU653" s="613"/>
      <c r="ILV653" s="613"/>
      <c r="ILW653" s="613"/>
      <c r="ILX653" s="613"/>
      <c r="ILY653" s="613"/>
      <c r="ILZ653" s="613"/>
      <c r="IMA653" s="613"/>
      <c r="IMB653" s="613"/>
      <c r="IMC653" s="613"/>
      <c r="IMD653" s="613"/>
      <c r="IME653" s="613"/>
      <c r="IMF653" s="613"/>
      <c r="IMG653" s="613"/>
      <c r="IMH653" s="613"/>
      <c r="IMI653" s="613"/>
      <c r="IMJ653" s="613"/>
      <c r="IMK653" s="613"/>
      <c r="IML653" s="613"/>
      <c r="IMM653" s="613"/>
      <c r="IMN653" s="613"/>
      <c r="IMO653" s="613"/>
      <c r="IMP653" s="613"/>
      <c r="IMQ653" s="613"/>
      <c r="IMR653" s="613"/>
      <c r="IMS653" s="613"/>
      <c r="IMT653" s="613"/>
      <c r="IMU653" s="613"/>
      <c r="IMV653" s="613"/>
      <c r="IMW653" s="613"/>
      <c r="IMX653" s="613"/>
      <c r="IMY653" s="613"/>
      <c r="IMZ653" s="613"/>
      <c r="INA653" s="613"/>
      <c r="INB653" s="613"/>
      <c r="INC653" s="613"/>
      <c r="IND653" s="613"/>
      <c r="INE653" s="613"/>
      <c r="INF653" s="613"/>
      <c r="ING653" s="613"/>
      <c r="INH653" s="613"/>
      <c r="INI653" s="613"/>
      <c r="INJ653" s="613"/>
      <c r="INK653" s="613"/>
      <c r="INL653" s="613"/>
      <c r="INM653" s="613"/>
      <c r="INN653" s="613"/>
      <c r="INO653" s="613"/>
      <c r="INP653" s="613"/>
      <c r="INQ653" s="613"/>
      <c r="INR653" s="613"/>
      <c r="INS653" s="613"/>
      <c r="INT653" s="613"/>
      <c r="INU653" s="613"/>
      <c r="INV653" s="613"/>
      <c r="INW653" s="613"/>
      <c r="INX653" s="613"/>
      <c r="INY653" s="613"/>
      <c r="INZ653" s="613"/>
      <c r="IOA653" s="613"/>
      <c r="IOB653" s="613"/>
      <c r="IOC653" s="613"/>
      <c r="IOD653" s="613"/>
      <c r="IOE653" s="613"/>
      <c r="IOF653" s="613"/>
      <c r="IOG653" s="613"/>
      <c r="IOH653" s="613"/>
      <c r="IOI653" s="613"/>
      <c r="IOJ653" s="613"/>
      <c r="IOK653" s="613"/>
      <c r="IOL653" s="613"/>
      <c r="IOM653" s="613"/>
      <c r="ION653" s="613"/>
      <c r="IOO653" s="613"/>
      <c r="IOP653" s="613"/>
      <c r="IOQ653" s="613"/>
      <c r="IOR653" s="613"/>
      <c r="IOS653" s="613"/>
      <c r="IOT653" s="613"/>
      <c r="IOU653" s="613"/>
      <c r="IOV653" s="613"/>
      <c r="IOW653" s="613"/>
      <c r="IOX653" s="613"/>
      <c r="IOY653" s="613"/>
      <c r="IOZ653" s="613"/>
      <c r="IPA653" s="613"/>
      <c r="IPB653" s="613"/>
      <c r="IPC653" s="613"/>
      <c r="IPD653" s="613"/>
      <c r="IPE653" s="613"/>
      <c r="IPF653" s="613"/>
      <c r="IPG653" s="613"/>
      <c r="IPH653" s="613"/>
      <c r="IPI653" s="613"/>
      <c r="IPJ653" s="613"/>
      <c r="IPK653" s="613"/>
      <c r="IPL653" s="613"/>
      <c r="IPM653" s="613"/>
      <c r="IPN653" s="613"/>
      <c r="IPO653" s="613"/>
      <c r="IPP653" s="613"/>
      <c r="IPQ653" s="613"/>
      <c r="IPR653" s="613"/>
      <c r="IPS653" s="613"/>
      <c r="IPT653" s="613"/>
      <c r="IPU653" s="613"/>
      <c r="IPV653" s="613"/>
      <c r="IPW653" s="613"/>
      <c r="IPX653" s="613"/>
      <c r="IPY653" s="613"/>
      <c r="IPZ653" s="613"/>
      <c r="IQA653" s="613"/>
      <c r="IQB653" s="613"/>
      <c r="IQC653" s="613"/>
      <c r="IQD653" s="613"/>
      <c r="IQE653" s="613"/>
      <c r="IQF653" s="613"/>
      <c r="IQG653" s="613"/>
      <c r="IQH653" s="613"/>
      <c r="IQI653" s="613"/>
      <c r="IQJ653" s="613"/>
      <c r="IQK653" s="613"/>
      <c r="IQL653" s="613"/>
      <c r="IQM653" s="613"/>
      <c r="IQN653" s="613"/>
      <c r="IQO653" s="613"/>
      <c r="IQP653" s="613"/>
      <c r="IQQ653" s="613"/>
      <c r="IQR653" s="613"/>
      <c r="IQS653" s="613"/>
      <c r="IQT653" s="613"/>
      <c r="IQU653" s="613"/>
      <c r="IQV653" s="613"/>
      <c r="IQW653" s="613"/>
      <c r="IQX653" s="613"/>
      <c r="IQY653" s="613"/>
      <c r="IQZ653" s="613"/>
      <c r="IRA653" s="613"/>
      <c r="IRB653" s="613"/>
      <c r="IRC653" s="613"/>
      <c r="IRD653" s="613"/>
      <c r="IRE653" s="613"/>
      <c r="IRF653" s="613"/>
      <c r="IRG653" s="613"/>
      <c r="IRH653" s="613"/>
      <c r="IRI653" s="613"/>
      <c r="IRJ653" s="613"/>
      <c r="IRK653" s="613"/>
      <c r="IRL653" s="613"/>
      <c r="IRM653" s="613"/>
      <c r="IRN653" s="613"/>
      <c r="IRO653" s="613"/>
      <c r="IRP653" s="613"/>
      <c r="IRQ653" s="613"/>
      <c r="IRR653" s="613"/>
      <c r="IRS653" s="613"/>
      <c r="IRT653" s="613"/>
      <c r="IRU653" s="613"/>
      <c r="IRV653" s="613"/>
      <c r="IRW653" s="613"/>
      <c r="IRX653" s="613"/>
      <c r="IRY653" s="613"/>
      <c r="IRZ653" s="613"/>
      <c r="ISA653" s="613"/>
      <c r="ISB653" s="613"/>
      <c r="ISC653" s="613"/>
      <c r="ISD653" s="613"/>
      <c r="ISE653" s="613"/>
      <c r="ISF653" s="613"/>
      <c r="ISG653" s="613"/>
      <c r="ISH653" s="613"/>
      <c r="ISI653" s="613"/>
      <c r="ISJ653" s="613"/>
      <c r="ISK653" s="613"/>
      <c r="ISL653" s="613"/>
      <c r="ISM653" s="613"/>
      <c r="ISN653" s="613"/>
      <c r="ISO653" s="613"/>
      <c r="ISP653" s="613"/>
      <c r="ISQ653" s="613"/>
      <c r="ISR653" s="613"/>
      <c r="ISS653" s="613"/>
      <c r="IST653" s="613"/>
      <c r="ISU653" s="613"/>
      <c r="ISV653" s="613"/>
      <c r="ISW653" s="613"/>
      <c r="ISX653" s="613"/>
      <c r="ISY653" s="613"/>
      <c r="ISZ653" s="613"/>
      <c r="ITA653" s="613"/>
      <c r="ITB653" s="613"/>
      <c r="ITC653" s="613"/>
      <c r="ITD653" s="613"/>
      <c r="ITE653" s="613"/>
      <c r="ITF653" s="613"/>
      <c r="ITG653" s="613"/>
      <c r="ITH653" s="613"/>
      <c r="ITI653" s="613"/>
      <c r="ITJ653" s="613"/>
      <c r="ITK653" s="613"/>
      <c r="ITL653" s="613"/>
      <c r="ITM653" s="613"/>
      <c r="ITN653" s="613"/>
      <c r="ITO653" s="613"/>
      <c r="ITP653" s="613"/>
      <c r="ITQ653" s="613"/>
      <c r="ITR653" s="613"/>
      <c r="ITS653" s="613"/>
      <c r="ITT653" s="613"/>
      <c r="ITU653" s="613"/>
      <c r="ITV653" s="613"/>
      <c r="ITW653" s="613"/>
      <c r="ITX653" s="613"/>
      <c r="ITY653" s="613"/>
      <c r="ITZ653" s="613"/>
      <c r="IUA653" s="613"/>
      <c r="IUB653" s="613"/>
      <c r="IUC653" s="613"/>
      <c r="IUD653" s="613"/>
      <c r="IUE653" s="613"/>
      <c r="IUF653" s="613"/>
      <c r="IUG653" s="613"/>
      <c r="IUH653" s="613"/>
      <c r="IUI653" s="613"/>
      <c r="IUJ653" s="613"/>
      <c r="IUK653" s="613"/>
      <c r="IUL653" s="613"/>
      <c r="IUM653" s="613"/>
      <c r="IUN653" s="613"/>
      <c r="IUO653" s="613"/>
      <c r="IUP653" s="613"/>
      <c r="IUQ653" s="613"/>
      <c r="IUR653" s="613"/>
      <c r="IUS653" s="613"/>
      <c r="IUT653" s="613"/>
      <c r="IUU653" s="613"/>
      <c r="IUV653" s="613"/>
      <c r="IUW653" s="613"/>
      <c r="IUX653" s="613"/>
      <c r="IUY653" s="613"/>
      <c r="IUZ653" s="613"/>
      <c r="IVA653" s="613"/>
      <c r="IVB653" s="613"/>
      <c r="IVC653" s="613"/>
      <c r="IVD653" s="613"/>
      <c r="IVE653" s="613"/>
      <c r="IVF653" s="613"/>
      <c r="IVG653" s="613"/>
      <c r="IVH653" s="613"/>
      <c r="IVI653" s="613"/>
      <c r="IVJ653" s="613"/>
      <c r="IVK653" s="613"/>
      <c r="IVL653" s="613"/>
      <c r="IVM653" s="613"/>
      <c r="IVN653" s="613"/>
      <c r="IVO653" s="613"/>
      <c r="IVP653" s="613"/>
      <c r="IVQ653" s="613"/>
      <c r="IVR653" s="613"/>
      <c r="IVS653" s="613"/>
      <c r="IVT653" s="613"/>
      <c r="IVU653" s="613"/>
      <c r="IVV653" s="613"/>
      <c r="IVW653" s="613"/>
      <c r="IVX653" s="613"/>
      <c r="IVY653" s="613"/>
      <c r="IVZ653" s="613"/>
      <c r="IWA653" s="613"/>
      <c r="IWB653" s="613"/>
      <c r="IWC653" s="613"/>
      <c r="IWD653" s="613"/>
      <c r="IWE653" s="613"/>
      <c r="IWF653" s="613"/>
      <c r="IWG653" s="613"/>
      <c r="IWH653" s="613"/>
      <c r="IWI653" s="613"/>
      <c r="IWJ653" s="613"/>
      <c r="IWK653" s="613"/>
      <c r="IWL653" s="613"/>
      <c r="IWM653" s="613"/>
      <c r="IWN653" s="613"/>
      <c r="IWO653" s="613"/>
      <c r="IWP653" s="613"/>
      <c r="IWQ653" s="613"/>
      <c r="IWR653" s="613"/>
      <c r="IWS653" s="613"/>
      <c r="IWT653" s="613"/>
      <c r="IWU653" s="613"/>
      <c r="IWV653" s="613"/>
      <c r="IWW653" s="613"/>
      <c r="IWX653" s="613"/>
      <c r="IWY653" s="613"/>
      <c r="IWZ653" s="613"/>
      <c r="IXA653" s="613"/>
      <c r="IXB653" s="613"/>
      <c r="IXC653" s="613"/>
      <c r="IXD653" s="613"/>
      <c r="IXE653" s="613"/>
      <c r="IXF653" s="613"/>
      <c r="IXG653" s="613"/>
      <c r="IXH653" s="613"/>
      <c r="IXI653" s="613"/>
      <c r="IXJ653" s="613"/>
      <c r="IXK653" s="613"/>
      <c r="IXL653" s="613"/>
      <c r="IXM653" s="613"/>
      <c r="IXN653" s="613"/>
      <c r="IXO653" s="613"/>
      <c r="IXP653" s="613"/>
      <c r="IXQ653" s="613"/>
      <c r="IXR653" s="613"/>
      <c r="IXS653" s="613"/>
      <c r="IXT653" s="613"/>
      <c r="IXU653" s="613"/>
      <c r="IXV653" s="613"/>
      <c r="IXW653" s="613"/>
      <c r="IXX653" s="613"/>
      <c r="IXY653" s="613"/>
      <c r="IXZ653" s="613"/>
      <c r="IYA653" s="613"/>
      <c r="IYB653" s="613"/>
      <c r="IYC653" s="613"/>
      <c r="IYD653" s="613"/>
      <c r="IYE653" s="613"/>
      <c r="IYF653" s="613"/>
      <c r="IYG653" s="613"/>
      <c r="IYH653" s="613"/>
      <c r="IYI653" s="613"/>
      <c r="IYJ653" s="613"/>
      <c r="IYK653" s="613"/>
      <c r="IYL653" s="613"/>
      <c r="IYM653" s="613"/>
      <c r="IYN653" s="613"/>
      <c r="IYO653" s="613"/>
      <c r="IYP653" s="613"/>
      <c r="IYQ653" s="613"/>
      <c r="IYR653" s="613"/>
      <c r="IYS653" s="613"/>
      <c r="IYT653" s="613"/>
      <c r="IYU653" s="613"/>
      <c r="IYV653" s="613"/>
      <c r="IYW653" s="613"/>
      <c r="IYX653" s="613"/>
      <c r="IYY653" s="613"/>
      <c r="IYZ653" s="613"/>
      <c r="IZA653" s="613"/>
      <c r="IZB653" s="613"/>
      <c r="IZC653" s="613"/>
      <c r="IZD653" s="613"/>
      <c r="IZE653" s="613"/>
      <c r="IZF653" s="613"/>
      <c r="IZG653" s="613"/>
      <c r="IZH653" s="613"/>
      <c r="IZI653" s="613"/>
      <c r="IZJ653" s="613"/>
      <c r="IZK653" s="613"/>
      <c r="IZL653" s="613"/>
      <c r="IZM653" s="613"/>
      <c r="IZN653" s="613"/>
      <c r="IZO653" s="613"/>
      <c r="IZP653" s="613"/>
      <c r="IZQ653" s="613"/>
      <c r="IZR653" s="613"/>
      <c r="IZS653" s="613"/>
      <c r="IZT653" s="613"/>
      <c r="IZU653" s="613"/>
      <c r="IZV653" s="613"/>
      <c r="IZW653" s="613"/>
      <c r="IZX653" s="613"/>
      <c r="IZY653" s="613"/>
      <c r="IZZ653" s="613"/>
      <c r="JAA653" s="613"/>
      <c r="JAB653" s="613"/>
      <c r="JAC653" s="613"/>
      <c r="JAD653" s="613"/>
      <c r="JAE653" s="613"/>
      <c r="JAF653" s="613"/>
      <c r="JAG653" s="613"/>
      <c r="JAH653" s="613"/>
      <c r="JAI653" s="613"/>
      <c r="JAJ653" s="613"/>
      <c r="JAK653" s="613"/>
      <c r="JAL653" s="613"/>
      <c r="JAM653" s="613"/>
      <c r="JAN653" s="613"/>
      <c r="JAO653" s="613"/>
      <c r="JAP653" s="613"/>
      <c r="JAQ653" s="613"/>
      <c r="JAR653" s="613"/>
      <c r="JAS653" s="613"/>
      <c r="JAT653" s="613"/>
      <c r="JAU653" s="613"/>
      <c r="JAV653" s="613"/>
      <c r="JAW653" s="613"/>
      <c r="JAX653" s="613"/>
      <c r="JAY653" s="613"/>
      <c r="JAZ653" s="613"/>
      <c r="JBA653" s="613"/>
      <c r="JBB653" s="613"/>
      <c r="JBC653" s="613"/>
      <c r="JBD653" s="613"/>
      <c r="JBE653" s="613"/>
      <c r="JBF653" s="613"/>
      <c r="JBG653" s="613"/>
      <c r="JBH653" s="613"/>
      <c r="JBI653" s="613"/>
      <c r="JBJ653" s="613"/>
      <c r="JBK653" s="613"/>
      <c r="JBL653" s="613"/>
      <c r="JBM653" s="613"/>
      <c r="JBN653" s="613"/>
      <c r="JBO653" s="613"/>
      <c r="JBP653" s="613"/>
      <c r="JBQ653" s="613"/>
      <c r="JBR653" s="613"/>
      <c r="JBS653" s="613"/>
      <c r="JBT653" s="613"/>
      <c r="JBU653" s="613"/>
      <c r="JBV653" s="613"/>
      <c r="JBW653" s="613"/>
      <c r="JBX653" s="613"/>
      <c r="JBY653" s="613"/>
      <c r="JBZ653" s="613"/>
      <c r="JCA653" s="613"/>
      <c r="JCB653" s="613"/>
      <c r="JCC653" s="613"/>
      <c r="JCD653" s="613"/>
      <c r="JCE653" s="613"/>
      <c r="JCF653" s="613"/>
      <c r="JCG653" s="613"/>
      <c r="JCH653" s="613"/>
      <c r="JCI653" s="613"/>
      <c r="JCJ653" s="613"/>
      <c r="JCK653" s="613"/>
      <c r="JCL653" s="613"/>
      <c r="JCM653" s="613"/>
      <c r="JCN653" s="613"/>
      <c r="JCO653" s="613"/>
      <c r="JCP653" s="613"/>
      <c r="JCQ653" s="613"/>
      <c r="JCR653" s="613"/>
      <c r="JCS653" s="613"/>
      <c r="JCT653" s="613"/>
      <c r="JCU653" s="613"/>
      <c r="JCV653" s="613"/>
      <c r="JCW653" s="613"/>
      <c r="JCX653" s="613"/>
      <c r="JCY653" s="613"/>
      <c r="JCZ653" s="613"/>
      <c r="JDA653" s="613"/>
      <c r="JDB653" s="613"/>
      <c r="JDC653" s="613"/>
      <c r="JDD653" s="613"/>
      <c r="JDE653" s="613"/>
      <c r="JDF653" s="613"/>
      <c r="JDG653" s="613"/>
      <c r="JDH653" s="613"/>
      <c r="JDI653" s="613"/>
      <c r="JDJ653" s="613"/>
      <c r="JDK653" s="613"/>
      <c r="JDL653" s="613"/>
      <c r="JDM653" s="613"/>
      <c r="JDN653" s="613"/>
      <c r="JDO653" s="613"/>
      <c r="JDP653" s="613"/>
      <c r="JDQ653" s="613"/>
      <c r="JDR653" s="613"/>
      <c r="JDS653" s="613"/>
      <c r="JDT653" s="613"/>
      <c r="JDU653" s="613"/>
      <c r="JDV653" s="613"/>
      <c r="JDW653" s="613"/>
      <c r="JDX653" s="613"/>
      <c r="JDY653" s="613"/>
      <c r="JDZ653" s="613"/>
      <c r="JEA653" s="613"/>
      <c r="JEB653" s="613"/>
      <c r="JEC653" s="613"/>
      <c r="JED653" s="613"/>
      <c r="JEE653" s="613"/>
      <c r="JEF653" s="613"/>
      <c r="JEG653" s="613"/>
      <c r="JEH653" s="613"/>
      <c r="JEI653" s="613"/>
      <c r="JEJ653" s="613"/>
      <c r="JEK653" s="613"/>
      <c r="JEL653" s="613"/>
      <c r="JEM653" s="613"/>
      <c r="JEN653" s="613"/>
      <c r="JEO653" s="613"/>
      <c r="JEP653" s="613"/>
      <c r="JEQ653" s="613"/>
      <c r="JER653" s="613"/>
      <c r="JES653" s="613"/>
      <c r="JET653" s="613"/>
      <c r="JEU653" s="613"/>
      <c r="JEV653" s="613"/>
      <c r="JEW653" s="613"/>
      <c r="JEX653" s="613"/>
      <c r="JEY653" s="613"/>
      <c r="JEZ653" s="613"/>
      <c r="JFA653" s="613"/>
      <c r="JFB653" s="613"/>
      <c r="JFC653" s="613"/>
      <c r="JFD653" s="613"/>
      <c r="JFE653" s="613"/>
      <c r="JFF653" s="613"/>
      <c r="JFG653" s="613"/>
      <c r="JFH653" s="613"/>
      <c r="JFI653" s="613"/>
      <c r="JFJ653" s="613"/>
      <c r="JFK653" s="613"/>
      <c r="JFL653" s="613"/>
      <c r="JFM653" s="613"/>
      <c r="JFN653" s="613"/>
      <c r="JFO653" s="613"/>
      <c r="JFP653" s="613"/>
      <c r="JFQ653" s="613"/>
      <c r="JFR653" s="613"/>
      <c r="JFS653" s="613"/>
      <c r="JFT653" s="613"/>
      <c r="JFU653" s="613"/>
      <c r="JFV653" s="613"/>
      <c r="JFW653" s="613"/>
      <c r="JFX653" s="613"/>
      <c r="JFY653" s="613"/>
      <c r="JFZ653" s="613"/>
      <c r="JGA653" s="613"/>
      <c r="JGB653" s="613"/>
      <c r="JGC653" s="613"/>
      <c r="JGD653" s="613"/>
      <c r="JGE653" s="613"/>
      <c r="JGF653" s="613"/>
      <c r="JGG653" s="613"/>
      <c r="JGH653" s="613"/>
      <c r="JGI653" s="613"/>
      <c r="JGJ653" s="613"/>
      <c r="JGK653" s="613"/>
      <c r="JGL653" s="613"/>
      <c r="JGM653" s="613"/>
      <c r="JGN653" s="613"/>
      <c r="JGO653" s="613"/>
      <c r="JGP653" s="613"/>
      <c r="JGQ653" s="613"/>
      <c r="JGR653" s="613"/>
      <c r="JGS653" s="613"/>
      <c r="JGT653" s="613"/>
      <c r="JGU653" s="613"/>
      <c r="JGV653" s="613"/>
      <c r="JGW653" s="613"/>
      <c r="JGX653" s="613"/>
      <c r="JGY653" s="613"/>
      <c r="JGZ653" s="613"/>
      <c r="JHA653" s="613"/>
      <c r="JHB653" s="613"/>
      <c r="JHC653" s="613"/>
      <c r="JHD653" s="613"/>
      <c r="JHE653" s="613"/>
      <c r="JHF653" s="613"/>
      <c r="JHG653" s="613"/>
      <c r="JHH653" s="613"/>
      <c r="JHI653" s="613"/>
      <c r="JHJ653" s="613"/>
      <c r="JHK653" s="613"/>
      <c r="JHL653" s="613"/>
      <c r="JHM653" s="613"/>
      <c r="JHN653" s="613"/>
      <c r="JHO653" s="613"/>
      <c r="JHP653" s="613"/>
      <c r="JHQ653" s="613"/>
      <c r="JHR653" s="613"/>
      <c r="JHS653" s="613"/>
      <c r="JHT653" s="613"/>
      <c r="JHU653" s="613"/>
      <c r="JHV653" s="613"/>
      <c r="JHW653" s="613"/>
      <c r="JHX653" s="613"/>
      <c r="JHY653" s="613"/>
      <c r="JHZ653" s="613"/>
      <c r="JIA653" s="613"/>
      <c r="JIB653" s="613"/>
      <c r="JIC653" s="613"/>
      <c r="JID653" s="613"/>
      <c r="JIE653" s="613"/>
      <c r="JIF653" s="613"/>
      <c r="JIG653" s="613"/>
      <c r="JIH653" s="613"/>
      <c r="JII653" s="613"/>
      <c r="JIJ653" s="613"/>
      <c r="JIK653" s="613"/>
      <c r="JIL653" s="613"/>
      <c r="JIM653" s="613"/>
      <c r="JIN653" s="613"/>
      <c r="JIO653" s="613"/>
      <c r="JIP653" s="613"/>
      <c r="JIQ653" s="613"/>
      <c r="JIR653" s="613"/>
      <c r="JIS653" s="613"/>
      <c r="JIT653" s="613"/>
      <c r="JIU653" s="613"/>
      <c r="JIV653" s="613"/>
      <c r="JIW653" s="613"/>
      <c r="JIX653" s="613"/>
      <c r="JIY653" s="613"/>
      <c r="JIZ653" s="613"/>
      <c r="JJA653" s="613"/>
      <c r="JJB653" s="613"/>
      <c r="JJC653" s="613"/>
      <c r="JJD653" s="613"/>
      <c r="JJE653" s="613"/>
      <c r="JJF653" s="613"/>
      <c r="JJG653" s="613"/>
      <c r="JJH653" s="613"/>
      <c r="JJI653" s="613"/>
      <c r="JJJ653" s="613"/>
      <c r="JJK653" s="613"/>
      <c r="JJL653" s="613"/>
      <c r="JJM653" s="613"/>
      <c r="JJN653" s="613"/>
      <c r="JJO653" s="613"/>
      <c r="JJP653" s="613"/>
      <c r="JJQ653" s="613"/>
      <c r="JJR653" s="613"/>
      <c r="JJS653" s="613"/>
      <c r="JJT653" s="613"/>
      <c r="JJU653" s="613"/>
      <c r="JJV653" s="613"/>
      <c r="JJW653" s="613"/>
      <c r="JJX653" s="613"/>
      <c r="JJY653" s="613"/>
      <c r="JJZ653" s="613"/>
      <c r="JKA653" s="613"/>
      <c r="JKB653" s="613"/>
      <c r="JKC653" s="613"/>
      <c r="JKD653" s="613"/>
      <c r="JKE653" s="613"/>
      <c r="JKF653" s="613"/>
      <c r="JKG653" s="613"/>
      <c r="JKH653" s="613"/>
      <c r="JKI653" s="613"/>
      <c r="JKJ653" s="613"/>
      <c r="JKK653" s="613"/>
      <c r="JKL653" s="613"/>
      <c r="JKM653" s="613"/>
      <c r="JKN653" s="613"/>
      <c r="JKO653" s="613"/>
      <c r="JKP653" s="613"/>
      <c r="JKQ653" s="613"/>
      <c r="JKR653" s="613"/>
      <c r="JKS653" s="613"/>
      <c r="JKT653" s="613"/>
      <c r="JKU653" s="613"/>
      <c r="JKV653" s="613"/>
      <c r="JKW653" s="613"/>
      <c r="JKX653" s="613"/>
      <c r="JKY653" s="613"/>
      <c r="JKZ653" s="613"/>
      <c r="JLA653" s="613"/>
      <c r="JLB653" s="613"/>
      <c r="JLC653" s="613"/>
      <c r="JLD653" s="613"/>
      <c r="JLE653" s="613"/>
      <c r="JLF653" s="613"/>
      <c r="JLG653" s="613"/>
      <c r="JLH653" s="613"/>
      <c r="JLI653" s="613"/>
      <c r="JLJ653" s="613"/>
      <c r="JLK653" s="613"/>
      <c r="JLL653" s="613"/>
      <c r="JLM653" s="613"/>
      <c r="JLN653" s="613"/>
      <c r="JLO653" s="613"/>
      <c r="JLP653" s="613"/>
      <c r="JLQ653" s="613"/>
      <c r="JLR653" s="613"/>
      <c r="JLS653" s="613"/>
      <c r="JLT653" s="613"/>
      <c r="JLU653" s="613"/>
      <c r="JLV653" s="613"/>
      <c r="JLW653" s="613"/>
      <c r="JLX653" s="613"/>
      <c r="JLY653" s="613"/>
      <c r="JLZ653" s="613"/>
      <c r="JMA653" s="613"/>
      <c r="JMB653" s="613"/>
      <c r="JMC653" s="613"/>
      <c r="JMD653" s="613"/>
      <c r="JME653" s="613"/>
      <c r="JMF653" s="613"/>
      <c r="JMG653" s="613"/>
      <c r="JMH653" s="613"/>
      <c r="JMI653" s="613"/>
      <c r="JMJ653" s="613"/>
      <c r="JMK653" s="613"/>
      <c r="JML653" s="613"/>
      <c r="JMM653" s="613"/>
      <c r="JMN653" s="613"/>
      <c r="JMO653" s="613"/>
      <c r="JMP653" s="613"/>
      <c r="JMQ653" s="613"/>
      <c r="JMR653" s="613"/>
      <c r="JMS653" s="613"/>
      <c r="JMT653" s="613"/>
      <c r="JMU653" s="613"/>
      <c r="JMV653" s="613"/>
      <c r="JMW653" s="613"/>
      <c r="JMX653" s="613"/>
      <c r="JMY653" s="613"/>
      <c r="JMZ653" s="613"/>
      <c r="JNA653" s="613"/>
      <c r="JNB653" s="613"/>
      <c r="JNC653" s="613"/>
      <c r="JND653" s="613"/>
      <c r="JNE653" s="613"/>
      <c r="JNF653" s="613"/>
      <c r="JNG653" s="613"/>
      <c r="JNH653" s="613"/>
      <c r="JNI653" s="613"/>
      <c r="JNJ653" s="613"/>
      <c r="JNK653" s="613"/>
      <c r="JNL653" s="613"/>
      <c r="JNM653" s="613"/>
      <c r="JNN653" s="613"/>
      <c r="JNO653" s="613"/>
      <c r="JNP653" s="613"/>
      <c r="JNQ653" s="613"/>
      <c r="JNR653" s="613"/>
      <c r="JNS653" s="613"/>
      <c r="JNT653" s="613"/>
      <c r="JNU653" s="613"/>
      <c r="JNV653" s="613"/>
      <c r="JNW653" s="613"/>
      <c r="JNX653" s="613"/>
      <c r="JNY653" s="613"/>
      <c r="JNZ653" s="613"/>
      <c r="JOA653" s="613"/>
      <c r="JOB653" s="613"/>
      <c r="JOC653" s="613"/>
      <c r="JOD653" s="613"/>
      <c r="JOE653" s="613"/>
      <c r="JOF653" s="613"/>
      <c r="JOG653" s="613"/>
      <c r="JOH653" s="613"/>
      <c r="JOI653" s="613"/>
      <c r="JOJ653" s="613"/>
      <c r="JOK653" s="613"/>
      <c r="JOL653" s="613"/>
      <c r="JOM653" s="613"/>
      <c r="JON653" s="613"/>
      <c r="JOO653" s="613"/>
      <c r="JOP653" s="613"/>
      <c r="JOQ653" s="613"/>
      <c r="JOR653" s="613"/>
      <c r="JOS653" s="613"/>
      <c r="JOT653" s="613"/>
      <c r="JOU653" s="613"/>
      <c r="JOV653" s="613"/>
      <c r="JOW653" s="613"/>
      <c r="JOX653" s="613"/>
      <c r="JOY653" s="613"/>
      <c r="JOZ653" s="613"/>
      <c r="JPA653" s="613"/>
      <c r="JPB653" s="613"/>
      <c r="JPC653" s="613"/>
      <c r="JPD653" s="613"/>
      <c r="JPE653" s="613"/>
      <c r="JPF653" s="613"/>
      <c r="JPG653" s="613"/>
      <c r="JPH653" s="613"/>
      <c r="JPI653" s="613"/>
      <c r="JPJ653" s="613"/>
      <c r="JPK653" s="613"/>
      <c r="JPL653" s="613"/>
      <c r="JPM653" s="613"/>
      <c r="JPN653" s="613"/>
      <c r="JPO653" s="613"/>
      <c r="JPP653" s="613"/>
      <c r="JPQ653" s="613"/>
      <c r="JPR653" s="613"/>
      <c r="JPS653" s="613"/>
      <c r="JPT653" s="613"/>
      <c r="JPU653" s="613"/>
      <c r="JPV653" s="613"/>
      <c r="JPW653" s="613"/>
      <c r="JPX653" s="613"/>
      <c r="JPY653" s="613"/>
      <c r="JPZ653" s="613"/>
      <c r="JQA653" s="613"/>
      <c r="JQB653" s="613"/>
      <c r="JQC653" s="613"/>
      <c r="JQD653" s="613"/>
      <c r="JQE653" s="613"/>
      <c r="JQF653" s="613"/>
      <c r="JQG653" s="613"/>
      <c r="JQH653" s="613"/>
      <c r="JQI653" s="613"/>
      <c r="JQJ653" s="613"/>
      <c r="JQK653" s="613"/>
      <c r="JQL653" s="613"/>
      <c r="JQM653" s="613"/>
      <c r="JQN653" s="613"/>
      <c r="JQO653" s="613"/>
      <c r="JQP653" s="613"/>
      <c r="JQQ653" s="613"/>
      <c r="JQR653" s="613"/>
      <c r="JQS653" s="613"/>
      <c r="JQT653" s="613"/>
      <c r="JQU653" s="613"/>
      <c r="JQV653" s="613"/>
      <c r="JQW653" s="613"/>
      <c r="JQX653" s="613"/>
      <c r="JQY653" s="613"/>
      <c r="JQZ653" s="613"/>
      <c r="JRA653" s="613"/>
      <c r="JRB653" s="613"/>
      <c r="JRC653" s="613"/>
      <c r="JRD653" s="613"/>
      <c r="JRE653" s="613"/>
      <c r="JRF653" s="613"/>
      <c r="JRG653" s="613"/>
      <c r="JRH653" s="613"/>
      <c r="JRI653" s="613"/>
      <c r="JRJ653" s="613"/>
      <c r="JRK653" s="613"/>
      <c r="JRL653" s="613"/>
      <c r="JRM653" s="613"/>
      <c r="JRN653" s="613"/>
      <c r="JRO653" s="613"/>
      <c r="JRP653" s="613"/>
      <c r="JRQ653" s="613"/>
      <c r="JRR653" s="613"/>
      <c r="JRS653" s="613"/>
      <c r="JRT653" s="613"/>
      <c r="JRU653" s="613"/>
      <c r="JRV653" s="613"/>
      <c r="JRW653" s="613"/>
      <c r="JRX653" s="613"/>
      <c r="JRY653" s="613"/>
      <c r="JRZ653" s="613"/>
      <c r="JSA653" s="613"/>
      <c r="JSB653" s="613"/>
      <c r="JSC653" s="613"/>
      <c r="JSD653" s="613"/>
      <c r="JSE653" s="613"/>
      <c r="JSF653" s="613"/>
      <c r="JSG653" s="613"/>
      <c r="JSH653" s="613"/>
      <c r="JSI653" s="613"/>
      <c r="JSJ653" s="613"/>
      <c r="JSK653" s="613"/>
      <c r="JSL653" s="613"/>
      <c r="JSM653" s="613"/>
      <c r="JSN653" s="613"/>
      <c r="JSO653" s="613"/>
      <c r="JSP653" s="613"/>
      <c r="JSQ653" s="613"/>
      <c r="JSR653" s="613"/>
      <c r="JSS653" s="613"/>
      <c r="JST653" s="613"/>
      <c r="JSU653" s="613"/>
      <c r="JSV653" s="613"/>
      <c r="JSW653" s="613"/>
      <c r="JSX653" s="613"/>
      <c r="JSY653" s="613"/>
      <c r="JSZ653" s="613"/>
      <c r="JTA653" s="613"/>
      <c r="JTB653" s="613"/>
      <c r="JTC653" s="613"/>
      <c r="JTD653" s="613"/>
      <c r="JTE653" s="613"/>
      <c r="JTF653" s="613"/>
      <c r="JTG653" s="613"/>
      <c r="JTH653" s="613"/>
      <c r="JTI653" s="613"/>
      <c r="JTJ653" s="613"/>
      <c r="JTK653" s="613"/>
      <c r="JTL653" s="613"/>
      <c r="JTM653" s="613"/>
      <c r="JTN653" s="613"/>
      <c r="JTO653" s="613"/>
      <c r="JTP653" s="613"/>
      <c r="JTQ653" s="613"/>
      <c r="JTR653" s="613"/>
      <c r="JTS653" s="613"/>
      <c r="JTT653" s="613"/>
      <c r="JTU653" s="613"/>
      <c r="JTV653" s="613"/>
      <c r="JTW653" s="613"/>
      <c r="JTX653" s="613"/>
      <c r="JTY653" s="613"/>
      <c r="JTZ653" s="613"/>
      <c r="JUA653" s="613"/>
      <c r="JUB653" s="613"/>
      <c r="JUC653" s="613"/>
      <c r="JUD653" s="613"/>
      <c r="JUE653" s="613"/>
      <c r="JUF653" s="613"/>
      <c r="JUG653" s="613"/>
      <c r="JUH653" s="613"/>
      <c r="JUI653" s="613"/>
      <c r="JUJ653" s="613"/>
      <c r="JUK653" s="613"/>
      <c r="JUL653" s="613"/>
      <c r="JUM653" s="613"/>
      <c r="JUN653" s="613"/>
      <c r="JUO653" s="613"/>
      <c r="JUP653" s="613"/>
      <c r="JUQ653" s="613"/>
      <c r="JUR653" s="613"/>
      <c r="JUS653" s="613"/>
      <c r="JUT653" s="613"/>
      <c r="JUU653" s="613"/>
      <c r="JUV653" s="613"/>
      <c r="JUW653" s="613"/>
      <c r="JUX653" s="613"/>
      <c r="JUY653" s="613"/>
      <c r="JUZ653" s="613"/>
      <c r="JVA653" s="613"/>
      <c r="JVB653" s="613"/>
      <c r="JVC653" s="613"/>
      <c r="JVD653" s="613"/>
      <c r="JVE653" s="613"/>
      <c r="JVF653" s="613"/>
      <c r="JVG653" s="613"/>
      <c r="JVH653" s="613"/>
      <c r="JVI653" s="613"/>
      <c r="JVJ653" s="613"/>
      <c r="JVK653" s="613"/>
      <c r="JVL653" s="613"/>
      <c r="JVM653" s="613"/>
      <c r="JVN653" s="613"/>
      <c r="JVO653" s="613"/>
      <c r="JVP653" s="613"/>
      <c r="JVQ653" s="613"/>
      <c r="JVR653" s="613"/>
      <c r="JVS653" s="613"/>
      <c r="JVT653" s="613"/>
      <c r="JVU653" s="613"/>
      <c r="JVV653" s="613"/>
      <c r="JVW653" s="613"/>
      <c r="JVX653" s="613"/>
      <c r="JVY653" s="613"/>
      <c r="JVZ653" s="613"/>
      <c r="JWA653" s="613"/>
      <c r="JWB653" s="613"/>
      <c r="JWC653" s="613"/>
      <c r="JWD653" s="613"/>
      <c r="JWE653" s="613"/>
      <c r="JWF653" s="613"/>
      <c r="JWG653" s="613"/>
      <c r="JWH653" s="613"/>
      <c r="JWI653" s="613"/>
      <c r="JWJ653" s="613"/>
      <c r="JWK653" s="613"/>
      <c r="JWL653" s="613"/>
      <c r="JWM653" s="613"/>
      <c r="JWN653" s="613"/>
      <c r="JWO653" s="613"/>
      <c r="JWP653" s="613"/>
      <c r="JWQ653" s="613"/>
      <c r="JWR653" s="613"/>
      <c r="JWS653" s="613"/>
      <c r="JWT653" s="613"/>
      <c r="JWU653" s="613"/>
      <c r="JWV653" s="613"/>
      <c r="JWW653" s="613"/>
      <c r="JWX653" s="613"/>
      <c r="JWY653" s="613"/>
      <c r="JWZ653" s="613"/>
      <c r="JXA653" s="613"/>
      <c r="JXB653" s="613"/>
      <c r="JXC653" s="613"/>
      <c r="JXD653" s="613"/>
      <c r="JXE653" s="613"/>
      <c r="JXF653" s="613"/>
      <c r="JXG653" s="613"/>
      <c r="JXH653" s="613"/>
      <c r="JXI653" s="613"/>
      <c r="JXJ653" s="613"/>
      <c r="JXK653" s="613"/>
      <c r="JXL653" s="613"/>
      <c r="JXM653" s="613"/>
      <c r="JXN653" s="613"/>
      <c r="JXO653" s="613"/>
      <c r="JXP653" s="613"/>
      <c r="JXQ653" s="613"/>
      <c r="JXR653" s="613"/>
      <c r="JXS653" s="613"/>
      <c r="JXT653" s="613"/>
      <c r="JXU653" s="613"/>
      <c r="JXV653" s="613"/>
      <c r="JXW653" s="613"/>
      <c r="JXX653" s="613"/>
      <c r="JXY653" s="613"/>
      <c r="JXZ653" s="613"/>
      <c r="JYA653" s="613"/>
      <c r="JYB653" s="613"/>
      <c r="JYC653" s="613"/>
      <c r="JYD653" s="613"/>
      <c r="JYE653" s="613"/>
      <c r="JYF653" s="613"/>
      <c r="JYG653" s="613"/>
      <c r="JYH653" s="613"/>
      <c r="JYI653" s="613"/>
      <c r="JYJ653" s="613"/>
      <c r="JYK653" s="613"/>
      <c r="JYL653" s="613"/>
      <c r="JYM653" s="613"/>
      <c r="JYN653" s="613"/>
      <c r="JYO653" s="613"/>
      <c r="JYP653" s="613"/>
      <c r="JYQ653" s="613"/>
      <c r="JYR653" s="613"/>
      <c r="JYS653" s="613"/>
      <c r="JYT653" s="613"/>
      <c r="JYU653" s="613"/>
      <c r="JYV653" s="613"/>
      <c r="JYW653" s="613"/>
      <c r="JYX653" s="613"/>
      <c r="JYY653" s="613"/>
      <c r="JYZ653" s="613"/>
      <c r="JZA653" s="613"/>
      <c r="JZB653" s="613"/>
      <c r="JZC653" s="613"/>
      <c r="JZD653" s="613"/>
      <c r="JZE653" s="613"/>
      <c r="JZF653" s="613"/>
      <c r="JZG653" s="613"/>
      <c r="JZH653" s="613"/>
      <c r="JZI653" s="613"/>
      <c r="JZJ653" s="613"/>
      <c r="JZK653" s="613"/>
      <c r="JZL653" s="613"/>
      <c r="JZM653" s="613"/>
      <c r="JZN653" s="613"/>
      <c r="JZO653" s="613"/>
      <c r="JZP653" s="613"/>
      <c r="JZQ653" s="613"/>
      <c r="JZR653" s="613"/>
      <c r="JZS653" s="613"/>
      <c r="JZT653" s="613"/>
      <c r="JZU653" s="613"/>
      <c r="JZV653" s="613"/>
      <c r="JZW653" s="613"/>
      <c r="JZX653" s="613"/>
      <c r="JZY653" s="613"/>
      <c r="JZZ653" s="613"/>
      <c r="KAA653" s="613"/>
      <c r="KAB653" s="613"/>
      <c r="KAC653" s="613"/>
      <c r="KAD653" s="613"/>
      <c r="KAE653" s="613"/>
      <c r="KAF653" s="613"/>
      <c r="KAG653" s="613"/>
      <c r="KAH653" s="613"/>
      <c r="KAI653" s="613"/>
      <c r="KAJ653" s="613"/>
      <c r="KAK653" s="613"/>
      <c r="KAL653" s="613"/>
      <c r="KAM653" s="613"/>
      <c r="KAN653" s="613"/>
      <c r="KAO653" s="613"/>
      <c r="KAP653" s="613"/>
      <c r="KAQ653" s="613"/>
      <c r="KAR653" s="613"/>
      <c r="KAS653" s="613"/>
      <c r="KAT653" s="613"/>
      <c r="KAU653" s="613"/>
      <c r="KAV653" s="613"/>
      <c r="KAW653" s="613"/>
      <c r="KAX653" s="613"/>
      <c r="KAY653" s="613"/>
      <c r="KAZ653" s="613"/>
      <c r="KBA653" s="613"/>
      <c r="KBB653" s="613"/>
      <c r="KBC653" s="613"/>
      <c r="KBD653" s="613"/>
      <c r="KBE653" s="613"/>
      <c r="KBF653" s="613"/>
      <c r="KBG653" s="613"/>
      <c r="KBH653" s="613"/>
      <c r="KBI653" s="613"/>
      <c r="KBJ653" s="613"/>
      <c r="KBK653" s="613"/>
      <c r="KBL653" s="613"/>
      <c r="KBM653" s="613"/>
      <c r="KBN653" s="613"/>
      <c r="KBO653" s="613"/>
      <c r="KBP653" s="613"/>
      <c r="KBQ653" s="613"/>
      <c r="KBR653" s="613"/>
      <c r="KBS653" s="613"/>
      <c r="KBT653" s="613"/>
      <c r="KBU653" s="613"/>
      <c r="KBV653" s="613"/>
      <c r="KBW653" s="613"/>
      <c r="KBX653" s="613"/>
      <c r="KBY653" s="613"/>
      <c r="KBZ653" s="613"/>
      <c r="KCA653" s="613"/>
      <c r="KCB653" s="613"/>
      <c r="KCC653" s="613"/>
      <c r="KCD653" s="613"/>
      <c r="KCE653" s="613"/>
      <c r="KCF653" s="613"/>
      <c r="KCG653" s="613"/>
      <c r="KCH653" s="613"/>
      <c r="KCI653" s="613"/>
      <c r="KCJ653" s="613"/>
      <c r="KCK653" s="613"/>
      <c r="KCL653" s="613"/>
      <c r="KCM653" s="613"/>
      <c r="KCN653" s="613"/>
      <c r="KCO653" s="613"/>
      <c r="KCP653" s="613"/>
      <c r="KCQ653" s="613"/>
      <c r="KCR653" s="613"/>
      <c r="KCS653" s="613"/>
      <c r="KCT653" s="613"/>
      <c r="KCU653" s="613"/>
      <c r="KCV653" s="613"/>
      <c r="KCW653" s="613"/>
      <c r="KCX653" s="613"/>
      <c r="KCY653" s="613"/>
      <c r="KCZ653" s="613"/>
      <c r="KDA653" s="613"/>
      <c r="KDB653" s="613"/>
      <c r="KDC653" s="613"/>
      <c r="KDD653" s="613"/>
      <c r="KDE653" s="613"/>
      <c r="KDF653" s="613"/>
      <c r="KDG653" s="613"/>
      <c r="KDH653" s="613"/>
      <c r="KDI653" s="613"/>
      <c r="KDJ653" s="613"/>
      <c r="KDK653" s="613"/>
      <c r="KDL653" s="613"/>
      <c r="KDM653" s="613"/>
      <c r="KDN653" s="613"/>
      <c r="KDO653" s="613"/>
      <c r="KDP653" s="613"/>
      <c r="KDQ653" s="613"/>
      <c r="KDR653" s="613"/>
      <c r="KDS653" s="613"/>
      <c r="KDT653" s="613"/>
      <c r="KDU653" s="613"/>
      <c r="KDV653" s="613"/>
      <c r="KDW653" s="613"/>
      <c r="KDX653" s="613"/>
      <c r="KDY653" s="613"/>
      <c r="KDZ653" s="613"/>
      <c r="KEA653" s="613"/>
      <c r="KEB653" s="613"/>
      <c r="KEC653" s="613"/>
      <c r="KED653" s="613"/>
      <c r="KEE653" s="613"/>
      <c r="KEF653" s="613"/>
      <c r="KEG653" s="613"/>
      <c r="KEH653" s="613"/>
      <c r="KEI653" s="613"/>
      <c r="KEJ653" s="613"/>
      <c r="KEK653" s="613"/>
      <c r="KEL653" s="613"/>
      <c r="KEM653" s="613"/>
      <c r="KEN653" s="613"/>
      <c r="KEO653" s="613"/>
      <c r="KEP653" s="613"/>
      <c r="KEQ653" s="613"/>
      <c r="KER653" s="613"/>
      <c r="KES653" s="613"/>
      <c r="KET653" s="613"/>
      <c r="KEU653" s="613"/>
      <c r="KEV653" s="613"/>
      <c r="KEW653" s="613"/>
      <c r="KEX653" s="613"/>
      <c r="KEY653" s="613"/>
      <c r="KEZ653" s="613"/>
      <c r="KFA653" s="613"/>
      <c r="KFB653" s="613"/>
      <c r="KFC653" s="613"/>
      <c r="KFD653" s="613"/>
      <c r="KFE653" s="613"/>
      <c r="KFF653" s="613"/>
      <c r="KFG653" s="613"/>
      <c r="KFH653" s="613"/>
      <c r="KFI653" s="613"/>
      <c r="KFJ653" s="613"/>
      <c r="KFK653" s="613"/>
      <c r="KFL653" s="613"/>
      <c r="KFM653" s="613"/>
      <c r="KFN653" s="613"/>
      <c r="KFO653" s="613"/>
      <c r="KFP653" s="613"/>
      <c r="KFQ653" s="613"/>
      <c r="KFR653" s="613"/>
      <c r="KFS653" s="613"/>
      <c r="KFT653" s="613"/>
      <c r="KFU653" s="613"/>
      <c r="KFV653" s="613"/>
      <c r="KFW653" s="613"/>
      <c r="KFX653" s="613"/>
      <c r="KFY653" s="613"/>
      <c r="KFZ653" s="613"/>
      <c r="KGA653" s="613"/>
      <c r="KGB653" s="613"/>
      <c r="KGC653" s="613"/>
      <c r="KGD653" s="613"/>
      <c r="KGE653" s="613"/>
      <c r="KGF653" s="613"/>
      <c r="KGG653" s="613"/>
      <c r="KGH653" s="613"/>
      <c r="KGI653" s="613"/>
      <c r="KGJ653" s="613"/>
      <c r="KGK653" s="613"/>
      <c r="KGL653" s="613"/>
      <c r="KGM653" s="613"/>
      <c r="KGN653" s="613"/>
      <c r="KGO653" s="613"/>
      <c r="KGP653" s="613"/>
      <c r="KGQ653" s="613"/>
      <c r="KGR653" s="613"/>
      <c r="KGS653" s="613"/>
      <c r="KGT653" s="613"/>
      <c r="KGU653" s="613"/>
      <c r="KGV653" s="613"/>
      <c r="KGW653" s="613"/>
      <c r="KGX653" s="613"/>
      <c r="KGY653" s="613"/>
      <c r="KGZ653" s="613"/>
      <c r="KHA653" s="613"/>
      <c r="KHB653" s="613"/>
      <c r="KHC653" s="613"/>
      <c r="KHD653" s="613"/>
      <c r="KHE653" s="613"/>
      <c r="KHF653" s="613"/>
      <c r="KHG653" s="613"/>
      <c r="KHH653" s="613"/>
      <c r="KHI653" s="613"/>
      <c r="KHJ653" s="613"/>
      <c r="KHK653" s="613"/>
      <c r="KHL653" s="613"/>
      <c r="KHM653" s="613"/>
      <c r="KHN653" s="613"/>
      <c r="KHO653" s="613"/>
      <c r="KHP653" s="613"/>
      <c r="KHQ653" s="613"/>
      <c r="KHR653" s="613"/>
      <c r="KHS653" s="613"/>
      <c r="KHT653" s="613"/>
      <c r="KHU653" s="613"/>
      <c r="KHV653" s="613"/>
      <c r="KHW653" s="613"/>
      <c r="KHX653" s="613"/>
      <c r="KHY653" s="613"/>
      <c r="KHZ653" s="613"/>
      <c r="KIA653" s="613"/>
      <c r="KIB653" s="613"/>
      <c r="KIC653" s="613"/>
      <c r="KID653" s="613"/>
      <c r="KIE653" s="613"/>
      <c r="KIF653" s="613"/>
      <c r="KIG653" s="613"/>
      <c r="KIH653" s="613"/>
      <c r="KII653" s="613"/>
      <c r="KIJ653" s="613"/>
      <c r="KIK653" s="613"/>
      <c r="KIL653" s="613"/>
      <c r="KIM653" s="613"/>
      <c r="KIN653" s="613"/>
      <c r="KIO653" s="613"/>
      <c r="KIP653" s="613"/>
      <c r="KIQ653" s="613"/>
      <c r="KIR653" s="613"/>
      <c r="KIS653" s="613"/>
      <c r="KIT653" s="613"/>
      <c r="KIU653" s="613"/>
      <c r="KIV653" s="613"/>
      <c r="KIW653" s="613"/>
      <c r="KIX653" s="613"/>
      <c r="KIY653" s="613"/>
      <c r="KIZ653" s="613"/>
      <c r="KJA653" s="613"/>
      <c r="KJB653" s="613"/>
      <c r="KJC653" s="613"/>
      <c r="KJD653" s="613"/>
      <c r="KJE653" s="613"/>
      <c r="KJF653" s="613"/>
      <c r="KJG653" s="613"/>
      <c r="KJH653" s="613"/>
      <c r="KJI653" s="613"/>
      <c r="KJJ653" s="613"/>
      <c r="KJK653" s="613"/>
      <c r="KJL653" s="613"/>
      <c r="KJM653" s="613"/>
      <c r="KJN653" s="613"/>
      <c r="KJO653" s="613"/>
      <c r="KJP653" s="613"/>
      <c r="KJQ653" s="613"/>
      <c r="KJR653" s="613"/>
      <c r="KJS653" s="613"/>
      <c r="KJT653" s="613"/>
      <c r="KJU653" s="613"/>
      <c r="KJV653" s="613"/>
      <c r="KJW653" s="613"/>
      <c r="KJX653" s="613"/>
      <c r="KJY653" s="613"/>
      <c r="KJZ653" s="613"/>
      <c r="KKA653" s="613"/>
      <c r="KKB653" s="613"/>
      <c r="KKC653" s="613"/>
      <c r="KKD653" s="613"/>
      <c r="KKE653" s="613"/>
      <c r="KKF653" s="613"/>
      <c r="KKG653" s="613"/>
      <c r="KKH653" s="613"/>
      <c r="KKI653" s="613"/>
      <c r="KKJ653" s="613"/>
      <c r="KKK653" s="613"/>
      <c r="KKL653" s="613"/>
      <c r="KKM653" s="613"/>
      <c r="KKN653" s="613"/>
      <c r="KKO653" s="613"/>
      <c r="KKP653" s="613"/>
      <c r="KKQ653" s="613"/>
      <c r="KKR653" s="613"/>
      <c r="KKS653" s="613"/>
      <c r="KKT653" s="613"/>
      <c r="KKU653" s="613"/>
      <c r="KKV653" s="613"/>
      <c r="KKW653" s="613"/>
      <c r="KKX653" s="613"/>
      <c r="KKY653" s="613"/>
      <c r="KKZ653" s="613"/>
      <c r="KLA653" s="613"/>
      <c r="KLB653" s="613"/>
      <c r="KLC653" s="613"/>
      <c r="KLD653" s="613"/>
      <c r="KLE653" s="613"/>
      <c r="KLF653" s="613"/>
      <c r="KLG653" s="613"/>
      <c r="KLH653" s="613"/>
      <c r="KLI653" s="613"/>
      <c r="KLJ653" s="613"/>
      <c r="KLK653" s="613"/>
      <c r="KLL653" s="613"/>
      <c r="KLM653" s="613"/>
      <c r="KLN653" s="613"/>
      <c r="KLO653" s="613"/>
      <c r="KLP653" s="613"/>
      <c r="KLQ653" s="613"/>
      <c r="KLR653" s="613"/>
      <c r="KLS653" s="613"/>
      <c r="KLT653" s="613"/>
      <c r="KLU653" s="613"/>
      <c r="KLV653" s="613"/>
      <c r="KLW653" s="613"/>
      <c r="KLX653" s="613"/>
      <c r="KLY653" s="613"/>
      <c r="KLZ653" s="613"/>
      <c r="KMA653" s="613"/>
      <c r="KMB653" s="613"/>
      <c r="KMC653" s="613"/>
      <c r="KMD653" s="613"/>
      <c r="KME653" s="613"/>
      <c r="KMF653" s="613"/>
      <c r="KMG653" s="613"/>
      <c r="KMH653" s="613"/>
      <c r="KMI653" s="613"/>
      <c r="KMJ653" s="613"/>
      <c r="KMK653" s="613"/>
      <c r="KML653" s="613"/>
      <c r="KMM653" s="613"/>
      <c r="KMN653" s="613"/>
      <c r="KMO653" s="613"/>
      <c r="KMP653" s="613"/>
      <c r="KMQ653" s="613"/>
      <c r="KMR653" s="613"/>
      <c r="KMS653" s="613"/>
      <c r="KMT653" s="613"/>
      <c r="KMU653" s="613"/>
      <c r="KMV653" s="613"/>
      <c r="KMW653" s="613"/>
      <c r="KMX653" s="613"/>
      <c r="KMY653" s="613"/>
      <c r="KMZ653" s="613"/>
      <c r="KNA653" s="613"/>
      <c r="KNB653" s="613"/>
      <c r="KNC653" s="613"/>
      <c r="KND653" s="613"/>
      <c r="KNE653" s="613"/>
      <c r="KNF653" s="613"/>
      <c r="KNG653" s="613"/>
      <c r="KNH653" s="613"/>
      <c r="KNI653" s="613"/>
      <c r="KNJ653" s="613"/>
      <c r="KNK653" s="613"/>
      <c r="KNL653" s="613"/>
      <c r="KNM653" s="613"/>
      <c r="KNN653" s="613"/>
      <c r="KNO653" s="613"/>
      <c r="KNP653" s="613"/>
      <c r="KNQ653" s="613"/>
      <c r="KNR653" s="613"/>
      <c r="KNS653" s="613"/>
      <c r="KNT653" s="613"/>
      <c r="KNU653" s="613"/>
      <c r="KNV653" s="613"/>
      <c r="KNW653" s="613"/>
      <c r="KNX653" s="613"/>
      <c r="KNY653" s="613"/>
      <c r="KNZ653" s="613"/>
      <c r="KOA653" s="613"/>
      <c r="KOB653" s="613"/>
      <c r="KOC653" s="613"/>
      <c r="KOD653" s="613"/>
      <c r="KOE653" s="613"/>
      <c r="KOF653" s="613"/>
      <c r="KOG653" s="613"/>
      <c r="KOH653" s="613"/>
      <c r="KOI653" s="613"/>
      <c r="KOJ653" s="613"/>
      <c r="KOK653" s="613"/>
      <c r="KOL653" s="613"/>
      <c r="KOM653" s="613"/>
      <c r="KON653" s="613"/>
      <c r="KOO653" s="613"/>
      <c r="KOP653" s="613"/>
      <c r="KOQ653" s="613"/>
      <c r="KOR653" s="613"/>
      <c r="KOS653" s="613"/>
      <c r="KOT653" s="613"/>
      <c r="KOU653" s="613"/>
      <c r="KOV653" s="613"/>
      <c r="KOW653" s="613"/>
      <c r="KOX653" s="613"/>
      <c r="KOY653" s="613"/>
      <c r="KOZ653" s="613"/>
      <c r="KPA653" s="613"/>
      <c r="KPB653" s="613"/>
      <c r="KPC653" s="613"/>
      <c r="KPD653" s="613"/>
      <c r="KPE653" s="613"/>
      <c r="KPF653" s="613"/>
      <c r="KPG653" s="613"/>
      <c r="KPH653" s="613"/>
      <c r="KPI653" s="613"/>
      <c r="KPJ653" s="613"/>
      <c r="KPK653" s="613"/>
      <c r="KPL653" s="613"/>
      <c r="KPM653" s="613"/>
      <c r="KPN653" s="613"/>
      <c r="KPO653" s="613"/>
      <c r="KPP653" s="613"/>
      <c r="KPQ653" s="613"/>
      <c r="KPR653" s="613"/>
      <c r="KPS653" s="613"/>
      <c r="KPT653" s="613"/>
      <c r="KPU653" s="613"/>
      <c r="KPV653" s="613"/>
      <c r="KPW653" s="613"/>
      <c r="KPX653" s="613"/>
      <c r="KPY653" s="613"/>
      <c r="KPZ653" s="613"/>
      <c r="KQA653" s="613"/>
      <c r="KQB653" s="613"/>
      <c r="KQC653" s="613"/>
      <c r="KQD653" s="613"/>
      <c r="KQE653" s="613"/>
      <c r="KQF653" s="613"/>
      <c r="KQG653" s="613"/>
      <c r="KQH653" s="613"/>
      <c r="KQI653" s="613"/>
      <c r="KQJ653" s="613"/>
      <c r="KQK653" s="613"/>
      <c r="KQL653" s="613"/>
      <c r="KQM653" s="613"/>
      <c r="KQN653" s="613"/>
      <c r="KQO653" s="613"/>
      <c r="KQP653" s="613"/>
      <c r="KQQ653" s="613"/>
      <c r="KQR653" s="613"/>
      <c r="KQS653" s="613"/>
      <c r="KQT653" s="613"/>
      <c r="KQU653" s="613"/>
      <c r="KQV653" s="613"/>
      <c r="KQW653" s="613"/>
      <c r="KQX653" s="613"/>
      <c r="KQY653" s="613"/>
      <c r="KQZ653" s="613"/>
      <c r="KRA653" s="613"/>
      <c r="KRB653" s="613"/>
      <c r="KRC653" s="613"/>
      <c r="KRD653" s="613"/>
      <c r="KRE653" s="613"/>
      <c r="KRF653" s="613"/>
      <c r="KRG653" s="613"/>
      <c r="KRH653" s="613"/>
      <c r="KRI653" s="613"/>
      <c r="KRJ653" s="613"/>
      <c r="KRK653" s="613"/>
      <c r="KRL653" s="613"/>
      <c r="KRM653" s="613"/>
      <c r="KRN653" s="613"/>
      <c r="KRO653" s="613"/>
      <c r="KRP653" s="613"/>
      <c r="KRQ653" s="613"/>
      <c r="KRR653" s="613"/>
      <c r="KRS653" s="613"/>
      <c r="KRT653" s="613"/>
      <c r="KRU653" s="613"/>
      <c r="KRV653" s="613"/>
      <c r="KRW653" s="613"/>
      <c r="KRX653" s="613"/>
      <c r="KRY653" s="613"/>
      <c r="KRZ653" s="613"/>
      <c r="KSA653" s="613"/>
      <c r="KSB653" s="613"/>
      <c r="KSC653" s="613"/>
      <c r="KSD653" s="613"/>
      <c r="KSE653" s="613"/>
      <c r="KSF653" s="613"/>
      <c r="KSG653" s="613"/>
      <c r="KSH653" s="613"/>
      <c r="KSI653" s="613"/>
      <c r="KSJ653" s="613"/>
      <c r="KSK653" s="613"/>
      <c r="KSL653" s="613"/>
      <c r="KSM653" s="613"/>
      <c r="KSN653" s="613"/>
      <c r="KSO653" s="613"/>
      <c r="KSP653" s="613"/>
      <c r="KSQ653" s="613"/>
      <c r="KSR653" s="613"/>
      <c r="KSS653" s="613"/>
      <c r="KST653" s="613"/>
      <c r="KSU653" s="613"/>
      <c r="KSV653" s="613"/>
      <c r="KSW653" s="613"/>
      <c r="KSX653" s="613"/>
      <c r="KSY653" s="613"/>
      <c r="KSZ653" s="613"/>
      <c r="KTA653" s="613"/>
      <c r="KTB653" s="613"/>
      <c r="KTC653" s="613"/>
      <c r="KTD653" s="613"/>
      <c r="KTE653" s="613"/>
      <c r="KTF653" s="613"/>
      <c r="KTG653" s="613"/>
      <c r="KTH653" s="613"/>
      <c r="KTI653" s="613"/>
      <c r="KTJ653" s="613"/>
      <c r="KTK653" s="613"/>
      <c r="KTL653" s="613"/>
      <c r="KTM653" s="613"/>
      <c r="KTN653" s="613"/>
      <c r="KTO653" s="613"/>
      <c r="KTP653" s="613"/>
      <c r="KTQ653" s="613"/>
      <c r="KTR653" s="613"/>
      <c r="KTS653" s="613"/>
      <c r="KTT653" s="613"/>
      <c r="KTU653" s="613"/>
      <c r="KTV653" s="613"/>
      <c r="KTW653" s="613"/>
      <c r="KTX653" s="613"/>
      <c r="KTY653" s="613"/>
      <c r="KTZ653" s="613"/>
      <c r="KUA653" s="613"/>
      <c r="KUB653" s="613"/>
      <c r="KUC653" s="613"/>
      <c r="KUD653" s="613"/>
      <c r="KUE653" s="613"/>
      <c r="KUF653" s="613"/>
      <c r="KUG653" s="613"/>
      <c r="KUH653" s="613"/>
      <c r="KUI653" s="613"/>
      <c r="KUJ653" s="613"/>
      <c r="KUK653" s="613"/>
      <c r="KUL653" s="613"/>
      <c r="KUM653" s="613"/>
      <c r="KUN653" s="613"/>
      <c r="KUO653" s="613"/>
      <c r="KUP653" s="613"/>
      <c r="KUQ653" s="613"/>
      <c r="KUR653" s="613"/>
      <c r="KUS653" s="613"/>
      <c r="KUT653" s="613"/>
      <c r="KUU653" s="613"/>
      <c r="KUV653" s="613"/>
      <c r="KUW653" s="613"/>
      <c r="KUX653" s="613"/>
      <c r="KUY653" s="613"/>
      <c r="KUZ653" s="613"/>
      <c r="KVA653" s="613"/>
      <c r="KVB653" s="613"/>
      <c r="KVC653" s="613"/>
      <c r="KVD653" s="613"/>
      <c r="KVE653" s="613"/>
      <c r="KVF653" s="613"/>
      <c r="KVG653" s="613"/>
      <c r="KVH653" s="613"/>
      <c r="KVI653" s="613"/>
      <c r="KVJ653" s="613"/>
      <c r="KVK653" s="613"/>
      <c r="KVL653" s="613"/>
      <c r="KVM653" s="613"/>
      <c r="KVN653" s="613"/>
      <c r="KVO653" s="613"/>
      <c r="KVP653" s="613"/>
      <c r="KVQ653" s="613"/>
      <c r="KVR653" s="613"/>
      <c r="KVS653" s="613"/>
      <c r="KVT653" s="613"/>
      <c r="KVU653" s="613"/>
      <c r="KVV653" s="613"/>
      <c r="KVW653" s="613"/>
      <c r="KVX653" s="613"/>
      <c r="KVY653" s="613"/>
      <c r="KVZ653" s="613"/>
      <c r="KWA653" s="613"/>
      <c r="KWB653" s="613"/>
      <c r="KWC653" s="613"/>
      <c r="KWD653" s="613"/>
      <c r="KWE653" s="613"/>
      <c r="KWF653" s="613"/>
      <c r="KWG653" s="613"/>
      <c r="KWH653" s="613"/>
      <c r="KWI653" s="613"/>
      <c r="KWJ653" s="613"/>
      <c r="KWK653" s="613"/>
      <c r="KWL653" s="613"/>
      <c r="KWM653" s="613"/>
      <c r="KWN653" s="613"/>
      <c r="KWO653" s="613"/>
      <c r="KWP653" s="613"/>
      <c r="KWQ653" s="613"/>
      <c r="KWR653" s="613"/>
      <c r="KWS653" s="613"/>
      <c r="KWT653" s="613"/>
      <c r="KWU653" s="613"/>
      <c r="KWV653" s="613"/>
      <c r="KWW653" s="613"/>
      <c r="KWX653" s="613"/>
      <c r="KWY653" s="613"/>
      <c r="KWZ653" s="613"/>
      <c r="KXA653" s="613"/>
      <c r="KXB653" s="613"/>
      <c r="KXC653" s="613"/>
      <c r="KXD653" s="613"/>
      <c r="KXE653" s="613"/>
      <c r="KXF653" s="613"/>
      <c r="KXG653" s="613"/>
      <c r="KXH653" s="613"/>
      <c r="KXI653" s="613"/>
      <c r="KXJ653" s="613"/>
      <c r="KXK653" s="613"/>
      <c r="KXL653" s="613"/>
      <c r="KXM653" s="613"/>
      <c r="KXN653" s="613"/>
      <c r="KXO653" s="613"/>
      <c r="KXP653" s="613"/>
      <c r="KXQ653" s="613"/>
      <c r="KXR653" s="613"/>
      <c r="KXS653" s="613"/>
      <c r="KXT653" s="613"/>
      <c r="KXU653" s="613"/>
      <c r="KXV653" s="613"/>
      <c r="KXW653" s="613"/>
      <c r="KXX653" s="613"/>
      <c r="KXY653" s="613"/>
      <c r="KXZ653" s="613"/>
      <c r="KYA653" s="613"/>
      <c r="KYB653" s="613"/>
      <c r="KYC653" s="613"/>
      <c r="KYD653" s="613"/>
      <c r="KYE653" s="613"/>
      <c r="KYF653" s="613"/>
      <c r="KYG653" s="613"/>
      <c r="KYH653" s="613"/>
      <c r="KYI653" s="613"/>
      <c r="KYJ653" s="613"/>
      <c r="KYK653" s="613"/>
      <c r="KYL653" s="613"/>
      <c r="KYM653" s="613"/>
      <c r="KYN653" s="613"/>
      <c r="KYO653" s="613"/>
      <c r="KYP653" s="613"/>
      <c r="KYQ653" s="613"/>
      <c r="KYR653" s="613"/>
      <c r="KYS653" s="613"/>
      <c r="KYT653" s="613"/>
      <c r="KYU653" s="613"/>
      <c r="KYV653" s="613"/>
      <c r="KYW653" s="613"/>
      <c r="KYX653" s="613"/>
      <c r="KYY653" s="613"/>
      <c r="KYZ653" s="613"/>
      <c r="KZA653" s="613"/>
      <c r="KZB653" s="613"/>
      <c r="KZC653" s="613"/>
      <c r="KZD653" s="613"/>
      <c r="KZE653" s="613"/>
      <c r="KZF653" s="613"/>
      <c r="KZG653" s="613"/>
      <c r="KZH653" s="613"/>
      <c r="KZI653" s="613"/>
      <c r="KZJ653" s="613"/>
      <c r="KZK653" s="613"/>
      <c r="KZL653" s="613"/>
      <c r="KZM653" s="613"/>
      <c r="KZN653" s="613"/>
      <c r="KZO653" s="613"/>
      <c r="KZP653" s="613"/>
      <c r="KZQ653" s="613"/>
      <c r="KZR653" s="613"/>
      <c r="KZS653" s="613"/>
      <c r="KZT653" s="613"/>
      <c r="KZU653" s="613"/>
      <c r="KZV653" s="613"/>
      <c r="KZW653" s="613"/>
      <c r="KZX653" s="613"/>
      <c r="KZY653" s="613"/>
      <c r="KZZ653" s="613"/>
      <c r="LAA653" s="613"/>
      <c r="LAB653" s="613"/>
      <c r="LAC653" s="613"/>
      <c r="LAD653" s="613"/>
      <c r="LAE653" s="613"/>
      <c r="LAF653" s="613"/>
      <c r="LAG653" s="613"/>
      <c r="LAH653" s="613"/>
      <c r="LAI653" s="613"/>
      <c r="LAJ653" s="613"/>
      <c r="LAK653" s="613"/>
      <c r="LAL653" s="613"/>
      <c r="LAM653" s="613"/>
      <c r="LAN653" s="613"/>
      <c r="LAO653" s="613"/>
      <c r="LAP653" s="613"/>
      <c r="LAQ653" s="613"/>
      <c r="LAR653" s="613"/>
      <c r="LAS653" s="613"/>
      <c r="LAT653" s="613"/>
      <c r="LAU653" s="613"/>
      <c r="LAV653" s="613"/>
      <c r="LAW653" s="613"/>
      <c r="LAX653" s="613"/>
      <c r="LAY653" s="613"/>
      <c r="LAZ653" s="613"/>
      <c r="LBA653" s="613"/>
      <c r="LBB653" s="613"/>
      <c r="LBC653" s="613"/>
      <c r="LBD653" s="613"/>
      <c r="LBE653" s="613"/>
      <c r="LBF653" s="613"/>
      <c r="LBG653" s="613"/>
      <c r="LBH653" s="613"/>
      <c r="LBI653" s="613"/>
      <c r="LBJ653" s="613"/>
      <c r="LBK653" s="613"/>
      <c r="LBL653" s="613"/>
      <c r="LBM653" s="613"/>
      <c r="LBN653" s="613"/>
      <c r="LBO653" s="613"/>
      <c r="LBP653" s="613"/>
      <c r="LBQ653" s="613"/>
      <c r="LBR653" s="613"/>
      <c r="LBS653" s="613"/>
      <c r="LBT653" s="613"/>
      <c r="LBU653" s="613"/>
      <c r="LBV653" s="613"/>
      <c r="LBW653" s="613"/>
      <c r="LBX653" s="613"/>
      <c r="LBY653" s="613"/>
      <c r="LBZ653" s="613"/>
      <c r="LCA653" s="613"/>
      <c r="LCB653" s="613"/>
      <c r="LCC653" s="613"/>
      <c r="LCD653" s="613"/>
      <c r="LCE653" s="613"/>
      <c r="LCF653" s="613"/>
      <c r="LCG653" s="613"/>
      <c r="LCH653" s="613"/>
      <c r="LCI653" s="613"/>
      <c r="LCJ653" s="613"/>
      <c r="LCK653" s="613"/>
      <c r="LCL653" s="613"/>
      <c r="LCM653" s="613"/>
      <c r="LCN653" s="613"/>
      <c r="LCO653" s="613"/>
      <c r="LCP653" s="613"/>
      <c r="LCQ653" s="613"/>
      <c r="LCR653" s="613"/>
      <c r="LCS653" s="613"/>
      <c r="LCT653" s="613"/>
      <c r="LCU653" s="613"/>
      <c r="LCV653" s="613"/>
      <c r="LCW653" s="613"/>
      <c r="LCX653" s="613"/>
      <c r="LCY653" s="613"/>
      <c r="LCZ653" s="613"/>
      <c r="LDA653" s="613"/>
      <c r="LDB653" s="613"/>
      <c r="LDC653" s="613"/>
      <c r="LDD653" s="613"/>
      <c r="LDE653" s="613"/>
      <c r="LDF653" s="613"/>
      <c r="LDG653" s="613"/>
      <c r="LDH653" s="613"/>
      <c r="LDI653" s="613"/>
      <c r="LDJ653" s="613"/>
      <c r="LDK653" s="613"/>
      <c r="LDL653" s="613"/>
      <c r="LDM653" s="613"/>
      <c r="LDN653" s="613"/>
      <c r="LDO653" s="613"/>
      <c r="LDP653" s="613"/>
      <c r="LDQ653" s="613"/>
      <c r="LDR653" s="613"/>
      <c r="LDS653" s="613"/>
      <c r="LDT653" s="613"/>
      <c r="LDU653" s="613"/>
      <c r="LDV653" s="613"/>
      <c r="LDW653" s="613"/>
      <c r="LDX653" s="613"/>
      <c r="LDY653" s="613"/>
      <c r="LDZ653" s="613"/>
      <c r="LEA653" s="613"/>
      <c r="LEB653" s="613"/>
      <c r="LEC653" s="613"/>
      <c r="LED653" s="613"/>
      <c r="LEE653" s="613"/>
      <c r="LEF653" s="613"/>
      <c r="LEG653" s="613"/>
      <c r="LEH653" s="613"/>
      <c r="LEI653" s="613"/>
      <c r="LEJ653" s="613"/>
      <c r="LEK653" s="613"/>
      <c r="LEL653" s="613"/>
      <c r="LEM653" s="613"/>
      <c r="LEN653" s="613"/>
      <c r="LEO653" s="613"/>
      <c r="LEP653" s="613"/>
      <c r="LEQ653" s="613"/>
      <c r="LER653" s="613"/>
      <c r="LES653" s="613"/>
      <c r="LET653" s="613"/>
      <c r="LEU653" s="613"/>
      <c r="LEV653" s="613"/>
      <c r="LEW653" s="613"/>
      <c r="LEX653" s="613"/>
      <c r="LEY653" s="613"/>
      <c r="LEZ653" s="613"/>
      <c r="LFA653" s="613"/>
      <c r="LFB653" s="613"/>
      <c r="LFC653" s="613"/>
      <c r="LFD653" s="613"/>
      <c r="LFE653" s="613"/>
      <c r="LFF653" s="613"/>
      <c r="LFG653" s="613"/>
      <c r="LFH653" s="613"/>
      <c r="LFI653" s="613"/>
      <c r="LFJ653" s="613"/>
      <c r="LFK653" s="613"/>
      <c r="LFL653" s="613"/>
      <c r="LFM653" s="613"/>
      <c r="LFN653" s="613"/>
      <c r="LFO653" s="613"/>
      <c r="LFP653" s="613"/>
      <c r="LFQ653" s="613"/>
      <c r="LFR653" s="613"/>
      <c r="LFS653" s="613"/>
      <c r="LFT653" s="613"/>
      <c r="LFU653" s="613"/>
      <c r="LFV653" s="613"/>
      <c r="LFW653" s="613"/>
      <c r="LFX653" s="613"/>
      <c r="LFY653" s="613"/>
      <c r="LFZ653" s="613"/>
      <c r="LGA653" s="613"/>
      <c r="LGB653" s="613"/>
      <c r="LGC653" s="613"/>
      <c r="LGD653" s="613"/>
      <c r="LGE653" s="613"/>
      <c r="LGF653" s="613"/>
      <c r="LGG653" s="613"/>
      <c r="LGH653" s="613"/>
      <c r="LGI653" s="613"/>
      <c r="LGJ653" s="613"/>
      <c r="LGK653" s="613"/>
      <c r="LGL653" s="613"/>
      <c r="LGM653" s="613"/>
      <c r="LGN653" s="613"/>
      <c r="LGO653" s="613"/>
      <c r="LGP653" s="613"/>
      <c r="LGQ653" s="613"/>
      <c r="LGR653" s="613"/>
      <c r="LGS653" s="613"/>
      <c r="LGT653" s="613"/>
      <c r="LGU653" s="613"/>
      <c r="LGV653" s="613"/>
      <c r="LGW653" s="613"/>
      <c r="LGX653" s="613"/>
      <c r="LGY653" s="613"/>
      <c r="LGZ653" s="613"/>
      <c r="LHA653" s="613"/>
      <c r="LHB653" s="613"/>
      <c r="LHC653" s="613"/>
      <c r="LHD653" s="613"/>
      <c r="LHE653" s="613"/>
      <c r="LHF653" s="613"/>
      <c r="LHG653" s="613"/>
      <c r="LHH653" s="613"/>
      <c r="LHI653" s="613"/>
      <c r="LHJ653" s="613"/>
      <c r="LHK653" s="613"/>
      <c r="LHL653" s="613"/>
      <c r="LHM653" s="613"/>
      <c r="LHN653" s="613"/>
      <c r="LHO653" s="613"/>
      <c r="LHP653" s="613"/>
      <c r="LHQ653" s="613"/>
      <c r="LHR653" s="613"/>
      <c r="LHS653" s="613"/>
      <c r="LHT653" s="613"/>
      <c r="LHU653" s="613"/>
      <c r="LHV653" s="613"/>
      <c r="LHW653" s="613"/>
      <c r="LHX653" s="613"/>
      <c r="LHY653" s="613"/>
      <c r="LHZ653" s="613"/>
      <c r="LIA653" s="613"/>
      <c r="LIB653" s="613"/>
      <c r="LIC653" s="613"/>
      <c r="LID653" s="613"/>
      <c r="LIE653" s="613"/>
      <c r="LIF653" s="613"/>
      <c r="LIG653" s="613"/>
      <c r="LIH653" s="613"/>
      <c r="LII653" s="613"/>
      <c r="LIJ653" s="613"/>
      <c r="LIK653" s="613"/>
      <c r="LIL653" s="613"/>
      <c r="LIM653" s="613"/>
      <c r="LIN653" s="613"/>
      <c r="LIO653" s="613"/>
      <c r="LIP653" s="613"/>
      <c r="LIQ653" s="613"/>
      <c r="LIR653" s="613"/>
      <c r="LIS653" s="613"/>
      <c r="LIT653" s="613"/>
      <c r="LIU653" s="613"/>
      <c r="LIV653" s="613"/>
      <c r="LIW653" s="613"/>
      <c r="LIX653" s="613"/>
      <c r="LIY653" s="613"/>
      <c r="LIZ653" s="613"/>
      <c r="LJA653" s="613"/>
      <c r="LJB653" s="613"/>
      <c r="LJC653" s="613"/>
      <c r="LJD653" s="613"/>
      <c r="LJE653" s="613"/>
      <c r="LJF653" s="613"/>
      <c r="LJG653" s="613"/>
      <c r="LJH653" s="613"/>
      <c r="LJI653" s="613"/>
      <c r="LJJ653" s="613"/>
      <c r="LJK653" s="613"/>
      <c r="LJL653" s="613"/>
      <c r="LJM653" s="613"/>
      <c r="LJN653" s="613"/>
      <c r="LJO653" s="613"/>
      <c r="LJP653" s="613"/>
      <c r="LJQ653" s="613"/>
      <c r="LJR653" s="613"/>
      <c r="LJS653" s="613"/>
      <c r="LJT653" s="613"/>
      <c r="LJU653" s="613"/>
      <c r="LJV653" s="613"/>
      <c r="LJW653" s="613"/>
      <c r="LJX653" s="613"/>
      <c r="LJY653" s="613"/>
      <c r="LJZ653" s="613"/>
      <c r="LKA653" s="613"/>
      <c r="LKB653" s="613"/>
      <c r="LKC653" s="613"/>
      <c r="LKD653" s="613"/>
      <c r="LKE653" s="613"/>
      <c r="LKF653" s="613"/>
      <c r="LKG653" s="613"/>
      <c r="LKH653" s="613"/>
      <c r="LKI653" s="613"/>
      <c r="LKJ653" s="613"/>
      <c r="LKK653" s="613"/>
      <c r="LKL653" s="613"/>
      <c r="LKM653" s="613"/>
      <c r="LKN653" s="613"/>
      <c r="LKO653" s="613"/>
      <c r="LKP653" s="613"/>
      <c r="LKQ653" s="613"/>
      <c r="LKR653" s="613"/>
      <c r="LKS653" s="613"/>
      <c r="LKT653" s="613"/>
      <c r="LKU653" s="613"/>
      <c r="LKV653" s="613"/>
      <c r="LKW653" s="613"/>
      <c r="LKX653" s="613"/>
      <c r="LKY653" s="613"/>
      <c r="LKZ653" s="613"/>
      <c r="LLA653" s="613"/>
      <c r="LLB653" s="613"/>
      <c r="LLC653" s="613"/>
      <c r="LLD653" s="613"/>
      <c r="LLE653" s="613"/>
      <c r="LLF653" s="613"/>
      <c r="LLG653" s="613"/>
      <c r="LLH653" s="613"/>
      <c r="LLI653" s="613"/>
      <c r="LLJ653" s="613"/>
      <c r="LLK653" s="613"/>
      <c r="LLL653" s="613"/>
      <c r="LLM653" s="613"/>
      <c r="LLN653" s="613"/>
      <c r="LLO653" s="613"/>
      <c r="LLP653" s="613"/>
      <c r="LLQ653" s="613"/>
      <c r="LLR653" s="613"/>
      <c r="LLS653" s="613"/>
      <c r="LLT653" s="613"/>
      <c r="LLU653" s="613"/>
      <c r="LLV653" s="613"/>
      <c r="LLW653" s="613"/>
      <c r="LLX653" s="613"/>
      <c r="LLY653" s="613"/>
      <c r="LLZ653" s="613"/>
      <c r="LMA653" s="613"/>
      <c r="LMB653" s="613"/>
      <c r="LMC653" s="613"/>
      <c r="LMD653" s="613"/>
      <c r="LME653" s="613"/>
      <c r="LMF653" s="613"/>
      <c r="LMG653" s="613"/>
      <c r="LMH653" s="613"/>
      <c r="LMI653" s="613"/>
      <c r="LMJ653" s="613"/>
      <c r="LMK653" s="613"/>
      <c r="LML653" s="613"/>
      <c r="LMM653" s="613"/>
      <c r="LMN653" s="613"/>
      <c r="LMO653" s="613"/>
      <c r="LMP653" s="613"/>
      <c r="LMQ653" s="613"/>
      <c r="LMR653" s="613"/>
      <c r="LMS653" s="613"/>
      <c r="LMT653" s="613"/>
      <c r="LMU653" s="613"/>
      <c r="LMV653" s="613"/>
      <c r="LMW653" s="613"/>
      <c r="LMX653" s="613"/>
      <c r="LMY653" s="613"/>
      <c r="LMZ653" s="613"/>
      <c r="LNA653" s="613"/>
      <c r="LNB653" s="613"/>
      <c r="LNC653" s="613"/>
      <c r="LND653" s="613"/>
      <c r="LNE653" s="613"/>
      <c r="LNF653" s="613"/>
      <c r="LNG653" s="613"/>
      <c r="LNH653" s="613"/>
      <c r="LNI653" s="613"/>
      <c r="LNJ653" s="613"/>
      <c r="LNK653" s="613"/>
      <c r="LNL653" s="613"/>
      <c r="LNM653" s="613"/>
      <c r="LNN653" s="613"/>
      <c r="LNO653" s="613"/>
      <c r="LNP653" s="613"/>
      <c r="LNQ653" s="613"/>
      <c r="LNR653" s="613"/>
      <c r="LNS653" s="613"/>
      <c r="LNT653" s="613"/>
      <c r="LNU653" s="613"/>
      <c r="LNV653" s="613"/>
      <c r="LNW653" s="613"/>
      <c r="LNX653" s="613"/>
      <c r="LNY653" s="613"/>
      <c r="LNZ653" s="613"/>
      <c r="LOA653" s="613"/>
      <c r="LOB653" s="613"/>
      <c r="LOC653" s="613"/>
      <c r="LOD653" s="613"/>
      <c r="LOE653" s="613"/>
      <c r="LOF653" s="613"/>
      <c r="LOG653" s="613"/>
      <c r="LOH653" s="613"/>
      <c r="LOI653" s="613"/>
      <c r="LOJ653" s="613"/>
      <c r="LOK653" s="613"/>
      <c r="LOL653" s="613"/>
      <c r="LOM653" s="613"/>
      <c r="LON653" s="613"/>
      <c r="LOO653" s="613"/>
      <c r="LOP653" s="613"/>
      <c r="LOQ653" s="613"/>
      <c r="LOR653" s="613"/>
      <c r="LOS653" s="613"/>
      <c r="LOT653" s="613"/>
      <c r="LOU653" s="613"/>
      <c r="LOV653" s="613"/>
      <c r="LOW653" s="613"/>
      <c r="LOX653" s="613"/>
      <c r="LOY653" s="613"/>
      <c r="LOZ653" s="613"/>
      <c r="LPA653" s="613"/>
      <c r="LPB653" s="613"/>
      <c r="LPC653" s="613"/>
      <c r="LPD653" s="613"/>
      <c r="LPE653" s="613"/>
      <c r="LPF653" s="613"/>
      <c r="LPG653" s="613"/>
      <c r="LPH653" s="613"/>
      <c r="LPI653" s="613"/>
      <c r="LPJ653" s="613"/>
      <c r="LPK653" s="613"/>
      <c r="LPL653" s="613"/>
      <c r="LPM653" s="613"/>
      <c r="LPN653" s="613"/>
      <c r="LPO653" s="613"/>
      <c r="LPP653" s="613"/>
      <c r="LPQ653" s="613"/>
      <c r="LPR653" s="613"/>
      <c r="LPS653" s="613"/>
      <c r="LPT653" s="613"/>
      <c r="LPU653" s="613"/>
      <c r="LPV653" s="613"/>
      <c r="LPW653" s="613"/>
      <c r="LPX653" s="613"/>
      <c r="LPY653" s="613"/>
      <c r="LPZ653" s="613"/>
      <c r="LQA653" s="613"/>
      <c r="LQB653" s="613"/>
      <c r="LQC653" s="613"/>
      <c r="LQD653" s="613"/>
      <c r="LQE653" s="613"/>
      <c r="LQF653" s="613"/>
      <c r="LQG653" s="613"/>
      <c r="LQH653" s="613"/>
      <c r="LQI653" s="613"/>
      <c r="LQJ653" s="613"/>
      <c r="LQK653" s="613"/>
      <c r="LQL653" s="613"/>
      <c r="LQM653" s="613"/>
      <c r="LQN653" s="613"/>
      <c r="LQO653" s="613"/>
      <c r="LQP653" s="613"/>
      <c r="LQQ653" s="613"/>
      <c r="LQR653" s="613"/>
      <c r="LQS653" s="613"/>
      <c r="LQT653" s="613"/>
      <c r="LQU653" s="613"/>
      <c r="LQV653" s="613"/>
      <c r="LQW653" s="613"/>
      <c r="LQX653" s="613"/>
      <c r="LQY653" s="613"/>
      <c r="LQZ653" s="613"/>
      <c r="LRA653" s="613"/>
      <c r="LRB653" s="613"/>
      <c r="LRC653" s="613"/>
      <c r="LRD653" s="613"/>
      <c r="LRE653" s="613"/>
      <c r="LRF653" s="613"/>
      <c r="LRG653" s="613"/>
      <c r="LRH653" s="613"/>
      <c r="LRI653" s="613"/>
      <c r="LRJ653" s="613"/>
      <c r="LRK653" s="613"/>
      <c r="LRL653" s="613"/>
      <c r="LRM653" s="613"/>
      <c r="LRN653" s="613"/>
      <c r="LRO653" s="613"/>
      <c r="LRP653" s="613"/>
      <c r="LRQ653" s="613"/>
      <c r="LRR653" s="613"/>
      <c r="LRS653" s="613"/>
      <c r="LRT653" s="613"/>
      <c r="LRU653" s="613"/>
      <c r="LRV653" s="613"/>
      <c r="LRW653" s="613"/>
      <c r="LRX653" s="613"/>
      <c r="LRY653" s="613"/>
      <c r="LRZ653" s="613"/>
      <c r="LSA653" s="613"/>
      <c r="LSB653" s="613"/>
      <c r="LSC653" s="613"/>
      <c r="LSD653" s="613"/>
      <c r="LSE653" s="613"/>
      <c r="LSF653" s="613"/>
      <c r="LSG653" s="613"/>
      <c r="LSH653" s="613"/>
      <c r="LSI653" s="613"/>
      <c r="LSJ653" s="613"/>
      <c r="LSK653" s="613"/>
      <c r="LSL653" s="613"/>
      <c r="LSM653" s="613"/>
      <c r="LSN653" s="613"/>
      <c r="LSO653" s="613"/>
      <c r="LSP653" s="613"/>
      <c r="LSQ653" s="613"/>
      <c r="LSR653" s="613"/>
      <c r="LSS653" s="613"/>
      <c r="LST653" s="613"/>
      <c r="LSU653" s="613"/>
      <c r="LSV653" s="613"/>
      <c r="LSW653" s="613"/>
      <c r="LSX653" s="613"/>
      <c r="LSY653" s="613"/>
      <c r="LSZ653" s="613"/>
      <c r="LTA653" s="613"/>
      <c r="LTB653" s="613"/>
      <c r="LTC653" s="613"/>
      <c r="LTD653" s="613"/>
      <c r="LTE653" s="613"/>
      <c r="LTF653" s="613"/>
      <c r="LTG653" s="613"/>
      <c r="LTH653" s="613"/>
      <c r="LTI653" s="613"/>
      <c r="LTJ653" s="613"/>
      <c r="LTK653" s="613"/>
      <c r="LTL653" s="613"/>
      <c r="LTM653" s="613"/>
      <c r="LTN653" s="613"/>
      <c r="LTO653" s="613"/>
      <c r="LTP653" s="613"/>
      <c r="LTQ653" s="613"/>
      <c r="LTR653" s="613"/>
      <c r="LTS653" s="613"/>
      <c r="LTT653" s="613"/>
      <c r="LTU653" s="613"/>
      <c r="LTV653" s="613"/>
      <c r="LTW653" s="613"/>
      <c r="LTX653" s="613"/>
      <c r="LTY653" s="613"/>
      <c r="LTZ653" s="613"/>
      <c r="LUA653" s="613"/>
      <c r="LUB653" s="613"/>
      <c r="LUC653" s="613"/>
      <c r="LUD653" s="613"/>
      <c r="LUE653" s="613"/>
      <c r="LUF653" s="613"/>
      <c r="LUG653" s="613"/>
      <c r="LUH653" s="613"/>
      <c r="LUI653" s="613"/>
      <c r="LUJ653" s="613"/>
      <c r="LUK653" s="613"/>
      <c r="LUL653" s="613"/>
      <c r="LUM653" s="613"/>
      <c r="LUN653" s="613"/>
      <c r="LUO653" s="613"/>
      <c r="LUP653" s="613"/>
      <c r="LUQ653" s="613"/>
      <c r="LUR653" s="613"/>
      <c r="LUS653" s="613"/>
      <c r="LUT653" s="613"/>
      <c r="LUU653" s="613"/>
      <c r="LUV653" s="613"/>
      <c r="LUW653" s="613"/>
      <c r="LUX653" s="613"/>
      <c r="LUY653" s="613"/>
      <c r="LUZ653" s="613"/>
      <c r="LVA653" s="613"/>
      <c r="LVB653" s="613"/>
      <c r="LVC653" s="613"/>
      <c r="LVD653" s="613"/>
      <c r="LVE653" s="613"/>
      <c r="LVF653" s="613"/>
      <c r="LVG653" s="613"/>
      <c r="LVH653" s="613"/>
      <c r="LVI653" s="613"/>
      <c r="LVJ653" s="613"/>
      <c r="LVK653" s="613"/>
      <c r="LVL653" s="613"/>
      <c r="LVM653" s="613"/>
      <c r="LVN653" s="613"/>
      <c r="LVO653" s="613"/>
      <c r="LVP653" s="613"/>
      <c r="LVQ653" s="613"/>
      <c r="LVR653" s="613"/>
      <c r="LVS653" s="613"/>
      <c r="LVT653" s="613"/>
      <c r="LVU653" s="613"/>
      <c r="LVV653" s="613"/>
      <c r="LVW653" s="613"/>
      <c r="LVX653" s="613"/>
      <c r="LVY653" s="613"/>
      <c r="LVZ653" s="613"/>
      <c r="LWA653" s="613"/>
      <c r="LWB653" s="613"/>
      <c r="LWC653" s="613"/>
      <c r="LWD653" s="613"/>
      <c r="LWE653" s="613"/>
      <c r="LWF653" s="613"/>
      <c r="LWG653" s="613"/>
      <c r="LWH653" s="613"/>
      <c r="LWI653" s="613"/>
      <c r="LWJ653" s="613"/>
      <c r="LWK653" s="613"/>
      <c r="LWL653" s="613"/>
      <c r="LWM653" s="613"/>
      <c r="LWN653" s="613"/>
      <c r="LWO653" s="613"/>
      <c r="LWP653" s="613"/>
      <c r="LWQ653" s="613"/>
      <c r="LWR653" s="613"/>
      <c r="LWS653" s="613"/>
      <c r="LWT653" s="613"/>
      <c r="LWU653" s="613"/>
      <c r="LWV653" s="613"/>
      <c r="LWW653" s="613"/>
      <c r="LWX653" s="613"/>
      <c r="LWY653" s="613"/>
      <c r="LWZ653" s="613"/>
      <c r="LXA653" s="613"/>
      <c r="LXB653" s="613"/>
      <c r="LXC653" s="613"/>
      <c r="LXD653" s="613"/>
      <c r="LXE653" s="613"/>
      <c r="LXF653" s="613"/>
      <c r="LXG653" s="613"/>
      <c r="LXH653" s="613"/>
      <c r="LXI653" s="613"/>
      <c r="LXJ653" s="613"/>
      <c r="LXK653" s="613"/>
      <c r="LXL653" s="613"/>
      <c r="LXM653" s="613"/>
      <c r="LXN653" s="613"/>
      <c r="LXO653" s="613"/>
      <c r="LXP653" s="613"/>
      <c r="LXQ653" s="613"/>
      <c r="LXR653" s="613"/>
      <c r="LXS653" s="613"/>
      <c r="LXT653" s="613"/>
      <c r="LXU653" s="613"/>
      <c r="LXV653" s="613"/>
      <c r="LXW653" s="613"/>
      <c r="LXX653" s="613"/>
      <c r="LXY653" s="613"/>
      <c r="LXZ653" s="613"/>
      <c r="LYA653" s="613"/>
      <c r="LYB653" s="613"/>
      <c r="LYC653" s="613"/>
      <c r="LYD653" s="613"/>
      <c r="LYE653" s="613"/>
      <c r="LYF653" s="613"/>
      <c r="LYG653" s="613"/>
      <c r="LYH653" s="613"/>
      <c r="LYI653" s="613"/>
      <c r="LYJ653" s="613"/>
      <c r="LYK653" s="613"/>
      <c r="LYL653" s="613"/>
      <c r="LYM653" s="613"/>
      <c r="LYN653" s="613"/>
      <c r="LYO653" s="613"/>
      <c r="LYP653" s="613"/>
      <c r="LYQ653" s="613"/>
      <c r="LYR653" s="613"/>
      <c r="LYS653" s="613"/>
      <c r="LYT653" s="613"/>
      <c r="LYU653" s="613"/>
      <c r="LYV653" s="613"/>
      <c r="LYW653" s="613"/>
      <c r="LYX653" s="613"/>
      <c r="LYY653" s="613"/>
      <c r="LYZ653" s="613"/>
      <c r="LZA653" s="613"/>
      <c r="LZB653" s="613"/>
      <c r="LZC653" s="613"/>
      <c r="LZD653" s="613"/>
      <c r="LZE653" s="613"/>
      <c r="LZF653" s="613"/>
      <c r="LZG653" s="613"/>
      <c r="LZH653" s="613"/>
      <c r="LZI653" s="613"/>
      <c r="LZJ653" s="613"/>
      <c r="LZK653" s="613"/>
      <c r="LZL653" s="613"/>
      <c r="LZM653" s="613"/>
      <c r="LZN653" s="613"/>
      <c r="LZO653" s="613"/>
      <c r="LZP653" s="613"/>
      <c r="LZQ653" s="613"/>
      <c r="LZR653" s="613"/>
      <c r="LZS653" s="613"/>
      <c r="LZT653" s="613"/>
      <c r="LZU653" s="613"/>
      <c r="LZV653" s="613"/>
      <c r="LZW653" s="613"/>
      <c r="LZX653" s="613"/>
      <c r="LZY653" s="613"/>
      <c r="LZZ653" s="613"/>
      <c r="MAA653" s="613"/>
      <c r="MAB653" s="613"/>
      <c r="MAC653" s="613"/>
      <c r="MAD653" s="613"/>
      <c r="MAE653" s="613"/>
      <c r="MAF653" s="613"/>
      <c r="MAG653" s="613"/>
      <c r="MAH653" s="613"/>
      <c r="MAI653" s="613"/>
      <c r="MAJ653" s="613"/>
      <c r="MAK653" s="613"/>
      <c r="MAL653" s="613"/>
      <c r="MAM653" s="613"/>
      <c r="MAN653" s="613"/>
      <c r="MAO653" s="613"/>
      <c r="MAP653" s="613"/>
      <c r="MAQ653" s="613"/>
      <c r="MAR653" s="613"/>
      <c r="MAS653" s="613"/>
      <c r="MAT653" s="613"/>
      <c r="MAU653" s="613"/>
      <c r="MAV653" s="613"/>
      <c r="MAW653" s="613"/>
      <c r="MAX653" s="613"/>
      <c r="MAY653" s="613"/>
      <c r="MAZ653" s="613"/>
      <c r="MBA653" s="613"/>
      <c r="MBB653" s="613"/>
      <c r="MBC653" s="613"/>
      <c r="MBD653" s="613"/>
      <c r="MBE653" s="613"/>
      <c r="MBF653" s="613"/>
      <c r="MBG653" s="613"/>
      <c r="MBH653" s="613"/>
      <c r="MBI653" s="613"/>
      <c r="MBJ653" s="613"/>
      <c r="MBK653" s="613"/>
      <c r="MBL653" s="613"/>
      <c r="MBM653" s="613"/>
      <c r="MBN653" s="613"/>
      <c r="MBO653" s="613"/>
      <c r="MBP653" s="613"/>
      <c r="MBQ653" s="613"/>
      <c r="MBR653" s="613"/>
      <c r="MBS653" s="613"/>
      <c r="MBT653" s="613"/>
      <c r="MBU653" s="613"/>
      <c r="MBV653" s="613"/>
      <c r="MBW653" s="613"/>
      <c r="MBX653" s="613"/>
      <c r="MBY653" s="613"/>
      <c r="MBZ653" s="613"/>
      <c r="MCA653" s="613"/>
      <c r="MCB653" s="613"/>
      <c r="MCC653" s="613"/>
      <c r="MCD653" s="613"/>
      <c r="MCE653" s="613"/>
      <c r="MCF653" s="613"/>
      <c r="MCG653" s="613"/>
      <c r="MCH653" s="613"/>
      <c r="MCI653" s="613"/>
      <c r="MCJ653" s="613"/>
      <c r="MCK653" s="613"/>
      <c r="MCL653" s="613"/>
      <c r="MCM653" s="613"/>
      <c r="MCN653" s="613"/>
      <c r="MCO653" s="613"/>
      <c r="MCP653" s="613"/>
      <c r="MCQ653" s="613"/>
      <c r="MCR653" s="613"/>
      <c r="MCS653" s="613"/>
      <c r="MCT653" s="613"/>
      <c r="MCU653" s="613"/>
      <c r="MCV653" s="613"/>
      <c r="MCW653" s="613"/>
      <c r="MCX653" s="613"/>
      <c r="MCY653" s="613"/>
      <c r="MCZ653" s="613"/>
      <c r="MDA653" s="613"/>
      <c r="MDB653" s="613"/>
      <c r="MDC653" s="613"/>
      <c r="MDD653" s="613"/>
      <c r="MDE653" s="613"/>
      <c r="MDF653" s="613"/>
      <c r="MDG653" s="613"/>
      <c r="MDH653" s="613"/>
      <c r="MDI653" s="613"/>
      <c r="MDJ653" s="613"/>
      <c r="MDK653" s="613"/>
      <c r="MDL653" s="613"/>
      <c r="MDM653" s="613"/>
      <c r="MDN653" s="613"/>
      <c r="MDO653" s="613"/>
      <c r="MDP653" s="613"/>
      <c r="MDQ653" s="613"/>
      <c r="MDR653" s="613"/>
      <c r="MDS653" s="613"/>
      <c r="MDT653" s="613"/>
      <c r="MDU653" s="613"/>
      <c r="MDV653" s="613"/>
      <c r="MDW653" s="613"/>
      <c r="MDX653" s="613"/>
      <c r="MDY653" s="613"/>
      <c r="MDZ653" s="613"/>
      <c r="MEA653" s="613"/>
      <c r="MEB653" s="613"/>
      <c r="MEC653" s="613"/>
      <c r="MED653" s="613"/>
      <c r="MEE653" s="613"/>
      <c r="MEF653" s="613"/>
      <c r="MEG653" s="613"/>
      <c r="MEH653" s="613"/>
      <c r="MEI653" s="613"/>
      <c r="MEJ653" s="613"/>
      <c r="MEK653" s="613"/>
      <c r="MEL653" s="613"/>
      <c r="MEM653" s="613"/>
      <c r="MEN653" s="613"/>
      <c r="MEO653" s="613"/>
      <c r="MEP653" s="613"/>
      <c r="MEQ653" s="613"/>
      <c r="MER653" s="613"/>
      <c r="MES653" s="613"/>
      <c r="MET653" s="613"/>
      <c r="MEU653" s="613"/>
      <c r="MEV653" s="613"/>
      <c r="MEW653" s="613"/>
      <c r="MEX653" s="613"/>
      <c r="MEY653" s="613"/>
      <c r="MEZ653" s="613"/>
      <c r="MFA653" s="613"/>
      <c r="MFB653" s="613"/>
      <c r="MFC653" s="613"/>
      <c r="MFD653" s="613"/>
      <c r="MFE653" s="613"/>
      <c r="MFF653" s="613"/>
      <c r="MFG653" s="613"/>
      <c r="MFH653" s="613"/>
      <c r="MFI653" s="613"/>
      <c r="MFJ653" s="613"/>
      <c r="MFK653" s="613"/>
      <c r="MFL653" s="613"/>
      <c r="MFM653" s="613"/>
      <c r="MFN653" s="613"/>
      <c r="MFO653" s="613"/>
      <c r="MFP653" s="613"/>
      <c r="MFQ653" s="613"/>
      <c r="MFR653" s="613"/>
      <c r="MFS653" s="613"/>
      <c r="MFT653" s="613"/>
      <c r="MFU653" s="613"/>
      <c r="MFV653" s="613"/>
      <c r="MFW653" s="613"/>
      <c r="MFX653" s="613"/>
      <c r="MFY653" s="613"/>
      <c r="MFZ653" s="613"/>
      <c r="MGA653" s="613"/>
      <c r="MGB653" s="613"/>
      <c r="MGC653" s="613"/>
      <c r="MGD653" s="613"/>
      <c r="MGE653" s="613"/>
      <c r="MGF653" s="613"/>
      <c r="MGG653" s="613"/>
      <c r="MGH653" s="613"/>
      <c r="MGI653" s="613"/>
      <c r="MGJ653" s="613"/>
      <c r="MGK653" s="613"/>
      <c r="MGL653" s="613"/>
      <c r="MGM653" s="613"/>
      <c r="MGN653" s="613"/>
      <c r="MGO653" s="613"/>
      <c r="MGP653" s="613"/>
      <c r="MGQ653" s="613"/>
      <c r="MGR653" s="613"/>
      <c r="MGS653" s="613"/>
      <c r="MGT653" s="613"/>
      <c r="MGU653" s="613"/>
      <c r="MGV653" s="613"/>
      <c r="MGW653" s="613"/>
      <c r="MGX653" s="613"/>
      <c r="MGY653" s="613"/>
      <c r="MGZ653" s="613"/>
      <c r="MHA653" s="613"/>
      <c r="MHB653" s="613"/>
      <c r="MHC653" s="613"/>
      <c r="MHD653" s="613"/>
      <c r="MHE653" s="613"/>
      <c r="MHF653" s="613"/>
      <c r="MHG653" s="613"/>
      <c r="MHH653" s="613"/>
      <c r="MHI653" s="613"/>
      <c r="MHJ653" s="613"/>
      <c r="MHK653" s="613"/>
      <c r="MHL653" s="613"/>
      <c r="MHM653" s="613"/>
      <c r="MHN653" s="613"/>
      <c r="MHO653" s="613"/>
      <c r="MHP653" s="613"/>
      <c r="MHQ653" s="613"/>
      <c r="MHR653" s="613"/>
      <c r="MHS653" s="613"/>
      <c r="MHT653" s="613"/>
      <c r="MHU653" s="613"/>
      <c r="MHV653" s="613"/>
      <c r="MHW653" s="613"/>
      <c r="MHX653" s="613"/>
      <c r="MHY653" s="613"/>
      <c r="MHZ653" s="613"/>
      <c r="MIA653" s="613"/>
      <c r="MIB653" s="613"/>
      <c r="MIC653" s="613"/>
      <c r="MID653" s="613"/>
      <c r="MIE653" s="613"/>
      <c r="MIF653" s="613"/>
      <c r="MIG653" s="613"/>
      <c r="MIH653" s="613"/>
      <c r="MII653" s="613"/>
      <c r="MIJ653" s="613"/>
      <c r="MIK653" s="613"/>
      <c r="MIL653" s="613"/>
      <c r="MIM653" s="613"/>
      <c r="MIN653" s="613"/>
      <c r="MIO653" s="613"/>
      <c r="MIP653" s="613"/>
      <c r="MIQ653" s="613"/>
      <c r="MIR653" s="613"/>
      <c r="MIS653" s="613"/>
      <c r="MIT653" s="613"/>
      <c r="MIU653" s="613"/>
      <c r="MIV653" s="613"/>
      <c r="MIW653" s="613"/>
      <c r="MIX653" s="613"/>
      <c r="MIY653" s="613"/>
      <c r="MIZ653" s="613"/>
      <c r="MJA653" s="613"/>
      <c r="MJB653" s="613"/>
      <c r="MJC653" s="613"/>
      <c r="MJD653" s="613"/>
      <c r="MJE653" s="613"/>
      <c r="MJF653" s="613"/>
      <c r="MJG653" s="613"/>
      <c r="MJH653" s="613"/>
      <c r="MJI653" s="613"/>
      <c r="MJJ653" s="613"/>
      <c r="MJK653" s="613"/>
      <c r="MJL653" s="613"/>
      <c r="MJM653" s="613"/>
      <c r="MJN653" s="613"/>
      <c r="MJO653" s="613"/>
      <c r="MJP653" s="613"/>
      <c r="MJQ653" s="613"/>
      <c r="MJR653" s="613"/>
      <c r="MJS653" s="613"/>
      <c r="MJT653" s="613"/>
      <c r="MJU653" s="613"/>
      <c r="MJV653" s="613"/>
      <c r="MJW653" s="613"/>
      <c r="MJX653" s="613"/>
      <c r="MJY653" s="613"/>
      <c r="MJZ653" s="613"/>
      <c r="MKA653" s="613"/>
      <c r="MKB653" s="613"/>
      <c r="MKC653" s="613"/>
      <c r="MKD653" s="613"/>
      <c r="MKE653" s="613"/>
      <c r="MKF653" s="613"/>
      <c r="MKG653" s="613"/>
      <c r="MKH653" s="613"/>
      <c r="MKI653" s="613"/>
      <c r="MKJ653" s="613"/>
      <c r="MKK653" s="613"/>
      <c r="MKL653" s="613"/>
      <c r="MKM653" s="613"/>
      <c r="MKN653" s="613"/>
      <c r="MKO653" s="613"/>
      <c r="MKP653" s="613"/>
      <c r="MKQ653" s="613"/>
      <c r="MKR653" s="613"/>
      <c r="MKS653" s="613"/>
      <c r="MKT653" s="613"/>
      <c r="MKU653" s="613"/>
      <c r="MKV653" s="613"/>
      <c r="MKW653" s="613"/>
      <c r="MKX653" s="613"/>
      <c r="MKY653" s="613"/>
      <c r="MKZ653" s="613"/>
      <c r="MLA653" s="613"/>
      <c r="MLB653" s="613"/>
      <c r="MLC653" s="613"/>
      <c r="MLD653" s="613"/>
      <c r="MLE653" s="613"/>
      <c r="MLF653" s="613"/>
      <c r="MLG653" s="613"/>
      <c r="MLH653" s="613"/>
      <c r="MLI653" s="613"/>
      <c r="MLJ653" s="613"/>
      <c r="MLK653" s="613"/>
      <c r="MLL653" s="613"/>
      <c r="MLM653" s="613"/>
      <c r="MLN653" s="613"/>
      <c r="MLO653" s="613"/>
      <c r="MLP653" s="613"/>
      <c r="MLQ653" s="613"/>
      <c r="MLR653" s="613"/>
      <c r="MLS653" s="613"/>
      <c r="MLT653" s="613"/>
      <c r="MLU653" s="613"/>
      <c r="MLV653" s="613"/>
      <c r="MLW653" s="613"/>
      <c r="MLX653" s="613"/>
      <c r="MLY653" s="613"/>
      <c r="MLZ653" s="613"/>
      <c r="MMA653" s="613"/>
      <c r="MMB653" s="613"/>
      <c r="MMC653" s="613"/>
      <c r="MMD653" s="613"/>
      <c r="MME653" s="613"/>
      <c r="MMF653" s="613"/>
      <c r="MMG653" s="613"/>
      <c r="MMH653" s="613"/>
      <c r="MMI653" s="613"/>
      <c r="MMJ653" s="613"/>
      <c r="MMK653" s="613"/>
      <c r="MML653" s="613"/>
      <c r="MMM653" s="613"/>
      <c r="MMN653" s="613"/>
      <c r="MMO653" s="613"/>
      <c r="MMP653" s="613"/>
      <c r="MMQ653" s="613"/>
      <c r="MMR653" s="613"/>
      <c r="MMS653" s="613"/>
      <c r="MMT653" s="613"/>
      <c r="MMU653" s="613"/>
      <c r="MMV653" s="613"/>
      <c r="MMW653" s="613"/>
      <c r="MMX653" s="613"/>
      <c r="MMY653" s="613"/>
      <c r="MMZ653" s="613"/>
      <c r="MNA653" s="613"/>
      <c r="MNB653" s="613"/>
      <c r="MNC653" s="613"/>
      <c r="MND653" s="613"/>
      <c r="MNE653" s="613"/>
      <c r="MNF653" s="613"/>
      <c r="MNG653" s="613"/>
      <c r="MNH653" s="613"/>
      <c r="MNI653" s="613"/>
      <c r="MNJ653" s="613"/>
      <c r="MNK653" s="613"/>
      <c r="MNL653" s="613"/>
      <c r="MNM653" s="613"/>
      <c r="MNN653" s="613"/>
      <c r="MNO653" s="613"/>
      <c r="MNP653" s="613"/>
      <c r="MNQ653" s="613"/>
      <c r="MNR653" s="613"/>
      <c r="MNS653" s="613"/>
      <c r="MNT653" s="613"/>
      <c r="MNU653" s="613"/>
      <c r="MNV653" s="613"/>
      <c r="MNW653" s="613"/>
      <c r="MNX653" s="613"/>
      <c r="MNY653" s="613"/>
      <c r="MNZ653" s="613"/>
      <c r="MOA653" s="613"/>
      <c r="MOB653" s="613"/>
      <c r="MOC653" s="613"/>
      <c r="MOD653" s="613"/>
      <c r="MOE653" s="613"/>
      <c r="MOF653" s="613"/>
      <c r="MOG653" s="613"/>
      <c r="MOH653" s="613"/>
      <c r="MOI653" s="613"/>
      <c r="MOJ653" s="613"/>
      <c r="MOK653" s="613"/>
      <c r="MOL653" s="613"/>
      <c r="MOM653" s="613"/>
      <c r="MON653" s="613"/>
      <c r="MOO653" s="613"/>
      <c r="MOP653" s="613"/>
      <c r="MOQ653" s="613"/>
      <c r="MOR653" s="613"/>
      <c r="MOS653" s="613"/>
      <c r="MOT653" s="613"/>
      <c r="MOU653" s="613"/>
      <c r="MOV653" s="613"/>
      <c r="MOW653" s="613"/>
      <c r="MOX653" s="613"/>
      <c r="MOY653" s="613"/>
      <c r="MOZ653" s="613"/>
      <c r="MPA653" s="613"/>
      <c r="MPB653" s="613"/>
      <c r="MPC653" s="613"/>
      <c r="MPD653" s="613"/>
      <c r="MPE653" s="613"/>
      <c r="MPF653" s="613"/>
      <c r="MPG653" s="613"/>
      <c r="MPH653" s="613"/>
      <c r="MPI653" s="613"/>
      <c r="MPJ653" s="613"/>
      <c r="MPK653" s="613"/>
      <c r="MPL653" s="613"/>
      <c r="MPM653" s="613"/>
      <c r="MPN653" s="613"/>
      <c r="MPO653" s="613"/>
      <c r="MPP653" s="613"/>
      <c r="MPQ653" s="613"/>
      <c r="MPR653" s="613"/>
      <c r="MPS653" s="613"/>
      <c r="MPT653" s="613"/>
      <c r="MPU653" s="613"/>
      <c r="MPV653" s="613"/>
      <c r="MPW653" s="613"/>
      <c r="MPX653" s="613"/>
      <c r="MPY653" s="613"/>
      <c r="MPZ653" s="613"/>
      <c r="MQA653" s="613"/>
      <c r="MQB653" s="613"/>
      <c r="MQC653" s="613"/>
      <c r="MQD653" s="613"/>
      <c r="MQE653" s="613"/>
      <c r="MQF653" s="613"/>
      <c r="MQG653" s="613"/>
      <c r="MQH653" s="613"/>
      <c r="MQI653" s="613"/>
      <c r="MQJ653" s="613"/>
      <c r="MQK653" s="613"/>
      <c r="MQL653" s="613"/>
      <c r="MQM653" s="613"/>
      <c r="MQN653" s="613"/>
      <c r="MQO653" s="613"/>
      <c r="MQP653" s="613"/>
      <c r="MQQ653" s="613"/>
      <c r="MQR653" s="613"/>
      <c r="MQS653" s="613"/>
      <c r="MQT653" s="613"/>
      <c r="MQU653" s="613"/>
      <c r="MQV653" s="613"/>
      <c r="MQW653" s="613"/>
      <c r="MQX653" s="613"/>
      <c r="MQY653" s="613"/>
      <c r="MQZ653" s="613"/>
      <c r="MRA653" s="613"/>
      <c r="MRB653" s="613"/>
      <c r="MRC653" s="613"/>
      <c r="MRD653" s="613"/>
      <c r="MRE653" s="613"/>
      <c r="MRF653" s="613"/>
      <c r="MRG653" s="613"/>
      <c r="MRH653" s="613"/>
      <c r="MRI653" s="613"/>
      <c r="MRJ653" s="613"/>
      <c r="MRK653" s="613"/>
      <c r="MRL653" s="613"/>
      <c r="MRM653" s="613"/>
      <c r="MRN653" s="613"/>
      <c r="MRO653" s="613"/>
      <c r="MRP653" s="613"/>
      <c r="MRQ653" s="613"/>
      <c r="MRR653" s="613"/>
      <c r="MRS653" s="613"/>
      <c r="MRT653" s="613"/>
      <c r="MRU653" s="613"/>
      <c r="MRV653" s="613"/>
      <c r="MRW653" s="613"/>
      <c r="MRX653" s="613"/>
      <c r="MRY653" s="613"/>
      <c r="MRZ653" s="613"/>
      <c r="MSA653" s="613"/>
      <c r="MSB653" s="613"/>
      <c r="MSC653" s="613"/>
      <c r="MSD653" s="613"/>
      <c r="MSE653" s="613"/>
      <c r="MSF653" s="613"/>
      <c r="MSG653" s="613"/>
      <c r="MSH653" s="613"/>
      <c r="MSI653" s="613"/>
      <c r="MSJ653" s="613"/>
      <c r="MSK653" s="613"/>
      <c r="MSL653" s="613"/>
      <c r="MSM653" s="613"/>
      <c r="MSN653" s="613"/>
      <c r="MSO653" s="613"/>
      <c r="MSP653" s="613"/>
      <c r="MSQ653" s="613"/>
      <c r="MSR653" s="613"/>
      <c r="MSS653" s="613"/>
      <c r="MST653" s="613"/>
      <c r="MSU653" s="613"/>
      <c r="MSV653" s="613"/>
      <c r="MSW653" s="613"/>
      <c r="MSX653" s="613"/>
      <c r="MSY653" s="613"/>
      <c r="MSZ653" s="613"/>
      <c r="MTA653" s="613"/>
      <c r="MTB653" s="613"/>
      <c r="MTC653" s="613"/>
      <c r="MTD653" s="613"/>
      <c r="MTE653" s="613"/>
      <c r="MTF653" s="613"/>
      <c r="MTG653" s="613"/>
      <c r="MTH653" s="613"/>
      <c r="MTI653" s="613"/>
      <c r="MTJ653" s="613"/>
      <c r="MTK653" s="613"/>
      <c r="MTL653" s="613"/>
      <c r="MTM653" s="613"/>
      <c r="MTN653" s="613"/>
      <c r="MTO653" s="613"/>
      <c r="MTP653" s="613"/>
      <c r="MTQ653" s="613"/>
      <c r="MTR653" s="613"/>
      <c r="MTS653" s="613"/>
      <c r="MTT653" s="613"/>
      <c r="MTU653" s="613"/>
      <c r="MTV653" s="613"/>
      <c r="MTW653" s="613"/>
      <c r="MTX653" s="613"/>
      <c r="MTY653" s="613"/>
      <c r="MTZ653" s="613"/>
      <c r="MUA653" s="613"/>
      <c r="MUB653" s="613"/>
      <c r="MUC653" s="613"/>
      <c r="MUD653" s="613"/>
      <c r="MUE653" s="613"/>
      <c r="MUF653" s="613"/>
      <c r="MUG653" s="613"/>
      <c r="MUH653" s="613"/>
      <c r="MUI653" s="613"/>
      <c r="MUJ653" s="613"/>
      <c r="MUK653" s="613"/>
      <c r="MUL653" s="613"/>
      <c r="MUM653" s="613"/>
      <c r="MUN653" s="613"/>
      <c r="MUO653" s="613"/>
      <c r="MUP653" s="613"/>
      <c r="MUQ653" s="613"/>
      <c r="MUR653" s="613"/>
      <c r="MUS653" s="613"/>
      <c r="MUT653" s="613"/>
      <c r="MUU653" s="613"/>
      <c r="MUV653" s="613"/>
      <c r="MUW653" s="613"/>
      <c r="MUX653" s="613"/>
      <c r="MUY653" s="613"/>
      <c r="MUZ653" s="613"/>
      <c r="MVA653" s="613"/>
      <c r="MVB653" s="613"/>
      <c r="MVC653" s="613"/>
      <c r="MVD653" s="613"/>
      <c r="MVE653" s="613"/>
      <c r="MVF653" s="613"/>
      <c r="MVG653" s="613"/>
      <c r="MVH653" s="613"/>
      <c r="MVI653" s="613"/>
      <c r="MVJ653" s="613"/>
      <c r="MVK653" s="613"/>
      <c r="MVL653" s="613"/>
      <c r="MVM653" s="613"/>
      <c r="MVN653" s="613"/>
      <c r="MVO653" s="613"/>
      <c r="MVP653" s="613"/>
      <c r="MVQ653" s="613"/>
      <c r="MVR653" s="613"/>
      <c r="MVS653" s="613"/>
      <c r="MVT653" s="613"/>
      <c r="MVU653" s="613"/>
      <c r="MVV653" s="613"/>
      <c r="MVW653" s="613"/>
      <c r="MVX653" s="613"/>
      <c r="MVY653" s="613"/>
      <c r="MVZ653" s="613"/>
      <c r="MWA653" s="613"/>
      <c r="MWB653" s="613"/>
      <c r="MWC653" s="613"/>
      <c r="MWD653" s="613"/>
      <c r="MWE653" s="613"/>
      <c r="MWF653" s="613"/>
      <c r="MWG653" s="613"/>
      <c r="MWH653" s="613"/>
      <c r="MWI653" s="613"/>
      <c r="MWJ653" s="613"/>
      <c r="MWK653" s="613"/>
      <c r="MWL653" s="613"/>
      <c r="MWM653" s="613"/>
      <c r="MWN653" s="613"/>
      <c r="MWO653" s="613"/>
      <c r="MWP653" s="613"/>
      <c r="MWQ653" s="613"/>
      <c r="MWR653" s="613"/>
      <c r="MWS653" s="613"/>
      <c r="MWT653" s="613"/>
      <c r="MWU653" s="613"/>
      <c r="MWV653" s="613"/>
      <c r="MWW653" s="613"/>
      <c r="MWX653" s="613"/>
      <c r="MWY653" s="613"/>
      <c r="MWZ653" s="613"/>
      <c r="MXA653" s="613"/>
      <c r="MXB653" s="613"/>
      <c r="MXC653" s="613"/>
      <c r="MXD653" s="613"/>
      <c r="MXE653" s="613"/>
      <c r="MXF653" s="613"/>
      <c r="MXG653" s="613"/>
      <c r="MXH653" s="613"/>
      <c r="MXI653" s="613"/>
      <c r="MXJ653" s="613"/>
      <c r="MXK653" s="613"/>
      <c r="MXL653" s="613"/>
      <c r="MXM653" s="613"/>
      <c r="MXN653" s="613"/>
      <c r="MXO653" s="613"/>
      <c r="MXP653" s="613"/>
      <c r="MXQ653" s="613"/>
      <c r="MXR653" s="613"/>
      <c r="MXS653" s="613"/>
      <c r="MXT653" s="613"/>
      <c r="MXU653" s="613"/>
      <c r="MXV653" s="613"/>
      <c r="MXW653" s="613"/>
      <c r="MXX653" s="613"/>
      <c r="MXY653" s="613"/>
      <c r="MXZ653" s="613"/>
      <c r="MYA653" s="613"/>
      <c r="MYB653" s="613"/>
      <c r="MYC653" s="613"/>
      <c r="MYD653" s="613"/>
      <c r="MYE653" s="613"/>
      <c r="MYF653" s="613"/>
      <c r="MYG653" s="613"/>
      <c r="MYH653" s="613"/>
      <c r="MYI653" s="613"/>
      <c r="MYJ653" s="613"/>
      <c r="MYK653" s="613"/>
      <c r="MYL653" s="613"/>
      <c r="MYM653" s="613"/>
      <c r="MYN653" s="613"/>
      <c r="MYO653" s="613"/>
      <c r="MYP653" s="613"/>
      <c r="MYQ653" s="613"/>
      <c r="MYR653" s="613"/>
      <c r="MYS653" s="613"/>
      <c r="MYT653" s="613"/>
      <c r="MYU653" s="613"/>
      <c r="MYV653" s="613"/>
      <c r="MYW653" s="613"/>
      <c r="MYX653" s="613"/>
      <c r="MYY653" s="613"/>
      <c r="MYZ653" s="613"/>
      <c r="MZA653" s="613"/>
      <c r="MZB653" s="613"/>
      <c r="MZC653" s="613"/>
      <c r="MZD653" s="613"/>
      <c r="MZE653" s="613"/>
      <c r="MZF653" s="613"/>
      <c r="MZG653" s="613"/>
      <c r="MZH653" s="613"/>
      <c r="MZI653" s="613"/>
      <c r="MZJ653" s="613"/>
      <c r="MZK653" s="613"/>
      <c r="MZL653" s="613"/>
      <c r="MZM653" s="613"/>
      <c r="MZN653" s="613"/>
      <c r="MZO653" s="613"/>
      <c r="MZP653" s="613"/>
      <c r="MZQ653" s="613"/>
      <c r="MZR653" s="613"/>
      <c r="MZS653" s="613"/>
      <c r="MZT653" s="613"/>
      <c r="MZU653" s="613"/>
      <c r="MZV653" s="613"/>
      <c r="MZW653" s="613"/>
      <c r="MZX653" s="613"/>
      <c r="MZY653" s="613"/>
      <c r="MZZ653" s="613"/>
      <c r="NAA653" s="613"/>
      <c r="NAB653" s="613"/>
      <c r="NAC653" s="613"/>
      <c r="NAD653" s="613"/>
      <c r="NAE653" s="613"/>
      <c r="NAF653" s="613"/>
      <c r="NAG653" s="613"/>
      <c r="NAH653" s="613"/>
      <c r="NAI653" s="613"/>
      <c r="NAJ653" s="613"/>
      <c r="NAK653" s="613"/>
      <c r="NAL653" s="613"/>
      <c r="NAM653" s="613"/>
      <c r="NAN653" s="613"/>
      <c r="NAO653" s="613"/>
      <c r="NAP653" s="613"/>
      <c r="NAQ653" s="613"/>
      <c r="NAR653" s="613"/>
      <c r="NAS653" s="613"/>
      <c r="NAT653" s="613"/>
      <c r="NAU653" s="613"/>
      <c r="NAV653" s="613"/>
      <c r="NAW653" s="613"/>
      <c r="NAX653" s="613"/>
      <c r="NAY653" s="613"/>
      <c r="NAZ653" s="613"/>
      <c r="NBA653" s="613"/>
      <c r="NBB653" s="613"/>
      <c r="NBC653" s="613"/>
      <c r="NBD653" s="613"/>
      <c r="NBE653" s="613"/>
      <c r="NBF653" s="613"/>
      <c r="NBG653" s="613"/>
      <c r="NBH653" s="613"/>
      <c r="NBI653" s="613"/>
      <c r="NBJ653" s="613"/>
      <c r="NBK653" s="613"/>
      <c r="NBL653" s="613"/>
      <c r="NBM653" s="613"/>
      <c r="NBN653" s="613"/>
      <c r="NBO653" s="613"/>
      <c r="NBP653" s="613"/>
      <c r="NBQ653" s="613"/>
      <c r="NBR653" s="613"/>
      <c r="NBS653" s="613"/>
      <c r="NBT653" s="613"/>
      <c r="NBU653" s="613"/>
      <c r="NBV653" s="613"/>
      <c r="NBW653" s="613"/>
      <c r="NBX653" s="613"/>
      <c r="NBY653" s="613"/>
      <c r="NBZ653" s="613"/>
      <c r="NCA653" s="613"/>
      <c r="NCB653" s="613"/>
      <c r="NCC653" s="613"/>
      <c r="NCD653" s="613"/>
      <c r="NCE653" s="613"/>
      <c r="NCF653" s="613"/>
      <c r="NCG653" s="613"/>
      <c r="NCH653" s="613"/>
      <c r="NCI653" s="613"/>
      <c r="NCJ653" s="613"/>
      <c r="NCK653" s="613"/>
      <c r="NCL653" s="613"/>
      <c r="NCM653" s="613"/>
      <c r="NCN653" s="613"/>
      <c r="NCO653" s="613"/>
      <c r="NCP653" s="613"/>
      <c r="NCQ653" s="613"/>
      <c r="NCR653" s="613"/>
      <c r="NCS653" s="613"/>
      <c r="NCT653" s="613"/>
      <c r="NCU653" s="613"/>
      <c r="NCV653" s="613"/>
      <c r="NCW653" s="613"/>
      <c r="NCX653" s="613"/>
      <c r="NCY653" s="613"/>
      <c r="NCZ653" s="613"/>
      <c r="NDA653" s="613"/>
      <c r="NDB653" s="613"/>
      <c r="NDC653" s="613"/>
      <c r="NDD653" s="613"/>
      <c r="NDE653" s="613"/>
      <c r="NDF653" s="613"/>
      <c r="NDG653" s="613"/>
      <c r="NDH653" s="613"/>
      <c r="NDI653" s="613"/>
      <c r="NDJ653" s="613"/>
      <c r="NDK653" s="613"/>
      <c r="NDL653" s="613"/>
      <c r="NDM653" s="613"/>
      <c r="NDN653" s="613"/>
      <c r="NDO653" s="613"/>
      <c r="NDP653" s="613"/>
      <c r="NDQ653" s="613"/>
      <c r="NDR653" s="613"/>
      <c r="NDS653" s="613"/>
      <c r="NDT653" s="613"/>
      <c r="NDU653" s="613"/>
      <c r="NDV653" s="613"/>
      <c r="NDW653" s="613"/>
      <c r="NDX653" s="613"/>
      <c r="NDY653" s="613"/>
      <c r="NDZ653" s="613"/>
      <c r="NEA653" s="613"/>
      <c r="NEB653" s="613"/>
      <c r="NEC653" s="613"/>
      <c r="NED653" s="613"/>
      <c r="NEE653" s="613"/>
      <c r="NEF653" s="613"/>
      <c r="NEG653" s="613"/>
      <c r="NEH653" s="613"/>
      <c r="NEI653" s="613"/>
      <c r="NEJ653" s="613"/>
      <c r="NEK653" s="613"/>
      <c r="NEL653" s="613"/>
      <c r="NEM653" s="613"/>
      <c r="NEN653" s="613"/>
      <c r="NEO653" s="613"/>
      <c r="NEP653" s="613"/>
      <c r="NEQ653" s="613"/>
      <c r="NER653" s="613"/>
      <c r="NES653" s="613"/>
      <c r="NET653" s="613"/>
      <c r="NEU653" s="613"/>
      <c r="NEV653" s="613"/>
      <c r="NEW653" s="613"/>
      <c r="NEX653" s="613"/>
      <c r="NEY653" s="613"/>
      <c r="NEZ653" s="613"/>
      <c r="NFA653" s="613"/>
      <c r="NFB653" s="613"/>
      <c r="NFC653" s="613"/>
      <c r="NFD653" s="613"/>
      <c r="NFE653" s="613"/>
      <c r="NFF653" s="613"/>
      <c r="NFG653" s="613"/>
      <c r="NFH653" s="613"/>
      <c r="NFI653" s="613"/>
      <c r="NFJ653" s="613"/>
      <c r="NFK653" s="613"/>
      <c r="NFL653" s="613"/>
      <c r="NFM653" s="613"/>
      <c r="NFN653" s="613"/>
      <c r="NFO653" s="613"/>
      <c r="NFP653" s="613"/>
      <c r="NFQ653" s="613"/>
      <c r="NFR653" s="613"/>
      <c r="NFS653" s="613"/>
      <c r="NFT653" s="613"/>
      <c r="NFU653" s="613"/>
      <c r="NFV653" s="613"/>
      <c r="NFW653" s="613"/>
      <c r="NFX653" s="613"/>
      <c r="NFY653" s="613"/>
      <c r="NFZ653" s="613"/>
      <c r="NGA653" s="613"/>
      <c r="NGB653" s="613"/>
      <c r="NGC653" s="613"/>
      <c r="NGD653" s="613"/>
      <c r="NGE653" s="613"/>
      <c r="NGF653" s="613"/>
      <c r="NGG653" s="613"/>
      <c r="NGH653" s="613"/>
      <c r="NGI653" s="613"/>
      <c r="NGJ653" s="613"/>
      <c r="NGK653" s="613"/>
      <c r="NGL653" s="613"/>
      <c r="NGM653" s="613"/>
      <c r="NGN653" s="613"/>
      <c r="NGO653" s="613"/>
      <c r="NGP653" s="613"/>
      <c r="NGQ653" s="613"/>
      <c r="NGR653" s="613"/>
      <c r="NGS653" s="613"/>
      <c r="NGT653" s="613"/>
      <c r="NGU653" s="613"/>
      <c r="NGV653" s="613"/>
      <c r="NGW653" s="613"/>
      <c r="NGX653" s="613"/>
      <c r="NGY653" s="613"/>
      <c r="NGZ653" s="613"/>
      <c r="NHA653" s="613"/>
      <c r="NHB653" s="613"/>
      <c r="NHC653" s="613"/>
      <c r="NHD653" s="613"/>
      <c r="NHE653" s="613"/>
      <c r="NHF653" s="613"/>
      <c r="NHG653" s="613"/>
      <c r="NHH653" s="613"/>
      <c r="NHI653" s="613"/>
      <c r="NHJ653" s="613"/>
      <c r="NHK653" s="613"/>
      <c r="NHL653" s="613"/>
      <c r="NHM653" s="613"/>
      <c r="NHN653" s="613"/>
      <c r="NHO653" s="613"/>
      <c r="NHP653" s="613"/>
      <c r="NHQ653" s="613"/>
      <c r="NHR653" s="613"/>
      <c r="NHS653" s="613"/>
      <c r="NHT653" s="613"/>
      <c r="NHU653" s="613"/>
      <c r="NHV653" s="613"/>
      <c r="NHW653" s="613"/>
      <c r="NHX653" s="613"/>
      <c r="NHY653" s="613"/>
      <c r="NHZ653" s="613"/>
      <c r="NIA653" s="613"/>
      <c r="NIB653" s="613"/>
      <c r="NIC653" s="613"/>
      <c r="NID653" s="613"/>
      <c r="NIE653" s="613"/>
      <c r="NIF653" s="613"/>
      <c r="NIG653" s="613"/>
      <c r="NIH653" s="613"/>
      <c r="NII653" s="613"/>
      <c r="NIJ653" s="613"/>
      <c r="NIK653" s="613"/>
      <c r="NIL653" s="613"/>
      <c r="NIM653" s="613"/>
      <c r="NIN653" s="613"/>
      <c r="NIO653" s="613"/>
      <c r="NIP653" s="613"/>
      <c r="NIQ653" s="613"/>
      <c r="NIR653" s="613"/>
      <c r="NIS653" s="613"/>
      <c r="NIT653" s="613"/>
      <c r="NIU653" s="613"/>
      <c r="NIV653" s="613"/>
      <c r="NIW653" s="613"/>
      <c r="NIX653" s="613"/>
      <c r="NIY653" s="613"/>
      <c r="NIZ653" s="613"/>
      <c r="NJA653" s="613"/>
      <c r="NJB653" s="613"/>
      <c r="NJC653" s="613"/>
      <c r="NJD653" s="613"/>
      <c r="NJE653" s="613"/>
      <c r="NJF653" s="613"/>
      <c r="NJG653" s="613"/>
      <c r="NJH653" s="613"/>
      <c r="NJI653" s="613"/>
      <c r="NJJ653" s="613"/>
      <c r="NJK653" s="613"/>
      <c r="NJL653" s="613"/>
      <c r="NJM653" s="613"/>
      <c r="NJN653" s="613"/>
      <c r="NJO653" s="613"/>
      <c r="NJP653" s="613"/>
      <c r="NJQ653" s="613"/>
      <c r="NJR653" s="613"/>
      <c r="NJS653" s="613"/>
      <c r="NJT653" s="613"/>
      <c r="NJU653" s="613"/>
      <c r="NJV653" s="613"/>
      <c r="NJW653" s="613"/>
      <c r="NJX653" s="613"/>
      <c r="NJY653" s="613"/>
      <c r="NJZ653" s="613"/>
      <c r="NKA653" s="613"/>
      <c r="NKB653" s="613"/>
      <c r="NKC653" s="613"/>
      <c r="NKD653" s="613"/>
      <c r="NKE653" s="613"/>
      <c r="NKF653" s="613"/>
      <c r="NKG653" s="613"/>
      <c r="NKH653" s="613"/>
      <c r="NKI653" s="613"/>
      <c r="NKJ653" s="613"/>
      <c r="NKK653" s="613"/>
      <c r="NKL653" s="613"/>
      <c r="NKM653" s="613"/>
      <c r="NKN653" s="613"/>
      <c r="NKO653" s="613"/>
      <c r="NKP653" s="613"/>
      <c r="NKQ653" s="613"/>
      <c r="NKR653" s="613"/>
      <c r="NKS653" s="613"/>
      <c r="NKT653" s="613"/>
      <c r="NKU653" s="613"/>
      <c r="NKV653" s="613"/>
      <c r="NKW653" s="613"/>
      <c r="NKX653" s="613"/>
      <c r="NKY653" s="613"/>
      <c r="NKZ653" s="613"/>
      <c r="NLA653" s="613"/>
      <c r="NLB653" s="613"/>
      <c r="NLC653" s="613"/>
      <c r="NLD653" s="613"/>
      <c r="NLE653" s="613"/>
      <c r="NLF653" s="613"/>
      <c r="NLG653" s="613"/>
      <c r="NLH653" s="613"/>
      <c r="NLI653" s="613"/>
      <c r="NLJ653" s="613"/>
      <c r="NLK653" s="613"/>
      <c r="NLL653" s="613"/>
      <c r="NLM653" s="613"/>
      <c r="NLN653" s="613"/>
      <c r="NLO653" s="613"/>
      <c r="NLP653" s="613"/>
      <c r="NLQ653" s="613"/>
      <c r="NLR653" s="613"/>
      <c r="NLS653" s="613"/>
      <c r="NLT653" s="613"/>
      <c r="NLU653" s="613"/>
      <c r="NLV653" s="613"/>
      <c r="NLW653" s="613"/>
      <c r="NLX653" s="613"/>
      <c r="NLY653" s="613"/>
      <c r="NLZ653" s="613"/>
      <c r="NMA653" s="613"/>
      <c r="NMB653" s="613"/>
      <c r="NMC653" s="613"/>
      <c r="NMD653" s="613"/>
      <c r="NME653" s="613"/>
      <c r="NMF653" s="613"/>
      <c r="NMG653" s="613"/>
      <c r="NMH653" s="613"/>
      <c r="NMI653" s="613"/>
      <c r="NMJ653" s="613"/>
      <c r="NMK653" s="613"/>
      <c r="NML653" s="613"/>
      <c r="NMM653" s="613"/>
      <c r="NMN653" s="613"/>
      <c r="NMO653" s="613"/>
      <c r="NMP653" s="613"/>
      <c r="NMQ653" s="613"/>
      <c r="NMR653" s="613"/>
      <c r="NMS653" s="613"/>
      <c r="NMT653" s="613"/>
      <c r="NMU653" s="613"/>
      <c r="NMV653" s="613"/>
      <c r="NMW653" s="613"/>
      <c r="NMX653" s="613"/>
      <c r="NMY653" s="613"/>
      <c r="NMZ653" s="613"/>
      <c r="NNA653" s="613"/>
      <c r="NNB653" s="613"/>
      <c r="NNC653" s="613"/>
      <c r="NND653" s="613"/>
      <c r="NNE653" s="613"/>
      <c r="NNF653" s="613"/>
      <c r="NNG653" s="613"/>
      <c r="NNH653" s="613"/>
      <c r="NNI653" s="613"/>
      <c r="NNJ653" s="613"/>
      <c r="NNK653" s="613"/>
      <c r="NNL653" s="613"/>
      <c r="NNM653" s="613"/>
      <c r="NNN653" s="613"/>
      <c r="NNO653" s="613"/>
      <c r="NNP653" s="613"/>
      <c r="NNQ653" s="613"/>
      <c r="NNR653" s="613"/>
      <c r="NNS653" s="613"/>
      <c r="NNT653" s="613"/>
      <c r="NNU653" s="613"/>
      <c r="NNV653" s="613"/>
      <c r="NNW653" s="613"/>
      <c r="NNX653" s="613"/>
      <c r="NNY653" s="613"/>
      <c r="NNZ653" s="613"/>
      <c r="NOA653" s="613"/>
      <c r="NOB653" s="613"/>
      <c r="NOC653" s="613"/>
      <c r="NOD653" s="613"/>
      <c r="NOE653" s="613"/>
      <c r="NOF653" s="613"/>
      <c r="NOG653" s="613"/>
      <c r="NOH653" s="613"/>
      <c r="NOI653" s="613"/>
      <c r="NOJ653" s="613"/>
      <c r="NOK653" s="613"/>
      <c r="NOL653" s="613"/>
      <c r="NOM653" s="613"/>
      <c r="NON653" s="613"/>
      <c r="NOO653" s="613"/>
      <c r="NOP653" s="613"/>
      <c r="NOQ653" s="613"/>
      <c r="NOR653" s="613"/>
      <c r="NOS653" s="613"/>
      <c r="NOT653" s="613"/>
      <c r="NOU653" s="613"/>
      <c r="NOV653" s="613"/>
      <c r="NOW653" s="613"/>
      <c r="NOX653" s="613"/>
      <c r="NOY653" s="613"/>
      <c r="NOZ653" s="613"/>
      <c r="NPA653" s="613"/>
      <c r="NPB653" s="613"/>
      <c r="NPC653" s="613"/>
      <c r="NPD653" s="613"/>
      <c r="NPE653" s="613"/>
      <c r="NPF653" s="613"/>
      <c r="NPG653" s="613"/>
      <c r="NPH653" s="613"/>
      <c r="NPI653" s="613"/>
      <c r="NPJ653" s="613"/>
      <c r="NPK653" s="613"/>
      <c r="NPL653" s="613"/>
      <c r="NPM653" s="613"/>
      <c r="NPN653" s="613"/>
      <c r="NPO653" s="613"/>
      <c r="NPP653" s="613"/>
      <c r="NPQ653" s="613"/>
      <c r="NPR653" s="613"/>
      <c r="NPS653" s="613"/>
      <c r="NPT653" s="613"/>
      <c r="NPU653" s="613"/>
      <c r="NPV653" s="613"/>
      <c r="NPW653" s="613"/>
      <c r="NPX653" s="613"/>
      <c r="NPY653" s="613"/>
      <c r="NPZ653" s="613"/>
      <c r="NQA653" s="613"/>
      <c r="NQB653" s="613"/>
      <c r="NQC653" s="613"/>
      <c r="NQD653" s="613"/>
      <c r="NQE653" s="613"/>
      <c r="NQF653" s="613"/>
      <c r="NQG653" s="613"/>
      <c r="NQH653" s="613"/>
      <c r="NQI653" s="613"/>
      <c r="NQJ653" s="613"/>
      <c r="NQK653" s="613"/>
      <c r="NQL653" s="613"/>
      <c r="NQM653" s="613"/>
      <c r="NQN653" s="613"/>
      <c r="NQO653" s="613"/>
      <c r="NQP653" s="613"/>
      <c r="NQQ653" s="613"/>
      <c r="NQR653" s="613"/>
      <c r="NQS653" s="613"/>
      <c r="NQT653" s="613"/>
      <c r="NQU653" s="613"/>
      <c r="NQV653" s="613"/>
      <c r="NQW653" s="613"/>
      <c r="NQX653" s="613"/>
      <c r="NQY653" s="613"/>
      <c r="NQZ653" s="613"/>
      <c r="NRA653" s="613"/>
      <c r="NRB653" s="613"/>
      <c r="NRC653" s="613"/>
      <c r="NRD653" s="613"/>
      <c r="NRE653" s="613"/>
      <c r="NRF653" s="613"/>
      <c r="NRG653" s="613"/>
      <c r="NRH653" s="613"/>
      <c r="NRI653" s="613"/>
      <c r="NRJ653" s="613"/>
      <c r="NRK653" s="613"/>
      <c r="NRL653" s="613"/>
      <c r="NRM653" s="613"/>
      <c r="NRN653" s="613"/>
      <c r="NRO653" s="613"/>
      <c r="NRP653" s="613"/>
      <c r="NRQ653" s="613"/>
      <c r="NRR653" s="613"/>
      <c r="NRS653" s="613"/>
      <c r="NRT653" s="613"/>
      <c r="NRU653" s="613"/>
      <c r="NRV653" s="613"/>
      <c r="NRW653" s="613"/>
      <c r="NRX653" s="613"/>
      <c r="NRY653" s="613"/>
      <c r="NRZ653" s="613"/>
      <c r="NSA653" s="613"/>
      <c r="NSB653" s="613"/>
      <c r="NSC653" s="613"/>
      <c r="NSD653" s="613"/>
      <c r="NSE653" s="613"/>
      <c r="NSF653" s="613"/>
      <c r="NSG653" s="613"/>
      <c r="NSH653" s="613"/>
      <c r="NSI653" s="613"/>
      <c r="NSJ653" s="613"/>
      <c r="NSK653" s="613"/>
      <c r="NSL653" s="613"/>
      <c r="NSM653" s="613"/>
      <c r="NSN653" s="613"/>
      <c r="NSO653" s="613"/>
      <c r="NSP653" s="613"/>
      <c r="NSQ653" s="613"/>
      <c r="NSR653" s="613"/>
      <c r="NSS653" s="613"/>
      <c r="NST653" s="613"/>
      <c r="NSU653" s="613"/>
      <c r="NSV653" s="613"/>
      <c r="NSW653" s="613"/>
      <c r="NSX653" s="613"/>
      <c r="NSY653" s="613"/>
      <c r="NSZ653" s="613"/>
      <c r="NTA653" s="613"/>
      <c r="NTB653" s="613"/>
      <c r="NTC653" s="613"/>
      <c r="NTD653" s="613"/>
      <c r="NTE653" s="613"/>
      <c r="NTF653" s="613"/>
      <c r="NTG653" s="613"/>
      <c r="NTH653" s="613"/>
      <c r="NTI653" s="613"/>
      <c r="NTJ653" s="613"/>
      <c r="NTK653" s="613"/>
      <c r="NTL653" s="613"/>
      <c r="NTM653" s="613"/>
      <c r="NTN653" s="613"/>
      <c r="NTO653" s="613"/>
      <c r="NTP653" s="613"/>
      <c r="NTQ653" s="613"/>
      <c r="NTR653" s="613"/>
      <c r="NTS653" s="613"/>
      <c r="NTT653" s="613"/>
      <c r="NTU653" s="613"/>
      <c r="NTV653" s="613"/>
      <c r="NTW653" s="613"/>
      <c r="NTX653" s="613"/>
      <c r="NTY653" s="613"/>
      <c r="NTZ653" s="613"/>
      <c r="NUA653" s="613"/>
      <c r="NUB653" s="613"/>
      <c r="NUC653" s="613"/>
      <c r="NUD653" s="613"/>
      <c r="NUE653" s="613"/>
      <c r="NUF653" s="613"/>
      <c r="NUG653" s="613"/>
      <c r="NUH653" s="613"/>
      <c r="NUI653" s="613"/>
      <c r="NUJ653" s="613"/>
      <c r="NUK653" s="613"/>
      <c r="NUL653" s="613"/>
      <c r="NUM653" s="613"/>
      <c r="NUN653" s="613"/>
      <c r="NUO653" s="613"/>
      <c r="NUP653" s="613"/>
      <c r="NUQ653" s="613"/>
      <c r="NUR653" s="613"/>
      <c r="NUS653" s="613"/>
      <c r="NUT653" s="613"/>
      <c r="NUU653" s="613"/>
      <c r="NUV653" s="613"/>
      <c r="NUW653" s="613"/>
      <c r="NUX653" s="613"/>
      <c r="NUY653" s="613"/>
      <c r="NUZ653" s="613"/>
      <c r="NVA653" s="613"/>
      <c r="NVB653" s="613"/>
      <c r="NVC653" s="613"/>
      <c r="NVD653" s="613"/>
      <c r="NVE653" s="613"/>
      <c r="NVF653" s="613"/>
      <c r="NVG653" s="613"/>
      <c r="NVH653" s="613"/>
      <c r="NVI653" s="613"/>
      <c r="NVJ653" s="613"/>
      <c r="NVK653" s="613"/>
      <c r="NVL653" s="613"/>
      <c r="NVM653" s="613"/>
      <c r="NVN653" s="613"/>
      <c r="NVO653" s="613"/>
      <c r="NVP653" s="613"/>
      <c r="NVQ653" s="613"/>
      <c r="NVR653" s="613"/>
      <c r="NVS653" s="613"/>
      <c r="NVT653" s="613"/>
      <c r="NVU653" s="613"/>
      <c r="NVV653" s="613"/>
      <c r="NVW653" s="613"/>
      <c r="NVX653" s="613"/>
      <c r="NVY653" s="613"/>
      <c r="NVZ653" s="613"/>
      <c r="NWA653" s="613"/>
      <c r="NWB653" s="613"/>
      <c r="NWC653" s="613"/>
      <c r="NWD653" s="613"/>
      <c r="NWE653" s="613"/>
      <c r="NWF653" s="613"/>
      <c r="NWG653" s="613"/>
      <c r="NWH653" s="613"/>
      <c r="NWI653" s="613"/>
      <c r="NWJ653" s="613"/>
      <c r="NWK653" s="613"/>
      <c r="NWL653" s="613"/>
      <c r="NWM653" s="613"/>
      <c r="NWN653" s="613"/>
      <c r="NWO653" s="613"/>
      <c r="NWP653" s="613"/>
      <c r="NWQ653" s="613"/>
      <c r="NWR653" s="613"/>
      <c r="NWS653" s="613"/>
      <c r="NWT653" s="613"/>
      <c r="NWU653" s="613"/>
      <c r="NWV653" s="613"/>
      <c r="NWW653" s="613"/>
      <c r="NWX653" s="613"/>
      <c r="NWY653" s="613"/>
      <c r="NWZ653" s="613"/>
      <c r="NXA653" s="613"/>
      <c r="NXB653" s="613"/>
      <c r="NXC653" s="613"/>
      <c r="NXD653" s="613"/>
      <c r="NXE653" s="613"/>
      <c r="NXF653" s="613"/>
      <c r="NXG653" s="613"/>
      <c r="NXH653" s="613"/>
      <c r="NXI653" s="613"/>
      <c r="NXJ653" s="613"/>
      <c r="NXK653" s="613"/>
      <c r="NXL653" s="613"/>
      <c r="NXM653" s="613"/>
      <c r="NXN653" s="613"/>
      <c r="NXO653" s="613"/>
      <c r="NXP653" s="613"/>
      <c r="NXQ653" s="613"/>
      <c r="NXR653" s="613"/>
      <c r="NXS653" s="613"/>
      <c r="NXT653" s="613"/>
      <c r="NXU653" s="613"/>
      <c r="NXV653" s="613"/>
      <c r="NXW653" s="613"/>
      <c r="NXX653" s="613"/>
      <c r="NXY653" s="613"/>
      <c r="NXZ653" s="613"/>
      <c r="NYA653" s="613"/>
      <c r="NYB653" s="613"/>
      <c r="NYC653" s="613"/>
      <c r="NYD653" s="613"/>
      <c r="NYE653" s="613"/>
      <c r="NYF653" s="613"/>
      <c r="NYG653" s="613"/>
      <c r="NYH653" s="613"/>
      <c r="NYI653" s="613"/>
      <c r="NYJ653" s="613"/>
      <c r="NYK653" s="613"/>
      <c r="NYL653" s="613"/>
      <c r="NYM653" s="613"/>
      <c r="NYN653" s="613"/>
      <c r="NYO653" s="613"/>
      <c r="NYP653" s="613"/>
      <c r="NYQ653" s="613"/>
      <c r="NYR653" s="613"/>
      <c r="NYS653" s="613"/>
      <c r="NYT653" s="613"/>
      <c r="NYU653" s="613"/>
      <c r="NYV653" s="613"/>
      <c r="NYW653" s="613"/>
      <c r="NYX653" s="613"/>
      <c r="NYY653" s="613"/>
      <c r="NYZ653" s="613"/>
      <c r="NZA653" s="613"/>
      <c r="NZB653" s="613"/>
      <c r="NZC653" s="613"/>
      <c r="NZD653" s="613"/>
      <c r="NZE653" s="613"/>
      <c r="NZF653" s="613"/>
      <c r="NZG653" s="613"/>
      <c r="NZH653" s="613"/>
      <c r="NZI653" s="613"/>
      <c r="NZJ653" s="613"/>
      <c r="NZK653" s="613"/>
      <c r="NZL653" s="613"/>
      <c r="NZM653" s="613"/>
      <c r="NZN653" s="613"/>
      <c r="NZO653" s="613"/>
      <c r="NZP653" s="613"/>
      <c r="NZQ653" s="613"/>
      <c r="NZR653" s="613"/>
      <c r="NZS653" s="613"/>
      <c r="NZT653" s="613"/>
      <c r="NZU653" s="613"/>
      <c r="NZV653" s="613"/>
      <c r="NZW653" s="613"/>
      <c r="NZX653" s="613"/>
      <c r="NZY653" s="613"/>
      <c r="NZZ653" s="613"/>
      <c r="OAA653" s="613"/>
      <c r="OAB653" s="613"/>
      <c r="OAC653" s="613"/>
      <c r="OAD653" s="613"/>
      <c r="OAE653" s="613"/>
      <c r="OAF653" s="613"/>
      <c r="OAG653" s="613"/>
      <c r="OAH653" s="613"/>
      <c r="OAI653" s="613"/>
      <c r="OAJ653" s="613"/>
      <c r="OAK653" s="613"/>
      <c r="OAL653" s="613"/>
      <c r="OAM653" s="613"/>
      <c r="OAN653" s="613"/>
      <c r="OAO653" s="613"/>
      <c r="OAP653" s="613"/>
      <c r="OAQ653" s="613"/>
      <c r="OAR653" s="613"/>
      <c r="OAS653" s="613"/>
      <c r="OAT653" s="613"/>
      <c r="OAU653" s="613"/>
      <c r="OAV653" s="613"/>
      <c r="OAW653" s="613"/>
      <c r="OAX653" s="613"/>
      <c r="OAY653" s="613"/>
      <c r="OAZ653" s="613"/>
      <c r="OBA653" s="613"/>
      <c r="OBB653" s="613"/>
      <c r="OBC653" s="613"/>
      <c r="OBD653" s="613"/>
      <c r="OBE653" s="613"/>
      <c r="OBF653" s="613"/>
      <c r="OBG653" s="613"/>
      <c r="OBH653" s="613"/>
      <c r="OBI653" s="613"/>
      <c r="OBJ653" s="613"/>
      <c r="OBK653" s="613"/>
      <c r="OBL653" s="613"/>
      <c r="OBM653" s="613"/>
      <c r="OBN653" s="613"/>
      <c r="OBO653" s="613"/>
      <c r="OBP653" s="613"/>
      <c r="OBQ653" s="613"/>
      <c r="OBR653" s="613"/>
      <c r="OBS653" s="613"/>
      <c r="OBT653" s="613"/>
      <c r="OBU653" s="613"/>
      <c r="OBV653" s="613"/>
      <c r="OBW653" s="613"/>
      <c r="OBX653" s="613"/>
      <c r="OBY653" s="613"/>
      <c r="OBZ653" s="613"/>
      <c r="OCA653" s="613"/>
      <c r="OCB653" s="613"/>
      <c r="OCC653" s="613"/>
      <c r="OCD653" s="613"/>
      <c r="OCE653" s="613"/>
      <c r="OCF653" s="613"/>
      <c r="OCG653" s="613"/>
      <c r="OCH653" s="613"/>
      <c r="OCI653" s="613"/>
      <c r="OCJ653" s="613"/>
      <c r="OCK653" s="613"/>
      <c r="OCL653" s="613"/>
      <c r="OCM653" s="613"/>
      <c r="OCN653" s="613"/>
      <c r="OCO653" s="613"/>
      <c r="OCP653" s="613"/>
      <c r="OCQ653" s="613"/>
      <c r="OCR653" s="613"/>
      <c r="OCS653" s="613"/>
      <c r="OCT653" s="613"/>
      <c r="OCU653" s="613"/>
      <c r="OCV653" s="613"/>
      <c r="OCW653" s="613"/>
      <c r="OCX653" s="613"/>
      <c r="OCY653" s="613"/>
      <c r="OCZ653" s="613"/>
      <c r="ODA653" s="613"/>
      <c r="ODB653" s="613"/>
      <c r="ODC653" s="613"/>
      <c r="ODD653" s="613"/>
      <c r="ODE653" s="613"/>
      <c r="ODF653" s="613"/>
      <c r="ODG653" s="613"/>
      <c r="ODH653" s="613"/>
      <c r="ODI653" s="613"/>
      <c r="ODJ653" s="613"/>
      <c r="ODK653" s="613"/>
      <c r="ODL653" s="613"/>
      <c r="ODM653" s="613"/>
      <c r="ODN653" s="613"/>
      <c r="ODO653" s="613"/>
      <c r="ODP653" s="613"/>
      <c r="ODQ653" s="613"/>
      <c r="ODR653" s="613"/>
      <c r="ODS653" s="613"/>
      <c r="ODT653" s="613"/>
      <c r="ODU653" s="613"/>
      <c r="ODV653" s="613"/>
      <c r="ODW653" s="613"/>
      <c r="ODX653" s="613"/>
      <c r="ODY653" s="613"/>
      <c r="ODZ653" s="613"/>
      <c r="OEA653" s="613"/>
      <c r="OEB653" s="613"/>
      <c r="OEC653" s="613"/>
      <c r="OED653" s="613"/>
      <c r="OEE653" s="613"/>
      <c r="OEF653" s="613"/>
      <c r="OEG653" s="613"/>
      <c r="OEH653" s="613"/>
      <c r="OEI653" s="613"/>
      <c r="OEJ653" s="613"/>
      <c r="OEK653" s="613"/>
      <c r="OEL653" s="613"/>
      <c r="OEM653" s="613"/>
      <c r="OEN653" s="613"/>
      <c r="OEO653" s="613"/>
      <c r="OEP653" s="613"/>
      <c r="OEQ653" s="613"/>
      <c r="OER653" s="613"/>
      <c r="OES653" s="613"/>
      <c r="OET653" s="613"/>
      <c r="OEU653" s="613"/>
      <c r="OEV653" s="613"/>
      <c r="OEW653" s="613"/>
      <c r="OEX653" s="613"/>
      <c r="OEY653" s="613"/>
      <c r="OEZ653" s="613"/>
      <c r="OFA653" s="613"/>
      <c r="OFB653" s="613"/>
      <c r="OFC653" s="613"/>
      <c r="OFD653" s="613"/>
      <c r="OFE653" s="613"/>
      <c r="OFF653" s="613"/>
      <c r="OFG653" s="613"/>
      <c r="OFH653" s="613"/>
      <c r="OFI653" s="613"/>
      <c r="OFJ653" s="613"/>
      <c r="OFK653" s="613"/>
      <c r="OFL653" s="613"/>
      <c r="OFM653" s="613"/>
      <c r="OFN653" s="613"/>
      <c r="OFO653" s="613"/>
      <c r="OFP653" s="613"/>
      <c r="OFQ653" s="613"/>
      <c r="OFR653" s="613"/>
      <c r="OFS653" s="613"/>
      <c r="OFT653" s="613"/>
      <c r="OFU653" s="613"/>
      <c r="OFV653" s="613"/>
      <c r="OFW653" s="613"/>
      <c r="OFX653" s="613"/>
      <c r="OFY653" s="613"/>
      <c r="OFZ653" s="613"/>
      <c r="OGA653" s="613"/>
      <c r="OGB653" s="613"/>
      <c r="OGC653" s="613"/>
      <c r="OGD653" s="613"/>
      <c r="OGE653" s="613"/>
      <c r="OGF653" s="613"/>
      <c r="OGG653" s="613"/>
      <c r="OGH653" s="613"/>
      <c r="OGI653" s="613"/>
      <c r="OGJ653" s="613"/>
      <c r="OGK653" s="613"/>
      <c r="OGL653" s="613"/>
      <c r="OGM653" s="613"/>
      <c r="OGN653" s="613"/>
      <c r="OGO653" s="613"/>
      <c r="OGP653" s="613"/>
      <c r="OGQ653" s="613"/>
      <c r="OGR653" s="613"/>
      <c r="OGS653" s="613"/>
      <c r="OGT653" s="613"/>
      <c r="OGU653" s="613"/>
      <c r="OGV653" s="613"/>
      <c r="OGW653" s="613"/>
      <c r="OGX653" s="613"/>
      <c r="OGY653" s="613"/>
      <c r="OGZ653" s="613"/>
      <c r="OHA653" s="613"/>
      <c r="OHB653" s="613"/>
      <c r="OHC653" s="613"/>
      <c r="OHD653" s="613"/>
      <c r="OHE653" s="613"/>
      <c r="OHF653" s="613"/>
      <c r="OHG653" s="613"/>
      <c r="OHH653" s="613"/>
      <c r="OHI653" s="613"/>
      <c r="OHJ653" s="613"/>
      <c r="OHK653" s="613"/>
      <c r="OHL653" s="613"/>
      <c r="OHM653" s="613"/>
      <c r="OHN653" s="613"/>
      <c r="OHO653" s="613"/>
      <c r="OHP653" s="613"/>
      <c r="OHQ653" s="613"/>
      <c r="OHR653" s="613"/>
      <c r="OHS653" s="613"/>
      <c r="OHT653" s="613"/>
      <c r="OHU653" s="613"/>
      <c r="OHV653" s="613"/>
      <c r="OHW653" s="613"/>
      <c r="OHX653" s="613"/>
      <c r="OHY653" s="613"/>
      <c r="OHZ653" s="613"/>
      <c r="OIA653" s="613"/>
      <c r="OIB653" s="613"/>
      <c r="OIC653" s="613"/>
      <c r="OID653" s="613"/>
      <c r="OIE653" s="613"/>
      <c r="OIF653" s="613"/>
      <c r="OIG653" s="613"/>
      <c r="OIH653" s="613"/>
      <c r="OII653" s="613"/>
      <c r="OIJ653" s="613"/>
      <c r="OIK653" s="613"/>
      <c r="OIL653" s="613"/>
      <c r="OIM653" s="613"/>
      <c r="OIN653" s="613"/>
      <c r="OIO653" s="613"/>
      <c r="OIP653" s="613"/>
      <c r="OIQ653" s="613"/>
      <c r="OIR653" s="613"/>
      <c r="OIS653" s="613"/>
      <c r="OIT653" s="613"/>
      <c r="OIU653" s="613"/>
      <c r="OIV653" s="613"/>
      <c r="OIW653" s="613"/>
      <c r="OIX653" s="613"/>
      <c r="OIY653" s="613"/>
      <c r="OIZ653" s="613"/>
      <c r="OJA653" s="613"/>
      <c r="OJB653" s="613"/>
      <c r="OJC653" s="613"/>
      <c r="OJD653" s="613"/>
      <c r="OJE653" s="613"/>
      <c r="OJF653" s="613"/>
      <c r="OJG653" s="613"/>
      <c r="OJH653" s="613"/>
      <c r="OJI653" s="613"/>
      <c r="OJJ653" s="613"/>
      <c r="OJK653" s="613"/>
      <c r="OJL653" s="613"/>
      <c r="OJM653" s="613"/>
      <c r="OJN653" s="613"/>
      <c r="OJO653" s="613"/>
      <c r="OJP653" s="613"/>
      <c r="OJQ653" s="613"/>
      <c r="OJR653" s="613"/>
      <c r="OJS653" s="613"/>
      <c r="OJT653" s="613"/>
      <c r="OJU653" s="613"/>
      <c r="OJV653" s="613"/>
      <c r="OJW653" s="613"/>
      <c r="OJX653" s="613"/>
      <c r="OJY653" s="613"/>
      <c r="OJZ653" s="613"/>
      <c r="OKA653" s="613"/>
      <c r="OKB653" s="613"/>
      <c r="OKC653" s="613"/>
      <c r="OKD653" s="613"/>
      <c r="OKE653" s="613"/>
      <c r="OKF653" s="613"/>
      <c r="OKG653" s="613"/>
      <c r="OKH653" s="613"/>
      <c r="OKI653" s="613"/>
      <c r="OKJ653" s="613"/>
      <c r="OKK653" s="613"/>
      <c r="OKL653" s="613"/>
      <c r="OKM653" s="613"/>
      <c r="OKN653" s="613"/>
      <c r="OKO653" s="613"/>
      <c r="OKP653" s="613"/>
      <c r="OKQ653" s="613"/>
      <c r="OKR653" s="613"/>
      <c r="OKS653" s="613"/>
      <c r="OKT653" s="613"/>
      <c r="OKU653" s="613"/>
      <c r="OKV653" s="613"/>
      <c r="OKW653" s="613"/>
      <c r="OKX653" s="613"/>
      <c r="OKY653" s="613"/>
      <c r="OKZ653" s="613"/>
      <c r="OLA653" s="613"/>
      <c r="OLB653" s="613"/>
      <c r="OLC653" s="613"/>
      <c r="OLD653" s="613"/>
      <c r="OLE653" s="613"/>
      <c r="OLF653" s="613"/>
      <c r="OLG653" s="613"/>
      <c r="OLH653" s="613"/>
      <c r="OLI653" s="613"/>
      <c r="OLJ653" s="613"/>
      <c r="OLK653" s="613"/>
      <c r="OLL653" s="613"/>
      <c r="OLM653" s="613"/>
      <c r="OLN653" s="613"/>
      <c r="OLO653" s="613"/>
      <c r="OLP653" s="613"/>
      <c r="OLQ653" s="613"/>
      <c r="OLR653" s="613"/>
      <c r="OLS653" s="613"/>
      <c r="OLT653" s="613"/>
      <c r="OLU653" s="613"/>
      <c r="OLV653" s="613"/>
      <c r="OLW653" s="613"/>
      <c r="OLX653" s="613"/>
      <c r="OLY653" s="613"/>
      <c r="OLZ653" s="613"/>
      <c r="OMA653" s="613"/>
      <c r="OMB653" s="613"/>
      <c r="OMC653" s="613"/>
      <c r="OMD653" s="613"/>
      <c r="OME653" s="613"/>
      <c r="OMF653" s="613"/>
      <c r="OMG653" s="613"/>
      <c r="OMH653" s="613"/>
      <c r="OMI653" s="613"/>
      <c r="OMJ653" s="613"/>
      <c r="OMK653" s="613"/>
      <c r="OML653" s="613"/>
      <c r="OMM653" s="613"/>
      <c r="OMN653" s="613"/>
      <c r="OMO653" s="613"/>
      <c r="OMP653" s="613"/>
      <c r="OMQ653" s="613"/>
      <c r="OMR653" s="613"/>
      <c r="OMS653" s="613"/>
      <c r="OMT653" s="613"/>
      <c r="OMU653" s="613"/>
      <c r="OMV653" s="613"/>
      <c r="OMW653" s="613"/>
      <c r="OMX653" s="613"/>
      <c r="OMY653" s="613"/>
      <c r="OMZ653" s="613"/>
      <c r="ONA653" s="613"/>
      <c r="ONB653" s="613"/>
      <c r="ONC653" s="613"/>
      <c r="OND653" s="613"/>
      <c r="ONE653" s="613"/>
      <c r="ONF653" s="613"/>
      <c r="ONG653" s="613"/>
      <c r="ONH653" s="613"/>
      <c r="ONI653" s="613"/>
      <c r="ONJ653" s="613"/>
      <c r="ONK653" s="613"/>
      <c r="ONL653" s="613"/>
      <c r="ONM653" s="613"/>
      <c r="ONN653" s="613"/>
      <c r="ONO653" s="613"/>
      <c r="ONP653" s="613"/>
      <c r="ONQ653" s="613"/>
      <c r="ONR653" s="613"/>
      <c r="ONS653" s="613"/>
      <c r="ONT653" s="613"/>
      <c r="ONU653" s="613"/>
      <c r="ONV653" s="613"/>
      <c r="ONW653" s="613"/>
      <c r="ONX653" s="613"/>
      <c r="ONY653" s="613"/>
      <c r="ONZ653" s="613"/>
      <c r="OOA653" s="613"/>
      <c r="OOB653" s="613"/>
      <c r="OOC653" s="613"/>
      <c r="OOD653" s="613"/>
      <c r="OOE653" s="613"/>
      <c r="OOF653" s="613"/>
      <c r="OOG653" s="613"/>
      <c r="OOH653" s="613"/>
      <c r="OOI653" s="613"/>
      <c r="OOJ653" s="613"/>
      <c r="OOK653" s="613"/>
      <c r="OOL653" s="613"/>
      <c r="OOM653" s="613"/>
      <c r="OON653" s="613"/>
      <c r="OOO653" s="613"/>
      <c r="OOP653" s="613"/>
      <c r="OOQ653" s="613"/>
      <c r="OOR653" s="613"/>
      <c r="OOS653" s="613"/>
      <c r="OOT653" s="613"/>
      <c r="OOU653" s="613"/>
      <c r="OOV653" s="613"/>
      <c r="OOW653" s="613"/>
      <c r="OOX653" s="613"/>
      <c r="OOY653" s="613"/>
      <c r="OOZ653" s="613"/>
      <c r="OPA653" s="613"/>
      <c r="OPB653" s="613"/>
      <c r="OPC653" s="613"/>
      <c r="OPD653" s="613"/>
      <c r="OPE653" s="613"/>
      <c r="OPF653" s="613"/>
      <c r="OPG653" s="613"/>
      <c r="OPH653" s="613"/>
      <c r="OPI653" s="613"/>
      <c r="OPJ653" s="613"/>
      <c r="OPK653" s="613"/>
      <c r="OPL653" s="613"/>
      <c r="OPM653" s="613"/>
      <c r="OPN653" s="613"/>
      <c r="OPO653" s="613"/>
      <c r="OPP653" s="613"/>
      <c r="OPQ653" s="613"/>
      <c r="OPR653" s="613"/>
      <c r="OPS653" s="613"/>
      <c r="OPT653" s="613"/>
      <c r="OPU653" s="613"/>
      <c r="OPV653" s="613"/>
      <c r="OPW653" s="613"/>
      <c r="OPX653" s="613"/>
      <c r="OPY653" s="613"/>
      <c r="OPZ653" s="613"/>
      <c r="OQA653" s="613"/>
      <c r="OQB653" s="613"/>
      <c r="OQC653" s="613"/>
      <c r="OQD653" s="613"/>
      <c r="OQE653" s="613"/>
      <c r="OQF653" s="613"/>
      <c r="OQG653" s="613"/>
      <c r="OQH653" s="613"/>
      <c r="OQI653" s="613"/>
      <c r="OQJ653" s="613"/>
      <c r="OQK653" s="613"/>
      <c r="OQL653" s="613"/>
      <c r="OQM653" s="613"/>
      <c r="OQN653" s="613"/>
      <c r="OQO653" s="613"/>
      <c r="OQP653" s="613"/>
      <c r="OQQ653" s="613"/>
      <c r="OQR653" s="613"/>
      <c r="OQS653" s="613"/>
      <c r="OQT653" s="613"/>
      <c r="OQU653" s="613"/>
      <c r="OQV653" s="613"/>
      <c r="OQW653" s="613"/>
      <c r="OQX653" s="613"/>
      <c r="OQY653" s="613"/>
      <c r="OQZ653" s="613"/>
      <c r="ORA653" s="613"/>
      <c r="ORB653" s="613"/>
      <c r="ORC653" s="613"/>
      <c r="ORD653" s="613"/>
      <c r="ORE653" s="613"/>
      <c r="ORF653" s="613"/>
      <c r="ORG653" s="613"/>
      <c r="ORH653" s="613"/>
      <c r="ORI653" s="613"/>
      <c r="ORJ653" s="613"/>
      <c r="ORK653" s="613"/>
      <c r="ORL653" s="613"/>
      <c r="ORM653" s="613"/>
      <c r="ORN653" s="613"/>
      <c r="ORO653" s="613"/>
      <c r="ORP653" s="613"/>
      <c r="ORQ653" s="613"/>
      <c r="ORR653" s="613"/>
      <c r="ORS653" s="613"/>
      <c r="ORT653" s="613"/>
      <c r="ORU653" s="613"/>
      <c r="ORV653" s="613"/>
      <c r="ORW653" s="613"/>
      <c r="ORX653" s="613"/>
      <c r="ORY653" s="613"/>
      <c r="ORZ653" s="613"/>
      <c r="OSA653" s="613"/>
      <c r="OSB653" s="613"/>
      <c r="OSC653" s="613"/>
      <c r="OSD653" s="613"/>
      <c r="OSE653" s="613"/>
      <c r="OSF653" s="613"/>
      <c r="OSG653" s="613"/>
      <c r="OSH653" s="613"/>
      <c r="OSI653" s="613"/>
      <c r="OSJ653" s="613"/>
      <c r="OSK653" s="613"/>
      <c r="OSL653" s="613"/>
      <c r="OSM653" s="613"/>
      <c r="OSN653" s="613"/>
      <c r="OSO653" s="613"/>
      <c r="OSP653" s="613"/>
      <c r="OSQ653" s="613"/>
      <c r="OSR653" s="613"/>
      <c r="OSS653" s="613"/>
      <c r="OST653" s="613"/>
      <c r="OSU653" s="613"/>
      <c r="OSV653" s="613"/>
      <c r="OSW653" s="613"/>
      <c r="OSX653" s="613"/>
      <c r="OSY653" s="613"/>
      <c r="OSZ653" s="613"/>
      <c r="OTA653" s="613"/>
      <c r="OTB653" s="613"/>
      <c r="OTC653" s="613"/>
      <c r="OTD653" s="613"/>
      <c r="OTE653" s="613"/>
      <c r="OTF653" s="613"/>
      <c r="OTG653" s="613"/>
      <c r="OTH653" s="613"/>
      <c r="OTI653" s="613"/>
      <c r="OTJ653" s="613"/>
      <c r="OTK653" s="613"/>
      <c r="OTL653" s="613"/>
      <c r="OTM653" s="613"/>
      <c r="OTN653" s="613"/>
      <c r="OTO653" s="613"/>
      <c r="OTP653" s="613"/>
      <c r="OTQ653" s="613"/>
      <c r="OTR653" s="613"/>
      <c r="OTS653" s="613"/>
      <c r="OTT653" s="613"/>
      <c r="OTU653" s="613"/>
      <c r="OTV653" s="613"/>
      <c r="OTW653" s="613"/>
      <c r="OTX653" s="613"/>
      <c r="OTY653" s="613"/>
      <c r="OTZ653" s="613"/>
      <c r="OUA653" s="613"/>
      <c r="OUB653" s="613"/>
      <c r="OUC653" s="613"/>
      <c r="OUD653" s="613"/>
      <c r="OUE653" s="613"/>
      <c r="OUF653" s="613"/>
      <c r="OUG653" s="613"/>
      <c r="OUH653" s="613"/>
      <c r="OUI653" s="613"/>
      <c r="OUJ653" s="613"/>
      <c r="OUK653" s="613"/>
      <c r="OUL653" s="613"/>
      <c r="OUM653" s="613"/>
      <c r="OUN653" s="613"/>
      <c r="OUO653" s="613"/>
      <c r="OUP653" s="613"/>
      <c r="OUQ653" s="613"/>
      <c r="OUR653" s="613"/>
      <c r="OUS653" s="613"/>
      <c r="OUT653" s="613"/>
      <c r="OUU653" s="613"/>
      <c r="OUV653" s="613"/>
      <c r="OUW653" s="613"/>
      <c r="OUX653" s="613"/>
      <c r="OUY653" s="613"/>
      <c r="OUZ653" s="613"/>
      <c r="OVA653" s="613"/>
      <c r="OVB653" s="613"/>
      <c r="OVC653" s="613"/>
      <c r="OVD653" s="613"/>
      <c r="OVE653" s="613"/>
      <c r="OVF653" s="613"/>
      <c r="OVG653" s="613"/>
      <c r="OVH653" s="613"/>
      <c r="OVI653" s="613"/>
      <c r="OVJ653" s="613"/>
      <c r="OVK653" s="613"/>
      <c r="OVL653" s="613"/>
      <c r="OVM653" s="613"/>
      <c r="OVN653" s="613"/>
      <c r="OVO653" s="613"/>
      <c r="OVP653" s="613"/>
      <c r="OVQ653" s="613"/>
      <c r="OVR653" s="613"/>
      <c r="OVS653" s="613"/>
      <c r="OVT653" s="613"/>
      <c r="OVU653" s="613"/>
      <c r="OVV653" s="613"/>
      <c r="OVW653" s="613"/>
      <c r="OVX653" s="613"/>
      <c r="OVY653" s="613"/>
      <c r="OVZ653" s="613"/>
      <c r="OWA653" s="613"/>
      <c r="OWB653" s="613"/>
      <c r="OWC653" s="613"/>
      <c r="OWD653" s="613"/>
      <c r="OWE653" s="613"/>
      <c r="OWF653" s="613"/>
      <c r="OWG653" s="613"/>
      <c r="OWH653" s="613"/>
      <c r="OWI653" s="613"/>
      <c r="OWJ653" s="613"/>
      <c r="OWK653" s="613"/>
      <c r="OWL653" s="613"/>
      <c r="OWM653" s="613"/>
      <c r="OWN653" s="613"/>
      <c r="OWO653" s="613"/>
      <c r="OWP653" s="613"/>
      <c r="OWQ653" s="613"/>
      <c r="OWR653" s="613"/>
      <c r="OWS653" s="613"/>
      <c r="OWT653" s="613"/>
      <c r="OWU653" s="613"/>
      <c r="OWV653" s="613"/>
      <c r="OWW653" s="613"/>
      <c r="OWX653" s="613"/>
      <c r="OWY653" s="613"/>
      <c r="OWZ653" s="613"/>
      <c r="OXA653" s="613"/>
      <c r="OXB653" s="613"/>
      <c r="OXC653" s="613"/>
      <c r="OXD653" s="613"/>
      <c r="OXE653" s="613"/>
      <c r="OXF653" s="613"/>
      <c r="OXG653" s="613"/>
      <c r="OXH653" s="613"/>
      <c r="OXI653" s="613"/>
      <c r="OXJ653" s="613"/>
      <c r="OXK653" s="613"/>
      <c r="OXL653" s="613"/>
      <c r="OXM653" s="613"/>
      <c r="OXN653" s="613"/>
      <c r="OXO653" s="613"/>
      <c r="OXP653" s="613"/>
      <c r="OXQ653" s="613"/>
      <c r="OXR653" s="613"/>
      <c r="OXS653" s="613"/>
      <c r="OXT653" s="613"/>
      <c r="OXU653" s="613"/>
      <c r="OXV653" s="613"/>
      <c r="OXW653" s="613"/>
      <c r="OXX653" s="613"/>
      <c r="OXY653" s="613"/>
      <c r="OXZ653" s="613"/>
      <c r="OYA653" s="613"/>
      <c r="OYB653" s="613"/>
      <c r="OYC653" s="613"/>
      <c r="OYD653" s="613"/>
      <c r="OYE653" s="613"/>
      <c r="OYF653" s="613"/>
      <c r="OYG653" s="613"/>
      <c r="OYH653" s="613"/>
      <c r="OYI653" s="613"/>
      <c r="OYJ653" s="613"/>
      <c r="OYK653" s="613"/>
      <c r="OYL653" s="613"/>
      <c r="OYM653" s="613"/>
      <c r="OYN653" s="613"/>
      <c r="OYO653" s="613"/>
      <c r="OYP653" s="613"/>
      <c r="OYQ653" s="613"/>
      <c r="OYR653" s="613"/>
      <c r="OYS653" s="613"/>
      <c r="OYT653" s="613"/>
      <c r="OYU653" s="613"/>
      <c r="OYV653" s="613"/>
      <c r="OYW653" s="613"/>
      <c r="OYX653" s="613"/>
      <c r="OYY653" s="613"/>
      <c r="OYZ653" s="613"/>
      <c r="OZA653" s="613"/>
      <c r="OZB653" s="613"/>
      <c r="OZC653" s="613"/>
      <c r="OZD653" s="613"/>
      <c r="OZE653" s="613"/>
      <c r="OZF653" s="613"/>
      <c r="OZG653" s="613"/>
      <c r="OZH653" s="613"/>
      <c r="OZI653" s="613"/>
      <c r="OZJ653" s="613"/>
      <c r="OZK653" s="613"/>
      <c r="OZL653" s="613"/>
      <c r="OZM653" s="613"/>
      <c r="OZN653" s="613"/>
      <c r="OZO653" s="613"/>
      <c r="OZP653" s="613"/>
      <c r="OZQ653" s="613"/>
      <c r="OZR653" s="613"/>
      <c r="OZS653" s="613"/>
      <c r="OZT653" s="613"/>
      <c r="OZU653" s="613"/>
      <c r="OZV653" s="613"/>
      <c r="OZW653" s="613"/>
      <c r="OZX653" s="613"/>
      <c r="OZY653" s="613"/>
      <c r="OZZ653" s="613"/>
      <c r="PAA653" s="613"/>
      <c r="PAB653" s="613"/>
      <c r="PAC653" s="613"/>
      <c r="PAD653" s="613"/>
      <c r="PAE653" s="613"/>
      <c r="PAF653" s="613"/>
      <c r="PAG653" s="613"/>
      <c r="PAH653" s="613"/>
      <c r="PAI653" s="613"/>
      <c r="PAJ653" s="613"/>
      <c r="PAK653" s="613"/>
      <c r="PAL653" s="613"/>
      <c r="PAM653" s="613"/>
      <c r="PAN653" s="613"/>
      <c r="PAO653" s="613"/>
      <c r="PAP653" s="613"/>
      <c r="PAQ653" s="613"/>
      <c r="PAR653" s="613"/>
      <c r="PAS653" s="613"/>
      <c r="PAT653" s="613"/>
      <c r="PAU653" s="613"/>
      <c r="PAV653" s="613"/>
      <c r="PAW653" s="613"/>
      <c r="PAX653" s="613"/>
      <c r="PAY653" s="613"/>
      <c r="PAZ653" s="613"/>
      <c r="PBA653" s="613"/>
      <c r="PBB653" s="613"/>
      <c r="PBC653" s="613"/>
      <c r="PBD653" s="613"/>
      <c r="PBE653" s="613"/>
      <c r="PBF653" s="613"/>
      <c r="PBG653" s="613"/>
      <c r="PBH653" s="613"/>
      <c r="PBI653" s="613"/>
      <c r="PBJ653" s="613"/>
      <c r="PBK653" s="613"/>
      <c r="PBL653" s="613"/>
      <c r="PBM653" s="613"/>
      <c r="PBN653" s="613"/>
      <c r="PBO653" s="613"/>
      <c r="PBP653" s="613"/>
      <c r="PBQ653" s="613"/>
      <c r="PBR653" s="613"/>
      <c r="PBS653" s="613"/>
      <c r="PBT653" s="613"/>
      <c r="PBU653" s="613"/>
      <c r="PBV653" s="613"/>
      <c r="PBW653" s="613"/>
      <c r="PBX653" s="613"/>
      <c r="PBY653" s="613"/>
      <c r="PBZ653" s="613"/>
      <c r="PCA653" s="613"/>
      <c r="PCB653" s="613"/>
      <c r="PCC653" s="613"/>
      <c r="PCD653" s="613"/>
      <c r="PCE653" s="613"/>
      <c r="PCF653" s="613"/>
      <c r="PCG653" s="613"/>
      <c r="PCH653" s="613"/>
      <c r="PCI653" s="613"/>
      <c r="PCJ653" s="613"/>
      <c r="PCK653" s="613"/>
      <c r="PCL653" s="613"/>
      <c r="PCM653" s="613"/>
      <c r="PCN653" s="613"/>
      <c r="PCO653" s="613"/>
      <c r="PCP653" s="613"/>
      <c r="PCQ653" s="613"/>
      <c r="PCR653" s="613"/>
      <c r="PCS653" s="613"/>
      <c r="PCT653" s="613"/>
      <c r="PCU653" s="613"/>
      <c r="PCV653" s="613"/>
      <c r="PCW653" s="613"/>
      <c r="PCX653" s="613"/>
      <c r="PCY653" s="613"/>
      <c r="PCZ653" s="613"/>
      <c r="PDA653" s="613"/>
      <c r="PDB653" s="613"/>
      <c r="PDC653" s="613"/>
      <c r="PDD653" s="613"/>
      <c r="PDE653" s="613"/>
      <c r="PDF653" s="613"/>
      <c r="PDG653" s="613"/>
      <c r="PDH653" s="613"/>
      <c r="PDI653" s="613"/>
      <c r="PDJ653" s="613"/>
      <c r="PDK653" s="613"/>
      <c r="PDL653" s="613"/>
      <c r="PDM653" s="613"/>
      <c r="PDN653" s="613"/>
      <c r="PDO653" s="613"/>
      <c r="PDP653" s="613"/>
      <c r="PDQ653" s="613"/>
      <c r="PDR653" s="613"/>
      <c r="PDS653" s="613"/>
      <c r="PDT653" s="613"/>
      <c r="PDU653" s="613"/>
      <c r="PDV653" s="613"/>
      <c r="PDW653" s="613"/>
      <c r="PDX653" s="613"/>
      <c r="PDY653" s="613"/>
      <c r="PDZ653" s="613"/>
      <c r="PEA653" s="613"/>
      <c r="PEB653" s="613"/>
      <c r="PEC653" s="613"/>
      <c r="PED653" s="613"/>
      <c r="PEE653" s="613"/>
      <c r="PEF653" s="613"/>
      <c r="PEG653" s="613"/>
      <c r="PEH653" s="613"/>
      <c r="PEI653" s="613"/>
      <c r="PEJ653" s="613"/>
      <c r="PEK653" s="613"/>
      <c r="PEL653" s="613"/>
      <c r="PEM653" s="613"/>
      <c r="PEN653" s="613"/>
      <c r="PEO653" s="613"/>
      <c r="PEP653" s="613"/>
      <c r="PEQ653" s="613"/>
      <c r="PER653" s="613"/>
      <c r="PES653" s="613"/>
      <c r="PET653" s="613"/>
      <c r="PEU653" s="613"/>
      <c r="PEV653" s="613"/>
      <c r="PEW653" s="613"/>
      <c r="PEX653" s="613"/>
      <c r="PEY653" s="613"/>
      <c r="PEZ653" s="613"/>
      <c r="PFA653" s="613"/>
      <c r="PFB653" s="613"/>
      <c r="PFC653" s="613"/>
      <c r="PFD653" s="613"/>
      <c r="PFE653" s="613"/>
      <c r="PFF653" s="613"/>
      <c r="PFG653" s="613"/>
      <c r="PFH653" s="613"/>
      <c r="PFI653" s="613"/>
      <c r="PFJ653" s="613"/>
      <c r="PFK653" s="613"/>
      <c r="PFL653" s="613"/>
      <c r="PFM653" s="613"/>
      <c r="PFN653" s="613"/>
      <c r="PFO653" s="613"/>
      <c r="PFP653" s="613"/>
      <c r="PFQ653" s="613"/>
      <c r="PFR653" s="613"/>
      <c r="PFS653" s="613"/>
      <c r="PFT653" s="613"/>
      <c r="PFU653" s="613"/>
      <c r="PFV653" s="613"/>
      <c r="PFW653" s="613"/>
      <c r="PFX653" s="613"/>
      <c r="PFY653" s="613"/>
      <c r="PFZ653" s="613"/>
      <c r="PGA653" s="613"/>
      <c r="PGB653" s="613"/>
      <c r="PGC653" s="613"/>
      <c r="PGD653" s="613"/>
      <c r="PGE653" s="613"/>
      <c r="PGF653" s="613"/>
      <c r="PGG653" s="613"/>
      <c r="PGH653" s="613"/>
      <c r="PGI653" s="613"/>
      <c r="PGJ653" s="613"/>
      <c r="PGK653" s="613"/>
      <c r="PGL653" s="613"/>
      <c r="PGM653" s="613"/>
      <c r="PGN653" s="613"/>
      <c r="PGO653" s="613"/>
      <c r="PGP653" s="613"/>
      <c r="PGQ653" s="613"/>
      <c r="PGR653" s="613"/>
      <c r="PGS653" s="613"/>
      <c r="PGT653" s="613"/>
      <c r="PGU653" s="613"/>
      <c r="PGV653" s="613"/>
      <c r="PGW653" s="613"/>
      <c r="PGX653" s="613"/>
      <c r="PGY653" s="613"/>
      <c r="PGZ653" s="613"/>
      <c r="PHA653" s="613"/>
      <c r="PHB653" s="613"/>
      <c r="PHC653" s="613"/>
      <c r="PHD653" s="613"/>
      <c r="PHE653" s="613"/>
      <c r="PHF653" s="613"/>
      <c r="PHG653" s="613"/>
      <c r="PHH653" s="613"/>
      <c r="PHI653" s="613"/>
      <c r="PHJ653" s="613"/>
      <c r="PHK653" s="613"/>
      <c r="PHL653" s="613"/>
      <c r="PHM653" s="613"/>
      <c r="PHN653" s="613"/>
      <c r="PHO653" s="613"/>
      <c r="PHP653" s="613"/>
      <c r="PHQ653" s="613"/>
      <c r="PHR653" s="613"/>
      <c r="PHS653" s="613"/>
      <c r="PHT653" s="613"/>
      <c r="PHU653" s="613"/>
      <c r="PHV653" s="613"/>
      <c r="PHW653" s="613"/>
      <c r="PHX653" s="613"/>
      <c r="PHY653" s="613"/>
      <c r="PHZ653" s="613"/>
      <c r="PIA653" s="613"/>
      <c r="PIB653" s="613"/>
      <c r="PIC653" s="613"/>
      <c r="PID653" s="613"/>
      <c r="PIE653" s="613"/>
      <c r="PIF653" s="613"/>
      <c r="PIG653" s="613"/>
      <c r="PIH653" s="613"/>
      <c r="PII653" s="613"/>
      <c r="PIJ653" s="613"/>
      <c r="PIK653" s="613"/>
      <c r="PIL653" s="613"/>
      <c r="PIM653" s="613"/>
      <c r="PIN653" s="613"/>
      <c r="PIO653" s="613"/>
      <c r="PIP653" s="613"/>
      <c r="PIQ653" s="613"/>
      <c r="PIR653" s="613"/>
      <c r="PIS653" s="613"/>
      <c r="PIT653" s="613"/>
      <c r="PIU653" s="613"/>
      <c r="PIV653" s="613"/>
      <c r="PIW653" s="613"/>
      <c r="PIX653" s="613"/>
      <c r="PIY653" s="613"/>
      <c r="PIZ653" s="613"/>
      <c r="PJA653" s="613"/>
      <c r="PJB653" s="613"/>
      <c r="PJC653" s="613"/>
      <c r="PJD653" s="613"/>
      <c r="PJE653" s="613"/>
      <c r="PJF653" s="613"/>
      <c r="PJG653" s="613"/>
      <c r="PJH653" s="613"/>
      <c r="PJI653" s="613"/>
      <c r="PJJ653" s="613"/>
      <c r="PJK653" s="613"/>
      <c r="PJL653" s="613"/>
      <c r="PJM653" s="613"/>
      <c r="PJN653" s="613"/>
      <c r="PJO653" s="613"/>
      <c r="PJP653" s="613"/>
      <c r="PJQ653" s="613"/>
      <c r="PJR653" s="613"/>
      <c r="PJS653" s="613"/>
      <c r="PJT653" s="613"/>
      <c r="PJU653" s="613"/>
      <c r="PJV653" s="613"/>
      <c r="PJW653" s="613"/>
      <c r="PJX653" s="613"/>
      <c r="PJY653" s="613"/>
      <c r="PJZ653" s="613"/>
      <c r="PKA653" s="613"/>
      <c r="PKB653" s="613"/>
      <c r="PKC653" s="613"/>
      <c r="PKD653" s="613"/>
      <c r="PKE653" s="613"/>
      <c r="PKF653" s="613"/>
      <c r="PKG653" s="613"/>
      <c r="PKH653" s="613"/>
      <c r="PKI653" s="613"/>
      <c r="PKJ653" s="613"/>
      <c r="PKK653" s="613"/>
      <c r="PKL653" s="613"/>
      <c r="PKM653" s="613"/>
      <c r="PKN653" s="613"/>
      <c r="PKO653" s="613"/>
      <c r="PKP653" s="613"/>
      <c r="PKQ653" s="613"/>
      <c r="PKR653" s="613"/>
      <c r="PKS653" s="613"/>
      <c r="PKT653" s="613"/>
      <c r="PKU653" s="613"/>
      <c r="PKV653" s="613"/>
      <c r="PKW653" s="613"/>
      <c r="PKX653" s="613"/>
      <c r="PKY653" s="613"/>
      <c r="PKZ653" s="613"/>
      <c r="PLA653" s="613"/>
      <c r="PLB653" s="613"/>
      <c r="PLC653" s="613"/>
      <c r="PLD653" s="613"/>
      <c r="PLE653" s="613"/>
      <c r="PLF653" s="613"/>
      <c r="PLG653" s="613"/>
      <c r="PLH653" s="613"/>
      <c r="PLI653" s="613"/>
      <c r="PLJ653" s="613"/>
      <c r="PLK653" s="613"/>
      <c r="PLL653" s="613"/>
      <c r="PLM653" s="613"/>
      <c r="PLN653" s="613"/>
      <c r="PLO653" s="613"/>
      <c r="PLP653" s="613"/>
      <c r="PLQ653" s="613"/>
      <c r="PLR653" s="613"/>
      <c r="PLS653" s="613"/>
      <c r="PLT653" s="613"/>
      <c r="PLU653" s="613"/>
      <c r="PLV653" s="613"/>
      <c r="PLW653" s="613"/>
      <c r="PLX653" s="613"/>
      <c r="PLY653" s="613"/>
      <c r="PLZ653" s="613"/>
      <c r="PMA653" s="613"/>
      <c r="PMB653" s="613"/>
      <c r="PMC653" s="613"/>
      <c r="PMD653" s="613"/>
      <c r="PME653" s="613"/>
      <c r="PMF653" s="613"/>
      <c r="PMG653" s="613"/>
      <c r="PMH653" s="613"/>
      <c r="PMI653" s="613"/>
      <c r="PMJ653" s="613"/>
      <c r="PMK653" s="613"/>
      <c r="PML653" s="613"/>
      <c r="PMM653" s="613"/>
      <c r="PMN653" s="613"/>
      <c r="PMO653" s="613"/>
      <c r="PMP653" s="613"/>
      <c r="PMQ653" s="613"/>
      <c r="PMR653" s="613"/>
      <c r="PMS653" s="613"/>
      <c r="PMT653" s="613"/>
      <c r="PMU653" s="613"/>
      <c r="PMV653" s="613"/>
      <c r="PMW653" s="613"/>
      <c r="PMX653" s="613"/>
      <c r="PMY653" s="613"/>
      <c r="PMZ653" s="613"/>
      <c r="PNA653" s="613"/>
      <c r="PNB653" s="613"/>
      <c r="PNC653" s="613"/>
      <c r="PND653" s="613"/>
      <c r="PNE653" s="613"/>
      <c r="PNF653" s="613"/>
      <c r="PNG653" s="613"/>
      <c r="PNH653" s="613"/>
      <c r="PNI653" s="613"/>
      <c r="PNJ653" s="613"/>
      <c r="PNK653" s="613"/>
      <c r="PNL653" s="613"/>
      <c r="PNM653" s="613"/>
      <c r="PNN653" s="613"/>
      <c r="PNO653" s="613"/>
      <c r="PNP653" s="613"/>
      <c r="PNQ653" s="613"/>
      <c r="PNR653" s="613"/>
      <c r="PNS653" s="613"/>
      <c r="PNT653" s="613"/>
      <c r="PNU653" s="613"/>
      <c r="PNV653" s="613"/>
      <c r="PNW653" s="613"/>
      <c r="PNX653" s="613"/>
      <c r="PNY653" s="613"/>
      <c r="PNZ653" s="613"/>
      <c r="POA653" s="613"/>
      <c r="POB653" s="613"/>
      <c r="POC653" s="613"/>
      <c r="POD653" s="613"/>
      <c r="POE653" s="613"/>
      <c r="POF653" s="613"/>
      <c r="POG653" s="613"/>
      <c r="POH653" s="613"/>
      <c r="POI653" s="613"/>
      <c r="POJ653" s="613"/>
      <c r="POK653" s="613"/>
      <c r="POL653" s="613"/>
      <c r="POM653" s="613"/>
      <c r="PON653" s="613"/>
      <c r="POO653" s="613"/>
      <c r="POP653" s="613"/>
      <c r="POQ653" s="613"/>
      <c r="POR653" s="613"/>
      <c r="POS653" s="613"/>
      <c r="POT653" s="613"/>
      <c r="POU653" s="613"/>
      <c r="POV653" s="613"/>
      <c r="POW653" s="613"/>
      <c r="POX653" s="613"/>
      <c r="POY653" s="613"/>
      <c r="POZ653" s="613"/>
      <c r="PPA653" s="613"/>
      <c r="PPB653" s="613"/>
      <c r="PPC653" s="613"/>
      <c r="PPD653" s="613"/>
      <c r="PPE653" s="613"/>
      <c r="PPF653" s="613"/>
      <c r="PPG653" s="613"/>
      <c r="PPH653" s="613"/>
      <c r="PPI653" s="613"/>
      <c r="PPJ653" s="613"/>
      <c r="PPK653" s="613"/>
      <c r="PPL653" s="613"/>
      <c r="PPM653" s="613"/>
      <c r="PPN653" s="613"/>
      <c r="PPO653" s="613"/>
      <c r="PPP653" s="613"/>
      <c r="PPQ653" s="613"/>
      <c r="PPR653" s="613"/>
      <c r="PPS653" s="613"/>
      <c r="PPT653" s="613"/>
      <c r="PPU653" s="613"/>
      <c r="PPV653" s="613"/>
      <c r="PPW653" s="613"/>
      <c r="PPX653" s="613"/>
      <c r="PPY653" s="613"/>
      <c r="PPZ653" s="613"/>
      <c r="PQA653" s="613"/>
      <c r="PQB653" s="613"/>
      <c r="PQC653" s="613"/>
      <c r="PQD653" s="613"/>
      <c r="PQE653" s="613"/>
      <c r="PQF653" s="613"/>
      <c r="PQG653" s="613"/>
      <c r="PQH653" s="613"/>
      <c r="PQI653" s="613"/>
      <c r="PQJ653" s="613"/>
      <c r="PQK653" s="613"/>
      <c r="PQL653" s="613"/>
      <c r="PQM653" s="613"/>
      <c r="PQN653" s="613"/>
      <c r="PQO653" s="613"/>
      <c r="PQP653" s="613"/>
      <c r="PQQ653" s="613"/>
      <c r="PQR653" s="613"/>
      <c r="PQS653" s="613"/>
      <c r="PQT653" s="613"/>
      <c r="PQU653" s="613"/>
      <c r="PQV653" s="613"/>
      <c r="PQW653" s="613"/>
      <c r="PQX653" s="613"/>
      <c r="PQY653" s="613"/>
      <c r="PQZ653" s="613"/>
      <c r="PRA653" s="613"/>
      <c r="PRB653" s="613"/>
      <c r="PRC653" s="613"/>
      <c r="PRD653" s="613"/>
      <c r="PRE653" s="613"/>
      <c r="PRF653" s="613"/>
      <c r="PRG653" s="613"/>
      <c r="PRH653" s="613"/>
      <c r="PRI653" s="613"/>
      <c r="PRJ653" s="613"/>
      <c r="PRK653" s="613"/>
      <c r="PRL653" s="613"/>
      <c r="PRM653" s="613"/>
      <c r="PRN653" s="613"/>
      <c r="PRO653" s="613"/>
      <c r="PRP653" s="613"/>
      <c r="PRQ653" s="613"/>
      <c r="PRR653" s="613"/>
      <c r="PRS653" s="613"/>
      <c r="PRT653" s="613"/>
      <c r="PRU653" s="613"/>
      <c r="PRV653" s="613"/>
      <c r="PRW653" s="613"/>
      <c r="PRX653" s="613"/>
      <c r="PRY653" s="613"/>
      <c r="PRZ653" s="613"/>
      <c r="PSA653" s="613"/>
      <c r="PSB653" s="613"/>
      <c r="PSC653" s="613"/>
      <c r="PSD653" s="613"/>
      <c r="PSE653" s="613"/>
      <c r="PSF653" s="613"/>
      <c r="PSG653" s="613"/>
      <c r="PSH653" s="613"/>
      <c r="PSI653" s="613"/>
      <c r="PSJ653" s="613"/>
      <c r="PSK653" s="613"/>
      <c r="PSL653" s="613"/>
      <c r="PSM653" s="613"/>
      <c r="PSN653" s="613"/>
      <c r="PSO653" s="613"/>
      <c r="PSP653" s="613"/>
      <c r="PSQ653" s="613"/>
      <c r="PSR653" s="613"/>
      <c r="PSS653" s="613"/>
      <c r="PST653" s="613"/>
      <c r="PSU653" s="613"/>
      <c r="PSV653" s="613"/>
      <c r="PSW653" s="613"/>
      <c r="PSX653" s="613"/>
      <c r="PSY653" s="613"/>
      <c r="PSZ653" s="613"/>
      <c r="PTA653" s="613"/>
      <c r="PTB653" s="613"/>
      <c r="PTC653" s="613"/>
      <c r="PTD653" s="613"/>
      <c r="PTE653" s="613"/>
      <c r="PTF653" s="613"/>
      <c r="PTG653" s="613"/>
      <c r="PTH653" s="613"/>
      <c r="PTI653" s="613"/>
      <c r="PTJ653" s="613"/>
      <c r="PTK653" s="613"/>
      <c r="PTL653" s="613"/>
      <c r="PTM653" s="613"/>
      <c r="PTN653" s="613"/>
      <c r="PTO653" s="613"/>
      <c r="PTP653" s="613"/>
      <c r="PTQ653" s="613"/>
      <c r="PTR653" s="613"/>
      <c r="PTS653" s="613"/>
      <c r="PTT653" s="613"/>
      <c r="PTU653" s="613"/>
      <c r="PTV653" s="613"/>
      <c r="PTW653" s="613"/>
      <c r="PTX653" s="613"/>
      <c r="PTY653" s="613"/>
      <c r="PTZ653" s="613"/>
      <c r="PUA653" s="613"/>
      <c r="PUB653" s="613"/>
      <c r="PUC653" s="613"/>
      <c r="PUD653" s="613"/>
      <c r="PUE653" s="613"/>
      <c r="PUF653" s="613"/>
      <c r="PUG653" s="613"/>
      <c r="PUH653" s="613"/>
      <c r="PUI653" s="613"/>
      <c r="PUJ653" s="613"/>
      <c r="PUK653" s="613"/>
      <c r="PUL653" s="613"/>
      <c r="PUM653" s="613"/>
      <c r="PUN653" s="613"/>
      <c r="PUO653" s="613"/>
      <c r="PUP653" s="613"/>
      <c r="PUQ653" s="613"/>
      <c r="PUR653" s="613"/>
      <c r="PUS653" s="613"/>
      <c r="PUT653" s="613"/>
      <c r="PUU653" s="613"/>
      <c r="PUV653" s="613"/>
      <c r="PUW653" s="613"/>
      <c r="PUX653" s="613"/>
      <c r="PUY653" s="613"/>
      <c r="PUZ653" s="613"/>
      <c r="PVA653" s="613"/>
      <c r="PVB653" s="613"/>
      <c r="PVC653" s="613"/>
      <c r="PVD653" s="613"/>
      <c r="PVE653" s="613"/>
      <c r="PVF653" s="613"/>
      <c r="PVG653" s="613"/>
      <c r="PVH653" s="613"/>
      <c r="PVI653" s="613"/>
      <c r="PVJ653" s="613"/>
      <c r="PVK653" s="613"/>
      <c r="PVL653" s="613"/>
      <c r="PVM653" s="613"/>
      <c r="PVN653" s="613"/>
      <c r="PVO653" s="613"/>
      <c r="PVP653" s="613"/>
      <c r="PVQ653" s="613"/>
      <c r="PVR653" s="613"/>
      <c r="PVS653" s="613"/>
      <c r="PVT653" s="613"/>
      <c r="PVU653" s="613"/>
      <c r="PVV653" s="613"/>
      <c r="PVW653" s="613"/>
      <c r="PVX653" s="613"/>
      <c r="PVY653" s="613"/>
      <c r="PVZ653" s="613"/>
      <c r="PWA653" s="613"/>
      <c r="PWB653" s="613"/>
      <c r="PWC653" s="613"/>
      <c r="PWD653" s="613"/>
      <c r="PWE653" s="613"/>
      <c r="PWF653" s="613"/>
      <c r="PWG653" s="613"/>
      <c r="PWH653" s="613"/>
      <c r="PWI653" s="613"/>
      <c r="PWJ653" s="613"/>
      <c r="PWK653" s="613"/>
      <c r="PWL653" s="613"/>
      <c r="PWM653" s="613"/>
      <c r="PWN653" s="613"/>
      <c r="PWO653" s="613"/>
      <c r="PWP653" s="613"/>
      <c r="PWQ653" s="613"/>
      <c r="PWR653" s="613"/>
      <c r="PWS653" s="613"/>
      <c r="PWT653" s="613"/>
      <c r="PWU653" s="613"/>
      <c r="PWV653" s="613"/>
      <c r="PWW653" s="613"/>
      <c r="PWX653" s="613"/>
      <c r="PWY653" s="613"/>
      <c r="PWZ653" s="613"/>
      <c r="PXA653" s="613"/>
      <c r="PXB653" s="613"/>
      <c r="PXC653" s="613"/>
      <c r="PXD653" s="613"/>
      <c r="PXE653" s="613"/>
      <c r="PXF653" s="613"/>
      <c r="PXG653" s="613"/>
      <c r="PXH653" s="613"/>
      <c r="PXI653" s="613"/>
      <c r="PXJ653" s="613"/>
      <c r="PXK653" s="613"/>
      <c r="PXL653" s="613"/>
      <c r="PXM653" s="613"/>
      <c r="PXN653" s="613"/>
      <c r="PXO653" s="613"/>
      <c r="PXP653" s="613"/>
      <c r="PXQ653" s="613"/>
      <c r="PXR653" s="613"/>
      <c r="PXS653" s="613"/>
      <c r="PXT653" s="613"/>
      <c r="PXU653" s="613"/>
      <c r="PXV653" s="613"/>
      <c r="PXW653" s="613"/>
      <c r="PXX653" s="613"/>
      <c r="PXY653" s="613"/>
      <c r="PXZ653" s="613"/>
      <c r="PYA653" s="613"/>
      <c r="PYB653" s="613"/>
      <c r="PYC653" s="613"/>
      <c r="PYD653" s="613"/>
      <c r="PYE653" s="613"/>
      <c r="PYF653" s="613"/>
      <c r="PYG653" s="613"/>
      <c r="PYH653" s="613"/>
      <c r="PYI653" s="613"/>
      <c r="PYJ653" s="613"/>
      <c r="PYK653" s="613"/>
      <c r="PYL653" s="613"/>
      <c r="PYM653" s="613"/>
      <c r="PYN653" s="613"/>
      <c r="PYO653" s="613"/>
      <c r="PYP653" s="613"/>
      <c r="PYQ653" s="613"/>
      <c r="PYR653" s="613"/>
      <c r="PYS653" s="613"/>
      <c r="PYT653" s="613"/>
      <c r="PYU653" s="613"/>
      <c r="PYV653" s="613"/>
      <c r="PYW653" s="613"/>
      <c r="PYX653" s="613"/>
      <c r="PYY653" s="613"/>
      <c r="PYZ653" s="613"/>
      <c r="PZA653" s="613"/>
      <c r="PZB653" s="613"/>
      <c r="PZC653" s="613"/>
      <c r="PZD653" s="613"/>
      <c r="PZE653" s="613"/>
      <c r="PZF653" s="613"/>
      <c r="PZG653" s="613"/>
      <c r="PZH653" s="613"/>
      <c r="PZI653" s="613"/>
      <c r="PZJ653" s="613"/>
      <c r="PZK653" s="613"/>
      <c r="PZL653" s="613"/>
      <c r="PZM653" s="613"/>
      <c r="PZN653" s="613"/>
      <c r="PZO653" s="613"/>
      <c r="PZP653" s="613"/>
      <c r="PZQ653" s="613"/>
      <c r="PZR653" s="613"/>
      <c r="PZS653" s="613"/>
      <c r="PZT653" s="613"/>
      <c r="PZU653" s="613"/>
      <c r="PZV653" s="613"/>
      <c r="PZW653" s="613"/>
      <c r="PZX653" s="613"/>
      <c r="PZY653" s="613"/>
      <c r="PZZ653" s="613"/>
      <c r="QAA653" s="613"/>
      <c r="QAB653" s="613"/>
      <c r="QAC653" s="613"/>
      <c r="QAD653" s="613"/>
      <c r="QAE653" s="613"/>
      <c r="QAF653" s="613"/>
      <c r="QAG653" s="613"/>
      <c r="QAH653" s="613"/>
      <c r="QAI653" s="613"/>
      <c r="QAJ653" s="613"/>
      <c r="QAK653" s="613"/>
      <c r="QAL653" s="613"/>
      <c r="QAM653" s="613"/>
      <c r="QAN653" s="613"/>
      <c r="QAO653" s="613"/>
      <c r="QAP653" s="613"/>
      <c r="QAQ653" s="613"/>
      <c r="QAR653" s="613"/>
      <c r="QAS653" s="613"/>
      <c r="QAT653" s="613"/>
      <c r="QAU653" s="613"/>
      <c r="QAV653" s="613"/>
      <c r="QAW653" s="613"/>
      <c r="QAX653" s="613"/>
      <c r="QAY653" s="613"/>
      <c r="QAZ653" s="613"/>
      <c r="QBA653" s="613"/>
      <c r="QBB653" s="613"/>
      <c r="QBC653" s="613"/>
      <c r="QBD653" s="613"/>
      <c r="QBE653" s="613"/>
      <c r="QBF653" s="613"/>
      <c r="QBG653" s="613"/>
      <c r="QBH653" s="613"/>
      <c r="QBI653" s="613"/>
      <c r="QBJ653" s="613"/>
      <c r="QBK653" s="613"/>
      <c r="QBL653" s="613"/>
      <c r="QBM653" s="613"/>
      <c r="QBN653" s="613"/>
      <c r="QBO653" s="613"/>
      <c r="QBP653" s="613"/>
      <c r="QBQ653" s="613"/>
      <c r="QBR653" s="613"/>
      <c r="QBS653" s="613"/>
      <c r="QBT653" s="613"/>
      <c r="QBU653" s="613"/>
      <c r="QBV653" s="613"/>
      <c r="QBW653" s="613"/>
      <c r="QBX653" s="613"/>
      <c r="QBY653" s="613"/>
      <c r="QBZ653" s="613"/>
      <c r="QCA653" s="613"/>
      <c r="QCB653" s="613"/>
      <c r="QCC653" s="613"/>
      <c r="QCD653" s="613"/>
      <c r="QCE653" s="613"/>
      <c r="QCF653" s="613"/>
      <c r="QCG653" s="613"/>
      <c r="QCH653" s="613"/>
      <c r="QCI653" s="613"/>
      <c r="QCJ653" s="613"/>
      <c r="QCK653" s="613"/>
      <c r="QCL653" s="613"/>
      <c r="QCM653" s="613"/>
      <c r="QCN653" s="613"/>
      <c r="QCO653" s="613"/>
      <c r="QCP653" s="613"/>
      <c r="QCQ653" s="613"/>
      <c r="QCR653" s="613"/>
      <c r="QCS653" s="613"/>
      <c r="QCT653" s="613"/>
      <c r="QCU653" s="613"/>
      <c r="QCV653" s="613"/>
      <c r="QCW653" s="613"/>
      <c r="QCX653" s="613"/>
      <c r="QCY653" s="613"/>
      <c r="QCZ653" s="613"/>
      <c r="QDA653" s="613"/>
      <c r="QDB653" s="613"/>
      <c r="QDC653" s="613"/>
      <c r="QDD653" s="613"/>
      <c r="QDE653" s="613"/>
      <c r="QDF653" s="613"/>
      <c r="QDG653" s="613"/>
      <c r="QDH653" s="613"/>
      <c r="QDI653" s="613"/>
      <c r="QDJ653" s="613"/>
      <c r="QDK653" s="613"/>
      <c r="QDL653" s="613"/>
      <c r="QDM653" s="613"/>
      <c r="QDN653" s="613"/>
      <c r="QDO653" s="613"/>
      <c r="QDP653" s="613"/>
      <c r="QDQ653" s="613"/>
      <c r="QDR653" s="613"/>
      <c r="QDS653" s="613"/>
      <c r="QDT653" s="613"/>
      <c r="QDU653" s="613"/>
      <c r="QDV653" s="613"/>
      <c r="QDW653" s="613"/>
      <c r="QDX653" s="613"/>
      <c r="QDY653" s="613"/>
      <c r="QDZ653" s="613"/>
      <c r="QEA653" s="613"/>
      <c r="QEB653" s="613"/>
      <c r="QEC653" s="613"/>
      <c r="QED653" s="613"/>
      <c r="QEE653" s="613"/>
      <c r="QEF653" s="613"/>
      <c r="QEG653" s="613"/>
      <c r="QEH653" s="613"/>
      <c r="QEI653" s="613"/>
      <c r="QEJ653" s="613"/>
      <c r="QEK653" s="613"/>
      <c r="QEL653" s="613"/>
      <c r="QEM653" s="613"/>
      <c r="QEN653" s="613"/>
      <c r="QEO653" s="613"/>
      <c r="QEP653" s="613"/>
      <c r="QEQ653" s="613"/>
      <c r="QER653" s="613"/>
      <c r="QES653" s="613"/>
      <c r="QET653" s="613"/>
      <c r="QEU653" s="613"/>
      <c r="QEV653" s="613"/>
      <c r="QEW653" s="613"/>
      <c r="QEX653" s="613"/>
      <c r="QEY653" s="613"/>
      <c r="QEZ653" s="613"/>
      <c r="QFA653" s="613"/>
      <c r="QFB653" s="613"/>
      <c r="QFC653" s="613"/>
      <c r="QFD653" s="613"/>
      <c r="QFE653" s="613"/>
      <c r="QFF653" s="613"/>
      <c r="QFG653" s="613"/>
      <c r="QFH653" s="613"/>
      <c r="QFI653" s="613"/>
      <c r="QFJ653" s="613"/>
      <c r="QFK653" s="613"/>
      <c r="QFL653" s="613"/>
      <c r="QFM653" s="613"/>
      <c r="QFN653" s="613"/>
      <c r="QFO653" s="613"/>
      <c r="QFP653" s="613"/>
      <c r="QFQ653" s="613"/>
      <c r="QFR653" s="613"/>
      <c r="QFS653" s="613"/>
      <c r="QFT653" s="613"/>
      <c r="QFU653" s="613"/>
      <c r="QFV653" s="613"/>
      <c r="QFW653" s="613"/>
      <c r="QFX653" s="613"/>
      <c r="QFY653" s="613"/>
      <c r="QFZ653" s="613"/>
      <c r="QGA653" s="613"/>
      <c r="QGB653" s="613"/>
      <c r="QGC653" s="613"/>
      <c r="QGD653" s="613"/>
      <c r="QGE653" s="613"/>
      <c r="QGF653" s="613"/>
      <c r="QGG653" s="613"/>
      <c r="QGH653" s="613"/>
      <c r="QGI653" s="613"/>
      <c r="QGJ653" s="613"/>
      <c r="QGK653" s="613"/>
      <c r="QGL653" s="613"/>
      <c r="QGM653" s="613"/>
      <c r="QGN653" s="613"/>
      <c r="QGO653" s="613"/>
      <c r="QGP653" s="613"/>
      <c r="QGQ653" s="613"/>
      <c r="QGR653" s="613"/>
      <c r="QGS653" s="613"/>
      <c r="QGT653" s="613"/>
      <c r="QGU653" s="613"/>
      <c r="QGV653" s="613"/>
      <c r="QGW653" s="613"/>
      <c r="QGX653" s="613"/>
      <c r="QGY653" s="613"/>
      <c r="QGZ653" s="613"/>
      <c r="QHA653" s="613"/>
      <c r="QHB653" s="613"/>
      <c r="QHC653" s="613"/>
      <c r="QHD653" s="613"/>
      <c r="QHE653" s="613"/>
      <c r="QHF653" s="613"/>
      <c r="QHG653" s="613"/>
      <c r="QHH653" s="613"/>
      <c r="QHI653" s="613"/>
      <c r="QHJ653" s="613"/>
      <c r="QHK653" s="613"/>
      <c r="QHL653" s="613"/>
      <c r="QHM653" s="613"/>
      <c r="QHN653" s="613"/>
      <c r="QHO653" s="613"/>
      <c r="QHP653" s="613"/>
      <c r="QHQ653" s="613"/>
      <c r="QHR653" s="613"/>
      <c r="QHS653" s="613"/>
      <c r="QHT653" s="613"/>
      <c r="QHU653" s="613"/>
      <c r="QHV653" s="613"/>
      <c r="QHW653" s="613"/>
      <c r="QHX653" s="613"/>
      <c r="QHY653" s="613"/>
      <c r="QHZ653" s="613"/>
      <c r="QIA653" s="613"/>
      <c r="QIB653" s="613"/>
      <c r="QIC653" s="613"/>
      <c r="QID653" s="613"/>
      <c r="QIE653" s="613"/>
      <c r="QIF653" s="613"/>
      <c r="QIG653" s="613"/>
      <c r="QIH653" s="613"/>
      <c r="QII653" s="613"/>
      <c r="QIJ653" s="613"/>
      <c r="QIK653" s="613"/>
      <c r="QIL653" s="613"/>
      <c r="QIM653" s="613"/>
      <c r="QIN653" s="613"/>
      <c r="QIO653" s="613"/>
      <c r="QIP653" s="613"/>
      <c r="QIQ653" s="613"/>
      <c r="QIR653" s="613"/>
      <c r="QIS653" s="613"/>
      <c r="QIT653" s="613"/>
      <c r="QIU653" s="613"/>
      <c r="QIV653" s="613"/>
      <c r="QIW653" s="613"/>
      <c r="QIX653" s="613"/>
      <c r="QIY653" s="613"/>
      <c r="QIZ653" s="613"/>
      <c r="QJA653" s="613"/>
      <c r="QJB653" s="613"/>
      <c r="QJC653" s="613"/>
      <c r="QJD653" s="613"/>
      <c r="QJE653" s="613"/>
      <c r="QJF653" s="613"/>
      <c r="QJG653" s="613"/>
      <c r="QJH653" s="613"/>
      <c r="QJI653" s="613"/>
      <c r="QJJ653" s="613"/>
      <c r="QJK653" s="613"/>
      <c r="QJL653" s="613"/>
      <c r="QJM653" s="613"/>
      <c r="QJN653" s="613"/>
      <c r="QJO653" s="613"/>
      <c r="QJP653" s="613"/>
      <c r="QJQ653" s="613"/>
      <c r="QJR653" s="613"/>
      <c r="QJS653" s="613"/>
      <c r="QJT653" s="613"/>
      <c r="QJU653" s="613"/>
      <c r="QJV653" s="613"/>
      <c r="QJW653" s="613"/>
      <c r="QJX653" s="613"/>
      <c r="QJY653" s="613"/>
      <c r="QJZ653" s="613"/>
      <c r="QKA653" s="613"/>
      <c r="QKB653" s="613"/>
      <c r="QKC653" s="613"/>
      <c r="QKD653" s="613"/>
      <c r="QKE653" s="613"/>
      <c r="QKF653" s="613"/>
      <c r="QKG653" s="613"/>
      <c r="QKH653" s="613"/>
      <c r="QKI653" s="613"/>
      <c r="QKJ653" s="613"/>
      <c r="QKK653" s="613"/>
      <c r="QKL653" s="613"/>
      <c r="QKM653" s="613"/>
      <c r="QKN653" s="613"/>
      <c r="QKO653" s="613"/>
      <c r="QKP653" s="613"/>
      <c r="QKQ653" s="613"/>
      <c r="QKR653" s="613"/>
      <c r="QKS653" s="613"/>
      <c r="QKT653" s="613"/>
      <c r="QKU653" s="613"/>
      <c r="QKV653" s="613"/>
      <c r="QKW653" s="613"/>
      <c r="QKX653" s="613"/>
      <c r="QKY653" s="613"/>
      <c r="QKZ653" s="613"/>
      <c r="QLA653" s="613"/>
      <c r="QLB653" s="613"/>
      <c r="QLC653" s="613"/>
      <c r="QLD653" s="613"/>
      <c r="QLE653" s="613"/>
      <c r="QLF653" s="613"/>
      <c r="QLG653" s="613"/>
      <c r="QLH653" s="613"/>
      <c r="QLI653" s="613"/>
      <c r="QLJ653" s="613"/>
      <c r="QLK653" s="613"/>
      <c r="QLL653" s="613"/>
      <c r="QLM653" s="613"/>
      <c r="QLN653" s="613"/>
      <c r="QLO653" s="613"/>
      <c r="QLP653" s="613"/>
      <c r="QLQ653" s="613"/>
      <c r="QLR653" s="613"/>
      <c r="QLS653" s="613"/>
      <c r="QLT653" s="613"/>
      <c r="QLU653" s="613"/>
      <c r="QLV653" s="613"/>
      <c r="QLW653" s="613"/>
      <c r="QLX653" s="613"/>
      <c r="QLY653" s="613"/>
      <c r="QLZ653" s="613"/>
      <c r="QMA653" s="613"/>
      <c r="QMB653" s="613"/>
      <c r="QMC653" s="613"/>
      <c r="QMD653" s="613"/>
      <c r="QME653" s="613"/>
      <c r="QMF653" s="613"/>
      <c r="QMG653" s="613"/>
      <c r="QMH653" s="613"/>
      <c r="QMI653" s="613"/>
      <c r="QMJ653" s="613"/>
      <c r="QMK653" s="613"/>
      <c r="QML653" s="613"/>
      <c r="QMM653" s="613"/>
      <c r="QMN653" s="613"/>
      <c r="QMO653" s="613"/>
      <c r="QMP653" s="613"/>
      <c r="QMQ653" s="613"/>
      <c r="QMR653" s="613"/>
      <c r="QMS653" s="613"/>
      <c r="QMT653" s="613"/>
      <c r="QMU653" s="613"/>
      <c r="QMV653" s="613"/>
      <c r="QMW653" s="613"/>
      <c r="QMX653" s="613"/>
      <c r="QMY653" s="613"/>
      <c r="QMZ653" s="613"/>
      <c r="QNA653" s="613"/>
      <c r="QNB653" s="613"/>
      <c r="QNC653" s="613"/>
      <c r="QND653" s="613"/>
      <c r="QNE653" s="613"/>
      <c r="QNF653" s="613"/>
      <c r="QNG653" s="613"/>
      <c r="QNH653" s="613"/>
      <c r="QNI653" s="613"/>
      <c r="QNJ653" s="613"/>
      <c r="QNK653" s="613"/>
      <c r="QNL653" s="613"/>
      <c r="QNM653" s="613"/>
      <c r="QNN653" s="613"/>
      <c r="QNO653" s="613"/>
      <c r="QNP653" s="613"/>
      <c r="QNQ653" s="613"/>
      <c r="QNR653" s="613"/>
      <c r="QNS653" s="613"/>
      <c r="QNT653" s="613"/>
      <c r="QNU653" s="613"/>
      <c r="QNV653" s="613"/>
      <c r="QNW653" s="613"/>
      <c r="QNX653" s="613"/>
      <c r="QNY653" s="613"/>
      <c r="QNZ653" s="613"/>
      <c r="QOA653" s="613"/>
      <c r="QOB653" s="613"/>
      <c r="QOC653" s="613"/>
      <c r="QOD653" s="613"/>
      <c r="QOE653" s="613"/>
      <c r="QOF653" s="613"/>
      <c r="QOG653" s="613"/>
      <c r="QOH653" s="613"/>
      <c r="QOI653" s="613"/>
      <c r="QOJ653" s="613"/>
      <c r="QOK653" s="613"/>
      <c r="QOL653" s="613"/>
      <c r="QOM653" s="613"/>
      <c r="QON653" s="613"/>
      <c r="QOO653" s="613"/>
      <c r="QOP653" s="613"/>
      <c r="QOQ653" s="613"/>
      <c r="QOR653" s="613"/>
      <c r="QOS653" s="613"/>
      <c r="QOT653" s="613"/>
      <c r="QOU653" s="613"/>
      <c r="QOV653" s="613"/>
      <c r="QOW653" s="613"/>
      <c r="QOX653" s="613"/>
      <c r="QOY653" s="613"/>
      <c r="QOZ653" s="613"/>
      <c r="QPA653" s="613"/>
      <c r="QPB653" s="613"/>
      <c r="QPC653" s="613"/>
      <c r="QPD653" s="613"/>
      <c r="QPE653" s="613"/>
      <c r="QPF653" s="613"/>
      <c r="QPG653" s="613"/>
      <c r="QPH653" s="613"/>
      <c r="QPI653" s="613"/>
      <c r="QPJ653" s="613"/>
      <c r="QPK653" s="613"/>
      <c r="QPL653" s="613"/>
      <c r="QPM653" s="613"/>
      <c r="QPN653" s="613"/>
      <c r="QPO653" s="613"/>
      <c r="QPP653" s="613"/>
      <c r="QPQ653" s="613"/>
      <c r="QPR653" s="613"/>
      <c r="QPS653" s="613"/>
      <c r="QPT653" s="613"/>
      <c r="QPU653" s="613"/>
      <c r="QPV653" s="613"/>
      <c r="QPW653" s="613"/>
      <c r="QPX653" s="613"/>
      <c r="QPY653" s="613"/>
      <c r="QPZ653" s="613"/>
      <c r="QQA653" s="613"/>
      <c r="QQB653" s="613"/>
      <c r="QQC653" s="613"/>
      <c r="QQD653" s="613"/>
      <c r="QQE653" s="613"/>
      <c r="QQF653" s="613"/>
      <c r="QQG653" s="613"/>
      <c r="QQH653" s="613"/>
      <c r="QQI653" s="613"/>
      <c r="QQJ653" s="613"/>
      <c r="QQK653" s="613"/>
      <c r="QQL653" s="613"/>
      <c r="QQM653" s="613"/>
      <c r="QQN653" s="613"/>
      <c r="QQO653" s="613"/>
      <c r="QQP653" s="613"/>
      <c r="QQQ653" s="613"/>
      <c r="QQR653" s="613"/>
      <c r="QQS653" s="613"/>
      <c r="QQT653" s="613"/>
      <c r="QQU653" s="613"/>
      <c r="QQV653" s="613"/>
      <c r="QQW653" s="613"/>
      <c r="QQX653" s="613"/>
      <c r="QQY653" s="613"/>
      <c r="QQZ653" s="613"/>
      <c r="QRA653" s="613"/>
      <c r="QRB653" s="613"/>
      <c r="QRC653" s="613"/>
      <c r="QRD653" s="613"/>
      <c r="QRE653" s="613"/>
      <c r="QRF653" s="613"/>
      <c r="QRG653" s="613"/>
      <c r="QRH653" s="613"/>
      <c r="QRI653" s="613"/>
      <c r="QRJ653" s="613"/>
      <c r="QRK653" s="613"/>
      <c r="QRL653" s="613"/>
      <c r="QRM653" s="613"/>
      <c r="QRN653" s="613"/>
      <c r="QRO653" s="613"/>
      <c r="QRP653" s="613"/>
      <c r="QRQ653" s="613"/>
      <c r="QRR653" s="613"/>
      <c r="QRS653" s="613"/>
      <c r="QRT653" s="613"/>
      <c r="QRU653" s="613"/>
      <c r="QRV653" s="613"/>
      <c r="QRW653" s="613"/>
      <c r="QRX653" s="613"/>
      <c r="QRY653" s="613"/>
      <c r="QRZ653" s="613"/>
      <c r="QSA653" s="613"/>
      <c r="QSB653" s="613"/>
      <c r="QSC653" s="613"/>
      <c r="QSD653" s="613"/>
      <c r="QSE653" s="613"/>
      <c r="QSF653" s="613"/>
      <c r="QSG653" s="613"/>
      <c r="QSH653" s="613"/>
      <c r="QSI653" s="613"/>
      <c r="QSJ653" s="613"/>
      <c r="QSK653" s="613"/>
      <c r="QSL653" s="613"/>
      <c r="QSM653" s="613"/>
      <c r="QSN653" s="613"/>
      <c r="QSO653" s="613"/>
      <c r="QSP653" s="613"/>
      <c r="QSQ653" s="613"/>
      <c r="QSR653" s="613"/>
      <c r="QSS653" s="613"/>
      <c r="QST653" s="613"/>
      <c r="QSU653" s="613"/>
      <c r="QSV653" s="613"/>
      <c r="QSW653" s="613"/>
      <c r="QSX653" s="613"/>
      <c r="QSY653" s="613"/>
      <c r="QSZ653" s="613"/>
      <c r="QTA653" s="613"/>
      <c r="QTB653" s="613"/>
      <c r="QTC653" s="613"/>
      <c r="QTD653" s="613"/>
      <c r="QTE653" s="613"/>
      <c r="QTF653" s="613"/>
      <c r="QTG653" s="613"/>
      <c r="QTH653" s="613"/>
      <c r="QTI653" s="613"/>
      <c r="QTJ653" s="613"/>
      <c r="QTK653" s="613"/>
      <c r="QTL653" s="613"/>
      <c r="QTM653" s="613"/>
      <c r="QTN653" s="613"/>
      <c r="QTO653" s="613"/>
      <c r="QTP653" s="613"/>
      <c r="QTQ653" s="613"/>
      <c r="QTR653" s="613"/>
      <c r="QTS653" s="613"/>
      <c r="QTT653" s="613"/>
      <c r="QTU653" s="613"/>
      <c r="QTV653" s="613"/>
      <c r="QTW653" s="613"/>
      <c r="QTX653" s="613"/>
      <c r="QTY653" s="613"/>
      <c r="QTZ653" s="613"/>
      <c r="QUA653" s="613"/>
      <c r="QUB653" s="613"/>
      <c r="QUC653" s="613"/>
      <c r="QUD653" s="613"/>
      <c r="QUE653" s="613"/>
      <c r="QUF653" s="613"/>
      <c r="QUG653" s="613"/>
      <c r="QUH653" s="613"/>
      <c r="QUI653" s="613"/>
      <c r="QUJ653" s="613"/>
      <c r="QUK653" s="613"/>
      <c r="QUL653" s="613"/>
      <c r="QUM653" s="613"/>
      <c r="QUN653" s="613"/>
      <c r="QUO653" s="613"/>
      <c r="QUP653" s="613"/>
      <c r="QUQ653" s="613"/>
      <c r="QUR653" s="613"/>
      <c r="QUS653" s="613"/>
      <c r="QUT653" s="613"/>
      <c r="QUU653" s="613"/>
      <c r="QUV653" s="613"/>
      <c r="QUW653" s="613"/>
      <c r="QUX653" s="613"/>
      <c r="QUY653" s="613"/>
      <c r="QUZ653" s="613"/>
      <c r="QVA653" s="613"/>
      <c r="QVB653" s="613"/>
      <c r="QVC653" s="613"/>
      <c r="QVD653" s="613"/>
      <c r="QVE653" s="613"/>
      <c r="QVF653" s="613"/>
      <c r="QVG653" s="613"/>
      <c r="QVH653" s="613"/>
      <c r="QVI653" s="613"/>
      <c r="QVJ653" s="613"/>
      <c r="QVK653" s="613"/>
      <c r="QVL653" s="613"/>
      <c r="QVM653" s="613"/>
      <c r="QVN653" s="613"/>
      <c r="QVO653" s="613"/>
      <c r="QVP653" s="613"/>
      <c r="QVQ653" s="613"/>
      <c r="QVR653" s="613"/>
      <c r="QVS653" s="613"/>
      <c r="QVT653" s="613"/>
      <c r="QVU653" s="613"/>
      <c r="QVV653" s="613"/>
      <c r="QVW653" s="613"/>
      <c r="QVX653" s="613"/>
      <c r="QVY653" s="613"/>
      <c r="QVZ653" s="613"/>
      <c r="QWA653" s="613"/>
      <c r="QWB653" s="613"/>
      <c r="QWC653" s="613"/>
      <c r="QWD653" s="613"/>
      <c r="QWE653" s="613"/>
      <c r="QWF653" s="613"/>
      <c r="QWG653" s="613"/>
      <c r="QWH653" s="613"/>
      <c r="QWI653" s="613"/>
      <c r="QWJ653" s="613"/>
      <c r="QWK653" s="613"/>
      <c r="QWL653" s="613"/>
      <c r="QWM653" s="613"/>
      <c r="QWN653" s="613"/>
      <c r="QWO653" s="613"/>
      <c r="QWP653" s="613"/>
      <c r="QWQ653" s="613"/>
      <c r="QWR653" s="613"/>
      <c r="QWS653" s="613"/>
      <c r="QWT653" s="613"/>
      <c r="QWU653" s="613"/>
      <c r="QWV653" s="613"/>
      <c r="QWW653" s="613"/>
      <c r="QWX653" s="613"/>
      <c r="QWY653" s="613"/>
      <c r="QWZ653" s="613"/>
      <c r="QXA653" s="613"/>
      <c r="QXB653" s="613"/>
      <c r="QXC653" s="613"/>
      <c r="QXD653" s="613"/>
      <c r="QXE653" s="613"/>
      <c r="QXF653" s="613"/>
      <c r="QXG653" s="613"/>
      <c r="QXH653" s="613"/>
      <c r="QXI653" s="613"/>
      <c r="QXJ653" s="613"/>
      <c r="QXK653" s="613"/>
      <c r="QXL653" s="613"/>
      <c r="QXM653" s="613"/>
      <c r="QXN653" s="613"/>
      <c r="QXO653" s="613"/>
      <c r="QXP653" s="613"/>
      <c r="QXQ653" s="613"/>
      <c r="QXR653" s="613"/>
      <c r="QXS653" s="613"/>
      <c r="QXT653" s="613"/>
      <c r="QXU653" s="613"/>
      <c r="QXV653" s="613"/>
      <c r="QXW653" s="613"/>
      <c r="QXX653" s="613"/>
      <c r="QXY653" s="613"/>
      <c r="QXZ653" s="613"/>
      <c r="QYA653" s="613"/>
      <c r="QYB653" s="613"/>
      <c r="QYC653" s="613"/>
      <c r="QYD653" s="613"/>
      <c r="QYE653" s="613"/>
      <c r="QYF653" s="613"/>
      <c r="QYG653" s="613"/>
      <c r="QYH653" s="613"/>
      <c r="QYI653" s="613"/>
      <c r="QYJ653" s="613"/>
      <c r="QYK653" s="613"/>
      <c r="QYL653" s="613"/>
      <c r="QYM653" s="613"/>
      <c r="QYN653" s="613"/>
      <c r="QYO653" s="613"/>
      <c r="QYP653" s="613"/>
      <c r="QYQ653" s="613"/>
      <c r="QYR653" s="613"/>
      <c r="QYS653" s="613"/>
      <c r="QYT653" s="613"/>
      <c r="QYU653" s="613"/>
      <c r="QYV653" s="613"/>
      <c r="QYW653" s="613"/>
      <c r="QYX653" s="613"/>
      <c r="QYY653" s="613"/>
      <c r="QYZ653" s="613"/>
      <c r="QZA653" s="613"/>
      <c r="QZB653" s="613"/>
      <c r="QZC653" s="613"/>
      <c r="QZD653" s="613"/>
      <c r="QZE653" s="613"/>
      <c r="QZF653" s="613"/>
      <c r="QZG653" s="613"/>
      <c r="QZH653" s="613"/>
      <c r="QZI653" s="613"/>
      <c r="QZJ653" s="613"/>
      <c r="QZK653" s="613"/>
      <c r="QZL653" s="613"/>
      <c r="QZM653" s="613"/>
      <c r="QZN653" s="613"/>
      <c r="QZO653" s="613"/>
      <c r="QZP653" s="613"/>
      <c r="QZQ653" s="613"/>
      <c r="QZR653" s="613"/>
      <c r="QZS653" s="613"/>
      <c r="QZT653" s="613"/>
      <c r="QZU653" s="613"/>
      <c r="QZV653" s="613"/>
      <c r="QZW653" s="613"/>
      <c r="QZX653" s="613"/>
      <c r="QZY653" s="613"/>
      <c r="QZZ653" s="613"/>
      <c r="RAA653" s="613"/>
      <c r="RAB653" s="613"/>
      <c r="RAC653" s="613"/>
      <c r="RAD653" s="613"/>
      <c r="RAE653" s="613"/>
      <c r="RAF653" s="613"/>
      <c r="RAG653" s="613"/>
      <c r="RAH653" s="613"/>
      <c r="RAI653" s="613"/>
      <c r="RAJ653" s="613"/>
      <c r="RAK653" s="613"/>
      <c r="RAL653" s="613"/>
      <c r="RAM653" s="613"/>
      <c r="RAN653" s="613"/>
      <c r="RAO653" s="613"/>
      <c r="RAP653" s="613"/>
      <c r="RAQ653" s="613"/>
      <c r="RAR653" s="613"/>
      <c r="RAS653" s="613"/>
      <c r="RAT653" s="613"/>
      <c r="RAU653" s="613"/>
      <c r="RAV653" s="613"/>
      <c r="RAW653" s="613"/>
      <c r="RAX653" s="613"/>
      <c r="RAY653" s="613"/>
      <c r="RAZ653" s="613"/>
      <c r="RBA653" s="613"/>
      <c r="RBB653" s="613"/>
      <c r="RBC653" s="613"/>
      <c r="RBD653" s="613"/>
      <c r="RBE653" s="613"/>
      <c r="RBF653" s="613"/>
      <c r="RBG653" s="613"/>
      <c r="RBH653" s="613"/>
      <c r="RBI653" s="613"/>
      <c r="RBJ653" s="613"/>
      <c r="RBK653" s="613"/>
      <c r="RBL653" s="613"/>
      <c r="RBM653" s="613"/>
      <c r="RBN653" s="613"/>
      <c r="RBO653" s="613"/>
      <c r="RBP653" s="613"/>
      <c r="RBQ653" s="613"/>
      <c r="RBR653" s="613"/>
      <c r="RBS653" s="613"/>
      <c r="RBT653" s="613"/>
      <c r="RBU653" s="613"/>
      <c r="RBV653" s="613"/>
      <c r="RBW653" s="613"/>
      <c r="RBX653" s="613"/>
      <c r="RBY653" s="613"/>
      <c r="RBZ653" s="613"/>
      <c r="RCA653" s="613"/>
      <c r="RCB653" s="613"/>
      <c r="RCC653" s="613"/>
      <c r="RCD653" s="613"/>
      <c r="RCE653" s="613"/>
      <c r="RCF653" s="613"/>
      <c r="RCG653" s="613"/>
      <c r="RCH653" s="613"/>
      <c r="RCI653" s="613"/>
      <c r="RCJ653" s="613"/>
      <c r="RCK653" s="613"/>
      <c r="RCL653" s="613"/>
      <c r="RCM653" s="613"/>
      <c r="RCN653" s="613"/>
      <c r="RCO653" s="613"/>
      <c r="RCP653" s="613"/>
      <c r="RCQ653" s="613"/>
      <c r="RCR653" s="613"/>
      <c r="RCS653" s="613"/>
      <c r="RCT653" s="613"/>
      <c r="RCU653" s="613"/>
      <c r="RCV653" s="613"/>
      <c r="RCW653" s="613"/>
      <c r="RCX653" s="613"/>
      <c r="RCY653" s="613"/>
      <c r="RCZ653" s="613"/>
      <c r="RDA653" s="613"/>
      <c r="RDB653" s="613"/>
      <c r="RDC653" s="613"/>
      <c r="RDD653" s="613"/>
      <c r="RDE653" s="613"/>
      <c r="RDF653" s="613"/>
      <c r="RDG653" s="613"/>
      <c r="RDH653" s="613"/>
      <c r="RDI653" s="613"/>
      <c r="RDJ653" s="613"/>
      <c r="RDK653" s="613"/>
      <c r="RDL653" s="613"/>
      <c r="RDM653" s="613"/>
      <c r="RDN653" s="613"/>
      <c r="RDO653" s="613"/>
      <c r="RDP653" s="613"/>
      <c r="RDQ653" s="613"/>
      <c r="RDR653" s="613"/>
      <c r="RDS653" s="613"/>
      <c r="RDT653" s="613"/>
      <c r="RDU653" s="613"/>
      <c r="RDV653" s="613"/>
      <c r="RDW653" s="613"/>
      <c r="RDX653" s="613"/>
      <c r="RDY653" s="613"/>
      <c r="RDZ653" s="613"/>
      <c r="REA653" s="613"/>
      <c r="REB653" s="613"/>
      <c r="REC653" s="613"/>
      <c r="RED653" s="613"/>
      <c r="REE653" s="613"/>
      <c r="REF653" s="613"/>
      <c r="REG653" s="613"/>
      <c r="REH653" s="613"/>
      <c r="REI653" s="613"/>
      <c r="REJ653" s="613"/>
      <c r="REK653" s="613"/>
      <c r="REL653" s="613"/>
      <c r="REM653" s="613"/>
      <c r="REN653" s="613"/>
      <c r="REO653" s="613"/>
      <c r="REP653" s="613"/>
      <c r="REQ653" s="613"/>
      <c r="RER653" s="613"/>
      <c r="RES653" s="613"/>
      <c r="RET653" s="613"/>
      <c r="REU653" s="613"/>
      <c r="REV653" s="613"/>
      <c r="REW653" s="613"/>
      <c r="REX653" s="613"/>
      <c r="REY653" s="613"/>
      <c r="REZ653" s="613"/>
      <c r="RFA653" s="613"/>
      <c r="RFB653" s="613"/>
      <c r="RFC653" s="613"/>
      <c r="RFD653" s="613"/>
      <c r="RFE653" s="613"/>
      <c r="RFF653" s="613"/>
      <c r="RFG653" s="613"/>
      <c r="RFH653" s="613"/>
      <c r="RFI653" s="613"/>
      <c r="RFJ653" s="613"/>
      <c r="RFK653" s="613"/>
      <c r="RFL653" s="613"/>
      <c r="RFM653" s="613"/>
      <c r="RFN653" s="613"/>
      <c r="RFO653" s="613"/>
      <c r="RFP653" s="613"/>
      <c r="RFQ653" s="613"/>
      <c r="RFR653" s="613"/>
      <c r="RFS653" s="613"/>
      <c r="RFT653" s="613"/>
      <c r="RFU653" s="613"/>
      <c r="RFV653" s="613"/>
      <c r="RFW653" s="613"/>
      <c r="RFX653" s="613"/>
      <c r="RFY653" s="613"/>
      <c r="RFZ653" s="613"/>
      <c r="RGA653" s="613"/>
      <c r="RGB653" s="613"/>
      <c r="RGC653" s="613"/>
      <c r="RGD653" s="613"/>
      <c r="RGE653" s="613"/>
      <c r="RGF653" s="613"/>
      <c r="RGG653" s="613"/>
      <c r="RGH653" s="613"/>
      <c r="RGI653" s="613"/>
      <c r="RGJ653" s="613"/>
      <c r="RGK653" s="613"/>
      <c r="RGL653" s="613"/>
      <c r="RGM653" s="613"/>
      <c r="RGN653" s="613"/>
      <c r="RGO653" s="613"/>
      <c r="RGP653" s="613"/>
      <c r="RGQ653" s="613"/>
      <c r="RGR653" s="613"/>
      <c r="RGS653" s="613"/>
      <c r="RGT653" s="613"/>
      <c r="RGU653" s="613"/>
      <c r="RGV653" s="613"/>
      <c r="RGW653" s="613"/>
      <c r="RGX653" s="613"/>
      <c r="RGY653" s="613"/>
      <c r="RGZ653" s="613"/>
      <c r="RHA653" s="613"/>
      <c r="RHB653" s="613"/>
      <c r="RHC653" s="613"/>
      <c r="RHD653" s="613"/>
      <c r="RHE653" s="613"/>
      <c r="RHF653" s="613"/>
      <c r="RHG653" s="613"/>
      <c r="RHH653" s="613"/>
      <c r="RHI653" s="613"/>
      <c r="RHJ653" s="613"/>
      <c r="RHK653" s="613"/>
      <c r="RHL653" s="613"/>
      <c r="RHM653" s="613"/>
      <c r="RHN653" s="613"/>
      <c r="RHO653" s="613"/>
      <c r="RHP653" s="613"/>
      <c r="RHQ653" s="613"/>
      <c r="RHR653" s="613"/>
      <c r="RHS653" s="613"/>
      <c r="RHT653" s="613"/>
      <c r="RHU653" s="613"/>
      <c r="RHV653" s="613"/>
      <c r="RHW653" s="613"/>
      <c r="RHX653" s="613"/>
      <c r="RHY653" s="613"/>
      <c r="RHZ653" s="613"/>
      <c r="RIA653" s="613"/>
      <c r="RIB653" s="613"/>
      <c r="RIC653" s="613"/>
      <c r="RID653" s="613"/>
      <c r="RIE653" s="613"/>
      <c r="RIF653" s="613"/>
      <c r="RIG653" s="613"/>
      <c r="RIH653" s="613"/>
      <c r="RII653" s="613"/>
      <c r="RIJ653" s="613"/>
      <c r="RIK653" s="613"/>
      <c r="RIL653" s="613"/>
      <c r="RIM653" s="613"/>
      <c r="RIN653" s="613"/>
      <c r="RIO653" s="613"/>
      <c r="RIP653" s="613"/>
      <c r="RIQ653" s="613"/>
      <c r="RIR653" s="613"/>
      <c r="RIS653" s="613"/>
      <c r="RIT653" s="613"/>
      <c r="RIU653" s="613"/>
      <c r="RIV653" s="613"/>
      <c r="RIW653" s="613"/>
      <c r="RIX653" s="613"/>
      <c r="RIY653" s="613"/>
      <c r="RIZ653" s="613"/>
      <c r="RJA653" s="613"/>
      <c r="RJB653" s="613"/>
      <c r="RJC653" s="613"/>
      <c r="RJD653" s="613"/>
      <c r="RJE653" s="613"/>
      <c r="RJF653" s="613"/>
      <c r="RJG653" s="613"/>
      <c r="RJH653" s="613"/>
      <c r="RJI653" s="613"/>
      <c r="RJJ653" s="613"/>
      <c r="RJK653" s="613"/>
      <c r="RJL653" s="613"/>
      <c r="RJM653" s="613"/>
      <c r="RJN653" s="613"/>
      <c r="RJO653" s="613"/>
      <c r="RJP653" s="613"/>
      <c r="RJQ653" s="613"/>
      <c r="RJR653" s="613"/>
      <c r="RJS653" s="613"/>
      <c r="RJT653" s="613"/>
      <c r="RJU653" s="613"/>
      <c r="RJV653" s="613"/>
      <c r="RJW653" s="613"/>
      <c r="RJX653" s="613"/>
      <c r="RJY653" s="613"/>
      <c r="RJZ653" s="613"/>
      <c r="RKA653" s="613"/>
      <c r="RKB653" s="613"/>
      <c r="RKC653" s="613"/>
      <c r="RKD653" s="613"/>
      <c r="RKE653" s="613"/>
      <c r="RKF653" s="613"/>
      <c r="RKG653" s="613"/>
      <c r="RKH653" s="613"/>
      <c r="RKI653" s="613"/>
      <c r="RKJ653" s="613"/>
      <c r="RKK653" s="613"/>
      <c r="RKL653" s="613"/>
      <c r="RKM653" s="613"/>
      <c r="RKN653" s="613"/>
      <c r="RKO653" s="613"/>
      <c r="RKP653" s="613"/>
      <c r="RKQ653" s="613"/>
      <c r="RKR653" s="613"/>
      <c r="RKS653" s="613"/>
      <c r="RKT653" s="613"/>
      <c r="RKU653" s="613"/>
      <c r="RKV653" s="613"/>
      <c r="RKW653" s="613"/>
      <c r="RKX653" s="613"/>
      <c r="RKY653" s="613"/>
      <c r="RKZ653" s="613"/>
      <c r="RLA653" s="613"/>
      <c r="RLB653" s="613"/>
      <c r="RLC653" s="613"/>
      <c r="RLD653" s="613"/>
      <c r="RLE653" s="613"/>
      <c r="RLF653" s="613"/>
      <c r="RLG653" s="613"/>
      <c r="RLH653" s="613"/>
      <c r="RLI653" s="613"/>
      <c r="RLJ653" s="613"/>
      <c r="RLK653" s="613"/>
      <c r="RLL653" s="613"/>
      <c r="RLM653" s="613"/>
      <c r="RLN653" s="613"/>
      <c r="RLO653" s="613"/>
      <c r="RLP653" s="613"/>
      <c r="RLQ653" s="613"/>
      <c r="RLR653" s="613"/>
      <c r="RLS653" s="613"/>
      <c r="RLT653" s="613"/>
      <c r="RLU653" s="613"/>
      <c r="RLV653" s="613"/>
      <c r="RLW653" s="613"/>
      <c r="RLX653" s="613"/>
      <c r="RLY653" s="613"/>
      <c r="RLZ653" s="613"/>
      <c r="RMA653" s="613"/>
      <c r="RMB653" s="613"/>
      <c r="RMC653" s="613"/>
      <c r="RMD653" s="613"/>
      <c r="RME653" s="613"/>
      <c r="RMF653" s="613"/>
      <c r="RMG653" s="613"/>
      <c r="RMH653" s="613"/>
      <c r="RMI653" s="613"/>
      <c r="RMJ653" s="613"/>
      <c r="RMK653" s="613"/>
      <c r="RML653" s="613"/>
      <c r="RMM653" s="613"/>
      <c r="RMN653" s="613"/>
      <c r="RMO653" s="613"/>
      <c r="RMP653" s="613"/>
      <c r="RMQ653" s="613"/>
      <c r="RMR653" s="613"/>
      <c r="RMS653" s="613"/>
      <c r="RMT653" s="613"/>
      <c r="RMU653" s="613"/>
      <c r="RMV653" s="613"/>
      <c r="RMW653" s="613"/>
      <c r="RMX653" s="613"/>
      <c r="RMY653" s="613"/>
      <c r="RMZ653" s="613"/>
      <c r="RNA653" s="613"/>
      <c r="RNB653" s="613"/>
      <c r="RNC653" s="613"/>
      <c r="RND653" s="613"/>
      <c r="RNE653" s="613"/>
      <c r="RNF653" s="613"/>
      <c r="RNG653" s="613"/>
      <c r="RNH653" s="613"/>
      <c r="RNI653" s="613"/>
      <c r="RNJ653" s="613"/>
      <c r="RNK653" s="613"/>
      <c r="RNL653" s="613"/>
      <c r="RNM653" s="613"/>
      <c r="RNN653" s="613"/>
      <c r="RNO653" s="613"/>
      <c r="RNP653" s="613"/>
      <c r="RNQ653" s="613"/>
      <c r="RNR653" s="613"/>
      <c r="RNS653" s="613"/>
      <c r="RNT653" s="613"/>
      <c r="RNU653" s="613"/>
      <c r="RNV653" s="613"/>
      <c r="RNW653" s="613"/>
      <c r="RNX653" s="613"/>
      <c r="RNY653" s="613"/>
      <c r="RNZ653" s="613"/>
      <c r="ROA653" s="613"/>
      <c r="ROB653" s="613"/>
      <c r="ROC653" s="613"/>
      <c r="ROD653" s="613"/>
      <c r="ROE653" s="613"/>
      <c r="ROF653" s="613"/>
      <c r="ROG653" s="613"/>
      <c r="ROH653" s="613"/>
      <c r="ROI653" s="613"/>
      <c r="ROJ653" s="613"/>
      <c r="ROK653" s="613"/>
      <c r="ROL653" s="613"/>
      <c r="ROM653" s="613"/>
      <c r="RON653" s="613"/>
      <c r="ROO653" s="613"/>
      <c r="ROP653" s="613"/>
      <c r="ROQ653" s="613"/>
      <c r="ROR653" s="613"/>
      <c r="ROS653" s="613"/>
      <c r="ROT653" s="613"/>
      <c r="ROU653" s="613"/>
      <c r="ROV653" s="613"/>
      <c r="ROW653" s="613"/>
      <c r="ROX653" s="613"/>
      <c r="ROY653" s="613"/>
      <c r="ROZ653" s="613"/>
      <c r="RPA653" s="613"/>
      <c r="RPB653" s="613"/>
      <c r="RPC653" s="613"/>
      <c r="RPD653" s="613"/>
      <c r="RPE653" s="613"/>
      <c r="RPF653" s="613"/>
      <c r="RPG653" s="613"/>
      <c r="RPH653" s="613"/>
      <c r="RPI653" s="613"/>
      <c r="RPJ653" s="613"/>
      <c r="RPK653" s="613"/>
      <c r="RPL653" s="613"/>
      <c r="RPM653" s="613"/>
      <c r="RPN653" s="613"/>
      <c r="RPO653" s="613"/>
      <c r="RPP653" s="613"/>
      <c r="RPQ653" s="613"/>
      <c r="RPR653" s="613"/>
      <c r="RPS653" s="613"/>
      <c r="RPT653" s="613"/>
      <c r="RPU653" s="613"/>
      <c r="RPV653" s="613"/>
      <c r="RPW653" s="613"/>
      <c r="RPX653" s="613"/>
      <c r="RPY653" s="613"/>
      <c r="RPZ653" s="613"/>
      <c r="RQA653" s="613"/>
      <c r="RQB653" s="613"/>
      <c r="RQC653" s="613"/>
      <c r="RQD653" s="613"/>
      <c r="RQE653" s="613"/>
      <c r="RQF653" s="613"/>
      <c r="RQG653" s="613"/>
      <c r="RQH653" s="613"/>
      <c r="RQI653" s="613"/>
      <c r="RQJ653" s="613"/>
      <c r="RQK653" s="613"/>
      <c r="RQL653" s="613"/>
      <c r="RQM653" s="613"/>
      <c r="RQN653" s="613"/>
      <c r="RQO653" s="613"/>
      <c r="RQP653" s="613"/>
      <c r="RQQ653" s="613"/>
      <c r="RQR653" s="613"/>
      <c r="RQS653" s="613"/>
      <c r="RQT653" s="613"/>
      <c r="RQU653" s="613"/>
      <c r="RQV653" s="613"/>
      <c r="RQW653" s="613"/>
      <c r="RQX653" s="613"/>
      <c r="RQY653" s="613"/>
      <c r="RQZ653" s="613"/>
      <c r="RRA653" s="613"/>
      <c r="RRB653" s="613"/>
      <c r="RRC653" s="613"/>
      <c r="RRD653" s="613"/>
      <c r="RRE653" s="613"/>
      <c r="RRF653" s="613"/>
      <c r="RRG653" s="613"/>
      <c r="RRH653" s="613"/>
      <c r="RRI653" s="613"/>
      <c r="RRJ653" s="613"/>
      <c r="RRK653" s="613"/>
      <c r="RRL653" s="613"/>
      <c r="RRM653" s="613"/>
      <c r="RRN653" s="613"/>
      <c r="RRO653" s="613"/>
      <c r="RRP653" s="613"/>
      <c r="RRQ653" s="613"/>
      <c r="RRR653" s="613"/>
      <c r="RRS653" s="613"/>
      <c r="RRT653" s="613"/>
      <c r="RRU653" s="613"/>
      <c r="RRV653" s="613"/>
      <c r="RRW653" s="613"/>
      <c r="RRX653" s="613"/>
      <c r="RRY653" s="613"/>
      <c r="RRZ653" s="613"/>
      <c r="RSA653" s="613"/>
      <c r="RSB653" s="613"/>
      <c r="RSC653" s="613"/>
      <c r="RSD653" s="613"/>
      <c r="RSE653" s="613"/>
      <c r="RSF653" s="613"/>
      <c r="RSG653" s="613"/>
      <c r="RSH653" s="613"/>
      <c r="RSI653" s="613"/>
      <c r="RSJ653" s="613"/>
      <c r="RSK653" s="613"/>
      <c r="RSL653" s="613"/>
      <c r="RSM653" s="613"/>
      <c r="RSN653" s="613"/>
      <c r="RSO653" s="613"/>
      <c r="RSP653" s="613"/>
      <c r="RSQ653" s="613"/>
      <c r="RSR653" s="613"/>
      <c r="RSS653" s="613"/>
      <c r="RST653" s="613"/>
      <c r="RSU653" s="613"/>
      <c r="RSV653" s="613"/>
      <c r="RSW653" s="613"/>
      <c r="RSX653" s="613"/>
      <c r="RSY653" s="613"/>
      <c r="RSZ653" s="613"/>
      <c r="RTA653" s="613"/>
      <c r="RTB653" s="613"/>
      <c r="RTC653" s="613"/>
      <c r="RTD653" s="613"/>
      <c r="RTE653" s="613"/>
      <c r="RTF653" s="613"/>
      <c r="RTG653" s="613"/>
      <c r="RTH653" s="613"/>
      <c r="RTI653" s="613"/>
      <c r="RTJ653" s="613"/>
      <c r="RTK653" s="613"/>
      <c r="RTL653" s="613"/>
      <c r="RTM653" s="613"/>
      <c r="RTN653" s="613"/>
      <c r="RTO653" s="613"/>
      <c r="RTP653" s="613"/>
      <c r="RTQ653" s="613"/>
      <c r="RTR653" s="613"/>
      <c r="RTS653" s="613"/>
      <c r="RTT653" s="613"/>
      <c r="RTU653" s="613"/>
      <c r="RTV653" s="613"/>
      <c r="RTW653" s="613"/>
      <c r="RTX653" s="613"/>
      <c r="RTY653" s="613"/>
      <c r="RTZ653" s="613"/>
      <c r="RUA653" s="613"/>
      <c r="RUB653" s="613"/>
      <c r="RUC653" s="613"/>
      <c r="RUD653" s="613"/>
      <c r="RUE653" s="613"/>
      <c r="RUF653" s="613"/>
      <c r="RUG653" s="613"/>
      <c r="RUH653" s="613"/>
      <c r="RUI653" s="613"/>
      <c r="RUJ653" s="613"/>
      <c r="RUK653" s="613"/>
      <c r="RUL653" s="613"/>
      <c r="RUM653" s="613"/>
      <c r="RUN653" s="613"/>
      <c r="RUO653" s="613"/>
      <c r="RUP653" s="613"/>
      <c r="RUQ653" s="613"/>
      <c r="RUR653" s="613"/>
      <c r="RUS653" s="613"/>
      <c r="RUT653" s="613"/>
      <c r="RUU653" s="613"/>
      <c r="RUV653" s="613"/>
      <c r="RUW653" s="613"/>
      <c r="RUX653" s="613"/>
      <c r="RUY653" s="613"/>
      <c r="RUZ653" s="613"/>
      <c r="RVA653" s="613"/>
      <c r="RVB653" s="613"/>
      <c r="RVC653" s="613"/>
      <c r="RVD653" s="613"/>
      <c r="RVE653" s="613"/>
      <c r="RVF653" s="613"/>
      <c r="RVG653" s="613"/>
      <c r="RVH653" s="613"/>
      <c r="RVI653" s="613"/>
      <c r="RVJ653" s="613"/>
      <c r="RVK653" s="613"/>
      <c r="RVL653" s="613"/>
      <c r="RVM653" s="613"/>
      <c r="RVN653" s="613"/>
      <c r="RVO653" s="613"/>
      <c r="RVP653" s="613"/>
      <c r="RVQ653" s="613"/>
      <c r="RVR653" s="613"/>
      <c r="RVS653" s="613"/>
      <c r="RVT653" s="613"/>
      <c r="RVU653" s="613"/>
      <c r="RVV653" s="613"/>
      <c r="RVW653" s="613"/>
      <c r="RVX653" s="613"/>
      <c r="RVY653" s="613"/>
      <c r="RVZ653" s="613"/>
      <c r="RWA653" s="613"/>
      <c r="RWB653" s="613"/>
      <c r="RWC653" s="613"/>
      <c r="RWD653" s="613"/>
      <c r="RWE653" s="613"/>
      <c r="RWF653" s="613"/>
      <c r="RWG653" s="613"/>
      <c r="RWH653" s="613"/>
      <c r="RWI653" s="613"/>
      <c r="RWJ653" s="613"/>
      <c r="RWK653" s="613"/>
      <c r="RWL653" s="613"/>
      <c r="RWM653" s="613"/>
      <c r="RWN653" s="613"/>
      <c r="RWO653" s="613"/>
      <c r="RWP653" s="613"/>
      <c r="RWQ653" s="613"/>
      <c r="RWR653" s="613"/>
      <c r="RWS653" s="613"/>
      <c r="RWT653" s="613"/>
      <c r="RWU653" s="613"/>
      <c r="RWV653" s="613"/>
      <c r="RWW653" s="613"/>
      <c r="RWX653" s="613"/>
      <c r="RWY653" s="613"/>
      <c r="RWZ653" s="613"/>
      <c r="RXA653" s="613"/>
      <c r="RXB653" s="613"/>
      <c r="RXC653" s="613"/>
      <c r="RXD653" s="613"/>
      <c r="RXE653" s="613"/>
      <c r="RXF653" s="613"/>
      <c r="RXG653" s="613"/>
      <c r="RXH653" s="613"/>
      <c r="RXI653" s="613"/>
      <c r="RXJ653" s="613"/>
      <c r="RXK653" s="613"/>
      <c r="RXL653" s="613"/>
      <c r="RXM653" s="613"/>
      <c r="RXN653" s="613"/>
      <c r="RXO653" s="613"/>
      <c r="RXP653" s="613"/>
      <c r="RXQ653" s="613"/>
      <c r="RXR653" s="613"/>
      <c r="RXS653" s="613"/>
      <c r="RXT653" s="613"/>
      <c r="RXU653" s="613"/>
      <c r="RXV653" s="613"/>
      <c r="RXW653" s="613"/>
      <c r="RXX653" s="613"/>
      <c r="RXY653" s="613"/>
      <c r="RXZ653" s="613"/>
      <c r="RYA653" s="613"/>
      <c r="RYB653" s="613"/>
      <c r="RYC653" s="613"/>
      <c r="RYD653" s="613"/>
      <c r="RYE653" s="613"/>
      <c r="RYF653" s="613"/>
      <c r="RYG653" s="613"/>
      <c r="RYH653" s="613"/>
      <c r="RYI653" s="613"/>
      <c r="RYJ653" s="613"/>
      <c r="RYK653" s="613"/>
      <c r="RYL653" s="613"/>
      <c r="RYM653" s="613"/>
      <c r="RYN653" s="613"/>
      <c r="RYO653" s="613"/>
      <c r="RYP653" s="613"/>
      <c r="RYQ653" s="613"/>
      <c r="RYR653" s="613"/>
      <c r="RYS653" s="613"/>
      <c r="RYT653" s="613"/>
      <c r="RYU653" s="613"/>
      <c r="RYV653" s="613"/>
      <c r="RYW653" s="613"/>
      <c r="RYX653" s="613"/>
      <c r="RYY653" s="613"/>
      <c r="RYZ653" s="613"/>
      <c r="RZA653" s="613"/>
      <c r="RZB653" s="613"/>
      <c r="RZC653" s="613"/>
      <c r="RZD653" s="613"/>
      <c r="RZE653" s="613"/>
      <c r="RZF653" s="613"/>
      <c r="RZG653" s="613"/>
      <c r="RZH653" s="613"/>
      <c r="RZI653" s="613"/>
      <c r="RZJ653" s="613"/>
      <c r="RZK653" s="613"/>
      <c r="RZL653" s="613"/>
      <c r="RZM653" s="613"/>
      <c r="RZN653" s="613"/>
      <c r="RZO653" s="613"/>
      <c r="RZP653" s="613"/>
      <c r="RZQ653" s="613"/>
      <c r="RZR653" s="613"/>
      <c r="RZS653" s="613"/>
      <c r="RZT653" s="613"/>
      <c r="RZU653" s="613"/>
      <c r="RZV653" s="613"/>
      <c r="RZW653" s="613"/>
      <c r="RZX653" s="613"/>
      <c r="RZY653" s="613"/>
      <c r="RZZ653" s="613"/>
      <c r="SAA653" s="613"/>
      <c r="SAB653" s="613"/>
      <c r="SAC653" s="613"/>
      <c r="SAD653" s="613"/>
      <c r="SAE653" s="613"/>
      <c r="SAF653" s="613"/>
      <c r="SAG653" s="613"/>
      <c r="SAH653" s="613"/>
      <c r="SAI653" s="613"/>
      <c r="SAJ653" s="613"/>
      <c r="SAK653" s="613"/>
      <c r="SAL653" s="613"/>
      <c r="SAM653" s="613"/>
      <c r="SAN653" s="613"/>
      <c r="SAO653" s="613"/>
      <c r="SAP653" s="613"/>
      <c r="SAQ653" s="613"/>
      <c r="SAR653" s="613"/>
      <c r="SAS653" s="613"/>
      <c r="SAT653" s="613"/>
      <c r="SAU653" s="613"/>
      <c r="SAV653" s="613"/>
      <c r="SAW653" s="613"/>
      <c r="SAX653" s="613"/>
      <c r="SAY653" s="613"/>
      <c r="SAZ653" s="613"/>
      <c r="SBA653" s="613"/>
      <c r="SBB653" s="613"/>
      <c r="SBC653" s="613"/>
      <c r="SBD653" s="613"/>
      <c r="SBE653" s="613"/>
      <c r="SBF653" s="613"/>
      <c r="SBG653" s="613"/>
      <c r="SBH653" s="613"/>
      <c r="SBI653" s="613"/>
      <c r="SBJ653" s="613"/>
      <c r="SBK653" s="613"/>
      <c r="SBL653" s="613"/>
      <c r="SBM653" s="613"/>
      <c r="SBN653" s="613"/>
      <c r="SBO653" s="613"/>
      <c r="SBP653" s="613"/>
      <c r="SBQ653" s="613"/>
      <c r="SBR653" s="613"/>
      <c r="SBS653" s="613"/>
      <c r="SBT653" s="613"/>
      <c r="SBU653" s="613"/>
      <c r="SBV653" s="613"/>
      <c r="SBW653" s="613"/>
      <c r="SBX653" s="613"/>
      <c r="SBY653" s="613"/>
      <c r="SBZ653" s="613"/>
      <c r="SCA653" s="613"/>
      <c r="SCB653" s="613"/>
      <c r="SCC653" s="613"/>
      <c r="SCD653" s="613"/>
      <c r="SCE653" s="613"/>
      <c r="SCF653" s="613"/>
      <c r="SCG653" s="613"/>
      <c r="SCH653" s="613"/>
      <c r="SCI653" s="613"/>
      <c r="SCJ653" s="613"/>
      <c r="SCK653" s="613"/>
      <c r="SCL653" s="613"/>
      <c r="SCM653" s="613"/>
      <c r="SCN653" s="613"/>
      <c r="SCO653" s="613"/>
      <c r="SCP653" s="613"/>
      <c r="SCQ653" s="613"/>
      <c r="SCR653" s="613"/>
      <c r="SCS653" s="613"/>
      <c r="SCT653" s="613"/>
      <c r="SCU653" s="613"/>
      <c r="SCV653" s="613"/>
      <c r="SCW653" s="613"/>
      <c r="SCX653" s="613"/>
      <c r="SCY653" s="613"/>
      <c r="SCZ653" s="613"/>
      <c r="SDA653" s="613"/>
      <c r="SDB653" s="613"/>
      <c r="SDC653" s="613"/>
      <c r="SDD653" s="613"/>
      <c r="SDE653" s="613"/>
      <c r="SDF653" s="613"/>
      <c r="SDG653" s="613"/>
      <c r="SDH653" s="613"/>
      <c r="SDI653" s="613"/>
      <c r="SDJ653" s="613"/>
      <c r="SDK653" s="613"/>
      <c r="SDL653" s="613"/>
      <c r="SDM653" s="613"/>
      <c r="SDN653" s="613"/>
      <c r="SDO653" s="613"/>
      <c r="SDP653" s="613"/>
      <c r="SDQ653" s="613"/>
      <c r="SDR653" s="613"/>
      <c r="SDS653" s="613"/>
      <c r="SDT653" s="613"/>
      <c r="SDU653" s="613"/>
      <c r="SDV653" s="613"/>
      <c r="SDW653" s="613"/>
      <c r="SDX653" s="613"/>
      <c r="SDY653" s="613"/>
      <c r="SDZ653" s="613"/>
      <c r="SEA653" s="613"/>
      <c r="SEB653" s="613"/>
      <c r="SEC653" s="613"/>
      <c r="SED653" s="613"/>
      <c r="SEE653" s="613"/>
      <c r="SEF653" s="613"/>
      <c r="SEG653" s="613"/>
      <c r="SEH653" s="613"/>
      <c r="SEI653" s="613"/>
      <c r="SEJ653" s="613"/>
      <c r="SEK653" s="613"/>
      <c r="SEL653" s="613"/>
      <c r="SEM653" s="613"/>
      <c r="SEN653" s="613"/>
      <c r="SEO653" s="613"/>
      <c r="SEP653" s="613"/>
      <c r="SEQ653" s="613"/>
      <c r="SER653" s="613"/>
      <c r="SES653" s="613"/>
      <c r="SET653" s="613"/>
      <c r="SEU653" s="613"/>
      <c r="SEV653" s="613"/>
      <c r="SEW653" s="613"/>
      <c r="SEX653" s="613"/>
      <c r="SEY653" s="613"/>
      <c r="SEZ653" s="613"/>
      <c r="SFA653" s="613"/>
      <c r="SFB653" s="613"/>
      <c r="SFC653" s="613"/>
      <c r="SFD653" s="613"/>
      <c r="SFE653" s="613"/>
      <c r="SFF653" s="613"/>
      <c r="SFG653" s="613"/>
      <c r="SFH653" s="613"/>
      <c r="SFI653" s="613"/>
      <c r="SFJ653" s="613"/>
      <c r="SFK653" s="613"/>
      <c r="SFL653" s="613"/>
      <c r="SFM653" s="613"/>
      <c r="SFN653" s="613"/>
      <c r="SFO653" s="613"/>
      <c r="SFP653" s="613"/>
      <c r="SFQ653" s="613"/>
      <c r="SFR653" s="613"/>
      <c r="SFS653" s="613"/>
      <c r="SFT653" s="613"/>
      <c r="SFU653" s="613"/>
      <c r="SFV653" s="613"/>
      <c r="SFW653" s="613"/>
      <c r="SFX653" s="613"/>
      <c r="SFY653" s="613"/>
      <c r="SFZ653" s="613"/>
      <c r="SGA653" s="613"/>
      <c r="SGB653" s="613"/>
      <c r="SGC653" s="613"/>
      <c r="SGD653" s="613"/>
      <c r="SGE653" s="613"/>
      <c r="SGF653" s="613"/>
      <c r="SGG653" s="613"/>
      <c r="SGH653" s="613"/>
      <c r="SGI653" s="613"/>
      <c r="SGJ653" s="613"/>
      <c r="SGK653" s="613"/>
      <c r="SGL653" s="613"/>
      <c r="SGM653" s="613"/>
      <c r="SGN653" s="613"/>
      <c r="SGO653" s="613"/>
      <c r="SGP653" s="613"/>
      <c r="SGQ653" s="613"/>
      <c r="SGR653" s="613"/>
      <c r="SGS653" s="613"/>
      <c r="SGT653" s="613"/>
      <c r="SGU653" s="613"/>
      <c r="SGV653" s="613"/>
      <c r="SGW653" s="613"/>
      <c r="SGX653" s="613"/>
      <c r="SGY653" s="613"/>
      <c r="SGZ653" s="613"/>
      <c r="SHA653" s="613"/>
      <c r="SHB653" s="613"/>
      <c r="SHC653" s="613"/>
      <c r="SHD653" s="613"/>
      <c r="SHE653" s="613"/>
      <c r="SHF653" s="613"/>
      <c r="SHG653" s="613"/>
      <c r="SHH653" s="613"/>
      <c r="SHI653" s="613"/>
      <c r="SHJ653" s="613"/>
      <c r="SHK653" s="613"/>
      <c r="SHL653" s="613"/>
      <c r="SHM653" s="613"/>
      <c r="SHN653" s="613"/>
      <c r="SHO653" s="613"/>
      <c r="SHP653" s="613"/>
      <c r="SHQ653" s="613"/>
      <c r="SHR653" s="613"/>
      <c r="SHS653" s="613"/>
      <c r="SHT653" s="613"/>
      <c r="SHU653" s="613"/>
      <c r="SHV653" s="613"/>
      <c r="SHW653" s="613"/>
      <c r="SHX653" s="613"/>
      <c r="SHY653" s="613"/>
      <c r="SHZ653" s="613"/>
      <c r="SIA653" s="613"/>
      <c r="SIB653" s="613"/>
      <c r="SIC653" s="613"/>
      <c r="SID653" s="613"/>
      <c r="SIE653" s="613"/>
      <c r="SIF653" s="613"/>
      <c r="SIG653" s="613"/>
      <c r="SIH653" s="613"/>
      <c r="SII653" s="613"/>
      <c r="SIJ653" s="613"/>
      <c r="SIK653" s="613"/>
      <c r="SIL653" s="613"/>
      <c r="SIM653" s="613"/>
      <c r="SIN653" s="613"/>
      <c r="SIO653" s="613"/>
      <c r="SIP653" s="613"/>
      <c r="SIQ653" s="613"/>
      <c r="SIR653" s="613"/>
      <c r="SIS653" s="613"/>
      <c r="SIT653" s="613"/>
      <c r="SIU653" s="613"/>
      <c r="SIV653" s="613"/>
      <c r="SIW653" s="613"/>
      <c r="SIX653" s="613"/>
      <c r="SIY653" s="613"/>
      <c r="SIZ653" s="613"/>
      <c r="SJA653" s="613"/>
      <c r="SJB653" s="613"/>
      <c r="SJC653" s="613"/>
      <c r="SJD653" s="613"/>
      <c r="SJE653" s="613"/>
      <c r="SJF653" s="613"/>
      <c r="SJG653" s="613"/>
      <c r="SJH653" s="613"/>
      <c r="SJI653" s="613"/>
      <c r="SJJ653" s="613"/>
      <c r="SJK653" s="613"/>
      <c r="SJL653" s="613"/>
      <c r="SJM653" s="613"/>
      <c r="SJN653" s="613"/>
      <c r="SJO653" s="613"/>
      <c r="SJP653" s="613"/>
      <c r="SJQ653" s="613"/>
      <c r="SJR653" s="613"/>
      <c r="SJS653" s="613"/>
      <c r="SJT653" s="613"/>
      <c r="SJU653" s="613"/>
      <c r="SJV653" s="613"/>
      <c r="SJW653" s="613"/>
      <c r="SJX653" s="613"/>
      <c r="SJY653" s="613"/>
      <c r="SJZ653" s="613"/>
      <c r="SKA653" s="613"/>
      <c r="SKB653" s="613"/>
      <c r="SKC653" s="613"/>
      <c r="SKD653" s="613"/>
      <c r="SKE653" s="613"/>
      <c r="SKF653" s="613"/>
      <c r="SKG653" s="613"/>
      <c r="SKH653" s="613"/>
      <c r="SKI653" s="613"/>
      <c r="SKJ653" s="613"/>
      <c r="SKK653" s="613"/>
      <c r="SKL653" s="613"/>
      <c r="SKM653" s="613"/>
      <c r="SKN653" s="613"/>
      <c r="SKO653" s="613"/>
      <c r="SKP653" s="613"/>
      <c r="SKQ653" s="613"/>
      <c r="SKR653" s="613"/>
      <c r="SKS653" s="613"/>
      <c r="SKT653" s="613"/>
      <c r="SKU653" s="613"/>
      <c r="SKV653" s="613"/>
      <c r="SKW653" s="613"/>
      <c r="SKX653" s="613"/>
      <c r="SKY653" s="613"/>
      <c r="SKZ653" s="613"/>
      <c r="SLA653" s="613"/>
      <c r="SLB653" s="613"/>
      <c r="SLC653" s="613"/>
      <c r="SLD653" s="613"/>
      <c r="SLE653" s="613"/>
      <c r="SLF653" s="613"/>
      <c r="SLG653" s="613"/>
      <c r="SLH653" s="613"/>
      <c r="SLI653" s="613"/>
      <c r="SLJ653" s="613"/>
      <c r="SLK653" s="613"/>
      <c r="SLL653" s="613"/>
      <c r="SLM653" s="613"/>
      <c r="SLN653" s="613"/>
      <c r="SLO653" s="613"/>
      <c r="SLP653" s="613"/>
      <c r="SLQ653" s="613"/>
      <c r="SLR653" s="613"/>
      <c r="SLS653" s="613"/>
      <c r="SLT653" s="613"/>
      <c r="SLU653" s="613"/>
      <c r="SLV653" s="613"/>
      <c r="SLW653" s="613"/>
      <c r="SLX653" s="613"/>
      <c r="SLY653" s="613"/>
      <c r="SLZ653" s="613"/>
      <c r="SMA653" s="613"/>
      <c r="SMB653" s="613"/>
      <c r="SMC653" s="613"/>
      <c r="SMD653" s="613"/>
      <c r="SME653" s="613"/>
      <c r="SMF653" s="613"/>
      <c r="SMG653" s="613"/>
      <c r="SMH653" s="613"/>
      <c r="SMI653" s="613"/>
      <c r="SMJ653" s="613"/>
      <c r="SMK653" s="613"/>
      <c r="SML653" s="613"/>
      <c r="SMM653" s="613"/>
      <c r="SMN653" s="613"/>
      <c r="SMO653" s="613"/>
      <c r="SMP653" s="613"/>
      <c r="SMQ653" s="613"/>
      <c r="SMR653" s="613"/>
      <c r="SMS653" s="613"/>
      <c r="SMT653" s="613"/>
      <c r="SMU653" s="613"/>
      <c r="SMV653" s="613"/>
      <c r="SMW653" s="613"/>
      <c r="SMX653" s="613"/>
      <c r="SMY653" s="613"/>
      <c r="SMZ653" s="613"/>
      <c r="SNA653" s="613"/>
      <c r="SNB653" s="613"/>
      <c r="SNC653" s="613"/>
      <c r="SND653" s="613"/>
      <c r="SNE653" s="613"/>
      <c r="SNF653" s="613"/>
      <c r="SNG653" s="613"/>
      <c r="SNH653" s="613"/>
      <c r="SNI653" s="613"/>
      <c r="SNJ653" s="613"/>
      <c r="SNK653" s="613"/>
      <c r="SNL653" s="613"/>
      <c r="SNM653" s="613"/>
      <c r="SNN653" s="613"/>
      <c r="SNO653" s="613"/>
      <c r="SNP653" s="613"/>
      <c r="SNQ653" s="613"/>
      <c r="SNR653" s="613"/>
      <c r="SNS653" s="613"/>
      <c r="SNT653" s="613"/>
      <c r="SNU653" s="613"/>
      <c r="SNV653" s="613"/>
      <c r="SNW653" s="613"/>
      <c r="SNX653" s="613"/>
      <c r="SNY653" s="613"/>
      <c r="SNZ653" s="613"/>
      <c r="SOA653" s="613"/>
      <c r="SOB653" s="613"/>
      <c r="SOC653" s="613"/>
      <c r="SOD653" s="613"/>
      <c r="SOE653" s="613"/>
      <c r="SOF653" s="613"/>
      <c r="SOG653" s="613"/>
      <c r="SOH653" s="613"/>
      <c r="SOI653" s="613"/>
      <c r="SOJ653" s="613"/>
      <c r="SOK653" s="613"/>
      <c r="SOL653" s="613"/>
      <c r="SOM653" s="613"/>
      <c r="SON653" s="613"/>
      <c r="SOO653" s="613"/>
      <c r="SOP653" s="613"/>
      <c r="SOQ653" s="613"/>
      <c r="SOR653" s="613"/>
      <c r="SOS653" s="613"/>
      <c r="SOT653" s="613"/>
      <c r="SOU653" s="613"/>
      <c r="SOV653" s="613"/>
      <c r="SOW653" s="613"/>
      <c r="SOX653" s="613"/>
      <c r="SOY653" s="613"/>
      <c r="SOZ653" s="613"/>
      <c r="SPA653" s="613"/>
      <c r="SPB653" s="613"/>
      <c r="SPC653" s="613"/>
      <c r="SPD653" s="613"/>
      <c r="SPE653" s="613"/>
      <c r="SPF653" s="613"/>
      <c r="SPG653" s="613"/>
      <c r="SPH653" s="613"/>
      <c r="SPI653" s="613"/>
      <c r="SPJ653" s="613"/>
      <c r="SPK653" s="613"/>
      <c r="SPL653" s="613"/>
      <c r="SPM653" s="613"/>
      <c r="SPN653" s="613"/>
      <c r="SPO653" s="613"/>
      <c r="SPP653" s="613"/>
      <c r="SPQ653" s="613"/>
      <c r="SPR653" s="613"/>
      <c r="SPS653" s="613"/>
      <c r="SPT653" s="613"/>
      <c r="SPU653" s="613"/>
      <c r="SPV653" s="613"/>
      <c r="SPW653" s="613"/>
      <c r="SPX653" s="613"/>
      <c r="SPY653" s="613"/>
      <c r="SPZ653" s="613"/>
      <c r="SQA653" s="613"/>
      <c r="SQB653" s="613"/>
      <c r="SQC653" s="613"/>
      <c r="SQD653" s="613"/>
      <c r="SQE653" s="613"/>
      <c r="SQF653" s="613"/>
      <c r="SQG653" s="613"/>
      <c r="SQH653" s="613"/>
      <c r="SQI653" s="613"/>
      <c r="SQJ653" s="613"/>
      <c r="SQK653" s="613"/>
      <c r="SQL653" s="613"/>
      <c r="SQM653" s="613"/>
      <c r="SQN653" s="613"/>
      <c r="SQO653" s="613"/>
      <c r="SQP653" s="613"/>
      <c r="SQQ653" s="613"/>
      <c r="SQR653" s="613"/>
      <c r="SQS653" s="613"/>
      <c r="SQT653" s="613"/>
      <c r="SQU653" s="613"/>
      <c r="SQV653" s="613"/>
      <c r="SQW653" s="613"/>
      <c r="SQX653" s="613"/>
      <c r="SQY653" s="613"/>
      <c r="SQZ653" s="613"/>
      <c r="SRA653" s="613"/>
      <c r="SRB653" s="613"/>
      <c r="SRC653" s="613"/>
      <c r="SRD653" s="613"/>
      <c r="SRE653" s="613"/>
      <c r="SRF653" s="613"/>
      <c r="SRG653" s="613"/>
      <c r="SRH653" s="613"/>
      <c r="SRI653" s="613"/>
      <c r="SRJ653" s="613"/>
      <c r="SRK653" s="613"/>
      <c r="SRL653" s="613"/>
      <c r="SRM653" s="613"/>
      <c r="SRN653" s="613"/>
      <c r="SRO653" s="613"/>
      <c r="SRP653" s="613"/>
      <c r="SRQ653" s="613"/>
      <c r="SRR653" s="613"/>
      <c r="SRS653" s="613"/>
      <c r="SRT653" s="613"/>
      <c r="SRU653" s="613"/>
      <c r="SRV653" s="613"/>
      <c r="SRW653" s="613"/>
      <c r="SRX653" s="613"/>
      <c r="SRY653" s="613"/>
      <c r="SRZ653" s="613"/>
      <c r="SSA653" s="613"/>
      <c r="SSB653" s="613"/>
      <c r="SSC653" s="613"/>
      <c r="SSD653" s="613"/>
      <c r="SSE653" s="613"/>
      <c r="SSF653" s="613"/>
      <c r="SSG653" s="613"/>
      <c r="SSH653" s="613"/>
      <c r="SSI653" s="613"/>
      <c r="SSJ653" s="613"/>
      <c r="SSK653" s="613"/>
      <c r="SSL653" s="613"/>
      <c r="SSM653" s="613"/>
      <c r="SSN653" s="613"/>
      <c r="SSO653" s="613"/>
      <c r="SSP653" s="613"/>
      <c r="SSQ653" s="613"/>
      <c r="SSR653" s="613"/>
      <c r="SSS653" s="613"/>
      <c r="SST653" s="613"/>
      <c r="SSU653" s="613"/>
      <c r="SSV653" s="613"/>
      <c r="SSW653" s="613"/>
      <c r="SSX653" s="613"/>
      <c r="SSY653" s="613"/>
      <c r="SSZ653" s="613"/>
      <c r="STA653" s="613"/>
      <c r="STB653" s="613"/>
      <c r="STC653" s="613"/>
      <c r="STD653" s="613"/>
      <c r="STE653" s="613"/>
      <c r="STF653" s="613"/>
      <c r="STG653" s="613"/>
      <c r="STH653" s="613"/>
      <c r="STI653" s="613"/>
      <c r="STJ653" s="613"/>
      <c r="STK653" s="613"/>
      <c r="STL653" s="613"/>
      <c r="STM653" s="613"/>
      <c r="STN653" s="613"/>
      <c r="STO653" s="613"/>
      <c r="STP653" s="613"/>
      <c r="STQ653" s="613"/>
      <c r="STR653" s="613"/>
      <c r="STS653" s="613"/>
      <c r="STT653" s="613"/>
      <c r="STU653" s="613"/>
      <c r="STV653" s="613"/>
      <c r="STW653" s="613"/>
      <c r="STX653" s="613"/>
      <c r="STY653" s="613"/>
      <c r="STZ653" s="613"/>
      <c r="SUA653" s="613"/>
      <c r="SUB653" s="613"/>
      <c r="SUC653" s="613"/>
      <c r="SUD653" s="613"/>
      <c r="SUE653" s="613"/>
      <c r="SUF653" s="613"/>
      <c r="SUG653" s="613"/>
      <c r="SUH653" s="613"/>
      <c r="SUI653" s="613"/>
      <c r="SUJ653" s="613"/>
      <c r="SUK653" s="613"/>
      <c r="SUL653" s="613"/>
      <c r="SUM653" s="613"/>
      <c r="SUN653" s="613"/>
      <c r="SUO653" s="613"/>
      <c r="SUP653" s="613"/>
      <c r="SUQ653" s="613"/>
      <c r="SUR653" s="613"/>
      <c r="SUS653" s="613"/>
      <c r="SUT653" s="613"/>
      <c r="SUU653" s="613"/>
      <c r="SUV653" s="613"/>
      <c r="SUW653" s="613"/>
      <c r="SUX653" s="613"/>
      <c r="SUY653" s="613"/>
      <c r="SUZ653" s="613"/>
      <c r="SVA653" s="613"/>
      <c r="SVB653" s="613"/>
      <c r="SVC653" s="613"/>
      <c r="SVD653" s="613"/>
      <c r="SVE653" s="613"/>
      <c r="SVF653" s="613"/>
      <c r="SVG653" s="613"/>
      <c r="SVH653" s="613"/>
      <c r="SVI653" s="613"/>
      <c r="SVJ653" s="613"/>
      <c r="SVK653" s="613"/>
      <c r="SVL653" s="613"/>
      <c r="SVM653" s="613"/>
      <c r="SVN653" s="613"/>
      <c r="SVO653" s="613"/>
      <c r="SVP653" s="613"/>
      <c r="SVQ653" s="613"/>
      <c r="SVR653" s="613"/>
      <c r="SVS653" s="613"/>
      <c r="SVT653" s="613"/>
      <c r="SVU653" s="613"/>
      <c r="SVV653" s="613"/>
      <c r="SVW653" s="613"/>
      <c r="SVX653" s="613"/>
      <c r="SVY653" s="613"/>
      <c r="SVZ653" s="613"/>
      <c r="SWA653" s="613"/>
      <c r="SWB653" s="613"/>
      <c r="SWC653" s="613"/>
      <c r="SWD653" s="613"/>
      <c r="SWE653" s="613"/>
      <c r="SWF653" s="613"/>
      <c r="SWG653" s="613"/>
      <c r="SWH653" s="613"/>
      <c r="SWI653" s="613"/>
      <c r="SWJ653" s="613"/>
      <c r="SWK653" s="613"/>
      <c r="SWL653" s="613"/>
      <c r="SWM653" s="613"/>
      <c r="SWN653" s="613"/>
      <c r="SWO653" s="613"/>
      <c r="SWP653" s="613"/>
      <c r="SWQ653" s="613"/>
      <c r="SWR653" s="613"/>
      <c r="SWS653" s="613"/>
      <c r="SWT653" s="613"/>
      <c r="SWU653" s="613"/>
      <c r="SWV653" s="613"/>
      <c r="SWW653" s="613"/>
      <c r="SWX653" s="613"/>
      <c r="SWY653" s="613"/>
      <c r="SWZ653" s="613"/>
      <c r="SXA653" s="613"/>
      <c r="SXB653" s="613"/>
      <c r="SXC653" s="613"/>
      <c r="SXD653" s="613"/>
      <c r="SXE653" s="613"/>
      <c r="SXF653" s="613"/>
      <c r="SXG653" s="613"/>
      <c r="SXH653" s="613"/>
      <c r="SXI653" s="613"/>
      <c r="SXJ653" s="613"/>
      <c r="SXK653" s="613"/>
      <c r="SXL653" s="613"/>
      <c r="SXM653" s="613"/>
      <c r="SXN653" s="613"/>
      <c r="SXO653" s="613"/>
      <c r="SXP653" s="613"/>
      <c r="SXQ653" s="613"/>
      <c r="SXR653" s="613"/>
      <c r="SXS653" s="613"/>
      <c r="SXT653" s="613"/>
      <c r="SXU653" s="613"/>
      <c r="SXV653" s="613"/>
      <c r="SXW653" s="613"/>
      <c r="SXX653" s="613"/>
      <c r="SXY653" s="613"/>
      <c r="SXZ653" s="613"/>
      <c r="SYA653" s="613"/>
      <c r="SYB653" s="613"/>
      <c r="SYC653" s="613"/>
      <c r="SYD653" s="613"/>
      <c r="SYE653" s="613"/>
      <c r="SYF653" s="613"/>
      <c r="SYG653" s="613"/>
      <c r="SYH653" s="613"/>
      <c r="SYI653" s="613"/>
      <c r="SYJ653" s="613"/>
      <c r="SYK653" s="613"/>
      <c r="SYL653" s="613"/>
      <c r="SYM653" s="613"/>
      <c r="SYN653" s="613"/>
      <c r="SYO653" s="613"/>
      <c r="SYP653" s="613"/>
      <c r="SYQ653" s="613"/>
      <c r="SYR653" s="613"/>
      <c r="SYS653" s="613"/>
      <c r="SYT653" s="613"/>
      <c r="SYU653" s="613"/>
      <c r="SYV653" s="613"/>
      <c r="SYW653" s="613"/>
      <c r="SYX653" s="613"/>
      <c r="SYY653" s="613"/>
      <c r="SYZ653" s="613"/>
      <c r="SZA653" s="613"/>
      <c r="SZB653" s="613"/>
      <c r="SZC653" s="613"/>
      <c r="SZD653" s="613"/>
      <c r="SZE653" s="613"/>
      <c r="SZF653" s="613"/>
      <c r="SZG653" s="613"/>
      <c r="SZH653" s="613"/>
      <c r="SZI653" s="613"/>
      <c r="SZJ653" s="613"/>
      <c r="SZK653" s="613"/>
      <c r="SZL653" s="613"/>
      <c r="SZM653" s="613"/>
      <c r="SZN653" s="613"/>
      <c r="SZO653" s="613"/>
      <c r="SZP653" s="613"/>
      <c r="SZQ653" s="613"/>
      <c r="SZR653" s="613"/>
      <c r="SZS653" s="613"/>
      <c r="SZT653" s="613"/>
      <c r="SZU653" s="613"/>
      <c r="SZV653" s="613"/>
      <c r="SZW653" s="613"/>
      <c r="SZX653" s="613"/>
      <c r="SZY653" s="613"/>
      <c r="SZZ653" s="613"/>
      <c r="TAA653" s="613"/>
      <c r="TAB653" s="613"/>
      <c r="TAC653" s="613"/>
      <c r="TAD653" s="613"/>
      <c r="TAE653" s="613"/>
      <c r="TAF653" s="613"/>
      <c r="TAG653" s="613"/>
      <c r="TAH653" s="613"/>
      <c r="TAI653" s="613"/>
      <c r="TAJ653" s="613"/>
      <c r="TAK653" s="613"/>
      <c r="TAL653" s="613"/>
      <c r="TAM653" s="613"/>
      <c r="TAN653" s="613"/>
      <c r="TAO653" s="613"/>
      <c r="TAP653" s="613"/>
      <c r="TAQ653" s="613"/>
      <c r="TAR653" s="613"/>
      <c r="TAS653" s="613"/>
      <c r="TAT653" s="613"/>
      <c r="TAU653" s="613"/>
      <c r="TAV653" s="613"/>
      <c r="TAW653" s="613"/>
      <c r="TAX653" s="613"/>
      <c r="TAY653" s="613"/>
      <c r="TAZ653" s="613"/>
      <c r="TBA653" s="613"/>
      <c r="TBB653" s="613"/>
      <c r="TBC653" s="613"/>
      <c r="TBD653" s="613"/>
      <c r="TBE653" s="613"/>
      <c r="TBF653" s="613"/>
      <c r="TBG653" s="613"/>
      <c r="TBH653" s="613"/>
      <c r="TBI653" s="613"/>
      <c r="TBJ653" s="613"/>
      <c r="TBK653" s="613"/>
      <c r="TBL653" s="613"/>
      <c r="TBM653" s="613"/>
      <c r="TBN653" s="613"/>
      <c r="TBO653" s="613"/>
      <c r="TBP653" s="613"/>
      <c r="TBQ653" s="613"/>
      <c r="TBR653" s="613"/>
      <c r="TBS653" s="613"/>
      <c r="TBT653" s="613"/>
      <c r="TBU653" s="613"/>
      <c r="TBV653" s="613"/>
      <c r="TBW653" s="613"/>
      <c r="TBX653" s="613"/>
      <c r="TBY653" s="613"/>
      <c r="TBZ653" s="613"/>
      <c r="TCA653" s="613"/>
      <c r="TCB653" s="613"/>
      <c r="TCC653" s="613"/>
      <c r="TCD653" s="613"/>
      <c r="TCE653" s="613"/>
      <c r="TCF653" s="613"/>
      <c r="TCG653" s="613"/>
      <c r="TCH653" s="613"/>
      <c r="TCI653" s="613"/>
      <c r="TCJ653" s="613"/>
      <c r="TCK653" s="613"/>
      <c r="TCL653" s="613"/>
      <c r="TCM653" s="613"/>
      <c r="TCN653" s="613"/>
      <c r="TCO653" s="613"/>
      <c r="TCP653" s="613"/>
      <c r="TCQ653" s="613"/>
      <c r="TCR653" s="613"/>
      <c r="TCS653" s="613"/>
      <c r="TCT653" s="613"/>
      <c r="TCU653" s="613"/>
      <c r="TCV653" s="613"/>
      <c r="TCW653" s="613"/>
      <c r="TCX653" s="613"/>
      <c r="TCY653" s="613"/>
      <c r="TCZ653" s="613"/>
      <c r="TDA653" s="613"/>
      <c r="TDB653" s="613"/>
      <c r="TDC653" s="613"/>
      <c r="TDD653" s="613"/>
      <c r="TDE653" s="613"/>
      <c r="TDF653" s="613"/>
      <c r="TDG653" s="613"/>
      <c r="TDH653" s="613"/>
      <c r="TDI653" s="613"/>
      <c r="TDJ653" s="613"/>
      <c r="TDK653" s="613"/>
      <c r="TDL653" s="613"/>
      <c r="TDM653" s="613"/>
      <c r="TDN653" s="613"/>
      <c r="TDO653" s="613"/>
      <c r="TDP653" s="613"/>
      <c r="TDQ653" s="613"/>
      <c r="TDR653" s="613"/>
      <c r="TDS653" s="613"/>
      <c r="TDT653" s="613"/>
      <c r="TDU653" s="613"/>
      <c r="TDV653" s="613"/>
      <c r="TDW653" s="613"/>
      <c r="TDX653" s="613"/>
      <c r="TDY653" s="613"/>
      <c r="TDZ653" s="613"/>
      <c r="TEA653" s="613"/>
      <c r="TEB653" s="613"/>
      <c r="TEC653" s="613"/>
      <c r="TED653" s="613"/>
      <c r="TEE653" s="613"/>
      <c r="TEF653" s="613"/>
      <c r="TEG653" s="613"/>
      <c r="TEH653" s="613"/>
      <c r="TEI653" s="613"/>
      <c r="TEJ653" s="613"/>
      <c r="TEK653" s="613"/>
      <c r="TEL653" s="613"/>
      <c r="TEM653" s="613"/>
      <c r="TEN653" s="613"/>
      <c r="TEO653" s="613"/>
      <c r="TEP653" s="613"/>
      <c r="TEQ653" s="613"/>
      <c r="TER653" s="613"/>
      <c r="TES653" s="613"/>
      <c r="TET653" s="613"/>
      <c r="TEU653" s="613"/>
      <c r="TEV653" s="613"/>
      <c r="TEW653" s="613"/>
      <c r="TEX653" s="613"/>
      <c r="TEY653" s="613"/>
      <c r="TEZ653" s="613"/>
      <c r="TFA653" s="613"/>
      <c r="TFB653" s="613"/>
      <c r="TFC653" s="613"/>
      <c r="TFD653" s="613"/>
      <c r="TFE653" s="613"/>
      <c r="TFF653" s="613"/>
      <c r="TFG653" s="613"/>
      <c r="TFH653" s="613"/>
      <c r="TFI653" s="613"/>
      <c r="TFJ653" s="613"/>
      <c r="TFK653" s="613"/>
      <c r="TFL653" s="613"/>
      <c r="TFM653" s="613"/>
      <c r="TFN653" s="613"/>
      <c r="TFO653" s="613"/>
      <c r="TFP653" s="613"/>
      <c r="TFQ653" s="613"/>
      <c r="TFR653" s="613"/>
      <c r="TFS653" s="613"/>
      <c r="TFT653" s="613"/>
      <c r="TFU653" s="613"/>
      <c r="TFV653" s="613"/>
      <c r="TFW653" s="613"/>
      <c r="TFX653" s="613"/>
      <c r="TFY653" s="613"/>
      <c r="TFZ653" s="613"/>
      <c r="TGA653" s="613"/>
      <c r="TGB653" s="613"/>
      <c r="TGC653" s="613"/>
      <c r="TGD653" s="613"/>
      <c r="TGE653" s="613"/>
      <c r="TGF653" s="613"/>
      <c r="TGG653" s="613"/>
      <c r="TGH653" s="613"/>
      <c r="TGI653" s="613"/>
      <c r="TGJ653" s="613"/>
      <c r="TGK653" s="613"/>
      <c r="TGL653" s="613"/>
      <c r="TGM653" s="613"/>
      <c r="TGN653" s="613"/>
      <c r="TGO653" s="613"/>
      <c r="TGP653" s="613"/>
      <c r="TGQ653" s="613"/>
      <c r="TGR653" s="613"/>
      <c r="TGS653" s="613"/>
      <c r="TGT653" s="613"/>
      <c r="TGU653" s="613"/>
      <c r="TGV653" s="613"/>
      <c r="TGW653" s="613"/>
      <c r="TGX653" s="613"/>
      <c r="TGY653" s="613"/>
      <c r="TGZ653" s="613"/>
      <c r="THA653" s="613"/>
      <c r="THB653" s="613"/>
      <c r="THC653" s="613"/>
      <c r="THD653" s="613"/>
      <c r="THE653" s="613"/>
      <c r="THF653" s="613"/>
      <c r="THG653" s="613"/>
      <c r="THH653" s="613"/>
      <c r="THI653" s="613"/>
      <c r="THJ653" s="613"/>
      <c r="THK653" s="613"/>
      <c r="THL653" s="613"/>
      <c r="THM653" s="613"/>
      <c r="THN653" s="613"/>
      <c r="THO653" s="613"/>
      <c r="THP653" s="613"/>
      <c r="THQ653" s="613"/>
      <c r="THR653" s="613"/>
      <c r="THS653" s="613"/>
      <c r="THT653" s="613"/>
      <c r="THU653" s="613"/>
      <c r="THV653" s="613"/>
      <c r="THW653" s="613"/>
      <c r="THX653" s="613"/>
      <c r="THY653" s="613"/>
      <c r="THZ653" s="613"/>
      <c r="TIA653" s="613"/>
      <c r="TIB653" s="613"/>
      <c r="TIC653" s="613"/>
      <c r="TID653" s="613"/>
      <c r="TIE653" s="613"/>
      <c r="TIF653" s="613"/>
      <c r="TIG653" s="613"/>
      <c r="TIH653" s="613"/>
      <c r="TII653" s="613"/>
      <c r="TIJ653" s="613"/>
      <c r="TIK653" s="613"/>
      <c r="TIL653" s="613"/>
      <c r="TIM653" s="613"/>
      <c r="TIN653" s="613"/>
      <c r="TIO653" s="613"/>
      <c r="TIP653" s="613"/>
      <c r="TIQ653" s="613"/>
      <c r="TIR653" s="613"/>
      <c r="TIS653" s="613"/>
      <c r="TIT653" s="613"/>
      <c r="TIU653" s="613"/>
      <c r="TIV653" s="613"/>
      <c r="TIW653" s="613"/>
      <c r="TIX653" s="613"/>
      <c r="TIY653" s="613"/>
      <c r="TIZ653" s="613"/>
      <c r="TJA653" s="613"/>
      <c r="TJB653" s="613"/>
      <c r="TJC653" s="613"/>
      <c r="TJD653" s="613"/>
      <c r="TJE653" s="613"/>
      <c r="TJF653" s="613"/>
      <c r="TJG653" s="613"/>
      <c r="TJH653" s="613"/>
      <c r="TJI653" s="613"/>
      <c r="TJJ653" s="613"/>
      <c r="TJK653" s="613"/>
      <c r="TJL653" s="613"/>
      <c r="TJM653" s="613"/>
      <c r="TJN653" s="613"/>
      <c r="TJO653" s="613"/>
      <c r="TJP653" s="613"/>
      <c r="TJQ653" s="613"/>
      <c r="TJR653" s="613"/>
      <c r="TJS653" s="613"/>
      <c r="TJT653" s="613"/>
      <c r="TJU653" s="613"/>
      <c r="TJV653" s="613"/>
      <c r="TJW653" s="613"/>
      <c r="TJX653" s="613"/>
      <c r="TJY653" s="613"/>
      <c r="TJZ653" s="613"/>
      <c r="TKA653" s="613"/>
      <c r="TKB653" s="613"/>
      <c r="TKC653" s="613"/>
      <c r="TKD653" s="613"/>
      <c r="TKE653" s="613"/>
      <c r="TKF653" s="613"/>
      <c r="TKG653" s="613"/>
      <c r="TKH653" s="613"/>
      <c r="TKI653" s="613"/>
      <c r="TKJ653" s="613"/>
      <c r="TKK653" s="613"/>
      <c r="TKL653" s="613"/>
      <c r="TKM653" s="613"/>
      <c r="TKN653" s="613"/>
      <c r="TKO653" s="613"/>
      <c r="TKP653" s="613"/>
      <c r="TKQ653" s="613"/>
      <c r="TKR653" s="613"/>
      <c r="TKS653" s="613"/>
      <c r="TKT653" s="613"/>
      <c r="TKU653" s="613"/>
      <c r="TKV653" s="613"/>
      <c r="TKW653" s="613"/>
      <c r="TKX653" s="613"/>
      <c r="TKY653" s="613"/>
      <c r="TKZ653" s="613"/>
      <c r="TLA653" s="613"/>
      <c r="TLB653" s="613"/>
      <c r="TLC653" s="613"/>
      <c r="TLD653" s="613"/>
      <c r="TLE653" s="613"/>
      <c r="TLF653" s="613"/>
      <c r="TLG653" s="613"/>
      <c r="TLH653" s="613"/>
      <c r="TLI653" s="613"/>
      <c r="TLJ653" s="613"/>
      <c r="TLK653" s="613"/>
      <c r="TLL653" s="613"/>
      <c r="TLM653" s="613"/>
      <c r="TLN653" s="613"/>
      <c r="TLO653" s="613"/>
      <c r="TLP653" s="613"/>
      <c r="TLQ653" s="613"/>
      <c r="TLR653" s="613"/>
      <c r="TLS653" s="613"/>
      <c r="TLT653" s="613"/>
      <c r="TLU653" s="613"/>
      <c r="TLV653" s="613"/>
      <c r="TLW653" s="613"/>
      <c r="TLX653" s="613"/>
      <c r="TLY653" s="613"/>
      <c r="TLZ653" s="613"/>
      <c r="TMA653" s="613"/>
      <c r="TMB653" s="613"/>
      <c r="TMC653" s="613"/>
      <c r="TMD653" s="613"/>
      <c r="TME653" s="613"/>
      <c r="TMF653" s="613"/>
      <c r="TMG653" s="613"/>
      <c r="TMH653" s="613"/>
      <c r="TMI653" s="613"/>
      <c r="TMJ653" s="613"/>
      <c r="TMK653" s="613"/>
      <c r="TML653" s="613"/>
      <c r="TMM653" s="613"/>
      <c r="TMN653" s="613"/>
      <c r="TMO653" s="613"/>
      <c r="TMP653" s="613"/>
      <c r="TMQ653" s="613"/>
      <c r="TMR653" s="613"/>
      <c r="TMS653" s="613"/>
      <c r="TMT653" s="613"/>
      <c r="TMU653" s="613"/>
      <c r="TMV653" s="613"/>
      <c r="TMW653" s="613"/>
      <c r="TMX653" s="613"/>
      <c r="TMY653" s="613"/>
      <c r="TMZ653" s="613"/>
      <c r="TNA653" s="613"/>
      <c r="TNB653" s="613"/>
      <c r="TNC653" s="613"/>
      <c r="TND653" s="613"/>
      <c r="TNE653" s="613"/>
      <c r="TNF653" s="613"/>
      <c r="TNG653" s="613"/>
      <c r="TNH653" s="613"/>
      <c r="TNI653" s="613"/>
      <c r="TNJ653" s="613"/>
      <c r="TNK653" s="613"/>
      <c r="TNL653" s="613"/>
      <c r="TNM653" s="613"/>
      <c r="TNN653" s="613"/>
      <c r="TNO653" s="613"/>
      <c r="TNP653" s="613"/>
      <c r="TNQ653" s="613"/>
      <c r="TNR653" s="613"/>
      <c r="TNS653" s="613"/>
      <c r="TNT653" s="613"/>
      <c r="TNU653" s="613"/>
      <c r="TNV653" s="613"/>
      <c r="TNW653" s="613"/>
      <c r="TNX653" s="613"/>
      <c r="TNY653" s="613"/>
      <c r="TNZ653" s="613"/>
      <c r="TOA653" s="613"/>
      <c r="TOB653" s="613"/>
      <c r="TOC653" s="613"/>
      <c r="TOD653" s="613"/>
      <c r="TOE653" s="613"/>
      <c r="TOF653" s="613"/>
      <c r="TOG653" s="613"/>
      <c r="TOH653" s="613"/>
      <c r="TOI653" s="613"/>
      <c r="TOJ653" s="613"/>
      <c r="TOK653" s="613"/>
      <c r="TOL653" s="613"/>
      <c r="TOM653" s="613"/>
      <c r="TON653" s="613"/>
      <c r="TOO653" s="613"/>
      <c r="TOP653" s="613"/>
      <c r="TOQ653" s="613"/>
      <c r="TOR653" s="613"/>
      <c r="TOS653" s="613"/>
      <c r="TOT653" s="613"/>
      <c r="TOU653" s="613"/>
      <c r="TOV653" s="613"/>
      <c r="TOW653" s="613"/>
      <c r="TOX653" s="613"/>
      <c r="TOY653" s="613"/>
      <c r="TOZ653" s="613"/>
      <c r="TPA653" s="613"/>
      <c r="TPB653" s="613"/>
      <c r="TPC653" s="613"/>
      <c r="TPD653" s="613"/>
      <c r="TPE653" s="613"/>
      <c r="TPF653" s="613"/>
      <c r="TPG653" s="613"/>
      <c r="TPH653" s="613"/>
      <c r="TPI653" s="613"/>
      <c r="TPJ653" s="613"/>
      <c r="TPK653" s="613"/>
      <c r="TPL653" s="613"/>
      <c r="TPM653" s="613"/>
      <c r="TPN653" s="613"/>
      <c r="TPO653" s="613"/>
      <c r="TPP653" s="613"/>
      <c r="TPQ653" s="613"/>
      <c r="TPR653" s="613"/>
      <c r="TPS653" s="613"/>
      <c r="TPT653" s="613"/>
      <c r="TPU653" s="613"/>
      <c r="TPV653" s="613"/>
      <c r="TPW653" s="613"/>
      <c r="TPX653" s="613"/>
      <c r="TPY653" s="613"/>
      <c r="TPZ653" s="613"/>
      <c r="TQA653" s="613"/>
      <c r="TQB653" s="613"/>
      <c r="TQC653" s="613"/>
      <c r="TQD653" s="613"/>
      <c r="TQE653" s="613"/>
      <c r="TQF653" s="613"/>
      <c r="TQG653" s="613"/>
      <c r="TQH653" s="613"/>
      <c r="TQI653" s="613"/>
      <c r="TQJ653" s="613"/>
      <c r="TQK653" s="613"/>
      <c r="TQL653" s="613"/>
      <c r="TQM653" s="613"/>
      <c r="TQN653" s="613"/>
      <c r="TQO653" s="613"/>
      <c r="TQP653" s="613"/>
      <c r="TQQ653" s="613"/>
      <c r="TQR653" s="613"/>
      <c r="TQS653" s="613"/>
      <c r="TQT653" s="613"/>
      <c r="TQU653" s="613"/>
      <c r="TQV653" s="613"/>
      <c r="TQW653" s="613"/>
      <c r="TQX653" s="613"/>
      <c r="TQY653" s="613"/>
      <c r="TQZ653" s="613"/>
      <c r="TRA653" s="613"/>
      <c r="TRB653" s="613"/>
      <c r="TRC653" s="613"/>
      <c r="TRD653" s="613"/>
      <c r="TRE653" s="613"/>
      <c r="TRF653" s="613"/>
      <c r="TRG653" s="613"/>
      <c r="TRH653" s="613"/>
      <c r="TRI653" s="613"/>
      <c r="TRJ653" s="613"/>
      <c r="TRK653" s="613"/>
      <c r="TRL653" s="613"/>
      <c r="TRM653" s="613"/>
      <c r="TRN653" s="613"/>
      <c r="TRO653" s="613"/>
      <c r="TRP653" s="613"/>
      <c r="TRQ653" s="613"/>
      <c r="TRR653" s="613"/>
      <c r="TRS653" s="613"/>
      <c r="TRT653" s="613"/>
      <c r="TRU653" s="613"/>
      <c r="TRV653" s="613"/>
      <c r="TRW653" s="613"/>
      <c r="TRX653" s="613"/>
      <c r="TRY653" s="613"/>
      <c r="TRZ653" s="613"/>
      <c r="TSA653" s="613"/>
      <c r="TSB653" s="613"/>
      <c r="TSC653" s="613"/>
      <c r="TSD653" s="613"/>
      <c r="TSE653" s="613"/>
      <c r="TSF653" s="613"/>
      <c r="TSG653" s="613"/>
      <c r="TSH653" s="613"/>
      <c r="TSI653" s="613"/>
      <c r="TSJ653" s="613"/>
      <c r="TSK653" s="613"/>
      <c r="TSL653" s="613"/>
      <c r="TSM653" s="613"/>
      <c r="TSN653" s="613"/>
      <c r="TSO653" s="613"/>
      <c r="TSP653" s="613"/>
      <c r="TSQ653" s="613"/>
      <c r="TSR653" s="613"/>
      <c r="TSS653" s="613"/>
      <c r="TST653" s="613"/>
      <c r="TSU653" s="613"/>
      <c r="TSV653" s="613"/>
      <c r="TSW653" s="613"/>
      <c r="TSX653" s="613"/>
      <c r="TSY653" s="613"/>
      <c r="TSZ653" s="613"/>
      <c r="TTA653" s="613"/>
      <c r="TTB653" s="613"/>
      <c r="TTC653" s="613"/>
      <c r="TTD653" s="613"/>
      <c r="TTE653" s="613"/>
      <c r="TTF653" s="613"/>
      <c r="TTG653" s="613"/>
      <c r="TTH653" s="613"/>
      <c r="TTI653" s="613"/>
      <c r="TTJ653" s="613"/>
      <c r="TTK653" s="613"/>
      <c r="TTL653" s="613"/>
      <c r="TTM653" s="613"/>
      <c r="TTN653" s="613"/>
      <c r="TTO653" s="613"/>
      <c r="TTP653" s="613"/>
      <c r="TTQ653" s="613"/>
      <c r="TTR653" s="613"/>
      <c r="TTS653" s="613"/>
      <c r="TTT653" s="613"/>
      <c r="TTU653" s="613"/>
      <c r="TTV653" s="613"/>
      <c r="TTW653" s="613"/>
      <c r="TTX653" s="613"/>
      <c r="TTY653" s="613"/>
      <c r="TTZ653" s="613"/>
      <c r="TUA653" s="613"/>
      <c r="TUB653" s="613"/>
      <c r="TUC653" s="613"/>
      <c r="TUD653" s="613"/>
      <c r="TUE653" s="613"/>
      <c r="TUF653" s="613"/>
      <c r="TUG653" s="613"/>
      <c r="TUH653" s="613"/>
      <c r="TUI653" s="613"/>
      <c r="TUJ653" s="613"/>
      <c r="TUK653" s="613"/>
      <c r="TUL653" s="613"/>
      <c r="TUM653" s="613"/>
      <c r="TUN653" s="613"/>
      <c r="TUO653" s="613"/>
      <c r="TUP653" s="613"/>
      <c r="TUQ653" s="613"/>
      <c r="TUR653" s="613"/>
      <c r="TUS653" s="613"/>
      <c r="TUT653" s="613"/>
      <c r="TUU653" s="613"/>
      <c r="TUV653" s="613"/>
      <c r="TUW653" s="613"/>
      <c r="TUX653" s="613"/>
      <c r="TUY653" s="613"/>
      <c r="TUZ653" s="613"/>
      <c r="TVA653" s="613"/>
      <c r="TVB653" s="613"/>
      <c r="TVC653" s="613"/>
      <c r="TVD653" s="613"/>
      <c r="TVE653" s="613"/>
      <c r="TVF653" s="613"/>
      <c r="TVG653" s="613"/>
      <c r="TVH653" s="613"/>
      <c r="TVI653" s="613"/>
      <c r="TVJ653" s="613"/>
      <c r="TVK653" s="613"/>
      <c r="TVL653" s="613"/>
      <c r="TVM653" s="613"/>
      <c r="TVN653" s="613"/>
      <c r="TVO653" s="613"/>
      <c r="TVP653" s="613"/>
      <c r="TVQ653" s="613"/>
      <c r="TVR653" s="613"/>
      <c r="TVS653" s="613"/>
      <c r="TVT653" s="613"/>
      <c r="TVU653" s="613"/>
      <c r="TVV653" s="613"/>
      <c r="TVW653" s="613"/>
      <c r="TVX653" s="613"/>
      <c r="TVY653" s="613"/>
      <c r="TVZ653" s="613"/>
      <c r="TWA653" s="613"/>
      <c r="TWB653" s="613"/>
      <c r="TWC653" s="613"/>
      <c r="TWD653" s="613"/>
      <c r="TWE653" s="613"/>
      <c r="TWF653" s="613"/>
      <c r="TWG653" s="613"/>
      <c r="TWH653" s="613"/>
      <c r="TWI653" s="613"/>
      <c r="TWJ653" s="613"/>
      <c r="TWK653" s="613"/>
      <c r="TWL653" s="613"/>
      <c r="TWM653" s="613"/>
      <c r="TWN653" s="613"/>
      <c r="TWO653" s="613"/>
      <c r="TWP653" s="613"/>
      <c r="TWQ653" s="613"/>
      <c r="TWR653" s="613"/>
      <c r="TWS653" s="613"/>
      <c r="TWT653" s="613"/>
      <c r="TWU653" s="613"/>
      <c r="TWV653" s="613"/>
      <c r="TWW653" s="613"/>
      <c r="TWX653" s="613"/>
      <c r="TWY653" s="613"/>
      <c r="TWZ653" s="613"/>
      <c r="TXA653" s="613"/>
      <c r="TXB653" s="613"/>
      <c r="TXC653" s="613"/>
      <c r="TXD653" s="613"/>
      <c r="TXE653" s="613"/>
      <c r="TXF653" s="613"/>
      <c r="TXG653" s="613"/>
      <c r="TXH653" s="613"/>
      <c r="TXI653" s="613"/>
      <c r="TXJ653" s="613"/>
      <c r="TXK653" s="613"/>
      <c r="TXL653" s="613"/>
      <c r="TXM653" s="613"/>
      <c r="TXN653" s="613"/>
      <c r="TXO653" s="613"/>
      <c r="TXP653" s="613"/>
      <c r="TXQ653" s="613"/>
      <c r="TXR653" s="613"/>
      <c r="TXS653" s="613"/>
      <c r="TXT653" s="613"/>
      <c r="TXU653" s="613"/>
      <c r="TXV653" s="613"/>
      <c r="TXW653" s="613"/>
      <c r="TXX653" s="613"/>
      <c r="TXY653" s="613"/>
      <c r="TXZ653" s="613"/>
      <c r="TYA653" s="613"/>
      <c r="TYB653" s="613"/>
      <c r="TYC653" s="613"/>
      <c r="TYD653" s="613"/>
      <c r="TYE653" s="613"/>
      <c r="TYF653" s="613"/>
      <c r="TYG653" s="613"/>
      <c r="TYH653" s="613"/>
      <c r="TYI653" s="613"/>
      <c r="TYJ653" s="613"/>
      <c r="TYK653" s="613"/>
      <c r="TYL653" s="613"/>
      <c r="TYM653" s="613"/>
      <c r="TYN653" s="613"/>
      <c r="TYO653" s="613"/>
      <c r="TYP653" s="613"/>
      <c r="TYQ653" s="613"/>
      <c r="TYR653" s="613"/>
      <c r="TYS653" s="613"/>
      <c r="TYT653" s="613"/>
      <c r="TYU653" s="613"/>
      <c r="TYV653" s="613"/>
      <c r="TYW653" s="613"/>
      <c r="TYX653" s="613"/>
      <c r="TYY653" s="613"/>
      <c r="TYZ653" s="613"/>
      <c r="TZA653" s="613"/>
      <c r="TZB653" s="613"/>
      <c r="TZC653" s="613"/>
      <c r="TZD653" s="613"/>
      <c r="TZE653" s="613"/>
      <c r="TZF653" s="613"/>
      <c r="TZG653" s="613"/>
      <c r="TZH653" s="613"/>
      <c r="TZI653" s="613"/>
      <c r="TZJ653" s="613"/>
      <c r="TZK653" s="613"/>
      <c r="TZL653" s="613"/>
      <c r="TZM653" s="613"/>
      <c r="TZN653" s="613"/>
      <c r="TZO653" s="613"/>
      <c r="TZP653" s="613"/>
      <c r="TZQ653" s="613"/>
      <c r="TZR653" s="613"/>
      <c r="TZS653" s="613"/>
      <c r="TZT653" s="613"/>
      <c r="TZU653" s="613"/>
      <c r="TZV653" s="613"/>
      <c r="TZW653" s="613"/>
      <c r="TZX653" s="613"/>
      <c r="TZY653" s="613"/>
      <c r="TZZ653" s="613"/>
      <c r="UAA653" s="613"/>
      <c r="UAB653" s="613"/>
      <c r="UAC653" s="613"/>
      <c r="UAD653" s="613"/>
      <c r="UAE653" s="613"/>
      <c r="UAF653" s="613"/>
      <c r="UAG653" s="613"/>
      <c r="UAH653" s="613"/>
      <c r="UAI653" s="613"/>
      <c r="UAJ653" s="613"/>
      <c r="UAK653" s="613"/>
      <c r="UAL653" s="613"/>
      <c r="UAM653" s="613"/>
      <c r="UAN653" s="613"/>
      <c r="UAO653" s="613"/>
      <c r="UAP653" s="613"/>
      <c r="UAQ653" s="613"/>
      <c r="UAR653" s="613"/>
      <c r="UAS653" s="613"/>
      <c r="UAT653" s="613"/>
      <c r="UAU653" s="613"/>
      <c r="UAV653" s="613"/>
      <c r="UAW653" s="613"/>
      <c r="UAX653" s="613"/>
      <c r="UAY653" s="613"/>
      <c r="UAZ653" s="613"/>
      <c r="UBA653" s="613"/>
      <c r="UBB653" s="613"/>
      <c r="UBC653" s="613"/>
      <c r="UBD653" s="613"/>
      <c r="UBE653" s="613"/>
      <c r="UBF653" s="613"/>
      <c r="UBG653" s="613"/>
      <c r="UBH653" s="613"/>
      <c r="UBI653" s="613"/>
      <c r="UBJ653" s="613"/>
      <c r="UBK653" s="613"/>
      <c r="UBL653" s="613"/>
      <c r="UBM653" s="613"/>
      <c r="UBN653" s="613"/>
      <c r="UBO653" s="613"/>
      <c r="UBP653" s="613"/>
      <c r="UBQ653" s="613"/>
      <c r="UBR653" s="613"/>
      <c r="UBS653" s="613"/>
      <c r="UBT653" s="613"/>
      <c r="UBU653" s="613"/>
      <c r="UBV653" s="613"/>
      <c r="UBW653" s="613"/>
      <c r="UBX653" s="613"/>
      <c r="UBY653" s="613"/>
      <c r="UBZ653" s="613"/>
      <c r="UCA653" s="613"/>
      <c r="UCB653" s="613"/>
      <c r="UCC653" s="613"/>
      <c r="UCD653" s="613"/>
      <c r="UCE653" s="613"/>
      <c r="UCF653" s="613"/>
      <c r="UCG653" s="613"/>
      <c r="UCH653" s="613"/>
      <c r="UCI653" s="613"/>
      <c r="UCJ653" s="613"/>
      <c r="UCK653" s="613"/>
      <c r="UCL653" s="613"/>
      <c r="UCM653" s="613"/>
      <c r="UCN653" s="613"/>
      <c r="UCO653" s="613"/>
      <c r="UCP653" s="613"/>
      <c r="UCQ653" s="613"/>
      <c r="UCR653" s="613"/>
      <c r="UCS653" s="613"/>
      <c r="UCT653" s="613"/>
      <c r="UCU653" s="613"/>
      <c r="UCV653" s="613"/>
      <c r="UCW653" s="613"/>
      <c r="UCX653" s="613"/>
      <c r="UCY653" s="613"/>
      <c r="UCZ653" s="613"/>
      <c r="UDA653" s="613"/>
      <c r="UDB653" s="613"/>
      <c r="UDC653" s="613"/>
      <c r="UDD653" s="613"/>
      <c r="UDE653" s="613"/>
      <c r="UDF653" s="613"/>
      <c r="UDG653" s="613"/>
      <c r="UDH653" s="613"/>
      <c r="UDI653" s="613"/>
      <c r="UDJ653" s="613"/>
      <c r="UDK653" s="613"/>
      <c r="UDL653" s="613"/>
      <c r="UDM653" s="613"/>
      <c r="UDN653" s="613"/>
      <c r="UDO653" s="613"/>
      <c r="UDP653" s="613"/>
      <c r="UDQ653" s="613"/>
      <c r="UDR653" s="613"/>
      <c r="UDS653" s="613"/>
      <c r="UDT653" s="613"/>
      <c r="UDU653" s="613"/>
      <c r="UDV653" s="613"/>
      <c r="UDW653" s="613"/>
      <c r="UDX653" s="613"/>
      <c r="UDY653" s="613"/>
      <c r="UDZ653" s="613"/>
      <c r="UEA653" s="613"/>
      <c r="UEB653" s="613"/>
      <c r="UEC653" s="613"/>
      <c r="UED653" s="613"/>
      <c r="UEE653" s="613"/>
      <c r="UEF653" s="613"/>
      <c r="UEG653" s="613"/>
      <c r="UEH653" s="613"/>
      <c r="UEI653" s="613"/>
      <c r="UEJ653" s="613"/>
      <c r="UEK653" s="613"/>
      <c r="UEL653" s="613"/>
      <c r="UEM653" s="613"/>
      <c r="UEN653" s="613"/>
      <c r="UEO653" s="613"/>
      <c r="UEP653" s="613"/>
      <c r="UEQ653" s="613"/>
      <c r="UER653" s="613"/>
      <c r="UES653" s="613"/>
      <c r="UET653" s="613"/>
      <c r="UEU653" s="613"/>
      <c r="UEV653" s="613"/>
      <c r="UEW653" s="613"/>
      <c r="UEX653" s="613"/>
      <c r="UEY653" s="613"/>
      <c r="UEZ653" s="613"/>
      <c r="UFA653" s="613"/>
      <c r="UFB653" s="613"/>
      <c r="UFC653" s="613"/>
      <c r="UFD653" s="613"/>
      <c r="UFE653" s="613"/>
      <c r="UFF653" s="613"/>
      <c r="UFG653" s="613"/>
      <c r="UFH653" s="613"/>
      <c r="UFI653" s="613"/>
      <c r="UFJ653" s="613"/>
      <c r="UFK653" s="613"/>
      <c r="UFL653" s="613"/>
      <c r="UFM653" s="613"/>
      <c r="UFN653" s="613"/>
      <c r="UFO653" s="613"/>
      <c r="UFP653" s="613"/>
      <c r="UFQ653" s="613"/>
      <c r="UFR653" s="613"/>
      <c r="UFS653" s="613"/>
      <c r="UFT653" s="613"/>
      <c r="UFU653" s="613"/>
      <c r="UFV653" s="613"/>
      <c r="UFW653" s="613"/>
      <c r="UFX653" s="613"/>
      <c r="UFY653" s="613"/>
      <c r="UFZ653" s="613"/>
      <c r="UGA653" s="613"/>
      <c r="UGB653" s="613"/>
      <c r="UGC653" s="613"/>
      <c r="UGD653" s="613"/>
      <c r="UGE653" s="613"/>
      <c r="UGF653" s="613"/>
      <c r="UGG653" s="613"/>
      <c r="UGH653" s="613"/>
      <c r="UGI653" s="613"/>
      <c r="UGJ653" s="613"/>
      <c r="UGK653" s="613"/>
      <c r="UGL653" s="613"/>
      <c r="UGM653" s="613"/>
      <c r="UGN653" s="613"/>
      <c r="UGO653" s="613"/>
      <c r="UGP653" s="613"/>
      <c r="UGQ653" s="613"/>
      <c r="UGR653" s="613"/>
      <c r="UGS653" s="613"/>
      <c r="UGT653" s="613"/>
      <c r="UGU653" s="613"/>
      <c r="UGV653" s="613"/>
      <c r="UGW653" s="613"/>
      <c r="UGX653" s="613"/>
      <c r="UGY653" s="613"/>
      <c r="UGZ653" s="613"/>
      <c r="UHA653" s="613"/>
      <c r="UHB653" s="613"/>
      <c r="UHC653" s="613"/>
      <c r="UHD653" s="613"/>
      <c r="UHE653" s="613"/>
      <c r="UHF653" s="613"/>
      <c r="UHG653" s="613"/>
      <c r="UHH653" s="613"/>
      <c r="UHI653" s="613"/>
      <c r="UHJ653" s="613"/>
      <c r="UHK653" s="613"/>
      <c r="UHL653" s="613"/>
      <c r="UHM653" s="613"/>
      <c r="UHN653" s="613"/>
      <c r="UHO653" s="613"/>
      <c r="UHP653" s="613"/>
      <c r="UHQ653" s="613"/>
      <c r="UHR653" s="613"/>
      <c r="UHS653" s="613"/>
      <c r="UHT653" s="613"/>
      <c r="UHU653" s="613"/>
      <c r="UHV653" s="613"/>
      <c r="UHW653" s="613"/>
      <c r="UHX653" s="613"/>
      <c r="UHY653" s="613"/>
      <c r="UHZ653" s="613"/>
      <c r="UIA653" s="613"/>
      <c r="UIB653" s="613"/>
      <c r="UIC653" s="613"/>
      <c r="UID653" s="613"/>
      <c r="UIE653" s="613"/>
      <c r="UIF653" s="613"/>
      <c r="UIG653" s="613"/>
      <c r="UIH653" s="613"/>
      <c r="UII653" s="613"/>
      <c r="UIJ653" s="613"/>
      <c r="UIK653" s="613"/>
      <c r="UIL653" s="613"/>
      <c r="UIM653" s="613"/>
      <c r="UIN653" s="613"/>
      <c r="UIO653" s="613"/>
      <c r="UIP653" s="613"/>
      <c r="UIQ653" s="613"/>
      <c r="UIR653" s="613"/>
      <c r="UIS653" s="613"/>
      <c r="UIT653" s="613"/>
      <c r="UIU653" s="613"/>
      <c r="UIV653" s="613"/>
      <c r="UIW653" s="613"/>
      <c r="UIX653" s="613"/>
      <c r="UIY653" s="613"/>
      <c r="UIZ653" s="613"/>
      <c r="UJA653" s="613"/>
      <c r="UJB653" s="613"/>
      <c r="UJC653" s="613"/>
      <c r="UJD653" s="613"/>
      <c r="UJE653" s="613"/>
      <c r="UJF653" s="613"/>
      <c r="UJG653" s="613"/>
      <c r="UJH653" s="613"/>
      <c r="UJI653" s="613"/>
      <c r="UJJ653" s="613"/>
      <c r="UJK653" s="613"/>
      <c r="UJL653" s="613"/>
      <c r="UJM653" s="613"/>
      <c r="UJN653" s="613"/>
      <c r="UJO653" s="613"/>
      <c r="UJP653" s="613"/>
      <c r="UJQ653" s="613"/>
      <c r="UJR653" s="613"/>
      <c r="UJS653" s="613"/>
      <c r="UJT653" s="613"/>
      <c r="UJU653" s="613"/>
      <c r="UJV653" s="613"/>
      <c r="UJW653" s="613"/>
      <c r="UJX653" s="613"/>
      <c r="UJY653" s="613"/>
      <c r="UJZ653" s="613"/>
      <c r="UKA653" s="613"/>
      <c r="UKB653" s="613"/>
      <c r="UKC653" s="613"/>
      <c r="UKD653" s="613"/>
      <c r="UKE653" s="613"/>
      <c r="UKF653" s="613"/>
      <c r="UKG653" s="613"/>
      <c r="UKH653" s="613"/>
      <c r="UKI653" s="613"/>
      <c r="UKJ653" s="613"/>
      <c r="UKK653" s="613"/>
      <c r="UKL653" s="613"/>
      <c r="UKM653" s="613"/>
      <c r="UKN653" s="613"/>
      <c r="UKO653" s="613"/>
      <c r="UKP653" s="613"/>
      <c r="UKQ653" s="613"/>
      <c r="UKR653" s="613"/>
      <c r="UKS653" s="613"/>
      <c r="UKT653" s="613"/>
      <c r="UKU653" s="613"/>
      <c r="UKV653" s="613"/>
      <c r="UKW653" s="613"/>
      <c r="UKX653" s="613"/>
      <c r="UKY653" s="613"/>
      <c r="UKZ653" s="613"/>
      <c r="ULA653" s="613"/>
      <c r="ULB653" s="613"/>
      <c r="ULC653" s="613"/>
      <c r="ULD653" s="613"/>
      <c r="ULE653" s="613"/>
      <c r="ULF653" s="613"/>
      <c r="ULG653" s="613"/>
      <c r="ULH653" s="613"/>
      <c r="ULI653" s="613"/>
      <c r="ULJ653" s="613"/>
      <c r="ULK653" s="613"/>
      <c r="ULL653" s="613"/>
      <c r="ULM653" s="613"/>
      <c r="ULN653" s="613"/>
      <c r="ULO653" s="613"/>
      <c r="ULP653" s="613"/>
      <c r="ULQ653" s="613"/>
      <c r="ULR653" s="613"/>
      <c r="ULS653" s="613"/>
      <c r="ULT653" s="613"/>
      <c r="ULU653" s="613"/>
      <c r="ULV653" s="613"/>
      <c r="ULW653" s="613"/>
      <c r="ULX653" s="613"/>
      <c r="ULY653" s="613"/>
      <c r="ULZ653" s="613"/>
      <c r="UMA653" s="613"/>
      <c r="UMB653" s="613"/>
      <c r="UMC653" s="613"/>
      <c r="UMD653" s="613"/>
      <c r="UME653" s="613"/>
      <c r="UMF653" s="613"/>
      <c r="UMG653" s="613"/>
      <c r="UMH653" s="613"/>
      <c r="UMI653" s="613"/>
      <c r="UMJ653" s="613"/>
      <c r="UMK653" s="613"/>
      <c r="UML653" s="613"/>
      <c r="UMM653" s="613"/>
      <c r="UMN653" s="613"/>
      <c r="UMO653" s="613"/>
      <c r="UMP653" s="613"/>
      <c r="UMQ653" s="613"/>
      <c r="UMR653" s="613"/>
      <c r="UMS653" s="613"/>
      <c r="UMT653" s="613"/>
      <c r="UMU653" s="613"/>
      <c r="UMV653" s="613"/>
      <c r="UMW653" s="613"/>
      <c r="UMX653" s="613"/>
      <c r="UMY653" s="613"/>
      <c r="UMZ653" s="613"/>
      <c r="UNA653" s="613"/>
      <c r="UNB653" s="613"/>
      <c r="UNC653" s="613"/>
      <c r="UND653" s="613"/>
      <c r="UNE653" s="613"/>
      <c r="UNF653" s="613"/>
      <c r="UNG653" s="613"/>
      <c r="UNH653" s="613"/>
      <c r="UNI653" s="613"/>
      <c r="UNJ653" s="613"/>
      <c r="UNK653" s="613"/>
      <c r="UNL653" s="613"/>
      <c r="UNM653" s="613"/>
      <c r="UNN653" s="613"/>
      <c r="UNO653" s="613"/>
      <c r="UNP653" s="613"/>
      <c r="UNQ653" s="613"/>
      <c r="UNR653" s="613"/>
      <c r="UNS653" s="613"/>
      <c r="UNT653" s="613"/>
      <c r="UNU653" s="613"/>
      <c r="UNV653" s="613"/>
      <c r="UNW653" s="613"/>
      <c r="UNX653" s="613"/>
      <c r="UNY653" s="613"/>
      <c r="UNZ653" s="613"/>
      <c r="UOA653" s="613"/>
      <c r="UOB653" s="613"/>
      <c r="UOC653" s="613"/>
      <c r="UOD653" s="613"/>
      <c r="UOE653" s="613"/>
      <c r="UOF653" s="613"/>
      <c r="UOG653" s="613"/>
      <c r="UOH653" s="613"/>
      <c r="UOI653" s="613"/>
      <c r="UOJ653" s="613"/>
      <c r="UOK653" s="613"/>
      <c r="UOL653" s="613"/>
      <c r="UOM653" s="613"/>
      <c r="UON653" s="613"/>
      <c r="UOO653" s="613"/>
      <c r="UOP653" s="613"/>
      <c r="UOQ653" s="613"/>
      <c r="UOR653" s="613"/>
      <c r="UOS653" s="613"/>
      <c r="UOT653" s="613"/>
      <c r="UOU653" s="613"/>
      <c r="UOV653" s="613"/>
      <c r="UOW653" s="613"/>
      <c r="UOX653" s="613"/>
      <c r="UOY653" s="613"/>
      <c r="UOZ653" s="613"/>
      <c r="UPA653" s="613"/>
      <c r="UPB653" s="613"/>
      <c r="UPC653" s="613"/>
      <c r="UPD653" s="613"/>
      <c r="UPE653" s="613"/>
      <c r="UPF653" s="613"/>
      <c r="UPG653" s="613"/>
      <c r="UPH653" s="613"/>
      <c r="UPI653" s="613"/>
      <c r="UPJ653" s="613"/>
      <c r="UPK653" s="613"/>
      <c r="UPL653" s="613"/>
      <c r="UPM653" s="613"/>
      <c r="UPN653" s="613"/>
      <c r="UPO653" s="613"/>
      <c r="UPP653" s="613"/>
      <c r="UPQ653" s="613"/>
      <c r="UPR653" s="613"/>
      <c r="UPS653" s="613"/>
      <c r="UPT653" s="613"/>
      <c r="UPU653" s="613"/>
      <c r="UPV653" s="613"/>
      <c r="UPW653" s="613"/>
      <c r="UPX653" s="613"/>
      <c r="UPY653" s="613"/>
      <c r="UPZ653" s="613"/>
      <c r="UQA653" s="613"/>
      <c r="UQB653" s="613"/>
      <c r="UQC653" s="613"/>
      <c r="UQD653" s="613"/>
      <c r="UQE653" s="613"/>
      <c r="UQF653" s="613"/>
      <c r="UQG653" s="613"/>
      <c r="UQH653" s="613"/>
      <c r="UQI653" s="613"/>
      <c r="UQJ653" s="613"/>
      <c r="UQK653" s="613"/>
      <c r="UQL653" s="613"/>
      <c r="UQM653" s="613"/>
      <c r="UQN653" s="613"/>
      <c r="UQO653" s="613"/>
      <c r="UQP653" s="613"/>
      <c r="UQQ653" s="613"/>
      <c r="UQR653" s="613"/>
      <c r="UQS653" s="613"/>
      <c r="UQT653" s="613"/>
      <c r="UQU653" s="613"/>
      <c r="UQV653" s="613"/>
      <c r="UQW653" s="613"/>
      <c r="UQX653" s="613"/>
      <c r="UQY653" s="613"/>
      <c r="UQZ653" s="613"/>
      <c r="URA653" s="613"/>
      <c r="URB653" s="613"/>
      <c r="URC653" s="613"/>
      <c r="URD653" s="613"/>
      <c r="URE653" s="613"/>
      <c r="URF653" s="613"/>
      <c r="URG653" s="613"/>
      <c r="URH653" s="613"/>
      <c r="URI653" s="613"/>
      <c r="URJ653" s="613"/>
      <c r="URK653" s="613"/>
      <c r="URL653" s="613"/>
      <c r="URM653" s="613"/>
      <c r="URN653" s="613"/>
      <c r="URO653" s="613"/>
      <c r="URP653" s="613"/>
      <c r="URQ653" s="613"/>
      <c r="URR653" s="613"/>
      <c r="URS653" s="613"/>
      <c r="URT653" s="613"/>
      <c r="URU653" s="613"/>
      <c r="URV653" s="613"/>
      <c r="URW653" s="613"/>
      <c r="URX653" s="613"/>
      <c r="URY653" s="613"/>
      <c r="URZ653" s="613"/>
      <c r="USA653" s="613"/>
      <c r="USB653" s="613"/>
      <c r="USC653" s="613"/>
      <c r="USD653" s="613"/>
      <c r="USE653" s="613"/>
      <c r="USF653" s="613"/>
      <c r="USG653" s="613"/>
      <c r="USH653" s="613"/>
      <c r="USI653" s="613"/>
      <c r="USJ653" s="613"/>
      <c r="USK653" s="613"/>
      <c r="USL653" s="613"/>
      <c r="USM653" s="613"/>
      <c r="USN653" s="613"/>
      <c r="USO653" s="613"/>
      <c r="USP653" s="613"/>
      <c r="USQ653" s="613"/>
      <c r="USR653" s="613"/>
      <c r="USS653" s="613"/>
      <c r="UST653" s="613"/>
      <c r="USU653" s="613"/>
      <c r="USV653" s="613"/>
      <c r="USW653" s="613"/>
      <c r="USX653" s="613"/>
      <c r="USY653" s="613"/>
      <c r="USZ653" s="613"/>
      <c r="UTA653" s="613"/>
      <c r="UTB653" s="613"/>
      <c r="UTC653" s="613"/>
      <c r="UTD653" s="613"/>
      <c r="UTE653" s="613"/>
      <c r="UTF653" s="613"/>
      <c r="UTG653" s="613"/>
      <c r="UTH653" s="613"/>
      <c r="UTI653" s="613"/>
      <c r="UTJ653" s="613"/>
      <c r="UTK653" s="613"/>
      <c r="UTL653" s="613"/>
      <c r="UTM653" s="613"/>
      <c r="UTN653" s="613"/>
      <c r="UTO653" s="613"/>
      <c r="UTP653" s="613"/>
      <c r="UTQ653" s="613"/>
      <c r="UTR653" s="613"/>
      <c r="UTS653" s="613"/>
      <c r="UTT653" s="613"/>
      <c r="UTU653" s="613"/>
      <c r="UTV653" s="613"/>
      <c r="UTW653" s="613"/>
      <c r="UTX653" s="613"/>
      <c r="UTY653" s="613"/>
      <c r="UTZ653" s="613"/>
      <c r="UUA653" s="613"/>
      <c r="UUB653" s="613"/>
      <c r="UUC653" s="613"/>
      <c r="UUD653" s="613"/>
      <c r="UUE653" s="613"/>
      <c r="UUF653" s="613"/>
      <c r="UUG653" s="613"/>
      <c r="UUH653" s="613"/>
      <c r="UUI653" s="613"/>
      <c r="UUJ653" s="613"/>
      <c r="UUK653" s="613"/>
      <c r="UUL653" s="613"/>
      <c r="UUM653" s="613"/>
      <c r="UUN653" s="613"/>
      <c r="UUO653" s="613"/>
      <c r="UUP653" s="613"/>
      <c r="UUQ653" s="613"/>
      <c r="UUR653" s="613"/>
      <c r="UUS653" s="613"/>
      <c r="UUT653" s="613"/>
      <c r="UUU653" s="613"/>
      <c r="UUV653" s="613"/>
      <c r="UUW653" s="613"/>
      <c r="UUX653" s="613"/>
      <c r="UUY653" s="613"/>
      <c r="UUZ653" s="613"/>
      <c r="UVA653" s="613"/>
      <c r="UVB653" s="613"/>
      <c r="UVC653" s="613"/>
      <c r="UVD653" s="613"/>
      <c r="UVE653" s="613"/>
      <c r="UVF653" s="613"/>
      <c r="UVG653" s="613"/>
      <c r="UVH653" s="613"/>
      <c r="UVI653" s="613"/>
      <c r="UVJ653" s="613"/>
      <c r="UVK653" s="613"/>
      <c r="UVL653" s="613"/>
      <c r="UVM653" s="613"/>
      <c r="UVN653" s="613"/>
      <c r="UVO653" s="613"/>
      <c r="UVP653" s="613"/>
      <c r="UVQ653" s="613"/>
      <c r="UVR653" s="613"/>
      <c r="UVS653" s="613"/>
      <c r="UVT653" s="613"/>
      <c r="UVU653" s="613"/>
      <c r="UVV653" s="613"/>
      <c r="UVW653" s="613"/>
      <c r="UVX653" s="613"/>
      <c r="UVY653" s="613"/>
      <c r="UVZ653" s="613"/>
      <c r="UWA653" s="613"/>
      <c r="UWB653" s="613"/>
      <c r="UWC653" s="613"/>
      <c r="UWD653" s="613"/>
      <c r="UWE653" s="613"/>
      <c r="UWF653" s="613"/>
      <c r="UWG653" s="613"/>
      <c r="UWH653" s="613"/>
      <c r="UWI653" s="613"/>
      <c r="UWJ653" s="613"/>
      <c r="UWK653" s="613"/>
      <c r="UWL653" s="613"/>
      <c r="UWM653" s="613"/>
      <c r="UWN653" s="613"/>
      <c r="UWO653" s="613"/>
      <c r="UWP653" s="613"/>
      <c r="UWQ653" s="613"/>
      <c r="UWR653" s="613"/>
      <c r="UWS653" s="613"/>
      <c r="UWT653" s="613"/>
      <c r="UWU653" s="613"/>
      <c r="UWV653" s="613"/>
      <c r="UWW653" s="613"/>
      <c r="UWX653" s="613"/>
      <c r="UWY653" s="613"/>
      <c r="UWZ653" s="613"/>
      <c r="UXA653" s="613"/>
      <c r="UXB653" s="613"/>
      <c r="UXC653" s="613"/>
      <c r="UXD653" s="613"/>
      <c r="UXE653" s="613"/>
      <c r="UXF653" s="613"/>
      <c r="UXG653" s="613"/>
      <c r="UXH653" s="613"/>
      <c r="UXI653" s="613"/>
      <c r="UXJ653" s="613"/>
      <c r="UXK653" s="613"/>
      <c r="UXL653" s="613"/>
      <c r="UXM653" s="613"/>
      <c r="UXN653" s="613"/>
      <c r="UXO653" s="613"/>
      <c r="UXP653" s="613"/>
      <c r="UXQ653" s="613"/>
      <c r="UXR653" s="613"/>
      <c r="UXS653" s="613"/>
      <c r="UXT653" s="613"/>
      <c r="UXU653" s="613"/>
      <c r="UXV653" s="613"/>
      <c r="UXW653" s="613"/>
      <c r="UXX653" s="613"/>
      <c r="UXY653" s="613"/>
      <c r="UXZ653" s="613"/>
      <c r="UYA653" s="613"/>
      <c r="UYB653" s="613"/>
      <c r="UYC653" s="613"/>
      <c r="UYD653" s="613"/>
      <c r="UYE653" s="613"/>
      <c r="UYF653" s="613"/>
      <c r="UYG653" s="613"/>
      <c r="UYH653" s="613"/>
      <c r="UYI653" s="613"/>
      <c r="UYJ653" s="613"/>
      <c r="UYK653" s="613"/>
      <c r="UYL653" s="613"/>
      <c r="UYM653" s="613"/>
      <c r="UYN653" s="613"/>
      <c r="UYO653" s="613"/>
      <c r="UYP653" s="613"/>
      <c r="UYQ653" s="613"/>
      <c r="UYR653" s="613"/>
      <c r="UYS653" s="613"/>
      <c r="UYT653" s="613"/>
      <c r="UYU653" s="613"/>
      <c r="UYV653" s="613"/>
      <c r="UYW653" s="613"/>
      <c r="UYX653" s="613"/>
      <c r="UYY653" s="613"/>
      <c r="UYZ653" s="613"/>
      <c r="UZA653" s="613"/>
      <c r="UZB653" s="613"/>
      <c r="UZC653" s="613"/>
      <c r="UZD653" s="613"/>
      <c r="UZE653" s="613"/>
      <c r="UZF653" s="613"/>
      <c r="UZG653" s="613"/>
      <c r="UZH653" s="613"/>
      <c r="UZI653" s="613"/>
      <c r="UZJ653" s="613"/>
      <c r="UZK653" s="613"/>
      <c r="UZL653" s="613"/>
      <c r="UZM653" s="613"/>
      <c r="UZN653" s="613"/>
      <c r="UZO653" s="613"/>
      <c r="UZP653" s="613"/>
      <c r="UZQ653" s="613"/>
      <c r="UZR653" s="613"/>
      <c r="UZS653" s="613"/>
      <c r="UZT653" s="613"/>
      <c r="UZU653" s="613"/>
      <c r="UZV653" s="613"/>
      <c r="UZW653" s="613"/>
      <c r="UZX653" s="613"/>
      <c r="UZY653" s="613"/>
      <c r="UZZ653" s="613"/>
      <c r="VAA653" s="613"/>
      <c r="VAB653" s="613"/>
      <c r="VAC653" s="613"/>
      <c r="VAD653" s="613"/>
      <c r="VAE653" s="613"/>
      <c r="VAF653" s="613"/>
      <c r="VAG653" s="613"/>
      <c r="VAH653" s="613"/>
      <c r="VAI653" s="613"/>
      <c r="VAJ653" s="613"/>
      <c r="VAK653" s="613"/>
      <c r="VAL653" s="613"/>
      <c r="VAM653" s="613"/>
      <c r="VAN653" s="613"/>
      <c r="VAO653" s="613"/>
      <c r="VAP653" s="613"/>
      <c r="VAQ653" s="613"/>
      <c r="VAR653" s="613"/>
      <c r="VAS653" s="613"/>
      <c r="VAT653" s="613"/>
      <c r="VAU653" s="613"/>
      <c r="VAV653" s="613"/>
      <c r="VAW653" s="613"/>
      <c r="VAX653" s="613"/>
      <c r="VAY653" s="613"/>
      <c r="VAZ653" s="613"/>
      <c r="VBA653" s="613"/>
      <c r="VBB653" s="613"/>
      <c r="VBC653" s="613"/>
      <c r="VBD653" s="613"/>
      <c r="VBE653" s="613"/>
      <c r="VBF653" s="613"/>
      <c r="VBG653" s="613"/>
      <c r="VBH653" s="613"/>
      <c r="VBI653" s="613"/>
      <c r="VBJ653" s="613"/>
      <c r="VBK653" s="613"/>
      <c r="VBL653" s="613"/>
      <c r="VBM653" s="613"/>
      <c r="VBN653" s="613"/>
      <c r="VBO653" s="613"/>
      <c r="VBP653" s="613"/>
      <c r="VBQ653" s="613"/>
      <c r="VBR653" s="613"/>
      <c r="VBS653" s="613"/>
      <c r="VBT653" s="613"/>
      <c r="VBU653" s="613"/>
      <c r="VBV653" s="613"/>
      <c r="VBW653" s="613"/>
      <c r="VBX653" s="613"/>
      <c r="VBY653" s="613"/>
      <c r="VBZ653" s="613"/>
      <c r="VCA653" s="613"/>
      <c r="VCB653" s="613"/>
      <c r="VCC653" s="613"/>
      <c r="VCD653" s="613"/>
      <c r="VCE653" s="613"/>
      <c r="VCF653" s="613"/>
      <c r="VCG653" s="613"/>
      <c r="VCH653" s="613"/>
      <c r="VCI653" s="613"/>
      <c r="VCJ653" s="613"/>
      <c r="VCK653" s="613"/>
      <c r="VCL653" s="613"/>
      <c r="VCM653" s="613"/>
      <c r="VCN653" s="613"/>
      <c r="VCO653" s="613"/>
      <c r="VCP653" s="613"/>
      <c r="VCQ653" s="613"/>
      <c r="VCR653" s="613"/>
      <c r="VCS653" s="613"/>
      <c r="VCT653" s="613"/>
      <c r="VCU653" s="613"/>
      <c r="VCV653" s="613"/>
      <c r="VCW653" s="613"/>
      <c r="VCX653" s="613"/>
      <c r="VCY653" s="613"/>
      <c r="VCZ653" s="613"/>
      <c r="VDA653" s="613"/>
      <c r="VDB653" s="613"/>
      <c r="VDC653" s="613"/>
      <c r="VDD653" s="613"/>
      <c r="VDE653" s="613"/>
      <c r="VDF653" s="613"/>
      <c r="VDG653" s="613"/>
      <c r="VDH653" s="613"/>
      <c r="VDI653" s="613"/>
      <c r="VDJ653" s="613"/>
      <c r="VDK653" s="613"/>
      <c r="VDL653" s="613"/>
      <c r="VDM653" s="613"/>
      <c r="VDN653" s="613"/>
      <c r="VDO653" s="613"/>
      <c r="VDP653" s="613"/>
      <c r="VDQ653" s="613"/>
      <c r="VDR653" s="613"/>
      <c r="VDS653" s="613"/>
      <c r="VDT653" s="613"/>
      <c r="VDU653" s="613"/>
      <c r="VDV653" s="613"/>
      <c r="VDW653" s="613"/>
      <c r="VDX653" s="613"/>
      <c r="VDY653" s="613"/>
      <c r="VDZ653" s="613"/>
      <c r="VEA653" s="613"/>
      <c r="VEB653" s="613"/>
      <c r="VEC653" s="613"/>
      <c r="VED653" s="613"/>
      <c r="VEE653" s="613"/>
      <c r="VEF653" s="613"/>
      <c r="VEG653" s="613"/>
      <c r="VEH653" s="613"/>
      <c r="VEI653" s="613"/>
      <c r="VEJ653" s="613"/>
      <c r="VEK653" s="613"/>
      <c r="VEL653" s="613"/>
      <c r="VEM653" s="613"/>
      <c r="VEN653" s="613"/>
      <c r="VEO653" s="613"/>
      <c r="VEP653" s="613"/>
      <c r="VEQ653" s="613"/>
      <c r="VER653" s="613"/>
      <c r="VES653" s="613"/>
      <c r="VET653" s="613"/>
      <c r="VEU653" s="613"/>
      <c r="VEV653" s="613"/>
      <c r="VEW653" s="613"/>
      <c r="VEX653" s="613"/>
      <c r="VEY653" s="613"/>
      <c r="VEZ653" s="613"/>
      <c r="VFA653" s="613"/>
      <c r="VFB653" s="613"/>
      <c r="VFC653" s="613"/>
      <c r="VFD653" s="613"/>
      <c r="VFE653" s="613"/>
      <c r="VFF653" s="613"/>
      <c r="VFG653" s="613"/>
      <c r="VFH653" s="613"/>
      <c r="VFI653" s="613"/>
      <c r="VFJ653" s="613"/>
      <c r="VFK653" s="613"/>
      <c r="VFL653" s="613"/>
      <c r="VFM653" s="613"/>
      <c r="VFN653" s="613"/>
      <c r="VFO653" s="613"/>
      <c r="VFP653" s="613"/>
      <c r="VFQ653" s="613"/>
      <c r="VFR653" s="613"/>
      <c r="VFS653" s="613"/>
      <c r="VFT653" s="613"/>
      <c r="VFU653" s="613"/>
      <c r="VFV653" s="613"/>
      <c r="VFW653" s="613"/>
      <c r="VFX653" s="613"/>
      <c r="VFY653" s="613"/>
      <c r="VFZ653" s="613"/>
      <c r="VGA653" s="613"/>
      <c r="VGB653" s="613"/>
      <c r="VGC653" s="613"/>
      <c r="VGD653" s="613"/>
      <c r="VGE653" s="613"/>
      <c r="VGF653" s="613"/>
      <c r="VGG653" s="613"/>
      <c r="VGH653" s="613"/>
      <c r="VGI653" s="613"/>
      <c r="VGJ653" s="613"/>
      <c r="VGK653" s="613"/>
      <c r="VGL653" s="613"/>
      <c r="VGM653" s="613"/>
      <c r="VGN653" s="613"/>
      <c r="VGO653" s="613"/>
      <c r="VGP653" s="613"/>
      <c r="VGQ653" s="613"/>
      <c r="VGR653" s="613"/>
      <c r="VGS653" s="613"/>
      <c r="VGT653" s="613"/>
      <c r="VGU653" s="613"/>
      <c r="VGV653" s="613"/>
      <c r="VGW653" s="613"/>
      <c r="VGX653" s="613"/>
      <c r="VGY653" s="613"/>
      <c r="VGZ653" s="613"/>
      <c r="VHA653" s="613"/>
      <c r="VHB653" s="613"/>
      <c r="VHC653" s="613"/>
      <c r="VHD653" s="613"/>
      <c r="VHE653" s="613"/>
      <c r="VHF653" s="613"/>
      <c r="VHG653" s="613"/>
      <c r="VHH653" s="613"/>
      <c r="VHI653" s="613"/>
      <c r="VHJ653" s="613"/>
      <c r="VHK653" s="613"/>
      <c r="VHL653" s="613"/>
      <c r="VHM653" s="613"/>
      <c r="VHN653" s="613"/>
      <c r="VHO653" s="613"/>
      <c r="VHP653" s="613"/>
      <c r="VHQ653" s="613"/>
      <c r="VHR653" s="613"/>
      <c r="VHS653" s="613"/>
      <c r="VHT653" s="613"/>
      <c r="VHU653" s="613"/>
      <c r="VHV653" s="613"/>
      <c r="VHW653" s="613"/>
      <c r="VHX653" s="613"/>
      <c r="VHY653" s="613"/>
      <c r="VHZ653" s="613"/>
      <c r="VIA653" s="613"/>
      <c r="VIB653" s="613"/>
      <c r="VIC653" s="613"/>
      <c r="VID653" s="613"/>
      <c r="VIE653" s="613"/>
      <c r="VIF653" s="613"/>
      <c r="VIG653" s="613"/>
      <c r="VIH653" s="613"/>
      <c r="VII653" s="613"/>
      <c r="VIJ653" s="613"/>
      <c r="VIK653" s="613"/>
      <c r="VIL653" s="613"/>
      <c r="VIM653" s="613"/>
      <c r="VIN653" s="613"/>
      <c r="VIO653" s="613"/>
      <c r="VIP653" s="613"/>
      <c r="VIQ653" s="613"/>
      <c r="VIR653" s="613"/>
      <c r="VIS653" s="613"/>
      <c r="VIT653" s="613"/>
      <c r="VIU653" s="613"/>
      <c r="VIV653" s="613"/>
      <c r="VIW653" s="613"/>
      <c r="VIX653" s="613"/>
      <c r="VIY653" s="613"/>
      <c r="VIZ653" s="613"/>
      <c r="VJA653" s="613"/>
      <c r="VJB653" s="613"/>
      <c r="VJC653" s="613"/>
      <c r="VJD653" s="613"/>
      <c r="VJE653" s="613"/>
      <c r="VJF653" s="613"/>
      <c r="VJG653" s="613"/>
      <c r="VJH653" s="613"/>
      <c r="VJI653" s="613"/>
      <c r="VJJ653" s="613"/>
      <c r="VJK653" s="613"/>
      <c r="VJL653" s="613"/>
      <c r="VJM653" s="613"/>
      <c r="VJN653" s="613"/>
      <c r="VJO653" s="613"/>
      <c r="VJP653" s="613"/>
      <c r="VJQ653" s="613"/>
      <c r="VJR653" s="613"/>
      <c r="VJS653" s="613"/>
      <c r="VJT653" s="613"/>
      <c r="VJU653" s="613"/>
      <c r="VJV653" s="613"/>
      <c r="VJW653" s="613"/>
      <c r="VJX653" s="613"/>
      <c r="VJY653" s="613"/>
      <c r="VJZ653" s="613"/>
      <c r="VKA653" s="613"/>
      <c r="VKB653" s="613"/>
      <c r="VKC653" s="613"/>
      <c r="VKD653" s="613"/>
      <c r="VKE653" s="613"/>
      <c r="VKF653" s="613"/>
      <c r="VKG653" s="613"/>
      <c r="VKH653" s="613"/>
      <c r="VKI653" s="613"/>
      <c r="VKJ653" s="613"/>
      <c r="VKK653" s="613"/>
      <c r="VKL653" s="613"/>
      <c r="VKM653" s="613"/>
      <c r="VKN653" s="613"/>
      <c r="VKO653" s="613"/>
      <c r="VKP653" s="613"/>
      <c r="VKQ653" s="613"/>
      <c r="VKR653" s="613"/>
      <c r="VKS653" s="613"/>
      <c r="VKT653" s="613"/>
      <c r="VKU653" s="613"/>
      <c r="VKV653" s="613"/>
      <c r="VKW653" s="613"/>
      <c r="VKX653" s="613"/>
      <c r="VKY653" s="613"/>
      <c r="VKZ653" s="613"/>
      <c r="VLA653" s="613"/>
      <c r="VLB653" s="613"/>
      <c r="VLC653" s="613"/>
      <c r="VLD653" s="613"/>
      <c r="VLE653" s="613"/>
      <c r="VLF653" s="613"/>
      <c r="VLG653" s="613"/>
      <c r="VLH653" s="613"/>
      <c r="VLI653" s="613"/>
      <c r="VLJ653" s="613"/>
      <c r="VLK653" s="613"/>
      <c r="VLL653" s="613"/>
      <c r="VLM653" s="613"/>
      <c r="VLN653" s="613"/>
      <c r="VLO653" s="613"/>
      <c r="VLP653" s="613"/>
      <c r="VLQ653" s="613"/>
      <c r="VLR653" s="613"/>
      <c r="VLS653" s="613"/>
      <c r="VLT653" s="613"/>
      <c r="VLU653" s="613"/>
      <c r="VLV653" s="613"/>
      <c r="VLW653" s="613"/>
      <c r="VLX653" s="613"/>
      <c r="VLY653" s="613"/>
      <c r="VLZ653" s="613"/>
      <c r="VMA653" s="613"/>
      <c r="VMB653" s="613"/>
      <c r="VMC653" s="613"/>
      <c r="VMD653" s="613"/>
      <c r="VME653" s="613"/>
      <c r="VMF653" s="613"/>
      <c r="VMG653" s="613"/>
      <c r="VMH653" s="613"/>
      <c r="VMI653" s="613"/>
      <c r="VMJ653" s="613"/>
      <c r="VMK653" s="613"/>
      <c r="VML653" s="613"/>
      <c r="VMM653" s="613"/>
      <c r="VMN653" s="613"/>
      <c r="VMO653" s="613"/>
      <c r="VMP653" s="613"/>
      <c r="VMQ653" s="613"/>
      <c r="VMR653" s="613"/>
      <c r="VMS653" s="613"/>
      <c r="VMT653" s="613"/>
      <c r="VMU653" s="613"/>
      <c r="VMV653" s="613"/>
      <c r="VMW653" s="613"/>
      <c r="VMX653" s="613"/>
      <c r="VMY653" s="613"/>
      <c r="VMZ653" s="613"/>
      <c r="VNA653" s="613"/>
      <c r="VNB653" s="613"/>
      <c r="VNC653" s="613"/>
      <c r="VND653" s="613"/>
      <c r="VNE653" s="613"/>
      <c r="VNF653" s="613"/>
      <c r="VNG653" s="613"/>
      <c r="VNH653" s="613"/>
      <c r="VNI653" s="613"/>
      <c r="VNJ653" s="613"/>
      <c r="VNK653" s="613"/>
      <c r="VNL653" s="613"/>
      <c r="VNM653" s="613"/>
      <c r="VNN653" s="613"/>
      <c r="VNO653" s="613"/>
      <c r="VNP653" s="613"/>
      <c r="VNQ653" s="613"/>
      <c r="VNR653" s="613"/>
      <c r="VNS653" s="613"/>
      <c r="VNT653" s="613"/>
      <c r="VNU653" s="613"/>
      <c r="VNV653" s="613"/>
      <c r="VNW653" s="613"/>
      <c r="VNX653" s="613"/>
      <c r="VNY653" s="613"/>
      <c r="VNZ653" s="613"/>
      <c r="VOA653" s="613"/>
      <c r="VOB653" s="613"/>
      <c r="VOC653" s="613"/>
      <c r="VOD653" s="613"/>
      <c r="VOE653" s="613"/>
      <c r="VOF653" s="613"/>
      <c r="VOG653" s="613"/>
      <c r="VOH653" s="613"/>
      <c r="VOI653" s="613"/>
      <c r="VOJ653" s="613"/>
      <c r="VOK653" s="613"/>
      <c r="VOL653" s="613"/>
      <c r="VOM653" s="613"/>
      <c r="VON653" s="613"/>
      <c r="VOO653" s="613"/>
      <c r="VOP653" s="613"/>
      <c r="VOQ653" s="613"/>
      <c r="VOR653" s="613"/>
      <c r="VOS653" s="613"/>
      <c r="VOT653" s="613"/>
      <c r="VOU653" s="613"/>
      <c r="VOV653" s="613"/>
      <c r="VOW653" s="613"/>
      <c r="VOX653" s="613"/>
      <c r="VOY653" s="613"/>
      <c r="VOZ653" s="613"/>
      <c r="VPA653" s="613"/>
      <c r="VPB653" s="613"/>
      <c r="VPC653" s="613"/>
      <c r="VPD653" s="613"/>
      <c r="VPE653" s="613"/>
      <c r="VPF653" s="613"/>
      <c r="VPG653" s="613"/>
      <c r="VPH653" s="613"/>
      <c r="VPI653" s="613"/>
      <c r="VPJ653" s="613"/>
      <c r="VPK653" s="613"/>
      <c r="VPL653" s="613"/>
      <c r="VPM653" s="613"/>
      <c r="VPN653" s="613"/>
      <c r="VPO653" s="613"/>
      <c r="VPP653" s="613"/>
      <c r="VPQ653" s="613"/>
      <c r="VPR653" s="613"/>
      <c r="VPS653" s="613"/>
      <c r="VPT653" s="613"/>
      <c r="VPU653" s="613"/>
      <c r="VPV653" s="613"/>
      <c r="VPW653" s="613"/>
      <c r="VPX653" s="613"/>
      <c r="VPY653" s="613"/>
      <c r="VPZ653" s="613"/>
      <c r="VQA653" s="613"/>
      <c r="VQB653" s="613"/>
      <c r="VQC653" s="613"/>
      <c r="VQD653" s="613"/>
      <c r="VQE653" s="613"/>
      <c r="VQF653" s="613"/>
      <c r="VQG653" s="613"/>
      <c r="VQH653" s="613"/>
      <c r="VQI653" s="613"/>
      <c r="VQJ653" s="613"/>
      <c r="VQK653" s="613"/>
      <c r="VQL653" s="613"/>
      <c r="VQM653" s="613"/>
      <c r="VQN653" s="613"/>
      <c r="VQO653" s="613"/>
      <c r="VQP653" s="613"/>
      <c r="VQQ653" s="613"/>
      <c r="VQR653" s="613"/>
      <c r="VQS653" s="613"/>
      <c r="VQT653" s="613"/>
      <c r="VQU653" s="613"/>
      <c r="VQV653" s="613"/>
      <c r="VQW653" s="613"/>
      <c r="VQX653" s="613"/>
      <c r="VQY653" s="613"/>
      <c r="VQZ653" s="613"/>
      <c r="VRA653" s="613"/>
      <c r="VRB653" s="613"/>
      <c r="VRC653" s="613"/>
      <c r="VRD653" s="613"/>
      <c r="VRE653" s="613"/>
      <c r="VRF653" s="613"/>
      <c r="VRG653" s="613"/>
      <c r="VRH653" s="613"/>
      <c r="VRI653" s="613"/>
      <c r="VRJ653" s="613"/>
      <c r="VRK653" s="613"/>
      <c r="VRL653" s="613"/>
      <c r="VRM653" s="613"/>
      <c r="VRN653" s="613"/>
      <c r="VRO653" s="613"/>
      <c r="VRP653" s="613"/>
      <c r="VRQ653" s="613"/>
      <c r="VRR653" s="613"/>
      <c r="VRS653" s="613"/>
      <c r="VRT653" s="613"/>
      <c r="VRU653" s="613"/>
      <c r="VRV653" s="613"/>
      <c r="VRW653" s="613"/>
      <c r="VRX653" s="613"/>
      <c r="VRY653" s="613"/>
      <c r="VRZ653" s="613"/>
      <c r="VSA653" s="613"/>
      <c r="VSB653" s="613"/>
      <c r="VSC653" s="613"/>
      <c r="VSD653" s="613"/>
      <c r="VSE653" s="613"/>
      <c r="VSF653" s="613"/>
      <c r="VSG653" s="613"/>
      <c r="VSH653" s="613"/>
      <c r="VSI653" s="613"/>
      <c r="VSJ653" s="613"/>
      <c r="VSK653" s="613"/>
      <c r="VSL653" s="613"/>
      <c r="VSM653" s="613"/>
      <c r="VSN653" s="613"/>
      <c r="VSO653" s="613"/>
      <c r="VSP653" s="613"/>
      <c r="VSQ653" s="613"/>
      <c r="VSR653" s="613"/>
      <c r="VSS653" s="613"/>
      <c r="VST653" s="613"/>
      <c r="VSU653" s="613"/>
      <c r="VSV653" s="613"/>
      <c r="VSW653" s="613"/>
      <c r="VSX653" s="613"/>
      <c r="VSY653" s="613"/>
      <c r="VSZ653" s="613"/>
      <c r="VTA653" s="613"/>
      <c r="VTB653" s="613"/>
      <c r="VTC653" s="613"/>
      <c r="VTD653" s="613"/>
      <c r="VTE653" s="613"/>
      <c r="VTF653" s="613"/>
      <c r="VTG653" s="613"/>
      <c r="VTH653" s="613"/>
      <c r="VTI653" s="613"/>
      <c r="VTJ653" s="613"/>
      <c r="VTK653" s="613"/>
      <c r="VTL653" s="613"/>
      <c r="VTM653" s="613"/>
      <c r="VTN653" s="613"/>
      <c r="VTO653" s="613"/>
      <c r="VTP653" s="613"/>
      <c r="VTQ653" s="613"/>
      <c r="VTR653" s="613"/>
      <c r="VTS653" s="613"/>
      <c r="VTT653" s="613"/>
      <c r="VTU653" s="613"/>
      <c r="VTV653" s="613"/>
      <c r="VTW653" s="613"/>
      <c r="VTX653" s="613"/>
      <c r="VTY653" s="613"/>
      <c r="VTZ653" s="613"/>
      <c r="VUA653" s="613"/>
      <c r="VUB653" s="613"/>
      <c r="VUC653" s="613"/>
      <c r="VUD653" s="613"/>
      <c r="VUE653" s="613"/>
      <c r="VUF653" s="613"/>
      <c r="VUG653" s="613"/>
      <c r="VUH653" s="613"/>
      <c r="VUI653" s="613"/>
      <c r="VUJ653" s="613"/>
      <c r="VUK653" s="613"/>
      <c r="VUL653" s="613"/>
      <c r="VUM653" s="613"/>
      <c r="VUN653" s="613"/>
      <c r="VUO653" s="613"/>
      <c r="VUP653" s="613"/>
      <c r="VUQ653" s="613"/>
      <c r="VUR653" s="613"/>
      <c r="VUS653" s="613"/>
      <c r="VUT653" s="613"/>
      <c r="VUU653" s="613"/>
      <c r="VUV653" s="613"/>
      <c r="VUW653" s="613"/>
      <c r="VUX653" s="613"/>
      <c r="VUY653" s="613"/>
      <c r="VUZ653" s="613"/>
      <c r="VVA653" s="613"/>
      <c r="VVB653" s="613"/>
      <c r="VVC653" s="613"/>
      <c r="VVD653" s="613"/>
      <c r="VVE653" s="613"/>
      <c r="VVF653" s="613"/>
      <c r="VVG653" s="613"/>
      <c r="VVH653" s="613"/>
      <c r="VVI653" s="613"/>
      <c r="VVJ653" s="613"/>
      <c r="VVK653" s="613"/>
      <c r="VVL653" s="613"/>
      <c r="VVM653" s="613"/>
      <c r="VVN653" s="613"/>
      <c r="VVO653" s="613"/>
      <c r="VVP653" s="613"/>
      <c r="VVQ653" s="613"/>
      <c r="VVR653" s="613"/>
      <c r="VVS653" s="613"/>
      <c r="VVT653" s="613"/>
      <c r="VVU653" s="613"/>
      <c r="VVV653" s="613"/>
      <c r="VVW653" s="613"/>
      <c r="VVX653" s="613"/>
      <c r="VVY653" s="613"/>
      <c r="VVZ653" s="613"/>
      <c r="VWA653" s="613"/>
      <c r="VWB653" s="613"/>
      <c r="VWC653" s="613"/>
      <c r="VWD653" s="613"/>
      <c r="VWE653" s="613"/>
      <c r="VWF653" s="613"/>
      <c r="VWG653" s="613"/>
      <c r="VWH653" s="613"/>
      <c r="VWI653" s="613"/>
      <c r="VWJ653" s="613"/>
      <c r="VWK653" s="613"/>
      <c r="VWL653" s="613"/>
      <c r="VWM653" s="613"/>
      <c r="VWN653" s="613"/>
      <c r="VWO653" s="613"/>
      <c r="VWP653" s="613"/>
      <c r="VWQ653" s="613"/>
      <c r="VWR653" s="613"/>
      <c r="VWS653" s="613"/>
      <c r="VWT653" s="613"/>
      <c r="VWU653" s="613"/>
      <c r="VWV653" s="613"/>
      <c r="VWW653" s="613"/>
      <c r="VWX653" s="613"/>
      <c r="VWY653" s="613"/>
      <c r="VWZ653" s="613"/>
      <c r="VXA653" s="613"/>
      <c r="VXB653" s="613"/>
      <c r="VXC653" s="613"/>
      <c r="VXD653" s="613"/>
      <c r="VXE653" s="613"/>
      <c r="VXF653" s="613"/>
      <c r="VXG653" s="613"/>
      <c r="VXH653" s="613"/>
      <c r="VXI653" s="613"/>
      <c r="VXJ653" s="613"/>
      <c r="VXK653" s="613"/>
      <c r="VXL653" s="613"/>
      <c r="VXM653" s="613"/>
      <c r="VXN653" s="613"/>
      <c r="VXO653" s="613"/>
      <c r="VXP653" s="613"/>
      <c r="VXQ653" s="613"/>
      <c r="VXR653" s="613"/>
      <c r="VXS653" s="613"/>
      <c r="VXT653" s="613"/>
      <c r="VXU653" s="613"/>
      <c r="VXV653" s="613"/>
      <c r="VXW653" s="613"/>
      <c r="VXX653" s="613"/>
      <c r="VXY653" s="613"/>
      <c r="VXZ653" s="613"/>
      <c r="VYA653" s="613"/>
      <c r="VYB653" s="613"/>
      <c r="VYC653" s="613"/>
      <c r="VYD653" s="613"/>
      <c r="VYE653" s="613"/>
      <c r="VYF653" s="613"/>
      <c r="VYG653" s="613"/>
      <c r="VYH653" s="613"/>
      <c r="VYI653" s="613"/>
      <c r="VYJ653" s="613"/>
      <c r="VYK653" s="613"/>
      <c r="VYL653" s="613"/>
      <c r="VYM653" s="613"/>
      <c r="VYN653" s="613"/>
      <c r="VYO653" s="613"/>
      <c r="VYP653" s="613"/>
      <c r="VYQ653" s="613"/>
      <c r="VYR653" s="613"/>
      <c r="VYS653" s="613"/>
      <c r="VYT653" s="613"/>
      <c r="VYU653" s="613"/>
      <c r="VYV653" s="613"/>
      <c r="VYW653" s="613"/>
      <c r="VYX653" s="613"/>
      <c r="VYY653" s="613"/>
      <c r="VYZ653" s="613"/>
      <c r="VZA653" s="613"/>
      <c r="VZB653" s="613"/>
      <c r="VZC653" s="613"/>
      <c r="VZD653" s="613"/>
      <c r="VZE653" s="613"/>
      <c r="VZF653" s="613"/>
      <c r="VZG653" s="613"/>
      <c r="VZH653" s="613"/>
      <c r="VZI653" s="613"/>
      <c r="VZJ653" s="613"/>
      <c r="VZK653" s="613"/>
      <c r="VZL653" s="613"/>
      <c r="VZM653" s="613"/>
      <c r="VZN653" s="613"/>
      <c r="VZO653" s="613"/>
      <c r="VZP653" s="613"/>
      <c r="VZQ653" s="613"/>
      <c r="VZR653" s="613"/>
      <c r="VZS653" s="613"/>
      <c r="VZT653" s="613"/>
      <c r="VZU653" s="613"/>
      <c r="VZV653" s="613"/>
      <c r="VZW653" s="613"/>
      <c r="VZX653" s="613"/>
      <c r="VZY653" s="613"/>
      <c r="VZZ653" s="613"/>
      <c r="WAA653" s="613"/>
      <c r="WAB653" s="613"/>
      <c r="WAC653" s="613"/>
      <c r="WAD653" s="613"/>
      <c r="WAE653" s="613"/>
      <c r="WAF653" s="613"/>
      <c r="WAG653" s="613"/>
      <c r="WAH653" s="613"/>
      <c r="WAI653" s="613"/>
      <c r="WAJ653" s="613"/>
      <c r="WAK653" s="613"/>
      <c r="WAL653" s="613"/>
      <c r="WAM653" s="613"/>
      <c r="WAN653" s="613"/>
      <c r="WAO653" s="613"/>
      <c r="WAP653" s="613"/>
      <c r="WAQ653" s="613"/>
      <c r="WAR653" s="613"/>
      <c r="WAS653" s="613"/>
      <c r="WAT653" s="613"/>
      <c r="WAU653" s="613"/>
      <c r="WAV653" s="613"/>
      <c r="WAW653" s="613"/>
      <c r="WAX653" s="613"/>
      <c r="WAY653" s="613"/>
      <c r="WAZ653" s="613"/>
      <c r="WBA653" s="613"/>
      <c r="WBB653" s="613"/>
      <c r="WBC653" s="613"/>
      <c r="WBD653" s="613"/>
      <c r="WBE653" s="613"/>
      <c r="WBF653" s="613"/>
      <c r="WBG653" s="613"/>
      <c r="WBH653" s="613"/>
      <c r="WBI653" s="613"/>
      <c r="WBJ653" s="613"/>
      <c r="WBK653" s="613"/>
      <c r="WBL653" s="613"/>
      <c r="WBM653" s="613"/>
      <c r="WBN653" s="613"/>
      <c r="WBO653" s="613"/>
      <c r="WBP653" s="613"/>
      <c r="WBQ653" s="613"/>
      <c r="WBR653" s="613"/>
      <c r="WBS653" s="613"/>
      <c r="WBT653" s="613"/>
      <c r="WBU653" s="613"/>
      <c r="WBV653" s="613"/>
      <c r="WBW653" s="613"/>
      <c r="WBX653" s="613"/>
      <c r="WBY653" s="613"/>
      <c r="WBZ653" s="613"/>
      <c r="WCA653" s="613"/>
      <c r="WCB653" s="613"/>
      <c r="WCC653" s="613"/>
      <c r="WCD653" s="613"/>
      <c r="WCE653" s="613"/>
      <c r="WCF653" s="613"/>
      <c r="WCG653" s="613"/>
      <c r="WCH653" s="613"/>
      <c r="WCI653" s="613"/>
      <c r="WCJ653" s="613"/>
      <c r="WCK653" s="613"/>
      <c r="WCL653" s="613"/>
      <c r="WCM653" s="613"/>
      <c r="WCN653" s="613"/>
      <c r="WCO653" s="613"/>
      <c r="WCP653" s="613"/>
      <c r="WCQ653" s="613"/>
      <c r="WCR653" s="613"/>
      <c r="WCS653" s="613"/>
      <c r="WCT653" s="613"/>
      <c r="WCU653" s="613"/>
      <c r="WCV653" s="613"/>
      <c r="WCW653" s="613"/>
      <c r="WCX653" s="613"/>
      <c r="WCY653" s="613"/>
      <c r="WCZ653" s="613"/>
      <c r="WDA653" s="613"/>
      <c r="WDB653" s="613"/>
      <c r="WDC653" s="613"/>
      <c r="WDD653" s="613"/>
      <c r="WDE653" s="613"/>
      <c r="WDF653" s="613"/>
      <c r="WDG653" s="613"/>
      <c r="WDH653" s="613"/>
      <c r="WDI653" s="613"/>
      <c r="WDJ653" s="613"/>
      <c r="WDK653" s="613"/>
      <c r="WDL653" s="613"/>
      <c r="WDM653" s="613"/>
      <c r="WDN653" s="613"/>
      <c r="WDO653" s="613"/>
      <c r="WDP653" s="613"/>
      <c r="WDQ653" s="613"/>
      <c r="WDR653" s="613"/>
      <c r="WDS653" s="613"/>
      <c r="WDT653" s="613"/>
      <c r="WDU653" s="613"/>
      <c r="WDV653" s="613"/>
      <c r="WDW653" s="613"/>
      <c r="WDX653" s="613"/>
      <c r="WDY653" s="613"/>
      <c r="WDZ653" s="613"/>
      <c r="WEA653" s="613"/>
      <c r="WEB653" s="613"/>
      <c r="WEC653" s="613"/>
      <c r="WED653" s="613"/>
      <c r="WEE653" s="613"/>
      <c r="WEF653" s="613"/>
      <c r="WEG653" s="613"/>
      <c r="WEH653" s="613"/>
      <c r="WEI653" s="613"/>
      <c r="WEJ653" s="613"/>
      <c r="WEK653" s="613"/>
      <c r="WEL653" s="613"/>
      <c r="WEM653" s="613"/>
      <c r="WEN653" s="613"/>
      <c r="WEO653" s="613"/>
      <c r="WEP653" s="613"/>
      <c r="WEQ653" s="613"/>
      <c r="WER653" s="613"/>
      <c r="WES653" s="613"/>
      <c r="WET653" s="613"/>
      <c r="WEU653" s="613"/>
      <c r="WEV653" s="613"/>
      <c r="WEW653" s="613"/>
      <c r="WEX653" s="613"/>
      <c r="WEY653" s="613"/>
      <c r="WEZ653" s="613"/>
      <c r="WFA653" s="613"/>
      <c r="WFB653" s="613"/>
      <c r="WFC653" s="613"/>
      <c r="WFD653" s="613"/>
      <c r="WFE653" s="613"/>
      <c r="WFF653" s="613"/>
      <c r="WFG653" s="613"/>
      <c r="WFH653" s="613"/>
      <c r="WFI653" s="613"/>
      <c r="WFJ653" s="613"/>
      <c r="WFK653" s="613"/>
      <c r="WFL653" s="613"/>
      <c r="WFM653" s="613"/>
      <c r="WFN653" s="613"/>
      <c r="WFO653" s="613"/>
      <c r="WFP653" s="613"/>
      <c r="WFQ653" s="613"/>
      <c r="WFR653" s="613"/>
      <c r="WFS653" s="613"/>
      <c r="WFT653" s="613"/>
      <c r="WFU653" s="613"/>
      <c r="WFV653" s="613"/>
      <c r="WFW653" s="613"/>
      <c r="WFX653" s="613"/>
      <c r="WFY653" s="613"/>
      <c r="WFZ653" s="613"/>
      <c r="WGA653" s="613"/>
      <c r="WGB653" s="613"/>
      <c r="WGC653" s="613"/>
      <c r="WGD653" s="613"/>
      <c r="WGE653" s="613"/>
      <c r="WGF653" s="613"/>
      <c r="WGG653" s="613"/>
      <c r="WGH653" s="613"/>
      <c r="WGI653" s="613"/>
      <c r="WGJ653" s="613"/>
      <c r="WGK653" s="613"/>
      <c r="WGL653" s="613"/>
      <c r="WGM653" s="613"/>
      <c r="WGN653" s="613"/>
      <c r="WGO653" s="613"/>
      <c r="WGP653" s="613"/>
      <c r="WGQ653" s="613"/>
      <c r="WGR653" s="613"/>
      <c r="WGS653" s="613"/>
      <c r="WGT653" s="613"/>
      <c r="WGU653" s="613"/>
      <c r="WGV653" s="613"/>
      <c r="WGW653" s="613"/>
      <c r="WGX653" s="613"/>
      <c r="WGY653" s="613"/>
      <c r="WGZ653" s="613"/>
      <c r="WHA653" s="613"/>
      <c r="WHB653" s="613"/>
      <c r="WHC653" s="613"/>
      <c r="WHD653" s="613"/>
      <c r="WHE653" s="613"/>
      <c r="WHF653" s="613"/>
      <c r="WHG653" s="613"/>
      <c r="WHH653" s="613"/>
      <c r="WHI653" s="613"/>
      <c r="WHJ653" s="613"/>
      <c r="WHK653" s="613"/>
      <c r="WHL653" s="613"/>
      <c r="WHM653" s="613"/>
      <c r="WHN653" s="613"/>
      <c r="WHO653" s="613"/>
      <c r="WHP653" s="613"/>
      <c r="WHQ653" s="613"/>
      <c r="WHR653" s="613"/>
      <c r="WHS653" s="613"/>
      <c r="WHT653" s="613"/>
      <c r="WHU653" s="613"/>
      <c r="WHV653" s="613"/>
      <c r="WHW653" s="613"/>
      <c r="WHX653" s="613"/>
      <c r="WHY653" s="613"/>
      <c r="WHZ653" s="613"/>
      <c r="WIA653" s="613"/>
      <c r="WIB653" s="613"/>
      <c r="WIC653" s="613"/>
      <c r="WID653" s="613"/>
      <c r="WIE653" s="613"/>
      <c r="WIF653" s="613"/>
      <c r="WIG653" s="613"/>
      <c r="WIH653" s="613"/>
      <c r="WII653" s="613"/>
      <c r="WIJ653" s="613"/>
      <c r="WIK653" s="613"/>
      <c r="WIL653" s="613"/>
      <c r="WIM653" s="613"/>
      <c r="WIN653" s="613"/>
      <c r="WIO653" s="613"/>
      <c r="WIP653" s="613"/>
      <c r="WIQ653" s="613"/>
      <c r="WIR653" s="613"/>
      <c r="WIS653" s="613"/>
      <c r="WIT653" s="613"/>
      <c r="WIU653" s="613"/>
      <c r="WIV653" s="613"/>
      <c r="WIW653" s="613"/>
      <c r="WIX653" s="613"/>
      <c r="WIY653" s="613"/>
      <c r="WIZ653" s="613"/>
      <c r="WJA653" s="613"/>
      <c r="WJB653" s="613"/>
      <c r="WJC653" s="613"/>
      <c r="WJD653" s="613"/>
      <c r="WJE653" s="613"/>
      <c r="WJF653" s="613"/>
      <c r="WJG653" s="613"/>
      <c r="WJH653" s="613"/>
      <c r="WJI653" s="613"/>
      <c r="WJJ653" s="613"/>
      <c r="WJK653" s="613"/>
      <c r="WJL653" s="613"/>
      <c r="WJM653" s="613"/>
      <c r="WJN653" s="613"/>
      <c r="WJO653" s="613"/>
      <c r="WJP653" s="613"/>
      <c r="WJQ653" s="613"/>
      <c r="WJR653" s="613"/>
      <c r="WJS653" s="613"/>
      <c r="WJT653" s="613"/>
      <c r="WJU653" s="613"/>
      <c r="WJV653" s="613"/>
      <c r="WJW653" s="613"/>
      <c r="WJX653" s="613"/>
      <c r="WJY653" s="613"/>
      <c r="WJZ653" s="613"/>
      <c r="WKA653" s="613"/>
      <c r="WKB653" s="613"/>
      <c r="WKC653" s="613"/>
      <c r="WKD653" s="613"/>
      <c r="WKE653" s="613"/>
      <c r="WKF653" s="613"/>
      <c r="WKG653" s="613"/>
      <c r="WKH653" s="613"/>
      <c r="WKI653" s="613"/>
      <c r="WKJ653" s="613"/>
      <c r="WKK653" s="613"/>
      <c r="WKL653" s="613"/>
      <c r="WKM653" s="613"/>
      <c r="WKN653" s="613"/>
      <c r="WKO653" s="613"/>
      <c r="WKP653" s="613"/>
      <c r="WKQ653" s="613"/>
      <c r="WKR653" s="613"/>
      <c r="WKS653" s="613"/>
      <c r="WKT653" s="613"/>
      <c r="WKU653" s="613"/>
      <c r="WKV653" s="613"/>
      <c r="WKW653" s="613"/>
      <c r="WKX653" s="613"/>
      <c r="WKY653" s="613"/>
      <c r="WKZ653" s="613"/>
      <c r="WLA653" s="613"/>
      <c r="WLB653" s="613"/>
      <c r="WLC653" s="613"/>
      <c r="WLD653" s="613"/>
      <c r="WLE653" s="613"/>
      <c r="WLF653" s="613"/>
      <c r="WLG653" s="613"/>
      <c r="WLH653" s="613"/>
      <c r="WLI653" s="613"/>
      <c r="WLJ653" s="613"/>
      <c r="WLK653" s="613"/>
      <c r="WLL653" s="613"/>
      <c r="WLM653" s="613"/>
      <c r="WLN653" s="613"/>
      <c r="WLO653" s="613"/>
      <c r="WLP653" s="613"/>
      <c r="WLQ653" s="613"/>
      <c r="WLR653" s="613"/>
      <c r="WLS653" s="613"/>
      <c r="WLT653" s="613"/>
      <c r="WLU653" s="613"/>
      <c r="WLV653" s="613"/>
      <c r="WLW653" s="613"/>
      <c r="WLX653" s="613"/>
      <c r="WLY653" s="613"/>
      <c r="WLZ653" s="613"/>
      <c r="WMA653" s="613"/>
      <c r="WMB653" s="613"/>
      <c r="WMC653" s="613"/>
      <c r="WMD653" s="613"/>
      <c r="WME653" s="613"/>
      <c r="WMF653" s="613"/>
      <c r="WMG653" s="613"/>
      <c r="WMH653" s="613"/>
      <c r="WMI653" s="613"/>
      <c r="WMJ653" s="613"/>
      <c r="WMK653" s="613"/>
      <c r="WML653" s="613"/>
      <c r="WMM653" s="613"/>
      <c r="WMN653" s="613"/>
      <c r="WMO653" s="613"/>
      <c r="WMP653" s="613"/>
      <c r="WMQ653" s="613"/>
      <c r="WMR653" s="613"/>
      <c r="WMS653" s="613"/>
      <c r="WMT653" s="613"/>
      <c r="WMU653" s="613"/>
      <c r="WMV653" s="613"/>
      <c r="WMW653" s="613"/>
      <c r="WMX653" s="613"/>
      <c r="WMY653" s="613"/>
      <c r="WMZ653" s="613"/>
      <c r="WNA653" s="613"/>
      <c r="WNB653" s="613"/>
      <c r="WNC653" s="613"/>
      <c r="WND653" s="613"/>
      <c r="WNE653" s="613"/>
      <c r="WNF653" s="613"/>
      <c r="WNG653" s="613"/>
      <c r="WNH653" s="613"/>
      <c r="WNI653" s="613"/>
      <c r="WNJ653" s="613"/>
      <c r="WNK653" s="613"/>
      <c r="WNL653" s="613"/>
      <c r="WNM653" s="613"/>
      <c r="WNN653" s="613"/>
      <c r="WNO653" s="613"/>
      <c r="WNP653" s="613"/>
      <c r="WNQ653" s="613"/>
      <c r="WNR653" s="613"/>
      <c r="WNS653" s="613"/>
      <c r="WNT653" s="613"/>
      <c r="WNU653" s="613"/>
      <c r="WNV653" s="613"/>
      <c r="WNW653" s="613"/>
      <c r="WNX653" s="613"/>
      <c r="WNY653" s="613"/>
      <c r="WNZ653" s="613"/>
      <c r="WOA653" s="613"/>
      <c r="WOB653" s="613"/>
      <c r="WOC653" s="613"/>
      <c r="WOD653" s="613"/>
      <c r="WOE653" s="613"/>
      <c r="WOF653" s="613"/>
      <c r="WOG653" s="613"/>
      <c r="WOH653" s="613"/>
      <c r="WOI653" s="613"/>
      <c r="WOJ653" s="613"/>
      <c r="WOK653" s="613"/>
      <c r="WOL653" s="613"/>
      <c r="WOM653" s="613"/>
      <c r="WON653" s="613"/>
      <c r="WOO653" s="613"/>
      <c r="WOP653" s="613"/>
      <c r="WOQ653" s="613"/>
      <c r="WOR653" s="613"/>
      <c r="WOS653" s="613"/>
      <c r="WOT653" s="613"/>
      <c r="WOU653" s="613"/>
      <c r="WOV653" s="613"/>
      <c r="WOW653" s="613"/>
      <c r="WOX653" s="613"/>
      <c r="WOY653" s="613"/>
      <c r="WOZ653" s="613"/>
      <c r="WPA653" s="613"/>
      <c r="WPB653" s="613"/>
      <c r="WPC653" s="613"/>
      <c r="WPD653" s="613"/>
      <c r="WPE653" s="613"/>
      <c r="WPF653" s="613"/>
      <c r="WPG653" s="613"/>
      <c r="WPH653" s="613"/>
      <c r="WPI653" s="613"/>
      <c r="WPJ653" s="613"/>
      <c r="WPK653" s="613"/>
      <c r="WPL653" s="613"/>
      <c r="WPM653" s="613"/>
      <c r="WPN653" s="613"/>
      <c r="WPO653" s="613"/>
      <c r="WPP653" s="613"/>
      <c r="WPQ653" s="613"/>
      <c r="WPR653" s="613"/>
      <c r="WPS653" s="613"/>
      <c r="WPT653" s="613"/>
      <c r="WPU653" s="613"/>
      <c r="WPV653" s="613"/>
      <c r="WPW653" s="613"/>
      <c r="WPX653" s="613"/>
      <c r="WPY653" s="613"/>
      <c r="WPZ653" s="613"/>
      <c r="WQA653" s="613"/>
      <c r="WQB653" s="613"/>
      <c r="WQC653" s="613"/>
      <c r="WQD653" s="613"/>
      <c r="WQE653" s="613"/>
      <c r="WQF653" s="613"/>
      <c r="WQG653" s="613"/>
      <c r="WQH653" s="613"/>
      <c r="WQI653" s="613"/>
      <c r="WQJ653" s="613"/>
      <c r="WQK653" s="613"/>
      <c r="WQL653" s="613"/>
      <c r="WQM653" s="613"/>
      <c r="WQN653" s="613"/>
      <c r="WQO653" s="613"/>
      <c r="WQP653" s="613"/>
      <c r="WQQ653" s="613"/>
      <c r="WQR653" s="613"/>
      <c r="WQS653" s="613"/>
      <c r="WQT653" s="613"/>
      <c r="WQU653" s="613"/>
      <c r="WQV653" s="613"/>
      <c r="WQW653" s="613"/>
      <c r="WQX653" s="613"/>
      <c r="WQY653" s="613"/>
      <c r="WQZ653" s="613"/>
      <c r="WRA653" s="613"/>
      <c r="WRB653" s="613"/>
      <c r="WRC653" s="613"/>
      <c r="WRD653" s="613"/>
      <c r="WRE653" s="613"/>
      <c r="WRF653" s="613"/>
      <c r="WRG653" s="613"/>
      <c r="WRH653" s="613"/>
      <c r="WRI653" s="613"/>
      <c r="WRJ653" s="613"/>
      <c r="WRK653" s="613"/>
      <c r="WRL653" s="613"/>
      <c r="WRM653" s="613"/>
      <c r="WRN653" s="613"/>
      <c r="WRO653" s="613"/>
      <c r="WRP653" s="613"/>
      <c r="WRQ653" s="613"/>
      <c r="WRR653" s="613"/>
      <c r="WRS653" s="613"/>
      <c r="WRT653" s="613"/>
      <c r="WRU653" s="613"/>
      <c r="WRV653" s="613"/>
      <c r="WRW653" s="613"/>
      <c r="WRX653" s="613"/>
      <c r="WRY653" s="613"/>
      <c r="WRZ653" s="613"/>
      <c r="WSA653" s="613"/>
      <c r="WSB653" s="613"/>
      <c r="WSC653" s="613"/>
      <c r="WSD653" s="613"/>
      <c r="WSE653" s="613"/>
      <c r="WSF653" s="613"/>
      <c r="WSG653" s="613"/>
      <c r="WSH653" s="613"/>
      <c r="WSI653" s="613"/>
      <c r="WSJ653" s="613"/>
      <c r="WSK653" s="613"/>
      <c r="WSL653" s="613"/>
      <c r="WSM653" s="613"/>
      <c r="WSN653" s="613"/>
      <c r="WSO653" s="613"/>
      <c r="WSP653" s="613"/>
      <c r="WSQ653" s="613"/>
      <c r="WSR653" s="613"/>
      <c r="WSS653" s="613"/>
      <c r="WST653" s="613"/>
      <c r="WSU653" s="613"/>
      <c r="WSV653" s="613"/>
      <c r="WSW653" s="613"/>
      <c r="WSX653" s="613"/>
      <c r="WSY653" s="613"/>
      <c r="WSZ653" s="613"/>
      <c r="WTA653" s="613"/>
      <c r="WTB653" s="613"/>
      <c r="WTC653" s="613"/>
      <c r="WTD653" s="613"/>
      <c r="WTE653" s="613"/>
      <c r="WTF653" s="613"/>
      <c r="WTG653" s="613"/>
      <c r="WTH653" s="613"/>
      <c r="WTI653" s="613"/>
      <c r="WTJ653" s="613"/>
      <c r="WTK653" s="613"/>
      <c r="WTL653" s="613"/>
      <c r="WTM653" s="613"/>
      <c r="WTN653" s="613"/>
      <c r="WTO653" s="613"/>
      <c r="WTP653" s="613"/>
      <c r="WTQ653" s="613"/>
      <c r="WTR653" s="613"/>
      <c r="WTS653" s="613"/>
      <c r="WTT653" s="613"/>
      <c r="WTU653" s="613"/>
      <c r="WTV653" s="613"/>
      <c r="WTW653" s="613"/>
      <c r="WTX653" s="613"/>
      <c r="WTY653" s="613"/>
      <c r="WTZ653" s="613"/>
      <c r="WUA653" s="613"/>
      <c r="WUB653" s="613"/>
      <c r="WUC653" s="613"/>
      <c r="WUD653" s="613"/>
      <c r="WUE653" s="613"/>
      <c r="WUF653" s="613"/>
      <c r="WUG653" s="613"/>
      <c r="WUH653" s="613"/>
      <c r="WUI653" s="613"/>
      <c r="WUJ653" s="613"/>
      <c r="WUK653" s="613"/>
      <c r="WUL653" s="613"/>
      <c r="WUM653" s="613"/>
      <c r="WUN653" s="613"/>
      <c r="WUO653" s="613"/>
      <c r="WUP653" s="613"/>
      <c r="WUQ653" s="613"/>
      <c r="WUR653" s="613"/>
      <c r="WUS653" s="613"/>
      <c r="WUT653" s="613"/>
      <c r="WUU653" s="613"/>
      <c r="WUV653" s="613"/>
      <c r="WUW653" s="613"/>
      <c r="WUX653" s="613"/>
      <c r="WUY653" s="613"/>
      <c r="WUZ653" s="613"/>
      <c r="WVA653" s="613"/>
      <c r="WVB653" s="613"/>
      <c r="WVC653" s="613"/>
      <c r="WVD653" s="613"/>
      <c r="WVE653" s="613"/>
      <c r="WVF653" s="613"/>
      <c r="WVG653" s="613"/>
      <c r="WVH653" s="613"/>
      <c r="WVI653" s="613"/>
      <c r="WVJ653" s="613"/>
      <c r="WVK653" s="613"/>
      <c r="WVL653" s="613"/>
      <c r="WVM653" s="613"/>
      <c r="WVN653" s="613"/>
      <c r="WVO653" s="613"/>
      <c r="WVP653" s="613"/>
      <c r="WVQ653" s="613"/>
      <c r="WVR653" s="613"/>
      <c r="WVS653" s="613"/>
      <c r="WVT653" s="613"/>
      <c r="WVU653" s="613"/>
      <c r="WVV653" s="613"/>
      <c r="WVW653" s="613"/>
      <c r="WVX653" s="613"/>
      <c r="WVY653" s="613"/>
      <c r="WVZ653" s="613"/>
      <c r="WWA653" s="613"/>
      <c r="WWB653" s="613"/>
      <c r="WWC653" s="613"/>
      <c r="WWD653" s="613"/>
      <c r="WWE653" s="613"/>
      <c r="WWF653" s="613"/>
      <c r="WWG653" s="613"/>
      <c r="WWH653" s="613"/>
      <c r="WWI653" s="613"/>
      <c r="WWJ653" s="613"/>
      <c r="WWK653" s="613"/>
      <c r="WWL653" s="613"/>
      <c r="WWM653" s="613"/>
      <c r="WWN653" s="613"/>
      <c r="WWO653" s="613"/>
      <c r="WWP653" s="613"/>
      <c r="WWQ653" s="613"/>
      <c r="WWR653" s="613"/>
      <c r="WWS653" s="613"/>
      <c r="WWT653" s="613"/>
      <c r="WWU653" s="613"/>
      <c r="WWV653" s="613"/>
      <c r="WWW653" s="613"/>
      <c r="WWX653" s="613"/>
      <c r="WWY653" s="613"/>
      <c r="WWZ653" s="613"/>
      <c r="WXA653" s="613"/>
      <c r="WXB653" s="613"/>
      <c r="WXC653" s="613"/>
      <c r="WXD653" s="613"/>
      <c r="WXE653" s="613"/>
      <c r="WXF653" s="613"/>
      <c r="WXG653" s="613"/>
      <c r="WXH653" s="613"/>
      <c r="WXI653" s="613"/>
      <c r="WXJ653" s="613"/>
      <c r="WXK653" s="613"/>
      <c r="WXL653" s="613"/>
      <c r="WXM653" s="613"/>
      <c r="WXN653" s="613"/>
      <c r="WXO653" s="613"/>
      <c r="WXP653" s="613"/>
      <c r="WXQ653" s="613"/>
      <c r="WXR653" s="613"/>
      <c r="WXS653" s="613"/>
      <c r="WXT653" s="613"/>
      <c r="WXU653" s="613"/>
      <c r="WXV653" s="613"/>
      <c r="WXW653" s="613"/>
      <c r="WXX653" s="613"/>
      <c r="WXY653" s="613"/>
      <c r="WXZ653" s="613"/>
      <c r="WYA653" s="613"/>
      <c r="WYB653" s="613"/>
      <c r="WYC653" s="613"/>
      <c r="WYD653" s="613"/>
      <c r="WYE653" s="613"/>
      <c r="WYF653" s="613"/>
      <c r="WYG653" s="613"/>
      <c r="WYH653" s="613"/>
      <c r="WYI653" s="613"/>
      <c r="WYJ653" s="613"/>
      <c r="WYK653" s="613"/>
      <c r="WYL653" s="613"/>
      <c r="WYM653" s="613"/>
      <c r="WYN653" s="613"/>
      <c r="WYO653" s="613"/>
      <c r="WYP653" s="613"/>
      <c r="WYQ653" s="613"/>
      <c r="WYR653" s="613"/>
      <c r="WYS653" s="613"/>
      <c r="WYT653" s="613"/>
      <c r="WYU653" s="613"/>
      <c r="WYV653" s="613"/>
      <c r="WYW653" s="613"/>
      <c r="WYX653" s="613"/>
      <c r="WYY653" s="613"/>
      <c r="WYZ653" s="613"/>
      <c r="WZA653" s="613"/>
      <c r="WZB653" s="613"/>
      <c r="WZC653" s="613"/>
      <c r="WZD653" s="613"/>
      <c r="WZE653" s="613"/>
      <c r="WZF653" s="613"/>
      <c r="WZG653" s="613"/>
      <c r="WZH653" s="613"/>
      <c r="WZI653" s="613"/>
      <c r="WZJ653" s="613"/>
      <c r="WZK653" s="613"/>
      <c r="WZL653" s="613"/>
      <c r="WZM653" s="613"/>
      <c r="WZN653" s="613"/>
      <c r="WZO653" s="613"/>
      <c r="WZP653" s="613"/>
      <c r="WZQ653" s="613"/>
      <c r="WZR653" s="613"/>
      <c r="WZS653" s="613"/>
      <c r="WZT653" s="613"/>
      <c r="WZU653" s="613"/>
      <c r="WZV653" s="613"/>
      <c r="WZW653" s="613"/>
      <c r="WZX653" s="613"/>
      <c r="WZY653" s="613"/>
      <c r="WZZ653" s="613"/>
      <c r="XAA653" s="613"/>
      <c r="XAB653" s="613"/>
      <c r="XAC653" s="613"/>
      <c r="XAD653" s="613"/>
      <c r="XAE653" s="613"/>
      <c r="XAF653" s="613"/>
      <c r="XAG653" s="613"/>
      <c r="XAH653" s="613"/>
      <c r="XAI653" s="613"/>
      <c r="XAJ653" s="613"/>
      <c r="XAK653" s="613"/>
      <c r="XAL653" s="613"/>
      <c r="XAM653" s="613"/>
      <c r="XAN653" s="613"/>
      <c r="XAO653" s="613"/>
      <c r="XAP653" s="613"/>
      <c r="XAQ653" s="613"/>
      <c r="XAR653" s="613"/>
      <c r="XAS653" s="613"/>
      <c r="XAT653" s="613"/>
      <c r="XAU653" s="613"/>
      <c r="XAV653" s="613"/>
      <c r="XAW653" s="613"/>
      <c r="XAX653" s="613"/>
      <c r="XAY653" s="613"/>
      <c r="XAZ653" s="613"/>
      <c r="XBA653" s="613"/>
      <c r="XBB653" s="613"/>
      <c r="XBC653" s="613"/>
      <c r="XBD653" s="613"/>
      <c r="XBE653" s="613"/>
      <c r="XBF653" s="613"/>
      <c r="XBG653" s="613"/>
      <c r="XBH653" s="613"/>
      <c r="XBI653" s="613"/>
      <c r="XBJ653" s="613"/>
      <c r="XBK653" s="613"/>
      <c r="XBL653" s="613"/>
      <c r="XBM653" s="613"/>
      <c r="XBN653" s="613"/>
      <c r="XBO653" s="613"/>
      <c r="XBP653" s="613"/>
      <c r="XBQ653" s="613"/>
      <c r="XBR653" s="613"/>
      <c r="XBS653" s="613"/>
      <c r="XBT653" s="613"/>
      <c r="XBU653" s="613"/>
      <c r="XBV653" s="613"/>
      <c r="XBW653" s="613"/>
      <c r="XBX653" s="613"/>
      <c r="XBY653" s="613"/>
      <c r="XBZ653" s="613"/>
      <c r="XCA653" s="613"/>
      <c r="XCB653" s="613"/>
      <c r="XCC653" s="613"/>
      <c r="XCD653" s="613"/>
      <c r="XCE653" s="613"/>
      <c r="XCF653" s="613"/>
      <c r="XCG653" s="613"/>
      <c r="XCH653" s="613"/>
      <c r="XCI653" s="613"/>
      <c r="XCJ653" s="613"/>
      <c r="XCK653" s="613"/>
      <c r="XCL653" s="613"/>
      <c r="XCM653" s="613"/>
      <c r="XCN653" s="613"/>
      <c r="XCO653" s="613"/>
      <c r="XCP653" s="613"/>
      <c r="XCQ653" s="613"/>
    </row>
    <row r="654" spans="1:16319" ht="56.1" customHeight="1" x14ac:dyDescent="0.2">
      <c r="A654" s="494"/>
      <c r="B654" s="77"/>
      <c r="C654" s="494"/>
      <c r="D654" s="481">
        <v>195</v>
      </c>
      <c r="E654" s="481"/>
      <c r="F654" s="481" t="s">
        <v>2481</v>
      </c>
      <c r="G654" s="482" t="s">
        <v>53</v>
      </c>
      <c r="H654" s="481" t="s">
        <v>329</v>
      </c>
      <c r="I654" s="654" t="s">
        <v>428</v>
      </c>
      <c r="J654" s="654" t="s">
        <v>369</v>
      </c>
      <c r="K654" s="495" t="s">
        <v>450</v>
      </c>
      <c r="L654" s="621"/>
      <c r="M654" s="484" t="s">
        <v>58</v>
      </c>
      <c r="N654" s="327" t="s">
        <v>1374</v>
      </c>
      <c r="O654" s="484" t="s">
        <v>2996</v>
      </c>
      <c r="P654" s="484" t="s">
        <v>81</v>
      </c>
      <c r="Q654" s="667" t="s">
        <v>334</v>
      </c>
      <c r="R654" s="484" t="s">
        <v>334</v>
      </c>
      <c r="S654" s="484" t="s">
        <v>377</v>
      </c>
      <c r="T654" s="484"/>
      <c r="U654" s="620" t="s">
        <v>63</v>
      </c>
      <c r="V654" s="620" t="s">
        <v>63</v>
      </c>
      <c r="W654" s="723">
        <v>18583.894111410096</v>
      </c>
      <c r="X654" s="723"/>
      <c r="Y654" s="654" t="s">
        <v>226</v>
      </c>
      <c r="Z654" s="654"/>
      <c r="AA654" s="723">
        <v>18583.894111410096</v>
      </c>
      <c r="AB654" s="652" t="s">
        <v>82</v>
      </c>
      <c r="AC654" s="652"/>
      <c r="AD654" s="496"/>
      <c r="AE654" s="496"/>
      <c r="AF654" s="496"/>
      <c r="AG654" s="496"/>
      <c r="AH654" s="496"/>
      <c r="AI654" s="487"/>
      <c r="AJ654" s="496"/>
      <c r="AK654" s="496"/>
      <c r="AL654" s="496"/>
      <c r="AM654" s="496"/>
      <c r="AN654" s="496"/>
      <c r="AO654" s="496"/>
      <c r="AP654" s="496"/>
      <c r="AQ654" s="496"/>
      <c r="AR654" s="496"/>
      <c r="AS654" s="496" t="s">
        <v>66</v>
      </c>
      <c r="AT654" s="496"/>
      <c r="AU654" s="487"/>
      <c r="AV654" s="487"/>
      <c r="AW654" s="487"/>
      <c r="AX654" s="487"/>
      <c r="AY654" s="487"/>
      <c r="AZ654" s="487"/>
      <c r="BA654" s="484"/>
      <c r="BB654" s="484"/>
      <c r="BC654" s="484"/>
      <c r="BD654" s="494"/>
      <c r="BE654" s="494"/>
      <c r="BF654" s="613"/>
      <c r="BG654" s="613"/>
      <c r="BH654" s="613"/>
      <c r="BI654" s="613"/>
      <c r="BJ654" s="613"/>
      <c r="BK654" s="613"/>
      <c r="BL654" s="613"/>
      <c r="BM654" s="613"/>
      <c r="BN654" s="613"/>
      <c r="BO654" s="613"/>
      <c r="BP654" s="613"/>
      <c r="BQ654" s="613"/>
      <c r="BR654" s="613"/>
      <c r="BS654" s="613"/>
      <c r="BT654" s="613"/>
      <c r="BU654" s="613"/>
      <c r="BV654" s="613"/>
      <c r="BW654" s="613"/>
      <c r="BX654" s="613"/>
      <c r="BY654" s="613"/>
      <c r="BZ654" s="613"/>
      <c r="CA654" s="613"/>
      <c r="CB654" s="613"/>
      <c r="CC654" s="613"/>
      <c r="CD654" s="613"/>
      <c r="CE654" s="613"/>
      <c r="CF654" s="613"/>
      <c r="CG654" s="613"/>
      <c r="CH654" s="613"/>
      <c r="CI654" s="613"/>
      <c r="CJ654" s="613"/>
      <c r="CK654" s="613"/>
      <c r="CL654" s="613"/>
      <c r="CM654" s="613"/>
      <c r="CN654" s="613"/>
      <c r="CO654" s="613"/>
      <c r="CP654" s="613"/>
      <c r="CQ654" s="613"/>
      <c r="CR654" s="613"/>
      <c r="CS654" s="613"/>
      <c r="CT654" s="613"/>
      <c r="CU654" s="613"/>
      <c r="CV654" s="613"/>
      <c r="CW654" s="613"/>
      <c r="CX654" s="613"/>
      <c r="CY654" s="613"/>
      <c r="CZ654" s="613"/>
      <c r="DA654" s="613"/>
      <c r="DB654" s="613"/>
      <c r="DC654" s="613"/>
      <c r="DD654" s="613"/>
      <c r="DE654" s="613"/>
      <c r="DF654" s="613"/>
      <c r="DG654" s="613"/>
      <c r="DH654" s="613"/>
      <c r="DI654" s="613"/>
      <c r="DJ654" s="613"/>
      <c r="DK654" s="613"/>
      <c r="DL654" s="613"/>
      <c r="DM654" s="613"/>
      <c r="DN654" s="613"/>
      <c r="DO654" s="613"/>
      <c r="DP654" s="613"/>
      <c r="DQ654" s="613"/>
      <c r="DR654" s="613"/>
      <c r="DS654" s="613"/>
      <c r="DT654" s="613"/>
      <c r="DU654" s="613"/>
      <c r="DV654" s="613"/>
      <c r="DW654" s="613"/>
      <c r="DX654" s="613"/>
      <c r="DY654" s="613"/>
      <c r="DZ654" s="613"/>
      <c r="EA654" s="613"/>
      <c r="EB654" s="613"/>
      <c r="EC654" s="613"/>
      <c r="ED654" s="613"/>
      <c r="EE654" s="613"/>
      <c r="EF654" s="613"/>
      <c r="EG654" s="613"/>
      <c r="EH654" s="613"/>
      <c r="EI654" s="613"/>
      <c r="EJ654" s="613"/>
      <c r="EK654" s="613"/>
      <c r="EL654" s="613"/>
      <c r="EM654" s="613"/>
      <c r="EN654" s="613"/>
      <c r="EO654" s="613"/>
      <c r="EP654" s="613"/>
      <c r="EQ654" s="613"/>
      <c r="ER654" s="613"/>
      <c r="ES654" s="613"/>
      <c r="ET654" s="613"/>
      <c r="EU654" s="613"/>
      <c r="EV654" s="613"/>
      <c r="EW654" s="613"/>
      <c r="EX654" s="613"/>
      <c r="EY654" s="613"/>
      <c r="EZ654" s="613"/>
      <c r="FA654" s="613"/>
      <c r="FB654" s="613"/>
      <c r="FC654" s="613"/>
      <c r="FD654" s="613"/>
      <c r="FE654" s="613"/>
      <c r="FF654" s="613"/>
      <c r="FG654" s="613"/>
      <c r="FH654" s="613"/>
      <c r="FI654" s="613"/>
      <c r="FJ654" s="613"/>
      <c r="FK654" s="613"/>
      <c r="FL654" s="613"/>
      <c r="FM654" s="613"/>
      <c r="FN654" s="613"/>
      <c r="FO654" s="613"/>
      <c r="FP654" s="613"/>
      <c r="FQ654" s="613"/>
      <c r="FR654" s="613"/>
      <c r="FS654" s="613"/>
      <c r="FT654" s="613"/>
      <c r="FU654" s="613"/>
      <c r="FV654" s="613"/>
      <c r="FW654" s="613"/>
      <c r="FX654" s="613"/>
      <c r="FY654" s="613"/>
      <c r="FZ654" s="613"/>
      <c r="GA654" s="613"/>
      <c r="GB654" s="613"/>
      <c r="GC654" s="613"/>
      <c r="GD654" s="613"/>
      <c r="GE654" s="613"/>
      <c r="GF654" s="613"/>
      <c r="GG654" s="613"/>
      <c r="GH654" s="613"/>
      <c r="GI654" s="613"/>
      <c r="GJ654" s="613"/>
      <c r="GK654" s="613"/>
      <c r="GL654" s="613"/>
      <c r="GM654" s="613"/>
      <c r="GN654" s="613"/>
      <c r="GO654" s="613"/>
      <c r="GP654" s="613"/>
      <c r="GQ654" s="613"/>
      <c r="GR654" s="613"/>
      <c r="GS654" s="613"/>
      <c r="GT654" s="613"/>
      <c r="GU654" s="613"/>
      <c r="GV654" s="613"/>
      <c r="GW654" s="613"/>
      <c r="GX654" s="613"/>
      <c r="GY654" s="613"/>
      <c r="GZ654" s="613"/>
      <c r="HA654" s="613"/>
      <c r="HB654" s="613"/>
      <c r="HC654" s="613"/>
      <c r="HD654" s="613"/>
      <c r="HE654" s="613"/>
      <c r="HF654" s="613"/>
      <c r="HG654" s="613"/>
      <c r="HH654" s="613"/>
      <c r="HI654" s="613"/>
      <c r="HJ654" s="613"/>
      <c r="HK654" s="613"/>
      <c r="HL654" s="613"/>
      <c r="HM654" s="613"/>
      <c r="HN654" s="613"/>
      <c r="HO654" s="613"/>
      <c r="HP654" s="613"/>
      <c r="HQ654" s="613"/>
      <c r="HR654" s="613"/>
      <c r="HS654" s="613"/>
      <c r="HT654" s="613"/>
      <c r="HU654" s="613"/>
      <c r="HV654" s="613"/>
      <c r="HW654" s="613"/>
      <c r="HX654" s="613"/>
      <c r="HY654" s="613"/>
      <c r="HZ654" s="613"/>
      <c r="IA654" s="613"/>
      <c r="IB654" s="613"/>
      <c r="IC654" s="613"/>
      <c r="ID654" s="613"/>
      <c r="IE654" s="613"/>
      <c r="IF654" s="613"/>
      <c r="IG654" s="613"/>
      <c r="IH654" s="613"/>
      <c r="II654" s="613"/>
      <c r="IJ654" s="613"/>
      <c r="IK654" s="613"/>
      <c r="IL654" s="613"/>
      <c r="IM654" s="613"/>
      <c r="IN654" s="613"/>
      <c r="IO654" s="613"/>
      <c r="IP654" s="613"/>
      <c r="IQ654" s="613"/>
      <c r="IR654" s="613"/>
      <c r="IS654" s="613"/>
      <c r="IT654" s="613"/>
      <c r="IU654" s="613"/>
      <c r="IV654" s="613"/>
      <c r="IW654" s="613"/>
      <c r="IX654" s="613"/>
      <c r="IY654" s="613"/>
      <c r="IZ654" s="613"/>
      <c r="JA654" s="613"/>
      <c r="JB654" s="613"/>
      <c r="JC654" s="613"/>
      <c r="JD654" s="613"/>
      <c r="JE654" s="613"/>
      <c r="JF654" s="613"/>
      <c r="JG654" s="613"/>
      <c r="JH654" s="613"/>
      <c r="JI654" s="613"/>
      <c r="JJ654" s="613"/>
      <c r="JK654" s="613"/>
      <c r="JL654" s="613"/>
      <c r="JM654" s="613"/>
      <c r="JN654" s="613"/>
      <c r="JO654" s="613"/>
      <c r="JP654" s="613"/>
      <c r="JQ654" s="613"/>
      <c r="JR654" s="613"/>
      <c r="JS654" s="613"/>
      <c r="JT654" s="613"/>
      <c r="JU654" s="613"/>
      <c r="JV654" s="613"/>
      <c r="JW654" s="613"/>
      <c r="JX654" s="613"/>
      <c r="JY654" s="613"/>
      <c r="JZ654" s="613"/>
      <c r="KA654" s="613"/>
      <c r="KB654" s="613"/>
      <c r="KC654" s="613"/>
      <c r="KD654" s="613"/>
      <c r="KE654" s="613"/>
      <c r="KF654" s="613"/>
      <c r="KG654" s="613"/>
      <c r="KH654" s="613"/>
      <c r="KI654" s="613"/>
      <c r="KJ654" s="613"/>
      <c r="KK654" s="613"/>
      <c r="KL654" s="613"/>
      <c r="KM654" s="613"/>
      <c r="KN654" s="613"/>
      <c r="KO654" s="613"/>
      <c r="KP654" s="613"/>
      <c r="KQ654" s="613"/>
      <c r="KR654" s="613"/>
      <c r="KS654" s="613"/>
      <c r="KT654" s="613"/>
      <c r="KU654" s="613"/>
      <c r="KV654" s="613"/>
      <c r="KW654" s="613"/>
      <c r="KX654" s="613"/>
      <c r="KY654" s="613"/>
      <c r="KZ654" s="613"/>
      <c r="LA654" s="613"/>
      <c r="LB654" s="613"/>
      <c r="LC654" s="613"/>
      <c r="LD654" s="613"/>
      <c r="LE654" s="613"/>
      <c r="LF654" s="613"/>
      <c r="LG654" s="613"/>
      <c r="LH654" s="613"/>
      <c r="LI654" s="613"/>
      <c r="LJ654" s="613"/>
      <c r="LK654" s="613"/>
      <c r="LL654" s="613"/>
      <c r="LM654" s="613"/>
      <c r="LN654" s="613"/>
      <c r="LO654" s="613"/>
      <c r="LP654" s="613"/>
      <c r="LQ654" s="613"/>
      <c r="LR654" s="613"/>
      <c r="LS654" s="613"/>
      <c r="LT654" s="613"/>
      <c r="LU654" s="613"/>
      <c r="LV654" s="613"/>
      <c r="LW654" s="613"/>
      <c r="LX654" s="613"/>
      <c r="LY654" s="613"/>
      <c r="LZ654" s="613"/>
      <c r="MA654" s="613"/>
      <c r="MB654" s="613"/>
      <c r="MC654" s="613"/>
      <c r="MD654" s="613"/>
      <c r="ME654" s="613"/>
      <c r="MF654" s="613"/>
      <c r="MG654" s="613"/>
      <c r="MH654" s="613"/>
      <c r="MI654" s="613"/>
      <c r="MJ654" s="613"/>
      <c r="MK654" s="613"/>
      <c r="ML654" s="613"/>
      <c r="MM654" s="613"/>
      <c r="MN654" s="613"/>
      <c r="MO654" s="613"/>
      <c r="MP654" s="613"/>
      <c r="MQ654" s="613"/>
      <c r="MR654" s="613"/>
      <c r="MS654" s="613"/>
      <c r="MT654" s="613"/>
      <c r="MU654" s="613"/>
      <c r="MV654" s="613"/>
      <c r="MW654" s="613"/>
      <c r="MX654" s="613"/>
      <c r="MY654" s="613"/>
      <c r="MZ654" s="613"/>
      <c r="NA654" s="613"/>
      <c r="NB654" s="613"/>
      <c r="NC654" s="613"/>
      <c r="ND654" s="613"/>
      <c r="NE654" s="613"/>
      <c r="NF654" s="613"/>
      <c r="NG654" s="613"/>
      <c r="NH654" s="613"/>
      <c r="NI654" s="613"/>
      <c r="NJ654" s="613"/>
      <c r="NK654" s="613"/>
      <c r="NL654" s="613"/>
      <c r="NM654" s="613"/>
      <c r="NN654" s="613"/>
      <c r="NO654" s="613"/>
      <c r="NP654" s="613"/>
      <c r="NQ654" s="613"/>
      <c r="NR654" s="613"/>
      <c r="NS654" s="613"/>
      <c r="NT654" s="613"/>
      <c r="NU654" s="613"/>
      <c r="NV654" s="613"/>
      <c r="NW654" s="613"/>
      <c r="NX654" s="613"/>
      <c r="NY654" s="613"/>
      <c r="NZ654" s="613"/>
      <c r="OA654" s="613"/>
      <c r="OB654" s="613"/>
      <c r="OC654" s="613"/>
      <c r="OD654" s="613"/>
      <c r="OE654" s="613"/>
      <c r="OF654" s="613"/>
      <c r="OG654" s="613"/>
      <c r="OH654" s="613"/>
      <c r="OI654" s="613"/>
      <c r="OJ654" s="613"/>
      <c r="OK654" s="613"/>
      <c r="OL654" s="613"/>
      <c r="OM654" s="613"/>
      <c r="ON654" s="613"/>
      <c r="OO654" s="613"/>
      <c r="OP654" s="613"/>
      <c r="OQ654" s="613"/>
      <c r="OR654" s="613"/>
      <c r="OS654" s="613"/>
      <c r="OT654" s="613"/>
      <c r="OU654" s="613"/>
      <c r="OV654" s="613"/>
      <c r="OW654" s="613"/>
      <c r="OX654" s="613"/>
      <c r="OY654" s="613"/>
      <c r="OZ654" s="613"/>
      <c r="PA654" s="613"/>
      <c r="PB654" s="613"/>
      <c r="PC654" s="613"/>
      <c r="PD654" s="613"/>
      <c r="PE654" s="613"/>
      <c r="PF654" s="613"/>
      <c r="PG654" s="613"/>
      <c r="PH654" s="613"/>
      <c r="PI654" s="613"/>
      <c r="PJ654" s="613"/>
      <c r="PK654" s="613"/>
      <c r="PL654" s="613"/>
      <c r="PM654" s="613"/>
      <c r="PN654" s="613"/>
      <c r="PO654" s="613"/>
      <c r="PP654" s="613"/>
      <c r="PQ654" s="613"/>
      <c r="PR654" s="613"/>
      <c r="PS654" s="613"/>
      <c r="PT654" s="613"/>
      <c r="PU654" s="613"/>
      <c r="PV654" s="613"/>
      <c r="PW654" s="613"/>
      <c r="PX654" s="613"/>
      <c r="PY654" s="613"/>
      <c r="PZ654" s="613"/>
      <c r="QA654" s="613"/>
      <c r="QB654" s="613"/>
      <c r="QC654" s="613"/>
      <c r="QD654" s="613"/>
      <c r="QE654" s="613"/>
      <c r="QF654" s="613"/>
      <c r="QG654" s="613"/>
      <c r="QH654" s="613"/>
      <c r="QI654" s="613"/>
      <c r="QJ654" s="613"/>
      <c r="QK654" s="613"/>
      <c r="QL654" s="613"/>
      <c r="QM654" s="613"/>
      <c r="QN654" s="613"/>
      <c r="QO654" s="613"/>
      <c r="QP654" s="613"/>
      <c r="QQ654" s="613"/>
      <c r="QR654" s="613"/>
      <c r="QS654" s="613"/>
      <c r="QT654" s="613"/>
      <c r="QU654" s="613"/>
      <c r="QV654" s="613"/>
      <c r="QW654" s="613"/>
      <c r="QX654" s="613"/>
      <c r="QY654" s="613"/>
      <c r="QZ654" s="613"/>
      <c r="RA654" s="613"/>
      <c r="RB654" s="613"/>
      <c r="RC654" s="613"/>
      <c r="RD654" s="613"/>
      <c r="RE654" s="613"/>
      <c r="RF654" s="613"/>
      <c r="RG654" s="613"/>
      <c r="RH654" s="613"/>
      <c r="RI654" s="613"/>
      <c r="RJ654" s="613"/>
      <c r="RK654" s="613"/>
      <c r="RL654" s="613"/>
      <c r="RM654" s="613"/>
      <c r="RN654" s="613"/>
      <c r="RO654" s="613"/>
      <c r="RP654" s="613"/>
      <c r="RQ654" s="613"/>
      <c r="RR654" s="613"/>
      <c r="RS654" s="613"/>
      <c r="RT654" s="613"/>
      <c r="RU654" s="613"/>
      <c r="RV654" s="613"/>
      <c r="RW654" s="613"/>
      <c r="RX654" s="613"/>
      <c r="RY654" s="613"/>
      <c r="RZ654" s="613"/>
      <c r="SA654" s="613"/>
      <c r="SB654" s="613"/>
      <c r="SC654" s="613"/>
      <c r="SD654" s="613"/>
      <c r="SE654" s="613"/>
      <c r="SF654" s="613"/>
      <c r="SG654" s="613"/>
      <c r="SH654" s="613"/>
      <c r="SI654" s="613"/>
      <c r="SJ654" s="613"/>
      <c r="SK654" s="613"/>
      <c r="SL654" s="613"/>
      <c r="SM654" s="613"/>
      <c r="SN654" s="613"/>
      <c r="SO654" s="613"/>
      <c r="SP654" s="613"/>
      <c r="SQ654" s="613"/>
      <c r="SR654" s="613"/>
      <c r="SS654" s="613"/>
      <c r="ST654" s="613"/>
      <c r="SU654" s="613"/>
      <c r="SV654" s="613"/>
      <c r="SW654" s="613"/>
      <c r="SX654" s="613"/>
      <c r="SY654" s="613"/>
      <c r="SZ654" s="613"/>
      <c r="TA654" s="613"/>
      <c r="TB654" s="613"/>
      <c r="TC654" s="613"/>
      <c r="TD654" s="613"/>
      <c r="TE654" s="613"/>
      <c r="TF654" s="613"/>
      <c r="TG654" s="613"/>
      <c r="TH654" s="613"/>
      <c r="TI654" s="613"/>
      <c r="TJ654" s="613"/>
      <c r="TK654" s="613"/>
      <c r="TL654" s="613"/>
      <c r="TM654" s="613"/>
      <c r="TN654" s="613"/>
      <c r="TO654" s="613"/>
      <c r="TP654" s="613"/>
      <c r="TQ654" s="613"/>
      <c r="TR654" s="613"/>
      <c r="TS654" s="613"/>
      <c r="TT654" s="613"/>
      <c r="TU654" s="613"/>
      <c r="TV654" s="613"/>
      <c r="TW654" s="613"/>
      <c r="TX654" s="613"/>
      <c r="TY654" s="613"/>
      <c r="TZ654" s="613"/>
      <c r="UA654" s="613"/>
      <c r="UB654" s="613"/>
      <c r="UC654" s="613"/>
      <c r="UD654" s="613"/>
      <c r="UE654" s="613"/>
      <c r="UF654" s="613"/>
      <c r="UG654" s="613"/>
      <c r="UH654" s="613"/>
      <c r="UI654" s="613"/>
      <c r="UJ654" s="613"/>
      <c r="UK654" s="613"/>
      <c r="UL654" s="613"/>
      <c r="UM654" s="613"/>
      <c r="UN654" s="613"/>
      <c r="UO654" s="613"/>
      <c r="UP654" s="613"/>
      <c r="UQ654" s="613"/>
      <c r="UR654" s="613"/>
      <c r="US654" s="613"/>
      <c r="UT654" s="613"/>
      <c r="UU654" s="613"/>
      <c r="UV654" s="613"/>
      <c r="UW654" s="613"/>
      <c r="UX654" s="613"/>
      <c r="UY654" s="613"/>
      <c r="UZ654" s="613"/>
      <c r="VA654" s="613"/>
      <c r="VB654" s="613"/>
      <c r="VC654" s="613"/>
      <c r="VD654" s="613"/>
      <c r="VE654" s="613"/>
      <c r="VF654" s="613"/>
      <c r="VG654" s="613"/>
      <c r="VH654" s="613"/>
      <c r="VI654" s="613"/>
      <c r="VJ654" s="613"/>
      <c r="VK654" s="613"/>
      <c r="VL654" s="613"/>
      <c r="VM654" s="613"/>
      <c r="VN654" s="613"/>
      <c r="VO654" s="613"/>
      <c r="VP654" s="613"/>
      <c r="VQ654" s="613"/>
      <c r="VR654" s="613"/>
      <c r="VS654" s="613"/>
      <c r="VT654" s="613"/>
      <c r="VU654" s="613"/>
      <c r="VV654" s="613"/>
      <c r="VW654" s="613"/>
      <c r="VX654" s="613"/>
      <c r="VY654" s="613"/>
      <c r="VZ654" s="613"/>
      <c r="WA654" s="613"/>
      <c r="WB654" s="613"/>
      <c r="WC654" s="613"/>
      <c r="WD654" s="613"/>
      <c r="WE654" s="613"/>
      <c r="WF654" s="613"/>
      <c r="WG654" s="613"/>
      <c r="WH654" s="613"/>
      <c r="WI654" s="613"/>
      <c r="WJ654" s="613"/>
      <c r="WK654" s="613"/>
      <c r="WL654" s="613"/>
      <c r="WM654" s="613"/>
      <c r="WN654" s="613"/>
      <c r="WO654" s="613"/>
      <c r="WP654" s="613"/>
      <c r="WQ654" s="613"/>
      <c r="WR654" s="613"/>
      <c r="WS654" s="613"/>
      <c r="WT654" s="613"/>
      <c r="WU654" s="613"/>
      <c r="WV654" s="613"/>
      <c r="WW654" s="613"/>
      <c r="WX654" s="613"/>
      <c r="WY654" s="613"/>
      <c r="WZ654" s="613"/>
      <c r="XA654" s="613"/>
      <c r="XB654" s="613"/>
      <c r="XC654" s="613"/>
      <c r="XD654" s="613"/>
      <c r="XE654" s="613"/>
      <c r="XF654" s="613"/>
      <c r="XG654" s="613"/>
      <c r="XH654" s="613"/>
      <c r="XI654" s="613"/>
      <c r="XJ654" s="613"/>
      <c r="XK654" s="613"/>
      <c r="XL654" s="613"/>
      <c r="XM654" s="613"/>
      <c r="XN654" s="613"/>
      <c r="XO654" s="613"/>
      <c r="XP654" s="613"/>
      <c r="XQ654" s="613"/>
      <c r="XR654" s="613"/>
      <c r="XS654" s="613"/>
      <c r="XT654" s="613"/>
      <c r="XU654" s="613"/>
      <c r="XV654" s="613"/>
      <c r="XW654" s="613"/>
      <c r="XX654" s="613"/>
      <c r="XY654" s="613"/>
      <c r="XZ654" s="613"/>
      <c r="YA654" s="613"/>
      <c r="YB654" s="613"/>
      <c r="YC654" s="613"/>
      <c r="YD654" s="613"/>
      <c r="YE654" s="613"/>
      <c r="YF654" s="613"/>
      <c r="YG654" s="613"/>
      <c r="YH654" s="613"/>
      <c r="YI654" s="613"/>
      <c r="YJ654" s="613"/>
      <c r="YK654" s="613"/>
      <c r="YL654" s="613"/>
      <c r="YM654" s="613"/>
      <c r="YN654" s="613"/>
      <c r="YO654" s="613"/>
      <c r="YP654" s="613"/>
      <c r="YQ654" s="613"/>
      <c r="YR654" s="613"/>
      <c r="YS654" s="613"/>
      <c r="YT654" s="613"/>
      <c r="YU654" s="613"/>
      <c r="YV654" s="613"/>
      <c r="YW654" s="613"/>
      <c r="YX654" s="613"/>
      <c r="YY654" s="613"/>
      <c r="YZ654" s="613"/>
      <c r="ZA654" s="613"/>
      <c r="ZB654" s="613"/>
      <c r="ZC654" s="613"/>
      <c r="ZD654" s="613"/>
      <c r="ZE654" s="613"/>
      <c r="ZF654" s="613"/>
      <c r="ZG654" s="613"/>
      <c r="ZH654" s="613"/>
      <c r="ZI654" s="613"/>
      <c r="ZJ654" s="613"/>
      <c r="ZK654" s="613"/>
      <c r="ZL654" s="613"/>
      <c r="ZM654" s="613"/>
      <c r="ZN654" s="613"/>
      <c r="ZO654" s="613"/>
      <c r="ZP654" s="613"/>
      <c r="ZQ654" s="613"/>
      <c r="ZR654" s="613"/>
      <c r="ZS654" s="613"/>
      <c r="ZT654" s="613"/>
      <c r="ZU654" s="613"/>
      <c r="ZV654" s="613"/>
      <c r="ZW654" s="613"/>
      <c r="ZX654" s="613"/>
      <c r="ZY654" s="613"/>
      <c r="ZZ654" s="613"/>
      <c r="AAA654" s="613"/>
      <c r="AAB654" s="613"/>
      <c r="AAC654" s="613"/>
      <c r="AAD654" s="613"/>
      <c r="AAE654" s="613"/>
      <c r="AAF654" s="613"/>
      <c r="AAG654" s="613"/>
      <c r="AAH654" s="613"/>
      <c r="AAI654" s="613"/>
      <c r="AAJ654" s="613"/>
      <c r="AAK654" s="613"/>
      <c r="AAL654" s="613"/>
      <c r="AAM654" s="613"/>
      <c r="AAN654" s="613"/>
      <c r="AAO654" s="613"/>
      <c r="AAP654" s="613"/>
      <c r="AAQ654" s="613"/>
      <c r="AAR654" s="613"/>
      <c r="AAS654" s="613"/>
      <c r="AAT654" s="613"/>
      <c r="AAU654" s="613"/>
      <c r="AAV654" s="613"/>
      <c r="AAW654" s="613"/>
      <c r="AAX654" s="613"/>
      <c r="AAY654" s="613"/>
      <c r="AAZ654" s="613"/>
      <c r="ABA654" s="613"/>
      <c r="ABB654" s="613"/>
      <c r="ABC654" s="613"/>
      <c r="ABD654" s="613"/>
      <c r="ABE654" s="613"/>
      <c r="ABF654" s="613"/>
      <c r="ABG654" s="613"/>
      <c r="ABH654" s="613"/>
      <c r="ABI654" s="613"/>
      <c r="ABJ654" s="613"/>
      <c r="ABK654" s="613"/>
      <c r="ABL654" s="613"/>
      <c r="ABM654" s="613"/>
      <c r="ABN654" s="613"/>
      <c r="ABO654" s="613"/>
      <c r="ABP654" s="613"/>
      <c r="ABQ654" s="613"/>
      <c r="ABR654" s="613"/>
      <c r="ABS654" s="613"/>
      <c r="ABT654" s="613"/>
      <c r="ABU654" s="613"/>
      <c r="ABV654" s="613"/>
      <c r="ABW654" s="613"/>
      <c r="ABX654" s="613"/>
      <c r="ABY654" s="613"/>
      <c r="ABZ654" s="613"/>
      <c r="ACA654" s="613"/>
      <c r="ACB654" s="613"/>
      <c r="ACC654" s="613"/>
      <c r="ACD654" s="613"/>
      <c r="ACE654" s="613"/>
      <c r="ACF654" s="613"/>
      <c r="ACG654" s="613"/>
      <c r="ACH654" s="613"/>
      <c r="ACI654" s="613"/>
      <c r="ACJ654" s="613"/>
      <c r="ACK654" s="613"/>
      <c r="ACL654" s="613"/>
      <c r="ACM654" s="613"/>
      <c r="ACN654" s="613"/>
      <c r="ACO654" s="613"/>
      <c r="ACP654" s="613"/>
      <c r="ACQ654" s="613"/>
      <c r="ACR654" s="613"/>
      <c r="ACS654" s="613"/>
      <c r="ACT654" s="613"/>
      <c r="ACU654" s="613"/>
      <c r="ACV654" s="613"/>
      <c r="ACW654" s="613"/>
      <c r="ACX654" s="613"/>
      <c r="ACY654" s="613"/>
      <c r="ACZ654" s="613"/>
      <c r="ADA654" s="613"/>
      <c r="ADB654" s="613"/>
      <c r="ADC654" s="613"/>
      <c r="ADD654" s="613"/>
      <c r="ADE654" s="613"/>
      <c r="ADF654" s="613"/>
      <c r="ADG654" s="613"/>
      <c r="ADH654" s="613"/>
      <c r="ADI654" s="613"/>
      <c r="ADJ654" s="613"/>
      <c r="ADK654" s="613"/>
      <c r="ADL654" s="613"/>
      <c r="ADM654" s="613"/>
      <c r="ADN654" s="613"/>
      <c r="ADO654" s="613"/>
      <c r="ADP654" s="613"/>
      <c r="ADQ654" s="613"/>
      <c r="ADR654" s="613"/>
      <c r="ADS654" s="613"/>
      <c r="ADT654" s="613"/>
      <c r="ADU654" s="613"/>
      <c r="ADV654" s="613"/>
      <c r="ADW654" s="613"/>
      <c r="ADX654" s="613"/>
      <c r="ADY654" s="613"/>
      <c r="ADZ654" s="613"/>
      <c r="AEA654" s="613"/>
      <c r="AEB654" s="613"/>
      <c r="AEC654" s="613"/>
      <c r="AED654" s="613"/>
      <c r="AEE654" s="613"/>
      <c r="AEF654" s="613"/>
      <c r="AEG654" s="613"/>
      <c r="AEH654" s="613"/>
      <c r="AEI654" s="613"/>
      <c r="AEJ654" s="613"/>
      <c r="AEK654" s="613"/>
      <c r="AEL654" s="613"/>
      <c r="AEM654" s="613"/>
      <c r="AEN654" s="613"/>
      <c r="AEO654" s="613"/>
      <c r="AEP654" s="613"/>
      <c r="AEQ654" s="613"/>
      <c r="AER654" s="613"/>
      <c r="AES654" s="613"/>
      <c r="AET654" s="613"/>
      <c r="AEU654" s="613"/>
      <c r="AEV654" s="613"/>
      <c r="AEW654" s="613"/>
      <c r="AEX654" s="613"/>
      <c r="AEY654" s="613"/>
      <c r="AEZ654" s="613"/>
      <c r="AFA654" s="613"/>
      <c r="AFB654" s="613"/>
      <c r="AFC654" s="613"/>
      <c r="AFD654" s="613"/>
      <c r="AFE654" s="613"/>
      <c r="AFF654" s="613"/>
      <c r="AFG654" s="613"/>
      <c r="AFH654" s="613"/>
      <c r="AFI654" s="613"/>
      <c r="AFJ654" s="613"/>
      <c r="AFK654" s="613"/>
      <c r="AFL654" s="613"/>
      <c r="AFM654" s="613"/>
      <c r="AFN654" s="613"/>
      <c r="AFO654" s="613"/>
      <c r="AFP654" s="613"/>
      <c r="AFQ654" s="613"/>
      <c r="AFR654" s="613"/>
      <c r="AFS654" s="613"/>
      <c r="AFT654" s="613"/>
      <c r="AFU654" s="613"/>
      <c r="AFV654" s="613"/>
      <c r="AFW654" s="613"/>
      <c r="AFX654" s="613"/>
      <c r="AFY654" s="613"/>
      <c r="AFZ654" s="613"/>
      <c r="AGA654" s="613"/>
      <c r="AGB654" s="613"/>
      <c r="AGC654" s="613"/>
      <c r="AGD654" s="613"/>
      <c r="AGE654" s="613"/>
      <c r="AGF654" s="613"/>
      <c r="AGG654" s="613"/>
      <c r="AGH654" s="613"/>
      <c r="AGI654" s="613"/>
      <c r="AGJ654" s="613"/>
      <c r="AGK654" s="613"/>
      <c r="AGL654" s="613"/>
      <c r="AGM654" s="613"/>
      <c r="AGN654" s="613"/>
      <c r="AGO654" s="613"/>
      <c r="AGP654" s="613"/>
      <c r="AGQ654" s="613"/>
      <c r="AGR654" s="613"/>
      <c r="AGS654" s="613"/>
      <c r="AGT654" s="613"/>
      <c r="AGU654" s="613"/>
      <c r="AGV654" s="613"/>
      <c r="AGW654" s="613"/>
      <c r="AGX654" s="613"/>
      <c r="AGY654" s="613"/>
      <c r="AGZ654" s="613"/>
      <c r="AHA654" s="613"/>
      <c r="AHB654" s="613"/>
      <c r="AHC654" s="613"/>
      <c r="AHD654" s="613"/>
      <c r="AHE654" s="613"/>
      <c r="AHF654" s="613"/>
      <c r="AHG654" s="613"/>
      <c r="AHH654" s="613"/>
      <c r="AHI654" s="613"/>
      <c r="AHJ654" s="613"/>
      <c r="AHK654" s="613"/>
      <c r="AHL654" s="613"/>
      <c r="AHM654" s="613"/>
      <c r="AHN654" s="613"/>
      <c r="AHO654" s="613"/>
      <c r="AHP654" s="613"/>
      <c r="AHQ654" s="613"/>
      <c r="AHR654" s="613"/>
      <c r="AHS654" s="613"/>
      <c r="AHT654" s="613"/>
      <c r="AHU654" s="613"/>
      <c r="AHV654" s="613"/>
      <c r="AHW654" s="613"/>
      <c r="AHX654" s="613"/>
      <c r="AHY654" s="613"/>
      <c r="AHZ654" s="613"/>
      <c r="AIA654" s="613"/>
      <c r="AIB654" s="613"/>
      <c r="AIC654" s="613"/>
      <c r="AID654" s="613"/>
      <c r="AIE654" s="613"/>
      <c r="AIF654" s="613"/>
      <c r="AIG654" s="613"/>
      <c r="AIH654" s="613"/>
      <c r="AII654" s="613"/>
      <c r="AIJ654" s="613"/>
      <c r="AIK654" s="613"/>
      <c r="AIL654" s="613"/>
      <c r="AIM654" s="613"/>
      <c r="AIN654" s="613"/>
      <c r="AIO654" s="613"/>
      <c r="AIP654" s="613"/>
      <c r="AIQ654" s="613"/>
      <c r="AIR654" s="613"/>
      <c r="AIS654" s="613"/>
      <c r="AIT654" s="613"/>
      <c r="AIU654" s="613"/>
      <c r="AIV654" s="613"/>
      <c r="AIW654" s="613"/>
      <c r="AIX654" s="613"/>
      <c r="AIY654" s="613"/>
      <c r="AIZ654" s="613"/>
      <c r="AJA654" s="613"/>
      <c r="AJB654" s="613"/>
      <c r="AJC654" s="613"/>
      <c r="AJD654" s="613"/>
      <c r="AJE654" s="613"/>
      <c r="AJF654" s="613"/>
      <c r="AJG654" s="613"/>
      <c r="AJH654" s="613"/>
      <c r="AJI654" s="613"/>
      <c r="AJJ654" s="613"/>
      <c r="AJK654" s="613"/>
      <c r="AJL654" s="613"/>
      <c r="AJM654" s="613"/>
      <c r="AJN654" s="613"/>
      <c r="AJO654" s="613"/>
      <c r="AJP654" s="613"/>
      <c r="AJQ654" s="613"/>
      <c r="AJR654" s="613"/>
      <c r="AJS654" s="613"/>
      <c r="AJT654" s="613"/>
      <c r="AJU654" s="613"/>
      <c r="AJV654" s="613"/>
      <c r="AJW654" s="613"/>
      <c r="AJX654" s="613"/>
      <c r="AJY654" s="613"/>
      <c r="AJZ654" s="613"/>
      <c r="AKA654" s="613"/>
      <c r="AKB654" s="613"/>
      <c r="AKC654" s="613"/>
      <c r="AKD654" s="613"/>
      <c r="AKE654" s="613"/>
      <c r="AKF654" s="613"/>
      <c r="AKG654" s="613"/>
      <c r="AKH654" s="613"/>
      <c r="AKI654" s="613"/>
      <c r="AKJ654" s="613"/>
      <c r="AKK654" s="613"/>
      <c r="AKL654" s="613"/>
      <c r="AKM654" s="613"/>
      <c r="AKN654" s="613"/>
      <c r="AKO654" s="613"/>
      <c r="AKP654" s="613"/>
      <c r="AKQ654" s="613"/>
      <c r="AKR654" s="613"/>
      <c r="AKS654" s="613"/>
      <c r="AKT654" s="613"/>
      <c r="AKU654" s="613"/>
      <c r="AKV654" s="613"/>
      <c r="AKW654" s="613"/>
      <c r="AKX654" s="613"/>
      <c r="AKY654" s="613"/>
      <c r="AKZ654" s="613"/>
      <c r="ALA654" s="613"/>
      <c r="ALB654" s="613"/>
      <c r="ALC654" s="613"/>
      <c r="ALD654" s="613"/>
      <c r="ALE654" s="613"/>
      <c r="ALF654" s="613"/>
      <c r="ALG654" s="613"/>
      <c r="ALH654" s="613"/>
      <c r="ALI654" s="613"/>
      <c r="ALJ654" s="613"/>
      <c r="ALK654" s="613"/>
      <c r="ALL654" s="613"/>
      <c r="ALM654" s="613"/>
      <c r="ALN654" s="613"/>
      <c r="ALO654" s="613"/>
      <c r="ALP654" s="613"/>
      <c r="ALQ654" s="613"/>
      <c r="ALR654" s="613"/>
      <c r="ALS654" s="613"/>
      <c r="ALT654" s="613"/>
      <c r="ALU654" s="613"/>
      <c r="ALV654" s="613"/>
      <c r="ALW654" s="613"/>
      <c r="ALX654" s="613"/>
      <c r="ALY654" s="613"/>
      <c r="ALZ654" s="613"/>
      <c r="AMA654" s="613"/>
      <c r="AMB654" s="613"/>
      <c r="AMC654" s="613"/>
      <c r="AMD654" s="613"/>
      <c r="AME654" s="613"/>
      <c r="AMF654" s="613"/>
      <c r="AMG654" s="613"/>
      <c r="AMH654" s="613"/>
      <c r="AMI654" s="613"/>
      <c r="AMJ654" s="613"/>
      <c r="AMK654" s="613"/>
      <c r="AML654" s="613"/>
      <c r="AMM654" s="613"/>
      <c r="AMN654" s="613"/>
      <c r="AMO654" s="613"/>
      <c r="AMP654" s="613"/>
      <c r="AMQ654" s="613"/>
      <c r="AMR654" s="613"/>
      <c r="AMS654" s="613"/>
      <c r="AMT654" s="613"/>
      <c r="AMU654" s="613"/>
      <c r="AMV654" s="613"/>
      <c r="AMW654" s="613"/>
      <c r="AMX654" s="613"/>
      <c r="AMY654" s="613"/>
      <c r="AMZ654" s="613"/>
      <c r="ANA654" s="613"/>
      <c r="ANB654" s="613"/>
      <c r="ANC654" s="613"/>
      <c r="AND654" s="613"/>
      <c r="ANE654" s="613"/>
      <c r="ANF654" s="613"/>
      <c r="ANG654" s="613"/>
      <c r="ANH654" s="613"/>
      <c r="ANI654" s="613"/>
      <c r="ANJ654" s="613"/>
      <c r="ANK654" s="613"/>
      <c r="ANL654" s="613"/>
      <c r="ANM654" s="613"/>
      <c r="ANN654" s="613"/>
      <c r="ANO654" s="613"/>
      <c r="ANP654" s="613"/>
      <c r="ANQ654" s="613"/>
      <c r="ANR654" s="613"/>
      <c r="ANS654" s="613"/>
      <c r="ANT654" s="613"/>
      <c r="ANU654" s="613"/>
      <c r="ANV654" s="613"/>
      <c r="ANW654" s="613"/>
      <c r="ANX654" s="613"/>
      <c r="ANY654" s="613"/>
      <c r="ANZ654" s="613"/>
      <c r="AOA654" s="613"/>
      <c r="AOB654" s="613"/>
      <c r="AOC654" s="613"/>
      <c r="AOD654" s="613"/>
      <c r="AOE654" s="613"/>
      <c r="AOF654" s="613"/>
      <c r="AOG654" s="613"/>
      <c r="AOH654" s="613"/>
      <c r="AOI654" s="613"/>
      <c r="AOJ654" s="613"/>
      <c r="AOK654" s="613"/>
      <c r="AOL654" s="613"/>
      <c r="AOM654" s="613"/>
      <c r="AON654" s="613"/>
      <c r="AOO654" s="613"/>
      <c r="AOP654" s="613"/>
      <c r="AOQ654" s="613"/>
      <c r="AOR654" s="613"/>
      <c r="AOS654" s="613"/>
      <c r="AOT654" s="613"/>
      <c r="AOU654" s="613"/>
      <c r="AOV654" s="613"/>
      <c r="AOW654" s="613"/>
      <c r="AOX654" s="613"/>
      <c r="AOY654" s="613"/>
      <c r="AOZ654" s="613"/>
      <c r="APA654" s="613"/>
      <c r="APB654" s="613"/>
      <c r="APC654" s="613"/>
      <c r="APD654" s="613"/>
      <c r="APE654" s="613"/>
      <c r="APF654" s="613"/>
      <c r="APG654" s="613"/>
      <c r="APH654" s="613"/>
      <c r="API654" s="613"/>
      <c r="APJ654" s="613"/>
      <c r="APK654" s="613"/>
      <c r="APL654" s="613"/>
      <c r="APM654" s="613"/>
      <c r="APN654" s="613"/>
      <c r="APO654" s="613"/>
      <c r="APP654" s="613"/>
      <c r="APQ654" s="613"/>
      <c r="APR654" s="613"/>
      <c r="APS654" s="613"/>
      <c r="APT654" s="613"/>
      <c r="APU654" s="613"/>
      <c r="APV654" s="613"/>
      <c r="APW654" s="613"/>
      <c r="APX654" s="613"/>
      <c r="APY654" s="613"/>
      <c r="APZ654" s="613"/>
      <c r="AQA654" s="613"/>
      <c r="AQB654" s="613"/>
      <c r="AQC654" s="613"/>
      <c r="AQD654" s="613"/>
      <c r="AQE654" s="613"/>
      <c r="AQF654" s="613"/>
      <c r="AQG654" s="613"/>
      <c r="AQH654" s="613"/>
      <c r="AQI654" s="613"/>
      <c r="AQJ654" s="613"/>
      <c r="AQK654" s="613"/>
      <c r="AQL654" s="613"/>
      <c r="AQM654" s="613"/>
      <c r="AQN654" s="613"/>
      <c r="AQO654" s="613"/>
      <c r="AQP654" s="613"/>
      <c r="AQQ654" s="613"/>
      <c r="AQR654" s="613"/>
      <c r="AQS654" s="613"/>
      <c r="AQT654" s="613"/>
      <c r="AQU654" s="613"/>
      <c r="AQV654" s="613"/>
      <c r="AQW654" s="613"/>
      <c r="AQX654" s="613"/>
      <c r="AQY654" s="613"/>
      <c r="AQZ654" s="613"/>
      <c r="ARA654" s="613"/>
      <c r="ARB654" s="613"/>
      <c r="ARC654" s="613"/>
      <c r="ARD654" s="613"/>
      <c r="ARE654" s="613"/>
      <c r="ARF654" s="613"/>
      <c r="ARG654" s="613"/>
      <c r="ARH654" s="613"/>
      <c r="ARI654" s="613"/>
      <c r="ARJ654" s="613"/>
      <c r="ARK654" s="613"/>
      <c r="ARL654" s="613"/>
      <c r="ARM654" s="613"/>
      <c r="ARN654" s="613"/>
      <c r="ARO654" s="613"/>
      <c r="ARP654" s="613"/>
      <c r="ARQ654" s="613"/>
      <c r="ARR654" s="613"/>
      <c r="ARS654" s="613"/>
      <c r="ART654" s="613"/>
      <c r="ARU654" s="613"/>
      <c r="ARV654" s="613"/>
      <c r="ARW654" s="613"/>
      <c r="ARX654" s="613"/>
      <c r="ARY654" s="613"/>
      <c r="ARZ654" s="613"/>
      <c r="ASA654" s="613"/>
      <c r="ASB654" s="613"/>
      <c r="ASC654" s="613"/>
      <c r="ASD654" s="613"/>
      <c r="ASE654" s="613"/>
      <c r="ASF654" s="613"/>
      <c r="ASG654" s="613"/>
      <c r="ASH654" s="613"/>
      <c r="ASI654" s="613"/>
      <c r="ASJ654" s="613"/>
      <c r="ASK654" s="613"/>
      <c r="ASL654" s="613"/>
      <c r="ASM654" s="613"/>
      <c r="ASN654" s="613"/>
      <c r="ASO654" s="613"/>
      <c r="ASP654" s="613"/>
      <c r="ASQ654" s="613"/>
      <c r="ASR654" s="613"/>
      <c r="ASS654" s="613"/>
      <c r="AST654" s="613"/>
      <c r="ASU654" s="613"/>
      <c r="ASV654" s="613"/>
      <c r="ASW654" s="613"/>
      <c r="ASX654" s="613"/>
      <c r="ASY654" s="613"/>
      <c r="ASZ654" s="613"/>
      <c r="ATA654" s="613"/>
      <c r="ATB654" s="613"/>
      <c r="ATC654" s="613"/>
      <c r="ATD654" s="613"/>
      <c r="ATE654" s="613"/>
      <c r="ATF654" s="613"/>
      <c r="ATG654" s="613"/>
      <c r="ATH654" s="613"/>
      <c r="ATI654" s="613"/>
      <c r="ATJ654" s="613"/>
      <c r="ATK654" s="613"/>
      <c r="ATL654" s="613"/>
      <c r="ATM654" s="613"/>
      <c r="ATN654" s="613"/>
      <c r="ATO654" s="613"/>
      <c r="ATP654" s="613"/>
      <c r="ATQ654" s="613"/>
      <c r="ATR654" s="613"/>
      <c r="ATS654" s="613"/>
      <c r="ATT654" s="613"/>
      <c r="ATU654" s="613"/>
      <c r="ATV654" s="613"/>
      <c r="ATW654" s="613"/>
      <c r="ATX654" s="613"/>
      <c r="ATY654" s="613"/>
      <c r="ATZ654" s="613"/>
      <c r="AUA654" s="613"/>
      <c r="AUB654" s="613"/>
      <c r="AUC654" s="613"/>
      <c r="AUD654" s="613"/>
      <c r="AUE654" s="613"/>
      <c r="AUF654" s="613"/>
      <c r="AUG654" s="613"/>
      <c r="AUH654" s="613"/>
      <c r="AUI654" s="613"/>
      <c r="AUJ654" s="613"/>
      <c r="AUK654" s="613"/>
      <c r="AUL654" s="613"/>
      <c r="AUM654" s="613"/>
      <c r="AUN654" s="613"/>
      <c r="AUO654" s="613"/>
      <c r="AUP654" s="613"/>
      <c r="AUQ654" s="613"/>
      <c r="AUR654" s="613"/>
      <c r="AUS654" s="613"/>
      <c r="AUT654" s="613"/>
      <c r="AUU654" s="613"/>
      <c r="AUV654" s="613"/>
      <c r="AUW654" s="613"/>
      <c r="AUX654" s="613"/>
      <c r="AUY654" s="613"/>
      <c r="AUZ654" s="613"/>
      <c r="AVA654" s="613"/>
      <c r="AVB654" s="613"/>
      <c r="AVC654" s="613"/>
      <c r="AVD654" s="613"/>
      <c r="AVE654" s="613"/>
      <c r="AVF654" s="613"/>
      <c r="AVG654" s="613"/>
      <c r="AVH654" s="613"/>
      <c r="AVI654" s="613"/>
      <c r="AVJ654" s="613"/>
      <c r="AVK654" s="613"/>
      <c r="AVL654" s="613"/>
      <c r="AVM654" s="613"/>
      <c r="AVN654" s="613"/>
      <c r="AVO654" s="613"/>
      <c r="AVP654" s="613"/>
      <c r="AVQ654" s="613"/>
      <c r="AVR654" s="613"/>
      <c r="AVS654" s="613"/>
      <c r="AVT654" s="613"/>
      <c r="AVU654" s="613"/>
      <c r="AVV654" s="613"/>
      <c r="AVW654" s="613"/>
      <c r="AVX654" s="613"/>
      <c r="AVY654" s="613"/>
      <c r="AVZ654" s="613"/>
      <c r="AWA654" s="613"/>
      <c r="AWB654" s="613"/>
      <c r="AWC654" s="613"/>
      <c r="AWD654" s="613"/>
      <c r="AWE654" s="613"/>
      <c r="AWF654" s="613"/>
      <c r="AWG654" s="613"/>
      <c r="AWH654" s="613"/>
      <c r="AWI654" s="613"/>
      <c r="AWJ654" s="613"/>
      <c r="AWK654" s="613"/>
      <c r="AWL654" s="613"/>
      <c r="AWM654" s="613"/>
      <c r="AWN654" s="613"/>
      <c r="AWO654" s="613"/>
      <c r="AWP654" s="613"/>
      <c r="AWQ654" s="613"/>
      <c r="AWR654" s="613"/>
      <c r="AWS654" s="613"/>
      <c r="AWT654" s="613"/>
      <c r="AWU654" s="613"/>
      <c r="AWV654" s="613"/>
      <c r="AWW654" s="613"/>
      <c r="AWX654" s="613"/>
      <c r="AWY654" s="613"/>
      <c r="AWZ654" s="613"/>
      <c r="AXA654" s="613"/>
      <c r="AXB654" s="613"/>
      <c r="AXC654" s="613"/>
      <c r="AXD654" s="613"/>
      <c r="AXE654" s="613"/>
      <c r="AXF654" s="613"/>
      <c r="AXG654" s="613"/>
      <c r="AXH654" s="613"/>
      <c r="AXI654" s="613"/>
      <c r="AXJ654" s="613"/>
      <c r="AXK654" s="613"/>
      <c r="AXL654" s="613"/>
      <c r="AXM654" s="613"/>
      <c r="AXN654" s="613"/>
      <c r="AXO654" s="613"/>
      <c r="AXP654" s="613"/>
      <c r="AXQ654" s="613"/>
      <c r="AXR654" s="613"/>
      <c r="AXS654" s="613"/>
      <c r="AXT654" s="613"/>
      <c r="AXU654" s="613"/>
      <c r="AXV654" s="613"/>
      <c r="AXW654" s="613"/>
      <c r="AXX654" s="613"/>
      <c r="AXY654" s="613"/>
      <c r="AXZ654" s="613"/>
      <c r="AYA654" s="613"/>
      <c r="AYB654" s="613"/>
      <c r="AYC654" s="613"/>
      <c r="AYD654" s="613"/>
      <c r="AYE654" s="613"/>
      <c r="AYF654" s="613"/>
      <c r="AYG654" s="613"/>
      <c r="AYH654" s="613"/>
      <c r="AYI654" s="613"/>
      <c r="AYJ654" s="613"/>
      <c r="AYK654" s="613"/>
      <c r="AYL654" s="613"/>
      <c r="AYM654" s="613"/>
      <c r="AYN654" s="613"/>
      <c r="AYO654" s="613"/>
      <c r="AYP654" s="613"/>
      <c r="AYQ654" s="613"/>
      <c r="AYR654" s="613"/>
      <c r="AYS654" s="613"/>
      <c r="AYT654" s="613"/>
      <c r="AYU654" s="613"/>
      <c r="AYV654" s="613"/>
      <c r="AYW654" s="613"/>
      <c r="AYX654" s="613"/>
      <c r="AYY654" s="613"/>
      <c r="AYZ654" s="613"/>
      <c r="AZA654" s="613"/>
      <c r="AZB654" s="613"/>
      <c r="AZC654" s="613"/>
      <c r="AZD654" s="613"/>
      <c r="AZE654" s="613"/>
      <c r="AZF654" s="613"/>
      <c r="AZG654" s="613"/>
      <c r="AZH654" s="613"/>
      <c r="AZI654" s="613"/>
      <c r="AZJ654" s="613"/>
      <c r="AZK654" s="613"/>
      <c r="AZL654" s="613"/>
      <c r="AZM654" s="613"/>
      <c r="AZN654" s="613"/>
      <c r="AZO654" s="613"/>
      <c r="AZP654" s="613"/>
      <c r="AZQ654" s="613"/>
      <c r="AZR654" s="613"/>
      <c r="AZS654" s="613"/>
      <c r="AZT654" s="613"/>
      <c r="AZU654" s="613"/>
      <c r="AZV654" s="613"/>
      <c r="AZW654" s="613"/>
      <c r="AZX654" s="613"/>
      <c r="AZY654" s="613"/>
      <c r="AZZ654" s="613"/>
      <c r="BAA654" s="613"/>
      <c r="BAB654" s="613"/>
      <c r="BAC654" s="613"/>
      <c r="BAD654" s="613"/>
      <c r="BAE654" s="613"/>
      <c r="BAF654" s="613"/>
      <c r="BAG654" s="613"/>
      <c r="BAH654" s="613"/>
      <c r="BAI654" s="613"/>
      <c r="BAJ654" s="613"/>
      <c r="BAK654" s="613"/>
      <c r="BAL654" s="613"/>
      <c r="BAM654" s="613"/>
      <c r="BAN654" s="613"/>
      <c r="BAO654" s="613"/>
      <c r="BAP654" s="613"/>
      <c r="BAQ654" s="613"/>
      <c r="BAR654" s="613"/>
      <c r="BAS654" s="613"/>
      <c r="BAT654" s="613"/>
      <c r="BAU654" s="613"/>
      <c r="BAV654" s="613"/>
      <c r="BAW654" s="613"/>
      <c r="BAX654" s="613"/>
      <c r="BAY654" s="613"/>
      <c r="BAZ654" s="613"/>
      <c r="BBA654" s="613"/>
      <c r="BBB654" s="613"/>
      <c r="BBC654" s="613"/>
      <c r="BBD654" s="613"/>
      <c r="BBE654" s="613"/>
      <c r="BBF654" s="613"/>
      <c r="BBG654" s="613"/>
      <c r="BBH654" s="613"/>
      <c r="BBI654" s="613"/>
      <c r="BBJ654" s="613"/>
      <c r="BBK654" s="613"/>
      <c r="BBL654" s="613"/>
      <c r="BBM654" s="613"/>
      <c r="BBN654" s="613"/>
      <c r="BBO654" s="613"/>
      <c r="BBP654" s="613"/>
      <c r="BBQ654" s="613"/>
      <c r="BBR654" s="613"/>
      <c r="BBS654" s="613"/>
      <c r="BBT654" s="613"/>
      <c r="BBU654" s="613"/>
      <c r="BBV654" s="613"/>
      <c r="BBW654" s="613"/>
      <c r="BBX654" s="613"/>
      <c r="BBY654" s="613"/>
      <c r="BBZ654" s="613"/>
      <c r="BCA654" s="613"/>
      <c r="BCB654" s="613"/>
      <c r="BCC654" s="613"/>
      <c r="BCD654" s="613"/>
      <c r="BCE654" s="613"/>
      <c r="BCF654" s="613"/>
      <c r="BCG654" s="613"/>
      <c r="BCH654" s="613"/>
      <c r="BCI654" s="613"/>
      <c r="BCJ654" s="613"/>
      <c r="BCK654" s="613"/>
      <c r="BCL654" s="613"/>
      <c r="BCM654" s="613"/>
      <c r="BCN654" s="613"/>
      <c r="BCO654" s="613"/>
      <c r="BCP654" s="613"/>
      <c r="BCQ654" s="613"/>
      <c r="BCR654" s="613"/>
      <c r="BCS654" s="613"/>
      <c r="BCT654" s="613"/>
      <c r="BCU654" s="613"/>
      <c r="BCV654" s="613"/>
      <c r="BCW654" s="613"/>
      <c r="BCX654" s="613"/>
      <c r="BCY654" s="613"/>
      <c r="BCZ654" s="613"/>
      <c r="BDA654" s="613"/>
      <c r="BDB654" s="613"/>
      <c r="BDC654" s="613"/>
      <c r="BDD654" s="613"/>
      <c r="BDE654" s="613"/>
      <c r="BDF654" s="613"/>
      <c r="BDG654" s="613"/>
      <c r="BDH654" s="613"/>
      <c r="BDI654" s="613"/>
      <c r="BDJ654" s="613"/>
      <c r="BDK654" s="613"/>
      <c r="BDL654" s="613"/>
      <c r="BDM654" s="613"/>
      <c r="BDN654" s="613"/>
      <c r="BDO654" s="613"/>
      <c r="BDP654" s="613"/>
      <c r="BDQ654" s="613"/>
      <c r="BDR654" s="613"/>
      <c r="BDS654" s="613"/>
      <c r="BDT654" s="613"/>
      <c r="BDU654" s="613"/>
      <c r="BDV654" s="613"/>
      <c r="BDW654" s="613"/>
      <c r="BDX654" s="613"/>
      <c r="BDY654" s="613"/>
      <c r="BDZ654" s="613"/>
      <c r="BEA654" s="613"/>
      <c r="BEB654" s="613"/>
      <c r="BEC654" s="613"/>
      <c r="BED654" s="613"/>
      <c r="BEE654" s="613"/>
      <c r="BEF654" s="613"/>
      <c r="BEG654" s="613"/>
      <c r="BEH654" s="613"/>
      <c r="BEI654" s="613"/>
      <c r="BEJ654" s="613"/>
      <c r="BEK654" s="613"/>
      <c r="BEL654" s="613"/>
      <c r="BEM654" s="613"/>
      <c r="BEN654" s="613"/>
      <c r="BEO654" s="613"/>
      <c r="BEP654" s="613"/>
      <c r="BEQ654" s="613"/>
      <c r="BER654" s="613"/>
      <c r="BES654" s="613"/>
      <c r="BET654" s="613"/>
      <c r="BEU654" s="613"/>
      <c r="BEV654" s="613"/>
      <c r="BEW654" s="613"/>
      <c r="BEX654" s="613"/>
      <c r="BEY654" s="613"/>
      <c r="BEZ654" s="613"/>
      <c r="BFA654" s="613"/>
      <c r="BFB654" s="613"/>
      <c r="BFC654" s="613"/>
      <c r="BFD654" s="613"/>
      <c r="BFE654" s="613"/>
      <c r="BFF654" s="613"/>
      <c r="BFG654" s="613"/>
      <c r="BFH654" s="613"/>
      <c r="BFI654" s="613"/>
      <c r="BFJ654" s="613"/>
      <c r="BFK654" s="613"/>
      <c r="BFL654" s="613"/>
      <c r="BFM654" s="613"/>
      <c r="BFN654" s="613"/>
      <c r="BFO654" s="613"/>
      <c r="BFP654" s="613"/>
      <c r="BFQ654" s="613"/>
      <c r="BFR654" s="613"/>
      <c r="BFS654" s="613"/>
      <c r="BFT654" s="613"/>
      <c r="BFU654" s="613"/>
      <c r="BFV654" s="613"/>
      <c r="BFW654" s="613"/>
      <c r="BFX654" s="613"/>
      <c r="BFY654" s="613"/>
      <c r="BFZ654" s="613"/>
      <c r="BGA654" s="613"/>
      <c r="BGB654" s="613"/>
      <c r="BGC654" s="613"/>
      <c r="BGD654" s="613"/>
      <c r="BGE654" s="613"/>
      <c r="BGF654" s="613"/>
      <c r="BGG654" s="613"/>
      <c r="BGH654" s="613"/>
      <c r="BGI654" s="613"/>
      <c r="BGJ654" s="613"/>
      <c r="BGK654" s="613"/>
      <c r="BGL654" s="613"/>
      <c r="BGM654" s="613"/>
      <c r="BGN654" s="613"/>
      <c r="BGO654" s="613"/>
      <c r="BGP654" s="613"/>
      <c r="BGQ654" s="613"/>
      <c r="BGR654" s="613"/>
      <c r="BGS654" s="613"/>
      <c r="BGT654" s="613"/>
      <c r="BGU654" s="613"/>
      <c r="BGV654" s="613"/>
      <c r="BGW654" s="613"/>
      <c r="BGX654" s="613"/>
      <c r="BGY654" s="613"/>
      <c r="BGZ654" s="613"/>
      <c r="BHA654" s="613"/>
      <c r="BHB654" s="613"/>
      <c r="BHC654" s="613"/>
      <c r="BHD654" s="613"/>
      <c r="BHE654" s="613"/>
      <c r="BHF654" s="613"/>
      <c r="BHG654" s="613"/>
      <c r="BHH654" s="613"/>
      <c r="BHI654" s="613"/>
      <c r="BHJ654" s="613"/>
      <c r="BHK654" s="613"/>
      <c r="BHL654" s="613"/>
      <c r="BHM654" s="613"/>
      <c r="BHN654" s="613"/>
      <c r="BHO654" s="613"/>
      <c r="BHP654" s="613"/>
      <c r="BHQ654" s="613"/>
      <c r="BHR654" s="613"/>
      <c r="BHS654" s="613"/>
      <c r="BHT654" s="613"/>
      <c r="BHU654" s="613"/>
      <c r="BHV654" s="613"/>
      <c r="BHW654" s="613"/>
      <c r="BHX654" s="613"/>
      <c r="BHY654" s="613"/>
      <c r="BHZ654" s="613"/>
      <c r="BIA654" s="613"/>
      <c r="BIB654" s="613"/>
      <c r="BIC654" s="613"/>
      <c r="BID654" s="613"/>
      <c r="BIE654" s="613"/>
      <c r="BIF654" s="613"/>
      <c r="BIG654" s="613"/>
      <c r="BIH654" s="613"/>
      <c r="BII654" s="613"/>
      <c r="BIJ654" s="613"/>
      <c r="BIK654" s="613"/>
      <c r="BIL654" s="613"/>
      <c r="BIM654" s="613"/>
      <c r="BIN654" s="613"/>
      <c r="BIO654" s="613"/>
      <c r="BIP654" s="613"/>
      <c r="BIQ654" s="613"/>
      <c r="BIR654" s="613"/>
      <c r="BIS654" s="613"/>
      <c r="BIT654" s="613"/>
      <c r="BIU654" s="613"/>
      <c r="BIV654" s="613"/>
      <c r="BIW654" s="613"/>
      <c r="BIX654" s="613"/>
      <c r="BIY654" s="613"/>
      <c r="BIZ654" s="613"/>
      <c r="BJA654" s="613"/>
      <c r="BJB654" s="613"/>
      <c r="BJC654" s="613"/>
      <c r="BJD654" s="613"/>
      <c r="BJE654" s="613"/>
      <c r="BJF654" s="613"/>
      <c r="BJG654" s="613"/>
      <c r="BJH654" s="613"/>
      <c r="BJI654" s="613"/>
      <c r="BJJ654" s="613"/>
      <c r="BJK654" s="613"/>
      <c r="BJL654" s="613"/>
      <c r="BJM654" s="613"/>
      <c r="BJN654" s="613"/>
      <c r="BJO654" s="613"/>
      <c r="BJP654" s="613"/>
      <c r="BJQ654" s="613"/>
      <c r="BJR654" s="613"/>
      <c r="BJS654" s="613"/>
      <c r="BJT654" s="613"/>
      <c r="BJU654" s="613"/>
      <c r="BJV654" s="613"/>
      <c r="BJW654" s="613"/>
      <c r="BJX654" s="613"/>
      <c r="BJY654" s="613"/>
      <c r="BJZ654" s="613"/>
      <c r="BKA654" s="613"/>
      <c r="BKB654" s="613"/>
      <c r="BKC654" s="613"/>
      <c r="BKD654" s="613"/>
      <c r="BKE654" s="613"/>
      <c r="BKF654" s="613"/>
      <c r="BKG654" s="613"/>
      <c r="BKH654" s="613"/>
      <c r="BKI654" s="613"/>
      <c r="BKJ654" s="613"/>
      <c r="BKK654" s="613"/>
      <c r="BKL654" s="613"/>
      <c r="BKM654" s="613"/>
      <c r="BKN654" s="613"/>
      <c r="BKO654" s="613"/>
      <c r="BKP654" s="613"/>
      <c r="BKQ654" s="613"/>
      <c r="BKR654" s="613"/>
      <c r="BKS654" s="613"/>
      <c r="BKT654" s="613"/>
      <c r="BKU654" s="613"/>
      <c r="BKV654" s="613"/>
      <c r="BKW654" s="613"/>
      <c r="BKX654" s="613"/>
      <c r="BKY654" s="613"/>
      <c r="BKZ654" s="613"/>
      <c r="BLA654" s="613"/>
      <c r="BLB654" s="613"/>
      <c r="BLC654" s="613"/>
      <c r="BLD654" s="613"/>
      <c r="BLE654" s="613"/>
      <c r="BLF654" s="613"/>
      <c r="BLG654" s="613"/>
      <c r="BLH654" s="613"/>
      <c r="BLI654" s="613"/>
      <c r="BLJ654" s="613"/>
      <c r="BLK654" s="613"/>
      <c r="BLL654" s="613"/>
      <c r="BLM654" s="613"/>
      <c r="BLN654" s="613"/>
      <c r="BLO654" s="613"/>
      <c r="BLP654" s="613"/>
      <c r="BLQ654" s="613"/>
      <c r="BLR654" s="613"/>
      <c r="BLS654" s="613"/>
      <c r="BLT654" s="613"/>
      <c r="BLU654" s="613"/>
      <c r="BLV654" s="613"/>
      <c r="BLW654" s="613"/>
      <c r="BLX654" s="613"/>
      <c r="BLY654" s="613"/>
      <c r="BLZ654" s="613"/>
      <c r="BMA654" s="613"/>
      <c r="BMB654" s="613"/>
      <c r="BMC654" s="613"/>
      <c r="BMD654" s="613"/>
      <c r="BME654" s="613"/>
      <c r="BMF654" s="613"/>
      <c r="BMG654" s="613"/>
      <c r="BMH654" s="613"/>
      <c r="BMI654" s="613"/>
      <c r="BMJ654" s="613"/>
      <c r="BMK654" s="613"/>
      <c r="BML654" s="613"/>
      <c r="BMM654" s="613"/>
      <c r="BMN654" s="613"/>
      <c r="BMO654" s="613"/>
      <c r="BMP654" s="613"/>
      <c r="BMQ654" s="613"/>
      <c r="BMR654" s="613"/>
      <c r="BMS654" s="613"/>
      <c r="BMT654" s="613"/>
      <c r="BMU654" s="613"/>
      <c r="BMV654" s="613"/>
      <c r="BMW654" s="613"/>
      <c r="BMX654" s="613"/>
      <c r="BMY654" s="613"/>
      <c r="BMZ654" s="613"/>
      <c r="BNA654" s="613"/>
      <c r="BNB654" s="613"/>
      <c r="BNC654" s="613"/>
      <c r="BND654" s="613"/>
      <c r="BNE654" s="613"/>
      <c r="BNF654" s="613"/>
      <c r="BNG654" s="613"/>
      <c r="BNH654" s="613"/>
      <c r="BNI654" s="613"/>
      <c r="BNJ654" s="613"/>
      <c r="BNK654" s="613"/>
      <c r="BNL654" s="613"/>
      <c r="BNM654" s="613"/>
      <c r="BNN654" s="613"/>
      <c r="BNO654" s="613"/>
      <c r="BNP654" s="613"/>
      <c r="BNQ654" s="613"/>
      <c r="BNR654" s="613"/>
      <c r="BNS654" s="613"/>
      <c r="BNT654" s="613"/>
      <c r="BNU654" s="613"/>
      <c r="BNV654" s="613"/>
      <c r="BNW654" s="613"/>
      <c r="BNX654" s="613"/>
      <c r="BNY654" s="613"/>
      <c r="BNZ654" s="613"/>
      <c r="BOA654" s="613"/>
      <c r="BOB654" s="613"/>
      <c r="BOC654" s="613"/>
      <c r="BOD654" s="613"/>
      <c r="BOE654" s="613"/>
      <c r="BOF654" s="613"/>
      <c r="BOG654" s="613"/>
      <c r="BOH654" s="613"/>
      <c r="BOI654" s="613"/>
      <c r="BOJ654" s="613"/>
      <c r="BOK654" s="613"/>
      <c r="BOL654" s="613"/>
      <c r="BOM654" s="613"/>
      <c r="BON654" s="613"/>
      <c r="BOO654" s="613"/>
      <c r="BOP654" s="613"/>
      <c r="BOQ654" s="613"/>
      <c r="BOR654" s="613"/>
      <c r="BOS654" s="613"/>
      <c r="BOT654" s="613"/>
      <c r="BOU654" s="613"/>
      <c r="BOV654" s="613"/>
      <c r="BOW654" s="613"/>
      <c r="BOX654" s="613"/>
      <c r="BOY654" s="613"/>
      <c r="BOZ654" s="613"/>
      <c r="BPA654" s="613"/>
      <c r="BPB654" s="613"/>
      <c r="BPC654" s="613"/>
      <c r="BPD654" s="613"/>
      <c r="BPE654" s="613"/>
      <c r="BPF654" s="613"/>
      <c r="BPG654" s="613"/>
      <c r="BPH654" s="613"/>
      <c r="BPI654" s="613"/>
      <c r="BPJ654" s="613"/>
      <c r="BPK654" s="613"/>
      <c r="BPL654" s="613"/>
      <c r="BPM654" s="613"/>
      <c r="BPN654" s="613"/>
      <c r="BPO654" s="613"/>
      <c r="BPP654" s="613"/>
      <c r="BPQ654" s="613"/>
      <c r="BPR654" s="613"/>
      <c r="BPS654" s="613"/>
      <c r="BPT654" s="613"/>
      <c r="BPU654" s="613"/>
      <c r="BPV654" s="613"/>
      <c r="BPW654" s="613"/>
      <c r="BPX654" s="613"/>
      <c r="BPY654" s="613"/>
      <c r="BPZ654" s="613"/>
      <c r="BQA654" s="613"/>
      <c r="BQB654" s="613"/>
      <c r="BQC654" s="613"/>
      <c r="BQD654" s="613"/>
      <c r="BQE654" s="613"/>
      <c r="BQF654" s="613"/>
      <c r="BQG654" s="613"/>
      <c r="BQH654" s="613"/>
      <c r="BQI654" s="613"/>
      <c r="BQJ654" s="613"/>
      <c r="BQK654" s="613"/>
      <c r="BQL654" s="613"/>
      <c r="BQM654" s="613"/>
      <c r="BQN654" s="613"/>
      <c r="BQO654" s="613"/>
      <c r="BQP654" s="613"/>
      <c r="BQQ654" s="613"/>
      <c r="BQR654" s="613"/>
      <c r="BQS654" s="613"/>
      <c r="BQT654" s="613"/>
      <c r="BQU654" s="613"/>
      <c r="BQV654" s="613"/>
      <c r="BQW654" s="613"/>
      <c r="BQX654" s="613"/>
      <c r="BQY654" s="613"/>
      <c r="BQZ654" s="613"/>
      <c r="BRA654" s="613"/>
      <c r="BRB654" s="613"/>
      <c r="BRC654" s="613"/>
      <c r="BRD654" s="613"/>
      <c r="BRE654" s="613"/>
      <c r="BRF654" s="613"/>
      <c r="BRG654" s="613"/>
      <c r="BRH654" s="613"/>
      <c r="BRI654" s="613"/>
      <c r="BRJ654" s="613"/>
      <c r="BRK654" s="613"/>
      <c r="BRL654" s="613"/>
      <c r="BRM654" s="613"/>
      <c r="BRN654" s="613"/>
      <c r="BRO654" s="613"/>
      <c r="BRP654" s="613"/>
      <c r="BRQ654" s="613"/>
      <c r="BRR654" s="613"/>
      <c r="BRS654" s="613"/>
      <c r="BRT654" s="613"/>
      <c r="BRU654" s="613"/>
      <c r="BRV654" s="613"/>
      <c r="BRW654" s="613"/>
      <c r="BRX654" s="613"/>
      <c r="BRY654" s="613"/>
      <c r="BRZ654" s="613"/>
      <c r="BSA654" s="613"/>
      <c r="BSB654" s="613"/>
      <c r="BSC654" s="613"/>
      <c r="BSD654" s="613"/>
      <c r="BSE654" s="613"/>
      <c r="BSF654" s="613"/>
      <c r="BSG654" s="613"/>
      <c r="BSH654" s="613"/>
      <c r="BSI654" s="613"/>
      <c r="BSJ654" s="613"/>
      <c r="BSK654" s="613"/>
      <c r="BSL654" s="613"/>
      <c r="BSM654" s="613"/>
      <c r="BSN654" s="613"/>
      <c r="BSO654" s="613"/>
      <c r="BSP654" s="613"/>
      <c r="BSQ654" s="613"/>
      <c r="BSR654" s="613"/>
      <c r="BSS654" s="613"/>
      <c r="BST654" s="613"/>
      <c r="BSU654" s="613"/>
      <c r="BSV654" s="613"/>
      <c r="BSW654" s="613"/>
      <c r="BSX654" s="613"/>
      <c r="BSY654" s="613"/>
      <c r="BSZ654" s="613"/>
      <c r="BTA654" s="613"/>
      <c r="BTB654" s="613"/>
      <c r="BTC654" s="613"/>
      <c r="BTD654" s="613"/>
      <c r="BTE654" s="613"/>
      <c r="BTF654" s="613"/>
      <c r="BTG654" s="613"/>
      <c r="BTH654" s="613"/>
      <c r="BTI654" s="613"/>
      <c r="BTJ654" s="613"/>
      <c r="BTK654" s="613"/>
      <c r="BTL654" s="613"/>
      <c r="BTM654" s="613"/>
      <c r="BTN654" s="613"/>
      <c r="BTO654" s="613"/>
      <c r="BTP654" s="613"/>
      <c r="BTQ654" s="613"/>
      <c r="BTR654" s="613"/>
      <c r="BTS654" s="613"/>
      <c r="BTT654" s="613"/>
      <c r="BTU654" s="613"/>
      <c r="BTV654" s="613"/>
      <c r="BTW654" s="613"/>
      <c r="BTX654" s="613"/>
      <c r="BTY654" s="613"/>
      <c r="BTZ654" s="613"/>
      <c r="BUA654" s="613"/>
      <c r="BUB654" s="613"/>
      <c r="BUC654" s="613"/>
      <c r="BUD654" s="613"/>
      <c r="BUE654" s="613"/>
      <c r="BUF654" s="613"/>
      <c r="BUG654" s="613"/>
      <c r="BUH654" s="613"/>
      <c r="BUI654" s="613"/>
      <c r="BUJ654" s="613"/>
      <c r="BUK654" s="613"/>
      <c r="BUL654" s="613"/>
      <c r="BUM654" s="613"/>
      <c r="BUN654" s="613"/>
      <c r="BUO654" s="613"/>
      <c r="BUP654" s="613"/>
      <c r="BUQ654" s="613"/>
      <c r="BUR654" s="613"/>
      <c r="BUS654" s="613"/>
      <c r="BUT654" s="613"/>
      <c r="BUU654" s="613"/>
      <c r="BUV654" s="613"/>
      <c r="BUW654" s="613"/>
      <c r="BUX654" s="613"/>
      <c r="BUY654" s="613"/>
      <c r="BUZ654" s="613"/>
      <c r="BVA654" s="613"/>
      <c r="BVB654" s="613"/>
      <c r="BVC654" s="613"/>
      <c r="BVD654" s="613"/>
      <c r="BVE654" s="613"/>
      <c r="BVF654" s="613"/>
      <c r="BVG654" s="613"/>
      <c r="BVH654" s="613"/>
      <c r="BVI654" s="613"/>
      <c r="BVJ654" s="613"/>
      <c r="BVK654" s="613"/>
      <c r="BVL654" s="613"/>
      <c r="BVM654" s="613"/>
      <c r="BVN654" s="613"/>
      <c r="BVO654" s="613"/>
      <c r="BVP654" s="613"/>
      <c r="BVQ654" s="613"/>
      <c r="BVR654" s="613"/>
      <c r="BVS654" s="613"/>
      <c r="BVT654" s="613"/>
      <c r="BVU654" s="613"/>
      <c r="BVV654" s="613"/>
      <c r="BVW654" s="613"/>
      <c r="BVX654" s="613"/>
      <c r="BVY654" s="613"/>
      <c r="BVZ654" s="613"/>
      <c r="BWA654" s="613"/>
      <c r="BWB654" s="613"/>
      <c r="BWC654" s="613"/>
      <c r="BWD654" s="613"/>
      <c r="BWE654" s="613"/>
      <c r="BWF654" s="613"/>
      <c r="BWG654" s="613"/>
      <c r="BWH654" s="613"/>
      <c r="BWI654" s="613"/>
      <c r="BWJ654" s="613"/>
      <c r="BWK654" s="613"/>
      <c r="BWL654" s="613"/>
      <c r="BWM654" s="613"/>
      <c r="BWN654" s="613"/>
      <c r="BWO654" s="613"/>
      <c r="BWP654" s="613"/>
      <c r="BWQ654" s="613"/>
      <c r="BWR654" s="613"/>
      <c r="BWS654" s="613"/>
      <c r="BWT654" s="613"/>
      <c r="BWU654" s="613"/>
      <c r="BWV654" s="613"/>
      <c r="BWW654" s="613"/>
      <c r="BWX654" s="613"/>
      <c r="BWY654" s="613"/>
      <c r="BWZ654" s="613"/>
      <c r="BXA654" s="613"/>
      <c r="BXB654" s="613"/>
      <c r="BXC654" s="613"/>
      <c r="BXD654" s="613"/>
      <c r="BXE654" s="613"/>
      <c r="BXF654" s="613"/>
      <c r="BXG654" s="613"/>
      <c r="BXH654" s="613"/>
      <c r="BXI654" s="613"/>
      <c r="BXJ654" s="613"/>
      <c r="BXK654" s="613"/>
      <c r="BXL654" s="613"/>
      <c r="BXM654" s="613"/>
      <c r="BXN654" s="613"/>
      <c r="BXO654" s="613"/>
      <c r="BXP654" s="613"/>
      <c r="BXQ654" s="613"/>
      <c r="BXR654" s="613"/>
      <c r="BXS654" s="613"/>
      <c r="BXT654" s="613"/>
      <c r="BXU654" s="613"/>
      <c r="BXV654" s="613"/>
      <c r="BXW654" s="613"/>
      <c r="BXX654" s="613"/>
      <c r="BXY654" s="613"/>
      <c r="BXZ654" s="613"/>
      <c r="BYA654" s="613"/>
      <c r="BYB654" s="613"/>
      <c r="BYC654" s="613"/>
      <c r="BYD654" s="613"/>
      <c r="BYE654" s="613"/>
      <c r="BYF654" s="613"/>
      <c r="BYG654" s="613"/>
      <c r="BYH654" s="613"/>
      <c r="BYI654" s="613"/>
      <c r="BYJ654" s="613"/>
      <c r="BYK654" s="613"/>
      <c r="BYL654" s="613"/>
      <c r="BYM654" s="613"/>
      <c r="BYN654" s="613"/>
      <c r="BYO654" s="613"/>
      <c r="BYP654" s="613"/>
      <c r="BYQ654" s="613"/>
      <c r="BYR654" s="613"/>
      <c r="BYS654" s="613"/>
      <c r="BYT654" s="613"/>
      <c r="BYU654" s="613"/>
      <c r="BYV654" s="613"/>
      <c r="BYW654" s="613"/>
      <c r="BYX654" s="613"/>
      <c r="BYY654" s="613"/>
      <c r="BYZ654" s="613"/>
      <c r="BZA654" s="613"/>
      <c r="BZB654" s="613"/>
      <c r="BZC654" s="613"/>
      <c r="BZD654" s="613"/>
      <c r="BZE654" s="613"/>
      <c r="BZF654" s="613"/>
      <c r="BZG654" s="613"/>
      <c r="BZH654" s="613"/>
      <c r="BZI654" s="613"/>
      <c r="BZJ654" s="613"/>
      <c r="BZK654" s="613"/>
      <c r="BZL654" s="613"/>
      <c r="BZM654" s="613"/>
      <c r="BZN654" s="613"/>
      <c r="BZO654" s="613"/>
      <c r="BZP654" s="613"/>
      <c r="BZQ654" s="613"/>
      <c r="BZR654" s="613"/>
      <c r="BZS654" s="613"/>
      <c r="BZT654" s="613"/>
      <c r="BZU654" s="613"/>
      <c r="BZV654" s="613"/>
      <c r="BZW654" s="613"/>
      <c r="BZX654" s="613"/>
      <c r="BZY654" s="613"/>
      <c r="BZZ654" s="613"/>
      <c r="CAA654" s="613"/>
      <c r="CAB654" s="613"/>
      <c r="CAC654" s="613"/>
      <c r="CAD654" s="613"/>
      <c r="CAE654" s="613"/>
      <c r="CAF654" s="613"/>
      <c r="CAG654" s="613"/>
      <c r="CAH654" s="613"/>
      <c r="CAI654" s="613"/>
      <c r="CAJ654" s="613"/>
      <c r="CAK654" s="613"/>
      <c r="CAL654" s="613"/>
      <c r="CAM654" s="613"/>
      <c r="CAN654" s="613"/>
      <c r="CAO654" s="613"/>
      <c r="CAP654" s="613"/>
      <c r="CAQ654" s="613"/>
      <c r="CAR654" s="613"/>
      <c r="CAS654" s="613"/>
      <c r="CAT654" s="613"/>
      <c r="CAU654" s="613"/>
      <c r="CAV654" s="613"/>
      <c r="CAW654" s="613"/>
      <c r="CAX654" s="613"/>
      <c r="CAY654" s="613"/>
      <c r="CAZ654" s="613"/>
      <c r="CBA654" s="613"/>
      <c r="CBB654" s="613"/>
      <c r="CBC654" s="613"/>
      <c r="CBD654" s="613"/>
      <c r="CBE654" s="613"/>
      <c r="CBF654" s="613"/>
      <c r="CBG654" s="613"/>
      <c r="CBH654" s="613"/>
      <c r="CBI654" s="613"/>
      <c r="CBJ654" s="613"/>
      <c r="CBK654" s="613"/>
      <c r="CBL654" s="613"/>
      <c r="CBM654" s="613"/>
      <c r="CBN654" s="613"/>
      <c r="CBO654" s="613"/>
      <c r="CBP654" s="613"/>
      <c r="CBQ654" s="613"/>
      <c r="CBR654" s="613"/>
      <c r="CBS654" s="613"/>
      <c r="CBT654" s="613"/>
      <c r="CBU654" s="613"/>
      <c r="CBV654" s="613"/>
      <c r="CBW654" s="613"/>
      <c r="CBX654" s="613"/>
      <c r="CBY654" s="613"/>
      <c r="CBZ654" s="613"/>
      <c r="CCA654" s="613"/>
      <c r="CCB654" s="613"/>
      <c r="CCC654" s="613"/>
      <c r="CCD654" s="613"/>
      <c r="CCE654" s="613"/>
      <c r="CCF654" s="613"/>
      <c r="CCG654" s="613"/>
      <c r="CCH654" s="613"/>
      <c r="CCI654" s="613"/>
      <c r="CCJ654" s="613"/>
      <c r="CCK654" s="613"/>
      <c r="CCL654" s="613"/>
      <c r="CCM654" s="613"/>
      <c r="CCN654" s="613"/>
      <c r="CCO654" s="613"/>
      <c r="CCP654" s="613"/>
      <c r="CCQ654" s="613"/>
      <c r="CCR654" s="613"/>
      <c r="CCS654" s="613"/>
      <c r="CCT654" s="613"/>
      <c r="CCU654" s="613"/>
      <c r="CCV654" s="613"/>
      <c r="CCW654" s="613"/>
      <c r="CCX654" s="613"/>
      <c r="CCY654" s="613"/>
      <c r="CCZ654" s="613"/>
      <c r="CDA654" s="613"/>
      <c r="CDB654" s="613"/>
      <c r="CDC654" s="613"/>
      <c r="CDD654" s="613"/>
      <c r="CDE654" s="613"/>
      <c r="CDF654" s="613"/>
      <c r="CDG654" s="613"/>
      <c r="CDH654" s="613"/>
      <c r="CDI654" s="613"/>
      <c r="CDJ654" s="613"/>
      <c r="CDK654" s="613"/>
      <c r="CDL654" s="613"/>
      <c r="CDM654" s="613"/>
      <c r="CDN654" s="613"/>
      <c r="CDO654" s="613"/>
      <c r="CDP654" s="613"/>
      <c r="CDQ654" s="613"/>
      <c r="CDR654" s="613"/>
      <c r="CDS654" s="613"/>
      <c r="CDT654" s="613"/>
      <c r="CDU654" s="613"/>
      <c r="CDV654" s="613"/>
      <c r="CDW654" s="613"/>
      <c r="CDX654" s="613"/>
      <c r="CDY654" s="613"/>
      <c r="CDZ654" s="613"/>
      <c r="CEA654" s="613"/>
      <c r="CEB654" s="613"/>
      <c r="CEC654" s="613"/>
      <c r="CED654" s="613"/>
      <c r="CEE654" s="613"/>
      <c r="CEF654" s="613"/>
      <c r="CEG654" s="613"/>
      <c r="CEH654" s="613"/>
      <c r="CEI654" s="613"/>
      <c r="CEJ654" s="613"/>
      <c r="CEK654" s="613"/>
      <c r="CEL654" s="613"/>
      <c r="CEM654" s="613"/>
      <c r="CEN654" s="613"/>
      <c r="CEO654" s="613"/>
      <c r="CEP654" s="613"/>
      <c r="CEQ654" s="613"/>
      <c r="CER654" s="613"/>
      <c r="CES654" s="613"/>
      <c r="CET654" s="613"/>
      <c r="CEU654" s="613"/>
      <c r="CEV654" s="613"/>
      <c r="CEW654" s="613"/>
      <c r="CEX654" s="613"/>
      <c r="CEY654" s="613"/>
      <c r="CEZ654" s="613"/>
      <c r="CFA654" s="613"/>
      <c r="CFB654" s="613"/>
      <c r="CFC654" s="613"/>
      <c r="CFD654" s="613"/>
      <c r="CFE654" s="613"/>
      <c r="CFF654" s="613"/>
      <c r="CFG654" s="613"/>
      <c r="CFH654" s="613"/>
      <c r="CFI654" s="613"/>
      <c r="CFJ654" s="613"/>
      <c r="CFK654" s="613"/>
      <c r="CFL654" s="613"/>
      <c r="CFM654" s="613"/>
      <c r="CFN654" s="613"/>
      <c r="CFO654" s="613"/>
      <c r="CFP654" s="613"/>
      <c r="CFQ654" s="613"/>
      <c r="CFR654" s="613"/>
      <c r="CFS654" s="613"/>
      <c r="CFT654" s="613"/>
      <c r="CFU654" s="613"/>
      <c r="CFV654" s="613"/>
      <c r="CFW654" s="613"/>
      <c r="CFX654" s="613"/>
      <c r="CFY654" s="613"/>
      <c r="CFZ654" s="613"/>
      <c r="CGA654" s="613"/>
      <c r="CGB654" s="613"/>
      <c r="CGC654" s="613"/>
      <c r="CGD654" s="613"/>
      <c r="CGE654" s="613"/>
      <c r="CGF654" s="613"/>
      <c r="CGG654" s="613"/>
      <c r="CGH654" s="613"/>
      <c r="CGI654" s="613"/>
      <c r="CGJ654" s="613"/>
      <c r="CGK654" s="613"/>
      <c r="CGL654" s="613"/>
      <c r="CGM654" s="613"/>
      <c r="CGN654" s="613"/>
      <c r="CGO654" s="613"/>
      <c r="CGP654" s="613"/>
      <c r="CGQ654" s="613"/>
      <c r="CGR654" s="613"/>
      <c r="CGS654" s="613"/>
      <c r="CGT654" s="613"/>
      <c r="CGU654" s="613"/>
      <c r="CGV654" s="613"/>
      <c r="CGW654" s="613"/>
      <c r="CGX654" s="613"/>
      <c r="CGY654" s="613"/>
      <c r="CGZ654" s="613"/>
      <c r="CHA654" s="613"/>
      <c r="CHB654" s="613"/>
      <c r="CHC654" s="613"/>
      <c r="CHD654" s="613"/>
      <c r="CHE654" s="613"/>
      <c r="CHF654" s="613"/>
      <c r="CHG654" s="613"/>
      <c r="CHH654" s="613"/>
      <c r="CHI654" s="613"/>
      <c r="CHJ654" s="613"/>
      <c r="CHK654" s="613"/>
      <c r="CHL654" s="613"/>
      <c r="CHM654" s="613"/>
      <c r="CHN654" s="613"/>
      <c r="CHO654" s="613"/>
      <c r="CHP654" s="613"/>
      <c r="CHQ654" s="613"/>
      <c r="CHR654" s="613"/>
      <c r="CHS654" s="613"/>
      <c r="CHT654" s="613"/>
      <c r="CHU654" s="613"/>
      <c r="CHV654" s="613"/>
      <c r="CHW654" s="613"/>
      <c r="CHX654" s="613"/>
      <c r="CHY654" s="613"/>
      <c r="CHZ654" s="613"/>
      <c r="CIA654" s="613"/>
      <c r="CIB654" s="613"/>
      <c r="CIC654" s="613"/>
      <c r="CID654" s="613"/>
      <c r="CIE654" s="613"/>
      <c r="CIF654" s="613"/>
      <c r="CIG654" s="613"/>
      <c r="CIH654" s="613"/>
      <c r="CII654" s="613"/>
      <c r="CIJ654" s="613"/>
      <c r="CIK654" s="613"/>
      <c r="CIL654" s="613"/>
      <c r="CIM654" s="613"/>
      <c r="CIN654" s="613"/>
      <c r="CIO654" s="613"/>
      <c r="CIP654" s="613"/>
      <c r="CIQ654" s="613"/>
      <c r="CIR654" s="613"/>
      <c r="CIS654" s="613"/>
      <c r="CIT654" s="613"/>
      <c r="CIU654" s="613"/>
      <c r="CIV654" s="613"/>
      <c r="CIW654" s="613"/>
      <c r="CIX654" s="613"/>
      <c r="CIY654" s="613"/>
      <c r="CIZ654" s="613"/>
      <c r="CJA654" s="613"/>
      <c r="CJB654" s="613"/>
      <c r="CJC654" s="613"/>
      <c r="CJD654" s="613"/>
      <c r="CJE654" s="613"/>
      <c r="CJF654" s="613"/>
      <c r="CJG654" s="613"/>
      <c r="CJH654" s="613"/>
      <c r="CJI654" s="613"/>
      <c r="CJJ654" s="613"/>
      <c r="CJK654" s="613"/>
      <c r="CJL654" s="613"/>
      <c r="CJM654" s="613"/>
      <c r="CJN654" s="613"/>
      <c r="CJO654" s="613"/>
      <c r="CJP654" s="613"/>
      <c r="CJQ654" s="613"/>
      <c r="CJR654" s="613"/>
      <c r="CJS654" s="613"/>
      <c r="CJT654" s="613"/>
      <c r="CJU654" s="613"/>
      <c r="CJV654" s="613"/>
      <c r="CJW654" s="613"/>
      <c r="CJX654" s="613"/>
      <c r="CJY654" s="613"/>
      <c r="CJZ654" s="613"/>
      <c r="CKA654" s="613"/>
      <c r="CKB654" s="613"/>
      <c r="CKC654" s="613"/>
      <c r="CKD654" s="613"/>
      <c r="CKE654" s="613"/>
      <c r="CKF654" s="613"/>
      <c r="CKG654" s="613"/>
      <c r="CKH654" s="613"/>
      <c r="CKI654" s="613"/>
      <c r="CKJ654" s="613"/>
      <c r="CKK654" s="613"/>
      <c r="CKL654" s="613"/>
      <c r="CKM654" s="613"/>
      <c r="CKN654" s="613"/>
      <c r="CKO654" s="613"/>
      <c r="CKP654" s="613"/>
      <c r="CKQ654" s="613"/>
      <c r="CKR654" s="613"/>
      <c r="CKS654" s="613"/>
      <c r="CKT654" s="613"/>
      <c r="CKU654" s="613"/>
      <c r="CKV654" s="613"/>
      <c r="CKW654" s="613"/>
      <c r="CKX654" s="613"/>
      <c r="CKY654" s="613"/>
      <c r="CKZ654" s="613"/>
      <c r="CLA654" s="613"/>
      <c r="CLB654" s="613"/>
      <c r="CLC654" s="613"/>
      <c r="CLD654" s="613"/>
      <c r="CLE654" s="613"/>
      <c r="CLF654" s="613"/>
      <c r="CLG654" s="613"/>
      <c r="CLH654" s="613"/>
      <c r="CLI654" s="613"/>
      <c r="CLJ654" s="613"/>
      <c r="CLK654" s="613"/>
      <c r="CLL654" s="613"/>
      <c r="CLM654" s="613"/>
      <c r="CLN654" s="613"/>
      <c r="CLO654" s="613"/>
      <c r="CLP654" s="613"/>
      <c r="CLQ654" s="613"/>
      <c r="CLR654" s="613"/>
      <c r="CLS654" s="613"/>
      <c r="CLT654" s="613"/>
      <c r="CLU654" s="613"/>
      <c r="CLV654" s="613"/>
      <c r="CLW654" s="613"/>
      <c r="CLX654" s="613"/>
      <c r="CLY654" s="613"/>
      <c r="CLZ654" s="613"/>
      <c r="CMA654" s="613"/>
      <c r="CMB654" s="613"/>
      <c r="CMC654" s="613"/>
      <c r="CMD654" s="613"/>
      <c r="CME654" s="613"/>
      <c r="CMF654" s="613"/>
      <c r="CMG654" s="613"/>
      <c r="CMH654" s="613"/>
      <c r="CMI654" s="613"/>
      <c r="CMJ654" s="613"/>
      <c r="CMK654" s="613"/>
      <c r="CML654" s="613"/>
      <c r="CMM654" s="613"/>
      <c r="CMN654" s="613"/>
      <c r="CMO654" s="613"/>
      <c r="CMP654" s="613"/>
      <c r="CMQ654" s="613"/>
      <c r="CMR654" s="613"/>
      <c r="CMS654" s="613"/>
      <c r="CMT654" s="613"/>
      <c r="CMU654" s="613"/>
      <c r="CMV654" s="613"/>
      <c r="CMW654" s="613"/>
      <c r="CMX654" s="613"/>
      <c r="CMY654" s="613"/>
      <c r="CMZ654" s="613"/>
      <c r="CNA654" s="613"/>
      <c r="CNB654" s="613"/>
      <c r="CNC654" s="613"/>
      <c r="CND654" s="613"/>
      <c r="CNE654" s="613"/>
      <c r="CNF654" s="613"/>
      <c r="CNG654" s="613"/>
      <c r="CNH654" s="613"/>
      <c r="CNI654" s="613"/>
      <c r="CNJ654" s="613"/>
      <c r="CNK654" s="613"/>
      <c r="CNL654" s="613"/>
      <c r="CNM654" s="613"/>
      <c r="CNN654" s="613"/>
      <c r="CNO654" s="613"/>
      <c r="CNP654" s="613"/>
      <c r="CNQ654" s="613"/>
      <c r="CNR654" s="613"/>
      <c r="CNS654" s="613"/>
      <c r="CNT654" s="613"/>
      <c r="CNU654" s="613"/>
      <c r="CNV654" s="613"/>
      <c r="CNW654" s="613"/>
      <c r="CNX654" s="613"/>
      <c r="CNY654" s="613"/>
      <c r="CNZ654" s="613"/>
      <c r="COA654" s="613"/>
      <c r="COB654" s="613"/>
      <c r="COC654" s="613"/>
      <c r="COD654" s="613"/>
      <c r="COE654" s="613"/>
      <c r="COF654" s="613"/>
      <c r="COG654" s="613"/>
      <c r="COH654" s="613"/>
      <c r="COI654" s="613"/>
      <c r="COJ654" s="613"/>
      <c r="COK654" s="613"/>
      <c r="COL654" s="613"/>
      <c r="COM654" s="613"/>
      <c r="CON654" s="613"/>
      <c r="COO654" s="613"/>
      <c r="COP654" s="613"/>
      <c r="COQ654" s="613"/>
      <c r="COR654" s="613"/>
      <c r="COS654" s="613"/>
      <c r="COT654" s="613"/>
      <c r="COU654" s="613"/>
      <c r="COV654" s="613"/>
      <c r="COW654" s="613"/>
      <c r="COX654" s="613"/>
      <c r="COY654" s="613"/>
      <c r="COZ654" s="613"/>
      <c r="CPA654" s="613"/>
      <c r="CPB654" s="613"/>
      <c r="CPC654" s="613"/>
      <c r="CPD654" s="613"/>
      <c r="CPE654" s="613"/>
      <c r="CPF654" s="613"/>
      <c r="CPG654" s="613"/>
      <c r="CPH654" s="613"/>
      <c r="CPI654" s="613"/>
      <c r="CPJ654" s="613"/>
      <c r="CPK654" s="613"/>
      <c r="CPL654" s="613"/>
      <c r="CPM654" s="613"/>
      <c r="CPN654" s="613"/>
      <c r="CPO654" s="613"/>
      <c r="CPP654" s="613"/>
      <c r="CPQ654" s="613"/>
      <c r="CPR654" s="613"/>
      <c r="CPS654" s="613"/>
      <c r="CPT654" s="613"/>
      <c r="CPU654" s="613"/>
      <c r="CPV654" s="613"/>
      <c r="CPW654" s="613"/>
      <c r="CPX654" s="613"/>
      <c r="CPY654" s="613"/>
      <c r="CPZ654" s="613"/>
      <c r="CQA654" s="613"/>
      <c r="CQB654" s="613"/>
      <c r="CQC654" s="613"/>
      <c r="CQD654" s="613"/>
      <c r="CQE654" s="613"/>
      <c r="CQF654" s="613"/>
      <c r="CQG654" s="613"/>
      <c r="CQH654" s="613"/>
      <c r="CQI654" s="613"/>
      <c r="CQJ654" s="613"/>
      <c r="CQK654" s="613"/>
      <c r="CQL654" s="613"/>
      <c r="CQM654" s="613"/>
      <c r="CQN654" s="613"/>
      <c r="CQO654" s="613"/>
      <c r="CQP654" s="613"/>
      <c r="CQQ654" s="613"/>
      <c r="CQR654" s="613"/>
      <c r="CQS654" s="613"/>
      <c r="CQT654" s="613"/>
      <c r="CQU654" s="613"/>
      <c r="CQV654" s="613"/>
      <c r="CQW654" s="613"/>
      <c r="CQX654" s="613"/>
      <c r="CQY654" s="613"/>
      <c r="CQZ654" s="613"/>
      <c r="CRA654" s="613"/>
      <c r="CRB654" s="613"/>
      <c r="CRC654" s="613"/>
      <c r="CRD654" s="613"/>
      <c r="CRE654" s="613"/>
      <c r="CRF654" s="613"/>
      <c r="CRG654" s="613"/>
      <c r="CRH654" s="613"/>
      <c r="CRI654" s="613"/>
      <c r="CRJ654" s="613"/>
      <c r="CRK654" s="613"/>
      <c r="CRL654" s="613"/>
      <c r="CRM654" s="613"/>
      <c r="CRN654" s="613"/>
      <c r="CRO654" s="613"/>
      <c r="CRP654" s="613"/>
      <c r="CRQ654" s="613"/>
      <c r="CRR654" s="613"/>
      <c r="CRS654" s="613"/>
      <c r="CRT654" s="613"/>
      <c r="CRU654" s="613"/>
      <c r="CRV654" s="613"/>
      <c r="CRW654" s="613"/>
      <c r="CRX654" s="613"/>
      <c r="CRY654" s="613"/>
      <c r="CRZ654" s="613"/>
      <c r="CSA654" s="613"/>
      <c r="CSB654" s="613"/>
      <c r="CSC654" s="613"/>
      <c r="CSD654" s="613"/>
      <c r="CSE654" s="613"/>
      <c r="CSF654" s="613"/>
      <c r="CSG654" s="613"/>
      <c r="CSH654" s="613"/>
      <c r="CSI654" s="613"/>
      <c r="CSJ654" s="613"/>
      <c r="CSK654" s="613"/>
      <c r="CSL654" s="613"/>
      <c r="CSM654" s="613"/>
      <c r="CSN654" s="613"/>
      <c r="CSO654" s="613"/>
      <c r="CSP654" s="613"/>
      <c r="CSQ654" s="613"/>
      <c r="CSR654" s="613"/>
      <c r="CSS654" s="613"/>
      <c r="CST654" s="613"/>
      <c r="CSU654" s="613"/>
      <c r="CSV654" s="613"/>
      <c r="CSW654" s="613"/>
      <c r="CSX654" s="613"/>
      <c r="CSY654" s="613"/>
      <c r="CSZ654" s="613"/>
      <c r="CTA654" s="613"/>
      <c r="CTB654" s="613"/>
      <c r="CTC654" s="613"/>
      <c r="CTD654" s="613"/>
      <c r="CTE654" s="613"/>
      <c r="CTF654" s="613"/>
      <c r="CTG654" s="613"/>
      <c r="CTH654" s="613"/>
      <c r="CTI654" s="613"/>
      <c r="CTJ654" s="613"/>
      <c r="CTK654" s="613"/>
      <c r="CTL654" s="613"/>
      <c r="CTM654" s="613"/>
      <c r="CTN654" s="613"/>
      <c r="CTO654" s="613"/>
      <c r="CTP654" s="613"/>
      <c r="CTQ654" s="613"/>
      <c r="CTR654" s="613"/>
      <c r="CTS654" s="613"/>
      <c r="CTT654" s="613"/>
      <c r="CTU654" s="613"/>
      <c r="CTV654" s="613"/>
      <c r="CTW654" s="613"/>
      <c r="CTX654" s="613"/>
      <c r="CTY654" s="613"/>
      <c r="CTZ654" s="613"/>
      <c r="CUA654" s="613"/>
      <c r="CUB654" s="613"/>
      <c r="CUC654" s="613"/>
      <c r="CUD654" s="613"/>
      <c r="CUE654" s="613"/>
      <c r="CUF654" s="613"/>
      <c r="CUG654" s="613"/>
      <c r="CUH654" s="613"/>
      <c r="CUI654" s="613"/>
      <c r="CUJ654" s="613"/>
      <c r="CUK654" s="613"/>
      <c r="CUL654" s="613"/>
      <c r="CUM654" s="613"/>
      <c r="CUN654" s="613"/>
      <c r="CUO654" s="613"/>
      <c r="CUP654" s="613"/>
      <c r="CUQ654" s="613"/>
      <c r="CUR654" s="613"/>
      <c r="CUS654" s="613"/>
      <c r="CUT654" s="613"/>
      <c r="CUU654" s="613"/>
      <c r="CUV654" s="613"/>
      <c r="CUW654" s="613"/>
      <c r="CUX654" s="613"/>
      <c r="CUY654" s="613"/>
      <c r="CUZ654" s="613"/>
      <c r="CVA654" s="613"/>
      <c r="CVB654" s="613"/>
      <c r="CVC654" s="613"/>
      <c r="CVD654" s="613"/>
      <c r="CVE654" s="613"/>
      <c r="CVF654" s="613"/>
      <c r="CVG654" s="613"/>
      <c r="CVH654" s="613"/>
      <c r="CVI654" s="613"/>
      <c r="CVJ654" s="613"/>
      <c r="CVK654" s="613"/>
      <c r="CVL654" s="613"/>
      <c r="CVM654" s="613"/>
      <c r="CVN654" s="613"/>
      <c r="CVO654" s="613"/>
      <c r="CVP654" s="613"/>
      <c r="CVQ654" s="613"/>
      <c r="CVR654" s="613"/>
      <c r="CVS654" s="613"/>
      <c r="CVT654" s="613"/>
      <c r="CVU654" s="613"/>
      <c r="CVV654" s="613"/>
      <c r="CVW654" s="613"/>
      <c r="CVX654" s="613"/>
      <c r="CVY654" s="613"/>
      <c r="CVZ654" s="613"/>
      <c r="CWA654" s="613"/>
      <c r="CWB654" s="613"/>
      <c r="CWC654" s="613"/>
      <c r="CWD654" s="613"/>
      <c r="CWE654" s="613"/>
      <c r="CWF654" s="613"/>
      <c r="CWG654" s="613"/>
      <c r="CWH654" s="613"/>
      <c r="CWI654" s="613"/>
      <c r="CWJ654" s="613"/>
      <c r="CWK654" s="613"/>
      <c r="CWL654" s="613"/>
      <c r="CWM654" s="613"/>
      <c r="CWN654" s="613"/>
      <c r="CWO654" s="613"/>
      <c r="CWP654" s="613"/>
      <c r="CWQ654" s="613"/>
      <c r="CWR654" s="613"/>
      <c r="CWS654" s="613"/>
      <c r="CWT654" s="613"/>
      <c r="CWU654" s="613"/>
      <c r="CWV654" s="613"/>
      <c r="CWW654" s="613"/>
      <c r="CWX654" s="613"/>
      <c r="CWY654" s="613"/>
      <c r="CWZ654" s="613"/>
      <c r="CXA654" s="613"/>
      <c r="CXB654" s="613"/>
      <c r="CXC654" s="613"/>
      <c r="CXD654" s="613"/>
      <c r="CXE654" s="613"/>
      <c r="CXF654" s="613"/>
      <c r="CXG654" s="613"/>
      <c r="CXH654" s="613"/>
      <c r="CXI654" s="613"/>
      <c r="CXJ654" s="613"/>
      <c r="CXK654" s="613"/>
      <c r="CXL654" s="613"/>
      <c r="CXM654" s="613"/>
      <c r="CXN654" s="613"/>
      <c r="CXO654" s="613"/>
      <c r="CXP654" s="613"/>
      <c r="CXQ654" s="613"/>
      <c r="CXR654" s="613"/>
      <c r="CXS654" s="613"/>
      <c r="CXT654" s="613"/>
      <c r="CXU654" s="613"/>
      <c r="CXV654" s="613"/>
      <c r="CXW654" s="613"/>
      <c r="CXX654" s="613"/>
      <c r="CXY654" s="613"/>
      <c r="CXZ654" s="613"/>
      <c r="CYA654" s="613"/>
      <c r="CYB654" s="613"/>
      <c r="CYC654" s="613"/>
      <c r="CYD654" s="613"/>
      <c r="CYE654" s="613"/>
      <c r="CYF654" s="613"/>
      <c r="CYG654" s="613"/>
      <c r="CYH654" s="613"/>
      <c r="CYI654" s="613"/>
      <c r="CYJ654" s="613"/>
      <c r="CYK654" s="613"/>
      <c r="CYL654" s="613"/>
      <c r="CYM654" s="613"/>
      <c r="CYN654" s="613"/>
      <c r="CYO654" s="613"/>
      <c r="CYP654" s="613"/>
      <c r="CYQ654" s="613"/>
      <c r="CYR654" s="613"/>
      <c r="CYS654" s="613"/>
      <c r="CYT654" s="613"/>
      <c r="CYU654" s="613"/>
      <c r="CYV654" s="613"/>
      <c r="CYW654" s="613"/>
      <c r="CYX654" s="613"/>
      <c r="CYY654" s="613"/>
      <c r="CYZ654" s="613"/>
      <c r="CZA654" s="613"/>
      <c r="CZB654" s="613"/>
      <c r="CZC654" s="613"/>
      <c r="CZD654" s="613"/>
      <c r="CZE654" s="613"/>
      <c r="CZF654" s="613"/>
      <c r="CZG654" s="613"/>
      <c r="CZH654" s="613"/>
      <c r="CZI654" s="613"/>
      <c r="CZJ654" s="613"/>
      <c r="CZK654" s="613"/>
      <c r="CZL654" s="613"/>
      <c r="CZM654" s="613"/>
      <c r="CZN654" s="613"/>
      <c r="CZO654" s="613"/>
      <c r="CZP654" s="613"/>
      <c r="CZQ654" s="613"/>
      <c r="CZR654" s="613"/>
      <c r="CZS654" s="613"/>
      <c r="CZT654" s="613"/>
      <c r="CZU654" s="613"/>
      <c r="CZV654" s="613"/>
      <c r="CZW654" s="613"/>
      <c r="CZX654" s="613"/>
      <c r="CZY654" s="613"/>
      <c r="CZZ654" s="613"/>
      <c r="DAA654" s="613"/>
      <c r="DAB654" s="613"/>
      <c r="DAC654" s="613"/>
      <c r="DAD654" s="613"/>
      <c r="DAE654" s="613"/>
      <c r="DAF654" s="613"/>
      <c r="DAG654" s="613"/>
      <c r="DAH654" s="613"/>
      <c r="DAI654" s="613"/>
      <c r="DAJ654" s="613"/>
      <c r="DAK654" s="613"/>
      <c r="DAL654" s="613"/>
      <c r="DAM654" s="613"/>
      <c r="DAN654" s="613"/>
      <c r="DAO654" s="613"/>
      <c r="DAP654" s="613"/>
      <c r="DAQ654" s="613"/>
      <c r="DAR654" s="613"/>
      <c r="DAS654" s="613"/>
      <c r="DAT654" s="613"/>
      <c r="DAU654" s="613"/>
      <c r="DAV654" s="613"/>
      <c r="DAW654" s="613"/>
      <c r="DAX654" s="613"/>
      <c r="DAY654" s="613"/>
      <c r="DAZ654" s="613"/>
      <c r="DBA654" s="613"/>
      <c r="DBB654" s="613"/>
      <c r="DBC654" s="613"/>
      <c r="DBD654" s="613"/>
      <c r="DBE654" s="613"/>
      <c r="DBF654" s="613"/>
      <c r="DBG654" s="613"/>
      <c r="DBH654" s="613"/>
      <c r="DBI654" s="613"/>
      <c r="DBJ654" s="613"/>
      <c r="DBK654" s="613"/>
      <c r="DBL654" s="613"/>
      <c r="DBM654" s="613"/>
      <c r="DBN654" s="613"/>
      <c r="DBO654" s="613"/>
      <c r="DBP654" s="613"/>
      <c r="DBQ654" s="613"/>
      <c r="DBR654" s="613"/>
      <c r="DBS654" s="613"/>
      <c r="DBT654" s="613"/>
      <c r="DBU654" s="613"/>
      <c r="DBV654" s="613"/>
      <c r="DBW654" s="613"/>
      <c r="DBX654" s="613"/>
      <c r="DBY654" s="613"/>
      <c r="DBZ654" s="613"/>
      <c r="DCA654" s="613"/>
      <c r="DCB654" s="613"/>
      <c r="DCC654" s="613"/>
      <c r="DCD654" s="613"/>
      <c r="DCE654" s="613"/>
      <c r="DCF654" s="613"/>
      <c r="DCG654" s="613"/>
      <c r="DCH654" s="613"/>
      <c r="DCI654" s="613"/>
      <c r="DCJ654" s="613"/>
      <c r="DCK654" s="613"/>
      <c r="DCL654" s="613"/>
      <c r="DCM654" s="613"/>
      <c r="DCN654" s="613"/>
      <c r="DCO654" s="613"/>
      <c r="DCP654" s="613"/>
      <c r="DCQ654" s="613"/>
      <c r="DCR654" s="613"/>
      <c r="DCS654" s="613"/>
      <c r="DCT654" s="613"/>
      <c r="DCU654" s="613"/>
      <c r="DCV654" s="613"/>
      <c r="DCW654" s="613"/>
      <c r="DCX654" s="613"/>
      <c r="DCY654" s="613"/>
      <c r="DCZ654" s="613"/>
      <c r="DDA654" s="613"/>
      <c r="DDB654" s="613"/>
      <c r="DDC654" s="613"/>
      <c r="DDD654" s="613"/>
      <c r="DDE654" s="613"/>
      <c r="DDF654" s="613"/>
      <c r="DDG654" s="613"/>
      <c r="DDH654" s="613"/>
      <c r="DDI654" s="613"/>
      <c r="DDJ654" s="613"/>
      <c r="DDK654" s="613"/>
      <c r="DDL654" s="613"/>
      <c r="DDM654" s="613"/>
      <c r="DDN654" s="613"/>
      <c r="DDO654" s="613"/>
      <c r="DDP654" s="613"/>
      <c r="DDQ654" s="613"/>
      <c r="DDR654" s="613"/>
      <c r="DDS654" s="613"/>
      <c r="DDT654" s="613"/>
      <c r="DDU654" s="613"/>
      <c r="DDV654" s="613"/>
      <c r="DDW654" s="613"/>
      <c r="DDX654" s="613"/>
      <c r="DDY654" s="613"/>
      <c r="DDZ654" s="613"/>
      <c r="DEA654" s="613"/>
      <c r="DEB654" s="613"/>
      <c r="DEC654" s="613"/>
      <c r="DED654" s="613"/>
      <c r="DEE654" s="613"/>
      <c r="DEF654" s="613"/>
      <c r="DEG654" s="613"/>
      <c r="DEH654" s="613"/>
      <c r="DEI654" s="613"/>
      <c r="DEJ654" s="613"/>
      <c r="DEK654" s="613"/>
      <c r="DEL654" s="613"/>
      <c r="DEM654" s="613"/>
      <c r="DEN654" s="613"/>
      <c r="DEO654" s="613"/>
      <c r="DEP654" s="613"/>
      <c r="DEQ654" s="613"/>
      <c r="DER654" s="613"/>
      <c r="DES654" s="613"/>
      <c r="DET654" s="613"/>
      <c r="DEU654" s="613"/>
      <c r="DEV654" s="613"/>
      <c r="DEW654" s="613"/>
      <c r="DEX654" s="613"/>
      <c r="DEY654" s="613"/>
      <c r="DEZ654" s="613"/>
      <c r="DFA654" s="613"/>
      <c r="DFB654" s="613"/>
      <c r="DFC654" s="613"/>
      <c r="DFD654" s="613"/>
      <c r="DFE654" s="613"/>
      <c r="DFF654" s="613"/>
      <c r="DFG654" s="613"/>
      <c r="DFH654" s="613"/>
      <c r="DFI654" s="613"/>
      <c r="DFJ654" s="613"/>
      <c r="DFK654" s="613"/>
      <c r="DFL654" s="613"/>
      <c r="DFM654" s="613"/>
      <c r="DFN654" s="613"/>
      <c r="DFO654" s="613"/>
      <c r="DFP654" s="613"/>
      <c r="DFQ654" s="613"/>
      <c r="DFR654" s="613"/>
      <c r="DFS654" s="613"/>
      <c r="DFT654" s="613"/>
      <c r="DFU654" s="613"/>
      <c r="DFV654" s="613"/>
      <c r="DFW654" s="613"/>
      <c r="DFX654" s="613"/>
      <c r="DFY654" s="613"/>
      <c r="DFZ654" s="613"/>
      <c r="DGA654" s="613"/>
      <c r="DGB654" s="613"/>
      <c r="DGC654" s="613"/>
      <c r="DGD654" s="613"/>
      <c r="DGE654" s="613"/>
      <c r="DGF654" s="613"/>
      <c r="DGG654" s="613"/>
      <c r="DGH654" s="613"/>
      <c r="DGI654" s="613"/>
      <c r="DGJ654" s="613"/>
      <c r="DGK654" s="613"/>
      <c r="DGL654" s="613"/>
      <c r="DGM654" s="613"/>
      <c r="DGN654" s="613"/>
      <c r="DGO654" s="613"/>
      <c r="DGP654" s="613"/>
      <c r="DGQ654" s="613"/>
      <c r="DGR654" s="613"/>
      <c r="DGS654" s="613"/>
      <c r="DGT654" s="613"/>
      <c r="DGU654" s="613"/>
      <c r="DGV654" s="613"/>
      <c r="DGW654" s="613"/>
      <c r="DGX654" s="613"/>
      <c r="DGY654" s="613"/>
      <c r="DGZ654" s="613"/>
      <c r="DHA654" s="613"/>
      <c r="DHB654" s="613"/>
      <c r="DHC654" s="613"/>
      <c r="DHD654" s="613"/>
      <c r="DHE654" s="613"/>
      <c r="DHF654" s="613"/>
      <c r="DHG654" s="613"/>
      <c r="DHH654" s="613"/>
      <c r="DHI654" s="613"/>
      <c r="DHJ654" s="613"/>
      <c r="DHK654" s="613"/>
      <c r="DHL654" s="613"/>
      <c r="DHM654" s="613"/>
      <c r="DHN654" s="613"/>
      <c r="DHO654" s="613"/>
      <c r="DHP654" s="613"/>
      <c r="DHQ654" s="613"/>
      <c r="DHR654" s="613"/>
      <c r="DHS654" s="613"/>
      <c r="DHT654" s="613"/>
      <c r="DHU654" s="613"/>
      <c r="DHV654" s="613"/>
      <c r="DHW654" s="613"/>
      <c r="DHX654" s="613"/>
      <c r="DHY654" s="613"/>
      <c r="DHZ654" s="613"/>
      <c r="DIA654" s="613"/>
      <c r="DIB654" s="613"/>
      <c r="DIC654" s="613"/>
      <c r="DID654" s="613"/>
      <c r="DIE654" s="613"/>
      <c r="DIF654" s="613"/>
      <c r="DIG654" s="613"/>
      <c r="DIH654" s="613"/>
      <c r="DII654" s="613"/>
      <c r="DIJ654" s="613"/>
      <c r="DIK654" s="613"/>
      <c r="DIL654" s="613"/>
      <c r="DIM654" s="613"/>
      <c r="DIN654" s="613"/>
      <c r="DIO654" s="613"/>
      <c r="DIP654" s="613"/>
      <c r="DIQ654" s="613"/>
      <c r="DIR654" s="613"/>
      <c r="DIS654" s="613"/>
      <c r="DIT654" s="613"/>
      <c r="DIU654" s="613"/>
      <c r="DIV654" s="613"/>
      <c r="DIW654" s="613"/>
      <c r="DIX654" s="613"/>
      <c r="DIY654" s="613"/>
      <c r="DIZ654" s="613"/>
      <c r="DJA654" s="613"/>
      <c r="DJB654" s="613"/>
      <c r="DJC654" s="613"/>
      <c r="DJD654" s="613"/>
      <c r="DJE654" s="613"/>
      <c r="DJF654" s="613"/>
      <c r="DJG654" s="613"/>
      <c r="DJH654" s="613"/>
      <c r="DJI654" s="613"/>
      <c r="DJJ654" s="613"/>
      <c r="DJK654" s="613"/>
      <c r="DJL654" s="613"/>
      <c r="DJM654" s="613"/>
      <c r="DJN654" s="613"/>
      <c r="DJO654" s="613"/>
      <c r="DJP654" s="613"/>
      <c r="DJQ654" s="613"/>
      <c r="DJR654" s="613"/>
      <c r="DJS654" s="613"/>
      <c r="DJT654" s="613"/>
      <c r="DJU654" s="613"/>
      <c r="DJV654" s="613"/>
      <c r="DJW654" s="613"/>
      <c r="DJX654" s="613"/>
      <c r="DJY654" s="613"/>
      <c r="DJZ654" s="613"/>
      <c r="DKA654" s="613"/>
      <c r="DKB654" s="613"/>
      <c r="DKC654" s="613"/>
      <c r="DKD654" s="613"/>
      <c r="DKE654" s="613"/>
      <c r="DKF654" s="613"/>
      <c r="DKG654" s="613"/>
      <c r="DKH654" s="613"/>
      <c r="DKI654" s="613"/>
      <c r="DKJ654" s="613"/>
      <c r="DKK654" s="613"/>
      <c r="DKL654" s="613"/>
      <c r="DKM654" s="613"/>
      <c r="DKN654" s="613"/>
      <c r="DKO654" s="613"/>
      <c r="DKP654" s="613"/>
      <c r="DKQ654" s="613"/>
      <c r="DKR654" s="613"/>
      <c r="DKS654" s="613"/>
      <c r="DKT654" s="613"/>
      <c r="DKU654" s="613"/>
      <c r="DKV654" s="613"/>
      <c r="DKW654" s="613"/>
      <c r="DKX654" s="613"/>
      <c r="DKY654" s="613"/>
      <c r="DKZ654" s="613"/>
      <c r="DLA654" s="613"/>
      <c r="DLB654" s="613"/>
      <c r="DLC654" s="613"/>
      <c r="DLD654" s="613"/>
      <c r="DLE654" s="613"/>
      <c r="DLF654" s="613"/>
      <c r="DLG654" s="613"/>
      <c r="DLH654" s="613"/>
      <c r="DLI654" s="613"/>
      <c r="DLJ654" s="613"/>
      <c r="DLK654" s="613"/>
      <c r="DLL654" s="613"/>
      <c r="DLM654" s="613"/>
      <c r="DLN654" s="613"/>
      <c r="DLO654" s="613"/>
      <c r="DLP654" s="613"/>
      <c r="DLQ654" s="613"/>
      <c r="DLR654" s="613"/>
      <c r="DLS654" s="613"/>
      <c r="DLT654" s="613"/>
      <c r="DLU654" s="613"/>
      <c r="DLV654" s="613"/>
      <c r="DLW654" s="613"/>
      <c r="DLX654" s="613"/>
      <c r="DLY654" s="613"/>
      <c r="DLZ654" s="613"/>
      <c r="DMA654" s="613"/>
      <c r="DMB654" s="613"/>
      <c r="DMC654" s="613"/>
      <c r="DMD654" s="613"/>
      <c r="DME654" s="613"/>
      <c r="DMF654" s="613"/>
      <c r="DMG654" s="613"/>
      <c r="DMH654" s="613"/>
      <c r="DMI654" s="613"/>
      <c r="DMJ654" s="613"/>
      <c r="DMK654" s="613"/>
      <c r="DML654" s="613"/>
      <c r="DMM654" s="613"/>
      <c r="DMN654" s="613"/>
      <c r="DMO654" s="613"/>
      <c r="DMP654" s="613"/>
      <c r="DMQ654" s="613"/>
      <c r="DMR654" s="613"/>
      <c r="DMS654" s="613"/>
      <c r="DMT654" s="613"/>
      <c r="DMU654" s="613"/>
      <c r="DMV654" s="613"/>
      <c r="DMW654" s="613"/>
      <c r="DMX654" s="613"/>
      <c r="DMY654" s="613"/>
      <c r="DMZ654" s="613"/>
      <c r="DNA654" s="613"/>
      <c r="DNB654" s="613"/>
      <c r="DNC654" s="613"/>
      <c r="DND654" s="613"/>
      <c r="DNE654" s="613"/>
      <c r="DNF654" s="613"/>
      <c r="DNG654" s="613"/>
      <c r="DNH654" s="613"/>
      <c r="DNI654" s="613"/>
      <c r="DNJ654" s="613"/>
      <c r="DNK654" s="613"/>
      <c r="DNL654" s="613"/>
      <c r="DNM654" s="613"/>
      <c r="DNN654" s="613"/>
      <c r="DNO654" s="613"/>
      <c r="DNP654" s="613"/>
      <c r="DNQ654" s="613"/>
      <c r="DNR654" s="613"/>
      <c r="DNS654" s="613"/>
      <c r="DNT654" s="613"/>
      <c r="DNU654" s="613"/>
      <c r="DNV654" s="613"/>
      <c r="DNW654" s="613"/>
      <c r="DNX654" s="613"/>
      <c r="DNY654" s="613"/>
      <c r="DNZ654" s="613"/>
      <c r="DOA654" s="613"/>
      <c r="DOB654" s="613"/>
      <c r="DOC654" s="613"/>
      <c r="DOD654" s="613"/>
      <c r="DOE654" s="613"/>
      <c r="DOF654" s="613"/>
      <c r="DOG654" s="613"/>
      <c r="DOH654" s="613"/>
      <c r="DOI654" s="613"/>
      <c r="DOJ654" s="613"/>
      <c r="DOK654" s="613"/>
      <c r="DOL654" s="613"/>
      <c r="DOM654" s="613"/>
      <c r="DON654" s="613"/>
      <c r="DOO654" s="613"/>
      <c r="DOP654" s="613"/>
      <c r="DOQ654" s="613"/>
      <c r="DOR654" s="613"/>
      <c r="DOS654" s="613"/>
      <c r="DOT654" s="613"/>
      <c r="DOU654" s="613"/>
      <c r="DOV654" s="613"/>
      <c r="DOW654" s="613"/>
      <c r="DOX654" s="613"/>
      <c r="DOY654" s="613"/>
      <c r="DOZ654" s="613"/>
      <c r="DPA654" s="613"/>
      <c r="DPB654" s="613"/>
      <c r="DPC654" s="613"/>
      <c r="DPD654" s="613"/>
      <c r="DPE654" s="613"/>
      <c r="DPF654" s="613"/>
      <c r="DPG654" s="613"/>
      <c r="DPH654" s="613"/>
      <c r="DPI654" s="613"/>
      <c r="DPJ654" s="613"/>
      <c r="DPK654" s="613"/>
      <c r="DPL654" s="613"/>
      <c r="DPM654" s="613"/>
      <c r="DPN654" s="613"/>
      <c r="DPO654" s="613"/>
      <c r="DPP654" s="613"/>
      <c r="DPQ654" s="613"/>
      <c r="DPR654" s="613"/>
      <c r="DPS654" s="613"/>
      <c r="DPT654" s="613"/>
      <c r="DPU654" s="613"/>
      <c r="DPV654" s="613"/>
      <c r="DPW654" s="613"/>
      <c r="DPX654" s="613"/>
      <c r="DPY654" s="613"/>
      <c r="DPZ654" s="613"/>
      <c r="DQA654" s="613"/>
      <c r="DQB654" s="613"/>
      <c r="DQC654" s="613"/>
      <c r="DQD654" s="613"/>
      <c r="DQE654" s="613"/>
      <c r="DQF654" s="613"/>
      <c r="DQG654" s="613"/>
      <c r="DQH654" s="613"/>
      <c r="DQI654" s="613"/>
      <c r="DQJ654" s="613"/>
      <c r="DQK654" s="613"/>
      <c r="DQL654" s="613"/>
      <c r="DQM654" s="613"/>
      <c r="DQN654" s="613"/>
      <c r="DQO654" s="613"/>
      <c r="DQP654" s="613"/>
      <c r="DQQ654" s="613"/>
      <c r="DQR654" s="613"/>
      <c r="DQS654" s="613"/>
      <c r="DQT654" s="613"/>
      <c r="DQU654" s="613"/>
      <c r="DQV654" s="613"/>
      <c r="DQW654" s="613"/>
      <c r="DQX654" s="613"/>
      <c r="DQY654" s="613"/>
      <c r="DQZ654" s="613"/>
      <c r="DRA654" s="613"/>
      <c r="DRB654" s="613"/>
      <c r="DRC654" s="613"/>
      <c r="DRD654" s="613"/>
      <c r="DRE654" s="613"/>
      <c r="DRF654" s="613"/>
      <c r="DRG654" s="613"/>
      <c r="DRH654" s="613"/>
      <c r="DRI654" s="613"/>
      <c r="DRJ654" s="613"/>
      <c r="DRK654" s="613"/>
      <c r="DRL654" s="613"/>
      <c r="DRM654" s="613"/>
      <c r="DRN654" s="613"/>
      <c r="DRO654" s="613"/>
      <c r="DRP654" s="613"/>
      <c r="DRQ654" s="613"/>
      <c r="DRR654" s="613"/>
      <c r="DRS654" s="613"/>
      <c r="DRT654" s="613"/>
      <c r="DRU654" s="613"/>
      <c r="DRV654" s="613"/>
      <c r="DRW654" s="613"/>
      <c r="DRX654" s="613"/>
      <c r="DRY654" s="613"/>
      <c r="DRZ654" s="613"/>
      <c r="DSA654" s="613"/>
      <c r="DSB654" s="613"/>
      <c r="DSC654" s="613"/>
      <c r="DSD654" s="613"/>
      <c r="DSE654" s="613"/>
      <c r="DSF654" s="613"/>
      <c r="DSG654" s="613"/>
      <c r="DSH654" s="613"/>
      <c r="DSI654" s="613"/>
      <c r="DSJ654" s="613"/>
      <c r="DSK654" s="613"/>
      <c r="DSL654" s="613"/>
      <c r="DSM654" s="613"/>
      <c r="DSN654" s="613"/>
      <c r="DSO654" s="613"/>
      <c r="DSP654" s="613"/>
      <c r="DSQ654" s="613"/>
      <c r="DSR654" s="613"/>
      <c r="DSS654" s="613"/>
      <c r="DST654" s="613"/>
      <c r="DSU654" s="613"/>
      <c r="DSV654" s="613"/>
      <c r="DSW654" s="613"/>
      <c r="DSX654" s="613"/>
      <c r="DSY654" s="613"/>
      <c r="DSZ654" s="613"/>
      <c r="DTA654" s="613"/>
      <c r="DTB654" s="613"/>
      <c r="DTC654" s="613"/>
      <c r="DTD654" s="613"/>
      <c r="DTE654" s="613"/>
      <c r="DTF654" s="613"/>
      <c r="DTG654" s="613"/>
      <c r="DTH654" s="613"/>
      <c r="DTI654" s="613"/>
      <c r="DTJ654" s="613"/>
      <c r="DTK654" s="613"/>
      <c r="DTL654" s="613"/>
      <c r="DTM654" s="613"/>
      <c r="DTN654" s="613"/>
      <c r="DTO654" s="613"/>
      <c r="DTP654" s="613"/>
      <c r="DTQ654" s="613"/>
      <c r="DTR654" s="613"/>
      <c r="DTS654" s="613"/>
      <c r="DTT654" s="613"/>
      <c r="DTU654" s="613"/>
      <c r="DTV654" s="613"/>
      <c r="DTW654" s="613"/>
      <c r="DTX654" s="613"/>
      <c r="DTY654" s="613"/>
      <c r="DTZ654" s="613"/>
      <c r="DUA654" s="613"/>
      <c r="DUB654" s="613"/>
      <c r="DUC654" s="613"/>
      <c r="DUD654" s="613"/>
      <c r="DUE654" s="613"/>
      <c r="DUF654" s="613"/>
      <c r="DUG654" s="613"/>
      <c r="DUH654" s="613"/>
      <c r="DUI654" s="613"/>
      <c r="DUJ654" s="613"/>
      <c r="DUK654" s="613"/>
      <c r="DUL654" s="613"/>
      <c r="DUM654" s="613"/>
      <c r="DUN654" s="613"/>
      <c r="DUO654" s="613"/>
      <c r="DUP654" s="613"/>
      <c r="DUQ654" s="613"/>
      <c r="DUR654" s="613"/>
      <c r="DUS654" s="613"/>
      <c r="DUT654" s="613"/>
      <c r="DUU654" s="613"/>
      <c r="DUV654" s="613"/>
      <c r="DUW654" s="613"/>
      <c r="DUX654" s="613"/>
      <c r="DUY654" s="613"/>
      <c r="DUZ654" s="613"/>
      <c r="DVA654" s="613"/>
      <c r="DVB654" s="613"/>
      <c r="DVC654" s="613"/>
      <c r="DVD654" s="613"/>
      <c r="DVE654" s="613"/>
      <c r="DVF654" s="613"/>
      <c r="DVG654" s="613"/>
      <c r="DVH654" s="613"/>
      <c r="DVI654" s="613"/>
      <c r="DVJ654" s="613"/>
      <c r="DVK654" s="613"/>
      <c r="DVL654" s="613"/>
      <c r="DVM654" s="613"/>
      <c r="DVN654" s="613"/>
      <c r="DVO654" s="613"/>
      <c r="DVP654" s="613"/>
      <c r="DVQ654" s="613"/>
      <c r="DVR654" s="613"/>
      <c r="DVS654" s="613"/>
      <c r="DVT654" s="613"/>
      <c r="DVU654" s="613"/>
      <c r="DVV654" s="613"/>
      <c r="DVW654" s="613"/>
      <c r="DVX654" s="613"/>
      <c r="DVY654" s="613"/>
      <c r="DVZ654" s="613"/>
      <c r="DWA654" s="613"/>
      <c r="DWB654" s="613"/>
      <c r="DWC654" s="613"/>
      <c r="DWD654" s="613"/>
      <c r="DWE654" s="613"/>
      <c r="DWF654" s="613"/>
      <c r="DWG654" s="613"/>
      <c r="DWH654" s="613"/>
      <c r="DWI654" s="613"/>
      <c r="DWJ654" s="613"/>
      <c r="DWK654" s="613"/>
      <c r="DWL654" s="613"/>
      <c r="DWM654" s="613"/>
      <c r="DWN654" s="613"/>
      <c r="DWO654" s="613"/>
      <c r="DWP654" s="613"/>
      <c r="DWQ654" s="613"/>
      <c r="DWR654" s="613"/>
      <c r="DWS654" s="613"/>
      <c r="DWT654" s="613"/>
      <c r="DWU654" s="613"/>
      <c r="DWV654" s="613"/>
      <c r="DWW654" s="613"/>
      <c r="DWX654" s="613"/>
      <c r="DWY654" s="613"/>
      <c r="DWZ654" s="613"/>
      <c r="DXA654" s="613"/>
      <c r="DXB654" s="613"/>
      <c r="DXC654" s="613"/>
      <c r="DXD654" s="613"/>
      <c r="DXE654" s="613"/>
      <c r="DXF654" s="613"/>
      <c r="DXG654" s="613"/>
      <c r="DXH654" s="613"/>
      <c r="DXI654" s="613"/>
      <c r="DXJ654" s="613"/>
      <c r="DXK654" s="613"/>
      <c r="DXL654" s="613"/>
      <c r="DXM654" s="613"/>
      <c r="DXN654" s="613"/>
      <c r="DXO654" s="613"/>
      <c r="DXP654" s="613"/>
      <c r="DXQ654" s="613"/>
      <c r="DXR654" s="613"/>
      <c r="DXS654" s="613"/>
      <c r="DXT654" s="613"/>
      <c r="DXU654" s="613"/>
      <c r="DXV654" s="613"/>
      <c r="DXW654" s="613"/>
      <c r="DXX654" s="613"/>
      <c r="DXY654" s="613"/>
      <c r="DXZ654" s="613"/>
      <c r="DYA654" s="613"/>
      <c r="DYB654" s="613"/>
      <c r="DYC654" s="613"/>
      <c r="DYD654" s="613"/>
      <c r="DYE654" s="613"/>
      <c r="DYF654" s="613"/>
      <c r="DYG654" s="613"/>
      <c r="DYH654" s="613"/>
      <c r="DYI654" s="613"/>
      <c r="DYJ654" s="613"/>
      <c r="DYK654" s="613"/>
      <c r="DYL654" s="613"/>
      <c r="DYM654" s="613"/>
      <c r="DYN654" s="613"/>
      <c r="DYO654" s="613"/>
      <c r="DYP654" s="613"/>
      <c r="DYQ654" s="613"/>
      <c r="DYR654" s="613"/>
      <c r="DYS654" s="613"/>
      <c r="DYT654" s="613"/>
      <c r="DYU654" s="613"/>
      <c r="DYV654" s="613"/>
      <c r="DYW654" s="613"/>
      <c r="DYX654" s="613"/>
      <c r="DYY654" s="613"/>
      <c r="DYZ654" s="613"/>
      <c r="DZA654" s="613"/>
      <c r="DZB654" s="613"/>
      <c r="DZC654" s="613"/>
      <c r="DZD654" s="613"/>
      <c r="DZE654" s="613"/>
      <c r="DZF654" s="613"/>
      <c r="DZG654" s="613"/>
      <c r="DZH654" s="613"/>
      <c r="DZI654" s="613"/>
      <c r="DZJ654" s="613"/>
      <c r="DZK654" s="613"/>
      <c r="DZL654" s="613"/>
      <c r="DZM654" s="613"/>
      <c r="DZN654" s="613"/>
      <c r="DZO654" s="613"/>
      <c r="DZP654" s="613"/>
      <c r="DZQ654" s="613"/>
      <c r="DZR654" s="613"/>
      <c r="DZS654" s="613"/>
      <c r="DZT654" s="613"/>
      <c r="DZU654" s="613"/>
      <c r="DZV654" s="613"/>
      <c r="DZW654" s="613"/>
      <c r="DZX654" s="613"/>
      <c r="DZY654" s="613"/>
      <c r="DZZ654" s="613"/>
      <c r="EAA654" s="613"/>
      <c r="EAB654" s="613"/>
      <c r="EAC654" s="613"/>
      <c r="EAD654" s="613"/>
      <c r="EAE654" s="613"/>
      <c r="EAF654" s="613"/>
      <c r="EAG654" s="613"/>
      <c r="EAH654" s="613"/>
      <c r="EAI654" s="613"/>
      <c r="EAJ654" s="613"/>
      <c r="EAK654" s="613"/>
      <c r="EAL654" s="613"/>
      <c r="EAM654" s="613"/>
      <c r="EAN654" s="613"/>
      <c r="EAO654" s="613"/>
      <c r="EAP654" s="613"/>
      <c r="EAQ654" s="613"/>
      <c r="EAR654" s="613"/>
      <c r="EAS654" s="613"/>
      <c r="EAT654" s="613"/>
      <c r="EAU654" s="613"/>
      <c r="EAV654" s="613"/>
      <c r="EAW654" s="613"/>
      <c r="EAX654" s="613"/>
      <c r="EAY654" s="613"/>
      <c r="EAZ654" s="613"/>
      <c r="EBA654" s="613"/>
      <c r="EBB654" s="613"/>
      <c r="EBC654" s="613"/>
      <c r="EBD654" s="613"/>
      <c r="EBE654" s="613"/>
      <c r="EBF654" s="613"/>
      <c r="EBG654" s="613"/>
      <c r="EBH654" s="613"/>
      <c r="EBI654" s="613"/>
      <c r="EBJ654" s="613"/>
      <c r="EBK654" s="613"/>
      <c r="EBL654" s="613"/>
      <c r="EBM654" s="613"/>
      <c r="EBN654" s="613"/>
      <c r="EBO654" s="613"/>
      <c r="EBP654" s="613"/>
      <c r="EBQ654" s="613"/>
      <c r="EBR654" s="613"/>
      <c r="EBS654" s="613"/>
      <c r="EBT654" s="613"/>
      <c r="EBU654" s="613"/>
      <c r="EBV654" s="613"/>
      <c r="EBW654" s="613"/>
      <c r="EBX654" s="613"/>
      <c r="EBY654" s="613"/>
      <c r="EBZ654" s="613"/>
      <c r="ECA654" s="613"/>
      <c r="ECB654" s="613"/>
      <c r="ECC654" s="613"/>
      <c r="ECD654" s="613"/>
      <c r="ECE654" s="613"/>
      <c r="ECF654" s="613"/>
      <c r="ECG654" s="613"/>
      <c r="ECH654" s="613"/>
      <c r="ECI654" s="613"/>
      <c r="ECJ654" s="613"/>
      <c r="ECK654" s="613"/>
      <c r="ECL654" s="613"/>
      <c r="ECM654" s="613"/>
      <c r="ECN654" s="613"/>
      <c r="ECO654" s="613"/>
      <c r="ECP654" s="613"/>
      <c r="ECQ654" s="613"/>
      <c r="ECR654" s="613"/>
      <c r="ECS654" s="613"/>
      <c r="ECT654" s="613"/>
      <c r="ECU654" s="613"/>
      <c r="ECV654" s="613"/>
      <c r="ECW654" s="613"/>
      <c r="ECX654" s="613"/>
      <c r="ECY654" s="613"/>
      <c r="ECZ654" s="613"/>
      <c r="EDA654" s="613"/>
      <c r="EDB654" s="613"/>
      <c r="EDC654" s="613"/>
      <c r="EDD654" s="613"/>
      <c r="EDE654" s="613"/>
      <c r="EDF654" s="613"/>
      <c r="EDG654" s="613"/>
      <c r="EDH654" s="613"/>
      <c r="EDI654" s="613"/>
      <c r="EDJ654" s="613"/>
      <c r="EDK654" s="613"/>
      <c r="EDL654" s="613"/>
      <c r="EDM654" s="613"/>
      <c r="EDN654" s="613"/>
      <c r="EDO654" s="613"/>
      <c r="EDP654" s="613"/>
      <c r="EDQ654" s="613"/>
      <c r="EDR654" s="613"/>
      <c r="EDS654" s="613"/>
      <c r="EDT654" s="613"/>
      <c r="EDU654" s="613"/>
      <c r="EDV654" s="613"/>
      <c r="EDW654" s="613"/>
      <c r="EDX654" s="613"/>
      <c r="EDY654" s="613"/>
      <c r="EDZ654" s="613"/>
      <c r="EEA654" s="613"/>
      <c r="EEB654" s="613"/>
      <c r="EEC654" s="613"/>
      <c r="EED654" s="613"/>
      <c r="EEE654" s="613"/>
      <c r="EEF654" s="613"/>
      <c r="EEG654" s="613"/>
      <c r="EEH654" s="613"/>
      <c r="EEI654" s="613"/>
      <c r="EEJ654" s="613"/>
      <c r="EEK654" s="613"/>
      <c r="EEL654" s="613"/>
      <c r="EEM654" s="613"/>
      <c r="EEN654" s="613"/>
      <c r="EEO654" s="613"/>
      <c r="EEP654" s="613"/>
      <c r="EEQ654" s="613"/>
      <c r="EER654" s="613"/>
      <c r="EES654" s="613"/>
      <c r="EET654" s="613"/>
      <c r="EEU654" s="613"/>
      <c r="EEV654" s="613"/>
      <c r="EEW654" s="613"/>
      <c r="EEX654" s="613"/>
      <c r="EEY654" s="613"/>
      <c r="EEZ654" s="613"/>
      <c r="EFA654" s="613"/>
      <c r="EFB654" s="613"/>
      <c r="EFC654" s="613"/>
      <c r="EFD654" s="613"/>
      <c r="EFE654" s="613"/>
      <c r="EFF654" s="613"/>
      <c r="EFG654" s="613"/>
      <c r="EFH654" s="613"/>
      <c r="EFI654" s="613"/>
      <c r="EFJ654" s="613"/>
      <c r="EFK654" s="613"/>
      <c r="EFL654" s="613"/>
      <c r="EFM654" s="613"/>
      <c r="EFN654" s="613"/>
      <c r="EFO654" s="613"/>
      <c r="EFP654" s="613"/>
      <c r="EFQ654" s="613"/>
      <c r="EFR654" s="613"/>
      <c r="EFS654" s="613"/>
      <c r="EFT654" s="613"/>
      <c r="EFU654" s="613"/>
      <c r="EFV654" s="613"/>
      <c r="EFW654" s="613"/>
      <c r="EFX654" s="613"/>
      <c r="EFY654" s="613"/>
      <c r="EFZ654" s="613"/>
      <c r="EGA654" s="613"/>
      <c r="EGB654" s="613"/>
      <c r="EGC654" s="613"/>
      <c r="EGD654" s="613"/>
      <c r="EGE654" s="613"/>
      <c r="EGF654" s="613"/>
      <c r="EGG654" s="613"/>
      <c r="EGH654" s="613"/>
      <c r="EGI654" s="613"/>
      <c r="EGJ654" s="613"/>
      <c r="EGK654" s="613"/>
      <c r="EGL654" s="613"/>
      <c r="EGM654" s="613"/>
      <c r="EGN654" s="613"/>
      <c r="EGO654" s="613"/>
      <c r="EGP654" s="613"/>
      <c r="EGQ654" s="613"/>
      <c r="EGR654" s="613"/>
      <c r="EGS654" s="613"/>
      <c r="EGT654" s="613"/>
      <c r="EGU654" s="613"/>
      <c r="EGV654" s="613"/>
      <c r="EGW654" s="613"/>
      <c r="EGX654" s="613"/>
      <c r="EGY654" s="613"/>
      <c r="EGZ654" s="613"/>
      <c r="EHA654" s="613"/>
      <c r="EHB654" s="613"/>
      <c r="EHC654" s="613"/>
      <c r="EHD654" s="613"/>
      <c r="EHE654" s="613"/>
      <c r="EHF654" s="613"/>
      <c r="EHG654" s="613"/>
      <c r="EHH654" s="613"/>
      <c r="EHI654" s="613"/>
      <c r="EHJ654" s="613"/>
      <c r="EHK654" s="613"/>
      <c r="EHL654" s="613"/>
      <c r="EHM654" s="613"/>
      <c r="EHN654" s="613"/>
      <c r="EHO654" s="613"/>
      <c r="EHP654" s="613"/>
      <c r="EHQ654" s="613"/>
      <c r="EHR654" s="613"/>
      <c r="EHS654" s="613"/>
      <c r="EHT654" s="613"/>
      <c r="EHU654" s="613"/>
      <c r="EHV654" s="613"/>
      <c r="EHW654" s="613"/>
      <c r="EHX654" s="613"/>
      <c r="EHY654" s="613"/>
      <c r="EHZ654" s="613"/>
      <c r="EIA654" s="613"/>
      <c r="EIB654" s="613"/>
      <c r="EIC654" s="613"/>
      <c r="EID654" s="613"/>
      <c r="EIE654" s="613"/>
      <c r="EIF654" s="613"/>
      <c r="EIG654" s="613"/>
      <c r="EIH654" s="613"/>
      <c r="EII654" s="613"/>
      <c r="EIJ654" s="613"/>
      <c r="EIK654" s="613"/>
      <c r="EIL654" s="613"/>
      <c r="EIM654" s="613"/>
      <c r="EIN654" s="613"/>
      <c r="EIO654" s="613"/>
      <c r="EIP654" s="613"/>
      <c r="EIQ654" s="613"/>
      <c r="EIR654" s="613"/>
      <c r="EIS654" s="613"/>
      <c r="EIT654" s="613"/>
      <c r="EIU654" s="613"/>
      <c r="EIV654" s="613"/>
      <c r="EIW654" s="613"/>
      <c r="EIX654" s="613"/>
      <c r="EIY654" s="613"/>
      <c r="EIZ654" s="613"/>
      <c r="EJA654" s="613"/>
      <c r="EJB654" s="613"/>
      <c r="EJC654" s="613"/>
      <c r="EJD654" s="613"/>
      <c r="EJE654" s="613"/>
      <c r="EJF654" s="613"/>
      <c r="EJG654" s="613"/>
      <c r="EJH654" s="613"/>
      <c r="EJI654" s="613"/>
      <c r="EJJ654" s="613"/>
      <c r="EJK654" s="613"/>
      <c r="EJL654" s="613"/>
      <c r="EJM654" s="613"/>
      <c r="EJN654" s="613"/>
      <c r="EJO654" s="613"/>
      <c r="EJP654" s="613"/>
      <c r="EJQ654" s="613"/>
      <c r="EJR654" s="613"/>
      <c r="EJS654" s="613"/>
      <c r="EJT654" s="613"/>
      <c r="EJU654" s="613"/>
      <c r="EJV654" s="613"/>
      <c r="EJW654" s="613"/>
      <c r="EJX654" s="613"/>
      <c r="EJY654" s="613"/>
      <c r="EJZ654" s="613"/>
      <c r="EKA654" s="613"/>
      <c r="EKB654" s="613"/>
      <c r="EKC654" s="613"/>
      <c r="EKD654" s="613"/>
      <c r="EKE654" s="613"/>
      <c r="EKF654" s="613"/>
      <c r="EKG654" s="613"/>
      <c r="EKH654" s="613"/>
      <c r="EKI654" s="613"/>
      <c r="EKJ654" s="613"/>
      <c r="EKK654" s="613"/>
      <c r="EKL654" s="613"/>
      <c r="EKM654" s="613"/>
      <c r="EKN654" s="613"/>
      <c r="EKO654" s="613"/>
      <c r="EKP654" s="613"/>
      <c r="EKQ654" s="613"/>
      <c r="EKR654" s="613"/>
      <c r="EKS654" s="613"/>
      <c r="EKT654" s="613"/>
      <c r="EKU654" s="613"/>
      <c r="EKV654" s="613"/>
      <c r="EKW654" s="613"/>
      <c r="EKX654" s="613"/>
      <c r="EKY654" s="613"/>
      <c r="EKZ654" s="613"/>
      <c r="ELA654" s="613"/>
      <c r="ELB654" s="613"/>
      <c r="ELC654" s="613"/>
      <c r="ELD654" s="613"/>
      <c r="ELE654" s="613"/>
      <c r="ELF654" s="613"/>
      <c r="ELG654" s="613"/>
      <c r="ELH654" s="613"/>
      <c r="ELI654" s="613"/>
      <c r="ELJ654" s="613"/>
      <c r="ELK654" s="613"/>
      <c r="ELL654" s="613"/>
      <c r="ELM654" s="613"/>
      <c r="ELN654" s="613"/>
      <c r="ELO654" s="613"/>
      <c r="ELP654" s="613"/>
      <c r="ELQ654" s="613"/>
      <c r="ELR654" s="613"/>
      <c r="ELS654" s="613"/>
      <c r="ELT654" s="613"/>
      <c r="ELU654" s="613"/>
      <c r="ELV654" s="613"/>
      <c r="ELW654" s="613"/>
      <c r="ELX654" s="613"/>
      <c r="ELY654" s="613"/>
      <c r="ELZ654" s="613"/>
      <c r="EMA654" s="613"/>
      <c r="EMB654" s="613"/>
      <c r="EMC654" s="613"/>
      <c r="EMD654" s="613"/>
      <c r="EME654" s="613"/>
      <c r="EMF654" s="613"/>
      <c r="EMG654" s="613"/>
      <c r="EMH654" s="613"/>
      <c r="EMI654" s="613"/>
      <c r="EMJ654" s="613"/>
      <c r="EMK654" s="613"/>
      <c r="EML654" s="613"/>
      <c r="EMM654" s="613"/>
      <c r="EMN654" s="613"/>
      <c r="EMO654" s="613"/>
      <c r="EMP654" s="613"/>
      <c r="EMQ654" s="613"/>
      <c r="EMR654" s="613"/>
      <c r="EMS654" s="613"/>
      <c r="EMT654" s="613"/>
      <c r="EMU654" s="613"/>
      <c r="EMV654" s="613"/>
      <c r="EMW654" s="613"/>
      <c r="EMX654" s="613"/>
      <c r="EMY654" s="613"/>
      <c r="EMZ654" s="613"/>
      <c r="ENA654" s="613"/>
      <c r="ENB654" s="613"/>
      <c r="ENC654" s="613"/>
      <c r="END654" s="613"/>
      <c r="ENE654" s="613"/>
      <c r="ENF654" s="613"/>
      <c r="ENG654" s="613"/>
      <c r="ENH654" s="613"/>
      <c r="ENI654" s="613"/>
      <c r="ENJ654" s="613"/>
      <c r="ENK654" s="613"/>
      <c r="ENL654" s="613"/>
      <c r="ENM654" s="613"/>
      <c r="ENN654" s="613"/>
      <c r="ENO654" s="613"/>
      <c r="ENP654" s="613"/>
      <c r="ENQ654" s="613"/>
      <c r="ENR654" s="613"/>
      <c r="ENS654" s="613"/>
      <c r="ENT654" s="613"/>
      <c r="ENU654" s="613"/>
      <c r="ENV654" s="613"/>
      <c r="ENW654" s="613"/>
      <c r="ENX654" s="613"/>
      <c r="ENY654" s="613"/>
      <c r="ENZ654" s="613"/>
      <c r="EOA654" s="613"/>
      <c r="EOB654" s="613"/>
      <c r="EOC654" s="613"/>
      <c r="EOD654" s="613"/>
      <c r="EOE654" s="613"/>
      <c r="EOF654" s="613"/>
      <c r="EOG654" s="613"/>
      <c r="EOH654" s="613"/>
      <c r="EOI654" s="613"/>
      <c r="EOJ654" s="613"/>
      <c r="EOK654" s="613"/>
      <c r="EOL654" s="613"/>
      <c r="EOM654" s="613"/>
      <c r="EON654" s="613"/>
      <c r="EOO654" s="613"/>
      <c r="EOP654" s="613"/>
      <c r="EOQ654" s="613"/>
      <c r="EOR654" s="613"/>
      <c r="EOS654" s="613"/>
      <c r="EOT654" s="613"/>
      <c r="EOU654" s="613"/>
      <c r="EOV654" s="613"/>
      <c r="EOW654" s="613"/>
      <c r="EOX654" s="613"/>
      <c r="EOY654" s="613"/>
      <c r="EOZ654" s="613"/>
      <c r="EPA654" s="613"/>
      <c r="EPB654" s="613"/>
      <c r="EPC654" s="613"/>
      <c r="EPD654" s="613"/>
      <c r="EPE654" s="613"/>
      <c r="EPF654" s="613"/>
      <c r="EPG654" s="613"/>
      <c r="EPH654" s="613"/>
      <c r="EPI654" s="613"/>
      <c r="EPJ654" s="613"/>
      <c r="EPK654" s="613"/>
      <c r="EPL654" s="613"/>
      <c r="EPM654" s="613"/>
      <c r="EPN654" s="613"/>
      <c r="EPO654" s="613"/>
      <c r="EPP654" s="613"/>
      <c r="EPQ654" s="613"/>
      <c r="EPR654" s="613"/>
      <c r="EPS654" s="613"/>
      <c r="EPT654" s="613"/>
      <c r="EPU654" s="613"/>
      <c r="EPV654" s="613"/>
      <c r="EPW654" s="613"/>
      <c r="EPX654" s="613"/>
      <c r="EPY654" s="613"/>
      <c r="EPZ654" s="613"/>
      <c r="EQA654" s="613"/>
      <c r="EQB654" s="613"/>
      <c r="EQC654" s="613"/>
      <c r="EQD654" s="613"/>
      <c r="EQE654" s="613"/>
      <c r="EQF654" s="613"/>
      <c r="EQG654" s="613"/>
      <c r="EQH654" s="613"/>
      <c r="EQI654" s="613"/>
      <c r="EQJ654" s="613"/>
      <c r="EQK654" s="613"/>
      <c r="EQL654" s="613"/>
      <c r="EQM654" s="613"/>
      <c r="EQN654" s="613"/>
      <c r="EQO654" s="613"/>
      <c r="EQP654" s="613"/>
      <c r="EQQ654" s="613"/>
      <c r="EQR654" s="613"/>
      <c r="EQS654" s="613"/>
      <c r="EQT654" s="613"/>
      <c r="EQU654" s="613"/>
      <c r="EQV654" s="613"/>
      <c r="EQW654" s="613"/>
      <c r="EQX654" s="613"/>
      <c r="EQY654" s="613"/>
      <c r="EQZ654" s="613"/>
      <c r="ERA654" s="613"/>
      <c r="ERB654" s="613"/>
      <c r="ERC654" s="613"/>
      <c r="ERD654" s="613"/>
      <c r="ERE654" s="613"/>
      <c r="ERF654" s="613"/>
      <c r="ERG654" s="613"/>
      <c r="ERH654" s="613"/>
      <c r="ERI654" s="613"/>
      <c r="ERJ654" s="613"/>
      <c r="ERK654" s="613"/>
      <c r="ERL654" s="613"/>
      <c r="ERM654" s="613"/>
      <c r="ERN654" s="613"/>
      <c r="ERO654" s="613"/>
      <c r="ERP654" s="613"/>
      <c r="ERQ654" s="613"/>
      <c r="ERR654" s="613"/>
      <c r="ERS654" s="613"/>
      <c r="ERT654" s="613"/>
      <c r="ERU654" s="613"/>
      <c r="ERV654" s="613"/>
      <c r="ERW654" s="613"/>
      <c r="ERX654" s="613"/>
      <c r="ERY654" s="613"/>
      <c r="ERZ654" s="613"/>
      <c r="ESA654" s="613"/>
      <c r="ESB654" s="613"/>
      <c r="ESC654" s="613"/>
      <c r="ESD654" s="613"/>
      <c r="ESE654" s="613"/>
      <c r="ESF654" s="613"/>
      <c r="ESG654" s="613"/>
      <c r="ESH654" s="613"/>
      <c r="ESI654" s="613"/>
      <c r="ESJ654" s="613"/>
      <c r="ESK654" s="613"/>
      <c r="ESL654" s="613"/>
      <c r="ESM654" s="613"/>
      <c r="ESN654" s="613"/>
      <c r="ESO654" s="613"/>
      <c r="ESP654" s="613"/>
      <c r="ESQ654" s="613"/>
      <c r="ESR654" s="613"/>
      <c r="ESS654" s="613"/>
      <c r="EST654" s="613"/>
      <c r="ESU654" s="613"/>
      <c r="ESV654" s="613"/>
      <c r="ESW654" s="613"/>
      <c r="ESX654" s="613"/>
      <c r="ESY654" s="613"/>
      <c r="ESZ654" s="613"/>
      <c r="ETA654" s="613"/>
      <c r="ETB654" s="613"/>
      <c r="ETC654" s="613"/>
      <c r="ETD654" s="613"/>
      <c r="ETE654" s="613"/>
      <c r="ETF654" s="613"/>
      <c r="ETG654" s="613"/>
      <c r="ETH654" s="613"/>
      <c r="ETI654" s="613"/>
      <c r="ETJ654" s="613"/>
      <c r="ETK654" s="613"/>
      <c r="ETL654" s="613"/>
      <c r="ETM654" s="613"/>
      <c r="ETN654" s="613"/>
      <c r="ETO654" s="613"/>
      <c r="ETP654" s="613"/>
      <c r="ETQ654" s="613"/>
      <c r="ETR654" s="613"/>
      <c r="ETS654" s="613"/>
      <c r="ETT654" s="613"/>
      <c r="ETU654" s="613"/>
      <c r="ETV654" s="613"/>
      <c r="ETW654" s="613"/>
      <c r="ETX654" s="613"/>
      <c r="ETY654" s="613"/>
      <c r="ETZ654" s="613"/>
      <c r="EUA654" s="613"/>
      <c r="EUB654" s="613"/>
      <c r="EUC654" s="613"/>
      <c r="EUD654" s="613"/>
      <c r="EUE654" s="613"/>
      <c r="EUF654" s="613"/>
      <c r="EUG654" s="613"/>
      <c r="EUH654" s="613"/>
      <c r="EUI654" s="613"/>
      <c r="EUJ654" s="613"/>
      <c r="EUK654" s="613"/>
      <c r="EUL654" s="613"/>
      <c r="EUM654" s="613"/>
      <c r="EUN654" s="613"/>
      <c r="EUO654" s="613"/>
      <c r="EUP654" s="613"/>
      <c r="EUQ654" s="613"/>
      <c r="EUR654" s="613"/>
      <c r="EUS654" s="613"/>
      <c r="EUT654" s="613"/>
      <c r="EUU654" s="613"/>
      <c r="EUV654" s="613"/>
      <c r="EUW654" s="613"/>
      <c r="EUX654" s="613"/>
      <c r="EUY654" s="613"/>
      <c r="EUZ654" s="613"/>
      <c r="EVA654" s="613"/>
      <c r="EVB654" s="613"/>
      <c r="EVC654" s="613"/>
      <c r="EVD654" s="613"/>
      <c r="EVE654" s="613"/>
      <c r="EVF654" s="613"/>
      <c r="EVG654" s="613"/>
      <c r="EVH654" s="613"/>
      <c r="EVI654" s="613"/>
      <c r="EVJ654" s="613"/>
      <c r="EVK654" s="613"/>
      <c r="EVL654" s="613"/>
      <c r="EVM654" s="613"/>
      <c r="EVN654" s="613"/>
      <c r="EVO654" s="613"/>
      <c r="EVP654" s="613"/>
      <c r="EVQ654" s="613"/>
      <c r="EVR654" s="613"/>
      <c r="EVS654" s="613"/>
      <c r="EVT654" s="613"/>
      <c r="EVU654" s="613"/>
      <c r="EVV654" s="613"/>
      <c r="EVW654" s="613"/>
      <c r="EVX654" s="613"/>
      <c r="EVY654" s="613"/>
      <c r="EVZ654" s="613"/>
      <c r="EWA654" s="613"/>
      <c r="EWB654" s="613"/>
      <c r="EWC654" s="613"/>
      <c r="EWD654" s="613"/>
      <c r="EWE654" s="613"/>
      <c r="EWF654" s="613"/>
      <c r="EWG654" s="613"/>
      <c r="EWH654" s="613"/>
      <c r="EWI654" s="613"/>
      <c r="EWJ654" s="613"/>
      <c r="EWK654" s="613"/>
      <c r="EWL654" s="613"/>
      <c r="EWM654" s="613"/>
      <c r="EWN654" s="613"/>
      <c r="EWO654" s="613"/>
      <c r="EWP654" s="613"/>
      <c r="EWQ654" s="613"/>
      <c r="EWR654" s="613"/>
      <c r="EWS654" s="613"/>
      <c r="EWT654" s="613"/>
      <c r="EWU654" s="613"/>
      <c r="EWV654" s="613"/>
      <c r="EWW654" s="613"/>
      <c r="EWX654" s="613"/>
      <c r="EWY654" s="613"/>
      <c r="EWZ654" s="613"/>
      <c r="EXA654" s="613"/>
      <c r="EXB654" s="613"/>
      <c r="EXC654" s="613"/>
      <c r="EXD654" s="613"/>
      <c r="EXE654" s="613"/>
      <c r="EXF654" s="613"/>
      <c r="EXG654" s="613"/>
      <c r="EXH654" s="613"/>
      <c r="EXI654" s="613"/>
      <c r="EXJ654" s="613"/>
      <c r="EXK654" s="613"/>
      <c r="EXL654" s="613"/>
      <c r="EXM654" s="613"/>
      <c r="EXN654" s="613"/>
      <c r="EXO654" s="613"/>
      <c r="EXP654" s="613"/>
      <c r="EXQ654" s="613"/>
      <c r="EXR654" s="613"/>
      <c r="EXS654" s="613"/>
      <c r="EXT654" s="613"/>
      <c r="EXU654" s="613"/>
      <c r="EXV654" s="613"/>
      <c r="EXW654" s="613"/>
      <c r="EXX654" s="613"/>
      <c r="EXY654" s="613"/>
      <c r="EXZ654" s="613"/>
      <c r="EYA654" s="613"/>
      <c r="EYB654" s="613"/>
      <c r="EYC654" s="613"/>
      <c r="EYD654" s="613"/>
      <c r="EYE654" s="613"/>
      <c r="EYF654" s="613"/>
      <c r="EYG654" s="613"/>
      <c r="EYH654" s="613"/>
      <c r="EYI654" s="613"/>
      <c r="EYJ654" s="613"/>
      <c r="EYK654" s="613"/>
      <c r="EYL654" s="613"/>
      <c r="EYM654" s="613"/>
      <c r="EYN654" s="613"/>
      <c r="EYO654" s="613"/>
      <c r="EYP654" s="613"/>
      <c r="EYQ654" s="613"/>
      <c r="EYR654" s="613"/>
      <c r="EYS654" s="613"/>
      <c r="EYT654" s="613"/>
      <c r="EYU654" s="613"/>
      <c r="EYV654" s="613"/>
      <c r="EYW654" s="613"/>
      <c r="EYX654" s="613"/>
      <c r="EYY654" s="613"/>
      <c r="EYZ654" s="613"/>
      <c r="EZA654" s="613"/>
      <c r="EZB654" s="613"/>
      <c r="EZC654" s="613"/>
      <c r="EZD654" s="613"/>
      <c r="EZE654" s="613"/>
      <c r="EZF654" s="613"/>
      <c r="EZG654" s="613"/>
      <c r="EZH654" s="613"/>
      <c r="EZI654" s="613"/>
      <c r="EZJ654" s="613"/>
      <c r="EZK654" s="613"/>
      <c r="EZL654" s="613"/>
      <c r="EZM654" s="613"/>
      <c r="EZN654" s="613"/>
      <c r="EZO654" s="613"/>
      <c r="EZP654" s="613"/>
      <c r="EZQ654" s="613"/>
      <c r="EZR654" s="613"/>
      <c r="EZS654" s="613"/>
      <c r="EZT654" s="613"/>
      <c r="EZU654" s="613"/>
      <c r="EZV654" s="613"/>
      <c r="EZW654" s="613"/>
      <c r="EZX654" s="613"/>
      <c r="EZY654" s="613"/>
      <c r="EZZ654" s="613"/>
      <c r="FAA654" s="613"/>
      <c r="FAB654" s="613"/>
      <c r="FAC654" s="613"/>
      <c r="FAD654" s="613"/>
      <c r="FAE654" s="613"/>
      <c r="FAF654" s="613"/>
      <c r="FAG654" s="613"/>
      <c r="FAH654" s="613"/>
      <c r="FAI654" s="613"/>
      <c r="FAJ654" s="613"/>
      <c r="FAK654" s="613"/>
      <c r="FAL654" s="613"/>
      <c r="FAM654" s="613"/>
      <c r="FAN654" s="613"/>
      <c r="FAO654" s="613"/>
      <c r="FAP654" s="613"/>
      <c r="FAQ654" s="613"/>
      <c r="FAR654" s="613"/>
      <c r="FAS654" s="613"/>
      <c r="FAT654" s="613"/>
      <c r="FAU654" s="613"/>
      <c r="FAV654" s="613"/>
      <c r="FAW654" s="613"/>
      <c r="FAX654" s="613"/>
      <c r="FAY654" s="613"/>
      <c r="FAZ654" s="613"/>
      <c r="FBA654" s="613"/>
      <c r="FBB654" s="613"/>
      <c r="FBC654" s="613"/>
      <c r="FBD654" s="613"/>
      <c r="FBE654" s="613"/>
      <c r="FBF654" s="613"/>
      <c r="FBG654" s="613"/>
      <c r="FBH654" s="613"/>
      <c r="FBI654" s="613"/>
      <c r="FBJ654" s="613"/>
      <c r="FBK654" s="613"/>
      <c r="FBL654" s="613"/>
      <c r="FBM654" s="613"/>
      <c r="FBN654" s="613"/>
      <c r="FBO654" s="613"/>
      <c r="FBP654" s="613"/>
      <c r="FBQ654" s="613"/>
      <c r="FBR654" s="613"/>
      <c r="FBS654" s="613"/>
      <c r="FBT654" s="613"/>
      <c r="FBU654" s="613"/>
      <c r="FBV654" s="613"/>
      <c r="FBW654" s="613"/>
      <c r="FBX654" s="613"/>
      <c r="FBY654" s="613"/>
      <c r="FBZ654" s="613"/>
      <c r="FCA654" s="613"/>
      <c r="FCB654" s="613"/>
      <c r="FCC654" s="613"/>
      <c r="FCD654" s="613"/>
      <c r="FCE654" s="613"/>
      <c r="FCF654" s="613"/>
      <c r="FCG654" s="613"/>
      <c r="FCH654" s="613"/>
      <c r="FCI654" s="613"/>
      <c r="FCJ654" s="613"/>
      <c r="FCK654" s="613"/>
      <c r="FCL654" s="613"/>
      <c r="FCM654" s="613"/>
      <c r="FCN654" s="613"/>
      <c r="FCO654" s="613"/>
      <c r="FCP654" s="613"/>
      <c r="FCQ654" s="613"/>
      <c r="FCR654" s="613"/>
      <c r="FCS654" s="613"/>
      <c r="FCT654" s="613"/>
      <c r="FCU654" s="613"/>
      <c r="FCV654" s="613"/>
      <c r="FCW654" s="613"/>
      <c r="FCX654" s="613"/>
      <c r="FCY654" s="613"/>
      <c r="FCZ654" s="613"/>
      <c r="FDA654" s="613"/>
      <c r="FDB654" s="613"/>
      <c r="FDC654" s="613"/>
      <c r="FDD654" s="613"/>
      <c r="FDE654" s="613"/>
      <c r="FDF654" s="613"/>
      <c r="FDG654" s="613"/>
      <c r="FDH654" s="613"/>
      <c r="FDI654" s="613"/>
      <c r="FDJ654" s="613"/>
      <c r="FDK654" s="613"/>
      <c r="FDL654" s="613"/>
      <c r="FDM654" s="613"/>
      <c r="FDN654" s="613"/>
      <c r="FDO654" s="613"/>
      <c r="FDP654" s="613"/>
      <c r="FDQ654" s="613"/>
      <c r="FDR654" s="613"/>
      <c r="FDS654" s="613"/>
      <c r="FDT654" s="613"/>
      <c r="FDU654" s="613"/>
      <c r="FDV654" s="613"/>
      <c r="FDW654" s="613"/>
      <c r="FDX654" s="613"/>
      <c r="FDY654" s="613"/>
      <c r="FDZ654" s="613"/>
      <c r="FEA654" s="613"/>
      <c r="FEB654" s="613"/>
      <c r="FEC654" s="613"/>
      <c r="FED654" s="613"/>
      <c r="FEE654" s="613"/>
      <c r="FEF654" s="613"/>
      <c r="FEG654" s="613"/>
      <c r="FEH654" s="613"/>
      <c r="FEI654" s="613"/>
      <c r="FEJ654" s="613"/>
      <c r="FEK654" s="613"/>
      <c r="FEL654" s="613"/>
      <c r="FEM654" s="613"/>
      <c r="FEN654" s="613"/>
      <c r="FEO654" s="613"/>
      <c r="FEP654" s="613"/>
      <c r="FEQ654" s="613"/>
      <c r="FER654" s="613"/>
      <c r="FES654" s="613"/>
      <c r="FET654" s="613"/>
      <c r="FEU654" s="613"/>
      <c r="FEV654" s="613"/>
      <c r="FEW654" s="613"/>
      <c r="FEX654" s="613"/>
      <c r="FEY654" s="613"/>
      <c r="FEZ654" s="613"/>
      <c r="FFA654" s="613"/>
      <c r="FFB654" s="613"/>
      <c r="FFC654" s="613"/>
      <c r="FFD654" s="613"/>
      <c r="FFE654" s="613"/>
      <c r="FFF654" s="613"/>
      <c r="FFG654" s="613"/>
      <c r="FFH654" s="613"/>
      <c r="FFI654" s="613"/>
      <c r="FFJ654" s="613"/>
      <c r="FFK654" s="613"/>
      <c r="FFL654" s="613"/>
      <c r="FFM654" s="613"/>
      <c r="FFN654" s="613"/>
      <c r="FFO654" s="613"/>
      <c r="FFP654" s="613"/>
      <c r="FFQ654" s="613"/>
      <c r="FFR654" s="613"/>
      <c r="FFS654" s="613"/>
      <c r="FFT654" s="613"/>
      <c r="FFU654" s="613"/>
      <c r="FFV654" s="613"/>
      <c r="FFW654" s="613"/>
      <c r="FFX654" s="613"/>
      <c r="FFY654" s="613"/>
      <c r="FFZ654" s="613"/>
      <c r="FGA654" s="613"/>
      <c r="FGB654" s="613"/>
      <c r="FGC654" s="613"/>
      <c r="FGD654" s="613"/>
      <c r="FGE654" s="613"/>
      <c r="FGF654" s="613"/>
      <c r="FGG654" s="613"/>
      <c r="FGH654" s="613"/>
      <c r="FGI654" s="613"/>
      <c r="FGJ654" s="613"/>
      <c r="FGK654" s="613"/>
      <c r="FGL654" s="613"/>
      <c r="FGM654" s="613"/>
      <c r="FGN654" s="613"/>
      <c r="FGO654" s="613"/>
      <c r="FGP654" s="613"/>
      <c r="FGQ654" s="613"/>
      <c r="FGR654" s="613"/>
      <c r="FGS654" s="613"/>
      <c r="FGT654" s="613"/>
      <c r="FGU654" s="613"/>
      <c r="FGV654" s="613"/>
      <c r="FGW654" s="613"/>
      <c r="FGX654" s="613"/>
      <c r="FGY654" s="613"/>
      <c r="FGZ654" s="613"/>
      <c r="FHA654" s="613"/>
      <c r="FHB654" s="613"/>
      <c r="FHC654" s="613"/>
      <c r="FHD654" s="613"/>
      <c r="FHE654" s="613"/>
      <c r="FHF654" s="613"/>
      <c r="FHG654" s="613"/>
      <c r="FHH654" s="613"/>
      <c r="FHI654" s="613"/>
      <c r="FHJ654" s="613"/>
      <c r="FHK654" s="613"/>
      <c r="FHL654" s="613"/>
      <c r="FHM654" s="613"/>
      <c r="FHN654" s="613"/>
      <c r="FHO654" s="613"/>
      <c r="FHP654" s="613"/>
      <c r="FHQ654" s="613"/>
      <c r="FHR654" s="613"/>
      <c r="FHS654" s="613"/>
      <c r="FHT654" s="613"/>
      <c r="FHU654" s="613"/>
      <c r="FHV654" s="613"/>
      <c r="FHW654" s="613"/>
      <c r="FHX654" s="613"/>
      <c r="FHY654" s="613"/>
      <c r="FHZ654" s="613"/>
      <c r="FIA654" s="613"/>
      <c r="FIB654" s="613"/>
      <c r="FIC654" s="613"/>
      <c r="FID654" s="613"/>
      <c r="FIE654" s="613"/>
      <c r="FIF654" s="613"/>
      <c r="FIG654" s="613"/>
      <c r="FIH654" s="613"/>
      <c r="FII654" s="613"/>
      <c r="FIJ654" s="613"/>
      <c r="FIK654" s="613"/>
      <c r="FIL654" s="613"/>
      <c r="FIM654" s="613"/>
      <c r="FIN654" s="613"/>
      <c r="FIO654" s="613"/>
      <c r="FIP654" s="613"/>
      <c r="FIQ654" s="613"/>
      <c r="FIR654" s="613"/>
      <c r="FIS654" s="613"/>
      <c r="FIT654" s="613"/>
      <c r="FIU654" s="613"/>
      <c r="FIV654" s="613"/>
      <c r="FIW654" s="613"/>
      <c r="FIX654" s="613"/>
      <c r="FIY654" s="613"/>
      <c r="FIZ654" s="613"/>
      <c r="FJA654" s="613"/>
      <c r="FJB654" s="613"/>
      <c r="FJC654" s="613"/>
      <c r="FJD654" s="613"/>
      <c r="FJE654" s="613"/>
      <c r="FJF654" s="613"/>
      <c r="FJG654" s="613"/>
      <c r="FJH654" s="613"/>
      <c r="FJI654" s="613"/>
      <c r="FJJ654" s="613"/>
      <c r="FJK654" s="613"/>
      <c r="FJL654" s="613"/>
      <c r="FJM654" s="613"/>
      <c r="FJN654" s="613"/>
      <c r="FJO654" s="613"/>
      <c r="FJP654" s="613"/>
      <c r="FJQ654" s="613"/>
      <c r="FJR654" s="613"/>
      <c r="FJS654" s="613"/>
      <c r="FJT654" s="613"/>
      <c r="FJU654" s="613"/>
      <c r="FJV654" s="613"/>
      <c r="FJW654" s="613"/>
      <c r="FJX654" s="613"/>
      <c r="FJY654" s="613"/>
      <c r="FJZ654" s="613"/>
      <c r="FKA654" s="613"/>
      <c r="FKB654" s="613"/>
      <c r="FKC654" s="613"/>
      <c r="FKD654" s="613"/>
      <c r="FKE654" s="613"/>
      <c r="FKF654" s="613"/>
      <c r="FKG654" s="613"/>
      <c r="FKH654" s="613"/>
      <c r="FKI654" s="613"/>
      <c r="FKJ654" s="613"/>
      <c r="FKK654" s="613"/>
      <c r="FKL654" s="613"/>
      <c r="FKM654" s="613"/>
      <c r="FKN654" s="613"/>
      <c r="FKO654" s="613"/>
      <c r="FKP654" s="613"/>
      <c r="FKQ654" s="613"/>
      <c r="FKR654" s="613"/>
      <c r="FKS654" s="613"/>
      <c r="FKT654" s="613"/>
      <c r="FKU654" s="613"/>
      <c r="FKV654" s="613"/>
      <c r="FKW654" s="613"/>
      <c r="FKX654" s="613"/>
      <c r="FKY654" s="613"/>
      <c r="FKZ654" s="613"/>
      <c r="FLA654" s="613"/>
      <c r="FLB654" s="613"/>
      <c r="FLC654" s="613"/>
      <c r="FLD654" s="613"/>
      <c r="FLE654" s="613"/>
      <c r="FLF654" s="613"/>
      <c r="FLG654" s="613"/>
      <c r="FLH654" s="613"/>
      <c r="FLI654" s="613"/>
      <c r="FLJ654" s="613"/>
      <c r="FLK654" s="613"/>
      <c r="FLL654" s="613"/>
      <c r="FLM654" s="613"/>
      <c r="FLN654" s="613"/>
      <c r="FLO654" s="613"/>
      <c r="FLP654" s="613"/>
      <c r="FLQ654" s="613"/>
      <c r="FLR654" s="613"/>
      <c r="FLS654" s="613"/>
      <c r="FLT654" s="613"/>
      <c r="FLU654" s="613"/>
      <c r="FLV654" s="613"/>
      <c r="FLW654" s="613"/>
      <c r="FLX654" s="613"/>
      <c r="FLY654" s="613"/>
      <c r="FLZ654" s="613"/>
      <c r="FMA654" s="613"/>
      <c r="FMB654" s="613"/>
      <c r="FMC654" s="613"/>
      <c r="FMD654" s="613"/>
      <c r="FME654" s="613"/>
      <c r="FMF654" s="613"/>
      <c r="FMG654" s="613"/>
      <c r="FMH654" s="613"/>
      <c r="FMI654" s="613"/>
      <c r="FMJ654" s="613"/>
      <c r="FMK654" s="613"/>
      <c r="FML654" s="613"/>
      <c r="FMM654" s="613"/>
      <c r="FMN654" s="613"/>
      <c r="FMO654" s="613"/>
      <c r="FMP654" s="613"/>
      <c r="FMQ654" s="613"/>
      <c r="FMR654" s="613"/>
      <c r="FMS654" s="613"/>
      <c r="FMT654" s="613"/>
      <c r="FMU654" s="613"/>
      <c r="FMV654" s="613"/>
      <c r="FMW654" s="613"/>
      <c r="FMX654" s="613"/>
      <c r="FMY654" s="613"/>
      <c r="FMZ654" s="613"/>
      <c r="FNA654" s="613"/>
      <c r="FNB654" s="613"/>
      <c r="FNC654" s="613"/>
      <c r="FND654" s="613"/>
      <c r="FNE654" s="613"/>
      <c r="FNF654" s="613"/>
      <c r="FNG654" s="613"/>
      <c r="FNH654" s="613"/>
      <c r="FNI654" s="613"/>
      <c r="FNJ654" s="613"/>
      <c r="FNK654" s="613"/>
      <c r="FNL654" s="613"/>
      <c r="FNM654" s="613"/>
      <c r="FNN654" s="613"/>
      <c r="FNO654" s="613"/>
      <c r="FNP654" s="613"/>
      <c r="FNQ654" s="613"/>
      <c r="FNR654" s="613"/>
      <c r="FNS654" s="613"/>
      <c r="FNT654" s="613"/>
      <c r="FNU654" s="613"/>
      <c r="FNV654" s="613"/>
      <c r="FNW654" s="613"/>
      <c r="FNX654" s="613"/>
      <c r="FNY654" s="613"/>
      <c r="FNZ654" s="613"/>
      <c r="FOA654" s="613"/>
      <c r="FOB654" s="613"/>
      <c r="FOC654" s="613"/>
      <c r="FOD654" s="613"/>
      <c r="FOE654" s="613"/>
      <c r="FOF654" s="613"/>
      <c r="FOG654" s="613"/>
      <c r="FOH654" s="613"/>
      <c r="FOI654" s="613"/>
      <c r="FOJ654" s="613"/>
      <c r="FOK654" s="613"/>
      <c r="FOL654" s="613"/>
      <c r="FOM654" s="613"/>
      <c r="FON654" s="613"/>
      <c r="FOO654" s="613"/>
      <c r="FOP654" s="613"/>
      <c r="FOQ654" s="613"/>
      <c r="FOR654" s="613"/>
      <c r="FOS654" s="613"/>
      <c r="FOT654" s="613"/>
      <c r="FOU654" s="613"/>
      <c r="FOV654" s="613"/>
      <c r="FOW654" s="613"/>
      <c r="FOX654" s="613"/>
      <c r="FOY654" s="613"/>
      <c r="FOZ654" s="613"/>
      <c r="FPA654" s="613"/>
      <c r="FPB654" s="613"/>
      <c r="FPC654" s="613"/>
      <c r="FPD654" s="613"/>
      <c r="FPE654" s="613"/>
      <c r="FPF654" s="613"/>
      <c r="FPG654" s="613"/>
      <c r="FPH654" s="613"/>
      <c r="FPI654" s="613"/>
      <c r="FPJ654" s="613"/>
      <c r="FPK654" s="613"/>
      <c r="FPL654" s="613"/>
      <c r="FPM654" s="613"/>
      <c r="FPN654" s="613"/>
      <c r="FPO654" s="613"/>
      <c r="FPP654" s="613"/>
      <c r="FPQ654" s="613"/>
      <c r="FPR654" s="613"/>
      <c r="FPS654" s="613"/>
      <c r="FPT654" s="613"/>
      <c r="FPU654" s="613"/>
      <c r="FPV654" s="613"/>
      <c r="FPW654" s="613"/>
      <c r="FPX654" s="613"/>
      <c r="FPY654" s="613"/>
      <c r="FPZ654" s="613"/>
      <c r="FQA654" s="613"/>
      <c r="FQB654" s="613"/>
      <c r="FQC654" s="613"/>
      <c r="FQD654" s="613"/>
      <c r="FQE654" s="613"/>
      <c r="FQF654" s="613"/>
      <c r="FQG654" s="613"/>
      <c r="FQH654" s="613"/>
      <c r="FQI654" s="613"/>
      <c r="FQJ654" s="613"/>
      <c r="FQK654" s="613"/>
      <c r="FQL654" s="613"/>
      <c r="FQM654" s="613"/>
      <c r="FQN654" s="613"/>
      <c r="FQO654" s="613"/>
      <c r="FQP654" s="613"/>
      <c r="FQQ654" s="613"/>
      <c r="FQR654" s="613"/>
      <c r="FQS654" s="613"/>
      <c r="FQT654" s="613"/>
      <c r="FQU654" s="613"/>
      <c r="FQV654" s="613"/>
      <c r="FQW654" s="613"/>
      <c r="FQX654" s="613"/>
      <c r="FQY654" s="613"/>
      <c r="FQZ654" s="613"/>
      <c r="FRA654" s="613"/>
      <c r="FRB654" s="613"/>
      <c r="FRC654" s="613"/>
      <c r="FRD654" s="613"/>
      <c r="FRE654" s="613"/>
      <c r="FRF654" s="613"/>
      <c r="FRG654" s="613"/>
      <c r="FRH654" s="613"/>
      <c r="FRI654" s="613"/>
      <c r="FRJ654" s="613"/>
      <c r="FRK654" s="613"/>
      <c r="FRL654" s="613"/>
      <c r="FRM654" s="613"/>
      <c r="FRN654" s="613"/>
      <c r="FRO654" s="613"/>
      <c r="FRP654" s="613"/>
      <c r="FRQ654" s="613"/>
      <c r="FRR654" s="613"/>
      <c r="FRS654" s="613"/>
      <c r="FRT654" s="613"/>
      <c r="FRU654" s="613"/>
      <c r="FRV654" s="613"/>
      <c r="FRW654" s="613"/>
      <c r="FRX654" s="613"/>
      <c r="FRY654" s="613"/>
      <c r="FRZ654" s="613"/>
      <c r="FSA654" s="613"/>
      <c r="FSB654" s="613"/>
      <c r="FSC654" s="613"/>
      <c r="FSD654" s="613"/>
      <c r="FSE654" s="613"/>
      <c r="FSF654" s="613"/>
      <c r="FSG654" s="613"/>
      <c r="FSH654" s="613"/>
      <c r="FSI654" s="613"/>
      <c r="FSJ654" s="613"/>
      <c r="FSK654" s="613"/>
      <c r="FSL654" s="613"/>
      <c r="FSM654" s="613"/>
      <c r="FSN654" s="613"/>
      <c r="FSO654" s="613"/>
      <c r="FSP654" s="613"/>
      <c r="FSQ654" s="613"/>
      <c r="FSR654" s="613"/>
      <c r="FSS654" s="613"/>
      <c r="FST654" s="613"/>
      <c r="FSU654" s="613"/>
      <c r="FSV654" s="613"/>
      <c r="FSW654" s="613"/>
      <c r="FSX654" s="613"/>
      <c r="FSY654" s="613"/>
      <c r="FSZ654" s="613"/>
      <c r="FTA654" s="613"/>
      <c r="FTB654" s="613"/>
      <c r="FTC654" s="613"/>
      <c r="FTD654" s="613"/>
      <c r="FTE654" s="613"/>
      <c r="FTF654" s="613"/>
      <c r="FTG654" s="613"/>
      <c r="FTH654" s="613"/>
      <c r="FTI654" s="613"/>
      <c r="FTJ654" s="613"/>
      <c r="FTK654" s="613"/>
      <c r="FTL654" s="613"/>
      <c r="FTM654" s="613"/>
      <c r="FTN654" s="613"/>
      <c r="FTO654" s="613"/>
      <c r="FTP654" s="613"/>
      <c r="FTQ654" s="613"/>
      <c r="FTR654" s="613"/>
      <c r="FTS654" s="613"/>
      <c r="FTT654" s="613"/>
      <c r="FTU654" s="613"/>
      <c r="FTV654" s="613"/>
      <c r="FTW654" s="613"/>
      <c r="FTX654" s="613"/>
      <c r="FTY654" s="613"/>
      <c r="FTZ654" s="613"/>
      <c r="FUA654" s="613"/>
      <c r="FUB654" s="613"/>
      <c r="FUC654" s="613"/>
      <c r="FUD654" s="613"/>
      <c r="FUE654" s="613"/>
      <c r="FUF654" s="613"/>
      <c r="FUG654" s="613"/>
      <c r="FUH654" s="613"/>
      <c r="FUI654" s="613"/>
      <c r="FUJ654" s="613"/>
      <c r="FUK654" s="613"/>
      <c r="FUL654" s="613"/>
      <c r="FUM654" s="613"/>
      <c r="FUN654" s="613"/>
      <c r="FUO654" s="613"/>
      <c r="FUP654" s="613"/>
      <c r="FUQ654" s="613"/>
      <c r="FUR654" s="613"/>
      <c r="FUS654" s="613"/>
      <c r="FUT654" s="613"/>
      <c r="FUU654" s="613"/>
      <c r="FUV654" s="613"/>
      <c r="FUW654" s="613"/>
      <c r="FUX654" s="613"/>
      <c r="FUY654" s="613"/>
      <c r="FUZ654" s="613"/>
      <c r="FVA654" s="613"/>
      <c r="FVB654" s="613"/>
      <c r="FVC654" s="613"/>
      <c r="FVD654" s="613"/>
      <c r="FVE654" s="613"/>
      <c r="FVF654" s="613"/>
      <c r="FVG654" s="613"/>
      <c r="FVH654" s="613"/>
      <c r="FVI654" s="613"/>
      <c r="FVJ654" s="613"/>
      <c r="FVK654" s="613"/>
      <c r="FVL654" s="613"/>
      <c r="FVM654" s="613"/>
      <c r="FVN654" s="613"/>
      <c r="FVO654" s="613"/>
      <c r="FVP654" s="613"/>
      <c r="FVQ654" s="613"/>
      <c r="FVR654" s="613"/>
      <c r="FVS654" s="613"/>
      <c r="FVT654" s="613"/>
      <c r="FVU654" s="613"/>
      <c r="FVV654" s="613"/>
      <c r="FVW654" s="613"/>
      <c r="FVX654" s="613"/>
      <c r="FVY654" s="613"/>
      <c r="FVZ654" s="613"/>
      <c r="FWA654" s="613"/>
      <c r="FWB654" s="613"/>
      <c r="FWC654" s="613"/>
      <c r="FWD654" s="613"/>
      <c r="FWE654" s="613"/>
      <c r="FWF654" s="613"/>
      <c r="FWG654" s="613"/>
      <c r="FWH654" s="613"/>
      <c r="FWI654" s="613"/>
      <c r="FWJ654" s="613"/>
      <c r="FWK654" s="613"/>
      <c r="FWL654" s="613"/>
      <c r="FWM654" s="613"/>
      <c r="FWN654" s="613"/>
      <c r="FWO654" s="613"/>
      <c r="FWP654" s="613"/>
      <c r="FWQ654" s="613"/>
      <c r="FWR654" s="613"/>
      <c r="FWS654" s="613"/>
      <c r="FWT654" s="613"/>
      <c r="FWU654" s="613"/>
      <c r="FWV654" s="613"/>
      <c r="FWW654" s="613"/>
      <c r="FWX654" s="613"/>
      <c r="FWY654" s="613"/>
      <c r="FWZ654" s="613"/>
      <c r="FXA654" s="613"/>
      <c r="FXB654" s="613"/>
      <c r="FXC654" s="613"/>
      <c r="FXD654" s="613"/>
      <c r="FXE654" s="613"/>
      <c r="FXF654" s="613"/>
      <c r="FXG654" s="613"/>
      <c r="FXH654" s="613"/>
      <c r="FXI654" s="613"/>
      <c r="FXJ654" s="613"/>
      <c r="FXK654" s="613"/>
      <c r="FXL654" s="613"/>
      <c r="FXM654" s="613"/>
      <c r="FXN654" s="613"/>
      <c r="FXO654" s="613"/>
      <c r="FXP654" s="613"/>
      <c r="FXQ654" s="613"/>
      <c r="FXR654" s="613"/>
      <c r="FXS654" s="613"/>
      <c r="FXT654" s="613"/>
      <c r="FXU654" s="613"/>
      <c r="FXV654" s="613"/>
      <c r="FXW654" s="613"/>
      <c r="FXX654" s="613"/>
      <c r="FXY654" s="613"/>
      <c r="FXZ654" s="613"/>
      <c r="FYA654" s="613"/>
      <c r="FYB654" s="613"/>
      <c r="FYC654" s="613"/>
      <c r="FYD654" s="613"/>
      <c r="FYE654" s="613"/>
      <c r="FYF654" s="613"/>
      <c r="FYG654" s="613"/>
      <c r="FYH654" s="613"/>
      <c r="FYI654" s="613"/>
      <c r="FYJ654" s="613"/>
      <c r="FYK654" s="613"/>
      <c r="FYL654" s="613"/>
      <c r="FYM654" s="613"/>
      <c r="FYN654" s="613"/>
      <c r="FYO654" s="613"/>
      <c r="FYP654" s="613"/>
      <c r="FYQ654" s="613"/>
      <c r="FYR654" s="613"/>
      <c r="FYS654" s="613"/>
      <c r="FYT654" s="613"/>
      <c r="FYU654" s="613"/>
      <c r="FYV654" s="613"/>
      <c r="FYW654" s="613"/>
      <c r="FYX654" s="613"/>
      <c r="FYY654" s="613"/>
      <c r="FYZ654" s="613"/>
      <c r="FZA654" s="613"/>
      <c r="FZB654" s="613"/>
      <c r="FZC654" s="613"/>
      <c r="FZD654" s="613"/>
      <c r="FZE654" s="613"/>
      <c r="FZF654" s="613"/>
      <c r="FZG654" s="613"/>
      <c r="FZH654" s="613"/>
      <c r="FZI654" s="613"/>
      <c r="FZJ654" s="613"/>
      <c r="FZK654" s="613"/>
      <c r="FZL654" s="613"/>
      <c r="FZM654" s="613"/>
      <c r="FZN654" s="613"/>
      <c r="FZO654" s="613"/>
      <c r="FZP654" s="613"/>
      <c r="FZQ654" s="613"/>
      <c r="FZR654" s="613"/>
      <c r="FZS654" s="613"/>
      <c r="FZT654" s="613"/>
      <c r="FZU654" s="613"/>
      <c r="FZV654" s="613"/>
      <c r="FZW654" s="613"/>
      <c r="FZX654" s="613"/>
      <c r="FZY654" s="613"/>
      <c r="FZZ654" s="613"/>
      <c r="GAA654" s="613"/>
      <c r="GAB654" s="613"/>
      <c r="GAC654" s="613"/>
      <c r="GAD654" s="613"/>
      <c r="GAE654" s="613"/>
      <c r="GAF654" s="613"/>
      <c r="GAG654" s="613"/>
      <c r="GAH654" s="613"/>
      <c r="GAI654" s="613"/>
      <c r="GAJ654" s="613"/>
      <c r="GAK654" s="613"/>
      <c r="GAL654" s="613"/>
      <c r="GAM654" s="613"/>
      <c r="GAN654" s="613"/>
      <c r="GAO654" s="613"/>
      <c r="GAP654" s="613"/>
      <c r="GAQ654" s="613"/>
      <c r="GAR654" s="613"/>
      <c r="GAS654" s="613"/>
      <c r="GAT654" s="613"/>
      <c r="GAU654" s="613"/>
      <c r="GAV654" s="613"/>
      <c r="GAW654" s="613"/>
      <c r="GAX654" s="613"/>
      <c r="GAY654" s="613"/>
      <c r="GAZ654" s="613"/>
      <c r="GBA654" s="613"/>
      <c r="GBB654" s="613"/>
      <c r="GBC654" s="613"/>
      <c r="GBD654" s="613"/>
      <c r="GBE654" s="613"/>
      <c r="GBF654" s="613"/>
      <c r="GBG654" s="613"/>
      <c r="GBH654" s="613"/>
      <c r="GBI654" s="613"/>
      <c r="GBJ654" s="613"/>
      <c r="GBK654" s="613"/>
      <c r="GBL654" s="613"/>
      <c r="GBM654" s="613"/>
      <c r="GBN654" s="613"/>
      <c r="GBO654" s="613"/>
      <c r="GBP654" s="613"/>
      <c r="GBQ654" s="613"/>
      <c r="GBR654" s="613"/>
      <c r="GBS654" s="613"/>
      <c r="GBT654" s="613"/>
      <c r="GBU654" s="613"/>
      <c r="GBV654" s="613"/>
      <c r="GBW654" s="613"/>
      <c r="GBX654" s="613"/>
      <c r="GBY654" s="613"/>
      <c r="GBZ654" s="613"/>
      <c r="GCA654" s="613"/>
      <c r="GCB654" s="613"/>
      <c r="GCC654" s="613"/>
      <c r="GCD654" s="613"/>
      <c r="GCE654" s="613"/>
      <c r="GCF654" s="613"/>
      <c r="GCG654" s="613"/>
      <c r="GCH654" s="613"/>
      <c r="GCI654" s="613"/>
      <c r="GCJ654" s="613"/>
      <c r="GCK654" s="613"/>
      <c r="GCL654" s="613"/>
      <c r="GCM654" s="613"/>
      <c r="GCN654" s="613"/>
      <c r="GCO654" s="613"/>
      <c r="GCP654" s="613"/>
      <c r="GCQ654" s="613"/>
      <c r="GCR654" s="613"/>
      <c r="GCS654" s="613"/>
      <c r="GCT654" s="613"/>
      <c r="GCU654" s="613"/>
      <c r="GCV654" s="613"/>
      <c r="GCW654" s="613"/>
      <c r="GCX654" s="613"/>
      <c r="GCY654" s="613"/>
      <c r="GCZ654" s="613"/>
      <c r="GDA654" s="613"/>
      <c r="GDB654" s="613"/>
      <c r="GDC654" s="613"/>
      <c r="GDD654" s="613"/>
      <c r="GDE654" s="613"/>
      <c r="GDF654" s="613"/>
      <c r="GDG654" s="613"/>
      <c r="GDH654" s="613"/>
      <c r="GDI654" s="613"/>
      <c r="GDJ654" s="613"/>
      <c r="GDK654" s="613"/>
      <c r="GDL654" s="613"/>
      <c r="GDM654" s="613"/>
      <c r="GDN654" s="613"/>
      <c r="GDO654" s="613"/>
      <c r="GDP654" s="613"/>
      <c r="GDQ654" s="613"/>
      <c r="GDR654" s="613"/>
      <c r="GDS654" s="613"/>
      <c r="GDT654" s="613"/>
      <c r="GDU654" s="613"/>
      <c r="GDV654" s="613"/>
      <c r="GDW654" s="613"/>
      <c r="GDX654" s="613"/>
      <c r="GDY654" s="613"/>
      <c r="GDZ654" s="613"/>
      <c r="GEA654" s="613"/>
      <c r="GEB654" s="613"/>
      <c r="GEC654" s="613"/>
      <c r="GED654" s="613"/>
      <c r="GEE654" s="613"/>
      <c r="GEF654" s="613"/>
      <c r="GEG654" s="613"/>
      <c r="GEH654" s="613"/>
      <c r="GEI654" s="613"/>
      <c r="GEJ654" s="613"/>
      <c r="GEK654" s="613"/>
      <c r="GEL654" s="613"/>
      <c r="GEM654" s="613"/>
      <c r="GEN654" s="613"/>
      <c r="GEO654" s="613"/>
      <c r="GEP654" s="613"/>
      <c r="GEQ654" s="613"/>
      <c r="GER654" s="613"/>
      <c r="GES654" s="613"/>
      <c r="GET654" s="613"/>
      <c r="GEU654" s="613"/>
      <c r="GEV654" s="613"/>
      <c r="GEW654" s="613"/>
      <c r="GEX654" s="613"/>
      <c r="GEY654" s="613"/>
      <c r="GEZ654" s="613"/>
      <c r="GFA654" s="613"/>
      <c r="GFB654" s="613"/>
      <c r="GFC654" s="613"/>
      <c r="GFD654" s="613"/>
      <c r="GFE654" s="613"/>
      <c r="GFF654" s="613"/>
      <c r="GFG654" s="613"/>
      <c r="GFH654" s="613"/>
      <c r="GFI654" s="613"/>
      <c r="GFJ654" s="613"/>
      <c r="GFK654" s="613"/>
      <c r="GFL654" s="613"/>
      <c r="GFM654" s="613"/>
      <c r="GFN654" s="613"/>
      <c r="GFO654" s="613"/>
      <c r="GFP654" s="613"/>
      <c r="GFQ654" s="613"/>
      <c r="GFR654" s="613"/>
      <c r="GFS654" s="613"/>
      <c r="GFT654" s="613"/>
      <c r="GFU654" s="613"/>
      <c r="GFV654" s="613"/>
      <c r="GFW654" s="613"/>
      <c r="GFX654" s="613"/>
      <c r="GFY654" s="613"/>
      <c r="GFZ654" s="613"/>
      <c r="GGA654" s="613"/>
      <c r="GGB654" s="613"/>
      <c r="GGC654" s="613"/>
      <c r="GGD654" s="613"/>
      <c r="GGE654" s="613"/>
      <c r="GGF654" s="613"/>
      <c r="GGG654" s="613"/>
      <c r="GGH654" s="613"/>
      <c r="GGI654" s="613"/>
      <c r="GGJ654" s="613"/>
      <c r="GGK654" s="613"/>
      <c r="GGL654" s="613"/>
      <c r="GGM654" s="613"/>
      <c r="GGN654" s="613"/>
      <c r="GGO654" s="613"/>
      <c r="GGP654" s="613"/>
      <c r="GGQ654" s="613"/>
      <c r="GGR654" s="613"/>
      <c r="GGS654" s="613"/>
      <c r="GGT654" s="613"/>
      <c r="GGU654" s="613"/>
      <c r="GGV654" s="613"/>
      <c r="GGW654" s="613"/>
      <c r="GGX654" s="613"/>
      <c r="GGY654" s="613"/>
      <c r="GGZ654" s="613"/>
      <c r="GHA654" s="613"/>
      <c r="GHB654" s="613"/>
      <c r="GHC654" s="613"/>
      <c r="GHD654" s="613"/>
      <c r="GHE654" s="613"/>
      <c r="GHF654" s="613"/>
      <c r="GHG654" s="613"/>
      <c r="GHH654" s="613"/>
      <c r="GHI654" s="613"/>
      <c r="GHJ654" s="613"/>
      <c r="GHK654" s="613"/>
      <c r="GHL654" s="613"/>
      <c r="GHM654" s="613"/>
      <c r="GHN654" s="613"/>
      <c r="GHO654" s="613"/>
      <c r="GHP654" s="613"/>
      <c r="GHQ654" s="613"/>
      <c r="GHR654" s="613"/>
      <c r="GHS654" s="613"/>
      <c r="GHT654" s="613"/>
      <c r="GHU654" s="613"/>
      <c r="GHV654" s="613"/>
      <c r="GHW654" s="613"/>
      <c r="GHX654" s="613"/>
      <c r="GHY654" s="613"/>
      <c r="GHZ654" s="613"/>
      <c r="GIA654" s="613"/>
      <c r="GIB654" s="613"/>
      <c r="GIC654" s="613"/>
      <c r="GID654" s="613"/>
      <c r="GIE654" s="613"/>
      <c r="GIF654" s="613"/>
      <c r="GIG654" s="613"/>
      <c r="GIH654" s="613"/>
      <c r="GII654" s="613"/>
      <c r="GIJ654" s="613"/>
      <c r="GIK654" s="613"/>
      <c r="GIL654" s="613"/>
      <c r="GIM654" s="613"/>
      <c r="GIN654" s="613"/>
      <c r="GIO654" s="613"/>
      <c r="GIP654" s="613"/>
      <c r="GIQ654" s="613"/>
      <c r="GIR654" s="613"/>
      <c r="GIS654" s="613"/>
      <c r="GIT654" s="613"/>
      <c r="GIU654" s="613"/>
      <c r="GIV654" s="613"/>
      <c r="GIW654" s="613"/>
      <c r="GIX654" s="613"/>
      <c r="GIY654" s="613"/>
      <c r="GIZ654" s="613"/>
      <c r="GJA654" s="613"/>
      <c r="GJB654" s="613"/>
      <c r="GJC654" s="613"/>
      <c r="GJD654" s="613"/>
      <c r="GJE654" s="613"/>
      <c r="GJF654" s="613"/>
      <c r="GJG654" s="613"/>
      <c r="GJH654" s="613"/>
      <c r="GJI654" s="613"/>
      <c r="GJJ654" s="613"/>
      <c r="GJK654" s="613"/>
      <c r="GJL654" s="613"/>
      <c r="GJM654" s="613"/>
      <c r="GJN654" s="613"/>
      <c r="GJO654" s="613"/>
      <c r="GJP654" s="613"/>
      <c r="GJQ654" s="613"/>
      <c r="GJR654" s="613"/>
      <c r="GJS654" s="613"/>
      <c r="GJT654" s="613"/>
      <c r="GJU654" s="613"/>
      <c r="GJV654" s="613"/>
      <c r="GJW654" s="613"/>
      <c r="GJX654" s="613"/>
      <c r="GJY654" s="613"/>
      <c r="GJZ654" s="613"/>
      <c r="GKA654" s="613"/>
      <c r="GKB654" s="613"/>
      <c r="GKC654" s="613"/>
      <c r="GKD654" s="613"/>
      <c r="GKE654" s="613"/>
      <c r="GKF654" s="613"/>
      <c r="GKG654" s="613"/>
      <c r="GKH654" s="613"/>
      <c r="GKI654" s="613"/>
      <c r="GKJ654" s="613"/>
      <c r="GKK654" s="613"/>
      <c r="GKL654" s="613"/>
      <c r="GKM654" s="613"/>
      <c r="GKN654" s="613"/>
      <c r="GKO654" s="613"/>
      <c r="GKP654" s="613"/>
      <c r="GKQ654" s="613"/>
      <c r="GKR654" s="613"/>
      <c r="GKS654" s="613"/>
      <c r="GKT654" s="613"/>
      <c r="GKU654" s="613"/>
      <c r="GKV654" s="613"/>
      <c r="GKW654" s="613"/>
      <c r="GKX654" s="613"/>
      <c r="GKY654" s="613"/>
      <c r="GKZ654" s="613"/>
      <c r="GLA654" s="613"/>
      <c r="GLB654" s="613"/>
      <c r="GLC654" s="613"/>
      <c r="GLD654" s="613"/>
      <c r="GLE654" s="613"/>
      <c r="GLF654" s="613"/>
      <c r="GLG654" s="613"/>
      <c r="GLH654" s="613"/>
      <c r="GLI654" s="613"/>
      <c r="GLJ654" s="613"/>
      <c r="GLK654" s="613"/>
      <c r="GLL654" s="613"/>
      <c r="GLM654" s="613"/>
      <c r="GLN654" s="613"/>
      <c r="GLO654" s="613"/>
      <c r="GLP654" s="613"/>
      <c r="GLQ654" s="613"/>
      <c r="GLR654" s="613"/>
      <c r="GLS654" s="613"/>
      <c r="GLT654" s="613"/>
      <c r="GLU654" s="613"/>
      <c r="GLV654" s="613"/>
      <c r="GLW654" s="613"/>
      <c r="GLX654" s="613"/>
      <c r="GLY654" s="613"/>
      <c r="GLZ654" s="613"/>
      <c r="GMA654" s="613"/>
      <c r="GMB654" s="613"/>
      <c r="GMC654" s="613"/>
      <c r="GMD654" s="613"/>
      <c r="GME654" s="613"/>
      <c r="GMF654" s="613"/>
      <c r="GMG654" s="613"/>
      <c r="GMH654" s="613"/>
      <c r="GMI654" s="613"/>
      <c r="GMJ654" s="613"/>
      <c r="GMK654" s="613"/>
      <c r="GML654" s="613"/>
      <c r="GMM654" s="613"/>
      <c r="GMN654" s="613"/>
      <c r="GMO654" s="613"/>
      <c r="GMP654" s="613"/>
      <c r="GMQ654" s="613"/>
      <c r="GMR654" s="613"/>
      <c r="GMS654" s="613"/>
      <c r="GMT654" s="613"/>
      <c r="GMU654" s="613"/>
      <c r="GMV654" s="613"/>
      <c r="GMW654" s="613"/>
      <c r="GMX654" s="613"/>
      <c r="GMY654" s="613"/>
      <c r="GMZ654" s="613"/>
      <c r="GNA654" s="613"/>
      <c r="GNB654" s="613"/>
      <c r="GNC654" s="613"/>
      <c r="GND654" s="613"/>
      <c r="GNE654" s="613"/>
      <c r="GNF654" s="613"/>
      <c r="GNG654" s="613"/>
      <c r="GNH654" s="613"/>
      <c r="GNI654" s="613"/>
      <c r="GNJ654" s="613"/>
      <c r="GNK654" s="613"/>
      <c r="GNL654" s="613"/>
      <c r="GNM654" s="613"/>
      <c r="GNN654" s="613"/>
      <c r="GNO654" s="613"/>
      <c r="GNP654" s="613"/>
      <c r="GNQ654" s="613"/>
      <c r="GNR654" s="613"/>
      <c r="GNS654" s="613"/>
      <c r="GNT654" s="613"/>
      <c r="GNU654" s="613"/>
      <c r="GNV654" s="613"/>
      <c r="GNW654" s="613"/>
      <c r="GNX654" s="613"/>
      <c r="GNY654" s="613"/>
      <c r="GNZ654" s="613"/>
      <c r="GOA654" s="613"/>
      <c r="GOB654" s="613"/>
      <c r="GOC654" s="613"/>
      <c r="GOD654" s="613"/>
      <c r="GOE654" s="613"/>
      <c r="GOF654" s="613"/>
      <c r="GOG654" s="613"/>
      <c r="GOH654" s="613"/>
      <c r="GOI654" s="613"/>
      <c r="GOJ654" s="613"/>
      <c r="GOK654" s="613"/>
      <c r="GOL654" s="613"/>
      <c r="GOM654" s="613"/>
      <c r="GON654" s="613"/>
      <c r="GOO654" s="613"/>
      <c r="GOP654" s="613"/>
      <c r="GOQ654" s="613"/>
      <c r="GOR654" s="613"/>
      <c r="GOS654" s="613"/>
      <c r="GOT654" s="613"/>
      <c r="GOU654" s="613"/>
      <c r="GOV654" s="613"/>
      <c r="GOW654" s="613"/>
      <c r="GOX654" s="613"/>
      <c r="GOY654" s="613"/>
      <c r="GOZ654" s="613"/>
      <c r="GPA654" s="613"/>
      <c r="GPB654" s="613"/>
      <c r="GPC654" s="613"/>
      <c r="GPD654" s="613"/>
      <c r="GPE654" s="613"/>
      <c r="GPF654" s="613"/>
      <c r="GPG654" s="613"/>
      <c r="GPH654" s="613"/>
      <c r="GPI654" s="613"/>
      <c r="GPJ654" s="613"/>
      <c r="GPK654" s="613"/>
      <c r="GPL654" s="613"/>
      <c r="GPM654" s="613"/>
      <c r="GPN654" s="613"/>
      <c r="GPO654" s="613"/>
      <c r="GPP654" s="613"/>
      <c r="GPQ654" s="613"/>
      <c r="GPR654" s="613"/>
      <c r="GPS654" s="613"/>
      <c r="GPT654" s="613"/>
      <c r="GPU654" s="613"/>
      <c r="GPV654" s="613"/>
      <c r="GPW654" s="613"/>
      <c r="GPX654" s="613"/>
      <c r="GPY654" s="613"/>
      <c r="GPZ654" s="613"/>
      <c r="GQA654" s="613"/>
      <c r="GQB654" s="613"/>
      <c r="GQC654" s="613"/>
      <c r="GQD654" s="613"/>
      <c r="GQE654" s="613"/>
      <c r="GQF654" s="613"/>
      <c r="GQG654" s="613"/>
      <c r="GQH654" s="613"/>
      <c r="GQI654" s="613"/>
      <c r="GQJ654" s="613"/>
      <c r="GQK654" s="613"/>
      <c r="GQL654" s="613"/>
      <c r="GQM654" s="613"/>
      <c r="GQN654" s="613"/>
      <c r="GQO654" s="613"/>
      <c r="GQP654" s="613"/>
      <c r="GQQ654" s="613"/>
      <c r="GQR654" s="613"/>
      <c r="GQS654" s="613"/>
      <c r="GQT654" s="613"/>
      <c r="GQU654" s="613"/>
      <c r="GQV654" s="613"/>
      <c r="GQW654" s="613"/>
      <c r="GQX654" s="613"/>
      <c r="GQY654" s="613"/>
      <c r="GQZ654" s="613"/>
      <c r="GRA654" s="613"/>
      <c r="GRB654" s="613"/>
      <c r="GRC654" s="613"/>
      <c r="GRD654" s="613"/>
      <c r="GRE654" s="613"/>
      <c r="GRF654" s="613"/>
      <c r="GRG654" s="613"/>
      <c r="GRH654" s="613"/>
      <c r="GRI654" s="613"/>
      <c r="GRJ654" s="613"/>
      <c r="GRK654" s="613"/>
      <c r="GRL654" s="613"/>
      <c r="GRM654" s="613"/>
      <c r="GRN654" s="613"/>
      <c r="GRO654" s="613"/>
      <c r="GRP654" s="613"/>
      <c r="GRQ654" s="613"/>
      <c r="GRR654" s="613"/>
      <c r="GRS654" s="613"/>
      <c r="GRT654" s="613"/>
      <c r="GRU654" s="613"/>
      <c r="GRV654" s="613"/>
      <c r="GRW654" s="613"/>
      <c r="GRX654" s="613"/>
      <c r="GRY654" s="613"/>
      <c r="GRZ654" s="613"/>
      <c r="GSA654" s="613"/>
      <c r="GSB654" s="613"/>
      <c r="GSC654" s="613"/>
      <c r="GSD654" s="613"/>
      <c r="GSE654" s="613"/>
      <c r="GSF654" s="613"/>
      <c r="GSG654" s="613"/>
      <c r="GSH654" s="613"/>
      <c r="GSI654" s="613"/>
      <c r="GSJ654" s="613"/>
      <c r="GSK654" s="613"/>
      <c r="GSL654" s="613"/>
      <c r="GSM654" s="613"/>
      <c r="GSN654" s="613"/>
      <c r="GSO654" s="613"/>
      <c r="GSP654" s="613"/>
      <c r="GSQ654" s="613"/>
      <c r="GSR654" s="613"/>
      <c r="GSS654" s="613"/>
      <c r="GST654" s="613"/>
      <c r="GSU654" s="613"/>
      <c r="GSV654" s="613"/>
      <c r="GSW654" s="613"/>
      <c r="GSX654" s="613"/>
      <c r="GSY654" s="613"/>
      <c r="GSZ654" s="613"/>
      <c r="GTA654" s="613"/>
      <c r="GTB654" s="613"/>
      <c r="GTC654" s="613"/>
      <c r="GTD654" s="613"/>
      <c r="GTE654" s="613"/>
      <c r="GTF654" s="613"/>
      <c r="GTG654" s="613"/>
      <c r="GTH654" s="613"/>
      <c r="GTI654" s="613"/>
      <c r="GTJ654" s="613"/>
      <c r="GTK654" s="613"/>
      <c r="GTL654" s="613"/>
      <c r="GTM654" s="613"/>
      <c r="GTN654" s="613"/>
      <c r="GTO654" s="613"/>
      <c r="GTP654" s="613"/>
      <c r="GTQ654" s="613"/>
      <c r="GTR654" s="613"/>
      <c r="GTS654" s="613"/>
      <c r="GTT654" s="613"/>
      <c r="GTU654" s="613"/>
      <c r="GTV654" s="613"/>
      <c r="GTW654" s="613"/>
      <c r="GTX654" s="613"/>
      <c r="GTY654" s="613"/>
      <c r="GTZ654" s="613"/>
      <c r="GUA654" s="613"/>
      <c r="GUB654" s="613"/>
      <c r="GUC654" s="613"/>
      <c r="GUD654" s="613"/>
      <c r="GUE654" s="613"/>
      <c r="GUF654" s="613"/>
      <c r="GUG654" s="613"/>
      <c r="GUH654" s="613"/>
      <c r="GUI654" s="613"/>
      <c r="GUJ654" s="613"/>
      <c r="GUK654" s="613"/>
      <c r="GUL654" s="613"/>
      <c r="GUM654" s="613"/>
      <c r="GUN654" s="613"/>
      <c r="GUO654" s="613"/>
      <c r="GUP654" s="613"/>
      <c r="GUQ654" s="613"/>
      <c r="GUR654" s="613"/>
      <c r="GUS654" s="613"/>
      <c r="GUT654" s="613"/>
      <c r="GUU654" s="613"/>
      <c r="GUV654" s="613"/>
      <c r="GUW654" s="613"/>
      <c r="GUX654" s="613"/>
      <c r="GUY654" s="613"/>
      <c r="GUZ654" s="613"/>
      <c r="GVA654" s="613"/>
      <c r="GVB654" s="613"/>
      <c r="GVC654" s="613"/>
      <c r="GVD654" s="613"/>
      <c r="GVE654" s="613"/>
      <c r="GVF654" s="613"/>
      <c r="GVG654" s="613"/>
      <c r="GVH654" s="613"/>
      <c r="GVI654" s="613"/>
      <c r="GVJ654" s="613"/>
      <c r="GVK654" s="613"/>
      <c r="GVL654" s="613"/>
      <c r="GVM654" s="613"/>
      <c r="GVN654" s="613"/>
      <c r="GVO654" s="613"/>
      <c r="GVP654" s="613"/>
      <c r="GVQ654" s="613"/>
      <c r="GVR654" s="613"/>
      <c r="GVS654" s="613"/>
      <c r="GVT654" s="613"/>
      <c r="GVU654" s="613"/>
      <c r="GVV654" s="613"/>
      <c r="GVW654" s="613"/>
      <c r="GVX654" s="613"/>
      <c r="GVY654" s="613"/>
      <c r="GVZ654" s="613"/>
      <c r="GWA654" s="613"/>
      <c r="GWB654" s="613"/>
      <c r="GWC654" s="613"/>
      <c r="GWD654" s="613"/>
      <c r="GWE654" s="613"/>
      <c r="GWF654" s="613"/>
      <c r="GWG654" s="613"/>
      <c r="GWH654" s="613"/>
      <c r="GWI654" s="613"/>
      <c r="GWJ654" s="613"/>
      <c r="GWK654" s="613"/>
      <c r="GWL654" s="613"/>
      <c r="GWM654" s="613"/>
      <c r="GWN654" s="613"/>
      <c r="GWO654" s="613"/>
      <c r="GWP654" s="613"/>
      <c r="GWQ654" s="613"/>
      <c r="GWR654" s="613"/>
      <c r="GWS654" s="613"/>
      <c r="GWT654" s="613"/>
      <c r="GWU654" s="613"/>
      <c r="GWV654" s="613"/>
      <c r="GWW654" s="613"/>
      <c r="GWX654" s="613"/>
      <c r="GWY654" s="613"/>
      <c r="GWZ654" s="613"/>
      <c r="GXA654" s="613"/>
      <c r="GXB654" s="613"/>
      <c r="GXC654" s="613"/>
      <c r="GXD654" s="613"/>
      <c r="GXE654" s="613"/>
      <c r="GXF654" s="613"/>
      <c r="GXG654" s="613"/>
      <c r="GXH654" s="613"/>
      <c r="GXI654" s="613"/>
      <c r="GXJ654" s="613"/>
      <c r="GXK654" s="613"/>
      <c r="GXL654" s="613"/>
      <c r="GXM654" s="613"/>
      <c r="GXN654" s="613"/>
      <c r="GXO654" s="613"/>
      <c r="GXP654" s="613"/>
      <c r="GXQ654" s="613"/>
      <c r="GXR654" s="613"/>
      <c r="GXS654" s="613"/>
      <c r="GXT654" s="613"/>
      <c r="GXU654" s="613"/>
      <c r="GXV654" s="613"/>
      <c r="GXW654" s="613"/>
      <c r="GXX654" s="613"/>
      <c r="GXY654" s="613"/>
      <c r="GXZ654" s="613"/>
      <c r="GYA654" s="613"/>
      <c r="GYB654" s="613"/>
      <c r="GYC654" s="613"/>
      <c r="GYD654" s="613"/>
      <c r="GYE654" s="613"/>
      <c r="GYF654" s="613"/>
      <c r="GYG654" s="613"/>
      <c r="GYH654" s="613"/>
      <c r="GYI654" s="613"/>
      <c r="GYJ654" s="613"/>
      <c r="GYK654" s="613"/>
      <c r="GYL654" s="613"/>
      <c r="GYM654" s="613"/>
      <c r="GYN654" s="613"/>
      <c r="GYO654" s="613"/>
      <c r="GYP654" s="613"/>
      <c r="GYQ654" s="613"/>
      <c r="GYR654" s="613"/>
      <c r="GYS654" s="613"/>
      <c r="GYT654" s="613"/>
      <c r="GYU654" s="613"/>
      <c r="GYV654" s="613"/>
      <c r="GYW654" s="613"/>
      <c r="GYX654" s="613"/>
      <c r="GYY654" s="613"/>
      <c r="GYZ654" s="613"/>
      <c r="GZA654" s="613"/>
      <c r="GZB654" s="613"/>
      <c r="GZC654" s="613"/>
      <c r="GZD654" s="613"/>
      <c r="GZE654" s="613"/>
      <c r="GZF654" s="613"/>
      <c r="GZG654" s="613"/>
      <c r="GZH654" s="613"/>
      <c r="GZI654" s="613"/>
      <c r="GZJ654" s="613"/>
      <c r="GZK654" s="613"/>
      <c r="GZL654" s="613"/>
      <c r="GZM654" s="613"/>
      <c r="GZN654" s="613"/>
      <c r="GZO654" s="613"/>
      <c r="GZP654" s="613"/>
      <c r="GZQ654" s="613"/>
      <c r="GZR654" s="613"/>
      <c r="GZS654" s="613"/>
      <c r="GZT654" s="613"/>
      <c r="GZU654" s="613"/>
      <c r="GZV654" s="613"/>
      <c r="GZW654" s="613"/>
      <c r="GZX654" s="613"/>
      <c r="GZY654" s="613"/>
      <c r="GZZ654" s="613"/>
      <c r="HAA654" s="613"/>
      <c r="HAB654" s="613"/>
      <c r="HAC654" s="613"/>
      <c r="HAD654" s="613"/>
      <c r="HAE654" s="613"/>
      <c r="HAF654" s="613"/>
      <c r="HAG654" s="613"/>
      <c r="HAH654" s="613"/>
      <c r="HAI654" s="613"/>
      <c r="HAJ654" s="613"/>
      <c r="HAK654" s="613"/>
      <c r="HAL654" s="613"/>
      <c r="HAM654" s="613"/>
      <c r="HAN654" s="613"/>
      <c r="HAO654" s="613"/>
      <c r="HAP654" s="613"/>
      <c r="HAQ654" s="613"/>
      <c r="HAR654" s="613"/>
      <c r="HAS654" s="613"/>
      <c r="HAT654" s="613"/>
      <c r="HAU654" s="613"/>
      <c r="HAV654" s="613"/>
      <c r="HAW654" s="613"/>
      <c r="HAX654" s="613"/>
      <c r="HAY654" s="613"/>
      <c r="HAZ654" s="613"/>
      <c r="HBA654" s="613"/>
      <c r="HBB654" s="613"/>
      <c r="HBC654" s="613"/>
      <c r="HBD654" s="613"/>
      <c r="HBE654" s="613"/>
      <c r="HBF654" s="613"/>
      <c r="HBG654" s="613"/>
      <c r="HBH654" s="613"/>
      <c r="HBI654" s="613"/>
      <c r="HBJ654" s="613"/>
      <c r="HBK654" s="613"/>
      <c r="HBL654" s="613"/>
      <c r="HBM654" s="613"/>
      <c r="HBN654" s="613"/>
      <c r="HBO654" s="613"/>
      <c r="HBP654" s="613"/>
      <c r="HBQ654" s="613"/>
      <c r="HBR654" s="613"/>
      <c r="HBS654" s="613"/>
      <c r="HBT654" s="613"/>
      <c r="HBU654" s="613"/>
      <c r="HBV654" s="613"/>
      <c r="HBW654" s="613"/>
      <c r="HBX654" s="613"/>
      <c r="HBY654" s="613"/>
      <c r="HBZ654" s="613"/>
      <c r="HCA654" s="613"/>
      <c r="HCB654" s="613"/>
      <c r="HCC654" s="613"/>
      <c r="HCD654" s="613"/>
      <c r="HCE654" s="613"/>
      <c r="HCF654" s="613"/>
      <c r="HCG654" s="613"/>
      <c r="HCH654" s="613"/>
      <c r="HCI654" s="613"/>
      <c r="HCJ654" s="613"/>
      <c r="HCK654" s="613"/>
      <c r="HCL654" s="613"/>
      <c r="HCM654" s="613"/>
      <c r="HCN654" s="613"/>
      <c r="HCO654" s="613"/>
      <c r="HCP654" s="613"/>
      <c r="HCQ654" s="613"/>
      <c r="HCR654" s="613"/>
      <c r="HCS654" s="613"/>
      <c r="HCT654" s="613"/>
      <c r="HCU654" s="613"/>
      <c r="HCV654" s="613"/>
      <c r="HCW654" s="613"/>
      <c r="HCX654" s="613"/>
      <c r="HCY654" s="613"/>
      <c r="HCZ654" s="613"/>
      <c r="HDA654" s="613"/>
      <c r="HDB654" s="613"/>
      <c r="HDC654" s="613"/>
      <c r="HDD654" s="613"/>
      <c r="HDE654" s="613"/>
      <c r="HDF654" s="613"/>
      <c r="HDG654" s="613"/>
      <c r="HDH654" s="613"/>
      <c r="HDI654" s="613"/>
      <c r="HDJ654" s="613"/>
      <c r="HDK654" s="613"/>
      <c r="HDL654" s="613"/>
      <c r="HDM654" s="613"/>
      <c r="HDN654" s="613"/>
      <c r="HDO654" s="613"/>
      <c r="HDP654" s="613"/>
      <c r="HDQ654" s="613"/>
      <c r="HDR654" s="613"/>
      <c r="HDS654" s="613"/>
      <c r="HDT654" s="613"/>
      <c r="HDU654" s="613"/>
      <c r="HDV654" s="613"/>
      <c r="HDW654" s="613"/>
      <c r="HDX654" s="613"/>
      <c r="HDY654" s="613"/>
      <c r="HDZ654" s="613"/>
      <c r="HEA654" s="613"/>
      <c r="HEB654" s="613"/>
      <c r="HEC654" s="613"/>
      <c r="HED654" s="613"/>
      <c r="HEE654" s="613"/>
      <c r="HEF654" s="613"/>
      <c r="HEG654" s="613"/>
      <c r="HEH654" s="613"/>
      <c r="HEI654" s="613"/>
      <c r="HEJ654" s="613"/>
      <c r="HEK654" s="613"/>
      <c r="HEL654" s="613"/>
      <c r="HEM654" s="613"/>
      <c r="HEN654" s="613"/>
      <c r="HEO654" s="613"/>
      <c r="HEP654" s="613"/>
      <c r="HEQ654" s="613"/>
      <c r="HER654" s="613"/>
      <c r="HES654" s="613"/>
      <c r="HET654" s="613"/>
      <c r="HEU654" s="613"/>
      <c r="HEV654" s="613"/>
      <c r="HEW654" s="613"/>
      <c r="HEX654" s="613"/>
      <c r="HEY654" s="613"/>
      <c r="HEZ654" s="613"/>
      <c r="HFA654" s="613"/>
      <c r="HFB654" s="613"/>
      <c r="HFC654" s="613"/>
      <c r="HFD654" s="613"/>
      <c r="HFE654" s="613"/>
      <c r="HFF654" s="613"/>
      <c r="HFG654" s="613"/>
      <c r="HFH654" s="613"/>
      <c r="HFI654" s="613"/>
      <c r="HFJ654" s="613"/>
      <c r="HFK654" s="613"/>
      <c r="HFL654" s="613"/>
      <c r="HFM654" s="613"/>
      <c r="HFN654" s="613"/>
      <c r="HFO654" s="613"/>
      <c r="HFP654" s="613"/>
      <c r="HFQ654" s="613"/>
      <c r="HFR654" s="613"/>
      <c r="HFS654" s="613"/>
      <c r="HFT654" s="613"/>
      <c r="HFU654" s="613"/>
      <c r="HFV654" s="613"/>
      <c r="HFW654" s="613"/>
      <c r="HFX654" s="613"/>
      <c r="HFY654" s="613"/>
      <c r="HFZ654" s="613"/>
      <c r="HGA654" s="613"/>
      <c r="HGB654" s="613"/>
      <c r="HGC654" s="613"/>
      <c r="HGD654" s="613"/>
      <c r="HGE654" s="613"/>
      <c r="HGF654" s="613"/>
      <c r="HGG654" s="613"/>
      <c r="HGH654" s="613"/>
      <c r="HGI654" s="613"/>
      <c r="HGJ654" s="613"/>
      <c r="HGK654" s="613"/>
      <c r="HGL654" s="613"/>
      <c r="HGM654" s="613"/>
      <c r="HGN654" s="613"/>
      <c r="HGO654" s="613"/>
      <c r="HGP654" s="613"/>
      <c r="HGQ654" s="613"/>
      <c r="HGR654" s="613"/>
      <c r="HGS654" s="613"/>
      <c r="HGT654" s="613"/>
      <c r="HGU654" s="613"/>
      <c r="HGV654" s="613"/>
      <c r="HGW654" s="613"/>
      <c r="HGX654" s="613"/>
      <c r="HGY654" s="613"/>
      <c r="HGZ654" s="613"/>
      <c r="HHA654" s="613"/>
      <c r="HHB654" s="613"/>
      <c r="HHC654" s="613"/>
      <c r="HHD654" s="613"/>
      <c r="HHE654" s="613"/>
      <c r="HHF654" s="613"/>
      <c r="HHG654" s="613"/>
      <c r="HHH654" s="613"/>
      <c r="HHI654" s="613"/>
      <c r="HHJ654" s="613"/>
      <c r="HHK654" s="613"/>
      <c r="HHL654" s="613"/>
      <c r="HHM654" s="613"/>
      <c r="HHN654" s="613"/>
      <c r="HHO654" s="613"/>
      <c r="HHP654" s="613"/>
      <c r="HHQ654" s="613"/>
      <c r="HHR654" s="613"/>
      <c r="HHS654" s="613"/>
      <c r="HHT654" s="613"/>
      <c r="HHU654" s="613"/>
      <c r="HHV654" s="613"/>
      <c r="HHW654" s="613"/>
      <c r="HHX654" s="613"/>
      <c r="HHY654" s="613"/>
      <c r="HHZ654" s="613"/>
      <c r="HIA654" s="613"/>
      <c r="HIB654" s="613"/>
      <c r="HIC654" s="613"/>
      <c r="HID654" s="613"/>
      <c r="HIE654" s="613"/>
      <c r="HIF654" s="613"/>
      <c r="HIG654" s="613"/>
      <c r="HIH654" s="613"/>
      <c r="HII654" s="613"/>
      <c r="HIJ654" s="613"/>
      <c r="HIK654" s="613"/>
      <c r="HIL654" s="613"/>
      <c r="HIM654" s="613"/>
      <c r="HIN654" s="613"/>
      <c r="HIO654" s="613"/>
      <c r="HIP654" s="613"/>
      <c r="HIQ654" s="613"/>
      <c r="HIR654" s="613"/>
      <c r="HIS654" s="613"/>
      <c r="HIT654" s="613"/>
      <c r="HIU654" s="613"/>
      <c r="HIV654" s="613"/>
      <c r="HIW654" s="613"/>
      <c r="HIX654" s="613"/>
      <c r="HIY654" s="613"/>
      <c r="HIZ654" s="613"/>
      <c r="HJA654" s="613"/>
      <c r="HJB654" s="613"/>
      <c r="HJC654" s="613"/>
      <c r="HJD654" s="613"/>
      <c r="HJE654" s="613"/>
      <c r="HJF654" s="613"/>
      <c r="HJG654" s="613"/>
      <c r="HJH654" s="613"/>
      <c r="HJI654" s="613"/>
      <c r="HJJ654" s="613"/>
      <c r="HJK654" s="613"/>
      <c r="HJL654" s="613"/>
      <c r="HJM654" s="613"/>
      <c r="HJN654" s="613"/>
      <c r="HJO654" s="613"/>
      <c r="HJP654" s="613"/>
      <c r="HJQ654" s="613"/>
      <c r="HJR654" s="613"/>
      <c r="HJS654" s="613"/>
      <c r="HJT654" s="613"/>
      <c r="HJU654" s="613"/>
      <c r="HJV654" s="613"/>
      <c r="HJW654" s="613"/>
      <c r="HJX654" s="613"/>
      <c r="HJY654" s="613"/>
      <c r="HJZ654" s="613"/>
      <c r="HKA654" s="613"/>
      <c r="HKB654" s="613"/>
      <c r="HKC654" s="613"/>
      <c r="HKD654" s="613"/>
      <c r="HKE654" s="613"/>
      <c r="HKF654" s="613"/>
      <c r="HKG654" s="613"/>
      <c r="HKH654" s="613"/>
      <c r="HKI654" s="613"/>
      <c r="HKJ654" s="613"/>
      <c r="HKK654" s="613"/>
      <c r="HKL654" s="613"/>
      <c r="HKM654" s="613"/>
      <c r="HKN654" s="613"/>
      <c r="HKO654" s="613"/>
      <c r="HKP654" s="613"/>
      <c r="HKQ654" s="613"/>
      <c r="HKR654" s="613"/>
      <c r="HKS654" s="613"/>
      <c r="HKT654" s="613"/>
      <c r="HKU654" s="613"/>
      <c r="HKV654" s="613"/>
      <c r="HKW654" s="613"/>
      <c r="HKX654" s="613"/>
      <c r="HKY654" s="613"/>
      <c r="HKZ654" s="613"/>
      <c r="HLA654" s="613"/>
      <c r="HLB654" s="613"/>
      <c r="HLC654" s="613"/>
      <c r="HLD654" s="613"/>
      <c r="HLE654" s="613"/>
      <c r="HLF654" s="613"/>
      <c r="HLG654" s="613"/>
      <c r="HLH654" s="613"/>
      <c r="HLI654" s="613"/>
      <c r="HLJ654" s="613"/>
      <c r="HLK654" s="613"/>
      <c r="HLL654" s="613"/>
      <c r="HLM654" s="613"/>
      <c r="HLN654" s="613"/>
      <c r="HLO654" s="613"/>
      <c r="HLP654" s="613"/>
      <c r="HLQ654" s="613"/>
      <c r="HLR654" s="613"/>
      <c r="HLS654" s="613"/>
      <c r="HLT654" s="613"/>
      <c r="HLU654" s="613"/>
      <c r="HLV654" s="613"/>
      <c r="HLW654" s="613"/>
      <c r="HLX654" s="613"/>
      <c r="HLY654" s="613"/>
      <c r="HLZ654" s="613"/>
      <c r="HMA654" s="613"/>
      <c r="HMB654" s="613"/>
      <c r="HMC654" s="613"/>
      <c r="HMD654" s="613"/>
      <c r="HME654" s="613"/>
      <c r="HMF654" s="613"/>
      <c r="HMG654" s="613"/>
      <c r="HMH654" s="613"/>
      <c r="HMI654" s="613"/>
      <c r="HMJ654" s="613"/>
      <c r="HMK654" s="613"/>
      <c r="HML654" s="613"/>
      <c r="HMM654" s="613"/>
      <c r="HMN654" s="613"/>
      <c r="HMO654" s="613"/>
      <c r="HMP654" s="613"/>
      <c r="HMQ654" s="613"/>
      <c r="HMR654" s="613"/>
      <c r="HMS654" s="613"/>
      <c r="HMT654" s="613"/>
      <c r="HMU654" s="613"/>
      <c r="HMV654" s="613"/>
      <c r="HMW654" s="613"/>
      <c r="HMX654" s="613"/>
      <c r="HMY654" s="613"/>
      <c r="HMZ654" s="613"/>
      <c r="HNA654" s="613"/>
      <c r="HNB654" s="613"/>
      <c r="HNC654" s="613"/>
      <c r="HND654" s="613"/>
      <c r="HNE654" s="613"/>
      <c r="HNF654" s="613"/>
      <c r="HNG654" s="613"/>
      <c r="HNH654" s="613"/>
      <c r="HNI654" s="613"/>
      <c r="HNJ654" s="613"/>
      <c r="HNK654" s="613"/>
      <c r="HNL654" s="613"/>
      <c r="HNM654" s="613"/>
      <c r="HNN654" s="613"/>
      <c r="HNO654" s="613"/>
      <c r="HNP654" s="613"/>
      <c r="HNQ654" s="613"/>
      <c r="HNR654" s="613"/>
      <c r="HNS654" s="613"/>
      <c r="HNT654" s="613"/>
      <c r="HNU654" s="613"/>
      <c r="HNV654" s="613"/>
      <c r="HNW654" s="613"/>
      <c r="HNX654" s="613"/>
      <c r="HNY654" s="613"/>
      <c r="HNZ654" s="613"/>
      <c r="HOA654" s="613"/>
      <c r="HOB654" s="613"/>
      <c r="HOC654" s="613"/>
      <c r="HOD654" s="613"/>
      <c r="HOE654" s="613"/>
      <c r="HOF654" s="613"/>
      <c r="HOG654" s="613"/>
      <c r="HOH654" s="613"/>
      <c r="HOI654" s="613"/>
      <c r="HOJ654" s="613"/>
      <c r="HOK654" s="613"/>
      <c r="HOL654" s="613"/>
      <c r="HOM654" s="613"/>
      <c r="HON654" s="613"/>
      <c r="HOO654" s="613"/>
      <c r="HOP654" s="613"/>
      <c r="HOQ654" s="613"/>
      <c r="HOR654" s="613"/>
      <c r="HOS654" s="613"/>
      <c r="HOT654" s="613"/>
      <c r="HOU654" s="613"/>
      <c r="HOV654" s="613"/>
      <c r="HOW654" s="613"/>
      <c r="HOX654" s="613"/>
      <c r="HOY654" s="613"/>
      <c r="HOZ654" s="613"/>
      <c r="HPA654" s="613"/>
      <c r="HPB654" s="613"/>
      <c r="HPC654" s="613"/>
      <c r="HPD654" s="613"/>
      <c r="HPE654" s="613"/>
      <c r="HPF654" s="613"/>
      <c r="HPG654" s="613"/>
      <c r="HPH654" s="613"/>
      <c r="HPI654" s="613"/>
      <c r="HPJ654" s="613"/>
      <c r="HPK654" s="613"/>
      <c r="HPL654" s="613"/>
      <c r="HPM654" s="613"/>
      <c r="HPN654" s="613"/>
      <c r="HPO654" s="613"/>
      <c r="HPP654" s="613"/>
      <c r="HPQ654" s="613"/>
      <c r="HPR654" s="613"/>
      <c r="HPS654" s="613"/>
      <c r="HPT654" s="613"/>
      <c r="HPU654" s="613"/>
      <c r="HPV654" s="613"/>
      <c r="HPW654" s="613"/>
      <c r="HPX654" s="613"/>
      <c r="HPY654" s="613"/>
      <c r="HPZ654" s="613"/>
      <c r="HQA654" s="613"/>
      <c r="HQB654" s="613"/>
      <c r="HQC654" s="613"/>
      <c r="HQD654" s="613"/>
      <c r="HQE654" s="613"/>
      <c r="HQF654" s="613"/>
      <c r="HQG654" s="613"/>
      <c r="HQH654" s="613"/>
      <c r="HQI654" s="613"/>
      <c r="HQJ654" s="613"/>
      <c r="HQK654" s="613"/>
      <c r="HQL654" s="613"/>
      <c r="HQM654" s="613"/>
      <c r="HQN654" s="613"/>
      <c r="HQO654" s="613"/>
      <c r="HQP654" s="613"/>
      <c r="HQQ654" s="613"/>
      <c r="HQR654" s="613"/>
      <c r="HQS654" s="613"/>
      <c r="HQT654" s="613"/>
      <c r="HQU654" s="613"/>
      <c r="HQV654" s="613"/>
      <c r="HQW654" s="613"/>
      <c r="HQX654" s="613"/>
      <c r="HQY654" s="613"/>
      <c r="HQZ654" s="613"/>
      <c r="HRA654" s="613"/>
      <c r="HRB654" s="613"/>
      <c r="HRC654" s="613"/>
      <c r="HRD654" s="613"/>
      <c r="HRE654" s="613"/>
      <c r="HRF654" s="613"/>
      <c r="HRG654" s="613"/>
      <c r="HRH654" s="613"/>
      <c r="HRI654" s="613"/>
      <c r="HRJ654" s="613"/>
      <c r="HRK654" s="613"/>
      <c r="HRL654" s="613"/>
      <c r="HRM654" s="613"/>
      <c r="HRN654" s="613"/>
      <c r="HRO654" s="613"/>
      <c r="HRP654" s="613"/>
      <c r="HRQ654" s="613"/>
      <c r="HRR654" s="613"/>
      <c r="HRS654" s="613"/>
      <c r="HRT654" s="613"/>
      <c r="HRU654" s="613"/>
      <c r="HRV654" s="613"/>
      <c r="HRW654" s="613"/>
      <c r="HRX654" s="613"/>
      <c r="HRY654" s="613"/>
      <c r="HRZ654" s="613"/>
      <c r="HSA654" s="613"/>
      <c r="HSB654" s="613"/>
      <c r="HSC654" s="613"/>
      <c r="HSD654" s="613"/>
      <c r="HSE654" s="613"/>
      <c r="HSF654" s="613"/>
      <c r="HSG654" s="613"/>
      <c r="HSH654" s="613"/>
      <c r="HSI654" s="613"/>
      <c r="HSJ654" s="613"/>
      <c r="HSK654" s="613"/>
      <c r="HSL654" s="613"/>
      <c r="HSM654" s="613"/>
      <c r="HSN654" s="613"/>
      <c r="HSO654" s="613"/>
      <c r="HSP654" s="613"/>
      <c r="HSQ654" s="613"/>
      <c r="HSR654" s="613"/>
      <c r="HSS654" s="613"/>
      <c r="HST654" s="613"/>
      <c r="HSU654" s="613"/>
      <c r="HSV654" s="613"/>
      <c r="HSW654" s="613"/>
      <c r="HSX654" s="613"/>
      <c r="HSY654" s="613"/>
      <c r="HSZ654" s="613"/>
      <c r="HTA654" s="613"/>
      <c r="HTB654" s="613"/>
      <c r="HTC654" s="613"/>
      <c r="HTD654" s="613"/>
      <c r="HTE654" s="613"/>
      <c r="HTF654" s="613"/>
      <c r="HTG654" s="613"/>
      <c r="HTH654" s="613"/>
      <c r="HTI654" s="613"/>
      <c r="HTJ654" s="613"/>
      <c r="HTK654" s="613"/>
      <c r="HTL654" s="613"/>
      <c r="HTM654" s="613"/>
      <c r="HTN654" s="613"/>
      <c r="HTO654" s="613"/>
      <c r="HTP654" s="613"/>
      <c r="HTQ654" s="613"/>
      <c r="HTR654" s="613"/>
      <c r="HTS654" s="613"/>
      <c r="HTT654" s="613"/>
      <c r="HTU654" s="613"/>
      <c r="HTV654" s="613"/>
      <c r="HTW654" s="613"/>
      <c r="HTX654" s="613"/>
      <c r="HTY654" s="613"/>
      <c r="HTZ654" s="613"/>
      <c r="HUA654" s="613"/>
      <c r="HUB654" s="613"/>
      <c r="HUC654" s="613"/>
      <c r="HUD654" s="613"/>
      <c r="HUE654" s="613"/>
      <c r="HUF654" s="613"/>
      <c r="HUG654" s="613"/>
      <c r="HUH654" s="613"/>
      <c r="HUI654" s="613"/>
      <c r="HUJ654" s="613"/>
      <c r="HUK654" s="613"/>
      <c r="HUL654" s="613"/>
      <c r="HUM654" s="613"/>
      <c r="HUN654" s="613"/>
      <c r="HUO654" s="613"/>
      <c r="HUP654" s="613"/>
      <c r="HUQ654" s="613"/>
      <c r="HUR654" s="613"/>
      <c r="HUS654" s="613"/>
      <c r="HUT654" s="613"/>
      <c r="HUU654" s="613"/>
      <c r="HUV654" s="613"/>
      <c r="HUW654" s="613"/>
      <c r="HUX654" s="613"/>
      <c r="HUY654" s="613"/>
      <c r="HUZ654" s="613"/>
      <c r="HVA654" s="613"/>
      <c r="HVB654" s="613"/>
      <c r="HVC654" s="613"/>
      <c r="HVD654" s="613"/>
      <c r="HVE654" s="613"/>
      <c r="HVF654" s="613"/>
      <c r="HVG654" s="613"/>
      <c r="HVH654" s="613"/>
      <c r="HVI654" s="613"/>
      <c r="HVJ654" s="613"/>
      <c r="HVK654" s="613"/>
      <c r="HVL654" s="613"/>
      <c r="HVM654" s="613"/>
      <c r="HVN654" s="613"/>
      <c r="HVO654" s="613"/>
      <c r="HVP654" s="613"/>
      <c r="HVQ654" s="613"/>
      <c r="HVR654" s="613"/>
      <c r="HVS654" s="613"/>
      <c r="HVT654" s="613"/>
      <c r="HVU654" s="613"/>
      <c r="HVV654" s="613"/>
      <c r="HVW654" s="613"/>
      <c r="HVX654" s="613"/>
      <c r="HVY654" s="613"/>
      <c r="HVZ654" s="613"/>
      <c r="HWA654" s="613"/>
      <c r="HWB654" s="613"/>
      <c r="HWC654" s="613"/>
      <c r="HWD654" s="613"/>
      <c r="HWE654" s="613"/>
      <c r="HWF654" s="613"/>
      <c r="HWG654" s="613"/>
      <c r="HWH654" s="613"/>
      <c r="HWI654" s="613"/>
      <c r="HWJ654" s="613"/>
      <c r="HWK654" s="613"/>
      <c r="HWL654" s="613"/>
      <c r="HWM654" s="613"/>
      <c r="HWN654" s="613"/>
      <c r="HWO654" s="613"/>
      <c r="HWP654" s="613"/>
      <c r="HWQ654" s="613"/>
      <c r="HWR654" s="613"/>
      <c r="HWS654" s="613"/>
      <c r="HWT654" s="613"/>
      <c r="HWU654" s="613"/>
      <c r="HWV654" s="613"/>
      <c r="HWW654" s="613"/>
      <c r="HWX654" s="613"/>
      <c r="HWY654" s="613"/>
      <c r="HWZ654" s="613"/>
      <c r="HXA654" s="613"/>
      <c r="HXB654" s="613"/>
      <c r="HXC654" s="613"/>
      <c r="HXD654" s="613"/>
      <c r="HXE654" s="613"/>
      <c r="HXF654" s="613"/>
      <c r="HXG654" s="613"/>
      <c r="HXH654" s="613"/>
      <c r="HXI654" s="613"/>
      <c r="HXJ654" s="613"/>
      <c r="HXK654" s="613"/>
      <c r="HXL654" s="613"/>
      <c r="HXM654" s="613"/>
      <c r="HXN654" s="613"/>
      <c r="HXO654" s="613"/>
      <c r="HXP654" s="613"/>
      <c r="HXQ654" s="613"/>
      <c r="HXR654" s="613"/>
      <c r="HXS654" s="613"/>
      <c r="HXT654" s="613"/>
      <c r="HXU654" s="613"/>
      <c r="HXV654" s="613"/>
      <c r="HXW654" s="613"/>
      <c r="HXX654" s="613"/>
      <c r="HXY654" s="613"/>
      <c r="HXZ654" s="613"/>
      <c r="HYA654" s="613"/>
      <c r="HYB654" s="613"/>
      <c r="HYC654" s="613"/>
      <c r="HYD654" s="613"/>
      <c r="HYE654" s="613"/>
      <c r="HYF654" s="613"/>
      <c r="HYG654" s="613"/>
      <c r="HYH654" s="613"/>
      <c r="HYI654" s="613"/>
      <c r="HYJ654" s="613"/>
      <c r="HYK654" s="613"/>
      <c r="HYL654" s="613"/>
      <c r="HYM654" s="613"/>
      <c r="HYN654" s="613"/>
      <c r="HYO654" s="613"/>
      <c r="HYP654" s="613"/>
      <c r="HYQ654" s="613"/>
      <c r="HYR654" s="613"/>
      <c r="HYS654" s="613"/>
      <c r="HYT654" s="613"/>
      <c r="HYU654" s="613"/>
      <c r="HYV654" s="613"/>
      <c r="HYW654" s="613"/>
      <c r="HYX654" s="613"/>
      <c r="HYY654" s="613"/>
      <c r="HYZ654" s="613"/>
      <c r="HZA654" s="613"/>
      <c r="HZB654" s="613"/>
      <c r="HZC654" s="613"/>
      <c r="HZD654" s="613"/>
      <c r="HZE654" s="613"/>
      <c r="HZF654" s="613"/>
      <c r="HZG654" s="613"/>
      <c r="HZH654" s="613"/>
      <c r="HZI654" s="613"/>
      <c r="HZJ654" s="613"/>
      <c r="HZK654" s="613"/>
      <c r="HZL654" s="613"/>
      <c r="HZM654" s="613"/>
      <c r="HZN654" s="613"/>
      <c r="HZO654" s="613"/>
      <c r="HZP654" s="613"/>
      <c r="HZQ654" s="613"/>
      <c r="HZR654" s="613"/>
      <c r="HZS654" s="613"/>
      <c r="HZT654" s="613"/>
      <c r="HZU654" s="613"/>
      <c r="HZV654" s="613"/>
      <c r="HZW654" s="613"/>
      <c r="HZX654" s="613"/>
      <c r="HZY654" s="613"/>
      <c r="HZZ654" s="613"/>
      <c r="IAA654" s="613"/>
      <c r="IAB654" s="613"/>
      <c r="IAC654" s="613"/>
      <c r="IAD654" s="613"/>
      <c r="IAE654" s="613"/>
      <c r="IAF654" s="613"/>
      <c r="IAG654" s="613"/>
      <c r="IAH654" s="613"/>
      <c r="IAI654" s="613"/>
      <c r="IAJ654" s="613"/>
      <c r="IAK654" s="613"/>
      <c r="IAL654" s="613"/>
      <c r="IAM654" s="613"/>
      <c r="IAN654" s="613"/>
      <c r="IAO654" s="613"/>
      <c r="IAP654" s="613"/>
      <c r="IAQ654" s="613"/>
      <c r="IAR654" s="613"/>
      <c r="IAS654" s="613"/>
      <c r="IAT654" s="613"/>
      <c r="IAU654" s="613"/>
      <c r="IAV654" s="613"/>
      <c r="IAW654" s="613"/>
      <c r="IAX654" s="613"/>
      <c r="IAY654" s="613"/>
      <c r="IAZ654" s="613"/>
      <c r="IBA654" s="613"/>
      <c r="IBB654" s="613"/>
      <c r="IBC654" s="613"/>
      <c r="IBD654" s="613"/>
      <c r="IBE654" s="613"/>
      <c r="IBF654" s="613"/>
      <c r="IBG654" s="613"/>
      <c r="IBH654" s="613"/>
      <c r="IBI654" s="613"/>
      <c r="IBJ654" s="613"/>
      <c r="IBK654" s="613"/>
      <c r="IBL654" s="613"/>
      <c r="IBM654" s="613"/>
      <c r="IBN654" s="613"/>
      <c r="IBO654" s="613"/>
      <c r="IBP654" s="613"/>
      <c r="IBQ654" s="613"/>
      <c r="IBR654" s="613"/>
      <c r="IBS654" s="613"/>
      <c r="IBT654" s="613"/>
      <c r="IBU654" s="613"/>
      <c r="IBV654" s="613"/>
      <c r="IBW654" s="613"/>
      <c r="IBX654" s="613"/>
      <c r="IBY654" s="613"/>
      <c r="IBZ654" s="613"/>
      <c r="ICA654" s="613"/>
      <c r="ICB654" s="613"/>
      <c r="ICC654" s="613"/>
      <c r="ICD654" s="613"/>
      <c r="ICE654" s="613"/>
      <c r="ICF654" s="613"/>
      <c r="ICG654" s="613"/>
      <c r="ICH654" s="613"/>
      <c r="ICI654" s="613"/>
      <c r="ICJ654" s="613"/>
      <c r="ICK654" s="613"/>
      <c r="ICL654" s="613"/>
      <c r="ICM654" s="613"/>
      <c r="ICN654" s="613"/>
      <c r="ICO654" s="613"/>
      <c r="ICP654" s="613"/>
      <c r="ICQ654" s="613"/>
      <c r="ICR654" s="613"/>
      <c r="ICS654" s="613"/>
      <c r="ICT654" s="613"/>
      <c r="ICU654" s="613"/>
      <c r="ICV654" s="613"/>
      <c r="ICW654" s="613"/>
      <c r="ICX654" s="613"/>
      <c r="ICY654" s="613"/>
      <c r="ICZ654" s="613"/>
      <c r="IDA654" s="613"/>
      <c r="IDB654" s="613"/>
      <c r="IDC654" s="613"/>
      <c r="IDD654" s="613"/>
      <c r="IDE654" s="613"/>
      <c r="IDF654" s="613"/>
      <c r="IDG654" s="613"/>
      <c r="IDH654" s="613"/>
      <c r="IDI654" s="613"/>
      <c r="IDJ654" s="613"/>
      <c r="IDK654" s="613"/>
      <c r="IDL654" s="613"/>
      <c r="IDM654" s="613"/>
      <c r="IDN654" s="613"/>
      <c r="IDO654" s="613"/>
      <c r="IDP654" s="613"/>
      <c r="IDQ654" s="613"/>
      <c r="IDR654" s="613"/>
      <c r="IDS654" s="613"/>
      <c r="IDT654" s="613"/>
      <c r="IDU654" s="613"/>
      <c r="IDV654" s="613"/>
      <c r="IDW654" s="613"/>
      <c r="IDX654" s="613"/>
      <c r="IDY654" s="613"/>
      <c r="IDZ654" s="613"/>
      <c r="IEA654" s="613"/>
      <c r="IEB654" s="613"/>
      <c r="IEC654" s="613"/>
      <c r="IED654" s="613"/>
      <c r="IEE654" s="613"/>
      <c r="IEF654" s="613"/>
      <c r="IEG654" s="613"/>
      <c r="IEH654" s="613"/>
      <c r="IEI654" s="613"/>
      <c r="IEJ654" s="613"/>
      <c r="IEK654" s="613"/>
      <c r="IEL654" s="613"/>
      <c r="IEM654" s="613"/>
      <c r="IEN654" s="613"/>
      <c r="IEO654" s="613"/>
      <c r="IEP654" s="613"/>
      <c r="IEQ654" s="613"/>
      <c r="IER654" s="613"/>
      <c r="IES654" s="613"/>
      <c r="IET654" s="613"/>
      <c r="IEU654" s="613"/>
      <c r="IEV654" s="613"/>
      <c r="IEW654" s="613"/>
      <c r="IEX654" s="613"/>
      <c r="IEY654" s="613"/>
      <c r="IEZ654" s="613"/>
      <c r="IFA654" s="613"/>
      <c r="IFB654" s="613"/>
      <c r="IFC654" s="613"/>
      <c r="IFD654" s="613"/>
      <c r="IFE654" s="613"/>
      <c r="IFF654" s="613"/>
      <c r="IFG654" s="613"/>
      <c r="IFH654" s="613"/>
      <c r="IFI654" s="613"/>
      <c r="IFJ654" s="613"/>
      <c r="IFK654" s="613"/>
      <c r="IFL654" s="613"/>
      <c r="IFM654" s="613"/>
      <c r="IFN654" s="613"/>
      <c r="IFO654" s="613"/>
      <c r="IFP654" s="613"/>
      <c r="IFQ654" s="613"/>
      <c r="IFR654" s="613"/>
      <c r="IFS654" s="613"/>
      <c r="IFT654" s="613"/>
      <c r="IFU654" s="613"/>
      <c r="IFV654" s="613"/>
      <c r="IFW654" s="613"/>
      <c r="IFX654" s="613"/>
      <c r="IFY654" s="613"/>
      <c r="IFZ654" s="613"/>
      <c r="IGA654" s="613"/>
      <c r="IGB654" s="613"/>
      <c r="IGC654" s="613"/>
      <c r="IGD654" s="613"/>
      <c r="IGE654" s="613"/>
      <c r="IGF654" s="613"/>
      <c r="IGG654" s="613"/>
      <c r="IGH654" s="613"/>
      <c r="IGI654" s="613"/>
      <c r="IGJ654" s="613"/>
      <c r="IGK654" s="613"/>
      <c r="IGL654" s="613"/>
      <c r="IGM654" s="613"/>
      <c r="IGN654" s="613"/>
      <c r="IGO654" s="613"/>
      <c r="IGP654" s="613"/>
      <c r="IGQ654" s="613"/>
      <c r="IGR654" s="613"/>
      <c r="IGS654" s="613"/>
      <c r="IGT654" s="613"/>
      <c r="IGU654" s="613"/>
      <c r="IGV654" s="613"/>
      <c r="IGW654" s="613"/>
      <c r="IGX654" s="613"/>
      <c r="IGY654" s="613"/>
      <c r="IGZ654" s="613"/>
      <c r="IHA654" s="613"/>
      <c r="IHB654" s="613"/>
      <c r="IHC654" s="613"/>
      <c r="IHD654" s="613"/>
      <c r="IHE654" s="613"/>
      <c r="IHF654" s="613"/>
      <c r="IHG654" s="613"/>
      <c r="IHH654" s="613"/>
      <c r="IHI654" s="613"/>
      <c r="IHJ654" s="613"/>
      <c r="IHK654" s="613"/>
      <c r="IHL654" s="613"/>
      <c r="IHM654" s="613"/>
      <c r="IHN654" s="613"/>
      <c r="IHO654" s="613"/>
      <c r="IHP654" s="613"/>
      <c r="IHQ654" s="613"/>
      <c r="IHR654" s="613"/>
      <c r="IHS654" s="613"/>
      <c r="IHT654" s="613"/>
      <c r="IHU654" s="613"/>
      <c r="IHV654" s="613"/>
      <c r="IHW654" s="613"/>
      <c r="IHX654" s="613"/>
      <c r="IHY654" s="613"/>
      <c r="IHZ654" s="613"/>
      <c r="IIA654" s="613"/>
      <c r="IIB654" s="613"/>
      <c r="IIC654" s="613"/>
      <c r="IID654" s="613"/>
      <c r="IIE654" s="613"/>
      <c r="IIF654" s="613"/>
      <c r="IIG654" s="613"/>
      <c r="IIH654" s="613"/>
      <c r="III654" s="613"/>
      <c r="IIJ654" s="613"/>
      <c r="IIK654" s="613"/>
      <c r="IIL654" s="613"/>
      <c r="IIM654" s="613"/>
      <c r="IIN654" s="613"/>
      <c r="IIO654" s="613"/>
      <c r="IIP654" s="613"/>
      <c r="IIQ654" s="613"/>
      <c r="IIR654" s="613"/>
      <c r="IIS654" s="613"/>
      <c r="IIT654" s="613"/>
      <c r="IIU654" s="613"/>
      <c r="IIV654" s="613"/>
      <c r="IIW654" s="613"/>
      <c r="IIX654" s="613"/>
      <c r="IIY654" s="613"/>
      <c r="IIZ654" s="613"/>
      <c r="IJA654" s="613"/>
      <c r="IJB654" s="613"/>
      <c r="IJC654" s="613"/>
      <c r="IJD654" s="613"/>
      <c r="IJE654" s="613"/>
      <c r="IJF654" s="613"/>
      <c r="IJG654" s="613"/>
      <c r="IJH654" s="613"/>
      <c r="IJI654" s="613"/>
      <c r="IJJ654" s="613"/>
      <c r="IJK654" s="613"/>
      <c r="IJL654" s="613"/>
      <c r="IJM654" s="613"/>
      <c r="IJN654" s="613"/>
      <c r="IJO654" s="613"/>
      <c r="IJP654" s="613"/>
      <c r="IJQ654" s="613"/>
      <c r="IJR654" s="613"/>
      <c r="IJS654" s="613"/>
      <c r="IJT654" s="613"/>
      <c r="IJU654" s="613"/>
      <c r="IJV654" s="613"/>
      <c r="IJW654" s="613"/>
      <c r="IJX654" s="613"/>
      <c r="IJY654" s="613"/>
      <c r="IJZ654" s="613"/>
      <c r="IKA654" s="613"/>
      <c r="IKB654" s="613"/>
      <c r="IKC654" s="613"/>
      <c r="IKD654" s="613"/>
      <c r="IKE654" s="613"/>
      <c r="IKF654" s="613"/>
      <c r="IKG654" s="613"/>
      <c r="IKH654" s="613"/>
      <c r="IKI654" s="613"/>
      <c r="IKJ654" s="613"/>
      <c r="IKK654" s="613"/>
      <c r="IKL654" s="613"/>
      <c r="IKM654" s="613"/>
      <c r="IKN654" s="613"/>
      <c r="IKO654" s="613"/>
      <c r="IKP654" s="613"/>
      <c r="IKQ654" s="613"/>
      <c r="IKR654" s="613"/>
      <c r="IKS654" s="613"/>
      <c r="IKT654" s="613"/>
      <c r="IKU654" s="613"/>
      <c r="IKV654" s="613"/>
      <c r="IKW654" s="613"/>
      <c r="IKX654" s="613"/>
      <c r="IKY654" s="613"/>
      <c r="IKZ654" s="613"/>
      <c r="ILA654" s="613"/>
      <c r="ILB654" s="613"/>
      <c r="ILC654" s="613"/>
      <c r="ILD654" s="613"/>
      <c r="ILE654" s="613"/>
      <c r="ILF654" s="613"/>
      <c r="ILG654" s="613"/>
      <c r="ILH654" s="613"/>
      <c r="ILI654" s="613"/>
      <c r="ILJ654" s="613"/>
      <c r="ILK654" s="613"/>
      <c r="ILL654" s="613"/>
      <c r="ILM654" s="613"/>
      <c r="ILN654" s="613"/>
      <c r="ILO654" s="613"/>
      <c r="ILP654" s="613"/>
      <c r="ILQ654" s="613"/>
      <c r="ILR654" s="613"/>
      <c r="ILS654" s="613"/>
      <c r="ILT654" s="613"/>
      <c r="ILU654" s="613"/>
      <c r="ILV654" s="613"/>
      <c r="ILW654" s="613"/>
      <c r="ILX654" s="613"/>
      <c r="ILY654" s="613"/>
      <c r="ILZ654" s="613"/>
      <c r="IMA654" s="613"/>
      <c r="IMB654" s="613"/>
      <c r="IMC654" s="613"/>
      <c r="IMD654" s="613"/>
      <c r="IME654" s="613"/>
      <c r="IMF654" s="613"/>
      <c r="IMG654" s="613"/>
      <c r="IMH654" s="613"/>
      <c r="IMI654" s="613"/>
      <c r="IMJ654" s="613"/>
      <c r="IMK654" s="613"/>
      <c r="IML654" s="613"/>
      <c r="IMM654" s="613"/>
      <c r="IMN654" s="613"/>
      <c r="IMO654" s="613"/>
      <c r="IMP654" s="613"/>
      <c r="IMQ654" s="613"/>
      <c r="IMR654" s="613"/>
      <c r="IMS654" s="613"/>
      <c r="IMT654" s="613"/>
      <c r="IMU654" s="613"/>
      <c r="IMV654" s="613"/>
      <c r="IMW654" s="613"/>
      <c r="IMX654" s="613"/>
      <c r="IMY654" s="613"/>
      <c r="IMZ654" s="613"/>
      <c r="INA654" s="613"/>
      <c r="INB654" s="613"/>
      <c r="INC654" s="613"/>
      <c r="IND654" s="613"/>
      <c r="INE654" s="613"/>
      <c r="INF654" s="613"/>
      <c r="ING654" s="613"/>
      <c r="INH654" s="613"/>
      <c r="INI654" s="613"/>
      <c r="INJ654" s="613"/>
      <c r="INK654" s="613"/>
      <c r="INL654" s="613"/>
      <c r="INM654" s="613"/>
      <c r="INN654" s="613"/>
      <c r="INO654" s="613"/>
      <c r="INP654" s="613"/>
      <c r="INQ654" s="613"/>
      <c r="INR654" s="613"/>
      <c r="INS654" s="613"/>
      <c r="INT654" s="613"/>
      <c r="INU654" s="613"/>
      <c r="INV654" s="613"/>
      <c r="INW654" s="613"/>
      <c r="INX654" s="613"/>
      <c r="INY654" s="613"/>
      <c r="INZ654" s="613"/>
      <c r="IOA654" s="613"/>
      <c r="IOB654" s="613"/>
      <c r="IOC654" s="613"/>
      <c r="IOD654" s="613"/>
      <c r="IOE654" s="613"/>
      <c r="IOF654" s="613"/>
      <c r="IOG654" s="613"/>
      <c r="IOH654" s="613"/>
      <c r="IOI654" s="613"/>
      <c r="IOJ654" s="613"/>
      <c r="IOK654" s="613"/>
      <c r="IOL654" s="613"/>
      <c r="IOM654" s="613"/>
      <c r="ION654" s="613"/>
      <c r="IOO654" s="613"/>
      <c r="IOP654" s="613"/>
      <c r="IOQ654" s="613"/>
      <c r="IOR654" s="613"/>
      <c r="IOS654" s="613"/>
      <c r="IOT654" s="613"/>
      <c r="IOU654" s="613"/>
      <c r="IOV654" s="613"/>
      <c r="IOW654" s="613"/>
      <c r="IOX654" s="613"/>
      <c r="IOY654" s="613"/>
      <c r="IOZ654" s="613"/>
      <c r="IPA654" s="613"/>
      <c r="IPB654" s="613"/>
      <c r="IPC654" s="613"/>
      <c r="IPD654" s="613"/>
      <c r="IPE654" s="613"/>
      <c r="IPF654" s="613"/>
      <c r="IPG654" s="613"/>
      <c r="IPH654" s="613"/>
      <c r="IPI654" s="613"/>
      <c r="IPJ654" s="613"/>
      <c r="IPK654" s="613"/>
      <c r="IPL654" s="613"/>
      <c r="IPM654" s="613"/>
      <c r="IPN654" s="613"/>
      <c r="IPO654" s="613"/>
      <c r="IPP654" s="613"/>
      <c r="IPQ654" s="613"/>
      <c r="IPR654" s="613"/>
      <c r="IPS654" s="613"/>
      <c r="IPT654" s="613"/>
      <c r="IPU654" s="613"/>
      <c r="IPV654" s="613"/>
      <c r="IPW654" s="613"/>
      <c r="IPX654" s="613"/>
      <c r="IPY654" s="613"/>
      <c r="IPZ654" s="613"/>
      <c r="IQA654" s="613"/>
      <c r="IQB654" s="613"/>
      <c r="IQC654" s="613"/>
      <c r="IQD654" s="613"/>
      <c r="IQE654" s="613"/>
      <c r="IQF654" s="613"/>
      <c r="IQG654" s="613"/>
      <c r="IQH654" s="613"/>
      <c r="IQI654" s="613"/>
      <c r="IQJ654" s="613"/>
      <c r="IQK654" s="613"/>
      <c r="IQL654" s="613"/>
      <c r="IQM654" s="613"/>
      <c r="IQN654" s="613"/>
      <c r="IQO654" s="613"/>
      <c r="IQP654" s="613"/>
      <c r="IQQ654" s="613"/>
      <c r="IQR654" s="613"/>
      <c r="IQS654" s="613"/>
      <c r="IQT654" s="613"/>
      <c r="IQU654" s="613"/>
      <c r="IQV654" s="613"/>
      <c r="IQW654" s="613"/>
      <c r="IQX654" s="613"/>
      <c r="IQY654" s="613"/>
      <c r="IQZ654" s="613"/>
      <c r="IRA654" s="613"/>
      <c r="IRB654" s="613"/>
      <c r="IRC654" s="613"/>
      <c r="IRD654" s="613"/>
      <c r="IRE654" s="613"/>
      <c r="IRF654" s="613"/>
      <c r="IRG654" s="613"/>
      <c r="IRH654" s="613"/>
      <c r="IRI654" s="613"/>
      <c r="IRJ654" s="613"/>
      <c r="IRK654" s="613"/>
      <c r="IRL654" s="613"/>
      <c r="IRM654" s="613"/>
      <c r="IRN654" s="613"/>
      <c r="IRO654" s="613"/>
      <c r="IRP654" s="613"/>
      <c r="IRQ654" s="613"/>
      <c r="IRR654" s="613"/>
      <c r="IRS654" s="613"/>
      <c r="IRT654" s="613"/>
      <c r="IRU654" s="613"/>
      <c r="IRV654" s="613"/>
      <c r="IRW654" s="613"/>
      <c r="IRX654" s="613"/>
      <c r="IRY654" s="613"/>
      <c r="IRZ654" s="613"/>
      <c r="ISA654" s="613"/>
      <c r="ISB654" s="613"/>
      <c r="ISC654" s="613"/>
      <c r="ISD654" s="613"/>
      <c r="ISE654" s="613"/>
      <c r="ISF654" s="613"/>
      <c r="ISG654" s="613"/>
      <c r="ISH654" s="613"/>
      <c r="ISI654" s="613"/>
      <c r="ISJ654" s="613"/>
      <c r="ISK654" s="613"/>
      <c r="ISL654" s="613"/>
      <c r="ISM654" s="613"/>
      <c r="ISN654" s="613"/>
      <c r="ISO654" s="613"/>
      <c r="ISP654" s="613"/>
      <c r="ISQ654" s="613"/>
      <c r="ISR654" s="613"/>
      <c r="ISS654" s="613"/>
      <c r="IST654" s="613"/>
      <c r="ISU654" s="613"/>
      <c r="ISV654" s="613"/>
      <c r="ISW654" s="613"/>
      <c r="ISX654" s="613"/>
      <c r="ISY654" s="613"/>
      <c r="ISZ654" s="613"/>
      <c r="ITA654" s="613"/>
      <c r="ITB654" s="613"/>
      <c r="ITC654" s="613"/>
      <c r="ITD654" s="613"/>
      <c r="ITE654" s="613"/>
      <c r="ITF654" s="613"/>
      <c r="ITG654" s="613"/>
      <c r="ITH654" s="613"/>
      <c r="ITI654" s="613"/>
      <c r="ITJ654" s="613"/>
      <c r="ITK654" s="613"/>
      <c r="ITL654" s="613"/>
      <c r="ITM654" s="613"/>
      <c r="ITN654" s="613"/>
      <c r="ITO654" s="613"/>
      <c r="ITP654" s="613"/>
      <c r="ITQ654" s="613"/>
      <c r="ITR654" s="613"/>
      <c r="ITS654" s="613"/>
      <c r="ITT654" s="613"/>
      <c r="ITU654" s="613"/>
      <c r="ITV654" s="613"/>
      <c r="ITW654" s="613"/>
      <c r="ITX654" s="613"/>
      <c r="ITY654" s="613"/>
      <c r="ITZ654" s="613"/>
      <c r="IUA654" s="613"/>
      <c r="IUB654" s="613"/>
      <c r="IUC654" s="613"/>
      <c r="IUD654" s="613"/>
      <c r="IUE654" s="613"/>
      <c r="IUF654" s="613"/>
      <c r="IUG654" s="613"/>
      <c r="IUH654" s="613"/>
      <c r="IUI654" s="613"/>
      <c r="IUJ654" s="613"/>
      <c r="IUK654" s="613"/>
      <c r="IUL654" s="613"/>
      <c r="IUM654" s="613"/>
      <c r="IUN654" s="613"/>
      <c r="IUO654" s="613"/>
      <c r="IUP654" s="613"/>
      <c r="IUQ654" s="613"/>
      <c r="IUR654" s="613"/>
      <c r="IUS654" s="613"/>
      <c r="IUT654" s="613"/>
      <c r="IUU654" s="613"/>
      <c r="IUV654" s="613"/>
      <c r="IUW654" s="613"/>
      <c r="IUX654" s="613"/>
      <c r="IUY654" s="613"/>
      <c r="IUZ654" s="613"/>
      <c r="IVA654" s="613"/>
      <c r="IVB654" s="613"/>
      <c r="IVC654" s="613"/>
      <c r="IVD654" s="613"/>
      <c r="IVE654" s="613"/>
      <c r="IVF654" s="613"/>
      <c r="IVG654" s="613"/>
      <c r="IVH654" s="613"/>
      <c r="IVI654" s="613"/>
      <c r="IVJ654" s="613"/>
      <c r="IVK654" s="613"/>
      <c r="IVL654" s="613"/>
      <c r="IVM654" s="613"/>
      <c r="IVN654" s="613"/>
      <c r="IVO654" s="613"/>
      <c r="IVP654" s="613"/>
      <c r="IVQ654" s="613"/>
      <c r="IVR654" s="613"/>
      <c r="IVS654" s="613"/>
      <c r="IVT654" s="613"/>
      <c r="IVU654" s="613"/>
      <c r="IVV654" s="613"/>
      <c r="IVW654" s="613"/>
      <c r="IVX654" s="613"/>
      <c r="IVY654" s="613"/>
      <c r="IVZ654" s="613"/>
      <c r="IWA654" s="613"/>
      <c r="IWB654" s="613"/>
      <c r="IWC654" s="613"/>
      <c r="IWD654" s="613"/>
      <c r="IWE654" s="613"/>
      <c r="IWF654" s="613"/>
      <c r="IWG654" s="613"/>
      <c r="IWH654" s="613"/>
      <c r="IWI654" s="613"/>
      <c r="IWJ654" s="613"/>
      <c r="IWK654" s="613"/>
      <c r="IWL654" s="613"/>
      <c r="IWM654" s="613"/>
      <c r="IWN654" s="613"/>
      <c r="IWO654" s="613"/>
      <c r="IWP654" s="613"/>
      <c r="IWQ654" s="613"/>
      <c r="IWR654" s="613"/>
      <c r="IWS654" s="613"/>
      <c r="IWT654" s="613"/>
      <c r="IWU654" s="613"/>
      <c r="IWV654" s="613"/>
      <c r="IWW654" s="613"/>
      <c r="IWX654" s="613"/>
      <c r="IWY654" s="613"/>
      <c r="IWZ654" s="613"/>
      <c r="IXA654" s="613"/>
      <c r="IXB654" s="613"/>
      <c r="IXC654" s="613"/>
      <c r="IXD654" s="613"/>
      <c r="IXE654" s="613"/>
      <c r="IXF654" s="613"/>
      <c r="IXG654" s="613"/>
      <c r="IXH654" s="613"/>
      <c r="IXI654" s="613"/>
      <c r="IXJ654" s="613"/>
      <c r="IXK654" s="613"/>
      <c r="IXL654" s="613"/>
      <c r="IXM654" s="613"/>
      <c r="IXN654" s="613"/>
      <c r="IXO654" s="613"/>
      <c r="IXP654" s="613"/>
      <c r="IXQ654" s="613"/>
      <c r="IXR654" s="613"/>
      <c r="IXS654" s="613"/>
      <c r="IXT654" s="613"/>
      <c r="IXU654" s="613"/>
      <c r="IXV654" s="613"/>
      <c r="IXW654" s="613"/>
      <c r="IXX654" s="613"/>
      <c r="IXY654" s="613"/>
      <c r="IXZ654" s="613"/>
      <c r="IYA654" s="613"/>
      <c r="IYB654" s="613"/>
      <c r="IYC654" s="613"/>
      <c r="IYD654" s="613"/>
      <c r="IYE654" s="613"/>
      <c r="IYF654" s="613"/>
      <c r="IYG654" s="613"/>
      <c r="IYH654" s="613"/>
      <c r="IYI654" s="613"/>
      <c r="IYJ654" s="613"/>
      <c r="IYK654" s="613"/>
      <c r="IYL654" s="613"/>
      <c r="IYM654" s="613"/>
      <c r="IYN654" s="613"/>
      <c r="IYO654" s="613"/>
      <c r="IYP654" s="613"/>
      <c r="IYQ654" s="613"/>
      <c r="IYR654" s="613"/>
      <c r="IYS654" s="613"/>
      <c r="IYT654" s="613"/>
      <c r="IYU654" s="613"/>
      <c r="IYV654" s="613"/>
      <c r="IYW654" s="613"/>
      <c r="IYX654" s="613"/>
      <c r="IYY654" s="613"/>
      <c r="IYZ654" s="613"/>
      <c r="IZA654" s="613"/>
      <c r="IZB654" s="613"/>
      <c r="IZC654" s="613"/>
      <c r="IZD654" s="613"/>
      <c r="IZE654" s="613"/>
      <c r="IZF654" s="613"/>
      <c r="IZG654" s="613"/>
      <c r="IZH654" s="613"/>
      <c r="IZI654" s="613"/>
      <c r="IZJ654" s="613"/>
      <c r="IZK654" s="613"/>
      <c r="IZL654" s="613"/>
      <c r="IZM654" s="613"/>
      <c r="IZN654" s="613"/>
      <c r="IZO654" s="613"/>
      <c r="IZP654" s="613"/>
      <c r="IZQ654" s="613"/>
      <c r="IZR654" s="613"/>
      <c r="IZS654" s="613"/>
      <c r="IZT654" s="613"/>
      <c r="IZU654" s="613"/>
      <c r="IZV654" s="613"/>
      <c r="IZW654" s="613"/>
      <c r="IZX654" s="613"/>
      <c r="IZY654" s="613"/>
      <c r="IZZ654" s="613"/>
      <c r="JAA654" s="613"/>
      <c r="JAB654" s="613"/>
      <c r="JAC654" s="613"/>
      <c r="JAD654" s="613"/>
      <c r="JAE654" s="613"/>
      <c r="JAF654" s="613"/>
      <c r="JAG654" s="613"/>
      <c r="JAH654" s="613"/>
      <c r="JAI654" s="613"/>
      <c r="JAJ654" s="613"/>
      <c r="JAK654" s="613"/>
      <c r="JAL654" s="613"/>
      <c r="JAM654" s="613"/>
      <c r="JAN654" s="613"/>
      <c r="JAO654" s="613"/>
      <c r="JAP654" s="613"/>
      <c r="JAQ654" s="613"/>
      <c r="JAR654" s="613"/>
      <c r="JAS654" s="613"/>
      <c r="JAT654" s="613"/>
      <c r="JAU654" s="613"/>
      <c r="JAV654" s="613"/>
      <c r="JAW654" s="613"/>
      <c r="JAX654" s="613"/>
      <c r="JAY654" s="613"/>
      <c r="JAZ654" s="613"/>
      <c r="JBA654" s="613"/>
      <c r="JBB654" s="613"/>
      <c r="JBC654" s="613"/>
      <c r="JBD654" s="613"/>
      <c r="JBE654" s="613"/>
      <c r="JBF654" s="613"/>
      <c r="JBG654" s="613"/>
      <c r="JBH654" s="613"/>
      <c r="JBI654" s="613"/>
      <c r="JBJ654" s="613"/>
      <c r="JBK654" s="613"/>
      <c r="JBL654" s="613"/>
      <c r="JBM654" s="613"/>
      <c r="JBN654" s="613"/>
      <c r="JBO654" s="613"/>
      <c r="JBP654" s="613"/>
      <c r="JBQ654" s="613"/>
      <c r="JBR654" s="613"/>
      <c r="JBS654" s="613"/>
      <c r="JBT654" s="613"/>
      <c r="JBU654" s="613"/>
      <c r="JBV654" s="613"/>
      <c r="JBW654" s="613"/>
      <c r="JBX654" s="613"/>
      <c r="JBY654" s="613"/>
      <c r="JBZ654" s="613"/>
      <c r="JCA654" s="613"/>
      <c r="JCB654" s="613"/>
      <c r="JCC654" s="613"/>
      <c r="JCD654" s="613"/>
      <c r="JCE654" s="613"/>
      <c r="JCF654" s="613"/>
      <c r="JCG654" s="613"/>
      <c r="JCH654" s="613"/>
      <c r="JCI654" s="613"/>
      <c r="JCJ654" s="613"/>
      <c r="JCK654" s="613"/>
      <c r="JCL654" s="613"/>
      <c r="JCM654" s="613"/>
      <c r="JCN654" s="613"/>
      <c r="JCO654" s="613"/>
      <c r="JCP654" s="613"/>
      <c r="JCQ654" s="613"/>
      <c r="JCR654" s="613"/>
      <c r="JCS654" s="613"/>
      <c r="JCT654" s="613"/>
      <c r="JCU654" s="613"/>
      <c r="JCV654" s="613"/>
      <c r="JCW654" s="613"/>
      <c r="JCX654" s="613"/>
      <c r="JCY654" s="613"/>
      <c r="JCZ654" s="613"/>
      <c r="JDA654" s="613"/>
      <c r="JDB654" s="613"/>
      <c r="JDC654" s="613"/>
      <c r="JDD654" s="613"/>
      <c r="JDE654" s="613"/>
      <c r="JDF654" s="613"/>
      <c r="JDG654" s="613"/>
      <c r="JDH654" s="613"/>
      <c r="JDI654" s="613"/>
      <c r="JDJ654" s="613"/>
      <c r="JDK654" s="613"/>
      <c r="JDL654" s="613"/>
      <c r="JDM654" s="613"/>
      <c r="JDN654" s="613"/>
      <c r="JDO654" s="613"/>
      <c r="JDP654" s="613"/>
      <c r="JDQ654" s="613"/>
      <c r="JDR654" s="613"/>
      <c r="JDS654" s="613"/>
      <c r="JDT654" s="613"/>
      <c r="JDU654" s="613"/>
      <c r="JDV654" s="613"/>
      <c r="JDW654" s="613"/>
      <c r="JDX654" s="613"/>
      <c r="JDY654" s="613"/>
      <c r="JDZ654" s="613"/>
      <c r="JEA654" s="613"/>
      <c r="JEB654" s="613"/>
      <c r="JEC654" s="613"/>
      <c r="JED654" s="613"/>
      <c r="JEE654" s="613"/>
      <c r="JEF654" s="613"/>
      <c r="JEG654" s="613"/>
      <c r="JEH654" s="613"/>
      <c r="JEI654" s="613"/>
      <c r="JEJ654" s="613"/>
      <c r="JEK654" s="613"/>
      <c r="JEL654" s="613"/>
      <c r="JEM654" s="613"/>
      <c r="JEN654" s="613"/>
      <c r="JEO654" s="613"/>
      <c r="JEP654" s="613"/>
      <c r="JEQ654" s="613"/>
      <c r="JER654" s="613"/>
      <c r="JES654" s="613"/>
      <c r="JET654" s="613"/>
      <c r="JEU654" s="613"/>
      <c r="JEV654" s="613"/>
      <c r="JEW654" s="613"/>
      <c r="JEX654" s="613"/>
      <c r="JEY654" s="613"/>
      <c r="JEZ654" s="613"/>
      <c r="JFA654" s="613"/>
      <c r="JFB654" s="613"/>
      <c r="JFC654" s="613"/>
      <c r="JFD654" s="613"/>
      <c r="JFE654" s="613"/>
      <c r="JFF654" s="613"/>
      <c r="JFG654" s="613"/>
      <c r="JFH654" s="613"/>
      <c r="JFI654" s="613"/>
      <c r="JFJ654" s="613"/>
      <c r="JFK654" s="613"/>
      <c r="JFL654" s="613"/>
      <c r="JFM654" s="613"/>
      <c r="JFN654" s="613"/>
      <c r="JFO654" s="613"/>
      <c r="JFP654" s="613"/>
      <c r="JFQ654" s="613"/>
      <c r="JFR654" s="613"/>
      <c r="JFS654" s="613"/>
      <c r="JFT654" s="613"/>
      <c r="JFU654" s="613"/>
      <c r="JFV654" s="613"/>
      <c r="JFW654" s="613"/>
      <c r="JFX654" s="613"/>
      <c r="JFY654" s="613"/>
      <c r="JFZ654" s="613"/>
      <c r="JGA654" s="613"/>
      <c r="JGB654" s="613"/>
      <c r="JGC654" s="613"/>
      <c r="JGD654" s="613"/>
      <c r="JGE654" s="613"/>
      <c r="JGF654" s="613"/>
      <c r="JGG654" s="613"/>
      <c r="JGH654" s="613"/>
      <c r="JGI654" s="613"/>
      <c r="JGJ654" s="613"/>
      <c r="JGK654" s="613"/>
      <c r="JGL654" s="613"/>
      <c r="JGM654" s="613"/>
      <c r="JGN654" s="613"/>
      <c r="JGO654" s="613"/>
      <c r="JGP654" s="613"/>
      <c r="JGQ654" s="613"/>
      <c r="JGR654" s="613"/>
      <c r="JGS654" s="613"/>
      <c r="JGT654" s="613"/>
      <c r="JGU654" s="613"/>
      <c r="JGV654" s="613"/>
      <c r="JGW654" s="613"/>
      <c r="JGX654" s="613"/>
      <c r="JGY654" s="613"/>
      <c r="JGZ654" s="613"/>
      <c r="JHA654" s="613"/>
      <c r="JHB654" s="613"/>
      <c r="JHC654" s="613"/>
      <c r="JHD654" s="613"/>
      <c r="JHE654" s="613"/>
      <c r="JHF654" s="613"/>
      <c r="JHG654" s="613"/>
      <c r="JHH654" s="613"/>
      <c r="JHI654" s="613"/>
      <c r="JHJ654" s="613"/>
      <c r="JHK654" s="613"/>
      <c r="JHL654" s="613"/>
      <c r="JHM654" s="613"/>
      <c r="JHN654" s="613"/>
      <c r="JHO654" s="613"/>
      <c r="JHP654" s="613"/>
      <c r="JHQ654" s="613"/>
      <c r="JHR654" s="613"/>
      <c r="JHS654" s="613"/>
      <c r="JHT654" s="613"/>
      <c r="JHU654" s="613"/>
      <c r="JHV654" s="613"/>
      <c r="JHW654" s="613"/>
      <c r="JHX654" s="613"/>
      <c r="JHY654" s="613"/>
      <c r="JHZ654" s="613"/>
      <c r="JIA654" s="613"/>
      <c r="JIB654" s="613"/>
      <c r="JIC654" s="613"/>
      <c r="JID654" s="613"/>
      <c r="JIE654" s="613"/>
      <c r="JIF654" s="613"/>
      <c r="JIG654" s="613"/>
      <c r="JIH654" s="613"/>
      <c r="JII654" s="613"/>
      <c r="JIJ654" s="613"/>
      <c r="JIK654" s="613"/>
      <c r="JIL654" s="613"/>
      <c r="JIM654" s="613"/>
      <c r="JIN654" s="613"/>
      <c r="JIO654" s="613"/>
      <c r="JIP654" s="613"/>
      <c r="JIQ654" s="613"/>
      <c r="JIR654" s="613"/>
      <c r="JIS654" s="613"/>
      <c r="JIT654" s="613"/>
      <c r="JIU654" s="613"/>
      <c r="JIV654" s="613"/>
      <c r="JIW654" s="613"/>
      <c r="JIX654" s="613"/>
      <c r="JIY654" s="613"/>
      <c r="JIZ654" s="613"/>
      <c r="JJA654" s="613"/>
      <c r="JJB654" s="613"/>
      <c r="JJC654" s="613"/>
      <c r="JJD654" s="613"/>
      <c r="JJE654" s="613"/>
      <c r="JJF654" s="613"/>
      <c r="JJG654" s="613"/>
      <c r="JJH654" s="613"/>
      <c r="JJI654" s="613"/>
      <c r="JJJ654" s="613"/>
      <c r="JJK654" s="613"/>
      <c r="JJL654" s="613"/>
      <c r="JJM654" s="613"/>
      <c r="JJN654" s="613"/>
      <c r="JJO654" s="613"/>
      <c r="JJP654" s="613"/>
      <c r="JJQ654" s="613"/>
      <c r="JJR654" s="613"/>
      <c r="JJS654" s="613"/>
      <c r="JJT654" s="613"/>
      <c r="JJU654" s="613"/>
      <c r="JJV654" s="613"/>
      <c r="JJW654" s="613"/>
      <c r="JJX654" s="613"/>
      <c r="JJY654" s="613"/>
      <c r="JJZ654" s="613"/>
      <c r="JKA654" s="613"/>
      <c r="JKB654" s="613"/>
      <c r="JKC654" s="613"/>
      <c r="JKD654" s="613"/>
      <c r="JKE654" s="613"/>
      <c r="JKF654" s="613"/>
      <c r="JKG654" s="613"/>
      <c r="JKH654" s="613"/>
      <c r="JKI654" s="613"/>
      <c r="JKJ654" s="613"/>
      <c r="JKK654" s="613"/>
      <c r="JKL654" s="613"/>
      <c r="JKM654" s="613"/>
      <c r="JKN654" s="613"/>
      <c r="JKO654" s="613"/>
      <c r="JKP654" s="613"/>
      <c r="JKQ654" s="613"/>
      <c r="JKR654" s="613"/>
      <c r="JKS654" s="613"/>
      <c r="JKT654" s="613"/>
      <c r="JKU654" s="613"/>
      <c r="JKV654" s="613"/>
      <c r="JKW654" s="613"/>
      <c r="JKX654" s="613"/>
      <c r="JKY654" s="613"/>
      <c r="JKZ654" s="613"/>
      <c r="JLA654" s="613"/>
      <c r="JLB654" s="613"/>
      <c r="JLC654" s="613"/>
      <c r="JLD654" s="613"/>
      <c r="JLE654" s="613"/>
      <c r="JLF654" s="613"/>
      <c r="JLG654" s="613"/>
      <c r="JLH654" s="613"/>
      <c r="JLI654" s="613"/>
      <c r="JLJ654" s="613"/>
      <c r="JLK654" s="613"/>
      <c r="JLL654" s="613"/>
      <c r="JLM654" s="613"/>
      <c r="JLN654" s="613"/>
      <c r="JLO654" s="613"/>
      <c r="JLP654" s="613"/>
      <c r="JLQ654" s="613"/>
      <c r="JLR654" s="613"/>
      <c r="JLS654" s="613"/>
      <c r="JLT654" s="613"/>
      <c r="JLU654" s="613"/>
      <c r="JLV654" s="613"/>
      <c r="JLW654" s="613"/>
      <c r="JLX654" s="613"/>
      <c r="JLY654" s="613"/>
      <c r="JLZ654" s="613"/>
      <c r="JMA654" s="613"/>
      <c r="JMB654" s="613"/>
      <c r="JMC654" s="613"/>
      <c r="JMD654" s="613"/>
      <c r="JME654" s="613"/>
      <c r="JMF654" s="613"/>
      <c r="JMG654" s="613"/>
      <c r="JMH654" s="613"/>
      <c r="JMI654" s="613"/>
      <c r="JMJ654" s="613"/>
      <c r="JMK654" s="613"/>
      <c r="JML654" s="613"/>
      <c r="JMM654" s="613"/>
      <c r="JMN654" s="613"/>
      <c r="JMO654" s="613"/>
      <c r="JMP654" s="613"/>
      <c r="JMQ654" s="613"/>
      <c r="JMR654" s="613"/>
      <c r="JMS654" s="613"/>
      <c r="JMT654" s="613"/>
      <c r="JMU654" s="613"/>
      <c r="JMV654" s="613"/>
      <c r="JMW654" s="613"/>
      <c r="JMX654" s="613"/>
      <c r="JMY654" s="613"/>
      <c r="JMZ654" s="613"/>
      <c r="JNA654" s="613"/>
      <c r="JNB654" s="613"/>
      <c r="JNC654" s="613"/>
      <c r="JND654" s="613"/>
      <c r="JNE654" s="613"/>
      <c r="JNF654" s="613"/>
      <c r="JNG654" s="613"/>
      <c r="JNH654" s="613"/>
      <c r="JNI654" s="613"/>
      <c r="JNJ654" s="613"/>
      <c r="JNK654" s="613"/>
      <c r="JNL654" s="613"/>
      <c r="JNM654" s="613"/>
      <c r="JNN654" s="613"/>
      <c r="JNO654" s="613"/>
      <c r="JNP654" s="613"/>
      <c r="JNQ654" s="613"/>
      <c r="JNR654" s="613"/>
      <c r="JNS654" s="613"/>
      <c r="JNT654" s="613"/>
      <c r="JNU654" s="613"/>
      <c r="JNV654" s="613"/>
      <c r="JNW654" s="613"/>
      <c r="JNX654" s="613"/>
      <c r="JNY654" s="613"/>
      <c r="JNZ654" s="613"/>
      <c r="JOA654" s="613"/>
      <c r="JOB654" s="613"/>
      <c r="JOC654" s="613"/>
      <c r="JOD654" s="613"/>
      <c r="JOE654" s="613"/>
      <c r="JOF654" s="613"/>
      <c r="JOG654" s="613"/>
      <c r="JOH654" s="613"/>
      <c r="JOI654" s="613"/>
      <c r="JOJ654" s="613"/>
      <c r="JOK654" s="613"/>
      <c r="JOL654" s="613"/>
      <c r="JOM654" s="613"/>
      <c r="JON654" s="613"/>
      <c r="JOO654" s="613"/>
      <c r="JOP654" s="613"/>
      <c r="JOQ654" s="613"/>
      <c r="JOR654" s="613"/>
      <c r="JOS654" s="613"/>
      <c r="JOT654" s="613"/>
      <c r="JOU654" s="613"/>
      <c r="JOV654" s="613"/>
      <c r="JOW654" s="613"/>
      <c r="JOX654" s="613"/>
      <c r="JOY654" s="613"/>
      <c r="JOZ654" s="613"/>
      <c r="JPA654" s="613"/>
      <c r="JPB654" s="613"/>
      <c r="JPC654" s="613"/>
      <c r="JPD654" s="613"/>
      <c r="JPE654" s="613"/>
      <c r="JPF654" s="613"/>
      <c r="JPG654" s="613"/>
      <c r="JPH654" s="613"/>
      <c r="JPI654" s="613"/>
      <c r="JPJ654" s="613"/>
      <c r="JPK654" s="613"/>
      <c r="JPL654" s="613"/>
      <c r="JPM654" s="613"/>
      <c r="JPN654" s="613"/>
      <c r="JPO654" s="613"/>
      <c r="JPP654" s="613"/>
      <c r="JPQ654" s="613"/>
      <c r="JPR654" s="613"/>
      <c r="JPS654" s="613"/>
      <c r="JPT654" s="613"/>
      <c r="JPU654" s="613"/>
      <c r="JPV654" s="613"/>
      <c r="JPW654" s="613"/>
      <c r="JPX654" s="613"/>
      <c r="JPY654" s="613"/>
      <c r="JPZ654" s="613"/>
      <c r="JQA654" s="613"/>
      <c r="JQB654" s="613"/>
      <c r="JQC654" s="613"/>
      <c r="JQD654" s="613"/>
      <c r="JQE654" s="613"/>
      <c r="JQF654" s="613"/>
      <c r="JQG654" s="613"/>
      <c r="JQH654" s="613"/>
      <c r="JQI654" s="613"/>
      <c r="JQJ654" s="613"/>
      <c r="JQK654" s="613"/>
      <c r="JQL654" s="613"/>
      <c r="JQM654" s="613"/>
      <c r="JQN654" s="613"/>
      <c r="JQO654" s="613"/>
      <c r="JQP654" s="613"/>
      <c r="JQQ654" s="613"/>
      <c r="JQR654" s="613"/>
      <c r="JQS654" s="613"/>
      <c r="JQT654" s="613"/>
      <c r="JQU654" s="613"/>
      <c r="JQV654" s="613"/>
      <c r="JQW654" s="613"/>
      <c r="JQX654" s="613"/>
      <c r="JQY654" s="613"/>
      <c r="JQZ654" s="613"/>
      <c r="JRA654" s="613"/>
      <c r="JRB654" s="613"/>
      <c r="JRC654" s="613"/>
      <c r="JRD654" s="613"/>
      <c r="JRE654" s="613"/>
      <c r="JRF654" s="613"/>
      <c r="JRG654" s="613"/>
      <c r="JRH654" s="613"/>
      <c r="JRI654" s="613"/>
      <c r="JRJ654" s="613"/>
      <c r="JRK654" s="613"/>
      <c r="JRL654" s="613"/>
      <c r="JRM654" s="613"/>
      <c r="JRN654" s="613"/>
      <c r="JRO654" s="613"/>
      <c r="JRP654" s="613"/>
      <c r="JRQ654" s="613"/>
      <c r="JRR654" s="613"/>
      <c r="JRS654" s="613"/>
      <c r="JRT654" s="613"/>
      <c r="JRU654" s="613"/>
      <c r="JRV654" s="613"/>
      <c r="JRW654" s="613"/>
      <c r="JRX654" s="613"/>
      <c r="JRY654" s="613"/>
      <c r="JRZ654" s="613"/>
      <c r="JSA654" s="613"/>
      <c r="JSB654" s="613"/>
      <c r="JSC654" s="613"/>
      <c r="JSD654" s="613"/>
      <c r="JSE654" s="613"/>
      <c r="JSF654" s="613"/>
      <c r="JSG654" s="613"/>
      <c r="JSH654" s="613"/>
      <c r="JSI654" s="613"/>
      <c r="JSJ654" s="613"/>
      <c r="JSK654" s="613"/>
      <c r="JSL654" s="613"/>
      <c r="JSM654" s="613"/>
      <c r="JSN654" s="613"/>
      <c r="JSO654" s="613"/>
      <c r="JSP654" s="613"/>
      <c r="JSQ654" s="613"/>
      <c r="JSR654" s="613"/>
      <c r="JSS654" s="613"/>
      <c r="JST654" s="613"/>
      <c r="JSU654" s="613"/>
      <c r="JSV654" s="613"/>
      <c r="JSW654" s="613"/>
      <c r="JSX654" s="613"/>
      <c r="JSY654" s="613"/>
      <c r="JSZ654" s="613"/>
      <c r="JTA654" s="613"/>
      <c r="JTB654" s="613"/>
      <c r="JTC654" s="613"/>
      <c r="JTD654" s="613"/>
      <c r="JTE654" s="613"/>
      <c r="JTF654" s="613"/>
      <c r="JTG654" s="613"/>
      <c r="JTH654" s="613"/>
      <c r="JTI654" s="613"/>
      <c r="JTJ654" s="613"/>
      <c r="JTK654" s="613"/>
      <c r="JTL654" s="613"/>
      <c r="JTM654" s="613"/>
      <c r="JTN654" s="613"/>
      <c r="JTO654" s="613"/>
      <c r="JTP654" s="613"/>
      <c r="JTQ654" s="613"/>
      <c r="JTR654" s="613"/>
      <c r="JTS654" s="613"/>
      <c r="JTT654" s="613"/>
      <c r="JTU654" s="613"/>
      <c r="JTV654" s="613"/>
      <c r="JTW654" s="613"/>
      <c r="JTX654" s="613"/>
      <c r="JTY654" s="613"/>
      <c r="JTZ654" s="613"/>
      <c r="JUA654" s="613"/>
      <c r="JUB654" s="613"/>
      <c r="JUC654" s="613"/>
      <c r="JUD654" s="613"/>
      <c r="JUE654" s="613"/>
      <c r="JUF654" s="613"/>
      <c r="JUG654" s="613"/>
      <c r="JUH654" s="613"/>
      <c r="JUI654" s="613"/>
      <c r="JUJ654" s="613"/>
      <c r="JUK654" s="613"/>
      <c r="JUL654" s="613"/>
      <c r="JUM654" s="613"/>
      <c r="JUN654" s="613"/>
      <c r="JUO654" s="613"/>
      <c r="JUP654" s="613"/>
      <c r="JUQ654" s="613"/>
      <c r="JUR654" s="613"/>
      <c r="JUS654" s="613"/>
      <c r="JUT654" s="613"/>
      <c r="JUU654" s="613"/>
      <c r="JUV654" s="613"/>
      <c r="JUW654" s="613"/>
      <c r="JUX654" s="613"/>
      <c r="JUY654" s="613"/>
      <c r="JUZ654" s="613"/>
      <c r="JVA654" s="613"/>
      <c r="JVB654" s="613"/>
      <c r="JVC654" s="613"/>
      <c r="JVD654" s="613"/>
      <c r="JVE654" s="613"/>
      <c r="JVF654" s="613"/>
      <c r="JVG654" s="613"/>
      <c r="JVH654" s="613"/>
      <c r="JVI654" s="613"/>
      <c r="JVJ654" s="613"/>
      <c r="JVK654" s="613"/>
      <c r="JVL654" s="613"/>
      <c r="JVM654" s="613"/>
      <c r="JVN654" s="613"/>
      <c r="JVO654" s="613"/>
      <c r="JVP654" s="613"/>
      <c r="JVQ654" s="613"/>
      <c r="JVR654" s="613"/>
      <c r="JVS654" s="613"/>
      <c r="JVT654" s="613"/>
      <c r="JVU654" s="613"/>
      <c r="JVV654" s="613"/>
      <c r="JVW654" s="613"/>
      <c r="JVX654" s="613"/>
      <c r="JVY654" s="613"/>
      <c r="JVZ654" s="613"/>
      <c r="JWA654" s="613"/>
      <c r="JWB654" s="613"/>
      <c r="JWC654" s="613"/>
      <c r="JWD654" s="613"/>
      <c r="JWE654" s="613"/>
      <c r="JWF654" s="613"/>
      <c r="JWG654" s="613"/>
      <c r="JWH654" s="613"/>
      <c r="JWI654" s="613"/>
      <c r="JWJ654" s="613"/>
      <c r="JWK654" s="613"/>
      <c r="JWL654" s="613"/>
      <c r="JWM654" s="613"/>
      <c r="JWN654" s="613"/>
      <c r="JWO654" s="613"/>
      <c r="JWP654" s="613"/>
      <c r="JWQ654" s="613"/>
      <c r="JWR654" s="613"/>
      <c r="JWS654" s="613"/>
      <c r="JWT654" s="613"/>
      <c r="JWU654" s="613"/>
      <c r="JWV654" s="613"/>
      <c r="JWW654" s="613"/>
      <c r="JWX654" s="613"/>
      <c r="JWY654" s="613"/>
      <c r="JWZ654" s="613"/>
      <c r="JXA654" s="613"/>
      <c r="JXB654" s="613"/>
      <c r="JXC654" s="613"/>
      <c r="JXD654" s="613"/>
      <c r="JXE654" s="613"/>
      <c r="JXF654" s="613"/>
      <c r="JXG654" s="613"/>
      <c r="JXH654" s="613"/>
      <c r="JXI654" s="613"/>
      <c r="JXJ654" s="613"/>
      <c r="JXK654" s="613"/>
      <c r="JXL654" s="613"/>
      <c r="JXM654" s="613"/>
      <c r="JXN654" s="613"/>
      <c r="JXO654" s="613"/>
      <c r="JXP654" s="613"/>
      <c r="JXQ654" s="613"/>
      <c r="JXR654" s="613"/>
      <c r="JXS654" s="613"/>
      <c r="JXT654" s="613"/>
      <c r="JXU654" s="613"/>
      <c r="JXV654" s="613"/>
      <c r="JXW654" s="613"/>
      <c r="JXX654" s="613"/>
      <c r="JXY654" s="613"/>
      <c r="JXZ654" s="613"/>
      <c r="JYA654" s="613"/>
      <c r="JYB654" s="613"/>
      <c r="JYC654" s="613"/>
      <c r="JYD654" s="613"/>
      <c r="JYE654" s="613"/>
      <c r="JYF654" s="613"/>
      <c r="JYG654" s="613"/>
      <c r="JYH654" s="613"/>
      <c r="JYI654" s="613"/>
      <c r="JYJ654" s="613"/>
      <c r="JYK654" s="613"/>
      <c r="JYL654" s="613"/>
      <c r="JYM654" s="613"/>
      <c r="JYN654" s="613"/>
      <c r="JYO654" s="613"/>
      <c r="JYP654" s="613"/>
      <c r="JYQ654" s="613"/>
      <c r="JYR654" s="613"/>
      <c r="JYS654" s="613"/>
      <c r="JYT654" s="613"/>
      <c r="JYU654" s="613"/>
      <c r="JYV654" s="613"/>
      <c r="JYW654" s="613"/>
      <c r="JYX654" s="613"/>
      <c r="JYY654" s="613"/>
      <c r="JYZ654" s="613"/>
      <c r="JZA654" s="613"/>
      <c r="JZB654" s="613"/>
      <c r="JZC654" s="613"/>
      <c r="JZD654" s="613"/>
      <c r="JZE654" s="613"/>
      <c r="JZF654" s="613"/>
      <c r="JZG654" s="613"/>
      <c r="JZH654" s="613"/>
      <c r="JZI654" s="613"/>
      <c r="JZJ654" s="613"/>
      <c r="JZK654" s="613"/>
      <c r="JZL654" s="613"/>
      <c r="JZM654" s="613"/>
      <c r="JZN654" s="613"/>
      <c r="JZO654" s="613"/>
      <c r="JZP654" s="613"/>
      <c r="JZQ654" s="613"/>
      <c r="JZR654" s="613"/>
      <c r="JZS654" s="613"/>
      <c r="JZT654" s="613"/>
      <c r="JZU654" s="613"/>
      <c r="JZV654" s="613"/>
      <c r="JZW654" s="613"/>
      <c r="JZX654" s="613"/>
      <c r="JZY654" s="613"/>
      <c r="JZZ654" s="613"/>
      <c r="KAA654" s="613"/>
      <c r="KAB654" s="613"/>
      <c r="KAC654" s="613"/>
      <c r="KAD654" s="613"/>
      <c r="KAE654" s="613"/>
      <c r="KAF654" s="613"/>
      <c r="KAG654" s="613"/>
      <c r="KAH654" s="613"/>
      <c r="KAI654" s="613"/>
      <c r="KAJ654" s="613"/>
      <c r="KAK654" s="613"/>
      <c r="KAL654" s="613"/>
      <c r="KAM654" s="613"/>
      <c r="KAN654" s="613"/>
      <c r="KAO654" s="613"/>
      <c r="KAP654" s="613"/>
      <c r="KAQ654" s="613"/>
      <c r="KAR654" s="613"/>
      <c r="KAS654" s="613"/>
      <c r="KAT654" s="613"/>
      <c r="KAU654" s="613"/>
      <c r="KAV654" s="613"/>
      <c r="KAW654" s="613"/>
      <c r="KAX654" s="613"/>
      <c r="KAY654" s="613"/>
      <c r="KAZ654" s="613"/>
      <c r="KBA654" s="613"/>
      <c r="KBB654" s="613"/>
      <c r="KBC654" s="613"/>
      <c r="KBD654" s="613"/>
      <c r="KBE654" s="613"/>
      <c r="KBF654" s="613"/>
      <c r="KBG654" s="613"/>
      <c r="KBH654" s="613"/>
      <c r="KBI654" s="613"/>
      <c r="KBJ654" s="613"/>
      <c r="KBK654" s="613"/>
      <c r="KBL654" s="613"/>
      <c r="KBM654" s="613"/>
      <c r="KBN654" s="613"/>
      <c r="KBO654" s="613"/>
      <c r="KBP654" s="613"/>
      <c r="KBQ654" s="613"/>
      <c r="KBR654" s="613"/>
      <c r="KBS654" s="613"/>
      <c r="KBT654" s="613"/>
      <c r="KBU654" s="613"/>
      <c r="KBV654" s="613"/>
      <c r="KBW654" s="613"/>
      <c r="KBX654" s="613"/>
      <c r="KBY654" s="613"/>
      <c r="KBZ654" s="613"/>
      <c r="KCA654" s="613"/>
      <c r="KCB654" s="613"/>
      <c r="KCC654" s="613"/>
      <c r="KCD654" s="613"/>
      <c r="KCE654" s="613"/>
      <c r="KCF654" s="613"/>
      <c r="KCG654" s="613"/>
      <c r="KCH654" s="613"/>
      <c r="KCI654" s="613"/>
      <c r="KCJ654" s="613"/>
      <c r="KCK654" s="613"/>
      <c r="KCL654" s="613"/>
      <c r="KCM654" s="613"/>
      <c r="KCN654" s="613"/>
      <c r="KCO654" s="613"/>
      <c r="KCP654" s="613"/>
      <c r="KCQ654" s="613"/>
      <c r="KCR654" s="613"/>
      <c r="KCS654" s="613"/>
      <c r="KCT654" s="613"/>
      <c r="KCU654" s="613"/>
      <c r="KCV654" s="613"/>
      <c r="KCW654" s="613"/>
      <c r="KCX654" s="613"/>
      <c r="KCY654" s="613"/>
      <c r="KCZ654" s="613"/>
      <c r="KDA654" s="613"/>
      <c r="KDB654" s="613"/>
      <c r="KDC654" s="613"/>
      <c r="KDD654" s="613"/>
      <c r="KDE654" s="613"/>
      <c r="KDF654" s="613"/>
      <c r="KDG654" s="613"/>
      <c r="KDH654" s="613"/>
      <c r="KDI654" s="613"/>
      <c r="KDJ654" s="613"/>
      <c r="KDK654" s="613"/>
      <c r="KDL654" s="613"/>
      <c r="KDM654" s="613"/>
      <c r="KDN654" s="613"/>
      <c r="KDO654" s="613"/>
      <c r="KDP654" s="613"/>
      <c r="KDQ654" s="613"/>
      <c r="KDR654" s="613"/>
      <c r="KDS654" s="613"/>
      <c r="KDT654" s="613"/>
      <c r="KDU654" s="613"/>
      <c r="KDV654" s="613"/>
      <c r="KDW654" s="613"/>
      <c r="KDX654" s="613"/>
      <c r="KDY654" s="613"/>
      <c r="KDZ654" s="613"/>
      <c r="KEA654" s="613"/>
      <c r="KEB654" s="613"/>
      <c r="KEC654" s="613"/>
      <c r="KED654" s="613"/>
      <c r="KEE654" s="613"/>
      <c r="KEF654" s="613"/>
      <c r="KEG654" s="613"/>
      <c r="KEH654" s="613"/>
      <c r="KEI654" s="613"/>
      <c r="KEJ654" s="613"/>
      <c r="KEK654" s="613"/>
      <c r="KEL654" s="613"/>
      <c r="KEM654" s="613"/>
      <c r="KEN654" s="613"/>
      <c r="KEO654" s="613"/>
      <c r="KEP654" s="613"/>
      <c r="KEQ654" s="613"/>
      <c r="KER654" s="613"/>
      <c r="KES654" s="613"/>
      <c r="KET654" s="613"/>
      <c r="KEU654" s="613"/>
      <c r="KEV654" s="613"/>
      <c r="KEW654" s="613"/>
      <c r="KEX654" s="613"/>
      <c r="KEY654" s="613"/>
      <c r="KEZ654" s="613"/>
      <c r="KFA654" s="613"/>
      <c r="KFB654" s="613"/>
      <c r="KFC654" s="613"/>
      <c r="KFD654" s="613"/>
      <c r="KFE654" s="613"/>
      <c r="KFF654" s="613"/>
      <c r="KFG654" s="613"/>
      <c r="KFH654" s="613"/>
      <c r="KFI654" s="613"/>
      <c r="KFJ654" s="613"/>
      <c r="KFK654" s="613"/>
      <c r="KFL654" s="613"/>
      <c r="KFM654" s="613"/>
      <c r="KFN654" s="613"/>
      <c r="KFO654" s="613"/>
      <c r="KFP654" s="613"/>
      <c r="KFQ654" s="613"/>
      <c r="KFR654" s="613"/>
      <c r="KFS654" s="613"/>
      <c r="KFT654" s="613"/>
      <c r="KFU654" s="613"/>
      <c r="KFV654" s="613"/>
      <c r="KFW654" s="613"/>
      <c r="KFX654" s="613"/>
      <c r="KFY654" s="613"/>
      <c r="KFZ654" s="613"/>
      <c r="KGA654" s="613"/>
      <c r="KGB654" s="613"/>
      <c r="KGC654" s="613"/>
      <c r="KGD654" s="613"/>
      <c r="KGE654" s="613"/>
      <c r="KGF654" s="613"/>
      <c r="KGG654" s="613"/>
      <c r="KGH654" s="613"/>
      <c r="KGI654" s="613"/>
      <c r="KGJ654" s="613"/>
      <c r="KGK654" s="613"/>
      <c r="KGL654" s="613"/>
      <c r="KGM654" s="613"/>
      <c r="KGN654" s="613"/>
      <c r="KGO654" s="613"/>
      <c r="KGP654" s="613"/>
      <c r="KGQ654" s="613"/>
      <c r="KGR654" s="613"/>
      <c r="KGS654" s="613"/>
      <c r="KGT654" s="613"/>
      <c r="KGU654" s="613"/>
      <c r="KGV654" s="613"/>
      <c r="KGW654" s="613"/>
      <c r="KGX654" s="613"/>
      <c r="KGY654" s="613"/>
      <c r="KGZ654" s="613"/>
      <c r="KHA654" s="613"/>
      <c r="KHB654" s="613"/>
      <c r="KHC654" s="613"/>
      <c r="KHD654" s="613"/>
      <c r="KHE654" s="613"/>
      <c r="KHF654" s="613"/>
      <c r="KHG654" s="613"/>
      <c r="KHH654" s="613"/>
      <c r="KHI654" s="613"/>
      <c r="KHJ654" s="613"/>
      <c r="KHK654" s="613"/>
      <c r="KHL654" s="613"/>
      <c r="KHM654" s="613"/>
      <c r="KHN654" s="613"/>
      <c r="KHO654" s="613"/>
      <c r="KHP654" s="613"/>
      <c r="KHQ654" s="613"/>
      <c r="KHR654" s="613"/>
      <c r="KHS654" s="613"/>
      <c r="KHT654" s="613"/>
      <c r="KHU654" s="613"/>
      <c r="KHV654" s="613"/>
      <c r="KHW654" s="613"/>
      <c r="KHX654" s="613"/>
      <c r="KHY654" s="613"/>
      <c r="KHZ654" s="613"/>
      <c r="KIA654" s="613"/>
      <c r="KIB654" s="613"/>
      <c r="KIC654" s="613"/>
      <c r="KID654" s="613"/>
      <c r="KIE654" s="613"/>
      <c r="KIF654" s="613"/>
      <c r="KIG654" s="613"/>
      <c r="KIH654" s="613"/>
      <c r="KII654" s="613"/>
      <c r="KIJ654" s="613"/>
      <c r="KIK654" s="613"/>
      <c r="KIL654" s="613"/>
      <c r="KIM654" s="613"/>
      <c r="KIN654" s="613"/>
      <c r="KIO654" s="613"/>
      <c r="KIP654" s="613"/>
      <c r="KIQ654" s="613"/>
      <c r="KIR654" s="613"/>
      <c r="KIS654" s="613"/>
      <c r="KIT654" s="613"/>
      <c r="KIU654" s="613"/>
      <c r="KIV654" s="613"/>
      <c r="KIW654" s="613"/>
      <c r="KIX654" s="613"/>
      <c r="KIY654" s="613"/>
      <c r="KIZ654" s="613"/>
      <c r="KJA654" s="613"/>
      <c r="KJB654" s="613"/>
      <c r="KJC654" s="613"/>
      <c r="KJD654" s="613"/>
      <c r="KJE654" s="613"/>
      <c r="KJF654" s="613"/>
      <c r="KJG654" s="613"/>
      <c r="KJH654" s="613"/>
      <c r="KJI654" s="613"/>
      <c r="KJJ654" s="613"/>
      <c r="KJK654" s="613"/>
      <c r="KJL654" s="613"/>
      <c r="KJM654" s="613"/>
      <c r="KJN654" s="613"/>
      <c r="KJO654" s="613"/>
      <c r="KJP654" s="613"/>
      <c r="KJQ654" s="613"/>
      <c r="KJR654" s="613"/>
      <c r="KJS654" s="613"/>
      <c r="KJT654" s="613"/>
      <c r="KJU654" s="613"/>
      <c r="KJV654" s="613"/>
      <c r="KJW654" s="613"/>
      <c r="KJX654" s="613"/>
      <c r="KJY654" s="613"/>
      <c r="KJZ654" s="613"/>
      <c r="KKA654" s="613"/>
      <c r="KKB654" s="613"/>
      <c r="KKC654" s="613"/>
      <c r="KKD654" s="613"/>
      <c r="KKE654" s="613"/>
      <c r="KKF654" s="613"/>
      <c r="KKG654" s="613"/>
      <c r="KKH654" s="613"/>
      <c r="KKI654" s="613"/>
      <c r="KKJ654" s="613"/>
      <c r="KKK654" s="613"/>
      <c r="KKL654" s="613"/>
      <c r="KKM654" s="613"/>
      <c r="KKN654" s="613"/>
      <c r="KKO654" s="613"/>
      <c r="KKP654" s="613"/>
      <c r="KKQ654" s="613"/>
      <c r="KKR654" s="613"/>
      <c r="KKS654" s="613"/>
      <c r="KKT654" s="613"/>
      <c r="KKU654" s="613"/>
      <c r="KKV654" s="613"/>
      <c r="KKW654" s="613"/>
      <c r="KKX654" s="613"/>
      <c r="KKY654" s="613"/>
      <c r="KKZ654" s="613"/>
      <c r="KLA654" s="613"/>
      <c r="KLB654" s="613"/>
      <c r="KLC654" s="613"/>
      <c r="KLD654" s="613"/>
      <c r="KLE654" s="613"/>
      <c r="KLF654" s="613"/>
      <c r="KLG654" s="613"/>
      <c r="KLH654" s="613"/>
      <c r="KLI654" s="613"/>
      <c r="KLJ654" s="613"/>
      <c r="KLK654" s="613"/>
      <c r="KLL654" s="613"/>
      <c r="KLM654" s="613"/>
      <c r="KLN654" s="613"/>
      <c r="KLO654" s="613"/>
      <c r="KLP654" s="613"/>
      <c r="KLQ654" s="613"/>
      <c r="KLR654" s="613"/>
      <c r="KLS654" s="613"/>
      <c r="KLT654" s="613"/>
      <c r="KLU654" s="613"/>
      <c r="KLV654" s="613"/>
      <c r="KLW654" s="613"/>
      <c r="KLX654" s="613"/>
      <c r="KLY654" s="613"/>
      <c r="KLZ654" s="613"/>
      <c r="KMA654" s="613"/>
      <c r="KMB654" s="613"/>
      <c r="KMC654" s="613"/>
      <c r="KMD654" s="613"/>
      <c r="KME654" s="613"/>
      <c r="KMF654" s="613"/>
      <c r="KMG654" s="613"/>
      <c r="KMH654" s="613"/>
      <c r="KMI654" s="613"/>
      <c r="KMJ654" s="613"/>
      <c r="KMK654" s="613"/>
      <c r="KML654" s="613"/>
      <c r="KMM654" s="613"/>
      <c r="KMN654" s="613"/>
      <c r="KMO654" s="613"/>
      <c r="KMP654" s="613"/>
      <c r="KMQ654" s="613"/>
      <c r="KMR654" s="613"/>
      <c r="KMS654" s="613"/>
      <c r="KMT654" s="613"/>
      <c r="KMU654" s="613"/>
      <c r="KMV654" s="613"/>
      <c r="KMW654" s="613"/>
      <c r="KMX654" s="613"/>
      <c r="KMY654" s="613"/>
      <c r="KMZ654" s="613"/>
      <c r="KNA654" s="613"/>
      <c r="KNB654" s="613"/>
      <c r="KNC654" s="613"/>
      <c r="KND654" s="613"/>
      <c r="KNE654" s="613"/>
      <c r="KNF654" s="613"/>
      <c r="KNG654" s="613"/>
      <c r="KNH654" s="613"/>
      <c r="KNI654" s="613"/>
      <c r="KNJ654" s="613"/>
      <c r="KNK654" s="613"/>
      <c r="KNL654" s="613"/>
      <c r="KNM654" s="613"/>
      <c r="KNN654" s="613"/>
      <c r="KNO654" s="613"/>
      <c r="KNP654" s="613"/>
      <c r="KNQ654" s="613"/>
      <c r="KNR654" s="613"/>
      <c r="KNS654" s="613"/>
      <c r="KNT654" s="613"/>
      <c r="KNU654" s="613"/>
      <c r="KNV654" s="613"/>
      <c r="KNW654" s="613"/>
      <c r="KNX654" s="613"/>
      <c r="KNY654" s="613"/>
      <c r="KNZ654" s="613"/>
      <c r="KOA654" s="613"/>
      <c r="KOB654" s="613"/>
      <c r="KOC654" s="613"/>
      <c r="KOD654" s="613"/>
      <c r="KOE654" s="613"/>
      <c r="KOF654" s="613"/>
      <c r="KOG654" s="613"/>
      <c r="KOH654" s="613"/>
      <c r="KOI654" s="613"/>
      <c r="KOJ654" s="613"/>
      <c r="KOK654" s="613"/>
      <c r="KOL654" s="613"/>
      <c r="KOM654" s="613"/>
      <c r="KON654" s="613"/>
      <c r="KOO654" s="613"/>
      <c r="KOP654" s="613"/>
      <c r="KOQ654" s="613"/>
      <c r="KOR654" s="613"/>
      <c r="KOS654" s="613"/>
      <c r="KOT654" s="613"/>
      <c r="KOU654" s="613"/>
      <c r="KOV654" s="613"/>
      <c r="KOW654" s="613"/>
      <c r="KOX654" s="613"/>
      <c r="KOY654" s="613"/>
      <c r="KOZ654" s="613"/>
      <c r="KPA654" s="613"/>
      <c r="KPB654" s="613"/>
      <c r="KPC654" s="613"/>
      <c r="KPD654" s="613"/>
      <c r="KPE654" s="613"/>
      <c r="KPF654" s="613"/>
      <c r="KPG654" s="613"/>
      <c r="KPH654" s="613"/>
      <c r="KPI654" s="613"/>
      <c r="KPJ654" s="613"/>
      <c r="KPK654" s="613"/>
      <c r="KPL654" s="613"/>
      <c r="KPM654" s="613"/>
      <c r="KPN654" s="613"/>
      <c r="KPO654" s="613"/>
      <c r="KPP654" s="613"/>
      <c r="KPQ654" s="613"/>
      <c r="KPR654" s="613"/>
      <c r="KPS654" s="613"/>
      <c r="KPT654" s="613"/>
      <c r="KPU654" s="613"/>
      <c r="KPV654" s="613"/>
      <c r="KPW654" s="613"/>
      <c r="KPX654" s="613"/>
      <c r="KPY654" s="613"/>
      <c r="KPZ654" s="613"/>
      <c r="KQA654" s="613"/>
      <c r="KQB654" s="613"/>
      <c r="KQC654" s="613"/>
      <c r="KQD654" s="613"/>
      <c r="KQE654" s="613"/>
      <c r="KQF654" s="613"/>
      <c r="KQG654" s="613"/>
      <c r="KQH654" s="613"/>
      <c r="KQI654" s="613"/>
      <c r="KQJ654" s="613"/>
      <c r="KQK654" s="613"/>
      <c r="KQL654" s="613"/>
      <c r="KQM654" s="613"/>
      <c r="KQN654" s="613"/>
      <c r="KQO654" s="613"/>
      <c r="KQP654" s="613"/>
      <c r="KQQ654" s="613"/>
      <c r="KQR654" s="613"/>
      <c r="KQS654" s="613"/>
      <c r="KQT654" s="613"/>
      <c r="KQU654" s="613"/>
      <c r="KQV654" s="613"/>
      <c r="KQW654" s="613"/>
      <c r="KQX654" s="613"/>
      <c r="KQY654" s="613"/>
      <c r="KQZ654" s="613"/>
      <c r="KRA654" s="613"/>
      <c r="KRB654" s="613"/>
      <c r="KRC654" s="613"/>
      <c r="KRD654" s="613"/>
      <c r="KRE654" s="613"/>
      <c r="KRF654" s="613"/>
      <c r="KRG654" s="613"/>
      <c r="KRH654" s="613"/>
      <c r="KRI654" s="613"/>
      <c r="KRJ654" s="613"/>
      <c r="KRK654" s="613"/>
      <c r="KRL654" s="613"/>
      <c r="KRM654" s="613"/>
      <c r="KRN654" s="613"/>
      <c r="KRO654" s="613"/>
      <c r="KRP654" s="613"/>
      <c r="KRQ654" s="613"/>
      <c r="KRR654" s="613"/>
      <c r="KRS654" s="613"/>
      <c r="KRT654" s="613"/>
      <c r="KRU654" s="613"/>
      <c r="KRV654" s="613"/>
      <c r="KRW654" s="613"/>
      <c r="KRX654" s="613"/>
      <c r="KRY654" s="613"/>
      <c r="KRZ654" s="613"/>
      <c r="KSA654" s="613"/>
      <c r="KSB654" s="613"/>
      <c r="KSC654" s="613"/>
      <c r="KSD654" s="613"/>
      <c r="KSE654" s="613"/>
      <c r="KSF654" s="613"/>
      <c r="KSG654" s="613"/>
      <c r="KSH654" s="613"/>
      <c r="KSI654" s="613"/>
      <c r="KSJ654" s="613"/>
      <c r="KSK654" s="613"/>
      <c r="KSL654" s="613"/>
      <c r="KSM654" s="613"/>
      <c r="KSN654" s="613"/>
      <c r="KSO654" s="613"/>
      <c r="KSP654" s="613"/>
      <c r="KSQ654" s="613"/>
      <c r="KSR654" s="613"/>
      <c r="KSS654" s="613"/>
      <c r="KST654" s="613"/>
      <c r="KSU654" s="613"/>
      <c r="KSV654" s="613"/>
      <c r="KSW654" s="613"/>
      <c r="KSX654" s="613"/>
      <c r="KSY654" s="613"/>
      <c r="KSZ654" s="613"/>
      <c r="KTA654" s="613"/>
      <c r="KTB654" s="613"/>
      <c r="KTC654" s="613"/>
      <c r="KTD654" s="613"/>
      <c r="KTE654" s="613"/>
      <c r="KTF654" s="613"/>
      <c r="KTG654" s="613"/>
      <c r="KTH654" s="613"/>
      <c r="KTI654" s="613"/>
      <c r="KTJ654" s="613"/>
      <c r="KTK654" s="613"/>
      <c r="KTL654" s="613"/>
      <c r="KTM654" s="613"/>
      <c r="KTN654" s="613"/>
      <c r="KTO654" s="613"/>
      <c r="KTP654" s="613"/>
      <c r="KTQ654" s="613"/>
      <c r="KTR654" s="613"/>
      <c r="KTS654" s="613"/>
      <c r="KTT654" s="613"/>
      <c r="KTU654" s="613"/>
      <c r="KTV654" s="613"/>
      <c r="KTW654" s="613"/>
      <c r="KTX654" s="613"/>
      <c r="KTY654" s="613"/>
      <c r="KTZ654" s="613"/>
      <c r="KUA654" s="613"/>
      <c r="KUB654" s="613"/>
      <c r="KUC654" s="613"/>
      <c r="KUD654" s="613"/>
      <c r="KUE654" s="613"/>
      <c r="KUF654" s="613"/>
      <c r="KUG654" s="613"/>
      <c r="KUH654" s="613"/>
      <c r="KUI654" s="613"/>
      <c r="KUJ654" s="613"/>
      <c r="KUK654" s="613"/>
      <c r="KUL654" s="613"/>
      <c r="KUM654" s="613"/>
      <c r="KUN654" s="613"/>
      <c r="KUO654" s="613"/>
      <c r="KUP654" s="613"/>
      <c r="KUQ654" s="613"/>
      <c r="KUR654" s="613"/>
      <c r="KUS654" s="613"/>
      <c r="KUT654" s="613"/>
      <c r="KUU654" s="613"/>
      <c r="KUV654" s="613"/>
      <c r="KUW654" s="613"/>
      <c r="KUX654" s="613"/>
      <c r="KUY654" s="613"/>
      <c r="KUZ654" s="613"/>
      <c r="KVA654" s="613"/>
      <c r="KVB654" s="613"/>
      <c r="KVC654" s="613"/>
      <c r="KVD654" s="613"/>
      <c r="KVE654" s="613"/>
      <c r="KVF654" s="613"/>
      <c r="KVG654" s="613"/>
      <c r="KVH654" s="613"/>
      <c r="KVI654" s="613"/>
      <c r="KVJ654" s="613"/>
      <c r="KVK654" s="613"/>
      <c r="KVL654" s="613"/>
      <c r="KVM654" s="613"/>
      <c r="KVN654" s="613"/>
      <c r="KVO654" s="613"/>
      <c r="KVP654" s="613"/>
      <c r="KVQ654" s="613"/>
      <c r="KVR654" s="613"/>
      <c r="KVS654" s="613"/>
      <c r="KVT654" s="613"/>
      <c r="KVU654" s="613"/>
      <c r="KVV654" s="613"/>
      <c r="KVW654" s="613"/>
      <c r="KVX654" s="613"/>
      <c r="KVY654" s="613"/>
      <c r="KVZ654" s="613"/>
      <c r="KWA654" s="613"/>
      <c r="KWB654" s="613"/>
      <c r="KWC654" s="613"/>
      <c r="KWD654" s="613"/>
      <c r="KWE654" s="613"/>
      <c r="KWF654" s="613"/>
      <c r="KWG654" s="613"/>
      <c r="KWH654" s="613"/>
      <c r="KWI654" s="613"/>
      <c r="KWJ654" s="613"/>
      <c r="KWK654" s="613"/>
      <c r="KWL654" s="613"/>
      <c r="KWM654" s="613"/>
      <c r="KWN654" s="613"/>
      <c r="KWO654" s="613"/>
      <c r="KWP654" s="613"/>
      <c r="KWQ654" s="613"/>
      <c r="KWR654" s="613"/>
      <c r="KWS654" s="613"/>
      <c r="KWT654" s="613"/>
      <c r="KWU654" s="613"/>
      <c r="KWV654" s="613"/>
      <c r="KWW654" s="613"/>
      <c r="KWX654" s="613"/>
      <c r="KWY654" s="613"/>
      <c r="KWZ654" s="613"/>
      <c r="KXA654" s="613"/>
      <c r="KXB654" s="613"/>
      <c r="KXC654" s="613"/>
      <c r="KXD654" s="613"/>
      <c r="KXE654" s="613"/>
      <c r="KXF654" s="613"/>
      <c r="KXG654" s="613"/>
      <c r="KXH654" s="613"/>
      <c r="KXI654" s="613"/>
      <c r="KXJ654" s="613"/>
      <c r="KXK654" s="613"/>
      <c r="KXL654" s="613"/>
      <c r="KXM654" s="613"/>
      <c r="KXN654" s="613"/>
      <c r="KXO654" s="613"/>
      <c r="KXP654" s="613"/>
      <c r="KXQ654" s="613"/>
      <c r="KXR654" s="613"/>
      <c r="KXS654" s="613"/>
      <c r="KXT654" s="613"/>
      <c r="KXU654" s="613"/>
      <c r="KXV654" s="613"/>
      <c r="KXW654" s="613"/>
      <c r="KXX654" s="613"/>
      <c r="KXY654" s="613"/>
      <c r="KXZ654" s="613"/>
      <c r="KYA654" s="613"/>
      <c r="KYB654" s="613"/>
      <c r="KYC654" s="613"/>
      <c r="KYD654" s="613"/>
      <c r="KYE654" s="613"/>
      <c r="KYF654" s="613"/>
      <c r="KYG654" s="613"/>
      <c r="KYH654" s="613"/>
      <c r="KYI654" s="613"/>
      <c r="KYJ654" s="613"/>
      <c r="KYK654" s="613"/>
      <c r="KYL654" s="613"/>
      <c r="KYM654" s="613"/>
      <c r="KYN654" s="613"/>
      <c r="KYO654" s="613"/>
      <c r="KYP654" s="613"/>
      <c r="KYQ654" s="613"/>
      <c r="KYR654" s="613"/>
      <c r="KYS654" s="613"/>
      <c r="KYT654" s="613"/>
      <c r="KYU654" s="613"/>
      <c r="KYV654" s="613"/>
      <c r="KYW654" s="613"/>
      <c r="KYX654" s="613"/>
      <c r="KYY654" s="613"/>
      <c r="KYZ654" s="613"/>
      <c r="KZA654" s="613"/>
      <c r="KZB654" s="613"/>
      <c r="KZC654" s="613"/>
      <c r="KZD654" s="613"/>
      <c r="KZE654" s="613"/>
      <c r="KZF654" s="613"/>
      <c r="KZG654" s="613"/>
      <c r="KZH654" s="613"/>
      <c r="KZI654" s="613"/>
      <c r="KZJ654" s="613"/>
      <c r="KZK654" s="613"/>
      <c r="KZL654" s="613"/>
      <c r="KZM654" s="613"/>
      <c r="KZN654" s="613"/>
      <c r="KZO654" s="613"/>
      <c r="KZP654" s="613"/>
      <c r="KZQ654" s="613"/>
      <c r="KZR654" s="613"/>
      <c r="KZS654" s="613"/>
      <c r="KZT654" s="613"/>
      <c r="KZU654" s="613"/>
      <c r="KZV654" s="613"/>
      <c r="KZW654" s="613"/>
      <c r="KZX654" s="613"/>
      <c r="KZY654" s="613"/>
      <c r="KZZ654" s="613"/>
      <c r="LAA654" s="613"/>
      <c r="LAB654" s="613"/>
      <c r="LAC654" s="613"/>
      <c r="LAD654" s="613"/>
      <c r="LAE654" s="613"/>
      <c r="LAF654" s="613"/>
      <c r="LAG654" s="613"/>
      <c r="LAH654" s="613"/>
      <c r="LAI654" s="613"/>
      <c r="LAJ654" s="613"/>
      <c r="LAK654" s="613"/>
      <c r="LAL654" s="613"/>
      <c r="LAM654" s="613"/>
      <c r="LAN654" s="613"/>
      <c r="LAO654" s="613"/>
      <c r="LAP654" s="613"/>
      <c r="LAQ654" s="613"/>
      <c r="LAR654" s="613"/>
      <c r="LAS654" s="613"/>
      <c r="LAT654" s="613"/>
      <c r="LAU654" s="613"/>
      <c r="LAV654" s="613"/>
      <c r="LAW654" s="613"/>
      <c r="LAX654" s="613"/>
      <c r="LAY654" s="613"/>
      <c r="LAZ654" s="613"/>
      <c r="LBA654" s="613"/>
      <c r="LBB654" s="613"/>
      <c r="LBC654" s="613"/>
      <c r="LBD654" s="613"/>
      <c r="LBE654" s="613"/>
      <c r="LBF654" s="613"/>
      <c r="LBG654" s="613"/>
      <c r="LBH654" s="613"/>
      <c r="LBI654" s="613"/>
      <c r="LBJ654" s="613"/>
      <c r="LBK654" s="613"/>
      <c r="LBL654" s="613"/>
      <c r="LBM654" s="613"/>
      <c r="LBN654" s="613"/>
      <c r="LBO654" s="613"/>
      <c r="LBP654" s="613"/>
      <c r="LBQ654" s="613"/>
      <c r="LBR654" s="613"/>
      <c r="LBS654" s="613"/>
      <c r="LBT654" s="613"/>
      <c r="LBU654" s="613"/>
      <c r="LBV654" s="613"/>
      <c r="LBW654" s="613"/>
      <c r="LBX654" s="613"/>
      <c r="LBY654" s="613"/>
      <c r="LBZ654" s="613"/>
      <c r="LCA654" s="613"/>
      <c r="LCB654" s="613"/>
      <c r="LCC654" s="613"/>
      <c r="LCD654" s="613"/>
      <c r="LCE654" s="613"/>
      <c r="LCF654" s="613"/>
      <c r="LCG654" s="613"/>
      <c r="LCH654" s="613"/>
      <c r="LCI654" s="613"/>
      <c r="LCJ654" s="613"/>
      <c r="LCK654" s="613"/>
      <c r="LCL654" s="613"/>
      <c r="LCM654" s="613"/>
      <c r="LCN654" s="613"/>
      <c r="LCO654" s="613"/>
      <c r="LCP654" s="613"/>
      <c r="LCQ654" s="613"/>
      <c r="LCR654" s="613"/>
      <c r="LCS654" s="613"/>
      <c r="LCT654" s="613"/>
      <c r="LCU654" s="613"/>
      <c r="LCV654" s="613"/>
      <c r="LCW654" s="613"/>
      <c r="LCX654" s="613"/>
      <c r="LCY654" s="613"/>
      <c r="LCZ654" s="613"/>
      <c r="LDA654" s="613"/>
      <c r="LDB654" s="613"/>
      <c r="LDC654" s="613"/>
      <c r="LDD654" s="613"/>
      <c r="LDE654" s="613"/>
      <c r="LDF654" s="613"/>
      <c r="LDG654" s="613"/>
      <c r="LDH654" s="613"/>
      <c r="LDI654" s="613"/>
      <c r="LDJ654" s="613"/>
      <c r="LDK654" s="613"/>
      <c r="LDL654" s="613"/>
      <c r="LDM654" s="613"/>
      <c r="LDN654" s="613"/>
      <c r="LDO654" s="613"/>
      <c r="LDP654" s="613"/>
      <c r="LDQ654" s="613"/>
      <c r="LDR654" s="613"/>
      <c r="LDS654" s="613"/>
      <c r="LDT654" s="613"/>
      <c r="LDU654" s="613"/>
      <c r="LDV654" s="613"/>
      <c r="LDW654" s="613"/>
      <c r="LDX654" s="613"/>
      <c r="LDY654" s="613"/>
      <c r="LDZ654" s="613"/>
      <c r="LEA654" s="613"/>
      <c r="LEB654" s="613"/>
      <c r="LEC654" s="613"/>
      <c r="LED654" s="613"/>
      <c r="LEE654" s="613"/>
      <c r="LEF654" s="613"/>
      <c r="LEG654" s="613"/>
      <c r="LEH654" s="613"/>
      <c r="LEI654" s="613"/>
      <c r="LEJ654" s="613"/>
      <c r="LEK654" s="613"/>
      <c r="LEL654" s="613"/>
      <c r="LEM654" s="613"/>
      <c r="LEN654" s="613"/>
      <c r="LEO654" s="613"/>
      <c r="LEP654" s="613"/>
      <c r="LEQ654" s="613"/>
      <c r="LER654" s="613"/>
      <c r="LES654" s="613"/>
      <c r="LET654" s="613"/>
      <c r="LEU654" s="613"/>
      <c r="LEV654" s="613"/>
      <c r="LEW654" s="613"/>
      <c r="LEX654" s="613"/>
      <c r="LEY654" s="613"/>
      <c r="LEZ654" s="613"/>
      <c r="LFA654" s="613"/>
      <c r="LFB654" s="613"/>
      <c r="LFC654" s="613"/>
      <c r="LFD654" s="613"/>
      <c r="LFE654" s="613"/>
      <c r="LFF654" s="613"/>
      <c r="LFG654" s="613"/>
      <c r="LFH654" s="613"/>
      <c r="LFI654" s="613"/>
      <c r="LFJ654" s="613"/>
      <c r="LFK654" s="613"/>
      <c r="LFL654" s="613"/>
      <c r="LFM654" s="613"/>
      <c r="LFN654" s="613"/>
      <c r="LFO654" s="613"/>
      <c r="LFP654" s="613"/>
      <c r="LFQ654" s="613"/>
      <c r="LFR654" s="613"/>
      <c r="LFS654" s="613"/>
      <c r="LFT654" s="613"/>
      <c r="LFU654" s="613"/>
      <c r="LFV654" s="613"/>
      <c r="LFW654" s="613"/>
      <c r="LFX654" s="613"/>
      <c r="LFY654" s="613"/>
      <c r="LFZ654" s="613"/>
      <c r="LGA654" s="613"/>
      <c r="LGB654" s="613"/>
      <c r="LGC654" s="613"/>
      <c r="LGD654" s="613"/>
      <c r="LGE654" s="613"/>
      <c r="LGF654" s="613"/>
      <c r="LGG654" s="613"/>
      <c r="LGH654" s="613"/>
      <c r="LGI654" s="613"/>
      <c r="LGJ654" s="613"/>
      <c r="LGK654" s="613"/>
      <c r="LGL654" s="613"/>
      <c r="LGM654" s="613"/>
      <c r="LGN654" s="613"/>
      <c r="LGO654" s="613"/>
      <c r="LGP654" s="613"/>
      <c r="LGQ654" s="613"/>
      <c r="LGR654" s="613"/>
      <c r="LGS654" s="613"/>
      <c r="LGT654" s="613"/>
      <c r="LGU654" s="613"/>
      <c r="LGV654" s="613"/>
      <c r="LGW654" s="613"/>
      <c r="LGX654" s="613"/>
      <c r="LGY654" s="613"/>
      <c r="LGZ654" s="613"/>
      <c r="LHA654" s="613"/>
      <c r="LHB654" s="613"/>
      <c r="LHC654" s="613"/>
      <c r="LHD654" s="613"/>
      <c r="LHE654" s="613"/>
      <c r="LHF654" s="613"/>
      <c r="LHG654" s="613"/>
      <c r="LHH654" s="613"/>
      <c r="LHI654" s="613"/>
      <c r="LHJ654" s="613"/>
      <c r="LHK654" s="613"/>
      <c r="LHL654" s="613"/>
      <c r="LHM654" s="613"/>
      <c r="LHN654" s="613"/>
      <c r="LHO654" s="613"/>
      <c r="LHP654" s="613"/>
      <c r="LHQ654" s="613"/>
      <c r="LHR654" s="613"/>
      <c r="LHS654" s="613"/>
      <c r="LHT654" s="613"/>
      <c r="LHU654" s="613"/>
      <c r="LHV654" s="613"/>
      <c r="LHW654" s="613"/>
      <c r="LHX654" s="613"/>
      <c r="LHY654" s="613"/>
      <c r="LHZ654" s="613"/>
      <c r="LIA654" s="613"/>
      <c r="LIB654" s="613"/>
      <c r="LIC654" s="613"/>
      <c r="LID654" s="613"/>
      <c r="LIE654" s="613"/>
      <c r="LIF654" s="613"/>
      <c r="LIG654" s="613"/>
      <c r="LIH654" s="613"/>
      <c r="LII654" s="613"/>
      <c r="LIJ654" s="613"/>
      <c r="LIK654" s="613"/>
      <c r="LIL654" s="613"/>
      <c r="LIM654" s="613"/>
      <c r="LIN654" s="613"/>
      <c r="LIO654" s="613"/>
      <c r="LIP654" s="613"/>
      <c r="LIQ654" s="613"/>
      <c r="LIR654" s="613"/>
      <c r="LIS654" s="613"/>
      <c r="LIT654" s="613"/>
      <c r="LIU654" s="613"/>
      <c r="LIV654" s="613"/>
      <c r="LIW654" s="613"/>
      <c r="LIX654" s="613"/>
      <c r="LIY654" s="613"/>
      <c r="LIZ654" s="613"/>
      <c r="LJA654" s="613"/>
      <c r="LJB654" s="613"/>
      <c r="LJC654" s="613"/>
      <c r="LJD654" s="613"/>
      <c r="LJE654" s="613"/>
      <c r="LJF654" s="613"/>
      <c r="LJG654" s="613"/>
      <c r="LJH654" s="613"/>
      <c r="LJI654" s="613"/>
      <c r="LJJ654" s="613"/>
      <c r="LJK654" s="613"/>
      <c r="LJL654" s="613"/>
      <c r="LJM654" s="613"/>
      <c r="LJN654" s="613"/>
      <c r="LJO654" s="613"/>
      <c r="LJP654" s="613"/>
      <c r="LJQ654" s="613"/>
      <c r="LJR654" s="613"/>
      <c r="LJS654" s="613"/>
      <c r="LJT654" s="613"/>
      <c r="LJU654" s="613"/>
      <c r="LJV654" s="613"/>
      <c r="LJW654" s="613"/>
      <c r="LJX654" s="613"/>
      <c r="LJY654" s="613"/>
      <c r="LJZ654" s="613"/>
      <c r="LKA654" s="613"/>
      <c r="LKB654" s="613"/>
      <c r="LKC654" s="613"/>
      <c r="LKD654" s="613"/>
      <c r="LKE654" s="613"/>
      <c r="LKF654" s="613"/>
      <c r="LKG654" s="613"/>
      <c r="LKH654" s="613"/>
      <c r="LKI654" s="613"/>
      <c r="LKJ654" s="613"/>
      <c r="LKK654" s="613"/>
      <c r="LKL654" s="613"/>
      <c r="LKM654" s="613"/>
      <c r="LKN654" s="613"/>
      <c r="LKO654" s="613"/>
      <c r="LKP654" s="613"/>
      <c r="LKQ654" s="613"/>
      <c r="LKR654" s="613"/>
      <c r="LKS654" s="613"/>
      <c r="LKT654" s="613"/>
      <c r="LKU654" s="613"/>
      <c r="LKV654" s="613"/>
      <c r="LKW654" s="613"/>
      <c r="LKX654" s="613"/>
      <c r="LKY654" s="613"/>
      <c r="LKZ654" s="613"/>
      <c r="LLA654" s="613"/>
      <c r="LLB654" s="613"/>
      <c r="LLC654" s="613"/>
      <c r="LLD654" s="613"/>
      <c r="LLE654" s="613"/>
      <c r="LLF654" s="613"/>
      <c r="LLG654" s="613"/>
      <c r="LLH654" s="613"/>
      <c r="LLI654" s="613"/>
      <c r="LLJ654" s="613"/>
      <c r="LLK654" s="613"/>
      <c r="LLL654" s="613"/>
      <c r="LLM654" s="613"/>
      <c r="LLN654" s="613"/>
      <c r="LLO654" s="613"/>
      <c r="LLP654" s="613"/>
      <c r="LLQ654" s="613"/>
      <c r="LLR654" s="613"/>
      <c r="LLS654" s="613"/>
      <c r="LLT654" s="613"/>
      <c r="LLU654" s="613"/>
      <c r="LLV654" s="613"/>
      <c r="LLW654" s="613"/>
      <c r="LLX654" s="613"/>
      <c r="LLY654" s="613"/>
      <c r="LLZ654" s="613"/>
      <c r="LMA654" s="613"/>
      <c r="LMB654" s="613"/>
      <c r="LMC654" s="613"/>
      <c r="LMD654" s="613"/>
      <c r="LME654" s="613"/>
      <c r="LMF654" s="613"/>
      <c r="LMG654" s="613"/>
      <c r="LMH654" s="613"/>
      <c r="LMI654" s="613"/>
      <c r="LMJ654" s="613"/>
      <c r="LMK654" s="613"/>
      <c r="LML654" s="613"/>
      <c r="LMM654" s="613"/>
      <c r="LMN654" s="613"/>
      <c r="LMO654" s="613"/>
      <c r="LMP654" s="613"/>
      <c r="LMQ654" s="613"/>
      <c r="LMR654" s="613"/>
      <c r="LMS654" s="613"/>
      <c r="LMT654" s="613"/>
      <c r="LMU654" s="613"/>
      <c r="LMV654" s="613"/>
      <c r="LMW654" s="613"/>
      <c r="LMX654" s="613"/>
      <c r="LMY654" s="613"/>
      <c r="LMZ654" s="613"/>
      <c r="LNA654" s="613"/>
      <c r="LNB654" s="613"/>
      <c r="LNC654" s="613"/>
      <c r="LND654" s="613"/>
      <c r="LNE654" s="613"/>
      <c r="LNF654" s="613"/>
      <c r="LNG654" s="613"/>
      <c r="LNH654" s="613"/>
      <c r="LNI654" s="613"/>
      <c r="LNJ654" s="613"/>
      <c r="LNK654" s="613"/>
      <c r="LNL654" s="613"/>
      <c r="LNM654" s="613"/>
      <c r="LNN654" s="613"/>
      <c r="LNO654" s="613"/>
      <c r="LNP654" s="613"/>
      <c r="LNQ654" s="613"/>
      <c r="LNR654" s="613"/>
      <c r="LNS654" s="613"/>
      <c r="LNT654" s="613"/>
      <c r="LNU654" s="613"/>
      <c r="LNV654" s="613"/>
      <c r="LNW654" s="613"/>
      <c r="LNX654" s="613"/>
      <c r="LNY654" s="613"/>
      <c r="LNZ654" s="613"/>
      <c r="LOA654" s="613"/>
      <c r="LOB654" s="613"/>
      <c r="LOC654" s="613"/>
      <c r="LOD654" s="613"/>
      <c r="LOE654" s="613"/>
      <c r="LOF654" s="613"/>
      <c r="LOG654" s="613"/>
      <c r="LOH654" s="613"/>
      <c r="LOI654" s="613"/>
      <c r="LOJ654" s="613"/>
      <c r="LOK654" s="613"/>
      <c r="LOL654" s="613"/>
      <c r="LOM654" s="613"/>
      <c r="LON654" s="613"/>
      <c r="LOO654" s="613"/>
      <c r="LOP654" s="613"/>
      <c r="LOQ654" s="613"/>
      <c r="LOR654" s="613"/>
      <c r="LOS654" s="613"/>
      <c r="LOT654" s="613"/>
      <c r="LOU654" s="613"/>
      <c r="LOV654" s="613"/>
      <c r="LOW654" s="613"/>
      <c r="LOX654" s="613"/>
      <c r="LOY654" s="613"/>
      <c r="LOZ654" s="613"/>
      <c r="LPA654" s="613"/>
      <c r="LPB654" s="613"/>
      <c r="LPC654" s="613"/>
      <c r="LPD654" s="613"/>
      <c r="LPE654" s="613"/>
      <c r="LPF654" s="613"/>
      <c r="LPG654" s="613"/>
      <c r="LPH654" s="613"/>
      <c r="LPI654" s="613"/>
      <c r="LPJ654" s="613"/>
      <c r="LPK654" s="613"/>
      <c r="LPL654" s="613"/>
      <c r="LPM654" s="613"/>
      <c r="LPN654" s="613"/>
      <c r="LPO654" s="613"/>
      <c r="LPP654" s="613"/>
      <c r="LPQ654" s="613"/>
      <c r="LPR654" s="613"/>
      <c r="LPS654" s="613"/>
      <c r="LPT654" s="613"/>
      <c r="LPU654" s="613"/>
      <c r="LPV654" s="613"/>
      <c r="LPW654" s="613"/>
      <c r="LPX654" s="613"/>
      <c r="LPY654" s="613"/>
      <c r="LPZ654" s="613"/>
      <c r="LQA654" s="613"/>
      <c r="LQB654" s="613"/>
      <c r="LQC654" s="613"/>
      <c r="LQD654" s="613"/>
      <c r="LQE654" s="613"/>
      <c r="LQF654" s="613"/>
      <c r="LQG654" s="613"/>
      <c r="LQH654" s="613"/>
      <c r="LQI654" s="613"/>
      <c r="LQJ654" s="613"/>
      <c r="LQK654" s="613"/>
      <c r="LQL654" s="613"/>
      <c r="LQM654" s="613"/>
      <c r="LQN654" s="613"/>
      <c r="LQO654" s="613"/>
      <c r="LQP654" s="613"/>
      <c r="LQQ654" s="613"/>
      <c r="LQR654" s="613"/>
      <c r="LQS654" s="613"/>
      <c r="LQT654" s="613"/>
      <c r="LQU654" s="613"/>
      <c r="LQV654" s="613"/>
      <c r="LQW654" s="613"/>
      <c r="LQX654" s="613"/>
      <c r="LQY654" s="613"/>
      <c r="LQZ654" s="613"/>
      <c r="LRA654" s="613"/>
      <c r="LRB654" s="613"/>
      <c r="LRC654" s="613"/>
      <c r="LRD654" s="613"/>
      <c r="LRE654" s="613"/>
      <c r="LRF654" s="613"/>
      <c r="LRG654" s="613"/>
      <c r="LRH654" s="613"/>
      <c r="LRI654" s="613"/>
      <c r="LRJ654" s="613"/>
      <c r="LRK654" s="613"/>
      <c r="LRL654" s="613"/>
      <c r="LRM654" s="613"/>
      <c r="LRN654" s="613"/>
      <c r="LRO654" s="613"/>
      <c r="LRP654" s="613"/>
      <c r="LRQ654" s="613"/>
      <c r="LRR654" s="613"/>
      <c r="LRS654" s="613"/>
      <c r="LRT654" s="613"/>
      <c r="LRU654" s="613"/>
      <c r="LRV654" s="613"/>
      <c r="LRW654" s="613"/>
      <c r="LRX654" s="613"/>
      <c r="LRY654" s="613"/>
      <c r="LRZ654" s="613"/>
      <c r="LSA654" s="613"/>
      <c r="LSB654" s="613"/>
      <c r="LSC654" s="613"/>
      <c r="LSD654" s="613"/>
      <c r="LSE654" s="613"/>
      <c r="LSF654" s="613"/>
      <c r="LSG654" s="613"/>
      <c r="LSH654" s="613"/>
      <c r="LSI654" s="613"/>
      <c r="LSJ654" s="613"/>
      <c r="LSK654" s="613"/>
      <c r="LSL654" s="613"/>
      <c r="LSM654" s="613"/>
      <c r="LSN654" s="613"/>
      <c r="LSO654" s="613"/>
      <c r="LSP654" s="613"/>
      <c r="LSQ654" s="613"/>
      <c r="LSR654" s="613"/>
      <c r="LSS654" s="613"/>
      <c r="LST654" s="613"/>
      <c r="LSU654" s="613"/>
      <c r="LSV654" s="613"/>
      <c r="LSW654" s="613"/>
      <c r="LSX654" s="613"/>
      <c r="LSY654" s="613"/>
      <c r="LSZ654" s="613"/>
      <c r="LTA654" s="613"/>
      <c r="LTB654" s="613"/>
      <c r="LTC654" s="613"/>
      <c r="LTD654" s="613"/>
      <c r="LTE654" s="613"/>
      <c r="LTF654" s="613"/>
      <c r="LTG654" s="613"/>
      <c r="LTH654" s="613"/>
      <c r="LTI654" s="613"/>
      <c r="LTJ654" s="613"/>
      <c r="LTK654" s="613"/>
      <c r="LTL654" s="613"/>
      <c r="LTM654" s="613"/>
      <c r="LTN654" s="613"/>
      <c r="LTO654" s="613"/>
      <c r="LTP654" s="613"/>
      <c r="LTQ654" s="613"/>
      <c r="LTR654" s="613"/>
      <c r="LTS654" s="613"/>
      <c r="LTT654" s="613"/>
      <c r="LTU654" s="613"/>
      <c r="LTV654" s="613"/>
      <c r="LTW654" s="613"/>
      <c r="LTX654" s="613"/>
      <c r="LTY654" s="613"/>
      <c r="LTZ654" s="613"/>
      <c r="LUA654" s="613"/>
      <c r="LUB654" s="613"/>
      <c r="LUC654" s="613"/>
      <c r="LUD654" s="613"/>
      <c r="LUE654" s="613"/>
      <c r="LUF654" s="613"/>
      <c r="LUG654" s="613"/>
      <c r="LUH654" s="613"/>
      <c r="LUI654" s="613"/>
      <c r="LUJ654" s="613"/>
      <c r="LUK654" s="613"/>
      <c r="LUL654" s="613"/>
      <c r="LUM654" s="613"/>
      <c r="LUN654" s="613"/>
      <c r="LUO654" s="613"/>
      <c r="LUP654" s="613"/>
      <c r="LUQ654" s="613"/>
      <c r="LUR654" s="613"/>
      <c r="LUS654" s="613"/>
      <c r="LUT654" s="613"/>
      <c r="LUU654" s="613"/>
      <c r="LUV654" s="613"/>
      <c r="LUW654" s="613"/>
      <c r="LUX654" s="613"/>
      <c r="LUY654" s="613"/>
      <c r="LUZ654" s="613"/>
      <c r="LVA654" s="613"/>
      <c r="LVB654" s="613"/>
      <c r="LVC654" s="613"/>
      <c r="LVD654" s="613"/>
      <c r="LVE654" s="613"/>
      <c r="LVF654" s="613"/>
      <c r="LVG654" s="613"/>
      <c r="LVH654" s="613"/>
      <c r="LVI654" s="613"/>
      <c r="LVJ654" s="613"/>
      <c r="LVK654" s="613"/>
      <c r="LVL654" s="613"/>
      <c r="LVM654" s="613"/>
      <c r="LVN654" s="613"/>
      <c r="LVO654" s="613"/>
      <c r="LVP654" s="613"/>
      <c r="LVQ654" s="613"/>
      <c r="LVR654" s="613"/>
      <c r="LVS654" s="613"/>
      <c r="LVT654" s="613"/>
      <c r="LVU654" s="613"/>
      <c r="LVV654" s="613"/>
      <c r="LVW654" s="613"/>
      <c r="LVX654" s="613"/>
      <c r="LVY654" s="613"/>
      <c r="LVZ654" s="613"/>
      <c r="LWA654" s="613"/>
      <c r="LWB654" s="613"/>
      <c r="LWC654" s="613"/>
      <c r="LWD654" s="613"/>
      <c r="LWE654" s="613"/>
      <c r="LWF654" s="613"/>
      <c r="LWG654" s="613"/>
      <c r="LWH654" s="613"/>
      <c r="LWI654" s="613"/>
      <c r="LWJ654" s="613"/>
      <c r="LWK654" s="613"/>
      <c r="LWL654" s="613"/>
      <c r="LWM654" s="613"/>
      <c r="LWN654" s="613"/>
      <c r="LWO654" s="613"/>
      <c r="LWP654" s="613"/>
      <c r="LWQ654" s="613"/>
      <c r="LWR654" s="613"/>
      <c r="LWS654" s="613"/>
      <c r="LWT654" s="613"/>
      <c r="LWU654" s="613"/>
      <c r="LWV654" s="613"/>
      <c r="LWW654" s="613"/>
      <c r="LWX654" s="613"/>
      <c r="LWY654" s="613"/>
      <c r="LWZ654" s="613"/>
      <c r="LXA654" s="613"/>
      <c r="LXB654" s="613"/>
      <c r="LXC654" s="613"/>
      <c r="LXD654" s="613"/>
      <c r="LXE654" s="613"/>
      <c r="LXF654" s="613"/>
      <c r="LXG654" s="613"/>
      <c r="LXH654" s="613"/>
      <c r="LXI654" s="613"/>
      <c r="LXJ654" s="613"/>
      <c r="LXK654" s="613"/>
      <c r="LXL654" s="613"/>
      <c r="LXM654" s="613"/>
      <c r="LXN654" s="613"/>
      <c r="LXO654" s="613"/>
      <c r="LXP654" s="613"/>
      <c r="LXQ654" s="613"/>
      <c r="LXR654" s="613"/>
      <c r="LXS654" s="613"/>
      <c r="LXT654" s="613"/>
      <c r="LXU654" s="613"/>
      <c r="LXV654" s="613"/>
      <c r="LXW654" s="613"/>
      <c r="LXX654" s="613"/>
      <c r="LXY654" s="613"/>
      <c r="LXZ654" s="613"/>
      <c r="LYA654" s="613"/>
      <c r="LYB654" s="613"/>
      <c r="LYC654" s="613"/>
      <c r="LYD654" s="613"/>
      <c r="LYE654" s="613"/>
      <c r="LYF654" s="613"/>
      <c r="LYG654" s="613"/>
      <c r="LYH654" s="613"/>
      <c r="LYI654" s="613"/>
      <c r="LYJ654" s="613"/>
      <c r="LYK654" s="613"/>
      <c r="LYL654" s="613"/>
      <c r="LYM654" s="613"/>
      <c r="LYN654" s="613"/>
      <c r="LYO654" s="613"/>
      <c r="LYP654" s="613"/>
      <c r="LYQ654" s="613"/>
      <c r="LYR654" s="613"/>
      <c r="LYS654" s="613"/>
      <c r="LYT654" s="613"/>
      <c r="LYU654" s="613"/>
      <c r="LYV654" s="613"/>
      <c r="LYW654" s="613"/>
      <c r="LYX654" s="613"/>
      <c r="LYY654" s="613"/>
      <c r="LYZ654" s="613"/>
      <c r="LZA654" s="613"/>
      <c r="LZB654" s="613"/>
      <c r="LZC654" s="613"/>
      <c r="LZD654" s="613"/>
      <c r="LZE654" s="613"/>
      <c r="LZF654" s="613"/>
      <c r="LZG654" s="613"/>
      <c r="LZH654" s="613"/>
      <c r="LZI654" s="613"/>
      <c r="LZJ654" s="613"/>
      <c r="LZK654" s="613"/>
      <c r="LZL654" s="613"/>
      <c r="LZM654" s="613"/>
      <c r="LZN654" s="613"/>
      <c r="LZO654" s="613"/>
      <c r="LZP654" s="613"/>
      <c r="LZQ654" s="613"/>
      <c r="LZR654" s="613"/>
      <c r="LZS654" s="613"/>
      <c r="LZT654" s="613"/>
      <c r="LZU654" s="613"/>
      <c r="LZV654" s="613"/>
      <c r="LZW654" s="613"/>
      <c r="LZX654" s="613"/>
      <c r="LZY654" s="613"/>
      <c r="LZZ654" s="613"/>
      <c r="MAA654" s="613"/>
      <c r="MAB654" s="613"/>
      <c r="MAC654" s="613"/>
      <c r="MAD654" s="613"/>
      <c r="MAE654" s="613"/>
      <c r="MAF654" s="613"/>
      <c r="MAG654" s="613"/>
      <c r="MAH654" s="613"/>
      <c r="MAI654" s="613"/>
      <c r="MAJ654" s="613"/>
      <c r="MAK654" s="613"/>
      <c r="MAL654" s="613"/>
      <c r="MAM654" s="613"/>
      <c r="MAN654" s="613"/>
      <c r="MAO654" s="613"/>
      <c r="MAP654" s="613"/>
      <c r="MAQ654" s="613"/>
      <c r="MAR654" s="613"/>
      <c r="MAS654" s="613"/>
      <c r="MAT654" s="613"/>
      <c r="MAU654" s="613"/>
      <c r="MAV654" s="613"/>
      <c r="MAW654" s="613"/>
      <c r="MAX654" s="613"/>
      <c r="MAY654" s="613"/>
      <c r="MAZ654" s="613"/>
      <c r="MBA654" s="613"/>
      <c r="MBB654" s="613"/>
      <c r="MBC654" s="613"/>
      <c r="MBD654" s="613"/>
      <c r="MBE654" s="613"/>
      <c r="MBF654" s="613"/>
      <c r="MBG654" s="613"/>
      <c r="MBH654" s="613"/>
      <c r="MBI654" s="613"/>
      <c r="MBJ654" s="613"/>
      <c r="MBK654" s="613"/>
      <c r="MBL654" s="613"/>
      <c r="MBM654" s="613"/>
      <c r="MBN654" s="613"/>
      <c r="MBO654" s="613"/>
      <c r="MBP654" s="613"/>
      <c r="MBQ654" s="613"/>
      <c r="MBR654" s="613"/>
      <c r="MBS654" s="613"/>
      <c r="MBT654" s="613"/>
      <c r="MBU654" s="613"/>
      <c r="MBV654" s="613"/>
      <c r="MBW654" s="613"/>
      <c r="MBX654" s="613"/>
      <c r="MBY654" s="613"/>
      <c r="MBZ654" s="613"/>
      <c r="MCA654" s="613"/>
      <c r="MCB654" s="613"/>
      <c r="MCC654" s="613"/>
      <c r="MCD654" s="613"/>
      <c r="MCE654" s="613"/>
      <c r="MCF654" s="613"/>
      <c r="MCG654" s="613"/>
      <c r="MCH654" s="613"/>
      <c r="MCI654" s="613"/>
      <c r="MCJ654" s="613"/>
      <c r="MCK654" s="613"/>
      <c r="MCL654" s="613"/>
      <c r="MCM654" s="613"/>
      <c r="MCN654" s="613"/>
      <c r="MCO654" s="613"/>
      <c r="MCP654" s="613"/>
      <c r="MCQ654" s="613"/>
      <c r="MCR654" s="613"/>
      <c r="MCS654" s="613"/>
      <c r="MCT654" s="613"/>
      <c r="MCU654" s="613"/>
      <c r="MCV654" s="613"/>
      <c r="MCW654" s="613"/>
      <c r="MCX654" s="613"/>
      <c r="MCY654" s="613"/>
      <c r="MCZ654" s="613"/>
      <c r="MDA654" s="613"/>
      <c r="MDB654" s="613"/>
      <c r="MDC654" s="613"/>
      <c r="MDD654" s="613"/>
      <c r="MDE654" s="613"/>
      <c r="MDF654" s="613"/>
      <c r="MDG654" s="613"/>
      <c r="MDH654" s="613"/>
      <c r="MDI654" s="613"/>
      <c r="MDJ654" s="613"/>
      <c r="MDK654" s="613"/>
      <c r="MDL654" s="613"/>
      <c r="MDM654" s="613"/>
      <c r="MDN654" s="613"/>
      <c r="MDO654" s="613"/>
      <c r="MDP654" s="613"/>
      <c r="MDQ654" s="613"/>
      <c r="MDR654" s="613"/>
      <c r="MDS654" s="613"/>
      <c r="MDT654" s="613"/>
      <c r="MDU654" s="613"/>
      <c r="MDV654" s="613"/>
      <c r="MDW654" s="613"/>
      <c r="MDX654" s="613"/>
      <c r="MDY654" s="613"/>
      <c r="MDZ654" s="613"/>
      <c r="MEA654" s="613"/>
      <c r="MEB654" s="613"/>
      <c r="MEC654" s="613"/>
      <c r="MED654" s="613"/>
      <c r="MEE654" s="613"/>
      <c r="MEF654" s="613"/>
      <c r="MEG654" s="613"/>
      <c r="MEH654" s="613"/>
      <c r="MEI654" s="613"/>
      <c r="MEJ654" s="613"/>
      <c r="MEK654" s="613"/>
      <c r="MEL654" s="613"/>
      <c r="MEM654" s="613"/>
      <c r="MEN654" s="613"/>
      <c r="MEO654" s="613"/>
      <c r="MEP654" s="613"/>
      <c r="MEQ654" s="613"/>
      <c r="MER654" s="613"/>
      <c r="MES654" s="613"/>
      <c r="MET654" s="613"/>
      <c r="MEU654" s="613"/>
      <c r="MEV654" s="613"/>
      <c r="MEW654" s="613"/>
      <c r="MEX654" s="613"/>
      <c r="MEY654" s="613"/>
      <c r="MEZ654" s="613"/>
      <c r="MFA654" s="613"/>
      <c r="MFB654" s="613"/>
      <c r="MFC654" s="613"/>
      <c r="MFD654" s="613"/>
      <c r="MFE654" s="613"/>
      <c r="MFF654" s="613"/>
      <c r="MFG654" s="613"/>
      <c r="MFH654" s="613"/>
      <c r="MFI654" s="613"/>
      <c r="MFJ654" s="613"/>
      <c r="MFK654" s="613"/>
      <c r="MFL654" s="613"/>
      <c r="MFM654" s="613"/>
      <c r="MFN654" s="613"/>
      <c r="MFO654" s="613"/>
      <c r="MFP654" s="613"/>
      <c r="MFQ654" s="613"/>
      <c r="MFR654" s="613"/>
      <c r="MFS654" s="613"/>
      <c r="MFT654" s="613"/>
      <c r="MFU654" s="613"/>
      <c r="MFV654" s="613"/>
      <c r="MFW654" s="613"/>
      <c r="MFX654" s="613"/>
      <c r="MFY654" s="613"/>
      <c r="MFZ654" s="613"/>
      <c r="MGA654" s="613"/>
      <c r="MGB654" s="613"/>
      <c r="MGC654" s="613"/>
      <c r="MGD654" s="613"/>
      <c r="MGE654" s="613"/>
      <c r="MGF654" s="613"/>
      <c r="MGG654" s="613"/>
      <c r="MGH654" s="613"/>
      <c r="MGI654" s="613"/>
      <c r="MGJ654" s="613"/>
      <c r="MGK654" s="613"/>
      <c r="MGL654" s="613"/>
      <c r="MGM654" s="613"/>
      <c r="MGN654" s="613"/>
      <c r="MGO654" s="613"/>
      <c r="MGP654" s="613"/>
      <c r="MGQ654" s="613"/>
      <c r="MGR654" s="613"/>
      <c r="MGS654" s="613"/>
      <c r="MGT654" s="613"/>
      <c r="MGU654" s="613"/>
      <c r="MGV654" s="613"/>
      <c r="MGW654" s="613"/>
      <c r="MGX654" s="613"/>
      <c r="MGY654" s="613"/>
      <c r="MGZ654" s="613"/>
      <c r="MHA654" s="613"/>
      <c r="MHB654" s="613"/>
      <c r="MHC654" s="613"/>
      <c r="MHD654" s="613"/>
      <c r="MHE654" s="613"/>
      <c r="MHF654" s="613"/>
      <c r="MHG654" s="613"/>
      <c r="MHH654" s="613"/>
      <c r="MHI654" s="613"/>
      <c r="MHJ654" s="613"/>
      <c r="MHK654" s="613"/>
      <c r="MHL654" s="613"/>
      <c r="MHM654" s="613"/>
      <c r="MHN654" s="613"/>
      <c r="MHO654" s="613"/>
      <c r="MHP654" s="613"/>
      <c r="MHQ654" s="613"/>
      <c r="MHR654" s="613"/>
      <c r="MHS654" s="613"/>
      <c r="MHT654" s="613"/>
      <c r="MHU654" s="613"/>
      <c r="MHV654" s="613"/>
      <c r="MHW654" s="613"/>
      <c r="MHX654" s="613"/>
      <c r="MHY654" s="613"/>
      <c r="MHZ654" s="613"/>
      <c r="MIA654" s="613"/>
      <c r="MIB654" s="613"/>
      <c r="MIC654" s="613"/>
      <c r="MID654" s="613"/>
      <c r="MIE654" s="613"/>
      <c r="MIF654" s="613"/>
      <c r="MIG654" s="613"/>
      <c r="MIH654" s="613"/>
      <c r="MII654" s="613"/>
      <c r="MIJ654" s="613"/>
      <c r="MIK654" s="613"/>
      <c r="MIL654" s="613"/>
      <c r="MIM654" s="613"/>
      <c r="MIN654" s="613"/>
      <c r="MIO654" s="613"/>
      <c r="MIP654" s="613"/>
      <c r="MIQ654" s="613"/>
      <c r="MIR654" s="613"/>
      <c r="MIS654" s="613"/>
      <c r="MIT654" s="613"/>
      <c r="MIU654" s="613"/>
      <c r="MIV654" s="613"/>
      <c r="MIW654" s="613"/>
      <c r="MIX654" s="613"/>
      <c r="MIY654" s="613"/>
      <c r="MIZ654" s="613"/>
      <c r="MJA654" s="613"/>
      <c r="MJB654" s="613"/>
      <c r="MJC654" s="613"/>
      <c r="MJD654" s="613"/>
      <c r="MJE654" s="613"/>
      <c r="MJF654" s="613"/>
      <c r="MJG654" s="613"/>
      <c r="MJH654" s="613"/>
      <c r="MJI654" s="613"/>
      <c r="MJJ654" s="613"/>
      <c r="MJK654" s="613"/>
      <c r="MJL654" s="613"/>
      <c r="MJM654" s="613"/>
      <c r="MJN654" s="613"/>
      <c r="MJO654" s="613"/>
      <c r="MJP654" s="613"/>
      <c r="MJQ654" s="613"/>
      <c r="MJR654" s="613"/>
      <c r="MJS654" s="613"/>
      <c r="MJT654" s="613"/>
      <c r="MJU654" s="613"/>
      <c r="MJV654" s="613"/>
      <c r="MJW654" s="613"/>
      <c r="MJX654" s="613"/>
      <c r="MJY654" s="613"/>
      <c r="MJZ654" s="613"/>
      <c r="MKA654" s="613"/>
      <c r="MKB654" s="613"/>
      <c r="MKC654" s="613"/>
      <c r="MKD654" s="613"/>
      <c r="MKE654" s="613"/>
      <c r="MKF654" s="613"/>
      <c r="MKG654" s="613"/>
      <c r="MKH654" s="613"/>
      <c r="MKI654" s="613"/>
      <c r="MKJ654" s="613"/>
      <c r="MKK654" s="613"/>
      <c r="MKL654" s="613"/>
      <c r="MKM654" s="613"/>
      <c r="MKN654" s="613"/>
      <c r="MKO654" s="613"/>
      <c r="MKP654" s="613"/>
      <c r="MKQ654" s="613"/>
      <c r="MKR654" s="613"/>
      <c r="MKS654" s="613"/>
      <c r="MKT654" s="613"/>
      <c r="MKU654" s="613"/>
      <c r="MKV654" s="613"/>
      <c r="MKW654" s="613"/>
      <c r="MKX654" s="613"/>
      <c r="MKY654" s="613"/>
      <c r="MKZ654" s="613"/>
      <c r="MLA654" s="613"/>
      <c r="MLB654" s="613"/>
      <c r="MLC654" s="613"/>
      <c r="MLD654" s="613"/>
      <c r="MLE654" s="613"/>
      <c r="MLF654" s="613"/>
      <c r="MLG654" s="613"/>
      <c r="MLH654" s="613"/>
      <c r="MLI654" s="613"/>
      <c r="MLJ654" s="613"/>
      <c r="MLK654" s="613"/>
      <c r="MLL654" s="613"/>
      <c r="MLM654" s="613"/>
      <c r="MLN654" s="613"/>
      <c r="MLO654" s="613"/>
      <c r="MLP654" s="613"/>
      <c r="MLQ654" s="613"/>
      <c r="MLR654" s="613"/>
      <c r="MLS654" s="613"/>
      <c r="MLT654" s="613"/>
      <c r="MLU654" s="613"/>
      <c r="MLV654" s="613"/>
      <c r="MLW654" s="613"/>
      <c r="MLX654" s="613"/>
      <c r="MLY654" s="613"/>
      <c r="MLZ654" s="613"/>
      <c r="MMA654" s="613"/>
      <c r="MMB654" s="613"/>
      <c r="MMC654" s="613"/>
      <c r="MMD654" s="613"/>
      <c r="MME654" s="613"/>
      <c r="MMF654" s="613"/>
      <c r="MMG654" s="613"/>
      <c r="MMH654" s="613"/>
      <c r="MMI654" s="613"/>
      <c r="MMJ654" s="613"/>
      <c r="MMK654" s="613"/>
      <c r="MML654" s="613"/>
      <c r="MMM654" s="613"/>
      <c r="MMN654" s="613"/>
      <c r="MMO654" s="613"/>
      <c r="MMP654" s="613"/>
      <c r="MMQ654" s="613"/>
      <c r="MMR654" s="613"/>
      <c r="MMS654" s="613"/>
      <c r="MMT654" s="613"/>
      <c r="MMU654" s="613"/>
      <c r="MMV654" s="613"/>
      <c r="MMW654" s="613"/>
      <c r="MMX654" s="613"/>
      <c r="MMY654" s="613"/>
      <c r="MMZ654" s="613"/>
      <c r="MNA654" s="613"/>
      <c r="MNB654" s="613"/>
      <c r="MNC654" s="613"/>
      <c r="MND654" s="613"/>
      <c r="MNE654" s="613"/>
      <c r="MNF654" s="613"/>
      <c r="MNG654" s="613"/>
      <c r="MNH654" s="613"/>
      <c r="MNI654" s="613"/>
      <c r="MNJ654" s="613"/>
      <c r="MNK654" s="613"/>
      <c r="MNL654" s="613"/>
      <c r="MNM654" s="613"/>
      <c r="MNN654" s="613"/>
      <c r="MNO654" s="613"/>
      <c r="MNP654" s="613"/>
      <c r="MNQ654" s="613"/>
      <c r="MNR654" s="613"/>
      <c r="MNS654" s="613"/>
      <c r="MNT654" s="613"/>
      <c r="MNU654" s="613"/>
      <c r="MNV654" s="613"/>
      <c r="MNW654" s="613"/>
      <c r="MNX654" s="613"/>
      <c r="MNY654" s="613"/>
      <c r="MNZ654" s="613"/>
      <c r="MOA654" s="613"/>
      <c r="MOB654" s="613"/>
      <c r="MOC654" s="613"/>
      <c r="MOD654" s="613"/>
      <c r="MOE654" s="613"/>
      <c r="MOF654" s="613"/>
      <c r="MOG654" s="613"/>
      <c r="MOH654" s="613"/>
      <c r="MOI654" s="613"/>
      <c r="MOJ654" s="613"/>
      <c r="MOK654" s="613"/>
      <c r="MOL654" s="613"/>
      <c r="MOM654" s="613"/>
      <c r="MON654" s="613"/>
      <c r="MOO654" s="613"/>
      <c r="MOP654" s="613"/>
      <c r="MOQ654" s="613"/>
      <c r="MOR654" s="613"/>
      <c r="MOS654" s="613"/>
      <c r="MOT654" s="613"/>
      <c r="MOU654" s="613"/>
      <c r="MOV654" s="613"/>
      <c r="MOW654" s="613"/>
      <c r="MOX654" s="613"/>
      <c r="MOY654" s="613"/>
      <c r="MOZ654" s="613"/>
      <c r="MPA654" s="613"/>
      <c r="MPB654" s="613"/>
      <c r="MPC654" s="613"/>
      <c r="MPD654" s="613"/>
      <c r="MPE654" s="613"/>
      <c r="MPF654" s="613"/>
      <c r="MPG654" s="613"/>
      <c r="MPH654" s="613"/>
      <c r="MPI654" s="613"/>
      <c r="MPJ654" s="613"/>
      <c r="MPK654" s="613"/>
      <c r="MPL654" s="613"/>
      <c r="MPM654" s="613"/>
      <c r="MPN654" s="613"/>
      <c r="MPO654" s="613"/>
      <c r="MPP654" s="613"/>
      <c r="MPQ654" s="613"/>
      <c r="MPR654" s="613"/>
      <c r="MPS654" s="613"/>
      <c r="MPT654" s="613"/>
      <c r="MPU654" s="613"/>
      <c r="MPV654" s="613"/>
      <c r="MPW654" s="613"/>
      <c r="MPX654" s="613"/>
      <c r="MPY654" s="613"/>
      <c r="MPZ654" s="613"/>
      <c r="MQA654" s="613"/>
      <c r="MQB654" s="613"/>
      <c r="MQC654" s="613"/>
      <c r="MQD654" s="613"/>
      <c r="MQE654" s="613"/>
      <c r="MQF654" s="613"/>
      <c r="MQG654" s="613"/>
      <c r="MQH654" s="613"/>
      <c r="MQI654" s="613"/>
      <c r="MQJ654" s="613"/>
      <c r="MQK654" s="613"/>
      <c r="MQL654" s="613"/>
      <c r="MQM654" s="613"/>
      <c r="MQN654" s="613"/>
      <c r="MQO654" s="613"/>
      <c r="MQP654" s="613"/>
      <c r="MQQ654" s="613"/>
      <c r="MQR654" s="613"/>
      <c r="MQS654" s="613"/>
      <c r="MQT654" s="613"/>
      <c r="MQU654" s="613"/>
      <c r="MQV654" s="613"/>
      <c r="MQW654" s="613"/>
      <c r="MQX654" s="613"/>
      <c r="MQY654" s="613"/>
      <c r="MQZ654" s="613"/>
      <c r="MRA654" s="613"/>
      <c r="MRB654" s="613"/>
      <c r="MRC654" s="613"/>
      <c r="MRD654" s="613"/>
      <c r="MRE654" s="613"/>
      <c r="MRF654" s="613"/>
      <c r="MRG654" s="613"/>
      <c r="MRH654" s="613"/>
      <c r="MRI654" s="613"/>
      <c r="MRJ654" s="613"/>
      <c r="MRK654" s="613"/>
      <c r="MRL654" s="613"/>
      <c r="MRM654" s="613"/>
      <c r="MRN654" s="613"/>
      <c r="MRO654" s="613"/>
      <c r="MRP654" s="613"/>
      <c r="MRQ654" s="613"/>
      <c r="MRR654" s="613"/>
      <c r="MRS654" s="613"/>
      <c r="MRT654" s="613"/>
      <c r="MRU654" s="613"/>
      <c r="MRV654" s="613"/>
      <c r="MRW654" s="613"/>
      <c r="MRX654" s="613"/>
      <c r="MRY654" s="613"/>
      <c r="MRZ654" s="613"/>
      <c r="MSA654" s="613"/>
      <c r="MSB654" s="613"/>
      <c r="MSC654" s="613"/>
      <c r="MSD654" s="613"/>
      <c r="MSE654" s="613"/>
      <c r="MSF654" s="613"/>
      <c r="MSG654" s="613"/>
      <c r="MSH654" s="613"/>
      <c r="MSI654" s="613"/>
      <c r="MSJ654" s="613"/>
      <c r="MSK654" s="613"/>
      <c r="MSL654" s="613"/>
      <c r="MSM654" s="613"/>
      <c r="MSN654" s="613"/>
      <c r="MSO654" s="613"/>
      <c r="MSP654" s="613"/>
      <c r="MSQ654" s="613"/>
      <c r="MSR654" s="613"/>
      <c r="MSS654" s="613"/>
      <c r="MST654" s="613"/>
      <c r="MSU654" s="613"/>
      <c r="MSV654" s="613"/>
      <c r="MSW654" s="613"/>
      <c r="MSX654" s="613"/>
      <c r="MSY654" s="613"/>
      <c r="MSZ654" s="613"/>
      <c r="MTA654" s="613"/>
      <c r="MTB654" s="613"/>
      <c r="MTC654" s="613"/>
      <c r="MTD654" s="613"/>
      <c r="MTE654" s="613"/>
      <c r="MTF654" s="613"/>
      <c r="MTG654" s="613"/>
      <c r="MTH654" s="613"/>
      <c r="MTI654" s="613"/>
      <c r="MTJ654" s="613"/>
      <c r="MTK654" s="613"/>
      <c r="MTL654" s="613"/>
      <c r="MTM654" s="613"/>
      <c r="MTN654" s="613"/>
      <c r="MTO654" s="613"/>
      <c r="MTP654" s="613"/>
      <c r="MTQ654" s="613"/>
      <c r="MTR654" s="613"/>
      <c r="MTS654" s="613"/>
      <c r="MTT654" s="613"/>
      <c r="MTU654" s="613"/>
      <c r="MTV654" s="613"/>
      <c r="MTW654" s="613"/>
      <c r="MTX654" s="613"/>
      <c r="MTY654" s="613"/>
      <c r="MTZ654" s="613"/>
      <c r="MUA654" s="613"/>
      <c r="MUB654" s="613"/>
      <c r="MUC654" s="613"/>
      <c r="MUD654" s="613"/>
      <c r="MUE654" s="613"/>
      <c r="MUF654" s="613"/>
      <c r="MUG654" s="613"/>
      <c r="MUH654" s="613"/>
      <c r="MUI654" s="613"/>
      <c r="MUJ654" s="613"/>
      <c r="MUK654" s="613"/>
      <c r="MUL654" s="613"/>
      <c r="MUM654" s="613"/>
      <c r="MUN654" s="613"/>
      <c r="MUO654" s="613"/>
      <c r="MUP654" s="613"/>
      <c r="MUQ654" s="613"/>
      <c r="MUR654" s="613"/>
      <c r="MUS654" s="613"/>
      <c r="MUT654" s="613"/>
      <c r="MUU654" s="613"/>
      <c r="MUV654" s="613"/>
      <c r="MUW654" s="613"/>
      <c r="MUX654" s="613"/>
      <c r="MUY654" s="613"/>
      <c r="MUZ654" s="613"/>
      <c r="MVA654" s="613"/>
      <c r="MVB654" s="613"/>
      <c r="MVC654" s="613"/>
      <c r="MVD654" s="613"/>
      <c r="MVE654" s="613"/>
      <c r="MVF654" s="613"/>
      <c r="MVG654" s="613"/>
      <c r="MVH654" s="613"/>
      <c r="MVI654" s="613"/>
      <c r="MVJ654" s="613"/>
      <c r="MVK654" s="613"/>
      <c r="MVL654" s="613"/>
      <c r="MVM654" s="613"/>
      <c r="MVN654" s="613"/>
      <c r="MVO654" s="613"/>
      <c r="MVP654" s="613"/>
      <c r="MVQ654" s="613"/>
      <c r="MVR654" s="613"/>
      <c r="MVS654" s="613"/>
      <c r="MVT654" s="613"/>
      <c r="MVU654" s="613"/>
      <c r="MVV654" s="613"/>
      <c r="MVW654" s="613"/>
      <c r="MVX654" s="613"/>
      <c r="MVY654" s="613"/>
      <c r="MVZ654" s="613"/>
      <c r="MWA654" s="613"/>
      <c r="MWB654" s="613"/>
      <c r="MWC654" s="613"/>
      <c r="MWD654" s="613"/>
      <c r="MWE654" s="613"/>
      <c r="MWF654" s="613"/>
      <c r="MWG654" s="613"/>
      <c r="MWH654" s="613"/>
      <c r="MWI654" s="613"/>
      <c r="MWJ654" s="613"/>
      <c r="MWK654" s="613"/>
      <c r="MWL654" s="613"/>
      <c r="MWM654" s="613"/>
      <c r="MWN654" s="613"/>
      <c r="MWO654" s="613"/>
      <c r="MWP654" s="613"/>
      <c r="MWQ654" s="613"/>
      <c r="MWR654" s="613"/>
      <c r="MWS654" s="613"/>
      <c r="MWT654" s="613"/>
      <c r="MWU654" s="613"/>
      <c r="MWV654" s="613"/>
      <c r="MWW654" s="613"/>
      <c r="MWX654" s="613"/>
      <c r="MWY654" s="613"/>
      <c r="MWZ654" s="613"/>
      <c r="MXA654" s="613"/>
      <c r="MXB654" s="613"/>
      <c r="MXC654" s="613"/>
      <c r="MXD654" s="613"/>
      <c r="MXE654" s="613"/>
      <c r="MXF654" s="613"/>
      <c r="MXG654" s="613"/>
      <c r="MXH654" s="613"/>
      <c r="MXI654" s="613"/>
      <c r="MXJ654" s="613"/>
      <c r="MXK654" s="613"/>
      <c r="MXL654" s="613"/>
      <c r="MXM654" s="613"/>
      <c r="MXN654" s="613"/>
      <c r="MXO654" s="613"/>
      <c r="MXP654" s="613"/>
      <c r="MXQ654" s="613"/>
      <c r="MXR654" s="613"/>
      <c r="MXS654" s="613"/>
      <c r="MXT654" s="613"/>
      <c r="MXU654" s="613"/>
      <c r="MXV654" s="613"/>
      <c r="MXW654" s="613"/>
      <c r="MXX654" s="613"/>
      <c r="MXY654" s="613"/>
      <c r="MXZ654" s="613"/>
      <c r="MYA654" s="613"/>
      <c r="MYB654" s="613"/>
      <c r="MYC654" s="613"/>
      <c r="MYD654" s="613"/>
      <c r="MYE654" s="613"/>
      <c r="MYF654" s="613"/>
      <c r="MYG654" s="613"/>
      <c r="MYH654" s="613"/>
      <c r="MYI654" s="613"/>
      <c r="MYJ654" s="613"/>
      <c r="MYK654" s="613"/>
      <c r="MYL654" s="613"/>
      <c r="MYM654" s="613"/>
      <c r="MYN654" s="613"/>
      <c r="MYO654" s="613"/>
      <c r="MYP654" s="613"/>
      <c r="MYQ654" s="613"/>
      <c r="MYR654" s="613"/>
      <c r="MYS654" s="613"/>
      <c r="MYT654" s="613"/>
      <c r="MYU654" s="613"/>
      <c r="MYV654" s="613"/>
      <c r="MYW654" s="613"/>
      <c r="MYX654" s="613"/>
      <c r="MYY654" s="613"/>
      <c r="MYZ654" s="613"/>
      <c r="MZA654" s="613"/>
      <c r="MZB654" s="613"/>
      <c r="MZC654" s="613"/>
      <c r="MZD654" s="613"/>
      <c r="MZE654" s="613"/>
      <c r="MZF654" s="613"/>
      <c r="MZG654" s="613"/>
      <c r="MZH654" s="613"/>
      <c r="MZI654" s="613"/>
      <c r="MZJ654" s="613"/>
      <c r="MZK654" s="613"/>
      <c r="MZL654" s="613"/>
      <c r="MZM654" s="613"/>
      <c r="MZN654" s="613"/>
      <c r="MZO654" s="613"/>
      <c r="MZP654" s="613"/>
      <c r="MZQ654" s="613"/>
      <c r="MZR654" s="613"/>
      <c r="MZS654" s="613"/>
      <c r="MZT654" s="613"/>
      <c r="MZU654" s="613"/>
      <c r="MZV654" s="613"/>
      <c r="MZW654" s="613"/>
      <c r="MZX654" s="613"/>
      <c r="MZY654" s="613"/>
      <c r="MZZ654" s="613"/>
      <c r="NAA654" s="613"/>
      <c r="NAB654" s="613"/>
      <c r="NAC654" s="613"/>
      <c r="NAD654" s="613"/>
      <c r="NAE654" s="613"/>
      <c r="NAF654" s="613"/>
      <c r="NAG654" s="613"/>
      <c r="NAH654" s="613"/>
      <c r="NAI654" s="613"/>
      <c r="NAJ654" s="613"/>
      <c r="NAK654" s="613"/>
      <c r="NAL654" s="613"/>
      <c r="NAM654" s="613"/>
      <c r="NAN654" s="613"/>
      <c r="NAO654" s="613"/>
      <c r="NAP654" s="613"/>
      <c r="NAQ654" s="613"/>
      <c r="NAR654" s="613"/>
      <c r="NAS654" s="613"/>
      <c r="NAT654" s="613"/>
      <c r="NAU654" s="613"/>
      <c r="NAV654" s="613"/>
      <c r="NAW654" s="613"/>
      <c r="NAX654" s="613"/>
      <c r="NAY654" s="613"/>
      <c r="NAZ654" s="613"/>
      <c r="NBA654" s="613"/>
      <c r="NBB654" s="613"/>
      <c r="NBC654" s="613"/>
      <c r="NBD654" s="613"/>
      <c r="NBE654" s="613"/>
      <c r="NBF654" s="613"/>
      <c r="NBG654" s="613"/>
      <c r="NBH654" s="613"/>
      <c r="NBI654" s="613"/>
      <c r="NBJ654" s="613"/>
      <c r="NBK654" s="613"/>
      <c r="NBL654" s="613"/>
      <c r="NBM654" s="613"/>
      <c r="NBN654" s="613"/>
      <c r="NBO654" s="613"/>
      <c r="NBP654" s="613"/>
      <c r="NBQ654" s="613"/>
      <c r="NBR654" s="613"/>
      <c r="NBS654" s="613"/>
      <c r="NBT654" s="613"/>
      <c r="NBU654" s="613"/>
      <c r="NBV654" s="613"/>
      <c r="NBW654" s="613"/>
      <c r="NBX654" s="613"/>
      <c r="NBY654" s="613"/>
      <c r="NBZ654" s="613"/>
      <c r="NCA654" s="613"/>
      <c r="NCB654" s="613"/>
      <c r="NCC654" s="613"/>
      <c r="NCD654" s="613"/>
      <c r="NCE654" s="613"/>
      <c r="NCF654" s="613"/>
      <c r="NCG654" s="613"/>
      <c r="NCH654" s="613"/>
      <c r="NCI654" s="613"/>
      <c r="NCJ654" s="613"/>
      <c r="NCK654" s="613"/>
      <c r="NCL654" s="613"/>
      <c r="NCM654" s="613"/>
      <c r="NCN654" s="613"/>
      <c r="NCO654" s="613"/>
      <c r="NCP654" s="613"/>
      <c r="NCQ654" s="613"/>
      <c r="NCR654" s="613"/>
      <c r="NCS654" s="613"/>
      <c r="NCT654" s="613"/>
      <c r="NCU654" s="613"/>
      <c r="NCV654" s="613"/>
      <c r="NCW654" s="613"/>
      <c r="NCX654" s="613"/>
      <c r="NCY654" s="613"/>
      <c r="NCZ654" s="613"/>
      <c r="NDA654" s="613"/>
      <c r="NDB654" s="613"/>
      <c r="NDC654" s="613"/>
      <c r="NDD654" s="613"/>
      <c r="NDE654" s="613"/>
      <c r="NDF654" s="613"/>
      <c r="NDG654" s="613"/>
      <c r="NDH654" s="613"/>
      <c r="NDI654" s="613"/>
      <c r="NDJ654" s="613"/>
      <c r="NDK654" s="613"/>
      <c r="NDL654" s="613"/>
      <c r="NDM654" s="613"/>
      <c r="NDN654" s="613"/>
      <c r="NDO654" s="613"/>
      <c r="NDP654" s="613"/>
      <c r="NDQ654" s="613"/>
      <c r="NDR654" s="613"/>
      <c r="NDS654" s="613"/>
      <c r="NDT654" s="613"/>
      <c r="NDU654" s="613"/>
      <c r="NDV654" s="613"/>
      <c r="NDW654" s="613"/>
      <c r="NDX654" s="613"/>
      <c r="NDY654" s="613"/>
      <c r="NDZ654" s="613"/>
      <c r="NEA654" s="613"/>
      <c r="NEB654" s="613"/>
      <c r="NEC654" s="613"/>
      <c r="NED654" s="613"/>
      <c r="NEE654" s="613"/>
      <c r="NEF654" s="613"/>
      <c r="NEG654" s="613"/>
      <c r="NEH654" s="613"/>
      <c r="NEI654" s="613"/>
      <c r="NEJ654" s="613"/>
      <c r="NEK654" s="613"/>
      <c r="NEL654" s="613"/>
      <c r="NEM654" s="613"/>
      <c r="NEN654" s="613"/>
      <c r="NEO654" s="613"/>
      <c r="NEP654" s="613"/>
      <c r="NEQ654" s="613"/>
      <c r="NER654" s="613"/>
      <c r="NES654" s="613"/>
      <c r="NET654" s="613"/>
      <c r="NEU654" s="613"/>
      <c r="NEV654" s="613"/>
      <c r="NEW654" s="613"/>
      <c r="NEX654" s="613"/>
      <c r="NEY654" s="613"/>
      <c r="NEZ654" s="613"/>
      <c r="NFA654" s="613"/>
      <c r="NFB654" s="613"/>
      <c r="NFC654" s="613"/>
      <c r="NFD654" s="613"/>
      <c r="NFE654" s="613"/>
      <c r="NFF654" s="613"/>
      <c r="NFG654" s="613"/>
      <c r="NFH654" s="613"/>
      <c r="NFI654" s="613"/>
      <c r="NFJ654" s="613"/>
      <c r="NFK654" s="613"/>
      <c r="NFL654" s="613"/>
      <c r="NFM654" s="613"/>
      <c r="NFN654" s="613"/>
      <c r="NFO654" s="613"/>
      <c r="NFP654" s="613"/>
      <c r="NFQ654" s="613"/>
      <c r="NFR654" s="613"/>
      <c r="NFS654" s="613"/>
      <c r="NFT654" s="613"/>
      <c r="NFU654" s="613"/>
      <c r="NFV654" s="613"/>
      <c r="NFW654" s="613"/>
      <c r="NFX654" s="613"/>
      <c r="NFY654" s="613"/>
      <c r="NFZ654" s="613"/>
      <c r="NGA654" s="613"/>
      <c r="NGB654" s="613"/>
      <c r="NGC654" s="613"/>
      <c r="NGD654" s="613"/>
      <c r="NGE654" s="613"/>
      <c r="NGF654" s="613"/>
      <c r="NGG654" s="613"/>
      <c r="NGH654" s="613"/>
      <c r="NGI654" s="613"/>
      <c r="NGJ654" s="613"/>
      <c r="NGK654" s="613"/>
      <c r="NGL654" s="613"/>
      <c r="NGM654" s="613"/>
      <c r="NGN654" s="613"/>
      <c r="NGO654" s="613"/>
      <c r="NGP654" s="613"/>
      <c r="NGQ654" s="613"/>
      <c r="NGR654" s="613"/>
      <c r="NGS654" s="613"/>
      <c r="NGT654" s="613"/>
      <c r="NGU654" s="613"/>
      <c r="NGV654" s="613"/>
      <c r="NGW654" s="613"/>
      <c r="NGX654" s="613"/>
      <c r="NGY654" s="613"/>
      <c r="NGZ654" s="613"/>
      <c r="NHA654" s="613"/>
      <c r="NHB654" s="613"/>
      <c r="NHC654" s="613"/>
      <c r="NHD654" s="613"/>
      <c r="NHE654" s="613"/>
      <c r="NHF654" s="613"/>
      <c r="NHG654" s="613"/>
      <c r="NHH654" s="613"/>
      <c r="NHI654" s="613"/>
      <c r="NHJ654" s="613"/>
      <c r="NHK654" s="613"/>
      <c r="NHL654" s="613"/>
      <c r="NHM654" s="613"/>
      <c r="NHN654" s="613"/>
      <c r="NHO654" s="613"/>
      <c r="NHP654" s="613"/>
      <c r="NHQ654" s="613"/>
      <c r="NHR654" s="613"/>
      <c r="NHS654" s="613"/>
      <c r="NHT654" s="613"/>
      <c r="NHU654" s="613"/>
      <c r="NHV654" s="613"/>
      <c r="NHW654" s="613"/>
      <c r="NHX654" s="613"/>
      <c r="NHY654" s="613"/>
      <c r="NHZ654" s="613"/>
      <c r="NIA654" s="613"/>
      <c r="NIB654" s="613"/>
      <c r="NIC654" s="613"/>
      <c r="NID654" s="613"/>
      <c r="NIE654" s="613"/>
      <c r="NIF654" s="613"/>
      <c r="NIG654" s="613"/>
      <c r="NIH654" s="613"/>
      <c r="NII654" s="613"/>
      <c r="NIJ654" s="613"/>
      <c r="NIK654" s="613"/>
      <c r="NIL654" s="613"/>
      <c r="NIM654" s="613"/>
      <c r="NIN654" s="613"/>
      <c r="NIO654" s="613"/>
      <c r="NIP654" s="613"/>
      <c r="NIQ654" s="613"/>
      <c r="NIR654" s="613"/>
      <c r="NIS654" s="613"/>
      <c r="NIT654" s="613"/>
      <c r="NIU654" s="613"/>
      <c r="NIV654" s="613"/>
      <c r="NIW654" s="613"/>
      <c r="NIX654" s="613"/>
      <c r="NIY654" s="613"/>
      <c r="NIZ654" s="613"/>
      <c r="NJA654" s="613"/>
      <c r="NJB654" s="613"/>
      <c r="NJC654" s="613"/>
      <c r="NJD654" s="613"/>
      <c r="NJE654" s="613"/>
      <c r="NJF654" s="613"/>
      <c r="NJG654" s="613"/>
      <c r="NJH654" s="613"/>
      <c r="NJI654" s="613"/>
      <c r="NJJ654" s="613"/>
      <c r="NJK654" s="613"/>
      <c r="NJL654" s="613"/>
      <c r="NJM654" s="613"/>
      <c r="NJN654" s="613"/>
      <c r="NJO654" s="613"/>
      <c r="NJP654" s="613"/>
      <c r="NJQ654" s="613"/>
      <c r="NJR654" s="613"/>
      <c r="NJS654" s="613"/>
      <c r="NJT654" s="613"/>
      <c r="NJU654" s="613"/>
      <c r="NJV654" s="613"/>
      <c r="NJW654" s="613"/>
      <c r="NJX654" s="613"/>
      <c r="NJY654" s="613"/>
      <c r="NJZ654" s="613"/>
      <c r="NKA654" s="613"/>
      <c r="NKB654" s="613"/>
      <c r="NKC654" s="613"/>
      <c r="NKD654" s="613"/>
      <c r="NKE654" s="613"/>
      <c r="NKF654" s="613"/>
      <c r="NKG654" s="613"/>
      <c r="NKH654" s="613"/>
      <c r="NKI654" s="613"/>
      <c r="NKJ654" s="613"/>
      <c r="NKK654" s="613"/>
      <c r="NKL654" s="613"/>
      <c r="NKM654" s="613"/>
      <c r="NKN654" s="613"/>
      <c r="NKO654" s="613"/>
      <c r="NKP654" s="613"/>
      <c r="NKQ654" s="613"/>
      <c r="NKR654" s="613"/>
      <c r="NKS654" s="613"/>
      <c r="NKT654" s="613"/>
      <c r="NKU654" s="613"/>
      <c r="NKV654" s="613"/>
      <c r="NKW654" s="613"/>
      <c r="NKX654" s="613"/>
      <c r="NKY654" s="613"/>
      <c r="NKZ654" s="613"/>
      <c r="NLA654" s="613"/>
      <c r="NLB654" s="613"/>
      <c r="NLC654" s="613"/>
      <c r="NLD654" s="613"/>
      <c r="NLE654" s="613"/>
      <c r="NLF654" s="613"/>
      <c r="NLG654" s="613"/>
      <c r="NLH654" s="613"/>
      <c r="NLI654" s="613"/>
      <c r="NLJ654" s="613"/>
      <c r="NLK654" s="613"/>
      <c r="NLL654" s="613"/>
      <c r="NLM654" s="613"/>
      <c r="NLN654" s="613"/>
      <c r="NLO654" s="613"/>
      <c r="NLP654" s="613"/>
      <c r="NLQ654" s="613"/>
      <c r="NLR654" s="613"/>
      <c r="NLS654" s="613"/>
      <c r="NLT654" s="613"/>
      <c r="NLU654" s="613"/>
      <c r="NLV654" s="613"/>
      <c r="NLW654" s="613"/>
      <c r="NLX654" s="613"/>
      <c r="NLY654" s="613"/>
      <c r="NLZ654" s="613"/>
      <c r="NMA654" s="613"/>
      <c r="NMB654" s="613"/>
      <c r="NMC654" s="613"/>
      <c r="NMD654" s="613"/>
      <c r="NME654" s="613"/>
      <c r="NMF654" s="613"/>
      <c r="NMG654" s="613"/>
      <c r="NMH654" s="613"/>
      <c r="NMI654" s="613"/>
      <c r="NMJ654" s="613"/>
      <c r="NMK654" s="613"/>
      <c r="NML654" s="613"/>
      <c r="NMM654" s="613"/>
      <c r="NMN654" s="613"/>
      <c r="NMO654" s="613"/>
      <c r="NMP654" s="613"/>
      <c r="NMQ654" s="613"/>
      <c r="NMR654" s="613"/>
      <c r="NMS654" s="613"/>
      <c r="NMT654" s="613"/>
      <c r="NMU654" s="613"/>
      <c r="NMV654" s="613"/>
      <c r="NMW654" s="613"/>
      <c r="NMX654" s="613"/>
      <c r="NMY654" s="613"/>
      <c r="NMZ654" s="613"/>
      <c r="NNA654" s="613"/>
      <c r="NNB654" s="613"/>
      <c r="NNC654" s="613"/>
      <c r="NND654" s="613"/>
      <c r="NNE654" s="613"/>
      <c r="NNF654" s="613"/>
      <c r="NNG654" s="613"/>
      <c r="NNH654" s="613"/>
      <c r="NNI654" s="613"/>
      <c r="NNJ654" s="613"/>
      <c r="NNK654" s="613"/>
      <c r="NNL654" s="613"/>
      <c r="NNM654" s="613"/>
      <c r="NNN654" s="613"/>
      <c r="NNO654" s="613"/>
      <c r="NNP654" s="613"/>
      <c r="NNQ654" s="613"/>
      <c r="NNR654" s="613"/>
      <c r="NNS654" s="613"/>
      <c r="NNT654" s="613"/>
      <c r="NNU654" s="613"/>
      <c r="NNV654" s="613"/>
      <c r="NNW654" s="613"/>
      <c r="NNX654" s="613"/>
      <c r="NNY654" s="613"/>
      <c r="NNZ654" s="613"/>
      <c r="NOA654" s="613"/>
      <c r="NOB654" s="613"/>
      <c r="NOC654" s="613"/>
      <c r="NOD654" s="613"/>
      <c r="NOE654" s="613"/>
      <c r="NOF654" s="613"/>
      <c r="NOG654" s="613"/>
      <c r="NOH654" s="613"/>
      <c r="NOI654" s="613"/>
      <c r="NOJ654" s="613"/>
      <c r="NOK654" s="613"/>
      <c r="NOL654" s="613"/>
      <c r="NOM654" s="613"/>
      <c r="NON654" s="613"/>
      <c r="NOO654" s="613"/>
      <c r="NOP654" s="613"/>
      <c r="NOQ654" s="613"/>
      <c r="NOR654" s="613"/>
      <c r="NOS654" s="613"/>
      <c r="NOT654" s="613"/>
      <c r="NOU654" s="613"/>
      <c r="NOV654" s="613"/>
      <c r="NOW654" s="613"/>
      <c r="NOX654" s="613"/>
      <c r="NOY654" s="613"/>
      <c r="NOZ654" s="613"/>
      <c r="NPA654" s="613"/>
      <c r="NPB654" s="613"/>
      <c r="NPC654" s="613"/>
      <c r="NPD654" s="613"/>
      <c r="NPE654" s="613"/>
      <c r="NPF654" s="613"/>
      <c r="NPG654" s="613"/>
      <c r="NPH654" s="613"/>
      <c r="NPI654" s="613"/>
      <c r="NPJ654" s="613"/>
      <c r="NPK654" s="613"/>
      <c r="NPL654" s="613"/>
      <c r="NPM654" s="613"/>
      <c r="NPN654" s="613"/>
      <c r="NPO654" s="613"/>
      <c r="NPP654" s="613"/>
      <c r="NPQ654" s="613"/>
      <c r="NPR654" s="613"/>
      <c r="NPS654" s="613"/>
      <c r="NPT654" s="613"/>
      <c r="NPU654" s="613"/>
      <c r="NPV654" s="613"/>
      <c r="NPW654" s="613"/>
      <c r="NPX654" s="613"/>
      <c r="NPY654" s="613"/>
      <c r="NPZ654" s="613"/>
      <c r="NQA654" s="613"/>
      <c r="NQB654" s="613"/>
      <c r="NQC654" s="613"/>
      <c r="NQD654" s="613"/>
      <c r="NQE654" s="613"/>
      <c r="NQF654" s="613"/>
      <c r="NQG654" s="613"/>
      <c r="NQH654" s="613"/>
      <c r="NQI654" s="613"/>
      <c r="NQJ654" s="613"/>
      <c r="NQK654" s="613"/>
      <c r="NQL654" s="613"/>
      <c r="NQM654" s="613"/>
      <c r="NQN654" s="613"/>
      <c r="NQO654" s="613"/>
      <c r="NQP654" s="613"/>
      <c r="NQQ654" s="613"/>
      <c r="NQR654" s="613"/>
      <c r="NQS654" s="613"/>
      <c r="NQT654" s="613"/>
      <c r="NQU654" s="613"/>
      <c r="NQV654" s="613"/>
      <c r="NQW654" s="613"/>
      <c r="NQX654" s="613"/>
      <c r="NQY654" s="613"/>
      <c r="NQZ654" s="613"/>
      <c r="NRA654" s="613"/>
      <c r="NRB654" s="613"/>
      <c r="NRC654" s="613"/>
      <c r="NRD654" s="613"/>
      <c r="NRE654" s="613"/>
      <c r="NRF654" s="613"/>
      <c r="NRG654" s="613"/>
      <c r="NRH654" s="613"/>
      <c r="NRI654" s="613"/>
      <c r="NRJ654" s="613"/>
      <c r="NRK654" s="613"/>
      <c r="NRL654" s="613"/>
      <c r="NRM654" s="613"/>
      <c r="NRN654" s="613"/>
      <c r="NRO654" s="613"/>
      <c r="NRP654" s="613"/>
      <c r="NRQ654" s="613"/>
      <c r="NRR654" s="613"/>
      <c r="NRS654" s="613"/>
      <c r="NRT654" s="613"/>
      <c r="NRU654" s="613"/>
      <c r="NRV654" s="613"/>
      <c r="NRW654" s="613"/>
      <c r="NRX654" s="613"/>
      <c r="NRY654" s="613"/>
      <c r="NRZ654" s="613"/>
      <c r="NSA654" s="613"/>
      <c r="NSB654" s="613"/>
      <c r="NSC654" s="613"/>
      <c r="NSD654" s="613"/>
      <c r="NSE654" s="613"/>
      <c r="NSF654" s="613"/>
      <c r="NSG654" s="613"/>
      <c r="NSH654" s="613"/>
      <c r="NSI654" s="613"/>
      <c r="NSJ654" s="613"/>
      <c r="NSK654" s="613"/>
      <c r="NSL654" s="613"/>
      <c r="NSM654" s="613"/>
      <c r="NSN654" s="613"/>
      <c r="NSO654" s="613"/>
      <c r="NSP654" s="613"/>
      <c r="NSQ654" s="613"/>
      <c r="NSR654" s="613"/>
      <c r="NSS654" s="613"/>
      <c r="NST654" s="613"/>
      <c r="NSU654" s="613"/>
      <c r="NSV654" s="613"/>
      <c r="NSW654" s="613"/>
      <c r="NSX654" s="613"/>
      <c r="NSY654" s="613"/>
      <c r="NSZ654" s="613"/>
      <c r="NTA654" s="613"/>
      <c r="NTB654" s="613"/>
      <c r="NTC654" s="613"/>
      <c r="NTD654" s="613"/>
      <c r="NTE654" s="613"/>
      <c r="NTF654" s="613"/>
      <c r="NTG654" s="613"/>
      <c r="NTH654" s="613"/>
      <c r="NTI654" s="613"/>
      <c r="NTJ654" s="613"/>
      <c r="NTK654" s="613"/>
      <c r="NTL654" s="613"/>
      <c r="NTM654" s="613"/>
      <c r="NTN654" s="613"/>
      <c r="NTO654" s="613"/>
      <c r="NTP654" s="613"/>
      <c r="NTQ654" s="613"/>
      <c r="NTR654" s="613"/>
      <c r="NTS654" s="613"/>
      <c r="NTT654" s="613"/>
      <c r="NTU654" s="613"/>
      <c r="NTV654" s="613"/>
      <c r="NTW654" s="613"/>
      <c r="NTX654" s="613"/>
      <c r="NTY654" s="613"/>
      <c r="NTZ654" s="613"/>
      <c r="NUA654" s="613"/>
      <c r="NUB654" s="613"/>
      <c r="NUC654" s="613"/>
      <c r="NUD654" s="613"/>
      <c r="NUE654" s="613"/>
      <c r="NUF654" s="613"/>
      <c r="NUG654" s="613"/>
      <c r="NUH654" s="613"/>
      <c r="NUI654" s="613"/>
      <c r="NUJ654" s="613"/>
      <c r="NUK654" s="613"/>
      <c r="NUL654" s="613"/>
      <c r="NUM654" s="613"/>
      <c r="NUN654" s="613"/>
      <c r="NUO654" s="613"/>
      <c r="NUP654" s="613"/>
      <c r="NUQ654" s="613"/>
      <c r="NUR654" s="613"/>
      <c r="NUS654" s="613"/>
      <c r="NUT654" s="613"/>
      <c r="NUU654" s="613"/>
      <c r="NUV654" s="613"/>
      <c r="NUW654" s="613"/>
      <c r="NUX654" s="613"/>
      <c r="NUY654" s="613"/>
      <c r="NUZ654" s="613"/>
      <c r="NVA654" s="613"/>
      <c r="NVB654" s="613"/>
      <c r="NVC654" s="613"/>
      <c r="NVD654" s="613"/>
      <c r="NVE654" s="613"/>
      <c r="NVF654" s="613"/>
      <c r="NVG654" s="613"/>
      <c r="NVH654" s="613"/>
      <c r="NVI654" s="613"/>
      <c r="NVJ654" s="613"/>
      <c r="NVK654" s="613"/>
      <c r="NVL654" s="613"/>
      <c r="NVM654" s="613"/>
      <c r="NVN654" s="613"/>
      <c r="NVO654" s="613"/>
      <c r="NVP654" s="613"/>
      <c r="NVQ654" s="613"/>
      <c r="NVR654" s="613"/>
      <c r="NVS654" s="613"/>
      <c r="NVT654" s="613"/>
      <c r="NVU654" s="613"/>
      <c r="NVV654" s="613"/>
      <c r="NVW654" s="613"/>
      <c r="NVX654" s="613"/>
      <c r="NVY654" s="613"/>
      <c r="NVZ654" s="613"/>
      <c r="NWA654" s="613"/>
      <c r="NWB654" s="613"/>
      <c r="NWC654" s="613"/>
      <c r="NWD654" s="613"/>
      <c r="NWE654" s="613"/>
      <c r="NWF654" s="613"/>
      <c r="NWG654" s="613"/>
      <c r="NWH654" s="613"/>
      <c r="NWI654" s="613"/>
      <c r="NWJ654" s="613"/>
      <c r="NWK654" s="613"/>
      <c r="NWL654" s="613"/>
      <c r="NWM654" s="613"/>
      <c r="NWN654" s="613"/>
      <c r="NWO654" s="613"/>
      <c r="NWP654" s="613"/>
      <c r="NWQ654" s="613"/>
      <c r="NWR654" s="613"/>
      <c r="NWS654" s="613"/>
      <c r="NWT654" s="613"/>
      <c r="NWU654" s="613"/>
      <c r="NWV654" s="613"/>
      <c r="NWW654" s="613"/>
      <c r="NWX654" s="613"/>
      <c r="NWY654" s="613"/>
      <c r="NWZ654" s="613"/>
      <c r="NXA654" s="613"/>
      <c r="NXB654" s="613"/>
      <c r="NXC654" s="613"/>
      <c r="NXD654" s="613"/>
      <c r="NXE654" s="613"/>
      <c r="NXF654" s="613"/>
      <c r="NXG654" s="613"/>
      <c r="NXH654" s="613"/>
      <c r="NXI654" s="613"/>
      <c r="NXJ654" s="613"/>
      <c r="NXK654" s="613"/>
      <c r="NXL654" s="613"/>
      <c r="NXM654" s="613"/>
      <c r="NXN654" s="613"/>
      <c r="NXO654" s="613"/>
      <c r="NXP654" s="613"/>
      <c r="NXQ654" s="613"/>
      <c r="NXR654" s="613"/>
      <c r="NXS654" s="613"/>
      <c r="NXT654" s="613"/>
      <c r="NXU654" s="613"/>
      <c r="NXV654" s="613"/>
      <c r="NXW654" s="613"/>
      <c r="NXX654" s="613"/>
      <c r="NXY654" s="613"/>
      <c r="NXZ654" s="613"/>
      <c r="NYA654" s="613"/>
      <c r="NYB654" s="613"/>
      <c r="NYC654" s="613"/>
      <c r="NYD654" s="613"/>
      <c r="NYE654" s="613"/>
      <c r="NYF654" s="613"/>
      <c r="NYG654" s="613"/>
      <c r="NYH654" s="613"/>
      <c r="NYI654" s="613"/>
      <c r="NYJ654" s="613"/>
      <c r="NYK654" s="613"/>
      <c r="NYL654" s="613"/>
      <c r="NYM654" s="613"/>
      <c r="NYN654" s="613"/>
      <c r="NYO654" s="613"/>
      <c r="NYP654" s="613"/>
      <c r="NYQ654" s="613"/>
      <c r="NYR654" s="613"/>
      <c r="NYS654" s="613"/>
      <c r="NYT654" s="613"/>
      <c r="NYU654" s="613"/>
      <c r="NYV654" s="613"/>
      <c r="NYW654" s="613"/>
      <c r="NYX654" s="613"/>
      <c r="NYY654" s="613"/>
      <c r="NYZ654" s="613"/>
      <c r="NZA654" s="613"/>
      <c r="NZB654" s="613"/>
      <c r="NZC654" s="613"/>
      <c r="NZD654" s="613"/>
      <c r="NZE654" s="613"/>
      <c r="NZF654" s="613"/>
      <c r="NZG654" s="613"/>
      <c r="NZH654" s="613"/>
      <c r="NZI654" s="613"/>
      <c r="NZJ654" s="613"/>
      <c r="NZK654" s="613"/>
      <c r="NZL654" s="613"/>
      <c r="NZM654" s="613"/>
      <c r="NZN654" s="613"/>
      <c r="NZO654" s="613"/>
      <c r="NZP654" s="613"/>
      <c r="NZQ654" s="613"/>
      <c r="NZR654" s="613"/>
      <c r="NZS654" s="613"/>
      <c r="NZT654" s="613"/>
      <c r="NZU654" s="613"/>
      <c r="NZV654" s="613"/>
      <c r="NZW654" s="613"/>
      <c r="NZX654" s="613"/>
      <c r="NZY654" s="613"/>
      <c r="NZZ654" s="613"/>
      <c r="OAA654" s="613"/>
      <c r="OAB654" s="613"/>
      <c r="OAC654" s="613"/>
      <c r="OAD654" s="613"/>
      <c r="OAE654" s="613"/>
      <c r="OAF654" s="613"/>
      <c r="OAG654" s="613"/>
      <c r="OAH654" s="613"/>
      <c r="OAI654" s="613"/>
      <c r="OAJ654" s="613"/>
      <c r="OAK654" s="613"/>
      <c r="OAL654" s="613"/>
      <c r="OAM654" s="613"/>
      <c r="OAN654" s="613"/>
      <c r="OAO654" s="613"/>
      <c r="OAP654" s="613"/>
      <c r="OAQ654" s="613"/>
      <c r="OAR654" s="613"/>
      <c r="OAS654" s="613"/>
      <c r="OAT654" s="613"/>
      <c r="OAU654" s="613"/>
      <c r="OAV654" s="613"/>
      <c r="OAW654" s="613"/>
      <c r="OAX654" s="613"/>
      <c r="OAY654" s="613"/>
      <c r="OAZ654" s="613"/>
      <c r="OBA654" s="613"/>
      <c r="OBB654" s="613"/>
      <c r="OBC654" s="613"/>
      <c r="OBD654" s="613"/>
      <c r="OBE654" s="613"/>
      <c r="OBF654" s="613"/>
      <c r="OBG654" s="613"/>
      <c r="OBH654" s="613"/>
      <c r="OBI654" s="613"/>
      <c r="OBJ654" s="613"/>
      <c r="OBK654" s="613"/>
      <c r="OBL654" s="613"/>
      <c r="OBM654" s="613"/>
      <c r="OBN654" s="613"/>
      <c r="OBO654" s="613"/>
      <c r="OBP654" s="613"/>
      <c r="OBQ654" s="613"/>
      <c r="OBR654" s="613"/>
      <c r="OBS654" s="613"/>
      <c r="OBT654" s="613"/>
      <c r="OBU654" s="613"/>
      <c r="OBV654" s="613"/>
      <c r="OBW654" s="613"/>
      <c r="OBX654" s="613"/>
      <c r="OBY654" s="613"/>
      <c r="OBZ654" s="613"/>
      <c r="OCA654" s="613"/>
      <c r="OCB654" s="613"/>
      <c r="OCC654" s="613"/>
      <c r="OCD654" s="613"/>
      <c r="OCE654" s="613"/>
      <c r="OCF654" s="613"/>
      <c r="OCG654" s="613"/>
      <c r="OCH654" s="613"/>
      <c r="OCI654" s="613"/>
      <c r="OCJ654" s="613"/>
      <c r="OCK654" s="613"/>
      <c r="OCL654" s="613"/>
      <c r="OCM654" s="613"/>
      <c r="OCN654" s="613"/>
      <c r="OCO654" s="613"/>
      <c r="OCP654" s="613"/>
      <c r="OCQ654" s="613"/>
      <c r="OCR654" s="613"/>
      <c r="OCS654" s="613"/>
      <c r="OCT654" s="613"/>
      <c r="OCU654" s="613"/>
      <c r="OCV654" s="613"/>
      <c r="OCW654" s="613"/>
      <c r="OCX654" s="613"/>
      <c r="OCY654" s="613"/>
      <c r="OCZ654" s="613"/>
      <c r="ODA654" s="613"/>
      <c r="ODB654" s="613"/>
      <c r="ODC654" s="613"/>
      <c r="ODD654" s="613"/>
      <c r="ODE654" s="613"/>
      <c r="ODF654" s="613"/>
      <c r="ODG654" s="613"/>
      <c r="ODH654" s="613"/>
      <c r="ODI654" s="613"/>
      <c r="ODJ654" s="613"/>
      <c r="ODK654" s="613"/>
      <c r="ODL654" s="613"/>
      <c r="ODM654" s="613"/>
      <c r="ODN654" s="613"/>
      <c r="ODO654" s="613"/>
      <c r="ODP654" s="613"/>
      <c r="ODQ654" s="613"/>
      <c r="ODR654" s="613"/>
      <c r="ODS654" s="613"/>
      <c r="ODT654" s="613"/>
      <c r="ODU654" s="613"/>
      <c r="ODV654" s="613"/>
      <c r="ODW654" s="613"/>
      <c r="ODX654" s="613"/>
      <c r="ODY654" s="613"/>
      <c r="ODZ654" s="613"/>
      <c r="OEA654" s="613"/>
      <c r="OEB654" s="613"/>
      <c r="OEC654" s="613"/>
      <c r="OED654" s="613"/>
      <c r="OEE654" s="613"/>
      <c r="OEF654" s="613"/>
      <c r="OEG654" s="613"/>
      <c r="OEH654" s="613"/>
      <c r="OEI654" s="613"/>
      <c r="OEJ654" s="613"/>
      <c r="OEK654" s="613"/>
      <c r="OEL654" s="613"/>
      <c r="OEM654" s="613"/>
      <c r="OEN654" s="613"/>
      <c r="OEO654" s="613"/>
      <c r="OEP654" s="613"/>
      <c r="OEQ654" s="613"/>
      <c r="OER654" s="613"/>
      <c r="OES654" s="613"/>
      <c r="OET654" s="613"/>
      <c r="OEU654" s="613"/>
      <c r="OEV654" s="613"/>
      <c r="OEW654" s="613"/>
      <c r="OEX654" s="613"/>
      <c r="OEY654" s="613"/>
      <c r="OEZ654" s="613"/>
      <c r="OFA654" s="613"/>
      <c r="OFB654" s="613"/>
      <c r="OFC654" s="613"/>
      <c r="OFD654" s="613"/>
      <c r="OFE654" s="613"/>
      <c r="OFF654" s="613"/>
      <c r="OFG654" s="613"/>
      <c r="OFH654" s="613"/>
      <c r="OFI654" s="613"/>
      <c r="OFJ654" s="613"/>
      <c r="OFK654" s="613"/>
      <c r="OFL654" s="613"/>
      <c r="OFM654" s="613"/>
      <c r="OFN654" s="613"/>
      <c r="OFO654" s="613"/>
      <c r="OFP654" s="613"/>
      <c r="OFQ654" s="613"/>
      <c r="OFR654" s="613"/>
      <c r="OFS654" s="613"/>
      <c r="OFT654" s="613"/>
      <c r="OFU654" s="613"/>
      <c r="OFV654" s="613"/>
      <c r="OFW654" s="613"/>
      <c r="OFX654" s="613"/>
      <c r="OFY654" s="613"/>
      <c r="OFZ654" s="613"/>
      <c r="OGA654" s="613"/>
      <c r="OGB654" s="613"/>
      <c r="OGC654" s="613"/>
      <c r="OGD654" s="613"/>
      <c r="OGE654" s="613"/>
      <c r="OGF654" s="613"/>
      <c r="OGG654" s="613"/>
      <c r="OGH654" s="613"/>
      <c r="OGI654" s="613"/>
      <c r="OGJ654" s="613"/>
      <c r="OGK654" s="613"/>
      <c r="OGL654" s="613"/>
      <c r="OGM654" s="613"/>
      <c r="OGN654" s="613"/>
      <c r="OGO654" s="613"/>
      <c r="OGP654" s="613"/>
      <c r="OGQ654" s="613"/>
      <c r="OGR654" s="613"/>
      <c r="OGS654" s="613"/>
      <c r="OGT654" s="613"/>
      <c r="OGU654" s="613"/>
      <c r="OGV654" s="613"/>
      <c r="OGW654" s="613"/>
      <c r="OGX654" s="613"/>
      <c r="OGY654" s="613"/>
      <c r="OGZ654" s="613"/>
      <c r="OHA654" s="613"/>
      <c r="OHB654" s="613"/>
      <c r="OHC654" s="613"/>
      <c r="OHD654" s="613"/>
      <c r="OHE654" s="613"/>
      <c r="OHF654" s="613"/>
      <c r="OHG654" s="613"/>
      <c r="OHH654" s="613"/>
      <c r="OHI654" s="613"/>
      <c r="OHJ654" s="613"/>
      <c r="OHK654" s="613"/>
      <c r="OHL654" s="613"/>
      <c r="OHM654" s="613"/>
      <c r="OHN654" s="613"/>
      <c r="OHO654" s="613"/>
      <c r="OHP654" s="613"/>
      <c r="OHQ654" s="613"/>
      <c r="OHR654" s="613"/>
      <c r="OHS654" s="613"/>
      <c r="OHT654" s="613"/>
      <c r="OHU654" s="613"/>
      <c r="OHV654" s="613"/>
      <c r="OHW654" s="613"/>
      <c r="OHX654" s="613"/>
      <c r="OHY654" s="613"/>
      <c r="OHZ654" s="613"/>
      <c r="OIA654" s="613"/>
      <c r="OIB654" s="613"/>
      <c r="OIC654" s="613"/>
      <c r="OID654" s="613"/>
      <c r="OIE654" s="613"/>
      <c r="OIF654" s="613"/>
      <c r="OIG654" s="613"/>
      <c r="OIH654" s="613"/>
      <c r="OII654" s="613"/>
      <c r="OIJ654" s="613"/>
      <c r="OIK654" s="613"/>
      <c r="OIL654" s="613"/>
      <c r="OIM654" s="613"/>
      <c r="OIN654" s="613"/>
      <c r="OIO654" s="613"/>
      <c r="OIP654" s="613"/>
      <c r="OIQ654" s="613"/>
      <c r="OIR654" s="613"/>
      <c r="OIS654" s="613"/>
      <c r="OIT654" s="613"/>
      <c r="OIU654" s="613"/>
      <c r="OIV654" s="613"/>
      <c r="OIW654" s="613"/>
      <c r="OIX654" s="613"/>
      <c r="OIY654" s="613"/>
      <c r="OIZ654" s="613"/>
      <c r="OJA654" s="613"/>
      <c r="OJB654" s="613"/>
      <c r="OJC654" s="613"/>
      <c r="OJD654" s="613"/>
      <c r="OJE654" s="613"/>
      <c r="OJF654" s="613"/>
      <c r="OJG654" s="613"/>
      <c r="OJH654" s="613"/>
      <c r="OJI654" s="613"/>
      <c r="OJJ654" s="613"/>
      <c r="OJK654" s="613"/>
      <c r="OJL654" s="613"/>
      <c r="OJM654" s="613"/>
      <c r="OJN654" s="613"/>
      <c r="OJO654" s="613"/>
      <c r="OJP654" s="613"/>
      <c r="OJQ654" s="613"/>
      <c r="OJR654" s="613"/>
      <c r="OJS654" s="613"/>
      <c r="OJT654" s="613"/>
      <c r="OJU654" s="613"/>
      <c r="OJV654" s="613"/>
      <c r="OJW654" s="613"/>
      <c r="OJX654" s="613"/>
      <c r="OJY654" s="613"/>
      <c r="OJZ654" s="613"/>
      <c r="OKA654" s="613"/>
      <c r="OKB654" s="613"/>
      <c r="OKC654" s="613"/>
      <c r="OKD654" s="613"/>
      <c r="OKE654" s="613"/>
      <c r="OKF654" s="613"/>
      <c r="OKG654" s="613"/>
      <c r="OKH654" s="613"/>
      <c r="OKI654" s="613"/>
      <c r="OKJ654" s="613"/>
      <c r="OKK654" s="613"/>
      <c r="OKL654" s="613"/>
      <c r="OKM654" s="613"/>
      <c r="OKN654" s="613"/>
      <c r="OKO654" s="613"/>
      <c r="OKP654" s="613"/>
      <c r="OKQ654" s="613"/>
      <c r="OKR654" s="613"/>
      <c r="OKS654" s="613"/>
      <c r="OKT654" s="613"/>
      <c r="OKU654" s="613"/>
      <c r="OKV654" s="613"/>
      <c r="OKW654" s="613"/>
      <c r="OKX654" s="613"/>
      <c r="OKY654" s="613"/>
      <c r="OKZ654" s="613"/>
      <c r="OLA654" s="613"/>
      <c r="OLB654" s="613"/>
      <c r="OLC654" s="613"/>
      <c r="OLD654" s="613"/>
      <c r="OLE654" s="613"/>
      <c r="OLF654" s="613"/>
      <c r="OLG654" s="613"/>
      <c r="OLH654" s="613"/>
      <c r="OLI654" s="613"/>
      <c r="OLJ654" s="613"/>
      <c r="OLK654" s="613"/>
      <c r="OLL654" s="613"/>
      <c r="OLM654" s="613"/>
      <c r="OLN654" s="613"/>
      <c r="OLO654" s="613"/>
      <c r="OLP654" s="613"/>
      <c r="OLQ654" s="613"/>
      <c r="OLR654" s="613"/>
      <c r="OLS654" s="613"/>
      <c r="OLT654" s="613"/>
      <c r="OLU654" s="613"/>
      <c r="OLV654" s="613"/>
      <c r="OLW654" s="613"/>
      <c r="OLX654" s="613"/>
      <c r="OLY654" s="613"/>
      <c r="OLZ654" s="613"/>
      <c r="OMA654" s="613"/>
      <c r="OMB654" s="613"/>
      <c r="OMC654" s="613"/>
      <c r="OMD654" s="613"/>
      <c r="OME654" s="613"/>
      <c r="OMF654" s="613"/>
      <c r="OMG654" s="613"/>
      <c r="OMH654" s="613"/>
      <c r="OMI654" s="613"/>
      <c r="OMJ654" s="613"/>
      <c r="OMK654" s="613"/>
      <c r="OML654" s="613"/>
      <c r="OMM654" s="613"/>
      <c r="OMN654" s="613"/>
      <c r="OMO654" s="613"/>
      <c r="OMP654" s="613"/>
      <c r="OMQ654" s="613"/>
      <c r="OMR654" s="613"/>
      <c r="OMS654" s="613"/>
      <c r="OMT654" s="613"/>
      <c r="OMU654" s="613"/>
      <c r="OMV654" s="613"/>
      <c r="OMW654" s="613"/>
      <c r="OMX654" s="613"/>
      <c r="OMY654" s="613"/>
      <c r="OMZ654" s="613"/>
      <c r="ONA654" s="613"/>
      <c r="ONB654" s="613"/>
      <c r="ONC654" s="613"/>
      <c r="OND654" s="613"/>
      <c r="ONE654" s="613"/>
      <c r="ONF654" s="613"/>
      <c r="ONG654" s="613"/>
      <c r="ONH654" s="613"/>
      <c r="ONI654" s="613"/>
      <c r="ONJ654" s="613"/>
      <c r="ONK654" s="613"/>
      <c r="ONL654" s="613"/>
      <c r="ONM654" s="613"/>
      <c r="ONN654" s="613"/>
      <c r="ONO654" s="613"/>
      <c r="ONP654" s="613"/>
      <c r="ONQ654" s="613"/>
      <c r="ONR654" s="613"/>
      <c r="ONS654" s="613"/>
      <c r="ONT654" s="613"/>
      <c r="ONU654" s="613"/>
      <c r="ONV654" s="613"/>
      <c r="ONW654" s="613"/>
      <c r="ONX654" s="613"/>
      <c r="ONY654" s="613"/>
      <c r="ONZ654" s="613"/>
      <c r="OOA654" s="613"/>
      <c r="OOB654" s="613"/>
      <c r="OOC654" s="613"/>
      <c r="OOD654" s="613"/>
      <c r="OOE654" s="613"/>
      <c r="OOF654" s="613"/>
      <c r="OOG654" s="613"/>
      <c r="OOH654" s="613"/>
      <c r="OOI654" s="613"/>
      <c r="OOJ654" s="613"/>
      <c r="OOK654" s="613"/>
      <c r="OOL654" s="613"/>
      <c r="OOM654" s="613"/>
      <c r="OON654" s="613"/>
      <c r="OOO654" s="613"/>
      <c r="OOP654" s="613"/>
      <c r="OOQ654" s="613"/>
      <c r="OOR654" s="613"/>
      <c r="OOS654" s="613"/>
      <c r="OOT654" s="613"/>
      <c r="OOU654" s="613"/>
      <c r="OOV654" s="613"/>
      <c r="OOW654" s="613"/>
      <c r="OOX654" s="613"/>
      <c r="OOY654" s="613"/>
      <c r="OOZ654" s="613"/>
      <c r="OPA654" s="613"/>
      <c r="OPB654" s="613"/>
      <c r="OPC654" s="613"/>
      <c r="OPD654" s="613"/>
      <c r="OPE654" s="613"/>
      <c r="OPF654" s="613"/>
      <c r="OPG654" s="613"/>
      <c r="OPH654" s="613"/>
      <c r="OPI654" s="613"/>
      <c r="OPJ654" s="613"/>
      <c r="OPK654" s="613"/>
      <c r="OPL654" s="613"/>
      <c r="OPM654" s="613"/>
      <c r="OPN654" s="613"/>
      <c r="OPO654" s="613"/>
      <c r="OPP654" s="613"/>
      <c r="OPQ654" s="613"/>
      <c r="OPR654" s="613"/>
      <c r="OPS654" s="613"/>
      <c r="OPT654" s="613"/>
      <c r="OPU654" s="613"/>
      <c r="OPV654" s="613"/>
      <c r="OPW654" s="613"/>
      <c r="OPX654" s="613"/>
      <c r="OPY654" s="613"/>
      <c r="OPZ654" s="613"/>
      <c r="OQA654" s="613"/>
      <c r="OQB654" s="613"/>
      <c r="OQC654" s="613"/>
      <c r="OQD654" s="613"/>
      <c r="OQE654" s="613"/>
      <c r="OQF654" s="613"/>
      <c r="OQG654" s="613"/>
      <c r="OQH654" s="613"/>
      <c r="OQI654" s="613"/>
      <c r="OQJ654" s="613"/>
      <c r="OQK654" s="613"/>
      <c r="OQL654" s="613"/>
      <c r="OQM654" s="613"/>
      <c r="OQN654" s="613"/>
      <c r="OQO654" s="613"/>
      <c r="OQP654" s="613"/>
      <c r="OQQ654" s="613"/>
      <c r="OQR654" s="613"/>
      <c r="OQS654" s="613"/>
      <c r="OQT654" s="613"/>
      <c r="OQU654" s="613"/>
      <c r="OQV654" s="613"/>
      <c r="OQW654" s="613"/>
      <c r="OQX654" s="613"/>
      <c r="OQY654" s="613"/>
      <c r="OQZ654" s="613"/>
      <c r="ORA654" s="613"/>
      <c r="ORB654" s="613"/>
      <c r="ORC654" s="613"/>
      <c r="ORD654" s="613"/>
      <c r="ORE654" s="613"/>
      <c r="ORF654" s="613"/>
      <c r="ORG654" s="613"/>
      <c r="ORH654" s="613"/>
      <c r="ORI654" s="613"/>
      <c r="ORJ654" s="613"/>
      <c r="ORK654" s="613"/>
      <c r="ORL654" s="613"/>
      <c r="ORM654" s="613"/>
      <c r="ORN654" s="613"/>
      <c r="ORO654" s="613"/>
      <c r="ORP654" s="613"/>
      <c r="ORQ654" s="613"/>
      <c r="ORR654" s="613"/>
      <c r="ORS654" s="613"/>
      <c r="ORT654" s="613"/>
      <c r="ORU654" s="613"/>
      <c r="ORV654" s="613"/>
      <c r="ORW654" s="613"/>
      <c r="ORX654" s="613"/>
      <c r="ORY654" s="613"/>
      <c r="ORZ654" s="613"/>
      <c r="OSA654" s="613"/>
      <c r="OSB654" s="613"/>
      <c r="OSC654" s="613"/>
      <c r="OSD654" s="613"/>
      <c r="OSE654" s="613"/>
      <c r="OSF654" s="613"/>
      <c r="OSG654" s="613"/>
      <c r="OSH654" s="613"/>
      <c r="OSI654" s="613"/>
      <c r="OSJ654" s="613"/>
      <c r="OSK654" s="613"/>
      <c r="OSL654" s="613"/>
      <c r="OSM654" s="613"/>
      <c r="OSN654" s="613"/>
      <c r="OSO654" s="613"/>
      <c r="OSP654" s="613"/>
      <c r="OSQ654" s="613"/>
      <c r="OSR654" s="613"/>
      <c r="OSS654" s="613"/>
      <c r="OST654" s="613"/>
      <c r="OSU654" s="613"/>
      <c r="OSV654" s="613"/>
      <c r="OSW654" s="613"/>
      <c r="OSX654" s="613"/>
      <c r="OSY654" s="613"/>
      <c r="OSZ654" s="613"/>
      <c r="OTA654" s="613"/>
      <c r="OTB654" s="613"/>
      <c r="OTC654" s="613"/>
      <c r="OTD654" s="613"/>
      <c r="OTE654" s="613"/>
      <c r="OTF654" s="613"/>
      <c r="OTG654" s="613"/>
      <c r="OTH654" s="613"/>
      <c r="OTI654" s="613"/>
      <c r="OTJ654" s="613"/>
      <c r="OTK654" s="613"/>
      <c r="OTL654" s="613"/>
      <c r="OTM654" s="613"/>
      <c r="OTN654" s="613"/>
      <c r="OTO654" s="613"/>
      <c r="OTP654" s="613"/>
      <c r="OTQ654" s="613"/>
      <c r="OTR654" s="613"/>
      <c r="OTS654" s="613"/>
      <c r="OTT654" s="613"/>
      <c r="OTU654" s="613"/>
      <c r="OTV654" s="613"/>
      <c r="OTW654" s="613"/>
      <c r="OTX654" s="613"/>
      <c r="OTY654" s="613"/>
      <c r="OTZ654" s="613"/>
      <c r="OUA654" s="613"/>
      <c r="OUB654" s="613"/>
      <c r="OUC654" s="613"/>
      <c r="OUD654" s="613"/>
      <c r="OUE654" s="613"/>
      <c r="OUF654" s="613"/>
      <c r="OUG654" s="613"/>
      <c r="OUH654" s="613"/>
      <c r="OUI654" s="613"/>
      <c r="OUJ654" s="613"/>
      <c r="OUK654" s="613"/>
      <c r="OUL654" s="613"/>
      <c r="OUM654" s="613"/>
      <c r="OUN654" s="613"/>
      <c r="OUO654" s="613"/>
      <c r="OUP654" s="613"/>
      <c r="OUQ654" s="613"/>
      <c r="OUR654" s="613"/>
      <c r="OUS654" s="613"/>
      <c r="OUT654" s="613"/>
      <c r="OUU654" s="613"/>
      <c r="OUV654" s="613"/>
      <c r="OUW654" s="613"/>
      <c r="OUX654" s="613"/>
      <c r="OUY654" s="613"/>
      <c r="OUZ654" s="613"/>
      <c r="OVA654" s="613"/>
      <c r="OVB654" s="613"/>
      <c r="OVC654" s="613"/>
      <c r="OVD654" s="613"/>
      <c r="OVE654" s="613"/>
      <c r="OVF654" s="613"/>
      <c r="OVG654" s="613"/>
      <c r="OVH654" s="613"/>
      <c r="OVI654" s="613"/>
      <c r="OVJ654" s="613"/>
      <c r="OVK654" s="613"/>
      <c r="OVL654" s="613"/>
      <c r="OVM654" s="613"/>
      <c r="OVN654" s="613"/>
      <c r="OVO654" s="613"/>
      <c r="OVP654" s="613"/>
      <c r="OVQ654" s="613"/>
      <c r="OVR654" s="613"/>
      <c r="OVS654" s="613"/>
      <c r="OVT654" s="613"/>
      <c r="OVU654" s="613"/>
      <c r="OVV654" s="613"/>
      <c r="OVW654" s="613"/>
      <c r="OVX654" s="613"/>
      <c r="OVY654" s="613"/>
      <c r="OVZ654" s="613"/>
      <c r="OWA654" s="613"/>
      <c r="OWB654" s="613"/>
      <c r="OWC654" s="613"/>
      <c r="OWD654" s="613"/>
      <c r="OWE654" s="613"/>
      <c r="OWF654" s="613"/>
      <c r="OWG654" s="613"/>
      <c r="OWH654" s="613"/>
      <c r="OWI654" s="613"/>
      <c r="OWJ654" s="613"/>
      <c r="OWK654" s="613"/>
      <c r="OWL654" s="613"/>
      <c r="OWM654" s="613"/>
      <c r="OWN654" s="613"/>
      <c r="OWO654" s="613"/>
      <c r="OWP654" s="613"/>
      <c r="OWQ654" s="613"/>
      <c r="OWR654" s="613"/>
      <c r="OWS654" s="613"/>
      <c r="OWT654" s="613"/>
      <c r="OWU654" s="613"/>
      <c r="OWV654" s="613"/>
      <c r="OWW654" s="613"/>
      <c r="OWX654" s="613"/>
      <c r="OWY654" s="613"/>
      <c r="OWZ654" s="613"/>
      <c r="OXA654" s="613"/>
      <c r="OXB654" s="613"/>
      <c r="OXC654" s="613"/>
      <c r="OXD654" s="613"/>
      <c r="OXE654" s="613"/>
      <c r="OXF654" s="613"/>
      <c r="OXG654" s="613"/>
      <c r="OXH654" s="613"/>
      <c r="OXI654" s="613"/>
      <c r="OXJ654" s="613"/>
      <c r="OXK654" s="613"/>
      <c r="OXL654" s="613"/>
      <c r="OXM654" s="613"/>
      <c r="OXN654" s="613"/>
      <c r="OXO654" s="613"/>
      <c r="OXP654" s="613"/>
      <c r="OXQ654" s="613"/>
      <c r="OXR654" s="613"/>
      <c r="OXS654" s="613"/>
      <c r="OXT654" s="613"/>
      <c r="OXU654" s="613"/>
      <c r="OXV654" s="613"/>
      <c r="OXW654" s="613"/>
      <c r="OXX654" s="613"/>
      <c r="OXY654" s="613"/>
      <c r="OXZ654" s="613"/>
      <c r="OYA654" s="613"/>
      <c r="OYB654" s="613"/>
      <c r="OYC654" s="613"/>
      <c r="OYD654" s="613"/>
      <c r="OYE654" s="613"/>
      <c r="OYF654" s="613"/>
      <c r="OYG654" s="613"/>
      <c r="OYH654" s="613"/>
      <c r="OYI654" s="613"/>
      <c r="OYJ654" s="613"/>
      <c r="OYK654" s="613"/>
      <c r="OYL654" s="613"/>
      <c r="OYM654" s="613"/>
      <c r="OYN654" s="613"/>
      <c r="OYO654" s="613"/>
      <c r="OYP654" s="613"/>
      <c r="OYQ654" s="613"/>
      <c r="OYR654" s="613"/>
      <c r="OYS654" s="613"/>
      <c r="OYT654" s="613"/>
      <c r="OYU654" s="613"/>
      <c r="OYV654" s="613"/>
      <c r="OYW654" s="613"/>
      <c r="OYX654" s="613"/>
      <c r="OYY654" s="613"/>
      <c r="OYZ654" s="613"/>
      <c r="OZA654" s="613"/>
      <c r="OZB654" s="613"/>
      <c r="OZC654" s="613"/>
      <c r="OZD654" s="613"/>
      <c r="OZE654" s="613"/>
      <c r="OZF654" s="613"/>
      <c r="OZG654" s="613"/>
      <c r="OZH654" s="613"/>
      <c r="OZI654" s="613"/>
      <c r="OZJ654" s="613"/>
      <c r="OZK654" s="613"/>
      <c r="OZL654" s="613"/>
      <c r="OZM654" s="613"/>
      <c r="OZN654" s="613"/>
      <c r="OZO654" s="613"/>
      <c r="OZP654" s="613"/>
      <c r="OZQ654" s="613"/>
      <c r="OZR654" s="613"/>
      <c r="OZS654" s="613"/>
      <c r="OZT654" s="613"/>
      <c r="OZU654" s="613"/>
      <c r="OZV654" s="613"/>
      <c r="OZW654" s="613"/>
      <c r="OZX654" s="613"/>
      <c r="OZY654" s="613"/>
      <c r="OZZ654" s="613"/>
      <c r="PAA654" s="613"/>
      <c r="PAB654" s="613"/>
      <c r="PAC654" s="613"/>
      <c r="PAD654" s="613"/>
      <c r="PAE654" s="613"/>
      <c r="PAF654" s="613"/>
      <c r="PAG654" s="613"/>
      <c r="PAH654" s="613"/>
      <c r="PAI654" s="613"/>
      <c r="PAJ654" s="613"/>
      <c r="PAK654" s="613"/>
      <c r="PAL654" s="613"/>
      <c r="PAM654" s="613"/>
      <c r="PAN654" s="613"/>
      <c r="PAO654" s="613"/>
      <c r="PAP654" s="613"/>
      <c r="PAQ654" s="613"/>
      <c r="PAR654" s="613"/>
      <c r="PAS654" s="613"/>
      <c r="PAT654" s="613"/>
      <c r="PAU654" s="613"/>
      <c r="PAV654" s="613"/>
      <c r="PAW654" s="613"/>
      <c r="PAX654" s="613"/>
      <c r="PAY654" s="613"/>
      <c r="PAZ654" s="613"/>
      <c r="PBA654" s="613"/>
      <c r="PBB654" s="613"/>
      <c r="PBC654" s="613"/>
      <c r="PBD654" s="613"/>
      <c r="PBE654" s="613"/>
      <c r="PBF654" s="613"/>
      <c r="PBG654" s="613"/>
      <c r="PBH654" s="613"/>
      <c r="PBI654" s="613"/>
      <c r="PBJ654" s="613"/>
      <c r="PBK654" s="613"/>
      <c r="PBL654" s="613"/>
      <c r="PBM654" s="613"/>
      <c r="PBN654" s="613"/>
      <c r="PBO654" s="613"/>
      <c r="PBP654" s="613"/>
      <c r="PBQ654" s="613"/>
      <c r="PBR654" s="613"/>
      <c r="PBS654" s="613"/>
      <c r="PBT654" s="613"/>
      <c r="PBU654" s="613"/>
      <c r="PBV654" s="613"/>
      <c r="PBW654" s="613"/>
      <c r="PBX654" s="613"/>
      <c r="PBY654" s="613"/>
      <c r="PBZ654" s="613"/>
      <c r="PCA654" s="613"/>
      <c r="PCB654" s="613"/>
      <c r="PCC654" s="613"/>
      <c r="PCD654" s="613"/>
      <c r="PCE654" s="613"/>
      <c r="PCF654" s="613"/>
      <c r="PCG654" s="613"/>
      <c r="PCH654" s="613"/>
      <c r="PCI654" s="613"/>
      <c r="PCJ654" s="613"/>
      <c r="PCK654" s="613"/>
      <c r="PCL654" s="613"/>
      <c r="PCM654" s="613"/>
      <c r="PCN654" s="613"/>
      <c r="PCO654" s="613"/>
      <c r="PCP654" s="613"/>
      <c r="PCQ654" s="613"/>
      <c r="PCR654" s="613"/>
      <c r="PCS654" s="613"/>
      <c r="PCT654" s="613"/>
      <c r="PCU654" s="613"/>
      <c r="PCV654" s="613"/>
      <c r="PCW654" s="613"/>
      <c r="PCX654" s="613"/>
      <c r="PCY654" s="613"/>
      <c r="PCZ654" s="613"/>
      <c r="PDA654" s="613"/>
      <c r="PDB654" s="613"/>
      <c r="PDC654" s="613"/>
      <c r="PDD654" s="613"/>
      <c r="PDE654" s="613"/>
      <c r="PDF654" s="613"/>
      <c r="PDG654" s="613"/>
      <c r="PDH654" s="613"/>
      <c r="PDI654" s="613"/>
      <c r="PDJ654" s="613"/>
      <c r="PDK654" s="613"/>
      <c r="PDL654" s="613"/>
      <c r="PDM654" s="613"/>
      <c r="PDN654" s="613"/>
      <c r="PDO654" s="613"/>
      <c r="PDP654" s="613"/>
      <c r="PDQ654" s="613"/>
      <c r="PDR654" s="613"/>
      <c r="PDS654" s="613"/>
      <c r="PDT654" s="613"/>
      <c r="PDU654" s="613"/>
      <c r="PDV654" s="613"/>
      <c r="PDW654" s="613"/>
      <c r="PDX654" s="613"/>
      <c r="PDY654" s="613"/>
      <c r="PDZ654" s="613"/>
      <c r="PEA654" s="613"/>
      <c r="PEB654" s="613"/>
      <c r="PEC654" s="613"/>
      <c r="PED654" s="613"/>
      <c r="PEE654" s="613"/>
      <c r="PEF654" s="613"/>
      <c r="PEG654" s="613"/>
      <c r="PEH654" s="613"/>
      <c r="PEI654" s="613"/>
      <c r="PEJ654" s="613"/>
      <c r="PEK654" s="613"/>
      <c r="PEL654" s="613"/>
      <c r="PEM654" s="613"/>
      <c r="PEN654" s="613"/>
      <c r="PEO654" s="613"/>
      <c r="PEP654" s="613"/>
      <c r="PEQ654" s="613"/>
      <c r="PER654" s="613"/>
      <c r="PES654" s="613"/>
      <c r="PET654" s="613"/>
      <c r="PEU654" s="613"/>
      <c r="PEV654" s="613"/>
      <c r="PEW654" s="613"/>
      <c r="PEX654" s="613"/>
      <c r="PEY654" s="613"/>
      <c r="PEZ654" s="613"/>
      <c r="PFA654" s="613"/>
      <c r="PFB654" s="613"/>
      <c r="PFC654" s="613"/>
      <c r="PFD654" s="613"/>
      <c r="PFE654" s="613"/>
      <c r="PFF654" s="613"/>
      <c r="PFG654" s="613"/>
      <c r="PFH654" s="613"/>
      <c r="PFI654" s="613"/>
      <c r="PFJ654" s="613"/>
      <c r="PFK654" s="613"/>
      <c r="PFL654" s="613"/>
      <c r="PFM654" s="613"/>
      <c r="PFN654" s="613"/>
      <c r="PFO654" s="613"/>
      <c r="PFP654" s="613"/>
      <c r="PFQ654" s="613"/>
      <c r="PFR654" s="613"/>
      <c r="PFS654" s="613"/>
      <c r="PFT654" s="613"/>
      <c r="PFU654" s="613"/>
      <c r="PFV654" s="613"/>
      <c r="PFW654" s="613"/>
      <c r="PFX654" s="613"/>
      <c r="PFY654" s="613"/>
      <c r="PFZ654" s="613"/>
      <c r="PGA654" s="613"/>
      <c r="PGB654" s="613"/>
      <c r="PGC654" s="613"/>
      <c r="PGD654" s="613"/>
      <c r="PGE654" s="613"/>
      <c r="PGF654" s="613"/>
      <c r="PGG654" s="613"/>
      <c r="PGH654" s="613"/>
      <c r="PGI654" s="613"/>
      <c r="PGJ654" s="613"/>
      <c r="PGK654" s="613"/>
      <c r="PGL654" s="613"/>
      <c r="PGM654" s="613"/>
      <c r="PGN654" s="613"/>
      <c r="PGO654" s="613"/>
      <c r="PGP654" s="613"/>
      <c r="PGQ654" s="613"/>
      <c r="PGR654" s="613"/>
      <c r="PGS654" s="613"/>
      <c r="PGT654" s="613"/>
      <c r="PGU654" s="613"/>
      <c r="PGV654" s="613"/>
      <c r="PGW654" s="613"/>
      <c r="PGX654" s="613"/>
      <c r="PGY654" s="613"/>
      <c r="PGZ654" s="613"/>
      <c r="PHA654" s="613"/>
      <c r="PHB654" s="613"/>
      <c r="PHC654" s="613"/>
      <c r="PHD654" s="613"/>
      <c r="PHE654" s="613"/>
      <c r="PHF654" s="613"/>
      <c r="PHG654" s="613"/>
      <c r="PHH654" s="613"/>
      <c r="PHI654" s="613"/>
      <c r="PHJ654" s="613"/>
      <c r="PHK654" s="613"/>
      <c r="PHL654" s="613"/>
      <c r="PHM654" s="613"/>
      <c r="PHN654" s="613"/>
      <c r="PHO654" s="613"/>
      <c r="PHP654" s="613"/>
      <c r="PHQ654" s="613"/>
      <c r="PHR654" s="613"/>
      <c r="PHS654" s="613"/>
      <c r="PHT654" s="613"/>
      <c r="PHU654" s="613"/>
      <c r="PHV654" s="613"/>
      <c r="PHW654" s="613"/>
      <c r="PHX654" s="613"/>
      <c r="PHY654" s="613"/>
      <c r="PHZ654" s="613"/>
      <c r="PIA654" s="613"/>
      <c r="PIB654" s="613"/>
      <c r="PIC654" s="613"/>
      <c r="PID654" s="613"/>
      <c r="PIE654" s="613"/>
      <c r="PIF654" s="613"/>
      <c r="PIG654" s="613"/>
      <c r="PIH654" s="613"/>
      <c r="PII654" s="613"/>
      <c r="PIJ654" s="613"/>
      <c r="PIK654" s="613"/>
      <c r="PIL654" s="613"/>
      <c r="PIM654" s="613"/>
      <c r="PIN654" s="613"/>
      <c r="PIO654" s="613"/>
      <c r="PIP654" s="613"/>
      <c r="PIQ654" s="613"/>
      <c r="PIR654" s="613"/>
      <c r="PIS654" s="613"/>
      <c r="PIT654" s="613"/>
      <c r="PIU654" s="613"/>
      <c r="PIV654" s="613"/>
      <c r="PIW654" s="613"/>
      <c r="PIX654" s="613"/>
      <c r="PIY654" s="613"/>
      <c r="PIZ654" s="613"/>
      <c r="PJA654" s="613"/>
      <c r="PJB654" s="613"/>
      <c r="PJC654" s="613"/>
      <c r="PJD654" s="613"/>
      <c r="PJE654" s="613"/>
      <c r="PJF654" s="613"/>
      <c r="PJG654" s="613"/>
      <c r="PJH654" s="613"/>
      <c r="PJI654" s="613"/>
      <c r="PJJ654" s="613"/>
      <c r="PJK654" s="613"/>
      <c r="PJL654" s="613"/>
      <c r="PJM654" s="613"/>
      <c r="PJN654" s="613"/>
      <c r="PJO654" s="613"/>
      <c r="PJP654" s="613"/>
      <c r="PJQ654" s="613"/>
      <c r="PJR654" s="613"/>
      <c r="PJS654" s="613"/>
      <c r="PJT654" s="613"/>
      <c r="PJU654" s="613"/>
      <c r="PJV654" s="613"/>
      <c r="PJW654" s="613"/>
      <c r="PJX654" s="613"/>
      <c r="PJY654" s="613"/>
      <c r="PJZ654" s="613"/>
      <c r="PKA654" s="613"/>
      <c r="PKB654" s="613"/>
      <c r="PKC654" s="613"/>
      <c r="PKD654" s="613"/>
      <c r="PKE654" s="613"/>
      <c r="PKF654" s="613"/>
      <c r="PKG654" s="613"/>
      <c r="PKH654" s="613"/>
      <c r="PKI654" s="613"/>
      <c r="PKJ654" s="613"/>
      <c r="PKK654" s="613"/>
      <c r="PKL654" s="613"/>
      <c r="PKM654" s="613"/>
      <c r="PKN654" s="613"/>
      <c r="PKO654" s="613"/>
      <c r="PKP654" s="613"/>
      <c r="PKQ654" s="613"/>
      <c r="PKR654" s="613"/>
      <c r="PKS654" s="613"/>
      <c r="PKT654" s="613"/>
      <c r="PKU654" s="613"/>
      <c r="PKV654" s="613"/>
      <c r="PKW654" s="613"/>
      <c r="PKX654" s="613"/>
      <c r="PKY654" s="613"/>
      <c r="PKZ654" s="613"/>
      <c r="PLA654" s="613"/>
      <c r="PLB654" s="613"/>
      <c r="PLC654" s="613"/>
      <c r="PLD654" s="613"/>
      <c r="PLE654" s="613"/>
      <c r="PLF654" s="613"/>
      <c r="PLG654" s="613"/>
      <c r="PLH654" s="613"/>
      <c r="PLI654" s="613"/>
      <c r="PLJ654" s="613"/>
      <c r="PLK654" s="613"/>
      <c r="PLL654" s="613"/>
      <c r="PLM654" s="613"/>
      <c r="PLN654" s="613"/>
      <c r="PLO654" s="613"/>
      <c r="PLP654" s="613"/>
      <c r="PLQ654" s="613"/>
      <c r="PLR654" s="613"/>
      <c r="PLS654" s="613"/>
      <c r="PLT654" s="613"/>
      <c r="PLU654" s="613"/>
      <c r="PLV654" s="613"/>
      <c r="PLW654" s="613"/>
      <c r="PLX654" s="613"/>
      <c r="PLY654" s="613"/>
      <c r="PLZ654" s="613"/>
      <c r="PMA654" s="613"/>
      <c r="PMB654" s="613"/>
      <c r="PMC654" s="613"/>
      <c r="PMD654" s="613"/>
      <c r="PME654" s="613"/>
      <c r="PMF654" s="613"/>
      <c r="PMG654" s="613"/>
      <c r="PMH654" s="613"/>
      <c r="PMI654" s="613"/>
      <c r="PMJ654" s="613"/>
      <c r="PMK654" s="613"/>
      <c r="PML654" s="613"/>
      <c r="PMM654" s="613"/>
      <c r="PMN654" s="613"/>
      <c r="PMO654" s="613"/>
      <c r="PMP654" s="613"/>
      <c r="PMQ654" s="613"/>
      <c r="PMR654" s="613"/>
      <c r="PMS654" s="613"/>
      <c r="PMT654" s="613"/>
      <c r="PMU654" s="613"/>
      <c r="PMV654" s="613"/>
      <c r="PMW654" s="613"/>
      <c r="PMX654" s="613"/>
      <c r="PMY654" s="613"/>
      <c r="PMZ654" s="613"/>
      <c r="PNA654" s="613"/>
      <c r="PNB654" s="613"/>
      <c r="PNC654" s="613"/>
      <c r="PND654" s="613"/>
      <c r="PNE654" s="613"/>
      <c r="PNF654" s="613"/>
      <c r="PNG654" s="613"/>
      <c r="PNH654" s="613"/>
      <c r="PNI654" s="613"/>
      <c r="PNJ654" s="613"/>
      <c r="PNK654" s="613"/>
      <c r="PNL654" s="613"/>
      <c r="PNM654" s="613"/>
      <c r="PNN654" s="613"/>
      <c r="PNO654" s="613"/>
      <c r="PNP654" s="613"/>
      <c r="PNQ654" s="613"/>
      <c r="PNR654" s="613"/>
      <c r="PNS654" s="613"/>
      <c r="PNT654" s="613"/>
      <c r="PNU654" s="613"/>
      <c r="PNV654" s="613"/>
      <c r="PNW654" s="613"/>
      <c r="PNX654" s="613"/>
      <c r="PNY654" s="613"/>
      <c r="PNZ654" s="613"/>
      <c r="POA654" s="613"/>
      <c r="POB654" s="613"/>
      <c r="POC654" s="613"/>
      <c r="POD654" s="613"/>
      <c r="POE654" s="613"/>
      <c r="POF654" s="613"/>
      <c r="POG654" s="613"/>
      <c r="POH654" s="613"/>
      <c r="POI654" s="613"/>
      <c r="POJ654" s="613"/>
      <c r="POK654" s="613"/>
      <c r="POL654" s="613"/>
      <c r="POM654" s="613"/>
      <c r="PON654" s="613"/>
      <c r="POO654" s="613"/>
      <c r="POP654" s="613"/>
      <c r="POQ654" s="613"/>
      <c r="POR654" s="613"/>
      <c r="POS654" s="613"/>
      <c r="POT654" s="613"/>
      <c r="POU654" s="613"/>
      <c r="POV654" s="613"/>
      <c r="POW654" s="613"/>
      <c r="POX654" s="613"/>
      <c r="POY654" s="613"/>
      <c r="POZ654" s="613"/>
      <c r="PPA654" s="613"/>
      <c r="PPB654" s="613"/>
      <c r="PPC654" s="613"/>
      <c r="PPD654" s="613"/>
      <c r="PPE654" s="613"/>
      <c r="PPF654" s="613"/>
      <c r="PPG654" s="613"/>
      <c r="PPH654" s="613"/>
      <c r="PPI654" s="613"/>
      <c r="PPJ654" s="613"/>
      <c r="PPK654" s="613"/>
      <c r="PPL654" s="613"/>
      <c r="PPM654" s="613"/>
      <c r="PPN654" s="613"/>
      <c r="PPO654" s="613"/>
      <c r="PPP654" s="613"/>
      <c r="PPQ654" s="613"/>
      <c r="PPR654" s="613"/>
      <c r="PPS654" s="613"/>
      <c r="PPT654" s="613"/>
      <c r="PPU654" s="613"/>
      <c r="PPV654" s="613"/>
      <c r="PPW654" s="613"/>
      <c r="PPX654" s="613"/>
      <c r="PPY654" s="613"/>
      <c r="PPZ654" s="613"/>
      <c r="PQA654" s="613"/>
      <c r="PQB654" s="613"/>
      <c r="PQC654" s="613"/>
      <c r="PQD654" s="613"/>
      <c r="PQE654" s="613"/>
      <c r="PQF654" s="613"/>
      <c r="PQG654" s="613"/>
      <c r="PQH654" s="613"/>
      <c r="PQI654" s="613"/>
      <c r="PQJ654" s="613"/>
      <c r="PQK654" s="613"/>
      <c r="PQL654" s="613"/>
      <c r="PQM654" s="613"/>
      <c r="PQN654" s="613"/>
      <c r="PQO654" s="613"/>
      <c r="PQP654" s="613"/>
      <c r="PQQ654" s="613"/>
      <c r="PQR654" s="613"/>
      <c r="PQS654" s="613"/>
      <c r="PQT654" s="613"/>
      <c r="PQU654" s="613"/>
      <c r="PQV654" s="613"/>
      <c r="PQW654" s="613"/>
      <c r="PQX654" s="613"/>
      <c r="PQY654" s="613"/>
      <c r="PQZ654" s="613"/>
      <c r="PRA654" s="613"/>
      <c r="PRB654" s="613"/>
      <c r="PRC654" s="613"/>
      <c r="PRD654" s="613"/>
      <c r="PRE654" s="613"/>
      <c r="PRF654" s="613"/>
      <c r="PRG654" s="613"/>
      <c r="PRH654" s="613"/>
      <c r="PRI654" s="613"/>
      <c r="PRJ654" s="613"/>
      <c r="PRK654" s="613"/>
      <c r="PRL654" s="613"/>
      <c r="PRM654" s="613"/>
      <c r="PRN654" s="613"/>
      <c r="PRO654" s="613"/>
      <c r="PRP654" s="613"/>
      <c r="PRQ654" s="613"/>
      <c r="PRR654" s="613"/>
      <c r="PRS654" s="613"/>
      <c r="PRT654" s="613"/>
      <c r="PRU654" s="613"/>
      <c r="PRV654" s="613"/>
      <c r="PRW654" s="613"/>
      <c r="PRX654" s="613"/>
      <c r="PRY654" s="613"/>
      <c r="PRZ654" s="613"/>
      <c r="PSA654" s="613"/>
      <c r="PSB654" s="613"/>
      <c r="PSC654" s="613"/>
      <c r="PSD654" s="613"/>
      <c r="PSE654" s="613"/>
      <c r="PSF654" s="613"/>
      <c r="PSG654" s="613"/>
      <c r="PSH654" s="613"/>
      <c r="PSI654" s="613"/>
      <c r="PSJ654" s="613"/>
      <c r="PSK654" s="613"/>
      <c r="PSL654" s="613"/>
      <c r="PSM654" s="613"/>
      <c r="PSN654" s="613"/>
      <c r="PSO654" s="613"/>
      <c r="PSP654" s="613"/>
      <c r="PSQ654" s="613"/>
      <c r="PSR654" s="613"/>
      <c r="PSS654" s="613"/>
      <c r="PST654" s="613"/>
      <c r="PSU654" s="613"/>
      <c r="PSV654" s="613"/>
      <c r="PSW654" s="613"/>
      <c r="PSX654" s="613"/>
      <c r="PSY654" s="613"/>
      <c r="PSZ654" s="613"/>
      <c r="PTA654" s="613"/>
      <c r="PTB654" s="613"/>
      <c r="PTC654" s="613"/>
      <c r="PTD654" s="613"/>
      <c r="PTE654" s="613"/>
      <c r="PTF654" s="613"/>
      <c r="PTG654" s="613"/>
      <c r="PTH654" s="613"/>
      <c r="PTI654" s="613"/>
      <c r="PTJ654" s="613"/>
      <c r="PTK654" s="613"/>
      <c r="PTL654" s="613"/>
      <c r="PTM654" s="613"/>
      <c r="PTN654" s="613"/>
      <c r="PTO654" s="613"/>
      <c r="PTP654" s="613"/>
      <c r="PTQ654" s="613"/>
      <c r="PTR654" s="613"/>
      <c r="PTS654" s="613"/>
      <c r="PTT654" s="613"/>
      <c r="PTU654" s="613"/>
      <c r="PTV654" s="613"/>
      <c r="PTW654" s="613"/>
      <c r="PTX654" s="613"/>
      <c r="PTY654" s="613"/>
      <c r="PTZ654" s="613"/>
      <c r="PUA654" s="613"/>
      <c r="PUB654" s="613"/>
      <c r="PUC654" s="613"/>
      <c r="PUD654" s="613"/>
      <c r="PUE654" s="613"/>
      <c r="PUF654" s="613"/>
      <c r="PUG654" s="613"/>
      <c r="PUH654" s="613"/>
      <c r="PUI654" s="613"/>
      <c r="PUJ654" s="613"/>
      <c r="PUK654" s="613"/>
      <c r="PUL654" s="613"/>
      <c r="PUM654" s="613"/>
      <c r="PUN654" s="613"/>
      <c r="PUO654" s="613"/>
      <c r="PUP654" s="613"/>
      <c r="PUQ654" s="613"/>
      <c r="PUR654" s="613"/>
      <c r="PUS654" s="613"/>
      <c r="PUT654" s="613"/>
      <c r="PUU654" s="613"/>
      <c r="PUV654" s="613"/>
      <c r="PUW654" s="613"/>
      <c r="PUX654" s="613"/>
      <c r="PUY654" s="613"/>
      <c r="PUZ654" s="613"/>
      <c r="PVA654" s="613"/>
      <c r="PVB654" s="613"/>
      <c r="PVC654" s="613"/>
      <c r="PVD654" s="613"/>
      <c r="PVE654" s="613"/>
      <c r="PVF654" s="613"/>
      <c r="PVG654" s="613"/>
      <c r="PVH654" s="613"/>
      <c r="PVI654" s="613"/>
      <c r="PVJ654" s="613"/>
      <c r="PVK654" s="613"/>
      <c r="PVL654" s="613"/>
      <c r="PVM654" s="613"/>
      <c r="PVN654" s="613"/>
      <c r="PVO654" s="613"/>
      <c r="PVP654" s="613"/>
      <c r="PVQ654" s="613"/>
      <c r="PVR654" s="613"/>
      <c r="PVS654" s="613"/>
      <c r="PVT654" s="613"/>
      <c r="PVU654" s="613"/>
      <c r="PVV654" s="613"/>
      <c r="PVW654" s="613"/>
      <c r="PVX654" s="613"/>
      <c r="PVY654" s="613"/>
      <c r="PVZ654" s="613"/>
      <c r="PWA654" s="613"/>
      <c r="PWB654" s="613"/>
      <c r="PWC654" s="613"/>
      <c r="PWD654" s="613"/>
      <c r="PWE654" s="613"/>
      <c r="PWF654" s="613"/>
      <c r="PWG654" s="613"/>
      <c r="PWH654" s="613"/>
      <c r="PWI654" s="613"/>
      <c r="PWJ654" s="613"/>
      <c r="PWK654" s="613"/>
      <c r="PWL654" s="613"/>
      <c r="PWM654" s="613"/>
      <c r="PWN654" s="613"/>
      <c r="PWO654" s="613"/>
      <c r="PWP654" s="613"/>
      <c r="PWQ654" s="613"/>
      <c r="PWR654" s="613"/>
      <c r="PWS654" s="613"/>
      <c r="PWT654" s="613"/>
      <c r="PWU654" s="613"/>
      <c r="PWV654" s="613"/>
      <c r="PWW654" s="613"/>
      <c r="PWX654" s="613"/>
      <c r="PWY654" s="613"/>
      <c r="PWZ654" s="613"/>
      <c r="PXA654" s="613"/>
      <c r="PXB654" s="613"/>
      <c r="PXC654" s="613"/>
      <c r="PXD654" s="613"/>
      <c r="PXE654" s="613"/>
      <c r="PXF654" s="613"/>
      <c r="PXG654" s="613"/>
      <c r="PXH654" s="613"/>
      <c r="PXI654" s="613"/>
      <c r="PXJ654" s="613"/>
      <c r="PXK654" s="613"/>
      <c r="PXL654" s="613"/>
      <c r="PXM654" s="613"/>
      <c r="PXN654" s="613"/>
      <c r="PXO654" s="613"/>
      <c r="PXP654" s="613"/>
      <c r="PXQ654" s="613"/>
      <c r="PXR654" s="613"/>
      <c r="PXS654" s="613"/>
      <c r="PXT654" s="613"/>
      <c r="PXU654" s="613"/>
      <c r="PXV654" s="613"/>
      <c r="PXW654" s="613"/>
      <c r="PXX654" s="613"/>
      <c r="PXY654" s="613"/>
      <c r="PXZ654" s="613"/>
      <c r="PYA654" s="613"/>
      <c r="PYB654" s="613"/>
      <c r="PYC654" s="613"/>
      <c r="PYD654" s="613"/>
      <c r="PYE654" s="613"/>
      <c r="PYF654" s="613"/>
      <c r="PYG654" s="613"/>
      <c r="PYH654" s="613"/>
      <c r="PYI654" s="613"/>
      <c r="PYJ654" s="613"/>
      <c r="PYK654" s="613"/>
      <c r="PYL654" s="613"/>
      <c r="PYM654" s="613"/>
      <c r="PYN654" s="613"/>
      <c r="PYO654" s="613"/>
      <c r="PYP654" s="613"/>
      <c r="PYQ654" s="613"/>
      <c r="PYR654" s="613"/>
      <c r="PYS654" s="613"/>
      <c r="PYT654" s="613"/>
      <c r="PYU654" s="613"/>
      <c r="PYV654" s="613"/>
      <c r="PYW654" s="613"/>
      <c r="PYX654" s="613"/>
      <c r="PYY654" s="613"/>
      <c r="PYZ654" s="613"/>
      <c r="PZA654" s="613"/>
      <c r="PZB654" s="613"/>
      <c r="PZC654" s="613"/>
      <c r="PZD654" s="613"/>
      <c r="PZE654" s="613"/>
      <c r="PZF654" s="613"/>
      <c r="PZG654" s="613"/>
      <c r="PZH654" s="613"/>
      <c r="PZI654" s="613"/>
      <c r="PZJ654" s="613"/>
      <c r="PZK654" s="613"/>
      <c r="PZL654" s="613"/>
      <c r="PZM654" s="613"/>
      <c r="PZN654" s="613"/>
      <c r="PZO654" s="613"/>
      <c r="PZP654" s="613"/>
      <c r="PZQ654" s="613"/>
      <c r="PZR654" s="613"/>
      <c r="PZS654" s="613"/>
      <c r="PZT654" s="613"/>
      <c r="PZU654" s="613"/>
      <c r="PZV654" s="613"/>
      <c r="PZW654" s="613"/>
      <c r="PZX654" s="613"/>
      <c r="PZY654" s="613"/>
      <c r="PZZ654" s="613"/>
      <c r="QAA654" s="613"/>
      <c r="QAB654" s="613"/>
      <c r="QAC654" s="613"/>
      <c r="QAD654" s="613"/>
      <c r="QAE654" s="613"/>
      <c r="QAF654" s="613"/>
      <c r="QAG654" s="613"/>
      <c r="QAH654" s="613"/>
      <c r="QAI654" s="613"/>
      <c r="QAJ654" s="613"/>
      <c r="QAK654" s="613"/>
      <c r="QAL654" s="613"/>
      <c r="QAM654" s="613"/>
      <c r="QAN654" s="613"/>
      <c r="QAO654" s="613"/>
      <c r="QAP654" s="613"/>
      <c r="QAQ654" s="613"/>
      <c r="QAR654" s="613"/>
      <c r="QAS654" s="613"/>
      <c r="QAT654" s="613"/>
      <c r="QAU654" s="613"/>
      <c r="QAV654" s="613"/>
      <c r="QAW654" s="613"/>
      <c r="QAX654" s="613"/>
      <c r="QAY654" s="613"/>
      <c r="QAZ654" s="613"/>
      <c r="QBA654" s="613"/>
      <c r="QBB654" s="613"/>
      <c r="QBC654" s="613"/>
      <c r="QBD654" s="613"/>
      <c r="QBE654" s="613"/>
      <c r="QBF654" s="613"/>
      <c r="QBG654" s="613"/>
      <c r="QBH654" s="613"/>
      <c r="QBI654" s="613"/>
      <c r="QBJ654" s="613"/>
      <c r="QBK654" s="613"/>
      <c r="QBL654" s="613"/>
      <c r="QBM654" s="613"/>
      <c r="QBN654" s="613"/>
      <c r="QBO654" s="613"/>
      <c r="QBP654" s="613"/>
      <c r="QBQ654" s="613"/>
      <c r="QBR654" s="613"/>
      <c r="QBS654" s="613"/>
      <c r="QBT654" s="613"/>
      <c r="QBU654" s="613"/>
      <c r="QBV654" s="613"/>
      <c r="QBW654" s="613"/>
      <c r="QBX654" s="613"/>
      <c r="QBY654" s="613"/>
      <c r="QBZ654" s="613"/>
      <c r="QCA654" s="613"/>
      <c r="QCB654" s="613"/>
      <c r="QCC654" s="613"/>
      <c r="QCD654" s="613"/>
      <c r="QCE654" s="613"/>
      <c r="QCF654" s="613"/>
      <c r="QCG654" s="613"/>
      <c r="QCH654" s="613"/>
      <c r="QCI654" s="613"/>
      <c r="QCJ654" s="613"/>
      <c r="QCK654" s="613"/>
      <c r="QCL654" s="613"/>
      <c r="QCM654" s="613"/>
      <c r="QCN654" s="613"/>
      <c r="QCO654" s="613"/>
      <c r="QCP654" s="613"/>
      <c r="QCQ654" s="613"/>
      <c r="QCR654" s="613"/>
      <c r="QCS654" s="613"/>
      <c r="QCT654" s="613"/>
      <c r="QCU654" s="613"/>
      <c r="QCV654" s="613"/>
      <c r="QCW654" s="613"/>
      <c r="QCX654" s="613"/>
      <c r="QCY654" s="613"/>
      <c r="QCZ654" s="613"/>
      <c r="QDA654" s="613"/>
      <c r="QDB654" s="613"/>
      <c r="QDC654" s="613"/>
      <c r="QDD654" s="613"/>
      <c r="QDE654" s="613"/>
      <c r="QDF654" s="613"/>
      <c r="QDG654" s="613"/>
      <c r="QDH654" s="613"/>
      <c r="QDI654" s="613"/>
      <c r="QDJ654" s="613"/>
      <c r="QDK654" s="613"/>
      <c r="QDL654" s="613"/>
      <c r="QDM654" s="613"/>
      <c r="QDN654" s="613"/>
      <c r="QDO654" s="613"/>
      <c r="QDP654" s="613"/>
      <c r="QDQ654" s="613"/>
      <c r="QDR654" s="613"/>
      <c r="QDS654" s="613"/>
      <c r="QDT654" s="613"/>
      <c r="QDU654" s="613"/>
      <c r="QDV654" s="613"/>
      <c r="QDW654" s="613"/>
      <c r="QDX654" s="613"/>
      <c r="QDY654" s="613"/>
      <c r="QDZ654" s="613"/>
      <c r="QEA654" s="613"/>
      <c r="QEB654" s="613"/>
      <c r="QEC654" s="613"/>
      <c r="QED654" s="613"/>
      <c r="QEE654" s="613"/>
      <c r="QEF654" s="613"/>
      <c r="QEG654" s="613"/>
      <c r="QEH654" s="613"/>
      <c r="QEI654" s="613"/>
      <c r="QEJ654" s="613"/>
      <c r="QEK654" s="613"/>
      <c r="QEL654" s="613"/>
      <c r="QEM654" s="613"/>
      <c r="QEN654" s="613"/>
      <c r="QEO654" s="613"/>
      <c r="QEP654" s="613"/>
      <c r="QEQ654" s="613"/>
      <c r="QER654" s="613"/>
      <c r="QES654" s="613"/>
      <c r="QET654" s="613"/>
      <c r="QEU654" s="613"/>
      <c r="QEV654" s="613"/>
      <c r="QEW654" s="613"/>
      <c r="QEX654" s="613"/>
      <c r="QEY654" s="613"/>
      <c r="QEZ654" s="613"/>
      <c r="QFA654" s="613"/>
      <c r="QFB654" s="613"/>
      <c r="QFC654" s="613"/>
      <c r="QFD654" s="613"/>
      <c r="QFE654" s="613"/>
      <c r="QFF654" s="613"/>
      <c r="QFG654" s="613"/>
      <c r="QFH654" s="613"/>
      <c r="QFI654" s="613"/>
      <c r="QFJ654" s="613"/>
      <c r="QFK654" s="613"/>
      <c r="QFL654" s="613"/>
      <c r="QFM654" s="613"/>
      <c r="QFN654" s="613"/>
      <c r="QFO654" s="613"/>
      <c r="QFP654" s="613"/>
      <c r="QFQ654" s="613"/>
      <c r="QFR654" s="613"/>
      <c r="QFS654" s="613"/>
      <c r="QFT654" s="613"/>
      <c r="QFU654" s="613"/>
      <c r="QFV654" s="613"/>
      <c r="QFW654" s="613"/>
      <c r="QFX654" s="613"/>
      <c r="QFY654" s="613"/>
      <c r="QFZ654" s="613"/>
      <c r="QGA654" s="613"/>
      <c r="QGB654" s="613"/>
      <c r="QGC654" s="613"/>
      <c r="QGD654" s="613"/>
      <c r="QGE654" s="613"/>
      <c r="QGF654" s="613"/>
      <c r="QGG654" s="613"/>
      <c r="QGH654" s="613"/>
      <c r="QGI654" s="613"/>
      <c r="QGJ654" s="613"/>
      <c r="QGK654" s="613"/>
      <c r="QGL654" s="613"/>
      <c r="QGM654" s="613"/>
      <c r="QGN654" s="613"/>
      <c r="QGO654" s="613"/>
      <c r="QGP654" s="613"/>
      <c r="QGQ654" s="613"/>
      <c r="QGR654" s="613"/>
      <c r="QGS654" s="613"/>
      <c r="QGT654" s="613"/>
      <c r="QGU654" s="613"/>
      <c r="QGV654" s="613"/>
      <c r="QGW654" s="613"/>
      <c r="QGX654" s="613"/>
      <c r="QGY654" s="613"/>
      <c r="QGZ654" s="613"/>
      <c r="QHA654" s="613"/>
      <c r="QHB654" s="613"/>
      <c r="QHC654" s="613"/>
      <c r="QHD654" s="613"/>
      <c r="QHE654" s="613"/>
      <c r="QHF654" s="613"/>
      <c r="QHG654" s="613"/>
      <c r="QHH654" s="613"/>
      <c r="QHI654" s="613"/>
      <c r="QHJ654" s="613"/>
      <c r="QHK654" s="613"/>
      <c r="QHL654" s="613"/>
      <c r="QHM654" s="613"/>
      <c r="QHN654" s="613"/>
      <c r="QHO654" s="613"/>
      <c r="QHP654" s="613"/>
      <c r="QHQ654" s="613"/>
      <c r="QHR654" s="613"/>
      <c r="QHS654" s="613"/>
      <c r="QHT654" s="613"/>
      <c r="QHU654" s="613"/>
      <c r="QHV654" s="613"/>
      <c r="QHW654" s="613"/>
      <c r="QHX654" s="613"/>
      <c r="QHY654" s="613"/>
      <c r="QHZ654" s="613"/>
      <c r="QIA654" s="613"/>
      <c r="QIB654" s="613"/>
      <c r="QIC654" s="613"/>
      <c r="QID654" s="613"/>
      <c r="QIE654" s="613"/>
      <c r="QIF654" s="613"/>
      <c r="QIG654" s="613"/>
      <c r="QIH654" s="613"/>
      <c r="QII654" s="613"/>
      <c r="QIJ654" s="613"/>
      <c r="QIK654" s="613"/>
      <c r="QIL654" s="613"/>
      <c r="QIM654" s="613"/>
      <c r="QIN654" s="613"/>
      <c r="QIO654" s="613"/>
      <c r="QIP654" s="613"/>
      <c r="QIQ654" s="613"/>
      <c r="QIR654" s="613"/>
      <c r="QIS654" s="613"/>
      <c r="QIT654" s="613"/>
      <c r="QIU654" s="613"/>
      <c r="QIV654" s="613"/>
      <c r="QIW654" s="613"/>
      <c r="QIX654" s="613"/>
      <c r="QIY654" s="613"/>
      <c r="QIZ654" s="613"/>
      <c r="QJA654" s="613"/>
      <c r="QJB654" s="613"/>
      <c r="QJC654" s="613"/>
      <c r="QJD654" s="613"/>
      <c r="QJE654" s="613"/>
      <c r="QJF654" s="613"/>
      <c r="QJG654" s="613"/>
      <c r="QJH654" s="613"/>
      <c r="QJI654" s="613"/>
      <c r="QJJ654" s="613"/>
      <c r="QJK654" s="613"/>
      <c r="QJL654" s="613"/>
      <c r="QJM654" s="613"/>
      <c r="QJN654" s="613"/>
      <c r="QJO654" s="613"/>
      <c r="QJP654" s="613"/>
      <c r="QJQ654" s="613"/>
      <c r="QJR654" s="613"/>
      <c r="QJS654" s="613"/>
      <c r="QJT654" s="613"/>
      <c r="QJU654" s="613"/>
      <c r="QJV654" s="613"/>
      <c r="QJW654" s="613"/>
      <c r="QJX654" s="613"/>
      <c r="QJY654" s="613"/>
      <c r="QJZ654" s="613"/>
      <c r="QKA654" s="613"/>
      <c r="QKB654" s="613"/>
      <c r="QKC654" s="613"/>
      <c r="QKD654" s="613"/>
      <c r="QKE654" s="613"/>
      <c r="QKF654" s="613"/>
      <c r="QKG654" s="613"/>
      <c r="QKH654" s="613"/>
      <c r="QKI654" s="613"/>
      <c r="QKJ654" s="613"/>
      <c r="QKK654" s="613"/>
      <c r="QKL654" s="613"/>
      <c r="QKM654" s="613"/>
      <c r="QKN654" s="613"/>
      <c r="QKO654" s="613"/>
      <c r="QKP654" s="613"/>
      <c r="QKQ654" s="613"/>
      <c r="QKR654" s="613"/>
      <c r="QKS654" s="613"/>
      <c r="QKT654" s="613"/>
      <c r="QKU654" s="613"/>
      <c r="QKV654" s="613"/>
      <c r="QKW654" s="613"/>
      <c r="QKX654" s="613"/>
      <c r="QKY654" s="613"/>
      <c r="QKZ654" s="613"/>
      <c r="QLA654" s="613"/>
      <c r="QLB654" s="613"/>
      <c r="QLC654" s="613"/>
      <c r="QLD654" s="613"/>
      <c r="QLE654" s="613"/>
      <c r="QLF654" s="613"/>
      <c r="QLG654" s="613"/>
      <c r="QLH654" s="613"/>
      <c r="QLI654" s="613"/>
      <c r="QLJ654" s="613"/>
      <c r="QLK654" s="613"/>
      <c r="QLL654" s="613"/>
      <c r="QLM654" s="613"/>
      <c r="QLN654" s="613"/>
      <c r="QLO654" s="613"/>
      <c r="QLP654" s="613"/>
      <c r="QLQ654" s="613"/>
      <c r="QLR654" s="613"/>
      <c r="QLS654" s="613"/>
      <c r="QLT654" s="613"/>
      <c r="QLU654" s="613"/>
      <c r="QLV654" s="613"/>
      <c r="QLW654" s="613"/>
      <c r="QLX654" s="613"/>
      <c r="QLY654" s="613"/>
      <c r="QLZ654" s="613"/>
      <c r="QMA654" s="613"/>
      <c r="QMB654" s="613"/>
      <c r="QMC654" s="613"/>
      <c r="QMD654" s="613"/>
      <c r="QME654" s="613"/>
      <c r="QMF654" s="613"/>
      <c r="QMG654" s="613"/>
      <c r="QMH654" s="613"/>
      <c r="QMI654" s="613"/>
      <c r="QMJ654" s="613"/>
      <c r="QMK654" s="613"/>
      <c r="QML654" s="613"/>
      <c r="QMM654" s="613"/>
      <c r="QMN654" s="613"/>
      <c r="QMO654" s="613"/>
      <c r="QMP654" s="613"/>
      <c r="QMQ654" s="613"/>
      <c r="QMR654" s="613"/>
      <c r="QMS654" s="613"/>
      <c r="QMT654" s="613"/>
      <c r="QMU654" s="613"/>
      <c r="QMV654" s="613"/>
      <c r="QMW654" s="613"/>
      <c r="QMX654" s="613"/>
      <c r="QMY654" s="613"/>
      <c r="QMZ654" s="613"/>
      <c r="QNA654" s="613"/>
      <c r="QNB654" s="613"/>
      <c r="QNC654" s="613"/>
      <c r="QND654" s="613"/>
      <c r="QNE654" s="613"/>
      <c r="QNF654" s="613"/>
      <c r="QNG654" s="613"/>
      <c r="QNH654" s="613"/>
      <c r="QNI654" s="613"/>
      <c r="QNJ654" s="613"/>
      <c r="QNK654" s="613"/>
      <c r="QNL654" s="613"/>
      <c r="QNM654" s="613"/>
      <c r="QNN654" s="613"/>
      <c r="QNO654" s="613"/>
      <c r="QNP654" s="613"/>
      <c r="QNQ654" s="613"/>
      <c r="QNR654" s="613"/>
      <c r="QNS654" s="613"/>
      <c r="QNT654" s="613"/>
      <c r="QNU654" s="613"/>
      <c r="QNV654" s="613"/>
      <c r="QNW654" s="613"/>
      <c r="QNX654" s="613"/>
      <c r="QNY654" s="613"/>
      <c r="QNZ654" s="613"/>
      <c r="QOA654" s="613"/>
      <c r="QOB654" s="613"/>
      <c r="QOC654" s="613"/>
      <c r="QOD654" s="613"/>
      <c r="QOE654" s="613"/>
      <c r="QOF654" s="613"/>
      <c r="QOG654" s="613"/>
      <c r="QOH654" s="613"/>
      <c r="QOI654" s="613"/>
      <c r="QOJ654" s="613"/>
      <c r="QOK654" s="613"/>
      <c r="QOL654" s="613"/>
      <c r="QOM654" s="613"/>
      <c r="QON654" s="613"/>
      <c r="QOO654" s="613"/>
      <c r="QOP654" s="613"/>
      <c r="QOQ654" s="613"/>
      <c r="QOR654" s="613"/>
      <c r="QOS654" s="613"/>
      <c r="QOT654" s="613"/>
      <c r="QOU654" s="613"/>
      <c r="QOV654" s="613"/>
      <c r="QOW654" s="613"/>
      <c r="QOX654" s="613"/>
      <c r="QOY654" s="613"/>
      <c r="QOZ654" s="613"/>
      <c r="QPA654" s="613"/>
      <c r="QPB654" s="613"/>
      <c r="QPC654" s="613"/>
      <c r="QPD654" s="613"/>
      <c r="QPE654" s="613"/>
      <c r="QPF654" s="613"/>
      <c r="QPG654" s="613"/>
      <c r="QPH654" s="613"/>
      <c r="QPI654" s="613"/>
      <c r="QPJ654" s="613"/>
      <c r="QPK654" s="613"/>
      <c r="QPL654" s="613"/>
      <c r="QPM654" s="613"/>
      <c r="QPN654" s="613"/>
      <c r="QPO654" s="613"/>
      <c r="QPP654" s="613"/>
      <c r="QPQ654" s="613"/>
      <c r="QPR654" s="613"/>
      <c r="QPS654" s="613"/>
      <c r="QPT654" s="613"/>
      <c r="QPU654" s="613"/>
      <c r="QPV654" s="613"/>
      <c r="QPW654" s="613"/>
      <c r="QPX654" s="613"/>
      <c r="QPY654" s="613"/>
      <c r="QPZ654" s="613"/>
      <c r="QQA654" s="613"/>
      <c r="QQB654" s="613"/>
      <c r="QQC654" s="613"/>
      <c r="QQD654" s="613"/>
      <c r="QQE654" s="613"/>
      <c r="QQF654" s="613"/>
      <c r="QQG654" s="613"/>
      <c r="QQH654" s="613"/>
      <c r="QQI654" s="613"/>
      <c r="QQJ654" s="613"/>
      <c r="QQK654" s="613"/>
      <c r="QQL654" s="613"/>
      <c r="QQM654" s="613"/>
      <c r="QQN654" s="613"/>
      <c r="QQO654" s="613"/>
      <c r="QQP654" s="613"/>
      <c r="QQQ654" s="613"/>
      <c r="QQR654" s="613"/>
      <c r="QQS654" s="613"/>
      <c r="QQT654" s="613"/>
      <c r="QQU654" s="613"/>
      <c r="QQV654" s="613"/>
      <c r="QQW654" s="613"/>
      <c r="QQX654" s="613"/>
      <c r="QQY654" s="613"/>
      <c r="QQZ654" s="613"/>
      <c r="QRA654" s="613"/>
      <c r="QRB654" s="613"/>
      <c r="QRC654" s="613"/>
      <c r="QRD654" s="613"/>
      <c r="QRE654" s="613"/>
      <c r="QRF654" s="613"/>
      <c r="QRG654" s="613"/>
      <c r="QRH654" s="613"/>
      <c r="QRI654" s="613"/>
      <c r="QRJ654" s="613"/>
      <c r="QRK654" s="613"/>
      <c r="QRL654" s="613"/>
      <c r="QRM654" s="613"/>
      <c r="QRN654" s="613"/>
      <c r="QRO654" s="613"/>
      <c r="QRP654" s="613"/>
      <c r="QRQ654" s="613"/>
      <c r="QRR654" s="613"/>
      <c r="QRS654" s="613"/>
      <c r="QRT654" s="613"/>
      <c r="QRU654" s="613"/>
      <c r="QRV654" s="613"/>
      <c r="QRW654" s="613"/>
      <c r="QRX654" s="613"/>
      <c r="QRY654" s="613"/>
      <c r="QRZ654" s="613"/>
      <c r="QSA654" s="613"/>
      <c r="QSB654" s="613"/>
      <c r="QSC654" s="613"/>
      <c r="QSD654" s="613"/>
      <c r="QSE654" s="613"/>
      <c r="QSF654" s="613"/>
      <c r="QSG654" s="613"/>
      <c r="QSH654" s="613"/>
      <c r="QSI654" s="613"/>
      <c r="QSJ654" s="613"/>
      <c r="QSK654" s="613"/>
      <c r="QSL654" s="613"/>
      <c r="QSM654" s="613"/>
      <c r="QSN654" s="613"/>
      <c r="QSO654" s="613"/>
      <c r="QSP654" s="613"/>
      <c r="QSQ654" s="613"/>
      <c r="QSR654" s="613"/>
      <c r="QSS654" s="613"/>
      <c r="QST654" s="613"/>
      <c r="QSU654" s="613"/>
      <c r="QSV654" s="613"/>
      <c r="QSW654" s="613"/>
      <c r="QSX654" s="613"/>
      <c r="QSY654" s="613"/>
      <c r="QSZ654" s="613"/>
      <c r="QTA654" s="613"/>
      <c r="QTB654" s="613"/>
      <c r="QTC654" s="613"/>
      <c r="QTD654" s="613"/>
      <c r="QTE654" s="613"/>
      <c r="QTF654" s="613"/>
      <c r="QTG654" s="613"/>
      <c r="QTH654" s="613"/>
      <c r="QTI654" s="613"/>
      <c r="QTJ654" s="613"/>
      <c r="QTK654" s="613"/>
      <c r="QTL654" s="613"/>
      <c r="QTM654" s="613"/>
      <c r="QTN654" s="613"/>
      <c r="QTO654" s="613"/>
      <c r="QTP654" s="613"/>
      <c r="QTQ654" s="613"/>
      <c r="QTR654" s="613"/>
      <c r="QTS654" s="613"/>
      <c r="QTT654" s="613"/>
      <c r="QTU654" s="613"/>
      <c r="QTV654" s="613"/>
      <c r="QTW654" s="613"/>
      <c r="QTX654" s="613"/>
      <c r="QTY654" s="613"/>
      <c r="QTZ654" s="613"/>
      <c r="QUA654" s="613"/>
      <c r="QUB654" s="613"/>
      <c r="QUC654" s="613"/>
      <c r="QUD654" s="613"/>
      <c r="QUE654" s="613"/>
      <c r="QUF654" s="613"/>
      <c r="QUG654" s="613"/>
      <c r="QUH654" s="613"/>
      <c r="QUI654" s="613"/>
      <c r="QUJ654" s="613"/>
      <c r="QUK654" s="613"/>
      <c r="QUL654" s="613"/>
      <c r="QUM654" s="613"/>
      <c r="QUN654" s="613"/>
      <c r="QUO654" s="613"/>
      <c r="QUP654" s="613"/>
      <c r="QUQ654" s="613"/>
      <c r="QUR654" s="613"/>
      <c r="QUS654" s="613"/>
      <c r="QUT654" s="613"/>
      <c r="QUU654" s="613"/>
      <c r="QUV654" s="613"/>
      <c r="QUW654" s="613"/>
      <c r="QUX654" s="613"/>
      <c r="QUY654" s="613"/>
      <c r="QUZ654" s="613"/>
      <c r="QVA654" s="613"/>
      <c r="QVB654" s="613"/>
      <c r="QVC654" s="613"/>
      <c r="QVD654" s="613"/>
      <c r="QVE654" s="613"/>
      <c r="QVF654" s="613"/>
      <c r="QVG654" s="613"/>
      <c r="QVH654" s="613"/>
      <c r="QVI654" s="613"/>
      <c r="QVJ654" s="613"/>
      <c r="QVK654" s="613"/>
      <c r="QVL654" s="613"/>
      <c r="QVM654" s="613"/>
      <c r="QVN654" s="613"/>
      <c r="QVO654" s="613"/>
      <c r="QVP654" s="613"/>
      <c r="QVQ654" s="613"/>
      <c r="QVR654" s="613"/>
      <c r="QVS654" s="613"/>
      <c r="QVT654" s="613"/>
      <c r="QVU654" s="613"/>
      <c r="QVV654" s="613"/>
      <c r="QVW654" s="613"/>
      <c r="QVX654" s="613"/>
      <c r="QVY654" s="613"/>
      <c r="QVZ654" s="613"/>
      <c r="QWA654" s="613"/>
      <c r="QWB654" s="613"/>
      <c r="QWC654" s="613"/>
      <c r="QWD654" s="613"/>
      <c r="QWE654" s="613"/>
      <c r="QWF654" s="613"/>
      <c r="QWG654" s="613"/>
      <c r="QWH654" s="613"/>
      <c r="QWI654" s="613"/>
      <c r="QWJ654" s="613"/>
      <c r="QWK654" s="613"/>
      <c r="QWL654" s="613"/>
      <c r="QWM654" s="613"/>
      <c r="QWN654" s="613"/>
      <c r="QWO654" s="613"/>
      <c r="QWP654" s="613"/>
      <c r="QWQ654" s="613"/>
      <c r="QWR654" s="613"/>
      <c r="QWS654" s="613"/>
      <c r="QWT654" s="613"/>
      <c r="QWU654" s="613"/>
      <c r="QWV654" s="613"/>
      <c r="QWW654" s="613"/>
      <c r="QWX654" s="613"/>
      <c r="QWY654" s="613"/>
      <c r="QWZ654" s="613"/>
      <c r="QXA654" s="613"/>
      <c r="QXB654" s="613"/>
      <c r="QXC654" s="613"/>
      <c r="QXD654" s="613"/>
      <c r="QXE654" s="613"/>
      <c r="QXF654" s="613"/>
      <c r="QXG654" s="613"/>
      <c r="QXH654" s="613"/>
      <c r="QXI654" s="613"/>
      <c r="QXJ654" s="613"/>
      <c r="QXK654" s="613"/>
      <c r="QXL654" s="613"/>
      <c r="QXM654" s="613"/>
      <c r="QXN654" s="613"/>
      <c r="QXO654" s="613"/>
      <c r="QXP654" s="613"/>
      <c r="QXQ654" s="613"/>
      <c r="QXR654" s="613"/>
      <c r="QXS654" s="613"/>
      <c r="QXT654" s="613"/>
      <c r="QXU654" s="613"/>
      <c r="QXV654" s="613"/>
      <c r="QXW654" s="613"/>
      <c r="QXX654" s="613"/>
      <c r="QXY654" s="613"/>
      <c r="QXZ654" s="613"/>
      <c r="QYA654" s="613"/>
      <c r="QYB654" s="613"/>
      <c r="QYC654" s="613"/>
      <c r="QYD654" s="613"/>
      <c r="QYE654" s="613"/>
      <c r="QYF654" s="613"/>
      <c r="QYG654" s="613"/>
      <c r="QYH654" s="613"/>
      <c r="QYI654" s="613"/>
      <c r="QYJ654" s="613"/>
      <c r="QYK654" s="613"/>
      <c r="QYL654" s="613"/>
      <c r="QYM654" s="613"/>
      <c r="QYN654" s="613"/>
      <c r="QYO654" s="613"/>
      <c r="QYP654" s="613"/>
      <c r="QYQ654" s="613"/>
      <c r="QYR654" s="613"/>
      <c r="QYS654" s="613"/>
      <c r="QYT654" s="613"/>
      <c r="QYU654" s="613"/>
      <c r="QYV654" s="613"/>
      <c r="QYW654" s="613"/>
      <c r="QYX654" s="613"/>
      <c r="QYY654" s="613"/>
      <c r="QYZ654" s="613"/>
      <c r="QZA654" s="613"/>
      <c r="QZB654" s="613"/>
      <c r="QZC654" s="613"/>
      <c r="QZD654" s="613"/>
      <c r="QZE654" s="613"/>
      <c r="QZF654" s="613"/>
      <c r="QZG654" s="613"/>
      <c r="QZH654" s="613"/>
      <c r="QZI654" s="613"/>
      <c r="QZJ654" s="613"/>
      <c r="QZK654" s="613"/>
      <c r="QZL654" s="613"/>
      <c r="QZM654" s="613"/>
      <c r="QZN654" s="613"/>
      <c r="QZO654" s="613"/>
      <c r="QZP654" s="613"/>
      <c r="QZQ654" s="613"/>
      <c r="QZR654" s="613"/>
      <c r="QZS654" s="613"/>
      <c r="QZT654" s="613"/>
      <c r="QZU654" s="613"/>
      <c r="QZV654" s="613"/>
      <c r="QZW654" s="613"/>
      <c r="QZX654" s="613"/>
      <c r="QZY654" s="613"/>
      <c r="QZZ654" s="613"/>
      <c r="RAA654" s="613"/>
      <c r="RAB654" s="613"/>
      <c r="RAC654" s="613"/>
      <c r="RAD654" s="613"/>
      <c r="RAE654" s="613"/>
      <c r="RAF654" s="613"/>
      <c r="RAG654" s="613"/>
      <c r="RAH654" s="613"/>
      <c r="RAI654" s="613"/>
      <c r="RAJ654" s="613"/>
      <c r="RAK654" s="613"/>
      <c r="RAL654" s="613"/>
      <c r="RAM654" s="613"/>
      <c r="RAN654" s="613"/>
      <c r="RAO654" s="613"/>
      <c r="RAP654" s="613"/>
      <c r="RAQ654" s="613"/>
      <c r="RAR654" s="613"/>
      <c r="RAS654" s="613"/>
      <c r="RAT654" s="613"/>
      <c r="RAU654" s="613"/>
      <c r="RAV654" s="613"/>
      <c r="RAW654" s="613"/>
      <c r="RAX654" s="613"/>
      <c r="RAY654" s="613"/>
      <c r="RAZ654" s="613"/>
      <c r="RBA654" s="613"/>
      <c r="RBB654" s="613"/>
      <c r="RBC654" s="613"/>
      <c r="RBD654" s="613"/>
      <c r="RBE654" s="613"/>
      <c r="RBF654" s="613"/>
      <c r="RBG654" s="613"/>
      <c r="RBH654" s="613"/>
      <c r="RBI654" s="613"/>
      <c r="RBJ654" s="613"/>
      <c r="RBK654" s="613"/>
      <c r="RBL654" s="613"/>
      <c r="RBM654" s="613"/>
      <c r="RBN654" s="613"/>
      <c r="RBO654" s="613"/>
      <c r="RBP654" s="613"/>
      <c r="RBQ654" s="613"/>
      <c r="RBR654" s="613"/>
      <c r="RBS654" s="613"/>
      <c r="RBT654" s="613"/>
      <c r="RBU654" s="613"/>
      <c r="RBV654" s="613"/>
      <c r="RBW654" s="613"/>
      <c r="RBX654" s="613"/>
      <c r="RBY654" s="613"/>
      <c r="RBZ654" s="613"/>
      <c r="RCA654" s="613"/>
      <c r="RCB654" s="613"/>
      <c r="RCC654" s="613"/>
      <c r="RCD654" s="613"/>
      <c r="RCE654" s="613"/>
      <c r="RCF654" s="613"/>
      <c r="RCG654" s="613"/>
      <c r="RCH654" s="613"/>
      <c r="RCI654" s="613"/>
      <c r="RCJ654" s="613"/>
      <c r="RCK654" s="613"/>
      <c r="RCL654" s="613"/>
      <c r="RCM654" s="613"/>
      <c r="RCN654" s="613"/>
      <c r="RCO654" s="613"/>
      <c r="RCP654" s="613"/>
      <c r="RCQ654" s="613"/>
      <c r="RCR654" s="613"/>
      <c r="RCS654" s="613"/>
      <c r="RCT654" s="613"/>
      <c r="RCU654" s="613"/>
      <c r="RCV654" s="613"/>
      <c r="RCW654" s="613"/>
      <c r="RCX654" s="613"/>
      <c r="RCY654" s="613"/>
      <c r="RCZ654" s="613"/>
      <c r="RDA654" s="613"/>
      <c r="RDB654" s="613"/>
      <c r="RDC654" s="613"/>
      <c r="RDD654" s="613"/>
      <c r="RDE654" s="613"/>
      <c r="RDF654" s="613"/>
      <c r="RDG654" s="613"/>
      <c r="RDH654" s="613"/>
      <c r="RDI654" s="613"/>
      <c r="RDJ654" s="613"/>
      <c r="RDK654" s="613"/>
      <c r="RDL654" s="613"/>
      <c r="RDM654" s="613"/>
      <c r="RDN654" s="613"/>
      <c r="RDO654" s="613"/>
      <c r="RDP654" s="613"/>
      <c r="RDQ654" s="613"/>
      <c r="RDR654" s="613"/>
      <c r="RDS654" s="613"/>
      <c r="RDT654" s="613"/>
      <c r="RDU654" s="613"/>
      <c r="RDV654" s="613"/>
      <c r="RDW654" s="613"/>
      <c r="RDX654" s="613"/>
      <c r="RDY654" s="613"/>
      <c r="RDZ654" s="613"/>
      <c r="REA654" s="613"/>
      <c r="REB654" s="613"/>
      <c r="REC654" s="613"/>
      <c r="RED654" s="613"/>
      <c r="REE654" s="613"/>
      <c r="REF654" s="613"/>
      <c r="REG654" s="613"/>
      <c r="REH654" s="613"/>
      <c r="REI654" s="613"/>
      <c r="REJ654" s="613"/>
      <c r="REK654" s="613"/>
      <c r="REL654" s="613"/>
      <c r="REM654" s="613"/>
      <c r="REN654" s="613"/>
      <c r="REO654" s="613"/>
      <c r="REP654" s="613"/>
      <c r="REQ654" s="613"/>
      <c r="RER654" s="613"/>
      <c r="RES654" s="613"/>
      <c r="RET654" s="613"/>
      <c r="REU654" s="613"/>
      <c r="REV654" s="613"/>
      <c r="REW654" s="613"/>
      <c r="REX654" s="613"/>
      <c r="REY654" s="613"/>
      <c r="REZ654" s="613"/>
      <c r="RFA654" s="613"/>
      <c r="RFB654" s="613"/>
      <c r="RFC654" s="613"/>
      <c r="RFD654" s="613"/>
      <c r="RFE654" s="613"/>
      <c r="RFF654" s="613"/>
      <c r="RFG654" s="613"/>
      <c r="RFH654" s="613"/>
      <c r="RFI654" s="613"/>
      <c r="RFJ654" s="613"/>
      <c r="RFK654" s="613"/>
      <c r="RFL654" s="613"/>
      <c r="RFM654" s="613"/>
      <c r="RFN654" s="613"/>
      <c r="RFO654" s="613"/>
      <c r="RFP654" s="613"/>
      <c r="RFQ654" s="613"/>
      <c r="RFR654" s="613"/>
      <c r="RFS654" s="613"/>
      <c r="RFT654" s="613"/>
      <c r="RFU654" s="613"/>
      <c r="RFV654" s="613"/>
      <c r="RFW654" s="613"/>
      <c r="RFX654" s="613"/>
      <c r="RFY654" s="613"/>
      <c r="RFZ654" s="613"/>
      <c r="RGA654" s="613"/>
      <c r="RGB654" s="613"/>
      <c r="RGC654" s="613"/>
      <c r="RGD654" s="613"/>
      <c r="RGE654" s="613"/>
      <c r="RGF654" s="613"/>
      <c r="RGG654" s="613"/>
      <c r="RGH654" s="613"/>
      <c r="RGI654" s="613"/>
      <c r="RGJ654" s="613"/>
      <c r="RGK654" s="613"/>
      <c r="RGL654" s="613"/>
      <c r="RGM654" s="613"/>
      <c r="RGN654" s="613"/>
      <c r="RGO654" s="613"/>
      <c r="RGP654" s="613"/>
      <c r="RGQ654" s="613"/>
      <c r="RGR654" s="613"/>
      <c r="RGS654" s="613"/>
      <c r="RGT654" s="613"/>
      <c r="RGU654" s="613"/>
      <c r="RGV654" s="613"/>
      <c r="RGW654" s="613"/>
      <c r="RGX654" s="613"/>
      <c r="RGY654" s="613"/>
      <c r="RGZ654" s="613"/>
      <c r="RHA654" s="613"/>
      <c r="RHB654" s="613"/>
      <c r="RHC654" s="613"/>
      <c r="RHD654" s="613"/>
      <c r="RHE654" s="613"/>
      <c r="RHF654" s="613"/>
      <c r="RHG654" s="613"/>
      <c r="RHH654" s="613"/>
      <c r="RHI654" s="613"/>
      <c r="RHJ654" s="613"/>
      <c r="RHK654" s="613"/>
      <c r="RHL654" s="613"/>
      <c r="RHM654" s="613"/>
      <c r="RHN654" s="613"/>
      <c r="RHO654" s="613"/>
      <c r="RHP654" s="613"/>
      <c r="RHQ654" s="613"/>
      <c r="RHR654" s="613"/>
      <c r="RHS654" s="613"/>
      <c r="RHT654" s="613"/>
      <c r="RHU654" s="613"/>
      <c r="RHV654" s="613"/>
      <c r="RHW654" s="613"/>
      <c r="RHX654" s="613"/>
      <c r="RHY654" s="613"/>
      <c r="RHZ654" s="613"/>
      <c r="RIA654" s="613"/>
      <c r="RIB654" s="613"/>
      <c r="RIC654" s="613"/>
      <c r="RID654" s="613"/>
      <c r="RIE654" s="613"/>
      <c r="RIF654" s="613"/>
      <c r="RIG654" s="613"/>
      <c r="RIH654" s="613"/>
      <c r="RII654" s="613"/>
      <c r="RIJ654" s="613"/>
      <c r="RIK654" s="613"/>
      <c r="RIL654" s="613"/>
      <c r="RIM654" s="613"/>
      <c r="RIN654" s="613"/>
      <c r="RIO654" s="613"/>
      <c r="RIP654" s="613"/>
      <c r="RIQ654" s="613"/>
      <c r="RIR654" s="613"/>
      <c r="RIS654" s="613"/>
      <c r="RIT654" s="613"/>
      <c r="RIU654" s="613"/>
      <c r="RIV654" s="613"/>
      <c r="RIW654" s="613"/>
      <c r="RIX654" s="613"/>
      <c r="RIY654" s="613"/>
      <c r="RIZ654" s="613"/>
      <c r="RJA654" s="613"/>
      <c r="RJB654" s="613"/>
      <c r="RJC654" s="613"/>
      <c r="RJD654" s="613"/>
      <c r="RJE654" s="613"/>
      <c r="RJF654" s="613"/>
      <c r="RJG654" s="613"/>
      <c r="RJH654" s="613"/>
      <c r="RJI654" s="613"/>
      <c r="RJJ654" s="613"/>
      <c r="RJK654" s="613"/>
      <c r="RJL654" s="613"/>
      <c r="RJM654" s="613"/>
      <c r="RJN654" s="613"/>
      <c r="RJO654" s="613"/>
      <c r="RJP654" s="613"/>
      <c r="RJQ654" s="613"/>
      <c r="RJR654" s="613"/>
      <c r="RJS654" s="613"/>
      <c r="RJT654" s="613"/>
      <c r="RJU654" s="613"/>
      <c r="RJV654" s="613"/>
      <c r="RJW654" s="613"/>
      <c r="RJX654" s="613"/>
      <c r="RJY654" s="613"/>
      <c r="RJZ654" s="613"/>
      <c r="RKA654" s="613"/>
      <c r="RKB654" s="613"/>
      <c r="RKC654" s="613"/>
      <c r="RKD654" s="613"/>
      <c r="RKE654" s="613"/>
      <c r="RKF654" s="613"/>
      <c r="RKG654" s="613"/>
      <c r="RKH654" s="613"/>
      <c r="RKI654" s="613"/>
      <c r="RKJ654" s="613"/>
      <c r="RKK654" s="613"/>
      <c r="RKL654" s="613"/>
      <c r="RKM654" s="613"/>
      <c r="RKN654" s="613"/>
      <c r="RKO654" s="613"/>
      <c r="RKP654" s="613"/>
      <c r="RKQ654" s="613"/>
      <c r="RKR654" s="613"/>
      <c r="RKS654" s="613"/>
      <c r="RKT654" s="613"/>
      <c r="RKU654" s="613"/>
      <c r="RKV654" s="613"/>
      <c r="RKW654" s="613"/>
      <c r="RKX654" s="613"/>
      <c r="RKY654" s="613"/>
      <c r="RKZ654" s="613"/>
      <c r="RLA654" s="613"/>
      <c r="RLB654" s="613"/>
      <c r="RLC654" s="613"/>
      <c r="RLD654" s="613"/>
      <c r="RLE654" s="613"/>
      <c r="RLF654" s="613"/>
      <c r="RLG654" s="613"/>
      <c r="RLH654" s="613"/>
      <c r="RLI654" s="613"/>
      <c r="RLJ654" s="613"/>
      <c r="RLK654" s="613"/>
      <c r="RLL654" s="613"/>
      <c r="RLM654" s="613"/>
      <c r="RLN654" s="613"/>
      <c r="RLO654" s="613"/>
      <c r="RLP654" s="613"/>
      <c r="RLQ654" s="613"/>
      <c r="RLR654" s="613"/>
      <c r="RLS654" s="613"/>
      <c r="RLT654" s="613"/>
      <c r="RLU654" s="613"/>
      <c r="RLV654" s="613"/>
      <c r="RLW654" s="613"/>
      <c r="RLX654" s="613"/>
      <c r="RLY654" s="613"/>
      <c r="RLZ654" s="613"/>
      <c r="RMA654" s="613"/>
      <c r="RMB654" s="613"/>
      <c r="RMC654" s="613"/>
      <c r="RMD654" s="613"/>
      <c r="RME654" s="613"/>
      <c r="RMF654" s="613"/>
      <c r="RMG654" s="613"/>
      <c r="RMH654" s="613"/>
      <c r="RMI654" s="613"/>
      <c r="RMJ654" s="613"/>
      <c r="RMK654" s="613"/>
      <c r="RML654" s="613"/>
      <c r="RMM654" s="613"/>
      <c r="RMN654" s="613"/>
      <c r="RMO654" s="613"/>
      <c r="RMP654" s="613"/>
      <c r="RMQ654" s="613"/>
      <c r="RMR654" s="613"/>
      <c r="RMS654" s="613"/>
      <c r="RMT654" s="613"/>
      <c r="RMU654" s="613"/>
      <c r="RMV654" s="613"/>
      <c r="RMW654" s="613"/>
      <c r="RMX654" s="613"/>
      <c r="RMY654" s="613"/>
      <c r="RMZ654" s="613"/>
      <c r="RNA654" s="613"/>
      <c r="RNB654" s="613"/>
      <c r="RNC654" s="613"/>
      <c r="RND654" s="613"/>
      <c r="RNE654" s="613"/>
      <c r="RNF654" s="613"/>
      <c r="RNG654" s="613"/>
      <c r="RNH654" s="613"/>
      <c r="RNI654" s="613"/>
      <c r="RNJ654" s="613"/>
      <c r="RNK654" s="613"/>
      <c r="RNL654" s="613"/>
      <c r="RNM654" s="613"/>
      <c r="RNN654" s="613"/>
      <c r="RNO654" s="613"/>
      <c r="RNP654" s="613"/>
      <c r="RNQ654" s="613"/>
      <c r="RNR654" s="613"/>
      <c r="RNS654" s="613"/>
      <c r="RNT654" s="613"/>
      <c r="RNU654" s="613"/>
      <c r="RNV654" s="613"/>
      <c r="RNW654" s="613"/>
      <c r="RNX654" s="613"/>
      <c r="RNY654" s="613"/>
      <c r="RNZ654" s="613"/>
      <c r="ROA654" s="613"/>
      <c r="ROB654" s="613"/>
      <c r="ROC654" s="613"/>
      <c r="ROD654" s="613"/>
      <c r="ROE654" s="613"/>
      <c r="ROF654" s="613"/>
      <c r="ROG654" s="613"/>
      <c r="ROH654" s="613"/>
      <c r="ROI654" s="613"/>
      <c r="ROJ654" s="613"/>
      <c r="ROK654" s="613"/>
      <c r="ROL654" s="613"/>
      <c r="ROM654" s="613"/>
      <c r="RON654" s="613"/>
      <c r="ROO654" s="613"/>
      <c r="ROP654" s="613"/>
      <c r="ROQ654" s="613"/>
      <c r="ROR654" s="613"/>
      <c r="ROS654" s="613"/>
      <c r="ROT654" s="613"/>
      <c r="ROU654" s="613"/>
      <c r="ROV654" s="613"/>
      <c r="ROW654" s="613"/>
      <c r="ROX654" s="613"/>
      <c r="ROY654" s="613"/>
      <c r="ROZ654" s="613"/>
      <c r="RPA654" s="613"/>
      <c r="RPB654" s="613"/>
      <c r="RPC654" s="613"/>
      <c r="RPD654" s="613"/>
      <c r="RPE654" s="613"/>
      <c r="RPF654" s="613"/>
      <c r="RPG654" s="613"/>
      <c r="RPH654" s="613"/>
      <c r="RPI654" s="613"/>
      <c r="RPJ654" s="613"/>
      <c r="RPK654" s="613"/>
      <c r="RPL654" s="613"/>
      <c r="RPM654" s="613"/>
      <c r="RPN654" s="613"/>
      <c r="RPO654" s="613"/>
      <c r="RPP654" s="613"/>
      <c r="RPQ654" s="613"/>
      <c r="RPR654" s="613"/>
      <c r="RPS654" s="613"/>
      <c r="RPT654" s="613"/>
      <c r="RPU654" s="613"/>
      <c r="RPV654" s="613"/>
      <c r="RPW654" s="613"/>
      <c r="RPX654" s="613"/>
      <c r="RPY654" s="613"/>
      <c r="RPZ654" s="613"/>
      <c r="RQA654" s="613"/>
      <c r="RQB654" s="613"/>
      <c r="RQC654" s="613"/>
      <c r="RQD654" s="613"/>
      <c r="RQE654" s="613"/>
      <c r="RQF654" s="613"/>
      <c r="RQG654" s="613"/>
      <c r="RQH654" s="613"/>
      <c r="RQI654" s="613"/>
      <c r="RQJ654" s="613"/>
      <c r="RQK654" s="613"/>
      <c r="RQL654" s="613"/>
      <c r="RQM654" s="613"/>
      <c r="RQN654" s="613"/>
      <c r="RQO654" s="613"/>
      <c r="RQP654" s="613"/>
      <c r="RQQ654" s="613"/>
      <c r="RQR654" s="613"/>
      <c r="RQS654" s="613"/>
      <c r="RQT654" s="613"/>
      <c r="RQU654" s="613"/>
      <c r="RQV654" s="613"/>
      <c r="RQW654" s="613"/>
      <c r="RQX654" s="613"/>
      <c r="RQY654" s="613"/>
      <c r="RQZ654" s="613"/>
      <c r="RRA654" s="613"/>
      <c r="RRB654" s="613"/>
      <c r="RRC654" s="613"/>
      <c r="RRD654" s="613"/>
      <c r="RRE654" s="613"/>
      <c r="RRF654" s="613"/>
      <c r="RRG654" s="613"/>
      <c r="RRH654" s="613"/>
      <c r="RRI654" s="613"/>
      <c r="RRJ654" s="613"/>
      <c r="RRK654" s="613"/>
      <c r="RRL654" s="613"/>
      <c r="RRM654" s="613"/>
      <c r="RRN654" s="613"/>
      <c r="RRO654" s="613"/>
      <c r="RRP654" s="613"/>
      <c r="RRQ654" s="613"/>
      <c r="RRR654" s="613"/>
      <c r="RRS654" s="613"/>
      <c r="RRT654" s="613"/>
      <c r="RRU654" s="613"/>
      <c r="RRV654" s="613"/>
      <c r="RRW654" s="613"/>
      <c r="RRX654" s="613"/>
      <c r="RRY654" s="613"/>
      <c r="RRZ654" s="613"/>
      <c r="RSA654" s="613"/>
      <c r="RSB654" s="613"/>
      <c r="RSC654" s="613"/>
      <c r="RSD654" s="613"/>
      <c r="RSE654" s="613"/>
      <c r="RSF654" s="613"/>
      <c r="RSG654" s="613"/>
      <c r="RSH654" s="613"/>
      <c r="RSI654" s="613"/>
      <c r="RSJ654" s="613"/>
      <c r="RSK654" s="613"/>
      <c r="RSL654" s="613"/>
      <c r="RSM654" s="613"/>
      <c r="RSN654" s="613"/>
      <c r="RSO654" s="613"/>
      <c r="RSP654" s="613"/>
      <c r="RSQ654" s="613"/>
      <c r="RSR654" s="613"/>
      <c r="RSS654" s="613"/>
      <c r="RST654" s="613"/>
      <c r="RSU654" s="613"/>
      <c r="RSV654" s="613"/>
      <c r="RSW654" s="613"/>
      <c r="RSX654" s="613"/>
      <c r="RSY654" s="613"/>
      <c r="RSZ654" s="613"/>
      <c r="RTA654" s="613"/>
      <c r="RTB654" s="613"/>
      <c r="RTC654" s="613"/>
      <c r="RTD654" s="613"/>
      <c r="RTE654" s="613"/>
      <c r="RTF654" s="613"/>
      <c r="RTG654" s="613"/>
      <c r="RTH654" s="613"/>
      <c r="RTI654" s="613"/>
      <c r="RTJ654" s="613"/>
      <c r="RTK654" s="613"/>
      <c r="RTL654" s="613"/>
      <c r="RTM654" s="613"/>
      <c r="RTN654" s="613"/>
      <c r="RTO654" s="613"/>
      <c r="RTP654" s="613"/>
      <c r="RTQ654" s="613"/>
      <c r="RTR654" s="613"/>
      <c r="RTS654" s="613"/>
      <c r="RTT654" s="613"/>
      <c r="RTU654" s="613"/>
      <c r="RTV654" s="613"/>
      <c r="RTW654" s="613"/>
      <c r="RTX654" s="613"/>
      <c r="RTY654" s="613"/>
      <c r="RTZ654" s="613"/>
      <c r="RUA654" s="613"/>
      <c r="RUB654" s="613"/>
      <c r="RUC654" s="613"/>
      <c r="RUD654" s="613"/>
      <c r="RUE654" s="613"/>
      <c r="RUF654" s="613"/>
      <c r="RUG654" s="613"/>
      <c r="RUH654" s="613"/>
      <c r="RUI654" s="613"/>
      <c r="RUJ654" s="613"/>
      <c r="RUK654" s="613"/>
      <c r="RUL654" s="613"/>
      <c r="RUM654" s="613"/>
      <c r="RUN654" s="613"/>
      <c r="RUO654" s="613"/>
      <c r="RUP654" s="613"/>
      <c r="RUQ654" s="613"/>
      <c r="RUR654" s="613"/>
      <c r="RUS654" s="613"/>
      <c r="RUT654" s="613"/>
      <c r="RUU654" s="613"/>
      <c r="RUV654" s="613"/>
      <c r="RUW654" s="613"/>
      <c r="RUX654" s="613"/>
      <c r="RUY654" s="613"/>
      <c r="RUZ654" s="613"/>
      <c r="RVA654" s="613"/>
      <c r="RVB654" s="613"/>
      <c r="RVC654" s="613"/>
      <c r="RVD654" s="613"/>
      <c r="RVE654" s="613"/>
      <c r="RVF654" s="613"/>
      <c r="RVG654" s="613"/>
      <c r="RVH654" s="613"/>
      <c r="RVI654" s="613"/>
      <c r="RVJ654" s="613"/>
      <c r="RVK654" s="613"/>
      <c r="RVL654" s="613"/>
      <c r="RVM654" s="613"/>
      <c r="RVN654" s="613"/>
      <c r="RVO654" s="613"/>
      <c r="RVP654" s="613"/>
      <c r="RVQ654" s="613"/>
      <c r="RVR654" s="613"/>
      <c r="RVS654" s="613"/>
      <c r="RVT654" s="613"/>
      <c r="RVU654" s="613"/>
      <c r="RVV654" s="613"/>
      <c r="RVW654" s="613"/>
      <c r="RVX654" s="613"/>
      <c r="RVY654" s="613"/>
      <c r="RVZ654" s="613"/>
      <c r="RWA654" s="613"/>
      <c r="RWB654" s="613"/>
      <c r="RWC654" s="613"/>
      <c r="RWD654" s="613"/>
      <c r="RWE654" s="613"/>
      <c r="RWF654" s="613"/>
      <c r="RWG654" s="613"/>
      <c r="RWH654" s="613"/>
      <c r="RWI654" s="613"/>
      <c r="RWJ654" s="613"/>
      <c r="RWK654" s="613"/>
      <c r="RWL654" s="613"/>
      <c r="RWM654" s="613"/>
      <c r="RWN654" s="613"/>
      <c r="RWO654" s="613"/>
      <c r="RWP654" s="613"/>
      <c r="RWQ654" s="613"/>
      <c r="RWR654" s="613"/>
      <c r="RWS654" s="613"/>
      <c r="RWT654" s="613"/>
      <c r="RWU654" s="613"/>
      <c r="RWV654" s="613"/>
      <c r="RWW654" s="613"/>
      <c r="RWX654" s="613"/>
      <c r="RWY654" s="613"/>
      <c r="RWZ654" s="613"/>
      <c r="RXA654" s="613"/>
      <c r="RXB654" s="613"/>
      <c r="RXC654" s="613"/>
      <c r="RXD654" s="613"/>
      <c r="RXE654" s="613"/>
      <c r="RXF654" s="613"/>
      <c r="RXG654" s="613"/>
      <c r="RXH654" s="613"/>
      <c r="RXI654" s="613"/>
      <c r="RXJ654" s="613"/>
      <c r="RXK654" s="613"/>
      <c r="RXL654" s="613"/>
      <c r="RXM654" s="613"/>
      <c r="RXN654" s="613"/>
      <c r="RXO654" s="613"/>
      <c r="RXP654" s="613"/>
      <c r="RXQ654" s="613"/>
      <c r="RXR654" s="613"/>
      <c r="RXS654" s="613"/>
      <c r="RXT654" s="613"/>
      <c r="RXU654" s="613"/>
      <c r="RXV654" s="613"/>
      <c r="RXW654" s="613"/>
      <c r="RXX654" s="613"/>
      <c r="RXY654" s="613"/>
      <c r="RXZ654" s="613"/>
      <c r="RYA654" s="613"/>
      <c r="RYB654" s="613"/>
      <c r="RYC654" s="613"/>
      <c r="RYD654" s="613"/>
      <c r="RYE654" s="613"/>
      <c r="RYF654" s="613"/>
      <c r="RYG654" s="613"/>
      <c r="RYH654" s="613"/>
      <c r="RYI654" s="613"/>
      <c r="RYJ654" s="613"/>
      <c r="RYK654" s="613"/>
      <c r="RYL654" s="613"/>
      <c r="RYM654" s="613"/>
      <c r="RYN654" s="613"/>
      <c r="RYO654" s="613"/>
      <c r="RYP654" s="613"/>
      <c r="RYQ654" s="613"/>
      <c r="RYR654" s="613"/>
      <c r="RYS654" s="613"/>
      <c r="RYT654" s="613"/>
      <c r="RYU654" s="613"/>
      <c r="RYV654" s="613"/>
      <c r="RYW654" s="613"/>
      <c r="RYX654" s="613"/>
      <c r="RYY654" s="613"/>
      <c r="RYZ654" s="613"/>
      <c r="RZA654" s="613"/>
      <c r="RZB654" s="613"/>
      <c r="RZC654" s="613"/>
      <c r="RZD654" s="613"/>
      <c r="RZE654" s="613"/>
      <c r="RZF654" s="613"/>
      <c r="RZG654" s="613"/>
      <c r="RZH654" s="613"/>
      <c r="RZI654" s="613"/>
      <c r="RZJ654" s="613"/>
      <c r="RZK654" s="613"/>
      <c r="RZL654" s="613"/>
      <c r="RZM654" s="613"/>
      <c r="RZN654" s="613"/>
      <c r="RZO654" s="613"/>
      <c r="RZP654" s="613"/>
      <c r="RZQ654" s="613"/>
      <c r="RZR654" s="613"/>
      <c r="RZS654" s="613"/>
      <c r="RZT654" s="613"/>
      <c r="RZU654" s="613"/>
      <c r="RZV654" s="613"/>
      <c r="RZW654" s="613"/>
      <c r="RZX654" s="613"/>
      <c r="RZY654" s="613"/>
      <c r="RZZ654" s="613"/>
      <c r="SAA654" s="613"/>
      <c r="SAB654" s="613"/>
      <c r="SAC654" s="613"/>
      <c r="SAD654" s="613"/>
      <c r="SAE654" s="613"/>
      <c r="SAF654" s="613"/>
      <c r="SAG654" s="613"/>
      <c r="SAH654" s="613"/>
      <c r="SAI654" s="613"/>
      <c r="SAJ654" s="613"/>
      <c r="SAK654" s="613"/>
      <c r="SAL654" s="613"/>
      <c r="SAM654" s="613"/>
      <c r="SAN654" s="613"/>
      <c r="SAO654" s="613"/>
      <c r="SAP654" s="613"/>
      <c r="SAQ654" s="613"/>
      <c r="SAR654" s="613"/>
      <c r="SAS654" s="613"/>
      <c r="SAT654" s="613"/>
      <c r="SAU654" s="613"/>
      <c r="SAV654" s="613"/>
      <c r="SAW654" s="613"/>
      <c r="SAX654" s="613"/>
      <c r="SAY654" s="613"/>
      <c r="SAZ654" s="613"/>
      <c r="SBA654" s="613"/>
      <c r="SBB654" s="613"/>
      <c r="SBC654" s="613"/>
      <c r="SBD654" s="613"/>
      <c r="SBE654" s="613"/>
      <c r="SBF654" s="613"/>
      <c r="SBG654" s="613"/>
      <c r="SBH654" s="613"/>
      <c r="SBI654" s="613"/>
      <c r="SBJ654" s="613"/>
      <c r="SBK654" s="613"/>
      <c r="SBL654" s="613"/>
      <c r="SBM654" s="613"/>
      <c r="SBN654" s="613"/>
      <c r="SBO654" s="613"/>
      <c r="SBP654" s="613"/>
      <c r="SBQ654" s="613"/>
      <c r="SBR654" s="613"/>
      <c r="SBS654" s="613"/>
      <c r="SBT654" s="613"/>
      <c r="SBU654" s="613"/>
      <c r="SBV654" s="613"/>
      <c r="SBW654" s="613"/>
      <c r="SBX654" s="613"/>
      <c r="SBY654" s="613"/>
      <c r="SBZ654" s="613"/>
      <c r="SCA654" s="613"/>
      <c r="SCB654" s="613"/>
      <c r="SCC654" s="613"/>
      <c r="SCD654" s="613"/>
      <c r="SCE654" s="613"/>
      <c r="SCF654" s="613"/>
      <c r="SCG654" s="613"/>
      <c r="SCH654" s="613"/>
      <c r="SCI654" s="613"/>
      <c r="SCJ654" s="613"/>
      <c r="SCK654" s="613"/>
      <c r="SCL654" s="613"/>
      <c r="SCM654" s="613"/>
      <c r="SCN654" s="613"/>
      <c r="SCO654" s="613"/>
      <c r="SCP654" s="613"/>
      <c r="SCQ654" s="613"/>
      <c r="SCR654" s="613"/>
      <c r="SCS654" s="613"/>
      <c r="SCT654" s="613"/>
      <c r="SCU654" s="613"/>
      <c r="SCV654" s="613"/>
      <c r="SCW654" s="613"/>
      <c r="SCX654" s="613"/>
      <c r="SCY654" s="613"/>
      <c r="SCZ654" s="613"/>
      <c r="SDA654" s="613"/>
      <c r="SDB654" s="613"/>
      <c r="SDC654" s="613"/>
      <c r="SDD654" s="613"/>
      <c r="SDE654" s="613"/>
      <c r="SDF654" s="613"/>
      <c r="SDG654" s="613"/>
      <c r="SDH654" s="613"/>
      <c r="SDI654" s="613"/>
      <c r="SDJ654" s="613"/>
      <c r="SDK654" s="613"/>
      <c r="SDL654" s="613"/>
      <c r="SDM654" s="613"/>
      <c r="SDN654" s="613"/>
      <c r="SDO654" s="613"/>
      <c r="SDP654" s="613"/>
      <c r="SDQ654" s="613"/>
      <c r="SDR654" s="613"/>
      <c r="SDS654" s="613"/>
      <c r="SDT654" s="613"/>
      <c r="SDU654" s="613"/>
      <c r="SDV654" s="613"/>
      <c r="SDW654" s="613"/>
      <c r="SDX654" s="613"/>
      <c r="SDY654" s="613"/>
      <c r="SDZ654" s="613"/>
      <c r="SEA654" s="613"/>
      <c r="SEB654" s="613"/>
      <c r="SEC654" s="613"/>
      <c r="SED654" s="613"/>
      <c r="SEE654" s="613"/>
      <c r="SEF654" s="613"/>
      <c r="SEG654" s="613"/>
      <c r="SEH654" s="613"/>
      <c r="SEI654" s="613"/>
      <c r="SEJ654" s="613"/>
      <c r="SEK654" s="613"/>
      <c r="SEL654" s="613"/>
      <c r="SEM654" s="613"/>
      <c r="SEN654" s="613"/>
      <c r="SEO654" s="613"/>
      <c r="SEP654" s="613"/>
      <c r="SEQ654" s="613"/>
      <c r="SER654" s="613"/>
      <c r="SES654" s="613"/>
      <c r="SET654" s="613"/>
      <c r="SEU654" s="613"/>
      <c r="SEV654" s="613"/>
      <c r="SEW654" s="613"/>
      <c r="SEX654" s="613"/>
      <c r="SEY654" s="613"/>
      <c r="SEZ654" s="613"/>
      <c r="SFA654" s="613"/>
      <c r="SFB654" s="613"/>
      <c r="SFC654" s="613"/>
      <c r="SFD654" s="613"/>
      <c r="SFE654" s="613"/>
      <c r="SFF654" s="613"/>
      <c r="SFG654" s="613"/>
      <c r="SFH654" s="613"/>
      <c r="SFI654" s="613"/>
      <c r="SFJ654" s="613"/>
      <c r="SFK654" s="613"/>
      <c r="SFL654" s="613"/>
      <c r="SFM654" s="613"/>
      <c r="SFN654" s="613"/>
      <c r="SFO654" s="613"/>
      <c r="SFP654" s="613"/>
      <c r="SFQ654" s="613"/>
      <c r="SFR654" s="613"/>
      <c r="SFS654" s="613"/>
      <c r="SFT654" s="613"/>
      <c r="SFU654" s="613"/>
      <c r="SFV654" s="613"/>
      <c r="SFW654" s="613"/>
      <c r="SFX654" s="613"/>
      <c r="SFY654" s="613"/>
      <c r="SFZ654" s="613"/>
      <c r="SGA654" s="613"/>
      <c r="SGB654" s="613"/>
      <c r="SGC654" s="613"/>
      <c r="SGD654" s="613"/>
      <c r="SGE654" s="613"/>
      <c r="SGF654" s="613"/>
      <c r="SGG654" s="613"/>
      <c r="SGH654" s="613"/>
      <c r="SGI654" s="613"/>
      <c r="SGJ654" s="613"/>
      <c r="SGK654" s="613"/>
      <c r="SGL654" s="613"/>
      <c r="SGM654" s="613"/>
      <c r="SGN654" s="613"/>
      <c r="SGO654" s="613"/>
      <c r="SGP654" s="613"/>
      <c r="SGQ654" s="613"/>
      <c r="SGR654" s="613"/>
      <c r="SGS654" s="613"/>
      <c r="SGT654" s="613"/>
      <c r="SGU654" s="613"/>
      <c r="SGV654" s="613"/>
      <c r="SGW654" s="613"/>
      <c r="SGX654" s="613"/>
      <c r="SGY654" s="613"/>
      <c r="SGZ654" s="613"/>
      <c r="SHA654" s="613"/>
      <c r="SHB654" s="613"/>
      <c r="SHC654" s="613"/>
      <c r="SHD654" s="613"/>
      <c r="SHE654" s="613"/>
      <c r="SHF654" s="613"/>
      <c r="SHG654" s="613"/>
      <c r="SHH654" s="613"/>
      <c r="SHI654" s="613"/>
      <c r="SHJ654" s="613"/>
      <c r="SHK654" s="613"/>
      <c r="SHL654" s="613"/>
      <c r="SHM654" s="613"/>
      <c r="SHN654" s="613"/>
      <c r="SHO654" s="613"/>
      <c r="SHP654" s="613"/>
      <c r="SHQ654" s="613"/>
      <c r="SHR654" s="613"/>
      <c r="SHS654" s="613"/>
      <c r="SHT654" s="613"/>
      <c r="SHU654" s="613"/>
      <c r="SHV654" s="613"/>
      <c r="SHW654" s="613"/>
      <c r="SHX654" s="613"/>
      <c r="SHY654" s="613"/>
      <c r="SHZ654" s="613"/>
      <c r="SIA654" s="613"/>
      <c r="SIB654" s="613"/>
      <c r="SIC654" s="613"/>
      <c r="SID654" s="613"/>
      <c r="SIE654" s="613"/>
      <c r="SIF654" s="613"/>
      <c r="SIG654" s="613"/>
      <c r="SIH654" s="613"/>
      <c r="SII654" s="613"/>
      <c r="SIJ654" s="613"/>
      <c r="SIK654" s="613"/>
      <c r="SIL654" s="613"/>
      <c r="SIM654" s="613"/>
      <c r="SIN654" s="613"/>
      <c r="SIO654" s="613"/>
      <c r="SIP654" s="613"/>
      <c r="SIQ654" s="613"/>
      <c r="SIR654" s="613"/>
      <c r="SIS654" s="613"/>
      <c r="SIT654" s="613"/>
      <c r="SIU654" s="613"/>
      <c r="SIV654" s="613"/>
      <c r="SIW654" s="613"/>
      <c r="SIX654" s="613"/>
      <c r="SIY654" s="613"/>
      <c r="SIZ654" s="613"/>
      <c r="SJA654" s="613"/>
      <c r="SJB654" s="613"/>
      <c r="SJC654" s="613"/>
      <c r="SJD654" s="613"/>
      <c r="SJE654" s="613"/>
      <c r="SJF654" s="613"/>
      <c r="SJG654" s="613"/>
      <c r="SJH654" s="613"/>
      <c r="SJI654" s="613"/>
      <c r="SJJ654" s="613"/>
      <c r="SJK654" s="613"/>
      <c r="SJL654" s="613"/>
      <c r="SJM654" s="613"/>
      <c r="SJN654" s="613"/>
      <c r="SJO654" s="613"/>
      <c r="SJP654" s="613"/>
      <c r="SJQ654" s="613"/>
      <c r="SJR654" s="613"/>
      <c r="SJS654" s="613"/>
      <c r="SJT654" s="613"/>
      <c r="SJU654" s="613"/>
      <c r="SJV654" s="613"/>
      <c r="SJW654" s="613"/>
      <c r="SJX654" s="613"/>
      <c r="SJY654" s="613"/>
      <c r="SJZ654" s="613"/>
      <c r="SKA654" s="613"/>
      <c r="SKB654" s="613"/>
      <c r="SKC654" s="613"/>
      <c r="SKD654" s="613"/>
      <c r="SKE654" s="613"/>
      <c r="SKF654" s="613"/>
      <c r="SKG654" s="613"/>
      <c r="SKH654" s="613"/>
      <c r="SKI654" s="613"/>
      <c r="SKJ654" s="613"/>
      <c r="SKK654" s="613"/>
      <c r="SKL654" s="613"/>
      <c r="SKM654" s="613"/>
      <c r="SKN654" s="613"/>
      <c r="SKO654" s="613"/>
      <c r="SKP654" s="613"/>
      <c r="SKQ654" s="613"/>
      <c r="SKR654" s="613"/>
      <c r="SKS654" s="613"/>
      <c r="SKT654" s="613"/>
      <c r="SKU654" s="613"/>
      <c r="SKV654" s="613"/>
      <c r="SKW654" s="613"/>
      <c r="SKX654" s="613"/>
      <c r="SKY654" s="613"/>
      <c r="SKZ654" s="613"/>
      <c r="SLA654" s="613"/>
      <c r="SLB654" s="613"/>
      <c r="SLC654" s="613"/>
      <c r="SLD654" s="613"/>
      <c r="SLE654" s="613"/>
      <c r="SLF654" s="613"/>
      <c r="SLG654" s="613"/>
      <c r="SLH654" s="613"/>
      <c r="SLI654" s="613"/>
      <c r="SLJ654" s="613"/>
      <c r="SLK654" s="613"/>
      <c r="SLL654" s="613"/>
      <c r="SLM654" s="613"/>
      <c r="SLN654" s="613"/>
      <c r="SLO654" s="613"/>
      <c r="SLP654" s="613"/>
      <c r="SLQ654" s="613"/>
      <c r="SLR654" s="613"/>
      <c r="SLS654" s="613"/>
      <c r="SLT654" s="613"/>
      <c r="SLU654" s="613"/>
      <c r="SLV654" s="613"/>
      <c r="SLW654" s="613"/>
      <c r="SLX654" s="613"/>
      <c r="SLY654" s="613"/>
      <c r="SLZ654" s="613"/>
      <c r="SMA654" s="613"/>
      <c r="SMB654" s="613"/>
      <c r="SMC654" s="613"/>
      <c r="SMD654" s="613"/>
      <c r="SME654" s="613"/>
      <c r="SMF654" s="613"/>
      <c r="SMG654" s="613"/>
      <c r="SMH654" s="613"/>
      <c r="SMI654" s="613"/>
      <c r="SMJ654" s="613"/>
      <c r="SMK654" s="613"/>
      <c r="SML654" s="613"/>
      <c r="SMM654" s="613"/>
      <c r="SMN654" s="613"/>
      <c r="SMO654" s="613"/>
      <c r="SMP654" s="613"/>
      <c r="SMQ654" s="613"/>
      <c r="SMR654" s="613"/>
      <c r="SMS654" s="613"/>
      <c r="SMT654" s="613"/>
      <c r="SMU654" s="613"/>
      <c r="SMV654" s="613"/>
      <c r="SMW654" s="613"/>
      <c r="SMX654" s="613"/>
      <c r="SMY654" s="613"/>
      <c r="SMZ654" s="613"/>
      <c r="SNA654" s="613"/>
      <c r="SNB654" s="613"/>
      <c r="SNC654" s="613"/>
      <c r="SND654" s="613"/>
      <c r="SNE654" s="613"/>
      <c r="SNF654" s="613"/>
      <c r="SNG654" s="613"/>
      <c r="SNH654" s="613"/>
      <c r="SNI654" s="613"/>
      <c r="SNJ654" s="613"/>
      <c r="SNK654" s="613"/>
      <c r="SNL654" s="613"/>
      <c r="SNM654" s="613"/>
      <c r="SNN654" s="613"/>
      <c r="SNO654" s="613"/>
      <c r="SNP654" s="613"/>
      <c r="SNQ654" s="613"/>
      <c r="SNR654" s="613"/>
      <c r="SNS654" s="613"/>
      <c r="SNT654" s="613"/>
      <c r="SNU654" s="613"/>
      <c r="SNV654" s="613"/>
      <c r="SNW654" s="613"/>
      <c r="SNX654" s="613"/>
      <c r="SNY654" s="613"/>
      <c r="SNZ654" s="613"/>
      <c r="SOA654" s="613"/>
      <c r="SOB654" s="613"/>
      <c r="SOC654" s="613"/>
      <c r="SOD654" s="613"/>
      <c r="SOE654" s="613"/>
      <c r="SOF654" s="613"/>
      <c r="SOG654" s="613"/>
      <c r="SOH654" s="613"/>
      <c r="SOI654" s="613"/>
      <c r="SOJ654" s="613"/>
      <c r="SOK654" s="613"/>
      <c r="SOL654" s="613"/>
      <c r="SOM654" s="613"/>
      <c r="SON654" s="613"/>
      <c r="SOO654" s="613"/>
      <c r="SOP654" s="613"/>
      <c r="SOQ654" s="613"/>
      <c r="SOR654" s="613"/>
      <c r="SOS654" s="613"/>
      <c r="SOT654" s="613"/>
      <c r="SOU654" s="613"/>
      <c r="SOV654" s="613"/>
      <c r="SOW654" s="613"/>
      <c r="SOX654" s="613"/>
      <c r="SOY654" s="613"/>
      <c r="SOZ654" s="613"/>
      <c r="SPA654" s="613"/>
      <c r="SPB654" s="613"/>
      <c r="SPC654" s="613"/>
      <c r="SPD654" s="613"/>
      <c r="SPE654" s="613"/>
      <c r="SPF654" s="613"/>
      <c r="SPG654" s="613"/>
      <c r="SPH654" s="613"/>
      <c r="SPI654" s="613"/>
      <c r="SPJ654" s="613"/>
      <c r="SPK654" s="613"/>
      <c r="SPL654" s="613"/>
      <c r="SPM654" s="613"/>
      <c r="SPN654" s="613"/>
      <c r="SPO654" s="613"/>
      <c r="SPP654" s="613"/>
      <c r="SPQ654" s="613"/>
      <c r="SPR654" s="613"/>
      <c r="SPS654" s="613"/>
      <c r="SPT654" s="613"/>
      <c r="SPU654" s="613"/>
      <c r="SPV654" s="613"/>
      <c r="SPW654" s="613"/>
      <c r="SPX654" s="613"/>
      <c r="SPY654" s="613"/>
      <c r="SPZ654" s="613"/>
      <c r="SQA654" s="613"/>
      <c r="SQB654" s="613"/>
      <c r="SQC654" s="613"/>
      <c r="SQD654" s="613"/>
      <c r="SQE654" s="613"/>
      <c r="SQF654" s="613"/>
      <c r="SQG654" s="613"/>
      <c r="SQH654" s="613"/>
      <c r="SQI654" s="613"/>
      <c r="SQJ654" s="613"/>
      <c r="SQK654" s="613"/>
      <c r="SQL654" s="613"/>
      <c r="SQM654" s="613"/>
      <c r="SQN654" s="613"/>
      <c r="SQO654" s="613"/>
      <c r="SQP654" s="613"/>
      <c r="SQQ654" s="613"/>
      <c r="SQR654" s="613"/>
      <c r="SQS654" s="613"/>
      <c r="SQT654" s="613"/>
      <c r="SQU654" s="613"/>
      <c r="SQV654" s="613"/>
      <c r="SQW654" s="613"/>
      <c r="SQX654" s="613"/>
      <c r="SQY654" s="613"/>
      <c r="SQZ654" s="613"/>
      <c r="SRA654" s="613"/>
      <c r="SRB654" s="613"/>
      <c r="SRC654" s="613"/>
      <c r="SRD654" s="613"/>
      <c r="SRE654" s="613"/>
      <c r="SRF654" s="613"/>
      <c r="SRG654" s="613"/>
      <c r="SRH654" s="613"/>
      <c r="SRI654" s="613"/>
      <c r="SRJ654" s="613"/>
      <c r="SRK654" s="613"/>
      <c r="SRL654" s="613"/>
      <c r="SRM654" s="613"/>
      <c r="SRN654" s="613"/>
      <c r="SRO654" s="613"/>
      <c r="SRP654" s="613"/>
      <c r="SRQ654" s="613"/>
      <c r="SRR654" s="613"/>
      <c r="SRS654" s="613"/>
      <c r="SRT654" s="613"/>
      <c r="SRU654" s="613"/>
      <c r="SRV654" s="613"/>
      <c r="SRW654" s="613"/>
      <c r="SRX654" s="613"/>
      <c r="SRY654" s="613"/>
      <c r="SRZ654" s="613"/>
      <c r="SSA654" s="613"/>
      <c r="SSB654" s="613"/>
      <c r="SSC654" s="613"/>
      <c r="SSD654" s="613"/>
      <c r="SSE654" s="613"/>
      <c r="SSF654" s="613"/>
      <c r="SSG654" s="613"/>
      <c r="SSH654" s="613"/>
      <c r="SSI654" s="613"/>
      <c r="SSJ654" s="613"/>
      <c r="SSK654" s="613"/>
      <c r="SSL654" s="613"/>
      <c r="SSM654" s="613"/>
      <c r="SSN654" s="613"/>
      <c r="SSO654" s="613"/>
      <c r="SSP654" s="613"/>
      <c r="SSQ654" s="613"/>
      <c r="SSR654" s="613"/>
      <c r="SSS654" s="613"/>
      <c r="SST654" s="613"/>
      <c r="SSU654" s="613"/>
      <c r="SSV654" s="613"/>
      <c r="SSW654" s="613"/>
      <c r="SSX654" s="613"/>
      <c r="SSY654" s="613"/>
      <c r="SSZ654" s="613"/>
      <c r="STA654" s="613"/>
      <c r="STB654" s="613"/>
      <c r="STC654" s="613"/>
      <c r="STD654" s="613"/>
      <c r="STE654" s="613"/>
      <c r="STF654" s="613"/>
      <c r="STG654" s="613"/>
      <c r="STH654" s="613"/>
      <c r="STI654" s="613"/>
      <c r="STJ654" s="613"/>
      <c r="STK654" s="613"/>
      <c r="STL654" s="613"/>
      <c r="STM654" s="613"/>
      <c r="STN654" s="613"/>
      <c r="STO654" s="613"/>
      <c r="STP654" s="613"/>
      <c r="STQ654" s="613"/>
      <c r="STR654" s="613"/>
      <c r="STS654" s="613"/>
      <c r="STT654" s="613"/>
      <c r="STU654" s="613"/>
      <c r="STV654" s="613"/>
      <c r="STW654" s="613"/>
      <c r="STX654" s="613"/>
      <c r="STY654" s="613"/>
      <c r="STZ654" s="613"/>
      <c r="SUA654" s="613"/>
      <c r="SUB654" s="613"/>
      <c r="SUC654" s="613"/>
      <c r="SUD654" s="613"/>
      <c r="SUE654" s="613"/>
      <c r="SUF654" s="613"/>
      <c r="SUG654" s="613"/>
      <c r="SUH654" s="613"/>
      <c r="SUI654" s="613"/>
      <c r="SUJ654" s="613"/>
      <c r="SUK654" s="613"/>
      <c r="SUL654" s="613"/>
      <c r="SUM654" s="613"/>
      <c r="SUN654" s="613"/>
      <c r="SUO654" s="613"/>
      <c r="SUP654" s="613"/>
      <c r="SUQ654" s="613"/>
      <c r="SUR654" s="613"/>
      <c r="SUS654" s="613"/>
      <c r="SUT654" s="613"/>
      <c r="SUU654" s="613"/>
      <c r="SUV654" s="613"/>
      <c r="SUW654" s="613"/>
      <c r="SUX654" s="613"/>
      <c r="SUY654" s="613"/>
      <c r="SUZ654" s="613"/>
      <c r="SVA654" s="613"/>
      <c r="SVB654" s="613"/>
      <c r="SVC654" s="613"/>
      <c r="SVD654" s="613"/>
      <c r="SVE654" s="613"/>
      <c r="SVF654" s="613"/>
      <c r="SVG654" s="613"/>
      <c r="SVH654" s="613"/>
      <c r="SVI654" s="613"/>
      <c r="SVJ654" s="613"/>
      <c r="SVK654" s="613"/>
      <c r="SVL654" s="613"/>
      <c r="SVM654" s="613"/>
      <c r="SVN654" s="613"/>
      <c r="SVO654" s="613"/>
      <c r="SVP654" s="613"/>
      <c r="SVQ654" s="613"/>
      <c r="SVR654" s="613"/>
      <c r="SVS654" s="613"/>
      <c r="SVT654" s="613"/>
      <c r="SVU654" s="613"/>
      <c r="SVV654" s="613"/>
      <c r="SVW654" s="613"/>
      <c r="SVX654" s="613"/>
      <c r="SVY654" s="613"/>
      <c r="SVZ654" s="613"/>
      <c r="SWA654" s="613"/>
      <c r="SWB654" s="613"/>
      <c r="SWC654" s="613"/>
      <c r="SWD654" s="613"/>
      <c r="SWE654" s="613"/>
      <c r="SWF654" s="613"/>
      <c r="SWG654" s="613"/>
      <c r="SWH654" s="613"/>
      <c r="SWI654" s="613"/>
      <c r="SWJ654" s="613"/>
      <c r="SWK654" s="613"/>
      <c r="SWL654" s="613"/>
      <c r="SWM654" s="613"/>
      <c r="SWN654" s="613"/>
      <c r="SWO654" s="613"/>
      <c r="SWP654" s="613"/>
      <c r="SWQ654" s="613"/>
      <c r="SWR654" s="613"/>
      <c r="SWS654" s="613"/>
      <c r="SWT654" s="613"/>
      <c r="SWU654" s="613"/>
      <c r="SWV654" s="613"/>
      <c r="SWW654" s="613"/>
      <c r="SWX654" s="613"/>
      <c r="SWY654" s="613"/>
      <c r="SWZ654" s="613"/>
      <c r="SXA654" s="613"/>
      <c r="SXB654" s="613"/>
      <c r="SXC654" s="613"/>
      <c r="SXD654" s="613"/>
      <c r="SXE654" s="613"/>
      <c r="SXF654" s="613"/>
      <c r="SXG654" s="613"/>
      <c r="SXH654" s="613"/>
      <c r="SXI654" s="613"/>
      <c r="SXJ654" s="613"/>
      <c r="SXK654" s="613"/>
      <c r="SXL654" s="613"/>
      <c r="SXM654" s="613"/>
      <c r="SXN654" s="613"/>
      <c r="SXO654" s="613"/>
      <c r="SXP654" s="613"/>
      <c r="SXQ654" s="613"/>
      <c r="SXR654" s="613"/>
      <c r="SXS654" s="613"/>
      <c r="SXT654" s="613"/>
      <c r="SXU654" s="613"/>
      <c r="SXV654" s="613"/>
      <c r="SXW654" s="613"/>
      <c r="SXX654" s="613"/>
      <c r="SXY654" s="613"/>
      <c r="SXZ654" s="613"/>
      <c r="SYA654" s="613"/>
      <c r="SYB654" s="613"/>
      <c r="SYC654" s="613"/>
      <c r="SYD654" s="613"/>
      <c r="SYE654" s="613"/>
      <c r="SYF654" s="613"/>
      <c r="SYG654" s="613"/>
      <c r="SYH654" s="613"/>
      <c r="SYI654" s="613"/>
      <c r="SYJ654" s="613"/>
      <c r="SYK654" s="613"/>
      <c r="SYL654" s="613"/>
      <c r="SYM654" s="613"/>
      <c r="SYN654" s="613"/>
      <c r="SYO654" s="613"/>
      <c r="SYP654" s="613"/>
      <c r="SYQ654" s="613"/>
      <c r="SYR654" s="613"/>
      <c r="SYS654" s="613"/>
      <c r="SYT654" s="613"/>
      <c r="SYU654" s="613"/>
      <c r="SYV654" s="613"/>
      <c r="SYW654" s="613"/>
      <c r="SYX654" s="613"/>
      <c r="SYY654" s="613"/>
      <c r="SYZ654" s="613"/>
      <c r="SZA654" s="613"/>
      <c r="SZB654" s="613"/>
      <c r="SZC654" s="613"/>
      <c r="SZD654" s="613"/>
      <c r="SZE654" s="613"/>
      <c r="SZF654" s="613"/>
      <c r="SZG654" s="613"/>
      <c r="SZH654" s="613"/>
      <c r="SZI654" s="613"/>
      <c r="SZJ654" s="613"/>
      <c r="SZK654" s="613"/>
      <c r="SZL654" s="613"/>
      <c r="SZM654" s="613"/>
      <c r="SZN654" s="613"/>
      <c r="SZO654" s="613"/>
      <c r="SZP654" s="613"/>
      <c r="SZQ654" s="613"/>
      <c r="SZR654" s="613"/>
      <c r="SZS654" s="613"/>
      <c r="SZT654" s="613"/>
      <c r="SZU654" s="613"/>
      <c r="SZV654" s="613"/>
      <c r="SZW654" s="613"/>
      <c r="SZX654" s="613"/>
      <c r="SZY654" s="613"/>
      <c r="SZZ654" s="613"/>
      <c r="TAA654" s="613"/>
      <c r="TAB654" s="613"/>
      <c r="TAC654" s="613"/>
      <c r="TAD654" s="613"/>
      <c r="TAE654" s="613"/>
      <c r="TAF654" s="613"/>
      <c r="TAG654" s="613"/>
      <c r="TAH654" s="613"/>
      <c r="TAI654" s="613"/>
      <c r="TAJ654" s="613"/>
      <c r="TAK654" s="613"/>
      <c r="TAL654" s="613"/>
      <c r="TAM654" s="613"/>
      <c r="TAN654" s="613"/>
      <c r="TAO654" s="613"/>
      <c r="TAP654" s="613"/>
      <c r="TAQ654" s="613"/>
      <c r="TAR654" s="613"/>
      <c r="TAS654" s="613"/>
      <c r="TAT654" s="613"/>
      <c r="TAU654" s="613"/>
      <c r="TAV654" s="613"/>
      <c r="TAW654" s="613"/>
      <c r="TAX654" s="613"/>
      <c r="TAY654" s="613"/>
      <c r="TAZ654" s="613"/>
      <c r="TBA654" s="613"/>
      <c r="TBB654" s="613"/>
      <c r="TBC654" s="613"/>
      <c r="TBD654" s="613"/>
      <c r="TBE654" s="613"/>
      <c r="TBF654" s="613"/>
      <c r="TBG654" s="613"/>
      <c r="TBH654" s="613"/>
      <c r="TBI654" s="613"/>
      <c r="TBJ654" s="613"/>
      <c r="TBK654" s="613"/>
      <c r="TBL654" s="613"/>
      <c r="TBM654" s="613"/>
      <c r="TBN654" s="613"/>
      <c r="TBO654" s="613"/>
      <c r="TBP654" s="613"/>
      <c r="TBQ654" s="613"/>
      <c r="TBR654" s="613"/>
      <c r="TBS654" s="613"/>
      <c r="TBT654" s="613"/>
      <c r="TBU654" s="613"/>
      <c r="TBV654" s="613"/>
      <c r="TBW654" s="613"/>
      <c r="TBX654" s="613"/>
      <c r="TBY654" s="613"/>
      <c r="TBZ654" s="613"/>
      <c r="TCA654" s="613"/>
      <c r="TCB654" s="613"/>
      <c r="TCC654" s="613"/>
      <c r="TCD654" s="613"/>
      <c r="TCE654" s="613"/>
      <c r="TCF654" s="613"/>
      <c r="TCG654" s="613"/>
      <c r="TCH654" s="613"/>
      <c r="TCI654" s="613"/>
      <c r="TCJ654" s="613"/>
      <c r="TCK654" s="613"/>
      <c r="TCL654" s="613"/>
      <c r="TCM654" s="613"/>
      <c r="TCN654" s="613"/>
      <c r="TCO654" s="613"/>
      <c r="TCP654" s="613"/>
      <c r="TCQ654" s="613"/>
      <c r="TCR654" s="613"/>
      <c r="TCS654" s="613"/>
      <c r="TCT654" s="613"/>
      <c r="TCU654" s="613"/>
      <c r="TCV654" s="613"/>
      <c r="TCW654" s="613"/>
      <c r="TCX654" s="613"/>
      <c r="TCY654" s="613"/>
      <c r="TCZ654" s="613"/>
      <c r="TDA654" s="613"/>
      <c r="TDB654" s="613"/>
      <c r="TDC654" s="613"/>
      <c r="TDD654" s="613"/>
      <c r="TDE654" s="613"/>
      <c r="TDF654" s="613"/>
      <c r="TDG654" s="613"/>
      <c r="TDH654" s="613"/>
      <c r="TDI654" s="613"/>
      <c r="TDJ654" s="613"/>
      <c r="TDK654" s="613"/>
      <c r="TDL654" s="613"/>
      <c r="TDM654" s="613"/>
      <c r="TDN654" s="613"/>
      <c r="TDO654" s="613"/>
      <c r="TDP654" s="613"/>
      <c r="TDQ654" s="613"/>
      <c r="TDR654" s="613"/>
      <c r="TDS654" s="613"/>
      <c r="TDT654" s="613"/>
      <c r="TDU654" s="613"/>
      <c r="TDV654" s="613"/>
      <c r="TDW654" s="613"/>
      <c r="TDX654" s="613"/>
      <c r="TDY654" s="613"/>
      <c r="TDZ654" s="613"/>
      <c r="TEA654" s="613"/>
      <c r="TEB654" s="613"/>
      <c r="TEC654" s="613"/>
      <c r="TED654" s="613"/>
      <c r="TEE654" s="613"/>
      <c r="TEF654" s="613"/>
      <c r="TEG654" s="613"/>
      <c r="TEH654" s="613"/>
      <c r="TEI654" s="613"/>
      <c r="TEJ654" s="613"/>
      <c r="TEK654" s="613"/>
      <c r="TEL654" s="613"/>
      <c r="TEM654" s="613"/>
      <c r="TEN654" s="613"/>
      <c r="TEO654" s="613"/>
      <c r="TEP654" s="613"/>
      <c r="TEQ654" s="613"/>
      <c r="TER654" s="613"/>
      <c r="TES654" s="613"/>
      <c r="TET654" s="613"/>
      <c r="TEU654" s="613"/>
      <c r="TEV654" s="613"/>
      <c r="TEW654" s="613"/>
      <c r="TEX654" s="613"/>
      <c r="TEY654" s="613"/>
      <c r="TEZ654" s="613"/>
      <c r="TFA654" s="613"/>
      <c r="TFB654" s="613"/>
      <c r="TFC654" s="613"/>
      <c r="TFD654" s="613"/>
      <c r="TFE654" s="613"/>
      <c r="TFF654" s="613"/>
      <c r="TFG654" s="613"/>
      <c r="TFH654" s="613"/>
      <c r="TFI654" s="613"/>
      <c r="TFJ654" s="613"/>
      <c r="TFK654" s="613"/>
      <c r="TFL654" s="613"/>
      <c r="TFM654" s="613"/>
      <c r="TFN654" s="613"/>
      <c r="TFO654" s="613"/>
      <c r="TFP654" s="613"/>
      <c r="TFQ654" s="613"/>
      <c r="TFR654" s="613"/>
      <c r="TFS654" s="613"/>
      <c r="TFT654" s="613"/>
      <c r="TFU654" s="613"/>
      <c r="TFV654" s="613"/>
      <c r="TFW654" s="613"/>
      <c r="TFX654" s="613"/>
      <c r="TFY654" s="613"/>
      <c r="TFZ654" s="613"/>
      <c r="TGA654" s="613"/>
      <c r="TGB654" s="613"/>
      <c r="TGC654" s="613"/>
      <c r="TGD654" s="613"/>
      <c r="TGE654" s="613"/>
      <c r="TGF654" s="613"/>
      <c r="TGG654" s="613"/>
      <c r="TGH654" s="613"/>
      <c r="TGI654" s="613"/>
      <c r="TGJ654" s="613"/>
      <c r="TGK654" s="613"/>
      <c r="TGL654" s="613"/>
      <c r="TGM654" s="613"/>
      <c r="TGN654" s="613"/>
      <c r="TGO654" s="613"/>
      <c r="TGP654" s="613"/>
      <c r="TGQ654" s="613"/>
      <c r="TGR654" s="613"/>
      <c r="TGS654" s="613"/>
      <c r="TGT654" s="613"/>
      <c r="TGU654" s="613"/>
      <c r="TGV654" s="613"/>
      <c r="TGW654" s="613"/>
      <c r="TGX654" s="613"/>
      <c r="TGY654" s="613"/>
      <c r="TGZ654" s="613"/>
      <c r="THA654" s="613"/>
      <c r="THB654" s="613"/>
      <c r="THC654" s="613"/>
      <c r="THD654" s="613"/>
      <c r="THE654" s="613"/>
      <c r="THF654" s="613"/>
      <c r="THG654" s="613"/>
      <c r="THH654" s="613"/>
      <c r="THI654" s="613"/>
      <c r="THJ654" s="613"/>
      <c r="THK654" s="613"/>
      <c r="THL654" s="613"/>
      <c r="THM654" s="613"/>
      <c r="THN654" s="613"/>
      <c r="THO654" s="613"/>
      <c r="THP654" s="613"/>
      <c r="THQ654" s="613"/>
      <c r="THR654" s="613"/>
      <c r="THS654" s="613"/>
      <c r="THT654" s="613"/>
      <c r="THU654" s="613"/>
      <c r="THV654" s="613"/>
      <c r="THW654" s="613"/>
      <c r="THX654" s="613"/>
      <c r="THY654" s="613"/>
      <c r="THZ654" s="613"/>
      <c r="TIA654" s="613"/>
      <c r="TIB654" s="613"/>
      <c r="TIC654" s="613"/>
      <c r="TID654" s="613"/>
      <c r="TIE654" s="613"/>
      <c r="TIF654" s="613"/>
      <c r="TIG654" s="613"/>
      <c r="TIH654" s="613"/>
      <c r="TII654" s="613"/>
      <c r="TIJ654" s="613"/>
      <c r="TIK654" s="613"/>
      <c r="TIL654" s="613"/>
      <c r="TIM654" s="613"/>
      <c r="TIN654" s="613"/>
      <c r="TIO654" s="613"/>
      <c r="TIP654" s="613"/>
      <c r="TIQ654" s="613"/>
      <c r="TIR654" s="613"/>
      <c r="TIS654" s="613"/>
      <c r="TIT654" s="613"/>
      <c r="TIU654" s="613"/>
      <c r="TIV654" s="613"/>
      <c r="TIW654" s="613"/>
      <c r="TIX654" s="613"/>
      <c r="TIY654" s="613"/>
      <c r="TIZ654" s="613"/>
      <c r="TJA654" s="613"/>
      <c r="TJB654" s="613"/>
      <c r="TJC654" s="613"/>
      <c r="TJD654" s="613"/>
      <c r="TJE654" s="613"/>
      <c r="TJF654" s="613"/>
      <c r="TJG654" s="613"/>
      <c r="TJH654" s="613"/>
      <c r="TJI654" s="613"/>
      <c r="TJJ654" s="613"/>
      <c r="TJK654" s="613"/>
      <c r="TJL654" s="613"/>
      <c r="TJM654" s="613"/>
      <c r="TJN654" s="613"/>
      <c r="TJO654" s="613"/>
      <c r="TJP654" s="613"/>
      <c r="TJQ654" s="613"/>
      <c r="TJR654" s="613"/>
      <c r="TJS654" s="613"/>
      <c r="TJT654" s="613"/>
      <c r="TJU654" s="613"/>
      <c r="TJV654" s="613"/>
      <c r="TJW654" s="613"/>
      <c r="TJX654" s="613"/>
      <c r="TJY654" s="613"/>
      <c r="TJZ654" s="613"/>
      <c r="TKA654" s="613"/>
      <c r="TKB654" s="613"/>
      <c r="TKC654" s="613"/>
      <c r="TKD654" s="613"/>
      <c r="TKE654" s="613"/>
      <c r="TKF654" s="613"/>
      <c r="TKG654" s="613"/>
      <c r="TKH654" s="613"/>
      <c r="TKI654" s="613"/>
      <c r="TKJ654" s="613"/>
      <c r="TKK654" s="613"/>
      <c r="TKL654" s="613"/>
      <c r="TKM654" s="613"/>
      <c r="TKN654" s="613"/>
      <c r="TKO654" s="613"/>
      <c r="TKP654" s="613"/>
      <c r="TKQ654" s="613"/>
      <c r="TKR654" s="613"/>
      <c r="TKS654" s="613"/>
      <c r="TKT654" s="613"/>
      <c r="TKU654" s="613"/>
      <c r="TKV654" s="613"/>
      <c r="TKW654" s="613"/>
      <c r="TKX654" s="613"/>
      <c r="TKY654" s="613"/>
      <c r="TKZ654" s="613"/>
      <c r="TLA654" s="613"/>
      <c r="TLB654" s="613"/>
      <c r="TLC654" s="613"/>
      <c r="TLD654" s="613"/>
      <c r="TLE654" s="613"/>
      <c r="TLF654" s="613"/>
      <c r="TLG654" s="613"/>
      <c r="TLH654" s="613"/>
      <c r="TLI654" s="613"/>
      <c r="TLJ654" s="613"/>
      <c r="TLK654" s="613"/>
      <c r="TLL654" s="613"/>
      <c r="TLM654" s="613"/>
      <c r="TLN654" s="613"/>
      <c r="TLO654" s="613"/>
      <c r="TLP654" s="613"/>
      <c r="TLQ654" s="613"/>
      <c r="TLR654" s="613"/>
      <c r="TLS654" s="613"/>
      <c r="TLT654" s="613"/>
      <c r="TLU654" s="613"/>
      <c r="TLV654" s="613"/>
      <c r="TLW654" s="613"/>
      <c r="TLX654" s="613"/>
      <c r="TLY654" s="613"/>
      <c r="TLZ654" s="613"/>
      <c r="TMA654" s="613"/>
      <c r="TMB654" s="613"/>
      <c r="TMC654" s="613"/>
      <c r="TMD654" s="613"/>
      <c r="TME654" s="613"/>
      <c r="TMF654" s="613"/>
      <c r="TMG654" s="613"/>
      <c r="TMH654" s="613"/>
      <c r="TMI654" s="613"/>
      <c r="TMJ654" s="613"/>
      <c r="TMK654" s="613"/>
      <c r="TML654" s="613"/>
      <c r="TMM654" s="613"/>
      <c r="TMN654" s="613"/>
      <c r="TMO654" s="613"/>
      <c r="TMP654" s="613"/>
      <c r="TMQ654" s="613"/>
      <c r="TMR654" s="613"/>
      <c r="TMS654" s="613"/>
      <c r="TMT654" s="613"/>
      <c r="TMU654" s="613"/>
      <c r="TMV654" s="613"/>
      <c r="TMW654" s="613"/>
      <c r="TMX654" s="613"/>
      <c r="TMY654" s="613"/>
      <c r="TMZ654" s="613"/>
      <c r="TNA654" s="613"/>
      <c r="TNB654" s="613"/>
      <c r="TNC654" s="613"/>
      <c r="TND654" s="613"/>
      <c r="TNE654" s="613"/>
      <c r="TNF654" s="613"/>
      <c r="TNG654" s="613"/>
      <c r="TNH654" s="613"/>
      <c r="TNI654" s="613"/>
      <c r="TNJ654" s="613"/>
      <c r="TNK654" s="613"/>
      <c r="TNL654" s="613"/>
      <c r="TNM654" s="613"/>
      <c r="TNN654" s="613"/>
      <c r="TNO654" s="613"/>
      <c r="TNP654" s="613"/>
      <c r="TNQ654" s="613"/>
      <c r="TNR654" s="613"/>
      <c r="TNS654" s="613"/>
      <c r="TNT654" s="613"/>
      <c r="TNU654" s="613"/>
      <c r="TNV654" s="613"/>
      <c r="TNW654" s="613"/>
      <c r="TNX654" s="613"/>
      <c r="TNY654" s="613"/>
      <c r="TNZ654" s="613"/>
      <c r="TOA654" s="613"/>
      <c r="TOB654" s="613"/>
      <c r="TOC654" s="613"/>
      <c r="TOD654" s="613"/>
      <c r="TOE654" s="613"/>
      <c r="TOF654" s="613"/>
      <c r="TOG654" s="613"/>
      <c r="TOH654" s="613"/>
      <c r="TOI654" s="613"/>
      <c r="TOJ654" s="613"/>
      <c r="TOK654" s="613"/>
      <c r="TOL654" s="613"/>
      <c r="TOM654" s="613"/>
      <c r="TON654" s="613"/>
      <c r="TOO654" s="613"/>
      <c r="TOP654" s="613"/>
      <c r="TOQ654" s="613"/>
      <c r="TOR654" s="613"/>
      <c r="TOS654" s="613"/>
      <c r="TOT654" s="613"/>
      <c r="TOU654" s="613"/>
      <c r="TOV654" s="613"/>
      <c r="TOW654" s="613"/>
      <c r="TOX654" s="613"/>
      <c r="TOY654" s="613"/>
      <c r="TOZ654" s="613"/>
      <c r="TPA654" s="613"/>
      <c r="TPB654" s="613"/>
      <c r="TPC654" s="613"/>
      <c r="TPD654" s="613"/>
      <c r="TPE654" s="613"/>
      <c r="TPF654" s="613"/>
      <c r="TPG654" s="613"/>
      <c r="TPH654" s="613"/>
      <c r="TPI654" s="613"/>
      <c r="TPJ654" s="613"/>
      <c r="TPK654" s="613"/>
      <c r="TPL654" s="613"/>
      <c r="TPM654" s="613"/>
      <c r="TPN654" s="613"/>
      <c r="TPO654" s="613"/>
      <c r="TPP654" s="613"/>
      <c r="TPQ654" s="613"/>
      <c r="TPR654" s="613"/>
      <c r="TPS654" s="613"/>
      <c r="TPT654" s="613"/>
      <c r="TPU654" s="613"/>
      <c r="TPV654" s="613"/>
      <c r="TPW654" s="613"/>
      <c r="TPX654" s="613"/>
      <c r="TPY654" s="613"/>
      <c r="TPZ654" s="613"/>
      <c r="TQA654" s="613"/>
      <c r="TQB654" s="613"/>
      <c r="TQC654" s="613"/>
      <c r="TQD654" s="613"/>
      <c r="TQE654" s="613"/>
      <c r="TQF654" s="613"/>
      <c r="TQG654" s="613"/>
      <c r="TQH654" s="613"/>
      <c r="TQI654" s="613"/>
      <c r="TQJ654" s="613"/>
      <c r="TQK654" s="613"/>
      <c r="TQL654" s="613"/>
      <c r="TQM654" s="613"/>
      <c r="TQN654" s="613"/>
      <c r="TQO654" s="613"/>
      <c r="TQP654" s="613"/>
      <c r="TQQ654" s="613"/>
      <c r="TQR654" s="613"/>
      <c r="TQS654" s="613"/>
      <c r="TQT654" s="613"/>
      <c r="TQU654" s="613"/>
      <c r="TQV654" s="613"/>
      <c r="TQW654" s="613"/>
      <c r="TQX654" s="613"/>
      <c r="TQY654" s="613"/>
      <c r="TQZ654" s="613"/>
      <c r="TRA654" s="613"/>
      <c r="TRB654" s="613"/>
      <c r="TRC654" s="613"/>
      <c r="TRD654" s="613"/>
      <c r="TRE654" s="613"/>
      <c r="TRF654" s="613"/>
      <c r="TRG654" s="613"/>
      <c r="TRH654" s="613"/>
      <c r="TRI654" s="613"/>
      <c r="TRJ654" s="613"/>
      <c r="TRK654" s="613"/>
      <c r="TRL654" s="613"/>
      <c r="TRM654" s="613"/>
      <c r="TRN654" s="613"/>
      <c r="TRO654" s="613"/>
      <c r="TRP654" s="613"/>
      <c r="TRQ654" s="613"/>
      <c r="TRR654" s="613"/>
      <c r="TRS654" s="613"/>
      <c r="TRT654" s="613"/>
      <c r="TRU654" s="613"/>
      <c r="TRV654" s="613"/>
      <c r="TRW654" s="613"/>
      <c r="TRX654" s="613"/>
      <c r="TRY654" s="613"/>
      <c r="TRZ654" s="613"/>
      <c r="TSA654" s="613"/>
      <c r="TSB654" s="613"/>
      <c r="TSC654" s="613"/>
      <c r="TSD654" s="613"/>
      <c r="TSE654" s="613"/>
      <c r="TSF654" s="613"/>
      <c r="TSG654" s="613"/>
      <c r="TSH654" s="613"/>
      <c r="TSI654" s="613"/>
      <c r="TSJ654" s="613"/>
      <c r="TSK654" s="613"/>
      <c r="TSL654" s="613"/>
      <c r="TSM654" s="613"/>
      <c r="TSN654" s="613"/>
      <c r="TSO654" s="613"/>
      <c r="TSP654" s="613"/>
      <c r="TSQ654" s="613"/>
      <c r="TSR654" s="613"/>
      <c r="TSS654" s="613"/>
      <c r="TST654" s="613"/>
      <c r="TSU654" s="613"/>
      <c r="TSV654" s="613"/>
      <c r="TSW654" s="613"/>
      <c r="TSX654" s="613"/>
      <c r="TSY654" s="613"/>
      <c r="TSZ654" s="613"/>
      <c r="TTA654" s="613"/>
      <c r="TTB654" s="613"/>
      <c r="TTC654" s="613"/>
      <c r="TTD654" s="613"/>
      <c r="TTE654" s="613"/>
      <c r="TTF654" s="613"/>
      <c r="TTG654" s="613"/>
      <c r="TTH654" s="613"/>
      <c r="TTI654" s="613"/>
      <c r="TTJ654" s="613"/>
      <c r="TTK654" s="613"/>
      <c r="TTL654" s="613"/>
      <c r="TTM654" s="613"/>
      <c r="TTN654" s="613"/>
      <c r="TTO654" s="613"/>
      <c r="TTP654" s="613"/>
      <c r="TTQ654" s="613"/>
      <c r="TTR654" s="613"/>
      <c r="TTS654" s="613"/>
      <c r="TTT654" s="613"/>
      <c r="TTU654" s="613"/>
      <c r="TTV654" s="613"/>
      <c r="TTW654" s="613"/>
      <c r="TTX654" s="613"/>
      <c r="TTY654" s="613"/>
      <c r="TTZ654" s="613"/>
      <c r="TUA654" s="613"/>
      <c r="TUB654" s="613"/>
      <c r="TUC654" s="613"/>
      <c r="TUD654" s="613"/>
      <c r="TUE654" s="613"/>
      <c r="TUF654" s="613"/>
      <c r="TUG654" s="613"/>
      <c r="TUH654" s="613"/>
      <c r="TUI654" s="613"/>
      <c r="TUJ654" s="613"/>
      <c r="TUK654" s="613"/>
      <c r="TUL654" s="613"/>
      <c r="TUM654" s="613"/>
      <c r="TUN654" s="613"/>
      <c r="TUO654" s="613"/>
      <c r="TUP654" s="613"/>
      <c r="TUQ654" s="613"/>
      <c r="TUR654" s="613"/>
      <c r="TUS654" s="613"/>
      <c r="TUT654" s="613"/>
      <c r="TUU654" s="613"/>
      <c r="TUV654" s="613"/>
      <c r="TUW654" s="613"/>
      <c r="TUX654" s="613"/>
      <c r="TUY654" s="613"/>
      <c r="TUZ654" s="613"/>
      <c r="TVA654" s="613"/>
      <c r="TVB654" s="613"/>
      <c r="TVC654" s="613"/>
      <c r="TVD654" s="613"/>
      <c r="TVE654" s="613"/>
      <c r="TVF654" s="613"/>
      <c r="TVG654" s="613"/>
      <c r="TVH654" s="613"/>
      <c r="TVI654" s="613"/>
      <c r="TVJ654" s="613"/>
      <c r="TVK654" s="613"/>
      <c r="TVL654" s="613"/>
      <c r="TVM654" s="613"/>
      <c r="TVN654" s="613"/>
      <c r="TVO654" s="613"/>
      <c r="TVP654" s="613"/>
      <c r="TVQ654" s="613"/>
      <c r="TVR654" s="613"/>
      <c r="TVS654" s="613"/>
      <c r="TVT654" s="613"/>
      <c r="TVU654" s="613"/>
      <c r="TVV654" s="613"/>
      <c r="TVW654" s="613"/>
      <c r="TVX654" s="613"/>
      <c r="TVY654" s="613"/>
      <c r="TVZ654" s="613"/>
      <c r="TWA654" s="613"/>
      <c r="TWB654" s="613"/>
      <c r="TWC654" s="613"/>
      <c r="TWD654" s="613"/>
      <c r="TWE654" s="613"/>
      <c r="TWF654" s="613"/>
      <c r="TWG654" s="613"/>
      <c r="TWH654" s="613"/>
      <c r="TWI654" s="613"/>
      <c r="TWJ654" s="613"/>
      <c r="TWK654" s="613"/>
      <c r="TWL654" s="613"/>
      <c r="TWM654" s="613"/>
      <c r="TWN654" s="613"/>
      <c r="TWO654" s="613"/>
      <c r="TWP654" s="613"/>
      <c r="TWQ654" s="613"/>
      <c r="TWR654" s="613"/>
      <c r="TWS654" s="613"/>
      <c r="TWT654" s="613"/>
      <c r="TWU654" s="613"/>
      <c r="TWV654" s="613"/>
      <c r="TWW654" s="613"/>
      <c r="TWX654" s="613"/>
      <c r="TWY654" s="613"/>
      <c r="TWZ654" s="613"/>
      <c r="TXA654" s="613"/>
      <c r="TXB654" s="613"/>
      <c r="TXC654" s="613"/>
      <c r="TXD654" s="613"/>
      <c r="TXE654" s="613"/>
      <c r="TXF654" s="613"/>
      <c r="TXG654" s="613"/>
      <c r="TXH654" s="613"/>
      <c r="TXI654" s="613"/>
      <c r="TXJ654" s="613"/>
      <c r="TXK654" s="613"/>
      <c r="TXL654" s="613"/>
      <c r="TXM654" s="613"/>
      <c r="TXN654" s="613"/>
      <c r="TXO654" s="613"/>
      <c r="TXP654" s="613"/>
      <c r="TXQ654" s="613"/>
      <c r="TXR654" s="613"/>
      <c r="TXS654" s="613"/>
      <c r="TXT654" s="613"/>
      <c r="TXU654" s="613"/>
      <c r="TXV654" s="613"/>
      <c r="TXW654" s="613"/>
      <c r="TXX654" s="613"/>
      <c r="TXY654" s="613"/>
      <c r="TXZ654" s="613"/>
      <c r="TYA654" s="613"/>
      <c r="TYB654" s="613"/>
      <c r="TYC654" s="613"/>
      <c r="TYD654" s="613"/>
      <c r="TYE654" s="613"/>
      <c r="TYF654" s="613"/>
      <c r="TYG654" s="613"/>
      <c r="TYH654" s="613"/>
      <c r="TYI654" s="613"/>
      <c r="TYJ654" s="613"/>
      <c r="TYK654" s="613"/>
      <c r="TYL654" s="613"/>
      <c r="TYM654" s="613"/>
      <c r="TYN654" s="613"/>
      <c r="TYO654" s="613"/>
      <c r="TYP654" s="613"/>
      <c r="TYQ654" s="613"/>
      <c r="TYR654" s="613"/>
      <c r="TYS654" s="613"/>
      <c r="TYT654" s="613"/>
      <c r="TYU654" s="613"/>
      <c r="TYV654" s="613"/>
      <c r="TYW654" s="613"/>
      <c r="TYX654" s="613"/>
      <c r="TYY654" s="613"/>
      <c r="TYZ654" s="613"/>
      <c r="TZA654" s="613"/>
      <c r="TZB654" s="613"/>
      <c r="TZC654" s="613"/>
      <c r="TZD654" s="613"/>
      <c r="TZE654" s="613"/>
      <c r="TZF654" s="613"/>
      <c r="TZG654" s="613"/>
      <c r="TZH654" s="613"/>
      <c r="TZI654" s="613"/>
      <c r="TZJ654" s="613"/>
      <c r="TZK654" s="613"/>
      <c r="TZL654" s="613"/>
      <c r="TZM654" s="613"/>
      <c r="TZN654" s="613"/>
      <c r="TZO654" s="613"/>
      <c r="TZP654" s="613"/>
      <c r="TZQ654" s="613"/>
      <c r="TZR654" s="613"/>
      <c r="TZS654" s="613"/>
      <c r="TZT654" s="613"/>
      <c r="TZU654" s="613"/>
      <c r="TZV654" s="613"/>
      <c r="TZW654" s="613"/>
      <c r="TZX654" s="613"/>
      <c r="TZY654" s="613"/>
      <c r="TZZ654" s="613"/>
      <c r="UAA654" s="613"/>
      <c r="UAB654" s="613"/>
      <c r="UAC654" s="613"/>
      <c r="UAD654" s="613"/>
      <c r="UAE654" s="613"/>
      <c r="UAF654" s="613"/>
      <c r="UAG654" s="613"/>
      <c r="UAH654" s="613"/>
      <c r="UAI654" s="613"/>
      <c r="UAJ654" s="613"/>
      <c r="UAK654" s="613"/>
      <c r="UAL654" s="613"/>
      <c r="UAM654" s="613"/>
      <c r="UAN654" s="613"/>
      <c r="UAO654" s="613"/>
      <c r="UAP654" s="613"/>
      <c r="UAQ654" s="613"/>
      <c r="UAR654" s="613"/>
      <c r="UAS654" s="613"/>
      <c r="UAT654" s="613"/>
      <c r="UAU654" s="613"/>
      <c r="UAV654" s="613"/>
      <c r="UAW654" s="613"/>
      <c r="UAX654" s="613"/>
      <c r="UAY654" s="613"/>
      <c r="UAZ654" s="613"/>
      <c r="UBA654" s="613"/>
      <c r="UBB654" s="613"/>
      <c r="UBC654" s="613"/>
      <c r="UBD654" s="613"/>
      <c r="UBE654" s="613"/>
      <c r="UBF654" s="613"/>
      <c r="UBG654" s="613"/>
      <c r="UBH654" s="613"/>
      <c r="UBI654" s="613"/>
      <c r="UBJ654" s="613"/>
      <c r="UBK654" s="613"/>
      <c r="UBL654" s="613"/>
      <c r="UBM654" s="613"/>
      <c r="UBN654" s="613"/>
      <c r="UBO654" s="613"/>
      <c r="UBP654" s="613"/>
      <c r="UBQ654" s="613"/>
      <c r="UBR654" s="613"/>
      <c r="UBS654" s="613"/>
      <c r="UBT654" s="613"/>
      <c r="UBU654" s="613"/>
      <c r="UBV654" s="613"/>
      <c r="UBW654" s="613"/>
      <c r="UBX654" s="613"/>
      <c r="UBY654" s="613"/>
      <c r="UBZ654" s="613"/>
      <c r="UCA654" s="613"/>
      <c r="UCB654" s="613"/>
      <c r="UCC654" s="613"/>
      <c r="UCD654" s="613"/>
      <c r="UCE654" s="613"/>
      <c r="UCF654" s="613"/>
      <c r="UCG654" s="613"/>
      <c r="UCH654" s="613"/>
      <c r="UCI654" s="613"/>
      <c r="UCJ654" s="613"/>
      <c r="UCK654" s="613"/>
      <c r="UCL654" s="613"/>
      <c r="UCM654" s="613"/>
      <c r="UCN654" s="613"/>
      <c r="UCO654" s="613"/>
      <c r="UCP654" s="613"/>
      <c r="UCQ654" s="613"/>
      <c r="UCR654" s="613"/>
      <c r="UCS654" s="613"/>
      <c r="UCT654" s="613"/>
      <c r="UCU654" s="613"/>
      <c r="UCV654" s="613"/>
      <c r="UCW654" s="613"/>
      <c r="UCX654" s="613"/>
      <c r="UCY654" s="613"/>
      <c r="UCZ654" s="613"/>
      <c r="UDA654" s="613"/>
      <c r="UDB654" s="613"/>
      <c r="UDC654" s="613"/>
      <c r="UDD654" s="613"/>
      <c r="UDE654" s="613"/>
      <c r="UDF654" s="613"/>
      <c r="UDG654" s="613"/>
      <c r="UDH654" s="613"/>
      <c r="UDI654" s="613"/>
      <c r="UDJ654" s="613"/>
      <c r="UDK654" s="613"/>
      <c r="UDL654" s="613"/>
      <c r="UDM654" s="613"/>
      <c r="UDN654" s="613"/>
      <c r="UDO654" s="613"/>
      <c r="UDP654" s="613"/>
      <c r="UDQ654" s="613"/>
      <c r="UDR654" s="613"/>
      <c r="UDS654" s="613"/>
      <c r="UDT654" s="613"/>
      <c r="UDU654" s="613"/>
      <c r="UDV654" s="613"/>
      <c r="UDW654" s="613"/>
      <c r="UDX654" s="613"/>
      <c r="UDY654" s="613"/>
      <c r="UDZ654" s="613"/>
      <c r="UEA654" s="613"/>
      <c r="UEB654" s="613"/>
      <c r="UEC654" s="613"/>
      <c r="UED654" s="613"/>
      <c r="UEE654" s="613"/>
      <c r="UEF654" s="613"/>
      <c r="UEG654" s="613"/>
      <c r="UEH654" s="613"/>
      <c r="UEI654" s="613"/>
      <c r="UEJ654" s="613"/>
      <c r="UEK654" s="613"/>
      <c r="UEL654" s="613"/>
      <c r="UEM654" s="613"/>
      <c r="UEN654" s="613"/>
      <c r="UEO654" s="613"/>
      <c r="UEP654" s="613"/>
      <c r="UEQ654" s="613"/>
      <c r="UER654" s="613"/>
      <c r="UES654" s="613"/>
      <c r="UET654" s="613"/>
      <c r="UEU654" s="613"/>
      <c r="UEV654" s="613"/>
      <c r="UEW654" s="613"/>
      <c r="UEX654" s="613"/>
      <c r="UEY654" s="613"/>
      <c r="UEZ654" s="613"/>
      <c r="UFA654" s="613"/>
      <c r="UFB654" s="613"/>
      <c r="UFC654" s="613"/>
      <c r="UFD654" s="613"/>
      <c r="UFE654" s="613"/>
      <c r="UFF654" s="613"/>
      <c r="UFG654" s="613"/>
      <c r="UFH654" s="613"/>
      <c r="UFI654" s="613"/>
      <c r="UFJ654" s="613"/>
      <c r="UFK654" s="613"/>
      <c r="UFL654" s="613"/>
      <c r="UFM654" s="613"/>
      <c r="UFN654" s="613"/>
      <c r="UFO654" s="613"/>
      <c r="UFP654" s="613"/>
      <c r="UFQ654" s="613"/>
      <c r="UFR654" s="613"/>
      <c r="UFS654" s="613"/>
      <c r="UFT654" s="613"/>
      <c r="UFU654" s="613"/>
      <c r="UFV654" s="613"/>
      <c r="UFW654" s="613"/>
      <c r="UFX654" s="613"/>
      <c r="UFY654" s="613"/>
      <c r="UFZ654" s="613"/>
      <c r="UGA654" s="613"/>
      <c r="UGB654" s="613"/>
      <c r="UGC654" s="613"/>
      <c r="UGD654" s="613"/>
      <c r="UGE654" s="613"/>
      <c r="UGF654" s="613"/>
      <c r="UGG654" s="613"/>
      <c r="UGH654" s="613"/>
      <c r="UGI654" s="613"/>
      <c r="UGJ654" s="613"/>
      <c r="UGK654" s="613"/>
      <c r="UGL654" s="613"/>
      <c r="UGM654" s="613"/>
      <c r="UGN654" s="613"/>
      <c r="UGO654" s="613"/>
      <c r="UGP654" s="613"/>
      <c r="UGQ654" s="613"/>
      <c r="UGR654" s="613"/>
      <c r="UGS654" s="613"/>
      <c r="UGT654" s="613"/>
      <c r="UGU654" s="613"/>
      <c r="UGV654" s="613"/>
      <c r="UGW654" s="613"/>
      <c r="UGX654" s="613"/>
      <c r="UGY654" s="613"/>
      <c r="UGZ654" s="613"/>
      <c r="UHA654" s="613"/>
      <c r="UHB654" s="613"/>
      <c r="UHC654" s="613"/>
      <c r="UHD654" s="613"/>
      <c r="UHE654" s="613"/>
      <c r="UHF654" s="613"/>
      <c r="UHG654" s="613"/>
      <c r="UHH654" s="613"/>
      <c r="UHI654" s="613"/>
      <c r="UHJ654" s="613"/>
      <c r="UHK654" s="613"/>
      <c r="UHL654" s="613"/>
      <c r="UHM654" s="613"/>
      <c r="UHN654" s="613"/>
      <c r="UHO654" s="613"/>
      <c r="UHP654" s="613"/>
      <c r="UHQ654" s="613"/>
      <c r="UHR654" s="613"/>
      <c r="UHS654" s="613"/>
      <c r="UHT654" s="613"/>
      <c r="UHU654" s="613"/>
      <c r="UHV654" s="613"/>
      <c r="UHW654" s="613"/>
      <c r="UHX654" s="613"/>
      <c r="UHY654" s="613"/>
      <c r="UHZ654" s="613"/>
      <c r="UIA654" s="613"/>
      <c r="UIB654" s="613"/>
      <c r="UIC654" s="613"/>
      <c r="UID654" s="613"/>
      <c r="UIE654" s="613"/>
      <c r="UIF654" s="613"/>
      <c r="UIG654" s="613"/>
      <c r="UIH654" s="613"/>
      <c r="UII654" s="613"/>
      <c r="UIJ654" s="613"/>
      <c r="UIK654" s="613"/>
      <c r="UIL654" s="613"/>
      <c r="UIM654" s="613"/>
      <c r="UIN654" s="613"/>
      <c r="UIO654" s="613"/>
      <c r="UIP654" s="613"/>
      <c r="UIQ654" s="613"/>
      <c r="UIR654" s="613"/>
      <c r="UIS654" s="613"/>
      <c r="UIT654" s="613"/>
      <c r="UIU654" s="613"/>
      <c r="UIV654" s="613"/>
      <c r="UIW654" s="613"/>
      <c r="UIX654" s="613"/>
      <c r="UIY654" s="613"/>
      <c r="UIZ654" s="613"/>
      <c r="UJA654" s="613"/>
      <c r="UJB654" s="613"/>
      <c r="UJC654" s="613"/>
      <c r="UJD654" s="613"/>
      <c r="UJE654" s="613"/>
      <c r="UJF654" s="613"/>
      <c r="UJG654" s="613"/>
      <c r="UJH654" s="613"/>
      <c r="UJI654" s="613"/>
      <c r="UJJ654" s="613"/>
      <c r="UJK654" s="613"/>
      <c r="UJL654" s="613"/>
      <c r="UJM654" s="613"/>
      <c r="UJN654" s="613"/>
      <c r="UJO654" s="613"/>
      <c r="UJP654" s="613"/>
      <c r="UJQ654" s="613"/>
      <c r="UJR654" s="613"/>
      <c r="UJS654" s="613"/>
      <c r="UJT654" s="613"/>
      <c r="UJU654" s="613"/>
      <c r="UJV654" s="613"/>
      <c r="UJW654" s="613"/>
      <c r="UJX654" s="613"/>
      <c r="UJY654" s="613"/>
      <c r="UJZ654" s="613"/>
      <c r="UKA654" s="613"/>
      <c r="UKB654" s="613"/>
      <c r="UKC654" s="613"/>
      <c r="UKD654" s="613"/>
      <c r="UKE654" s="613"/>
      <c r="UKF654" s="613"/>
      <c r="UKG654" s="613"/>
      <c r="UKH654" s="613"/>
      <c r="UKI654" s="613"/>
      <c r="UKJ654" s="613"/>
      <c r="UKK654" s="613"/>
      <c r="UKL654" s="613"/>
      <c r="UKM654" s="613"/>
      <c r="UKN654" s="613"/>
      <c r="UKO654" s="613"/>
      <c r="UKP654" s="613"/>
      <c r="UKQ654" s="613"/>
      <c r="UKR654" s="613"/>
      <c r="UKS654" s="613"/>
      <c r="UKT654" s="613"/>
      <c r="UKU654" s="613"/>
      <c r="UKV654" s="613"/>
      <c r="UKW654" s="613"/>
      <c r="UKX654" s="613"/>
      <c r="UKY654" s="613"/>
      <c r="UKZ654" s="613"/>
      <c r="ULA654" s="613"/>
      <c r="ULB654" s="613"/>
      <c r="ULC654" s="613"/>
      <c r="ULD654" s="613"/>
      <c r="ULE654" s="613"/>
      <c r="ULF654" s="613"/>
      <c r="ULG654" s="613"/>
      <c r="ULH654" s="613"/>
      <c r="ULI654" s="613"/>
      <c r="ULJ654" s="613"/>
      <c r="ULK654" s="613"/>
      <c r="ULL654" s="613"/>
      <c r="ULM654" s="613"/>
      <c r="ULN654" s="613"/>
      <c r="ULO654" s="613"/>
      <c r="ULP654" s="613"/>
      <c r="ULQ654" s="613"/>
      <c r="ULR654" s="613"/>
      <c r="ULS654" s="613"/>
      <c r="ULT654" s="613"/>
      <c r="ULU654" s="613"/>
      <c r="ULV654" s="613"/>
      <c r="ULW654" s="613"/>
      <c r="ULX654" s="613"/>
      <c r="ULY654" s="613"/>
      <c r="ULZ654" s="613"/>
      <c r="UMA654" s="613"/>
      <c r="UMB654" s="613"/>
      <c r="UMC654" s="613"/>
      <c r="UMD654" s="613"/>
      <c r="UME654" s="613"/>
      <c r="UMF654" s="613"/>
      <c r="UMG654" s="613"/>
      <c r="UMH654" s="613"/>
      <c r="UMI654" s="613"/>
      <c r="UMJ654" s="613"/>
      <c r="UMK654" s="613"/>
      <c r="UML654" s="613"/>
      <c r="UMM654" s="613"/>
      <c r="UMN654" s="613"/>
      <c r="UMO654" s="613"/>
      <c r="UMP654" s="613"/>
      <c r="UMQ654" s="613"/>
      <c r="UMR654" s="613"/>
      <c r="UMS654" s="613"/>
      <c r="UMT654" s="613"/>
      <c r="UMU654" s="613"/>
      <c r="UMV654" s="613"/>
      <c r="UMW654" s="613"/>
      <c r="UMX654" s="613"/>
      <c r="UMY654" s="613"/>
      <c r="UMZ654" s="613"/>
      <c r="UNA654" s="613"/>
      <c r="UNB654" s="613"/>
      <c r="UNC654" s="613"/>
      <c r="UND654" s="613"/>
      <c r="UNE654" s="613"/>
      <c r="UNF654" s="613"/>
      <c r="UNG654" s="613"/>
      <c r="UNH654" s="613"/>
      <c r="UNI654" s="613"/>
      <c r="UNJ654" s="613"/>
      <c r="UNK654" s="613"/>
      <c r="UNL654" s="613"/>
      <c r="UNM654" s="613"/>
      <c r="UNN654" s="613"/>
      <c r="UNO654" s="613"/>
      <c r="UNP654" s="613"/>
      <c r="UNQ654" s="613"/>
      <c r="UNR654" s="613"/>
      <c r="UNS654" s="613"/>
      <c r="UNT654" s="613"/>
      <c r="UNU654" s="613"/>
      <c r="UNV654" s="613"/>
      <c r="UNW654" s="613"/>
      <c r="UNX654" s="613"/>
      <c r="UNY654" s="613"/>
      <c r="UNZ654" s="613"/>
      <c r="UOA654" s="613"/>
      <c r="UOB654" s="613"/>
      <c r="UOC654" s="613"/>
      <c r="UOD654" s="613"/>
      <c r="UOE654" s="613"/>
      <c r="UOF654" s="613"/>
      <c r="UOG654" s="613"/>
      <c r="UOH654" s="613"/>
      <c r="UOI654" s="613"/>
      <c r="UOJ654" s="613"/>
      <c r="UOK654" s="613"/>
      <c r="UOL654" s="613"/>
      <c r="UOM654" s="613"/>
      <c r="UON654" s="613"/>
      <c r="UOO654" s="613"/>
      <c r="UOP654" s="613"/>
      <c r="UOQ654" s="613"/>
      <c r="UOR654" s="613"/>
      <c r="UOS654" s="613"/>
      <c r="UOT654" s="613"/>
      <c r="UOU654" s="613"/>
      <c r="UOV654" s="613"/>
      <c r="UOW654" s="613"/>
      <c r="UOX654" s="613"/>
      <c r="UOY654" s="613"/>
      <c r="UOZ654" s="613"/>
      <c r="UPA654" s="613"/>
      <c r="UPB654" s="613"/>
      <c r="UPC654" s="613"/>
      <c r="UPD654" s="613"/>
      <c r="UPE654" s="613"/>
      <c r="UPF654" s="613"/>
      <c r="UPG654" s="613"/>
      <c r="UPH654" s="613"/>
      <c r="UPI654" s="613"/>
      <c r="UPJ654" s="613"/>
      <c r="UPK654" s="613"/>
      <c r="UPL654" s="613"/>
      <c r="UPM654" s="613"/>
      <c r="UPN654" s="613"/>
      <c r="UPO654" s="613"/>
      <c r="UPP654" s="613"/>
      <c r="UPQ654" s="613"/>
      <c r="UPR654" s="613"/>
      <c r="UPS654" s="613"/>
      <c r="UPT654" s="613"/>
      <c r="UPU654" s="613"/>
      <c r="UPV654" s="613"/>
      <c r="UPW654" s="613"/>
      <c r="UPX654" s="613"/>
      <c r="UPY654" s="613"/>
      <c r="UPZ654" s="613"/>
      <c r="UQA654" s="613"/>
      <c r="UQB654" s="613"/>
      <c r="UQC654" s="613"/>
      <c r="UQD654" s="613"/>
      <c r="UQE654" s="613"/>
      <c r="UQF654" s="613"/>
      <c r="UQG654" s="613"/>
      <c r="UQH654" s="613"/>
      <c r="UQI654" s="613"/>
      <c r="UQJ654" s="613"/>
      <c r="UQK654" s="613"/>
      <c r="UQL654" s="613"/>
      <c r="UQM654" s="613"/>
      <c r="UQN654" s="613"/>
      <c r="UQO654" s="613"/>
      <c r="UQP654" s="613"/>
      <c r="UQQ654" s="613"/>
      <c r="UQR654" s="613"/>
      <c r="UQS654" s="613"/>
      <c r="UQT654" s="613"/>
      <c r="UQU654" s="613"/>
      <c r="UQV654" s="613"/>
      <c r="UQW654" s="613"/>
      <c r="UQX654" s="613"/>
      <c r="UQY654" s="613"/>
      <c r="UQZ654" s="613"/>
      <c r="URA654" s="613"/>
      <c r="URB654" s="613"/>
      <c r="URC654" s="613"/>
      <c r="URD654" s="613"/>
      <c r="URE654" s="613"/>
      <c r="URF654" s="613"/>
      <c r="URG654" s="613"/>
      <c r="URH654" s="613"/>
      <c r="URI654" s="613"/>
      <c r="URJ654" s="613"/>
      <c r="URK654" s="613"/>
      <c r="URL654" s="613"/>
      <c r="URM654" s="613"/>
      <c r="URN654" s="613"/>
      <c r="URO654" s="613"/>
      <c r="URP654" s="613"/>
      <c r="URQ654" s="613"/>
      <c r="URR654" s="613"/>
      <c r="URS654" s="613"/>
      <c r="URT654" s="613"/>
      <c r="URU654" s="613"/>
      <c r="URV654" s="613"/>
      <c r="URW654" s="613"/>
      <c r="URX654" s="613"/>
      <c r="URY654" s="613"/>
      <c r="URZ654" s="613"/>
      <c r="USA654" s="613"/>
      <c r="USB654" s="613"/>
      <c r="USC654" s="613"/>
      <c r="USD654" s="613"/>
      <c r="USE654" s="613"/>
      <c r="USF654" s="613"/>
      <c r="USG654" s="613"/>
      <c r="USH654" s="613"/>
      <c r="USI654" s="613"/>
      <c r="USJ654" s="613"/>
      <c r="USK654" s="613"/>
      <c r="USL654" s="613"/>
      <c r="USM654" s="613"/>
      <c r="USN654" s="613"/>
      <c r="USO654" s="613"/>
      <c r="USP654" s="613"/>
      <c r="USQ654" s="613"/>
      <c r="USR654" s="613"/>
      <c r="USS654" s="613"/>
      <c r="UST654" s="613"/>
      <c r="USU654" s="613"/>
      <c r="USV654" s="613"/>
      <c r="USW654" s="613"/>
      <c r="USX654" s="613"/>
      <c r="USY654" s="613"/>
      <c r="USZ654" s="613"/>
      <c r="UTA654" s="613"/>
      <c r="UTB654" s="613"/>
      <c r="UTC654" s="613"/>
      <c r="UTD654" s="613"/>
      <c r="UTE654" s="613"/>
      <c r="UTF654" s="613"/>
      <c r="UTG654" s="613"/>
      <c r="UTH654" s="613"/>
      <c r="UTI654" s="613"/>
      <c r="UTJ654" s="613"/>
      <c r="UTK654" s="613"/>
      <c r="UTL654" s="613"/>
      <c r="UTM654" s="613"/>
      <c r="UTN654" s="613"/>
      <c r="UTO654" s="613"/>
      <c r="UTP654" s="613"/>
      <c r="UTQ654" s="613"/>
      <c r="UTR654" s="613"/>
      <c r="UTS654" s="613"/>
      <c r="UTT654" s="613"/>
      <c r="UTU654" s="613"/>
      <c r="UTV654" s="613"/>
      <c r="UTW654" s="613"/>
      <c r="UTX654" s="613"/>
      <c r="UTY654" s="613"/>
      <c r="UTZ654" s="613"/>
      <c r="UUA654" s="613"/>
      <c r="UUB654" s="613"/>
      <c r="UUC654" s="613"/>
      <c r="UUD654" s="613"/>
      <c r="UUE654" s="613"/>
      <c r="UUF654" s="613"/>
      <c r="UUG654" s="613"/>
      <c r="UUH654" s="613"/>
      <c r="UUI654" s="613"/>
      <c r="UUJ654" s="613"/>
      <c r="UUK654" s="613"/>
      <c r="UUL654" s="613"/>
      <c r="UUM654" s="613"/>
      <c r="UUN654" s="613"/>
      <c r="UUO654" s="613"/>
      <c r="UUP654" s="613"/>
      <c r="UUQ654" s="613"/>
      <c r="UUR654" s="613"/>
      <c r="UUS654" s="613"/>
      <c r="UUT654" s="613"/>
      <c r="UUU654" s="613"/>
      <c r="UUV654" s="613"/>
      <c r="UUW654" s="613"/>
      <c r="UUX654" s="613"/>
      <c r="UUY654" s="613"/>
      <c r="UUZ654" s="613"/>
      <c r="UVA654" s="613"/>
      <c r="UVB654" s="613"/>
      <c r="UVC654" s="613"/>
      <c r="UVD654" s="613"/>
      <c r="UVE654" s="613"/>
      <c r="UVF654" s="613"/>
      <c r="UVG654" s="613"/>
      <c r="UVH654" s="613"/>
      <c r="UVI654" s="613"/>
      <c r="UVJ654" s="613"/>
      <c r="UVK654" s="613"/>
      <c r="UVL654" s="613"/>
      <c r="UVM654" s="613"/>
      <c r="UVN654" s="613"/>
      <c r="UVO654" s="613"/>
      <c r="UVP654" s="613"/>
      <c r="UVQ654" s="613"/>
      <c r="UVR654" s="613"/>
      <c r="UVS654" s="613"/>
      <c r="UVT654" s="613"/>
      <c r="UVU654" s="613"/>
      <c r="UVV654" s="613"/>
      <c r="UVW654" s="613"/>
      <c r="UVX654" s="613"/>
      <c r="UVY654" s="613"/>
      <c r="UVZ654" s="613"/>
      <c r="UWA654" s="613"/>
      <c r="UWB654" s="613"/>
      <c r="UWC654" s="613"/>
      <c r="UWD654" s="613"/>
      <c r="UWE654" s="613"/>
      <c r="UWF654" s="613"/>
      <c r="UWG654" s="613"/>
      <c r="UWH654" s="613"/>
      <c r="UWI654" s="613"/>
      <c r="UWJ654" s="613"/>
      <c r="UWK654" s="613"/>
      <c r="UWL654" s="613"/>
      <c r="UWM654" s="613"/>
      <c r="UWN654" s="613"/>
      <c r="UWO654" s="613"/>
      <c r="UWP654" s="613"/>
      <c r="UWQ654" s="613"/>
      <c r="UWR654" s="613"/>
      <c r="UWS654" s="613"/>
      <c r="UWT654" s="613"/>
      <c r="UWU654" s="613"/>
      <c r="UWV654" s="613"/>
      <c r="UWW654" s="613"/>
      <c r="UWX654" s="613"/>
      <c r="UWY654" s="613"/>
      <c r="UWZ654" s="613"/>
      <c r="UXA654" s="613"/>
      <c r="UXB654" s="613"/>
      <c r="UXC654" s="613"/>
      <c r="UXD654" s="613"/>
      <c r="UXE654" s="613"/>
      <c r="UXF654" s="613"/>
      <c r="UXG654" s="613"/>
      <c r="UXH654" s="613"/>
      <c r="UXI654" s="613"/>
      <c r="UXJ654" s="613"/>
      <c r="UXK654" s="613"/>
      <c r="UXL654" s="613"/>
      <c r="UXM654" s="613"/>
      <c r="UXN654" s="613"/>
      <c r="UXO654" s="613"/>
      <c r="UXP654" s="613"/>
      <c r="UXQ654" s="613"/>
      <c r="UXR654" s="613"/>
      <c r="UXS654" s="613"/>
      <c r="UXT654" s="613"/>
      <c r="UXU654" s="613"/>
      <c r="UXV654" s="613"/>
      <c r="UXW654" s="613"/>
      <c r="UXX654" s="613"/>
      <c r="UXY654" s="613"/>
      <c r="UXZ654" s="613"/>
      <c r="UYA654" s="613"/>
      <c r="UYB654" s="613"/>
      <c r="UYC654" s="613"/>
      <c r="UYD654" s="613"/>
      <c r="UYE654" s="613"/>
      <c r="UYF654" s="613"/>
      <c r="UYG654" s="613"/>
      <c r="UYH654" s="613"/>
      <c r="UYI654" s="613"/>
      <c r="UYJ654" s="613"/>
      <c r="UYK654" s="613"/>
      <c r="UYL654" s="613"/>
      <c r="UYM654" s="613"/>
      <c r="UYN654" s="613"/>
      <c r="UYO654" s="613"/>
      <c r="UYP654" s="613"/>
      <c r="UYQ654" s="613"/>
      <c r="UYR654" s="613"/>
      <c r="UYS654" s="613"/>
      <c r="UYT654" s="613"/>
      <c r="UYU654" s="613"/>
      <c r="UYV654" s="613"/>
      <c r="UYW654" s="613"/>
      <c r="UYX654" s="613"/>
      <c r="UYY654" s="613"/>
      <c r="UYZ654" s="613"/>
      <c r="UZA654" s="613"/>
      <c r="UZB654" s="613"/>
      <c r="UZC654" s="613"/>
      <c r="UZD654" s="613"/>
      <c r="UZE654" s="613"/>
      <c r="UZF654" s="613"/>
      <c r="UZG654" s="613"/>
      <c r="UZH654" s="613"/>
      <c r="UZI654" s="613"/>
      <c r="UZJ654" s="613"/>
      <c r="UZK654" s="613"/>
      <c r="UZL654" s="613"/>
      <c r="UZM654" s="613"/>
      <c r="UZN654" s="613"/>
      <c r="UZO654" s="613"/>
      <c r="UZP654" s="613"/>
      <c r="UZQ654" s="613"/>
      <c r="UZR654" s="613"/>
      <c r="UZS654" s="613"/>
      <c r="UZT654" s="613"/>
      <c r="UZU654" s="613"/>
      <c r="UZV654" s="613"/>
      <c r="UZW654" s="613"/>
      <c r="UZX654" s="613"/>
      <c r="UZY654" s="613"/>
      <c r="UZZ654" s="613"/>
      <c r="VAA654" s="613"/>
      <c r="VAB654" s="613"/>
      <c r="VAC654" s="613"/>
      <c r="VAD654" s="613"/>
      <c r="VAE654" s="613"/>
      <c r="VAF654" s="613"/>
      <c r="VAG654" s="613"/>
      <c r="VAH654" s="613"/>
      <c r="VAI654" s="613"/>
      <c r="VAJ654" s="613"/>
      <c r="VAK654" s="613"/>
      <c r="VAL654" s="613"/>
      <c r="VAM654" s="613"/>
      <c r="VAN654" s="613"/>
      <c r="VAO654" s="613"/>
      <c r="VAP654" s="613"/>
      <c r="VAQ654" s="613"/>
      <c r="VAR654" s="613"/>
      <c r="VAS654" s="613"/>
      <c r="VAT654" s="613"/>
      <c r="VAU654" s="613"/>
      <c r="VAV654" s="613"/>
      <c r="VAW654" s="613"/>
      <c r="VAX654" s="613"/>
      <c r="VAY654" s="613"/>
      <c r="VAZ654" s="613"/>
      <c r="VBA654" s="613"/>
      <c r="VBB654" s="613"/>
      <c r="VBC654" s="613"/>
      <c r="VBD654" s="613"/>
      <c r="VBE654" s="613"/>
      <c r="VBF654" s="613"/>
      <c r="VBG654" s="613"/>
      <c r="VBH654" s="613"/>
      <c r="VBI654" s="613"/>
      <c r="VBJ654" s="613"/>
      <c r="VBK654" s="613"/>
      <c r="VBL654" s="613"/>
      <c r="VBM654" s="613"/>
      <c r="VBN654" s="613"/>
      <c r="VBO654" s="613"/>
      <c r="VBP654" s="613"/>
      <c r="VBQ654" s="613"/>
      <c r="VBR654" s="613"/>
      <c r="VBS654" s="613"/>
      <c r="VBT654" s="613"/>
      <c r="VBU654" s="613"/>
      <c r="VBV654" s="613"/>
      <c r="VBW654" s="613"/>
      <c r="VBX654" s="613"/>
      <c r="VBY654" s="613"/>
      <c r="VBZ654" s="613"/>
      <c r="VCA654" s="613"/>
      <c r="VCB654" s="613"/>
      <c r="VCC654" s="613"/>
      <c r="VCD654" s="613"/>
      <c r="VCE654" s="613"/>
      <c r="VCF654" s="613"/>
      <c r="VCG654" s="613"/>
      <c r="VCH654" s="613"/>
      <c r="VCI654" s="613"/>
      <c r="VCJ654" s="613"/>
      <c r="VCK654" s="613"/>
      <c r="VCL654" s="613"/>
      <c r="VCM654" s="613"/>
      <c r="VCN654" s="613"/>
      <c r="VCO654" s="613"/>
      <c r="VCP654" s="613"/>
      <c r="VCQ654" s="613"/>
      <c r="VCR654" s="613"/>
      <c r="VCS654" s="613"/>
      <c r="VCT654" s="613"/>
      <c r="VCU654" s="613"/>
      <c r="VCV654" s="613"/>
      <c r="VCW654" s="613"/>
      <c r="VCX654" s="613"/>
      <c r="VCY654" s="613"/>
      <c r="VCZ654" s="613"/>
      <c r="VDA654" s="613"/>
      <c r="VDB654" s="613"/>
      <c r="VDC654" s="613"/>
      <c r="VDD654" s="613"/>
      <c r="VDE654" s="613"/>
      <c r="VDF654" s="613"/>
      <c r="VDG654" s="613"/>
      <c r="VDH654" s="613"/>
      <c r="VDI654" s="613"/>
      <c r="VDJ654" s="613"/>
      <c r="VDK654" s="613"/>
      <c r="VDL654" s="613"/>
      <c r="VDM654" s="613"/>
      <c r="VDN654" s="613"/>
      <c r="VDO654" s="613"/>
      <c r="VDP654" s="613"/>
      <c r="VDQ654" s="613"/>
      <c r="VDR654" s="613"/>
      <c r="VDS654" s="613"/>
      <c r="VDT654" s="613"/>
      <c r="VDU654" s="613"/>
      <c r="VDV654" s="613"/>
      <c r="VDW654" s="613"/>
      <c r="VDX654" s="613"/>
      <c r="VDY654" s="613"/>
      <c r="VDZ654" s="613"/>
      <c r="VEA654" s="613"/>
      <c r="VEB654" s="613"/>
      <c r="VEC654" s="613"/>
      <c r="VED654" s="613"/>
      <c r="VEE654" s="613"/>
      <c r="VEF654" s="613"/>
      <c r="VEG654" s="613"/>
      <c r="VEH654" s="613"/>
      <c r="VEI654" s="613"/>
      <c r="VEJ654" s="613"/>
      <c r="VEK654" s="613"/>
      <c r="VEL654" s="613"/>
      <c r="VEM654" s="613"/>
      <c r="VEN654" s="613"/>
      <c r="VEO654" s="613"/>
      <c r="VEP654" s="613"/>
      <c r="VEQ654" s="613"/>
      <c r="VER654" s="613"/>
      <c r="VES654" s="613"/>
      <c r="VET654" s="613"/>
      <c r="VEU654" s="613"/>
      <c r="VEV654" s="613"/>
      <c r="VEW654" s="613"/>
      <c r="VEX654" s="613"/>
      <c r="VEY654" s="613"/>
      <c r="VEZ654" s="613"/>
      <c r="VFA654" s="613"/>
      <c r="VFB654" s="613"/>
      <c r="VFC654" s="613"/>
      <c r="VFD654" s="613"/>
      <c r="VFE654" s="613"/>
      <c r="VFF654" s="613"/>
      <c r="VFG654" s="613"/>
      <c r="VFH654" s="613"/>
      <c r="VFI654" s="613"/>
      <c r="VFJ654" s="613"/>
      <c r="VFK654" s="613"/>
      <c r="VFL654" s="613"/>
      <c r="VFM654" s="613"/>
      <c r="VFN654" s="613"/>
      <c r="VFO654" s="613"/>
      <c r="VFP654" s="613"/>
      <c r="VFQ654" s="613"/>
      <c r="VFR654" s="613"/>
      <c r="VFS654" s="613"/>
      <c r="VFT654" s="613"/>
      <c r="VFU654" s="613"/>
      <c r="VFV654" s="613"/>
      <c r="VFW654" s="613"/>
      <c r="VFX654" s="613"/>
      <c r="VFY654" s="613"/>
      <c r="VFZ654" s="613"/>
      <c r="VGA654" s="613"/>
      <c r="VGB654" s="613"/>
      <c r="VGC654" s="613"/>
      <c r="VGD654" s="613"/>
      <c r="VGE654" s="613"/>
      <c r="VGF654" s="613"/>
      <c r="VGG654" s="613"/>
      <c r="VGH654" s="613"/>
      <c r="VGI654" s="613"/>
      <c r="VGJ654" s="613"/>
      <c r="VGK654" s="613"/>
      <c r="VGL654" s="613"/>
      <c r="VGM654" s="613"/>
      <c r="VGN654" s="613"/>
      <c r="VGO654" s="613"/>
      <c r="VGP654" s="613"/>
      <c r="VGQ654" s="613"/>
      <c r="VGR654" s="613"/>
      <c r="VGS654" s="613"/>
      <c r="VGT654" s="613"/>
      <c r="VGU654" s="613"/>
      <c r="VGV654" s="613"/>
      <c r="VGW654" s="613"/>
      <c r="VGX654" s="613"/>
      <c r="VGY654" s="613"/>
      <c r="VGZ654" s="613"/>
      <c r="VHA654" s="613"/>
      <c r="VHB654" s="613"/>
      <c r="VHC654" s="613"/>
      <c r="VHD654" s="613"/>
      <c r="VHE654" s="613"/>
      <c r="VHF654" s="613"/>
      <c r="VHG654" s="613"/>
      <c r="VHH654" s="613"/>
      <c r="VHI654" s="613"/>
      <c r="VHJ654" s="613"/>
      <c r="VHK654" s="613"/>
      <c r="VHL654" s="613"/>
      <c r="VHM654" s="613"/>
      <c r="VHN654" s="613"/>
      <c r="VHO654" s="613"/>
      <c r="VHP654" s="613"/>
      <c r="VHQ654" s="613"/>
      <c r="VHR654" s="613"/>
      <c r="VHS654" s="613"/>
      <c r="VHT654" s="613"/>
      <c r="VHU654" s="613"/>
      <c r="VHV654" s="613"/>
      <c r="VHW654" s="613"/>
      <c r="VHX654" s="613"/>
      <c r="VHY654" s="613"/>
      <c r="VHZ654" s="613"/>
      <c r="VIA654" s="613"/>
      <c r="VIB654" s="613"/>
      <c r="VIC654" s="613"/>
      <c r="VID654" s="613"/>
      <c r="VIE654" s="613"/>
      <c r="VIF654" s="613"/>
      <c r="VIG654" s="613"/>
      <c r="VIH654" s="613"/>
      <c r="VII654" s="613"/>
      <c r="VIJ654" s="613"/>
      <c r="VIK654" s="613"/>
      <c r="VIL654" s="613"/>
      <c r="VIM654" s="613"/>
      <c r="VIN654" s="613"/>
      <c r="VIO654" s="613"/>
      <c r="VIP654" s="613"/>
      <c r="VIQ654" s="613"/>
      <c r="VIR654" s="613"/>
      <c r="VIS654" s="613"/>
      <c r="VIT654" s="613"/>
      <c r="VIU654" s="613"/>
      <c r="VIV654" s="613"/>
      <c r="VIW654" s="613"/>
      <c r="VIX654" s="613"/>
      <c r="VIY654" s="613"/>
      <c r="VIZ654" s="613"/>
      <c r="VJA654" s="613"/>
      <c r="VJB654" s="613"/>
      <c r="VJC654" s="613"/>
      <c r="VJD654" s="613"/>
      <c r="VJE654" s="613"/>
      <c r="VJF654" s="613"/>
      <c r="VJG654" s="613"/>
      <c r="VJH654" s="613"/>
      <c r="VJI654" s="613"/>
      <c r="VJJ654" s="613"/>
      <c r="VJK654" s="613"/>
      <c r="VJL654" s="613"/>
      <c r="VJM654" s="613"/>
      <c r="VJN654" s="613"/>
      <c r="VJO654" s="613"/>
      <c r="VJP654" s="613"/>
      <c r="VJQ654" s="613"/>
      <c r="VJR654" s="613"/>
      <c r="VJS654" s="613"/>
      <c r="VJT654" s="613"/>
      <c r="VJU654" s="613"/>
      <c r="VJV654" s="613"/>
      <c r="VJW654" s="613"/>
      <c r="VJX654" s="613"/>
      <c r="VJY654" s="613"/>
      <c r="VJZ654" s="613"/>
      <c r="VKA654" s="613"/>
      <c r="VKB654" s="613"/>
      <c r="VKC654" s="613"/>
      <c r="VKD654" s="613"/>
      <c r="VKE654" s="613"/>
      <c r="VKF654" s="613"/>
      <c r="VKG654" s="613"/>
      <c r="VKH654" s="613"/>
      <c r="VKI654" s="613"/>
      <c r="VKJ654" s="613"/>
      <c r="VKK654" s="613"/>
      <c r="VKL654" s="613"/>
      <c r="VKM654" s="613"/>
      <c r="VKN654" s="613"/>
      <c r="VKO654" s="613"/>
      <c r="VKP654" s="613"/>
      <c r="VKQ654" s="613"/>
      <c r="VKR654" s="613"/>
      <c r="VKS654" s="613"/>
      <c r="VKT654" s="613"/>
      <c r="VKU654" s="613"/>
      <c r="VKV654" s="613"/>
      <c r="VKW654" s="613"/>
      <c r="VKX654" s="613"/>
      <c r="VKY654" s="613"/>
      <c r="VKZ654" s="613"/>
      <c r="VLA654" s="613"/>
      <c r="VLB654" s="613"/>
      <c r="VLC654" s="613"/>
      <c r="VLD654" s="613"/>
      <c r="VLE654" s="613"/>
      <c r="VLF654" s="613"/>
      <c r="VLG654" s="613"/>
      <c r="VLH654" s="613"/>
      <c r="VLI654" s="613"/>
      <c r="VLJ654" s="613"/>
      <c r="VLK654" s="613"/>
      <c r="VLL654" s="613"/>
      <c r="VLM654" s="613"/>
      <c r="VLN654" s="613"/>
      <c r="VLO654" s="613"/>
      <c r="VLP654" s="613"/>
      <c r="VLQ654" s="613"/>
      <c r="VLR654" s="613"/>
      <c r="VLS654" s="613"/>
      <c r="VLT654" s="613"/>
      <c r="VLU654" s="613"/>
      <c r="VLV654" s="613"/>
      <c r="VLW654" s="613"/>
      <c r="VLX654" s="613"/>
      <c r="VLY654" s="613"/>
      <c r="VLZ654" s="613"/>
      <c r="VMA654" s="613"/>
      <c r="VMB654" s="613"/>
      <c r="VMC654" s="613"/>
      <c r="VMD654" s="613"/>
      <c r="VME654" s="613"/>
      <c r="VMF654" s="613"/>
      <c r="VMG654" s="613"/>
      <c r="VMH654" s="613"/>
      <c r="VMI654" s="613"/>
      <c r="VMJ654" s="613"/>
      <c r="VMK654" s="613"/>
      <c r="VML654" s="613"/>
      <c r="VMM654" s="613"/>
      <c r="VMN654" s="613"/>
      <c r="VMO654" s="613"/>
      <c r="VMP654" s="613"/>
      <c r="VMQ654" s="613"/>
      <c r="VMR654" s="613"/>
      <c r="VMS654" s="613"/>
      <c r="VMT654" s="613"/>
      <c r="VMU654" s="613"/>
      <c r="VMV654" s="613"/>
      <c r="VMW654" s="613"/>
      <c r="VMX654" s="613"/>
      <c r="VMY654" s="613"/>
      <c r="VMZ654" s="613"/>
      <c r="VNA654" s="613"/>
      <c r="VNB654" s="613"/>
      <c r="VNC654" s="613"/>
      <c r="VND654" s="613"/>
      <c r="VNE654" s="613"/>
      <c r="VNF654" s="613"/>
      <c r="VNG654" s="613"/>
      <c r="VNH654" s="613"/>
      <c r="VNI654" s="613"/>
      <c r="VNJ654" s="613"/>
      <c r="VNK654" s="613"/>
      <c r="VNL654" s="613"/>
      <c r="VNM654" s="613"/>
      <c r="VNN654" s="613"/>
      <c r="VNO654" s="613"/>
      <c r="VNP654" s="613"/>
      <c r="VNQ654" s="613"/>
      <c r="VNR654" s="613"/>
      <c r="VNS654" s="613"/>
      <c r="VNT654" s="613"/>
      <c r="VNU654" s="613"/>
      <c r="VNV654" s="613"/>
      <c r="VNW654" s="613"/>
      <c r="VNX654" s="613"/>
      <c r="VNY654" s="613"/>
      <c r="VNZ654" s="613"/>
      <c r="VOA654" s="613"/>
      <c r="VOB654" s="613"/>
      <c r="VOC654" s="613"/>
      <c r="VOD654" s="613"/>
      <c r="VOE654" s="613"/>
      <c r="VOF654" s="613"/>
      <c r="VOG654" s="613"/>
      <c r="VOH654" s="613"/>
      <c r="VOI654" s="613"/>
      <c r="VOJ654" s="613"/>
      <c r="VOK654" s="613"/>
      <c r="VOL654" s="613"/>
      <c r="VOM654" s="613"/>
      <c r="VON654" s="613"/>
      <c r="VOO654" s="613"/>
      <c r="VOP654" s="613"/>
      <c r="VOQ654" s="613"/>
      <c r="VOR654" s="613"/>
      <c r="VOS654" s="613"/>
      <c r="VOT654" s="613"/>
      <c r="VOU654" s="613"/>
      <c r="VOV654" s="613"/>
      <c r="VOW654" s="613"/>
      <c r="VOX654" s="613"/>
      <c r="VOY654" s="613"/>
      <c r="VOZ654" s="613"/>
      <c r="VPA654" s="613"/>
      <c r="VPB654" s="613"/>
      <c r="VPC654" s="613"/>
      <c r="VPD654" s="613"/>
      <c r="VPE654" s="613"/>
      <c r="VPF654" s="613"/>
      <c r="VPG654" s="613"/>
      <c r="VPH654" s="613"/>
      <c r="VPI654" s="613"/>
      <c r="VPJ654" s="613"/>
      <c r="VPK654" s="613"/>
      <c r="VPL654" s="613"/>
      <c r="VPM654" s="613"/>
      <c r="VPN654" s="613"/>
      <c r="VPO654" s="613"/>
      <c r="VPP654" s="613"/>
      <c r="VPQ654" s="613"/>
      <c r="VPR654" s="613"/>
      <c r="VPS654" s="613"/>
      <c r="VPT654" s="613"/>
      <c r="VPU654" s="613"/>
      <c r="VPV654" s="613"/>
      <c r="VPW654" s="613"/>
      <c r="VPX654" s="613"/>
      <c r="VPY654" s="613"/>
      <c r="VPZ654" s="613"/>
      <c r="VQA654" s="613"/>
      <c r="VQB654" s="613"/>
      <c r="VQC654" s="613"/>
      <c r="VQD654" s="613"/>
      <c r="VQE654" s="613"/>
      <c r="VQF654" s="613"/>
      <c r="VQG654" s="613"/>
      <c r="VQH654" s="613"/>
      <c r="VQI654" s="613"/>
      <c r="VQJ654" s="613"/>
      <c r="VQK654" s="613"/>
      <c r="VQL654" s="613"/>
      <c r="VQM654" s="613"/>
      <c r="VQN654" s="613"/>
      <c r="VQO654" s="613"/>
      <c r="VQP654" s="613"/>
      <c r="VQQ654" s="613"/>
      <c r="VQR654" s="613"/>
      <c r="VQS654" s="613"/>
      <c r="VQT654" s="613"/>
      <c r="VQU654" s="613"/>
      <c r="VQV654" s="613"/>
      <c r="VQW654" s="613"/>
      <c r="VQX654" s="613"/>
      <c r="VQY654" s="613"/>
      <c r="VQZ654" s="613"/>
      <c r="VRA654" s="613"/>
      <c r="VRB654" s="613"/>
      <c r="VRC654" s="613"/>
      <c r="VRD654" s="613"/>
      <c r="VRE654" s="613"/>
      <c r="VRF654" s="613"/>
      <c r="VRG654" s="613"/>
      <c r="VRH654" s="613"/>
      <c r="VRI654" s="613"/>
      <c r="VRJ654" s="613"/>
      <c r="VRK654" s="613"/>
      <c r="VRL654" s="613"/>
      <c r="VRM654" s="613"/>
      <c r="VRN654" s="613"/>
      <c r="VRO654" s="613"/>
      <c r="VRP654" s="613"/>
      <c r="VRQ654" s="613"/>
      <c r="VRR654" s="613"/>
      <c r="VRS654" s="613"/>
      <c r="VRT654" s="613"/>
      <c r="VRU654" s="613"/>
      <c r="VRV654" s="613"/>
      <c r="VRW654" s="613"/>
      <c r="VRX654" s="613"/>
      <c r="VRY654" s="613"/>
      <c r="VRZ654" s="613"/>
      <c r="VSA654" s="613"/>
      <c r="VSB654" s="613"/>
      <c r="VSC654" s="613"/>
      <c r="VSD654" s="613"/>
      <c r="VSE654" s="613"/>
      <c r="VSF654" s="613"/>
      <c r="VSG654" s="613"/>
      <c r="VSH654" s="613"/>
      <c r="VSI654" s="613"/>
      <c r="VSJ654" s="613"/>
      <c r="VSK654" s="613"/>
      <c r="VSL654" s="613"/>
      <c r="VSM654" s="613"/>
      <c r="VSN654" s="613"/>
      <c r="VSO654" s="613"/>
      <c r="VSP654" s="613"/>
      <c r="VSQ654" s="613"/>
      <c r="VSR654" s="613"/>
      <c r="VSS654" s="613"/>
      <c r="VST654" s="613"/>
      <c r="VSU654" s="613"/>
      <c r="VSV654" s="613"/>
      <c r="VSW654" s="613"/>
      <c r="VSX654" s="613"/>
      <c r="VSY654" s="613"/>
      <c r="VSZ654" s="613"/>
      <c r="VTA654" s="613"/>
      <c r="VTB654" s="613"/>
      <c r="VTC654" s="613"/>
      <c r="VTD654" s="613"/>
      <c r="VTE654" s="613"/>
      <c r="VTF654" s="613"/>
      <c r="VTG654" s="613"/>
      <c r="VTH654" s="613"/>
      <c r="VTI654" s="613"/>
      <c r="VTJ654" s="613"/>
      <c r="VTK654" s="613"/>
      <c r="VTL654" s="613"/>
      <c r="VTM654" s="613"/>
      <c r="VTN654" s="613"/>
      <c r="VTO654" s="613"/>
      <c r="VTP654" s="613"/>
      <c r="VTQ654" s="613"/>
      <c r="VTR654" s="613"/>
      <c r="VTS654" s="613"/>
      <c r="VTT654" s="613"/>
      <c r="VTU654" s="613"/>
      <c r="VTV654" s="613"/>
      <c r="VTW654" s="613"/>
      <c r="VTX654" s="613"/>
      <c r="VTY654" s="613"/>
      <c r="VTZ654" s="613"/>
      <c r="VUA654" s="613"/>
      <c r="VUB654" s="613"/>
      <c r="VUC654" s="613"/>
      <c r="VUD654" s="613"/>
      <c r="VUE654" s="613"/>
      <c r="VUF654" s="613"/>
      <c r="VUG654" s="613"/>
      <c r="VUH654" s="613"/>
      <c r="VUI654" s="613"/>
      <c r="VUJ654" s="613"/>
      <c r="VUK654" s="613"/>
      <c r="VUL654" s="613"/>
      <c r="VUM654" s="613"/>
      <c r="VUN654" s="613"/>
      <c r="VUO654" s="613"/>
      <c r="VUP654" s="613"/>
      <c r="VUQ654" s="613"/>
      <c r="VUR654" s="613"/>
      <c r="VUS654" s="613"/>
      <c r="VUT654" s="613"/>
      <c r="VUU654" s="613"/>
      <c r="VUV654" s="613"/>
      <c r="VUW654" s="613"/>
      <c r="VUX654" s="613"/>
      <c r="VUY654" s="613"/>
      <c r="VUZ654" s="613"/>
      <c r="VVA654" s="613"/>
      <c r="VVB654" s="613"/>
      <c r="VVC654" s="613"/>
      <c r="VVD654" s="613"/>
      <c r="VVE654" s="613"/>
      <c r="VVF654" s="613"/>
      <c r="VVG654" s="613"/>
      <c r="VVH654" s="613"/>
      <c r="VVI654" s="613"/>
      <c r="VVJ654" s="613"/>
      <c r="VVK654" s="613"/>
      <c r="VVL654" s="613"/>
      <c r="VVM654" s="613"/>
      <c r="VVN654" s="613"/>
      <c r="VVO654" s="613"/>
      <c r="VVP654" s="613"/>
      <c r="VVQ654" s="613"/>
      <c r="VVR654" s="613"/>
      <c r="VVS654" s="613"/>
      <c r="VVT654" s="613"/>
      <c r="VVU654" s="613"/>
      <c r="VVV654" s="613"/>
      <c r="VVW654" s="613"/>
      <c r="VVX654" s="613"/>
      <c r="VVY654" s="613"/>
      <c r="VVZ654" s="613"/>
      <c r="VWA654" s="613"/>
      <c r="VWB654" s="613"/>
      <c r="VWC654" s="613"/>
      <c r="VWD654" s="613"/>
      <c r="VWE654" s="613"/>
      <c r="VWF654" s="613"/>
      <c r="VWG654" s="613"/>
      <c r="VWH654" s="613"/>
      <c r="VWI654" s="613"/>
      <c r="VWJ654" s="613"/>
      <c r="VWK654" s="613"/>
      <c r="VWL654" s="613"/>
      <c r="VWM654" s="613"/>
      <c r="VWN654" s="613"/>
      <c r="VWO654" s="613"/>
      <c r="VWP654" s="613"/>
      <c r="VWQ654" s="613"/>
      <c r="VWR654" s="613"/>
      <c r="VWS654" s="613"/>
      <c r="VWT654" s="613"/>
      <c r="VWU654" s="613"/>
      <c r="VWV654" s="613"/>
      <c r="VWW654" s="613"/>
      <c r="VWX654" s="613"/>
      <c r="VWY654" s="613"/>
      <c r="VWZ654" s="613"/>
      <c r="VXA654" s="613"/>
      <c r="VXB654" s="613"/>
      <c r="VXC654" s="613"/>
      <c r="VXD654" s="613"/>
      <c r="VXE654" s="613"/>
      <c r="VXF654" s="613"/>
      <c r="VXG654" s="613"/>
      <c r="VXH654" s="613"/>
      <c r="VXI654" s="613"/>
      <c r="VXJ654" s="613"/>
      <c r="VXK654" s="613"/>
      <c r="VXL654" s="613"/>
      <c r="VXM654" s="613"/>
      <c r="VXN654" s="613"/>
      <c r="VXO654" s="613"/>
      <c r="VXP654" s="613"/>
      <c r="VXQ654" s="613"/>
      <c r="VXR654" s="613"/>
      <c r="VXS654" s="613"/>
      <c r="VXT654" s="613"/>
      <c r="VXU654" s="613"/>
      <c r="VXV654" s="613"/>
      <c r="VXW654" s="613"/>
      <c r="VXX654" s="613"/>
      <c r="VXY654" s="613"/>
      <c r="VXZ654" s="613"/>
      <c r="VYA654" s="613"/>
      <c r="VYB654" s="613"/>
      <c r="VYC654" s="613"/>
      <c r="VYD654" s="613"/>
      <c r="VYE654" s="613"/>
      <c r="VYF654" s="613"/>
      <c r="VYG654" s="613"/>
      <c r="VYH654" s="613"/>
      <c r="VYI654" s="613"/>
      <c r="VYJ654" s="613"/>
      <c r="VYK654" s="613"/>
      <c r="VYL654" s="613"/>
      <c r="VYM654" s="613"/>
      <c r="VYN654" s="613"/>
      <c r="VYO654" s="613"/>
      <c r="VYP654" s="613"/>
      <c r="VYQ654" s="613"/>
      <c r="VYR654" s="613"/>
      <c r="VYS654" s="613"/>
      <c r="VYT654" s="613"/>
      <c r="VYU654" s="613"/>
      <c r="VYV654" s="613"/>
      <c r="VYW654" s="613"/>
      <c r="VYX654" s="613"/>
      <c r="VYY654" s="613"/>
      <c r="VYZ654" s="613"/>
      <c r="VZA654" s="613"/>
      <c r="VZB654" s="613"/>
      <c r="VZC654" s="613"/>
      <c r="VZD654" s="613"/>
      <c r="VZE654" s="613"/>
      <c r="VZF654" s="613"/>
      <c r="VZG654" s="613"/>
      <c r="VZH654" s="613"/>
      <c r="VZI654" s="613"/>
      <c r="VZJ654" s="613"/>
      <c r="VZK654" s="613"/>
      <c r="VZL654" s="613"/>
      <c r="VZM654" s="613"/>
      <c r="VZN654" s="613"/>
      <c r="VZO654" s="613"/>
      <c r="VZP654" s="613"/>
      <c r="VZQ654" s="613"/>
      <c r="VZR654" s="613"/>
      <c r="VZS654" s="613"/>
      <c r="VZT654" s="613"/>
      <c r="VZU654" s="613"/>
      <c r="VZV654" s="613"/>
      <c r="VZW654" s="613"/>
      <c r="VZX654" s="613"/>
      <c r="VZY654" s="613"/>
      <c r="VZZ654" s="613"/>
      <c r="WAA654" s="613"/>
      <c r="WAB654" s="613"/>
      <c r="WAC654" s="613"/>
      <c r="WAD654" s="613"/>
      <c r="WAE654" s="613"/>
      <c r="WAF654" s="613"/>
      <c r="WAG654" s="613"/>
      <c r="WAH654" s="613"/>
      <c r="WAI654" s="613"/>
      <c r="WAJ654" s="613"/>
      <c r="WAK654" s="613"/>
      <c r="WAL654" s="613"/>
      <c r="WAM654" s="613"/>
      <c r="WAN654" s="613"/>
      <c r="WAO654" s="613"/>
      <c r="WAP654" s="613"/>
      <c r="WAQ654" s="613"/>
      <c r="WAR654" s="613"/>
      <c r="WAS654" s="613"/>
      <c r="WAT654" s="613"/>
      <c r="WAU654" s="613"/>
      <c r="WAV654" s="613"/>
      <c r="WAW654" s="613"/>
      <c r="WAX654" s="613"/>
      <c r="WAY654" s="613"/>
      <c r="WAZ654" s="613"/>
      <c r="WBA654" s="613"/>
      <c r="WBB654" s="613"/>
      <c r="WBC654" s="613"/>
      <c r="WBD654" s="613"/>
      <c r="WBE654" s="613"/>
      <c r="WBF654" s="613"/>
      <c r="WBG654" s="613"/>
      <c r="WBH654" s="613"/>
      <c r="WBI654" s="613"/>
      <c r="WBJ654" s="613"/>
      <c r="WBK654" s="613"/>
      <c r="WBL654" s="613"/>
      <c r="WBM654" s="613"/>
      <c r="WBN654" s="613"/>
      <c r="WBO654" s="613"/>
      <c r="WBP654" s="613"/>
      <c r="WBQ654" s="613"/>
      <c r="WBR654" s="613"/>
      <c r="WBS654" s="613"/>
      <c r="WBT654" s="613"/>
      <c r="WBU654" s="613"/>
      <c r="WBV654" s="613"/>
      <c r="WBW654" s="613"/>
      <c r="WBX654" s="613"/>
      <c r="WBY654" s="613"/>
      <c r="WBZ654" s="613"/>
      <c r="WCA654" s="613"/>
      <c r="WCB654" s="613"/>
      <c r="WCC654" s="613"/>
      <c r="WCD654" s="613"/>
      <c r="WCE654" s="613"/>
      <c r="WCF654" s="613"/>
      <c r="WCG654" s="613"/>
      <c r="WCH654" s="613"/>
      <c r="WCI654" s="613"/>
      <c r="WCJ654" s="613"/>
      <c r="WCK654" s="613"/>
      <c r="WCL654" s="613"/>
      <c r="WCM654" s="613"/>
      <c r="WCN654" s="613"/>
      <c r="WCO654" s="613"/>
      <c r="WCP654" s="613"/>
      <c r="WCQ654" s="613"/>
      <c r="WCR654" s="613"/>
      <c r="WCS654" s="613"/>
      <c r="WCT654" s="613"/>
      <c r="WCU654" s="613"/>
      <c r="WCV654" s="613"/>
      <c r="WCW654" s="613"/>
      <c r="WCX654" s="613"/>
      <c r="WCY654" s="613"/>
      <c r="WCZ654" s="613"/>
      <c r="WDA654" s="613"/>
      <c r="WDB654" s="613"/>
      <c r="WDC654" s="613"/>
      <c r="WDD654" s="613"/>
      <c r="WDE654" s="613"/>
      <c r="WDF654" s="613"/>
      <c r="WDG654" s="613"/>
      <c r="WDH654" s="613"/>
      <c r="WDI654" s="613"/>
      <c r="WDJ654" s="613"/>
      <c r="WDK654" s="613"/>
      <c r="WDL654" s="613"/>
      <c r="WDM654" s="613"/>
      <c r="WDN654" s="613"/>
      <c r="WDO654" s="613"/>
      <c r="WDP654" s="613"/>
      <c r="WDQ654" s="613"/>
      <c r="WDR654" s="613"/>
      <c r="WDS654" s="613"/>
      <c r="WDT654" s="613"/>
      <c r="WDU654" s="613"/>
      <c r="WDV654" s="613"/>
      <c r="WDW654" s="613"/>
      <c r="WDX654" s="613"/>
      <c r="WDY654" s="613"/>
      <c r="WDZ654" s="613"/>
      <c r="WEA654" s="613"/>
      <c r="WEB654" s="613"/>
      <c r="WEC654" s="613"/>
      <c r="WED654" s="613"/>
      <c r="WEE654" s="613"/>
      <c r="WEF654" s="613"/>
      <c r="WEG654" s="613"/>
      <c r="WEH654" s="613"/>
      <c r="WEI654" s="613"/>
      <c r="WEJ654" s="613"/>
      <c r="WEK654" s="613"/>
      <c r="WEL654" s="613"/>
      <c r="WEM654" s="613"/>
      <c r="WEN654" s="613"/>
      <c r="WEO654" s="613"/>
      <c r="WEP654" s="613"/>
      <c r="WEQ654" s="613"/>
      <c r="WER654" s="613"/>
      <c r="WES654" s="613"/>
      <c r="WET654" s="613"/>
      <c r="WEU654" s="613"/>
      <c r="WEV654" s="613"/>
      <c r="WEW654" s="613"/>
      <c r="WEX654" s="613"/>
      <c r="WEY654" s="613"/>
      <c r="WEZ654" s="613"/>
      <c r="WFA654" s="613"/>
      <c r="WFB654" s="613"/>
      <c r="WFC654" s="613"/>
      <c r="WFD654" s="613"/>
      <c r="WFE654" s="613"/>
      <c r="WFF654" s="613"/>
      <c r="WFG654" s="613"/>
      <c r="WFH654" s="613"/>
      <c r="WFI654" s="613"/>
      <c r="WFJ654" s="613"/>
      <c r="WFK654" s="613"/>
      <c r="WFL654" s="613"/>
      <c r="WFM654" s="613"/>
      <c r="WFN654" s="613"/>
      <c r="WFO654" s="613"/>
      <c r="WFP654" s="613"/>
      <c r="WFQ654" s="613"/>
      <c r="WFR654" s="613"/>
      <c r="WFS654" s="613"/>
      <c r="WFT654" s="613"/>
      <c r="WFU654" s="613"/>
      <c r="WFV654" s="613"/>
      <c r="WFW654" s="613"/>
      <c r="WFX654" s="613"/>
      <c r="WFY654" s="613"/>
      <c r="WFZ654" s="613"/>
      <c r="WGA654" s="613"/>
      <c r="WGB654" s="613"/>
      <c r="WGC654" s="613"/>
      <c r="WGD654" s="613"/>
      <c r="WGE654" s="613"/>
      <c r="WGF654" s="613"/>
      <c r="WGG654" s="613"/>
      <c r="WGH654" s="613"/>
      <c r="WGI654" s="613"/>
      <c r="WGJ654" s="613"/>
      <c r="WGK654" s="613"/>
      <c r="WGL654" s="613"/>
      <c r="WGM654" s="613"/>
      <c r="WGN654" s="613"/>
      <c r="WGO654" s="613"/>
      <c r="WGP654" s="613"/>
      <c r="WGQ654" s="613"/>
      <c r="WGR654" s="613"/>
      <c r="WGS654" s="613"/>
      <c r="WGT654" s="613"/>
      <c r="WGU654" s="613"/>
      <c r="WGV654" s="613"/>
      <c r="WGW654" s="613"/>
      <c r="WGX654" s="613"/>
      <c r="WGY654" s="613"/>
      <c r="WGZ654" s="613"/>
      <c r="WHA654" s="613"/>
      <c r="WHB654" s="613"/>
      <c r="WHC654" s="613"/>
      <c r="WHD654" s="613"/>
      <c r="WHE654" s="613"/>
      <c r="WHF654" s="613"/>
      <c r="WHG654" s="613"/>
      <c r="WHH654" s="613"/>
      <c r="WHI654" s="613"/>
      <c r="WHJ654" s="613"/>
      <c r="WHK654" s="613"/>
      <c r="WHL654" s="613"/>
      <c r="WHM654" s="613"/>
      <c r="WHN654" s="613"/>
      <c r="WHO654" s="613"/>
      <c r="WHP654" s="613"/>
      <c r="WHQ654" s="613"/>
      <c r="WHR654" s="613"/>
      <c r="WHS654" s="613"/>
      <c r="WHT654" s="613"/>
      <c r="WHU654" s="613"/>
      <c r="WHV654" s="613"/>
      <c r="WHW654" s="613"/>
      <c r="WHX654" s="613"/>
      <c r="WHY654" s="613"/>
      <c r="WHZ654" s="613"/>
      <c r="WIA654" s="613"/>
      <c r="WIB654" s="613"/>
      <c r="WIC654" s="613"/>
      <c r="WID654" s="613"/>
      <c r="WIE654" s="613"/>
      <c r="WIF654" s="613"/>
      <c r="WIG654" s="613"/>
      <c r="WIH654" s="613"/>
      <c r="WII654" s="613"/>
      <c r="WIJ654" s="613"/>
      <c r="WIK654" s="613"/>
      <c r="WIL654" s="613"/>
      <c r="WIM654" s="613"/>
      <c r="WIN654" s="613"/>
      <c r="WIO654" s="613"/>
      <c r="WIP654" s="613"/>
      <c r="WIQ654" s="613"/>
      <c r="WIR654" s="613"/>
      <c r="WIS654" s="613"/>
      <c r="WIT654" s="613"/>
      <c r="WIU654" s="613"/>
      <c r="WIV654" s="613"/>
      <c r="WIW654" s="613"/>
      <c r="WIX654" s="613"/>
      <c r="WIY654" s="613"/>
      <c r="WIZ654" s="613"/>
      <c r="WJA654" s="613"/>
      <c r="WJB654" s="613"/>
      <c r="WJC654" s="613"/>
      <c r="WJD654" s="613"/>
      <c r="WJE654" s="613"/>
      <c r="WJF654" s="613"/>
      <c r="WJG654" s="613"/>
      <c r="WJH654" s="613"/>
      <c r="WJI654" s="613"/>
      <c r="WJJ654" s="613"/>
      <c r="WJK654" s="613"/>
      <c r="WJL654" s="613"/>
      <c r="WJM654" s="613"/>
      <c r="WJN654" s="613"/>
      <c r="WJO654" s="613"/>
      <c r="WJP654" s="613"/>
      <c r="WJQ654" s="613"/>
      <c r="WJR654" s="613"/>
      <c r="WJS654" s="613"/>
      <c r="WJT654" s="613"/>
      <c r="WJU654" s="613"/>
      <c r="WJV654" s="613"/>
      <c r="WJW654" s="613"/>
      <c r="WJX654" s="613"/>
      <c r="WJY654" s="613"/>
      <c r="WJZ654" s="613"/>
      <c r="WKA654" s="613"/>
      <c r="WKB654" s="613"/>
      <c r="WKC654" s="613"/>
      <c r="WKD654" s="613"/>
      <c r="WKE654" s="613"/>
      <c r="WKF654" s="613"/>
      <c r="WKG654" s="613"/>
      <c r="WKH654" s="613"/>
      <c r="WKI654" s="613"/>
      <c r="WKJ654" s="613"/>
      <c r="WKK654" s="613"/>
      <c r="WKL654" s="613"/>
      <c r="WKM654" s="613"/>
      <c r="WKN654" s="613"/>
      <c r="WKO654" s="613"/>
      <c r="WKP654" s="613"/>
      <c r="WKQ654" s="613"/>
      <c r="WKR654" s="613"/>
      <c r="WKS654" s="613"/>
      <c r="WKT654" s="613"/>
      <c r="WKU654" s="613"/>
      <c r="WKV654" s="613"/>
      <c r="WKW654" s="613"/>
      <c r="WKX654" s="613"/>
      <c r="WKY654" s="613"/>
      <c r="WKZ654" s="613"/>
      <c r="WLA654" s="613"/>
      <c r="WLB654" s="613"/>
      <c r="WLC654" s="613"/>
      <c r="WLD654" s="613"/>
      <c r="WLE654" s="613"/>
      <c r="WLF654" s="613"/>
      <c r="WLG654" s="613"/>
      <c r="WLH654" s="613"/>
      <c r="WLI654" s="613"/>
      <c r="WLJ654" s="613"/>
      <c r="WLK654" s="613"/>
      <c r="WLL654" s="613"/>
      <c r="WLM654" s="613"/>
      <c r="WLN654" s="613"/>
      <c r="WLO654" s="613"/>
      <c r="WLP654" s="613"/>
      <c r="WLQ654" s="613"/>
      <c r="WLR654" s="613"/>
      <c r="WLS654" s="613"/>
      <c r="WLT654" s="613"/>
      <c r="WLU654" s="613"/>
      <c r="WLV654" s="613"/>
      <c r="WLW654" s="613"/>
      <c r="WLX654" s="613"/>
      <c r="WLY654" s="613"/>
      <c r="WLZ654" s="613"/>
      <c r="WMA654" s="613"/>
      <c r="WMB654" s="613"/>
      <c r="WMC654" s="613"/>
      <c r="WMD654" s="613"/>
      <c r="WME654" s="613"/>
      <c r="WMF654" s="613"/>
      <c r="WMG654" s="613"/>
      <c r="WMH654" s="613"/>
      <c r="WMI654" s="613"/>
      <c r="WMJ654" s="613"/>
      <c r="WMK654" s="613"/>
      <c r="WML654" s="613"/>
      <c r="WMM654" s="613"/>
      <c r="WMN654" s="613"/>
      <c r="WMO654" s="613"/>
      <c r="WMP654" s="613"/>
      <c r="WMQ654" s="613"/>
      <c r="WMR654" s="613"/>
      <c r="WMS654" s="613"/>
      <c r="WMT654" s="613"/>
      <c r="WMU654" s="613"/>
      <c r="WMV654" s="613"/>
      <c r="WMW654" s="613"/>
      <c r="WMX654" s="613"/>
      <c r="WMY654" s="613"/>
      <c r="WMZ654" s="613"/>
      <c r="WNA654" s="613"/>
      <c r="WNB654" s="613"/>
      <c r="WNC654" s="613"/>
      <c r="WND654" s="613"/>
      <c r="WNE654" s="613"/>
      <c r="WNF654" s="613"/>
      <c r="WNG654" s="613"/>
      <c r="WNH654" s="613"/>
      <c r="WNI654" s="613"/>
      <c r="WNJ654" s="613"/>
      <c r="WNK654" s="613"/>
      <c r="WNL654" s="613"/>
      <c r="WNM654" s="613"/>
      <c r="WNN654" s="613"/>
      <c r="WNO654" s="613"/>
      <c r="WNP654" s="613"/>
      <c r="WNQ654" s="613"/>
      <c r="WNR654" s="613"/>
      <c r="WNS654" s="613"/>
      <c r="WNT654" s="613"/>
      <c r="WNU654" s="613"/>
      <c r="WNV654" s="613"/>
      <c r="WNW654" s="613"/>
      <c r="WNX654" s="613"/>
      <c r="WNY654" s="613"/>
      <c r="WNZ654" s="613"/>
      <c r="WOA654" s="613"/>
      <c r="WOB654" s="613"/>
      <c r="WOC654" s="613"/>
      <c r="WOD654" s="613"/>
      <c r="WOE654" s="613"/>
      <c r="WOF654" s="613"/>
      <c r="WOG654" s="613"/>
      <c r="WOH654" s="613"/>
      <c r="WOI654" s="613"/>
      <c r="WOJ654" s="613"/>
      <c r="WOK654" s="613"/>
      <c r="WOL654" s="613"/>
      <c r="WOM654" s="613"/>
      <c r="WON654" s="613"/>
      <c r="WOO654" s="613"/>
      <c r="WOP654" s="613"/>
      <c r="WOQ654" s="613"/>
      <c r="WOR654" s="613"/>
      <c r="WOS654" s="613"/>
      <c r="WOT654" s="613"/>
      <c r="WOU654" s="613"/>
      <c r="WOV654" s="613"/>
      <c r="WOW654" s="613"/>
      <c r="WOX654" s="613"/>
      <c r="WOY654" s="613"/>
      <c r="WOZ654" s="613"/>
      <c r="WPA654" s="613"/>
      <c r="WPB654" s="613"/>
      <c r="WPC654" s="613"/>
      <c r="WPD654" s="613"/>
      <c r="WPE654" s="613"/>
      <c r="WPF654" s="613"/>
      <c r="WPG654" s="613"/>
      <c r="WPH654" s="613"/>
      <c r="WPI654" s="613"/>
      <c r="WPJ654" s="613"/>
      <c r="WPK654" s="613"/>
      <c r="WPL654" s="613"/>
      <c r="WPM654" s="613"/>
      <c r="WPN654" s="613"/>
      <c r="WPO654" s="613"/>
      <c r="WPP654" s="613"/>
      <c r="WPQ654" s="613"/>
      <c r="WPR654" s="613"/>
      <c r="WPS654" s="613"/>
      <c r="WPT654" s="613"/>
      <c r="WPU654" s="613"/>
      <c r="WPV654" s="613"/>
      <c r="WPW654" s="613"/>
      <c r="WPX654" s="613"/>
      <c r="WPY654" s="613"/>
      <c r="WPZ654" s="613"/>
      <c r="WQA654" s="613"/>
      <c r="WQB654" s="613"/>
      <c r="WQC654" s="613"/>
      <c r="WQD654" s="613"/>
      <c r="WQE654" s="613"/>
      <c r="WQF654" s="613"/>
      <c r="WQG654" s="613"/>
      <c r="WQH654" s="613"/>
      <c r="WQI654" s="613"/>
      <c r="WQJ654" s="613"/>
      <c r="WQK654" s="613"/>
      <c r="WQL654" s="613"/>
      <c r="WQM654" s="613"/>
      <c r="WQN654" s="613"/>
      <c r="WQO654" s="613"/>
      <c r="WQP654" s="613"/>
      <c r="WQQ654" s="613"/>
      <c r="WQR654" s="613"/>
      <c r="WQS654" s="613"/>
      <c r="WQT654" s="613"/>
      <c r="WQU654" s="613"/>
      <c r="WQV654" s="613"/>
      <c r="WQW654" s="613"/>
      <c r="WQX654" s="613"/>
      <c r="WQY654" s="613"/>
      <c r="WQZ654" s="613"/>
      <c r="WRA654" s="613"/>
      <c r="WRB654" s="613"/>
      <c r="WRC654" s="613"/>
      <c r="WRD654" s="613"/>
      <c r="WRE654" s="613"/>
      <c r="WRF654" s="613"/>
      <c r="WRG654" s="613"/>
      <c r="WRH654" s="613"/>
      <c r="WRI654" s="613"/>
      <c r="WRJ654" s="613"/>
      <c r="WRK654" s="613"/>
      <c r="WRL654" s="613"/>
      <c r="WRM654" s="613"/>
      <c r="WRN654" s="613"/>
      <c r="WRO654" s="613"/>
      <c r="WRP654" s="613"/>
      <c r="WRQ654" s="613"/>
      <c r="WRR654" s="613"/>
      <c r="WRS654" s="613"/>
      <c r="WRT654" s="613"/>
      <c r="WRU654" s="613"/>
      <c r="WRV654" s="613"/>
      <c r="WRW654" s="613"/>
      <c r="WRX654" s="613"/>
      <c r="WRY654" s="613"/>
      <c r="WRZ654" s="613"/>
      <c r="WSA654" s="613"/>
      <c r="WSB654" s="613"/>
      <c r="WSC654" s="613"/>
      <c r="WSD654" s="613"/>
      <c r="WSE654" s="613"/>
      <c r="WSF654" s="613"/>
      <c r="WSG654" s="613"/>
      <c r="WSH654" s="613"/>
      <c r="WSI654" s="613"/>
      <c r="WSJ654" s="613"/>
      <c r="WSK654" s="613"/>
      <c r="WSL654" s="613"/>
      <c r="WSM654" s="613"/>
      <c r="WSN654" s="613"/>
      <c r="WSO654" s="613"/>
      <c r="WSP654" s="613"/>
      <c r="WSQ654" s="613"/>
      <c r="WSR654" s="613"/>
      <c r="WSS654" s="613"/>
      <c r="WST654" s="613"/>
      <c r="WSU654" s="613"/>
      <c r="WSV654" s="613"/>
      <c r="WSW654" s="613"/>
      <c r="WSX654" s="613"/>
      <c r="WSY654" s="613"/>
      <c r="WSZ654" s="613"/>
      <c r="WTA654" s="613"/>
      <c r="WTB654" s="613"/>
      <c r="WTC654" s="613"/>
      <c r="WTD654" s="613"/>
      <c r="WTE654" s="613"/>
      <c r="WTF654" s="613"/>
      <c r="WTG654" s="613"/>
      <c r="WTH654" s="613"/>
      <c r="WTI654" s="613"/>
      <c r="WTJ654" s="613"/>
      <c r="WTK654" s="613"/>
      <c r="WTL654" s="613"/>
      <c r="WTM654" s="613"/>
      <c r="WTN654" s="613"/>
      <c r="WTO654" s="613"/>
      <c r="WTP654" s="613"/>
      <c r="WTQ654" s="613"/>
      <c r="WTR654" s="613"/>
      <c r="WTS654" s="613"/>
      <c r="WTT654" s="613"/>
      <c r="WTU654" s="613"/>
      <c r="WTV654" s="613"/>
      <c r="WTW654" s="613"/>
      <c r="WTX654" s="613"/>
      <c r="WTY654" s="613"/>
      <c r="WTZ654" s="613"/>
      <c r="WUA654" s="613"/>
      <c r="WUB654" s="613"/>
      <c r="WUC654" s="613"/>
      <c r="WUD654" s="613"/>
      <c r="WUE654" s="613"/>
      <c r="WUF654" s="613"/>
      <c r="WUG654" s="613"/>
      <c r="WUH654" s="613"/>
      <c r="WUI654" s="613"/>
      <c r="WUJ654" s="613"/>
      <c r="WUK654" s="613"/>
      <c r="WUL654" s="613"/>
      <c r="WUM654" s="613"/>
      <c r="WUN654" s="613"/>
      <c r="WUO654" s="613"/>
      <c r="WUP654" s="613"/>
      <c r="WUQ654" s="613"/>
      <c r="WUR654" s="613"/>
      <c r="WUS654" s="613"/>
      <c r="WUT654" s="613"/>
      <c r="WUU654" s="613"/>
      <c r="WUV654" s="613"/>
      <c r="WUW654" s="613"/>
      <c r="WUX654" s="613"/>
      <c r="WUY654" s="613"/>
      <c r="WUZ654" s="613"/>
      <c r="WVA654" s="613"/>
      <c r="WVB654" s="613"/>
      <c r="WVC654" s="613"/>
      <c r="WVD654" s="613"/>
      <c r="WVE654" s="613"/>
      <c r="WVF654" s="613"/>
      <c r="WVG654" s="613"/>
      <c r="WVH654" s="613"/>
      <c r="WVI654" s="613"/>
      <c r="WVJ654" s="613"/>
      <c r="WVK654" s="613"/>
      <c r="WVL654" s="613"/>
      <c r="WVM654" s="613"/>
      <c r="WVN654" s="613"/>
      <c r="WVO654" s="613"/>
      <c r="WVP654" s="613"/>
      <c r="WVQ654" s="613"/>
      <c r="WVR654" s="613"/>
      <c r="WVS654" s="613"/>
      <c r="WVT654" s="613"/>
      <c r="WVU654" s="613"/>
      <c r="WVV654" s="613"/>
      <c r="WVW654" s="613"/>
      <c r="WVX654" s="613"/>
      <c r="WVY654" s="613"/>
      <c r="WVZ654" s="613"/>
      <c r="WWA654" s="613"/>
      <c r="WWB654" s="613"/>
      <c r="WWC654" s="613"/>
      <c r="WWD654" s="613"/>
      <c r="WWE654" s="613"/>
      <c r="WWF654" s="613"/>
      <c r="WWG654" s="613"/>
      <c r="WWH654" s="613"/>
      <c r="WWI654" s="613"/>
      <c r="WWJ654" s="613"/>
      <c r="WWK654" s="613"/>
      <c r="WWL654" s="613"/>
      <c r="WWM654" s="613"/>
      <c r="WWN654" s="613"/>
      <c r="WWO654" s="613"/>
      <c r="WWP654" s="613"/>
      <c r="WWQ654" s="613"/>
      <c r="WWR654" s="613"/>
      <c r="WWS654" s="613"/>
      <c r="WWT654" s="613"/>
      <c r="WWU654" s="613"/>
      <c r="WWV654" s="613"/>
      <c r="WWW654" s="613"/>
      <c r="WWX654" s="613"/>
      <c r="WWY654" s="613"/>
      <c r="WWZ654" s="613"/>
      <c r="WXA654" s="613"/>
      <c r="WXB654" s="613"/>
      <c r="WXC654" s="613"/>
      <c r="WXD654" s="613"/>
      <c r="WXE654" s="613"/>
      <c r="WXF654" s="613"/>
      <c r="WXG654" s="613"/>
      <c r="WXH654" s="613"/>
      <c r="WXI654" s="613"/>
      <c r="WXJ654" s="613"/>
      <c r="WXK654" s="613"/>
      <c r="WXL654" s="613"/>
      <c r="WXM654" s="613"/>
      <c r="WXN654" s="613"/>
      <c r="WXO654" s="613"/>
      <c r="WXP654" s="613"/>
      <c r="WXQ654" s="613"/>
      <c r="WXR654" s="613"/>
      <c r="WXS654" s="613"/>
      <c r="WXT654" s="613"/>
      <c r="WXU654" s="613"/>
      <c r="WXV654" s="613"/>
      <c r="WXW654" s="613"/>
      <c r="WXX654" s="613"/>
      <c r="WXY654" s="613"/>
      <c r="WXZ654" s="613"/>
      <c r="WYA654" s="613"/>
      <c r="WYB654" s="613"/>
      <c r="WYC654" s="613"/>
      <c r="WYD654" s="613"/>
      <c r="WYE654" s="613"/>
      <c r="WYF654" s="613"/>
      <c r="WYG654" s="613"/>
      <c r="WYH654" s="613"/>
      <c r="WYI654" s="613"/>
      <c r="WYJ654" s="613"/>
      <c r="WYK654" s="613"/>
      <c r="WYL654" s="613"/>
      <c r="WYM654" s="613"/>
      <c r="WYN654" s="613"/>
      <c r="WYO654" s="613"/>
      <c r="WYP654" s="613"/>
      <c r="WYQ654" s="613"/>
      <c r="WYR654" s="613"/>
      <c r="WYS654" s="613"/>
      <c r="WYT654" s="613"/>
      <c r="WYU654" s="613"/>
      <c r="WYV654" s="613"/>
      <c r="WYW654" s="613"/>
      <c r="WYX654" s="613"/>
      <c r="WYY654" s="613"/>
      <c r="WYZ654" s="613"/>
      <c r="WZA654" s="613"/>
      <c r="WZB654" s="613"/>
      <c r="WZC654" s="613"/>
      <c r="WZD654" s="613"/>
      <c r="WZE654" s="613"/>
      <c r="WZF654" s="613"/>
      <c r="WZG654" s="613"/>
      <c r="WZH654" s="613"/>
      <c r="WZI654" s="613"/>
      <c r="WZJ654" s="613"/>
      <c r="WZK654" s="613"/>
      <c r="WZL654" s="613"/>
      <c r="WZM654" s="613"/>
      <c r="WZN654" s="613"/>
      <c r="WZO654" s="613"/>
      <c r="WZP654" s="613"/>
      <c r="WZQ654" s="613"/>
      <c r="WZR654" s="613"/>
      <c r="WZS654" s="613"/>
      <c r="WZT654" s="613"/>
      <c r="WZU654" s="613"/>
      <c r="WZV654" s="613"/>
      <c r="WZW654" s="613"/>
      <c r="WZX654" s="613"/>
      <c r="WZY654" s="613"/>
      <c r="WZZ654" s="613"/>
      <c r="XAA654" s="613"/>
      <c r="XAB654" s="613"/>
      <c r="XAC654" s="613"/>
      <c r="XAD654" s="613"/>
      <c r="XAE654" s="613"/>
      <c r="XAF654" s="613"/>
      <c r="XAG654" s="613"/>
      <c r="XAH654" s="613"/>
      <c r="XAI654" s="613"/>
      <c r="XAJ654" s="613"/>
      <c r="XAK654" s="613"/>
      <c r="XAL654" s="613"/>
      <c r="XAM654" s="613"/>
      <c r="XAN654" s="613"/>
      <c r="XAO654" s="613"/>
      <c r="XAP654" s="613"/>
      <c r="XAQ654" s="613"/>
      <c r="XAR654" s="613"/>
      <c r="XAS654" s="613"/>
      <c r="XAT654" s="613"/>
      <c r="XAU654" s="613"/>
      <c r="XAV654" s="613"/>
      <c r="XAW654" s="613"/>
      <c r="XAX654" s="613"/>
      <c r="XAY654" s="613"/>
      <c r="XAZ654" s="613"/>
      <c r="XBA654" s="613"/>
      <c r="XBB654" s="613"/>
      <c r="XBC654" s="613"/>
      <c r="XBD654" s="613"/>
      <c r="XBE654" s="613"/>
      <c r="XBF654" s="613"/>
      <c r="XBG654" s="613"/>
      <c r="XBH654" s="613"/>
      <c r="XBI654" s="613"/>
      <c r="XBJ654" s="613"/>
      <c r="XBK654" s="613"/>
      <c r="XBL654" s="613"/>
      <c r="XBM654" s="613"/>
      <c r="XBN654" s="613"/>
      <c r="XBO654" s="613"/>
      <c r="XBP654" s="613"/>
      <c r="XBQ654" s="613"/>
      <c r="XBR654" s="613"/>
      <c r="XBS654" s="613"/>
      <c r="XBT654" s="613"/>
      <c r="XBU654" s="613"/>
      <c r="XBV654" s="613"/>
      <c r="XBW654" s="613"/>
      <c r="XBX654" s="613"/>
      <c r="XBY654" s="613"/>
      <c r="XBZ654" s="613"/>
      <c r="XCA654" s="613"/>
      <c r="XCB654" s="613"/>
      <c r="XCC654" s="613"/>
      <c r="XCD654" s="613"/>
      <c r="XCE654" s="613"/>
      <c r="XCF654" s="613"/>
      <c r="XCG654" s="613"/>
      <c r="XCH654" s="613"/>
      <c r="XCI654" s="613"/>
      <c r="XCJ654" s="613"/>
      <c r="XCK654" s="613"/>
      <c r="XCL654" s="613"/>
      <c r="XCM654" s="613"/>
      <c r="XCN654" s="613"/>
      <c r="XCO654" s="613"/>
      <c r="XCP654" s="613"/>
      <c r="XCQ654" s="613"/>
    </row>
    <row r="655" spans="1:16319" ht="56.1" customHeight="1" x14ac:dyDescent="0.2">
      <c r="A655" s="494"/>
      <c r="B655" s="610"/>
      <c r="C655" s="494"/>
      <c r="D655" s="481">
        <v>186</v>
      </c>
      <c r="E655" s="481"/>
      <c r="F655" s="481" t="s">
        <v>2481</v>
      </c>
      <c r="G655" s="482" t="s">
        <v>53</v>
      </c>
      <c r="H655" s="481" t="s">
        <v>329</v>
      </c>
      <c r="I655" s="654" t="s">
        <v>428</v>
      </c>
      <c r="J655" s="654" t="s">
        <v>369</v>
      </c>
      <c r="K655" s="495" t="s">
        <v>450</v>
      </c>
      <c r="L655" s="621"/>
      <c r="M655" s="484" t="s">
        <v>58</v>
      </c>
      <c r="N655" s="327" t="s">
        <v>1366</v>
      </c>
      <c r="O655" s="484" t="s">
        <v>2996</v>
      </c>
      <c r="P655" s="484" t="s">
        <v>81</v>
      </c>
      <c r="Q655" s="667" t="s">
        <v>334</v>
      </c>
      <c r="R655" s="484" t="s">
        <v>334</v>
      </c>
      <c r="S655" s="484" t="s">
        <v>380</v>
      </c>
      <c r="T655" s="484"/>
      <c r="U655" s="620" t="s">
        <v>63</v>
      </c>
      <c r="V655" s="620" t="s">
        <v>63</v>
      </c>
      <c r="W655" s="723">
        <v>23224</v>
      </c>
      <c r="X655" s="723"/>
      <c r="Y655" s="654" t="s">
        <v>226</v>
      </c>
      <c r="Z655" s="654"/>
      <c r="AA655" s="723">
        <v>23224</v>
      </c>
      <c r="AB655" s="652" t="s">
        <v>82</v>
      </c>
      <c r="AC655" s="652"/>
      <c r="AD655" s="496"/>
      <c r="AE655" s="496"/>
      <c r="AF655" s="496"/>
      <c r="AG655" s="496"/>
      <c r="AH655" s="496"/>
      <c r="AI655" s="496"/>
      <c r="AJ655" s="487" t="s">
        <v>66</v>
      </c>
      <c r="AK655" s="496"/>
      <c r="AL655" s="496"/>
      <c r="AM655" s="496"/>
      <c r="AN655" s="496"/>
      <c r="AO655" s="496"/>
      <c r="AP655" s="496"/>
      <c r="AQ655" s="496"/>
      <c r="AR655" s="496"/>
      <c r="AS655" s="496"/>
      <c r="AT655" s="496"/>
      <c r="AU655" s="487"/>
      <c r="AV655" s="487"/>
      <c r="AW655" s="487"/>
      <c r="AX655" s="487"/>
      <c r="AY655" s="487"/>
      <c r="AZ655" s="487"/>
      <c r="BA655" s="484"/>
      <c r="BB655" s="484" t="s">
        <v>340</v>
      </c>
      <c r="BC655" s="484" t="s">
        <v>3041</v>
      </c>
      <c r="BD655" s="494"/>
      <c r="BE655" s="494"/>
      <c r="BF655" s="613"/>
      <c r="BG655" s="613"/>
      <c r="BH655" s="613"/>
      <c r="BI655" s="613"/>
      <c r="BJ655" s="613"/>
      <c r="BK655" s="613"/>
      <c r="BL655" s="613"/>
      <c r="BM655" s="613"/>
      <c r="BN655" s="613"/>
      <c r="BO655" s="613"/>
      <c r="BP655" s="613"/>
      <c r="BQ655" s="613"/>
      <c r="BR655" s="613"/>
      <c r="BS655" s="613"/>
      <c r="BT655" s="613"/>
      <c r="BU655" s="613"/>
      <c r="BV655" s="613"/>
      <c r="BW655" s="613"/>
      <c r="BX655" s="613"/>
      <c r="BY655" s="613"/>
      <c r="BZ655" s="613"/>
      <c r="CA655" s="613"/>
      <c r="CB655" s="613"/>
      <c r="CC655" s="613"/>
      <c r="CD655" s="613"/>
      <c r="CE655" s="613"/>
      <c r="CF655" s="613"/>
      <c r="CG655" s="613"/>
      <c r="CH655" s="613"/>
      <c r="CI655" s="613"/>
      <c r="CJ655" s="613"/>
      <c r="CK655" s="613"/>
      <c r="CL655" s="613"/>
      <c r="CM655" s="613"/>
      <c r="CN655" s="613"/>
      <c r="CO655" s="613"/>
      <c r="CP655" s="613"/>
      <c r="CQ655" s="613"/>
      <c r="CR655" s="613"/>
      <c r="CS655" s="613"/>
      <c r="CT655" s="613"/>
      <c r="CU655" s="613"/>
      <c r="CV655" s="613"/>
      <c r="CW655" s="613"/>
      <c r="CX655" s="613"/>
      <c r="CY655" s="613"/>
      <c r="CZ655" s="613"/>
      <c r="DA655" s="613"/>
      <c r="DB655" s="613"/>
      <c r="DC655" s="613"/>
      <c r="DD655" s="613"/>
      <c r="DE655" s="613"/>
      <c r="DF655" s="613"/>
      <c r="DG655" s="613"/>
      <c r="DH655" s="613"/>
      <c r="DI655" s="613"/>
      <c r="DJ655" s="613"/>
      <c r="DK655" s="613"/>
      <c r="DL655" s="613"/>
      <c r="DM655" s="613"/>
      <c r="DN655" s="613"/>
      <c r="DO655" s="613"/>
      <c r="DP655" s="613"/>
      <c r="DQ655" s="613"/>
      <c r="DR655" s="613"/>
      <c r="DS655" s="613"/>
      <c r="DT655" s="613"/>
      <c r="DU655" s="613"/>
      <c r="DV655" s="613"/>
      <c r="DW655" s="613"/>
      <c r="DX655" s="613"/>
      <c r="DY655" s="613"/>
      <c r="DZ655" s="613"/>
      <c r="EA655" s="613"/>
      <c r="EB655" s="613"/>
      <c r="EC655" s="613"/>
      <c r="ED655" s="613"/>
      <c r="EE655" s="613"/>
      <c r="EF655" s="613"/>
      <c r="EG655" s="613"/>
      <c r="EH655" s="613"/>
      <c r="EI655" s="613"/>
      <c r="EJ655" s="613"/>
      <c r="EK655" s="613"/>
      <c r="EL655" s="613"/>
      <c r="EM655" s="613"/>
      <c r="EN655" s="613"/>
      <c r="EO655" s="613"/>
      <c r="EP655" s="613"/>
      <c r="EQ655" s="613"/>
      <c r="ER655" s="613"/>
      <c r="ES655" s="613"/>
      <c r="ET655" s="613"/>
      <c r="EU655" s="613"/>
      <c r="EV655" s="613"/>
      <c r="EW655" s="613"/>
      <c r="EX655" s="613"/>
      <c r="EY655" s="613"/>
      <c r="EZ655" s="613"/>
      <c r="FA655" s="613"/>
      <c r="FB655" s="613"/>
      <c r="FC655" s="613"/>
      <c r="FD655" s="613"/>
      <c r="FE655" s="613"/>
      <c r="FF655" s="613"/>
      <c r="FG655" s="613"/>
      <c r="FH655" s="613"/>
      <c r="FI655" s="613"/>
      <c r="FJ655" s="613"/>
      <c r="FK655" s="613"/>
      <c r="FL655" s="613"/>
      <c r="FM655" s="613"/>
      <c r="FN655" s="613"/>
      <c r="FO655" s="613"/>
      <c r="FP655" s="613"/>
      <c r="FQ655" s="613"/>
      <c r="FR655" s="613"/>
      <c r="FS655" s="613"/>
      <c r="FT655" s="613"/>
      <c r="FU655" s="613"/>
      <c r="FV655" s="613"/>
      <c r="FW655" s="613"/>
      <c r="FX655" s="613"/>
      <c r="FY655" s="613"/>
      <c r="FZ655" s="613"/>
      <c r="GA655" s="613"/>
      <c r="GB655" s="613"/>
      <c r="GC655" s="613"/>
      <c r="GD655" s="613"/>
      <c r="GE655" s="613"/>
      <c r="GF655" s="613"/>
      <c r="GG655" s="613"/>
      <c r="GH655" s="613"/>
      <c r="GI655" s="613"/>
      <c r="GJ655" s="613"/>
      <c r="GK655" s="613"/>
      <c r="GL655" s="613"/>
      <c r="GM655" s="613"/>
      <c r="GN655" s="613"/>
      <c r="GO655" s="613"/>
      <c r="GP655" s="613"/>
      <c r="GQ655" s="613"/>
      <c r="GR655" s="613"/>
      <c r="GS655" s="613"/>
      <c r="GT655" s="613"/>
      <c r="GU655" s="613"/>
      <c r="GV655" s="613"/>
      <c r="GW655" s="613"/>
      <c r="GX655" s="613"/>
      <c r="GY655" s="613"/>
      <c r="GZ655" s="613"/>
      <c r="HA655" s="613"/>
      <c r="HB655" s="613"/>
      <c r="HC655" s="613"/>
      <c r="HD655" s="613"/>
      <c r="HE655" s="613"/>
      <c r="HF655" s="613"/>
      <c r="HG655" s="613"/>
      <c r="HH655" s="613"/>
      <c r="HI655" s="613"/>
      <c r="HJ655" s="613"/>
      <c r="HK655" s="613"/>
      <c r="HL655" s="613"/>
      <c r="HM655" s="613"/>
      <c r="HN655" s="613"/>
      <c r="HO655" s="613"/>
      <c r="HP655" s="613"/>
      <c r="HQ655" s="613"/>
      <c r="HR655" s="613"/>
      <c r="HS655" s="613"/>
      <c r="HT655" s="613"/>
      <c r="HU655" s="613"/>
      <c r="HV655" s="613"/>
      <c r="HW655" s="613"/>
      <c r="HX655" s="613"/>
      <c r="HY655" s="613"/>
      <c r="HZ655" s="613"/>
      <c r="IA655" s="613"/>
      <c r="IB655" s="613"/>
      <c r="IC655" s="613"/>
      <c r="ID655" s="613"/>
      <c r="IE655" s="613"/>
      <c r="IF655" s="613"/>
      <c r="IG655" s="613"/>
      <c r="IH655" s="613"/>
      <c r="II655" s="613"/>
      <c r="IJ655" s="613"/>
      <c r="IK655" s="613"/>
      <c r="IL655" s="613"/>
      <c r="IM655" s="613"/>
      <c r="IN655" s="613"/>
      <c r="IO655" s="613"/>
      <c r="IP655" s="613"/>
      <c r="IQ655" s="613"/>
      <c r="IR655" s="613"/>
      <c r="IS655" s="613"/>
      <c r="IT655" s="613"/>
      <c r="IU655" s="613"/>
      <c r="IV655" s="613"/>
      <c r="IW655" s="613"/>
      <c r="IX655" s="613"/>
      <c r="IY655" s="613"/>
      <c r="IZ655" s="613"/>
      <c r="JA655" s="613"/>
      <c r="JB655" s="613"/>
      <c r="JC655" s="613"/>
      <c r="JD655" s="613"/>
      <c r="JE655" s="613"/>
      <c r="JF655" s="613"/>
      <c r="JG655" s="613"/>
      <c r="JH655" s="613"/>
      <c r="JI655" s="613"/>
      <c r="JJ655" s="613"/>
      <c r="JK655" s="613"/>
      <c r="JL655" s="613"/>
      <c r="JM655" s="613"/>
      <c r="JN655" s="613"/>
      <c r="JO655" s="613"/>
      <c r="JP655" s="613"/>
      <c r="JQ655" s="613"/>
      <c r="JR655" s="613"/>
      <c r="JS655" s="613"/>
      <c r="JT655" s="613"/>
      <c r="JU655" s="613"/>
      <c r="JV655" s="613"/>
      <c r="JW655" s="613"/>
      <c r="JX655" s="613"/>
      <c r="JY655" s="613"/>
      <c r="JZ655" s="613"/>
      <c r="KA655" s="613"/>
      <c r="KB655" s="613"/>
      <c r="KC655" s="613"/>
      <c r="KD655" s="613"/>
      <c r="KE655" s="613"/>
      <c r="KF655" s="613"/>
      <c r="KG655" s="613"/>
      <c r="KH655" s="613"/>
      <c r="KI655" s="613"/>
      <c r="KJ655" s="613"/>
      <c r="KK655" s="613"/>
      <c r="KL655" s="613"/>
      <c r="KM655" s="613"/>
      <c r="KN655" s="613"/>
      <c r="KO655" s="613"/>
      <c r="KP655" s="613"/>
      <c r="KQ655" s="613"/>
      <c r="KR655" s="613"/>
      <c r="KS655" s="613"/>
      <c r="KT655" s="613"/>
      <c r="KU655" s="613"/>
      <c r="KV655" s="613"/>
      <c r="KW655" s="613"/>
      <c r="KX655" s="613"/>
      <c r="KY655" s="613"/>
      <c r="KZ655" s="613"/>
      <c r="LA655" s="613"/>
      <c r="LB655" s="613"/>
      <c r="LC655" s="613"/>
      <c r="LD655" s="613"/>
      <c r="LE655" s="613"/>
      <c r="LF655" s="613"/>
      <c r="LG655" s="613"/>
      <c r="LH655" s="613"/>
      <c r="LI655" s="613"/>
      <c r="LJ655" s="613"/>
      <c r="LK655" s="613"/>
      <c r="LL655" s="613"/>
      <c r="LM655" s="613"/>
      <c r="LN655" s="613"/>
      <c r="LO655" s="613"/>
      <c r="LP655" s="613"/>
      <c r="LQ655" s="613"/>
      <c r="LR655" s="613"/>
      <c r="LS655" s="613"/>
      <c r="LT655" s="613"/>
      <c r="LU655" s="613"/>
      <c r="LV655" s="613"/>
      <c r="LW655" s="613"/>
      <c r="LX655" s="613"/>
      <c r="LY655" s="613"/>
      <c r="LZ655" s="613"/>
      <c r="MA655" s="613"/>
      <c r="MB655" s="613"/>
      <c r="MC655" s="613"/>
      <c r="MD655" s="613"/>
      <c r="ME655" s="613"/>
      <c r="MF655" s="613"/>
      <c r="MG655" s="613"/>
      <c r="MH655" s="613"/>
      <c r="MI655" s="613"/>
      <c r="MJ655" s="613"/>
      <c r="MK655" s="613"/>
      <c r="ML655" s="613"/>
      <c r="MM655" s="613"/>
      <c r="MN655" s="613"/>
      <c r="MO655" s="613"/>
      <c r="MP655" s="613"/>
      <c r="MQ655" s="613"/>
      <c r="MR655" s="613"/>
      <c r="MS655" s="613"/>
      <c r="MT655" s="613"/>
      <c r="MU655" s="613"/>
      <c r="MV655" s="613"/>
      <c r="MW655" s="613"/>
      <c r="MX655" s="613"/>
      <c r="MY655" s="613"/>
      <c r="MZ655" s="613"/>
      <c r="NA655" s="613"/>
      <c r="NB655" s="613"/>
      <c r="NC655" s="613"/>
      <c r="ND655" s="613"/>
      <c r="NE655" s="613"/>
      <c r="NF655" s="613"/>
      <c r="NG655" s="613"/>
      <c r="NH655" s="613"/>
      <c r="NI655" s="613"/>
      <c r="NJ655" s="613"/>
      <c r="NK655" s="613"/>
      <c r="NL655" s="613"/>
      <c r="NM655" s="613"/>
      <c r="NN655" s="613"/>
      <c r="NO655" s="613"/>
      <c r="NP655" s="613"/>
      <c r="NQ655" s="613"/>
      <c r="NR655" s="613"/>
      <c r="NS655" s="613"/>
      <c r="NT655" s="613"/>
      <c r="NU655" s="613"/>
      <c r="NV655" s="613"/>
      <c r="NW655" s="613"/>
      <c r="NX655" s="613"/>
      <c r="NY655" s="613"/>
      <c r="NZ655" s="613"/>
      <c r="OA655" s="613"/>
      <c r="OB655" s="613"/>
      <c r="OC655" s="613"/>
      <c r="OD655" s="613"/>
      <c r="OE655" s="613"/>
      <c r="OF655" s="613"/>
      <c r="OG655" s="613"/>
      <c r="OH655" s="613"/>
      <c r="OI655" s="613"/>
      <c r="OJ655" s="613"/>
      <c r="OK655" s="613"/>
      <c r="OL655" s="613"/>
      <c r="OM655" s="613"/>
      <c r="ON655" s="613"/>
      <c r="OO655" s="613"/>
      <c r="OP655" s="613"/>
      <c r="OQ655" s="613"/>
      <c r="OR655" s="613"/>
      <c r="OS655" s="613"/>
      <c r="OT655" s="613"/>
      <c r="OU655" s="613"/>
      <c r="OV655" s="613"/>
      <c r="OW655" s="613"/>
      <c r="OX655" s="613"/>
      <c r="OY655" s="613"/>
      <c r="OZ655" s="613"/>
      <c r="PA655" s="613"/>
      <c r="PB655" s="613"/>
      <c r="PC655" s="613"/>
      <c r="PD655" s="613"/>
      <c r="PE655" s="613"/>
      <c r="PF655" s="613"/>
      <c r="PG655" s="613"/>
      <c r="PH655" s="613"/>
      <c r="PI655" s="613"/>
      <c r="PJ655" s="613"/>
      <c r="PK655" s="613"/>
      <c r="PL655" s="613"/>
      <c r="PM655" s="613"/>
      <c r="PN655" s="613"/>
      <c r="PO655" s="613"/>
      <c r="PP655" s="613"/>
      <c r="PQ655" s="613"/>
      <c r="PR655" s="613"/>
      <c r="PS655" s="613"/>
      <c r="PT655" s="613"/>
      <c r="PU655" s="613"/>
      <c r="PV655" s="613"/>
      <c r="PW655" s="613"/>
      <c r="PX655" s="613"/>
      <c r="PY655" s="613"/>
      <c r="PZ655" s="613"/>
      <c r="QA655" s="613"/>
      <c r="QB655" s="613"/>
      <c r="QC655" s="613"/>
      <c r="QD655" s="613"/>
      <c r="QE655" s="613"/>
      <c r="QF655" s="613"/>
      <c r="QG655" s="613"/>
      <c r="QH655" s="613"/>
      <c r="QI655" s="613"/>
      <c r="QJ655" s="613"/>
      <c r="QK655" s="613"/>
      <c r="QL655" s="613"/>
      <c r="QM655" s="613"/>
      <c r="QN655" s="613"/>
      <c r="QO655" s="613"/>
      <c r="QP655" s="613"/>
      <c r="QQ655" s="613"/>
      <c r="QR655" s="613"/>
      <c r="QS655" s="613"/>
      <c r="QT655" s="613"/>
      <c r="QU655" s="613"/>
      <c r="QV655" s="613"/>
      <c r="QW655" s="613"/>
      <c r="QX655" s="613"/>
      <c r="QY655" s="613"/>
      <c r="QZ655" s="613"/>
      <c r="RA655" s="613"/>
      <c r="RB655" s="613"/>
      <c r="RC655" s="613"/>
      <c r="RD655" s="613"/>
      <c r="RE655" s="613"/>
      <c r="RF655" s="613"/>
      <c r="RG655" s="613"/>
      <c r="RH655" s="613"/>
      <c r="RI655" s="613"/>
      <c r="RJ655" s="613"/>
      <c r="RK655" s="613"/>
      <c r="RL655" s="613"/>
      <c r="RM655" s="613"/>
      <c r="RN655" s="613"/>
      <c r="RO655" s="613"/>
      <c r="RP655" s="613"/>
      <c r="RQ655" s="613"/>
      <c r="RR655" s="613"/>
      <c r="RS655" s="613"/>
      <c r="RT655" s="613"/>
      <c r="RU655" s="613"/>
      <c r="RV655" s="613"/>
      <c r="RW655" s="613"/>
      <c r="RX655" s="613"/>
      <c r="RY655" s="613"/>
      <c r="RZ655" s="613"/>
      <c r="SA655" s="613"/>
      <c r="SB655" s="613"/>
      <c r="SC655" s="613"/>
      <c r="SD655" s="613"/>
      <c r="SE655" s="613"/>
      <c r="SF655" s="613"/>
      <c r="SG655" s="613"/>
      <c r="SH655" s="613"/>
      <c r="SI655" s="613"/>
      <c r="SJ655" s="613"/>
      <c r="SK655" s="613"/>
      <c r="SL655" s="613"/>
      <c r="SM655" s="613"/>
      <c r="SN655" s="613"/>
      <c r="SO655" s="613"/>
      <c r="SP655" s="613"/>
      <c r="SQ655" s="613"/>
      <c r="SR655" s="613"/>
      <c r="SS655" s="613"/>
      <c r="ST655" s="613"/>
      <c r="SU655" s="613"/>
      <c r="SV655" s="613"/>
      <c r="SW655" s="613"/>
      <c r="SX655" s="613"/>
      <c r="SY655" s="613"/>
      <c r="SZ655" s="613"/>
      <c r="TA655" s="613"/>
      <c r="TB655" s="613"/>
      <c r="TC655" s="613"/>
      <c r="TD655" s="613"/>
      <c r="TE655" s="613"/>
      <c r="TF655" s="613"/>
      <c r="TG655" s="613"/>
      <c r="TH655" s="613"/>
      <c r="TI655" s="613"/>
      <c r="TJ655" s="613"/>
      <c r="TK655" s="613"/>
      <c r="TL655" s="613"/>
      <c r="TM655" s="613"/>
      <c r="TN655" s="613"/>
      <c r="TO655" s="613"/>
      <c r="TP655" s="613"/>
      <c r="TQ655" s="613"/>
      <c r="TR655" s="613"/>
      <c r="TS655" s="613"/>
      <c r="TT655" s="613"/>
      <c r="TU655" s="613"/>
      <c r="TV655" s="613"/>
      <c r="TW655" s="613"/>
      <c r="TX655" s="613"/>
      <c r="TY655" s="613"/>
      <c r="TZ655" s="613"/>
      <c r="UA655" s="613"/>
      <c r="UB655" s="613"/>
      <c r="UC655" s="613"/>
      <c r="UD655" s="613"/>
      <c r="UE655" s="613"/>
      <c r="UF655" s="613"/>
      <c r="UG655" s="613"/>
      <c r="UH655" s="613"/>
      <c r="UI655" s="613"/>
      <c r="UJ655" s="613"/>
      <c r="UK655" s="613"/>
      <c r="UL655" s="613"/>
      <c r="UM655" s="613"/>
      <c r="UN655" s="613"/>
      <c r="UO655" s="613"/>
      <c r="UP655" s="613"/>
      <c r="UQ655" s="613"/>
      <c r="UR655" s="613"/>
      <c r="US655" s="613"/>
      <c r="UT655" s="613"/>
      <c r="UU655" s="613"/>
      <c r="UV655" s="613"/>
      <c r="UW655" s="613"/>
      <c r="UX655" s="613"/>
      <c r="UY655" s="613"/>
      <c r="UZ655" s="613"/>
      <c r="VA655" s="613"/>
      <c r="VB655" s="613"/>
      <c r="VC655" s="613"/>
      <c r="VD655" s="613"/>
      <c r="VE655" s="613"/>
      <c r="VF655" s="613"/>
      <c r="VG655" s="613"/>
      <c r="VH655" s="613"/>
      <c r="VI655" s="613"/>
      <c r="VJ655" s="613"/>
      <c r="VK655" s="613"/>
      <c r="VL655" s="613"/>
      <c r="VM655" s="613"/>
      <c r="VN655" s="613"/>
      <c r="VO655" s="613"/>
      <c r="VP655" s="613"/>
      <c r="VQ655" s="613"/>
      <c r="VR655" s="613"/>
      <c r="VS655" s="613"/>
      <c r="VT655" s="613"/>
      <c r="VU655" s="613"/>
      <c r="VV655" s="613"/>
      <c r="VW655" s="613"/>
      <c r="VX655" s="613"/>
      <c r="VY655" s="613"/>
      <c r="VZ655" s="613"/>
      <c r="WA655" s="613"/>
      <c r="WB655" s="613"/>
      <c r="WC655" s="613"/>
      <c r="WD655" s="613"/>
      <c r="WE655" s="613"/>
      <c r="WF655" s="613"/>
      <c r="WG655" s="613"/>
      <c r="WH655" s="613"/>
      <c r="WI655" s="613"/>
      <c r="WJ655" s="613"/>
      <c r="WK655" s="613"/>
      <c r="WL655" s="613"/>
      <c r="WM655" s="613"/>
      <c r="WN655" s="613"/>
      <c r="WO655" s="613"/>
      <c r="WP655" s="613"/>
      <c r="WQ655" s="613"/>
      <c r="WR655" s="613"/>
      <c r="WS655" s="613"/>
      <c r="WT655" s="613"/>
      <c r="WU655" s="613"/>
      <c r="WV655" s="613"/>
      <c r="WW655" s="613"/>
      <c r="WX655" s="613"/>
      <c r="WY655" s="613"/>
      <c r="WZ655" s="613"/>
      <c r="XA655" s="613"/>
      <c r="XB655" s="613"/>
      <c r="XC655" s="613"/>
      <c r="XD655" s="613"/>
      <c r="XE655" s="613"/>
      <c r="XF655" s="613"/>
      <c r="XG655" s="613"/>
      <c r="XH655" s="613"/>
      <c r="XI655" s="613"/>
      <c r="XJ655" s="613"/>
      <c r="XK655" s="613"/>
      <c r="XL655" s="613"/>
      <c r="XM655" s="613"/>
      <c r="XN655" s="613"/>
      <c r="XO655" s="613"/>
      <c r="XP655" s="613"/>
      <c r="XQ655" s="613"/>
      <c r="XR655" s="613"/>
      <c r="XS655" s="613"/>
      <c r="XT655" s="613"/>
      <c r="XU655" s="613"/>
      <c r="XV655" s="613"/>
      <c r="XW655" s="613"/>
      <c r="XX655" s="613"/>
      <c r="XY655" s="613"/>
      <c r="XZ655" s="613"/>
      <c r="YA655" s="613"/>
      <c r="YB655" s="613"/>
      <c r="YC655" s="613"/>
      <c r="YD655" s="613"/>
      <c r="YE655" s="613"/>
      <c r="YF655" s="613"/>
      <c r="YG655" s="613"/>
      <c r="YH655" s="613"/>
      <c r="YI655" s="613"/>
      <c r="YJ655" s="613"/>
      <c r="YK655" s="613"/>
      <c r="YL655" s="613"/>
      <c r="YM655" s="613"/>
      <c r="YN655" s="613"/>
      <c r="YO655" s="613"/>
      <c r="YP655" s="613"/>
      <c r="YQ655" s="613"/>
      <c r="YR655" s="613"/>
      <c r="YS655" s="613"/>
      <c r="YT655" s="613"/>
      <c r="YU655" s="613"/>
      <c r="YV655" s="613"/>
      <c r="YW655" s="613"/>
      <c r="YX655" s="613"/>
      <c r="YY655" s="613"/>
      <c r="YZ655" s="613"/>
      <c r="ZA655" s="613"/>
      <c r="ZB655" s="613"/>
      <c r="ZC655" s="613"/>
      <c r="ZD655" s="613"/>
      <c r="ZE655" s="613"/>
      <c r="ZF655" s="613"/>
      <c r="ZG655" s="613"/>
      <c r="ZH655" s="613"/>
      <c r="ZI655" s="613"/>
      <c r="ZJ655" s="613"/>
      <c r="ZK655" s="613"/>
      <c r="ZL655" s="613"/>
      <c r="ZM655" s="613"/>
      <c r="ZN655" s="613"/>
      <c r="ZO655" s="613"/>
      <c r="ZP655" s="613"/>
      <c r="ZQ655" s="613"/>
      <c r="ZR655" s="613"/>
      <c r="ZS655" s="613"/>
      <c r="ZT655" s="613"/>
      <c r="ZU655" s="613"/>
      <c r="ZV655" s="613"/>
      <c r="ZW655" s="613"/>
      <c r="ZX655" s="613"/>
      <c r="ZY655" s="613"/>
      <c r="ZZ655" s="613"/>
      <c r="AAA655" s="613"/>
      <c r="AAB655" s="613"/>
      <c r="AAC655" s="613"/>
      <c r="AAD655" s="613"/>
      <c r="AAE655" s="613"/>
      <c r="AAF655" s="613"/>
      <c r="AAG655" s="613"/>
      <c r="AAH655" s="613"/>
      <c r="AAI655" s="613"/>
      <c r="AAJ655" s="613"/>
      <c r="AAK655" s="613"/>
      <c r="AAL655" s="613"/>
      <c r="AAM655" s="613"/>
      <c r="AAN655" s="613"/>
      <c r="AAO655" s="613"/>
      <c r="AAP655" s="613"/>
      <c r="AAQ655" s="613"/>
      <c r="AAR655" s="613"/>
      <c r="AAS655" s="613"/>
      <c r="AAT655" s="613"/>
      <c r="AAU655" s="613"/>
      <c r="AAV655" s="613"/>
      <c r="AAW655" s="613"/>
      <c r="AAX655" s="613"/>
      <c r="AAY655" s="613"/>
      <c r="AAZ655" s="613"/>
      <c r="ABA655" s="613"/>
      <c r="ABB655" s="613"/>
      <c r="ABC655" s="613"/>
      <c r="ABD655" s="613"/>
      <c r="ABE655" s="613"/>
      <c r="ABF655" s="613"/>
      <c r="ABG655" s="613"/>
      <c r="ABH655" s="613"/>
      <c r="ABI655" s="613"/>
      <c r="ABJ655" s="613"/>
      <c r="ABK655" s="613"/>
      <c r="ABL655" s="613"/>
      <c r="ABM655" s="613"/>
      <c r="ABN655" s="613"/>
      <c r="ABO655" s="613"/>
      <c r="ABP655" s="613"/>
      <c r="ABQ655" s="613"/>
      <c r="ABR655" s="613"/>
      <c r="ABS655" s="613"/>
      <c r="ABT655" s="613"/>
      <c r="ABU655" s="613"/>
      <c r="ABV655" s="613"/>
      <c r="ABW655" s="613"/>
      <c r="ABX655" s="613"/>
      <c r="ABY655" s="613"/>
      <c r="ABZ655" s="613"/>
      <c r="ACA655" s="613"/>
      <c r="ACB655" s="613"/>
      <c r="ACC655" s="613"/>
      <c r="ACD655" s="613"/>
      <c r="ACE655" s="613"/>
      <c r="ACF655" s="613"/>
      <c r="ACG655" s="613"/>
      <c r="ACH655" s="613"/>
      <c r="ACI655" s="613"/>
      <c r="ACJ655" s="613"/>
      <c r="ACK655" s="613"/>
      <c r="ACL655" s="613"/>
      <c r="ACM655" s="613"/>
      <c r="ACN655" s="613"/>
      <c r="ACO655" s="613"/>
      <c r="ACP655" s="613"/>
      <c r="ACQ655" s="613"/>
      <c r="ACR655" s="613"/>
      <c r="ACS655" s="613"/>
      <c r="ACT655" s="613"/>
      <c r="ACU655" s="613"/>
      <c r="ACV655" s="613"/>
      <c r="ACW655" s="613"/>
      <c r="ACX655" s="613"/>
      <c r="ACY655" s="613"/>
      <c r="ACZ655" s="613"/>
      <c r="ADA655" s="613"/>
      <c r="ADB655" s="613"/>
      <c r="ADC655" s="613"/>
      <c r="ADD655" s="613"/>
      <c r="ADE655" s="613"/>
      <c r="ADF655" s="613"/>
      <c r="ADG655" s="613"/>
      <c r="ADH655" s="613"/>
      <c r="ADI655" s="613"/>
      <c r="ADJ655" s="613"/>
      <c r="ADK655" s="613"/>
      <c r="ADL655" s="613"/>
      <c r="ADM655" s="613"/>
      <c r="ADN655" s="613"/>
      <c r="ADO655" s="613"/>
      <c r="ADP655" s="613"/>
      <c r="ADQ655" s="613"/>
      <c r="ADR655" s="613"/>
      <c r="ADS655" s="613"/>
      <c r="ADT655" s="613"/>
      <c r="ADU655" s="613"/>
      <c r="ADV655" s="613"/>
      <c r="ADW655" s="613"/>
      <c r="ADX655" s="613"/>
      <c r="ADY655" s="613"/>
      <c r="ADZ655" s="613"/>
      <c r="AEA655" s="613"/>
      <c r="AEB655" s="613"/>
      <c r="AEC655" s="613"/>
      <c r="AED655" s="613"/>
      <c r="AEE655" s="613"/>
      <c r="AEF655" s="613"/>
      <c r="AEG655" s="613"/>
      <c r="AEH655" s="613"/>
      <c r="AEI655" s="613"/>
      <c r="AEJ655" s="613"/>
      <c r="AEK655" s="613"/>
      <c r="AEL655" s="613"/>
      <c r="AEM655" s="613"/>
      <c r="AEN655" s="613"/>
      <c r="AEO655" s="613"/>
      <c r="AEP655" s="613"/>
      <c r="AEQ655" s="613"/>
      <c r="AER655" s="613"/>
      <c r="AES655" s="613"/>
      <c r="AET655" s="613"/>
      <c r="AEU655" s="613"/>
      <c r="AEV655" s="613"/>
      <c r="AEW655" s="613"/>
      <c r="AEX655" s="613"/>
      <c r="AEY655" s="613"/>
      <c r="AEZ655" s="613"/>
      <c r="AFA655" s="613"/>
      <c r="AFB655" s="613"/>
      <c r="AFC655" s="613"/>
      <c r="AFD655" s="613"/>
      <c r="AFE655" s="613"/>
      <c r="AFF655" s="613"/>
      <c r="AFG655" s="613"/>
      <c r="AFH655" s="613"/>
      <c r="AFI655" s="613"/>
      <c r="AFJ655" s="613"/>
      <c r="AFK655" s="613"/>
      <c r="AFL655" s="613"/>
      <c r="AFM655" s="613"/>
      <c r="AFN655" s="613"/>
      <c r="AFO655" s="613"/>
      <c r="AFP655" s="613"/>
      <c r="AFQ655" s="613"/>
      <c r="AFR655" s="613"/>
      <c r="AFS655" s="613"/>
      <c r="AFT655" s="613"/>
      <c r="AFU655" s="613"/>
      <c r="AFV655" s="613"/>
      <c r="AFW655" s="613"/>
      <c r="AFX655" s="613"/>
      <c r="AFY655" s="613"/>
      <c r="AFZ655" s="613"/>
      <c r="AGA655" s="613"/>
      <c r="AGB655" s="613"/>
      <c r="AGC655" s="613"/>
      <c r="AGD655" s="613"/>
      <c r="AGE655" s="613"/>
      <c r="AGF655" s="613"/>
      <c r="AGG655" s="613"/>
      <c r="AGH655" s="613"/>
      <c r="AGI655" s="613"/>
      <c r="AGJ655" s="613"/>
      <c r="AGK655" s="613"/>
      <c r="AGL655" s="613"/>
      <c r="AGM655" s="613"/>
      <c r="AGN655" s="613"/>
      <c r="AGO655" s="613"/>
      <c r="AGP655" s="613"/>
      <c r="AGQ655" s="613"/>
      <c r="AGR655" s="613"/>
      <c r="AGS655" s="613"/>
      <c r="AGT655" s="613"/>
      <c r="AGU655" s="613"/>
      <c r="AGV655" s="613"/>
      <c r="AGW655" s="613"/>
      <c r="AGX655" s="613"/>
      <c r="AGY655" s="613"/>
      <c r="AGZ655" s="613"/>
      <c r="AHA655" s="613"/>
      <c r="AHB655" s="613"/>
      <c r="AHC655" s="613"/>
      <c r="AHD655" s="613"/>
      <c r="AHE655" s="613"/>
      <c r="AHF655" s="613"/>
      <c r="AHG655" s="613"/>
      <c r="AHH655" s="613"/>
      <c r="AHI655" s="613"/>
      <c r="AHJ655" s="613"/>
      <c r="AHK655" s="613"/>
      <c r="AHL655" s="613"/>
      <c r="AHM655" s="613"/>
      <c r="AHN655" s="613"/>
      <c r="AHO655" s="613"/>
      <c r="AHP655" s="613"/>
      <c r="AHQ655" s="613"/>
      <c r="AHR655" s="613"/>
      <c r="AHS655" s="613"/>
      <c r="AHT655" s="613"/>
      <c r="AHU655" s="613"/>
      <c r="AHV655" s="613"/>
      <c r="AHW655" s="613"/>
      <c r="AHX655" s="613"/>
      <c r="AHY655" s="613"/>
      <c r="AHZ655" s="613"/>
      <c r="AIA655" s="613"/>
      <c r="AIB655" s="613"/>
      <c r="AIC655" s="613"/>
      <c r="AID655" s="613"/>
      <c r="AIE655" s="613"/>
      <c r="AIF655" s="613"/>
      <c r="AIG655" s="613"/>
      <c r="AIH655" s="613"/>
      <c r="AII655" s="613"/>
      <c r="AIJ655" s="613"/>
      <c r="AIK655" s="613"/>
      <c r="AIL655" s="613"/>
      <c r="AIM655" s="613"/>
      <c r="AIN655" s="613"/>
      <c r="AIO655" s="613"/>
      <c r="AIP655" s="613"/>
      <c r="AIQ655" s="613"/>
      <c r="AIR655" s="613"/>
      <c r="AIS655" s="613"/>
      <c r="AIT655" s="613"/>
      <c r="AIU655" s="613"/>
      <c r="AIV655" s="613"/>
      <c r="AIW655" s="613"/>
      <c r="AIX655" s="613"/>
      <c r="AIY655" s="613"/>
      <c r="AIZ655" s="613"/>
      <c r="AJA655" s="613"/>
      <c r="AJB655" s="613"/>
      <c r="AJC655" s="613"/>
      <c r="AJD655" s="613"/>
      <c r="AJE655" s="613"/>
      <c r="AJF655" s="613"/>
      <c r="AJG655" s="613"/>
      <c r="AJH655" s="613"/>
      <c r="AJI655" s="613"/>
      <c r="AJJ655" s="613"/>
      <c r="AJK655" s="613"/>
      <c r="AJL655" s="613"/>
      <c r="AJM655" s="613"/>
      <c r="AJN655" s="613"/>
      <c r="AJO655" s="613"/>
      <c r="AJP655" s="613"/>
      <c r="AJQ655" s="613"/>
      <c r="AJR655" s="613"/>
      <c r="AJS655" s="613"/>
      <c r="AJT655" s="613"/>
      <c r="AJU655" s="613"/>
      <c r="AJV655" s="613"/>
      <c r="AJW655" s="613"/>
      <c r="AJX655" s="613"/>
      <c r="AJY655" s="613"/>
      <c r="AJZ655" s="613"/>
      <c r="AKA655" s="613"/>
      <c r="AKB655" s="613"/>
      <c r="AKC655" s="613"/>
      <c r="AKD655" s="613"/>
      <c r="AKE655" s="613"/>
      <c r="AKF655" s="613"/>
      <c r="AKG655" s="613"/>
      <c r="AKH655" s="613"/>
      <c r="AKI655" s="613"/>
      <c r="AKJ655" s="613"/>
      <c r="AKK655" s="613"/>
      <c r="AKL655" s="613"/>
      <c r="AKM655" s="613"/>
      <c r="AKN655" s="613"/>
      <c r="AKO655" s="613"/>
      <c r="AKP655" s="613"/>
      <c r="AKQ655" s="613"/>
      <c r="AKR655" s="613"/>
      <c r="AKS655" s="613"/>
      <c r="AKT655" s="613"/>
      <c r="AKU655" s="613"/>
      <c r="AKV655" s="613"/>
      <c r="AKW655" s="613"/>
      <c r="AKX655" s="613"/>
      <c r="AKY655" s="613"/>
      <c r="AKZ655" s="613"/>
      <c r="ALA655" s="613"/>
      <c r="ALB655" s="613"/>
      <c r="ALC655" s="613"/>
      <c r="ALD655" s="613"/>
      <c r="ALE655" s="613"/>
      <c r="ALF655" s="613"/>
      <c r="ALG655" s="613"/>
      <c r="ALH655" s="613"/>
      <c r="ALI655" s="613"/>
      <c r="ALJ655" s="613"/>
      <c r="ALK655" s="613"/>
      <c r="ALL655" s="613"/>
      <c r="ALM655" s="613"/>
      <c r="ALN655" s="613"/>
      <c r="ALO655" s="613"/>
      <c r="ALP655" s="613"/>
      <c r="ALQ655" s="613"/>
      <c r="ALR655" s="613"/>
      <c r="ALS655" s="613"/>
      <c r="ALT655" s="613"/>
      <c r="ALU655" s="613"/>
      <c r="ALV655" s="613"/>
      <c r="ALW655" s="613"/>
      <c r="ALX655" s="613"/>
      <c r="ALY655" s="613"/>
      <c r="ALZ655" s="613"/>
      <c r="AMA655" s="613"/>
      <c r="AMB655" s="613"/>
      <c r="AMC655" s="613"/>
      <c r="AMD655" s="613"/>
      <c r="AME655" s="613"/>
      <c r="AMF655" s="613"/>
      <c r="AMG655" s="613"/>
      <c r="AMH655" s="613"/>
      <c r="AMI655" s="613"/>
      <c r="AMJ655" s="613"/>
      <c r="AMK655" s="613"/>
      <c r="AML655" s="613"/>
      <c r="AMM655" s="613"/>
      <c r="AMN655" s="613"/>
      <c r="AMO655" s="613"/>
      <c r="AMP655" s="613"/>
      <c r="AMQ655" s="613"/>
      <c r="AMR655" s="613"/>
      <c r="AMS655" s="613"/>
      <c r="AMT655" s="613"/>
      <c r="AMU655" s="613"/>
      <c r="AMV655" s="613"/>
      <c r="AMW655" s="613"/>
      <c r="AMX655" s="613"/>
      <c r="AMY655" s="613"/>
      <c r="AMZ655" s="613"/>
      <c r="ANA655" s="613"/>
      <c r="ANB655" s="613"/>
      <c r="ANC655" s="613"/>
      <c r="AND655" s="613"/>
      <c r="ANE655" s="613"/>
      <c r="ANF655" s="613"/>
      <c r="ANG655" s="613"/>
      <c r="ANH655" s="613"/>
      <c r="ANI655" s="613"/>
      <c r="ANJ655" s="613"/>
      <c r="ANK655" s="613"/>
      <c r="ANL655" s="613"/>
      <c r="ANM655" s="613"/>
      <c r="ANN655" s="613"/>
      <c r="ANO655" s="613"/>
      <c r="ANP655" s="613"/>
      <c r="ANQ655" s="613"/>
      <c r="ANR655" s="613"/>
      <c r="ANS655" s="613"/>
      <c r="ANT655" s="613"/>
      <c r="ANU655" s="613"/>
      <c r="ANV655" s="613"/>
      <c r="ANW655" s="613"/>
      <c r="ANX655" s="613"/>
      <c r="ANY655" s="613"/>
      <c r="ANZ655" s="613"/>
      <c r="AOA655" s="613"/>
      <c r="AOB655" s="613"/>
      <c r="AOC655" s="613"/>
      <c r="AOD655" s="613"/>
      <c r="AOE655" s="613"/>
      <c r="AOF655" s="613"/>
      <c r="AOG655" s="613"/>
      <c r="AOH655" s="613"/>
      <c r="AOI655" s="613"/>
      <c r="AOJ655" s="613"/>
      <c r="AOK655" s="613"/>
      <c r="AOL655" s="613"/>
      <c r="AOM655" s="613"/>
      <c r="AON655" s="613"/>
      <c r="AOO655" s="613"/>
      <c r="AOP655" s="613"/>
      <c r="AOQ655" s="613"/>
      <c r="AOR655" s="613"/>
      <c r="AOS655" s="613"/>
      <c r="AOT655" s="613"/>
      <c r="AOU655" s="613"/>
      <c r="AOV655" s="613"/>
      <c r="AOW655" s="613"/>
      <c r="AOX655" s="613"/>
      <c r="AOY655" s="613"/>
      <c r="AOZ655" s="613"/>
      <c r="APA655" s="613"/>
      <c r="APB655" s="613"/>
      <c r="APC655" s="613"/>
      <c r="APD655" s="613"/>
      <c r="APE655" s="613"/>
      <c r="APF655" s="613"/>
      <c r="APG655" s="613"/>
      <c r="APH655" s="613"/>
      <c r="API655" s="613"/>
      <c r="APJ655" s="613"/>
      <c r="APK655" s="613"/>
      <c r="APL655" s="613"/>
      <c r="APM655" s="613"/>
      <c r="APN655" s="613"/>
      <c r="APO655" s="613"/>
      <c r="APP655" s="613"/>
      <c r="APQ655" s="613"/>
      <c r="APR655" s="613"/>
      <c r="APS655" s="613"/>
      <c r="APT655" s="613"/>
      <c r="APU655" s="613"/>
      <c r="APV655" s="613"/>
      <c r="APW655" s="613"/>
      <c r="APX655" s="613"/>
      <c r="APY655" s="613"/>
      <c r="APZ655" s="613"/>
      <c r="AQA655" s="613"/>
      <c r="AQB655" s="613"/>
      <c r="AQC655" s="613"/>
      <c r="AQD655" s="613"/>
      <c r="AQE655" s="613"/>
      <c r="AQF655" s="613"/>
      <c r="AQG655" s="613"/>
      <c r="AQH655" s="613"/>
      <c r="AQI655" s="613"/>
      <c r="AQJ655" s="613"/>
      <c r="AQK655" s="613"/>
      <c r="AQL655" s="613"/>
      <c r="AQM655" s="613"/>
      <c r="AQN655" s="613"/>
      <c r="AQO655" s="613"/>
      <c r="AQP655" s="613"/>
      <c r="AQQ655" s="613"/>
      <c r="AQR655" s="613"/>
      <c r="AQS655" s="613"/>
      <c r="AQT655" s="613"/>
      <c r="AQU655" s="613"/>
      <c r="AQV655" s="613"/>
      <c r="AQW655" s="613"/>
      <c r="AQX655" s="613"/>
      <c r="AQY655" s="613"/>
      <c r="AQZ655" s="613"/>
      <c r="ARA655" s="613"/>
      <c r="ARB655" s="613"/>
      <c r="ARC655" s="613"/>
      <c r="ARD655" s="613"/>
      <c r="ARE655" s="613"/>
      <c r="ARF655" s="613"/>
      <c r="ARG655" s="613"/>
      <c r="ARH655" s="613"/>
      <c r="ARI655" s="613"/>
      <c r="ARJ655" s="613"/>
      <c r="ARK655" s="613"/>
      <c r="ARL655" s="613"/>
      <c r="ARM655" s="613"/>
      <c r="ARN655" s="613"/>
      <c r="ARO655" s="613"/>
      <c r="ARP655" s="613"/>
      <c r="ARQ655" s="613"/>
      <c r="ARR655" s="613"/>
      <c r="ARS655" s="613"/>
      <c r="ART655" s="613"/>
      <c r="ARU655" s="613"/>
      <c r="ARV655" s="613"/>
      <c r="ARW655" s="613"/>
      <c r="ARX655" s="613"/>
      <c r="ARY655" s="613"/>
      <c r="ARZ655" s="613"/>
      <c r="ASA655" s="613"/>
      <c r="ASB655" s="613"/>
      <c r="ASC655" s="613"/>
      <c r="ASD655" s="613"/>
      <c r="ASE655" s="613"/>
      <c r="ASF655" s="613"/>
      <c r="ASG655" s="613"/>
      <c r="ASH655" s="613"/>
      <c r="ASI655" s="613"/>
      <c r="ASJ655" s="613"/>
      <c r="ASK655" s="613"/>
      <c r="ASL655" s="613"/>
      <c r="ASM655" s="613"/>
      <c r="ASN655" s="613"/>
      <c r="ASO655" s="613"/>
      <c r="ASP655" s="613"/>
      <c r="ASQ655" s="613"/>
      <c r="ASR655" s="613"/>
      <c r="ASS655" s="613"/>
      <c r="AST655" s="613"/>
      <c r="ASU655" s="613"/>
      <c r="ASV655" s="613"/>
      <c r="ASW655" s="613"/>
      <c r="ASX655" s="613"/>
      <c r="ASY655" s="613"/>
      <c r="ASZ655" s="613"/>
      <c r="ATA655" s="613"/>
      <c r="ATB655" s="613"/>
      <c r="ATC655" s="613"/>
      <c r="ATD655" s="613"/>
      <c r="ATE655" s="613"/>
      <c r="ATF655" s="613"/>
      <c r="ATG655" s="613"/>
      <c r="ATH655" s="613"/>
      <c r="ATI655" s="613"/>
      <c r="ATJ655" s="613"/>
      <c r="ATK655" s="613"/>
      <c r="ATL655" s="613"/>
      <c r="ATM655" s="613"/>
      <c r="ATN655" s="613"/>
      <c r="ATO655" s="613"/>
      <c r="ATP655" s="613"/>
      <c r="ATQ655" s="613"/>
      <c r="ATR655" s="613"/>
      <c r="ATS655" s="613"/>
      <c r="ATT655" s="613"/>
      <c r="ATU655" s="613"/>
      <c r="ATV655" s="613"/>
      <c r="ATW655" s="613"/>
      <c r="ATX655" s="613"/>
      <c r="ATY655" s="613"/>
      <c r="ATZ655" s="613"/>
      <c r="AUA655" s="613"/>
      <c r="AUB655" s="613"/>
      <c r="AUC655" s="613"/>
      <c r="AUD655" s="613"/>
      <c r="AUE655" s="613"/>
      <c r="AUF655" s="613"/>
      <c r="AUG655" s="613"/>
      <c r="AUH655" s="613"/>
      <c r="AUI655" s="613"/>
      <c r="AUJ655" s="613"/>
      <c r="AUK655" s="613"/>
      <c r="AUL655" s="613"/>
      <c r="AUM655" s="613"/>
      <c r="AUN655" s="613"/>
      <c r="AUO655" s="613"/>
      <c r="AUP655" s="613"/>
      <c r="AUQ655" s="613"/>
      <c r="AUR655" s="613"/>
      <c r="AUS655" s="613"/>
      <c r="AUT655" s="613"/>
      <c r="AUU655" s="613"/>
      <c r="AUV655" s="613"/>
      <c r="AUW655" s="613"/>
      <c r="AUX655" s="613"/>
      <c r="AUY655" s="613"/>
      <c r="AUZ655" s="613"/>
      <c r="AVA655" s="613"/>
      <c r="AVB655" s="613"/>
      <c r="AVC655" s="613"/>
      <c r="AVD655" s="613"/>
      <c r="AVE655" s="613"/>
      <c r="AVF655" s="613"/>
      <c r="AVG655" s="613"/>
      <c r="AVH655" s="613"/>
      <c r="AVI655" s="613"/>
      <c r="AVJ655" s="613"/>
      <c r="AVK655" s="613"/>
      <c r="AVL655" s="613"/>
      <c r="AVM655" s="613"/>
      <c r="AVN655" s="613"/>
      <c r="AVO655" s="613"/>
      <c r="AVP655" s="613"/>
      <c r="AVQ655" s="613"/>
      <c r="AVR655" s="613"/>
      <c r="AVS655" s="613"/>
      <c r="AVT655" s="613"/>
      <c r="AVU655" s="613"/>
      <c r="AVV655" s="613"/>
      <c r="AVW655" s="613"/>
      <c r="AVX655" s="613"/>
      <c r="AVY655" s="613"/>
      <c r="AVZ655" s="613"/>
      <c r="AWA655" s="613"/>
      <c r="AWB655" s="613"/>
      <c r="AWC655" s="613"/>
      <c r="AWD655" s="613"/>
      <c r="AWE655" s="613"/>
      <c r="AWF655" s="613"/>
      <c r="AWG655" s="613"/>
      <c r="AWH655" s="613"/>
      <c r="AWI655" s="613"/>
      <c r="AWJ655" s="613"/>
      <c r="AWK655" s="613"/>
      <c r="AWL655" s="613"/>
      <c r="AWM655" s="613"/>
      <c r="AWN655" s="613"/>
      <c r="AWO655" s="613"/>
      <c r="AWP655" s="613"/>
      <c r="AWQ655" s="613"/>
      <c r="AWR655" s="613"/>
      <c r="AWS655" s="613"/>
      <c r="AWT655" s="613"/>
      <c r="AWU655" s="613"/>
      <c r="AWV655" s="613"/>
      <c r="AWW655" s="613"/>
      <c r="AWX655" s="613"/>
      <c r="AWY655" s="613"/>
      <c r="AWZ655" s="613"/>
      <c r="AXA655" s="613"/>
      <c r="AXB655" s="613"/>
      <c r="AXC655" s="613"/>
      <c r="AXD655" s="613"/>
      <c r="AXE655" s="613"/>
      <c r="AXF655" s="613"/>
      <c r="AXG655" s="613"/>
      <c r="AXH655" s="613"/>
      <c r="AXI655" s="613"/>
      <c r="AXJ655" s="613"/>
      <c r="AXK655" s="613"/>
      <c r="AXL655" s="613"/>
      <c r="AXM655" s="613"/>
      <c r="AXN655" s="613"/>
      <c r="AXO655" s="613"/>
      <c r="AXP655" s="613"/>
      <c r="AXQ655" s="613"/>
      <c r="AXR655" s="613"/>
      <c r="AXS655" s="613"/>
      <c r="AXT655" s="613"/>
      <c r="AXU655" s="613"/>
      <c r="AXV655" s="613"/>
      <c r="AXW655" s="613"/>
      <c r="AXX655" s="613"/>
      <c r="AXY655" s="613"/>
      <c r="AXZ655" s="613"/>
      <c r="AYA655" s="613"/>
      <c r="AYB655" s="613"/>
      <c r="AYC655" s="613"/>
      <c r="AYD655" s="613"/>
      <c r="AYE655" s="613"/>
      <c r="AYF655" s="613"/>
      <c r="AYG655" s="613"/>
      <c r="AYH655" s="613"/>
      <c r="AYI655" s="613"/>
      <c r="AYJ655" s="613"/>
      <c r="AYK655" s="613"/>
      <c r="AYL655" s="613"/>
      <c r="AYM655" s="613"/>
      <c r="AYN655" s="613"/>
      <c r="AYO655" s="613"/>
      <c r="AYP655" s="613"/>
      <c r="AYQ655" s="613"/>
      <c r="AYR655" s="613"/>
      <c r="AYS655" s="613"/>
      <c r="AYT655" s="613"/>
      <c r="AYU655" s="613"/>
      <c r="AYV655" s="613"/>
      <c r="AYW655" s="613"/>
      <c r="AYX655" s="613"/>
      <c r="AYY655" s="613"/>
      <c r="AYZ655" s="613"/>
      <c r="AZA655" s="613"/>
      <c r="AZB655" s="613"/>
      <c r="AZC655" s="613"/>
      <c r="AZD655" s="613"/>
      <c r="AZE655" s="613"/>
      <c r="AZF655" s="613"/>
      <c r="AZG655" s="613"/>
      <c r="AZH655" s="613"/>
      <c r="AZI655" s="613"/>
      <c r="AZJ655" s="613"/>
      <c r="AZK655" s="613"/>
      <c r="AZL655" s="613"/>
      <c r="AZM655" s="613"/>
      <c r="AZN655" s="613"/>
      <c r="AZO655" s="613"/>
      <c r="AZP655" s="613"/>
      <c r="AZQ655" s="613"/>
      <c r="AZR655" s="613"/>
      <c r="AZS655" s="613"/>
      <c r="AZT655" s="613"/>
      <c r="AZU655" s="613"/>
      <c r="AZV655" s="613"/>
      <c r="AZW655" s="613"/>
      <c r="AZX655" s="613"/>
      <c r="AZY655" s="613"/>
      <c r="AZZ655" s="613"/>
      <c r="BAA655" s="613"/>
      <c r="BAB655" s="613"/>
      <c r="BAC655" s="613"/>
      <c r="BAD655" s="613"/>
      <c r="BAE655" s="613"/>
      <c r="BAF655" s="613"/>
      <c r="BAG655" s="613"/>
      <c r="BAH655" s="613"/>
      <c r="BAI655" s="613"/>
      <c r="BAJ655" s="613"/>
      <c r="BAK655" s="613"/>
      <c r="BAL655" s="613"/>
      <c r="BAM655" s="613"/>
      <c r="BAN655" s="613"/>
      <c r="BAO655" s="613"/>
      <c r="BAP655" s="613"/>
      <c r="BAQ655" s="613"/>
      <c r="BAR655" s="613"/>
      <c r="BAS655" s="613"/>
      <c r="BAT655" s="613"/>
      <c r="BAU655" s="613"/>
      <c r="BAV655" s="613"/>
      <c r="BAW655" s="613"/>
      <c r="BAX655" s="613"/>
      <c r="BAY655" s="613"/>
      <c r="BAZ655" s="613"/>
      <c r="BBA655" s="613"/>
      <c r="BBB655" s="613"/>
      <c r="BBC655" s="613"/>
      <c r="BBD655" s="613"/>
      <c r="BBE655" s="613"/>
      <c r="BBF655" s="613"/>
      <c r="BBG655" s="613"/>
      <c r="BBH655" s="613"/>
      <c r="BBI655" s="613"/>
      <c r="BBJ655" s="613"/>
      <c r="BBK655" s="613"/>
      <c r="BBL655" s="613"/>
      <c r="BBM655" s="613"/>
      <c r="BBN655" s="613"/>
      <c r="BBO655" s="613"/>
      <c r="BBP655" s="613"/>
      <c r="BBQ655" s="613"/>
      <c r="BBR655" s="613"/>
      <c r="BBS655" s="613"/>
      <c r="BBT655" s="613"/>
      <c r="BBU655" s="613"/>
      <c r="BBV655" s="613"/>
      <c r="BBW655" s="613"/>
      <c r="BBX655" s="613"/>
      <c r="BBY655" s="613"/>
      <c r="BBZ655" s="613"/>
      <c r="BCA655" s="613"/>
      <c r="BCB655" s="613"/>
      <c r="BCC655" s="613"/>
      <c r="BCD655" s="613"/>
      <c r="BCE655" s="613"/>
      <c r="BCF655" s="613"/>
      <c r="BCG655" s="613"/>
      <c r="BCH655" s="613"/>
      <c r="BCI655" s="613"/>
      <c r="BCJ655" s="613"/>
      <c r="BCK655" s="613"/>
      <c r="BCL655" s="613"/>
      <c r="BCM655" s="613"/>
      <c r="BCN655" s="613"/>
      <c r="BCO655" s="613"/>
      <c r="BCP655" s="613"/>
      <c r="BCQ655" s="613"/>
      <c r="BCR655" s="613"/>
      <c r="BCS655" s="613"/>
      <c r="BCT655" s="613"/>
      <c r="BCU655" s="613"/>
      <c r="BCV655" s="613"/>
      <c r="BCW655" s="613"/>
      <c r="BCX655" s="613"/>
      <c r="BCY655" s="613"/>
      <c r="BCZ655" s="613"/>
      <c r="BDA655" s="613"/>
      <c r="BDB655" s="613"/>
      <c r="BDC655" s="613"/>
      <c r="BDD655" s="613"/>
      <c r="BDE655" s="613"/>
      <c r="BDF655" s="613"/>
      <c r="BDG655" s="613"/>
      <c r="BDH655" s="613"/>
      <c r="BDI655" s="613"/>
      <c r="BDJ655" s="613"/>
      <c r="BDK655" s="613"/>
      <c r="BDL655" s="613"/>
      <c r="BDM655" s="613"/>
      <c r="BDN655" s="613"/>
      <c r="BDO655" s="613"/>
      <c r="BDP655" s="613"/>
      <c r="BDQ655" s="613"/>
      <c r="BDR655" s="613"/>
      <c r="BDS655" s="613"/>
      <c r="BDT655" s="613"/>
      <c r="BDU655" s="613"/>
      <c r="BDV655" s="613"/>
      <c r="BDW655" s="613"/>
      <c r="BDX655" s="613"/>
      <c r="BDY655" s="613"/>
      <c r="BDZ655" s="613"/>
      <c r="BEA655" s="613"/>
      <c r="BEB655" s="613"/>
      <c r="BEC655" s="613"/>
      <c r="BED655" s="613"/>
      <c r="BEE655" s="613"/>
      <c r="BEF655" s="613"/>
      <c r="BEG655" s="613"/>
      <c r="BEH655" s="613"/>
      <c r="BEI655" s="613"/>
      <c r="BEJ655" s="613"/>
      <c r="BEK655" s="613"/>
      <c r="BEL655" s="613"/>
      <c r="BEM655" s="613"/>
      <c r="BEN655" s="613"/>
      <c r="BEO655" s="613"/>
      <c r="BEP655" s="613"/>
      <c r="BEQ655" s="613"/>
      <c r="BER655" s="613"/>
      <c r="BES655" s="613"/>
      <c r="BET655" s="613"/>
      <c r="BEU655" s="613"/>
      <c r="BEV655" s="613"/>
      <c r="BEW655" s="613"/>
      <c r="BEX655" s="613"/>
      <c r="BEY655" s="613"/>
      <c r="BEZ655" s="613"/>
      <c r="BFA655" s="613"/>
      <c r="BFB655" s="613"/>
      <c r="BFC655" s="613"/>
      <c r="BFD655" s="613"/>
      <c r="BFE655" s="613"/>
      <c r="BFF655" s="613"/>
      <c r="BFG655" s="613"/>
      <c r="BFH655" s="613"/>
      <c r="BFI655" s="613"/>
      <c r="BFJ655" s="613"/>
      <c r="BFK655" s="613"/>
      <c r="BFL655" s="613"/>
      <c r="BFM655" s="613"/>
      <c r="BFN655" s="613"/>
      <c r="BFO655" s="613"/>
      <c r="BFP655" s="613"/>
      <c r="BFQ655" s="613"/>
      <c r="BFR655" s="613"/>
      <c r="BFS655" s="613"/>
      <c r="BFT655" s="613"/>
      <c r="BFU655" s="613"/>
      <c r="BFV655" s="613"/>
      <c r="BFW655" s="613"/>
      <c r="BFX655" s="613"/>
      <c r="BFY655" s="613"/>
      <c r="BFZ655" s="613"/>
      <c r="BGA655" s="613"/>
      <c r="BGB655" s="613"/>
      <c r="BGC655" s="613"/>
      <c r="BGD655" s="613"/>
      <c r="BGE655" s="613"/>
      <c r="BGF655" s="613"/>
      <c r="BGG655" s="613"/>
      <c r="BGH655" s="613"/>
      <c r="BGI655" s="613"/>
      <c r="BGJ655" s="613"/>
      <c r="BGK655" s="613"/>
      <c r="BGL655" s="613"/>
      <c r="BGM655" s="613"/>
      <c r="BGN655" s="613"/>
      <c r="BGO655" s="613"/>
      <c r="BGP655" s="613"/>
      <c r="BGQ655" s="613"/>
      <c r="BGR655" s="613"/>
      <c r="BGS655" s="613"/>
      <c r="BGT655" s="613"/>
      <c r="BGU655" s="613"/>
      <c r="BGV655" s="613"/>
      <c r="BGW655" s="613"/>
      <c r="BGX655" s="613"/>
      <c r="BGY655" s="613"/>
      <c r="BGZ655" s="613"/>
      <c r="BHA655" s="613"/>
      <c r="BHB655" s="613"/>
      <c r="BHC655" s="613"/>
      <c r="BHD655" s="613"/>
      <c r="BHE655" s="613"/>
      <c r="BHF655" s="613"/>
      <c r="BHG655" s="613"/>
      <c r="BHH655" s="613"/>
      <c r="BHI655" s="613"/>
      <c r="BHJ655" s="613"/>
      <c r="BHK655" s="613"/>
      <c r="BHL655" s="613"/>
      <c r="BHM655" s="613"/>
      <c r="BHN655" s="613"/>
      <c r="BHO655" s="613"/>
      <c r="BHP655" s="613"/>
      <c r="BHQ655" s="613"/>
      <c r="BHR655" s="613"/>
      <c r="BHS655" s="613"/>
      <c r="BHT655" s="613"/>
      <c r="BHU655" s="613"/>
      <c r="BHV655" s="613"/>
      <c r="BHW655" s="613"/>
      <c r="BHX655" s="613"/>
      <c r="BHY655" s="613"/>
      <c r="BHZ655" s="613"/>
      <c r="BIA655" s="613"/>
      <c r="BIB655" s="613"/>
      <c r="BIC655" s="613"/>
      <c r="BID655" s="613"/>
      <c r="BIE655" s="613"/>
      <c r="BIF655" s="613"/>
      <c r="BIG655" s="613"/>
      <c r="BIH655" s="613"/>
      <c r="BII655" s="613"/>
      <c r="BIJ655" s="613"/>
      <c r="BIK655" s="613"/>
      <c r="BIL655" s="613"/>
      <c r="BIM655" s="613"/>
      <c r="BIN655" s="613"/>
      <c r="BIO655" s="613"/>
      <c r="BIP655" s="613"/>
      <c r="BIQ655" s="613"/>
      <c r="BIR655" s="613"/>
      <c r="BIS655" s="613"/>
      <c r="BIT655" s="613"/>
      <c r="BIU655" s="613"/>
      <c r="BIV655" s="613"/>
      <c r="BIW655" s="613"/>
      <c r="BIX655" s="613"/>
      <c r="BIY655" s="613"/>
      <c r="BIZ655" s="613"/>
      <c r="BJA655" s="613"/>
      <c r="BJB655" s="613"/>
      <c r="BJC655" s="613"/>
      <c r="BJD655" s="613"/>
      <c r="BJE655" s="613"/>
      <c r="BJF655" s="613"/>
      <c r="BJG655" s="613"/>
      <c r="BJH655" s="613"/>
      <c r="BJI655" s="613"/>
      <c r="BJJ655" s="613"/>
      <c r="BJK655" s="613"/>
      <c r="BJL655" s="613"/>
      <c r="BJM655" s="613"/>
      <c r="BJN655" s="613"/>
      <c r="BJO655" s="613"/>
      <c r="BJP655" s="613"/>
      <c r="BJQ655" s="613"/>
      <c r="BJR655" s="613"/>
      <c r="BJS655" s="613"/>
      <c r="BJT655" s="613"/>
      <c r="BJU655" s="613"/>
      <c r="BJV655" s="613"/>
      <c r="BJW655" s="613"/>
      <c r="BJX655" s="613"/>
      <c r="BJY655" s="613"/>
      <c r="BJZ655" s="613"/>
      <c r="BKA655" s="613"/>
      <c r="BKB655" s="613"/>
      <c r="BKC655" s="613"/>
      <c r="BKD655" s="613"/>
      <c r="BKE655" s="613"/>
      <c r="BKF655" s="613"/>
      <c r="BKG655" s="613"/>
      <c r="BKH655" s="613"/>
      <c r="BKI655" s="613"/>
      <c r="BKJ655" s="613"/>
      <c r="BKK655" s="613"/>
      <c r="BKL655" s="613"/>
      <c r="BKM655" s="613"/>
      <c r="BKN655" s="613"/>
      <c r="BKO655" s="613"/>
      <c r="BKP655" s="613"/>
      <c r="BKQ655" s="613"/>
      <c r="BKR655" s="613"/>
      <c r="BKS655" s="613"/>
      <c r="BKT655" s="613"/>
      <c r="BKU655" s="613"/>
      <c r="BKV655" s="613"/>
      <c r="BKW655" s="613"/>
      <c r="BKX655" s="613"/>
      <c r="BKY655" s="613"/>
      <c r="BKZ655" s="613"/>
      <c r="BLA655" s="613"/>
      <c r="BLB655" s="613"/>
      <c r="BLC655" s="613"/>
      <c r="BLD655" s="613"/>
      <c r="BLE655" s="613"/>
      <c r="BLF655" s="613"/>
      <c r="BLG655" s="613"/>
      <c r="BLH655" s="613"/>
      <c r="BLI655" s="613"/>
      <c r="BLJ655" s="613"/>
      <c r="BLK655" s="613"/>
      <c r="BLL655" s="613"/>
      <c r="BLM655" s="613"/>
      <c r="BLN655" s="613"/>
      <c r="BLO655" s="613"/>
      <c r="BLP655" s="613"/>
      <c r="BLQ655" s="613"/>
      <c r="BLR655" s="613"/>
      <c r="BLS655" s="613"/>
      <c r="BLT655" s="613"/>
      <c r="BLU655" s="613"/>
      <c r="BLV655" s="613"/>
      <c r="BLW655" s="613"/>
      <c r="BLX655" s="613"/>
      <c r="BLY655" s="613"/>
      <c r="BLZ655" s="613"/>
      <c r="BMA655" s="613"/>
      <c r="BMB655" s="613"/>
      <c r="BMC655" s="613"/>
      <c r="BMD655" s="613"/>
      <c r="BME655" s="613"/>
      <c r="BMF655" s="613"/>
      <c r="BMG655" s="613"/>
      <c r="BMH655" s="613"/>
      <c r="BMI655" s="613"/>
      <c r="BMJ655" s="613"/>
      <c r="BMK655" s="613"/>
      <c r="BML655" s="613"/>
      <c r="BMM655" s="613"/>
      <c r="BMN655" s="613"/>
      <c r="BMO655" s="613"/>
      <c r="BMP655" s="613"/>
      <c r="BMQ655" s="613"/>
      <c r="BMR655" s="613"/>
      <c r="BMS655" s="613"/>
      <c r="BMT655" s="613"/>
      <c r="BMU655" s="613"/>
      <c r="BMV655" s="613"/>
      <c r="BMW655" s="613"/>
      <c r="BMX655" s="613"/>
      <c r="BMY655" s="613"/>
      <c r="BMZ655" s="613"/>
      <c r="BNA655" s="613"/>
      <c r="BNB655" s="613"/>
      <c r="BNC655" s="613"/>
      <c r="BND655" s="613"/>
      <c r="BNE655" s="613"/>
      <c r="BNF655" s="613"/>
      <c r="BNG655" s="613"/>
      <c r="BNH655" s="613"/>
      <c r="BNI655" s="613"/>
      <c r="BNJ655" s="613"/>
      <c r="BNK655" s="613"/>
      <c r="BNL655" s="613"/>
      <c r="BNM655" s="613"/>
      <c r="BNN655" s="613"/>
      <c r="BNO655" s="613"/>
      <c r="BNP655" s="613"/>
      <c r="BNQ655" s="613"/>
      <c r="BNR655" s="613"/>
      <c r="BNS655" s="613"/>
      <c r="BNT655" s="613"/>
      <c r="BNU655" s="613"/>
      <c r="BNV655" s="613"/>
      <c r="BNW655" s="613"/>
      <c r="BNX655" s="613"/>
      <c r="BNY655" s="613"/>
      <c r="BNZ655" s="613"/>
      <c r="BOA655" s="613"/>
      <c r="BOB655" s="613"/>
      <c r="BOC655" s="613"/>
      <c r="BOD655" s="613"/>
      <c r="BOE655" s="613"/>
      <c r="BOF655" s="613"/>
      <c r="BOG655" s="613"/>
      <c r="BOH655" s="613"/>
      <c r="BOI655" s="613"/>
      <c r="BOJ655" s="613"/>
      <c r="BOK655" s="613"/>
      <c r="BOL655" s="613"/>
      <c r="BOM655" s="613"/>
      <c r="BON655" s="613"/>
      <c r="BOO655" s="613"/>
      <c r="BOP655" s="613"/>
      <c r="BOQ655" s="613"/>
      <c r="BOR655" s="613"/>
      <c r="BOS655" s="613"/>
      <c r="BOT655" s="613"/>
      <c r="BOU655" s="613"/>
      <c r="BOV655" s="613"/>
      <c r="BOW655" s="613"/>
      <c r="BOX655" s="613"/>
      <c r="BOY655" s="613"/>
      <c r="BOZ655" s="613"/>
      <c r="BPA655" s="613"/>
      <c r="BPB655" s="613"/>
      <c r="BPC655" s="613"/>
      <c r="BPD655" s="613"/>
      <c r="BPE655" s="613"/>
      <c r="BPF655" s="613"/>
      <c r="BPG655" s="613"/>
      <c r="BPH655" s="613"/>
      <c r="BPI655" s="613"/>
      <c r="BPJ655" s="613"/>
      <c r="BPK655" s="613"/>
      <c r="BPL655" s="613"/>
      <c r="BPM655" s="613"/>
      <c r="BPN655" s="613"/>
      <c r="BPO655" s="613"/>
      <c r="BPP655" s="613"/>
      <c r="BPQ655" s="613"/>
      <c r="BPR655" s="613"/>
      <c r="BPS655" s="613"/>
      <c r="BPT655" s="613"/>
      <c r="BPU655" s="613"/>
      <c r="BPV655" s="613"/>
      <c r="BPW655" s="613"/>
      <c r="BPX655" s="613"/>
      <c r="BPY655" s="613"/>
      <c r="BPZ655" s="613"/>
      <c r="BQA655" s="613"/>
      <c r="BQB655" s="613"/>
      <c r="BQC655" s="613"/>
      <c r="BQD655" s="613"/>
      <c r="BQE655" s="613"/>
      <c r="BQF655" s="613"/>
      <c r="BQG655" s="613"/>
      <c r="BQH655" s="613"/>
      <c r="BQI655" s="613"/>
      <c r="BQJ655" s="613"/>
      <c r="BQK655" s="613"/>
      <c r="BQL655" s="613"/>
      <c r="BQM655" s="613"/>
      <c r="BQN655" s="613"/>
      <c r="BQO655" s="613"/>
      <c r="BQP655" s="613"/>
      <c r="BQQ655" s="613"/>
      <c r="BQR655" s="613"/>
      <c r="BQS655" s="613"/>
      <c r="BQT655" s="613"/>
      <c r="BQU655" s="613"/>
      <c r="BQV655" s="613"/>
      <c r="BQW655" s="613"/>
      <c r="BQX655" s="613"/>
      <c r="BQY655" s="613"/>
      <c r="BQZ655" s="613"/>
      <c r="BRA655" s="613"/>
      <c r="BRB655" s="613"/>
      <c r="BRC655" s="613"/>
      <c r="BRD655" s="613"/>
      <c r="BRE655" s="613"/>
      <c r="BRF655" s="613"/>
      <c r="BRG655" s="613"/>
      <c r="BRH655" s="613"/>
      <c r="BRI655" s="613"/>
      <c r="BRJ655" s="613"/>
      <c r="BRK655" s="613"/>
      <c r="BRL655" s="613"/>
      <c r="BRM655" s="613"/>
      <c r="BRN655" s="613"/>
      <c r="BRO655" s="613"/>
      <c r="BRP655" s="613"/>
      <c r="BRQ655" s="613"/>
      <c r="BRR655" s="613"/>
      <c r="BRS655" s="613"/>
      <c r="BRT655" s="613"/>
      <c r="BRU655" s="613"/>
      <c r="BRV655" s="613"/>
      <c r="BRW655" s="613"/>
      <c r="BRX655" s="613"/>
      <c r="BRY655" s="613"/>
      <c r="BRZ655" s="613"/>
      <c r="BSA655" s="613"/>
      <c r="BSB655" s="613"/>
      <c r="BSC655" s="613"/>
      <c r="BSD655" s="613"/>
      <c r="BSE655" s="613"/>
      <c r="BSF655" s="613"/>
      <c r="BSG655" s="613"/>
      <c r="BSH655" s="613"/>
      <c r="BSI655" s="613"/>
      <c r="BSJ655" s="613"/>
      <c r="BSK655" s="613"/>
      <c r="BSL655" s="613"/>
      <c r="BSM655" s="613"/>
      <c r="BSN655" s="613"/>
      <c r="BSO655" s="613"/>
      <c r="BSP655" s="613"/>
      <c r="BSQ655" s="613"/>
      <c r="BSR655" s="613"/>
      <c r="BSS655" s="613"/>
      <c r="BST655" s="613"/>
      <c r="BSU655" s="613"/>
      <c r="BSV655" s="613"/>
      <c r="BSW655" s="613"/>
      <c r="BSX655" s="613"/>
      <c r="BSY655" s="613"/>
      <c r="BSZ655" s="613"/>
      <c r="BTA655" s="613"/>
      <c r="BTB655" s="613"/>
      <c r="BTC655" s="613"/>
      <c r="BTD655" s="613"/>
      <c r="BTE655" s="613"/>
      <c r="BTF655" s="613"/>
      <c r="BTG655" s="613"/>
      <c r="BTH655" s="613"/>
      <c r="BTI655" s="613"/>
      <c r="BTJ655" s="613"/>
      <c r="BTK655" s="613"/>
      <c r="BTL655" s="613"/>
      <c r="BTM655" s="613"/>
      <c r="BTN655" s="613"/>
      <c r="BTO655" s="613"/>
      <c r="BTP655" s="613"/>
      <c r="BTQ655" s="613"/>
      <c r="BTR655" s="613"/>
      <c r="BTS655" s="613"/>
      <c r="BTT655" s="613"/>
      <c r="BTU655" s="613"/>
      <c r="BTV655" s="613"/>
      <c r="BTW655" s="613"/>
      <c r="BTX655" s="613"/>
      <c r="BTY655" s="613"/>
      <c r="BTZ655" s="613"/>
      <c r="BUA655" s="613"/>
      <c r="BUB655" s="613"/>
      <c r="BUC655" s="613"/>
      <c r="BUD655" s="613"/>
      <c r="BUE655" s="613"/>
      <c r="BUF655" s="613"/>
      <c r="BUG655" s="613"/>
      <c r="BUH655" s="613"/>
      <c r="BUI655" s="613"/>
      <c r="BUJ655" s="613"/>
      <c r="BUK655" s="613"/>
      <c r="BUL655" s="613"/>
      <c r="BUM655" s="613"/>
      <c r="BUN655" s="613"/>
      <c r="BUO655" s="613"/>
      <c r="BUP655" s="613"/>
      <c r="BUQ655" s="613"/>
      <c r="BUR655" s="613"/>
      <c r="BUS655" s="613"/>
      <c r="BUT655" s="613"/>
      <c r="BUU655" s="613"/>
      <c r="BUV655" s="613"/>
      <c r="BUW655" s="613"/>
      <c r="BUX655" s="613"/>
      <c r="BUY655" s="613"/>
      <c r="BUZ655" s="613"/>
      <c r="BVA655" s="613"/>
      <c r="BVB655" s="613"/>
      <c r="BVC655" s="613"/>
      <c r="BVD655" s="613"/>
      <c r="BVE655" s="613"/>
      <c r="BVF655" s="613"/>
      <c r="BVG655" s="613"/>
      <c r="BVH655" s="613"/>
      <c r="BVI655" s="613"/>
      <c r="BVJ655" s="613"/>
      <c r="BVK655" s="613"/>
      <c r="BVL655" s="613"/>
      <c r="BVM655" s="613"/>
      <c r="BVN655" s="613"/>
      <c r="BVO655" s="613"/>
      <c r="BVP655" s="613"/>
      <c r="BVQ655" s="613"/>
      <c r="BVR655" s="613"/>
      <c r="BVS655" s="613"/>
      <c r="BVT655" s="613"/>
      <c r="BVU655" s="613"/>
      <c r="BVV655" s="613"/>
      <c r="BVW655" s="613"/>
      <c r="BVX655" s="613"/>
      <c r="BVY655" s="613"/>
      <c r="BVZ655" s="613"/>
      <c r="BWA655" s="613"/>
      <c r="BWB655" s="613"/>
      <c r="BWC655" s="613"/>
      <c r="BWD655" s="613"/>
      <c r="BWE655" s="613"/>
      <c r="BWF655" s="613"/>
      <c r="BWG655" s="613"/>
      <c r="BWH655" s="613"/>
      <c r="BWI655" s="613"/>
      <c r="BWJ655" s="613"/>
      <c r="BWK655" s="613"/>
      <c r="BWL655" s="613"/>
      <c r="BWM655" s="613"/>
      <c r="BWN655" s="613"/>
      <c r="BWO655" s="613"/>
      <c r="BWP655" s="613"/>
      <c r="BWQ655" s="613"/>
      <c r="BWR655" s="613"/>
      <c r="BWS655" s="613"/>
      <c r="BWT655" s="613"/>
      <c r="BWU655" s="613"/>
      <c r="BWV655" s="613"/>
      <c r="BWW655" s="613"/>
      <c r="BWX655" s="613"/>
      <c r="BWY655" s="613"/>
      <c r="BWZ655" s="613"/>
      <c r="BXA655" s="613"/>
      <c r="BXB655" s="613"/>
      <c r="BXC655" s="613"/>
      <c r="BXD655" s="613"/>
      <c r="BXE655" s="613"/>
      <c r="BXF655" s="613"/>
      <c r="BXG655" s="613"/>
      <c r="BXH655" s="613"/>
      <c r="BXI655" s="613"/>
      <c r="BXJ655" s="613"/>
      <c r="BXK655" s="613"/>
      <c r="BXL655" s="613"/>
      <c r="BXM655" s="613"/>
      <c r="BXN655" s="613"/>
      <c r="BXO655" s="613"/>
      <c r="BXP655" s="613"/>
      <c r="BXQ655" s="613"/>
      <c r="BXR655" s="613"/>
      <c r="BXS655" s="613"/>
      <c r="BXT655" s="613"/>
      <c r="BXU655" s="613"/>
      <c r="BXV655" s="613"/>
      <c r="BXW655" s="613"/>
      <c r="BXX655" s="613"/>
      <c r="BXY655" s="613"/>
      <c r="BXZ655" s="613"/>
      <c r="BYA655" s="613"/>
      <c r="BYB655" s="613"/>
      <c r="BYC655" s="613"/>
      <c r="BYD655" s="613"/>
      <c r="BYE655" s="613"/>
      <c r="BYF655" s="613"/>
      <c r="BYG655" s="613"/>
      <c r="BYH655" s="613"/>
      <c r="BYI655" s="613"/>
      <c r="BYJ655" s="613"/>
      <c r="BYK655" s="613"/>
      <c r="BYL655" s="613"/>
      <c r="BYM655" s="613"/>
      <c r="BYN655" s="613"/>
      <c r="BYO655" s="613"/>
      <c r="BYP655" s="613"/>
      <c r="BYQ655" s="613"/>
      <c r="BYR655" s="613"/>
      <c r="BYS655" s="613"/>
      <c r="BYT655" s="613"/>
      <c r="BYU655" s="613"/>
      <c r="BYV655" s="613"/>
      <c r="BYW655" s="613"/>
      <c r="BYX655" s="613"/>
      <c r="BYY655" s="613"/>
      <c r="BYZ655" s="613"/>
      <c r="BZA655" s="613"/>
      <c r="BZB655" s="613"/>
      <c r="BZC655" s="613"/>
      <c r="BZD655" s="613"/>
      <c r="BZE655" s="613"/>
      <c r="BZF655" s="613"/>
      <c r="BZG655" s="613"/>
      <c r="BZH655" s="613"/>
      <c r="BZI655" s="613"/>
      <c r="BZJ655" s="613"/>
      <c r="BZK655" s="613"/>
      <c r="BZL655" s="613"/>
      <c r="BZM655" s="613"/>
      <c r="BZN655" s="613"/>
      <c r="BZO655" s="613"/>
      <c r="BZP655" s="613"/>
      <c r="BZQ655" s="613"/>
      <c r="BZR655" s="613"/>
      <c r="BZS655" s="613"/>
      <c r="BZT655" s="613"/>
      <c r="BZU655" s="613"/>
      <c r="BZV655" s="613"/>
      <c r="BZW655" s="613"/>
      <c r="BZX655" s="613"/>
      <c r="BZY655" s="613"/>
      <c r="BZZ655" s="613"/>
      <c r="CAA655" s="613"/>
      <c r="CAB655" s="613"/>
      <c r="CAC655" s="613"/>
      <c r="CAD655" s="613"/>
      <c r="CAE655" s="613"/>
      <c r="CAF655" s="613"/>
      <c r="CAG655" s="613"/>
      <c r="CAH655" s="613"/>
      <c r="CAI655" s="613"/>
      <c r="CAJ655" s="613"/>
      <c r="CAK655" s="613"/>
      <c r="CAL655" s="613"/>
      <c r="CAM655" s="613"/>
      <c r="CAN655" s="613"/>
      <c r="CAO655" s="613"/>
      <c r="CAP655" s="613"/>
      <c r="CAQ655" s="613"/>
      <c r="CAR655" s="613"/>
      <c r="CAS655" s="613"/>
      <c r="CAT655" s="613"/>
      <c r="CAU655" s="613"/>
      <c r="CAV655" s="613"/>
      <c r="CAW655" s="613"/>
      <c r="CAX655" s="613"/>
      <c r="CAY655" s="613"/>
      <c r="CAZ655" s="613"/>
      <c r="CBA655" s="613"/>
      <c r="CBB655" s="613"/>
      <c r="CBC655" s="613"/>
      <c r="CBD655" s="613"/>
      <c r="CBE655" s="613"/>
      <c r="CBF655" s="613"/>
      <c r="CBG655" s="613"/>
      <c r="CBH655" s="613"/>
      <c r="CBI655" s="613"/>
      <c r="CBJ655" s="613"/>
      <c r="CBK655" s="613"/>
      <c r="CBL655" s="613"/>
      <c r="CBM655" s="613"/>
      <c r="CBN655" s="613"/>
      <c r="CBO655" s="613"/>
      <c r="CBP655" s="613"/>
      <c r="CBQ655" s="613"/>
      <c r="CBR655" s="613"/>
      <c r="CBS655" s="613"/>
      <c r="CBT655" s="613"/>
      <c r="CBU655" s="613"/>
      <c r="CBV655" s="613"/>
      <c r="CBW655" s="613"/>
      <c r="CBX655" s="613"/>
      <c r="CBY655" s="613"/>
      <c r="CBZ655" s="613"/>
      <c r="CCA655" s="613"/>
      <c r="CCB655" s="613"/>
      <c r="CCC655" s="613"/>
      <c r="CCD655" s="613"/>
      <c r="CCE655" s="613"/>
      <c r="CCF655" s="613"/>
      <c r="CCG655" s="613"/>
      <c r="CCH655" s="613"/>
      <c r="CCI655" s="613"/>
      <c r="CCJ655" s="613"/>
      <c r="CCK655" s="613"/>
      <c r="CCL655" s="613"/>
      <c r="CCM655" s="613"/>
      <c r="CCN655" s="613"/>
      <c r="CCO655" s="613"/>
      <c r="CCP655" s="613"/>
      <c r="CCQ655" s="613"/>
      <c r="CCR655" s="613"/>
      <c r="CCS655" s="613"/>
      <c r="CCT655" s="613"/>
      <c r="CCU655" s="613"/>
      <c r="CCV655" s="613"/>
      <c r="CCW655" s="613"/>
      <c r="CCX655" s="613"/>
      <c r="CCY655" s="613"/>
      <c r="CCZ655" s="613"/>
      <c r="CDA655" s="613"/>
      <c r="CDB655" s="613"/>
      <c r="CDC655" s="613"/>
      <c r="CDD655" s="613"/>
      <c r="CDE655" s="613"/>
      <c r="CDF655" s="613"/>
      <c r="CDG655" s="613"/>
      <c r="CDH655" s="613"/>
      <c r="CDI655" s="613"/>
      <c r="CDJ655" s="613"/>
      <c r="CDK655" s="613"/>
      <c r="CDL655" s="613"/>
      <c r="CDM655" s="613"/>
      <c r="CDN655" s="613"/>
      <c r="CDO655" s="613"/>
      <c r="CDP655" s="613"/>
      <c r="CDQ655" s="613"/>
      <c r="CDR655" s="613"/>
      <c r="CDS655" s="613"/>
      <c r="CDT655" s="613"/>
      <c r="CDU655" s="613"/>
      <c r="CDV655" s="613"/>
      <c r="CDW655" s="613"/>
      <c r="CDX655" s="613"/>
      <c r="CDY655" s="613"/>
      <c r="CDZ655" s="613"/>
      <c r="CEA655" s="613"/>
      <c r="CEB655" s="613"/>
      <c r="CEC655" s="613"/>
      <c r="CED655" s="613"/>
      <c r="CEE655" s="613"/>
      <c r="CEF655" s="613"/>
      <c r="CEG655" s="613"/>
      <c r="CEH655" s="613"/>
      <c r="CEI655" s="613"/>
      <c r="CEJ655" s="613"/>
      <c r="CEK655" s="613"/>
      <c r="CEL655" s="613"/>
      <c r="CEM655" s="613"/>
      <c r="CEN655" s="613"/>
      <c r="CEO655" s="613"/>
      <c r="CEP655" s="613"/>
      <c r="CEQ655" s="613"/>
      <c r="CER655" s="613"/>
      <c r="CES655" s="613"/>
      <c r="CET655" s="613"/>
      <c r="CEU655" s="613"/>
      <c r="CEV655" s="613"/>
      <c r="CEW655" s="613"/>
      <c r="CEX655" s="613"/>
      <c r="CEY655" s="613"/>
      <c r="CEZ655" s="613"/>
      <c r="CFA655" s="613"/>
      <c r="CFB655" s="613"/>
      <c r="CFC655" s="613"/>
      <c r="CFD655" s="613"/>
      <c r="CFE655" s="613"/>
      <c r="CFF655" s="613"/>
      <c r="CFG655" s="613"/>
      <c r="CFH655" s="613"/>
      <c r="CFI655" s="613"/>
      <c r="CFJ655" s="613"/>
      <c r="CFK655" s="613"/>
      <c r="CFL655" s="613"/>
      <c r="CFM655" s="613"/>
      <c r="CFN655" s="613"/>
      <c r="CFO655" s="613"/>
      <c r="CFP655" s="613"/>
      <c r="CFQ655" s="613"/>
      <c r="CFR655" s="613"/>
      <c r="CFS655" s="613"/>
      <c r="CFT655" s="613"/>
      <c r="CFU655" s="613"/>
      <c r="CFV655" s="613"/>
      <c r="CFW655" s="613"/>
      <c r="CFX655" s="613"/>
      <c r="CFY655" s="613"/>
      <c r="CFZ655" s="613"/>
      <c r="CGA655" s="613"/>
      <c r="CGB655" s="613"/>
      <c r="CGC655" s="613"/>
      <c r="CGD655" s="613"/>
      <c r="CGE655" s="613"/>
      <c r="CGF655" s="613"/>
      <c r="CGG655" s="613"/>
      <c r="CGH655" s="613"/>
      <c r="CGI655" s="613"/>
      <c r="CGJ655" s="613"/>
      <c r="CGK655" s="613"/>
      <c r="CGL655" s="613"/>
      <c r="CGM655" s="613"/>
      <c r="CGN655" s="613"/>
      <c r="CGO655" s="613"/>
      <c r="CGP655" s="613"/>
      <c r="CGQ655" s="613"/>
      <c r="CGR655" s="613"/>
      <c r="CGS655" s="613"/>
      <c r="CGT655" s="613"/>
      <c r="CGU655" s="613"/>
      <c r="CGV655" s="613"/>
      <c r="CGW655" s="613"/>
      <c r="CGX655" s="613"/>
      <c r="CGY655" s="613"/>
      <c r="CGZ655" s="613"/>
      <c r="CHA655" s="613"/>
      <c r="CHB655" s="613"/>
      <c r="CHC655" s="613"/>
      <c r="CHD655" s="613"/>
      <c r="CHE655" s="613"/>
      <c r="CHF655" s="613"/>
      <c r="CHG655" s="613"/>
      <c r="CHH655" s="613"/>
      <c r="CHI655" s="613"/>
      <c r="CHJ655" s="613"/>
      <c r="CHK655" s="613"/>
      <c r="CHL655" s="613"/>
      <c r="CHM655" s="613"/>
      <c r="CHN655" s="613"/>
      <c r="CHO655" s="613"/>
      <c r="CHP655" s="613"/>
      <c r="CHQ655" s="613"/>
      <c r="CHR655" s="613"/>
      <c r="CHS655" s="613"/>
      <c r="CHT655" s="613"/>
      <c r="CHU655" s="613"/>
      <c r="CHV655" s="613"/>
      <c r="CHW655" s="613"/>
      <c r="CHX655" s="613"/>
      <c r="CHY655" s="613"/>
      <c r="CHZ655" s="613"/>
      <c r="CIA655" s="613"/>
      <c r="CIB655" s="613"/>
      <c r="CIC655" s="613"/>
      <c r="CID655" s="613"/>
      <c r="CIE655" s="613"/>
      <c r="CIF655" s="613"/>
      <c r="CIG655" s="613"/>
      <c r="CIH655" s="613"/>
      <c r="CII655" s="613"/>
      <c r="CIJ655" s="613"/>
      <c r="CIK655" s="613"/>
      <c r="CIL655" s="613"/>
      <c r="CIM655" s="613"/>
      <c r="CIN655" s="613"/>
      <c r="CIO655" s="613"/>
      <c r="CIP655" s="613"/>
      <c r="CIQ655" s="613"/>
      <c r="CIR655" s="613"/>
      <c r="CIS655" s="613"/>
      <c r="CIT655" s="613"/>
      <c r="CIU655" s="613"/>
      <c r="CIV655" s="613"/>
      <c r="CIW655" s="613"/>
      <c r="CIX655" s="613"/>
      <c r="CIY655" s="613"/>
      <c r="CIZ655" s="613"/>
      <c r="CJA655" s="613"/>
      <c r="CJB655" s="613"/>
      <c r="CJC655" s="613"/>
      <c r="CJD655" s="613"/>
      <c r="CJE655" s="613"/>
      <c r="CJF655" s="613"/>
      <c r="CJG655" s="613"/>
      <c r="CJH655" s="613"/>
      <c r="CJI655" s="613"/>
      <c r="CJJ655" s="613"/>
      <c r="CJK655" s="613"/>
      <c r="CJL655" s="613"/>
      <c r="CJM655" s="613"/>
      <c r="CJN655" s="613"/>
      <c r="CJO655" s="613"/>
      <c r="CJP655" s="613"/>
      <c r="CJQ655" s="613"/>
      <c r="CJR655" s="613"/>
      <c r="CJS655" s="613"/>
      <c r="CJT655" s="613"/>
      <c r="CJU655" s="613"/>
      <c r="CJV655" s="613"/>
      <c r="CJW655" s="613"/>
      <c r="CJX655" s="613"/>
      <c r="CJY655" s="613"/>
      <c r="CJZ655" s="613"/>
      <c r="CKA655" s="613"/>
      <c r="CKB655" s="613"/>
      <c r="CKC655" s="613"/>
      <c r="CKD655" s="613"/>
      <c r="CKE655" s="613"/>
      <c r="CKF655" s="613"/>
      <c r="CKG655" s="613"/>
      <c r="CKH655" s="613"/>
      <c r="CKI655" s="613"/>
      <c r="CKJ655" s="613"/>
      <c r="CKK655" s="613"/>
      <c r="CKL655" s="613"/>
      <c r="CKM655" s="613"/>
      <c r="CKN655" s="613"/>
      <c r="CKO655" s="613"/>
      <c r="CKP655" s="613"/>
      <c r="CKQ655" s="613"/>
      <c r="CKR655" s="613"/>
      <c r="CKS655" s="613"/>
      <c r="CKT655" s="613"/>
      <c r="CKU655" s="613"/>
      <c r="CKV655" s="613"/>
      <c r="CKW655" s="613"/>
      <c r="CKX655" s="613"/>
      <c r="CKY655" s="613"/>
      <c r="CKZ655" s="613"/>
      <c r="CLA655" s="613"/>
      <c r="CLB655" s="613"/>
      <c r="CLC655" s="613"/>
      <c r="CLD655" s="613"/>
      <c r="CLE655" s="613"/>
      <c r="CLF655" s="613"/>
      <c r="CLG655" s="613"/>
      <c r="CLH655" s="613"/>
      <c r="CLI655" s="613"/>
      <c r="CLJ655" s="613"/>
      <c r="CLK655" s="613"/>
      <c r="CLL655" s="613"/>
      <c r="CLM655" s="613"/>
      <c r="CLN655" s="613"/>
      <c r="CLO655" s="613"/>
      <c r="CLP655" s="613"/>
      <c r="CLQ655" s="613"/>
      <c r="CLR655" s="613"/>
      <c r="CLS655" s="613"/>
      <c r="CLT655" s="613"/>
      <c r="CLU655" s="613"/>
      <c r="CLV655" s="613"/>
      <c r="CLW655" s="613"/>
      <c r="CLX655" s="613"/>
      <c r="CLY655" s="613"/>
      <c r="CLZ655" s="613"/>
      <c r="CMA655" s="613"/>
      <c r="CMB655" s="613"/>
      <c r="CMC655" s="613"/>
      <c r="CMD655" s="613"/>
      <c r="CME655" s="613"/>
      <c r="CMF655" s="613"/>
      <c r="CMG655" s="613"/>
      <c r="CMH655" s="613"/>
      <c r="CMI655" s="613"/>
      <c r="CMJ655" s="613"/>
      <c r="CMK655" s="613"/>
      <c r="CML655" s="613"/>
      <c r="CMM655" s="613"/>
      <c r="CMN655" s="613"/>
      <c r="CMO655" s="613"/>
      <c r="CMP655" s="613"/>
      <c r="CMQ655" s="613"/>
      <c r="CMR655" s="613"/>
      <c r="CMS655" s="613"/>
      <c r="CMT655" s="613"/>
      <c r="CMU655" s="613"/>
      <c r="CMV655" s="613"/>
      <c r="CMW655" s="613"/>
      <c r="CMX655" s="613"/>
      <c r="CMY655" s="613"/>
      <c r="CMZ655" s="613"/>
      <c r="CNA655" s="613"/>
      <c r="CNB655" s="613"/>
      <c r="CNC655" s="613"/>
      <c r="CND655" s="613"/>
      <c r="CNE655" s="613"/>
      <c r="CNF655" s="613"/>
      <c r="CNG655" s="613"/>
      <c r="CNH655" s="613"/>
      <c r="CNI655" s="613"/>
      <c r="CNJ655" s="613"/>
      <c r="CNK655" s="613"/>
      <c r="CNL655" s="613"/>
      <c r="CNM655" s="613"/>
      <c r="CNN655" s="613"/>
      <c r="CNO655" s="613"/>
      <c r="CNP655" s="613"/>
      <c r="CNQ655" s="613"/>
      <c r="CNR655" s="613"/>
      <c r="CNS655" s="613"/>
      <c r="CNT655" s="613"/>
      <c r="CNU655" s="613"/>
      <c r="CNV655" s="613"/>
      <c r="CNW655" s="613"/>
      <c r="CNX655" s="613"/>
      <c r="CNY655" s="613"/>
      <c r="CNZ655" s="613"/>
      <c r="COA655" s="613"/>
      <c r="COB655" s="613"/>
      <c r="COC655" s="613"/>
      <c r="COD655" s="613"/>
      <c r="COE655" s="613"/>
      <c r="COF655" s="613"/>
      <c r="COG655" s="613"/>
      <c r="COH655" s="613"/>
      <c r="COI655" s="613"/>
      <c r="COJ655" s="613"/>
      <c r="COK655" s="613"/>
      <c r="COL655" s="613"/>
      <c r="COM655" s="613"/>
      <c r="CON655" s="613"/>
      <c r="COO655" s="613"/>
      <c r="COP655" s="613"/>
      <c r="COQ655" s="613"/>
      <c r="COR655" s="613"/>
      <c r="COS655" s="613"/>
      <c r="COT655" s="613"/>
      <c r="COU655" s="613"/>
      <c r="COV655" s="613"/>
      <c r="COW655" s="613"/>
      <c r="COX655" s="613"/>
      <c r="COY655" s="613"/>
      <c r="COZ655" s="613"/>
      <c r="CPA655" s="613"/>
      <c r="CPB655" s="613"/>
      <c r="CPC655" s="613"/>
      <c r="CPD655" s="613"/>
      <c r="CPE655" s="613"/>
      <c r="CPF655" s="613"/>
      <c r="CPG655" s="613"/>
      <c r="CPH655" s="613"/>
      <c r="CPI655" s="613"/>
      <c r="CPJ655" s="613"/>
      <c r="CPK655" s="613"/>
      <c r="CPL655" s="613"/>
      <c r="CPM655" s="613"/>
      <c r="CPN655" s="613"/>
      <c r="CPO655" s="613"/>
      <c r="CPP655" s="613"/>
      <c r="CPQ655" s="613"/>
      <c r="CPR655" s="613"/>
      <c r="CPS655" s="613"/>
      <c r="CPT655" s="613"/>
      <c r="CPU655" s="613"/>
      <c r="CPV655" s="613"/>
      <c r="CPW655" s="613"/>
      <c r="CPX655" s="613"/>
      <c r="CPY655" s="613"/>
      <c r="CPZ655" s="613"/>
      <c r="CQA655" s="613"/>
      <c r="CQB655" s="613"/>
      <c r="CQC655" s="613"/>
      <c r="CQD655" s="613"/>
      <c r="CQE655" s="613"/>
      <c r="CQF655" s="613"/>
      <c r="CQG655" s="613"/>
      <c r="CQH655" s="613"/>
      <c r="CQI655" s="613"/>
      <c r="CQJ655" s="613"/>
      <c r="CQK655" s="613"/>
      <c r="CQL655" s="613"/>
      <c r="CQM655" s="613"/>
      <c r="CQN655" s="613"/>
      <c r="CQO655" s="613"/>
      <c r="CQP655" s="613"/>
      <c r="CQQ655" s="613"/>
      <c r="CQR655" s="613"/>
      <c r="CQS655" s="613"/>
      <c r="CQT655" s="613"/>
      <c r="CQU655" s="613"/>
      <c r="CQV655" s="613"/>
      <c r="CQW655" s="613"/>
      <c r="CQX655" s="613"/>
      <c r="CQY655" s="613"/>
      <c r="CQZ655" s="613"/>
      <c r="CRA655" s="613"/>
      <c r="CRB655" s="613"/>
      <c r="CRC655" s="613"/>
      <c r="CRD655" s="613"/>
      <c r="CRE655" s="613"/>
      <c r="CRF655" s="613"/>
      <c r="CRG655" s="613"/>
      <c r="CRH655" s="613"/>
      <c r="CRI655" s="613"/>
      <c r="CRJ655" s="613"/>
      <c r="CRK655" s="613"/>
      <c r="CRL655" s="613"/>
      <c r="CRM655" s="613"/>
      <c r="CRN655" s="613"/>
      <c r="CRO655" s="613"/>
      <c r="CRP655" s="613"/>
      <c r="CRQ655" s="613"/>
      <c r="CRR655" s="613"/>
      <c r="CRS655" s="613"/>
      <c r="CRT655" s="613"/>
      <c r="CRU655" s="613"/>
      <c r="CRV655" s="613"/>
      <c r="CRW655" s="613"/>
      <c r="CRX655" s="613"/>
      <c r="CRY655" s="613"/>
      <c r="CRZ655" s="613"/>
      <c r="CSA655" s="613"/>
      <c r="CSB655" s="613"/>
      <c r="CSC655" s="613"/>
      <c r="CSD655" s="613"/>
      <c r="CSE655" s="613"/>
      <c r="CSF655" s="613"/>
      <c r="CSG655" s="613"/>
      <c r="CSH655" s="613"/>
      <c r="CSI655" s="613"/>
      <c r="CSJ655" s="613"/>
      <c r="CSK655" s="613"/>
      <c r="CSL655" s="613"/>
      <c r="CSM655" s="613"/>
      <c r="CSN655" s="613"/>
      <c r="CSO655" s="613"/>
      <c r="CSP655" s="613"/>
      <c r="CSQ655" s="613"/>
      <c r="CSR655" s="613"/>
      <c r="CSS655" s="613"/>
      <c r="CST655" s="613"/>
      <c r="CSU655" s="613"/>
      <c r="CSV655" s="613"/>
      <c r="CSW655" s="613"/>
      <c r="CSX655" s="613"/>
      <c r="CSY655" s="613"/>
      <c r="CSZ655" s="613"/>
      <c r="CTA655" s="613"/>
      <c r="CTB655" s="613"/>
      <c r="CTC655" s="613"/>
      <c r="CTD655" s="613"/>
      <c r="CTE655" s="613"/>
      <c r="CTF655" s="613"/>
      <c r="CTG655" s="613"/>
      <c r="CTH655" s="613"/>
      <c r="CTI655" s="613"/>
      <c r="CTJ655" s="613"/>
      <c r="CTK655" s="613"/>
      <c r="CTL655" s="613"/>
      <c r="CTM655" s="613"/>
      <c r="CTN655" s="613"/>
      <c r="CTO655" s="613"/>
      <c r="CTP655" s="613"/>
      <c r="CTQ655" s="613"/>
      <c r="CTR655" s="613"/>
      <c r="CTS655" s="613"/>
      <c r="CTT655" s="613"/>
      <c r="CTU655" s="613"/>
      <c r="CTV655" s="613"/>
      <c r="CTW655" s="613"/>
      <c r="CTX655" s="613"/>
      <c r="CTY655" s="613"/>
      <c r="CTZ655" s="613"/>
      <c r="CUA655" s="613"/>
      <c r="CUB655" s="613"/>
      <c r="CUC655" s="613"/>
      <c r="CUD655" s="613"/>
      <c r="CUE655" s="613"/>
      <c r="CUF655" s="613"/>
      <c r="CUG655" s="613"/>
      <c r="CUH655" s="613"/>
      <c r="CUI655" s="613"/>
      <c r="CUJ655" s="613"/>
      <c r="CUK655" s="613"/>
      <c r="CUL655" s="613"/>
      <c r="CUM655" s="613"/>
      <c r="CUN655" s="613"/>
      <c r="CUO655" s="613"/>
      <c r="CUP655" s="613"/>
      <c r="CUQ655" s="613"/>
      <c r="CUR655" s="613"/>
      <c r="CUS655" s="613"/>
      <c r="CUT655" s="613"/>
      <c r="CUU655" s="613"/>
      <c r="CUV655" s="613"/>
      <c r="CUW655" s="613"/>
      <c r="CUX655" s="613"/>
      <c r="CUY655" s="613"/>
      <c r="CUZ655" s="613"/>
      <c r="CVA655" s="613"/>
      <c r="CVB655" s="613"/>
      <c r="CVC655" s="613"/>
      <c r="CVD655" s="613"/>
      <c r="CVE655" s="613"/>
      <c r="CVF655" s="613"/>
      <c r="CVG655" s="613"/>
      <c r="CVH655" s="613"/>
      <c r="CVI655" s="613"/>
      <c r="CVJ655" s="613"/>
      <c r="CVK655" s="613"/>
      <c r="CVL655" s="613"/>
      <c r="CVM655" s="613"/>
      <c r="CVN655" s="613"/>
      <c r="CVO655" s="613"/>
      <c r="CVP655" s="613"/>
      <c r="CVQ655" s="613"/>
      <c r="CVR655" s="613"/>
      <c r="CVS655" s="613"/>
      <c r="CVT655" s="613"/>
      <c r="CVU655" s="613"/>
      <c r="CVV655" s="613"/>
      <c r="CVW655" s="613"/>
      <c r="CVX655" s="613"/>
      <c r="CVY655" s="613"/>
      <c r="CVZ655" s="613"/>
      <c r="CWA655" s="613"/>
      <c r="CWB655" s="613"/>
      <c r="CWC655" s="613"/>
      <c r="CWD655" s="613"/>
      <c r="CWE655" s="613"/>
      <c r="CWF655" s="613"/>
      <c r="CWG655" s="613"/>
      <c r="CWH655" s="613"/>
      <c r="CWI655" s="613"/>
      <c r="CWJ655" s="613"/>
      <c r="CWK655" s="613"/>
      <c r="CWL655" s="613"/>
      <c r="CWM655" s="613"/>
      <c r="CWN655" s="613"/>
      <c r="CWO655" s="613"/>
      <c r="CWP655" s="613"/>
      <c r="CWQ655" s="613"/>
      <c r="CWR655" s="613"/>
      <c r="CWS655" s="613"/>
      <c r="CWT655" s="613"/>
      <c r="CWU655" s="613"/>
      <c r="CWV655" s="613"/>
      <c r="CWW655" s="613"/>
      <c r="CWX655" s="613"/>
      <c r="CWY655" s="613"/>
      <c r="CWZ655" s="613"/>
      <c r="CXA655" s="613"/>
      <c r="CXB655" s="613"/>
      <c r="CXC655" s="613"/>
      <c r="CXD655" s="613"/>
      <c r="CXE655" s="613"/>
      <c r="CXF655" s="613"/>
      <c r="CXG655" s="613"/>
      <c r="CXH655" s="613"/>
      <c r="CXI655" s="613"/>
      <c r="CXJ655" s="613"/>
      <c r="CXK655" s="613"/>
      <c r="CXL655" s="613"/>
      <c r="CXM655" s="613"/>
      <c r="CXN655" s="613"/>
      <c r="CXO655" s="613"/>
      <c r="CXP655" s="613"/>
      <c r="CXQ655" s="613"/>
      <c r="CXR655" s="613"/>
      <c r="CXS655" s="613"/>
      <c r="CXT655" s="613"/>
      <c r="CXU655" s="613"/>
      <c r="CXV655" s="613"/>
      <c r="CXW655" s="613"/>
      <c r="CXX655" s="613"/>
      <c r="CXY655" s="613"/>
      <c r="CXZ655" s="613"/>
      <c r="CYA655" s="613"/>
      <c r="CYB655" s="613"/>
      <c r="CYC655" s="613"/>
      <c r="CYD655" s="613"/>
      <c r="CYE655" s="613"/>
      <c r="CYF655" s="613"/>
      <c r="CYG655" s="613"/>
      <c r="CYH655" s="613"/>
      <c r="CYI655" s="613"/>
      <c r="CYJ655" s="613"/>
      <c r="CYK655" s="613"/>
      <c r="CYL655" s="613"/>
      <c r="CYM655" s="613"/>
      <c r="CYN655" s="613"/>
      <c r="CYO655" s="613"/>
      <c r="CYP655" s="613"/>
      <c r="CYQ655" s="613"/>
      <c r="CYR655" s="613"/>
      <c r="CYS655" s="613"/>
      <c r="CYT655" s="613"/>
      <c r="CYU655" s="613"/>
      <c r="CYV655" s="613"/>
      <c r="CYW655" s="613"/>
      <c r="CYX655" s="613"/>
      <c r="CYY655" s="613"/>
      <c r="CYZ655" s="613"/>
      <c r="CZA655" s="613"/>
      <c r="CZB655" s="613"/>
      <c r="CZC655" s="613"/>
      <c r="CZD655" s="613"/>
      <c r="CZE655" s="613"/>
      <c r="CZF655" s="613"/>
      <c r="CZG655" s="613"/>
      <c r="CZH655" s="613"/>
      <c r="CZI655" s="613"/>
      <c r="CZJ655" s="613"/>
      <c r="CZK655" s="613"/>
      <c r="CZL655" s="613"/>
      <c r="CZM655" s="613"/>
      <c r="CZN655" s="613"/>
      <c r="CZO655" s="613"/>
      <c r="CZP655" s="613"/>
      <c r="CZQ655" s="613"/>
      <c r="CZR655" s="613"/>
      <c r="CZS655" s="613"/>
      <c r="CZT655" s="613"/>
      <c r="CZU655" s="613"/>
      <c r="CZV655" s="613"/>
      <c r="CZW655" s="613"/>
      <c r="CZX655" s="613"/>
      <c r="CZY655" s="613"/>
      <c r="CZZ655" s="613"/>
      <c r="DAA655" s="613"/>
      <c r="DAB655" s="613"/>
      <c r="DAC655" s="613"/>
      <c r="DAD655" s="613"/>
      <c r="DAE655" s="613"/>
      <c r="DAF655" s="613"/>
      <c r="DAG655" s="613"/>
      <c r="DAH655" s="613"/>
      <c r="DAI655" s="613"/>
      <c r="DAJ655" s="613"/>
      <c r="DAK655" s="613"/>
      <c r="DAL655" s="613"/>
      <c r="DAM655" s="613"/>
      <c r="DAN655" s="613"/>
      <c r="DAO655" s="613"/>
      <c r="DAP655" s="613"/>
      <c r="DAQ655" s="613"/>
      <c r="DAR655" s="613"/>
      <c r="DAS655" s="613"/>
      <c r="DAT655" s="613"/>
      <c r="DAU655" s="613"/>
      <c r="DAV655" s="613"/>
      <c r="DAW655" s="613"/>
      <c r="DAX655" s="613"/>
      <c r="DAY655" s="613"/>
      <c r="DAZ655" s="613"/>
      <c r="DBA655" s="613"/>
      <c r="DBB655" s="613"/>
      <c r="DBC655" s="613"/>
      <c r="DBD655" s="613"/>
      <c r="DBE655" s="613"/>
      <c r="DBF655" s="613"/>
      <c r="DBG655" s="613"/>
      <c r="DBH655" s="613"/>
      <c r="DBI655" s="613"/>
      <c r="DBJ655" s="613"/>
      <c r="DBK655" s="613"/>
      <c r="DBL655" s="613"/>
      <c r="DBM655" s="613"/>
      <c r="DBN655" s="613"/>
      <c r="DBO655" s="613"/>
      <c r="DBP655" s="613"/>
      <c r="DBQ655" s="613"/>
      <c r="DBR655" s="613"/>
      <c r="DBS655" s="613"/>
      <c r="DBT655" s="613"/>
      <c r="DBU655" s="613"/>
      <c r="DBV655" s="613"/>
      <c r="DBW655" s="613"/>
      <c r="DBX655" s="613"/>
      <c r="DBY655" s="613"/>
      <c r="DBZ655" s="613"/>
      <c r="DCA655" s="613"/>
      <c r="DCB655" s="613"/>
      <c r="DCC655" s="613"/>
      <c r="DCD655" s="613"/>
      <c r="DCE655" s="613"/>
      <c r="DCF655" s="613"/>
      <c r="DCG655" s="613"/>
      <c r="DCH655" s="613"/>
      <c r="DCI655" s="613"/>
      <c r="DCJ655" s="613"/>
      <c r="DCK655" s="613"/>
      <c r="DCL655" s="613"/>
      <c r="DCM655" s="613"/>
      <c r="DCN655" s="613"/>
      <c r="DCO655" s="613"/>
      <c r="DCP655" s="613"/>
      <c r="DCQ655" s="613"/>
      <c r="DCR655" s="613"/>
      <c r="DCS655" s="613"/>
      <c r="DCT655" s="613"/>
      <c r="DCU655" s="613"/>
      <c r="DCV655" s="613"/>
      <c r="DCW655" s="613"/>
      <c r="DCX655" s="613"/>
      <c r="DCY655" s="613"/>
      <c r="DCZ655" s="613"/>
      <c r="DDA655" s="613"/>
      <c r="DDB655" s="613"/>
      <c r="DDC655" s="613"/>
      <c r="DDD655" s="613"/>
      <c r="DDE655" s="613"/>
      <c r="DDF655" s="613"/>
      <c r="DDG655" s="613"/>
      <c r="DDH655" s="613"/>
      <c r="DDI655" s="613"/>
      <c r="DDJ655" s="613"/>
      <c r="DDK655" s="613"/>
      <c r="DDL655" s="613"/>
      <c r="DDM655" s="613"/>
      <c r="DDN655" s="613"/>
      <c r="DDO655" s="613"/>
      <c r="DDP655" s="613"/>
      <c r="DDQ655" s="613"/>
      <c r="DDR655" s="613"/>
      <c r="DDS655" s="613"/>
      <c r="DDT655" s="613"/>
      <c r="DDU655" s="613"/>
      <c r="DDV655" s="613"/>
      <c r="DDW655" s="613"/>
      <c r="DDX655" s="613"/>
      <c r="DDY655" s="613"/>
      <c r="DDZ655" s="613"/>
      <c r="DEA655" s="613"/>
      <c r="DEB655" s="613"/>
      <c r="DEC655" s="613"/>
      <c r="DED655" s="613"/>
      <c r="DEE655" s="613"/>
      <c r="DEF655" s="613"/>
      <c r="DEG655" s="613"/>
      <c r="DEH655" s="613"/>
      <c r="DEI655" s="613"/>
      <c r="DEJ655" s="613"/>
      <c r="DEK655" s="613"/>
      <c r="DEL655" s="613"/>
      <c r="DEM655" s="613"/>
      <c r="DEN655" s="613"/>
      <c r="DEO655" s="613"/>
      <c r="DEP655" s="613"/>
      <c r="DEQ655" s="613"/>
      <c r="DER655" s="613"/>
      <c r="DES655" s="613"/>
      <c r="DET655" s="613"/>
      <c r="DEU655" s="613"/>
      <c r="DEV655" s="613"/>
      <c r="DEW655" s="613"/>
      <c r="DEX655" s="613"/>
      <c r="DEY655" s="613"/>
      <c r="DEZ655" s="613"/>
      <c r="DFA655" s="613"/>
      <c r="DFB655" s="613"/>
      <c r="DFC655" s="613"/>
      <c r="DFD655" s="613"/>
      <c r="DFE655" s="613"/>
      <c r="DFF655" s="613"/>
      <c r="DFG655" s="613"/>
      <c r="DFH655" s="613"/>
      <c r="DFI655" s="613"/>
      <c r="DFJ655" s="613"/>
      <c r="DFK655" s="613"/>
      <c r="DFL655" s="613"/>
      <c r="DFM655" s="613"/>
      <c r="DFN655" s="613"/>
      <c r="DFO655" s="613"/>
      <c r="DFP655" s="613"/>
      <c r="DFQ655" s="613"/>
      <c r="DFR655" s="613"/>
      <c r="DFS655" s="613"/>
      <c r="DFT655" s="613"/>
      <c r="DFU655" s="613"/>
      <c r="DFV655" s="613"/>
      <c r="DFW655" s="613"/>
      <c r="DFX655" s="613"/>
      <c r="DFY655" s="613"/>
      <c r="DFZ655" s="613"/>
      <c r="DGA655" s="613"/>
      <c r="DGB655" s="613"/>
      <c r="DGC655" s="613"/>
      <c r="DGD655" s="613"/>
      <c r="DGE655" s="613"/>
      <c r="DGF655" s="613"/>
      <c r="DGG655" s="613"/>
      <c r="DGH655" s="613"/>
      <c r="DGI655" s="613"/>
      <c r="DGJ655" s="613"/>
      <c r="DGK655" s="613"/>
      <c r="DGL655" s="613"/>
      <c r="DGM655" s="613"/>
      <c r="DGN655" s="613"/>
      <c r="DGO655" s="613"/>
      <c r="DGP655" s="613"/>
      <c r="DGQ655" s="613"/>
      <c r="DGR655" s="613"/>
      <c r="DGS655" s="613"/>
      <c r="DGT655" s="613"/>
      <c r="DGU655" s="613"/>
      <c r="DGV655" s="613"/>
      <c r="DGW655" s="613"/>
      <c r="DGX655" s="613"/>
      <c r="DGY655" s="613"/>
      <c r="DGZ655" s="613"/>
      <c r="DHA655" s="613"/>
      <c r="DHB655" s="613"/>
      <c r="DHC655" s="613"/>
      <c r="DHD655" s="613"/>
      <c r="DHE655" s="613"/>
      <c r="DHF655" s="613"/>
      <c r="DHG655" s="613"/>
      <c r="DHH655" s="613"/>
      <c r="DHI655" s="613"/>
      <c r="DHJ655" s="613"/>
      <c r="DHK655" s="613"/>
      <c r="DHL655" s="613"/>
      <c r="DHM655" s="613"/>
      <c r="DHN655" s="613"/>
      <c r="DHO655" s="613"/>
      <c r="DHP655" s="613"/>
      <c r="DHQ655" s="613"/>
      <c r="DHR655" s="613"/>
      <c r="DHS655" s="613"/>
      <c r="DHT655" s="613"/>
      <c r="DHU655" s="613"/>
      <c r="DHV655" s="613"/>
      <c r="DHW655" s="613"/>
      <c r="DHX655" s="613"/>
      <c r="DHY655" s="613"/>
      <c r="DHZ655" s="613"/>
      <c r="DIA655" s="613"/>
      <c r="DIB655" s="613"/>
      <c r="DIC655" s="613"/>
      <c r="DID655" s="613"/>
      <c r="DIE655" s="613"/>
      <c r="DIF655" s="613"/>
      <c r="DIG655" s="613"/>
      <c r="DIH655" s="613"/>
      <c r="DII655" s="613"/>
      <c r="DIJ655" s="613"/>
      <c r="DIK655" s="613"/>
      <c r="DIL655" s="613"/>
      <c r="DIM655" s="613"/>
      <c r="DIN655" s="613"/>
      <c r="DIO655" s="613"/>
      <c r="DIP655" s="613"/>
      <c r="DIQ655" s="613"/>
      <c r="DIR655" s="613"/>
      <c r="DIS655" s="613"/>
      <c r="DIT655" s="613"/>
      <c r="DIU655" s="613"/>
      <c r="DIV655" s="613"/>
      <c r="DIW655" s="613"/>
      <c r="DIX655" s="613"/>
      <c r="DIY655" s="613"/>
      <c r="DIZ655" s="613"/>
      <c r="DJA655" s="613"/>
      <c r="DJB655" s="613"/>
      <c r="DJC655" s="613"/>
      <c r="DJD655" s="613"/>
      <c r="DJE655" s="613"/>
      <c r="DJF655" s="613"/>
      <c r="DJG655" s="613"/>
      <c r="DJH655" s="613"/>
      <c r="DJI655" s="613"/>
      <c r="DJJ655" s="613"/>
      <c r="DJK655" s="613"/>
      <c r="DJL655" s="613"/>
      <c r="DJM655" s="613"/>
      <c r="DJN655" s="613"/>
      <c r="DJO655" s="613"/>
      <c r="DJP655" s="613"/>
      <c r="DJQ655" s="613"/>
      <c r="DJR655" s="613"/>
      <c r="DJS655" s="613"/>
      <c r="DJT655" s="613"/>
      <c r="DJU655" s="613"/>
      <c r="DJV655" s="613"/>
      <c r="DJW655" s="613"/>
      <c r="DJX655" s="613"/>
      <c r="DJY655" s="613"/>
      <c r="DJZ655" s="613"/>
      <c r="DKA655" s="613"/>
      <c r="DKB655" s="613"/>
      <c r="DKC655" s="613"/>
      <c r="DKD655" s="613"/>
      <c r="DKE655" s="613"/>
      <c r="DKF655" s="613"/>
      <c r="DKG655" s="613"/>
      <c r="DKH655" s="613"/>
      <c r="DKI655" s="613"/>
      <c r="DKJ655" s="613"/>
      <c r="DKK655" s="613"/>
      <c r="DKL655" s="613"/>
      <c r="DKM655" s="613"/>
      <c r="DKN655" s="613"/>
      <c r="DKO655" s="613"/>
      <c r="DKP655" s="613"/>
      <c r="DKQ655" s="613"/>
      <c r="DKR655" s="613"/>
      <c r="DKS655" s="613"/>
      <c r="DKT655" s="613"/>
      <c r="DKU655" s="613"/>
      <c r="DKV655" s="613"/>
      <c r="DKW655" s="613"/>
      <c r="DKX655" s="613"/>
      <c r="DKY655" s="613"/>
      <c r="DKZ655" s="613"/>
      <c r="DLA655" s="613"/>
      <c r="DLB655" s="613"/>
      <c r="DLC655" s="613"/>
      <c r="DLD655" s="613"/>
      <c r="DLE655" s="613"/>
      <c r="DLF655" s="613"/>
      <c r="DLG655" s="613"/>
      <c r="DLH655" s="613"/>
      <c r="DLI655" s="613"/>
      <c r="DLJ655" s="613"/>
      <c r="DLK655" s="613"/>
      <c r="DLL655" s="613"/>
      <c r="DLM655" s="613"/>
      <c r="DLN655" s="613"/>
      <c r="DLO655" s="613"/>
      <c r="DLP655" s="613"/>
      <c r="DLQ655" s="613"/>
      <c r="DLR655" s="613"/>
      <c r="DLS655" s="613"/>
      <c r="DLT655" s="613"/>
      <c r="DLU655" s="613"/>
      <c r="DLV655" s="613"/>
      <c r="DLW655" s="613"/>
      <c r="DLX655" s="613"/>
      <c r="DLY655" s="613"/>
      <c r="DLZ655" s="613"/>
      <c r="DMA655" s="613"/>
      <c r="DMB655" s="613"/>
      <c r="DMC655" s="613"/>
      <c r="DMD655" s="613"/>
      <c r="DME655" s="613"/>
      <c r="DMF655" s="613"/>
      <c r="DMG655" s="613"/>
      <c r="DMH655" s="613"/>
      <c r="DMI655" s="613"/>
      <c r="DMJ655" s="613"/>
      <c r="DMK655" s="613"/>
      <c r="DML655" s="613"/>
      <c r="DMM655" s="613"/>
      <c r="DMN655" s="613"/>
      <c r="DMO655" s="613"/>
      <c r="DMP655" s="613"/>
      <c r="DMQ655" s="613"/>
      <c r="DMR655" s="613"/>
      <c r="DMS655" s="613"/>
      <c r="DMT655" s="613"/>
      <c r="DMU655" s="613"/>
      <c r="DMV655" s="613"/>
      <c r="DMW655" s="613"/>
      <c r="DMX655" s="613"/>
      <c r="DMY655" s="613"/>
      <c r="DMZ655" s="613"/>
      <c r="DNA655" s="613"/>
      <c r="DNB655" s="613"/>
      <c r="DNC655" s="613"/>
      <c r="DND655" s="613"/>
      <c r="DNE655" s="613"/>
      <c r="DNF655" s="613"/>
      <c r="DNG655" s="613"/>
      <c r="DNH655" s="613"/>
      <c r="DNI655" s="613"/>
      <c r="DNJ655" s="613"/>
      <c r="DNK655" s="613"/>
      <c r="DNL655" s="613"/>
      <c r="DNM655" s="613"/>
      <c r="DNN655" s="613"/>
      <c r="DNO655" s="613"/>
      <c r="DNP655" s="613"/>
      <c r="DNQ655" s="613"/>
      <c r="DNR655" s="613"/>
      <c r="DNS655" s="613"/>
      <c r="DNT655" s="613"/>
      <c r="DNU655" s="613"/>
      <c r="DNV655" s="613"/>
      <c r="DNW655" s="613"/>
      <c r="DNX655" s="613"/>
      <c r="DNY655" s="613"/>
      <c r="DNZ655" s="613"/>
      <c r="DOA655" s="613"/>
      <c r="DOB655" s="613"/>
      <c r="DOC655" s="613"/>
      <c r="DOD655" s="613"/>
      <c r="DOE655" s="613"/>
      <c r="DOF655" s="613"/>
      <c r="DOG655" s="613"/>
      <c r="DOH655" s="613"/>
      <c r="DOI655" s="613"/>
      <c r="DOJ655" s="613"/>
      <c r="DOK655" s="613"/>
      <c r="DOL655" s="613"/>
      <c r="DOM655" s="613"/>
      <c r="DON655" s="613"/>
      <c r="DOO655" s="613"/>
      <c r="DOP655" s="613"/>
      <c r="DOQ655" s="613"/>
      <c r="DOR655" s="613"/>
      <c r="DOS655" s="613"/>
      <c r="DOT655" s="613"/>
      <c r="DOU655" s="613"/>
      <c r="DOV655" s="613"/>
      <c r="DOW655" s="613"/>
      <c r="DOX655" s="613"/>
      <c r="DOY655" s="613"/>
      <c r="DOZ655" s="613"/>
      <c r="DPA655" s="613"/>
      <c r="DPB655" s="613"/>
      <c r="DPC655" s="613"/>
      <c r="DPD655" s="613"/>
      <c r="DPE655" s="613"/>
      <c r="DPF655" s="613"/>
      <c r="DPG655" s="613"/>
      <c r="DPH655" s="613"/>
      <c r="DPI655" s="613"/>
      <c r="DPJ655" s="613"/>
      <c r="DPK655" s="613"/>
      <c r="DPL655" s="613"/>
      <c r="DPM655" s="613"/>
      <c r="DPN655" s="613"/>
      <c r="DPO655" s="613"/>
      <c r="DPP655" s="613"/>
      <c r="DPQ655" s="613"/>
      <c r="DPR655" s="613"/>
      <c r="DPS655" s="613"/>
      <c r="DPT655" s="613"/>
      <c r="DPU655" s="613"/>
      <c r="DPV655" s="613"/>
      <c r="DPW655" s="613"/>
      <c r="DPX655" s="613"/>
      <c r="DPY655" s="613"/>
      <c r="DPZ655" s="613"/>
      <c r="DQA655" s="613"/>
      <c r="DQB655" s="613"/>
      <c r="DQC655" s="613"/>
      <c r="DQD655" s="613"/>
      <c r="DQE655" s="613"/>
      <c r="DQF655" s="613"/>
      <c r="DQG655" s="613"/>
      <c r="DQH655" s="613"/>
      <c r="DQI655" s="613"/>
      <c r="DQJ655" s="613"/>
      <c r="DQK655" s="613"/>
      <c r="DQL655" s="613"/>
      <c r="DQM655" s="613"/>
      <c r="DQN655" s="613"/>
      <c r="DQO655" s="613"/>
      <c r="DQP655" s="613"/>
      <c r="DQQ655" s="613"/>
      <c r="DQR655" s="613"/>
      <c r="DQS655" s="613"/>
      <c r="DQT655" s="613"/>
      <c r="DQU655" s="613"/>
      <c r="DQV655" s="613"/>
      <c r="DQW655" s="613"/>
      <c r="DQX655" s="613"/>
      <c r="DQY655" s="613"/>
      <c r="DQZ655" s="613"/>
      <c r="DRA655" s="613"/>
      <c r="DRB655" s="613"/>
      <c r="DRC655" s="613"/>
      <c r="DRD655" s="613"/>
      <c r="DRE655" s="613"/>
      <c r="DRF655" s="613"/>
      <c r="DRG655" s="613"/>
      <c r="DRH655" s="613"/>
      <c r="DRI655" s="613"/>
      <c r="DRJ655" s="613"/>
      <c r="DRK655" s="613"/>
      <c r="DRL655" s="613"/>
      <c r="DRM655" s="613"/>
      <c r="DRN655" s="613"/>
      <c r="DRO655" s="613"/>
      <c r="DRP655" s="613"/>
      <c r="DRQ655" s="613"/>
      <c r="DRR655" s="613"/>
      <c r="DRS655" s="613"/>
      <c r="DRT655" s="613"/>
      <c r="DRU655" s="613"/>
      <c r="DRV655" s="613"/>
      <c r="DRW655" s="613"/>
      <c r="DRX655" s="613"/>
      <c r="DRY655" s="613"/>
      <c r="DRZ655" s="613"/>
      <c r="DSA655" s="613"/>
      <c r="DSB655" s="613"/>
      <c r="DSC655" s="613"/>
      <c r="DSD655" s="613"/>
      <c r="DSE655" s="613"/>
      <c r="DSF655" s="613"/>
      <c r="DSG655" s="613"/>
      <c r="DSH655" s="613"/>
      <c r="DSI655" s="613"/>
      <c r="DSJ655" s="613"/>
      <c r="DSK655" s="613"/>
      <c r="DSL655" s="613"/>
      <c r="DSM655" s="613"/>
      <c r="DSN655" s="613"/>
      <c r="DSO655" s="613"/>
      <c r="DSP655" s="613"/>
      <c r="DSQ655" s="613"/>
      <c r="DSR655" s="613"/>
      <c r="DSS655" s="613"/>
      <c r="DST655" s="613"/>
      <c r="DSU655" s="613"/>
      <c r="DSV655" s="613"/>
      <c r="DSW655" s="613"/>
      <c r="DSX655" s="613"/>
      <c r="DSY655" s="613"/>
      <c r="DSZ655" s="613"/>
      <c r="DTA655" s="613"/>
      <c r="DTB655" s="613"/>
      <c r="DTC655" s="613"/>
      <c r="DTD655" s="613"/>
      <c r="DTE655" s="613"/>
      <c r="DTF655" s="613"/>
      <c r="DTG655" s="613"/>
      <c r="DTH655" s="613"/>
      <c r="DTI655" s="613"/>
      <c r="DTJ655" s="613"/>
      <c r="DTK655" s="613"/>
      <c r="DTL655" s="613"/>
      <c r="DTM655" s="613"/>
      <c r="DTN655" s="613"/>
      <c r="DTO655" s="613"/>
      <c r="DTP655" s="613"/>
      <c r="DTQ655" s="613"/>
      <c r="DTR655" s="613"/>
      <c r="DTS655" s="613"/>
      <c r="DTT655" s="613"/>
      <c r="DTU655" s="613"/>
      <c r="DTV655" s="613"/>
      <c r="DTW655" s="613"/>
      <c r="DTX655" s="613"/>
      <c r="DTY655" s="613"/>
      <c r="DTZ655" s="613"/>
      <c r="DUA655" s="613"/>
      <c r="DUB655" s="613"/>
      <c r="DUC655" s="613"/>
      <c r="DUD655" s="613"/>
      <c r="DUE655" s="613"/>
      <c r="DUF655" s="613"/>
      <c r="DUG655" s="613"/>
      <c r="DUH655" s="613"/>
      <c r="DUI655" s="613"/>
      <c r="DUJ655" s="613"/>
      <c r="DUK655" s="613"/>
      <c r="DUL655" s="613"/>
      <c r="DUM655" s="613"/>
      <c r="DUN655" s="613"/>
      <c r="DUO655" s="613"/>
      <c r="DUP655" s="613"/>
      <c r="DUQ655" s="613"/>
      <c r="DUR655" s="613"/>
      <c r="DUS655" s="613"/>
      <c r="DUT655" s="613"/>
      <c r="DUU655" s="613"/>
      <c r="DUV655" s="613"/>
      <c r="DUW655" s="613"/>
      <c r="DUX655" s="613"/>
      <c r="DUY655" s="613"/>
      <c r="DUZ655" s="613"/>
      <c r="DVA655" s="613"/>
      <c r="DVB655" s="613"/>
      <c r="DVC655" s="613"/>
      <c r="DVD655" s="613"/>
      <c r="DVE655" s="613"/>
      <c r="DVF655" s="613"/>
      <c r="DVG655" s="613"/>
      <c r="DVH655" s="613"/>
      <c r="DVI655" s="613"/>
      <c r="DVJ655" s="613"/>
      <c r="DVK655" s="613"/>
      <c r="DVL655" s="613"/>
      <c r="DVM655" s="613"/>
      <c r="DVN655" s="613"/>
      <c r="DVO655" s="613"/>
      <c r="DVP655" s="613"/>
      <c r="DVQ655" s="613"/>
      <c r="DVR655" s="613"/>
      <c r="DVS655" s="613"/>
      <c r="DVT655" s="613"/>
      <c r="DVU655" s="613"/>
      <c r="DVV655" s="613"/>
      <c r="DVW655" s="613"/>
      <c r="DVX655" s="613"/>
      <c r="DVY655" s="613"/>
      <c r="DVZ655" s="613"/>
      <c r="DWA655" s="613"/>
      <c r="DWB655" s="613"/>
      <c r="DWC655" s="613"/>
      <c r="DWD655" s="613"/>
      <c r="DWE655" s="613"/>
      <c r="DWF655" s="613"/>
      <c r="DWG655" s="613"/>
      <c r="DWH655" s="613"/>
      <c r="DWI655" s="613"/>
      <c r="DWJ655" s="613"/>
      <c r="DWK655" s="613"/>
      <c r="DWL655" s="613"/>
      <c r="DWM655" s="613"/>
      <c r="DWN655" s="613"/>
      <c r="DWO655" s="613"/>
      <c r="DWP655" s="613"/>
      <c r="DWQ655" s="613"/>
      <c r="DWR655" s="613"/>
      <c r="DWS655" s="613"/>
      <c r="DWT655" s="613"/>
      <c r="DWU655" s="613"/>
      <c r="DWV655" s="613"/>
      <c r="DWW655" s="613"/>
      <c r="DWX655" s="613"/>
      <c r="DWY655" s="613"/>
      <c r="DWZ655" s="613"/>
      <c r="DXA655" s="613"/>
      <c r="DXB655" s="613"/>
      <c r="DXC655" s="613"/>
      <c r="DXD655" s="613"/>
      <c r="DXE655" s="613"/>
      <c r="DXF655" s="613"/>
      <c r="DXG655" s="613"/>
      <c r="DXH655" s="613"/>
      <c r="DXI655" s="613"/>
      <c r="DXJ655" s="613"/>
      <c r="DXK655" s="613"/>
      <c r="DXL655" s="613"/>
      <c r="DXM655" s="613"/>
      <c r="DXN655" s="613"/>
      <c r="DXO655" s="613"/>
      <c r="DXP655" s="613"/>
      <c r="DXQ655" s="613"/>
      <c r="DXR655" s="613"/>
      <c r="DXS655" s="613"/>
      <c r="DXT655" s="613"/>
      <c r="DXU655" s="613"/>
      <c r="DXV655" s="613"/>
      <c r="DXW655" s="613"/>
      <c r="DXX655" s="613"/>
      <c r="DXY655" s="613"/>
      <c r="DXZ655" s="613"/>
      <c r="DYA655" s="613"/>
      <c r="DYB655" s="613"/>
      <c r="DYC655" s="613"/>
      <c r="DYD655" s="613"/>
      <c r="DYE655" s="613"/>
      <c r="DYF655" s="613"/>
      <c r="DYG655" s="613"/>
      <c r="DYH655" s="613"/>
      <c r="DYI655" s="613"/>
      <c r="DYJ655" s="613"/>
      <c r="DYK655" s="613"/>
      <c r="DYL655" s="613"/>
      <c r="DYM655" s="613"/>
      <c r="DYN655" s="613"/>
      <c r="DYO655" s="613"/>
      <c r="DYP655" s="613"/>
      <c r="DYQ655" s="613"/>
      <c r="DYR655" s="613"/>
      <c r="DYS655" s="613"/>
      <c r="DYT655" s="613"/>
      <c r="DYU655" s="613"/>
      <c r="DYV655" s="613"/>
      <c r="DYW655" s="613"/>
      <c r="DYX655" s="613"/>
      <c r="DYY655" s="613"/>
      <c r="DYZ655" s="613"/>
      <c r="DZA655" s="613"/>
      <c r="DZB655" s="613"/>
      <c r="DZC655" s="613"/>
      <c r="DZD655" s="613"/>
      <c r="DZE655" s="613"/>
      <c r="DZF655" s="613"/>
      <c r="DZG655" s="613"/>
      <c r="DZH655" s="613"/>
      <c r="DZI655" s="613"/>
      <c r="DZJ655" s="613"/>
      <c r="DZK655" s="613"/>
      <c r="DZL655" s="613"/>
      <c r="DZM655" s="613"/>
      <c r="DZN655" s="613"/>
      <c r="DZO655" s="613"/>
      <c r="DZP655" s="613"/>
      <c r="DZQ655" s="613"/>
      <c r="DZR655" s="613"/>
      <c r="DZS655" s="613"/>
      <c r="DZT655" s="613"/>
      <c r="DZU655" s="613"/>
      <c r="DZV655" s="613"/>
      <c r="DZW655" s="613"/>
      <c r="DZX655" s="613"/>
      <c r="DZY655" s="613"/>
      <c r="DZZ655" s="613"/>
      <c r="EAA655" s="613"/>
      <c r="EAB655" s="613"/>
      <c r="EAC655" s="613"/>
      <c r="EAD655" s="613"/>
      <c r="EAE655" s="613"/>
      <c r="EAF655" s="613"/>
      <c r="EAG655" s="613"/>
      <c r="EAH655" s="613"/>
      <c r="EAI655" s="613"/>
      <c r="EAJ655" s="613"/>
      <c r="EAK655" s="613"/>
      <c r="EAL655" s="613"/>
      <c r="EAM655" s="613"/>
      <c r="EAN655" s="613"/>
      <c r="EAO655" s="613"/>
      <c r="EAP655" s="613"/>
      <c r="EAQ655" s="613"/>
      <c r="EAR655" s="613"/>
      <c r="EAS655" s="613"/>
      <c r="EAT655" s="613"/>
      <c r="EAU655" s="613"/>
      <c r="EAV655" s="613"/>
      <c r="EAW655" s="613"/>
      <c r="EAX655" s="613"/>
      <c r="EAY655" s="613"/>
      <c r="EAZ655" s="613"/>
      <c r="EBA655" s="613"/>
      <c r="EBB655" s="613"/>
      <c r="EBC655" s="613"/>
      <c r="EBD655" s="613"/>
      <c r="EBE655" s="613"/>
      <c r="EBF655" s="613"/>
      <c r="EBG655" s="613"/>
      <c r="EBH655" s="613"/>
      <c r="EBI655" s="613"/>
      <c r="EBJ655" s="613"/>
      <c r="EBK655" s="613"/>
      <c r="EBL655" s="613"/>
      <c r="EBM655" s="613"/>
      <c r="EBN655" s="613"/>
      <c r="EBO655" s="613"/>
      <c r="EBP655" s="613"/>
      <c r="EBQ655" s="613"/>
      <c r="EBR655" s="613"/>
      <c r="EBS655" s="613"/>
      <c r="EBT655" s="613"/>
      <c r="EBU655" s="613"/>
      <c r="EBV655" s="613"/>
      <c r="EBW655" s="613"/>
      <c r="EBX655" s="613"/>
      <c r="EBY655" s="613"/>
      <c r="EBZ655" s="613"/>
      <c r="ECA655" s="613"/>
      <c r="ECB655" s="613"/>
      <c r="ECC655" s="613"/>
      <c r="ECD655" s="613"/>
      <c r="ECE655" s="613"/>
      <c r="ECF655" s="613"/>
      <c r="ECG655" s="613"/>
      <c r="ECH655" s="613"/>
      <c r="ECI655" s="613"/>
      <c r="ECJ655" s="613"/>
      <c r="ECK655" s="613"/>
      <c r="ECL655" s="613"/>
      <c r="ECM655" s="613"/>
      <c r="ECN655" s="613"/>
      <c r="ECO655" s="613"/>
      <c r="ECP655" s="613"/>
      <c r="ECQ655" s="613"/>
      <c r="ECR655" s="613"/>
      <c r="ECS655" s="613"/>
      <c r="ECT655" s="613"/>
      <c r="ECU655" s="613"/>
      <c r="ECV655" s="613"/>
      <c r="ECW655" s="613"/>
      <c r="ECX655" s="613"/>
      <c r="ECY655" s="613"/>
      <c r="ECZ655" s="613"/>
      <c r="EDA655" s="613"/>
      <c r="EDB655" s="613"/>
      <c r="EDC655" s="613"/>
      <c r="EDD655" s="613"/>
      <c r="EDE655" s="613"/>
      <c r="EDF655" s="613"/>
      <c r="EDG655" s="613"/>
      <c r="EDH655" s="613"/>
      <c r="EDI655" s="613"/>
      <c r="EDJ655" s="613"/>
      <c r="EDK655" s="613"/>
      <c r="EDL655" s="613"/>
      <c r="EDM655" s="613"/>
      <c r="EDN655" s="613"/>
      <c r="EDO655" s="613"/>
      <c r="EDP655" s="613"/>
      <c r="EDQ655" s="613"/>
      <c r="EDR655" s="613"/>
      <c r="EDS655" s="613"/>
      <c r="EDT655" s="613"/>
      <c r="EDU655" s="613"/>
      <c r="EDV655" s="613"/>
      <c r="EDW655" s="613"/>
      <c r="EDX655" s="613"/>
      <c r="EDY655" s="613"/>
      <c r="EDZ655" s="613"/>
      <c r="EEA655" s="613"/>
      <c r="EEB655" s="613"/>
      <c r="EEC655" s="613"/>
      <c r="EED655" s="613"/>
      <c r="EEE655" s="613"/>
      <c r="EEF655" s="613"/>
      <c r="EEG655" s="613"/>
      <c r="EEH655" s="613"/>
      <c r="EEI655" s="613"/>
      <c r="EEJ655" s="613"/>
      <c r="EEK655" s="613"/>
      <c r="EEL655" s="613"/>
      <c r="EEM655" s="613"/>
      <c r="EEN655" s="613"/>
      <c r="EEO655" s="613"/>
      <c r="EEP655" s="613"/>
      <c r="EEQ655" s="613"/>
      <c r="EER655" s="613"/>
      <c r="EES655" s="613"/>
      <c r="EET655" s="613"/>
      <c r="EEU655" s="613"/>
      <c r="EEV655" s="613"/>
      <c r="EEW655" s="613"/>
      <c r="EEX655" s="613"/>
      <c r="EEY655" s="613"/>
      <c r="EEZ655" s="613"/>
      <c r="EFA655" s="613"/>
      <c r="EFB655" s="613"/>
      <c r="EFC655" s="613"/>
      <c r="EFD655" s="613"/>
      <c r="EFE655" s="613"/>
      <c r="EFF655" s="613"/>
      <c r="EFG655" s="613"/>
      <c r="EFH655" s="613"/>
      <c r="EFI655" s="613"/>
      <c r="EFJ655" s="613"/>
      <c r="EFK655" s="613"/>
      <c r="EFL655" s="613"/>
      <c r="EFM655" s="613"/>
      <c r="EFN655" s="613"/>
      <c r="EFO655" s="613"/>
      <c r="EFP655" s="613"/>
      <c r="EFQ655" s="613"/>
      <c r="EFR655" s="613"/>
      <c r="EFS655" s="613"/>
      <c r="EFT655" s="613"/>
      <c r="EFU655" s="613"/>
      <c r="EFV655" s="613"/>
      <c r="EFW655" s="613"/>
      <c r="EFX655" s="613"/>
      <c r="EFY655" s="613"/>
      <c r="EFZ655" s="613"/>
      <c r="EGA655" s="613"/>
      <c r="EGB655" s="613"/>
      <c r="EGC655" s="613"/>
      <c r="EGD655" s="613"/>
      <c r="EGE655" s="613"/>
      <c r="EGF655" s="613"/>
      <c r="EGG655" s="613"/>
      <c r="EGH655" s="613"/>
      <c r="EGI655" s="613"/>
      <c r="EGJ655" s="613"/>
      <c r="EGK655" s="613"/>
      <c r="EGL655" s="613"/>
      <c r="EGM655" s="613"/>
      <c r="EGN655" s="613"/>
      <c r="EGO655" s="613"/>
      <c r="EGP655" s="613"/>
      <c r="EGQ655" s="613"/>
      <c r="EGR655" s="613"/>
      <c r="EGS655" s="613"/>
      <c r="EGT655" s="613"/>
      <c r="EGU655" s="613"/>
      <c r="EGV655" s="613"/>
      <c r="EGW655" s="613"/>
      <c r="EGX655" s="613"/>
      <c r="EGY655" s="613"/>
      <c r="EGZ655" s="613"/>
      <c r="EHA655" s="613"/>
      <c r="EHB655" s="613"/>
      <c r="EHC655" s="613"/>
      <c r="EHD655" s="613"/>
      <c r="EHE655" s="613"/>
      <c r="EHF655" s="613"/>
      <c r="EHG655" s="613"/>
      <c r="EHH655" s="613"/>
      <c r="EHI655" s="613"/>
      <c r="EHJ655" s="613"/>
      <c r="EHK655" s="613"/>
      <c r="EHL655" s="613"/>
      <c r="EHM655" s="613"/>
      <c r="EHN655" s="613"/>
      <c r="EHO655" s="613"/>
      <c r="EHP655" s="613"/>
      <c r="EHQ655" s="613"/>
      <c r="EHR655" s="613"/>
      <c r="EHS655" s="613"/>
      <c r="EHT655" s="613"/>
      <c r="EHU655" s="613"/>
      <c r="EHV655" s="613"/>
      <c r="EHW655" s="613"/>
      <c r="EHX655" s="613"/>
      <c r="EHY655" s="613"/>
      <c r="EHZ655" s="613"/>
      <c r="EIA655" s="613"/>
      <c r="EIB655" s="613"/>
      <c r="EIC655" s="613"/>
      <c r="EID655" s="613"/>
      <c r="EIE655" s="613"/>
      <c r="EIF655" s="613"/>
      <c r="EIG655" s="613"/>
      <c r="EIH655" s="613"/>
      <c r="EII655" s="613"/>
      <c r="EIJ655" s="613"/>
      <c r="EIK655" s="613"/>
      <c r="EIL655" s="613"/>
      <c r="EIM655" s="613"/>
      <c r="EIN655" s="613"/>
      <c r="EIO655" s="613"/>
      <c r="EIP655" s="613"/>
      <c r="EIQ655" s="613"/>
      <c r="EIR655" s="613"/>
      <c r="EIS655" s="613"/>
      <c r="EIT655" s="613"/>
      <c r="EIU655" s="613"/>
      <c r="EIV655" s="613"/>
      <c r="EIW655" s="613"/>
      <c r="EIX655" s="613"/>
      <c r="EIY655" s="613"/>
      <c r="EIZ655" s="613"/>
      <c r="EJA655" s="613"/>
      <c r="EJB655" s="613"/>
      <c r="EJC655" s="613"/>
      <c r="EJD655" s="613"/>
      <c r="EJE655" s="613"/>
      <c r="EJF655" s="613"/>
      <c r="EJG655" s="613"/>
      <c r="EJH655" s="613"/>
      <c r="EJI655" s="613"/>
      <c r="EJJ655" s="613"/>
      <c r="EJK655" s="613"/>
      <c r="EJL655" s="613"/>
      <c r="EJM655" s="613"/>
      <c r="EJN655" s="613"/>
      <c r="EJO655" s="613"/>
      <c r="EJP655" s="613"/>
      <c r="EJQ655" s="613"/>
      <c r="EJR655" s="613"/>
      <c r="EJS655" s="613"/>
      <c r="EJT655" s="613"/>
      <c r="EJU655" s="613"/>
      <c r="EJV655" s="613"/>
      <c r="EJW655" s="613"/>
      <c r="EJX655" s="613"/>
      <c r="EJY655" s="613"/>
      <c r="EJZ655" s="613"/>
      <c r="EKA655" s="613"/>
      <c r="EKB655" s="613"/>
      <c r="EKC655" s="613"/>
      <c r="EKD655" s="613"/>
      <c r="EKE655" s="613"/>
      <c r="EKF655" s="613"/>
      <c r="EKG655" s="613"/>
      <c r="EKH655" s="613"/>
      <c r="EKI655" s="613"/>
      <c r="EKJ655" s="613"/>
      <c r="EKK655" s="613"/>
      <c r="EKL655" s="613"/>
      <c r="EKM655" s="613"/>
      <c r="EKN655" s="613"/>
      <c r="EKO655" s="613"/>
      <c r="EKP655" s="613"/>
      <c r="EKQ655" s="613"/>
      <c r="EKR655" s="613"/>
      <c r="EKS655" s="613"/>
      <c r="EKT655" s="613"/>
      <c r="EKU655" s="613"/>
      <c r="EKV655" s="613"/>
      <c r="EKW655" s="613"/>
      <c r="EKX655" s="613"/>
      <c r="EKY655" s="613"/>
      <c r="EKZ655" s="613"/>
      <c r="ELA655" s="613"/>
      <c r="ELB655" s="613"/>
      <c r="ELC655" s="613"/>
      <c r="ELD655" s="613"/>
      <c r="ELE655" s="613"/>
      <c r="ELF655" s="613"/>
      <c r="ELG655" s="613"/>
      <c r="ELH655" s="613"/>
      <c r="ELI655" s="613"/>
      <c r="ELJ655" s="613"/>
      <c r="ELK655" s="613"/>
      <c r="ELL655" s="613"/>
      <c r="ELM655" s="613"/>
      <c r="ELN655" s="613"/>
      <c r="ELO655" s="613"/>
      <c r="ELP655" s="613"/>
      <c r="ELQ655" s="613"/>
      <c r="ELR655" s="613"/>
      <c r="ELS655" s="613"/>
      <c r="ELT655" s="613"/>
      <c r="ELU655" s="613"/>
      <c r="ELV655" s="613"/>
      <c r="ELW655" s="613"/>
      <c r="ELX655" s="613"/>
      <c r="ELY655" s="613"/>
      <c r="ELZ655" s="613"/>
      <c r="EMA655" s="613"/>
      <c r="EMB655" s="613"/>
      <c r="EMC655" s="613"/>
      <c r="EMD655" s="613"/>
      <c r="EME655" s="613"/>
      <c r="EMF655" s="613"/>
      <c r="EMG655" s="613"/>
      <c r="EMH655" s="613"/>
      <c r="EMI655" s="613"/>
      <c r="EMJ655" s="613"/>
      <c r="EMK655" s="613"/>
      <c r="EML655" s="613"/>
      <c r="EMM655" s="613"/>
      <c r="EMN655" s="613"/>
      <c r="EMO655" s="613"/>
      <c r="EMP655" s="613"/>
      <c r="EMQ655" s="613"/>
      <c r="EMR655" s="613"/>
      <c r="EMS655" s="613"/>
      <c r="EMT655" s="613"/>
      <c r="EMU655" s="613"/>
      <c r="EMV655" s="613"/>
      <c r="EMW655" s="613"/>
      <c r="EMX655" s="613"/>
      <c r="EMY655" s="613"/>
      <c r="EMZ655" s="613"/>
      <c r="ENA655" s="613"/>
      <c r="ENB655" s="613"/>
      <c r="ENC655" s="613"/>
      <c r="END655" s="613"/>
      <c r="ENE655" s="613"/>
      <c r="ENF655" s="613"/>
      <c r="ENG655" s="613"/>
      <c r="ENH655" s="613"/>
      <c r="ENI655" s="613"/>
      <c r="ENJ655" s="613"/>
      <c r="ENK655" s="613"/>
      <c r="ENL655" s="613"/>
      <c r="ENM655" s="613"/>
      <c r="ENN655" s="613"/>
      <c r="ENO655" s="613"/>
      <c r="ENP655" s="613"/>
      <c r="ENQ655" s="613"/>
      <c r="ENR655" s="613"/>
      <c r="ENS655" s="613"/>
      <c r="ENT655" s="613"/>
      <c r="ENU655" s="613"/>
      <c r="ENV655" s="613"/>
      <c r="ENW655" s="613"/>
      <c r="ENX655" s="613"/>
      <c r="ENY655" s="613"/>
      <c r="ENZ655" s="613"/>
      <c r="EOA655" s="613"/>
      <c r="EOB655" s="613"/>
      <c r="EOC655" s="613"/>
      <c r="EOD655" s="613"/>
      <c r="EOE655" s="613"/>
      <c r="EOF655" s="613"/>
      <c r="EOG655" s="613"/>
      <c r="EOH655" s="613"/>
      <c r="EOI655" s="613"/>
      <c r="EOJ655" s="613"/>
      <c r="EOK655" s="613"/>
      <c r="EOL655" s="613"/>
      <c r="EOM655" s="613"/>
      <c r="EON655" s="613"/>
      <c r="EOO655" s="613"/>
      <c r="EOP655" s="613"/>
      <c r="EOQ655" s="613"/>
      <c r="EOR655" s="613"/>
      <c r="EOS655" s="613"/>
      <c r="EOT655" s="613"/>
      <c r="EOU655" s="613"/>
      <c r="EOV655" s="613"/>
      <c r="EOW655" s="613"/>
      <c r="EOX655" s="613"/>
      <c r="EOY655" s="613"/>
      <c r="EOZ655" s="613"/>
      <c r="EPA655" s="613"/>
      <c r="EPB655" s="613"/>
      <c r="EPC655" s="613"/>
      <c r="EPD655" s="613"/>
      <c r="EPE655" s="613"/>
      <c r="EPF655" s="613"/>
      <c r="EPG655" s="613"/>
      <c r="EPH655" s="613"/>
      <c r="EPI655" s="613"/>
      <c r="EPJ655" s="613"/>
      <c r="EPK655" s="613"/>
      <c r="EPL655" s="613"/>
      <c r="EPM655" s="613"/>
      <c r="EPN655" s="613"/>
      <c r="EPO655" s="613"/>
      <c r="EPP655" s="613"/>
      <c r="EPQ655" s="613"/>
      <c r="EPR655" s="613"/>
      <c r="EPS655" s="613"/>
      <c r="EPT655" s="613"/>
      <c r="EPU655" s="613"/>
      <c r="EPV655" s="613"/>
      <c r="EPW655" s="613"/>
      <c r="EPX655" s="613"/>
      <c r="EPY655" s="613"/>
      <c r="EPZ655" s="613"/>
      <c r="EQA655" s="613"/>
      <c r="EQB655" s="613"/>
      <c r="EQC655" s="613"/>
      <c r="EQD655" s="613"/>
      <c r="EQE655" s="613"/>
      <c r="EQF655" s="613"/>
      <c r="EQG655" s="613"/>
      <c r="EQH655" s="613"/>
      <c r="EQI655" s="613"/>
      <c r="EQJ655" s="613"/>
      <c r="EQK655" s="613"/>
      <c r="EQL655" s="613"/>
      <c r="EQM655" s="613"/>
      <c r="EQN655" s="613"/>
      <c r="EQO655" s="613"/>
      <c r="EQP655" s="613"/>
      <c r="EQQ655" s="613"/>
      <c r="EQR655" s="613"/>
      <c r="EQS655" s="613"/>
      <c r="EQT655" s="613"/>
      <c r="EQU655" s="613"/>
      <c r="EQV655" s="613"/>
      <c r="EQW655" s="613"/>
      <c r="EQX655" s="613"/>
      <c r="EQY655" s="613"/>
      <c r="EQZ655" s="613"/>
      <c r="ERA655" s="613"/>
      <c r="ERB655" s="613"/>
      <c r="ERC655" s="613"/>
      <c r="ERD655" s="613"/>
      <c r="ERE655" s="613"/>
      <c r="ERF655" s="613"/>
      <c r="ERG655" s="613"/>
      <c r="ERH655" s="613"/>
      <c r="ERI655" s="613"/>
      <c r="ERJ655" s="613"/>
      <c r="ERK655" s="613"/>
      <c r="ERL655" s="613"/>
      <c r="ERM655" s="613"/>
      <c r="ERN655" s="613"/>
      <c r="ERO655" s="613"/>
      <c r="ERP655" s="613"/>
      <c r="ERQ655" s="613"/>
      <c r="ERR655" s="613"/>
      <c r="ERS655" s="613"/>
      <c r="ERT655" s="613"/>
      <c r="ERU655" s="613"/>
      <c r="ERV655" s="613"/>
      <c r="ERW655" s="613"/>
      <c r="ERX655" s="613"/>
      <c r="ERY655" s="613"/>
      <c r="ERZ655" s="613"/>
      <c r="ESA655" s="613"/>
      <c r="ESB655" s="613"/>
      <c r="ESC655" s="613"/>
      <c r="ESD655" s="613"/>
      <c r="ESE655" s="613"/>
      <c r="ESF655" s="613"/>
      <c r="ESG655" s="613"/>
      <c r="ESH655" s="613"/>
      <c r="ESI655" s="613"/>
      <c r="ESJ655" s="613"/>
      <c r="ESK655" s="613"/>
      <c r="ESL655" s="613"/>
      <c r="ESM655" s="613"/>
      <c r="ESN655" s="613"/>
      <c r="ESO655" s="613"/>
      <c r="ESP655" s="613"/>
      <c r="ESQ655" s="613"/>
      <c r="ESR655" s="613"/>
      <c r="ESS655" s="613"/>
      <c r="EST655" s="613"/>
      <c r="ESU655" s="613"/>
      <c r="ESV655" s="613"/>
      <c r="ESW655" s="613"/>
      <c r="ESX655" s="613"/>
      <c r="ESY655" s="613"/>
      <c r="ESZ655" s="613"/>
      <c r="ETA655" s="613"/>
      <c r="ETB655" s="613"/>
      <c r="ETC655" s="613"/>
      <c r="ETD655" s="613"/>
      <c r="ETE655" s="613"/>
      <c r="ETF655" s="613"/>
      <c r="ETG655" s="613"/>
      <c r="ETH655" s="613"/>
      <c r="ETI655" s="613"/>
      <c r="ETJ655" s="613"/>
      <c r="ETK655" s="613"/>
      <c r="ETL655" s="613"/>
      <c r="ETM655" s="613"/>
      <c r="ETN655" s="613"/>
      <c r="ETO655" s="613"/>
      <c r="ETP655" s="613"/>
      <c r="ETQ655" s="613"/>
      <c r="ETR655" s="613"/>
      <c r="ETS655" s="613"/>
      <c r="ETT655" s="613"/>
      <c r="ETU655" s="613"/>
      <c r="ETV655" s="613"/>
      <c r="ETW655" s="613"/>
      <c r="ETX655" s="613"/>
      <c r="ETY655" s="613"/>
      <c r="ETZ655" s="613"/>
      <c r="EUA655" s="613"/>
      <c r="EUB655" s="613"/>
      <c r="EUC655" s="613"/>
      <c r="EUD655" s="613"/>
      <c r="EUE655" s="613"/>
      <c r="EUF655" s="613"/>
      <c r="EUG655" s="613"/>
      <c r="EUH655" s="613"/>
      <c r="EUI655" s="613"/>
      <c r="EUJ655" s="613"/>
      <c r="EUK655" s="613"/>
      <c r="EUL655" s="613"/>
      <c r="EUM655" s="613"/>
      <c r="EUN655" s="613"/>
      <c r="EUO655" s="613"/>
      <c r="EUP655" s="613"/>
      <c r="EUQ655" s="613"/>
      <c r="EUR655" s="613"/>
      <c r="EUS655" s="613"/>
      <c r="EUT655" s="613"/>
      <c r="EUU655" s="613"/>
      <c r="EUV655" s="613"/>
      <c r="EUW655" s="613"/>
      <c r="EUX655" s="613"/>
      <c r="EUY655" s="613"/>
      <c r="EUZ655" s="613"/>
      <c r="EVA655" s="613"/>
      <c r="EVB655" s="613"/>
      <c r="EVC655" s="613"/>
      <c r="EVD655" s="613"/>
      <c r="EVE655" s="613"/>
      <c r="EVF655" s="613"/>
      <c r="EVG655" s="613"/>
      <c r="EVH655" s="613"/>
      <c r="EVI655" s="613"/>
      <c r="EVJ655" s="613"/>
      <c r="EVK655" s="613"/>
      <c r="EVL655" s="613"/>
      <c r="EVM655" s="613"/>
      <c r="EVN655" s="613"/>
      <c r="EVO655" s="613"/>
      <c r="EVP655" s="613"/>
      <c r="EVQ655" s="613"/>
      <c r="EVR655" s="613"/>
      <c r="EVS655" s="613"/>
      <c r="EVT655" s="613"/>
      <c r="EVU655" s="613"/>
      <c r="EVV655" s="613"/>
      <c r="EVW655" s="613"/>
      <c r="EVX655" s="613"/>
      <c r="EVY655" s="613"/>
      <c r="EVZ655" s="613"/>
      <c r="EWA655" s="613"/>
      <c r="EWB655" s="613"/>
      <c r="EWC655" s="613"/>
      <c r="EWD655" s="613"/>
      <c r="EWE655" s="613"/>
      <c r="EWF655" s="613"/>
      <c r="EWG655" s="613"/>
      <c r="EWH655" s="613"/>
      <c r="EWI655" s="613"/>
      <c r="EWJ655" s="613"/>
      <c r="EWK655" s="613"/>
      <c r="EWL655" s="613"/>
      <c r="EWM655" s="613"/>
      <c r="EWN655" s="613"/>
      <c r="EWO655" s="613"/>
      <c r="EWP655" s="613"/>
      <c r="EWQ655" s="613"/>
      <c r="EWR655" s="613"/>
      <c r="EWS655" s="613"/>
      <c r="EWT655" s="613"/>
      <c r="EWU655" s="613"/>
      <c r="EWV655" s="613"/>
      <c r="EWW655" s="613"/>
      <c r="EWX655" s="613"/>
      <c r="EWY655" s="613"/>
      <c r="EWZ655" s="613"/>
      <c r="EXA655" s="613"/>
      <c r="EXB655" s="613"/>
      <c r="EXC655" s="613"/>
      <c r="EXD655" s="613"/>
      <c r="EXE655" s="613"/>
      <c r="EXF655" s="613"/>
      <c r="EXG655" s="613"/>
      <c r="EXH655" s="613"/>
      <c r="EXI655" s="613"/>
      <c r="EXJ655" s="613"/>
      <c r="EXK655" s="613"/>
      <c r="EXL655" s="613"/>
      <c r="EXM655" s="613"/>
      <c r="EXN655" s="613"/>
      <c r="EXO655" s="613"/>
      <c r="EXP655" s="613"/>
      <c r="EXQ655" s="613"/>
      <c r="EXR655" s="613"/>
      <c r="EXS655" s="613"/>
      <c r="EXT655" s="613"/>
      <c r="EXU655" s="613"/>
      <c r="EXV655" s="613"/>
      <c r="EXW655" s="613"/>
      <c r="EXX655" s="613"/>
      <c r="EXY655" s="613"/>
      <c r="EXZ655" s="613"/>
      <c r="EYA655" s="613"/>
      <c r="EYB655" s="613"/>
      <c r="EYC655" s="613"/>
      <c r="EYD655" s="613"/>
      <c r="EYE655" s="613"/>
      <c r="EYF655" s="613"/>
      <c r="EYG655" s="613"/>
      <c r="EYH655" s="613"/>
      <c r="EYI655" s="613"/>
      <c r="EYJ655" s="613"/>
      <c r="EYK655" s="613"/>
      <c r="EYL655" s="613"/>
      <c r="EYM655" s="613"/>
      <c r="EYN655" s="613"/>
      <c r="EYO655" s="613"/>
      <c r="EYP655" s="613"/>
      <c r="EYQ655" s="613"/>
      <c r="EYR655" s="613"/>
      <c r="EYS655" s="613"/>
      <c r="EYT655" s="613"/>
      <c r="EYU655" s="613"/>
      <c r="EYV655" s="613"/>
      <c r="EYW655" s="613"/>
      <c r="EYX655" s="613"/>
      <c r="EYY655" s="613"/>
      <c r="EYZ655" s="613"/>
      <c r="EZA655" s="613"/>
      <c r="EZB655" s="613"/>
      <c r="EZC655" s="613"/>
      <c r="EZD655" s="613"/>
      <c r="EZE655" s="613"/>
      <c r="EZF655" s="613"/>
      <c r="EZG655" s="613"/>
      <c r="EZH655" s="613"/>
      <c r="EZI655" s="613"/>
      <c r="EZJ655" s="613"/>
      <c r="EZK655" s="613"/>
      <c r="EZL655" s="613"/>
      <c r="EZM655" s="613"/>
      <c r="EZN655" s="613"/>
      <c r="EZO655" s="613"/>
      <c r="EZP655" s="613"/>
      <c r="EZQ655" s="613"/>
      <c r="EZR655" s="613"/>
      <c r="EZS655" s="613"/>
      <c r="EZT655" s="613"/>
      <c r="EZU655" s="613"/>
      <c r="EZV655" s="613"/>
      <c r="EZW655" s="613"/>
      <c r="EZX655" s="613"/>
      <c r="EZY655" s="613"/>
      <c r="EZZ655" s="613"/>
      <c r="FAA655" s="613"/>
      <c r="FAB655" s="613"/>
      <c r="FAC655" s="613"/>
      <c r="FAD655" s="613"/>
      <c r="FAE655" s="613"/>
      <c r="FAF655" s="613"/>
      <c r="FAG655" s="613"/>
      <c r="FAH655" s="613"/>
      <c r="FAI655" s="613"/>
      <c r="FAJ655" s="613"/>
      <c r="FAK655" s="613"/>
      <c r="FAL655" s="613"/>
      <c r="FAM655" s="613"/>
      <c r="FAN655" s="613"/>
      <c r="FAO655" s="613"/>
      <c r="FAP655" s="613"/>
      <c r="FAQ655" s="613"/>
      <c r="FAR655" s="613"/>
      <c r="FAS655" s="613"/>
      <c r="FAT655" s="613"/>
      <c r="FAU655" s="613"/>
      <c r="FAV655" s="613"/>
      <c r="FAW655" s="613"/>
      <c r="FAX655" s="613"/>
      <c r="FAY655" s="613"/>
      <c r="FAZ655" s="613"/>
      <c r="FBA655" s="613"/>
      <c r="FBB655" s="613"/>
      <c r="FBC655" s="613"/>
      <c r="FBD655" s="613"/>
      <c r="FBE655" s="613"/>
      <c r="FBF655" s="613"/>
      <c r="FBG655" s="613"/>
      <c r="FBH655" s="613"/>
      <c r="FBI655" s="613"/>
      <c r="FBJ655" s="613"/>
      <c r="FBK655" s="613"/>
      <c r="FBL655" s="613"/>
      <c r="FBM655" s="613"/>
      <c r="FBN655" s="613"/>
      <c r="FBO655" s="613"/>
      <c r="FBP655" s="613"/>
      <c r="FBQ655" s="613"/>
      <c r="FBR655" s="613"/>
      <c r="FBS655" s="613"/>
      <c r="FBT655" s="613"/>
      <c r="FBU655" s="613"/>
      <c r="FBV655" s="613"/>
      <c r="FBW655" s="613"/>
      <c r="FBX655" s="613"/>
      <c r="FBY655" s="613"/>
      <c r="FBZ655" s="613"/>
      <c r="FCA655" s="613"/>
      <c r="FCB655" s="613"/>
      <c r="FCC655" s="613"/>
      <c r="FCD655" s="613"/>
      <c r="FCE655" s="613"/>
      <c r="FCF655" s="613"/>
      <c r="FCG655" s="613"/>
      <c r="FCH655" s="613"/>
      <c r="FCI655" s="613"/>
      <c r="FCJ655" s="613"/>
      <c r="FCK655" s="613"/>
      <c r="FCL655" s="613"/>
      <c r="FCM655" s="613"/>
      <c r="FCN655" s="613"/>
      <c r="FCO655" s="613"/>
      <c r="FCP655" s="613"/>
      <c r="FCQ655" s="613"/>
      <c r="FCR655" s="613"/>
      <c r="FCS655" s="613"/>
      <c r="FCT655" s="613"/>
      <c r="FCU655" s="613"/>
      <c r="FCV655" s="613"/>
      <c r="FCW655" s="613"/>
      <c r="FCX655" s="613"/>
      <c r="FCY655" s="613"/>
      <c r="FCZ655" s="613"/>
      <c r="FDA655" s="613"/>
      <c r="FDB655" s="613"/>
      <c r="FDC655" s="613"/>
      <c r="FDD655" s="613"/>
      <c r="FDE655" s="613"/>
      <c r="FDF655" s="613"/>
      <c r="FDG655" s="613"/>
      <c r="FDH655" s="613"/>
      <c r="FDI655" s="613"/>
      <c r="FDJ655" s="613"/>
      <c r="FDK655" s="613"/>
      <c r="FDL655" s="613"/>
      <c r="FDM655" s="613"/>
      <c r="FDN655" s="613"/>
      <c r="FDO655" s="613"/>
      <c r="FDP655" s="613"/>
      <c r="FDQ655" s="613"/>
      <c r="FDR655" s="613"/>
      <c r="FDS655" s="613"/>
      <c r="FDT655" s="613"/>
      <c r="FDU655" s="613"/>
      <c r="FDV655" s="613"/>
      <c r="FDW655" s="613"/>
      <c r="FDX655" s="613"/>
      <c r="FDY655" s="613"/>
      <c r="FDZ655" s="613"/>
      <c r="FEA655" s="613"/>
      <c r="FEB655" s="613"/>
      <c r="FEC655" s="613"/>
      <c r="FED655" s="613"/>
      <c r="FEE655" s="613"/>
      <c r="FEF655" s="613"/>
      <c r="FEG655" s="613"/>
      <c r="FEH655" s="613"/>
      <c r="FEI655" s="613"/>
      <c r="FEJ655" s="613"/>
      <c r="FEK655" s="613"/>
      <c r="FEL655" s="613"/>
      <c r="FEM655" s="613"/>
      <c r="FEN655" s="613"/>
      <c r="FEO655" s="613"/>
      <c r="FEP655" s="613"/>
      <c r="FEQ655" s="613"/>
      <c r="FER655" s="613"/>
      <c r="FES655" s="613"/>
      <c r="FET655" s="613"/>
      <c r="FEU655" s="613"/>
      <c r="FEV655" s="613"/>
      <c r="FEW655" s="613"/>
      <c r="FEX655" s="613"/>
      <c r="FEY655" s="613"/>
      <c r="FEZ655" s="613"/>
      <c r="FFA655" s="613"/>
      <c r="FFB655" s="613"/>
      <c r="FFC655" s="613"/>
      <c r="FFD655" s="613"/>
      <c r="FFE655" s="613"/>
      <c r="FFF655" s="613"/>
      <c r="FFG655" s="613"/>
      <c r="FFH655" s="613"/>
      <c r="FFI655" s="613"/>
      <c r="FFJ655" s="613"/>
      <c r="FFK655" s="613"/>
      <c r="FFL655" s="613"/>
      <c r="FFM655" s="613"/>
      <c r="FFN655" s="613"/>
      <c r="FFO655" s="613"/>
      <c r="FFP655" s="613"/>
      <c r="FFQ655" s="613"/>
      <c r="FFR655" s="613"/>
      <c r="FFS655" s="613"/>
      <c r="FFT655" s="613"/>
      <c r="FFU655" s="613"/>
      <c r="FFV655" s="613"/>
      <c r="FFW655" s="613"/>
      <c r="FFX655" s="613"/>
      <c r="FFY655" s="613"/>
      <c r="FFZ655" s="613"/>
      <c r="FGA655" s="613"/>
      <c r="FGB655" s="613"/>
      <c r="FGC655" s="613"/>
      <c r="FGD655" s="613"/>
      <c r="FGE655" s="613"/>
      <c r="FGF655" s="613"/>
      <c r="FGG655" s="613"/>
      <c r="FGH655" s="613"/>
      <c r="FGI655" s="613"/>
      <c r="FGJ655" s="613"/>
      <c r="FGK655" s="613"/>
      <c r="FGL655" s="613"/>
      <c r="FGM655" s="613"/>
      <c r="FGN655" s="613"/>
      <c r="FGO655" s="613"/>
      <c r="FGP655" s="613"/>
      <c r="FGQ655" s="613"/>
      <c r="FGR655" s="613"/>
      <c r="FGS655" s="613"/>
      <c r="FGT655" s="613"/>
      <c r="FGU655" s="613"/>
      <c r="FGV655" s="613"/>
      <c r="FGW655" s="613"/>
      <c r="FGX655" s="613"/>
      <c r="FGY655" s="613"/>
      <c r="FGZ655" s="613"/>
      <c r="FHA655" s="613"/>
      <c r="FHB655" s="613"/>
      <c r="FHC655" s="613"/>
      <c r="FHD655" s="613"/>
      <c r="FHE655" s="613"/>
      <c r="FHF655" s="613"/>
      <c r="FHG655" s="613"/>
      <c r="FHH655" s="613"/>
      <c r="FHI655" s="613"/>
      <c r="FHJ655" s="613"/>
      <c r="FHK655" s="613"/>
      <c r="FHL655" s="613"/>
      <c r="FHM655" s="613"/>
      <c r="FHN655" s="613"/>
      <c r="FHO655" s="613"/>
      <c r="FHP655" s="613"/>
      <c r="FHQ655" s="613"/>
      <c r="FHR655" s="613"/>
      <c r="FHS655" s="613"/>
      <c r="FHT655" s="613"/>
      <c r="FHU655" s="613"/>
      <c r="FHV655" s="613"/>
      <c r="FHW655" s="613"/>
      <c r="FHX655" s="613"/>
      <c r="FHY655" s="613"/>
      <c r="FHZ655" s="613"/>
      <c r="FIA655" s="613"/>
      <c r="FIB655" s="613"/>
      <c r="FIC655" s="613"/>
      <c r="FID655" s="613"/>
      <c r="FIE655" s="613"/>
      <c r="FIF655" s="613"/>
      <c r="FIG655" s="613"/>
      <c r="FIH655" s="613"/>
      <c r="FII655" s="613"/>
      <c r="FIJ655" s="613"/>
      <c r="FIK655" s="613"/>
      <c r="FIL655" s="613"/>
      <c r="FIM655" s="613"/>
      <c r="FIN655" s="613"/>
      <c r="FIO655" s="613"/>
      <c r="FIP655" s="613"/>
      <c r="FIQ655" s="613"/>
      <c r="FIR655" s="613"/>
      <c r="FIS655" s="613"/>
      <c r="FIT655" s="613"/>
      <c r="FIU655" s="613"/>
      <c r="FIV655" s="613"/>
      <c r="FIW655" s="613"/>
      <c r="FIX655" s="613"/>
      <c r="FIY655" s="613"/>
      <c r="FIZ655" s="613"/>
      <c r="FJA655" s="613"/>
      <c r="FJB655" s="613"/>
      <c r="FJC655" s="613"/>
      <c r="FJD655" s="613"/>
      <c r="FJE655" s="613"/>
      <c r="FJF655" s="613"/>
      <c r="FJG655" s="613"/>
      <c r="FJH655" s="613"/>
      <c r="FJI655" s="613"/>
      <c r="FJJ655" s="613"/>
      <c r="FJK655" s="613"/>
      <c r="FJL655" s="613"/>
      <c r="FJM655" s="613"/>
      <c r="FJN655" s="613"/>
      <c r="FJO655" s="613"/>
      <c r="FJP655" s="613"/>
      <c r="FJQ655" s="613"/>
      <c r="FJR655" s="613"/>
      <c r="FJS655" s="613"/>
      <c r="FJT655" s="613"/>
      <c r="FJU655" s="613"/>
      <c r="FJV655" s="613"/>
      <c r="FJW655" s="613"/>
      <c r="FJX655" s="613"/>
      <c r="FJY655" s="613"/>
      <c r="FJZ655" s="613"/>
      <c r="FKA655" s="613"/>
      <c r="FKB655" s="613"/>
      <c r="FKC655" s="613"/>
      <c r="FKD655" s="613"/>
      <c r="FKE655" s="613"/>
      <c r="FKF655" s="613"/>
      <c r="FKG655" s="613"/>
      <c r="FKH655" s="613"/>
      <c r="FKI655" s="613"/>
      <c r="FKJ655" s="613"/>
      <c r="FKK655" s="613"/>
      <c r="FKL655" s="613"/>
      <c r="FKM655" s="613"/>
      <c r="FKN655" s="613"/>
      <c r="FKO655" s="613"/>
      <c r="FKP655" s="613"/>
      <c r="FKQ655" s="613"/>
      <c r="FKR655" s="613"/>
      <c r="FKS655" s="613"/>
      <c r="FKT655" s="613"/>
      <c r="FKU655" s="613"/>
      <c r="FKV655" s="613"/>
      <c r="FKW655" s="613"/>
      <c r="FKX655" s="613"/>
      <c r="FKY655" s="613"/>
      <c r="FKZ655" s="613"/>
      <c r="FLA655" s="613"/>
      <c r="FLB655" s="613"/>
      <c r="FLC655" s="613"/>
      <c r="FLD655" s="613"/>
      <c r="FLE655" s="613"/>
      <c r="FLF655" s="613"/>
      <c r="FLG655" s="613"/>
      <c r="FLH655" s="613"/>
      <c r="FLI655" s="613"/>
      <c r="FLJ655" s="613"/>
      <c r="FLK655" s="613"/>
      <c r="FLL655" s="613"/>
      <c r="FLM655" s="613"/>
      <c r="FLN655" s="613"/>
      <c r="FLO655" s="613"/>
      <c r="FLP655" s="613"/>
      <c r="FLQ655" s="613"/>
      <c r="FLR655" s="613"/>
      <c r="FLS655" s="613"/>
      <c r="FLT655" s="613"/>
      <c r="FLU655" s="613"/>
      <c r="FLV655" s="613"/>
      <c r="FLW655" s="613"/>
      <c r="FLX655" s="613"/>
      <c r="FLY655" s="613"/>
      <c r="FLZ655" s="613"/>
      <c r="FMA655" s="613"/>
      <c r="FMB655" s="613"/>
      <c r="FMC655" s="613"/>
      <c r="FMD655" s="613"/>
      <c r="FME655" s="613"/>
      <c r="FMF655" s="613"/>
      <c r="FMG655" s="613"/>
      <c r="FMH655" s="613"/>
      <c r="FMI655" s="613"/>
      <c r="FMJ655" s="613"/>
      <c r="FMK655" s="613"/>
      <c r="FML655" s="613"/>
      <c r="FMM655" s="613"/>
      <c r="FMN655" s="613"/>
      <c r="FMO655" s="613"/>
      <c r="FMP655" s="613"/>
      <c r="FMQ655" s="613"/>
      <c r="FMR655" s="613"/>
      <c r="FMS655" s="613"/>
      <c r="FMT655" s="613"/>
      <c r="FMU655" s="613"/>
      <c r="FMV655" s="613"/>
      <c r="FMW655" s="613"/>
      <c r="FMX655" s="613"/>
      <c r="FMY655" s="613"/>
      <c r="FMZ655" s="613"/>
      <c r="FNA655" s="613"/>
      <c r="FNB655" s="613"/>
      <c r="FNC655" s="613"/>
      <c r="FND655" s="613"/>
      <c r="FNE655" s="613"/>
      <c r="FNF655" s="613"/>
      <c r="FNG655" s="613"/>
      <c r="FNH655" s="613"/>
      <c r="FNI655" s="613"/>
      <c r="FNJ655" s="613"/>
      <c r="FNK655" s="613"/>
      <c r="FNL655" s="613"/>
      <c r="FNM655" s="613"/>
      <c r="FNN655" s="613"/>
      <c r="FNO655" s="613"/>
      <c r="FNP655" s="613"/>
      <c r="FNQ655" s="613"/>
      <c r="FNR655" s="613"/>
      <c r="FNS655" s="613"/>
      <c r="FNT655" s="613"/>
      <c r="FNU655" s="613"/>
      <c r="FNV655" s="613"/>
      <c r="FNW655" s="613"/>
      <c r="FNX655" s="613"/>
      <c r="FNY655" s="613"/>
      <c r="FNZ655" s="613"/>
      <c r="FOA655" s="613"/>
      <c r="FOB655" s="613"/>
      <c r="FOC655" s="613"/>
      <c r="FOD655" s="613"/>
      <c r="FOE655" s="613"/>
      <c r="FOF655" s="613"/>
      <c r="FOG655" s="613"/>
      <c r="FOH655" s="613"/>
      <c r="FOI655" s="613"/>
      <c r="FOJ655" s="613"/>
      <c r="FOK655" s="613"/>
      <c r="FOL655" s="613"/>
      <c r="FOM655" s="613"/>
      <c r="FON655" s="613"/>
      <c r="FOO655" s="613"/>
      <c r="FOP655" s="613"/>
      <c r="FOQ655" s="613"/>
      <c r="FOR655" s="613"/>
      <c r="FOS655" s="613"/>
      <c r="FOT655" s="613"/>
      <c r="FOU655" s="613"/>
      <c r="FOV655" s="613"/>
      <c r="FOW655" s="613"/>
      <c r="FOX655" s="613"/>
      <c r="FOY655" s="613"/>
      <c r="FOZ655" s="613"/>
      <c r="FPA655" s="613"/>
      <c r="FPB655" s="613"/>
      <c r="FPC655" s="613"/>
      <c r="FPD655" s="613"/>
      <c r="FPE655" s="613"/>
      <c r="FPF655" s="613"/>
      <c r="FPG655" s="613"/>
      <c r="FPH655" s="613"/>
      <c r="FPI655" s="613"/>
      <c r="FPJ655" s="613"/>
      <c r="FPK655" s="613"/>
      <c r="FPL655" s="613"/>
      <c r="FPM655" s="613"/>
      <c r="FPN655" s="613"/>
      <c r="FPO655" s="613"/>
      <c r="FPP655" s="613"/>
      <c r="FPQ655" s="613"/>
      <c r="FPR655" s="613"/>
      <c r="FPS655" s="613"/>
      <c r="FPT655" s="613"/>
      <c r="FPU655" s="613"/>
      <c r="FPV655" s="613"/>
      <c r="FPW655" s="613"/>
      <c r="FPX655" s="613"/>
      <c r="FPY655" s="613"/>
      <c r="FPZ655" s="613"/>
      <c r="FQA655" s="613"/>
      <c r="FQB655" s="613"/>
      <c r="FQC655" s="613"/>
      <c r="FQD655" s="613"/>
      <c r="FQE655" s="613"/>
      <c r="FQF655" s="613"/>
      <c r="FQG655" s="613"/>
      <c r="FQH655" s="613"/>
      <c r="FQI655" s="613"/>
      <c r="FQJ655" s="613"/>
      <c r="FQK655" s="613"/>
      <c r="FQL655" s="613"/>
      <c r="FQM655" s="613"/>
      <c r="FQN655" s="613"/>
      <c r="FQO655" s="613"/>
      <c r="FQP655" s="613"/>
      <c r="FQQ655" s="613"/>
      <c r="FQR655" s="613"/>
      <c r="FQS655" s="613"/>
      <c r="FQT655" s="613"/>
      <c r="FQU655" s="613"/>
      <c r="FQV655" s="613"/>
      <c r="FQW655" s="613"/>
      <c r="FQX655" s="613"/>
      <c r="FQY655" s="613"/>
      <c r="FQZ655" s="613"/>
      <c r="FRA655" s="613"/>
      <c r="FRB655" s="613"/>
      <c r="FRC655" s="613"/>
      <c r="FRD655" s="613"/>
      <c r="FRE655" s="613"/>
      <c r="FRF655" s="613"/>
      <c r="FRG655" s="613"/>
      <c r="FRH655" s="613"/>
      <c r="FRI655" s="613"/>
      <c r="FRJ655" s="613"/>
      <c r="FRK655" s="613"/>
      <c r="FRL655" s="613"/>
      <c r="FRM655" s="613"/>
      <c r="FRN655" s="613"/>
      <c r="FRO655" s="613"/>
      <c r="FRP655" s="613"/>
      <c r="FRQ655" s="613"/>
      <c r="FRR655" s="613"/>
      <c r="FRS655" s="613"/>
      <c r="FRT655" s="613"/>
      <c r="FRU655" s="613"/>
      <c r="FRV655" s="613"/>
      <c r="FRW655" s="613"/>
      <c r="FRX655" s="613"/>
      <c r="FRY655" s="613"/>
      <c r="FRZ655" s="613"/>
      <c r="FSA655" s="613"/>
      <c r="FSB655" s="613"/>
      <c r="FSC655" s="613"/>
      <c r="FSD655" s="613"/>
      <c r="FSE655" s="613"/>
      <c r="FSF655" s="613"/>
      <c r="FSG655" s="613"/>
      <c r="FSH655" s="613"/>
      <c r="FSI655" s="613"/>
      <c r="FSJ655" s="613"/>
      <c r="FSK655" s="613"/>
      <c r="FSL655" s="613"/>
      <c r="FSM655" s="613"/>
      <c r="FSN655" s="613"/>
      <c r="FSO655" s="613"/>
      <c r="FSP655" s="613"/>
      <c r="FSQ655" s="613"/>
      <c r="FSR655" s="613"/>
      <c r="FSS655" s="613"/>
      <c r="FST655" s="613"/>
      <c r="FSU655" s="613"/>
      <c r="FSV655" s="613"/>
      <c r="FSW655" s="613"/>
      <c r="FSX655" s="613"/>
      <c r="FSY655" s="613"/>
      <c r="FSZ655" s="613"/>
      <c r="FTA655" s="613"/>
      <c r="FTB655" s="613"/>
      <c r="FTC655" s="613"/>
      <c r="FTD655" s="613"/>
      <c r="FTE655" s="613"/>
      <c r="FTF655" s="613"/>
      <c r="FTG655" s="613"/>
      <c r="FTH655" s="613"/>
      <c r="FTI655" s="613"/>
      <c r="FTJ655" s="613"/>
      <c r="FTK655" s="613"/>
      <c r="FTL655" s="613"/>
      <c r="FTM655" s="613"/>
      <c r="FTN655" s="613"/>
      <c r="FTO655" s="613"/>
      <c r="FTP655" s="613"/>
      <c r="FTQ655" s="613"/>
      <c r="FTR655" s="613"/>
      <c r="FTS655" s="613"/>
      <c r="FTT655" s="613"/>
      <c r="FTU655" s="613"/>
      <c r="FTV655" s="613"/>
      <c r="FTW655" s="613"/>
      <c r="FTX655" s="613"/>
      <c r="FTY655" s="613"/>
      <c r="FTZ655" s="613"/>
      <c r="FUA655" s="613"/>
      <c r="FUB655" s="613"/>
      <c r="FUC655" s="613"/>
      <c r="FUD655" s="613"/>
      <c r="FUE655" s="613"/>
      <c r="FUF655" s="613"/>
      <c r="FUG655" s="613"/>
      <c r="FUH655" s="613"/>
      <c r="FUI655" s="613"/>
      <c r="FUJ655" s="613"/>
      <c r="FUK655" s="613"/>
      <c r="FUL655" s="613"/>
      <c r="FUM655" s="613"/>
      <c r="FUN655" s="613"/>
      <c r="FUO655" s="613"/>
      <c r="FUP655" s="613"/>
      <c r="FUQ655" s="613"/>
      <c r="FUR655" s="613"/>
      <c r="FUS655" s="613"/>
      <c r="FUT655" s="613"/>
      <c r="FUU655" s="613"/>
      <c r="FUV655" s="613"/>
      <c r="FUW655" s="613"/>
      <c r="FUX655" s="613"/>
      <c r="FUY655" s="613"/>
      <c r="FUZ655" s="613"/>
      <c r="FVA655" s="613"/>
      <c r="FVB655" s="613"/>
      <c r="FVC655" s="613"/>
      <c r="FVD655" s="613"/>
      <c r="FVE655" s="613"/>
      <c r="FVF655" s="613"/>
      <c r="FVG655" s="613"/>
      <c r="FVH655" s="613"/>
      <c r="FVI655" s="613"/>
      <c r="FVJ655" s="613"/>
      <c r="FVK655" s="613"/>
      <c r="FVL655" s="613"/>
      <c r="FVM655" s="613"/>
      <c r="FVN655" s="613"/>
      <c r="FVO655" s="613"/>
      <c r="FVP655" s="613"/>
      <c r="FVQ655" s="613"/>
      <c r="FVR655" s="613"/>
      <c r="FVS655" s="613"/>
      <c r="FVT655" s="613"/>
      <c r="FVU655" s="613"/>
      <c r="FVV655" s="613"/>
      <c r="FVW655" s="613"/>
      <c r="FVX655" s="613"/>
      <c r="FVY655" s="613"/>
      <c r="FVZ655" s="613"/>
      <c r="FWA655" s="613"/>
      <c r="FWB655" s="613"/>
      <c r="FWC655" s="613"/>
      <c r="FWD655" s="613"/>
      <c r="FWE655" s="613"/>
      <c r="FWF655" s="613"/>
      <c r="FWG655" s="613"/>
      <c r="FWH655" s="613"/>
      <c r="FWI655" s="613"/>
      <c r="FWJ655" s="613"/>
      <c r="FWK655" s="613"/>
      <c r="FWL655" s="613"/>
      <c r="FWM655" s="613"/>
      <c r="FWN655" s="613"/>
      <c r="FWO655" s="613"/>
      <c r="FWP655" s="613"/>
      <c r="FWQ655" s="613"/>
      <c r="FWR655" s="613"/>
      <c r="FWS655" s="613"/>
      <c r="FWT655" s="613"/>
      <c r="FWU655" s="613"/>
      <c r="FWV655" s="613"/>
      <c r="FWW655" s="613"/>
      <c r="FWX655" s="613"/>
      <c r="FWY655" s="613"/>
      <c r="FWZ655" s="613"/>
      <c r="FXA655" s="613"/>
      <c r="FXB655" s="613"/>
      <c r="FXC655" s="613"/>
      <c r="FXD655" s="613"/>
      <c r="FXE655" s="613"/>
      <c r="FXF655" s="613"/>
      <c r="FXG655" s="613"/>
      <c r="FXH655" s="613"/>
      <c r="FXI655" s="613"/>
      <c r="FXJ655" s="613"/>
      <c r="FXK655" s="613"/>
      <c r="FXL655" s="613"/>
      <c r="FXM655" s="613"/>
      <c r="FXN655" s="613"/>
      <c r="FXO655" s="613"/>
      <c r="FXP655" s="613"/>
      <c r="FXQ655" s="613"/>
      <c r="FXR655" s="613"/>
      <c r="FXS655" s="613"/>
      <c r="FXT655" s="613"/>
      <c r="FXU655" s="613"/>
      <c r="FXV655" s="613"/>
      <c r="FXW655" s="613"/>
      <c r="FXX655" s="613"/>
      <c r="FXY655" s="613"/>
      <c r="FXZ655" s="613"/>
      <c r="FYA655" s="613"/>
      <c r="FYB655" s="613"/>
      <c r="FYC655" s="613"/>
      <c r="FYD655" s="613"/>
      <c r="FYE655" s="613"/>
      <c r="FYF655" s="613"/>
      <c r="FYG655" s="613"/>
      <c r="FYH655" s="613"/>
      <c r="FYI655" s="613"/>
      <c r="FYJ655" s="613"/>
      <c r="FYK655" s="613"/>
      <c r="FYL655" s="613"/>
      <c r="FYM655" s="613"/>
      <c r="FYN655" s="613"/>
      <c r="FYO655" s="613"/>
      <c r="FYP655" s="613"/>
      <c r="FYQ655" s="613"/>
      <c r="FYR655" s="613"/>
      <c r="FYS655" s="613"/>
      <c r="FYT655" s="613"/>
      <c r="FYU655" s="613"/>
      <c r="FYV655" s="613"/>
      <c r="FYW655" s="613"/>
      <c r="FYX655" s="613"/>
      <c r="FYY655" s="613"/>
      <c r="FYZ655" s="613"/>
      <c r="FZA655" s="613"/>
      <c r="FZB655" s="613"/>
      <c r="FZC655" s="613"/>
      <c r="FZD655" s="613"/>
      <c r="FZE655" s="613"/>
      <c r="FZF655" s="613"/>
      <c r="FZG655" s="613"/>
      <c r="FZH655" s="613"/>
      <c r="FZI655" s="613"/>
      <c r="FZJ655" s="613"/>
      <c r="FZK655" s="613"/>
      <c r="FZL655" s="613"/>
      <c r="FZM655" s="613"/>
      <c r="FZN655" s="613"/>
      <c r="FZO655" s="613"/>
      <c r="FZP655" s="613"/>
      <c r="FZQ655" s="613"/>
      <c r="FZR655" s="613"/>
      <c r="FZS655" s="613"/>
      <c r="FZT655" s="613"/>
      <c r="FZU655" s="613"/>
      <c r="FZV655" s="613"/>
      <c r="FZW655" s="613"/>
      <c r="FZX655" s="613"/>
      <c r="FZY655" s="613"/>
      <c r="FZZ655" s="613"/>
      <c r="GAA655" s="613"/>
      <c r="GAB655" s="613"/>
      <c r="GAC655" s="613"/>
      <c r="GAD655" s="613"/>
      <c r="GAE655" s="613"/>
      <c r="GAF655" s="613"/>
      <c r="GAG655" s="613"/>
      <c r="GAH655" s="613"/>
      <c r="GAI655" s="613"/>
      <c r="GAJ655" s="613"/>
      <c r="GAK655" s="613"/>
      <c r="GAL655" s="613"/>
      <c r="GAM655" s="613"/>
      <c r="GAN655" s="613"/>
      <c r="GAO655" s="613"/>
      <c r="GAP655" s="613"/>
      <c r="GAQ655" s="613"/>
      <c r="GAR655" s="613"/>
      <c r="GAS655" s="613"/>
      <c r="GAT655" s="613"/>
      <c r="GAU655" s="613"/>
      <c r="GAV655" s="613"/>
      <c r="GAW655" s="613"/>
      <c r="GAX655" s="613"/>
      <c r="GAY655" s="613"/>
      <c r="GAZ655" s="613"/>
      <c r="GBA655" s="613"/>
      <c r="GBB655" s="613"/>
      <c r="GBC655" s="613"/>
      <c r="GBD655" s="613"/>
      <c r="GBE655" s="613"/>
      <c r="GBF655" s="613"/>
      <c r="GBG655" s="613"/>
      <c r="GBH655" s="613"/>
      <c r="GBI655" s="613"/>
      <c r="GBJ655" s="613"/>
      <c r="GBK655" s="613"/>
      <c r="GBL655" s="613"/>
      <c r="GBM655" s="613"/>
      <c r="GBN655" s="613"/>
      <c r="GBO655" s="613"/>
      <c r="GBP655" s="613"/>
      <c r="GBQ655" s="613"/>
      <c r="GBR655" s="613"/>
      <c r="GBS655" s="613"/>
      <c r="GBT655" s="613"/>
      <c r="GBU655" s="613"/>
      <c r="GBV655" s="613"/>
      <c r="GBW655" s="613"/>
      <c r="GBX655" s="613"/>
      <c r="GBY655" s="613"/>
      <c r="GBZ655" s="613"/>
      <c r="GCA655" s="613"/>
      <c r="GCB655" s="613"/>
      <c r="GCC655" s="613"/>
      <c r="GCD655" s="613"/>
      <c r="GCE655" s="613"/>
      <c r="GCF655" s="613"/>
      <c r="GCG655" s="613"/>
      <c r="GCH655" s="613"/>
      <c r="GCI655" s="613"/>
      <c r="GCJ655" s="613"/>
      <c r="GCK655" s="613"/>
      <c r="GCL655" s="613"/>
      <c r="GCM655" s="613"/>
      <c r="GCN655" s="613"/>
      <c r="GCO655" s="613"/>
      <c r="GCP655" s="613"/>
      <c r="GCQ655" s="613"/>
      <c r="GCR655" s="613"/>
      <c r="GCS655" s="613"/>
      <c r="GCT655" s="613"/>
      <c r="GCU655" s="613"/>
      <c r="GCV655" s="613"/>
      <c r="GCW655" s="613"/>
      <c r="GCX655" s="613"/>
      <c r="GCY655" s="613"/>
      <c r="GCZ655" s="613"/>
      <c r="GDA655" s="613"/>
      <c r="GDB655" s="613"/>
      <c r="GDC655" s="613"/>
      <c r="GDD655" s="613"/>
      <c r="GDE655" s="613"/>
      <c r="GDF655" s="613"/>
      <c r="GDG655" s="613"/>
      <c r="GDH655" s="613"/>
      <c r="GDI655" s="613"/>
      <c r="GDJ655" s="613"/>
      <c r="GDK655" s="613"/>
      <c r="GDL655" s="613"/>
      <c r="GDM655" s="613"/>
      <c r="GDN655" s="613"/>
      <c r="GDO655" s="613"/>
      <c r="GDP655" s="613"/>
      <c r="GDQ655" s="613"/>
      <c r="GDR655" s="613"/>
      <c r="GDS655" s="613"/>
      <c r="GDT655" s="613"/>
      <c r="GDU655" s="613"/>
      <c r="GDV655" s="613"/>
      <c r="GDW655" s="613"/>
      <c r="GDX655" s="613"/>
      <c r="GDY655" s="613"/>
      <c r="GDZ655" s="613"/>
      <c r="GEA655" s="613"/>
      <c r="GEB655" s="613"/>
      <c r="GEC655" s="613"/>
      <c r="GED655" s="613"/>
      <c r="GEE655" s="613"/>
      <c r="GEF655" s="613"/>
      <c r="GEG655" s="613"/>
      <c r="GEH655" s="613"/>
      <c r="GEI655" s="613"/>
      <c r="GEJ655" s="613"/>
      <c r="GEK655" s="613"/>
      <c r="GEL655" s="613"/>
      <c r="GEM655" s="613"/>
      <c r="GEN655" s="613"/>
      <c r="GEO655" s="613"/>
      <c r="GEP655" s="613"/>
      <c r="GEQ655" s="613"/>
      <c r="GER655" s="613"/>
      <c r="GES655" s="613"/>
      <c r="GET655" s="613"/>
      <c r="GEU655" s="613"/>
      <c r="GEV655" s="613"/>
      <c r="GEW655" s="613"/>
      <c r="GEX655" s="613"/>
      <c r="GEY655" s="613"/>
      <c r="GEZ655" s="613"/>
      <c r="GFA655" s="613"/>
      <c r="GFB655" s="613"/>
      <c r="GFC655" s="613"/>
      <c r="GFD655" s="613"/>
      <c r="GFE655" s="613"/>
      <c r="GFF655" s="613"/>
      <c r="GFG655" s="613"/>
      <c r="GFH655" s="613"/>
      <c r="GFI655" s="613"/>
      <c r="GFJ655" s="613"/>
      <c r="GFK655" s="613"/>
      <c r="GFL655" s="613"/>
      <c r="GFM655" s="613"/>
      <c r="GFN655" s="613"/>
      <c r="GFO655" s="613"/>
      <c r="GFP655" s="613"/>
      <c r="GFQ655" s="613"/>
      <c r="GFR655" s="613"/>
      <c r="GFS655" s="613"/>
      <c r="GFT655" s="613"/>
      <c r="GFU655" s="613"/>
      <c r="GFV655" s="613"/>
      <c r="GFW655" s="613"/>
      <c r="GFX655" s="613"/>
      <c r="GFY655" s="613"/>
      <c r="GFZ655" s="613"/>
      <c r="GGA655" s="613"/>
      <c r="GGB655" s="613"/>
      <c r="GGC655" s="613"/>
      <c r="GGD655" s="613"/>
      <c r="GGE655" s="613"/>
      <c r="GGF655" s="613"/>
      <c r="GGG655" s="613"/>
      <c r="GGH655" s="613"/>
      <c r="GGI655" s="613"/>
      <c r="GGJ655" s="613"/>
      <c r="GGK655" s="613"/>
      <c r="GGL655" s="613"/>
      <c r="GGM655" s="613"/>
      <c r="GGN655" s="613"/>
      <c r="GGO655" s="613"/>
      <c r="GGP655" s="613"/>
      <c r="GGQ655" s="613"/>
      <c r="GGR655" s="613"/>
      <c r="GGS655" s="613"/>
      <c r="GGT655" s="613"/>
      <c r="GGU655" s="613"/>
      <c r="GGV655" s="613"/>
      <c r="GGW655" s="613"/>
      <c r="GGX655" s="613"/>
      <c r="GGY655" s="613"/>
      <c r="GGZ655" s="613"/>
      <c r="GHA655" s="613"/>
      <c r="GHB655" s="613"/>
      <c r="GHC655" s="613"/>
      <c r="GHD655" s="613"/>
      <c r="GHE655" s="613"/>
      <c r="GHF655" s="613"/>
      <c r="GHG655" s="613"/>
      <c r="GHH655" s="613"/>
      <c r="GHI655" s="613"/>
      <c r="GHJ655" s="613"/>
      <c r="GHK655" s="613"/>
      <c r="GHL655" s="613"/>
      <c r="GHM655" s="613"/>
      <c r="GHN655" s="613"/>
      <c r="GHO655" s="613"/>
      <c r="GHP655" s="613"/>
      <c r="GHQ655" s="613"/>
      <c r="GHR655" s="613"/>
      <c r="GHS655" s="613"/>
      <c r="GHT655" s="613"/>
      <c r="GHU655" s="613"/>
      <c r="GHV655" s="613"/>
      <c r="GHW655" s="613"/>
      <c r="GHX655" s="613"/>
      <c r="GHY655" s="613"/>
      <c r="GHZ655" s="613"/>
      <c r="GIA655" s="613"/>
      <c r="GIB655" s="613"/>
      <c r="GIC655" s="613"/>
      <c r="GID655" s="613"/>
      <c r="GIE655" s="613"/>
      <c r="GIF655" s="613"/>
      <c r="GIG655" s="613"/>
      <c r="GIH655" s="613"/>
      <c r="GII655" s="613"/>
      <c r="GIJ655" s="613"/>
      <c r="GIK655" s="613"/>
      <c r="GIL655" s="613"/>
      <c r="GIM655" s="613"/>
      <c r="GIN655" s="613"/>
      <c r="GIO655" s="613"/>
      <c r="GIP655" s="613"/>
      <c r="GIQ655" s="613"/>
      <c r="GIR655" s="613"/>
      <c r="GIS655" s="613"/>
      <c r="GIT655" s="613"/>
      <c r="GIU655" s="613"/>
      <c r="GIV655" s="613"/>
      <c r="GIW655" s="613"/>
      <c r="GIX655" s="613"/>
      <c r="GIY655" s="613"/>
      <c r="GIZ655" s="613"/>
      <c r="GJA655" s="613"/>
      <c r="GJB655" s="613"/>
      <c r="GJC655" s="613"/>
      <c r="GJD655" s="613"/>
      <c r="GJE655" s="613"/>
      <c r="GJF655" s="613"/>
      <c r="GJG655" s="613"/>
      <c r="GJH655" s="613"/>
      <c r="GJI655" s="613"/>
      <c r="GJJ655" s="613"/>
      <c r="GJK655" s="613"/>
      <c r="GJL655" s="613"/>
      <c r="GJM655" s="613"/>
      <c r="GJN655" s="613"/>
      <c r="GJO655" s="613"/>
      <c r="GJP655" s="613"/>
      <c r="GJQ655" s="613"/>
      <c r="GJR655" s="613"/>
      <c r="GJS655" s="613"/>
      <c r="GJT655" s="613"/>
      <c r="GJU655" s="613"/>
      <c r="GJV655" s="613"/>
      <c r="GJW655" s="613"/>
      <c r="GJX655" s="613"/>
      <c r="GJY655" s="613"/>
      <c r="GJZ655" s="613"/>
      <c r="GKA655" s="613"/>
      <c r="GKB655" s="613"/>
      <c r="GKC655" s="613"/>
      <c r="GKD655" s="613"/>
      <c r="GKE655" s="613"/>
      <c r="GKF655" s="613"/>
      <c r="GKG655" s="613"/>
      <c r="GKH655" s="613"/>
      <c r="GKI655" s="613"/>
      <c r="GKJ655" s="613"/>
      <c r="GKK655" s="613"/>
      <c r="GKL655" s="613"/>
      <c r="GKM655" s="613"/>
      <c r="GKN655" s="613"/>
      <c r="GKO655" s="613"/>
      <c r="GKP655" s="613"/>
      <c r="GKQ655" s="613"/>
      <c r="GKR655" s="613"/>
      <c r="GKS655" s="613"/>
      <c r="GKT655" s="613"/>
      <c r="GKU655" s="613"/>
      <c r="GKV655" s="613"/>
      <c r="GKW655" s="613"/>
      <c r="GKX655" s="613"/>
      <c r="GKY655" s="613"/>
      <c r="GKZ655" s="613"/>
      <c r="GLA655" s="613"/>
      <c r="GLB655" s="613"/>
      <c r="GLC655" s="613"/>
      <c r="GLD655" s="613"/>
      <c r="GLE655" s="613"/>
      <c r="GLF655" s="613"/>
      <c r="GLG655" s="613"/>
      <c r="GLH655" s="613"/>
      <c r="GLI655" s="613"/>
      <c r="GLJ655" s="613"/>
      <c r="GLK655" s="613"/>
      <c r="GLL655" s="613"/>
      <c r="GLM655" s="613"/>
      <c r="GLN655" s="613"/>
      <c r="GLO655" s="613"/>
      <c r="GLP655" s="613"/>
      <c r="GLQ655" s="613"/>
      <c r="GLR655" s="613"/>
      <c r="GLS655" s="613"/>
      <c r="GLT655" s="613"/>
      <c r="GLU655" s="613"/>
      <c r="GLV655" s="613"/>
      <c r="GLW655" s="613"/>
      <c r="GLX655" s="613"/>
      <c r="GLY655" s="613"/>
      <c r="GLZ655" s="613"/>
      <c r="GMA655" s="613"/>
      <c r="GMB655" s="613"/>
      <c r="GMC655" s="613"/>
      <c r="GMD655" s="613"/>
      <c r="GME655" s="613"/>
      <c r="GMF655" s="613"/>
      <c r="GMG655" s="613"/>
      <c r="GMH655" s="613"/>
      <c r="GMI655" s="613"/>
      <c r="GMJ655" s="613"/>
      <c r="GMK655" s="613"/>
      <c r="GML655" s="613"/>
      <c r="GMM655" s="613"/>
      <c r="GMN655" s="613"/>
      <c r="GMO655" s="613"/>
      <c r="GMP655" s="613"/>
      <c r="GMQ655" s="613"/>
      <c r="GMR655" s="613"/>
      <c r="GMS655" s="613"/>
      <c r="GMT655" s="613"/>
      <c r="GMU655" s="613"/>
      <c r="GMV655" s="613"/>
      <c r="GMW655" s="613"/>
      <c r="GMX655" s="613"/>
      <c r="GMY655" s="613"/>
      <c r="GMZ655" s="613"/>
      <c r="GNA655" s="613"/>
      <c r="GNB655" s="613"/>
      <c r="GNC655" s="613"/>
      <c r="GND655" s="613"/>
      <c r="GNE655" s="613"/>
      <c r="GNF655" s="613"/>
      <c r="GNG655" s="613"/>
      <c r="GNH655" s="613"/>
      <c r="GNI655" s="613"/>
      <c r="GNJ655" s="613"/>
      <c r="GNK655" s="613"/>
      <c r="GNL655" s="613"/>
      <c r="GNM655" s="613"/>
      <c r="GNN655" s="613"/>
      <c r="GNO655" s="613"/>
      <c r="GNP655" s="613"/>
      <c r="GNQ655" s="613"/>
      <c r="GNR655" s="613"/>
      <c r="GNS655" s="613"/>
      <c r="GNT655" s="613"/>
      <c r="GNU655" s="613"/>
      <c r="GNV655" s="613"/>
      <c r="GNW655" s="613"/>
      <c r="GNX655" s="613"/>
      <c r="GNY655" s="613"/>
      <c r="GNZ655" s="613"/>
      <c r="GOA655" s="613"/>
      <c r="GOB655" s="613"/>
      <c r="GOC655" s="613"/>
      <c r="GOD655" s="613"/>
      <c r="GOE655" s="613"/>
      <c r="GOF655" s="613"/>
      <c r="GOG655" s="613"/>
      <c r="GOH655" s="613"/>
      <c r="GOI655" s="613"/>
      <c r="GOJ655" s="613"/>
      <c r="GOK655" s="613"/>
      <c r="GOL655" s="613"/>
      <c r="GOM655" s="613"/>
      <c r="GON655" s="613"/>
      <c r="GOO655" s="613"/>
      <c r="GOP655" s="613"/>
      <c r="GOQ655" s="613"/>
      <c r="GOR655" s="613"/>
      <c r="GOS655" s="613"/>
      <c r="GOT655" s="613"/>
      <c r="GOU655" s="613"/>
      <c r="GOV655" s="613"/>
      <c r="GOW655" s="613"/>
      <c r="GOX655" s="613"/>
      <c r="GOY655" s="613"/>
      <c r="GOZ655" s="613"/>
      <c r="GPA655" s="613"/>
      <c r="GPB655" s="613"/>
      <c r="GPC655" s="613"/>
      <c r="GPD655" s="613"/>
      <c r="GPE655" s="613"/>
      <c r="GPF655" s="613"/>
      <c r="GPG655" s="613"/>
      <c r="GPH655" s="613"/>
      <c r="GPI655" s="613"/>
      <c r="GPJ655" s="613"/>
      <c r="GPK655" s="613"/>
      <c r="GPL655" s="613"/>
      <c r="GPM655" s="613"/>
      <c r="GPN655" s="613"/>
      <c r="GPO655" s="613"/>
      <c r="GPP655" s="613"/>
      <c r="GPQ655" s="613"/>
      <c r="GPR655" s="613"/>
      <c r="GPS655" s="613"/>
      <c r="GPT655" s="613"/>
      <c r="GPU655" s="613"/>
      <c r="GPV655" s="613"/>
      <c r="GPW655" s="613"/>
      <c r="GPX655" s="613"/>
      <c r="GPY655" s="613"/>
      <c r="GPZ655" s="613"/>
      <c r="GQA655" s="613"/>
      <c r="GQB655" s="613"/>
      <c r="GQC655" s="613"/>
      <c r="GQD655" s="613"/>
      <c r="GQE655" s="613"/>
      <c r="GQF655" s="613"/>
      <c r="GQG655" s="613"/>
      <c r="GQH655" s="613"/>
      <c r="GQI655" s="613"/>
      <c r="GQJ655" s="613"/>
      <c r="GQK655" s="613"/>
      <c r="GQL655" s="613"/>
      <c r="GQM655" s="613"/>
      <c r="GQN655" s="613"/>
      <c r="GQO655" s="613"/>
      <c r="GQP655" s="613"/>
      <c r="GQQ655" s="613"/>
      <c r="GQR655" s="613"/>
      <c r="GQS655" s="613"/>
      <c r="GQT655" s="613"/>
      <c r="GQU655" s="613"/>
      <c r="GQV655" s="613"/>
      <c r="GQW655" s="613"/>
      <c r="GQX655" s="613"/>
      <c r="GQY655" s="613"/>
      <c r="GQZ655" s="613"/>
      <c r="GRA655" s="613"/>
      <c r="GRB655" s="613"/>
      <c r="GRC655" s="613"/>
      <c r="GRD655" s="613"/>
      <c r="GRE655" s="613"/>
      <c r="GRF655" s="613"/>
      <c r="GRG655" s="613"/>
      <c r="GRH655" s="613"/>
      <c r="GRI655" s="613"/>
      <c r="GRJ655" s="613"/>
      <c r="GRK655" s="613"/>
      <c r="GRL655" s="613"/>
      <c r="GRM655" s="613"/>
      <c r="GRN655" s="613"/>
      <c r="GRO655" s="613"/>
      <c r="GRP655" s="613"/>
      <c r="GRQ655" s="613"/>
      <c r="GRR655" s="613"/>
      <c r="GRS655" s="613"/>
      <c r="GRT655" s="613"/>
      <c r="GRU655" s="613"/>
      <c r="GRV655" s="613"/>
      <c r="GRW655" s="613"/>
      <c r="GRX655" s="613"/>
      <c r="GRY655" s="613"/>
      <c r="GRZ655" s="613"/>
      <c r="GSA655" s="613"/>
      <c r="GSB655" s="613"/>
      <c r="GSC655" s="613"/>
      <c r="GSD655" s="613"/>
      <c r="GSE655" s="613"/>
      <c r="GSF655" s="613"/>
      <c r="GSG655" s="613"/>
      <c r="GSH655" s="613"/>
      <c r="GSI655" s="613"/>
      <c r="GSJ655" s="613"/>
      <c r="GSK655" s="613"/>
      <c r="GSL655" s="613"/>
      <c r="GSM655" s="613"/>
      <c r="GSN655" s="613"/>
      <c r="GSO655" s="613"/>
      <c r="GSP655" s="613"/>
      <c r="GSQ655" s="613"/>
      <c r="GSR655" s="613"/>
      <c r="GSS655" s="613"/>
      <c r="GST655" s="613"/>
      <c r="GSU655" s="613"/>
      <c r="GSV655" s="613"/>
      <c r="GSW655" s="613"/>
      <c r="GSX655" s="613"/>
      <c r="GSY655" s="613"/>
      <c r="GSZ655" s="613"/>
      <c r="GTA655" s="613"/>
      <c r="GTB655" s="613"/>
      <c r="GTC655" s="613"/>
      <c r="GTD655" s="613"/>
      <c r="GTE655" s="613"/>
      <c r="GTF655" s="613"/>
      <c r="GTG655" s="613"/>
      <c r="GTH655" s="613"/>
      <c r="GTI655" s="613"/>
      <c r="GTJ655" s="613"/>
      <c r="GTK655" s="613"/>
      <c r="GTL655" s="613"/>
      <c r="GTM655" s="613"/>
      <c r="GTN655" s="613"/>
      <c r="GTO655" s="613"/>
      <c r="GTP655" s="613"/>
      <c r="GTQ655" s="613"/>
      <c r="GTR655" s="613"/>
      <c r="GTS655" s="613"/>
      <c r="GTT655" s="613"/>
      <c r="GTU655" s="613"/>
      <c r="GTV655" s="613"/>
      <c r="GTW655" s="613"/>
      <c r="GTX655" s="613"/>
      <c r="GTY655" s="613"/>
      <c r="GTZ655" s="613"/>
      <c r="GUA655" s="613"/>
      <c r="GUB655" s="613"/>
      <c r="GUC655" s="613"/>
      <c r="GUD655" s="613"/>
      <c r="GUE655" s="613"/>
      <c r="GUF655" s="613"/>
      <c r="GUG655" s="613"/>
      <c r="GUH655" s="613"/>
      <c r="GUI655" s="613"/>
      <c r="GUJ655" s="613"/>
      <c r="GUK655" s="613"/>
      <c r="GUL655" s="613"/>
      <c r="GUM655" s="613"/>
      <c r="GUN655" s="613"/>
      <c r="GUO655" s="613"/>
      <c r="GUP655" s="613"/>
      <c r="GUQ655" s="613"/>
      <c r="GUR655" s="613"/>
      <c r="GUS655" s="613"/>
      <c r="GUT655" s="613"/>
      <c r="GUU655" s="613"/>
      <c r="GUV655" s="613"/>
      <c r="GUW655" s="613"/>
      <c r="GUX655" s="613"/>
      <c r="GUY655" s="613"/>
      <c r="GUZ655" s="613"/>
      <c r="GVA655" s="613"/>
      <c r="GVB655" s="613"/>
      <c r="GVC655" s="613"/>
      <c r="GVD655" s="613"/>
      <c r="GVE655" s="613"/>
      <c r="GVF655" s="613"/>
      <c r="GVG655" s="613"/>
      <c r="GVH655" s="613"/>
      <c r="GVI655" s="613"/>
      <c r="GVJ655" s="613"/>
      <c r="GVK655" s="613"/>
      <c r="GVL655" s="613"/>
      <c r="GVM655" s="613"/>
      <c r="GVN655" s="613"/>
      <c r="GVO655" s="613"/>
      <c r="GVP655" s="613"/>
      <c r="GVQ655" s="613"/>
      <c r="GVR655" s="613"/>
      <c r="GVS655" s="613"/>
      <c r="GVT655" s="613"/>
      <c r="GVU655" s="613"/>
      <c r="GVV655" s="613"/>
      <c r="GVW655" s="613"/>
      <c r="GVX655" s="613"/>
      <c r="GVY655" s="613"/>
      <c r="GVZ655" s="613"/>
      <c r="GWA655" s="613"/>
      <c r="GWB655" s="613"/>
      <c r="GWC655" s="613"/>
      <c r="GWD655" s="613"/>
      <c r="GWE655" s="613"/>
      <c r="GWF655" s="613"/>
      <c r="GWG655" s="613"/>
      <c r="GWH655" s="613"/>
      <c r="GWI655" s="613"/>
      <c r="GWJ655" s="613"/>
      <c r="GWK655" s="613"/>
      <c r="GWL655" s="613"/>
      <c r="GWM655" s="613"/>
      <c r="GWN655" s="613"/>
      <c r="GWO655" s="613"/>
      <c r="GWP655" s="613"/>
      <c r="GWQ655" s="613"/>
      <c r="GWR655" s="613"/>
      <c r="GWS655" s="613"/>
      <c r="GWT655" s="613"/>
      <c r="GWU655" s="613"/>
      <c r="GWV655" s="613"/>
      <c r="GWW655" s="613"/>
      <c r="GWX655" s="613"/>
      <c r="GWY655" s="613"/>
      <c r="GWZ655" s="613"/>
      <c r="GXA655" s="613"/>
      <c r="GXB655" s="613"/>
      <c r="GXC655" s="613"/>
      <c r="GXD655" s="613"/>
      <c r="GXE655" s="613"/>
      <c r="GXF655" s="613"/>
      <c r="GXG655" s="613"/>
      <c r="GXH655" s="613"/>
      <c r="GXI655" s="613"/>
      <c r="GXJ655" s="613"/>
      <c r="GXK655" s="613"/>
      <c r="GXL655" s="613"/>
      <c r="GXM655" s="613"/>
      <c r="GXN655" s="613"/>
      <c r="GXO655" s="613"/>
      <c r="GXP655" s="613"/>
      <c r="GXQ655" s="613"/>
      <c r="GXR655" s="613"/>
      <c r="GXS655" s="613"/>
      <c r="GXT655" s="613"/>
      <c r="GXU655" s="613"/>
      <c r="GXV655" s="613"/>
      <c r="GXW655" s="613"/>
      <c r="GXX655" s="613"/>
      <c r="GXY655" s="613"/>
      <c r="GXZ655" s="613"/>
      <c r="GYA655" s="613"/>
      <c r="GYB655" s="613"/>
      <c r="GYC655" s="613"/>
      <c r="GYD655" s="613"/>
      <c r="GYE655" s="613"/>
      <c r="GYF655" s="613"/>
      <c r="GYG655" s="613"/>
      <c r="GYH655" s="613"/>
      <c r="GYI655" s="613"/>
      <c r="GYJ655" s="613"/>
      <c r="GYK655" s="613"/>
      <c r="GYL655" s="613"/>
      <c r="GYM655" s="613"/>
      <c r="GYN655" s="613"/>
      <c r="GYO655" s="613"/>
      <c r="GYP655" s="613"/>
      <c r="GYQ655" s="613"/>
      <c r="GYR655" s="613"/>
      <c r="GYS655" s="613"/>
      <c r="GYT655" s="613"/>
      <c r="GYU655" s="613"/>
      <c r="GYV655" s="613"/>
      <c r="GYW655" s="613"/>
      <c r="GYX655" s="613"/>
      <c r="GYY655" s="613"/>
      <c r="GYZ655" s="613"/>
      <c r="GZA655" s="613"/>
      <c r="GZB655" s="613"/>
      <c r="GZC655" s="613"/>
      <c r="GZD655" s="613"/>
      <c r="GZE655" s="613"/>
      <c r="GZF655" s="613"/>
      <c r="GZG655" s="613"/>
      <c r="GZH655" s="613"/>
      <c r="GZI655" s="613"/>
      <c r="GZJ655" s="613"/>
      <c r="GZK655" s="613"/>
      <c r="GZL655" s="613"/>
      <c r="GZM655" s="613"/>
      <c r="GZN655" s="613"/>
      <c r="GZO655" s="613"/>
      <c r="GZP655" s="613"/>
      <c r="GZQ655" s="613"/>
      <c r="GZR655" s="613"/>
      <c r="GZS655" s="613"/>
      <c r="GZT655" s="613"/>
      <c r="GZU655" s="613"/>
      <c r="GZV655" s="613"/>
      <c r="GZW655" s="613"/>
      <c r="GZX655" s="613"/>
      <c r="GZY655" s="613"/>
      <c r="GZZ655" s="613"/>
      <c r="HAA655" s="613"/>
      <c r="HAB655" s="613"/>
      <c r="HAC655" s="613"/>
      <c r="HAD655" s="613"/>
      <c r="HAE655" s="613"/>
      <c r="HAF655" s="613"/>
      <c r="HAG655" s="613"/>
      <c r="HAH655" s="613"/>
      <c r="HAI655" s="613"/>
      <c r="HAJ655" s="613"/>
      <c r="HAK655" s="613"/>
      <c r="HAL655" s="613"/>
      <c r="HAM655" s="613"/>
      <c r="HAN655" s="613"/>
      <c r="HAO655" s="613"/>
      <c r="HAP655" s="613"/>
      <c r="HAQ655" s="613"/>
      <c r="HAR655" s="613"/>
      <c r="HAS655" s="613"/>
      <c r="HAT655" s="613"/>
      <c r="HAU655" s="613"/>
      <c r="HAV655" s="613"/>
      <c r="HAW655" s="613"/>
      <c r="HAX655" s="613"/>
      <c r="HAY655" s="613"/>
      <c r="HAZ655" s="613"/>
      <c r="HBA655" s="613"/>
      <c r="HBB655" s="613"/>
      <c r="HBC655" s="613"/>
      <c r="HBD655" s="613"/>
      <c r="HBE655" s="613"/>
      <c r="HBF655" s="613"/>
      <c r="HBG655" s="613"/>
      <c r="HBH655" s="613"/>
      <c r="HBI655" s="613"/>
      <c r="HBJ655" s="613"/>
      <c r="HBK655" s="613"/>
      <c r="HBL655" s="613"/>
      <c r="HBM655" s="613"/>
      <c r="HBN655" s="613"/>
      <c r="HBO655" s="613"/>
      <c r="HBP655" s="613"/>
      <c r="HBQ655" s="613"/>
      <c r="HBR655" s="613"/>
      <c r="HBS655" s="613"/>
      <c r="HBT655" s="613"/>
      <c r="HBU655" s="613"/>
      <c r="HBV655" s="613"/>
      <c r="HBW655" s="613"/>
      <c r="HBX655" s="613"/>
      <c r="HBY655" s="613"/>
      <c r="HBZ655" s="613"/>
      <c r="HCA655" s="613"/>
      <c r="HCB655" s="613"/>
      <c r="HCC655" s="613"/>
      <c r="HCD655" s="613"/>
      <c r="HCE655" s="613"/>
      <c r="HCF655" s="613"/>
      <c r="HCG655" s="613"/>
      <c r="HCH655" s="613"/>
      <c r="HCI655" s="613"/>
      <c r="HCJ655" s="613"/>
      <c r="HCK655" s="613"/>
      <c r="HCL655" s="613"/>
      <c r="HCM655" s="613"/>
      <c r="HCN655" s="613"/>
      <c r="HCO655" s="613"/>
      <c r="HCP655" s="613"/>
      <c r="HCQ655" s="613"/>
      <c r="HCR655" s="613"/>
      <c r="HCS655" s="613"/>
      <c r="HCT655" s="613"/>
      <c r="HCU655" s="613"/>
      <c r="HCV655" s="613"/>
      <c r="HCW655" s="613"/>
      <c r="HCX655" s="613"/>
      <c r="HCY655" s="613"/>
      <c r="HCZ655" s="613"/>
      <c r="HDA655" s="613"/>
      <c r="HDB655" s="613"/>
      <c r="HDC655" s="613"/>
      <c r="HDD655" s="613"/>
      <c r="HDE655" s="613"/>
      <c r="HDF655" s="613"/>
      <c r="HDG655" s="613"/>
      <c r="HDH655" s="613"/>
      <c r="HDI655" s="613"/>
      <c r="HDJ655" s="613"/>
      <c r="HDK655" s="613"/>
      <c r="HDL655" s="613"/>
      <c r="HDM655" s="613"/>
      <c r="HDN655" s="613"/>
      <c r="HDO655" s="613"/>
      <c r="HDP655" s="613"/>
      <c r="HDQ655" s="613"/>
      <c r="HDR655" s="613"/>
      <c r="HDS655" s="613"/>
      <c r="HDT655" s="613"/>
      <c r="HDU655" s="613"/>
      <c r="HDV655" s="613"/>
      <c r="HDW655" s="613"/>
      <c r="HDX655" s="613"/>
      <c r="HDY655" s="613"/>
      <c r="HDZ655" s="613"/>
      <c r="HEA655" s="613"/>
      <c r="HEB655" s="613"/>
      <c r="HEC655" s="613"/>
      <c r="HED655" s="613"/>
      <c r="HEE655" s="613"/>
      <c r="HEF655" s="613"/>
      <c r="HEG655" s="613"/>
      <c r="HEH655" s="613"/>
      <c r="HEI655" s="613"/>
      <c r="HEJ655" s="613"/>
      <c r="HEK655" s="613"/>
      <c r="HEL655" s="613"/>
      <c r="HEM655" s="613"/>
      <c r="HEN655" s="613"/>
      <c r="HEO655" s="613"/>
      <c r="HEP655" s="613"/>
      <c r="HEQ655" s="613"/>
      <c r="HER655" s="613"/>
      <c r="HES655" s="613"/>
      <c r="HET655" s="613"/>
      <c r="HEU655" s="613"/>
      <c r="HEV655" s="613"/>
      <c r="HEW655" s="613"/>
      <c r="HEX655" s="613"/>
      <c r="HEY655" s="613"/>
      <c r="HEZ655" s="613"/>
      <c r="HFA655" s="613"/>
      <c r="HFB655" s="613"/>
      <c r="HFC655" s="613"/>
      <c r="HFD655" s="613"/>
      <c r="HFE655" s="613"/>
      <c r="HFF655" s="613"/>
      <c r="HFG655" s="613"/>
      <c r="HFH655" s="613"/>
      <c r="HFI655" s="613"/>
      <c r="HFJ655" s="613"/>
      <c r="HFK655" s="613"/>
      <c r="HFL655" s="613"/>
      <c r="HFM655" s="613"/>
      <c r="HFN655" s="613"/>
      <c r="HFO655" s="613"/>
      <c r="HFP655" s="613"/>
      <c r="HFQ655" s="613"/>
      <c r="HFR655" s="613"/>
      <c r="HFS655" s="613"/>
      <c r="HFT655" s="613"/>
      <c r="HFU655" s="613"/>
      <c r="HFV655" s="613"/>
      <c r="HFW655" s="613"/>
      <c r="HFX655" s="613"/>
      <c r="HFY655" s="613"/>
      <c r="HFZ655" s="613"/>
      <c r="HGA655" s="613"/>
      <c r="HGB655" s="613"/>
      <c r="HGC655" s="613"/>
      <c r="HGD655" s="613"/>
      <c r="HGE655" s="613"/>
      <c r="HGF655" s="613"/>
      <c r="HGG655" s="613"/>
      <c r="HGH655" s="613"/>
      <c r="HGI655" s="613"/>
      <c r="HGJ655" s="613"/>
      <c r="HGK655" s="613"/>
      <c r="HGL655" s="613"/>
      <c r="HGM655" s="613"/>
      <c r="HGN655" s="613"/>
      <c r="HGO655" s="613"/>
      <c r="HGP655" s="613"/>
      <c r="HGQ655" s="613"/>
      <c r="HGR655" s="613"/>
      <c r="HGS655" s="613"/>
      <c r="HGT655" s="613"/>
      <c r="HGU655" s="613"/>
      <c r="HGV655" s="613"/>
      <c r="HGW655" s="613"/>
      <c r="HGX655" s="613"/>
      <c r="HGY655" s="613"/>
      <c r="HGZ655" s="613"/>
      <c r="HHA655" s="613"/>
      <c r="HHB655" s="613"/>
      <c r="HHC655" s="613"/>
      <c r="HHD655" s="613"/>
      <c r="HHE655" s="613"/>
      <c r="HHF655" s="613"/>
      <c r="HHG655" s="613"/>
      <c r="HHH655" s="613"/>
      <c r="HHI655" s="613"/>
      <c r="HHJ655" s="613"/>
      <c r="HHK655" s="613"/>
      <c r="HHL655" s="613"/>
      <c r="HHM655" s="613"/>
      <c r="HHN655" s="613"/>
      <c r="HHO655" s="613"/>
      <c r="HHP655" s="613"/>
      <c r="HHQ655" s="613"/>
      <c r="HHR655" s="613"/>
      <c r="HHS655" s="613"/>
      <c r="HHT655" s="613"/>
      <c r="HHU655" s="613"/>
      <c r="HHV655" s="613"/>
      <c r="HHW655" s="613"/>
      <c r="HHX655" s="613"/>
      <c r="HHY655" s="613"/>
      <c r="HHZ655" s="613"/>
      <c r="HIA655" s="613"/>
      <c r="HIB655" s="613"/>
      <c r="HIC655" s="613"/>
      <c r="HID655" s="613"/>
      <c r="HIE655" s="613"/>
      <c r="HIF655" s="613"/>
      <c r="HIG655" s="613"/>
      <c r="HIH655" s="613"/>
      <c r="HII655" s="613"/>
      <c r="HIJ655" s="613"/>
      <c r="HIK655" s="613"/>
      <c r="HIL655" s="613"/>
      <c r="HIM655" s="613"/>
      <c r="HIN655" s="613"/>
      <c r="HIO655" s="613"/>
      <c r="HIP655" s="613"/>
      <c r="HIQ655" s="613"/>
      <c r="HIR655" s="613"/>
      <c r="HIS655" s="613"/>
      <c r="HIT655" s="613"/>
      <c r="HIU655" s="613"/>
      <c r="HIV655" s="613"/>
      <c r="HIW655" s="613"/>
      <c r="HIX655" s="613"/>
      <c r="HIY655" s="613"/>
      <c r="HIZ655" s="613"/>
      <c r="HJA655" s="613"/>
      <c r="HJB655" s="613"/>
      <c r="HJC655" s="613"/>
      <c r="HJD655" s="613"/>
      <c r="HJE655" s="613"/>
      <c r="HJF655" s="613"/>
      <c r="HJG655" s="613"/>
      <c r="HJH655" s="613"/>
      <c r="HJI655" s="613"/>
      <c r="HJJ655" s="613"/>
      <c r="HJK655" s="613"/>
      <c r="HJL655" s="613"/>
      <c r="HJM655" s="613"/>
      <c r="HJN655" s="613"/>
      <c r="HJO655" s="613"/>
      <c r="HJP655" s="613"/>
      <c r="HJQ655" s="613"/>
      <c r="HJR655" s="613"/>
      <c r="HJS655" s="613"/>
      <c r="HJT655" s="613"/>
      <c r="HJU655" s="613"/>
      <c r="HJV655" s="613"/>
      <c r="HJW655" s="613"/>
      <c r="HJX655" s="613"/>
      <c r="HJY655" s="613"/>
      <c r="HJZ655" s="613"/>
      <c r="HKA655" s="613"/>
      <c r="HKB655" s="613"/>
      <c r="HKC655" s="613"/>
      <c r="HKD655" s="613"/>
      <c r="HKE655" s="613"/>
      <c r="HKF655" s="613"/>
      <c r="HKG655" s="613"/>
      <c r="HKH655" s="613"/>
      <c r="HKI655" s="613"/>
      <c r="HKJ655" s="613"/>
      <c r="HKK655" s="613"/>
      <c r="HKL655" s="613"/>
      <c r="HKM655" s="613"/>
      <c r="HKN655" s="613"/>
      <c r="HKO655" s="613"/>
      <c r="HKP655" s="613"/>
      <c r="HKQ655" s="613"/>
      <c r="HKR655" s="613"/>
      <c r="HKS655" s="613"/>
      <c r="HKT655" s="613"/>
      <c r="HKU655" s="613"/>
      <c r="HKV655" s="613"/>
      <c r="HKW655" s="613"/>
      <c r="HKX655" s="613"/>
      <c r="HKY655" s="613"/>
      <c r="HKZ655" s="613"/>
      <c r="HLA655" s="613"/>
      <c r="HLB655" s="613"/>
      <c r="HLC655" s="613"/>
      <c r="HLD655" s="613"/>
      <c r="HLE655" s="613"/>
      <c r="HLF655" s="613"/>
      <c r="HLG655" s="613"/>
      <c r="HLH655" s="613"/>
      <c r="HLI655" s="613"/>
      <c r="HLJ655" s="613"/>
      <c r="HLK655" s="613"/>
      <c r="HLL655" s="613"/>
      <c r="HLM655" s="613"/>
      <c r="HLN655" s="613"/>
      <c r="HLO655" s="613"/>
      <c r="HLP655" s="613"/>
      <c r="HLQ655" s="613"/>
      <c r="HLR655" s="613"/>
      <c r="HLS655" s="613"/>
      <c r="HLT655" s="613"/>
      <c r="HLU655" s="613"/>
      <c r="HLV655" s="613"/>
      <c r="HLW655" s="613"/>
      <c r="HLX655" s="613"/>
      <c r="HLY655" s="613"/>
      <c r="HLZ655" s="613"/>
      <c r="HMA655" s="613"/>
      <c r="HMB655" s="613"/>
      <c r="HMC655" s="613"/>
      <c r="HMD655" s="613"/>
      <c r="HME655" s="613"/>
      <c r="HMF655" s="613"/>
      <c r="HMG655" s="613"/>
      <c r="HMH655" s="613"/>
      <c r="HMI655" s="613"/>
      <c r="HMJ655" s="613"/>
      <c r="HMK655" s="613"/>
      <c r="HML655" s="613"/>
      <c r="HMM655" s="613"/>
      <c r="HMN655" s="613"/>
      <c r="HMO655" s="613"/>
      <c r="HMP655" s="613"/>
      <c r="HMQ655" s="613"/>
      <c r="HMR655" s="613"/>
      <c r="HMS655" s="613"/>
      <c r="HMT655" s="613"/>
      <c r="HMU655" s="613"/>
      <c r="HMV655" s="613"/>
      <c r="HMW655" s="613"/>
      <c r="HMX655" s="613"/>
      <c r="HMY655" s="613"/>
      <c r="HMZ655" s="613"/>
      <c r="HNA655" s="613"/>
      <c r="HNB655" s="613"/>
      <c r="HNC655" s="613"/>
      <c r="HND655" s="613"/>
      <c r="HNE655" s="613"/>
      <c r="HNF655" s="613"/>
      <c r="HNG655" s="613"/>
      <c r="HNH655" s="613"/>
      <c r="HNI655" s="613"/>
      <c r="HNJ655" s="613"/>
      <c r="HNK655" s="613"/>
      <c r="HNL655" s="613"/>
      <c r="HNM655" s="613"/>
      <c r="HNN655" s="613"/>
      <c r="HNO655" s="613"/>
      <c r="HNP655" s="613"/>
      <c r="HNQ655" s="613"/>
      <c r="HNR655" s="613"/>
      <c r="HNS655" s="613"/>
      <c r="HNT655" s="613"/>
      <c r="HNU655" s="613"/>
      <c r="HNV655" s="613"/>
      <c r="HNW655" s="613"/>
      <c r="HNX655" s="613"/>
      <c r="HNY655" s="613"/>
      <c r="HNZ655" s="613"/>
      <c r="HOA655" s="613"/>
      <c r="HOB655" s="613"/>
      <c r="HOC655" s="613"/>
      <c r="HOD655" s="613"/>
      <c r="HOE655" s="613"/>
      <c r="HOF655" s="613"/>
      <c r="HOG655" s="613"/>
      <c r="HOH655" s="613"/>
      <c r="HOI655" s="613"/>
      <c r="HOJ655" s="613"/>
      <c r="HOK655" s="613"/>
      <c r="HOL655" s="613"/>
      <c r="HOM655" s="613"/>
      <c r="HON655" s="613"/>
      <c r="HOO655" s="613"/>
      <c r="HOP655" s="613"/>
      <c r="HOQ655" s="613"/>
      <c r="HOR655" s="613"/>
      <c r="HOS655" s="613"/>
      <c r="HOT655" s="613"/>
      <c r="HOU655" s="613"/>
      <c r="HOV655" s="613"/>
      <c r="HOW655" s="613"/>
      <c r="HOX655" s="613"/>
      <c r="HOY655" s="613"/>
      <c r="HOZ655" s="613"/>
      <c r="HPA655" s="613"/>
      <c r="HPB655" s="613"/>
      <c r="HPC655" s="613"/>
      <c r="HPD655" s="613"/>
      <c r="HPE655" s="613"/>
      <c r="HPF655" s="613"/>
      <c r="HPG655" s="613"/>
      <c r="HPH655" s="613"/>
      <c r="HPI655" s="613"/>
      <c r="HPJ655" s="613"/>
      <c r="HPK655" s="613"/>
      <c r="HPL655" s="613"/>
      <c r="HPM655" s="613"/>
      <c r="HPN655" s="613"/>
      <c r="HPO655" s="613"/>
      <c r="HPP655" s="613"/>
      <c r="HPQ655" s="613"/>
      <c r="HPR655" s="613"/>
      <c r="HPS655" s="613"/>
      <c r="HPT655" s="613"/>
      <c r="HPU655" s="613"/>
      <c r="HPV655" s="613"/>
      <c r="HPW655" s="613"/>
      <c r="HPX655" s="613"/>
      <c r="HPY655" s="613"/>
      <c r="HPZ655" s="613"/>
      <c r="HQA655" s="613"/>
      <c r="HQB655" s="613"/>
      <c r="HQC655" s="613"/>
      <c r="HQD655" s="613"/>
      <c r="HQE655" s="613"/>
      <c r="HQF655" s="613"/>
      <c r="HQG655" s="613"/>
      <c r="HQH655" s="613"/>
      <c r="HQI655" s="613"/>
      <c r="HQJ655" s="613"/>
      <c r="HQK655" s="613"/>
      <c r="HQL655" s="613"/>
      <c r="HQM655" s="613"/>
      <c r="HQN655" s="613"/>
      <c r="HQO655" s="613"/>
      <c r="HQP655" s="613"/>
      <c r="HQQ655" s="613"/>
      <c r="HQR655" s="613"/>
      <c r="HQS655" s="613"/>
      <c r="HQT655" s="613"/>
      <c r="HQU655" s="613"/>
      <c r="HQV655" s="613"/>
      <c r="HQW655" s="613"/>
      <c r="HQX655" s="613"/>
      <c r="HQY655" s="613"/>
      <c r="HQZ655" s="613"/>
      <c r="HRA655" s="613"/>
      <c r="HRB655" s="613"/>
      <c r="HRC655" s="613"/>
      <c r="HRD655" s="613"/>
      <c r="HRE655" s="613"/>
      <c r="HRF655" s="613"/>
      <c r="HRG655" s="613"/>
      <c r="HRH655" s="613"/>
      <c r="HRI655" s="613"/>
      <c r="HRJ655" s="613"/>
      <c r="HRK655" s="613"/>
      <c r="HRL655" s="613"/>
      <c r="HRM655" s="613"/>
      <c r="HRN655" s="613"/>
      <c r="HRO655" s="613"/>
      <c r="HRP655" s="613"/>
      <c r="HRQ655" s="613"/>
      <c r="HRR655" s="613"/>
      <c r="HRS655" s="613"/>
      <c r="HRT655" s="613"/>
      <c r="HRU655" s="613"/>
      <c r="HRV655" s="613"/>
      <c r="HRW655" s="613"/>
      <c r="HRX655" s="613"/>
      <c r="HRY655" s="613"/>
      <c r="HRZ655" s="613"/>
      <c r="HSA655" s="613"/>
      <c r="HSB655" s="613"/>
      <c r="HSC655" s="613"/>
      <c r="HSD655" s="613"/>
      <c r="HSE655" s="613"/>
      <c r="HSF655" s="613"/>
      <c r="HSG655" s="613"/>
      <c r="HSH655" s="613"/>
      <c r="HSI655" s="613"/>
      <c r="HSJ655" s="613"/>
      <c r="HSK655" s="613"/>
      <c r="HSL655" s="613"/>
      <c r="HSM655" s="613"/>
      <c r="HSN655" s="613"/>
      <c r="HSO655" s="613"/>
      <c r="HSP655" s="613"/>
      <c r="HSQ655" s="613"/>
      <c r="HSR655" s="613"/>
      <c r="HSS655" s="613"/>
      <c r="HST655" s="613"/>
      <c r="HSU655" s="613"/>
      <c r="HSV655" s="613"/>
      <c r="HSW655" s="613"/>
      <c r="HSX655" s="613"/>
      <c r="HSY655" s="613"/>
      <c r="HSZ655" s="613"/>
      <c r="HTA655" s="613"/>
      <c r="HTB655" s="613"/>
      <c r="HTC655" s="613"/>
      <c r="HTD655" s="613"/>
      <c r="HTE655" s="613"/>
      <c r="HTF655" s="613"/>
      <c r="HTG655" s="613"/>
      <c r="HTH655" s="613"/>
      <c r="HTI655" s="613"/>
      <c r="HTJ655" s="613"/>
      <c r="HTK655" s="613"/>
      <c r="HTL655" s="613"/>
      <c r="HTM655" s="613"/>
      <c r="HTN655" s="613"/>
      <c r="HTO655" s="613"/>
      <c r="HTP655" s="613"/>
      <c r="HTQ655" s="613"/>
      <c r="HTR655" s="613"/>
      <c r="HTS655" s="613"/>
      <c r="HTT655" s="613"/>
      <c r="HTU655" s="613"/>
      <c r="HTV655" s="613"/>
      <c r="HTW655" s="613"/>
      <c r="HTX655" s="613"/>
      <c r="HTY655" s="613"/>
      <c r="HTZ655" s="613"/>
      <c r="HUA655" s="613"/>
      <c r="HUB655" s="613"/>
      <c r="HUC655" s="613"/>
      <c r="HUD655" s="613"/>
      <c r="HUE655" s="613"/>
      <c r="HUF655" s="613"/>
      <c r="HUG655" s="613"/>
      <c r="HUH655" s="613"/>
      <c r="HUI655" s="613"/>
      <c r="HUJ655" s="613"/>
      <c r="HUK655" s="613"/>
      <c r="HUL655" s="613"/>
      <c r="HUM655" s="613"/>
      <c r="HUN655" s="613"/>
      <c r="HUO655" s="613"/>
      <c r="HUP655" s="613"/>
      <c r="HUQ655" s="613"/>
      <c r="HUR655" s="613"/>
      <c r="HUS655" s="613"/>
      <c r="HUT655" s="613"/>
      <c r="HUU655" s="613"/>
      <c r="HUV655" s="613"/>
      <c r="HUW655" s="613"/>
      <c r="HUX655" s="613"/>
      <c r="HUY655" s="613"/>
      <c r="HUZ655" s="613"/>
      <c r="HVA655" s="613"/>
      <c r="HVB655" s="613"/>
      <c r="HVC655" s="613"/>
      <c r="HVD655" s="613"/>
      <c r="HVE655" s="613"/>
      <c r="HVF655" s="613"/>
      <c r="HVG655" s="613"/>
      <c r="HVH655" s="613"/>
      <c r="HVI655" s="613"/>
      <c r="HVJ655" s="613"/>
      <c r="HVK655" s="613"/>
      <c r="HVL655" s="613"/>
      <c r="HVM655" s="613"/>
      <c r="HVN655" s="613"/>
      <c r="HVO655" s="613"/>
      <c r="HVP655" s="613"/>
      <c r="HVQ655" s="613"/>
      <c r="HVR655" s="613"/>
      <c r="HVS655" s="613"/>
      <c r="HVT655" s="613"/>
      <c r="HVU655" s="613"/>
      <c r="HVV655" s="613"/>
      <c r="HVW655" s="613"/>
      <c r="HVX655" s="613"/>
      <c r="HVY655" s="613"/>
      <c r="HVZ655" s="613"/>
      <c r="HWA655" s="613"/>
      <c r="HWB655" s="613"/>
      <c r="HWC655" s="613"/>
      <c r="HWD655" s="613"/>
      <c r="HWE655" s="613"/>
      <c r="HWF655" s="613"/>
      <c r="HWG655" s="613"/>
      <c r="HWH655" s="613"/>
      <c r="HWI655" s="613"/>
      <c r="HWJ655" s="613"/>
      <c r="HWK655" s="613"/>
      <c r="HWL655" s="613"/>
      <c r="HWM655" s="613"/>
      <c r="HWN655" s="613"/>
      <c r="HWO655" s="613"/>
      <c r="HWP655" s="613"/>
      <c r="HWQ655" s="613"/>
      <c r="HWR655" s="613"/>
      <c r="HWS655" s="613"/>
      <c r="HWT655" s="613"/>
      <c r="HWU655" s="613"/>
      <c r="HWV655" s="613"/>
      <c r="HWW655" s="613"/>
      <c r="HWX655" s="613"/>
      <c r="HWY655" s="613"/>
      <c r="HWZ655" s="613"/>
      <c r="HXA655" s="613"/>
      <c r="HXB655" s="613"/>
      <c r="HXC655" s="613"/>
      <c r="HXD655" s="613"/>
      <c r="HXE655" s="613"/>
      <c r="HXF655" s="613"/>
      <c r="HXG655" s="613"/>
      <c r="HXH655" s="613"/>
      <c r="HXI655" s="613"/>
      <c r="HXJ655" s="613"/>
      <c r="HXK655" s="613"/>
      <c r="HXL655" s="613"/>
      <c r="HXM655" s="613"/>
      <c r="HXN655" s="613"/>
      <c r="HXO655" s="613"/>
      <c r="HXP655" s="613"/>
      <c r="HXQ655" s="613"/>
      <c r="HXR655" s="613"/>
      <c r="HXS655" s="613"/>
      <c r="HXT655" s="613"/>
      <c r="HXU655" s="613"/>
      <c r="HXV655" s="613"/>
      <c r="HXW655" s="613"/>
      <c r="HXX655" s="613"/>
      <c r="HXY655" s="613"/>
      <c r="HXZ655" s="613"/>
      <c r="HYA655" s="613"/>
      <c r="HYB655" s="613"/>
      <c r="HYC655" s="613"/>
      <c r="HYD655" s="613"/>
      <c r="HYE655" s="613"/>
      <c r="HYF655" s="613"/>
      <c r="HYG655" s="613"/>
      <c r="HYH655" s="613"/>
      <c r="HYI655" s="613"/>
      <c r="HYJ655" s="613"/>
      <c r="HYK655" s="613"/>
      <c r="HYL655" s="613"/>
      <c r="HYM655" s="613"/>
      <c r="HYN655" s="613"/>
      <c r="HYO655" s="613"/>
      <c r="HYP655" s="613"/>
      <c r="HYQ655" s="613"/>
      <c r="HYR655" s="613"/>
      <c r="HYS655" s="613"/>
      <c r="HYT655" s="613"/>
      <c r="HYU655" s="613"/>
      <c r="HYV655" s="613"/>
      <c r="HYW655" s="613"/>
      <c r="HYX655" s="613"/>
      <c r="HYY655" s="613"/>
      <c r="HYZ655" s="613"/>
      <c r="HZA655" s="613"/>
      <c r="HZB655" s="613"/>
      <c r="HZC655" s="613"/>
      <c r="HZD655" s="613"/>
      <c r="HZE655" s="613"/>
      <c r="HZF655" s="613"/>
      <c r="HZG655" s="613"/>
      <c r="HZH655" s="613"/>
      <c r="HZI655" s="613"/>
      <c r="HZJ655" s="613"/>
      <c r="HZK655" s="613"/>
      <c r="HZL655" s="613"/>
      <c r="HZM655" s="613"/>
      <c r="HZN655" s="613"/>
      <c r="HZO655" s="613"/>
      <c r="HZP655" s="613"/>
      <c r="HZQ655" s="613"/>
      <c r="HZR655" s="613"/>
      <c r="HZS655" s="613"/>
      <c r="HZT655" s="613"/>
      <c r="HZU655" s="613"/>
      <c r="HZV655" s="613"/>
      <c r="HZW655" s="613"/>
      <c r="HZX655" s="613"/>
      <c r="HZY655" s="613"/>
      <c r="HZZ655" s="613"/>
      <c r="IAA655" s="613"/>
      <c r="IAB655" s="613"/>
      <c r="IAC655" s="613"/>
      <c r="IAD655" s="613"/>
      <c r="IAE655" s="613"/>
      <c r="IAF655" s="613"/>
      <c r="IAG655" s="613"/>
      <c r="IAH655" s="613"/>
      <c r="IAI655" s="613"/>
      <c r="IAJ655" s="613"/>
      <c r="IAK655" s="613"/>
      <c r="IAL655" s="613"/>
      <c r="IAM655" s="613"/>
      <c r="IAN655" s="613"/>
      <c r="IAO655" s="613"/>
      <c r="IAP655" s="613"/>
      <c r="IAQ655" s="613"/>
      <c r="IAR655" s="613"/>
      <c r="IAS655" s="613"/>
      <c r="IAT655" s="613"/>
      <c r="IAU655" s="613"/>
      <c r="IAV655" s="613"/>
      <c r="IAW655" s="613"/>
      <c r="IAX655" s="613"/>
      <c r="IAY655" s="613"/>
      <c r="IAZ655" s="613"/>
      <c r="IBA655" s="613"/>
      <c r="IBB655" s="613"/>
      <c r="IBC655" s="613"/>
      <c r="IBD655" s="613"/>
      <c r="IBE655" s="613"/>
      <c r="IBF655" s="613"/>
      <c r="IBG655" s="613"/>
      <c r="IBH655" s="613"/>
      <c r="IBI655" s="613"/>
      <c r="IBJ655" s="613"/>
      <c r="IBK655" s="613"/>
      <c r="IBL655" s="613"/>
      <c r="IBM655" s="613"/>
      <c r="IBN655" s="613"/>
      <c r="IBO655" s="613"/>
      <c r="IBP655" s="613"/>
      <c r="IBQ655" s="613"/>
      <c r="IBR655" s="613"/>
      <c r="IBS655" s="613"/>
      <c r="IBT655" s="613"/>
      <c r="IBU655" s="613"/>
      <c r="IBV655" s="613"/>
      <c r="IBW655" s="613"/>
      <c r="IBX655" s="613"/>
      <c r="IBY655" s="613"/>
      <c r="IBZ655" s="613"/>
      <c r="ICA655" s="613"/>
      <c r="ICB655" s="613"/>
      <c r="ICC655" s="613"/>
      <c r="ICD655" s="613"/>
      <c r="ICE655" s="613"/>
      <c r="ICF655" s="613"/>
      <c r="ICG655" s="613"/>
      <c r="ICH655" s="613"/>
      <c r="ICI655" s="613"/>
      <c r="ICJ655" s="613"/>
      <c r="ICK655" s="613"/>
      <c r="ICL655" s="613"/>
      <c r="ICM655" s="613"/>
      <c r="ICN655" s="613"/>
      <c r="ICO655" s="613"/>
      <c r="ICP655" s="613"/>
      <c r="ICQ655" s="613"/>
      <c r="ICR655" s="613"/>
      <c r="ICS655" s="613"/>
      <c r="ICT655" s="613"/>
      <c r="ICU655" s="613"/>
      <c r="ICV655" s="613"/>
      <c r="ICW655" s="613"/>
      <c r="ICX655" s="613"/>
      <c r="ICY655" s="613"/>
      <c r="ICZ655" s="613"/>
      <c r="IDA655" s="613"/>
      <c r="IDB655" s="613"/>
      <c r="IDC655" s="613"/>
      <c r="IDD655" s="613"/>
      <c r="IDE655" s="613"/>
      <c r="IDF655" s="613"/>
      <c r="IDG655" s="613"/>
      <c r="IDH655" s="613"/>
      <c r="IDI655" s="613"/>
      <c r="IDJ655" s="613"/>
      <c r="IDK655" s="613"/>
      <c r="IDL655" s="613"/>
      <c r="IDM655" s="613"/>
      <c r="IDN655" s="613"/>
      <c r="IDO655" s="613"/>
      <c r="IDP655" s="613"/>
      <c r="IDQ655" s="613"/>
      <c r="IDR655" s="613"/>
      <c r="IDS655" s="613"/>
      <c r="IDT655" s="613"/>
      <c r="IDU655" s="613"/>
      <c r="IDV655" s="613"/>
      <c r="IDW655" s="613"/>
      <c r="IDX655" s="613"/>
      <c r="IDY655" s="613"/>
      <c r="IDZ655" s="613"/>
      <c r="IEA655" s="613"/>
      <c r="IEB655" s="613"/>
      <c r="IEC655" s="613"/>
      <c r="IED655" s="613"/>
      <c r="IEE655" s="613"/>
      <c r="IEF655" s="613"/>
      <c r="IEG655" s="613"/>
      <c r="IEH655" s="613"/>
      <c r="IEI655" s="613"/>
      <c r="IEJ655" s="613"/>
      <c r="IEK655" s="613"/>
      <c r="IEL655" s="613"/>
      <c r="IEM655" s="613"/>
      <c r="IEN655" s="613"/>
      <c r="IEO655" s="613"/>
      <c r="IEP655" s="613"/>
      <c r="IEQ655" s="613"/>
      <c r="IER655" s="613"/>
      <c r="IES655" s="613"/>
      <c r="IET655" s="613"/>
      <c r="IEU655" s="613"/>
      <c r="IEV655" s="613"/>
      <c r="IEW655" s="613"/>
      <c r="IEX655" s="613"/>
      <c r="IEY655" s="613"/>
      <c r="IEZ655" s="613"/>
      <c r="IFA655" s="613"/>
      <c r="IFB655" s="613"/>
      <c r="IFC655" s="613"/>
      <c r="IFD655" s="613"/>
      <c r="IFE655" s="613"/>
      <c r="IFF655" s="613"/>
      <c r="IFG655" s="613"/>
      <c r="IFH655" s="613"/>
      <c r="IFI655" s="613"/>
      <c r="IFJ655" s="613"/>
      <c r="IFK655" s="613"/>
      <c r="IFL655" s="613"/>
      <c r="IFM655" s="613"/>
      <c r="IFN655" s="613"/>
      <c r="IFO655" s="613"/>
      <c r="IFP655" s="613"/>
      <c r="IFQ655" s="613"/>
      <c r="IFR655" s="613"/>
      <c r="IFS655" s="613"/>
      <c r="IFT655" s="613"/>
      <c r="IFU655" s="613"/>
      <c r="IFV655" s="613"/>
      <c r="IFW655" s="613"/>
      <c r="IFX655" s="613"/>
      <c r="IFY655" s="613"/>
      <c r="IFZ655" s="613"/>
      <c r="IGA655" s="613"/>
      <c r="IGB655" s="613"/>
      <c r="IGC655" s="613"/>
      <c r="IGD655" s="613"/>
      <c r="IGE655" s="613"/>
      <c r="IGF655" s="613"/>
      <c r="IGG655" s="613"/>
      <c r="IGH655" s="613"/>
      <c r="IGI655" s="613"/>
      <c r="IGJ655" s="613"/>
      <c r="IGK655" s="613"/>
      <c r="IGL655" s="613"/>
      <c r="IGM655" s="613"/>
      <c r="IGN655" s="613"/>
      <c r="IGO655" s="613"/>
      <c r="IGP655" s="613"/>
      <c r="IGQ655" s="613"/>
      <c r="IGR655" s="613"/>
      <c r="IGS655" s="613"/>
      <c r="IGT655" s="613"/>
      <c r="IGU655" s="613"/>
      <c r="IGV655" s="613"/>
      <c r="IGW655" s="613"/>
      <c r="IGX655" s="613"/>
      <c r="IGY655" s="613"/>
      <c r="IGZ655" s="613"/>
      <c r="IHA655" s="613"/>
      <c r="IHB655" s="613"/>
      <c r="IHC655" s="613"/>
      <c r="IHD655" s="613"/>
      <c r="IHE655" s="613"/>
      <c r="IHF655" s="613"/>
      <c r="IHG655" s="613"/>
      <c r="IHH655" s="613"/>
      <c r="IHI655" s="613"/>
      <c r="IHJ655" s="613"/>
      <c r="IHK655" s="613"/>
      <c r="IHL655" s="613"/>
      <c r="IHM655" s="613"/>
      <c r="IHN655" s="613"/>
      <c r="IHO655" s="613"/>
      <c r="IHP655" s="613"/>
      <c r="IHQ655" s="613"/>
      <c r="IHR655" s="613"/>
      <c r="IHS655" s="613"/>
      <c r="IHT655" s="613"/>
      <c r="IHU655" s="613"/>
      <c r="IHV655" s="613"/>
      <c r="IHW655" s="613"/>
      <c r="IHX655" s="613"/>
      <c r="IHY655" s="613"/>
      <c r="IHZ655" s="613"/>
      <c r="IIA655" s="613"/>
      <c r="IIB655" s="613"/>
      <c r="IIC655" s="613"/>
      <c r="IID655" s="613"/>
      <c r="IIE655" s="613"/>
      <c r="IIF655" s="613"/>
      <c r="IIG655" s="613"/>
      <c r="IIH655" s="613"/>
      <c r="III655" s="613"/>
      <c r="IIJ655" s="613"/>
      <c r="IIK655" s="613"/>
      <c r="IIL655" s="613"/>
      <c r="IIM655" s="613"/>
      <c r="IIN655" s="613"/>
      <c r="IIO655" s="613"/>
      <c r="IIP655" s="613"/>
      <c r="IIQ655" s="613"/>
      <c r="IIR655" s="613"/>
      <c r="IIS655" s="613"/>
      <c r="IIT655" s="613"/>
      <c r="IIU655" s="613"/>
      <c r="IIV655" s="613"/>
      <c r="IIW655" s="613"/>
      <c r="IIX655" s="613"/>
      <c r="IIY655" s="613"/>
      <c r="IIZ655" s="613"/>
      <c r="IJA655" s="613"/>
      <c r="IJB655" s="613"/>
      <c r="IJC655" s="613"/>
      <c r="IJD655" s="613"/>
      <c r="IJE655" s="613"/>
      <c r="IJF655" s="613"/>
      <c r="IJG655" s="613"/>
      <c r="IJH655" s="613"/>
      <c r="IJI655" s="613"/>
      <c r="IJJ655" s="613"/>
      <c r="IJK655" s="613"/>
      <c r="IJL655" s="613"/>
      <c r="IJM655" s="613"/>
      <c r="IJN655" s="613"/>
      <c r="IJO655" s="613"/>
      <c r="IJP655" s="613"/>
      <c r="IJQ655" s="613"/>
      <c r="IJR655" s="613"/>
      <c r="IJS655" s="613"/>
      <c r="IJT655" s="613"/>
      <c r="IJU655" s="613"/>
      <c r="IJV655" s="613"/>
      <c r="IJW655" s="613"/>
      <c r="IJX655" s="613"/>
      <c r="IJY655" s="613"/>
      <c r="IJZ655" s="613"/>
      <c r="IKA655" s="613"/>
      <c r="IKB655" s="613"/>
      <c r="IKC655" s="613"/>
      <c r="IKD655" s="613"/>
      <c r="IKE655" s="613"/>
      <c r="IKF655" s="613"/>
      <c r="IKG655" s="613"/>
      <c r="IKH655" s="613"/>
      <c r="IKI655" s="613"/>
      <c r="IKJ655" s="613"/>
      <c r="IKK655" s="613"/>
      <c r="IKL655" s="613"/>
      <c r="IKM655" s="613"/>
      <c r="IKN655" s="613"/>
      <c r="IKO655" s="613"/>
      <c r="IKP655" s="613"/>
      <c r="IKQ655" s="613"/>
      <c r="IKR655" s="613"/>
      <c r="IKS655" s="613"/>
      <c r="IKT655" s="613"/>
      <c r="IKU655" s="613"/>
      <c r="IKV655" s="613"/>
      <c r="IKW655" s="613"/>
      <c r="IKX655" s="613"/>
      <c r="IKY655" s="613"/>
      <c r="IKZ655" s="613"/>
      <c r="ILA655" s="613"/>
      <c r="ILB655" s="613"/>
      <c r="ILC655" s="613"/>
      <c r="ILD655" s="613"/>
      <c r="ILE655" s="613"/>
      <c r="ILF655" s="613"/>
      <c r="ILG655" s="613"/>
      <c r="ILH655" s="613"/>
      <c r="ILI655" s="613"/>
      <c r="ILJ655" s="613"/>
      <c r="ILK655" s="613"/>
      <c r="ILL655" s="613"/>
      <c r="ILM655" s="613"/>
      <c r="ILN655" s="613"/>
      <c r="ILO655" s="613"/>
      <c r="ILP655" s="613"/>
      <c r="ILQ655" s="613"/>
      <c r="ILR655" s="613"/>
      <c r="ILS655" s="613"/>
      <c r="ILT655" s="613"/>
      <c r="ILU655" s="613"/>
      <c r="ILV655" s="613"/>
      <c r="ILW655" s="613"/>
      <c r="ILX655" s="613"/>
      <c r="ILY655" s="613"/>
      <c r="ILZ655" s="613"/>
      <c r="IMA655" s="613"/>
      <c r="IMB655" s="613"/>
      <c r="IMC655" s="613"/>
      <c r="IMD655" s="613"/>
      <c r="IME655" s="613"/>
      <c r="IMF655" s="613"/>
      <c r="IMG655" s="613"/>
      <c r="IMH655" s="613"/>
      <c r="IMI655" s="613"/>
      <c r="IMJ655" s="613"/>
      <c r="IMK655" s="613"/>
      <c r="IML655" s="613"/>
      <c r="IMM655" s="613"/>
      <c r="IMN655" s="613"/>
      <c r="IMO655" s="613"/>
      <c r="IMP655" s="613"/>
      <c r="IMQ655" s="613"/>
      <c r="IMR655" s="613"/>
      <c r="IMS655" s="613"/>
      <c r="IMT655" s="613"/>
      <c r="IMU655" s="613"/>
      <c r="IMV655" s="613"/>
      <c r="IMW655" s="613"/>
      <c r="IMX655" s="613"/>
      <c r="IMY655" s="613"/>
      <c r="IMZ655" s="613"/>
      <c r="INA655" s="613"/>
      <c r="INB655" s="613"/>
      <c r="INC655" s="613"/>
      <c r="IND655" s="613"/>
      <c r="INE655" s="613"/>
      <c r="INF655" s="613"/>
      <c r="ING655" s="613"/>
      <c r="INH655" s="613"/>
      <c r="INI655" s="613"/>
      <c r="INJ655" s="613"/>
      <c r="INK655" s="613"/>
      <c r="INL655" s="613"/>
      <c r="INM655" s="613"/>
      <c r="INN655" s="613"/>
      <c r="INO655" s="613"/>
      <c r="INP655" s="613"/>
      <c r="INQ655" s="613"/>
      <c r="INR655" s="613"/>
      <c r="INS655" s="613"/>
      <c r="INT655" s="613"/>
      <c r="INU655" s="613"/>
      <c r="INV655" s="613"/>
      <c r="INW655" s="613"/>
      <c r="INX655" s="613"/>
      <c r="INY655" s="613"/>
      <c r="INZ655" s="613"/>
      <c r="IOA655" s="613"/>
      <c r="IOB655" s="613"/>
      <c r="IOC655" s="613"/>
      <c r="IOD655" s="613"/>
      <c r="IOE655" s="613"/>
      <c r="IOF655" s="613"/>
      <c r="IOG655" s="613"/>
      <c r="IOH655" s="613"/>
      <c r="IOI655" s="613"/>
      <c r="IOJ655" s="613"/>
      <c r="IOK655" s="613"/>
      <c r="IOL655" s="613"/>
      <c r="IOM655" s="613"/>
      <c r="ION655" s="613"/>
      <c r="IOO655" s="613"/>
      <c r="IOP655" s="613"/>
      <c r="IOQ655" s="613"/>
      <c r="IOR655" s="613"/>
      <c r="IOS655" s="613"/>
      <c r="IOT655" s="613"/>
      <c r="IOU655" s="613"/>
      <c r="IOV655" s="613"/>
      <c r="IOW655" s="613"/>
      <c r="IOX655" s="613"/>
      <c r="IOY655" s="613"/>
      <c r="IOZ655" s="613"/>
      <c r="IPA655" s="613"/>
      <c r="IPB655" s="613"/>
      <c r="IPC655" s="613"/>
      <c r="IPD655" s="613"/>
      <c r="IPE655" s="613"/>
      <c r="IPF655" s="613"/>
      <c r="IPG655" s="613"/>
      <c r="IPH655" s="613"/>
      <c r="IPI655" s="613"/>
      <c r="IPJ655" s="613"/>
      <c r="IPK655" s="613"/>
      <c r="IPL655" s="613"/>
      <c r="IPM655" s="613"/>
      <c r="IPN655" s="613"/>
      <c r="IPO655" s="613"/>
      <c r="IPP655" s="613"/>
      <c r="IPQ655" s="613"/>
      <c r="IPR655" s="613"/>
      <c r="IPS655" s="613"/>
      <c r="IPT655" s="613"/>
      <c r="IPU655" s="613"/>
      <c r="IPV655" s="613"/>
      <c r="IPW655" s="613"/>
      <c r="IPX655" s="613"/>
      <c r="IPY655" s="613"/>
      <c r="IPZ655" s="613"/>
      <c r="IQA655" s="613"/>
      <c r="IQB655" s="613"/>
      <c r="IQC655" s="613"/>
      <c r="IQD655" s="613"/>
      <c r="IQE655" s="613"/>
      <c r="IQF655" s="613"/>
      <c r="IQG655" s="613"/>
      <c r="IQH655" s="613"/>
      <c r="IQI655" s="613"/>
      <c r="IQJ655" s="613"/>
      <c r="IQK655" s="613"/>
      <c r="IQL655" s="613"/>
      <c r="IQM655" s="613"/>
      <c r="IQN655" s="613"/>
      <c r="IQO655" s="613"/>
      <c r="IQP655" s="613"/>
      <c r="IQQ655" s="613"/>
      <c r="IQR655" s="613"/>
      <c r="IQS655" s="613"/>
      <c r="IQT655" s="613"/>
      <c r="IQU655" s="613"/>
      <c r="IQV655" s="613"/>
      <c r="IQW655" s="613"/>
      <c r="IQX655" s="613"/>
      <c r="IQY655" s="613"/>
      <c r="IQZ655" s="613"/>
      <c r="IRA655" s="613"/>
      <c r="IRB655" s="613"/>
      <c r="IRC655" s="613"/>
      <c r="IRD655" s="613"/>
      <c r="IRE655" s="613"/>
      <c r="IRF655" s="613"/>
      <c r="IRG655" s="613"/>
      <c r="IRH655" s="613"/>
      <c r="IRI655" s="613"/>
      <c r="IRJ655" s="613"/>
      <c r="IRK655" s="613"/>
      <c r="IRL655" s="613"/>
      <c r="IRM655" s="613"/>
      <c r="IRN655" s="613"/>
      <c r="IRO655" s="613"/>
      <c r="IRP655" s="613"/>
      <c r="IRQ655" s="613"/>
      <c r="IRR655" s="613"/>
      <c r="IRS655" s="613"/>
      <c r="IRT655" s="613"/>
      <c r="IRU655" s="613"/>
      <c r="IRV655" s="613"/>
      <c r="IRW655" s="613"/>
      <c r="IRX655" s="613"/>
      <c r="IRY655" s="613"/>
      <c r="IRZ655" s="613"/>
      <c r="ISA655" s="613"/>
      <c r="ISB655" s="613"/>
      <c r="ISC655" s="613"/>
      <c r="ISD655" s="613"/>
      <c r="ISE655" s="613"/>
      <c r="ISF655" s="613"/>
      <c r="ISG655" s="613"/>
      <c r="ISH655" s="613"/>
      <c r="ISI655" s="613"/>
      <c r="ISJ655" s="613"/>
      <c r="ISK655" s="613"/>
      <c r="ISL655" s="613"/>
      <c r="ISM655" s="613"/>
      <c r="ISN655" s="613"/>
      <c r="ISO655" s="613"/>
      <c r="ISP655" s="613"/>
      <c r="ISQ655" s="613"/>
      <c r="ISR655" s="613"/>
      <c r="ISS655" s="613"/>
      <c r="IST655" s="613"/>
      <c r="ISU655" s="613"/>
      <c r="ISV655" s="613"/>
      <c r="ISW655" s="613"/>
      <c r="ISX655" s="613"/>
      <c r="ISY655" s="613"/>
      <c r="ISZ655" s="613"/>
      <c r="ITA655" s="613"/>
      <c r="ITB655" s="613"/>
      <c r="ITC655" s="613"/>
      <c r="ITD655" s="613"/>
      <c r="ITE655" s="613"/>
      <c r="ITF655" s="613"/>
      <c r="ITG655" s="613"/>
      <c r="ITH655" s="613"/>
      <c r="ITI655" s="613"/>
      <c r="ITJ655" s="613"/>
      <c r="ITK655" s="613"/>
      <c r="ITL655" s="613"/>
      <c r="ITM655" s="613"/>
      <c r="ITN655" s="613"/>
      <c r="ITO655" s="613"/>
      <c r="ITP655" s="613"/>
      <c r="ITQ655" s="613"/>
      <c r="ITR655" s="613"/>
      <c r="ITS655" s="613"/>
      <c r="ITT655" s="613"/>
      <c r="ITU655" s="613"/>
      <c r="ITV655" s="613"/>
      <c r="ITW655" s="613"/>
      <c r="ITX655" s="613"/>
      <c r="ITY655" s="613"/>
      <c r="ITZ655" s="613"/>
      <c r="IUA655" s="613"/>
      <c r="IUB655" s="613"/>
      <c r="IUC655" s="613"/>
      <c r="IUD655" s="613"/>
      <c r="IUE655" s="613"/>
      <c r="IUF655" s="613"/>
      <c r="IUG655" s="613"/>
      <c r="IUH655" s="613"/>
      <c r="IUI655" s="613"/>
      <c r="IUJ655" s="613"/>
      <c r="IUK655" s="613"/>
      <c r="IUL655" s="613"/>
      <c r="IUM655" s="613"/>
      <c r="IUN655" s="613"/>
      <c r="IUO655" s="613"/>
      <c r="IUP655" s="613"/>
      <c r="IUQ655" s="613"/>
      <c r="IUR655" s="613"/>
      <c r="IUS655" s="613"/>
      <c r="IUT655" s="613"/>
      <c r="IUU655" s="613"/>
      <c r="IUV655" s="613"/>
      <c r="IUW655" s="613"/>
      <c r="IUX655" s="613"/>
      <c r="IUY655" s="613"/>
      <c r="IUZ655" s="613"/>
      <c r="IVA655" s="613"/>
      <c r="IVB655" s="613"/>
      <c r="IVC655" s="613"/>
      <c r="IVD655" s="613"/>
      <c r="IVE655" s="613"/>
      <c r="IVF655" s="613"/>
      <c r="IVG655" s="613"/>
      <c r="IVH655" s="613"/>
      <c r="IVI655" s="613"/>
      <c r="IVJ655" s="613"/>
      <c r="IVK655" s="613"/>
      <c r="IVL655" s="613"/>
      <c r="IVM655" s="613"/>
      <c r="IVN655" s="613"/>
      <c r="IVO655" s="613"/>
      <c r="IVP655" s="613"/>
      <c r="IVQ655" s="613"/>
      <c r="IVR655" s="613"/>
      <c r="IVS655" s="613"/>
      <c r="IVT655" s="613"/>
      <c r="IVU655" s="613"/>
      <c r="IVV655" s="613"/>
      <c r="IVW655" s="613"/>
      <c r="IVX655" s="613"/>
      <c r="IVY655" s="613"/>
      <c r="IVZ655" s="613"/>
      <c r="IWA655" s="613"/>
      <c r="IWB655" s="613"/>
      <c r="IWC655" s="613"/>
      <c r="IWD655" s="613"/>
      <c r="IWE655" s="613"/>
      <c r="IWF655" s="613"/>
      <c r="IWG655" s="613"/>
      <c r="IWH655" s="613"/>
      <c r="IWI655" s="613"/>
      <c r="IWJ655" s="613"/>
      <c r="IWK655" s="613"/>
      <c r="IWL655" s="613"/>
      <c r="IWM655" s="613"/>
      <c r="IWN655" s="613"/>
      <c r="IWO655" s="613"/>
      <c r="IWP655" s="613"/>
      <c r="IWQ655" s="613"/>
      <c r="IWR655" s="613"/>
      <c r="IWS655" s="613"/>
      <c r="IWT655" s="613"/>
      <c r="IWU655" s="613"/>
      <c r="IWV655" s="613"/>
      <c r="IWW655" s="613"/>
      <c r="IWX655" s="613"/>
      <c r="IWY655" s="613"/>
      <c r="IWZ655" s="613"/>
      <c r="IXA655" s="613"/>
      <c r="IXB655" s="613"/>
      <c r="IXC655" s="613"/>
      <c r="IXD655" s="613"/>
      <c r="IXE655" s="613"/>
      <c r="IXF655" s="613"/>
      <c r="IXG655" s="613"/>
      <c r="IXH655" s="613"/>
      <c r="IXI655" s="613"/>
      <c r="IXJ655" s="613"/>
      <c r="IXK655" s="613"/>
      <c r="IXL655" s="613"/>
      <c r="IXM655" s="613"/>
      <c r="IXN655" s="613"/>
      <c r="IXO655" s="613"/>
      <c r="IXP655" s="613"/>
      <c r="IXQ655" s="613"/>
      <c r="IXR655" s="613"/>
      <c r="IXS655" s="613"/>
      <c r="IXT655" s="613"/>
      <c r="IXU655" s="613"/>
      <c r="IXV655" s="613"/>
      <c r="IXW655" s="613"/>
      <c r="IXX655" s="613"/>
      <c r="IXY655" s="613"/>
      <c r="IXZ655" s="613"/>
      <c r="IYA655" s="613"/>
      <c r="IYB655" s="613"/>
      <c r="IYC655" s="613"/>
      <c r="IYD655" s="613"/>
      <c r="IYE655" s="613"/>
      <c r="IYF655" s="613"/>
      <c r="IYG655" s="613"/>
      <c r="IYH655" s="613"/>
      <c r="IYI655" s="613"/>
      <c r="IYJ655" s="613"/>
      <c r="IYK655" s="613"/>
      <c r="IYL655" s="613"/>
      <c r="IYM655" s="613"/>
      <c r="IYN655" s="613"/>
      <c r="IYO655" s="613"/>
      <c r="IYP655" s="613"/>
      <c r="IYQ655" s="613"/>
      <c r="IYR655" s="613"/>
      <c r="IYS655" s="613"/>
      <c r="IYT655" s="613"/>
      <c r="IYU655" s="613"/>
      <c r="IYV655" s="613"/>
      <c r="IYW655" s="613"/>
      <c r="IYX655" s="613"/>
      <c r="IYY655" s="613"/>
      <c r="IYZ655" s="613"/>
      <c r="IZA655" s="613"/>
      <c r="IZB655" s="613"/>
      <c r="IZC655" s="613"/>
      <c r="IZD655" s="613"/>
      <c r="IZE655" s="613"/>
      <c r="IZF655" s="613"/>
      <c r="IZG655" s="613"/>
      <c r="IZH655" s="613"/>
      <c r="IZI655" s="613"/>
      <c r="IZJ655" s="613"/>
      <c r="IZK655" s="613"/>
      <c r="IZL655" s="613"/>
      <c r="IZM655" s="613"/>
      <c r="IZN655" s="613"/>
      <c r="IZO655" s="613"/>
      <c r="IZP655" s="613"/>
      <c r="IZQ655" s="613"/>
      <c r="IZR655" s="613"/>
      <c r="IZS655" s="613"/>
      <c r="IZT655" s="613"/>
      <c r="IZU655" s="613"/>
      <c r="IZV655" s="613"/>
      <c r="IZW655" s="613"/>
      <c r="IZX655" s="613"/>
      <c r="IZY655" s="613"/>
      <c r="IZZ655" s="613"/>
      <c r="JAA655" s="613"/>
      <c r="JAB655" s="613"/>
      <c r="JAC655" s="613"/>
      <c r="JAD655" s="613"/>
      <c r="JAE655" s="613"/>
      <c r="JAF655" s="613"/>
      <c r="JAG655" s="613"/>
      <c r="JAH655" s="613"/>
      <c r="JAI655" s="613"/>
      <c r="JAJ655" s="613"/>
      <c r="JAK655" s="613"/>
      <c r="JAL655" s="613"/>
      <c r="JAM655" s="613"/>
      <c r="JAN655" s="613"/>
      <c r="JAO655" s="613"/>
      <c r="JAP655" s="613"/>
      <c r="JAQ655" s="613"/>
      <c r="JAR655" s="613"/>
      <c r="JAS655" s="613"/>
      <c r="JAT655" s="613"/>
      <c r="JAU655" s="613"/>
      <c r="JAV655" s="613"/>
      <c r="JAW655" s="613"/>
      <c r="JAX655" s="613"/>
      <c r="JAY655" s="613"/>
      <c r="JAZ655" s="613"/>
      <c r="JBA655" s="613"/>
      <c r="JBB655" s="613"/>
      <c r="JBC655" s="613"/>
      <c r="JBD655" s="613"/>
      <c r="JBE655" s="613"/>
      <c r="JBF655" s="613"/>
      <c r="JBG655" s="613"/>
      <c r="JBH655" s="613"/>
      <c r="JBI655" s="613"/>
      <c r="JBJ655" s="613"/>
      <c r="JBK655" s="613"/>
      <c r="JBL655" s="613"/>
      <c r="JBM655" s="613"/>
      <c r="JBN655" s="613"/>
      <c r="JBO655" s="613"/>
      <c r="JBP655" s="613"/>
      <c r="JBQ655" s="613"/>
      <c r="JBR655" s="613"/>
      <c r="JBS655" s="613"/>
      <c r="JBT655" s="613"/>
      <c r="JBU655" s="613"/>
      <c r="JBV655" s="613"/>
      <c r="JBW655" s="613"/>
      <c r="JBX655" s="613"/>
      <c r="JBY655" s="613"/>
      <c r="JBZ655" s="613"/>
      <c r="JCA655" s="613"/>
      <c r="JCB655" s="613"/>
      <c r="JCC655" s="613"/>
      <c r="JCD655" s="613"/>
      <c r="JCE655" s="613"/>
      <c r="JCF655" s="613"/>
      <c r="JCG655" s="613"/>
      <c r="JCH655" s="613"/>
      <c r="JCI655" s="613"/>
      <c r="JCJ655" s="613"/>
      <c r="JCK655" s="613"/>
      <c r="JCL655" s="613"/>
      <c r="JCM655" s="613"/>
      <c r="JCN655" s="613"/>
      <c r="JCO655" s="613"/>
      <c r="JCP655" s="613"/>
      <c r="JCQ655" s="613"/>
      <c r="JCR655" s="613"/>
      <c r="JCS655" s="613"/>
      <c r="JCT655" s="613"/>
      <c r="JCU655" s="613"/>
      <c r="JCV655" s="613"/>
      <c r="JCW655" s="613"/>
      <c r="JCX655" s="613"/>
      <c r="JCY655" s="613"/>
      <c r="JCZ655" s="613"/>
      <c r="JDA655" s="613"/>
      <c r="JDB655" s="613"/>
      <c r="JDC655" s="613"/>
      <c r="JDD655" s="613"/>
      <c r="JDE655" s="613"/>
      <c r="JDF655" s="613"/>
      <c r="JDG655" s="613"/>
      <c r="JDH655" s="613"/>
      <c r="JDI655" s="613"/>
      <c r="JDJ655" s="613"/>
      <c r="JDK655" s="613"/>
      <c r="JDL655" s="613"/>
      <c r="JDM655" s="613"/>
      <c r="JDN655" s="613"/>
      <c r="JDO655" s="613"/>
      <c r="JDP655" s="613"/>
      <c r="JDQ655" s="613"/>
      <c r="JDR655" s="613"/>
      <c r="JDS655" s="613"/>
      <c r="JDT655" s="613"/>
      <c r="JDU655" s="613"/>
      <c r="JDV655" s="613"/>
      <c r="JDW655" s="613"/>
      <c r="JDX655" s="613"/>
      <c r="JDY655" s="613"/>
      <c r="JDZ655" s="613"/>
      <c r="JEA655" s="613"/>
      <c r="JEB655" s="613"/>
      <c r="JEC655" s="613"/>
      <c r="JED655" s="613"/>
      <c r="JEE655" s="613"/>
      <c r="JEF655" s="613"/>
      <c r="JEG655" s="613"/>
      <c r="JEH655" s="613"/>
      <c r="JEI655" s="613"/>
      <c r="JEJ655" s="613"/>
      <c r="JEK655" s="613"/>
      <c r="JEL655" s="613"/>
      <c r="JEM655" s="613"/>
      <c r="JEN655" s="613"/>
      <c r="JEO655" s="613"/>
      <c r="JEP655" s="613"/>
      <c r="JEQ655" s="613"/>
      <c r="JER655" s="613"/>
      <c r="JES655" s="613"/>
      <c r="JET655" s="613"/>
      <c r="JEU655" s="613"/>
      <c r="JEV655" s="613"/>
      <c r="JEW655" s="613"/>
      <c r="JEX655" s="613"/>
      <c r="JEY655" s="613"/>
      <c r="JEZ655" s="613"/>
      <c r="JFA655" s="613"/>
      <c r="JFB655" s="613"/>
      <c r="JFC655" s="613"/>
      <c r="JFD655" s="613"/>
      <c r="JFE655" s="613"/>
      <c r="JFF655" s="613"/>
      <c r="JFG655" s="613"/>
      <c r="JFH655" s="613"/>
      <c r="JFI655" s="613"/>
      <c r="JFJ655" s="613"/>
      <c r="JFK655" s="613"/>
      <c r="JFL655" s="613"/>
      <c r="JFM655" s="613"/>
      <c r="JFN655" s="613"/>
      <c r="JFO655" s="613"/>
      <c r="JFP655" s="613"/>
      <c r="JFQ655" s="613"/>
      <c r="JFR655" s="613"/>
      <c r="JFS655" s="613"/>
      <c r="JFT655" s="613"/>
      <c r="JFU655" s="613"/>
      <c r="JFV655" s="613"/>
      <c r="JFW655" s="613"/>
      <c r="JFX655" s="613"/>
      <c r="JFY655" s="613"/>
      <c r="JFZ655" s="613"/>
      <c r="JGA655" s="613"/>
      <c r="JGB655" s="613"/>
      <c r="JGC655" s="613"/>
      <c r="JGD655" s="613"/>
      <c r="JGE655" s="613"/>
      <c r="JGF655" s="613"/>
      <c r="JGG655" s="613"/>
      <c r="JGH655" s="613"/>
      <c r="JGI655" s="613"/>
      <c r="JGJ655" s="613"/>
      <c r="JGK655" s="613"/>
      <c r="JGL655" s="613"/>
      <c r="JGM655" s="613"/>
      <c r="JGN655" s="613"/>
      <c r="JGO655" s="613"/>
      <c r="JGP655" s="613"/>
      <c r="JGQ655" s="613"/>
      <c r="JGR655" s="613"/>
      <c r="JGS655" s="613"/>
      <c r="JGT655" s="613"/>
      <c r="JGU655" s="613"/>
      <c r="JGV655" s="613"/>
      <c r="JGW655" s="613"/>
      <c r="JGX655" s="613"/>
      <c r="JGY655" s="613"/>
      <c r="JGZ655" s="613"/>
      <c r="JHA655" s="613"/>
      <c r="JHB655" s="613"/>
      <c r="JHC655" s="613"/>
      <c r="JHD655" s="613"/>
      <c r="JHE655" s="613"/>
      <c r="JHF655" s="613"/>
      <c r="JHG655" s="613"/>
      <c r="JHH655" s="613"/>
      <c r="JHI655" s="613"/>
      <c r="JHJ655" s="613"/>
      <c r="JHK655" s="613"/>
      <c r="JHL655" s="613"/>
      <c r="JHM655" s="613"/>
      <c r="JHN655" s="613"/>
      <c r="JHO655" s="613"/>
      <c r="JHP655" s="613"/>
      <c r="JHQ655" s="613"/>
      <c r="JHR655" s="613"/>
      <c r="JHS655" s="613"/>
      <c r="JHT655" s="613"/>
      <c r="JHU655" s="613"/>
      <c r="JHV655" s="613"/>
      <c r="JHW655" s="613"/>
      <c r="JHX655" s="613"/>
      <c r="JHY655" s="613"/>
      <c r="JHZ655" s="613"/>
      <c r="JIA655" s="613"/>
      <c r="JIB655" s="613"/>
      <c r="JIC655" s="613"/>
      <c r="JID655" s="613"/>
      <c r="JIE655" s="613"/>
      <c r="JIF655" s="613"/>
      <c r="JIG655" s="613"/>
      <c r="JIH655" s="613"/>
      <c r="JII655" s="613"/>
      <c r="JIJ655" s="613"/>
      <c r="JIK655" s="613"/>
      <c r="JIL655" s="613"/>
      <c r="JIM655" s="613"/>
      <c r="JIN655" s="613"/>
      <c r="JIO655" s="613"/>
      <c r="JIP655" s="613"/>
      <c r="JIQ655" s="613"/>
      <c r="JIR655" s="613"/>
      <c r="JIS655" s="613"/>
      <c r="JIT655" s="613"/>
      <c r="JIU655" s="613"/>
      <c r="JIV655" s="613"/>
      <c r="JIW655" s="613"/>
      <c r="JIX655" s="613"/>
      <c r="JIY655" s="613"/>
      <c r="JIZ655" s="613"/>
      <c r="JJA655" s="613"/>
      <c r="JJB655" s="613"/>
      <c r="JJC655" s="613"/>
      <c r="JJD655" s="613"/>
      <c r="JJE655" s="613"/>
      <c r="JJF655" s="613"/>
      <c r="JJG655" s="613"/>
      <c r="JJH655" s="613"/>
      <c r="JJI655" s="613"/>
      <c r="JJJ655" s="613"/>
      <c r="JJK655" s="613"/>
      <c r="JJL655" s="613"/>
      <c r="JJM655" s="613"/>
      <c r="JJN655" s="613"/>
      <c r="JJO655" s="613"/>
      <c r="JJP655" s="613"/>
      <c r="JJQ655" s="613"/>
      <c r="JJR655" s="613"/>
      <c r="JJS655" s="613"/>
      <c r="JJT655" s="613"/>
      <c r="JJU655" s="613"/>
      <c r="JJV655" s="613"/>
      <c r="JJW655" s="613"/>
      <c r="JJX655" s="613"/>
      <c r="JJY655" s="613"/>
      <c r="JJZ655" s="613"/>
      <c r="JKA655" s="613"/>
      <c r="JKB655" s="613"/>
      <c r="JKC655" s="613"/>
      <c r="JKD655" s="613"/>
      <c r="JKE655" s="613"/>
      <c r="JKF655" s="613"/>
      <c r="JKG655" s="613"/>
      <c r="JKH655" s="613"/>
      <c r="JKI655" s="613"/>
      <c r="JKJ655" s="613"/>
      <c r="JKK655" s="613"/>
      <c r="JKL655" s="613"/>
      <c r="JKM655" s="613"/>
      <c r="JKN655" s="613"/>
      <c r="JKO655" s="613"/>
      <c r="JKP655" s="613"/>
      <c r="JKQ655" s="613"/>
      <c r="JKR655" s="613"/>
      <c r="JKS655" s="613"/>
      <c r="JKT655" s="613"/>
      <c r="JKU655" s="613"/>
      <c r="JKV655" s="613"/>
      <c r="JKW655" s="613"/>
      <c r="JKX655" s="613"/>
      <c r="JKY655" s="613"/>
      <c r="JKZ655" s="613"/>
      <c r="JLA655" s="613"/>
      <c r="JLB655" s="613"/>
      <c r="JLC655" s="613"/>
      <c r="JLD655" s="613"/>
      <c r="JLE655" s="613"/>
      <c r="JLF655" s="613"/>
      <c r="JLG655" s="613"/>
      <c r="JLH655" s="613"/>
      <c r="JLI655" s="613"/>
      <c r="JLJ655" s="613"/>
      <c r="JLK655" s="613"/>
      <c r="JLL655" s="613"/>
      <c r="JLM655" s="613"/>
      <c r="JLN655" s="613"/>
      <c r="JLO655" s="613"/>
      <c r="JLP655" s="613"/>
      <c r="JLQ655" s="613"/>
      <c r="JLR655" s="613"/>
      <c r="JLS655" s="613"/>
      <c r="JLT655" s="613"/>
      <c r="JLU655" s="613"/>
      <c r="JLV655" s="613"/>
      <c r="JLW655" s="613"/>
      <c r="JLX655" s="613"/>
      <c r="JLY655" s="613"/>
      <c r="JLZ655" s="613"/>
      <c r="JMA655" s="613"/>
      <c r="JMB655" s="613"/>
      <c r="JMC655" s="613"/>
      <c r="JMD655" s="613"/>
      <c r="JME655" s="613"/>
      <c r="JMF655" s="613"/>
      <c r="JMG655" s="613"/>
      <c r="JMH655" s="613"/>
      <c r="JMI655" s="613"/>
      <c r="JMJ655" s="613"/>
      <c r="JMK655" s="613"/>
      <c r="JML655" s="613"/>
      <c r="JMM655" s="613"/>
      <c r="JMN655" s="613"/>
      <c r="JMO655" s="613"/>
      <c r="JMP655" s="613"/>
      <c r="JMQ655" s="613"/>
      <c r="JMR655" s="613"/>
      <c r="JMS655" s="613"/>
      <c r="JMT655" s="613"/>
      <c r="JMU655" s="613"/>
      <c r="JMV655" s="613"/>
      <c r="JMW655" s="613"/>
      <c r="JMX655" s="613"/>
      <c r="JMY655" s="613"/>
      <c r="JMZ655" s="613"/>
      <c r="JNA655" s="613"/>
      <c r="JNB655" s="613"/>
      <c r="JNC655" s="613"/>
      <c r="JND655" s="613"/>
      <c r="JNE655" s="613"/>
      <c r="JNF655" s="613"/>
      <c r="JNG655" s="613"/>
      <c r="JNH655" s="613"/>
      <c r="JNI655" s="613"/>
      <c r="JNJ655" s="613"/>
      <c r="JNK655" s="613"/>
      <c r="JNL655" s="613"/>
      <c r="JNM655" s="613"/>
      <c r="JNN655" s="613"/>
      <c r="JNO655" s="613"/>
      <c r="JNP655" s="613"/>
      <c r="JNQ655" s="613"/>
      <c r="JNR655" s="613"/>
      <c r="JNS655" s="613"/>
      <c r="JNT655" s="613"/>
      <c r="JNU655" s="613"/>
      <c r="JNV655" s="613"/>
      <c r="JNW655" s="613"/>
      <c r="JNX655" s="613"/>
      <c r="JNY655" s="613"/>
      <c r="JNZ655" s="613"/>
      <c r="JOA655" s="613"/>
      <c r="JOB655" s="613"/>
      <c r="JOC655" s="613"/>
      <c r="JOD655" s="613"/>
      <c r="JOE655" s="613"/>
      <c r="JOF655" s="613"/>
      <c r="JOG655" s="613"/>
      <c r="JOH655" s="613"/>
      <c r="JOI655" s="613"/>
      <c r="JOJ655" s="613"/>
      <c r="JOK655" s="613"/>
      <c r="JOL655" s="613"/>
      <c r="JOM655" s="613"/>
      <c r="JON655" s="613"/>
      <c r="JOO655" s="613"/>
      <c r="JOP655" s="613"/>
      <c r="JOQ655" s="613"/>
      <c r="JOR655" s="613"/>
      <c r="JOS655" s="613"/>
      <c r="JOT655" s="613"/>
      <c r="JOU655" s="613"/>
      <c r="JOV655" s="613"/>
      <c r="JOW655" s="613"/>
      <c r="JOX655" s="613"/>
      <c r="JOY655" s="613"/>
      <c r="JOZ655" s="613"/>
      <c r="JPA655" s="613"/>
      <c r="JPB655" s="613"/>
      <c r="JPC655" s="613"/>
      <c r="JPD655" s="613"/>
      <c r="JPE655" s="613"/>
      <c r="JPF655" s="613"/>
      <c r="JPG655" s="613"/>
      <c r="JPH655" s="613"/>
      <c r="JPI655" s="613"/>
      <c r="JPJ655" s="613"/>
      <c r="JPK655" s="613"/>
      <c r="JPL655" s="613"/>
      <c r="JPM655" s="613"/>
      <c r="JPN655" s="613"/>
      <c r="JPO655" s="613"/>
      <c r="JPP655" s="613"/>
      <c r="JPQ655" s="613"/>
      <c r="JPR655" s="613"/>
      <c r="JPS655" s="613"/>
      <c r="JPT655" s="613"/>
      <c r="JPU655" s="613"/>
      <c r="JPV655" s="613"/>
      <c r="JPW655" s="613"/>
      <c r="JPX655" s="613"/>
      <c r="JPY655" s="613"/>
      <c r="JPZ655" s="613"/>
      <c r="JQA655" s="613"/>
      <c r="JQB655" s="613"/>
      <c r="JQC655" s="613"/>
      <c r="JQD655" s="613"/>
      <c r="JQE655" s="613"/>
      <c r="JQF655" s="613"/>
      <c r="JQG655" s="613"/>
      <c r="JQH655" s="613"/>
      <c r="JQI655" s="613"/>
      <c r="JQJ655" s="613"/>
      <c r="JQK655" s="613"/>
      <c r="JQL655" s="613"/>
      <c r="JQM655" s="613"/>
      <c r="JQN655" s="613"/>
      <c r="JQO655" s="613"/>
      <c r="JQP655" s="613"/>
      <c r="JQQ655" s="613"/>
      <c r="JQR655" s="613"/>
      <c r="JQS655" s="613"/>
      <c r="JQT655" s="613"/>
      <c r="JQU655" s="613"/>
      <c r="JQV655" s="613"/>
      <c r="JQW655" s="613"/>
      <c r="JQX655" s="613"/>
      <c r="JQY655" s="613"/>
      <c r="JQZ655" s="613"/>
      <c r="JRA655" s="613"/>
      <c r="JRB655" s="613"/>
      <c r="JRC655" s="613"/>
      <c r="JRD655" s="613"/>
      <c r="JRE655" s="613"/>
      <c r="JRF655" s="613"/>
      <c r="JRG655" s="613"/>
      <c r="JRH655" s="613"/>
      <c r="JRI655" s="613"/>
      <c r="JRJ655" s="613"/>
      <c r="JRK655" s="613"/>
      <c r="JRL655" s="613"/>
      <c r="JRM655" s="613"/>
      <c r="JRN655" s="613"/>
      <c r="JRO655" s="613"/>
      <c r="JRP655" s="613"/>
      <c r="JRQ655" s="613"/>
      <c r="JRR655" s="613"/>
      <c r="JRS655" s="613"/>
      <c r="JRT655" s="613"/>
      <c r="JRU655" s="613"/>
      <c r="JRV655" s="613"/>
      <c r="JRW655" s="613"/>
      <c r="JRX655" s="613"/>
      <c r="JRY655" s="613"/>
      <c r="JRZ655" s="613"/>
      <c r="JSA655" s="613"/>
      <c r="JSB655" s="613"/>
      <c r="JSC655" s="613"/>
      <c r="JSD655" s="613"/>
      <c r="JSE655" s="613"/>
      <c r="JSF655" s="613"/>
      <c r="JSG655" s="613"/>
      <c r="JSH655" s="613"/>
      <c r="JSI655" s="613"/>
      <c r="JSJ655" s="613"/>
      <c r="JSK655" s="613"/>
      <c r="JSL655" s="613"/>
      <c r="JSM655" s="613"/>
      <c r="JSN655" s="613"/>
      <c r="JSO655" s="613"/>
      <c r="JSP655" s="613"/>
      <c r="JSQ655" s="613"/>
      <c r="JSR655" s="613"/>
      <c r="JSS655" s="613"/>
      <c r="JST655" s="613"/>
      <c r="JSU655" s="613"/>
      <c r="JSV655" s="613"/>
      <c r="JSW655" s="613"/>
      <c r="JSX655" s="613"/>
      <c r="JSY655" s="613"/>
      <c r="JSZ655" s="613"/>
      <c r="JTA655" s="613"/>
      <c r="JTB655" s="613"/>
      <c r="JTC655" s="613"/>
      <c r="JTD655" s="613"/>
      <c r="JTE655" s="613"/>
      <c r="JTF655" s="613"/>
      <c r="JTG655" s="613"/>
      <c r="JTH655" s="613"/>
      <c r="JTI655" s="613"/>
      <c r="JTJ655" s="613"/>
      <c r="JTK655" s="613"/>
      <c r="JTL655" s="613"/>
      <c r="JTM655" s="613"/>
      <c r="JTN655" s="613"/>
      <c r="JTO655" s="613"/>
      <c r="JTP655" s="613"/>
      <c r="JTQ655" s="613"/>
      <c r="JTR655" s="613"/>
      <c r="JTS655" s="613"/>
      <c r="JTT655" s="613"/>
      <c r="JTU655" s="613"/>
      <c r="JTV655" s="613"/>
      <c r="JTW655" s="613"/>
      <c r="JTX655" s="613"/>
      <c r="JTY655" s="613"/>
      <c r="JTZ655" s="613"/>
      <c r="JUA655" s="613"/>
      <c r="JUB655" s="613"/>
      <c r="JUC655" s="613"/>
      <c r="JUD655" s="613"/>
      <c r="JUE655" s="613"/>
      <c r="JUF655" s="613"/>
      <c r="JUG655" s="613"/>
      <c r="JUH655" s="613"/>
      <c r="JUI655" s="613"/>
      <c r="JUJ655" s="613"/>
      <c r="JUK655" s="613"/>
      <c r="JUL655" s="613"/>
      <c r="JUM655" s="613"/>
      <c r="JUN655" s="613"/>
      <c r="JUO655" s="613"/>
      <c r="JUP655" s="613"/>
      <c r="JUQ655" s="613"/>
      <c r="JUR655" s="613"/>
      <c r="JUS655" s="613"/>
      <c r="JUT655" s="613"/>
      <c r="JUU655" s="613"/>
      <c r="JUV655" s="613"/>
      <c r="JUW655" s="613"/>
      <c r="JUX655" s="613"/>
      <c r="JUY655" s="613"/>
      <c r="JUZ655" s="613"/>
      <c r="JVA655" s="613"/>
      <c r="JVB655" s="613"/>
      <c r="JVC655" s="613"/>
      <c r="JVD655" s="613"/>
      <c r="JVE655" s="613"/>
      <c r="JVF655" s="613"/>
      <c r="JVG655" s="613"/>
      <c r="JVH655" s="613"/>
      <c r="JVI655" s="613"/>
      <c r="JVJ655" s="613"/>
      <c r="JVK655" s="613"/>
      <c r="JVL655" s="613"/>
      <c r="JVM655" s="613"/>
      <c r="JVN655" s="613"/>
      <c r="JVO655" s="613"/>
      <c r="JVP655" s="613"/>
      <c r="JVQ655" s="613"/>
      <c r="JVR655" s="613"/>
      <c r="JVS655" s="613"/>
      <c r="JVT655" s="613"/>
      <c r="JVU655" s="613"/>
      <c r="JVV655" s="613"/>
      <c r="JVW655" s="613"/>
      <c r="JVX655" s="613"/>
      <c r="JVY655" s="613"/>
      <c r="JVZ655" s="613"/>
      <c r="JWA655" s="613"/>
      <c r="JWB655" s="613"/>
      <c r="JWC655" s="613"/>
      <c r="JWD655" s="613"/>
      <c r="JWE655" s="613"/>
      <c r="JWF655" s="613"/>
      <c r="JWG655" s="613"/>
      <c r="JWH655" s="613"/>
      <c r="JWI655" s="613"/>
      <c r="JWJ655" s="613"/>
      <c r="JWK655" s="613"/>
      <c r="JWL655" s="613"/>
      <c r="JWM655" s="613"/>
      <c r="JWN655" s="613"/>
      <c r="JWO655" s="613"/>
      <c r="JWP655" s="613"/>
      <c r="JWQ655" s="613"/>
      <c r="JWR655" s="613"/>
      <c r="JWS655" s="613"/>
      <c r="JWT655" s="613"/>
      <c r="JWU655" s="613"/>
      <c r="JWV655" s="613"/>
      <c r="JWW655" s="613"/>
      <c r="JWX655" s="613"/>
      <c r="JWY655" s="613"/>
      <c r="JWZ655" s="613"/>
      <c r="JXA655" s="613"/>
      <c r="JXB655" s="613"/>
      <c r="JXC655" s="613"/>
      <c r="JXD655" s="613"/>
      <c r="JXE655" s="613"/>
      <c r="JXF655" s="613"/>
      <c r="JXG655" s="613"/>
      <c r="JXH655" s="613"/>
      <c r="JXI655" s="613"/>
      <c r="JXJ655" s="613"/>
      <c r="JXK655" s="613"/>
      <c r="JXL655" s="613"/>
      <c r="JXM655" s="613"/>
      <c r="JXN655" s="613"/>
      <c r="JXO655" s="613"/>
      <c r="JXP655" s="613"/>
      <c r="JXQ655" s="613"/>
      <c r="JXR655" s="613"/>
      <c r="JXS655" s="613"/>
      <c r="JXT655" s="613"/>
      <c r="JXU655" s="613"/>
      <c r="JXV655" s="613"/>
      <c r="JXW655" s="613"/>
      <c r="JXX655" s="613"/>
      <c r="JXY655" s="613"/>
      <c r="JXZ655" s="613"/>
      <c r="JYA655" s="613"/>
      <c r="JYB655" s="613"/>
      <c r="JYC655" s="613"/>
      <c r="JYD655" s="613"/>
      <c r="JYE655" s="613"/>
      <c r="JYF655" s="613"/>
      <c r="JYG655" s="613"/>
      <c r="JYH655" s="613"/>
      <c r="JYI655" s="613"/>
      <c r="JYJ655" s="613"/>
      <c r="JYK655" s="613"/>
      <c r="JYL655" s="613"/>
      <c r="JYM655" s="613"/>
      <c r="JYN655" s="613"/>
      <c r="JYO655" s="613"/>
      <c r="JYP655" s="613"/>
      <c r="JYQ655" s="613"/>
      <c r="JYR655" s="613"/>
      <c r="JYS655" s="613"/>
      <c r="JYT655" s="613"/>
      <c r="JYU655" s="613"/>
      <c r="JYV655" s="613"/>
      <c r="JYW655" s="613"/>
      <c r="JYX655" s="613"/>
      <c r="JYY655" s="613"/>
      <c r="JYZ655" s="613"/>
      <c r="JZA655" s="613"/>
      <c r="JZB655" s="613"/>
      <c r="JZC655" s="613"/>
      <c r="JZD655" s="613"/>
      <c r="JZE655" s="613"/>
      <c r="JZF655" s="613"/>
      <c r="JZG655" s="613"/>
      <c r="JZH655" s="613"/>
      <c r="JZI655" s="613"/>
      <c r="JZJ655" s="613"/>
      <c r="JZK655" s="613"/>
      <c r="JZL655" s="613"/>
      <c r="JZM655" s="613"/>
      <c r="JZN655" s="613"/>
      <c r="JZO655" s="613"/>
      <c r="JZP655" s="613"/>
      <c r="JZQ655" s="613"/>
      <c r="JZR655" s="613"/>
      <c r="JZS655" s="613"/>
      <c r="JZT655" s="613"/>
      <c r="JZU655" s="613"/>
      <c r="JZV655" s="613"/>
      <c r="JZW655" s="613"/>
      <c r="JZX655" s="613"/>
      <c r="JZY655" s="613"/>
      <c r="JZZ655" s="613"/>
      <c r="KAA655" s="613"/>
      <c r="KAB655" s="613"/>
      <c r="KAC655" s="613"/>
      <c r="KAD655" s="613"/>
      <c r="KAE655" s="613"/>
      <c r="KAF655" s="613"/>
      <c r="KAG655" s="613"/>
      <c r="KAH655" s="613"/>
      <c r="KAI655" s="613"/>
      <c r="KAJ655" s="613"/>
      <c r="KAK655" s="613"/>
      <c r="KAL655" s="613"/>
      <c r="KAM655" s="613"/>
      <c r="KAN655" s="613"/>
      <c r="KAO655" s="613"/>
      <c r="KAP655" s="613"/>
      <c r="KAQ655" s="613"/>
      <c r="KAR655" s="613"/>
      <c r="KAS655" s="613"/>
      <c r="KAT655" s="613"/>
      <c r="KAU655" s="613"/>
      <c r="KAV655" s="613"/>
      <c r="KAW655" s="613"/>
      <c r="KAX655" s="613"/>
      <c r="KAY655" s="613"/>
      <c r="KAZ655" s="613"/>
      <c r="KBA655" s="613"/>
      <c r="KBB655" s="613"/>
      <c r="KBC655" s="613"/>
      <c r="KBD655" s="613"/>
      <c r="KBE655" s="613"/>
      <c r="KBF655" s="613"/>
      <c r="KBG655" s="613"/>
      <c r="KBH655" s="613"/>
      <c r="KBI655" s="613"/>
      <c r="KBJ655" s="613"/>
      <c r="KBK655" s="613"/>
      <c r="KBL655" s="613"/>
      <c r="KBM655" s="613"/>
      <c r="KBN655" s="613"/>
      <c r="KBO655" s="613"/>
      <c r="KBP655" s="613"/>
      <c r="KBQ655" s="613"/>
      <c r="KBR655" s="613"/>
      <c r="KBS655" s="613"/>
      <c r="KBT655" s="613"/>
      <c r="KBU655" s="613"/>
      <c r="KBV655" s="613"/>
      <c r="KBW655" s="613"/>
      <c r="KBX655" s="613"/>
      <c r="KBY655" s="613"/>
      <c r="KBZ655" s="613"/>
      <c r="KCA655" s="613"/>
      <c r="KCB655" s="613"/>
      <c r="KCC655" s="613"/>
      <c r="KCD655" s="613"/>
      <c r="KCE655" s="613"/>
      <c r="KCF655" s="613"/>
      <c r="KCG655" s="613"/>
      <c r="KCH655" s="613"/>
      <c r="KCI655" s="613"/>
      <c r="KCJ655" s="613"/>
      <c r="KCK655" s="613"/>
      <c r="KCL655" s="613"/>
      <c r="KCM655" s="613"/>
      <c r="KCN655" s="613"/>
      <c r="KCO655" s="613"/>
      <c r="KCP655" s="613"/>
      <c r="KCQ655" s="613"/>
      <c r="KCR655" s="613"/>
      <c r="KCS655" s="613"/>
      <c r="KCT655" s="613"/>
      <c r="KCU655" s="613"/>
      <c r="KCV655" s="613"/>
      <c r="KCW655" s="613"/>
      <c r="KCX655" s="613"/>
      <c r="KCY655" s="613"/>
      <c r="KCZ655" s="613"/>
      <c r="KDA655" s="613"/>
      <c r="KDB655" s="613"/>
      <c r="KDC655" s="613"/>
      <c r="KDD655" s="613"/>
      <c r="KDE655" s="613"/>
      <c r="KDF655" s="613"/>
      <c r="KDG655" s="613"/>
      <c r="KDH655" s="613"/>
      <c r="KDI655" s="613"/>
      <c r="KDJ655" s="613"/>
      <c r="KDK655" s="613"/>
      <c r="KDL655" s="613"/>
      <c r="KDM655" s="613"/>
      <c r="KDN655" s="613"/>
      <c r="KDO655" s="613"/>
      <c r="KDP655" s="613"/>
      <c r="KDQ655" s="613"/>
      <c r="KDR655" s="613"/>
      <c r="KDS655" s="613"/>
      <c r="KDT655" s="613"/>
      <c r="KDU655" s="613"/>
      <c r="KDV655" s="613"/>
      <c r="KDW655" s="613"/>
      <c r="KDX655" s="613"/>
      <c r="KDY655" s="613"/>
      <c r="KDZ655" s="613"/>
      <c r="KEA655" s="613"/>
      <c r="KEB655" s="613"/>
      <c r="KEC655" s="613"/>
      <c r="KED655" s="613"/>
      <c r="KEE655" s="613"/>
      <c r="KEF655" s="613"/>
      <c r="KEG655" s="613"/>
      <c r="KEH655" s="613"/>
      <c r="KEI655" s="613"/>
      <c r="KEJ655" s="613"/>
      <c r="KEK655" s="613"/>
      <c r="KEL655" s="613"/>
      <c r="KEM655" s="613"/>
      <c r="KEN655" s="613"/>
      <c r="KEO655" s="613"/>
      <c r="KEP655" s="613"/>
      <c r="KEQ655" s="613"/>
      <c r="KER655" s="613"/>
      <c r="KES655" s="613"/>
      <c r="KET655" s="613"/>
      <c r="KEU655" s="613"/>
      <c r="KEV655" s="613"/>
      <c r="KEW655" s="613"/>
      <c r="KEX655" s="613"/>
      <c r="KEY655" s="613"/>
      <c r="KEZ655" s="613"/>
      <c r="KFA655" s="613"/>
      <c r="KFB655" s="613"/>
      <c r="KFC655" s="613"/>
      <c r="KFD655" s="613"/>
      <c r="KFE655" s="613"/>
      <c r="KFF655" s="613"/>
      <c r="KFG655" s="613"/>
      <c r="KFH655" s="613"/>
      <c r="KFI655" s="613"/>
      <c r="KFJ655" s="613"/>
      <c r="KFK655" s="613"/>
      <c r="KFL655" s="613"/>
      <c r="KFM655" s="613"/>
      <c r="KFN655" s="613"/>
      <c r="KFO655" s="613"/>
      <c r="KFP655" s="613"/>
      <c r="KFQ655" s="613"/>
      <c r="KFR655" s="613"/>
      <c r="KFS655" s="613"/>
      <c r="KFT655" s="613"/>
      <c r="KFU655" s="613"/>
      <c r="KFV655" s="613"/>
      <c r="KFW655" s="613"/>
      <c r="KFX655" s="613"/>
      <c r="KFY655" s="613"/>
      <c r="KFZ655" s="613"/>
      <c r="KGA655" s="613"/>
      <c r="KGB655" s="613"/>
      <c r="KGC655" s="613"/>
      <c r="KGD655" s="613"/>
      <c r="KGE655" s="613"/>
      <c r="KGF655" s="613"/>
      <c r="KGG655" s="613"/>
      <c r="KGH655" s="613"/>
      <c r="KGI655" s="613"/>
      <c r="KGJ655" s="613"/>
      <c r="KGK655" s="613"/>
      <c r="KGL655" s="613"/>
      <c r="KGM655" s="613"/>
      <c r="KGN655" s="613"/>
      <c r="KGO655" s="613"/>
      <c r="KGP655" s="613"/>
      <c r="KGQ655" s="613"/>
      <c r="KGR655" s="613"/>
      <c r="KGS655" s="613"/>
      <c r="KGT655" s="613"/>
      <c r="KGU655" s="613"/>
      <c r="KGV655" s="613"/>
      <c r="KGW655" s="613"/>
      <c r="KGX655" s="613"/>
      <c r="KGY655" s="613"/>
      <c r="KGZ655" s="613"/>
      <c r="KHA655" s="613"/>
      <c r="KHB655" s="613"/>
      <c r="KHC655" s="613"/>
      <c r="KHD655" s="613"/>
      <c r="KHE655" s="613"/>
      <c r="KHF655" s="613"/>
      <c r="KHG655" s="613"/>
      <c r="KHH655" s="613"/>
      <c r="KHI655" s="613"/>
      <c r="KHJ655" s="613"/>
      <c r="KHK655" s="613"/>
      <c r="KHL655" s="613"/>
      <c r="KHM655" s="613"/>
      <c r="KHN655" s="613"/>
      <c r="KHO655" s="613"/>
      <c r="KHP655" s="613"/>
      <c r="KHQ655" s="613"/>
      <c r="KHR655" s="613"/>
      <c r="KHS655" s="613"/>
      <c r="KHT655" s="613"/>
      <c r="KHU655" s="613"/>
      <c r="KHV655" s="613"/>
      <c r="KHW655" s="613"/>
      <c r="KHX655" s="613"/>
      <c r="KHY655" s="613"/>
      <c r="KHZ655" s="613"/>
      <c r="KIA655" s="613"/>
      <c r="KIB655" s="613"/>
      <c r="KIC655" s="613"/>
      <c r="KID655" s="613"/>
      <c r="KIE655" s="613"/>
      <c r="KIF655" s="613"/>
      <c r="KIG655" s="613"/>
      <c r="KIH655" s="613"/>
      <c r="KII655" s="613"/>
      <c r="KIJ655" s="613"/>
      <c r="KIK655" s="613"/>
      <c r="KIL655" s="613"/>
      <c r="KIM655" s="613"/>
      <c r="KIN655" s="613"/>
      <c r="KIO655" s="613"/>
      <c r="KIP655" s="613"/>
      <c r="KIQ655" s="613"/>
      <c r="KIR655" s="613"/>
      <c r="KIS655" s="613"/>
      <c r="KIT655" s="613"/>
      <c r="KIU655" s="613"/>
      <c r="KIV655" s="613"/>
      <c r="KIW655" s="613"/>
      <c r="KIX655" s="613"/>
      <c r="KIY655" s="613"/>
      <c r="KIZ655" s="613"/>
      <c r="KJA655" s="613"/>
      <c r="KJB655" s="613"/>
      <c r="KJC655" s="613"/>
      <c r="KJD655" s="613"/>
      <c r="KJE655" s="613"/>
      <c r="KJF655" s="613"/>
      <c r="KJG655" s="613"/>
      <c r="KJH655" s="613"/>
      <c r="KJI655" s="613"/>
      <c r="KJJ655" s="613"/>
      <c r="KJK655" s="613"/>
      <c r="KJL655" s="613"/>
      <c r="KJM655" s="613"/>
      <c r="KJN655" s="613"/>
      <c r="KJO655" s="613"/>
      <c r="KJP655" s="613"/>
      <c r="KJQ655" s="613"/>
      <c r="KJR655" s="613"/>
      <c r="KJS655" s="613"/>
      <c r="KJT655" s="613"/>
      <c r="KJU655" s="613"/>
      <c r="KJV655" s="613"/>
      <c r="KJW655" s="613"/>
      <c r="KJX655" s="613"/>
      <c r="KJY655" s="613"/>
      <c r="KJZ655" s="613"/>
      <c r="KKA655" s="613"/>
      <c r="KKB655" s="613"/>
      <c r="KKC655" s="613"/>
      <c r="KKD655" s="613"/>
      <c r="KKE655" s="613"/>
      <c r="KKF655" s="613"/>
      <c r="KKG655" s="613"/>
      <c r="KKH655" s="613"/>
      <c r="KKI655" s="613"/>
      <c r="KKJ655" s="613"/>
      <c r="KKK655" s="613"/>
      <c r="KKL655" s="613"/>
      <c r="KKM655" s="613"/>
      <c r="KKN655" s="613"/>
      <c r="KKO655" s="613"/>
      <c r="KKP655" s="613"/>
      <c r="KKQ655" s="613"/>
      <c r="KKR655" s="613"/>
      <c r="KKS655" s="613"/>
      <c r="KKT655" s="613"/>
      <c r="KKU655" s="613"/>
      <c r="KKV655" s="613"/>
      <c r="KKW655" s="613"/>
      <c r="KKX655" s="613"/>
      <c r="KKY655" s="613"/>
      <c r="KKZ655" s="613"/>
      <c r="KLA655" s="613"/>
      <c r="KLB655" s="613"/>
      <c r="KLC655" s="613"/>
      <c r="KLD655" s="613"/>
      <c r="KLE655" s="613"/>
      <c r="KLF655" s="613"/>
      <c r="KLG655" s="613"/>
      <c r="KLH655" s="613"/>
      <c r="KLI655" s="613"/>
      <c r="KLJ655" s="613"/>
      <c r="KLK655" s="613"/>
      <c r="KLL655" s="613"/>
      <c r="KLM655" s="613"/>
      <c r="KLN655" s="613"/>
      <c r="KLO655" s="613"/>
      <c r="KLP655" s="613"/>
      <c r="KLQ655" s="613"/>
      <c r="KLR655" s="613"/>
      <c r="KLS655" s="613"/>
      <c r="KLT655" s="613"/>
      <c r="KLU655" s="613"/>
      <c r="KLV655" s="613"/>
      <c r="KLW655" s="613"/>
      <c r="KLX655" s="613"/>
      <c r="KLY655" s="613"/>
      <c r="KLZ655" s="613"/>
      <c r="KMA655" s="613"/>
      <c r="KMB655" s="613"/>
      <c r="KMC655" s="613"/>
      <c r="KMD655" s="613"/>
      <c r="KME655" s="613"/>
      <c r="KMF655" s="613"/>
      <c r="KMG655" s="613"/>
      <c r="KMH655" s="613"/>
      <c r="KMI655" s="613"/>
      <c r="KMJ655" s="613"/>
      <c r="KMK655" s="613"/>
      <c r="KML655" s="613"/>
      <c r="KMM655" s="613"/>
      <c r="KMN655" s="613"/>
      <c r="KMO655" s="613"/>
      <c r="KMP655" s="613"/>
      <c r="KMQ655" s="613"/>
      <c r="KMR655" s="613"/>
      <c r="KMS655" s="613"/>
      <c r="KMT655" s="613"/>
      <c r="KMU655" s="613"/>
      <c r="KMV655" s="613"/>
      <c r="KMW655" s="613"/>
      <c r="KMX655" s="613"/>
      <c r="KMY655" s="613"/>
      <c r="KMZ655" s="613"/>
      <c r="KNA655" s="613"/>
      <c r="KNB655" s="613"/>
      <c r="KNC655" s="613"/>
      <c r="KND655" s="613"/>
      <c r="KNE655" s="613"/>
      <c r="KNF655" s="613"/>
      <c r="KNG655" s="613"/>
      <c r="KNH655" s="613"/>
      <c r="KNI655" s="613"/>
      <c r="KNJ655" s="613"/>
      <c r="KNK655" s="613"/>
      <c r="KNL655" s="613"/>
      <c r="KNM655" s="613"/>
      <c r="KNN655" s="613"/>
      <c r="KNO655" s="613"/>
      <c r="KNP655" s="613"/>
      <c r="KNQ655" s="613"/>
      <c r="KNR655" s="613"/>
      <c r="KNS655" s="613"/>
      <c r="KNT655" s="613"/>
      <c r="KNU655" s="613"/>
      <c r="KNV655" s="613"/>
      <c r="KNW655" s="613"/>
      <c r="KNX655" s="613"/>
      <c r="KNY655" s="613"/>
      <c r="KNZ655" s="613"/>
      <c r="KOA655" s="613"/>
      <c r="KOB655" s="613"/>
      <c r="KOC655" s="613"/>
      <c r="KOD655" s="613"/>
      <c r="KOE655" s="613"/>
      <c r="KOF655" s="613"/>
      <c r="KOG655" s="613"/>
      <c r="KOH655" s="613"/>
      <c r="KOI655" s="613"/>
      <c r="KOJ655" s="613"/>
      <c r="KOK655" s="613"/>
      <c r="KOL655" s="613"/>
      <c r="KOM655" s="613"/>
      <c r="KON655" s="613"/>
      <c r="KOO655" s="613"/>
      <c r="KOP655" s="613"/>
      <c r="KOQ655" s="613"/>
      <c r="KOR655" s="613"/>
      <c r="KOS655" s="613"/>
      <c r="KOT655" s="613"/>
      <c r="KOU655" s="613"/>
      <c r="KOV655" s="613"/>
      <c r="KOW655" s="613"/>
      <c r="KOX655" s="613"/>
      <c r="KOY655" s="613"/>
      <c r="KOZ655" s="613"/>
      <c r="KPA655" s="613"/>
      <c r="KPB655" s="613"/>
      <c r="KPC655" s="613"/>
      <c r="KPD655" s="613"/>
      <c r="KPE655" s="613"/>
      <c r="KPF655" s="613"/>
      <c r="KPG655" s="613"/>
      <c r="KPH655" s="613"/>
      <c r="KPI655" s="613"/>
      <c r="KPJ655" s="613"/>
      <c r="KPK655" s="613"/>
      <c r="KPL655" s="613"/>
      <c r="KPM655" s="613"/>
      <c r="KPN655" s="613"/>
      <c r="KPO655" s="613"/>
      <c r="KPP655" s="613"/>
      <c r="KPQ655" s="613"/>
      <c r="KPR655" s="613"/>
      <c r="KPS655" s="613"/>
      <c r="KPT655" s="613"/>
      <c r="KPU655" s="613"/>
      <c r="KPV655" s="613"/>
      <c r="KPW655" s="613"/>
      <c r="KPX655" s="613"/>
      <c r="KPY655" s="613"/>
      <c r="KPZ655" s="613"/>
      <c r="KQA655" s="613"/>
      <c r="KQB655" s="613"/>
      <c r="KQC655" s="613"/>
      <c r="KQD655" s="613"/>
      <c r="KQE655" s="613"/>
      <c r="KQF655" s="613"/>
      <c r="KQG655" s="613"/>
      <c r="KQH655" s="613"/>
      <c r="KQI655" s="613"/>
      <c r="KQJ655" s="613"/>
      <c r="KQK655" s="613"/>
      <c r="KQL655" s="613"/>
      <c r="KQM655" s="613"/>
      <c r="KQN655" s="613"/>
      <c r="KQO655" s="613"/>
      <c r="KQP655" s="613"/>
      <c r="KQQ655" s="613"/>
      <c r="KQR655" s="613"/>
      <c r="KQS655" s="613"/>
      <c r="KQT655" s="613"/>
      <c r="KQU655" s="613"/>
      <c r="KQV655" s="613"/>
      <c r="KQW655" s="613"/>
      <c r="KQX655" s="613"/>
      <c r="KQY655" s="613"/>
      <c r="KQZ655" s="613"/>
      <c r="KRA655" s="613"/>
      <c r="KRB655" s="613"/>
      <c r="KRC655" s="613"/>
      <c r="KRD655" s="613"/>
      <c r="KRE655" s="613"/>
      <c r="KRF655" s="613"/>
      <c r="KRG655" s="613"/>
      <c r="KRH655" s="613"/>
      <c r="KRI655" s="613"/>
      <c r="KRJ655" s="613"/>
      <c r="KRK655" s="613"/>
      <c r="KRL655" s="613"/>
      <c r="KRM655" s="613"/>
      <c r="KRN655" s="613"/>
      <c r="KRO655" s="613"/>
      <c r="KRP655" s="613"/>
      <c r="KRQ655" s="613"/>
      <c r="KRR655" s="613"/>
      <c r="KRS655" s="613"/>
      <c r="KRT655" s="613"/>
      <c r="KRU655" s="613"/>
      <c r="KRV655" s="613"/>
      <c r="KRW655" s="613"/>
      <c r="KRX655" s="613"/>
      <c r="KRY655" s="613"/>
      <c r="KRZ655" s="613"/>
      <c r="KSA655" s="613"/>
      <c r="KSB655" s="613"/>
      <c r="KSC655" s="613"/>
      <c r="KSD655" s="613"/>
      <c r="KSE655" s="613"/>
      <c r="KSF655" s="613"/>
      <c r="KSG655" s="613"/>
      <c r="KSH655" s="613"/>
      <c r="KSI655" s="613"/>
      <c r="KSJ655" s="613"/>
      <c r="KSK655" s="613"/>
      <c r="KSL655" s="613"/>
      <c r="KSM655" s="613"/>
      <c r="KSN655" s="613"/>
      <c r="KSO655" s="613"/>
      <c r="KSP655" s="613"/>
      <c r="KSQ655" s="613"/>
      <c r="KSR655" s="613"/>
      <c r="KSS655" s="613"/>
      <c r="KST655" s="613"/>
      <c r="KSU655" s="613"/>
      <c r="KSV655" s="613"/>
      <c r="KSW655" s="613"/>
      <c r="KSX655" s="613"/>
      <c r="KSY655" s="613"/>
      <c r="KSZ655" s="613"/>
      <c r="KTA655" s="613"/>
      <c r="KTB655" s="613"/>
      <c r="KTC655" s="613"/>
      <c r="KTD655" s="613"/>
      <c r="KTE655" s="613"/>
      <c r="KTF655" s="613"/>
      <c r="KTG655" s="613"/>
      <c r="KTH655" s="613"/>
      <c r="KTI655" s="613"/>
      <c r="KTJ655" s="613"/>
      <c r="KTK655" s="613"/>
      <c r="KTL655" s="613"/>
      <c r="KTM655" s="613"/>
      <c r="KTN655" s="613"/>
      <c r="KTO655" s="613"/>
      <c r="KTP655" s="613"/>
      <c r="KTQ655" s="613"/>
      <c r="KTR655" s="613"/>
      <c r="KTS655" s="613"/>
      <c r="KTT655" s="613"/>
      <c r="KTU655" s="613"/>
      <c r="KTV655" s="613"/>
      <c r="KTW655" s="613"/>
      <c r="KTX655" s="613"/>
      <c r="KTY655" s="613"/>
      <c r="KTZ655" s="613"/>
      <c r="KUA655" s="613"/>
      <c r="KUB655" s="613"/>
      <c r="KUC655" s="613"/>
      <c r="KUD655" s="613"/>
      <c r="KUE655" s="613"/>
      <c r="KUF655" s="613"/>
      <c r="KUG655" s="613"/>
      <c r="KUH655" s="613"/>
      <c r="KUI655" s="613"/>
      <c r="KUJ655" s="613"/>
      <c r="KUK655" s="613"/>
      <c r="KUL655" s="613"/>
      <c r="KUM655" s="613"/>
      <c r="KUN655" s="613"/>
      <c r="KUO655" s="613"/>
      <c r="KUP655" s="613"/>
      <c r="KUQ655" s="613"/>
      <c r="KUR655" s="613"/>
      <c r="KUS655" s="613"/>
      <c r="KUT655" s="613"/>
      <c r="KUU655" s="613"/>
      <c r="KUV655" s="613"/>
      <c r="KUW655" s="613"/>
      <c r="KUX655" s="613"/>
      <c r="KUY655" s="613"/>
      <c r="KUZ655" s="613"/>
      <c r="KVA655" s="613"/>
      <c r="KVB655" s="613"/>
      <c r="KVC655" s="613"/>
      <c r="KVD655" s="613"/>
      <c r="KVE655" s="613"/>
      <c r="KVF655" s="613"/>
      <c r="KVG655" s="613"/>
      <c r="KVH655" s="613"/>
      <c r="KVI655" s="613"/>
      <c r="KVJ655" s="613"/>
      <c r="KVK655" s="613"/>
      <c r="KVL655" s="613"/>
      <c r="KVM655" s="613"/>
      <c r="KVN655" s="613"/>
      <c r="KVO655" s="613"/>
      <c r="KVP655" s="613"/>
      <c r="KVQ655" s="613"/>
      <c r="KVR655" s="613"/>
      <c r="KVS655" s="613"/>
      <c r="KVT655" s="613"/>
      <c r="KVU655" s="613"/>
      <c r="KVV655" s="613"/>
      <c r="KVW655" s="613"/>
      <c r="KVX655" s="613"/>
      <c r="KVY655" s="613"/>
      <c r="KVZ655" s="613"/>
      <c r="KWA655" s="613"/>
      <c r="KWB655" s="613"/>
      <c r="KWC655" s="613"/>
      <c r="KWD655" s="613"/>
      <c r="KWE655" s="613"/>
      <c r="KWF655" s="613"/>
      <c r="KWG655" s="613"/>
      <c r="KWH655" s="613"/>
      <c r="KWI655" s="613"/>
      <c r="KWJ655" s="613"/>
      <c r="KWK655" s="613"/>
      <c r="KWL655" s="613"/>
      <c r="KWM655" s="613"/>
      <c r="KWN655" s="613"/>
      <c r="KWO655" s="613"/>
      <c r="KWP655" s="613"/>
      <c r="KWQ655" s="613"/>
      <c r="KWR655" s="613"/>
      <c r="KWS655" s="613"/>
      <c r="KWT655" s="613"/>
      <c r="KWU655" s="613"/>
      <c r="KWV655" s="613"/>
      <c r="KWW655" s="613"/>
      <c r="KWX655" s="613"/>
      <c r="KWY655" s="613"/>
      <c r="KWZ655" s="613"/>
      <c r="KXA655" s="613"/>
      <c r="KXB655" s="613"/>
      <c r="KXC655" s="613"/>
      <c r="KXD655" s="613"/>
      <c r="KXE655" s="613"/>
      <c r="KXF655" s="613"/>
      <c r="KXG655" s="613"/>
      <c r="KXH655" s="613"/>
      <c r="KXI655" s="613"/>
      <c r="KXJ655" s="613"/>
      <c r="KXK655" s="613"/>
      <c r="KXL655" s="613"/>
      <c r="KXM655" s="613"/>
      <c r="KXN655" s="613"/>
      <c r="KXO655" s="613"/>
      <c r="KXP655" s="613"/>
      <c r="KXQ655" s="613"/>
      <c r="KXR655" s="613"/>
      <c r="KXS655" s="613"/>
      <c r="KXT655" s="613"/>
      <c r="KXU655" s="613"/>
      <c r="KXV655" s="613"/>
      <c r="KXW655" s="613"/>
      <c r="KXX655" s="613"/>
      <c r="KXY655" s="613"/>
      <c r="KXZ655" s="613"/>
      <c r="KYA655" s="613"/>
      <c r="KYB655" s="613"/>
      <c r="KYC655" s="613"/>
      <c r="KYD655" s="613"/>
      <c r="KYE655" s="613"/>
      <c r="KYF655" s="613"/>
      <c r="KYG655" s="613"/>
      <c r="KYH655" s="613"/>
      <c r="KYI655" s="613"/>
      <c r="KYJ655" s="613"/>
      <c r="KYK655" s="613"/>
      <c r="KYL655" s="613"/>
      <c r="KYM655" s="613"/>
      <c r="KYN655" s="613"/>
      <c r="KYO655" s="613"/>
      <c r="KYP655" s="613"/>
      <c r="KYQ655" s="613"/>
      <c r="KYR655" s="613"/>
      <c r="KYS655" s="613"/>
      <c r="KYT655" s="613"/>
      <c r="KYU655" s="613"/>
      <c r="KYV655" s="613"/>
      <c r="KYW655" s="613"/>
      <c r="KYX655" s="613"/>
      <c r="KYY655" s="613"/>
      <c r="KYZ655" s="613"/>
      <c r="KZA655" s="613"/>
      <c r="KZB655" s="613"/>
      <c r="KZC655" s="613"/>
      <c r="KZD655" s="613"/>
      <c r="KZE655" s="613"/>
      <c r="KZF655" s="613"/>
      <c r="KZG655" s="613"/>
      <c r="KZH655" s="613"/>
      <c r="KZI655" s="613"/>
      <c r="KZJ655" s="613"/>
      <c r="KZK655" s="613"/>
      <c r="KZL655" s="613"/>
      <c r="KZM655" s="613"/>
      <c r="KZN655" s="613"/>
      <c r="KZO655" s="613"/>
      <c r="KZP655" s="613"/>
      <c r="KZQ655" s="613"/>
      <c r="KZR655" s="613"/>
      <c r="KZS655" s="613"/>
      <c r="KZT655" s="613"/>
      <c r="KZU655" s="613"/>
      <c r="KZV655" s="613"/>
      <c r="KZW655" s="613"/>
      <c r="KZX655" s="613"/>
      <c r="KZY655" s="613"/>
      <c r="KZZ655" s="613"/>
      <c r="LAA655" s="613"/>
      <c r="LAB655" s="613"/>
      <c r="LAC655" s="613"/>
      <c r="LAD655" s="613"/>
      <c r="LAE655" s="613"/>
      <c r="LAF655" s="613"/>
      <c r="LAG655" s="613"/>
      <c r="LAH655" s="613"/>
      <c r="LAI655" s="613"/>
      <c r="LAJ655" s="613"/>
      <c r="LAK655" s="613"/>
      <c r="LAL655" s="613"/>
      <c r="LAM655" s="613"/>
      <c r="LAN655" s="613"/>
      <c r="LAO655" s="613"/>
      <c r="LAP655" s="613"/>
      <c r="LAQ655" s="613"/>
      <c r="LAR655" s="613"/>
      <c r="LAS655" s="613"/>
      <c r="LAT655" s="613"/>
      <c r="LAU655" s="613"/>
      <c r="LAV655" s="613"/>
      <c r="LAW655" s="613"/>
      <c r="LAX655" s="613"/>
      <c r="LAY655" s="613"/>
      <c r="LAZ655" s="613"/>
      <c r="LBA655" s="613"/>
      <c r="LBB655" s="613"/>
      <c r="LBC655" s="613"/>
      <c r="LBD655" s="613"/>
      <c r="LBE655" s="613"/>
      <c r="LBF655" s="613"/>
      <c r="LBG655" s="613"/>
      <c r="LBH655" s="613"/>
      <c r="LBI655" s="613"/>
      <c r="LBJ655" s="613"/>
      <c r="LBK655" s="613"/>
      <c r="LBL655" s="613"/>
      <c r="LBM655" s="613"/>
      <c r="LBN655" s="613"/>
      <c r="LBO655" s="613"/>
      <c r="LBP655" s="613"/>
      <c r="LBQ655" s="613"/>
      <c r="LBR655" s="613"/>
      <c r="LBS655" s="613"/>
      <c r="LBT655" s="613"/>
      <c r="LBU655" s="613"/>
      <c r="LBV655" s="613"/>
      <c r="LBW655" s="613"/>
      <c r="LBX655" s="613"/>
      <c r="LBY655" s="613"/>
      <c r="LBZ655" s="613"/>
      <c r="LCA655" s="613"/>
      <c r="LCB655" s="613"/>
      <c r="LCC655" s="613"/>
      <c r="LCD655" s="613"/>
      <c r="LCE655" s="613"/>
      <c r="LCF655" s="613"/>
      <c r="LCG655" s="613"/>
      <c r="LCH655" s="613"/>
      <c r="LCI655" s="613"/>
      <c r="LCJ655" s="613"/>
      <c r="LCK655" s="613"/>
      <c r="LCL655" s="613"/>
      <c r="LCM655" s="613"/>
      <c r="LCN655" s="613"/>
      <c r="LCO655" s="613"/>
      <c r="LCP655" s="613"/>
      <c r="LCQ655" s="613"/>
      <c r="LCR655" s="613"/>
      <c r="LCS655" s="613"/>
      <c r="LCT655" s="613"/>
      <c r="LCU655" s="613"/>
      <c r="LCV655" s="613"/>
      <c r="LCW655" s="613"/>
      <c r="LCX655" s="613"/>
      <c r="LCY655" s="613"/>
      <c r="LCZ655" s="613"/>
      <c r="LDA655" s="613"/>
      <c r="LDB655" s="613"/>
      <c r="LDC655" s="613"/>
      <c r="LDD655" s="613"/>
      <c r="LDE655" s="613"/>
      <c r="LDF655" s="613"/>
      <c r="LDG655" s="613"/>
      <c r="LDH655" s="613"/>
      <c r="LDI655" s="613"/>
      <c r="LDJ655" s="613"/>
      <c r="LDK655" s="613"/>
      <c r="LDL655" s="613"/>
      <c r="LDM655" s="613"/>
      <c r="LDN655" s="613"/>
      <c r="LDO655" s="613"/>
      <c r="LDP655" s="613"/>
      <c r="LDQ655" s="613"/>
      <c r="LDR655" s="613"/>
      <c r="LDS655" s="613"/>
      <c r="LDT655" s="613"/>
      <c r="LDU655" s="613"/>
      <c r="LDV655" s="613"/>
      <c r="LDW655" s="613"/>
      <c r="LDX655" s="613"/>
      <c r="LDY655" s="613"/>
      <c r="LDZ655" s="613"/>
      <c r="LEA655" s="613"/>
      <c r="LEB655" s="613"/>
      <c r="LEC655" s="613"/>
      <c r="LED655" s="613"/>
      <c r="LEE655" s="613"/>
      <c r="LEF655" s="613"/>
      <c r="LEG655" s="613"/>
      <c r="LEH655" s="613"/>
      <c r="LEI655" s="613"/>
      <c r="LEJ655" s="613"/>
      <c r="LEK655" s="613"/>
      <c r="LEL655" s="613"/>
      <c r="LEM655" s="613"/>
      <c r="LEN655" s="613"/>
      <c r="LEO655" s="613"/>
      <c r="LEP655" s="613"/>
      <c r="LEQ655" s="613"/>
      <c r="LER655" s="613"/>
      <c r="LES655" s="613"/>
      <c r="LET655" s="613"/>
      <c r="LEU655" s="613"/>
      <c r="LEV655" s="613"/>
      <c r="LEW655" s="613"/>
      <c r="LEX655" s="613"/>
      <c r="LEY655" s="613"/>
      <c r="LEZ655" s="613"/>
      <c r="LFA655" s="613"/>
      <c r="LFB655" s="613"/>
      <c r="LFC655" s="613"/>
      <c r="LFD655" s="613"/>
      <c r="LFE655" s="613"/>
      <c r="LFF655" s="613"/>
      <c r="LFG655" s="613"/>
      <c r="LFH655" s="613"/>
      <c r="LFI655" s="613"/>
      <c r="LFJ655" s="613"/>
      <c r="LFK655" s="613"/>
      <c r="LFL655" s="613"/>
      <c r="LFM655" s="613"/>
      <c r="LFN655" s="613"/>
      <c r="LFO655" s="613"/>
      <c r="LFP655" s="613"/>
      <c r="LFQ655" s="613"/>
      <c r="LFR655" s="613"/>
      <c r="LFS655" s="613"/>
      <c r="LFT655" s="613"/>
      <c r="LFU655" s="613"/>
      <c r="LFV655" s="613"/>
      <c r="LFW655" s="613"/>
      <c r="LFX655" s="613"/>
      <c r="LFY655" s="613"/>
      <c r="LFZ655" s="613"/>
      <c r="LGA655" s="613"/>
      <c r="LGB655" s="613"/>
      <c r="LGC655" s="613"/>
      <c r="LGD655" s="613"/>
      <c r="LGE655" s="613"/>
      <c r="LGF655" s="613"/>
      <c r="LGG655" s="613"/>
      <c r="LGH655" s="613"/>
      <c r="LGI655" s="613"/>
      <c r="LGJ655" s="613"/>
      <c r="LGK655" s="613"/>
      <c r="LGL655" s="613"/>
      <c r="LGM655" s="613"/>
      <c r="LGN655" s="613"/>
      <c r="LGO655" s="613"/>
      <c r="LGP655" s="613"/>
      <c r="LGQ655" s="613"/>
      <c r="LGR655" s="613"/>
      <c r="LGS655" s="613"/>
      <c r="LGT655" s="613"/>
      <c r="LGU655" s="613"/>
      <c r="LGV655" s="613"/>
      <c r="LGW655" s="613"/>
      <c r="LGX655" s="613"/>
      <c r="LGY655" s="613"/>
      <c r="LGZ655" s="613"/>
      <c r="LHA655" s="613"/>
      <c r="LHB655" s="613"/>
      <c r="LHC655" s="613"/>
      <c r="LHD655" s="613"/>
      <c r="LHE655" s="613"/>
      <c r="LHF655" s="613"/>
      <c r="LHG655" s="613"/>
      <c r="LHH655" s="613"/>
      <c r="LHI655" s="613"/>
      <c r="LHJ655" s="613"/>
      <c r="LHK655" s="613"/>
      <c r="LHL655" s="613"/>
      <c r="LHM655" s="613"/>
      <c r="LHN655" s="613"/>
      <c r="LHO655" s="613"/>
      <c r="LHP655" s="613"/>
      <c r="LHQ655" s="613"/>
      <c r="LHR655" s="613"/>
      <c r="LHS655" s="613"/>
      <c r="LHT655" s="613"/>
      <c r="LHU655" s="613"/>
      <c r="LHV655" s="613"/>
      <c r="LHW655" s="613"/>
      <c r="LHX655" s="613"/>
      <c r="LHY655" s="613"/>
      <c r="LHZ655" s="613"/>
      <c r="LIA655" s="613"/>
      <c r="LIB655" s="613"/>
      <c r="LIC655" s="613"/>
      <c r="LID655" s="613"/>
      <c r="LIE655" s="613"/>
      <c r="LIF655" s="613"/>
      <c r="LIG655" s="613"/>
      <c r="LIH655" s="613"/>
      <c r="LII655" s="613"/>
      <c r="LIJ655" s="613"/>
      <c r="LIK655" s="613"/>
      <c r="LIL655" s="613"/>
      <c r="LIM655" s="613"/>
      <c r="LIN655" s="613"/>
      <c r="LIO655" s="613"/>
      <c r="LIP655" s="613"/>
      <c r="LIQ655" s="613"/>
      <c r="LIR655" s="613"/>
      <c r="LIS655" s="613"/>
      <c r="LIT655" s="613"/>
      <c r="LIU655" s="613"/>
      <c r="LIV655" s="613"/>
      <c r="LIW655" s="613"/>
      <c r="LIX655" s="613"/>
      <c r="LIY655" s="613"/>
      <c r="LIZ655" s="613"/>
      <c r="LJA655" s="613"/>
      <c r="LJB655" s="613"/>
      <c r="LJC655" s="613"/>
      <c r="LJD655" s="613"/>
      <c r="LJE655" s="613"/>
      <c r="LJF655" s="613"/>
      <c r="LJG655" s="613"/>
      <c r="LJH655" s="613"/>
      <c r="LJI655" s="613"/>
      <c r="LJJ655" s="613"/>
      <c r="LJK655" s="613"/>
      <c r="LJL655" s="613"/>
      <c r="LJM655" s="613"/>
      <c r="LJN655" s="613"/>
      <c r="LJO655" s="613"/>
      <c r="LJP655" s="613"/>
      <c r="LJQ655" s="613"/>
      <c r="LJR655" s="613"/>
      <c r="LJS655" s="613"/>
      <c r="LJT655" s="613"/>
      <c r="LJU655" s="613"/>
      <c r="LJV655" s="613"/>
      <c r="LJW655" s="613"/>
      <c r="LJX655" s="613"/>
      <c r="LJY655" s="613"/>
      <c r="LJZ655" s="613"/>
      <c r="LKA655" s="613"/>
      <c r="LKB655" s="613"/>
      <c r="LKC655" s="613"/>
      <c r="LKD655" s="613"/>
      <c r="LKE655" s="613"/>
      <c r="LKF655" s="613"/>
      <c r="LKG655" s="613"/>
      <c r="LKH655" s="613"/>
      <c r="LKI655" s="613"/>
      <c r="LKJ655" s="613"/>
      <c r="LKK655" s="613"/>
      <c r="LKL655" s="613"/>
      <c r="LKM655" s="613"/>
      <c r="LKN655" s="613"/>
      <c r="LKO655" s="613"/>
      <c r="LKP655" s="613"/>
      <c r="LKQ655" s="613"/>
      <c r="LKR655" s="613"/>
      <c r="LKS655" s="613"/>
      <c r="LKT655" s="613"/>
      <c r="LKU655" s="613"/>
      <c r="LKV655" s="613"/>
      <c r="LKW655" s="613"/>
      <c r="LKX655" s="613"/>
      <c r="LKY655" s="613"/>
      <c r="LKZ655" s="613"/>
      <c r="LLA655" s="613"/>
      <c r="LLB655" s="613"/>
      <c r="LLC655" s="613"/>
      <c r="LLD655" s="613"/>
      <c r="LLE655" s="613"/>
      <c r="LLF655" s="613"/>
      <c r="LLG655" s="613"/>
      <c r="LLH655" s="613"/>
      <c r="LLI655" s="613"/>
      <c r="LLJ655" s="613"/>
      <c r="LLK655" s="613"/>
      <c r="LLL655" s="613"/>
      <c r="LLM655" s="613"/>
      <c r="LLN655" s="613"/>
      <c r="LLO655" s="613"/>
      <c r="LLP655" s="613"/>
      <c r="LLQ655" s="613"/>
      <c r="LLR655" s="613"/>
      <c r="LLS655" s="613"/>
      <c r="LLT655" s="613"/>
      <c r="LLU655" s="613"/>
      <c r="LLV655" s="613"/>
      <c r="LLW655" s="613"/>
      <c r="LLX655" s="613"/>
      <c r="LLY655" s="613"/>
      <c r="LLZ655" s="613"/>
      <c r="LMA655" s="613"/>
      <c r="LMB655" s="613"/>
      <c r="LMC655" s="613"/>
      <c r="LMD655" s="613"/>
      <c r="LME655" s="613"/>
      <c r="LMF655" s="613"/>
      <c r="LMG655" s="613"/>
      <c r="LMH655" s="613"/>
      <c r="LMI655" s="613"/>
      <c r="LMJ655" s="613"/>
      <c r="LMK655" s="613"/>
      <c r="LML655" s="613"/>
      <c r="LMM655" s="613"/>
      <c r="LMN655" s="613"/>
      <c r="LMO655" s="613"/>
      <c r="LMP655" s="613"/>
      <c r="LMQ655" s="613"/>
      <c r="LMR655" s="613"/>
      <c r="LMS655" s="613"/>
      <c r="LMT655" s="613"/>
      <c r="LMU655" s="613"/>
      <c r="LMV655" s="613"/>
      <c r="LMW655" s="613"/>
      <c r="LMX655" s="613"/>
      <c r="LMY655" s="613"/>
      <c r="LMZ655" s="613"/>
      <c r="LNA655" s="613"/>
      <c r="LNB655" s="613"/>
      <c r="LNC655" s="613"/>
      <c r="LND655" s="613"/>
      <c r="LNE655" s="613"/>
      <c r="LNF655" s="613"/>
      <c r="LNG655" s="613"/>
      <c r="LNH655" s="613"/>
      <c r="LNI655" s="613"/>
      <c r="LNJ655" s="613"/>
      <c r="LNK655" s="613"/>
      <c r="LNL655" s="613"/>
      <c r="LNM655" s="613"/>
      <c r="LNN655" s="613"/>
      <c r="LNO655" s="613"/>
      <c r="LNP655" s="613"/>
      <c r="LNQ655" s="613"/>
      <c r="LNR655" s="613"/>
      <c r="LNS655" s="613"/>
      <c r="LNT655" s="613"/>
      <c r="LNU655" s="613"/>
      <c r="LNV655" s="613"/>
      <c r="LNW655" s="613"/>
      <c r="LNX655" s="613"/>
      <c r="LNY655" s="613"/>
      <c r="LNZ655" s="613"/>
      <c r="LOA655" s="613"/>
      <c r="LOB655" s="613"/>
      <c r="LOC655" s="613"/>
      <c r="LOD655" s="613"/>
      <c r="LOE655" s="613"/>
      <c r="LOF655" s="613"/>
      <c r="LOG655" s="613"/>
      <c r="LOH655" s="613"/>
      <c r="LOI655" s="613"/>
      <c r="LOJ655" s="613"/>
      <c r="LOK655" s="613"/>
      <c r="LOL655" s="613"/>
      <c r="LOM655" s="613"/>
      <c r="LON655" s="613"/>
      <c r="LOO655" s="613"/>
      <c r="LOP655" s="613"/>
      <c r="LOQ655" s="613"/>
      <c r="LOR655" s="613"/>
      <c r="LOS655" s="613"/>
      <c r="LOT655" s="613"/>
      <c r="LOU655" s="613"/>
      <c r="LOV655" s="613"/>
      <c r="LOW655" s="613"/>
      <c r="LOX655" s="613"/>
      <c r="LOY655" s="613"/>
      <c r="LOZ655" s="613"/>
      <c r="LPA655" s="613"/>
      <c r="LPB655" s="613"/>
      <c r="LPC655" s="613"/>
      <c r="LPD655" s="613"/>
      <c r="LPE655" s="613"/>
      <c r="LPF655" s="613"/>
      <c r="LPG655" s="613"/>
      <c r="LPH655" s="613"/>
      <c r="LPI655" s="613"/>
      <c r="LPJ655" s="613"/>
      <c r="LPK655" s="613"/>
      <c r="LPL655" s="613"/>
      <c r="LPM655" s="613"/>
      <c r="LPN655" s="613"/>
      <c r="LPO655" s="613"/>
      <c r="LPP655" s="613"/>
      <c r="LPQ655" s="613"/>
      <c r="LPR655" s="613"/>
      <c r="LPS655" s="613"/>
      <c r="LPT655" s="613"/>
      <c r="LPU655" s="613"/>
      <c r="LPV655" s="613"/>
      <c r="LPW655" s="613"/>
      <c r="LPX655" s="613"/>
      <c r="LPY655" s="613"/>
      <c r="LPZ655" s="613"/>
      <c r="LQA655" s="613"/>
      <c r="LQB655" s="613"/>
      <c r="LQC655" s="613"/>
      <c r="LQD655" s="613"/>
      <c r="LQE655" s="613"/>
      <c r="LQF655" s="613"/>
      <c r="LQG655" s="613"/>
      <c r="LQH655" s="613"/>
      <c r="LQI655" s="613"/>
      <c r="LQJ655" s="613"/>
      <c r="LQK655" s="613"/>
      <c r="LQL655" s="613"/>
      <c r="LQM655" s="613"/>
      <c r="LQN655" s="613"/>
      <c r="LQO655" s="613"/>
      <c r="LQP655" s="613"/>
      <c r="LQQ655" s="613"/>
      <c r="LQR655" s="613"/>
      <c r="LQS655" s="613"/>
      <c r="LQT655" s="613"/>
      <c r="LQU655" s="613"/>
      <c r="LQV655" s="613"/>
      <c r="LQW655" s="613"/>
      <c r="LQX655" s="613"/>
      <c r="LQY655" s="613"/>
      <c r="LQZ655" s="613"/>
      <c r="LRA655" s="613"/>
      <c r="LRB655" s="613"/>
      <c r="LRC655" s="613"/>
      <c r="LRD655" s="613"/>
      <c r="LRE655" s="613"/>
      <c r="LRF655" s="613"/>
      <c r="LRG655" s="613"/>
      <c r="LRH655" s="613"/>
      <c r="LRI655" s="613"/>
      <c r="LRJ655" s="613"/>
      <c r="LRK655" s="613"/>
      <c r="LRL655" s="613"/>
      <c r="LRM655" s="613"/>
      <c r="LRN655" s="613"/>
      <c r="LRO655" s="613"/>
      <c r="LRP655" s="613"/>
      <c r="LRQ655" s="613"/>
      <c r="LRR655" s="613"/>
      <c r="LRS655" s="613"/>
      <c r="LRT655" s="613"/>
      <c r="LRU655" s="613"/>
      <c r="LRV655" s="613"/>
      <c r="LRW655" s="613"/>
      <c r="LRX655" s="613"/>
      <c r="LRY655" s="613"/>
      <c r="LRZ655" s="613"/>
      <c r="LSA655" s="613"/>
      <c r="LSB655" s="613"/>
      <c r="LSC655" s="613"/>
      <c r="LSD655" s="613"/>
      <c r="LSE655" s="613"/>
      <c r="LSF655" s="613"/>
      <c r="LSG655" s="613"/>
      <c r="LSH655" s="613"/>
      <c r="LSI655" s="613"/>
      <c r="LSJ655" s="613"/>
      <c r="LSK655" s="613"/>
      <c r="LSL655" s="613"/>
      <c r="LSM655" s="613"/>
      <c r="LSN655" s="613"/>
      <c r="LSO655" s="613"/>
      <c r="LSP655" s="613"/>
      <c r="LSQ655" s="613"/>
      <c r="LSR655" s="613"/>
      <c r="LSS655" s="613"/>
      <c r="LST655" s="613"/>
      <c r="LSU655" s="613"/>
      <c r="LSV655" s="613"/>
      <c r="LSW655" s="613"/>
      <c r="LSX655" s="613"/>
      <c r="LSY655" s="613"/>
      <c r="LSZ655" s="613"/>
      <c r="LTA655" s="613"/>
      <c r="LTB655" s="613"/>
      <c r="LTC655" s="613"/>
      <c r="LTD655" s="613"/>
      <c r="LTE655" s="613"/>
      <c r="LTF655" s="613"/>
      <c r="LTG655" s="613"/>
      <c r="LTH655" s="613"/>
      <c r="LTI655" s="613"/>
      <c r="LTJ655" s="613"/>
      <c r="LTK655" s="613"/>
      <c r="LTL655" s="613"/>
      <c r="LTM655" s="613"/>
      <c r="LTN655" s="613"/>
      <c r="LTO655" s="613"/>
      <c r="LTP655" s="613"/>
      <c r="LTQ655" s="613"/>
      <c r="LTR655" s="613"/>
      <c r="LTS655" s="613"/>
      <c r="LTT655" s="613"/>
      <c r="LTU655" s="613"/>
      <c r="LTV655" s="613"/>
      <c r="LTW655" s="613"/>
      <c r="LTX655" s="613"/>
      <c r="LTY655" s="613"/>
      <c r="LTZ655" s="613"/>
      <c r="LUA655" s="613"/>
      <c r="LUB655" s="613"/>
      <c r="LUC655" s="613"/>
      <c r="LUD655" s="613"/>
      <c r="LUE655" s="613"/>
      <c r="LUF655" s="613"/>
      <c r="LUG655" s="613"/>
      <c r="LUH655" s="613"/>
      <c r="LUI655" s="613"/>
      <c r="LUJ655" s="613"/>
      <c r="LUK655" s="613"/>
      <c r="LUL655" s="613"/>
      <c r="LUM655" s="613"/>
      <c r="LUN655" s="613"/>
      <c r="LUO655" s="613"/>
      <c r="LUP655" s="613"/>
      <c r="LUQ655" s="613"/>
      <c r="LUR655" s="613"/>
      <c r="LUS655" s="613"/>
      <c r="LUT655" s="613"/>
      <c r="LUU655" s="613"/>
      <c r="LUV655" s="613"/>
      <c r="LUW655" s="613"/>
      <c r="LUX655" s="613"/>
      <c r="LUY655" s="613"/>
      <c r="LUZ655" s="613"/>
      <c r="LVA655" s="613"/>
      <c r="LVB655" s="613"/>
      <c r="LVC655" s="613"/>
      <c r="LVD655" s="613"/>
      <c r="LVE655" s="613"/>
      <c r="LVF655" s="613"/>
      <c r="LVG655" s="613"/>
      <c r="LVH655" s="613"/>
      <c r="LVI655" s="613"/>
      <c r="LVJ655" s="613"/>
      <c r="LVK655" s="613"/>
      <c r="LVL655" s="613"/>
      <c r="LVM655" s="613"/>
      <c r="LVN655" s="613"/>
      <c r="LVO655" s="613"/>
      <c r="LVP655" s="613"/>
      <c r="LVQ655" s="613"/>
      <c r="LVR655" s="613"/>
      <c r="LVS655" s="613"/>
      <c r="LVT655" s="613"/>
      <c r="LVU655" s="613"/>
      <c r="LVV655" s="613"/>
      <c r="LVW655" s="613"/>
      <c r="LVX655" s="613"/>
      <c r="LVY655" s="613"/>
      <c r="LVZ655" s="613"/>
      <c r="LWA655" s="613"/>
      <c r="LWB655" s="613"/>
      <c r="LWC655" s="613"/>
      <c r="LWD655" s="613"/>
      <c r="LWE655" s="613"/>
      <c r="LWF655" s="613"/>
      <c r="LWG655" s="613"/>
      <c r="LWH655" s="613"/>
      <c r="LWI655" s="613"/>
      <c r="LWJ655" s="613"/>
      <c r="LWK655" s="613"/>
      <c r="LWL655" s="613"/>
      <c r="LWM655" s="613"/>
      <c r="LWN655" s="613"/>
      <c r="LWO655" s="613"/>
      <c r="LWP655" s="613"/>
      <c r="LWQ655" s="613"/>
      <c r="LWR655" s="613"/>
      <c r="LWS655" s="613"/>
      <c r="LWT655" s="613"/>
      <c r="LWU655" s="613"/>
      <c r="LWV655" s="613"/>
      <c r="LWW655" s="613"/>
      <c r="LWX655" s="613"/>
      <c r="LWY655" s="613"/>
      <c r="LWZ655" s="613"/>
      <c r="LXA655" s="613"/>
      <c r="LXB655" s="613"/>
      <c r="LXC655" s="613"/>
      <c r="LXD655" s="613"/>
      <c r="LXE655" s="613"/>
      <c r="LXF655" s="613"/>
      <c r="LXG655" s="613"/>
      <c r="LXH655" s="613"/>
      <c r="LXI655" s="613"/>
      <c r="LXJ655" s="613"/>
      <c r="LXK655" s="613"/>
      <c r="LXL655" s="613"/>
      <c r="LXM655" s="613"/>
      <c r="LXN655" s="613"/>
      <c r="LXO655" s="613"/>
      <c r="LXP655" s="613"/>
      <c r="LXQ655" s="613"/>
      <c r="LXR655" s="613"/>
      <c r="LXS655" s="613"/>
      <c r="LXT655" s="613"/>
      <c r="LXU655" s="613"/>
      <c r="LXV655" s="613"/>
      <c r="LXW655" s="613"/>
      <c r="LXX655" s="613"/>
      <c r="LXY655" s="613"/>
      <c r="LXZ655" s="613"/>
      <c r="LYA655" s="613"/>
      <c r="LYB655" s="613"/>
      <c r="LYC655" s="613"/>
      <c r="LYD655" s="613"/>
      <c r="LYE655" s="613"/>
      <c r="LYF655" s="613"/>
      <c r="LYG655" s="613"/>
      <c r="LYH655" s="613"/>
      <c r="LYI655" s="613"/>
      <c r="LYJ655" s="613"/>
      <c r="LYK655" s="613"/>
      <c r="LYL655" s="613"/>
      <c r="LYM655" s="613"/>
      <c r="LYN655" s="613"/>
      <c r="LYO655" s="613"/>
      <c r="LYP655" s="613"/>
      <c r="LYQ655" s="613"/>
      <c r="LYR655" s="613"/>
      <c r="LYS655" s="613"/>
      <c r="LYT655" s="613"/>
      <c r="LYU655" s="613"/>
      <c r="LYV655" s="613"/>
      <c r="LYW655" s="613"/>
      <c r="LYX655" s="613"/>
      <c r="LYY655" s="613"/>
      <c r="LYZ655" s="613"/>
      <c r="LZA655" s="613"/>
      <c r="LZB655" s="613"/>
      <c r="LZC655" s="613"/>
      <c r="LZD655" s="613"/>
      <c r="LZE655" s="613"/>
      <c r="LZF655" s="613"/>
      <c r="LZG655" s="613"/>
      <c r="LZH655" s="613"/>
      <c r="LZI655" s="613"/>
      <c r="LZJ655" s="613"/>
      <c r="LZK655" s="613"/>
      <c r="LZL655" s="613"/>
      <c r="LZM655" s="613"/>
      <c r="LZN655" s="613"/>
      <c r="LZO655" s="613"/>
      <c r="LZP655" s="613"/>
      <c r="LZQ655" s="613"/>
      <c r="LZR655" s="613"/>
      <c r="LZS655" s="613"/>
      <c r="LZT655" s="613"/>
      <c r="LZU655" s="613"/>
      <c r="LZV655" s="613"/>
      <c r="LZW655" s="613"/>
      <c r="LZX655" s="613"/>
      <c r="LZY655" s="613"/>
      <c r="LZZ655" s="613"/>
      <c r="MAA655" s="613"/>
      <c r="MAB655" s="613"/>
      <c r="MAC655" s="613"/>
      <c r="MAD655" s="613"/>
      <c r="MAE655" s="613"/>
      <c r="MAF655" s="613"/>
      <c r="MAG655" s="613"/>
      <c r="MAH655" s="613"/>
      <c r="MAI655" s="613"/>
      <c r="MAJ655" s="613"/>
      <c r="MAK655" s="613"/>
      <c r="MAL655" s="613"/>
      <c r="MAM655" s="613"/>
      <c r="MAN655" s="613"/>
      <c r="MAO655" s="613"/>
      <c r="MAP655" s="613"/>
      <c r="MAQ655" s="613"/>
      <c r="MAR655" s="613"/>
      <c r="MAS655" s="613"/>
      <c r="MAT655" s="613"/>
      <c r="MAU655" s="613"/>
      <c r="MAV655" s="613"/>
      <c r="MAW655" s="613"/>
      <c r="MAX655" s="613"/>
      <c r="MAY655" s="613"/>
      <c r="MAZ655" s="613"/>
      <c r="MBA655" s="613"/>
      <c r="MBB655" s="613"/>
      <c r="MBC655" s="613"/>
      <c r="MBD655" s="613"/>
      <c r="MBE655" s="613"/>
      <c r="MBF655" s="613"/>
      <c r="MBG655" s="613"/>
      <c r="MBH655" s="613"/>
      <c r="MBI655" s="613"/>
      <c r="MBJ655" s="613"/>
      <c r="MBK655" s="613"/>
      <c r="MBL655" s="613"/>
      <c r="MBM655" s="613"/>
      <c r="MBN655" s="613"/>
      <c r="MBO655" s="613"/>
      <c r="MBP655" s="613"/>
      <c r="MBQ655" s="613"/>
      <c r="MBR655" s="613"/>
      <c r="MBS655" s="613"/>
      <c r="MBT655" s="613"/>
      <c r="MBU655" s="613"/>
      <c r="MBV655" s="613"/>
      <c r="MBW655" s="613"/>
      <c r="MBX655" s="613"/>
      <c r="MBY655" s="613"/>
      <c r="MBZ655" s="613"/>
      <c r="MCA655" s="613"/>
      <c r="MCB655" s="613"/>
      <c r="MCC655" s="613"/>
      <c r="MCD655" s="613"/>
      <c r="MCE655" s="613"/>
      <c r="MCF655" s="613"/>
      <c r="MCG655" s="613"/>
      <c r="MCH655" s="613"/>
      <c r="MCI655" s="613"/>
      <c r="MCJ655" s="613"/>
      <c r="MCK655" s="613"/>
      <c r="MCL655" s="613"/>
      <c r="MCM655" s="613"/>
      <c r="MCN655" s="613"/>
      <c r="MCO655" s="613"/>
      <c r="MCP655" s="613"/>
      <c r="MCQ655" s="613"/>
      <c r="MCR655" s="613"/>
      <c r="MCS655" s="613"/>
      <c r="MCT655" s="613"/>
      <c r="MCU655" s="613"/>
      <c r="MCV655" s="613"/>
      <c r="MCW655" s="613"/>
      <c r="MCX655" s="613"/>
      <c r="MCY655" s="613"/>
      <c r="MCZ655" s="613"/>
      <c r="MDA655" s="613"/>
      <c r="MDB655" s="613"/>
      <c r="MDC655" s="613"/>
      <c r="MDD655" s="613"/>
      <c r="MDE655" s="613"/>
      <c r="MDF655" s="613"/>
      <c r="MDG655" s="613"/>
      <c r="MDH655" s="613"/>
      <c r="MDI655" s="613"/>
      <c r="MDJ655" s="613"/>
      <c r="MDK655" s="613"/>
      <c r="MDL655" s="613"/>
      <c r="MDM655" s="613"/>
      <c r="MDN655" s="613"/>
      <c r="MDO655" s="613"/>
      <c r="MDP655" s="613"/>
      <c r="MDQ655" s="613"/>
      <c r="MDR655" s="613"/>
      <c r="MDS655" s="613"/>
      <c r="MDT655" s="613"/>
      <c r="MDU655" s="613"/>
      <c r="MDV655" s="613"/>
      <c r="MDW655" s="613"/>
      <c r="MDX655" s="613"/>
      <c r="MDY655" s="613"/>
      <c r="MDZ655" s="613"/>
      <c r="MEA655" s="613"/>
      <c r="MEB655" s="613"/>
      <c r="MEC655" s="613"/>
      <c r="MED655" s="613"/>
      <c r="MEE655" s="613"/>
      <c r="MEF655" s="613"/>
      <c r="MEG655" s="613"/>
      <c r="MEH655" s="613"/>
      <c r="MEI655" s="613"/>
      <c r="MEJ655" s="613"/>
      <c r="MEK655" s="613"/>
      <c r="MEL655" s="613"/>
      <c r="MEM655" s="613"/>
      <c r="MEN655" s="613"/>
      <c r="MEO655" s="613"/>
      <c r="MEP655" s="613"/>
      <c r="MEQ655" s="613"/>
      <c r="MER655" s="613"/>
      <c r="MES655" s="613"/>
      <c r="MET655" s="613"/>
      <c r="MEU655" s="613"/>
      <c r="MEV655" s="613"/>
      <c r="MEW655" s="613"/>
      <c r="MEX655" s="613"/>
      <c r="MEY655" s="613"/>
      <c r="MEZ655" s="613"/>
      <c r="MFA655" s="613"/>
      <c r="MFB655" s="613"/>
      <c r="MFC655" s="613"/>
      <c r="MFD655" s="613"/>
      <c r="MFE655" s="613"/>
      <c r="MFF655" s="613"/>
      <c r="MFG655" s="613"/>
      <c r="MFH655" s="613"/>
      <c r="MFI655" s="613"/>
      <c r="MFJ655" s="613"/>
      <c r="MFK655" s="613"/>
      <c r="MFL655" s="613"/>
      <c r="MFM655" s="613"/>
      <c r="MFN655" s="613"/>
      <c r="MFO655" s="613"/>
      <c r="MFP655" s="613"/>
      <c r="MFQ655" s="613"/>
      <c r="MFR655" s="613"/>
      <c r="MFS655" s="613"/>
      <c r="MFT655" s="613"/>
      <c r="MFU655" s="613"/>
      <c r="MFV655" s="613"/>
      <c r="MFW655" s="613"/>
      <c r="MFX655" s="613"/>
      <c r="MFY655" s="613"/>
      <c r="MFZ655" s="613"/>
      <c r="MGA655" s="613"/>
      <c r="MGB655" s="613"/>
      <c r="MGC655" s="613"/>
      <c r="MGD655" s="613"/>
      <c r="MGE655" s="613"/>
      <c r="MGF655" s="613"/>
      <c r="MGG655" s="613"/>
      <c r="MGH655" s="613"/>
      <c r="MGI655" s="613"/>
      <c r="MGJ655" s="613"/>
      <c r="MGK655" s="613"/>
      <c r="MGL655" s="613"/>
      <c r="MGM655" s="613"/>
      <c r="MGN655" s="613"/>
      <c r="MGO655" s="613"/>
      <c r="MGP655" s="613"/>
      <c r="MGQ655" s="613"/>
      <c r="MGR655" s="613"/>
      <c r="MGS655" s="613"/>
      <c r="MGT655" s="613"/>
      <c r="MGU655" s="613"/>
      <c r="MGV655" s="613"/>
      <c r="MGW655" s="613"/>
      <c r="MGX655" s="613"/>
      <c r="MGY655" s="613"/>
      <c r="MGZ655" s="613"/>
      <c r="MHA655" s="613"/>
      <c r="MHB655" s="613"/>
      <c r="MHC655" s="613"/>
      <c r="MHD655" s="613"/>
      <c r="MHE655" s="613"/>
      <c r="MHF655" s="613"/>
      <c r="MHG655" s="613"/>
      <c r="MHH655" s="613"/>
      <c r="MHI655" s="613"/>
      <c r="MHJ655" s="613"/>
      <c r="MHK655" s="613"/>
      <c r="MHL655" s="613"/>
      <c r="MHM655" s="613"/>
      <c r="MHN655" s="613"/>
      <c r="MHO655" s="613"/>
      <c r="MHP655" s="613"/>
      <c r="MHQ655" s="613"/>
      <c r="MHR655" s="613"/>
      <c r="MHS655" s="613"/>
      <c r="MHT655" s="613"/>
      <c r="MHU655" s="613"/>
      <c r="MHV655" s="613"/>
      <c r="MHW655" s="613"/>
      <c r="MHX655" s="613"/>
      <c r="MHY655" s="613"/>
      <c r="MHZ655" s="613"/>
      <c r="MIA655" s="613"/>
      <c r="MIB655" s="613"/>
      <c r="MIC655" s="613"/>
      <c r="MID655" s="613"/>
      <c r="MIE655" s="613"/>
      <c r="MIF655" s="613"/>
      <c r="MIG655" s="613"/>
      <c r="MIH655" s="613"/>
      <c r="MII655" s="613"/>
      <c r="MIJ655" s="613"/>
      <c r="MIK655" s="613"/>
      <c r="MIL655" s="613"/>
      <c r="MIM655" s="613"/>
      <c r="MIN655" s="613"/>
      <c r="MIO655" s="613"/>
      <c r="MIP655" s="613"/>
      <c r="MIQ655" s="613"/>
      <c r="MIR655" s="613"/>
      <c r="MIS655" s="613"/>
      <c r="MIT655" s="613"/>
      <c r="MIU655" s="613"/>
      <c r="MIV655" s="613"/>
      <c r="MIW655" s="613"/>
      <c r="MIX655" s="613"/>
      <c r="MIY655" s="613"/>
      <c r="MIZ655" s="613"/>
      <c r="MJA655" s="613"/>
      <c r="MJB655" s="613"/>
      <c r="MJC655" s="613"/>
      <c r="MJD655" s="613"/>
      <c r="MJE655" s="613"/>
      <c r="MJF655" s="613"/>
      <c r="MJG655" s="613"/>
      <c r="MJH655" s="613"/>
      <c r="MJI655" s="613"/>
      <c r="MJJ655" s="613"/>
      <c r="MJK655" s="613"/>
      <c r="MJL655" s="613"/>
      <c r="MJM655" s="613"/>
      <c r="MJN655" s="613"/>
      <c r="MJO655" s="613"/>
      <c r="MJP655" s="613"/>
      <c r="MJQ655" s="613"/>
      <c r="MJR655" s="613"/>
      <c r="MJS655" s="613"/>
      <c r="MJT655" s="613"/>
      <c r="MJU655" s="613"/>
      <c r="MJV655" s="613"/>
      <c r="MJW655" s="613"/>
      <c r="MJX655" s="613"/>
      <c r="MJY655" s="613"/>
      <c r="MJZ655" s="613"/>
      <c r="MKA655" s="613"/>
      <c r="MKB655" s="613"/>
      <c r="MKC655" s="613"/>
      <c r="MKD655" s="613"/>
      <c r="MKE655" s="613"/>
      <c r="MKF655" s="613"/>
      <c r="MKG655" s="613"/>
      <c r="MKH655" s="613"/>
      <c r="MKI655" s="613"/>
      <c r="MKJ655" s="613"/>
      <c r="MKK655" s="613"/>
      <c r="MKL655" s="613"/>
      <c r="MKM655" s="613"/>
      <c r="MKN655" s="613"/>
      <c r="MKO655" s="613"/>
      <c r="MKP655" s="613"/>
      <c r="MKQ655" s="613"/>
      <c r="MKR655" s="613"/>
      <c r="MKS655" s="613"/>
      <c r="MKT655" s="613"/>
      <c r="MKU655" s="613"/>
      <c r="MKV655" s="613"/>
      <c r="MKW655" s="613"/>
      <c r="MKX655" s="613"/>
      <c r="MKY655" s="613"/>
      <c r="MKZ655" s="613"/>
      <c r="MLA655" s="613"/>
      <c r="MLB655" s="613"/>
      <c r="MLC655" s="613"/>
      <c r="MLD655" s="613"/>
      <c r="MLE655" s="613"/>
      <c r="MLF655" s="613"/>
      <c r="MLG655" s="613"/>
      <c r="MLH655" s="613"/>
      <c r="MLI655" s="613"/>
      <c r="MLJ655" s="613"/>
      <c r="MLK655" s="613"/>
      <c r="MLL655" s="613"/>
      <c r="MLM655" s="613"/>
      <c r="MLN655" s="613"/>
      <c r="MLO655" s="613"/>
      <c r="MLP655" s="613"/>
      <c r="MLQ655" s="613"/>
      <c r="MLR655" s="613"/>
      <c r="MLS655" s="613"/>
      <c r="MLT655" s="613"/>
      <c r="MLU655" s="613"/>
      <c r="MLV655" s="613"/>
      <c r="MLW655" s="613"/>
      <c r="MLX655" s="613"/>
      <c r="MLY655" s="613"/>
      <c r="MLZ655" s="613"/>
      <c r="MMA655" s="613"/>
      <c r="MMB655" s="613"/>
      <c r="MMC655" s="613"/>
      <c r="MMD655" s="613"/>
      <c r="MME655" s="613"/>
      <c r="MMF655" s="613"/>
      <c r="MMG655" s="613"/>
      <c r="MMH655" s="613"/>
      <c r="MMI655" s="613"/>
      <c r="MMJ655" s="613"/>
      <c r="MMK655" s="613"/>
      <c r="MML655" s="613"/>
      <c r="MMM655" s="613"/>
      <c r="MMN655" s="613"/>
      <c r="MMO655" s="613"/>
      <c r="MMP655" s="613"/>
      <c r="MMQ655" s="613"/>
      <c r="MMR655" s="613"/>
      <c r="MMS655" s="613"/>
      <c r="MMT655" s="613"/>
      <c r="MMU655" s="613"/>
      <c r="MMV655" s="613"/>
      <c r="MMW655" s="613"/>
      <c r="MMX655" s="613"/>
      <c r="MMY655" s="613"/>
      <c r="MMZ655" s="613"/>
      <c r="MNA655" s="613"/>
      <c r="MNB655" s="613"/>
      <c r="MNC655" s="613"/>
      <c r="MND655" s="613"/>
      <c r="MNE655" s="613"/>
      <c r="MNF655" s="613"/>
      <c r="MNG655" s="613"/>
      <c r="MNH655" s="613"/>
      <c r="MNI655" s="613"/>
      <c r="MNJ655" s="613"/>
      <c r="MNK655" s="613"/>
      <c r="MNL655" s="613"/>
      <c r="MNM655" s="613"/>
      <c r="MNN655" s="613"/>
      <c r="MNO655" s="613"/>
      <c r="MNP655" s="613"/>
      <c r="MNQ655" s="613"/>
      <c r="MNR655" s="613"/>
      <c r="MNS655" s="613"/>
      <c r="MNT655" s="613"/>
      <c r="MNU655" s="613"/>
      <c r="MNV655" s="613"/>
      <c r="MNW655" s="613"/>
      <c r="MNX655" s="613"/>
      <c r="MNY655" s="613"/>
      <c r="MNZ655" s="613"/>
      <c r="MOA655" s="613"/>
      <c r="MOB655" s="613"/>
      <c r="MOC655" s="613"/>
      <c r="MOD655" s="613"/>
      <c r="MOE655" s="613"/>
      <c r="MOF655" s="613"/>
      <c r="MOG655" s="613"/>
      <c r="MOH655" s="613"/>
      <c r="MOI655" s="613"/>
      <c r="MOJ655" s="613"/>
      <c r="MOK655" s="613"/>
      <c r="MOL655" s="613"/>
      <c r="MOM655" s="613"/>
      <c r="MON655" s="613"/>
      <c r="MOO655" s="613"/>
      <c r="MOP655" s="613"/>
      <c r="MOQ655" s="613"/>
      <c r="MOR655" s="613"/>
      <c r="MOS655" s="613"/>
      <c r="MOT655" s="613"/>
      <c r="MOU655" s="613"/>
      <c r="MOV655" s="613"/>
      <c r="MOW655" s="613"/>
      <c r="MOX655" s="613"/>
      <c r="MOY655" s="613"/>
      <c r="MOZ655" s="613"/>
      <c r="MPA655" s="613"/>
      <c r="MPB655" s="613"/>
      <c r="MPC655" s="613"/>
      <c r="MPD655" s="613"/>
      <c r="MPE655" s="613"/>
      <c r="MPF655" s="613"/>
      <c r="MPG655" s="613"/>
      <c r="MPH655" s="613"/>
      <c r="MPI655" s="613"/>
      <c r="MPJ655" s="613"/>
      <c r="MPK655" s="613"/>
      <c r="MPL655" s="613"/>
      <c r="MPM655" s="613"/>
      <c r="MPN655" s="613"/>
      <c r="MPO655" s="613"/>
      <c r="MPP655" s="613"/>
      <c r="MPQ655" s="613"/>
      <c r="MPR655" s="613"/>
      <c r="MPS655" s="613"/>
      <c r="MPT655" s="613"/>
      <c r="MPU655" s="613"/>
      <c r="MPV655" s="613"/>
      <c r="MPW655" s="613"/>
      <c r="MPX655" s="613"/>
      <c r="MPY655" s="613"/>
      <c r="MPZ655" s="613"/>
      <c r="MQA655" s="613"/>
      <c r="MQB655" s="613"/>
      <c r="MQC655" s="613"/>
      <c r="MQD655" s="613"/>
      <c r="MQE655" s="613"/>
      <c r="MQF655" s="613"/>
      <c r="MQG655" s="613"/>
      <c r="MQH655" s="613"/>
      <c r="MQI655" s="613"/>
      <c r="MQJ655" s="613"/>
      <c r="MQK655" s="613"/>
      <c r="MQL655" s="613"/>
      <c r="MQM655" s="613"/>
      <c r="MQN655" s="613"/>
      <c r="MQO655" s="613"/>
      <c r="MQP655" s="613"/>
      <c r="MQQ655" s="613"/>
      <c r="MQR655" s="613"/>
      <c r="MQS655" s="613"/>
      <c r="MQT655" s="613"/>
      <c r="MQU655" s="613"/>
      <c r="MQV655" s="613"/>
      <c r="MQW655" s="613"/>
      <c r="MQX655" s="613"/>
      <c r="MQY655" s="613"/>
      <c r="MQZ655" s="613"/>
      <c r="MRA655" s="613"/>
      <c r="MRB655" s="613"/>
      <c r="MRC655" s="613"/>
      <c r="MRD655" s="613"/>
      <c r="MRE655" s="613"/>
      <c r="MRF655" s="613"/>
      <c r="MRG655" s="613"/>
      <c r="MRH655" s="613"/>
      <c r="MRI655" s="613"/>
      <c r="MRJ655" s="613"/>
      <c r="MRK655" s="613"/>
      <c r="MRL655" s="613"/>
      <c r="MRM655" s="613"/>
      <c r="MRN655" s="613"/>
      <c r="MRO655" s="613"/>
      <c r="MRP655" s="613"/>
      <c r="MRQ655" s="613"/>
      <c r="MRR655" s="613"/>
      <c r="MRS655" s="613"/>
      <c r="MRT655" s="613"/>
      <c r="MRU655" s="613"/>
      <c r="MRV655" s="613"/>
      <c r="MRW655" s="613"/>
      <c r="MRX655" s="613"/>
      <c r="MRY655" s="613"/>
      <c r="MRZ655" s="613"/>
      <c r="MSA655" s="613"/>
      <c r="MSB655" s="613"/>
      <c r="MSC655" s="613"/>
      <c r="MSD655" s="613"/>
      <c r="MSE655" s="613"/>
      <c r="MSF655" s="613"/>
      <c r="MSG655" s="613"/>
      <c r="MSH655" s="613"/>
      <c r="MSI655" s="613"/>
      <c r="MSJ655" s="613"/>
      <c r="MSK655" s="613"/>
      <c r="MSL655" s="613"/>
      <c r="MSM655" s="613"/>
      <c r="MSN655" s="613"/>
      <c r="MSO655" s="613"/>
      <c r="MSP655" s="613"/>
      <c r="MSQ655" s="613"/>
      <c r="MSR655" s="613"/>
      <c r="MSS655" s="613"/>
      <c r="MST655" s="613"/>
      <c r="MSU655" s="613"/>
      <c r="MSV655" s="613"/>
      <c r="MSW655" s="613"/>
      <c r="MSX655" s="613"/>
      <c r="MSY655" s="613"/>
      <c r="MSZ655" s="613"/>
      <c r="MTA655" s="613"/>
      <c r="MTB655" s="613"/>
      <c r="MTC655" s="613"/>
      <c r="MTD655" s="613"/>
      <c r="MTE655" s="613"/>
      <c r="MTF655" s="613"/>
      <c r="MTG655" s="613"/>
      <c r="MTH655" s="613"/>
      <c r="MTI655" s="613"/>
      <c r="MTJ655" s="613"/>
      <c r="MTK655" s="613"/>
      <c r="MTL655" s="613"/>
      <c r="MTM655" s="613"/>
      <c r="MTN655" s="613"/>
      <c r="MTO655" s="613"/>
      <c r="MTP655" s="613"/>
      <c r="MTQ655" s="613"/>
      <c r="MTR655" s="613"/>
      <c r="MTS655" s="613"/>
      <c r="MTT655" s="613"/>
      <c r="MTU655" s="613"/>
      <c r="MTV655" s="613"/>
      <c r="MTW655" s="613"/>
      <c r="MTX655" s="613"/>
      <c r="MTY655" s="613"/>
      <c r="MTZ655" s="613"/>
      <c r="MUA655" s="613"/>
      <c r="MUB655" s="613"/>
      <c r="MUC655" s="613"/>
      <c r="MUD655" s="613"/>
      <c r="MUE655" s="613"/>
      <c r="MUF655" s="613"/>
      <c r="MUG655" s="613"/>
      <c r="MUH655" s="613"/>
      <c r="MUI655" s="613"/>
      <c r="MUJ655" s="613"/>
      <c r="MUK655" s="613"/>
      <c r="MUL655" s="613"/>
      <c r="MUM655" s="613"/>
      <c r="MUN655" s="613"/>
      <c r="MUO655" s="613"/>
      <c r="MUP655" s="613"/>
      <c r="MUQ655" s="613"/>
      <c r="MUR655" s="613"/>
      <c r="MUS655" s="613"/>
      <c r="MUT655" s="613"/>
      <c r="MUU655" s="613"/>
      <c r="MUV655" s="613"/>
      <c r="MUW655" s="613"/>
      <c r="MUX655" s="613"/>
      <c r="MUY655" s="613"/>
      <c r="MUZ655" s="613"/>
      <c r="MVA655" s="613"/>
      <c r="MVB655" s="613"/>
      <c r="MVC655" s="613"/>
      <c r="MVD655" s="613"/>
      <c r="MVE655" s="613"/>
      <c r="MVF655" s="613"/>
      <c r="MVG655" s="613"/>
      <c r="MVH655" s="613"/>
      <c r="MVI655" s="613"/>
      <c r="MVJ655" s="613"/>
      <c r="MVK655" s="613"/>
      <c r="MVL655" s="613"/>
      <c r="MVM655" s="613"/>
      <c r="MVN655" s="613"/>
      <c r="MVO655" s="613"/>
      <c r="MVP655" s="613"/>
      <c r="MVQ655" s="613"/>
      <c r="MVR655" s="613"/>
      <c r="MVS655" s="613"/>
      <c r="MVT655" s="613"/>
      <c r="MVU655" s="613"/>
      <c r="MVV655" s="613"/>
      <c r="MVW655" s="613"/>
      <c r="MVX655" s="613"/>
      <c r="MVY655" s="613"/>
      <c r="MVZ655" s="613"/>
      <c r="MWA655" s="613"/>
      <c r="MWB655" s="613"/>
      <c r="MWC655" s="613"/>
      <c r="MWD655" s="613"/>
      <c r="MWE655" s="613"/>
      <c r="MWF655" s="613"/>
      <c r="MWG655" s="613"/>
      <c r="MWH655" s="613"/>
      <c r="MWI655" s="613"/>
      <c r="MWJ655" s="613"/>
      <c r="MWK655" s="613"/>
      <c r="MWL655" s="613"/>
      <c r="MWM655" s="613"/>
      <c r="MWN655" s="613"/>
      <c r="MWO655" s="613"/>
      <c r="MWP655" s="613"/>
      <c r="MWQ655" s="613"/>
      <c r="MWR655" s="613"/>
      <c r="MWS655" s="613"/>
      <c r="MWT655" s="613"/>
      <c r="MWU655" s="613"/>
      <c r="MWV655" s="613"/>
      <c r="MWW655" s="613"/>
      <c r="MWX655" s="613"/>
      <c r="MWY655" s="613"/>
      <c r="MWZ655" s="613"/>
      <c r="MXA655" s="613"/>
      <c r="MXB655" s="613"/>
      <c r="MXC655" s="613"/>
      <c r="MXD655" s="613"/>
      <c r="MXE655" s="613"/>
      <c r="MXF655" s="613"/>
      <c r="MXG655" s="613"/>
      <c r="MXH655" s="613"/>
      <c r="MXI655" s="613"/>
      <c r="MXJ655" s="613"/>
      <c r="MXK655" s="613"/>
      <c r="MXL655" s="613"/>
      <c r="MXM655" s="613"/>
      <c r="MXN655" s="613"/>
      <c r="MXO655" s="613"/>
      <c r="MXP655" s="613"/>
      <c r="MXQ655" s="613"/>
      <c r="MXR655" s="613"/>
      <c r="MXS655" s="613"/>
      <c r="MXT655" s="613"/>
      <c r="MXU655" s="613"/>
      <c r="MXV655" s="613"/>
      <c r="MXW655" s="613"/>
      <c r="MXX655" s="613"/>
      <c r="MXY655" s="613"/>
      <c r="MXZ655" s="613"/>
      <c r="MYA655" s="613"/>
      <c r="MYB655" s="613"/>
      <c r="MYC655" s="613"/>
      <c r="MYD655" s="613"/>
      <c r="MYE655" s="613"/>
      <c r="MYF655" s="613"/>
      <c r="MYG655" s="613"/>
      <c r="MYH655" s="613"/>
      <c r="MYI655" s="613"/>
      <c r="MYJ655" s="613"/>
      <c r="MYK655" s="613"/>
      <c r="MYL655" s="613"/>
      <c r="MYM655" s="613"/>
      <c r="MYN655" s="613"/>
      <c r="MYO655" s="613"/>
      <c r="MYP655" s="613"/>
      <c r="MYQ655" s="613"/>
      <c r="MYR655" s="613"/>
      <c r="MYS655" s="613"/>
      <c r="MYT655" s="613"/>
      <c r="MYU655" s="613"/>
      <c r="MYV655" s="613"/>
      <c r="MYW655" s="613"/>
      <c r="MYX655" s="613"/>
      <c r="MYY655" s="613"/>
      <c r="MYZ655" s="613"/>
      <c r="MZA655" s="613"/>
      <c r="MZB655" s="613"/>
      <c r="MZC655" s="613"/>
      <c r="MZD655" s="613"/>
      <c r="MZE655" s="613"/>
      <c r="MZF655" s="613"/>
      <c r="MZG655" s="613"/>
      <c r="MZH655" s="613"/>
      <c r="MZI655" s="613"/>
      <c r="MZJ655" s="613"/>
      <c r="MZK655" s="613"/>
      <c r="MZL655" s="613"/>
      <c r="MZM655" s="613"/>
      <c r="MZN655" s="613"/>
      <c r="MZO655" s="613"/>
      <c r="MZP655" s="613"/>
      <c r="MZQ655" s="613"/>
      <c r="MZR655" s="613"/>
      <c r="MZS655" s="613"/>
      <c r="MZT655" s="613"/>
      <c r="MZU655" s="613"/>
      <c r="MZV655" s="613"/>
      <c r="MZW655" s="613"/>
      <c r="MZX655" s="613"/>
      <c r="MZY655" s="613"/>
      <c r="MZZ655" s="613"/>
      <c r="NAA655" s="613"/>
      <c r="NAB655" s="613"/>
      <c r="NAC655" s="613"/>
      <c r="NAD655" s="613"/>
      <c r="NAE655" s="613"/>
      <c r="NAF655" s="613"/>
      <c r="NAG655" s="613"/>
      <c r="NAH655" s="613"/>
      <c r="NAI655" s="613"/>
      <c r="NAJ655" s="613"/>
      <c r="NAK655" s="613"/>
      <c r="NAL655" s="613"/>
      <c r="NAM655" s="613"/>
      <c r="NAN655" s="613"/>
      <c r="NAO655" s="613"/>
      <c r="NAP655" s="613"/>
      <c r="NAQ655" s="613"/>
      <c r="NAR655" s="613"/>
      <c r="NAS655" s="613"/>
      <c r="NAT655" s="613"/>
      <c r="NAU655" s="613"/>
      <c r="NAV655" s="613"/>
      <c r="NAW655" s="613"/>
      <c r="NAX655" s="613"/>
      <c r="NAY655" s="613"/>
      <c r="NAZ655" s="613"/>
      <c r="NBA655" s="613"/>
      <c r="NBB655" s="613"/>
      <c r="NBC655" s="613"/>
      <c r="NBD655" s="613"/>
      <c r="NBE655" s="613"/>
      <c r="NBF655" s="613"/>
      <c r="NBG655" s="613"/>
      <c r="NBH655" s="613"/>
      <c r="NBI655" s="613"/>
      <c r="NBJ655" s="613"/>
      <c r="NBK655" s="613"/>
      <c r="NBL655" s="613"/>
      <c r="NBM655" s="613"/>
      <c r="NBN655" s="613"/>
      <c r="NBO655" s="613"/>
      <c r="NBP655" s="613"/>
      <c r="NBQ655" s="613"/>
      <c r="NBR655" s="613"/>
      <c r="NBS655" s="613"/>
      <c r="NBT655" s="613"/>
      <c r="NBU655" s="613"/>
      <c r="NBV655" s="613"/>
      <c r="NBW655" s="613"/>
      <c r="NBX655" s="613"/>
      <c r="NBY655" s="613"/>
      <c r="NBZ655" s="613"/>
      <c r="NCA655" s="613"/>
      <c r="NCB655" s="613"/>
      <c r="NCC655" s="613"/>
      <c r="NCD655" s="613"/>
      <c r="NCE655" s="613"/>
      <c r="NCF655" s="613"/>
      <c r="NCG655" s="613"/>
      <c r="NCH655" s="613"/>
      <c r="NCI655" s="613"/>
      <c r="NCJ655" s="613"/>
      <c r="NCK655" s="613"/>
      <c r="NCL655" s="613"/>
      <c r="NCM655" s="613"/>
      <c r="NCN655" s="613"/>
      <c r="NCO655" s="613"/>
      <c r="NCP655" s="613"/>
      <c r="NCQ655" s="613"/>
      <c r="NCR655" s="613"/>
      <c r="NCS655" s="613"/>
      <c r="NCT655" s="613"/>
      <c r="NCU655" s="613"/>
      <c r="NCV655" s="613"/>
      <c r="NCW655" s="613"/>
      <c r="NCX655" s="613"/>
      <c r="NCY655" s="613"/>
      <c r="NCZ655" s="613"/>
      <c r="NDA655" s="613"/>
      <c r="NDB655" s="613"/>
      <c r="NDC655" s="613"/>
      <c r="NDD655" s="613"/>
      <c r="NDE655" s="613"/>
      <c r="NDF655" s="613"/>
      <c r="NDG655" s="613"/>
      <c r="NDH655" s="613"/>
      <c r="NDI655" s="613"/>
      <c r="NDJ655" s="613"/>
      <c r="NDK655" s="613"/>
      <c r="NDL655" s="613"/>
      <c r="NDM655" s="613"/>
      <c r="NDN655" s="613"/>
      <c r="NDO655" s="613"/>
      <c r="NDP655" s="613"/>
      <c r="NDQ655" s="613"/>
      <c r="NDR655" s="613"/>
      <c r="NDS655" s="613"/>
      <c r="NDT655" s="613"/>
      <c r="NDU655" s="613"/>
      <c r="NDV655" s="613"/>
      <c r="NDW655" s="613"/>
      <c r="NDX655" s="613"/>
      <c r="NDY655" s="613"/>
      <c r="NDZ655" s="613"/>
      <c r="NEA655" s="613"/>
      <c r="NEB655" s="613"/>
      <c r="NEC655" s="613"/>
      <c r="NED655" s="613"/>
      <c r="NEE655" s="613"/>
      <c r="NEF655" s="613"/>
      <c r="NEG655" s="613"/>
      <c r="NEH655" s="613"/>
      <c r="NEI655" s="613"/>
      <c r="NEJ655" s="613"/>
      <c r="NEK655" s="613"/>
      <c r="NEL655" s="613"/>
      <c r="NEM655" s="613"/>
      <c r="NEN655" s="613"/>
      <c r="NEO655" s="613"/>
      <c r="NEP655" s="613"/>
      <c r="NEQ655" s="613"/>
      <c r="NER655" s="613"/>
      <c r="NES655" s="613"/>
      <c r="NET655" s="613"/>
      <c r="NEU655" s="613"/>
      <c r="NEV655" s="613"/>
      <c r="NEW655" s="613"/>
      <c r="NEX655" s="613"/>
      <c r="NEY655" s="613"/>
      <c r="NEZ655" s="613"/>
      <c r="NFA655" s="613"/>
      <c r="NFB655" s="613"/>
      <c r="NFC655" s="613"/>
      <c r="NFD655" s="613"/>
      <c r="NFE655" s="613"/>
      <c r="NFF655" s="613"/>
      <c r="NFG655" s="613"/>
      <c r="NFH655" s="613"/>
      <c r="NFI655" s="613"/>
      <c r="NFJ655" s="613"/>
      <c r="NFK655" s="613"/>
      <c r="NFL655" s="613"/>
      <c r="NFM655" s="613"/>
      <c r="NFN655" s="613"/>
      <c r="NFO655" s="613"/>
      <c r="NFP655" s="613"/>
      <c r="NFQ655" s="613"/>
      <c r="NFR655" s="613"/>
      <c r="NFS655" s="613"/>
      <c r="NFT655" s="613"/>
      <c r="NFU655" s="613"/>
      <c r="NFV655" s="613"/>
      <c r="NFW655" s="613"/>
      <c r="NFX655" s="613"/>
      <c r="NFY655" s="613"/>
      <c r="NFZ655" s="613"/>
      <c r="NGA655" s="613"/>
      <c r="NGB655" s="613"/>
      <c r="NGC655" s="613"/>
      <c r="NGD655" s="613"/>
      <c r="NGE655" s="613"/>
      <c r="NGF655" s="613"/>
      <c r="NGG655" s="613"/>
      <c r="NGH655" s="613"/>
      <c r="NGI655" s="613"/>
      <c r="NGJ655" s="613"/>
      <c r="NGK655" s="613"/>
      <c r="NGL655" s="613"/>
      <c r="NGM655" s="613"/>
      <c r="NGN655" s="613"/>
      <c r="NGO655" s="613"/>
      <c r="NGP655" s="613"/>
      <c r="NGQ655" s="613"/>
      <c r="NGR655" s="613"/>
      <c r="NGS655" s="613"/>
      <c r="NGT655" s="613"/>
      <c r="NGU655" s="613"/>
      <c r="NGV655" s="613"/>
      <c r="NGW655" s="613"/>
      <c r="NGX655" s="613"/>
      <c r="NGY655" s="613"/>
      <c r="NGZ655" s="613"/>
      <c r="NHA655" s="613"/>
      <c r="NHB655" s="613"/>
      <c r="NHC655" s="613"/>
      <c r="NHD655" s="613"/>
      <c r="NHE655" s="613"/>
      <c r="NHF655" s="613"/>
      <c r="NHG655" s="613"/>
      <c r="NHH655" s="613"/>
      <c r="NHI655" s="613"/>
      <c r="NHJ655" s="613"/>
      <c r="NHK655" s="613"/>
      <c r="NHL655" s="613"/>
      <c r="NHM655" s="613"/>
      <c r="NHN655" s="613"/>
      <c r="NHO655" s="613"/>
      <c r="NHP655" s="613"/>
      <c r="NHQ655" s="613"/>
      <c r="NHR655" s="613"/>
      <c r="NHS655" s="613"/>
      <c r="NHT655" s="613"/>
      <c r="NHU655" s="613"/>
      <c r="NHV655" s="613"/>
      <c r="NHW655" s="613"/>
      <c r="NHX655" s="613"/>
      <c r="NHY655" s="613"/>
      <c r="NHZ655" s="613"/>
      <c r="NIA655" s="613"/>
      <c r="NIB655" s="613"/>
      <c r="NIC655" s="613"/>
      <c r="NID655" s="613"/>
      <c r="NIE655" s="613"/>
      <c r="NIF655" s="613"/>
      <c r="NIG655" s="613"/>
      <c r="NIH655" s="613"/>
      <c r="NII655" s="613"/>
      <c r="NIJ655" s="613"/>
      <c r="NIK655" s="613"/>
      <c r="NIL655" s="613"/>
      <c r="NIM655" s="613"/>
      <c r="NIN655" s="613"/>
      <c r="NIO655" s="613"/>
      <c r="NIP655" s="613"/>
      <c r="NIQ655" s="613"/>
      <c r="NIR655" s="613"/>
      <c r="NIS655" s="613"/>
      <c r="NIT655" s="613"/>
      <c r="NIU655" s="613"/>
      <c r="NIV655" s="613"/>
      <c r="NIW655" s="613"/>
      <c r="NIX655" s="613"/>
      <c r="NIY655" s="613"/>
      <c r="NIZ655" s="613"/>
      <c r="NJA655" s="613"/>
      <c r="NJB655" s="613"/>
      <c r="NJC655" s="613"/>
      <c r="NJD655" s="613"/>
      <c r="NJE655" s="613"/>
      <c r="NJF655" s="613"/>
      <c r="NJG655" s="613"/>
      <c r="NJH655" s="613"/>
      <c r="NJI655" s="613"/>
      <c r="NJJ655" s="613"/>
      <c r="NJK655" s="613"/>
      <c r="NJL655" s="613"/>
      <c r="NJM655" s="613"/>
      <c r="NJN655" s="613"/>
      <c r="NJO655" s="613"/>
      <c r="NJP655" s="613"/>
      <c r="NJQ655" s="613"/>
      <c r="NJR655" s="613"/>
      <c r="NJS655" s="613"/>
      <c r="NJT655" s="613"/>
      <c r="NJU655" s="613"/>
      <c r="NJV655" s="613"/>
      <c r="NJW655" s="613"/>
      <c r="NJX655" s="613"/>
      <c r="NJY655" s="613"/>
      <c r="NJZ655" s="613"/>
      <c r="NKA655" s="613"/>
      <c r="NKB655" s="613"/>
      <c r="NKC655" s="613"/>
      <c r="NKD655" s="613"/>
      <c r="NKE655" s="613"/>
      <c r="NKF655" s="613"/>
      <c r="NKG655" s="613"/>
      <c r="NKH655" s="613"/>
      <c r="NKI655" s="613"/>
      <c r="NKJ655" s="613"/>
      <c r="NKK655" s="613"/>
      <c r="NKL655" s="613"/>
      <c r="NKM655" s="613"/>
      <c r="NKN655" s="613"/>
      <c r="NKO655" s="613"/>
      <c r="NKP655" s="613"/>
      <c r="NKQ655" s="613"/>
      <c r="NKR655" s="613"/>
      <c r="NKS655" s="613"/>
      <c r="NKT655" s="613"/>
      <c r="NKU655" s="613"/>
      <c r="NKV655" s="613"/>
      <c r="NKW655" s="613"/>
      <c r="NKX655" s="613"/>
      <c r="NKY655" s="613"/>
      <c r="NKZ655" s="613"/>
      <c r="NLA655" s="613"/>
      <c r="NLB655" s="613"/>
      <c r="NLC655" s="613"/>
      <c r="NLD655" s="613"/>
      <c r="NLE655" s="613"/>
      <c r="NLF655" s="613"/>
      <c r="NLG655" s="613"/>
      <c r="NLH655" s="613"/>
      <c r="NLI655" s="613"/>
      <c r="NLJ655" s="613"/>
      <c r="NLK655" s="613"/>
      <c r="NLL655" s="613"/>
      <c r="NLM655" s="613"/>
      <c r="NLN655" s="613"/>
      <c r="NLO655" s="613"/>
      <c r="NLP655" s="613"/>
      <c r="NLQ655" s="613"/>
      <c r="NLR655" s="613"/>
      <c r="NLS655" s="613"/>
      <c r="NLT655" s="613"/>
      <c r="NLU655" s="613"/>
      <c r="NLV655" s="613"/>
      <c r="NLW655" s="613"/>
      <c r="NLX655" s="613"/>
      <c r="NLY655" s="613"/>
      <c r="NLZ655" s="613"/>
      <c r="NMA655" s="613"/>
      <c r="NMB655" s="613"/>
      <c r="NMC655" s="613"/>
      <c r="NMD655" s="613"/>
      <c r="NME655" s="613"/>
      <c r="NMF655" s="613"/>
      <c r="NMG655" s="613"/>
      <c r="NMH655" s="613"/>
      <c r="NMI655" s="613"/>
      <c r="NMJ655" s="613"/>
      <c r="NMK655" s="613"/>
      <c r="NML655" s="613"/>
      <c r="NMM655" s="613"/>
      <c r="NMN655" s="613"/>
      <c r="NMO655" s="613"/>
      <c r="NMP655" s="613"/>
      <c r="NMQ655" s="613"/>
      <c r="NMR655" s="613"/>
      <c r="NMS655" s="613"/>
      <c r="NMT655" s="613"/>
      <c r="NMU655" s="613"/>
      <c r="NMV655" s="613"/>
      <c r="NMW655" s="613"/>
      <c r="NMX655" s="613"/>
      <c r="NMY655" s="613"/>
      <c r="NMZ655" s="613"/>
      <c r="NNA655" s="613"/>
      <c r="NNB655" s="613"/>
      <c r="NNC655" s="613"/>
      <c r="NND655" s="613"/>
      <c r="NNE655" s="613"/>
      <c r="NNF655" s="613"/>
      <c r="NNG655" s="613"/>
      <c r="NNH655" s="613"/>
      <c r="NNI655" s="613"/>
      <c r="NNJ655" s="613"/>
      <c r="NNK655" s="613"/>
      <c r="NNL655" s="613"/>
      <c r="NNM655" s="613"/>
      <c r="NNN655" s="613"/>
      <c r="NNO655" s="613"/>
      <c r="NNP655" s="613"/>
      <c r="NNQ655" s="613"/>
      <c r="NNR655" s="613"/>
      <c r="NNS655" s="613"/>
      <c r="NNT655" s="613"/>
      <c r="NNU655" s="613"/>
      <c r="NNV655" s="613"/>
      <c r="NNW655" s="613"/>
      <c r="NNX655" s="613"/>
      <c r="NNY655" s="613"/>
      <c r="NNZ655" s="613"/>
      <c r="NOA655" s="613"/>
      <c r="NOB655" s="613"/>
      <c r="NOC655" s="613"/>
      <c r="NOD655" s="613"/>
      <c r="NOE655" s="613"/>
      <c r="NOF655" s="613"/>
      <c r="NOG655" s="613"/>
      <c r="NOH655" s="613"/>
      <c r="NOI655" s="613"/>
      <c r="NOJ655" s="613"/>
      <c r="NOK655" s="613"/>
      <c r="NOL655" s="613"/>
      <c r="NOM655" s="613"/>
      <c r="NON655" s="613"/>
      <c r="NOO655" s="613"/>
      <c r="NOP655" s="613"/>
      <c r="NOQ655" s="613"/>
      <c r="NOR655" s="613"/>
      <c r="NOS655" s="613"/>
      <c r="NOT655" s="613"/>
      <c r="NOU655" s="613"/>
      <c r="NOV655" s="613"/>
      <c r="NOW655" s="613"/>
      <c r="NOX655" s="613"/>
      <c r="NOY655" s="613"/>
      <c r="NOZ655" s="613"/>
      <c r="NPA655" s="613"/>
      <c r="NPB655" s="613"/>
      <c r="NPC655" s="613"/>
      <c r="NPD655" s="613"/>
      <c r="NPE655" s="613"/>
      <c r="NPF655" s="613"/>
      <c r="NPG655" s="613"/>
      <c r="NPH655" s="613"/>
      <c r="NPI655" s="613"/>
      <c r="NPJ655" s="613"/>
      <c r="NPK655" s="613"/>
      <c r="NPL655" s="613"/>
      <c r="NPM655" s="613"/>
      <c r="NPN655" s="613"/>
      <c r="NPO655" s="613"/>
      <c r="NPP655" s="613"/>
      <c r="NPQ655" s="613"/>
      <c r="NPR655" s="613"/>
      <c r="NPS655" s="613"/>
      <c r="NPT655" s="613"/>
      <c r="NPU655" s="613"/>
      <c r="NPV655" s="613"/>
      <c r="NPW655" s="613"/>
      <c r="NPX655" s="613"/>
      <c r="NPY655" s="613"/>
      <c r="NPZ655" s="613"/>
      <c r="NQA655" s="613"/>
      <c r="NQB655" s="613"/>
      <c r="NQC655" s="613"/>
      <c r="NQD655" s="613"/>
      <c r="NQE655" s="613"/>
      <c r="NQF655" s="613"/>
      <c r="NQG655" s="613"/>
      <c r="NQH655" s="613"/>
      <c r="NQI655" s="613"/>
      <c r="NQJ655" s="613"/>
      <c r="NQK655" s="613"/>
      <c r="NQL655" s="613"/>
      <c r="NQM655" s="613"/>
      <c r="NQN655" s="613"/>
      <c r="NQO655" s="613"/>
      <c r="NQP655" s="613"/>
      <c r="NQQ655" s="613"/>
      <c r="NQR655" s="613"/>
      <c r="NQS655" s="613"/>
      <c r="NQT655" s="613"/>
      <c r="NQU655" s="613"/>
      <c r="NQV655" s="613"/>
      <c r="NQW655" s="613"/>
      <c r="NQX655" s="613"/>
      <c r="NQY655" s="613"/>
      <c r="NQZ655" s="613"/>
      <c r="NRA655" s="613"/>
      <c r="NRB655" s="613"/>
      <c r="NRC655" s="613"/>
      <c r="NRD655" s="613"/>
      <c r="NRE655" s="613"/>
      <c r="NRF655" s="613"/>
      <c r="NRG655" s="613"/>
      <c r="NRH655" s="613"/>
      <c r="NRI655" s="613"/>
      <c r="NRJ655" s="613"/>
      <c r="NRK655" s="613"/>
      <c r="NRL655" s="613"/>
      <c r="NRM655" s="613"/>
      <c r="NRN655" s="613"/>
      <c r="NRO655" s="613"/>
      <c r="NRP655" s="613"/>
      <c r="NRQ655" s="613"/>
      <c r="NRR655" s="613"/>
      <c r="NRS655" s="613"/>
      <c r="NRT655" s="613"/>
      <c r="NRU655" s="613"/>
      <c r="NRV655" s="613"/>
      <c r="NRW655" s="613"/>
      <c r="NRX655" s="613"/>
      <c r="NRY655" s="613"/>
      <c r="NRZ655" s="613"/>
      <c r="NSA655" s="613"/>
      <c r="NSB655" s="613"/>
      <c r="NSC655" s="613"/>
      <c r="NSD655" s="613"/>
      <c r="NSE655" s="613"/>
      <c r="NSF655" s="613"/>
      <c r="NSG655" s="613"/>
      <c r="NSH655" s="613"/>
      <c r="NSI655" s="613"/>
      <c r="NSJ655" s="613"/>
      <c r="NSK655" s="613"/>
      <c r="NSL655" s="613"/>
      <c r="NSM655" s="613"/>
      <c r="NSN655" s="613"/>
      <c r="NSO655" s="613"/>
      <c r="NSP655" s="613"/>
      <c r="NSQ655" s="613"/>
      <c r="NSR655" s="613"/>
      <c r="NSS655" s="613"/>
      <c r="NST655" s="613"/>
      <c r="NSU655" s="613"/>
      <c r="NSV655" s="613"/>
      <c r="NSW655" s="613"/>
      <c r="NSX655" s="613"/>
      <c r="NSY655" s="613"/>
      <c r="NSZ655" s="613"/>
      <c r="NTA655" s="613"/>
      <c r="NTB655" s="613"/>
      <c r="NTC655" s="613"/>
      <c r="NTD655" s="613"/>
      <c r="NTE655" s="613"/>
      <c r="NTF655" s="613"/>
      <c r="NTG655" s="613"/>
      <c r="NTH655" s="613"/>
      <c r="NTI655" s="613"/>
      <c r="NTJ655" s="613"/>
      <c r="NTK655" s="613"/>
      <c r="NTL655" s="613"/>
      <c r="NTM655" s="613"/>
      <c r="NTN655" s="613"/>
      <c r="NTO655" s="613"/>
      <c r="NTP655" s="613"/>
      <c r="NTQ655" s="613"/>
      <c r="NTR655" s="613"/>
      <c r="NTS655" s="613"/>
      <c r="NTT655" s="613"/>
      <c r="NTU655" s="613"/>
      <c r="NTV655" s="613"/>
      <c r="NTW655" s="613"/>
      <c r="NTX655" s="613"/>
      <c r="NTY655" s="613"/>
      <c r="NTZ655" s="613"/>
      <c r="NUA655" s="613"/>
      <c r="NUB655" s="613"/>
      <c r="NUC655" s="613"/>
      <c r="NUD655" s="613"/>
      <c r="NUE655" s="613"/>
      <c r="NUF655" s="613"/>
      <c r="NUG655" s="613"/>
      <c r="NUH655" s="613"/>
      <c r="NUI655" s="613"/>
      <c r="NUJ655" s="613"/>
      <c r="NUK655" s="613"/>
      <c r="NUL655" s="613"/>
      <c r="NUM655" s="613"/>
      <c r="NUN655" s="613"/>
      <c r="NUO655" s="613"/>
      <c r="NUP655" s="613"/>
      <c r="NUQ655" s="613"/>
      <c r="NUR655" s="613"/>
      <c r="NUS655" s="613"/>
      <c r="NUT655" s="613"/>
      <c r="NUU655" s="613"/>
      <c r="NUV655" s="613"/>
      <c r="NUW655" s="613"/>
      <c r="NUX655" s="613"/>
      <c r="NUY655" s="613"/>
      <c r="NUZ655" s="613"/>
      <c r="NVA655" s="613"/>
      <c r="NVB655" s="613"/>
      <c r="NVC655" s="613"/>
      <c r="NVD655" s="613"/>
      <c r="NVE655" s="613"/>
      <c r="NVF655" s="613"/>
      <c r="NVG655" s="613"/>
      <c r="NVH655" s="613"/>
      <c r="NVI655" s="613"/>
      <c r="NVJ655" s="613"/>
      <c r="NVK655" s="613"/>
      <c r="NVL655" s="613"/>
      <c r="NVM655" s="613"/>
      <c r="NVN655" s="613"/>
      <c r="NVO655" s="613"/>
      <c r="NVP655" s="613"/>
      <c r="NVQ655" s="613"/>
      <c r="NVR655" s="613"/>
      <c r="NVS655" s="613"/>
      <c r="NVT655" s="613"/>
      <c r="NVU655" s="613"/>
      <c r="NVV655" s="613"/>
      <c r="NVW655" s="613"/>
      <c r="NVX655" s="613"/>
      <c r="NVY655" s="613"/>
      <c r="NVZ655" s="613"/>
      <c r="NWA655" s="613"/>
      <c r="NWB655" s="613"/>
      <c r="NWC655" s="613"/>
      <c r="NWD655" s="613"/>
      <c r="NWE655" s="613"/>
      <c r="NWF655" s="613"/>
      <c r="NWG655" s="613"/>
      <c r="NWH655" s="613"/>
      <c r="NWI655" s="613"/>
      <c r="NWJ655" s="613"/>
      <c r="NWK655" s="613"/>
      <c r="NWL655" s="613"/>
      <c r="NWM655" s="613"/>
      <c r="NWN655" s="613"/>
      <c r="NWO655" s="613"/>
      <c r="NWP655" s="613"/>
      <c r="NWQ655" s="613"/>
      <c r="NWR655" s="613"/>
      <c r="NWS655" s="613"/>
      <c r="NWT655" s="613"/>
      <c r="NWU655" s="613"/>
      <c r="NWV655" s="613"/>
      <c r="NWW655" s="613"/>
      <c r="NWX655" s="613"/>
      <c r="NWY655" s="613"/>
      <c r="NWZ655" s="613"/>
      <c r="NXA655" s="613"/>
      <c r="NXB655" s="613"/>
      <c r="NXC655" s="613"/>
      <c r="NXD655" s="613"/>
      <c r="NXE655" s="613"/>
      <c r="NXF655" s="613"/>
      <c r="NXG655" s="613"/>
      <c r="NXH655" s="613"/>
      <c r="NXI655" s="613"/>
      <c r="NXJ655" s="613"/>
      <c r="NXK655" s="613"/>
      <c r="NXL655" s="613"/>
      <c r="NXM655" s="613"/>
      <c r="NXN655" s="613"/>
      <c r="NXO655" s="613"/>
      <c r="NXP655" s="613"/>
      <c r="NXQ655" s="613"/>
      <c r="NXR655" s="613"/>
      <c r="NXS655" s="613"/>
      <c r="NXT655" s="613"/>
      <c r="NXU655" s="613"/>
      <c r="NXV655" s="613"/>
      <c r="NXW655" s="613"/>
      <c r="NXX655" s="613"/>
      <c r="NXY655" s="613"/>
      <c r="NXZ655" s="613"/>
      <c r="NYA655" s="613"/>
      <c r="NYB655" s="613"/>
      <c r="NYC655" s="613"/>
      <c r="NYD655" s="613"/>
      <c r="NYE655" s="613"/>
      <c r="NYF655" s="613"/>
      <c r="NYG655" s="613"/>
      <c r="NYH655" s="613"/>
      <c r="NYI655" s="613"/>
      <c r="NYJ655" s="613"/>
      <c r="NYK655" s="613"/>
      <c r="NYL655" s="613"/>
      <c r="NYM655" s="613"/>
      <c r="NYN655" s="613"/>
      <c r="NYO655" s="613"/>
      <c r="NYP655" s="613"/>
      <c r="NYQ655" s="613"/>
      <c r="NYR655" s="613"/>
      <c r="NYS655" s="613"/>
      <c r="NYT655" s="613"/>
      <c r="NYU655" s="613"/>
      <c r="NYV655" s="613"/>
      <c r="NYW655" s="613"/>
      <c r="NYX655" s="613"/>
      <c r="NYY655" s="613"/>
      <c r="NYZ655" s="613"/>
      <c r="NZA655" s="613"/>
      <c r="NZB655" s="613"/>
      <c r="NZC655" s="613"/>
      <c r="NZD655" s="613"/>
      <c r="NZE655" s="613"/>
      <c r="NZF655" s="613"/>
      <c r="NZG655" s="613"/>
      <c r="NZH655" s="613"/>
      <c r="NZI655" s="613"/>
      <c r="NZJ655" s="613"/>
      <c r="NZK655" s="613"/>
      <c r="NZL655" s="613"/>
      <c r="NZM655" s="613"/>
      <c r="NZN655" s="613"/>
      <c r="NZO655" s="613"/>
      <c r="NZP655" s="613"/>
      <c r="NZQ655" s="613"/>
      <c r="NZR655" s="613"/>
      <c r="NZS655" s="613"/>
      <c r="NZT655" s="613"/>
      <c r="NZU655" s="613"/>
      <c r="NZV655" s="613"/>
      <c r="NZW655" s="613"/>
      <c r="NZX655" s="613"/>
      <c r="NZY655" s="613"/>
      <c r="NZZ655" s="613"/>
      <c r="OAA655" s="613"/>
      <c r="OAB655" s="613"/>
      <c r="OAC655" s="613"/>
      <c r="OAD655" s="613"/>
      <c r="OAE655" s="613"/>
      <c r="OAF655" s="613"/>
      <c r="OAG655" s="613"/>
      <c r="OAH655" s="613"/>
      <c r="OAI655" s="613"/>
      <c r="OAJ655" s="613"/>
      <c r="OAK655" s="613"/>
      <c r="OAL655" s="613"/>
      <c r="OAM655" s="613"/>
      <c r="OAN655" s="613"/>
      <c r="OAO655" s="613"/>
      <c r="OAP655" s="613"/>
      <c r="OAQ655" s="613"/>
      <c r="OAR655" s="613"/>
      <c r="OAS655" s="613"/>
      <c r="OAT655" s="613"/>
      <c r="OAU655" s="613"/>
      <c r="OAV655" s="613"/>
      <c r="OAW655" s="613"/>
      <c r="OAX655" s="613"/>
      <c r="OAY655" s="613"/>
      <c r="OAZ655" s="613"/>
      <c r="OBA655" s="613"/>
      <c r="OBB655" s="613"/>
      <c r="OBC655" s="613"/>
      <c r="OBD655" s="613"/>
      <c r="OBE655" s="613"/>
      <c r="OBF655" s="613"/>
      <c r="OBG655" s="613"/>
      <c r="OBH655" s="613"/>
      <c r="OBI655" s="613"/>
      <c r="OBJ655" s="613"/>
      <c r="OBK655" s="613"/>
      <c r="OBL655" s="613"/>
      <c r="OBM655" s="613"/>
      <c r="OBN655" s="613"/>
      <c r="OBO655" s="613"/>
      <c r="OBP655" s="613"/>
      <c r="OBQ655" s="613"/>
      <c r="OBR655" s="613"/>
      <c r="OBS655" s="613"/>
      <c r="OBT655" s="613"/>
      <c r="OBU655" s="613"/>
      <c r="OBV655" s="613"/>
      <c r="OBW655" s="613"/>
      <c r="OBX655" s="613"/>
      <c r="OBY655" s="613"/>
      <c r="OBZ655" s="613"/>
      <c r="OCA655" s="613"/>
      <c r="OCB655" s="613"/>
      <c r="OCC655" s="613"/>
      <c r="OCD655" s="613"/>
      <c r="OCE655" s="613"/>
      <c r="OCF655" s="613"/>
      <c r="OCG655" s="613"/>
      <c r="OCH655" s="613"/>
      <c r="OCI655" s="613"/>
      <c r="OCJ655" s="613"/>
      <c r="OCK655" s="613"/>
      <c r="OCL655" s="613"/>
      <c r="OCM655" s="613"/>
      <c r="OCN655" s="613"/>
      <c r="OCO655" s="613"/>
      <c r="OCP655" s="613"/>
      <c r="OCQ655" s="613"/>
      <c r="OCR655" s="613"/>
      <c r="OCS655" s="613"/>
      <c r="OCT655" s="613"/>
      <c r="OCU655" s="613"/>
      <c r="OCV655" s="613"/>
      <c r="OCW655" s="613"/>
      <c r="OCX655" s="613"/>
      <c r="OCY655" s="613"/>
      <c r="OCZ655" s="613"/>
      <c r="ODA655" s="613"/>
      <c r="ODB655" s="613"/>
      <c r="ODC655" s="613"/>
      <c r="ODD655" s="613"/>
      <c r="ODE655" s="613"/>
      <c r="ODF655" s="613"/>
      <c r="ODG655" s="613"/>
      <c r="ODH655" s="613"/>
      <c r="ODI655" s="613"/>
      <c r="ODJ655" s="613"/>
      <c r="ODK655" s="613"/>
      <c r="ODL655" s="613"/>
      <c r="ODM655" s="613"/>
      <c r="ODN655" s="613"/>
      <c r="ODO655" s="613"/>
      <c r="ODP655" s="613"/>
      <c r="ODQ655" s="613"/>
      <c r="ODR655" s="613"/>
      <c r="ODS655" s="613"/>
      <c r="ODT655" s="613"/>
      <c r="ODU655" s="613"/>
      <c r="ODV655" s="613"/>
      <c r="ODW655" s="613"/>
      <c r="ODX655" s="613"/>
      <c r="ODY655" s="613"/>
      <c r="ODZ655" s="613"/>
      <c r="OEA655" s="613"/>
      <c r="OEB655" s="613"/>
      <c r="OEC655" s="613"/>
      <c r="OED655" s="613"/>
      <c r="OEE655" s="613"/>
      <c r="OEF655" s="613"/>
      <c r="OEG655" s="613"/>
      <c r="OEH655" s="613"/>
      <c r="OEI655" s="613"/>
      <c r="OEJ655" s="613"/>
      <c r="OEK655" s="613"/>
      <c r="OEL655" s="613"/>
      <c r="OEM655" s="613"/>
      <c r="OEN655" s="613"/>
      <c r="OEO655" s="613"/>
      <c r="OEP655" s="613"/>
      <c r="OEQ655" s="613"/>
      <c r="OER655" s="613"/>
      <c r="OES655" s="613"/>
      <c r="OET655" s="613"/>
      <c r="OEU655" s="613"/>
      <c r="OEV655" s="613"/>
      <c r="OEW655" s="613"/>
      <c r="OEX655" s="613"/>
      <c r="OEY655" s="613"/>
      <c r="OEZ655" s="613"/>
      <c r="OFA655" s="613"/>
      <c r="OFB655" s="613"/>
      <c r="OFC655" s="613"/>
      <c r="OFD655" s="613"/>
      <c r="OFE655" s="613"/>
      <c r="OFF655" s="613"/>
      <c r="OFG655" s="613"/>
      <c r="OFH655" s="613"/>
      <c r="OFI655" s="613"/>
      <c r="OFJ655" s="613"/>
      <c r="OFK655" s="613"/>
      <c r="OFL655" s="613"/>
      <c r="OFM655" s="613"/>
      <c r="OFN655" s="613"/>
      <c r="OFO655" s="613"/>
      <c r="OFP655" s="613"/>
      <c r="OFQ655" s="613"/>
      <c r="OFR655" s="613"/>
      <c r="OFS655" s="613"/>
      <c r="OFT655" s="613"/>
      <c r="OFU655" s="613"/>
      <c r="OFV655" s="613"/>
      <c r="OFW655" s="613"/>
      <c r="OFX655" s="613"/>
      <c r="OFY655" s="613"/>
      <c r="OFZ655" s="613"/>
      <c r="OGA655" s="613"/>
      <c r="OGB655" s="613"/>
      <c r="OGC655" s="613"/>
      <c r="OGD655" s="613"/>
      <c r="OGE655" s="613"/>
      <c r="OGF655" s="613"/>
      <c r="OGG655" s="613"/>
      <c r="OGH655" s="613"/>
      <c r="OGI655" s="613"/>
      <c r="OGJ655" s="613"/>
      <c r="OGK655" s="613"/>
      <c r="OGL655" s="613"/>
      <c r="OGM655" s="613"/>
      <c r="OGN655" s="613"/>
      <c r="OGO655" s="613"/>
      <c r="OGP655" s="613"/>
      <c r="OGQ655" s="613"/>
      <c r="OGR655" s="613"/>
      <c r="OGS655" s="613"/>
      <c r="OGT655" s="613"/>
      <c r="OGU655" s="613"/>
      <c r="OGV655" s="613"/>
      <c r="OGW655" s="613"/>
      <c r="OGX655" s="613"/>
      <c r="OGY655" s="613"/>
      <c r="OGZ655" s="613"/>
      <c r="OHA655" s="613"/>
      <c r="OHB655" s="613"/>
      <c r="OHC655" s="613"/>
      <c r="OHD655" s="613"/>
      <c r="OHE655" s="613"/>
      <c r="OHF655" s="613"/>
      <c r="OHG655" s="613"/>
      <c r="OHH655" s="613"/>
      <c r="OHI655" s="613"/>
      <c r="OHJ655" s="613"/>
      <c r="OHK655" s="613"/>
      <c r="OHL655" s="613"/>
      <c r="OHM655" s="613"/>
      <c r="OHN655" s="613"/>
      <c r="OHO655" s="613"/>
      <c r="OHP655" s="613"/>
      <c r="OHQ655" s="613"/>
      <c r="OHR655" s="613"/>
      <c r="OHS655" s="613"/>
      <c r="OHT655" s="613"/>
      <c r="OHU655" s="613"/>
      <c r="OHV655" s="613"/>
      <c r="OHW655" s="613"/>
      <c r="OHX655" s="613"/>
      <c r="OHY655" s="613"/>
      <c r="OHZ655" s="613"/>
      <c r="OIA655" s="613"/>
      <c r="OIB655" s="613"/>
      <c r="OIC655" s="613"/>
      <c r="OID655" s="613"/>
      <c r="OIE655" s="613"/>
      <c r="OIF655" s="613"/>
      <c r="OIG655" s="613"/>
      <c r="OIH655" s="613"/>
      <c r="OII655" s="613"/>
      <c r="OIJ655" s="613"/>
      <c r="OIK655" s="613"/>
      <c r="OIL655" s="613"/>
      <c r="OIM655" s="613"/>
      <c r="OIN655" s="613"/>
      <c r="OIO655" s="613"/>
      <c r="OIP655" s="613"/>
      <c r="OIQ655" s="613"/>
      <c r="OIR655" s="613"/>
      <c r="OIS655" s="613"/>
      <c r="OIT655" s="613"/>
      <c r="OIU655" s="613"/>
      <c r="OIV655" s="613"/>
      <c r="OIW655" s="613"/>
      <c r="OIX655" s="613"/>
      <c r="OIY655" s="613"/>
      <c r="OIZ655" s="613"/>
      <c r="OJA655" s="613"/>
      <c r="OJB655" s="613"/>
      <c r="OJC655" s="613"/>
      <c r="OJD655" s="613"/>
      <c r="OJE655" s="613"/>
      <c r="OJF655" s="613"/>
      <c r="OJG655" s="613"/>
      <c r="OJH655" s="613"/>
      <c r="OJI655" s="613"/>
      <c r="OJJ655" s="613"/>
      <c r="OJK655" s="613"/>
      <c r="OJL655" s="613"/>
      <c r="OJM655" s="613"/>
      <c r="OJN655" s="613"/>
      <c r="OJO655" s="613"/>
      <c r="OJP655" s="613"/>
      <c r="OJQ655" s="613"/>
      <c r="OJR655" s="613"/>
      <c r="OJS655" s="613"/>
      <c r="OJT655" s="613"/>
      <c r="OJU655" s="613"/>
      <c r="OJV655" s="613"/>
      <c r="OJW655" s="613"/>
      <c r="OJX655" s="613"/>
      <c r="OJY655" s="613"/>
      <c r="OJZ655" s="613"/>
      <c r="OKA655" s="613"/>
      <c r="OKB655" s="613"/>
      <c r="OKC655" s="613"/>
      <c r="OKD655" s="613"/>
      <c r="OKE655" s="613"/>
      <c r="OKF655" s="613"/>
      <c r="OKG655" s="613"/>
      <c r="OKH655" s="613"/>
      <c r="OKI655" s="613"/>
      <c r="OKJ655" s="613"/>
      <c r="OKK655" s="613"/>
      <c r="OKL655" s="613"/>
      <c r="OKM655" s="613"/>
      <c r="OKN655" s="613"/>
      <c r="OKO655" s="613"/>
      <c r="OKP655" s="613"/>
      <c r="OKQ655" s="613"/>
      <c r="OKR655" s="613"/>
      <c r="OKS655" s="613"/>
      <c r="OKT655" s="613"/>
      <c r="OKU655" s="613"/>
      <c r="OKV655" s="613"/>
      <c r="OKW655" s="613"/>
      <c r="OKX655" s="613"/>
      <c r="OKY655" s="613"/>
      <c r="OKZ655" s="613"/>
      <c r="OLA655" s="613"/>
      <c r="OLB655" s="613"/>
      <c r="OLC655" s="613"/>
      <c r="OLD655" s="613"/>
      <c r="OLE655" s="613"/>
      <c r="OLF655" s="613"/>
      <c r="OLG655" s="613"/>
      <c r="OLH655" s="613"/>
      <c r="OLI655" s="613"/>
      <c r="OLJ655" s="613"/>
      <c r="OLK655" s="613"/>
      <c r="OLL655" s="613"/>
      <c r="OLM655" s="613"/>
      <c r="OLN655" s="613"/>
      <c r="OLO655" s="613"/>
      <c r="OLP655" s="613"/>
      <c r="OLQ655" s="613"/>
      <c r="OLR655" s="613"/>
      <c r="OLS655" s="613"/>
      <c r="OLT655" s="613"/>
      <c r="OLU655" s="613"/>
      <c r="OLV655" s="613"/>
      <c r="OLW655" s="613"/>
      <c r="OLX655" s="613"/>
      <c r="OLY655" s="613"/>
      <c r="OLZ655" s="613"/>
      <c r="OMA655" s="613"/>
      <c r="OMB655" s="613"/>
      <c r="OMC655" s="613"/>
      <c r="OMD655" s="613"/>
      <c r="OME655" s="613"/>
      <c r="OMF655" s="613"/>
      <c r="OMG655" s="613"/>
      <c r="OMH655" s="613"/>
      <c r="OMI655" s="613"/>
      <c r="OMJ655" s="613"/>
      <c r="OMK655" s="613"/>
      <c r="OML655" s="613"/>
      <c r="OMM655" s="613"/>
      <c r="OMN655" s="613"/>
      <c r="OMO655" s="613"/>
      <c r="OMP655" s="613"/>
      <c r="OMQ655" s="613"/>
      <c r="OMR655" s="613"/>
      <c r="OMS655" s="613"/>
      <c r="OMT655" s="613"/>
      <c r="OMU655" s="613"/>
      <c r="OMV655" s="613"/>
      <c r="OMW655" s="613"/>
      <c r="OMX655" s="613"/>
      <c r="OMY655" s="613"/>
      <c r="OMZ655" s="613"/>
      <c r="ONA655" s="613"/>
      <c r="ONB655" s="613"/>
      <c r="ONC655" s="613"/>
      <c r="OND655" s="613"/>
      <c r="ONE655" s="613"/>
      <c r="ONF655" s="613"/>
      <c r="ONG655" s="613"/>
      <c r="ONH655" s="613"/>
      <c r="ONI655" s="613"/>
      <c r="ONJ655" s="613"/>
      <c r="ONK655" s="613"/>
      <c r="ONL655" s="613"/>
      <c r="ONM655" s="613"/>
      <c r="ONN655" s="613"/>
      <c r="ONO655" s="613"/>
      <c r="ONP655" s="613"/>
      <c r="ONQ655" s="613"/>
      <c r="ONR655" s="613"/>
      <c r="ONS655" s="613"/>
      <c r="ONT655" s="613"/>
      <c r="ONU655" s="613"/>
      <c r="ONV655" s="613"/>
      <c r="ONW655" s="613"/>
      <c r="ONX655" s="613"/>
      <c r="ONY655" s="613"/>
      <c r="ONZ655" s="613"/>
      <c r="OOA655" s="613"/>
      <c r="OOB655" s="613"/>
      <c r="OOC655" s="613"/>
      <c r="OOD655" s="613"/>
      <c r="OOE655" s="613"/>
      <c r="OOF655" s="613"/>
      <c r="OOG655" s="613"/>
      <c r="OOH655" s="613"/>
      <c r="OOI655" s="613"/>
      <c r="OOJ655" s="613"/>
      <c r="OOK655" s="613"/>
      <c r="OOL655" s="613"/>
      <c r="OOM655" s="613"/>
      <c r="OON655" s="613"/>
      <c r="OOO655" s="613"/>
      <c r="OOP655" s="613"/>
      <c r="OOQ655" s="613"/>
      <c r="OOR655" s="613"/>
      <c r="OOS655" s="613"/>
      <c r="OOT655" s="613"/>
      <c r="OOU655" s="613"/>
      <c r="OOV655" s="613"/>
      <c r="OOW655" s="613"/>
      <c r="OOX655" s="613"/>
      <c r="OOY655" s="613"/>
      <c r="OOZ655" s="613"/>
      <c r="OPA655" s="613"/>
      <c r="OPB655" s="613"/>
      <c r="OPC655" s="613"/>
      <c r="OPD655" s="613"/>
      <c r="OPE655" s="613"/>
      <c r="OPF655" s="613"/>
      <c r="OPG655" s="613"/>
      <c r="OPH655" s="613"/>
      <c r="OPI655" s="613"/>
      <c r="OPJ655" s="613"/>
      <c r="OPK655" s="613"/>
      <c r="OPL655" s="613"/>
      <c r="OPM655" s="613"/>
      <c r="OPN655" s="613"/>
      <c r="OPO655" s="613"/>
      <c r="OPP655" s="613"/>
      <c r="OPQ655" s="613"/>
      <c r="OPR655" s="613"/>
      <c r="OPS655" s="613"/>
      <c r="OPT655" s="613"/>
      <c r="OPU655" s="613"/>
      <c r="OPV655" s="613"/>
      <c r="OPW655" s="613"/>
      <c r="OPX655" s="613"/>
      <c r="OPY655" s="613"/>
      <c r="OPZ655" s="613"/>
      <c r="OQA655" s="613"/>
      <c r="OQB655" s="613"/>
      <c r="OQC655" s="613"/>
      <c r="OQD655" s="613"/>
      <c r="OQE655" s="613"/>
      <c r="OQF655" s="613"/>
      <c r="OQG655" s="613"/>
      <c r="OQH655" s="613"/>
      <c r="OQI655" s="613"/>
      <c r="OQJ655" s="613"/>
      <c r="OQK655" s="613"/>
      <c r="OQL655" s="613"/>
      <c r="OQM655" s="613"/>
      <c r="OQN655" s="613"/>
      <c r="OQO655" s="613"/>
      <c r="OQP655" s="613"/>
      <c r="OQQ655" s="613"/>
      <c r="OQR655" s="613"/>
      <c r="OQS655" s="613"/>
      <c r="OQT655" s="613"/>
      <c r="OQU655" s="613"/>
      <c r="OQV655" s="613"/>
      <c r="OQW655" s="613"/>
      <c r="OQX655" s="613"/>
      <c r="OQY655" s="613"/>
      <c r="OQZ655" s="613"/>
      <c r="ORA655" s="613"/>
      <c r="ORB655" s="613"/>
      <c r="ORC655" s="613"/>
      <c r="ORD655" s="613"/>
      <c r="ORE655" s="613"/>
      <c r="ORF655" s="613"/>
      <c r="ORG655" s="613"/>
      <c r="ORH655" s="613"/>
      <c r="ORI655" s="613"/>
      <c r="ORJ655" s="613"/>
      <c r="ORK655" s="613"/>
      <c r="ORL655" s="613"/>
      <c r="ORM655" s="613"/>
      <c r="ORN655" s="613"/>
      <c r="ORO655" s="613"/>
      <c r="ORP655" s="613"/>
      <c r="ORQ655" s="613"/>
      <c r="ORR655" s="613"/>
      <c r="ORS655" s="613"/>
      <c r="ORT655" s="613"/>
      <c r="ORU655" s="613"/>
      <c r="ORV655" s="613"/>
      <c r="ORW655" s="613"/>
      <c r="ORX655" s="613"/>
      <c r="ORY655" s="613"/>
      <c r="ORZ655" s="613"/>
      <c r="OSA655" s="613"/>
      <c r="OSB655" s="613"/>
      <c r="OSC655" s="613"/>
      <c r="OSD655" s="613"/>
      <c r="OSE655" s="613"/>
      <c r="OSF655" s="613"/>
      <c r="OSG655" s="613"/>
      <c r="OSH655" s="613"/>
      <c r="OSI655" s="613"/>
      <c r="OSJ655" s="613"/>
      <c r="OSK655" s="613"/>
      <c r="OSL655" s="613"/>
      <c r="OSM655" s="613"/>
      <c r="OSN655" s="613"/>
      <c r="OSO655" s="613"/>
      <c r="OSP655" s="613"/>
      <c r="OSQ655" s="613"/>
      <c r="OSR655" s="613"/>
      <c r="OSS655" s="613"/>
      <c r="OST655" s="613"/>
      <c r="OSU655" s="613"/>
      <c r="OSV655" s="613"/>
      <c r="OSW655" s="613"/>
      <c r="OSX655" s="613"/>
      <c r="OSY655" s="613"/>
      <c r="OSZ655" s="613"/>
      <c r="OTA655" s="613"/>
      <c r="OTB655" s="613"/>
      <c r="OTC655" s="613"/>
      <c r="OTD655" s="613"/>
      <c r="OTE655" s="613"/>
      <c r="OTF655" s="613"/>
      <c r="OTG655" s="613"/>
      <c r="OTH655" s="613"/>
      <c r="OTI655" s="613"/>
      <c r="OTJ655" s="613"/>
      <c r="OTK655" s="613"/>
      <c r="OTL655" s="613"/>
      <c r="OTM655" s="613"/>
      <c r="OTN655" s="613"/>
      <c r="OTO655" s="613"/>
      <c r="OTP655" s="613"/>
      <c r="OTQ655" s="613"/>
      <c r="OTR655" s="613"/>
      <c r="OTS655" s="613"/>
      <c r="OTT655" s="613"/>
      <c r="OTU655" s="613"/>
      <c r="OTV655" s="613"/>
      <c r="OTW655" s="613"/>
      <c r="OTX655" s="613"/>
      <c r="OTY655" s="613"/>
      <c r="OTZ655" s="613"/>
      <c r="OUA655" s="613"/>
      <c r="OUB655" s="613"/>
      <c r="OUC655" s="613"/>
      <c r="OUD655" s="613"/>
      <c r="OUE655" s="613"/>
      <c r="OUF655" s="613"/>
      <c r="OUG655" s="613"/>
      <c r="OUH655" s="613"/>
      <c r="OUI655" s="613"/>
      <c r="OUJ655" s="613"/>
      <c r="OUK655" s="613"/>
      <c r="OUL655" s="613"/>
      <c r="OUM655" s="613"/>
      <c r="OUN655" s="613"/>
      <c r="OUO655" s="613"/>
      <c r="OUP655" s="613"/>
      <c r="OUQ655" s="613"/>
      <c r="OUR655" s="613"/>
      <c r="OUS655" s="613"/>
      <c r="OUT655" s="613"/>
      <c r="OUU655" s="613"/>
      <c r="OUV655" s="613"/>
      <c r="OUW655" s="613"/>
      <c r="OUX655" s="613"/>
      <c r="OUY655" s="613"/>
      <c r="OUZ655" s="613"/>
      <c r="OVA655" s="613"/>
      <c r="OVB655" s="613"/>
      <c r="OVC655" s="613"/>
      <c r="OVD655" s="613"/>
      <c r="OVE655" s="613"/>
      <c r="OVF655" s="613"/>
      <c r="OVG655" s="613"/>
      <c r="OVH655" s="613"/>
      <c r="OVI655" s="613"/>
      <c r="OVJ655" s="613"/>
      <c r="OVK655" s="613"/>
      <c r="OVL655" s="613"/>
      <c r="OVM655" s="613"/>
      <c r="OVN655" s="613"/>
      <c r="OVO655" s="613"/>
      <c r="OVP655" s="613"/>
      <c r="OVQ655" s="613"/>
      <c r="OVR655" s="613"/>
      <c r="OVS655" s="613"/>
      <c r="OVT655" s="613"/>
      <c r="OVU655" s="613"/>
      <c r="OVV655" s="613"/>
      <c r="OVW655" s="613"/>
      <c r="OVX655" s="613"/>
      <c r="OVY655" s="613"/>
      <c r="OVZ655" s="613"/>
      <c r="OWA655" s="613"/>
      <c r="OWB655" s="613"/>
      <c r="OWC655" s="613"/>
      <c r="OWD655" s="613"/>
      <c r="OWE655" s="613"/>
      <c r="OWF655" s="613"/>
      <c r="OWG655" s="613"/>
      <c r="OWH655" s="613"/>
      <c r="OWI655" s="613"/>
      <c r="OWJ655" s="613"/>
      <c r="OWK655" s="613"/>
      <c r="OWL655" s="613"/>
      <c r="OWM655" s="613"/>
      <c r="OWN655" s="613"/>
      <c r="OWO655" s="613"/>
      <c r="OWP655" s="613"/>
      <c r="OWQ655" s="613"/>
      <c r="OWR655" s="613"/>
      <c r="OWS655" s="613"/>
      <c r="OWT655" s="613"/>
      <c r="OWU655" s="613"/>
      <c r="OWV655" s="613"/>
      <c r="OWW655" s="613"/>
      <c r="OWX655" s="613"/>
      <c r="OWY655" s="613"/>
      <c r="OWZ655" s="613"/>
      <c r="OXA655" s="613"/>
      <c r="OXB655" s="613"/>
      <c r="OXC655" s="613"/>
      <c r="OXD655" s="613"/>
      <c r="OXE655" s="613"/>
      <c r="OXF655" s="613"/>
      <c r="OXG655" s="613"/>
      <c r="OXH655" s="613"/>
      <c r="OXI655" s="613"/>
      <c r="OXJ655" s="613"/>
      <c r="OXK655" s="613"/>
      <c r="OXL655" s="613"/>
      <c r="OXM655" s="613"/>
      <c r="OXN655" s="613"/>
      <c r="OXO655" s="613"/>
      <c r="OXP655" s="613"/>
      <c r="OXQ655" s="613"/>
      <c r="OXR655" s="613"/>
      <c r="OXS655" s="613"/>
      <c r="OXT655" s="613"/>
      <c r="OXU655" s="613"/>
      <c r="OXV655" s="613"/>
      <c r="OXW655" s="613"/>
      <c r="OXX655" s="613"/>
      <c r="OXY655" s="613"/>
      <c r="OXZ655" s="613"/>
      <c r="OYA655" s="613"/>
      <c r="OYB655" s="613"/>
      <c r="OYC655" s="613"/>
      <c r="OYD655" s="613"/>
      <c r="OYE655" s="613"/>
      <c r="OYF655" s="613"/>
      <c r="OYG655" s="613"/>
      <c r="OYH655" s="613"/>
      <c r="OYI655" s="613"/>
      <c r="OYJ655" s="613"/>
      <c r="OYK655" s="613"/>
      <c r="OYL655" s="613"/>
      <c r="OYM655" s="613"/>
      <c r="OYN655" s="613"/>
      <c r="OYO655" s="613"/>
      <c r="OYP655" s="613"/>
      <c r="OYQ655" s="613"/>
      <c r="OYR655" s="613"/>
      <c r="OYS655" s="613"/>
      <c r="OYT655" s="613"/>
      <c r="OYU655" s="613"/>
      <c r="OYV655" s="613"/>
      <c r="OYW655" s="613"/>
      <c r="OYX655" s="613"/>
      <c r="OYY655" s="613"/>
      <c r="OYZ655" s="613"/>
      <c r="OZA655" s="613"/>
      <c r="OZB655" s="613"/>
      <c r="OZC655" s="613"/>
      <c r="OZD655" s="613"/>
      <c r="OZE655" s="613"/>
      <c r="OZF655" s="613"/>
      <c r="OZG655" s="613"/>
      <c r="OZH655" s="613"/>
      <c r="OZI655" s="613"/>
      <c r="OZJ655" s="613"/>
      <c r="OZK655" s="613"/>
      <c r="OZL655" s="613"/>
      <c r="OZM655" s="613"/>
      <c r="OZN655" s="613"/>
      <c r="OZO655" s="613"/>
      <c r="OZP655" s="613"/>
      <c r="OZQ655" s="613"/>
      <c r="OZR655" s="613"/>
      <c r="OZS655" s="613"/>
      <c r="OZT655" s="613"/>
      <c r="OZU655" s="613"/>
      <c r="OZV655" s="613"/>
      <c r="OZW655" s="613"/>
      <c r="OZX655" s="613"/>
      <c r="OZY655" s="613"/>
      <c r="OZZ655" s="613"/>
      <c r="PAA655" s="613"/>
      <c r="PAB655" s="613"/>
      <c r="PAC655" s="613"/>
      <c r="PAD655" s="613"/>
      <c r="PAE655" s="613"/>
      <c r="PAF655" s="613"/>
      <c r="PAG655" s="613"/>
      <c r="PAH655" s="613"/>
      <c r="PAI655" s="613"/>
      <c r="PAJ655" s="613"/>
      <c r="PAK655" s="613"/>
      <c r="PAL655" s="613"/>
      <c r="PAM655" s="613"/>
      <c r="PAN655" s="613"/>
      <c r="PAO655" s="613"/>
      <c r="PAP655" s="613"/>
      <c r="PAQ655" s="613"/>
      <c r="PAR655" s="613"/>
      <c r="PAS655" s="613"/>
      <c r="PAT655" s="613"/>
      <c r="PAU655" s="613"/>
      <c r="PAV655" s="613"/>
      <c r="PAW655" s="613"/>
      <c r="PAX655" s="613"/>
      <c r="PAY655" s="613"/>
      <c r="PAZ655" s="613"/>
      <c r="PBA655" s="613"/>
      <c r="PBB655" s="613"/>
      <c r="PBC655" s="613"/>
      <c r="PBD655" s="613"/>
      <c r="PBE655" s="613"/>
      <c r="PBF655" s="613"/>
      <c r="PBG655" s="613"/>
      <c r="PBH655" s="613"/>
      <c r="PBI655" s="613"/>
      <c r="PBJ655" s="613"/>
      <c r="PBK655" s="613"/>
      <c r="PBL655" s="613"/>
      <c r="PBM655" s="613"/>
      <c r="PBN655" s="613"/>
      <c r="PBO655" s="613"/>
      <c r="PBP655" s="613"/>
      <c r="PBQ655" s="613"/>
      <c r="PBR655" s="613"/>
      <c r="PBS655" s="613"/>
      <c r="PBT655" s="613"/>
      <c r="PBU655" s="613"/>
      <c r="PBV655" s="613"/>
      <c r="PBW655" s="613"/>
      <c r="PBX655" s="613"/>
      <c r="PBY655" s="613"/>
      <c r="PBZ655" s="613"/>
      <c r="PCA655" s="613"/>
      <c r="PCB655" s="613"/>
      <c r="PCC655" s="613"/>
      <c r="PCD655" s="613"/>
      <c r="PCE655" s="613"/>
      <c r="PCF655" s="613"/>
      <c r="PCG655" s="613"/>
      <c r="PCH655" s="613"/>
      <c r="PCI655" s="613"/>
      <c r="PCJ655" s="613"/>
      <c r="PCK655" s="613"/>
      <c r="PCL655" s="613"/>
      <c r="PCM655" s="613"/>
      <c r="PCN655" s="613"/>
      <c r="PCO655" s="613"/>
      <c r="PCP655" s="613"/>
      <c r="PCQ655" s="613"/>
      <c r="PCR655" s="613"/>
      <c r="PCS655" s="613"/>
      <c r="PCT655" s="613"/>
      <c r="PCU655" s="613"/>
      <c r="PCV655" s="613"/>
      <c r="PCW655" s="613"/>
      <c r="PCX655" s="613"/>
      <c r="PCY655" s="613"/>
      <c r="PCZ655" s="613"/>
      <c r="PDA655" s="613"/>
      <c r="PDB655" s="613"/>
      <c r="PDC655" s="613"/>
      <c r="PDD655" s="613"/>
      <c r="PDE655" s="613"/>
      <c r="PDF655" s="613"/>
      <c r="PDG655" s="613"/>
      <c r="PDH655" s="613"/>
      <c r="PDI655" s="613"/>
      <c r="PDJ655" s="613"/>
      <c r="PDK655" s="613"/>
      <c r="PDL655" s="613"/>
      <c r="PDM655" s="613"/>
      <c r="PDN655" s="613"/>
      <c r="PDO655" s="613"/>
      <c r="PDP655" s="613"/>
      <c r="PDQ655" s="613"/>
      <c r="PDR655" s="613"/>
      <c r="PDS655" s="613"/>
      <c r="PDT655" s="613"/>
      <c r="PDU655" s="613"/>
      <c r="PDV655" s="613"/>
      <c r="PDW655" s="613"/>
      <c r="PDX655" s="613"/>
      <c r="PDY655" s="613"/>
      <c r="PDZ655" s="613"/>
      <c r="PEA655" s="613"/>
      <c r="PEB655" s="613"/>
      <c r="PEC655" s="613"/>
      <c r="PED655" s="613"/>
      <c r="PEE655" s="613"/>
      <c r="PEF655" s="613"/>
      <c r="PEG655" s="613"/>
      <c r="PEH655" s="613"/>
      <c r="PEI655" s="613"/>
      <c r="PEJ655" s="613"/>
      <c r="PEK655" s="613"/>
      <c r="PEL655" s="613"/>
      <c r="PEM655" s="613"/>
      <c r="PEN655" s="613"/>
      <c r="PEO655" s="613"/>
      <c r="PEP655" s="613"/>
      <c r="PEQ655" s="613"/>
      <c r="PER655" s="613"/>
      <c r="PES655" s="613"/>
      <c r="PET655" s="613"/>
      <c r="PEU655" s="613"/>
      <c r="PEV655" s="613"/>
      <c r="PEW655" s="613"/>
      <c r="PEX655" s="613"/>
      <c r="PEY655" s="613"/>
      <c r="PEZ655" s="613"/>
      <c r="PFA655" s="613"/>
      <c r="PFB655" s="613"/>
      <c r="PFC655" s="613"/>
      <c r="PFD655" s="613"/>
      <c r="PFE655" s="613"/>
      <c r="PFF655" s="613"/>
      <c r="PFG655" s="613"/>
      <c r="PFH655" s="613"/>
      <c r="PFI655" s="613"/>
      <c r="PFJ655" s="613"/>
      <c r="PFK655" s="613"/>
      <c r="PFL655" s="613"/>
      <c r="PFM655" s="613"/>
      <c r="PFN655" s="613"/>
      <c r="PFO655" s="613"/>
      <c r="PFP655" s="613"/>
      <c r="PFQ655" s="613"/>
      <c r="PFR655" s="613"/>
      <c r="PFS655" s="613"/>
      <c r="PFT655" s="613"/>
      <c r="PFU655" s="613"/>
      <c r="PFV655" s="613"/>
      <c r="PFW655" s="613"/>
      <c r="PFX655" s="613"/>
      <c r="PFY655" s="613"/>
      <c r="PFZ655" s="613"/>
      <c r="PGA655" s="613"/>
      <c r="PGB655" s="613"/>
      <c r="PGC655" s="613"/>
      <c r="PGD655" s="613"/>
      <c r="PGE655" s="613"/>
      <c r="PGF655" s="613"/>
      <c r="PGG655" s="613"/>
      <c r="PGH655" s="613"/>
      <c r="PGI655" s="613"/>
      <c r="PGJ655" s="613"/>
      <c r="PGK655" s="613"/>
      <c r="PGL655" s="613"/>
      <c r="PGM655" s="613"/>
      <c r="PGN655" s="613"/>
      <c r="PGO655" s="613"/>
      <c r="PGP655" s="613"/>
      <c r="PGQ655" s="613"/>
      <c r="PGR655" s="613"/>
      <c r="PGS655" s="613"/>
      <c r="PGT655" s="613"/>
      <c r="PGU655" s="613"/>
      <c r="PGV655" s="613"/>
      <c r="PGW655" s="613"/>
      <c r="PGX655" s="613"/>
      <c r="PGY655" s="613"/>
      <c r="PGZ655" s="613"/>
      <c r="PHA655" s="613"/>
      <c r="PHB655" s="613"/>
      <c r="PHC655" s="613"/>
      <c r="PHD655" s="613"/>
      <c r="PHE655" s="613"/>
      <c r="PHF655" s="613"/>
      <c r="PHG655" s="613"/>
      <c r="PHH655" s="613"/>
      <c r="PHI655" s="613"/>
      <c r="PHJ655" s="613"/>
      <c r="PHK655" s="613"/>
      <c r="PHL655" s="613"/>
      <c r="PHM655" s="613"/>
      <c r="PHN655" s="613"/>
      <c r="PHO655" s="613"/>
      <c r="PHP655" s="613"/>
      <c r="PHQ655" s="613"/>
      <c r="PHR655" s="613"/>
      <c r="PHS655" s="613"/>
      <c r="PHT655" s="613"/>
      <c r="PHU655" s="613"/>
      <c r="PHV655" s="613"/>
      <c r="PHW655" s="613"/>
      <c r="PHX655" s="613"/>
      <c r="PHY655" s="613"/>
      <c r="PHZ655" s="613"/>
      <c r="PIA655" s="613"/>
      <c r="PIB655" s="613"/>
      <c r="PIC655" s="613"/>
      <c r="PID655" s="613"/>
      <c r="PIE655" s="613"/>
      <c r="PIF655" s="613"/>
      <c r="PIG655" s="613"/>
      <c r="PIH655" s="613"/>
      <c r="PII655" s="613"/>
      <c r="PIJ655" s="613"/>
      <c r="PIK655" s="613"/>
      <c r="PIL655" s="613"/>
      <c r="PIM655" s="613"/>
      <c r="PIN655" s="613"/>
      <c r="PIO655" s="613"/>
      <c r="PIP655" s="613"/>
      <c r="PIQ655" s="613"/>
      <c r="PIR655" s="613"/>
      <c r="PIS655" s="613"/>
      <c r="PIT655" s="613"/>
      <c r="PIU655" s="613"/>
      <c r="PIV655" s="613"/>
      <c r="PIW655" s="613"/>
      <c r="PIX655" s="613"/>
      <c r="PIY655" s="613"/>
      <c r="PIZ655" s="613"/>
      <c r="PJA655" s="613"/>
      <c r="PJB655" s="613"/>
      <c r="PJC655" s="613"/>
      <c r="PJD655" s="613"/>
      <c r="PJE655" s="613"/>
      <c r="PJF655" s="613"/>
      <c r="PJG655" s="613"/>
      <c r="PJH655" s="613"/>
      <c r="PJI655" s="613"/>
      <c r="PJJ655" s="613"/>
      <c r="PJK655" s="613"/>
      <c r="PJL655" s="613"/>
      <c r="PJM655" s="613"/>
      <c r="PJN655" s="613"/>
      <c r="PJO655" s="613"/>
      <c r="PJP655" s="613"/>
      <c r="PJQ655" s="613"/>
      <c r="PJR655" s="613"/>
      <c r="PJS655" s="613"/>
      <c r="PJT655" s="613"/>
      <c r="PJU655" s="613"/>
      <c r="PJV655" s="613"/>
      <c r="PJW655" s="613"/>
      <c r="PJX655" s="613"/>
      <c r="PJY655" s="613"/>
      <c r="PJZ655" s="613"/>
      <c r="PKA655" s="613"/>
      <c r="PKB655" s="613"/>
      <c r="PKC655" s="613"/>
      <c r="PKD655" s="613"/>
      <c r="PKE655" s="613"/>
      <c r="PKF655" s="613"/>
      <c r="PKG655" s="613"/>
      <c r="PKH655" s="613"/>
      <c r="PKI655" s="613"/>
      <c r="PKJ655" s="613"/>
      <c r="PKK655" s="613"/>
      <c r="PKL655" s="613"/>
      <c r="PKM655" s="613"/>
      <c r="PKN655" s="613"/>
      <c r="PKO655" s="613"/>
      <c r="PKP655" s="613"/>
      <c r="PKQ655" s="613"/>
      <c r="PKR655" s="613"/>
      <c r="PKS655" s="613"/>
      <c r="PKT655" s="613"/>
      <c r="PKU655" s="613"/>
      <c r="PKV655" s="613"/>
      <c r="PKW655" s="613"/>
      <c r="PKX655" s="613"/>
      <c r="PKY655" s="613"/>
      <c r="PKZ655" s="613"/>
      <c r="PLA655" s="613"/>
      <c r="PLB655" s="613"/>
      <c r="PLC655" s="613"/>
      <c r="PLD655" s="613"/>
      <c r="PLE655" s="613"/>
      <c r="PLF655" s="613"/>
      <c r="PLG655" s="613"/>
      <c r="PLH655" s="613"/>
      <c r="PLI655" s="613"/>
      <c r="PLJ655" s="613"/>
      <c r="PLK655" s="613"/>
      <c r="PLL655" s="613"/>
      <c r="PLM655" s="613"/>
      <c r="PLN655" s="613"/>
      <c r="PLO655" s="613"/>
      <c r="PLP655" s="613"/>
      <c r="PLQ655" s="613"/>
      <c r="PLR655" s="613"/>
      <c r="PLS655" s="613"/>
      <c r="PLT655" s="613"/>
      <c r="PLU655" s="613"/>
      <c r="PLV655" s="613"/>
      <c r="PLW655" s="613"/>
      <c r="PLX655" s="613"/>
      <c r="PLY655" s="613"/>
      <c r="PLZ655" s="613"/>
      <c r="PMA655" s="613"/>
      <c r="PMB655" s="613"/>
      <c r="PMC655" s="613"/>
      <c r="PMD655" s="613"/>
      <c r="PME655" s="613"/>
      <c r="PMF655" s="613"/>
      <c r="PMG655" s="613"/>
      <c r="PMH655" s="613"/>
      <c r="PMI655" s="613"/>
      <c r="PMJ655" s="613"/>
      <c r="PMK655" s="613"/>
      <c r="PML655" s="613"/>
      <c r="PMM655" s="613"/>
      <c r="PMN655" s="613"/>
      <c r="PMO655" s="613"/>
      <c r="PMP655" s="613"/>
      <c r="PMQ655" s="613"/>
      <c r="PMR655" s="613"/>
      <c r="PMS655" s="613"/>
      <c r="PMT655" s="613"/>
      <c r="PMU655" s="613"/>
      <c r="PMV655" s="613"/>
      <c r="PMW655" s="613"/>
      <c r="PMX655" s="613"/>
      <c r="PMY655" s="613"/>
      <c r="PMZ655" s="613"/>
      <c r="PNA655" s="613"/>
      <c r="PNB655" s="613"/>
      <c r="PNC655" s="613"/>
      <c r="PND655" s="613"/>
      <c r="PNE655" s="613"/>
      <c r="PNF655" s="613"/>
      <c r="PNG655" s="613"/>
      <c r="PNH655" s="613"/>
      <c r="PNI655" s="613"/>
      <c r="PNJ655" s="613"/>
      <c r="PNK655" s="613"/>
      <c r="PNL655" s="613"/>
      <c r="PNM655" s="613"/>
      <c r="PNN655" s="613"/>
      <c r="PNO655" s="613"/>
      <c r="PNP655" s="613"/>
      <c r="PNQ655" s="613"/>
      <c r="PNR655" s="613"/>
      <c r="PNS655" s="613"/>
      <c r="PNT655" s="613"/>
      <c r="PNU655" s="613"/>
      <c r="PNV655" s="613"/>
      <c r="PNW655" s="613"/>
      <c r="PNX655" s="613"/>
      <c r="PNY655" s="613"/>
      <c r="PNZ655" s="613"/>
      <c r="POA655" s="613"/>
      <c r="POB655" s="613"/>
      <c r="POC655" s="613"/>
      <c r="POD655" s="613"/>
      <c r="POE655" s="613"/>
      <c r="POF655" s="613"/>
      <c r="POG655" s="613"/>
      <c r="POH655" s="613"/>
      <c r="POI655" s="613"/>
      <c r="POJ655" s="613"/>
      <c r="POK655" s="613"/>
      <c r="POL655" s="613"/>
      <c r="POM655" s="613"/>
      <c r="PON655" s="613"/>
      <c r="POO655" s="613"/>
      <c r="POP655" s="613"/>
      <c r="POQ655" s="613"/>
      <c r="POR655" s="613"/>
      <c r="POS655" s="613"/>
      <c r="POT655" s="613"/>
      <c r="POU655" s="613"/>
      <c r="POV655" s="613"/>
      <c r="POW655" s="613"/>
      <c r="POX655" s="613"/>
      <c r="POY655" s="613"/>
      <c r="POZ655" s="613"/>
      <c r="PPA655" s="613"/>
      <c r="PPB655" s="613"/>
      <c r="PPC655" s="613"/>
      <c r="PPD655" s="613"/>
      <c r="PPE655" s="613"/>
      <c r="PPF655" s="613"/>
      <c r="PPG655" s="613"/>
      <c r="PPH655" s="613"/>
      <c r="PPI655" s="613"/>
      <c r="PPJ655" s="613"/>
      <c r="PPK655" s="613"/>
      <c r="PPL655" s="613"/>
      <c r="PPM655" s="613"/>
      <c r="PPN655" s="613"/>
      <c r="PPO655" s="613"/>
      <c r="PPP655" s="613"/>
      <c r="PPQ655" s="613"/>
      <c r="PPR655" s="613"/>
      <c r="PPS655" s="613"/>
      <c r="PPT655" s="613"/>
      <c r="PPU655" s="613"/>
      <c r="PPV655" s="613"/>
      <c r="PPW655" s="613"/>
      <c r="PPX655" s="613"/>
      <c r="PPY655" s="613"/>
      <c r="PPZ655" s="613"/>
      <c r="PQA655" s="613"/>
      <c r="PQB655" s="613"/>
      <c r="PQC655" s="613"/>
      <c r="PQD655" s="613"/>
      <c r="PQE655" s="613"/>
      <c r="PQF655" s="613"/>
      <c r="PQG655" s="613"/>
      <c r="PQH655" s="613"/>
      <c r="PQI655" s="613"/>
      <c r="PQJ655" s="613"/>
      <c r="PQK655" s="613"/>
      <c r="PQL655" s="613"/>
      <c r="PQM655" s="613"/>
      <c r="PQN655" s="613"/>
      <c r="PQO655" s="613"/>
      <c r="PQP655" s="613"/>
      <c r="PQQ655" s="613"/>
      <c r="PQR655" s="613"/>
      <c r="PQS655" s="613"/>
      <c r="PQT655" s="613"/>
      <c r="PQU655" s="613"/>
      <c r="PQV655" s="613"/>
      <c r="PQW655" s="613"/>
      <c r="PQX655" s="613"/>
      <c r="PQY655" s="613"/>
      <c r="PQZ655" s="613"/>
      <c r="PRA655" s="613"/>
      <c r="PRB655" s="613"/>
      <c r="PRC655" s="613"/>
      <c r="PRD655" s="613"/>
      <c r="PRE655" s="613"/>
      <c r="PRF655" s="613"/>
      <c r="PRG655" s="613"/>
      <c r="PRH655" s="613"/>
      <c r="PRI655" s="613"/>
      <c r="PRJ655" s="613"/>
      <c r="PRK655" s="613"/>
      <c r="PRL655" s="613"/>
      <c r="PRM655" s="613"/>
      <c r="PRN655" s="613"/>
      <c r="PRO655" s="613"/>
      <c r="PRP655" s="613"/>
      <c r="PRQ655" s="613"/>
      <c r="PRR655" s="613"/>
      <c r="PRS655" s="613"/>
      <c r="PRT655" s="613"/>
      <c r="PRU655" s="613"/>
      <c r="PRV655" s="613"/>
      <c r="PRW655" s="613"/>
      <c r="PRX655" s="613"/>
      <c r="PRY655" s="613"/>
      <c r="PRZ655" s="613"/>
      <c r="PSA655" s="613"/>
      <c r="PSB655" s="613"/>
      <c r="PSC655" s="613"/>
      <c r="PSD655" s="613"/>
      <c r="PSE655" s="613"/>
      <c r="PSF655" s="613"/>
      <c r="PSG655" s="613"/>
      <c r="PSH655" s="613"/>
      <c r="PSI655" s="613"/>
      <c r="PSJ655" s="613"/>
      <c r="PSK655" s="613"/>
      <c r="PSL655" s="613"/>
      <c r="PSM655" s="613"/>
      <c r="PSN655" s="613"/>
      <c r="PSO655" s="613"/>
      <c r="PSP655" s="613"/>
      <c r="PSQ655" s="613"/>
      <c r="PSR655" s="613"/>
      <c r="PSS655" s="613"/>
      <c r="PST655" s="613"/>
      <c r="PSU655" s="613"/>
      <c r="PSV655" s="613"/>
      <c r="PSW655" s="613"/>
      <c r="PSX655" s="613"/>
      <c r="PSY655" s="613"/>
      <c r="PSZ655" s="613"/>
      <c r="PTA655" s="613"/>
      <c r="PTB655" s="613"/>
      <c r="PTC655" s="613"/>
      <c r="PTD655" s="613"/>
      <c r="PTE655" s="613"/>
      <c r="PTF655" s="613"/>
      <c r="PTG655" s="613"/>
      <c r="PTH655" s="613"/>
      <c r="PTI655" s="613"/>
      <c r="PTJ655" s="613"/>
      <c r="PTK655" s="613"/>
      <c r="PTL655" s="613"/>
      <c r="PTM655" s="613"/>
      <c r="PTN655" s="613"/>
      <c r="PTO655" s="613"/>
      <c r="PTP655" s="613"/>
      <c r="PTQ655" s="613"/>
      <c r="PTR655" s="613"/>
      <c r="PTS655" s="613"/>
      <c r="PTT655" s="613"/>
      <c r="PTU655" s="613"/>
      <c r="PTV655" s="613"/>
      <c r="PTW655" s="613"/>
      <c r="PTX655" s="613"/>
      <c r="PTY655" s="613"/>
      <c r="PTZ655" s="613"/>
      <c r="PUA655" s="613"/>
      <c r="PUB655" s="613"/>
      <c r="PUC655" s="613"/>
      <c r="PUD655" s="613"/>
      <c r="PUE655" s="613"/>
      <c r="PUF655" s="613"/>
      <c r="PUG655" s="613"/>
      <c r="PUH655" s="613"/>
      <c r="PUI655" s="613"/>
      <c r="PUJ655" s="613"/>
      <c r="PUK655" s="613"/>
      <c r="PUL655" s="613"/>
      <c r="PUM655" s="613"/>
      <c r="PUN655" s="613"/>
      <c r="PUO655" s="613"/>
      <c r="PUP655" s="613"/>
      <c r="PUQ655" s="613"/>
      <c r="PUR655" s="613"/>
      <c r="PUS655" s="613"/>
      <c r="PUT655" s="613"/>
      <c r="PUU655" s="613"/>
      <c r="PUV655" s="613"/>
      <c r="PUW655" s="613"/>
      <c r="PUX655" s="613"/>
      <c r="PUY655" s="613"/>
      <c r="PUZ655" s="613"/>
      <c r="PVA655" s="613"/>
      <c r="PVB655" s="613"/>
      <c r="PVC655" s="613"/>
      <c r="PVD655" s="613"/>
      <c r="PVE655" s="613"/>
      <c r="PVF655" s="613"/>
      <c r="PVG655" s="613"/>
      <c r="PVH655" s="613"/>
      <c r="PVI655" s="613"/>
      <c r="PVJ655" s="613"/>
      <c r="PVK655" s="613"/>
      <c r="PVL655" s="613"/>
      <c r="PVM655" s="613"/>
      <c r="PVN655" s="613"/>
      <c r="PVO655" s="613"/>
      <c r="PVP655" s="613"/>
      <c r="PVQ655" s="613"/>
      <c r="PVR655" s="613"/>
      <c r="PVS655" s="613"/>
      <c r="PVT655" s="613"/>
      <c r="PVU655" s="613"/>
      <c r="PVV655" s="613"/>
      <c r="PVW655" s="613"/>
      <c r="PVX655" s="613"/>
      <c r="PVY655" s="613"/>
      <c r="PVZ655" s="613"/>
      <c r="PWA655" s="613"/>
      <c r="PWB655" s="613"/>
      <c r="PWC655" s="613"/>
      <c r="PWD655" s="613"/>
      <c r="PWE655" s="613"/>
      <c r="PWF655" s="613"/>
      <c r="PWG655" s="613"/>
      <c r="PWH655" s="613"/>
      <c r="PWI655" s="613"/>
      <c r="PWJ655" s="613"/>
      <c r="PWK655" s="613"/>
      <c r="PWL655" s="613"/>
      <c r="PWM655" s="613"/>
      <c r="PWN655" s="613"/>
      <c r="PWO655" s="613"/>
      <c r="PWP655" s="613"/>
      <c r="PWQ655" s="613"/>
      <c r="PWR655" s="613"/>
      <c r="PWS655" s="613"/>
      <c r="PWT655" s="613"/>
      <c r="PWU655" s="613"/>
      <c r="PWV655" s="613"/>
      <c r="PWW655" s="613"/>
      <c r="PWX655" s="613"/>
      <c r="PWY655" s="613"/>
      <c r="PWZ655" s="613"/>
      <c r="PXA655" s="613"/>
      <c r="PXB655" s="613"/>
      <c r="PXC655" s="613"/>
      <c r="PXD655" s="613"/>
      <c r="PXE655" s="613"/>
      <c r="PXF655" s="613"/>
      <c r="PXG655" s="613"/>
      <c r="PXH655" s="613"/>
      <c r="PXI655" s="613"/>
      <c r="PXJ655" s="613"/>
      <c r="PXK655" s="613"/>
      <c r="PXL655" s="613"/>
      <c r="PXM655" s="613"/>
      <c r="PXN655" s="613"/>
      <c r="PXO655" s="613"/>
      <c r="PXP655" s="613"/>
      <c r="PXQ655" s="613"/>
      <c r="PXR655" s="613"/>
      <c r="PXS655" s="613"/>
      <c r="PXT655" s="613"/>
      <c r="PXU655" s="613"/>
      <c r="PXV655" s="613"/>
      <c r="PXW655" s="613"/>
      <c r="PXX655" s="613"/>
      <c r="PXY655" s="613"/>
      <c r="PXZ655" s="613"/>
      <c r="PYA655" s="613"/>
      <c r="PYB655" s="613"/>
      <c r="PYC655" s="613"/>
      <c r="PYD655" s="613"/>
      <c r="PYE655" s="613"/>
      <c r="PYF655" s="613"/>
      <c r="PYG655" s="613"/>
      <c r="PYH655" s="613"/>
      <c r="PYI655" s="613"/>
      <c r="PYJ655" s="613"/>
      <c r="PYK655" s="613"/>
      <c r="PYL655" s="613"/>
      <c r="PYM655" s="613"/>
      <c r="PYN655" s="613"/>
      <c r="PYO655" s="613"/>
      <c r="PYP655" s="613"/>
      <c r="PYQ655" s="613"/>
      <c r="PYR655" s="613"/>
      <c r="PYS655" s="613"/>
      <c r="PYT655" s="613"/>
      <c r="PYU655" s="613"/>
      <c r="PYV655" s="613"/>
      <c r="PYW655" s="613"/>
      <c r="PYX655" s="613"/>
      <c r="PYY655" s="613"/>
      <c r="PYZ655" s="613"/>
      <c r="PZA655" s="613"/>
      <c r="PZB655" s="613"/>
      <c r="PZC655" s="613"/>
      <c r="PZD655" s="613"/>
      <c r="PZE655" s="613"/>
      <c r="PZF655" s="613"/>
      <c r="PZG655" s="613"/>
      <c r="PZH655" s="613"/>
      <c r="PZI655" s="613"/>
      <c r="PZJ655" s="613"/>
      <c r="PZK655" s="613"/>
      <c r="PZL655" s="613"/>
      <c r="PZM655" s="613"/>
      <c r="PZN655" s="613"/>
      <c r="PZO655" s="613"/>
      <c r="PZP655" s="613"/>
      <c r="PZQ655" s="613"/>
      <c r="PZR655" s="613"/>
      <c r="PZS655" s="613"/>
      <c r="PZT655" s="613"/>
      <c r="PZU655" s="613"/>
      <c r="PZV655" s="613"/>
      <c r="PZW655" s="613"/>
      <c r="PZX655" s="613"/>
      <c r="PZY655" s="613"/>
      <c r="PZZ655" s="613"/>
      <c r="QAA655" s="613"/>
      <c r="QAB655" s="613"/>
      <c r="QAC655" s="613"/>
      <c r="QAD655" s="613"/>
      <c r="QAE655" s="613"/>
      <c r="QAF655" s="613"/>
      <c r="QAG655" s="613"/>
      <c r="QAH655" s="613"/>
      <c r="QAI655" s="613"/>
      <c r="QAJ655" s="613"/>
      <c r="QAK655" s="613"/>
      <c r="QAL655" s="613"/>
      <c r="QAM655" s="613"/>
      <c r="QAN655" s="613"/>
      <c r="QAO655" s="613"/>
      <c r="QAP655" s="613"/>
      <c r="QAQ655" s="613"/>
      <c r="QAR655" s="613"/>
      <c r="QAS655" s="613"/>
      <c r="QAT655" s="613"/>
      <c r="QAU655" s="613"/>
      <c r="QAV655" s="613"/>
      <c r="QAW655" s="613"/>
      <c r="QAX655" s="613"/>
      <c r="QAY655" s="613"/>
      <c r="QAZ655" s="613"/>
      <c r="QBA655" s="613"/>
      <c r="QBB655" s="613"/>
      <c r="QBC655" s="613"/>
      <c r="QBD655" s="613"/>
      <c r="QBE655" s="613"/>
      <c r="QBF655" s="613"/>
      <c r="QBG655" s="613"/>
      <c r="QBH655" s="613"/>
      <c r="QBI655" s="613"/>
      <c r="QBJ655" s="613"/>
      <c r="QBK655" s="613"/>
      <c r="QBL655" s="613"/>
      <c r="QBM655" s="613"/>
      <c r="QBN655" s="613"/>
      <c r="QBO655" s="613"/>
      <c r="QBP655" s="613"/>
      <c r="QBQ655" s="613"/>
      <c r="QBR655" s="613"/>
      <c r="QBS655" s="613"/>
      <c r="QBT655" s="613"/>
      <c r="QBU655" s="613"/>
      <c r="QBV655" s="613"/>
      <c r="QBW655" s="613"/>
      <c r="QBX655" s="613"/>
      <c r="QBY655" s="613"/>
      <c r="QBZ655" s="613"/>
      <c r="QCA655" s="613"/>
      <c r="QCB655" s="613"/>
      <c r="QCC655" s="613"/>
      <c r="QCD655" s="613"/>
      <c r="QCE655" s="613"/>
      <c r="QCF655" s="613"/>
      <c r="QCG655" s="613"/>
      <c r="QCH655" s="613"/>
      <c r="QCI655" s="613"/>
      <c r="QCJ655" s="613"/>
      <c r="QCK655" s="613"/>
      <c r="QCL655" s="613"/>
      <c r="QCM655" s="613"/>
      <c r="QCN655" s="613"/>
      <c r="QCO655" s="613"/>
      <c r="QCP655" s="613"/>
      <c r="QCQ655" s="613"/>
      <c r="QCR655" s="613"/>
      <c r="QCS655" s="613"/>
      <c r="QCT655" s="613"/>
      <c r="QCU655" s="613"/>
      <c r="QCV655" s="613"/>
      <c r="QCW655" s="613"/>
      <c r="QCX655" s="613"/>
      <c r="QCY655" s="613"/>
      <c r="QCZ655" s="613"/>
      <c r="QDA655" s="613"/>
      <c r="QDB655" s="613"/>
      <c r="QDC655" s="613"/>
      <c r="QDD655" s="613"/>
      <c r="QDE655" s="613"/>
      <c r="QDF655" s="613"/>
      <c r="QDG655" s="613"/>
      <c r="QDH655" s="613"/>
      <c r="QDI655" s="613"/>
      <c r="QDJ655" s="613"/>
      <c r="QDK655" s="613"/>
      <c r="QDL655" s="613"/>
      <c r="QDM655" s="613"/>
      <c r="QDN655" s="613"/>
      <c r="QDO655" s="613"/>
      <c r="QDP655" s="613"/>
      <c r="QDQ655" s="613"/>
      <c r="QDR655" s="613"/>
      <c r="QDS655" s="613"/>
      <c r="QDT655" s="613"/>
      <c r="QDU655" s="613"/>
      <c r="QDV655" s="613"/>
      <c r="QDW655" s="613"/>
      <c r="QDX655" s="613"/>
      <c r="QDY655" s="613"/>
      <c r="QDZ655" s="613"/>
      <c r="QEA655" s="613"/>
      <c r="QEB655" s="613"/>
      <c r="QEC655" s="613"/>
      <c r="QED655" s="613"/>
      <c r="QEE655" s="613"/>
      <c r="QEF655" s="613"/>
      <c r="QEG655" s="613"/>
      <c r="QEH655" s="613"/>
      <c r="QEI655" s="613"/>
      <c r="QEJ655" s="613"/>
      <c r="QEK655" s="613"/>
      <c r="QEL655" s="613"/>
      <c r="QEM655" s="613"/>
      <c r="QEN655" s="613"/>
      <c r="QEO655" s="613"/>
      <c r="QEP655" s="613"/>
      <c r="QEQ655" s="613"/>
      <c r="QER655" s="613"/>
      <c r="QES655" s="613"/>
      <c r="QET655" s="613"/>
      <c r="QEU655" s="613"/>
      <c r="QEV655" s="613"/>
      <c r="QEW655" s="613"/>
      <c r="QEX655" s="613"/>
      <c r="QEY655" s="613"/>
      <c r="QEZ655" s="613"/>
      <c r="QFA655" s="613"/>
      <c r="QFB655" s="613"/>
      <c r="QFC655" s="613"/>
      <c r="QFD655" s="613"/>
      <c r="QFE655" s="613"/>
      <c r="QFF655" s="613"/>
      <c r="QFG655" s="613"/>
      <c r="QFH655" s="613"/>
      <c r="QFI655" s="613"/>
      <c r="QFJ655" s="613"/>
      <c r="QFK655" s="613"/>
      <c r="QFL655" s="613"/>
      <c r="QFM655" s="613"/>
      <c r="QFN655" s="613"/>
      <c r="QFO655" s="613"/>
      <c r="QFP655" s="613"/>
      <c r="QFQ655" s="613"/>
      <c r="QFR655" s="613"/>
      <c r="QFS655" s="613"/>
      <c r="QFT655" s="613"/>
      <c r="QFU655" s="613"/>
      <c r="QFV655" s="613"/>
      <c r="QFW655" s="613"/>
      <c r="QFX655" s="613"/>
      <c r="QFY655" s="613"/>
      <c r="QFZ655" s="613"/>
      <c r="QGA655" s="613"/>
      <c r="QGB655" s="613"/>
      <c r="QGC655" s="613"/>
      <c r="QGD655" s="613"/>
      <c r="QGE655" s="613"/>
      <c r="QGF655" s="613"/>
      <c r="QGG655" s="613"/>
      <c r="QGH655" s="613"/>
      <c r="QGI655" s="613"/>
      <c r="QGJ655" s="613"/>
      <c r="QGK655" s="613"/>
      <c r="QGL655" s="613"/>
      <c r="QGM655" s="613"/>
      <c r="QGN655" s="613"/>
      <c r="QGO655" s="613"/>
      <c r="QGP655" s="613"/>
      <c r="QGQ655" s="613"/>
      <c r="QGR655" s="613"/>
      <c r="QGS655" s="613"/>
      <c r="QGT655" s="613"/>
      <c r="QGU655" s="613"/>
      <c r="QGV655" s="613"/>
      <c r="QGW655" s="613"/>
      <c r="QGX655" s="613"/>
      <c r="QGY655" s="613"/>
      <c r="QGZ655" s="613"/>
      <c r="QHA655" s="613"/>
      <c r="QHB655" s="613"/>
      <c r="QHC655" s="613"/>
      <c r="QHD655" s="613"/>
      <c r="QHE655" s="613"/>
      <c r="QHF655" s="613"/>
      <c r="QHG655" s="613"/>
      <c r="QHH655" s="613"/>
      <c r="QHI655" s="613"/>
      <c r="QHJ655" s="613"/>
      <c r="QHK655" s="613"/>
      <c r="QHL655" s="613"/>
      <c r="QHM655" s="613"/>
      <c r="QHN655" s="613"/>
      <c r="QHO655" s="613"/>
      <c r="QHP655" s="613"/>
      <c r="QHQ655" s="613"/>
      <c r="QHR655" s="613"/>
      <c r="QHS655" s="613"/>
      <c r="QHT655" s="613"/>
      <c r="QHU655" s="613"/>
      <c r="QHV655" s="613"/>
      <c r="QHW655" s="613"/>
      <c r="QHX655" s="613"/>
      <c r="QHY655" s="613"/>
      <c r="QHZ655" s="613"/>
      <c r="QIA655" s="613"/>
      <c r="QIB655" s="613"/>
      <c r="QIC655" s="613"/>
      <c r="QID655" s="613"/>
      <c r="QIE655" s="613"/>
      <c r="QIF655" s="613"/>
      <c r="QIG655" s="613"/>
      <c r="QIH655" s="613"/>
      <c r="QII655" s="613"/>
      <c r="QIJ655" s="613"/>
      <c r="QIK655" s="613"/>
      <c r="QIL655" s="613"/>
      <c r="QIM655" s="613"/>
      <c r="QIN655" s="613"/>
      <c r="QIO655" s="613"/>
      <c r="QIP655" s="613"/>
      <c r="QIQ655" s="613"/>
      <c r="QIR655" s="613"/>
      <c r="QIS655" s="613"/>
      <c r="QIT655" s="613"/>
      <c r="QIU655" s="613"/>
      <c r="QIV655" s="613"/>
      <c r="QIW655" s="613"/>
      <c r="QIX655" s="613"/>
      <c r="QIY655" s="613"/>
      <c r="QIZ655" s="613"/>
      <c r="QJA655" s="613"/>
      <c r="QJB655" s="613"/>
      <c r="QJC655" s="613"/>
      <c r="QJD655" s="613"/>
      <c r="QJE655" s="613"/>
      <c r="QJF655" s="613"/>
      <c r="QJG655" s="613"/>
      <c r="QJH655" s="613"/>
      <c r="QJI655" s="613"/>
      <c r="QJJ655" s="613"/>
      <c r="QJK655" s="613"/>
      <c r="QJL655" s="613"/>
      <c r="QJM655" s="613"/>
      <c r="QJN655" s="613"/>
      <c r="QJO655" s="613"/>
      <c r="QJP655" s="613"/>
      <c r="QJQ655" s="613"/>
      <c r="QJR655" s="613"/>
      <c r="QJS655" s="613"/>
      <c r="QJT655" s="613"/>
      <c r="QJU655" s="613"/>
      <c r="QJV655" s="613"/>
      <c r="QJW655" s="613"/>
      <c r="QJX655" s="613"/>
      <c r="QJY655" s="613"/>
      <c r="QJZ655" s="613"/>
      <c r="QKA655" s="613"/>
      <c r="QKB655" s="613"/>
      <c r="QKC655" s="613"/>
      <c r="QKD655" s="613"/>
      <c r="QKE655" s="613"/>
      <c r="QKF655" s="613"/>
      <c r="QKG655" s="613"/>
      <c r="QKH655" s="613"/>
      <c r="QKI655" s="613"/>
      <c r="QKJ655" s="613"/>
      <c r="QKK655" s="613"/>
      <c r="QKL655" s="613"/>
      <c r="QKM655" s="613"/>
      <c r="QKN655" s="613"/>
      <c r="QKO655" s="613"/>
      <c r="QKP655" s="613"/>
      <c r="QKQ655" s="613"/>
      <c r="QKR655" s="613"/>
      <c r="QKS655" s="613"/>
      <c r="QKT655" s="613"/>
      <c r="QKU655" s="613"/>
      <c r="QKV655" s="613"/>
      <c r="QKW655" s="613"/>
      <c r="QKX655" s="613"/>
      <c r="QKY655" s="613"/>
      <c r="QKZ655" s="613"/>
      <c r="QLA655" s="613"/>
      <c r="QLB655" s="613"/>
      <c r="QLC655" s="613"/>
      <c r="QLD655" s="613"/>
      <c r="QLE655" s="613"/>
      <c r="QLF655" s="613"/>
      <c r="QLG655" s="613"/>
      <c r="QLH655" s="613"/>
      <c r="QLI655" s="613"/>
      <c r="QLJ655" s="613"/>
      <c r="QLK655" s="613"/>
      <c r="QLL655" s="613"/>
      <c r="QLM655" s="613"/>
      <c r="QLN655" s="613"/>
      <c r="QLO655" s="613"/>
      <c r="QLP655" s="613"/>
      <c r="QLQ655" s="613"/>
      <c r="QLR655" s="613"/>
      <c r="QLS655" s="613"/>
      <c r="QLT655" s="613"/>
      <c r="QLU655" s="613"/>
      <c r="QLV655" s="613"/>
      <c r="QLW655" s="613"/>
      <c r="QLX655" s="613"/>
      <c r="QLY655" s="613"/>
      <c r="QLZ655" s="613"/>
      <c r="QMA655" s="613"/>
      <c r="QMB655" s="613"/>
      <c r="QMC655" s="613"/>
      <c r="QMD655" s="613"/>
      <c r="QME655" s="613"/>
      <c r="QMF655" s="613"/>
      <c r="QMG655" s="613"/>
      <c r="QMH655" s="613"/>
      <c r="QMI655" s="613"/>
      <c r="QMJ655" s="613"/>
      <c r="QMK655" s="613"/>
      <c r="QML655" s="613"/>
      <c r="QMM655" s="613"/>
      <c r="QMN655" s="613"/>
      <c r="QMO655" s="613"/>
      <c r="QMP655" s="613"/>
      <c r="QMQ655" s="613"/>
      <c r="QMR655" s="613"/>
      <c r="QMS655" s="613"/>
      <c r="QMT655" s="613"/>
      <c r="QMU655" s="613"/>
      <c r="QMV655" s="613"/>
      <c r="QMW655" s="613"/>
      <c r="QMX655" s="613"/>
      <c r="QMY655" s="613"/>
      <c r="QMZ655" s="613"/>
      <c r="QNA655" s="613"/>
      <c r="QNB655" s="613"/>
      <c r="QNC655" s="613"/>
      <c r="QND655" s="613"/>
      <c r="QNE655" s="613"/>
      <c r="QNF655" s="613"/>
      <c r="QNG655" s="613"/>
      <c r="QNH655" s="613"/>
      <c r="QNI655" s="613"/>
      <c r="QNJ655" s="613"/>
      <c r="QNK655" s="613"/>
      <c r="QNL655" s="613"/>
      <c r="QNM655" s="613"/>
      <c r="QNN655" s="613"/>
      <c r="QNO655" s="613"/>
      <c r="QNP655" s="613"/>
      <c r="QNQ655" s="613"/>
      <c r="QNR655" s="613"/>
      <c r="QNS655" s="613"/>
      <c r="QNT655" s="613"/>
      <c r="QNU655" s="613"/>
      <c r="QNV655" s="613"/>
      <c r="QNW655" s="613"/>
      <c r="QNX655" s="613"/>
      <c r="QNY655" s="613"/>
      <c r="QNZ655" s="613"/>
      <c r="QOA655" s="613"/>
      <c r="QOB655" s="613"/>
      <c r="QOC655" s="613"/>
      <c r="QOD655" s="613"/>
      <c r="QOE655" s="613"/>
      <c r="QOF655" s="613"/>
      <c r="QOG655" s="613"/>
      <c r="QOH655" s="613"/>
      <c r="QOI655" s="613"/>
      <c r="QOJ655" s="613"/>
      <c r="QOK655" s="613"/>
      <c r="QOL655" s="613"/>
      <c r="QOM655" s="613"/>
      <c r="QON655" s="613"/>
      <c r="QOO655" s="613"/>
      <c r="QOP655" s="613"/>
      <c r="QOQ655" s="613"/>
      <c r="QOR655" s="613"/>
      <c r="QOS655" s="613"/>
      <c r="QOT655" s="613"/>
      <c r="QOU655" s="613"/>
      <c r="QOV655" s="613"/>
      <c r="QOW655" s="613"/>
      <c r="QOX655" s="613"/>
      <c r="QOY655" s="613"/>
      <c r="QOZ655" s="613"/>
      <c r="QPA655" s="613"/>
      <c r="QPB655" s="613"/>
      <c r="QPC655" s="613"/>
      <c r="QPD655" s="613"/>
      <c r="QPE655" s="613"/>
      <c r="QPF655" s="613"/>
      <c r="QPG655" s="613"/>
      <c r="QPH655" s="613"/>
      <c r="QPI655" s="613"/>
      <c r="QPJ655" s="613"/>
      <c r="QPK655" s="613"/>
      <c r="QPL655" s="613"/>
      <c r="QPM655" s="613"/>
      <c r="QPN655" s="613"/>
      <c r="QPO655" s="613"/>
      <c r="QPP655" s="613"/>
      <c r="QPQ655" s="613"/>
      <c r="QPR655" s="613"/>
      <c r="QPS655" s="613"/>
      <c r="QPT655" s="613"/>
      <c r="QPU655" s="613"/>
      <c r="QPV655" s="613"/>
      <c r="QPW655" s="613"/>
      <c r="QPX655" s="613"/>
      <c r="QPY655" s="613"/>
      <c r="QPZ655" s="613"/>
      <c r="QQA655" s="613"/>
      <c r="QQB655" s="613"/>
      <c r="QQC655" s="613"/>
      <c r="QQD655" s="613"/>
      <c r="QQE655" s="613"/>
      <c r="QQF655" s="613"/>
      <c r="QQG655" s="613"/>
      <c r="QQH655" s="613"/>
      <c r="QQI655" s="613"/>
      <c r="QQJ655" s="613"/>
      <c r="QQK655" s="613"/>
      <c r="QQL655" s="613"/>
      <c r="QQM655" s="613"/>
      <c r="QQN655" s="613"/>
      <c r="QQO655" s="613"/>
      <c r="QQP655" s="613"/>
      <c r="QQQ655" s="613"/>
      <c r="QQR655" s="613"/>
      <c r="QQS655" s="613"/>
      <c r="QQT655" s="613"/>
      <c r="QQU655" s="613"/>
      <c r="QQV655" s="613"/>
      <c r="QQW655" s="613"/>
      <c r="QQX655" s="613"/>
      <c r="QQY655" s="613"/>
      <c r="QQZ655" s="613"/>
      <c r="QRA655" s="613"/>
      <c r="QRB655" s="613"/>
      <c r="QRC655" s="613"/>
      <c r="QRD655" s="613"/>
      <c r="QRE655" s="613"/>
      <c r="QRF655" s="613"/>
      <c r="QRG655" s="613"/>
      <c r="QRH655" s="613"/>
      <c r="QRI655" s="613"/>
      <c r="QRJ655" s="613"/>
      <c r="QRK655" s="613"/>
      <c r="QRL655" s="613"/>
      <c r="QRM655" s="613"/>
      <c r="QRN655" s="613"/>
      <c r="QRO655" s="613"/>
      <c r="QRP655" s="613"/>
      <c r="QRQ655" s="613"/>
      <c r="QRR655" s="613"/>
      <c r="QRS655" s="613"/>
      <c r="QRT655" s="613"/>
      <c r="QRU655" s="613"/>
      <c r="QRV655" s="613"/>
      <c r="QRW655" s="613"/>
      <c r="QRX655" s="613"/>
      <c r="QRY655" s="613"/>
      <c r="QRZ655" s="613"/>
      <c r="QSA655" s="613"/>
      <c r="QSB655" s="613"/>
      <c r="QSC655" s="613"/>
      <c r="QSD655" s="613"/>
      <c r="QSE655" s="613"/>
      <c r="QSF655" s="613"/>
      <c r="QSG655" s="613"/>
      <c r="QSH655" s="613"/>
      <c r="QSI655" s="613"/>
      <c r="QSJ655" s="613"/>
      <c r="QSK655" s="613"/>
      <c r="QSL655" s="613"/>
      <c r="QSM655" s="613"/>
      <c r="QSN655" s="613"/>
      <c r="QSO655" s="613"/>
      <c r="QSP655" s="613"/>
      <c r="QSQ655" s="613"/>
      <c r="QSR655" s="613"/>
      <c r="QSS655" s="613"/>
      <c r="QST655" s="613"/>
      <c r="QSU655" s="613"/>
      <c r="QSV655" s="613"/>
      <c r="QSW655" s="613"/>
      <c r="QSX655" s="613"/>
      <c r="QSY655" s="613"/>
      <c r="QSZ655" s="613"/>
      <c r="QTA655" s="613"/>
      <c r="QTB655" s="613"/>
      <c r="QTC655" s="613"/>
      <c r="QTD655" s="613"/>
      <c r="QTE655" s="613"/>
      <c r="QTF655" s="613"/>
      <c r="QTG655" s="613"/>
      <c r="QTH655" s="613"/>
      <c r="QTI655" s="613"/>
      <c r="QTJ655" s="613"/>
      <c r="QTK655" s="613"/>
      <c r="QTL655" s="613"/>
      <c r="QTM655" s="613"/>
      <c r="QTN655" s="613"/>
      <c r="QTO655" s="613"/>
      <c r="QTP655" s="613"/>
      <c r="QTQ655" s="613"/>
      <c r="QTR655" s="613"/>
      <c r="QTS655" s="613"/>
      <c r="QTT655" s="613"/>
      <c r="QTU655" s="613"/>
      <c r="QTV655" s="613"/>
      <c r="QTW655" s="613"/>
      <c r="QTX655" s="613"/>
      <c r="QTY655" s="613"/>
      <c r="QTZ655" s="613"/>
      <c r="QUA655" s="613"/>
      <c r="QUB655" s="613"/>
      <c r="QUC655" s="613"/>
      <c r="QUD655" s="613"/>
      <c r="QUE655" s="613"/>
      <c r="QUF655" s="613"/>
      <c r="QUG655" s="613"/>
      <c r="QUH655" s="613"/>
      <c r="QUI655" s="613"/>
      <c r="QUJ655" s="613"/>
      <c r="QUK655" s="613"/>
      <c r="QUL655" s="613"/>
      <c r="QUM655" s="613"/>
      <c r="QUN655" s="613"/>
      <c r="QUO655" s="613"/>
      <c r="QUP655" s="613"/>
      <c r="QUQ655" s="613"/>
      <c r="QUR655" s="613"/>
      <c r="QUS655" s="613"/>
      <c r="QUT655" s="613"/>
      <c r="QUU655" s="613"/>
      <c r="QUV655" s="613"/>
      <c r="QUW655" s="613"/>
      <c r="QUX655" s="613"/>
      <c r="QUY655" s="613"/>
      <c r="QUZ655" s="613"/>
      <c r="QVA655" s="613"/>
      <c r="QVB655" s="613"/>
      <c r="QVC655" s="613"/>
      <c r="QVD655" s="613"/>
      <c r="QVE655" s="613"/>
      <c r="QVF655" s="613"/>
      <c r="QVG655" s="613"/>
      <c r="QVH655" s="613"/>
      <c r="QVI655" s="613"/>
      <c r="QVJ655" s="613"/>
      <c r="QVK655" s="613"/>
      <c r="QVL655" s="613"/>
      <c r="QVM655" s="613"/>
      <c r="QVN655" s="613"/>
      <c r="QVO655" s="613"/>
      <c r="QVP655" s="613"/>
      <c r="QVQ655" s="613"/>
      <c r="QVR655" s="613"/>
      <c r="QVS655" s="613"/>
      <c r="QVT655" s="613"/>
      <c r="QVU655" s="613"/>
      <c r="QVV655" s="613"/>
      <c r="QVW655" s="613"/>
      <c r="QVX655" s="613"/>
      <c r="QVY655" s="613"/>
      <c r="QVZ655" s="613"/>
      <c r="QWA655" s="613"/>
      <c r="QWB655" s="613"/>
      <c r="QWC655" s="613"/>
      <c r="QWD655" s="613"/>
      <c r="QWE655" s="613"/>
      <c r="QWF655" s="613"/>
      <c r="QWG655" s="613"/>
      <c r="QWH655" s="613"/>
      <c r="QWI655" s="613"/>
      <c r="QWJ655" s="613"/>
      <c r="QWK655" s="613"/>
      <c r="QWL655" s="613"/>
      <c r="QWM655" s="613"/>
      <c r="QWN655" s="613"/>
      <c r="QWO655" s="613"/>
      <c r="QWP655" s="613"/>
      <c r="QWQ655" s="613"/>
      <c r="QWR655" s="613"/>
      <c r="QWS655" s="613"/>
      <c r="QWT655" s="613"/>
      <c r="QWU655" s="613"/>
      <c r="QWV655" s="613"/>
      <c r="QWW655" s="613"/>
      <c r="QWX655" s="613"/>
      <c r="QWY655" s="613"/>
      <c r="QWZ655" s="613"/>
      <c r="QXA655" s="613"/>
      <c r="QXB655" s="613"/>
      <c r="QXC655" s="613"/>
      <c r="QXD655" s="613"/>
      <c r="QXE655" s="613"/>
      <c r="QXF655" s="613"/>
      <c r="QXG655" s="613"/>
      <c r="QXH655" s="613"/>
      <c r="QXI655" s="613"/>
      <c r="QXJ655" s="613"/>
      <c r="QXK655" s="613"/>
      <c r="QXL655" s="613"/>
      <c r="QXM655" s="613"/>
      <c r="QXN655" s="613"/>
      <c r="QXO655" s="613"/>
      <c r="QXP655" s="613"/>
      <c r="QXQ655" s="613"/>
      <c r="QXR655" s="613"/>
      <c r="QXS655" s="613"/>
      <c r="QXT655" s="613"/>
      <c r="QXU655" s="613"/>
      <c r="QXV655" s="613"/>
      <c r="QXW655" s="613"/>
      <c r="QXX655" s="613"/>
      <c r="QXY655" s="613"/>
      <c r="QXZ655" s="613"/>
      <c r="QYA655" s="613"/>
      <c r="QYB655" s="613"/>
      <c r="QYC655" s="613"/>
      <c r="QYD655" s="613"/>
      <c r="QYE655" s="613"/>
      <c r="QYF655" s="613"/>
      <c r="QYG655" s="613"/>
      <c r="QYH655" s="613"/>
      <c r="QYI655" s="613"/>
      <c r="QYJ655" s="613"/>
      <c r="QYK655" s="613"/>
      <c r="QYL655" s="613"/>
      <c r="QYM655" s="613"/>
      <c r="QYN655" s="613"/>
      <c r="QYO655" s="613"/>
      <c r="QYP655" s="613"/>
      <c r="QYQ655" s="613"/>
      <c r="QYR655" s="613"/>
      <c r="QYS655" s="613"/>
      <c r="QYT655" s="613"/>
      <c r="QYU655" s="613"/>
      <c r="QYV655" s="613"/>
      <c r="QYW655" s="613"/>
      <c r="QYX655" s="613"/>
      <c r="QYY655" s="613"/>
      <c r="QYZ655" s="613"/>
      <c r="QZA655" s="613"/>
      <c r="QZB655" s="613"/>
      <c r="QZC655" s="613"/>
      <c r="QZD655" s="613"/>
      <c r="QZE655" s="613"/>
      <c r="QZF655" s="613"/>
      <c r="QZG655" s="613"/>
      <c r="QZH655" s="613"/>
      <c r="QZI655" s="613"/>
      <c r="QZJ655" s="613"/>
      <c r="QZK655" s="613"/>
      <c r="QZL655" s="613"/>
      <c r="QZM655" s="613"/>
      <c r="QZN655" s="613"/>
      <c r="QZO655" s="613"/>
      <c r="QZP655" s="613"/>
      <c r="QZQ655" s="613"/>
      <c r="QZR655" s="613"/>
      <c r="QZS655" s="613"/>
      <c r="QZT655" s="613"/>
      <c r="QZU655" s="613"/>
      <c r="QZV655" s="613"/>
      <c r="QZW655" s="613"/>
      <c r="QZX655" s="613"/>
      <c r="QZY655" s="613"/>
      <c r="QZZ655" s="613"/>
      <c r="RAA655" s="613"/>
      <c r="RAB655" s="613"/>
      <c r="RAC655" s="613"/>
      <c r="RAD655" s="613"/>
      <c r="RAE655" s="613"/>
      <c r="RAF655" s="613"/>
      <c r="RAG655" s="613"/>
      <c r="RAH655" s="613"/>
      <c r="RAI655" s="613"/>
      <c r="RAJ655" s="613"/>
      <c r="RAK655" s="613"/>
      <c r="RAL655" s="613"/>
      <c r="RAM655" s="613"/>
      <c r="RAN655" s="613"/>
      <c r="RAO655" s="613"/>
      <c r="RAP655" s="613"/>
      <c r="RAQ655" s="613"/>
      <c r="RAR655" s="613"/>
      <c r="RAS655" s="613"/>
      <c r="RAT655" s="613"/>
      <c r="RAU655" s="613"/>
      <c r="RAV655" s="613"/>
      <c r="RAW655" s="613"/>
      <c r="RAX655" s="613"/>
      <c r="RAY655" s="613"/>
      <c r="RAZ655" s="613"/>
      <c r="RBA655" s="613"/>
      <c r="RBB655" s="613"/>
      <c r="RBC655" s="613"/>
      <c r="RBD655" s="613"/>
      <c r="RBE655" s="613"/>
      <c r="RBF655" s="613"/>
      <c r="RBG655" s="613"/>
      <c r="RBH655" s="613"/>
      <c r="RBI655" s="613"/>
      <c r="RBJ655" s="613"/>
      <c r="RBK655" s="613"/>
      <c r="RBL655" s="613"/>
      <c r="RBM655" s="613"/>
      <c r="RBN655" s="613"/>
      <c r="RBO655" s="613"/>
      <c r="RBP655" s="613"/>
      <c r="RBQ655" s="613"/>
      <c r="RBR655" s="613"/>
      <c r="RBS655" s="613"/>
      <c r="RBT655" s="613"/>
      <c r="RBU655" s="613"/>
      <c r="RBV655" s="613"/>
      <c r="RBW655" s="613"/>
      <c r="RBX655" s="613"/>
      <c r="RBY655" s="613"/>
      <c r="RBZ655" s="613"/>
      <c r="RCA655" s="613"/>
      <c r="RCB655" s="613"/>
      <c r="RCC655" s="613"/>
      <c r="RCD655" s="613"/>
      <c r="RCE655" s="613"/>
      <c r="RCF655" s="613"/>
      <c r="RCG655" s="613"/>
      <c r="RCH655" s="613"/>
      <c r="RCI655" s="613"/>
      <c r="RCJ655" s="613"/>
      <c r="RCK655" s="613"/>
      <c r="RCL655" s="613"/>
      <c r="RCM655" s="613"/>
      <c r="RCN655" s="613"/>
      <c r="RCO655" s="613"/>
      <c r="RCP655" s="613"/>
      <c r="RCQ655" s="613"/>
      <c r="RCR655" s="613"/>
      <c r="RCS655" s="613"/>
      <c r="RCT655" s="613"/>
      <c r="RCU655" s="613"/>
      <c r="RCV655" s="613"/>
      <c r="RCW655" s="613"/>
      <c r="RCX655" s="613"/>
      <c r="RCY655" s="613"/>
      <c r="RCZ655" s="613"/>
      <c r="RDA655" s="613"/>
      <c r="RDB655" s="613"/>
      <c r="RDC655" s="613"/>
      <c r="RDD655" s="613"/>
      <c r="RDE655" s="613"/>
      <c r="RDF655" s="613"/>
      <c r="RDG655" s="613"/>
      <c r="RDH655" s="613"/>
      <c r="RDI655" s="613"/>
      <c r="RDJ655" s="613"/>
      <c r="RDK655" s="613"/>
      <c r="RDL655" s="613"/>
      <c r="RDM655" s="613"/>
      <c r="RDN655" s="613"/>
      <c r="RDO655" s="613"/>
      <c r="RDP655" s="613"/>
      <c r="RDQ655" s="613"/>
      <c r="RDR655" s="613"/>
      <c r="RDS655" s="613"/>
      <c r="RDT655" s="613"/>
      <c r="RDU655" s="613"/>
      <c r="RDV655" s="613"/>
      <c r="RDW655" s="613"/>
      <c r="RDX655" s="613"/>
      <c r="RDY655" s="613"/>
      <c r="RDZ655" s="613"/>
      <c r="REA655" s="613"/>
      <c r="REB655" s="613"/>
      <c r="REC655" s="613"/>
      <c r="RED655" s="613"/>
      <c r="REE655" s="613"/>
      <c r="REF655" s="613"/>
      <c r="REG655" s="613"/>
      <c r="REH655" s="613"/>
      <c r="REI655" s="613"/>
      <c r="REJ655" s="613"/>
      <c r="REK655" s="613"/>
      <c r="REL655" s="613"/>
      <c r="REM655" s="613"/>
      <c r="REN655" s="613"/>
      <c r="REO655" s="613"/>
      <c r="REP655" s="613"/>
      <c r="REQ655" s="613"/>
      <c r="RER655" s="613"/>
      <c r="RES655" s="613"/>
      <c r="RET655" s="613"/>
      <c r="REU655" s="613"/>
      <c r="REV655" s="613"/>
      <c r="REW655" s="613"/>
      <c r="REX655" s="613"/>
      <c r="REY655" s="613"/>
      <c r="REZ655" s="613"/>
      <c r="RFA655" s="613"/>
      <c r="RFB655" s="613"/>
      <c r="RFC655" s="613"/>
      <c r="RFD655" s="613"/>
      <c r="RFE655" s="613"/>
      <c r="RFF655" s="613"/>
      <c r="RFG655" s="613"/>
      <c r="RFH655" s="613"/>
      <c r="RFI655" s="613"/>
      <c r="RFJ655" s="613"/>
      <c r="RFK655" s="613"/>
      <c r="RFL655" s="613"/>
      <c r="RFM655" s="613"/>
      <c r="RFN655" s="613"/>
      <c r="RFO655" s="613"/>
      <c r="RFP655" s="613"/>
      <c r="RFQ655" s="613"/>
      <c r="RFR655" s="613"/>
      <c r="RFS655" s="613"/>
      <c r="RFT655" s="613"/>
      <c r="RFU655" s="613"/>
      <c r="RFV655" s="613"/>
      <c r="RFW655" s="613"/>
      <c r="RFX655" s="613"/>
      <c r="RFY655" s="613"/>
      <c r="RFZ655" s="613"/>
      <c r="RGA655" s="613"/>
      <c r="RGB655" s="613"/>
      <c r="RGC655" s="613"/>
      <c r="RGD655" s="613"/>
      <c r="RGE655" s="613"/>
      <c r="RGF655" s="613"/>
      <c r="RGG655" s="613"/>
      <c r="RGH655" s="613"/>
      <c r="RGI655" s="613"/>
      <c r="RGJ655" s="613"/>
      <c r="RGK655" s="613"/>
      <c r="RGL655" s="613"/>
      <c r="RGM655" s="613"/>
      <c r="RGN655" s="613"/>
      <c r="RGO655" s="613"/>
      <c r="RGP655" s="613"/>
      <c r="RGQ655" s="613"/>
      <c r="RGR655" s="613"/>
      <c r="RGS655" s="613"/>
      <c r="RGT655" s="613"/>
      <c r="RGU655" s="613"/>
      <c r="RGV655" s="613"/>
      <c r="RGW655" s="613"/>
      <c r="RGX655" s="613"/>
      <c r="RGY655" s="613"/>
      <c r="RGZ655" s="613"/>
      <c r="RHA655" s="613"/>
      <c r="RHB655" s="613"/>
      <c r="RHC655" s="613"/>
      <c r="RHD655" s="613"/>
      <c r="RHE655" s="613"/>
      <c r="RHF655" s="613"/>
      <c r="RHG655" s="613"/>
      <c r="RHH655" s="613"/>
      <c r="RHI655" s="613"/>
      <c r="RHJ655" s="613"/>
      <c r="RHK655" s="613"/>
      <c r="RHL655" s="613"/>
      <c r="RHM655" s="613"/>
      <c r="RHN655" s="613"/>
      <c r="RHO655" s="613"/>
      <c r="RHP655" s="613"/>
      <c r="RHQ655" s="613"/>
      <c r="RHR655" s="613"/>
      <c r="RHS655" s="613"/>
      <c r="RHT655" s="613"/>
      <c r="RHU655" s="613"/>
      <c r="RHV655" s="613"/>
      <c r="RHW655" s="613"/>
      <c r="RHX655" s="613"/>
      <c r="RHY655" s="613"/>
      <c r="RHZ655" s="613"/>
      <c r="RIA655" s="613"/>
      <c r="RIB655" s="613"/>
      <c r="RIC655" s="613"/>
      <c r="RID655" s="613"/>
      <c r="RIE655" s="613"/>
      <c r="RIF655" s="613"/>
      <c r="RIG655" s="613"/>
      <c r="RIH655" s="613"/>
      <c r="RII655" s="613"/>
      <c r="RIJ655" s="613"/>
      <c r="RIK655" s="613"/>
      <c r="RIL655" s="613"/>
      <c r="RIM655" s="613"/>
      <c r="RIN655" s="613"/>
      <c r="RIO655" s="613"/>
      <c r="RIP655" s="613"/>
      <c r="RIQ655" s="613"/>
      <c r="RIR655" s="613"/>
      <c r="RIS655" s="613"/>
      <c r="RIT655" s="613"/>
      <c r="RIU655" s="613"/>
      <c r="RIV655" s="613"/>
      <c r="RIW655" s="613"/>
      <c r="RIX655" s="613"/>
      <c r="RIY655" s="613"/>
      <c r="RIZ655" s="613"/>
      <c r="RJA655" s="613"/>
      <c r="RJB655" s="613"/>
      <c r="RJC655" s="613"/>
      <c r="RJD655" s="613"/>
      <c r="RJE655" s="613"/>
      <c r="RJF655" s="613"/>
      <c r="RJG655" s="613"/>
      <c r="RJH655" s="613"/>
      <c r="RJI655" s="613"/>
      <c r="RJJ655" s="613"/>
      <c r="RJK655" s="613"/>
      <c r="RJL655" s="613"/>
      <c r="RJM655" s="613"/>
      <c r="RJN655" s="613"/>
      <c r="RJO655" s="613"/>
      <c r="RJP655" s="613"/>
      <c r="RJQ655" s="613"/>
      <c r="RJR655" s="613"/>
      <c r="RJS655" s="613"/>
      <c r="RJT655" s="613"/>
      <c r="RJU655" s="613"/>
      <c r="RJV655" s="613"/>
      <c r="RJW655" s="613"/>
      <c r="RJX655" s="613"/>
      <c r="RJY655" s="613"/>
      <c r="RJZ655" s="613"/>
      <c r="RKA655" s="613"/>
      <c r="RKB655" s="613"/>
      <c r="RKC655" s="613"/>
      <c r="RKD655" s="613"/>
      <c r="RKE655" s="613"/>
      <c r="RKF655" s="613"/>
      <c r="RKG655" s="613"/>
      <c r="RKH655" s="613"/>
      <c r="RKI655" s="613"/>
      <c r="RKJ655" s="613"/>
      <c r="RKK655" s="613"/>
      <c r="RKL655" s="613"/>
      <c r="RKM655" s="613"/>
      <c r="RKN655" s="613"/>
      <c r="RKO655" s="613"/>
      <c r="RKP655" s="613"/>
      <c r="RKQ655" s="613"/>
      <c r="RKR655" s="613"/>
      <c r="RKS655" s="613"/>
      <c r="RKT655" s="613"/>
      <c r="RKU655" s="613"/>
      <c r="RKV655" s="613"/>
      <c r="RKW655" s="613"/>
      <c r="RKX655" s="613"/>
      <c r="RKY655" s="613"/>
      <c r="RKZ655" s="613"/>
      <c r="RLA655" s="613"/>
      <c r="RLB655" s="613"/>
      <c r="RLC655" s="613"/>
      <c r="RLD655" s="613"/>
      <c r="RLE655" s="613"/>
      <c r="RLF655" s="613"/>
      <c r="RLG655" s="613"/>
      <c r="RLH655" s="613"/>
      <c r="RLI655" s="613"/>
      <c r="RLJ655" s="613"/>
      <c r="RLK655" s="613"/>
      <c r="RLL655" s="613"/>
      <c r="RLM655" s="613"/>
      <c r="RLN655" s="613"/>
      <c r="RLO655" s="613"/>
      <c r="RLP655" s="613"/>
      <c r="RLQ655" s="613"/>
      <c r="RLR655" s="613"/>
      <c r="RLS655" s="613"/>
      <c r="RLT655" s="613"/>
      <c r="RLU655" s="613"/>
      <c r="RLV655" s="613"/>
      <c r="RLW655" s="613"/>
      <c r="RLX655" s="613"/>
      <c r="RLY655" s="613"/>
      <c r="RLZ655" s="613"/>
      <c r="RMA655" s="613"/>
      <c r="RMB655" s="613"/>
      <c r="RMC655" s="613"/>
      <c r="RMD655" s="613"/>
      <c r="RME655" s="613"/>
      <c r="RMF655" s="613"/>
      <c r="RMG655" s="613"/>
      <c r="RMH655" s="613"/>
      <c r="RMI655" s="613"/>
      <c r="RMJ655" s="613"/>
      <c r="RMK655" s="613"/>
      <c r="RML655" s="613"/>
      <c r="RMM655" s="613"/>
      <c r="RMN655" s="613"/>
      <c r="RMO655" s="613"/>
      <c r="RMP655" s="613"/>
      <c r="RMQ655" s="613"/>
      <c r="RMR655" s="613"/>
      <c r="RMS655" s="613"/>
      <c r="RMT655" s="613"/>
      <c r="RMU655" s="613"/>
      <c r="RMV655" s="613"/>
      <c r="RMW655" s="613"/>
      <c r="RMX655" s="613"/>
      <c r="RMY655" s="613"/>
      <c r="RMZ655" s="613"/>
      <c r="RNA655" s="613"/>
      <c r="RNB655" s="613"/>
      <c r="RNC655" s="613"/>
      <c r="RND655" s="613"/>
      <c r="RNE655" s="613"/>
      <c r="RNF655" s="613"/>
      <c r="RNG655" s="613"/>
      <c r="RNH655" s="613"/>
      <c r="RNI655" s="613"/>
      <c r="RNJ655" s="613"/>
      <c r="RNK655" s="613"/>
      <c r="RNL655" s="613"/>
      <c r="RNM655" s="613"/>
      <c r="RNN655" s="613"/>
      <c r="RNO655" s="613"/>
      <c r="RNP655" s="613"/>
      <c r="RNQ655" s="613"/>
      <c r="RNR655" s="613"/>
      <c r="RNS655" s="613"/>
      <c r="RNT655" s="613"/>
      <c r="RNU655" s="613"/>
      <c r="RNV655" s="613"/>
      <c r="RNW655" s="613"/>
      <c r="RNX655" s="613"/>
      <c r="RNY655" s="613"/>
      <c r="RNZ655" s="613"/>
      <c r="ROA655" s="613"/>
      <c r="ROB655" s="613"/>
      <c r="ROC655" s="613"/>
      <c r="ROD655" s="613"/>
      <c r="ROE655" s="613"/>
      <c r="ROF655" s="613"/>
      <c r="ROG655" s="613"/>
      <c r="ROH655" s="613"/>
      <c r="ROI655" s="613"/>
      <c r="ROJ655" s="613"/>
      <c r="ROK655" s="613"/>
      <c r="ROL655" s="613"/>
      <c r="ROM655" s="613"/>
      <c r="RON655" s="613"/>
      <c r="ROO655" s="613"/>
      <c r="ROP655" s="613"/>
      <c r="ROQ655" s="613"/>
      <c r="ROR655" s="613"/>
      <c r="ROS655" s="613"/>
      <c r="ROT655" s="613"/>
      <c r="ROU655" s="613"/>
      <c r="ROV655" s="613"/>
      <c r="ROW655" s="613"/>
      <c r="ROX655" s="613"/>
      <c r="ROY655" s="613"/>
      <c r="ROZ655" s="613"/>
      <c r="RPA655" s="613"/>
      <c r="RPB655" s="613"/>
      <c r="RPC655" s="613"/>
      <c r="RPD655" s="613"/>
      <c r="RPE655" s="613"/>
      <c r="RPF655" s="613"/>
      <c r="RPG655" s="613"/>
      <c r="RPH655" s="613"/>
      <c r="RPI655" s="613"/>
      <c r="RPJ655" s="613"/>
      <c r="RPK655" s="613"/>
      <c r="RPL655" s="613"/>
      <c r="RPM655" s="613"/>
      <c r="RPN655" s="613"/>
      <c r="RPO655" s="613"/>
      <c r="RPP655" s="613"/>
      <c r="RPQ655" s="613"/>
      <c r="RPR655" s="613"/>
      <c r="RPS655" s="613"/>
      <c r="RPT655" s="613"/>
      <c r="RPU655" s="613"/>
      <c r="RPV655" s="613"/>
      <c r="RPW655" s="613"/>
      <c r="RPX655" s="613"/>
      <c r="RPY655" s="613"/>
      <c r="RPZ655" s="613"/>
      <c r="RQA655" s="613"/>
      <c r="RQB655" s="613"/>
      <c r="RQC655" s="613"/>
      <c r="RQD655" s="613"/>
      <c r="RQE655" s="613"/>
      <c r="RQF655" s="613"/>
      <c r="RQG655" s="613"/>
      <c r="RQH655" s="613"/>
      <c r="RQI655" s="613"/>
      <c r="RQJ655" s="613"/>
      <c r="RQK655" s="613"/>
      <c r="RQL655" s="613"/>
      <c r="RQM655" s="613"/>
      <c r="RQN655" s="613"/>
      <c r="RQO655" s="613"/>
      <c r="RQP655" s="613"/>
      <c r="RQQ655" s="613"/>
      <c r="RQR655" s="613"/>
      <c r="RQS655" s="613"/>
      <c r="RQT655" s="613"/>
      <c r="RQU655" s="613"/>
      <c r="RQV655" s="613"/>
      <c r="RQW655" s="613"/>
      <c r="RQX655" s="613"/>
      <c r="RQY655" s="613"/>
      <c r="RQZ655" s="613"/>
      <c r="RRA655" s="613"/>
      <c r="RRB655" s="613"/>
      <c r="RRC655" s="613"/>
      <c r="RRD655" s="613"/>
      <c r="RRE655" s="613"/>
      <c r="RRF655" s="613"/>
      <c r="RRG655" s="613"/>
      <c r="RRH655" s="613"/>
      <c r="RRI655" s="613"/>
      <c r="RRJ655" s="613"/>
      <c r="RRK655" s="613"/>
      <c r="RRL655" s="613"/>
      <c r="RRM655" s="613"/>
      <c r="RRN655" s="613"/>
      <c r="RRO655" s="613"/>
      <c r="RRP655" s="613"/>
      <c r="RRQ655" s="613"/>
      <c r="RRR655" s="613"/>
      <c r="RRS655" s="613"/>
      <c r="RRT655" s="613"/>
      <c r="RRU655" s="613"/>
      <c r="RRV655" s="613"/>
      <c r="RRW655" s="613"/>
      <c r="RRX655" s="613"/>
      <c r="RRY655" s="613"/>
      <c r="RRZ655" s="613"/>
      <c r="RSA655" s="613"/>
      <c r="RSB655" s="613"/>
      <c r="RSC655" s="613"/>
      <c r="RSD655" s="613"/>
      <c r="RSE655" s="613"/>
      <c r="RSF655" s="613"/>
      <c r="RSG655" s="613"/>
      <c r="RSH655" s="613"/>
      <c r="RSI655" s="613"/>
      <c r="RSJ655" s="613"/>
      <c r="RSK655" s="613"/>
      <c r="RSL655" s="613"/>
      <c r="RSM655" s="613"/>
      <c r="RSN655" s="613"/>
      <c r="RSO655" s="613"/>
      <c r="RSP655" s="613"/>
      <c r="RSQ655" s="613"/>
      <c r="RSR655" s="613"/>
      <c r="RSS655" s="613"/>
      <c r="RST655" s="613"/>
      <c r="RSU655" s="613"/>
      <c r="RSV655" s="613"/>
      <c r="RSW655" s="613"/>
      <c r="RSX655" s="613"/>
      <c r="RSY655" s="613"/>
      <c r="RSZ655" s="613"/>
      <c r="RTA655" s="613"/>
      <c r="RTB655" s="613"/>
      <c r="RTC655" s="613"/>
      <c r="RTD655" s="613"/>
      <c r="RTE655" s="613"/>
      <c r="RTF655" s="613"/>
      <c r="RTG655" s="613"/>
      <c r="RTH655" s="613"/>
      <c r="RTI655" s="613"/>
      <c r="RTJ655" s="613"/>
      <c r="RTK655" s="613"/>
      <c r="RTL655" s="613"/>
      <c r="RTM655" s="613"/>
      <c r="RTN655" s="613"/>
      <c r="RTO655" s="613"/>
      <c r="RTP655" s="613"/>
      <c r="RTQ655" s="613"/>
      <c r="RTR655" s="613"/>
      <c r="RTS655" s="613"/>
      <c r="RTT655" s="613"/>
      <c r="RTU655" s="613"/>
      <c r="RTV655" s="613"/>
      <c r="RTW655" s="613"/>
      <c r="RTX655" s="613"/>
      <c r="RTY655" s="613"/>
      <c r="RTZ655" s="613"/>
      <c r="RUA655" s="613"/>
      <c r="RUB655" s="613"/>
      <c r="RUC655" s="613"/>
      <c r="RUD655" s="613"/>
      <c r="RUE655" s="613"/>
      <c r="RUF655" s="613"/>
      <c r="RUG655" s="613"/>
      <c r="RUH655" s="613"/>
      <c r="RUI655" s="613"/>
      <c r="RUJ655" s="613"/>
      <c r="RUK655" s="613"/>
      <c r="RUL655" s="613"/>
      <c r="RUM655" s="613"/>
      <c r="RUN655" s="613"/>
      <c r="RUO655" s="613"/>
      <c r="RUP655" s="613"/>
      <c r="RUQ655" s="613"/>
      <c r="RUR655" s="613"/>
      <c r="RUS655" s="613"/>
      <c r="RUT655" s="613"/>
      <c r="RUU655" s="613"/>
      <c r="RUV655" s="613"/>
      <c r="RUW655" s="613"/>
      <c r="RUX655" s="613"/>
      <c r="RUY655" s="613"/>
      <c r="RUZ655" s="613"/>
      <c r="RVA655" s="613"/>
      <c r="RVB655" s="613"/>
      <c r="RVC655" s="613"/>
      <c r="RVD655" s="613"/>
      <c r="RVE655" s="613"/>
      <c r="RVF655" s="613"/>
      <c r="RVG655" s="613"/>
      <c r="RVH655" s="613"/>
      <c r="RVI655" s="613"/>
      <c r="RVJ655" s="613"/>
      <c r="RVK655" s="613"/>
      <c r="RVL655" s="613"/>
      <c r="RVM655" s="613"/>
      <c r="RVN655" s="613"/>
      <c r="RVO655" s="613"/>
      <c r="RVP655" s="613"/>
      <c r="RVQ655" s="613"/>
      <c r="RVR655" s="613"/>
      <c r="RVS655" s="613"/>
      <c r="RVT655" s="613"/>
      <c r="RVU655" s="613"/>
      <c r="RVV655" s="613"/>
      <c r="RVW655" s="613"/>
      <c r="RVX655" s="613"/>
      <c r="RVY655" s="613"/>
      <c r="RVZ655" s="613"/>
      <c r="RWA655" s="613"/>
      <c r="RWB655" s="613"/>
      <c r="RWC655" s="613"/>
      <c r="RWD655" s="613"/>
      <c r="RWE655" s="613"/>
      <c r="RWF655" s="613"/>
      <c r="RWG655" s="613"/>
      <c r="RWH655" s="613"/>
      <c r="RWI655" s="613"/>
      <c r="RWJ655" s="613"/>
      <c r="RWK655" s="613"/>
      <c r="RWL655" s="613"/>
      <c r="RWM655" s="613"/>
      <c r="RWN655" s="613"/>
      <c r="RWO655" s="613"/>
      <c r="RWP655" s="613"/>
      <c r="RWQ655" s="613"/>
      <c r="RWR655" s="613"/>
      <c r="RWS655" s="613"/>
      <c r="RWT655" s="613"/>
      <c r="RWU655" s="613"/>
      <c r="RWV655" s="613"/>
      <c r="RWW655" s="613"/>
      <c r="RWX655" s="613"/>
      <c r="RWY655" s="613"/>
      <c r="RWZ655" s="613"/>
      <c r="RXA655" s="613"/>
      <c r="RXB655" s="613"/>
      <c r="RXC655" s="613"/>
      <c r="RXD655" s="613"/>
      <c r="RXE655" s="613"/>
      <c r="RXF655" s="613"/>
      <c r="RXG655" s="613"/>
      <c r="RXH655" s="613"/>
      <c r="RXI655" s="613"/>
      <c r="RXJ655" s="613"/>
      <c r="RXK655" s="613"/>
      <c r="RXL655" s="613"/>
      <c r="RXM655" s="613"/>
      <c r="RXN655" s="613"/>
      <c r="RXO655" s="613"/>
      <c r="RXP655" s="613"/>
      <c r="RXQ655" s="613"/>
      <c r="RXR655" s="613"/>
      <c r="RXS655" s="613"/>
      <c r="RXT655" s="613"/>
      <c r="RXU655" s="613"/>
      <c r="RXV655" s="613"/>
      <c r="RXW655" s="613"/>
      <c r="RXX655" s="613"/>
      <c r="RXY655" s="613"/>
      <c r="RXZ655" s="613"/>
      <c r="RYA655" s="613"/>
      <c r="RYB655" s="613"/>
      <c r="RYC655" s="613"/>
      <c r="RYD655" s="613"/>
      <c r="RYE655" s="613"/>
      <c r="RYF655" s="613"/>
      <c r="RYG655" s="613"/>
      <c r="RYH655" s="613"/>
      <c r="RYI655" s="613"/>
      <c r="RYJ655" s="613"/>
      <c r="RYK655" s="613"/>
      <c r="RYL655" s="613"/>
      <c r="RYM655" s="613"/>
      <c r="RYN655" s="613"/>
      <c r="RYO655" s="613"/>
      <c r="RYP655" s="613"/>
      <c r="RYQ655" s="613"/>
      <c r="RYR655" s="613"/>
      <c r="RYS655" s="613"/>
      <c r="RYT655" s="613"/>
      <c r="RYU655" s="613"/>
      <c r="RYV655" s="613"/>
      <c r="RYW655" s="613"/>
      <c r="RYX655" s="613"/>
      <c r="RYY655" s="613"/>
      <c r="RYZ655" s="613"/>
      <c r="RZA655" s="613"/>
      <c r="RZB655" s="613"/>
      <c r="RZC655" s="613"/>
      <c r="RZD655" s="613"/>
      <c r="RZE655" s="613"/>
      <c r="RZF655" s="613"/>
      <c r="RZG655" s="613"/>
      <c r="RZH655" s="613"/>
      <c r="RZI655" s="613"/>
      <c r="RZJ655" s="613"/>
      <c r="RZK655" s="613"/>
      <c r="RZL655" s="613"/>
      <c r="RZM655" s="613"/>
      <c r="RZN655" s="613"/>
      <c r="RZO655" s="613"/>
      <c r="RZP655" s="613"/>
      <c r="RZQ655" s="613"/>
      <c r="RZR655" s="613"/>
      <c r="RZS655" s="613"/>
      <c r="RZT655" s="613"/>
      <c r="RZU655" s="613"/>
      <c r="RZV655" s="613"/>
      <c r="RZW655" s="613"/>
      <c r="RZX655" s="613"/>
      <c r="RZY655" s="613"/>
      <c r="RZZ655" s="613"/>
      <c r="SAA655" s="613"/>
      <c r="SAB655" s="613"/>
      <c r="SAC655" s="613"/>
      <c r="SAD655" s="613"/>
      <c r="SAE655" s="613"/>
      <c r="SAF655" s="613"/>
      <c r="SAG655" s="613"/>
      <c r="SAH655" s="613"/>
      <c r="SAI655" s="613"/>
      <c r="SAJ655" s="613"/>
      <c r="SAK655" s="613"/>
      <c r="SAL655" s="613"/>
      <c r="SAM655" s="613"/>
      <c r="SAN655" s="613"/>
      <c r="SAO655" s="613"/>
      <c r="SAP655" s="613"/>
      <c r="SAQ655" s="613"/>
      <c r="SAR655" s="613"/>
      <c r="SAS655" s="613"/>
      <c r="SAT655" s="613"/>
      <c r="SAU655" s="613"/>
      <c r="SAV655" s="613"/>
      <c r="SAW655" s="613"/>
      <c r="SAX655" s="613"/>
      <c r="SAY655" s="613"/>
      <c r="SAZ655" s="613"/>
      <c r="SBA655" s="613"/>
      <c r="SBB655" s="613"/>
      <c r="SBC655" s="613"/>
      <c r="SBD655" s="613"/>
      <c r="SBE655" s="613"/>
      <c r="SBF655" s="613"/>
      <c r="SBG655" s="613"/>
      <c r="SBH655" s="613"/>
      <c r="SBI655" s="613"/>
      <c r="SBJ655" s="613"/>
      <c r="SBK655" s="613"/>
      <c r="SBL655" s="613"/>
      <c r="SBM655" s="613"/>
      <c r="SBN655" s="613"/>
      <c r="SBO655" s="613"/>
      <c r="SBP655" s="613"/>
      <c r="SBQ655" s="613"/>
      <c r="SBR655" s="613"/>
      <c r="SBS655" s="613"/>
      <c r="SBT655" s="613"/>
      <c r="SBU655" s="613"/>
      <c r="SBV655" s="613"/>
      <c r="SBW655" s="613"/>
      <c r="SBX655" s="613"/>
      <c r="SBY655" s="613"/>
      <c r="SBZ655" s="613"/>
      <c r="SCA655" s="613"/>
      <c r="SCB655" s="613"/>
      <c r="SCC655" s="613"/>
      <c r="SCD655" s="613"/>
      <c r="SCE655" s="613"/>
      <c r="SCF655" s="613"/>
      <c r="SCG655" s="613"/>
      <c r="SCH655" s="613"/>
      <c r="SCI655" s="613"/>
      <c r="SCJ655" s="613"/>
      <c r="SCK655" s="613"/>
      <c r="SCL655" s="613"/>
      <c r="SCM655" s="613"/>
      <c r="SCN655" s="613"/>
      <c r="SCO655" s="613"/>
      <c r="SCP655" s="613"/>
      <c r="SCQ655" s="613"/>
      <c r="SCR655" s="613"/>
      <c r="SCS655" s="613"/>
      <c r="SCT655" s="613"/>
      <c r="SCU655" s="613"/>
      <c r="SCV655" s="613"/>
      <c r="SCW655" s="613"/>
      <c r="SCX655" s="613"/>
      <c r="SCY655" s="613"/>
      <c r="SCZ655" s="613"/>
      <c r="SDA655" s="613"/>
      <c r="SDB655" s="613"/>
      <c r="SDC655" s="613"/>
      <c r="SDD655" s="613"/>
      <c r="SDE655" s="613"/>
      <c r="SDF655" s="613"/>
      <c r="SDG655" s="613"/>
      <c r="SDH655" s="613"/>
      <c r="SDI655" s="613"/>
      <c r="SDJ655" s="613"/>
      <c r="SDK655" s="613"/>
      <c r="SDL655" s="613"/>
      <c r="SDM655" s="613"/>
      <c r="SDN655" s="613"/>
      <c r="SDO655" s="613"/>
      <c r="SDP655" s="613"/>
      <c r="SDQ655" s="613"/>
      <c r="SDR655" s="613"/>
      <c r="SDS655" s="613"/>
      <c r="SDT655" s="613"/>
      <c r="SDU655" s="613"/>
      <c r="SDV655" s="613"/>
      <c r="SDW655" s="613"/>
      <c r="SDX655" s="613"/>
      <c r="SDY655" s="613"/>
      <c r="SDZ655" s="613"/>
      <c r="SEA655" s="613"/>
      <c r="SEB655" s="613"/>
      <c r="SEC655" s="613"/>
      <c r="SED655" s="613"/>
      <c r="SEE655" s="613"/>
      <c r="SEF655" s="613"/>
      <c r="SEG655" s="613"/>
      <c r="SEH655" s="613"/>
      <c r="SEI655" s="613"/>
      <c r="SEJ655" s="613"/>
      <c r="SEK655" s="613"/>
      <c r="SEL655" s="613"/>
      <c r="SEM655" s="613"/>
      <c r="SEN655" s="613"/>
      <c r="SEO655" s="613"/>
      <c r="SEP655" s="613"/>
      <c r="SEQ655" s="613"/>
      <c r="SER655" s="613"/>
      <c r="SES655" s="613"/>
      <c r="SET655" s="613"/>
      <c r="SEU655" s="613"/>
      <c r="SEV655" s="613"/>
      <c r="SEW655" s="613"/>
      <c r="SEX655" s="613"/>
      <c r="SEY655" s="613"/>
      <c r="SEZ655" s="613"/>
      <c r="SFA655" s="613"/>
      <c r="SFB655" s="613"/>
      <c r="SFC655" s="613"/>
      <c r="SFD655" s="613"/>
      <c r="SFE655" s="613"/>
      <c r="SFF655" s="613"/>
      <c r="SFG655" s="613"/>
      <c r="SFH655" s="613"/>
      <c r="SFI655" s="613"/>
      <c r="SFJ655" s="613"/>
      <c r="SFK655" s="613"/>
      <c r="SFL655" s="613"/>
      <c r="SFM655" s="613"/>
      <c r="SFN655" s="613"/>
      <c r="SFO655" s="613"/>
      <c r="SFP655" s="613"/>
      <c r="SFQ655" s="613"/>
      <c r="SFR655" s="613"/>
      <c r="SFS655" s="613"/>
      <c r="SFT655" s="613"/>
      <c r="SFU655" s="613"/>
      <c r="SFV655" s="613"/>
      <c r="SFW655" s="613"/>
      <c r="SFX655" s="613"/>
      <c r="SFY655" s="613"/>
      <c r="SFZ655" s="613"/>
      <c r="SGA655" s="613"/>
      <c r="SGB655" s="613"/>
      <c r="SGC655" s="613"/>
      <c r="SGD655" s="613"/>
      <c r="SGE655" s="613"/>
      <c r="SGF655" s="613"/>
      <c r="SGG655" s="613"/>
      <c r="SGH655" s="613"/>
      <c r="SGI655" s="613"/>
      <c r="SGJ655" s="613"/>
      <c r="SGK655" s="613"/>
      <c r="SGL655" s="613"/>
      <c r="SGM655" s="613"/>
      <c r="SGN655" s="613"/>
      <c r="SGO655" s="613"/>
      <c r="SGP655" s="613"/>
      <c r="SGQ655" s="613"/>
      <c r="SGR655" s="613"/>
      <c r="SGS655" s="613"/>
      <c r="SGT655" s="613"/>
      <c r="SGU655" s="613"/>
      <c r="SGV655" s="613"/>
      <c r="SGW655" s="613"/>
      <c r="SGX655" s="613"/>
      <c r="SGY655" s="613"/>
      <c r="SGZ655" s="613"/>
      <c r="SHA655" s="613"/>
      <c r="SHB655" s="613"/>
      <c r="SHC655" s="613"/>
      <c r="SHD655" s="613"/>
      <c r="SHE655" s="613"/>
      <c r="SHF655" s="613"/>
      <c r="SHG655" s="613"/>
      <c r="SHH655" s="613"/>
      <c r="SHI655" s="613"/>
      <c r="SHJ655" s="613"/>
      <c r="SHK655" s="613"/>
      <c r="SHL655" s="613"/>
      <c r="SHM655" s="613"/>
      <c r="SHN655" s="613"/>
      <c r="SHO655" s="613"/>
      <c r="SHP655" s="613"/>
      <c r="SHQ655" s="613"/>
      <c r="SHR655" s="613"/>
      <c r="SHS655" s="613"/>
      <c r="SHT655" s="613"/>
      <c r="SHU655" s="613"/>
      <c r="SHV655" s="613"/>
      <c r="SHW655" s="613"/>
      <c r="SHX655" s="613"/>
      <c r="SHY655" s="613"/>
      <c r="SHZ655" s="613"/>
      <c r="SIA655" s="613"/>
      <c r="SIB655" s="613"/>
      <c r="SIC655" s="613"/>
      <c r="SID655" s="613"/>
      <c r="SIE655" s="613"/>
      <c r="SIF655" s="613"/>
      <c r="SIG655" s="613"/>
      <c r="SIH655" s="613"/>
      <c r="SII655" s="613"/>
      <c r="SIJ655" s="613"/>
      <c r="SIK655" s="613"/>
      <c r="SIL655" s="613"/>
      <c r="SIM655" s="613"/>
      <c r="SIN655" s="613"/>
      <c r="SIO655" s="613"/>
      <c r="SIP655" s="613"/>
      <c r="SIQ655" s="613"/>
      <c r="SIR655" s="613"/>
      <c r="SIS655" s="613"/>
      <c r="SIT655" s="613"/>
      <c r="SIU655" s="613"/>
      <c r="SIV655" s="613"/>
      <c r="SIW655" s="613"/>
      <c r="SIX655" s="613"/>
      <c r="SIY655" s="613"/>
      <c r="SIZ655" s="613"/>
      <c r="SJA655" s="613"/>
      <c r="SJB655" s="613"/>
      <c r="SJC655" s="613"/>
      <c r="SJD655" s="613"/>
      <c r="SJE655" s="613"/>
      <c r="SJF655" s="613"/>
      <c r="SJG655" s="613"/>
      <c r="SJH655" s="613"/>
      <c r="SJI655" s="613"/>
      <c r="SJJ655" s="613"/>
      <c r="SJK655" s="613"/>
      <c r="SJL655" s="613"/>
      <c r="SJM655" s="613"/>
      <c r="SJN655" s="613"/>
      <c r="SJO655" s="613"/>
      <c r="SJP655" s="613"/>
      <c r="SJQ655" s="613"/>
      <c r="SJR655" s="613"/>
      <c r="SJS655" s="613"/>
      <c r="SJT655" s="613"/>
      <c r="SJU655" s="613"/>
      <c r="SJV655" s="613"/>
      <c r="SJW655" s="613"/>
      <c r="SJX655" s="613"/>
      <c r="SJY655" s="613"/>
      <c r="SJZ655" s="613"/>
      <c r="SKA655" s="613"/>
      <c r="SKB655" s="613"/>
      <c r="SKC655" s="613"/>
      <c r="SKD655" s="613"/>
      <c r="SKE655" s="613"/>
      <c r="SKF655" s="613"/>
      <c r="SKG655" s="613"/>
      <c r="SKH655" s="613"/>
      <c r="SKI655" s="613"/>
      <c r="SKJ655" s="613"/>
      <c r="SKK655" s="613"/>
      <c r="SKL655" s="613"/>
      <c r="SKM655" s="613"/>
      <c r="SKN655" s="613"/>
      <c r="SKO655" s="613"/>
      <c r="SKP655" s="613"/>
      <c r="SKQ655" s="613"/>
      <c r="SKR655" s="613"/>
      <c r="SKS655" s="613"/>
      <c r="SKT655" s="613"/>
      <c r="SKU655" s="613"/>
      <c r="SKV655" s="613"/>
      <c r="SKW655" s="613"/>
      <c r="SKX655" s="613"/>
      <c r="SKY655" s="613"/>
      <c r="SKZ655" s="613"/>
      <c r="SLA655" s="613"/>
      <c r="SLB655" s="613"/>
      <c r="SLC655" s="613"/>
      <c r="SLD655" s="613"/>
      <c r="SLE655" s="613"/>
      <c r="SLF655" s="613"/>
      <c r="SLG655" s="613"/>
      <c r="SLH655" s="613"/>
      <c r="SLI655" s="613"/>
      <c r="SLJ655" s="613"/>
      <c r="SLK655" s="613"/>
      <c r="SLL655" s="613"/>
      <c r="SLM655" s="613"/>
      <c r="SLN655" s="613"/>
      <c r="SLO655" s="613"/>
      <c r="SLP655" s="613"/>
      <c r="SLQ655" s="613"/>
      <c r="SLR655" s="613"/>
      <c r="SLS655" s="613"/>
      <c r="SLT655" s="613"/>
      <c r="SLU655" s="613"/>
      <c r="SLV655" s="613"/>
      <c r="SLW655" s="613"/>
      <c r="SLX655" s="613"/>
      <c r="SLY655" s="613"/>
      <c r="SLZ655" s="613"/>
      <c r="SMA655" s="613"/>
      <c r="SMB655" s="613"/>
      <c r="SMC655" s="613"/>
      <c r="SMD655" s="613"/>
      <c r="SME655" s="613"/>
      <c r="SMF655" s="613"/>
      <c r="SMG655" s="613"/>
      <c r="SMH655" s="613"/>
      <c r="SMI655" s="613"/>
      <c r="SMJ655" s="613"/>
      <c r="SMK655" s="613"/>
      <c r="SML655" s="613"/>
      <c r="SMM655" s="613"/>
      <c r="SMN655" s="613"/>
      <c r="SMO655" s="613"/>
      <c r="SMP655" s="613"/>
      <c r="SMQ655" s="613"/>
      <c r="SMR655" s="613"/>
      <c r="SMS655" s="613"/>
      <c r="SMT655" s="613"/>
      <c r="SMU655" s="613"/>
      <c r="SMV655" s="613"/>
      <c r="SMW655" s="613"/>
      <c r="SMX655" s="613"/>
      <c r="SMY655" s="613"/>
      <c r="SMZ655" s="613"/>
      <c r="SNA655" s="613"/>
      <c r="SNB655" s="613"/>
      <c r="SNC655" s="613"/>
      <c r="SND655" s="613"/>
      <c r="SNE655" s="613"/>
      <c r="SNF655" s="613"/>
      <c r="SNG655" s="613"/>
      <c r="SNH655" s="613"/>
      <c r="SNI655" s="613"/>
      <c r="SNJ655" s="613"/>
      <c r="SNK655" s="613"/>
      <c r="SNL655" s="613"/>
      <c r="SNM655" s="613"/>
      <c r="SNN655" s="613"/>
      <c r="SNO655" s="613"/>
      <c r="SNP655" s="613"/>
      <c r="SNQ655" s="613"/>
      <c r="SNR655" s="613"/>
      <c r="SNS655" s="613"/>
      <c r="SNT655" s="613"/>
      <c r="SNU655" s="613"/>
      <c r="SNV655" s="613"/>
      <c r="SNW655" s="613"/>
      <c r="SNX655" s="613"/>
      <c r="SNY655" s="613"/>
      <c r="SNZ655" s="613"/>
      <c r="SOA655" s="613"/>
      <c r="SOB655" s="613"/>
      <c r="SOC655" s="613"/>
      <c r="SOD655" s="613"/>
      <c r="SOE655" s="613"/>
      <c r="SOF655" s="613"/>
      <c r="SOG655" s="613"/>
      <c r="SOH655" s="613"/>
      <c r="SOI655" s="613"/>
      <c r="SOJ655" s="613"/>
      <c r="SOK655" s="613"/>
      <c r="SOL655" s="613"/>
      <c r="SOM655" s="613"/>
      <c r="SON655" s="613"/>
      <c r="SOO655" s="613"/>
      <c r="SOP655" s="613"/>
      <c r="SOQ655" s="613"/>
      <c r="SOR655" s="613"/>
      <c r="SOS655" s="613"/>
      <c r="SOT655" s="613"/>
      <c r="SOU655" s="613"/>
      <c r="SOV655" s="613"/>
      <c r="SOW655" s="613"/>
      <c r="SOX655" s="613"/>
      <c r="SOY655" s="613"/>
      <c r="SOZ655" s="613"/>
      <c r="SPA655" s="613"/>
      <c r="SPB655" s="613"/>
      <c r="SPC655" s="613"/>
      <c r="SPD655" s="613"/>
      <c r="SPE655" s="613"/>
      <c r="SPF655" s="613"/>
      <c r="SPG655" s="613"/>
      <c r="SPH655" s="613"/>
      <c r="SPI655" s="613"/>
      <c r="SPJ655" s="613"/>
      <c r="SPK655" s="613"/>
      <c r="SPL655" s="613"/>
      <c r="SPM655" s="613"/>
      <c r="SPN655" s="613"/>
      <c r="SPO655" s="613"/>
      <c r="SPP655" s="613"/>
      <c r="SPQ655" s="613"/>
      <c r="SPR655" s="613"/>
      <c r="SPS655" s="613"/>
      <c r="SPT655" s="613"/>
      <c r="SPU655" s="613"/>
      <c r="SPV655" s="613"/>
      <c r="SPW655" s="613"/>
      <c r="SPX655" s="613"/>
      <c r="SPY655" s="613"/>
      <c r="SPZ655" s="613"/>
      <c r="SQA655" s="613"/>
      <c r="SQB655" s="613"/>
      <c r="SQC655" s="613"/>
      <c r="SQD655" s="613"/>
      <c r="SQE655" s="613"/>
      <c r="SQF655" s="613"/>
      <c r="SQG655" s="613"/>
      <c r="SQH655" s="613"/>
      <c r="SQI655" s="613"/>
      <c r="SQJ655" s="613"/>
      <c r="SQK655" s="613"/>
      <c r="SQL655" s="613"/>
      <c r="SQM655" s="613"/>
      <c r="SQN655" s="613"/>
      <c r="SQO655" s="613"/>
      <c r="SQP655" s="613"/>
      <c r="SQQ655" s="613"/>
      <c r="SQR655" s="613"/>
      <c r="SQS655" s="613"/>
      <c r="SQT655" s="613"/>
      <c r="SQU655" s="613"/>
      <c r="SQV655" s="613"/>
      <c r="SQW655" s="613"/>
      <c r="SQX655" s="613"/>
      <c r="SQY655" s="613"/>
      <c r="SQZ655" s="613"/>
      <c r="SRA655" s="613"/>
      <c r="SRB655" s="613"/>
      <c r="SRC655" s="613"/>
      <c r="SRD655" s="613"/>
      <c r="SRE655" s="613"/>
      <c r="SRF655" s="613"/>
      <c r="SRG655" s="613"/>
      <c r="SRH655" s="613"/>
      <c r="SRI655" s="613"/>
      <c r="SRJ655" s="613"/>
      <c r="SRK655" s="613"/>
      <c r="SRL655" s="613"/>
      <c r="SRM655" s="613"/>
      <c r="SRN655" s="613"/>
      <c r="SRO655" s="613"/>
      <c r="SRP655" s="613"/>
      <c r="SRQ655" s="613"/>
      <c r="SRR655" s="613"/>
      <c r="SRS655" s="613"/>
      <c r="SRT655" s="613"/>
      <c r="SRU655" s="613"/>
      <c r="SRV655" s="613"/>
      <c r="SRW655" s="613"/>
      <c r="SRX655" s="613"/>
      <c r="SRY655" s="613"/>
      <c r="SRZ655" s="613"/>
      <c r="SSA655" s="613"/>
      <c r="SSB655" s="613"/>
      <c r="SSC655" s="613"/>
      <c r="SSD655" s="613"/>
      <c r="SSE655" s="613"/>
      <c r="SSF655" s="613"/>
      <c r="SSG655" s="613"/>
      <c r="SSH655" s="613"/>
      <c r="SSI655" s="613"/>
      <c r="SSJ655" s="613"/>
      <c r="SSK655" s="613"/>
      <c r="SSL655" s="613"/>
      <c r="SSM655" s="613"/>
      <c r="SSN655" s="613"/>
      <c r="SSO655" s="613"/>
      <c r="SSP655" s="613"/>
      <c r="SSQ655" s="613"/>
      <c r="SSR655" s="613"/>
      <c r="SSS655" s="613"/>
      <c r="SST655" s="613"/>
      <c r="SSU655" s="613"/>
      <c r="SSV655" s="613"/>
      <c r="SSW655" s="613"/>
      <c r="SSX655" s="613"/>
      <c r="SSY655" s="613"/>
      <c r="SSZ655" s="613"/>
      <c r="STA655" s="613"/>
      <c r="STB655" s="613"/>
      <c r="STC655" s="613"/>
      <c r="STD655" s="613"/>
      <c r="STE655" s="613"/>
      <c r="STF655" s="613"/>
      <c r="STG655" s="613"/>
      <c r="STH655" s="613"/>
      <c r="STI655" s="613"/>
      <c r="STJ655" s="613"/>
      <c r="STK655" s="613"/>
      <c r="STL655" s="613"/>
      <c r="STM655" s="613"/>
      <c r="STN655" s="613"/>
      <c r="STO655" s="613"/>
      <c r="STP655" s="613"/>
      <c r="STQ655" s="613"/>
      <c r="STR655" s="613"/>
      <c r="STS655" s="613"/>
      <c r="STT655" s="613"/>
      <c r="STU655" s="613"/>
      <c r="STV655" s="613"/>
      <c r="STW655" s="613"/>
      <c r="STX655" s="613"/>
      <c r="STY655" s="613"/>
      <c r="STZ655" s="613"/>
      <c r="SUA655" s="613"/>
      <c r="SUB655" s="613"/>
      <c r="SUC655" s="613"/>
      <c r="SUD655" s="613"/>
      <c r="SUE655" s="613"/>
      <c r="SUF655" s="613"/>
      <c r="SUG655" s="613"/>
      <c r="SUH655" s="613"/>
      <c r="SUI655" s="613"/>
      <c r="SUJ655" s="613"/>
      <c r="SUK655" s="613"/>
      <c r="SUL655" s="613"/>
      <c r="SUM655" s="613"/>
      <c r="SUN655" s="613"/>
      <c r="SUO655" s="613"/>
      <c r="SUP655" s="613"/>
      <c r="SUQ655" s="613"/>
      <c r="SUR655" s="613"/>
      <c r="SUS655" s="613"/>
      <c r="SUT655" s="613"/>
      <c r="SUU655" s="613"/>
      <c r="SUV655" s="613"/>
      <c r="SUW655" s="613"/>
      <c r="SUX655" s="613"/>
      <c r="SUY655" s="613"/>
      <c r="SUZ655" s="613"/>
      <c r="SVA655" s="613"/>
      <c r="SVB655" s="613"/>
      <c r="SVC655" s="613"/>
      <c r="SVD655" s="613"/>
      <c r="SVE655" s="613"/>
      <c r="SVF655" s="613"/>
      <c r="SVG655" s="613"/>
      <c r="SVH655" s="613"/>
      <c r="SVI655" s="613"/>
      <c r="SVJ655" s="613"/>
      <c r="SVK655" s="613"/>
      <c r="SVL655" s="613"/>
      <c r="SVM655" s="613"/>
      <c r="SVN655" s="613"/>
      <c r="SVO655" s="613"/>
      <c r="SVP655" s="613"/>
      <c r="SVQ655" s="613"/>
      <c r="SVR655" s="613"/>
      <c r="SVS655" s="613"/>
      <c r="SVT655" s="613"/>
      <c r="SVU655" s="613"/>
      <c r="SVV655" s="613"/>
      <c r="SVW655" s="613"/>
      <c r="SVX655" s="613"/>
      <c r="SVY655" s="613"/>
      <c r="SVZ655" s="613"/>
      <c r="SWA655" s="613"/>
      <c r="SWB655" s="613"/>
      <c r="SWC655" s="613"/>
      <c r="SWD655" s="613"/>
      <c r="SWE655" s="613"/>
      <c r="SWF655" s="613"/>
      <c r="SWG655" s="613"/>
      <c r="SWH655" s="613"/>
      <c r="SWI655" s="613"/>
      <c r="SWJ655" s="613"/>
      <c r="SWK655" s="613"/>
      <c r="SWL655" s="613"/>
      <c r="SWM655" s="613"/>
      <c r="SWN655" s="613"/>
      <c r="SWO655" s="613"/>
      <c r="SWP655" s="613"/>
      <c r="SWQ655" s="613"/>
      <c r="SWR655" s="613"/>
      <c r="SWS655" s="613"/>
      <c r="SWT655" s="613"/>
      <c r="SWU655" s="613"/>
      <c r="SWV655" s="613"/>
      <c r="SWW655" s="613"/>
      <c r="SWX655" s="613"/>
      <c r="SWY655" s="613"/>
      <c r="SWZ655" s="613"/>
      <c r="SXA655" s="613"/>
      <c r="SXB655" s="613"/>
      <c r="SXC655" s="613"/>
      <c r="SXD655" s="613"/>
      <c r="SXE655" s="613"/>
      <c r="SXF655" s="613"/>
      <c r="SXG655" s="613"/>
      <c r="SXH655" s="613"/>
      <c r="SXI655" s="613"/>
      <c r="SXJ655" s="613"/>
      <c r="SXK655" s="613"/>
      <c r="SXL655" s="613"/>
      <c r="SXM655" s="613"/>
      <c r="SXN655" s="613"/>
      <c r="SXO655" s="613"/>
      <c r="SXP655" s="613"/>
      <c r="SXQ655" s="613"/>
      <c r="SXR655" s="613"/>
      <c r="SXS655" s="613"/>
      <c r="SXT655" s="613"/>
      <c r="SXU655" s="613"/>
      <c r="SXV655" s="613"/>
      <c r="SXW655" s="613"/>
      <c r="SXX655" s="613"/>
      <c r="SXY655" s="613"/>
      <c r="SXZ655" s="613"/>
      <c r="SYA655" s="613"/>
      <c r="SYB655" s="613"/>
      <c r="SYC655" s="613"/>
      <c r="SYD655" s="613"/>
      <c r="SYE655" s="613"/>
      <c r="SYF655" s="613"/>
      <c r="SYG655" s="613"/>
      <c r="SYH655" s="613"/>
      <c r="SYI655" s="613"/>
      <c r="SYJ655" s="613"/>
      <c r="SYK655" s="613"/>
      <c r="SYL655" s="613"/>
      <c r="SYM655" s="613"/>
      <c r="SYN655" s="613"/>
      <c r="SYO655" s="613"/>
      <c r="SYP655" s="613"/>
      <c r="SYQ655" s="613"/>
      <c r="SYR655" s="613"/>
      <c r="SYS655" s="613"/>
      <c r="SYT655" s="613"/>
      <c r="SYU655" s="613"/>
      <c r="SYV655" s="613"/>
      <c r="SYW655" s="613"/>
      <c r="SYX655" s="613"/>
      <c r="SYY655" s="613"/>
      <c r="SYZ655" s="613"/>
      <c r="SZA655" s="613"/>
      <c r="SZB655" s="613"/>
      <c r="SZC655" s="613"/>
      <c r="SZD655" s="613"/>
      <c r="SZE655" s="613"/>
      <c r="SZF655" s="613"/>
      <c r="SZG655" s="613"/>
      <c r="SZH655" s="613"/>
      <c r="SZI655" s="613"/>
      <c r="SZJ655" s="613"/>
      <c r="SZK655" s="613"/>
      <c r="SZL655" s="613"/>
      <c r="SZM655" s="613"/>
      <c r="SZN655" s="613"/>
      <c r="SZO655" s="613"/>
      <c r="SZP655" s="613"/>
      <c r="SZQ655" s="613"/>
      <c r="SZR655" s="613"/>
      <c r="SZS655" s="613"/>
      <c r="SZT655" s="613"/>
      <c r="SZU655" s="613"/>
      <c r="SZV655" s="613"/>
      <c r="SZW655" s="613"/>
      <c r="SZX655" s="613"/>
      <c r="SZY655" s="613"/>
      <c r="SZZ655" s="613"/>
      <c r="TAA655" s="613"/>
      <c r="TAB655" s="613"/>
      <c r="TAC655" s="613"/>
      <c r="TAD655" s="613"/>
      <c r="TAE655" s="613"/>
      <c r="TAF655" s="613"/>
      <c r="TAG655" s="613"/>
      <c r="TAH655" s="613"/>
      <c r="TAI655" s="613"/>
      <c r="TAJ655" s="613"/>
      <c r="TAK655" s="613"/>
      <c r="TAL655" s="613"/>
      <c r="TAM655" s="613"/>
      <c r="TAN655" s="613"/>
      <c r="TAO655" s="613"/>
      <c r="TAP655" s="613"/>
      <c r="TAQ655" s="613"/>
      <c r="TAR655" s="613"/>
      <c r="TAS655" s="613"/>
      <c r="TAT655" s="613"/>
      <c r="TAU655" s="613"/>
      <c r="TAV655" s="613"/>
      <c r="TAW655" s="613"/>
      <c r="TAX655" s="613"/>
      <c r="TAY655" s="613"/>
      <c r="TAZ655" s="613"/>
      <c r="TBA655" s="613"/>
      <c r="TBB655" s="613"/>
      <c r="TBC655" s="613"/>
      <c r="TBD655" s="613"/>
      <c r="TBE655" s="613"/>
      <c r="TBF655" s="613"/>
      <c r="TBG655" s="613"/>
      <c r="TBH655" s="613"/>
      <c r="TBI655" s="613"/>
      <c r="TBJ655" s="613"/>
      <c r="TBK655" s="613"/>
      <c r="TBL655" s="613"/>
      <c r="TBM655" s="613"/>
      <c r="TBN655" s="613"/>
      <c r="TBO655" s="613"/>
      <c r="TBP655" s="613"/>
      <c r="TBQ655" s="613"/>
      <c r="TBR655" s="613"/>
      <c r="TBS655" s="613"/>
      <c r="TBT655" s="613"/>
      <c r="TBU655" s="613"/>
      <c r="TBV655" s="613"/>
      <c r="TBW655" s="613"/>
      <c r="TBX655" s="613"/>
      <c r="TBY655" s="613"/>
      <c r="TBZ655" s="613"/>
      <c r="TCA655" s="613"/>
      <c r="TCB655" s="613"/>
      <c r="TCC655" s="613"/>
      <c r="TCD655" s="613"/>
      <c r="TCE655" s="613"/>
      <c r="TCF655" s="613"/>
      <c r="TCG655" s="613"/>
      <c r="TCH655" s="613"/>
      <c r="TCI655" s="613"/>
      <c r="TCJ655" s="613"/>
      <c r="TCK655" s="613"/>
      <c r="TCL655" s="613"/>
      <c r="TCM655" s="613"/>
      <c r="TCN655" s="613"/>
      <c r="TCO655" s="613"/>
      <c r="TCP655" s="613"/>
      <c r="TCQ655" s="613"/>
      <c r="TCR655" s="613"/>
      <c r="TCS655" s="613"/>
      <c r="TCT655" s="613"/>
      <c r="TCU655" s="613"/>
      <c r="TCV655" s="613"/>
      <c r="TCW655" s="613"/>
      <c r="TCX655" s="613"/>
      <c r="TCY655" s="613"/>
      <c r="TCZ655" s="613"/>
      <c r="TDA655" s="613"/>
      <c r="TDB655" s="613"/>
      <c r="TDC655" s="613"/>
      <c r="TDD655" s="613"/>
      <c r="TDE655" s="613"/>
      <c r="TDF655" s="613"/>
      <c r="TDG655" s="613"/>
      <c r="TDH655" s="613"/>
      <c r="TDI655" s="613"/>
      <c r="TDJ655" s="613"/>
      <c r="TDK655" s="613"/>
      <c r="TDL655" s="613"/>
      <c r="TDM655" s="613"/>
      <c r="TDN655" s="613"/>
      <c r="TDO655" s="613"/>
      <c r="TDP655" s="613"/>
      <c r="TDQ655" s="613"/>
      <c r="TDR655" s="613"/>
      <c r="TDS655" s="613"/>
      <c r="TDT655" s="613"/>
      <c r="TDU655" s="613"/>
      <c r="TDV655" s="613"/>
      <c r="TDW655" s="613"/>
      <c r="TDX655" s="613"/>
      <c r="TDY655" s="613"/>
      <c r="TDZ655" s="613"/>
      <c r="TEA655" s="613"/>
      <c r="TEB655" s="613"/>
      <c r="TEC655" s="613"/>
      <c r="TED655" s="613"/>
      <c r="TEE655" s="613"/>
      <c r="TEF655" s="613"/>
      <c r="TEG655" s="613"/>
      <c r="TEH655" s="613"/>
      <c r="TEI655" s="613"/>
      <c r="TEJ655" s="613"/>
      <c r="TEK655" s="613"/>
      <c r="TEL655" s="613"/>
      <c r="TEM655" s="613"/>
      <c r="TEN655" s="613"/>
      <c r="TEO655" s="613"/>
      <c r="TEP655" s="613"/>
      <c r="TEQ655" s="613"/>
      <c r="TER655" s="613"/>
      <c r="TES655" s="613"/>
      <c r="TET655" s="613"/>
      <c r="TEU655" s="613"/>
      <c r="TEV655" s="613"/>
      <c r="TEW655" s="613"/>
      <c r="TEX655" s="613"/>
      <c r="TEY655" s="613"/>
      <c r="TEZ655" s="613"/>
      <c r="TFA655" s="613"/>
      <c r="TFB655" s="613"/>
      <c r="TFC655" s="613"/>
      <c r="TFD655" s="613"/>
      <c r="TFE655" s="613"/>
      <c r="TFF655" s="613"/>
      <c r="TFG655" s="613"/>
      <c r="TFH655" s="613"/>
      <c r="TFI655" s="613"/>
      <c r="TFJ655" s="613"/>
      <c r="TFK655" s="613"/>
      <c r="TFL655" s="613"/>
      <c r="TFM655" s="613"/>
      <c r="TFN655" s="613"/>
      <c r="TFO655" s="613"/>
      <c r="TFP655" s="613"/>
      <c r="TFQ655" s="613"/>
      <c r="TFR655" s="613"/>
      <c r="TFS655" s="613"/>
      <c r="TFT655" s="613"/>
      <c r="TFU655" s="613"/>
      <c r="TFV655" s="613"/>
      <c r="TFW655" s="613"/>
      <c r="TFX655" s="613"/>
      <c r="TFY655" s="613"/>
      <c r="TFZ655" s="613"/>
      <c r="TGA655" s="613"/>
      <c r="TGB655" s="613"/>
      <c r="TGC655" s="613"/>
      <c r="TGD655" s="613"/>
      <c r="TGE655" s="613"/>
      <c r="TGF655" s="613"/>
      <c r="TGG655" s="613"/>
      <c r="TGH655" s="613"/>
      <c r="TGI655" s="613"/>
      <c r="TGJ655" s="613"/>
      <c r="TGK655" s="613"/>
      <c r="TGL655" s="613"/>
      <c r="TGM655" s="613"/>
      <c r="TGN655" s="613"/>
      <c r="TGO655" s="613"/>
      <c r="TGP655" s="613"/>
      <c r="TGQ655" s="613"/>
      <c r="TGR655" s="613"/>
      <c r="TGS655" s="613"/>
      <c r="TGT655" s="613"/>
      <c r="TGU655" s="613"/>
      <c r="TGV655" s="613"/>
      <c r="TGW655" s="613"/>
      <c r="TGX655" s="613"/>
      <c r="TGY655" s="613"/>
      <c r="TGZ655" s="613"/>
      <c r="THA655" s="613"/>
      <c r="THB655" s="613"/>
      <c r="THC655" s="613"/>
      <c r="THD655" s="613"/>
      <c r="THE655" s="613"/>
      <c r="THF655" s="613"/>
      <c r="THG655" s="613"/>
      <c r="THH655" s="613"/>
      <c r="THI655" s="613"/>
      <c r="THJ655" s="613"/>
      <c r="THK655" s="613"/>
      <c r="THL655" s="613"/>
      <c r="THM655" s="613"/>
      <c r="THN655" s="613"/>
      <c r="THO655" s="613"/>
      <c r="THP655" s="613"/>
      <c r="THQ655" s="613"/>
      <c r="THR655" s="613"/>
      <c r="THS655" s="613"/>
      <c r="THT655" s="613"/>
      <c r="THU655" s="613"/>
      <c r="THV655" s="613"/>
      <c r="THW655" s="613"/>
      <c r="THX655" s="613"/>
      <c r="THY655" s="613"/>
      <c r="THZ655" s="613"/>
      <c r="TIA655" s="613"/>
      <c r="TIB655" s="613"/>
      <c r="TIC655" s="613"/>
      <c r="TID655" s="613"/>
      <c r="TIE655" s="613"/>
      <c r="TIF655" s="613"/>
      <c r="TIG655" s="613"/>
      <c r="TIH655" s="613"/>
      <c r="TII655" s="613"/>
      <c r="TIJ655" s="613"/>
      <c r="TIK655" s="613"/>
      <c r="TIL655" s="613"/>
      <c r="TIM655" s="613"/>
      <c r="TIN655" s="613"/>
      <c r="TIO655" s="613"/>
      <c r="TIP655" s="613"/>
      <c r="TIQ655" s="613"/>
      <c r="TIR655" s="613"/>
      <c r="TIS655" s="613"/>
      <c r="TIT655" s="613"/>
      <c r="TIU655" s="613"/>
      <c r="TIV655" s="613"/>
      <c r="TIW655" s="613"/>
      <c r="TIX655" s="613"/>
      <c r="TIY655" s="613"/>
      <c r="TIZ655" s="613"/>
      <c r="TJA655" s="613"/>
      <c r="TJB655" s="613"/>
      <c r="TJC655" s="613"/>
      <c r="TJD655" s="613"/>
      <c r="TJE655" s="613"/>
      <c r="TJF655" s="613"/>
      <c r="TJG655" s="613"/>
      <c r="TJH655" s="613"/>
      <c r="TJI655" s="613"/>
      <c r="TJJ655" s="613"/>
      <c r="TJK655" s="613"/>
      <c r="TJL655" s="613"/>
      <c r="TJM655" s="613"/>
      <c r="TJN655" s="613"/>
      <c r="TJO655" s="613"/>
      <c r="TJP655" s="613"/>
      <c r="TJQ655" s="613"/>
      <c r="TJR655" s="613"/>
      <c r="TJS655" s="613"/>
      <c r="TJT655" s="613"/>
      <c r="TJU655" s="613"/>
      <c r="TJV655" s="613"/>
      <c r="TJW655" s="613"/>
      <c r="TJX655" s="613"/>
      <c r="TJY655" s="613"/>
      <c r="TJZ655" s="613"/>
      <c r="TKA655" s="613"/>
      <c r="TKB655" s="613"/>
      <c r="TKC655" s="613"/>
      <c r="TKD655" s="613"/>
      <c r="TKE655" s="613"/>
      <c r="TKF655" s="613"/>
      <c r="TKG655" s="613"/>
      <c r="TKH655" s="613"/>
      <c r="TKI655" s="613"/>
      <c r="TKJ655" s="613"/>
      <c r="TKK655" s="613"/>
      <c r="TKL655" s="613"/>
      <c r="TKM655" s="613"/>
      <c r="TKN655" s="613"/>
      <c r="TKO655" s="613"/>
      <c r="TKP655" s="613"/>
      <c r="TKQ655" s="613"/>
      <c r="TKR655" s="613"/>
      <c r="TKS655" s="613"/>
      <c r="TKT655" s="613"/>
      <c r="TKU655" s="613"/>
      <c r="TKV655" s="613"/>
      <c r="TKW655" s="613"/>
      <c r="TKX655" s="613"/>
      <c r="TKY655" s="613"/>
      <c r="TKZ655" s="613"/>
      <c r="TLA655" s="613"/>
      <c r="TLB655" s="613"/>
      <c r="TLC655" s="613"/>
      <c r="TLD655" s="613"/>
      <c r="TLE655" s="613"/>
      <c r="TLF655" s="613"/>
      <c r="TLG655" s="613"/>
      <c r="TLH655" s="613"/>
      <c r="TLI655" s="613"/>
      <c r="TLJ655" s="613"/>
      <c r="TLK655" s="613"/>
      <c r="TLL655" s="613"/>
      <c r="TLM655" s="613"/>
      <c r="TLN655" s="613"/>
      <c r="TLO655" s="613"/>
      <c r="TLP655" s="613"/>
      <c r="TLQ655" s="613"/>
      <c r="TLR655" s="613"/>
      <c r="TLS655" s="613"/>
      <c r="TLT655" s="613"/>
      <c r="TLU655" s="613"/>
      <c r="TLV655" s="613"/>
      <c r="TLW655" s="613"/>
      <c r="TLX655" s="613"/>
      <c r="TLY655" s="613"/>
      <c r="TLZ655" s="613"/>
      <c r="TMA655" s="613"/>
      <c r="TMB655" s="613"/>
      <c r="TMC655" s="613"/>
      <c r="TMD655" s="613"/>
      <c r="TME655" s="613"/>
      <c r="TMF655" s="613"/>
      <c r="TMG655" s="613"/>
      <c r="TMH655" s="613"/>
      <c r="TMI655" s="613"/>
      <c r="TMJ655" s="613"/>
      <c r="TMK655" s="613"/>
      <c r="TML655" s="613"/>
      <c r="TMM655" s="613"/>
      <c r="TMN655" s="613"/>
      <c r="TMO655" s="613"/>
      <c r="TMP655" s="613"/>
      <c r="TMQ655" s="613"/>
      <c r="TMR655" s="613"/>
      <c r="TMS655" s="613"/>
      <c r="TMT655" s="613"/>
      <c r="TMU655" s="613"/>
      <c r="TMV655" s="613"/>
      <c r="TMW655" s="613"/>
      <c r="TMX655" s="613"/>
      <c r="TMY655" s="613"/>
      <c r="TMZ655" s="613"/>
      <c r="TNA655" s="613"/>
      <c r="TNB655" s="613"/>
      <c r="TNC655" s="613"/>
      <c r="TND655" s="613"/>
      <c r="TNE655" s="613"/>
      <c r="TNF655" s="613"/>
      <c r="TNG655" s="613"/>
      <c r="TNH655" s="613"/>
      <c r="TNI655" s="613"/>
      <c r="TNJ655" s="613"/>
      <c r="TNK655" s="613"/>
      <c r="TNL655" s="613"/>
      <c r="TNM655" s="613"/>
      <c r="TNN655" s="613"/>
      <c r="TNO655" s="613"/>
      <c r="TNP655" s="613"/>
      <c r="TNQ655" s="613"/>
      <c r="TNR655" s="613"/>
      <c r="TNS655" s="613"/>
      <c r="TNT655" s="613"/>
      <c r="TNU655" s="613"/>
      <c r="TNV655" s="613"/>
      <c r="TNW655" s="613"/>
      <c r="TNX655" s="613"/>
      <c r="TNY655" s="613"/>
      <c r="TNZ655" s="613"/>
      <c r="TOA655" s="613"/>
      <c r="TOB655" s="613"/>
      <c r="TOC655" s="613"/>
      <c r="TOD655" s="613"/>
      <c r="TOE655" s="613"/>
      <c r="TOF655" s="613"/>
      <c r="TOG655" s="613"/>
      <c r="TOH655" s="613"/>
      <c r="TOI655" s="613"/>
      <c r="TOJ655" s="613"/>
      <c r="TOK655" s="613"/>
      <c r="TOL655" s="613"/>
      <c r="TOM655" s="613"/>
      <c r="TON655" s="613"/>
      <c r="TOO655" s="613"/>
      <c r="TOP655" s="613"/>
      <c r="TOQ655" s="613"/>
      <c r="TOR655" s="613"/>
      <c r="TOS655" s="613"/>
      <c r="TOT655" s="613"/>
      <c r="TOU655" s="613"/>
      <c r="TOV655" s="613"/>
      <c r="TOW655" s="613"/>
      <c r="TOX655" s="613"/>
      <c r="TOY655" s="613"/>
      <c r="TOZ655" s="613"/>
      <c r="TPA655" s="613"/>
      <c r="TPB655" s="613"/>
      <c r="TPC655" s="613"/>
      <c r="TPD655" s="613"/>
      <c r="TPE655" s="613"/>
      <c r="TPF655" s="613"/>
      <c r="TPG655" s="613"/>
      <c r="TPH655" s="613"/>
      <c r="TPI655" s="613"/>
      <c r="TPJ655" s="613"/>
      <c r="TPK655" s="613"/>
      <c r="TPL655" s="613"/>
      <c r="TPM655" s="613"/>
      <c r="TPN655" s="613"/>
      <c r="TPO655" s="613"/>
      <c r="TPP655" s="613"/>
      <c r="TPQ655" s="613"/>
      <c r="TPR655" s="613"/>
      <c r="TPS655" s="613"/>
      <c r="TPT655" s="613"/>
      <c r="TPU655" s="613"/>
      <c r="TPV655" s="613"/>
      <c r="TPW655" s="613"/>
      <c r="TPX655" s="613"/>
      <c r="TPY655" s="613"/>
      <c r="TPZ655" s="613"/>
      <c r="TQA655" s="613"/>
      <c r="TQB655" s="613"/>
      <c r="TQC655" s="613"/>
      <c r="TQD655" s="613"/>
      <c r="TQE655" s="613"/>
      <c r="TQF655" s="613"/>
      <c r="TQG655" s="613"/>
      <c r="TQH655" s="613"/>
      <c r="TQI655" s="613"/>
      <c r="TQJ655" s="613"/>
      <c r="TQK655" s="613"/>
      <c r="TQL655" s="613"/>
      <c r="TQM655" s="613"/>
      <c r="TQN655" s="613"/>
      <c r="TQO655" s="613"/>
      <c r="TQP655" s="613"/>
      <c r="TQQ655" s="613"/>
      <c r="TQR655" s="613"/>
      <c r="TQS655" s="613"/>
      <c r="TQT655" s="613"/>
      <c r="TQU655" s="613"/>
      <c r="TQV655" s="613"/>
      <c r="TQW655" s="613"/>
      <c r="TQX655" s="613"/>
      <c r="TQY655" s="613"/>
      <c r="TQZ655" s="613"/>
      <c r="TRA655" s="613"/>
      <c r="TRB655" s="613"/>
      <c r="TRC655" s="613"/>
      <c r="TRD655" s="613"/>
      <c r="TRE655" s="613"/>
      <c r="TRF655" s="613"/>
      <c r="TRG655" s="613"/>
      <c r="TRH655" s="613"/>
      <c r="TRI655" s="613"/>
      <c r="TRJ655" s="613"/>
      <c r="TRK655" s="613"/>
      <c r="TRL655" s="613"/>
      <c r="TRM655" s="613"/>
      <c r="TRN655" s="613"/>
      <c r="TRO655" s="613"/>
      <c r="TRP655" s="613"/>
      <c r="TRQ655" s="613"/>
      <c r="TRR655" s="613"/>
      <c r="TRS655" s="613"/>
      <c r="TRT655" s="613"/>
      <c r="TRU655" s="613"/>
      <c r="TRV655" s="613"/>
      <c r="TRW655" s="613"/>
      <c r="TRX655" s="613"/>
      <c r="TRY655" s="613"/>
      <c r="TRZ655" s="613"/>
      <c r="TSA655" s="613"/>
      <c r="TSB655" s="613"/>
      <c r="TSC655" s="613"/>
      <c r="TSD655" s="613"/>
      <c r="TSE655" s="613"/>
      <c r="TSF655" s="613"/>
      <c r="TSG655" s="613"/>
      <c r="TSH655" s="613"/>
      <c r="TSI655" s="613"/>
      <c r="TSJ655" s="613"/>
      <c r="TSK655" s="613"/>
      <c r="TSL655" s="613"/>
      <c r="TSM655" s="613"/>
      <c r="TSN655" s="613"/>
      <c r="TSO655" s="613"/>
      <c r="TSP655" s="613"/>
      <c r="TSQ655" s="613"/>
      <c r="TSR655" s="613"/>
      <c r="TSS655" s="613"/>
      <c r="TST655" s="613"/>
      <c r="TSU655" s="613"/>
      <c r="TSV655" s="613"/>
      <c r="TSW655" s="613"/>
      <c r="TSX655" s="613"/>
      <c r="TSY655" s="613"/>
      <c r="TSZ655" s="613"/>
      <c r="TTA655" s="613"/>
      <c r="TTB655" s="613"/>
      <c r="TTC655" s="613"/>
      <c r="TTD655" s="613"/>
      <c r="TTE655" s="613"/>
      <c r="TTF655" s="613"/>
      <c r="TTG655" s="613"/>
      <c r="TTH655" s="613"/>
      <c r="TTI655" s="613"/>
      <c r="TTJ655" s="613"/>
      <c r="TTK655" s="613"/>
      <c r="TTL655" s="613"/>
      <c r="TTM655" s="613"/>
      <c r="TTN655" s="613"/>
      <c r="TTO655" s="613"/>
      <c r="TTP655" s="613"/>
      <c r="TTQ655" s="613"/>
      <c r="TTR655" s="613"/>
      <c r="TTS655" s="613"/>
      <c r="TTT655" s="613"/>
      <c r="TTU655" s="613"/>
      <c r="TTV655" s="613"/>
      <c r="TTW655" s="613"/>
      <c r="TTX655" s="613"/>
      <c r="TTY655" s="613"/>
      <c r="TTZ655" s="613"/>
      <c r="TUA655" s="613"/>
      <c r="TUB655" s="613"/>
      <c r="TUC655" s="613"/>
      <c r="TUD655" s="613"/>
      <c r="TUE655" s="613"/>
      <c r="TUF655" s="613"/>
      <c r="TUG655" s="613"/>
      <c r="TUH655" s="613"/>
      <c r="TUI655" s="613"/>
      <c r="TUJ655" s="613"/>
      <c r="TUK655" s="613"/>
      <c r="TUL655" s="613"/>
      <c r="TUM655" s="613"/>
      <c r="TUN655" s="613"/>
      <c r="TUO655" s="613"/>
      <c r="TUP655" s="613"/>
      <c r="TUQ655" s="613"/>
      <c r="TUR655" s="613"/>
      <c r="TUS655" s="613"/>
      <c r="TUT655" s="613"/>
      <c r="TUU655" s="613"/>
      <c r="TUV655" s="613"/>
      <c r="TUW655" s="613"/>
      <c r="TUX655" s="613"/>
      <c r="TUY655" s="613"/>
      <c r="TUZ655" s="613"/>
      <c r="TVA655" s="613"/>
      <c r="TVB655" s="613"/>
      <c r="TVC655" s="613"/>
      <c r="TVD655" s="613"/>
      <c r="TVE655" s="613"/>
      <c r="TVF655" s="613"/>
      <c r="TVG655" s="613"/>
      <c r="TVH655" s="613"/>
      <c r="TVI655" s="613"/>
      <c r="TVJ655" s="613"/>
      <c r="TVK655" s="613"/>
      <c r="TVL655" s="613"/>
      <c r="TVM655" s="613"/>
      <c r="TVN655" s="613"/>
      <c r="TVO655" s="613"/>
      <c r="TVP655" s="613"/>
      <c r="TVQ655" s="613"/>
      <c r="TVR655" s="613"/>
      <c r="TVS655" s="613"/>
      <c r="TVT655" s="613"/>
      <c r="TVU655" s="613"/>
      <c r="TVV655" s="613"/>
      <c r="TVW655" s="613"/>
      <c r="TVX655" s="613"/>
      <c r="TVY655" s="613"/>
      <c r="TVZ655" s="613"/>
      <c r="TWA655" s="613"/>
      <c r="TWB655" s="613"/>
      <c r="TWC655" s="613"/>
      <c r="TWD655" s="613"/>
      <c r="TWE655" s="613"/>
      <c r="TWF655" s="613"/>
      <c r="TWG655" s="613"/>
      <c r="TWH655" s="613"/>
      <c r="TWI655" s="613"/>
      <c r="TWJ655" s="613"/>
      <c r="TWK655" s="613"/>
      <c r="TWL655" s="613"/>
      <c r="TWM655" s="613"/>
      <c r="TWN655" s="613"/>
      <c r="TWO655" s="613"/>
      <c r="TWP655" s="613"/>
      <c r="TWQ655" s="613"/>
      <c r="TWR655" s="613"/>
      <c r="TWS655" s="613"/>
      <c r="TWT655" s="613"/>
      <c r="TWU655" s="613"/>
      <c r="TWV655" s="613"/>
      <c r="TWW655" s="613"/>
      <c r="TWX655" s="613"/>
      <c r="TWY655" s="613"/>
      <c r="TWZ655" s="613"/>
      <c r="TXA655" s="613"/>
      <c r="TXB655" s="613"/>
      <c r="TXC655" s="613"/>
      <c r="TXD655" s="613"/>
      <c r="TXE655" s="613"/>
      <c r="TXF655" s="613"/>
      <c r="TXG655" s="613"/>
      <c r="TXH655" s="613"/>
      <c r="TXI655" s="613"/>
      <c r="TXJ655" s="613"/>
      <c r="TXK655" s="613"/>
      <c r="TXL655" s="613"/>
      <c r="TXM655" s="613"/>
      <c r="TXN655" s="613"/>
      <c r="TXO655" s="613"/>
      <c r="TXP655" s="613"/>
      <c r="TXQ655" s="613"/>
      <c r="TXR655" s="613"/>
      <c r="TXS655" s="613"/>
      <c r="TXT655" s="613"/>
      <c r="TXU655" s="613"/>
      <c r="TXV655" s="613"/>
      <c r="TXW655" s="613"/>
      <c r="TXX655" s="613"/>
      <c r="TXY655" s="613"/>
      <c r="TXZ655" s="613"/>
      <c r="TYA655" s="613"/>
      <c r="TYB655" s="613"/>
      <c r="TYC655" s="613"/>
      <c r="TYD655" s="613"/>
      <c r="TYE655" s="613"/>
      <c r="TYF655" s="613"/>
      <c r="TYG655" s="613"/>
      <c r="TYH655" s="613"/>
      <c r="TYI655" s="613"/>
      <c r="TYJ655" s="613"/>
      <c r="TYK655" s="613"/>
      <c r="TYL655" s="613"/>
      <c r="TYM655" s="613"/>
      <c r="TYN655" s="613"/>
      <c r="TYO655" s="613"/>
      <c r="TYP655" s="613"/>
      <c r="TYQ655" s="613"/>
      <c r="TYR655" s="613"/>
      <c r="TYS655" s="613"/>
      <c r="TYT655" s="613"/>
      <c r="TYU655" s="613"/>
      <c r="TYV655" s="613"/>
      <c r="TYW655" s="613"/>
      <c r="TYX655" s="613"/>
      <c r="TYY655" s="613"/>
      <c r="TYZ655" s="613"/>
      <c r="TZA655" s="613"/>
      <c r="TZB655" s="613"/>
      <c r="TZC655" s="613"/>
      <c r="TZD655" s="613"/>
      <c r="TZE655" s="613"/>
      <c r="TZF655" s="613"/>
      <c r="TZG655" s="613"/>
      <c r="TZH655" s="613"/>
      <c r="TZI655" s="613"/>
      <c r="TZJ655" s="613"/>
      <c r="TZK655" s="613"/>
      <c r="TZL655" s="613"/>
      <c r="TZM655" s="613"/>
      <c r="TZN655" s="613"/>
      <c r="TZO655" s="613"/>
      <c r="TZP655" s="613"/>
      <c r="TZQ655" s="613"/>
      <c r="TZR655" s="613"/>
      <c r="TZS655" s="613"/>
      <c r="TZT655" s="613"/>
      <c r="TZU655" s="613"/>
      <c r="TZV655" s="613"/>
      <c r="TZW655" s="613"/>
      <c r="TZX655" s="613"/>
      <c r="TZY655" s="613"/>
      <c r="TZZ655" s="613"/>
      <c r="UAA655" s="613"/>
      <c r="UAB655" s="613"/>
      <c r="UAC655" s="613"/>
      <c r="UAD655" s="613"/>
      <c r="UAE655" s="613"/>
      <c r="UAF655" s="613"/>
      <c r="UAG655" s="613"/>
      <c r="UAH655" s="613"/>
      <c r="UAI655" s="613"/>
      <c r="UAJ655" s="613"/>
      <c r="UAK655" s="613"/>
      <c r="UAL655" s="613"/>
      <c r="UAM655" s="613"/>
      <c r="UAN655" s="613"/>
      <c r="UAO655" s="613"/>
      <c r="UAP655" s="613"/>
      <c r="UAQ655" s="613"/>
      <c r="UAR655" s="613"/>
      <c r="UAS655" s="613"/>
      <c r="UAT655" s="613"/>
      <c r="UAU655" s="613"/>
      <c r="UAV655" s="613"/>
      <c r="UAW655" s="613"/>
      <c r="UAX655" s="613"/>
      <c r="UAY655" s="613"/>
      <c r="UAZ655" s="613"/>
      <c r="UBA655" s="613"/>
      <c r="UBB655" s="613"/>
      <c r="UBC655" s="613"/>
      <c r="UBD655" s="613"/>
      <c r="UBE655" s="613"/>
      <c r="UBF655" s="613"/>
      <c r="UBG655" s="613"/>
      <c r="UBH655" s="613"/>
      <c r="UBI655" s="613"/>
      <c r="UBJ655" s="613"/>
      <c r="UBK655" s="613"/>
      <c r="UBL655" s="613"/>
      <c r="UBM655" s="613"/>
      <c r="UBN655" s="613"/>
      <c r="UBO655" s="613"/>
      <c r="UBP655" s="613"/>
      <c r="UBQ655" s="613"/>
      <c r="UBR655" s="613"/>
      <c r="UBS655" s="613"/>
      <c r="UBT655" s="613"/>
      <c r="UBU655" s="613"/>
      <c r="UBV655" s="613"/>
      <c r="UBW655" s="613"/>
      <c r="UBX655" s="613"/>
      <c r="UBY655" s="613"/>
      <c r="UBZ655" s="613"/>
      <c r="UCA655" s="613"/>
      <c r="UCB655" s="613"/>
      <c r="UCC655" s="613"/>
      <c r="UCD655" s="613"/>
      <c r="UCE655" s="613"/>
      <c r="UCF655" s="613"/>
      <c r="UCG655" s="613"/>
      <c r="UCH655" s="613"/>
      <c r="UCI655" s="613"/>
      <c r="UCJ655" s="613"/>
      <c r="UCK655" s="613"/>
      <c r="UCL655" s="613"/>
      <c r="UCM655" s="613"/>
      <c r="UCN655" s="613"/>
      <c r="UCO655" s="613"/>
      <c r="UCP655" s="613"/>
      <c r="UCQ655" s="613"/>
      <c r="UCR655" s="613"/>
      <c r="UCS655" s="613"/>
      <c r="UCT655" s="613"/>
      <c r="UCU655" s="613"/>
      <c r="UCV655" s="613"/>
      <c r="UCW655" s="613"/>
      <c r="UCX655" s="613"/>
      <c r="UCY655" s="613"/>
      <c r="UCZ655" s="613"/>
      <c r="UDA655" s="613"/>
      <c r="UDB655" s="613"/>
      <c r="UDC655" s="613"/>
      <c r="UDD655" s="613"/>
      <c r="UDE655" s="613"/>
      <c r="UDF655" s="613"/>
      <c r="UDG655" s="613"/>
      <c r="UDH655" s="613"/>
      <c r="UDI655" s="613"/>
      <c r="UDJ655" s="613"/>
      <c r="UDK655" s="613"/>
      <c r="UDL655" s="613"/>
      <c r="UDM655" s="613"/>
      <c r="UDN655" s="613"/>
      <c r="UDO655" s="613"/>
      <c r="UDP655" s="613"/>
      <c r="UDQ655" s="613"/>
      <c r="UDR655" s="613"/>
      <c r="UDS655" s="613"/>
      <c r="UDT655" s="613"/>
      <c r="UDU655" s="613"/>
      <c r="UDV655" s="613"/>
      <c r="UDW655" s="613"/>
      <c r="UDX655" s="613"/>
      <c r="UDY655" s="613"/>
      <c r="UDZ655" s="613"/>
      <c r="UEA655" s="613"/>
      <c r="UEB655" s="613"/>
      <c r="UEC655" s="613"/>
      <c r="UED655" s="613"/>
      <c r="UEE655" s="613"/>
      <c r="UEF655" s="613"/>
      <c r="UEG655" s="613"/>
      <c r="UEH655" s="613"/>
      <c r="UEI655" s="613"/>
      <c r="UEJ655" s="613"/>
      <c r="UEK655" s="613"/>
      <c r="UEL655" s="613"/>
      <c r="UEM655" s="613"/>
      <c r="UEN655" s="613"/>
      <c r="UEO655" s="613"/>
      <c r="UEP655" s="613"/>
      <c r="UEQ655" s="613"/>
      <c r="UER655" s="613"/>
      <c r="UES655" s="613"/>
      <c r="UET655" s="613"/>
      <c r="UEU655" s="613"/>
      <c r="UEV655" s="613"/>
      <c r="UEW655" s="613"/>
      <c r="UEX655" s="613"/>
      <c r="UEY655" s="613"/>
      <c r="UEZ655" s="613"/>
      <c r="UFA655" s="613"/>
      <c r="UFB655" s="613"/>
      <c r="UFC655" s="613"/>
      <c r="UFD655" s="613"/>
      <c r="UFE655" s="613"/>
      <c r="UFF655" s="613"/>
      <c r="UFG655" s="613"/>
      <c r="UFH655" s="613"/>
      <c r="UFI655" s="613"/>
      <c r="UFJ655" s="613"/>
      <c r="UFK655" s="613"/>
      <c r="UFL655" s="613"/>
      <c r="UFM655" s="613"/>
      <c r="UFN655" s="613"/>
      <c r="UFO655" s="613"/>
      <c r="UFP655" s="613"/>
      <c r="UFQ655" s="613"/>
      <c r="UFR655" s="613"/>
      <c r="UFS655" s="613"/>
      <c r="UFT655" s="613"/>
      <c r="UFU655" s="613"/>
      <c r="UFV655" s="613"/>
      <c r="UFW655" s="613"/>
      <c r="UFX655" s="613"/>
      <c r="UFY655" s="613"/>
      <c r="UFZ655" s="613"/>
      <c r="UGA655" s="613"/>
      <c r="UGB655" s="613"/>
      <c r="UGC655" s="613"/>
      <c r="UGD655" s="613"/>
      <c r="UGE655" s="613"/>
      <c r="UGF655" s="613"/>
      <c r="UGG655" s="613"/>
      <c r="UGH655" s="613"/>
      <c r="UGI655" s="613"/>
      <c r="UGJ655" s="613"/>
      <c r="UGK655" s="613"/>
      <c r="UGL655" s="613"/>
      <c r="UGM655" s="613"/>
      <c r="UGN655" s="613"/>
      <c r="UGO655" s="613"/>
      <c r="UGP655" s="613"/>
      <c r="UGQ655" s="613"/>
      <c r="UGR655" s="613"/>
      <c r="UGS655" s="613"/>
      <c r="UGT655" s="613"/>
      <c r="UGU655" s="613"/>
      <c r="UGV655" s="613"/>
      <c r="UGW655" s="613"/>
      <c r="UGX655" s="613"/>
      <c r="UGY655" s="613"/>
      <c r="UGZ655" s="613"/>
      <c r="UHA655" s="613"/>
      <c r="UHB655" s="613"/>
      <c r="UHC655" s="613"/>
      <c r="UHD655" s="613"/>
      <c r="UHE655" s="613"/>
      <c r="UHF655" s="613"/>
      <c r="UHG655" s="613"/>
      <c r="UHH655" s="613"/>
      <c r="UHI655" s="613"/>
      <c r="UHJ655" s="613"/>
      <c r="UHK655" s="613"/>
      <c r="UHL655" s="613"/>
      <c r="UHM655" s="613"/>
      <c r="UHN655" s="613"/>
      <c r="UHO655" s="613"/>
      <c r="UHP655" s="613"/>
      <c r="UHQ655" s="613"/>
      <c r="UHR655" s="613"/>
      <c r="UHS655" s="613"/>
      <c r="UHT655" s="613"/>
      <c r="UHU655" s="613"/>
      <c r="UHV655" s="613"/>
      <c r="UHW655" s="613"/>
      <c r="UHX655" s="613"/>
      <c r="UHY655" s="613"/>
      <c r="UHZ655" s="613"/>
      <c r="UIA655" s="613"/>
      <c r="UIB655" s="613"/>
      <c r="UIC655" s="613"/>
      <c r="UID655" s="613"/>
      <c r="UIE655" s="613"/>
      <c r="UIF655" s="613"/>
      <c r="UIG655" s="613"/>
      <c r="UIH655" s="613"/>
      <c r="UII655" s="613"/>
      <c r="UIJ655" s="613"/>
      <c r="UIK655" s="613"/>
      <c r="UIL655" s="613"/>
      <c r="UIM655" s="613"/>
      <c r="UIN655" s="613"/>
      <c r="UIO655" s="613"/>
      <c r="UIP655" s="613"/>
      <c r="UIQ655" s="613"/>
      <c r="UIR655" s="613"/>
      <c r="UIS655" s="613"/>
      <c r="UIT655" s="613"/>
      <c r="UIU655" s="613"/>
      <c r="UIV655" s="613"/>
      <c r="UIW655" s="613"/>
      <c r="UIX655" s="613"/>
      <c r="UIY655" s="613"/>
      <c r="UIZ655" s="613"/>
      <c r="UJA655" s="613"/>
      <c r="UJB655" s="613"/>
      <c r="UJC655" s="613"/>
      <c r="UJD655" s="613"/>
      <c r="UJE655" s="613"/>
      <c r="UJF655" s="613"/>
      <c r="UJG655" s="613"/>
      <c r="UJH655" s="613"/>
      <c r="UJI655" s="613"/>
      <c r="UJJ655" s="613"/>
      <c r="UJK655" s="613"/>
      <c r="UJL655" s="613"/>
      <c r="UJM655" s="613"/>
      <c r="UJN655" s="613"/>
      <c r="UJO655" s="613"/>
      <c r="UJP655" s="613"/>
      <c r="UJQ655" s="613"/>
      <c r="UJR655" s="613"/>
      <c r="UJS655" s="613"/>
      <c r="UJT655" s="613"/>
      <c r="UJU655" s="613"/>
      <c r="UJV655" s="613"/>
      <c r="UJW655" s="613"/>
      <c r="UJX655" s="613"/>
      <c r="UJY655" s="613"/>
      <c r="UJZ655" s="613"/>
      <c r="UKA655" s="613"/>
      <c r="UKB655" s="613"/>
      <c r="UKC655" s="613"/>
      <c r="UKD655" s="613"/>
      <c r="UKE655" s="613"/>
      <c r="UKF655" s="613"/>
      <c r="UKG655" s="613"/>
      <c r="UKH655" s="613"/>
      <c r="UKI655" s="613"/>
      <c r="UKJ655" s="613"/>
      <c r="UKK655" s="613"/>
      <c r="UKL655" s="613"/>
      <c r="UKM655" s="613"/>
      <c r="UKN655" s="613"/>
      <c r="UKO655" s="613"/>
      <c r="UKP655" s="613"/>
      <c r="UKQ655" s="613"/>
      <c r="UKR655" s="613"/>
      <c r="UKS655" s="613"/>
      <c r="UKT655" s="613"/>
      <c r="UKU655" s="613"/>
      <c r="UKV655" s="613"/>
      <c r="UKW655" s="613"/>
      <c r="UKX655" s="613"/>
      <c r="UKY655" s="613"/>
      <c r="UKZ655" s="613"/>
      <c r="ULA655" s="613"/>
      <c r="ULB655" s="613"/>
      <c r="ULC655" s="613"/>
      <c r="ULD655" s="613"/>
      <c r="ULE655" s="613"/>
      <c r="ULF655" s="613"/>
      <c r="ULG655" s="613"/>
      <c r="ULH655" s="613"/>
      <c r="ULI655" s="613"/>
      <c r="ULJ655" s="613"/>
      <c r="ULK655" s="613"/>
      <c r="ULL655" s="613"/>
      <c r="ULM655" s="613"/>
      <c r="ULN655" s="613"/>
      <c r="ULO655" s="613"/>
      <c r="ULP655" s="613"/>
      <c r="ULQ655" s="613"/>
      <c r="ULR655" s="613"/>
      <c r="ULS655" s="613"/>
      <c r="ULT655" s="613"/>
      <c r="ULU655" s="613"/>
      <c r="ULV655" s="613"/>
      <c r="ULW655" s="613"/>
      <c r="ULX655" s="613"/>
      <c r="ULY655" s="613"/>
      <c r="ULZ655" s="613"/>
      <c r="UMA655" s="613"/>
      <c r="UMB655" s="613"/>
      <c r="UMC655" s="613"/>
      <c r="UMD655" s="613"/>
      <c r="UME655" s="613"/>
      <c r="UMF655" s="613"/>
      <c r="UMG655" s="613"/>
      <c r="UMH655" s="613"/>
      <c r="UMI655" s="613"/>
      <c r="UMJ655" s="613"/>
      <c r="UMK655" s="613"/>
      <c r="UML655" s="613"/>
      <c r="UMM655" s="613"/>
      <c r="UMN655" s="613"/>
      <c r="UMO655" s="613"/>
      <c r="UMP655" s="613"/>
      <c r="UMQ655" s="613"/>
      <c r="UMR655" s="613"/>
      <c r="UMS655" s="613"/>
      <c r="UMT655" s="613"/>
      <c r="UMU655" s="613"/>
      <c r="UMV655" s="613"/>
      <c r="UMW655" s="613"/>
      <c r="UMX655" s="613"/>
      <c r="UMY655" s="613"/>
      <c r="UMZ655" s="613"/>
      <c r="UNA655" s="613"/>
      <c r="UNB655" s="613"/>
      <c r="UNC655" s="613"/>
      <c r="UND655" s="613"/>
      <c r="UNE655" s="613"/>
      <c r="UNF655" s="613"/>
      <c r="UNG655" s="613"/>
      <c r="UNH655" s="613"/>
      <c r="UNI655" s="613"/>
      <c r="UNJ655" s="613"/>
      <c r="UNK655" s="613"/>
      <c r="UNL655" s="613"/>
      <c r="UNM655" s="613"/>
      <c r="UNN655" s="613"/>
      <c r="UNO655" s="613"/>
      <c r="UNP655" s="613"/>
      <c r="UNQ655" s="613"/>
      <c r="UNR655" s="613"/>
      <c r="UNS655" s="613"/>
      <c r="UNT655" s="613"/>
      <c r="UNU655" s="613"/>
      <c r="UNV655" s="613"/>
      <c r="UNW655" s="613"/>
      <c r="UNX655" s="613"/>
      <c r="UNY655" s="613"/>
      <c r="UNZ655" s="613"/>
      <c r="UOA655" s="613"/>
      <c r="UOB655" s="613"/>
      <c r="UOC655" s="613"/>
      <c r="UOD655" s="613"/>
      <c r="UOE655" s="613"/>
      <c r="UOF655" s="613"/>
      <c r="UOG655" s="613"/>
      <c r="UOH655" s="613"/>
      <c r="UOI655" s="613"/>
      <c r="UOJ655" s="613"/>
      <c r="UOK655" s="613"/>
      <c r="UOL655" s="613"/>
      <c r="UOM655" s="613"/>
      <c r="UON655" s="613"/>
      <c r="UOO655" s="613"/>
      <c r="UOP655" s="613"/>
      <c r="UOQ655" s="613"/>
      <c r="UOR655" s="613"/>
      <c r="UOS655" s="613"/>
      <c r="UOT655" s="613"/>
      <c r="UOU655" s="613"/>
      <c r="UOV655" s="613"/>
      <c r="UOW655" s="613"/>
      <c r="UOX655" s="613"/>
      <c r="UOY655" s="613"/>
      <c r="UOZ655" s="613"/>
      <c r="UPA655" s="613"/>
      <c r="UPB655" s="613"/>
      <c r="UPC655" s="613"/>
      <c r="UPD655" s="613"/>
      <c r="UPE655" s="613"/>
      <c r="UPF655" s="613"/>
      <c r="UPG655" s="613"/>
      <c r="UPH655" s="613"/>
      <c r="UPI655" s="613"/>
      <c r="UPJ655" s="613"/>
      <c r="UPK655" s="613"/>
      <c r="UPL655" s="613"/>
      <c r="UPM655" s="613"/>
      <c r="UPN655" s="613"/>
      <c r="UPO655" s="613"/>
      <c r="UPP655" s="613"/>
      <c r="UPQ655" s="613"/>
      <c r="UPR655" s="613"/>
      <c r="UPS655" s="613"/>
      <c r="UPT655" s="613"/>
      <c r="UPU655" s="613"/>
      <c r="UPV655" s="613"/>
      <c r="UPW655" s="613"/>
      <c r="UPX655" s="613"/>
      <c r="UPY655" s="613"/>
      <c r="UPZ655" s="613"/>
      <c r="UQA655" s="613"/>
      <c r="UQB655" s="613"/>
      <c r="UQC655" s="613"/>
      <c r="UQD655" s="613"/>
      <c r="UQE655" s="613"/>
      <c r="UQF655" s="613"/>
      <c r="UQG655" s="613"/>
      <c r="UQH655" s="613"/>
      <c r="UQI655" s="613"/>
      <c r="UQJ655" s="613"/>
      <c r="UQK655" s="613"/>
      <c r="UQL655" s="613"/>
      <c r="UQM655" s="613"/>
      <c r="UQN655" s="613"/>
      <c r="UQO655" s="613"/>
      <c r="UQP655" s="613"/>
      <c r="UQQ655" s="613"/>
      <c r="UQR655" s="613"/>
      <c r="UQS655" s="613"/>
      <c r="UQT655" s="613"/>
      <c r="UQU655" s="613"/>
      <c r="UQV655" s="613"/>
      <c r="UQW655" s="613"/>
      <c r="UQX655" s="613"/>
      <c r="UQY655" s="613"/>
      <c r="UQZ655" s="613"/>
      <c r="URA655" s="613"/>
      <c r="URB655" s="613"/>
      <c r="URC655" s="613"/>
      <c r="URD655" s="613"/>
      <c r="URE655" s="613"/>
      <c r="URF655" s="613"/>
      <c r="URG655" s="613"/>
      <c r="URH655" s="613"/>
      <c r="URI655" s="613"/>
      <c r="URJ655" s="613"/>
      <c r="URK655" s="613"/>
      <c r="URL655" s="613"/>
      <c r="URM655" s="613"/>
      <c r="URN655" s="613"/>
      <c r="URO655" s="613"/>
      <c r="URP655" s="613"/>
      <c r="URQ655" s="613"/>
      <c r="URR655" s="613"/>
      <c r="URS655" s="613"/>
      <c r="URT655" s="613"/>
      <c r="URU655" s="613"/>
      <c r="URV655" s="613"/>
      <c r="URW655" s="613"/>
      <c r="URX655" s="613"/>
      <c r="URY655" s="613"/>
      <c r="URZ655" s="613"/>
      <c r="USA655" s="613"/>
      <c r="USB655" s="613"/>
      <c r="USC655" s="613"/>
      <c r="USD655" s="613"/>
      <c r="USE655" s="613"/>
      <c r="USF655" s="613"/>
      <c r="USG655" s="613"/>
      <c r="USH655" s="613"/>
      <c r="USI655" s="613"/>
      <c r="USJ655" s="613"/>
      <c r="USK655" s="613"/>
      <c r="USL655" s="613"/>
      <c r="USM655" s="613"/>
      <c r="USN655" s="613"/>
      <c r="USO655" s="613"/>
      <c r="USP655" s="613"/>
      <c r="USQ655" s="613"/>
      <c r="USR655" s="613"/>
      <c r="USS655" s="613"/>
      <c r="UST655" s="613"/>
      <c r="USU655" s="613"/>
      <c r="USV655" s="613"/>
      <c r="USW655" s="613"/>
      <c r="USX655" s="613"/>
      <c r="USY655" s="613"/>
      <c r="USZ655" s="613"/>
      <c r="UTA655" s="613"/>
      <c r="UTB655" s="613"/>
      <c r="UTC655" s="613"/>
      <c r="UTD655" s="613"/>
      <c r="UTE655" s="613"/>
      <c r="UTF655" s="613"/>
      <c r="UTG655" s="613"/>
      <c r="UTH655" s="613"/>
      <c r="UTI655" s="613"/>
      <c r="UTJ655" s="613"/>
      <c r="UTK655" s="613"/>
      <c r="UTL655" s="613"/>
      <c r="UTM655" s="613"/>
      <c r="UTN655" s="613"/>
      <c r="UTO655" s="613"/>
      <c r="UTP655" s="613"/>
      <c r="UTQ655" s="613"/>
      <c r="UTR655" s="613"/>
      <c r="UTS655" s="613"/>
      <c r="UTT655" s="613"/>
      <c r="UTU655" s="613"/>
      <c r="UTV655" s="613"/>
      <c r="UTW655" s="613"/>
      <c r="UTX655" s="613"/>
      <c r="UTY655" s="613"/>
      <c r="UTZ655" s="613"/>
      <c r="UUA655" s="613"/>
      <c r="UUB655" s="613"/>
      <c r="UUC655" s="613"/>
      <c r="UUD655" s="613"/>
      <c r="UUE655" s="613"/>
      <c r="UUF655" s="613"/>
      <c r="UUG655" s="613"/>
      <c r="UUH655" s="613"/>
      <c r="UUI655" s="613"/>
      <c r="UUJ655" s="613"/>
      <c r="UUK655" s="613"/>
      <c r="UUL655" s="613"/>
      <c r="UUM655" s="613"/>
      <c r="UUN655" s="613"/>
      <c r="UUO655" s="613"/>
      <c r="UUP655" s="613"/>
      <c r="UUQ655" s="613"/>
      <c r="UUR655" s="613"/>
      <c r="UUS655" s="613"/>
      <c r="UUT655" s="613"/>
      <c r="UUU655" s="613"/>
      <c r="UUV655" s="613"/>
      <c r="UUW655" s="613"/>
      <c r="UUX655" s="613"/>
      <c r="UUY655" s="613"/>
      <c r="UUZ655" s="613"/>
      <c r="UVA655" s="613"/>
      <c r="UVB655" s="613"/>
      <c r="UVC655" s="613"/>
      <c r="UVD655" s="613"/>
      <c r="UVE655" s="613"/>
      <c r="UVF655" s="613"/>
      <c r="UVG655" s="613"/>
      <c r="UVH655" s="613"/>
      <c r="UVI655" s="613"/>
      <c r="UVJ655" s="613"/>
      <c r="UVK655" s="613"/>
      <c r="UVL655" s="613"/>
      <c r="UVM655" s="613"/>
      <c r="UVN655" s="613"/>
      <c r="UVO655" s="613"/>
      <c r="UVP655" s="613"/>
      <c r="UVQ655" s="613"/>
      <c r="UVR655" s="613"/>
      <c r="UVS655" s="613"/>
      <c r="UVT655" s="613"/>
      <c r="UVU655" s="613"/>
      <c r="UVV655" s="613"/>
      <c r="UVW655" s="613"/>
      <c r="UVX655" s="613"/>
      <c r="UVY655" s="613"/>
      <c r="UVZ655" s="613"/>
      <c r="UWA655" s="613"/>
      <c r="UWB655" s="613"/>
      <c r="UWC655" s="613"/>
      <c r="UWD655" s="613"/>
      <c r="UWE655" s="613"/>
      <c r="UWF655" s="613"/>
      <c r="UWG655" s="613"/>
      <c r="UWH655" s="613"/>
      <c r="UWI655" s="613"/>
      <c r="UWJ655" s="613"/>
      <c r="UWK655" s="613"/>
      <c r="UWL655" s="613"/>
      <c r="UWM655" s="613"/>
      <c r="UWN655" s="613"/>
      <c r="UWO655" s="613"/>
      <c r="UWP655" s="613"/>
      <c r="UWQ655" s="613"/>
      <c r="UWR655" s="613"/>
      <c r="UWS655" s="613"/>
      <c r="UWT655" s="613"/>
      <c r="UWU655" s="613"/>
      <c r="UWV655" s="613"/>
      <c r="UWW655" s="613"/>
      <c r="UWX655" s="613"/>
      <c r="UWY655" s="613"/>
      <c r="UWZ655" s="613"/>
      <c r="UXA655" s="613"/>
      <c r="UXB655" s="613"/>
      <c r="UXC655" s="613"/>
      <c r="UXD655" s="613"/>
      <c r="UXE655" s="613"/>
      <c r="UXF655" s="613"/>
      <c r="UXG655" s="613"/>
      <c r="UXH655" s="613"/>
      <c r="UXI655" s="613"/>
      <c r="UXJ655" s="613"/>
      <c r="UXK655" s="613"/>
      <c r="UXL655" s="613"/>
      <c r="UXM655" s="613"/>
      <c r="UXN655" s="613"/>
      <c r="UXO655" s="613"/>
      <c r="UXP655" s="613"/>
      <c r="UXQ655" s="613"/>
      <c r="UXR655" s="613"/>
      <c r="UXS655" s="613"/>
      <c r="UXT655" s="613"/>
      <c r="UXU655" s="613"/>
      <c r="UXV655" s="613"/>
      <c r="UXW655" s="613"/>
      <c r="UXX655" s="613"/>
      <c r="UXY655" s="613"/>
      <c r="UXZ655" s="613"/>
      <c r="UYA655" s="613"/>
      <c r="UYB655" s="613"/>
      <c r="UYC655" s="613"/>
      <c r="UYD655" s="613"/>
      <c r="UYE655" s="613"/>
      <c r="UYF655" s="613"/>
      <c r="UYG655" s="613"/>
      <c r="UYH655" s="613"/>
      <c r="UYI655" s="613"/>
      <c r="UYJ655" s="613"/>
      <c r="UYK655" s="613"/>
      <c r="UYL655" s="613"/>
      <c r="UYM655" s="613"/>
      <c r="UYN655" s="613"/>
      <c r="UYO655" s="613"/>
      <c r="UYP655" s="613"/>
      <c r="UYQ655" s="613"/>
      <c r="UYR655" s="613"/>
      <c r="UYS655" s="613"/>
      <c r="UYT655" s="613"/>
      <c r="UYU655" s="613"/>
      <c r="UYV655" s="613"/>
      <c r="UYW655" s="613"/>
      <c r="UYX655" s="613"/>
      <c r="UYY655" s="613"/>
      <c r="UYZ655" s="613"/>
      <c r="UZA655" s="613"/>
      <c r="UZB655" s="613"/>
      <c r="UZC655" s="613"/>
      <c r="UZD655" s="613"/>
      <c r="UZE655" s="613"/>
      <c r="UZF655" s="613"/>
      <c r="UZG655" s="613"/>
      <c r="UZH655" s="613"/>
      <c r="UZI655" s="613"/>
      <c r="UZJ655" s="613"/>
      <c r="UZK655" s="613"/>
      <c r="UZL655" s="613"/>
      <c r="UZM655" s="613"/>
      <c r="UZN655" s="613"/>
      <c r="UZO655" s="613"/>
      <c r="UZP655" s="613"/>
      <c r="UZQ655" s="613"/>
      <c r="UZR655" s="613"/>
      <c r="UZS655" s="613"/>
      <c r="UZT655" s="613"/>
      <c r="UZU655" s="613"/>
      <c r="UZV655" s="613"/>
      <c r="UZW655" s="613"/>
      <c r="UZX655" s="613"/>
      <c r="UZY655" s="613"/>
      <c r="UZZ655" s="613"/>
      <c r="VAA655" s="613"/>
      <c r="VAB655" s="613"/>
      <c r="VAC655" s="613"/>
      <c r="VAD655" s="613"/>
      <c r="VAE655" s="613"/>
      <c r="VAF655" s="613"/>
      <c r="VAG655" s="613"/>
      <c r="VAH655" s="613"/>
      <c r="VAI655" s="613"/>
      <c r="VAJ655" s="613"/>
      <c r="VAK655" s="613"/>
      <c r="VAL655" s="613"/>
      <c r="VAM655" s="613"/>
      <c r="VAN655" s="613"/>
      <c r="VAO655" s="613"/>
      <c r="VAP655" s="613"/>
      <c r="VAQ655" s="613"/>
      <c r="VAR655" s="613"/>
      <c r="VAS655" s="613"/>
      <c r="VAT655" s="613"/>
      <c r="VAU655" s="613"/>
      <c r="VAV655" s="613"/>
      <c r="VAW655" s="613"/>
      <c r="VAX655" s="613"/>
      <c r="VAY655" s="613"/>
      <c r="VAZ655" s="613"/>
      <c r="VBA655" s="613"/>
      <c r="VBB655" s="613"/>
      <c r="VBC655" s="613"/>
      <c r="VBD655" s="613"/>
      <c r="VBE655" s="613"/>
      <c r="VBF655" s="613"/>
      <c r="VBG655" s="613"/>
      <c r="VBH655" s="613"/>
      <c r="VBI655" s="613"/>
      <c r="VBJ655" s="613"/>
      <c r="VBK655" s="613"/>
      <c r="VBL655" s="613"/>
      <c r="VBM655" s="613"/>
      <c r="VBN655" s="613"/>
      <c r="VBO655" s="613"/>
      <c r="VBP655" s="613"/>
      <c r="VBQ655" s="613"/>
      <c r="VBR655" s="613"/>
      <c r="VBS655" s="613"/>
      <c r="VBT655" s="613"/>
      <c r="VBU655" s="613"/>
      <c r="VBV655" s="613"/>
      <c r="VBW655" s="613"/>
      <c r="VBX655" s="613"/>
      <c r="VBY655" s="613"/>
      <c r="VBZ655" s="613"/>
      <c r="VCA655" s="613"/>
      <c r="VCB655" s="613"/>
      <c r="VCC655" s="613"/>
      <c r="VCD655" s="613"/>
      <c r="VCE655" s="613"/>
      <c r="VCF655" s="613"/>
      <c r="VCG655" s="613"/>
      <c r="VCH655" s="613"/>
      <c r="VCI655" s="613"/>
      <c r="VCJ655" s="613"/>
      <c r="VCK655" s="613"/>
      <c r="VCL655" s="613"/>
      <c r="VCM655" s="613"/>
      <c r="VCN655" s="613"/>
      <c r="VCO655" s="613"/>
      <c r="VCP655" s="613"/>
      <c r="VCQ655" s="613"/>
      <c r="VCR655" s="613"/>
      <c r="VCS655" s="613"/>
      <c r="VCT655" s="613"/>
      <c r="VCU655" s="613"/>
      <c r="VCV655" s="613"/>
      <c r="VCW655" s="613"/>
      <c r="VCX655" s="613"/>
      <c r="VCY655" s="613"/>
      <c r="VCZ655" s="613"/>
      <c r="VDA655" s="613"/>
      <c r="VDB655" s="613"/>
      <c r="VDC655" s="613"/>
      <c r="VDD655" s="613"/>
      <c r="VDE655" s="613"/>
      <c r="VDF655" s="613"/>
      <c r="VDG655" s="613"/>
      <c r="VDH655" s="613"/>
      <c r="VDI655" s="613"/>
      <c r="VDJ655" s="613"/>
      <c r="VDK655" s="613"/>
      <c r="VDL655" s="613"/>
      <c r="VDM655" s="613"/>
      <c r="VDN655" s="613"/>
      <c r="VDO655" s="613"/>
      <c r="VDP655" s="613"/>
      <c r="VDQ655" s="613"/>
      <c r="VDR655" s="613"/>
      <c r="VDS655" s="613"/>
      <c r="VDT655" s="613"/>
      <c r="VDU655" s="613"/>
      <c r="VDV655" s="613"/>
      <c r="VDW655" s="613"/>
      <c r="VDX655" s="613"/>
      <c r="VDY655" s="613"/>
      <c r="VDZ655" s="613"/>
      <c r="VEA655" s="613"/>
      <c r="VEB655" s="613"/>
      <c r="VEC655" s="613"/>
      <c r="VED655" s="613"/>
      <c r="VEE655" s="613"/>
      <c r="VEF655" s="613"/>
      <c r="VEG655" s="613"/>
      <c r="VEH655" s="613"/>
      <c r="VEI655" s="613"/>
      <c r="VEJ655" s="613"/>
      <c r="VEK655" s="613"/>
      <c r="VEL655" s="613"/>
      <c r="VEM655" s="613"/>
      <c r="VEN655" s="613"/>
      <c r="VEO655" s="613"/>
      <c r="VEP655" s="613"/>
      <c r="VEQ655" s="613"/>
      <c r="VER655" s="613"/>
      <c r="VES655" s="613"/>
      <c r="VET655" s="613"/>
      <c r="VEU655" s="613"/>
      <c r="VEV655" s="613"/>
      <c r="VEW655" s="613"/>
      <c r="VEX655" s="613"/>
      <c r="VEY655" s="613"/>
      <c r="VEZ655" s="613"/>
      <c r="VFA655" s="613"/>
      <c r="VFB655" s="613"/>
      <c r="VFC655" s="613"/>
      <c r="VFD655" s="613"/>
      <c r="VFE655" s="613"/>
      <c r="VFF655" s="613"/>
      <c r="VFG655" s="613"/>
      <c r="VFH655" s="613"/>
      <c r="VFI655" s="613"/>
      <c r="VFJ655" s="613"/>
      <c r="VFK655" s="613"/>
      <c r="VFL655" s="613"/>
      <c r="VFM655" s="613"/>
      <c r="VFN655" s="613"/>
      <c r="VFO655" s="613"/>
      <c r="VFP655" s="613"/>
      <c r="VFQ655" s="613"/>
      <c r="VFR655" s="613"/>
      <c r="VFS655" s="613"/>
      <c r="VFT655" s="613"/>
      <c r="VFU655" s="613"/>
      <c r="VFV655" s="613"/>
      <c r="VFW655" s="613"/>
      <c r="VFX655" s="613"/>
      <c r="VFY655" s="613"/>
      <c r="VFZ655" s="613"/>
      <c r="VGA655" s="613"/>
      <c r="VGB655" s="613"/>
      <c r="VGC655" s="613"/>
      <c r="VGD655" s="613"/>
      <c r="VGE655" s="613"/>
      <c r="VGF655" s="613"/>
      <c r="VGG655" s="613"/>
      <c r="VGH655" s="613"/>
      <c r="VGI655" s="613"/>
      <c r="VGJ655" s="613"/>
      <c r="VGK655" s="613"/>
      <c r="VGL655" s="613"/>
      <c r="VGM655" s="613"/>
      <c r="VGN655" s="613"/>
      <c r="VGO655" s="613"/>
      <c r="VGP655" s="613"/>
      <c r="VGQ655" s="613"/>
      <c r="VGR655" s="613"/>
      <c r="VGS655" s="613"/>
      <c r="VGT655" s="613"/>
      <c r="VGU655" s="613"/>
      <c r="VGV655" s="613"/>
      <c r="VGW655" s="613"/>
      <c r="VGX655" s="613"/>
      <c r="VGY655" s="613"/>
      <c r="VGZ655" s="613"/>
      <c r="VHA655" s="613"/>
      <c r="VHB655" s="613"/>
      <c r="VHC655" s="613"/>
      <c r="VHD655" s="613"/>
      <c r="VHE655" s="613"/>
      <c r="VHF655" s="613"/>
      <c r="VHG655" s="613"/>
      <c r="VHH655" s="613"/>
      <c r="VHI655" s="613"/>
      <c r="VHJ655" s="613"/>
      <c r="VHK655" s="613"/>
      <c r="VHL655" s="613"/>
      <c r="VHM655" s="613"/>
      <c r="VHN655" s="613"/>
      <c r="VHO655" s="613"/>
      <c r="VHP655" s="613"/>
      <c r="VHQ655" s="613"/>
      <c r="VHR655" s="613"/>
      <c r="VHS655" s="613"/>
      <c r="VHT655" s="613"/>
      <c r="VHU655" s="613"/>
      <c r="VHV655" s="613"/>
      <c r="VHW655" s="613"/>
      <c r="VHX655" s="613"/>
      <c r="VHY655" s="613"/>
      <c r="VHZ655" s="613"/>
      <c r="VIA655" s="613"/>
      <c r="VIB655" s="613"/>
      <c r="VIC655" s="613"/>
      <c r="VID655" s="613"/>
      <c r="VIE655" s="613"/>
      <c r="VIF655" s="613"/>
      <c r="VIG655" s="613"/>
      <c r="VIH655" s="613"/>
      <c r="VII655" s="613"/>
      <c r="VIJ655" s="613"/>
      <c r="VIK655" s="613"/>
      <c r="VIL655" s="613"/>
      <c r="VIM655" s="613"/>
      <c r="VIN655" s="613"/>
      <c r="VIO655" s="613"/>
      <c r="VIP655" s="613"/>
      <c r="VIQ655" s="613"/>
      <c r="VIR655" s="613"/>
      <c r="VIS655" s="613"/>
      <c r="VIT655" s="613"/>
      <c r="VIU655" s="613"/>
      <c r="VIV655" s="613"/>
      <c r="VIW655" s="613"/>
      <c r="VIX655" s="613"/>
      <c r="VIY655" s="613"/>
      <c r="VIZ655" s="613"/>
      <c r="VJA655" s="613"/>
      <c r="VJB655" s="613"/>
      <c r="VJC655" s="613"/>
      <c r="VJD655" s="613"/>
      <c r="VJE655" s="613"/>
      <c r="VJF655" s="613"/>
      <c r="VJG655" s="613"/>
      <c r="VJH655" s="613"/>
      <c r="VJI655" s="613"/>
      <c r="VJJ655" s="613"/>
      <c r="VJK655" s="613"/>
      <c r="VJL655" s="613"/>
      <c r="VJM655" s="613"/>
      <c r="VJN655" s="613"/>
      <c r="VJO655" s="613"/>
      <c r="VJP655" s="613"/>
      <c r="VJQ655" s="613"/>
      <c r="VJR655" s="613"/>
      <c r="VJS655" s="613"/>
      <c r="VJT655" s="613"/>
      <c r="VJU655" s="613"/>
      <c r="VJV655" s="613"/>
      <c r="VJW655" s="613"/>
      <c r="VJX655" s="613"/>
      <c r="VJY655" s="613"/>
      <c r="VJZ655" s="613"/>
      <c r="VKA655" s="613"/>
      <c r="VKB655" s="613"/>
      <c r="VKC655" s="613"/>
      <c r="VKD655" s="613"/>
      <c r="VKE655" s="613"/>
      <c r="VKF655" s="613"/>
      <c r="VKG655" s="613"/>
      <c r="VKH655" s="613"/>
      <c r="VKI655" s="613"/>
      <c r="VKJ655" s="613"/>
      <c r="VKK655" s="613"/>
      <c r="VKL655" s="613"/>
      <c r="VKM655" s="613"/>
      <c r="VKN655" s="613"/>
      <c r="VKO655" s="613"/>
      <c r="VKP655" s="613"/>
      <c r="VKQ655" s="613"/>
      <c r="VKR655" s="613"/>
      <c r="VKS655" s="613"/>
      <c r="VKT655" s="613"/>
      <c r="VKU655" s="613"/>
      <c r="VKV655" s="613"/>
      <c r="VKW655" s="613"/>
      <c r="VKX655" s="613"/>
      <c r="VKY655" s="613"/>
      <c r="VKZ655" s="613"/>
      <c r="VLA655" s="613"/>
      <c r="VLB655" s="613"/>
      <c r="VLC655" s="613"/>
      <c r="VLD655" s="613"/>
      <c r="VLE655" s="613"/>
      <c r="VLF655" s="613"/>
      <c r="VLG655" s="613"/>
      <c r="VLH655" s="613"/>
      <c r="VLI655" s="613"/>
      <c r="VLJ655" s="613"/>
      <c r="VLK655" s="613"/>
      <c r="VLL655" s="613"/>
      <c r="VLM655" s="613"/>
      <c r="VLN655" s="613"/>
      <c r="VLO655" s="613"/>
      <c r="VLP655" s="613"/>
      <c r="VLQ655" s="613"/>
      <c r="VLR655" s="613"/>
      <c r="VLS655" s="613"/>
      <c r="VLT655" s="613"/>
      <c r="VLU655" s="613"/>
      <c r="VLV655" s="613"/>
      <c r="VLW655" s="613"/>
      <c r="VLX655" s="613"/>
      <c r="VLY655" s="613"/>
      <c r="VLZ655" s="613"/>
      <c r="VMA655" s="613"/>
      <c r="VMB655" s="613"/>
      <c r="VMC655" s="613"/>
      <c r="VMD655" s="613"/>
      <c r="VME655" s="613"/>
      <c r="VMF655" s="613"/>
      <c r="VMG655" s="613"/>
      <c r="VMH655" s="613"/>
      <c r="VMI655" s="613"/>
      <c r="VMJ655" s="613"/>
      <c r="VMK655" s="613"/>
      <c r="VML655" s="613"/>
      <c r="VMM655" s="613"/>
      <c r="VMN655" s="613"/>
      <c r="VMO655" s="613"/>
      <c r="VMP655" s="613"/>
      <c r="VMQ655" s="613"/>
      <c r="VMR655" s="613"/>
      <c r="VMS655" s="613"/>
      <c r="VMT655" s="613"/>
      <c r="VMU655" s="613"/>
      <c r="VMV655" s="613"/>
      <c r="VMW655" s="613"/>
      <c r="VMX655" s="613"/>
      <c r="VMY655" s="613"/>
      <c r="VMZ655" s="613"/>
      <c r="VNA655" s="613"/>
      <c r="VNB655" s="613"/>
      <c r="VNC655" s="613"/>
      <c r="VND655" s="613"/>
      <c r="VNE655" s="613"/>
      <c r="VNF655" s="613"/>
      <c r="VNG655" s="613"/>
      <c r="VNH655" s="613"/>
      <c r="VNI655" s="613"/>
      <c r="VNJ655" s="613"/>
      <c r="VNK655" s="613"/>
      <c r="VNL655" s="613"/>
      <c r="VNM655" s="613"/>
      <c r="VNN655" s="613"/>
      <c r="VNO655" s="613"/>
      <c r="VNP655" s="613"/>
      <c r="VNQ655" s="613"/>
      <c r="VNR655" s="613"/>
      <c r="VNS655" s="613"/>
      <c r="VNT655" s="613"/>
      <c r="VNU655" s="613"/>
      <c r="VNV655" s="613"/>
      <c r="VNW655" s="613"/>
      <c r="VNX655" s="613"/>
      <c r="VNY655" s="613"/>
      <c r="VNZ655" s="613"/>
      <c r="VOA655" s="613"/>
      <c r="VOB655" s="613"/>
      <c r="VOC655" s="613"/>
      <c r="VOD655" s="613"/>
      <c r="VOE655" s="613"/>
      <c r="VOF655" s="613"/>
      <c r="VOG655" s="613"/>
      <c r="VOH655" s="613"/>
      <c r="VOI655" s="613"/>
      <c r="VOJ655" s="613"/>
      <c r="VOK655" s="613"/>
      <c r="VOL655" s="613"/>
      <c r="VOM655" s="613"/>
      <c r="VON655" s="613"/>
      <c r="VOO655" s="613"/>
      <c r="VOP655" s="613"/>
      <c r="VOQ655" s="613"/>
      <c r="VOR655" s="613"/>
      <c r="VOS655" s="613"/>
      <c r="VOT655" s="613"/>
      <c r="VOU655" s="613"/>
      <c r="VOV655" s="613"/>
      <c r="VOW655" s="613"/>
      <c r="VOX655" s="613"/>
      <c r="VOY655" s="613"/>
      <c r="VOZ655" s="613"/>
      <c r="VPA655" s="613"/>
      <c r="VPB655" s="613"/>
      <c r="VPC655" s="613"/>
      <c r="VPD655" s="613"/>
      <c r="VPE655" s="613"/>
      <c r="VPF655" s="613"/>
      <c r="VPG655" s="613"/>
      <c r="VPH655" s="613"/>
      <c r="VPI655" s="613"/>
      <c r="VPJ655" s="613"/>
      <c r="VPK655" s="613"/>
      <c r="VPL655" s="613"/>
      <c r="VPM655" s="613"/>
      <c r="VPN655" s="613"/>
      <c r="VPO655" s="613"/>
      <c r="VPP655" s="613"/>
      <c r="VPQ655" s="613"/>
      <c r="VPR655" s="613"/>
      <c r="VPS655" s="613"/>
      <c r="VPT655" s="613"/>
      <c r="VPU655" s="613"/>
      <c r="VPV655" s="613"/>
      <c r="VPW655" s="613"/>
      <c r="VPX655" s="613"/>
      <c r="VPY655" s="613"/>
      <c r="VPZ655" s="613"/>
      <c r="VQA655" s="613"/>
      <c r="VQB655" s="613"/>
      <c r="VQC655" s="613"/>
      <c r="VQD655" s="613"/>
      <c r="VQE655" s="613"/>
      <c r="VQF655" s="613"/>
      <c r="VQG655" s="613"/>
      <c r="VQH655" s="613"/>
      <c r="VQI655" s="613"/>
      <c r="VQJ655" s="613"/>
      <c r="VQK655" s="613"/>
      <c r="VQL655" s="613"/>
      <c r="VQM655" s="613"/>
      <c r="VQN655" s="613"/>
      <c r="VQO655" s="613"/>
      <c r="VQP655" s="613"/>
      <c r="VQQ655" s="613"/>
      <c r="VQR655" s="613"/>
      <c r="VQS655" s="613"/>
      <c r="VQT655" s="613"/>
      <c r="VQU655" s="613"/>
      <c r="VQV655" s="613"/>
      <c r="VQW655" s="613"/>
      <c r="VQX655" s="613"/>
      <c r="VQY655" s="613"/>
      <c r="VQZ655" s="613"/>
      <c r="VRA655" s="613"/>
      <c r="VRB655" s="613"/>
      <c r="VRC655" s="613"/>
      <c r="VRD655" s="613"/>
      <c r="VRE655" s="613"/>
      <c r="VRF655" s="613"/>
      <c r="VRG655" s="613"/>
      <c r="VRH655" s="613"/>
      <c r="VRI655" s="613"/>
      <c r="VRJ655" s="613"/>
      <c r="VRK655" s="613"/>
      <c r="VRL655" s="613"/>
      <c r="VRM655" s="613"/>
      <c r="VRN655" s="613"/>
      <c r="VRO655" s="613"/>
      <c r="VRP655" s="613"/>
      <c r="VRQ655" s="613"/>
      <c r="VRR655" s="613"/>
      <c r="VRS655" s="613"/>
      <c r="VRT655" s="613"/>
      <c r="VRU655" s="613"/>
      <c r="VRV655" s="613"/>
      <c r="VRW655" s="613"/>
      <c r="VRX655" s="613"/>
      <c r="VRY655" s="613"/>
      <c r="VRZ655" s="613"/>
      <c r="VSA655" s="613"/>
      <c r="VSB655" s="613"/>
      <c r="VSC655" s="613"/>
      <c r="VSD655" s="613"/>
      <c r="VSE655" s="613"/>
      <c r="VSF655" s="613"/>
      <c r="VSG655" s="613"/>
      <c r="VSH655" s="613"/>
      <c r="VSI655" s="613"/>
      <c r="VSJ655" s="613"/>
      <c r="VSK655" s="613"/>
      <c r="VSL655" s="613"/>
      <c r="VSM655" s="613"/>
      <c r="VSN655" s="613"/>
      <c r="VSO655" s="613"/>
      <c r="VSP655" s="613"/>
      <c r="VSQ655" s="613"/>
      <c r="VSR655" s="613"/>
      <c r="VSS655" s="613"/>
      <c r="VST655" s="613"/>
      <c r="VSU655" s="613"/>
      <c r="VSV655" s="613"/>
      <c r="VSW655" s="613"/>
      <c r="VSX655" s="613"/>
      <c r="VSY655" s="613"/>
      <c r="VSZ655" s="613"/>
      <c r="VTA655" s="613"/>
      <c r="VTB655" s="613"/>
      <c r="VTC655" s="613"/>
      <c r="VTD655" s="613"/>
      <c r="VTE655" s="613"/>
      <c r="VTF655" s="613"/>
      <c r="VTG655" s="613"/>
      <c r="VTH655" s="613"/>
      <c r="VTI655" s="613"/>
      <c r="VTJ655" s="613"/>
      <c r="VTK655" s="613"/>
      <c r="VTL655" s="613"/>
      <c r="VTM655" s="613"/>
      <c r="VTN655" s="613"/>
      <c r="VTO655" s="613"/>
      <c r="VTP655" s="613"/>
      <c r="VTQ655" s="613"/>
      <c r="VTR655" s="613"/>
      <c r="VTS655" s="613"/>
      <c r="VTT655" s="613"/>
      <c r="VTU655" s="613"/>
      <c r="VTV655" s="613"/>
      <c r="VTW655" s="613"/>
      <c r="VTX655" s="613"/>
      <c r="VTY655" s="613"/>
      <c r="VTZ655" s="613"/>
      <c r="VUA655" s="613"/>
      <c r="VUB655" s="613"/>
      <c r="VUC655" s="613"/>
      <c r="VUD655" s="613"/>
      <c r="VUE655" s="613"/>
      <c r="VUF655" s="613"/>
      <c r="VUG655" s="613"/>
      <c r="VUH655" s="613"/>
      <c r="VUI655" s="613"/>
      <c r="VUJ655" s="613"/>
      <c r="VUK655" s="613"/>
      <c r="VUL655" s="613"/>
      <c r="VUM655" s="613"/>
      <c r="VUN655" s="613"/>
      <c r="VUO655" s="613"/>
      <c r="VUP655" s="613"/>
      <c r="VUQ655" s="613"/>
      <c r="VUR655" s="613"/>
      <c r="VUS655" s="613"/>
      <c r="VUT655" s="613"/>
      <c r="VUU655" s="613"/>
      <c r="VUV655" s="613"/>
      <c r="VUW655" s="613"/>
      <c r="VUX655" s="613"/>
      <c r="VUY655" s="613"/>
      <c r="VUZ655" s="613"/>
      <c r="VVA655" s="613"/>
      <c r="VVB655" s="613"/>
      <c r="VVC655" s="613"/>
      <c r="VVD655" s="613"/>
      <c r="VVE655" s="613"/>
      <c r="VVF655" s="613"/>
      <c r="VVG655" s="613"/>
      <c r="VVH655" s="613"/>
      <c r="VVI655" s="613"/>
      <c r="VVJ655" s="613"/>
      <c r="VVK655" s="613"/>
      <c r="VVL655" s="613"/>
      <c r="VVM655" s="613"/>
      <c r="VVN655" s="613"/>
      <c r="VVO655" s="613"/>
      <c r="VVP655" s="613"/>
      <c r="VVQ655" s="613"/>
      <c r="VVR655" s="613"/>
      <c r="VVS655" s="613"/>
      <c r="VVT655" s="613"/>
      <c r="VVU655" s="613"/>
      <c r="VVV655" s="613"/>
      <c r="VVW655" s="613"/>
      <c r="VVX655" s="613"/>
      <c r="VVY655" s="613"/>
      <c r="VVZ655" s="613"/>
      <c r="VWA655" s="613"/>
      <c r="VWB655" s="613"/>
      <c r="VWC655" s="613"/>
      <c r="VWD655" s="613"/>
      <c r="VWE655" s="613"/>
      <c r="VWF655" s="613"/>
      <c r="VWG655" s="613"/>
      <c r="VWH655" s="613"/>
      <c r="VWI655" s="613"/>
      <c r="VWJ655" s="613"/>
      <c r="VWK655" s="613"/>
      <c r="VWL655" s="613"/>
      <c r="VWM655" s="613"/>
      <c r="VWN655" s="613"/>
      <c r="VWO655" s="613"/>
      <c r="VWP655" s="613"/>
      <c r="VWQ655" s="613"/>
      <c r="VWR655" s="613"/>
      <c r="VWS655" s="613"/>
      <c r="VWT655" s="613"/>
      <c r="VWU655" s="613"/>
      <c r="VWV655" s="613"/>
      <c r="VWW655" s="613"/>
      <c r="VWX655" s="613"/>
      <c r="VWY655" s="613"/>
      <c r="VWZ655" s="613"/>
      <c r="VXA655" s="613"/>
      <c r="VXB655" s="613"/>
      <c r="VXC655" s="613"/>
      <c r="VXD655" s="613"/>
      <c r="VXE655" s="613"/>
      <c r="VXF655" s="613"/>
      <c r="VXG655" s="613"/>
      <c r="VXH655" s="613"/>
      <c r="VXI655" s="613"/>
      <c r="VXJ655" s="613"/>
      <c r="VXK655" s="613"/>
      <c r="VXL655" s="613"/>
      <c r="VXM655" s="613"/>
      <c r="VXN655" s="613"/>
      <c r="VXO655" s="613"/>
      <c r="VXP655" s="613"/>
      <c r="VXQ655" s="613"/>
      <c r="VXR655" s="613"/>
      <c r="VXS655" s="613"/>
      <c r="VXT655" s="613"/>
      <c r="VXU655" s="613"/>
      <c r="VXV655" s="613"/>
      <c r="VXW655" s="613"/>
      <c r="VXX655" s="613"/>
      <c r="VXY655" s="613"/>
      <c r="VXZ655" s="613"/>
      <c r="VYA655" s="613"/>
      <c r="VYB655" s="613"/>
      <c r="VYC655" s="613"/>
      <c r="VYD655" s="613"/>
      <c r="VYE655" s="613"/>
      <c r="VYF655" s="613"/>
      <c r="VYG655" s="613"/>
      <c r="VYH655" s="613"/>
      <c r="VYI655" s="613"/>
      <c r="VYJ655" s="613"/>
      <c r="VYK655" s="613"/>
      <c r="VYL655" s="613"/>
      <c r="VYM655" s="613"/>
      <c r="VYN655" s="613"/>
      <c r="VYO655" s="613"/>
      <c r="VYP655" s="613"/>
      <c r="VYQ655" s="613"/>
      <c r="VYR655" s="613"/>
      <c r="VYS655" s="613"/>
      <c r="VYT655" s="613"/>
      <c r="VYU655" s="613"/>
      <c r="VYV655" s="613"/>
      <c r="VYW655" s="613"/>
      <c r="VYX655" s="613"/>
      <c r="VYY655" s="613"/>
      <c r="VYZ655" s="613"/>
      <c r="VZA655" s="613"/>
      <c r="VZB655" s="613"/>
      <c r="VZC655" s="613"/>
      <c r="VZD655" s="613"/>
      <c r="VZE655" s="613"/>
      <c r="VZF655" s="613"/>
      <c r="VZG655" s="613"/>
      <c r="VZH655" s="613"/>
      <c r="VZI655" s="613"/>
      <c r="VZJ655" s="613"/>
      <c r="VZK655" s="613"/>
      <c r="VZL655" s="613"/>
      <c r="VZM655" s="613"/>
      <c r="VZN655" s="613"/>
      <c r="VZO655" s="613"/>
      <c r="VZP655" s="613"/>
      <c r="VZQ655" s="613"/>
      <c r="VZR655" s="613"/>
      <c r="VZS655" s="613"/>
      <c r="VZT655" s="613"/>
      <c r="VZU655" s="613"/>
      <c r="VZV655" s="613"/>
      <c r="VZW655" s="613"/>
      <c r="VZX655" s="613"/>
      <c r="VZY655" s="613"/>
      <c r="VZZ655" s="613"/>
      <c r="WAA655" s="613"/>
      <c r="WAB655" s="613"/>
      <c r="WAC655" s="613"/>
      <c r="WAD655" s="613"/>
      <c r="WAE655" s="613"/>
      <c r="WAF655" s="613"/>
      <c r="WAG655" s="613"/>
      <c r="WAH655" s="613"/>
      <c r="WAI655" s="613"/>
      <c r="WAJ655" s="613"/>
      <c r="WAK655" s="613"/>
      <c r="WAL655" s="613"/>
      <c r="WAM655" s="613"/>
      <c r="WAN655" s="613"/>
      <c r="WAO655" s="613"/>
      <c r="WAP655" s="613"/>
      <c r="WAQ655" s="613"/>
      <c r="WAR655" s="613"/>
      <c r="WAS655" s="613"/>
      <c r="WAT655" s="613"/>
      <c r="WAU655" s="613"/>
      <c r="WAV655" s="613"/>
      <c r="WAW655" s="613"/>
      <c r="WAX655" s="613"/>
      <c r="WAY655" s="613"/>
      <c r="WAZ655" s="613"/>
      <c r="WBA655" s="613"/>
      <c r="WBB655" s="613"/>
      <c r="WBC655" s="613"/>
      <c r="WBD655" s="613"/>
      <c r="WBE655" s="613"/>
      <c r="WBF655" s="613"/>
      <c r="WBG655" s="613"/>
      <c r="WBH655" s="613"/>
      <c r="WBI655" s="613"/>
      <c r="WBJ655" s="613"/>
      <c r="WBK655" s="613"/>
      <c r="WBL655" s="613"/>
      <c r="WBM655" s="613"/>
      <c r="WBN655" s="613"/>
      <c r="WBO655" s="613"/>
      <c r="WBP655" s="613"/>
      <c r="WBQ655" s="613"/>
      <c r="WBR655" s="613"/>
      <c r="WBS655" s="613"/>
      <c r="WBT655" s="613"/>
      <c r="WBU655" s="613"/>
      <c r="WBV655" s="613"/>
      <c r="WBW655" s="613"/>
      <c r="WBX655" s="613"/>
      <c r="WBY655" s="613"/>
      <c r="WBZ655" s="613"/>
      <c r="WCA655" s="613"/>
      <c r="WCB655" s="613"/>
      <c r="WCC655" s="613"/>
      <c r="WCD655" s="613"/>
      <c r="WCE655" s="613"/>
      <c r="WCF655" s="613"/>
      <c r="WCG655" s="613"/>
      <c r="WCH655" s="613"/>
      <c r="WCI655" s="613"/>
      <c r="WCJ655" s="613"/>
      <c r="WCK655" s="613"/>
      <c r="WCL655" s="613"/>
      <c r="WCM655" s="613"/>
      <c r="WCN655" s="613"/>
      <c r="WCO655" s="613"/>
      <c r="WCP655" s="613"/>
      <c r="WCQ655" s="613"/>
      <c r="WCR655" s="613"/>
      <c r="WCS655" s="613"/>
      <c r="WCT655" s="613"/>
      <c r="WCU655" s="613"/>
      <c r="WCV655" s="613"/>
      <c r="WCW655" s="613"/>
      <c r="WCX655" s="613"/>
      <c r="WCY655" s="613"/>
      <c r="WCZ655" s="613"/>
      <c r="WDA655" s="613"/>
      <c r="WDB655" s="613"/>
      <c r="WDC655" s="613"/>
      <c r="WDD655" s="613"/>
      <c r="WDE655" s="613"/>
      <c r="WDF655" s="613"/>
      <c r="WDG655" s="613"/>
      <c r="WDH655" s="613"/>
      <c r="WDI655" s="613"/>
      <c r="WDJ655" s="613"/>
      <c r="WDK655" s="613"/>
      <c r="WDL655" s="613"/>
      <c r="WDM655" s="613"/>
      <c r="WDN655" s="613"/>
      <c r="WDO655" s="613"/>
      <c r="WDP655" s="613"/>
      <c r="WDQ655" s="613"/>
      <c r="WDR655" s="613"/>
      <c r="WDS655" s="613"/>
      <c r="WDT655" s="613"/>
      <c r="WDU655" s="613"/>
      <c r="WDV655" s="613"/>
      <c r="WDW655" s="613"/>
      <c r="WDX655" s="613"/>
      <c r="WDY655" s="613"/>
      <c r="WDZ655" s="613"/>
      <c r="WEA655" s="613"/>
      <c r="WEB655" s="613"/>
      <c r="WEC655" s="613"/>
      <c r="WED655" s="613"/>
      <c r="WEE655" s="613"/>
      <c r="WEF655" s="613"/>
      <c r="WEG655" s="613"/>
      <c r="WEH655" s="613"/>
      <c r="WEI655" s="613"/>
      <c r="WEJ655" s="613"/>
      <c r="WEK655" s="613"/>
      <c r="WEL655" s="613"/>
      <c r="WEM655" s="613"/>
      <c r="WEN655" s="613"/>
      <c r="WEO655" s="613"/>
      <c r="WEP655" s="613"/>
      <c r="WEQ655" s="613"/>
      <c r="WER655" s="613"/>
      <c r="WES655" s="613"/>
      <c r="WET655" s="613"/>
      <c r="WEU655" s="613"/>
      <c r="WEV655" s="613"/>
      <c r="WEW655" s="613"/>
      <c r="WEX655" s="613"/>
      <c r="WEY655" s="613"/>
      <c r="WEZ655" s="613"/>
      <c r="WFA655" s="613"/>
      <c r="WFB655" s="613"/>
      <c r="WFC655" s="613"/>
      <c r="WFD655" s="613"/>
      <c r="WFE655" s="613"/>
      <c r="WFF655" s="613"/>
      <c r="WFG655" s="613"/>
      <c r="WFH655" s="613"/>
      <c r="WFI655" s="613"/>
      <c r="WFJ655" s="613"/>
      <c r="WFK655" s="613"/>
      <c r="WFL655" s="613"/>
      <c r="WFM655" s="613"/>
      <c r="WFN655" s="613"/>
      <c r="WFO655" s="613"/>
      <c r="WFP655" s="613"/>
      <c r="WFQ655" s="613"/>
      <c r="WFR655" s="613"/>
      <c r="WFS655" s="613"/>
      <c r="WFT655" s="613"/>
      <c r="WFU655" s="613"/>
      <c r="WFV655" s="613"/>
      <c r="WFW655" s="613"/>
      <c r="WFX655" s="613"/>
      <c r="WFY655" s="613"/>
      <c r="WFZ655" s="613"/>
      <c r="WGA655" s="613"/>
      <c r="WGB655" s="613"/>
      <c r="WGC655" s="613"/>
      <c r="WGD655" s="613"/>
      <c r="WGE655" s="613"/>
      <c r="WGF655" s="613"/>
      <c r="WGG655" s="613"/>
      <c r="WGH655" s="613"/>
      <c r="WGI655" s="613"/>
      <c r="WGJ655" s="613"/>
      <c r="WGK655" s="613"/>
      <c r="WGL655" s="613"/>
      <c r="WGM655" s="613"/>
      <c r="WGN655" s="613"/>
      <c r="WGO655" s="613"/>
      <c r="WGP655" s="613"/>
      <c r="WGQ655" s="613"/>
      <c r="WGR655" s="613"/>
      <c r="WGS655" s="613"/>
      <c r="WGT655" s="613"/>
      <c r="WGU655" s="613"/>
      <c r="WGV655" s="613"/>
      <c r="WGW655" s="613"/>
      <c r="WGX655" s="613"/>
      <c r="WGY655" s="613"/>
      <c r="WGZ655" s="613"/>
      <c r="WHA655" s="613"/>
      <c r="WHB655" s="613"/>
      <c r="WHC655" s="613"/>
      <c r="WHD655" s="613"/>
      <c r="WHE655" s="613"/>
      <c r="WHF655" s="613"/>
      <c r="WHG655" s="613"/>
      <c r="WHH655" s="613"/>
      <c r="WHI655" s="613"/>
      <c r="WHJ655" s="613"/>
      <c r="WHK655" s="613"/>
      <c r="WHL655" s="613"/>
      <c r="WHM655" s="613"/>
      <c r="WHN655" s="613"/>
      <c r="WHO655" s="613"/>
      <c r="WHP655" s="613"/>
      <c r="WHQ655" s="613"/>
      <c r="WHR655" s="613"/>
      <c r="WHS655" s="613"/>
      <c r="WHT655" s="613"/>
      <c r="WHU655" s="613"/>
      <c r="WHV655" s="613"/>
      <c r="WHW655" s="613"/>
      <c r="WHX655" s="613"/>
      <c r="WHY655" s="613"/>
      <c r="WHZ655" s="613"/>
      <c r="WIA655" s="613"/>
      <c r="WIB655" s="613"/>
      <c r="WIC655" s="613"/>
      <c r="WID655" s="613"/>
      <c r="WIE655" s="613"/>
      <c r="WIF655" s="613"/>
      <c r="WIG655" s="613"/>
      <c r="WIH655" s="613"/>
      <c r="WII655" s="613"/>
      <c r="WIJ655" s="613"/>
      <c r="WIK655" s="613"/>
      <c r="WIL655" s="613"/>
      <c r="WIM655" s="613"/>
      <c r="WIN655" s="613"/>
      <c r="WIO655" s="613"/>
      <c r="WIP655" s="613"/>
      <c r="WIQ655" s="613"/>
      <c r="WIR655" s="613"/>
      <c r="WIS655" s="613"/>
      <c r="WIT655" s="613"/>
      <c r="WIU655" s="613"/>
      <c r="WIV655" s="613"/>
      <c r="WIW655" s="613"/>
      <c r="WIX655" s="613"/>
      <c r="WIY655" s="613"/>
      <c r="WIZ655" s="613"/>
      <c r="WJA655" s="613"/>
      <c r="WJB655" s="613"/>
      <c r="WJC655" s="613"/>
      <c r="WJD655" s="613"/>
      <c r="WJE655" s="613"/>
      <c r="WJF655" s="613"/>
      <c r="WJG655" s="613"/>
      <c r="WJH655" s="613"/>
      <c r="WJI655" s="613"/>
      <c r="WJJ655" s="613"/>
      <c r="WJK655" s="613"/>
      <c r="WJL655" s="613"/>
      <c r="WJM655" s="613"/>
      <c r="WJN655" s="613"/>
      <c r="WJO655" s="613"/>
      <c r="WJP655" s="613"/>
      <c r="WJQ655" s="613"/>
      <c r="WJR655" s="613"/>
      <c r="WJS655" s="613"/>
      <c r="WJT655" s="613"/>
      <c r="WJU655" s="613"/>
      <c r="WJV655" s="613"/>
      <c r="WJW655" s="613"/>
      <c r="WJX655" s="613"/>
      <c r="WJY655" s="613"/>
      <c r="WJZ655" s="613"/>
      <c r="WKA655" s="613"/>
      <c r="WKB655" s="613"/>
      <c r="WKC655" s="613"/>
      <c r="WKD655" s="613"/>
      <c r="WKE655" s="613"/>
      <c r="WKF655" s="613"/>
      <c r="WKG655" s="613"/>
      <c r="WKH655" s="613"/>
      <c r="WKI655" s="613"/>
      <c r="WKJ655" s="613"/>
      <c r="WKK655" s="613"/>
      <c r="WKL655" s="613"/>
      <c r="WKM655" s="613"/>
      <c r="WKN655" s="613"/>
      <c r="WKO655" s="613"/>
      <c r="WKP655" s="613"/>
      <c r="WKQ655" s="613"/>
      <c r="WKR655" s="613"/>
      <c r="WKS655" s="613"/>
      <c r="WKT655" s="613"/>
      <c r="WKU655" s="613"/>
      <c r="WKV655" s="613"/>
      <c r="WKW655" s="613"/>
      <c r="WKX655" s="613"/>
      <c r="WKY655" s="613"/>
      <c r="WKZ655" s="613"/>
      <c r="WLA655" s="613"/>
      <c r="WLB655" s="613"/>
      <c r="WLC655" s="613"/>
      <c r="WLD655" s="613"/>
      <c r="WLE655" s="613"/>
      <c r="WLF655" s="613"/>
      <c r="WLG655" s="613"/>
      <c r="WLH655" s="613"/>
      <c r="WLI655" s="613"/>
      <c r="WLJ655" s="613"/>
      <c r="WLK655" s="613"/>
      <c r="WLL655" s="613"/>
      <c r="WLM655" s="613"/>
      <c r="WLN655" s="613"/>
      <c r="WLO655" s="613"/>
      <c r="WLP655" s="613"/>
      <c r="WLQ655" s="613"/>
      <c r="WLR655" s="613"/>
      <c r="WLS655" s="613"/>
      <c r="WLT655" s="613"/>
      <c r="WLU655" s="613"/>
      <c r="WLV655" s="613"/>
      <c r="WLW655" s="613"/>
      <c r="WLX655" s="613"/>
      <c r="WLY655" s="613"/>
      <c r="WLZ655" s="613"/>
      <c r="WMA655" s="613"/>
      <c r="WMB655" s="613"/>
      <c r="WMC655" s="613"/>
      <c r="WMD655" s="613"/>
      <c r="WME655" s="613"/>
      <c r="WMF655" s="613"/>
      <c r="WMG655" s="613"/>
      <c r="WMH655" s="613"/>
      <c r="WMI655" s="613"/>
      <c r="WMJ655" s="613"/>
      <c r="WMK655" s="613"/>
      <c r="WML655" s="613"/>
      <c r="WMM655" s="613"/>
      <c r="WMN655" s="613"/>
      <c r="WMO655" s="613"/>
      <c r="WMP655" s="613"/>
      <c r="WMQ655" s="613"/>
      <c r="WMR655" s="613"/>
      <c r="WMS655" s="613"/>
      <c r="WMT655" s="613"/>
      <c r="WMU655" s="613"/>
      <c r="WMV655" s="613"/>
      <c r="WMW655" s="613"/>
      <c r="WMX655" s="613"/>
      <c r="WMY655" s="613"/>
      <c r="WMZ655" s="613"/>
      <c r="WNA655" s="613"/>
      <c r="WNB655" s="613"/>
      <c r="WNC655" s="613"/>
      <c r="WND655" s="613"/>
      <c r="WNE655" s="613"/>
      <c r="WNF655" s="613"/>
      <c r="WNG655" s="613"/>
      <c r="WNH655" s="613"/>
      <c r="WNI655" s="613"/>
      <c r="WNJ655" s="613"/>
      <c r="WNK655" s="613"/>
      <c r="WNL655" s="613"/>
      <c r="WNM655" s="613"/>
      <c r="WNN655" s="613"/>
      <c r="WNO655" s="613"/>
      <c r="WNP655" s="613"/>
      <c r="WNQ655" s="613"/>
      <c r="WNR655" s="613"/>
      <c r="WNS655" s="613"/>
      <c r="WNT655" s="613"/>
      <c r="WNU655" s="613"/>
      <c r="WNV655" s="613"/>
      <c r="WNW655" s="613"/>
      <c r="WNX655" s="613"/>
      <c r="WNY655" s="613"/>
      <c r="WNZ655" s="613"/>
      <c r="WOA655" s="613"/>
      <c r="WOB655" s="613"/>
      <c r="WOC655" s="613"/>
      <c r="WOD655" s="613"/>
      <c r="WOE655" s="613"/>
      <c r="WOF655" s="613"/>
      <c r="WOG655" s="613"/>
      <c r="WOH655" s="613"/>
      <c r="WOI655" s="613"/>
      <c r="WOJ655" s="613"/>
      <c r="WOK655" s="613"/>
      <c r="WOL655" s="613"/>
      <c r="WOM655" s="613"/>
      <c r="WON655" s="613"/>
      <c r="WOO655" s="613"/>
      <c r="WOP655" s="613"/>
      <c r="WOQ655" s="613"/>
      <c r="WOR655" s="613"/>
      <c r="WOS655" s="613"/>
      <c r="WOT655" s="613"/>
      <c r="WOU655" s="613"/>
      <c r="WOV655" s="613"/>
      <c r="WOW655" s="613"/>
      <c r="WOX655" s="613"/>
      <c r="WOY655" s="613"/>
      <c r="WOZ655" s="613"/>
      <c r="WPA655" s="613"/>
      <c r="WPB655" s="613"/>
      <c r="WPC655" s="613"/>
      <c r="WPD655" s="613"/>
      <c r="WPE655" s="613"/>
      <c r="WPF655" s="613"/>
      <c r="WPG655" s="613"/>
      <c r="WPH655" s="613"/>
      <c r="WPI655" s="613"/>
      <c r="WPJ655" s="613"/>
      <c r="WPK655" s="613"/>
      <c r="WPL655" s="613"/>
      <c r="WPM655" s="613"/>
      <c r="WPN655" s="613"/>
      <c r="WPO655" s="613"/>
      <c r="WPP655" s="613"/>
      <c r="WPQ655" s="613"/>
      <c r="WPR655" s="613"/>
      <c r="WPS655" s="613"/>
      <c r="WPT655" s="613"/>
      <c r="WPU655" s="613"/>
      <c r="WPV655" s="613"/>
      <c r="WPW655" s="613"/>
      <c r="WPX655" s="613"/>
      <c r="WPY655" s="613"/>
      <c r="WPZ655" s="613"/>
      <c r="WQA655" s="613"/>
      <c r="WQB655" s="613"/>
      <c r="WQC655" s="613"/>
      <c r="WQD655" s="613"/>
      <c r="WQE655" s="613"/>
      <c r="WQF655" s="613"/>
      <c r="WQG655" s="613"/>
      <c r="WQH655" s="613"/>
      <c r="WQI655" s="613"/>
      <c r="WQJ655" s="613"/>
      <c r="WQK655" s="613"/>
      <c r="WQL655" s="613"/>
      <c r="WQM655" s="613"/>
      <c r="WQN655" s="613"/>
      <c r="WQO655" s="613"/>
      <c r="WQP655" s="613"/>
      <c r="WQQ655" s="613"/>
      <c r="WQR655" s="613"/>
      <c r="WQS655" s="613"/>
      <c r="WQT655" s="613"/>
      <c r="WQU655" s="613"/>
      <c r="WQV655" s="613"/>
      <c r="WQW655" s="613"/>
      <c r="WQX655" s="613"/>
      <c r="WQY655" s="613"/>
      <c r="WQZ655" s="613"/>
      <c r="WRA655" s="613"/>
      <c r="WRB655" s="613"/>
      <c r="WRC655" s="613"/>
      <c r="WRD655" s="613"/>
      <c r="WRE655" s="613"/>
      <c r="WRF655" s="613"/>
      <c r="WRG655" s="613"/>
      <c r="WRH655" s="613"/>
      <c r="WRI655" s="613"/>
      <c r="WRJ655" s="613"/>
      <c r="WRK655" s="613"/>
      <c r="WRL655" s="613"/>
      <c r="WRM655" s="613"/>
      <c r="WRN655" s="613"/>
      <c r="WRO655" s="613"/>
      <c r="WRP655" s="613"/>
      <c r="WRQ655" s="613"/>
      <c r="WRR655" s="613"/>
      <c r="WRS655" s="613"/>
      <c r="WRT655" s="613"/>
      <c r="WRU655" s="613"/>
      <c r="WRV655" s="613"/>
      <c r="WRW655" s="613"/>
      <c r="WRX655" s="613"/>
      <c r="WRY655" s="613"/>
      <c r="WRZ655" s="613"/>
      <c r="WSA655" s="613"/>
      <c r="WSB655" s="613"/>
      <c r="WSC655" s="613"/>
      <c r="WSD655" s="613"/>
      <c r="WSE655" s="613"/>
      <c r="WSF655" s="613"/>
      <c r="WSG655" s="613"/>
      <c r="WSH655" s="613"/>
      <c r="WSI655" s="613"/>
      <c r="WSJ655" s="613"/>
      <c r="WSK655" s="613"/>
      <c r="WSL655" s="613"/>
      <c r="WSM655" s="613"/>
      <c r="WSN655" s="613"/>
      <c r="WSO655" s="613"/>
      <c r="WSP655" s="613"/>
      <c r="WSQ655" s="613"/>
      <c r="WSR655" s="613"/>
      <c r="WSS655" s="613"/>
      <c r="WST655" s="613"/>
      <c r="WSU655" s="613"/>
      <c r="WSV655" s="613"/>
      <c r="WSW655" s="613"/>
      <c r="WSX655" s="613"/>
      <c r="WSY655" s="613"/>
      <c r="WSZ655" s="613"/>
      <c r="WTA655" s="613"/>
      <c r="WTB655" s="613"/>
      <c r="WTC655" s="613"/>
      <c r="WTD655" s="613"/>
      <c r="WTE655" s="613"/>
      <c r="WTF655" s="613"/>
      <c r="WTG655" s="613"/>
      <c r="WTH655" s="613"/>
      <c r="WTI655" s="613"/>
      <c r="WTJ655" s="613"/>
      <c r="WTK655" s="613"/>
      <c r="WTL655" s="613"/>
      <c r="WTM655" s="613"/>
      <c r="WTN655" s="613"/>
      <c r="WTO655" s="613"/>
      <c r="WTP655" s="613"/>
      <c r="WTQ655" s="613"/>
      <c r="WTR655" s="613"/>
      <c r="WTS655" s="613"/>
      <c r="WTT655" s="613"/>
      <c r="WTU655" s="613"/>
      <c r="WTV655" s="613"/>
      <c r="WTW655" s="613"/>
      <c r="WTX655" s="613"/>
      <c r="WTY655" s="613"/>
      <c r="WTZ655" s="613"/>
      <c r="WUA655" s="613"/>
      <c r="WUB655" s="613"/>
      <c r="WUC655" s="613"/>
      <c r="WUD655" s="613"/>
      <c r="WUE655" s="613"/>
      <c r="WUF655" s="613"/>
      <c r="WUG655" s="613"/>
      <c r="WUH655" s="613"/>
      <c r="WUI655" s="613"/>
      <c r="WUJ655" s="613"/>
      <c r="WUK655" s="613"/>
      <c r="WUL655" s="613"/>
      <c r="WUM655" s="613"/>
      <c r="WUN655" s="613"/>
      <c r="WUO655" s="613"/>
      <c r="WUP655" s="613"/>
      <c r="WUQ655" s="613"/>
      <c r="WUR655" s="613"/>
      <c r="WUS655" s="613"/>
      <c r="WUT655" s="613"/>
      <c r="WUU655" s="613"/>
      <c r="WUV655" s="613"/>
      <c r="WUW655" s="613"/>
      <c r="WUX655" s="613"/>
      <c r="WUY655" s="613"/>
      <c r="WUZ655" s="613"/>
      <c r="WVA655" s="613"/>
      <c r="WVB655" s="613"/>
      <c r="WVC655" s="613"/>
      <c r="WVD655" s="613"/>
      <c r="WVE655" s="613"/>
      <c r="WVF655" s="613"/>
      <c r="WVG655" s="613"/>
      <c r="WVH655" s="613"/>
      <c r="WVI655" s="613"/>
      <c r="WVJ655" s="613"/>
      <c r="WVK655" s="613"/>
      <c r="WVL655" s="613"/>
      <c r="WVM655" s="613"/>
      <c r="WVN655" s="613"/>
      <c r="WVO655" s="613"/>
      <c r="WVP655" s="613"/>
      <c r="WVQ655" s="613"/>
      <c r="WVR655" s="613"/>
      <c r="WVS655" s="613"/>
      <c r="WVT655" s="613"/>
      <c r="WVU655" s="613"/>
      <c r="WVV655" s="613"/>
      <c r="WVW655" s="613"/>
      <c r="WVX655" s="613"/>
      <c r="WVY655" s="613"/>
      <c r="WVZ655" s="613"/>
      <c r="WWA655" s="613"/>
      <c r="WWB655" s="613"/>
      <c r="WWC655" s="613"/>
      <c r="WWD655" s="613"/>
      <c r="WWE655" s="613"/>
      <c r="WWF655" s="613"/>
      <c r="WWG655" s="613"/>
      <c r="WWH655" s="613"/>
      <c r="WWI655" s="613"/>
      <c r="WWJ655" s="613"/>
      <c r="WWK655" s="613"/>
      <c r="WWL655" s="613"/>
      <c r="WWM655" s="613"/>
      <c r="WWN655" s="613"/>
      <c r="WWO655" s="613"/>
      <c r="WWP655" s="613"/>
      <c r="WWQ655" s="613"/>
      <c r="WWR655" s="613"/>
      <c r="WWS655" s="613"/>
      <c r="WWT655" s="613"/>
      <c r="WWU655" s="613"/>
      <c r="WWV655" s="613"/>
      <c r="WWW655" s="613"/>
      <c r="WWX655" s="613"/>
      <c r="WWY655" s="613"/>
      <c r="WWZ655" s="613"/>
      <c r="WXA655" s="613"/>
      <c r="WXB655" s="613"/>
      <c r="WXC655" s="613"/>
      <c r="WXD655" s="613"/>
      <c r="WXE655" s="613"/>
      <c r="WXF655" s="613"/>
      <c r="WXG655" s="613"/>
      <c r="WXH655" s="613"/>
      <c r="WXI655" s="613"/>
      <c r="WXJ655" s="613"/>
      <c r="WXK655" s="613"/>
      <c r="WXL655" s="613"/>
      <c r="WXM655" s="613"/>
      <c r="WXN655" s="613"/>
      <c r="WXO655" s="613"/>
      <c r="WXP655" s="613"/>
      <c r="WXQ655" s="613"/>
      <c r="WXR655" s="613"/>
      <c r="WXS655" s="613"/>
      <c r="WXT655" s="613"/>
      <c r="WXU655" s="613"/>
      <c r="WXV655" s="613"/>
      <c r="WXW655" s="613"/>
      <c r="WXX655" s="613"/>
      <c r="WXY655" s="613"/>
      <c r="WXZ655" s="613"/>
      <c r="WYA655" s="613"/>
      <c r="WYB655" s="613"/>
      <c r="WYC655" s="613"/>
      <c r="WYD655" s="613"/>
      <c r="WYE655" s="613"/>
      <c r="WYF655" s="613"/>
      <c r="WYG655" s="613"/>
      <c r="WYH655" s="613"/>
      <c r="WYI655" s="613"/>
      <c r="WYJ655" s="613"/>
      <c r="WYK655" s="613"/>
      <c r="WYL655" s="613"/>
      <c r="WYM655" s="613"/>
      <c r="WYN655" s="613"/>
      <c r="WYO655" s="613"/>
      <c r="WYP655" s="613"/>
      <c r="WYQ655" s="613"/>
      <c r="WYR655" s="613"/>
      <c r="WYS655" s="613"/>
      <c r="WYT655" s="613"/>
      <c r="WYU655" s="613"/>
      <c r="WYV655" s="613"/>
      <c r="WYW655" s="613"/>
      <c r="WYX655" s="613"/>
      <c r="WYY655" s="613"/>
      <c r="WYZ655" s="613"/>
      <c r="WZA655" s="613"/>
      <c r="WZB655" s="613"/>
      <c r="WZC655" s="613"/>
      <c r="WZD655" s="613"/>
      <c r="WZE655" s="613"/>
      <c r="WZF655" s="613"/>
      <c r="WZG655" s="613"/>
      <c r="WZH655" s="613"/>
      <c r="WZI655" s="613"/>
      <c r="WZJ655" s="613"/>
      <c r="WZK655" s="613"/>
      <c r="WZL655" s="613"/>
      <c r="WZM655" s="613"/>
      <c r="WZN655" s="613"/>
      <c r="WZO655" s="613"/>
      <c r="WZP655" s="613"/>
      <c r="WZQ655" s="613"/>
      <c r="WZR655" s="613"/>
      <c r="WZS655" s="613"/>
      <c r="WZT655" s="613"/>
      <c r="WZU655" s="613"/>
      <c r="WZV655" s="613"/>
      <c r="WZW655" s="613"/>
      <c r="WZX655" s="613"/>
      <c r="WZY655" s="613"/>
      <c r="WZZ655" s="613"/>
      <c r="XAA655" s="613"/>
      <c r="XAB655" s="613"/>
      <c r="XAC655" s="613"/>
      <c r="XAD655" s="613"/>
      <c r="XAE655" s="613"/>
      <c r="XAF655" s="613"/>
      <c r="XAG655" s="613"/>
      <c r="XAH655" s="613"/>
      <c r="XAI655" s="613"/>
      <c r="XAJ655" s="613"/>
      <c r="XAK655" s="613"/>
      <c r="XAL655" s="613"/>
      <c r="XAM655" s="613"/>
      <c r="XAN655" s="613"/>
      <c r="XAO655" s="613"/>
      <c r="XAP655" s="613"/>
      <c r="XAQ655" s="613"/>
      <c r="XAR655" s="613"/>
      <c r="XAS655" s="613"/>
      <c r="XAT655" s="613"/>
      <c r="XAU655" s="613"/>
      <c r="XAV655" s="613"/>
      <c r="XAW655" s="613"/>
      <c r="XAX655" s="613"/>
      <c r="XAY655" s="613"/>
      <c r="XAZ655" s="613"/>
      <c r="XBA655" s="613"/>
      <c r="XBB655" s="613"/>
      <c r="XBC655" s="613"/>
      <c r="XBD655" s="613"/>
      <c r="XBE655" s="613"/>
      <c r="XBF655" s="613"/>
      <c r="XBG655" s="613"/>
      <c r="XBH655" s="613"/>
      <c r="XBI655" s="613"/>
      <c r="XBJ655" s="613"/>
      <c r="XBK655" s="613"/>
      <c r="XBL655" s="613"/>
      <c r="XBM655" s="613"/>
      <c r="XBN655" s="613"/>
      <c r="XBO655" s="613"/>
      <c r="XBP655" s="613"/>
      <c r="XBQ655" s="613"/>
      <c r="XBR655" s="613"/>
      <c r="XBS655" s="613"/>
      <c r="XBT655" s="613"/>
      <c r="XBU655" s="613"/>
      <c r="XBV655" s="613"/>
      <c r="XBW655" s="613"/>
      <c r="XBX655" s="613"/>
      <c r="XBY655" s="613"/>
      <c r="XBZ655" s="613"/>
      <c r="XCA655" s="613"/>
      <c r="XCB655" s="613"/>
      <c r="XCC655" s="613"/>
      <c r="XCD655" s="613"/>
      <c r="XCE655" s="613"/>
      <c r="XCF655" s="613"/>
      <c r="XCG655" s="613"/>
      <c r="XCH655" s="613"/>
      <c r="XCI655" s="613"/>
      <c r="XCJ655" s="613"/>
      <c r="XCK655" s="613"/>
      <c r="XCL655" s="613"/>
      <c r="XCM655" s="613"/>
      <c r="XCN655" s="613"/>
      <c r="XCO655" s="613"/>
      <c r="XCP655" s="613"/>
      <c r="XCQ655" s="613"/>
    </row>
    <row r="656" spans="1:16319" ht="56.1" customHeight="1" x14ac:dyDescent="0.2">
      <c r="A656" s="232" t="s">
        <v>3020</v>
      </c>
      <c r="B656" s="499"/>
      <c r="C656" s="494"/>
      <c r="D656" s="481">
        <v>180</v>
      </c>
      <c r="E656" s="481"/>
      <c r="F656" s="481" t="s">
        <v>2481</v>
      </c>
      <c r="G656" s="482" t="s">
        <v>53</v>
      </c>
      <c r="H656" s="481" t="s">
        <v>329</v>
      </c>
      <c r="I656" s="654" t="s">
        <v>428</v>
      </c>
      <c r="J656" s="654" t="s">
        <v>369</v>
      </c>
      <c r="K656" s="495" t="s">
        <v>443</v>
      </c>
      <c r="L656" s="621"/>
      <c r="M656" s="484" t="s">
        <v>58</v>
      </c>
      <c r="N656" s="329" t="s">
        <v>347</v>
      </c>
      <c r="O656" s="484" t="s">
        <v>2996</v>
      </c>
      <c r="P656" s="484" t="s">
        <v>81</v>
      </c>
      <c r="Q656" s="667" t="s">
        <v>334</v>
      </c>
      <c r="R656" s="484" t="s">
        <v>334</v>
      </c>
      <c r="S656" s="484" t="s">
        <v>225</v>
      </c>
      <c r="T656" s="484"/>
      <c r="U656" s="620" t="s">
        <v>63</v>
      </c>
      <c r="V656" s="620" t="s">
        <v>63</v>
      </c>
      <c r="W656" s="723">
        <v>553819</v>
      </c>
      <c r="X656" s="723"/>
      <c r="Y656" s="654" t="s">
        <v>226</v>
      </c>
      <c r="Z656" s="654"/>
      <c r="AA656" s="723">
        <v>553819</v>
      </c>
      <c r="AB656" s="652" t="s">
        <v>82</v>
      </c>
      <c r="AC656" s="652"/>
      <c r="AD656" s="496"/>
      <c r="AE656" s="496"/>
      <c r="AF656" s="496"/>
      <c r="AG656" s="496"/>
      <c r="AH656" s="496"/>
      <c r="AI656" s="496"/>
      <c r="AJ656" s="496"/>
      <c r="AK656" s="496"/>
      <c r="AL656" s="496"/>
      <c r="AM656" s="496"/>
      <c r="AN656" s="496"/>
      <c r="AO656" s="496"/>
      <c r="AP656" s="496"/>
      <c r="AQ656" s="496"/>
      <c r="AR656" s="496"/>
      <c r="AS656" s="496"/>
      <c r="AT656" s="487" t="s">
        <v>66</v>
      </c>
      <c r="AU656" s="487"/>
      <c r="AV656" s="487"/>
      <c r="AW656" s="487"/>
      <c r="AX656" s="487"/>
      <c r="AY656" s="487"/>
      <c r="AZ656" s="487"/>
      <c r="BA656" s="484"/>
      <c r="BB656" s="484" t="s">
        <v>340</v>
      </c>
      <c r="BC656" s="484" t="s">
        <v>3041</v>
      </c>
      <c r="BD656" s="494"/>
      <c r="BE656" s="494"/>
      <c r="BF656" s="613"/>
      <c r="BG656" s="613"/>
      <c r="BH656" s="613"/>
      <c r="BI656" s="613"/>
      <c r="BJ656" s="613"/>
      <c r="BK656" s="613"/>
      <c r="BL656" s="613"/>
      <c r="BM656" s="613"/>
      <c r="BN656" s="613"/>
      <c r="BO656" s="613"/>
      <c r="BP656" s="613"/>
      <c r="BQ656" s="613"/>
      <c r="BR656" s="613"/>
      <c r="BS656" s="613"/>
      <c r="BT656" s="613"/>
      <c r="BU656" s="613"/>
      <c r="BV656" s="613"/>
      <c r="BW656" s="613"/>
      <c r="BX656" s="613"/>
      <c r="BY656" s="613"/>
      <c r="BZ656" s="613"/>
      <c r="CA656" s="613"/>
      <c r="CB656" s="613"/>
      <c r="CC656" s="613"/>
      <c r="CD656" s="613"/>
      <c r="CE656" s="613"/>
      <c r="CF656" s="613"/>
      <c r="CG656" s="613"/>
      <c r="CH656" s="613"/>
      <c r="CI656" s="613"/>
      <c r="CJ656" s="613"/>
      <c r="CK656" s="613"/>
      <c r="CL656" s="613"/>
      <c r="CM656" s="613"/>
      <c r="CN656" s="613"/>
      <c r="CO656" s="613"/>
      <c r="CP656" s="613"/>
      <c r="CQ656" s="613"/>
      <c r="CR656" s="613"/>
      <c r="CS656" s="613"/>
      <c r="CT656" s="613"/>
      <c r="CU656" s="613"/>
      <c r="CV656" s="613"/>
      <c r="CW656" s="613"/>
      <c r="CX656" s="613"/>
      <c r="CY656" s="613"/>
      <c r="CZ656" s="613"/>
      <c r="DA656" s="613"/>
      <c r="DB656" s="613"/>
      <c r="DC656" s="613"/>
      <c r="DD656" s="613"/>
      <c r="DE656" s="613"/>
      <c r="DF656" s="613"/>
      <c r="DG656" s="613"/>
      <c r="DH656" s="613"/>
      <c r="DI656" s="613"/>
      <c r="DJ656" s="613"/>
      <c r="DK656" s="613"/>
      <c r="DL656" s="613"/>
      <c r="DM656" s="613"/>
      <c r="DN656" s="613"/>
      <c r="DO656" s="613"/>
      <c r="DP656" s="613"/>
      <c r="DQ656" s="613"/>
      <c r="DR656" s="613"/>
      <c r="DS656" s="613"/>
      <c r="DT656" s="613"/>
      <c r="DU656" s="613"/>
      <c r="DV656" s="613"/>
      <c r="DW656" s="613"/>
      <c r="DX656" s="613"/>
      <c r="DY656" s="613"/>
      <c r="DZ656" s="613"/>
      <c r="EA656" s="613"/>
      <c r="EB656" s="613"/>
      <c r="EC656" s="613"/>
      <c r="ED656" s="613"/>
      <c r="EE656" s="613"/>
      <c r="EF656" s="613"/>
      <c r="EG656" s="613"/>
      <c r="EH656" s="613"/>
      <c r="EI656" s="613"/>
      <c r="EJ656" s="613"/>
      <c r="EK656" s="613"/>
      <c r="EL656" s="613"/>
      <c r="EM656" s="613"/>
      <c r="EN656" s="613"/>
      <c r="EO656" s="613"/>
      <c r="EP656" s="613"/>
      <c r="EQ656" s="613"/>
      <c r="ER656" s="613"/>
      <c r="ES656" s="613"/>
      <c r="ET656" s="613"/>
      <c r="EU656" s="613"/>
      <c r="EV656" s="613"/>
      <c r="EW656" s="613"/>
      <c r="EX656" s="613"/>
      <c r="EY656" s="613"/>
      <c r="EZ656" s="613"/>
      <c r="FA656" s="613"/>
      <c r="FB656" s="613"/>
      <c r="FC656" s="613"/>
      <c r="FD656" s="613"/>
      <c r="FE656" s="613"/>
      <c r="FF656" s="613"/>
      <c r="FG656" s="613"/>
      <c r="FH656" s="613"/>
      <c r="FI656" s="613"/>
      <c r="FJ656" s="613"/>
      <c r="FK656" s="613"/>
      <c r="FL656" s="613"/>
      <c r="FM656" s="613"/>
      <c r="FN656" s="613"/>
      <c r="FO656" s="613"/>
      <c r="FP656" s="613"/>
      <c r="FQ656" s="613"/>
      <c r="FR656" s="613"/>
      <c r="FS656" s="613"/>
      <c r="FT656" s="613"/>
      <c r="FU656" s="613"/>
      <c r="FV656" s="613"/>
      <c r="FW656" s="613"/>
      <c r="FX656" s="613"/>
      <c r="FY656" s="613"/>
      <c r="FZ656" s="613"/>
      <c r="GA656" s="613"/>
      <c r="GB656" s="613"/>
      <c r="GC656" s="613"/>
      <c r="GD656" s="613"/>
      <c r="GE656" s="613"/>
      <c r="GF656" s="613"/>
      <c r="GG656" s="613"/>
      <c r="GH656" s="613"/>
      <c r="GI656" s="613"/>
      <c r="GJ656" s="613"/>
      <c r="GK656" s="613"/>
      <c r="GL656" s="613"/>
      <c r="GM656" s="613"/>
      <c r="GN656" s="613"/>
      <c r="GO656" s="613"/>
      <c r="GP656" s="613"/>
      <c r="GQ656" s="613"/>
      <c r="GR656" s="613"/>
      <c r="GS656" s="613"/>
      <c r="GT656" s="613"/>
      <c r="GU656" s="613"/>
      <c r="GV656" s="613"/>
      <c r="GW656" s="613"/>
      <c r="GX656" s="613"/>
      <c r="GY656" s="613"/>
      <c r="GZ656" s="613"/>
      <c r="HA656" s="613"/>
      <c r="HB656" s="613"/>
      <c r="HC656" s="613"/>
      <c r="HD656" s="613"/>
      <c r="HE656" s="613"/>
      <c r="HF656" s="613"/>
      <c r="HG656" s="613"/>
      <c r="HH656" s="613"/>
      <c r="HI656" s="613"/>
      <c r="HJ656" s="613"/>
      <c r="HK656" s="613"/>
      <c r="HL656" s="613"/>
      <c r="HM656" s="613"/>
      <c r="HN656" s="613"/>
      <c r="HO656" s="613"/>
      <c r="HP656" s="613"/>
      <c r="HQ656" s="613"/>
      <c r="HR656" s="613"/>
      <c r="HS656" s="613"/>
      <c r="HT656" s="613"/>
      <c r="HU656" s="613"/>
      <c r="HV656" s="613"/>
      <c r="HW656" s="613"/>
      <c r="HX656" s="613"/>
      <c r="HY656" s="613"/>
      <c r="HZ656" s="613"/>
      <c r="IA656" s="613"/>
      <c r="IB656" s="613"/>
      <c r="IC656" s="613"/>
      <c r="ID656" s="613"/>
      <c r="IE656" s="613"/>
      <c r="IF656" s="613"/>
      <c r="IG656" s="613"/>
      <c r="IH656" s="613"/>
      <c r="II656" s="613"/>
      <c r="IJ656" s="613"/>
      <c r="IK656" s="613"/>
      <c r="IL656" s="613"/>
      <c r="IM656" s="613"/>
      <c r="IN656" s="613"/>
      <c r="IO656" s="613"/>
      <c r="IP656" s="613"/>
      <c r="IQ656" s="613"/>
      <c r="IR656" s="613"/>
      <c r="IS656" s="613"/>
      <c r="IT656" s="613"/>
      <c r="IU656" s="613"/>
      <c r="IV656" s="613"/>
      <c r="IW656" s="613"/>
      <c r="IX656" s="613"/>
      <c r="IY656" s="613"/>
      <c r="IZ656" s="613"/>
      <c r="JA656" s="613"/>
      <c r="JB656" s="613"/>
      <c r="JC656" s="613"/>
      <c r="JD656" s="613"/>
      <c r="JE656" s="613"/>
      <c r="JF656" s="613"/>
      <c r="JG656" s="613"/>
      <c r="JH656" s="613"/>
      <c r="JI656" s="613"/>
      <c r="JJ656" s="613"/>
      <c r="JK656" s="613"/>
      <c r="JL656" s="613"/>
      <c r="JM656" s="613"/>
      <c r="JN656" s="613"/>
      <c r="JO656" s="613"/>
      <c r="JP656" s="613"/>
      <c r="JQ656" s="613"/>
      <c r="JR656" s="613"/>
      <c r="JS656" s="613"/>
      <c r="JT656" s="613"/>
      <c r="JU656" s="613"/>
      <c r="JV656" s="613"/>
      <c r="JW656" s="613"/>
      <c r="JX656" s="613"/>
      <c r="JY656" s="613"/>
      <c r="JZ656" s="613"/>
      <c r="KA656" s="613"/>
      <c r="KB656" s="613"/>
      <c r="KC656" s="613"/>
      <c r="KD656" s="613"/>
      <c r="KE656" s="613"/>
      <c r="KF656" s="613"/>
      <c r="KG656" s="613"/>
      <c r="KH656" s="613"/>
      <c r="KI656" s="613"/>
      <c r="KJ656" s="613"/>
      <c r="KK656" s="613"/>
      <c r="KL656" s="613"/>
      <c r="KM656" s="613"/>
      <c r="KN656" s="613"/>
      <c r="KO656" s="613"/>
      <c r="KP656" s="613"/>
      <c r="KQ656" s="613"/>
      <c r="KR656" s="613"/>
      <c r="KS656" s="613"/>
      <c r="KT656" s="613"/>
      <c r="KU656" s="613"/>
      <c r="KV656" s="613"/>
      <c r="KW656" s="613"/>
      <c r="KX656" s="613"/>
      <c r="KY656" s="613"/>
      <c r="KZ656" s="613"/>
      <c r="LA656" s="613"/>
      <c r="LB656" s="613"/>
      <c r="LC656" s="613"/>
      <c r="LD656" s="613"/>
      <c r="LE656" s="613"/>
      <c r="LF656" s="613"/>
      <c r="LG656" s="613"/>
      <c r="LH656" s="613"/>
      <c r="LI656" s="613"/>
      <c r="LJ656" s="613"/>
      <c r="LK656" s="613"/>
      <c r="LL656" s="613"/>
      <c r="LM656" s="613"/>
      <c r="LN656" s="613"/>
      <c r="LO656" s="613"/>
      <c r="LP656" s="613"/>
      <c r="LQ656" s="613"/>
      <c r="LR656" s="613"/>
      <c r="LS656" s="613"/>
      <c r="LT656" s="613"/>
      <c r="LU656" s="613"/>
      <c r="LV656" s="613"/>
      <c r="LW656" s="613"/>
      <c r="LX656" s="613"/>
      <c r="LY656" s="613"/>
      <c r="LZ656" s="613"/>
      <c r="MA656" s="613"/>
      <c r="MB656" s="613"/>
      <c r="MC656" s="613"/>
      <c r="MD656" s="613"/>
      <c r="ME656" s="613"/>
      <c r="MF656" s="613"/>
      <c r="MG656" s="613"/>
      <c r="MH656" s="613"/>
      <c r="MI656" s="613"/>
      <c r="MJ656" s="613"/>
      <c r="MK656" s="613"/>
      <c r="ML656" s="613"/>
      <c r="MM656" s="613"/>
      <c r="MN656" s="613"/>
      <c r="MO656" s="613"/>
      <c r="MP656" s="613"/>
      <c r="MQ656" s="613"/>
      <c r="MR656" s="613"/>
      <c r="MS656" s="613"/>
      <c r="MT656" s="613"/>
      <c r="MU656" s="613"/>
      <c r="MV656" s="613"/>
      <c r="MW656" s="613"/>
      <c r="MX656" s="613"/>
      <c r="MY656" s="613"/>
      <c r="MZ656" s="613"/>
      <c r="NA656" s="613"/>
      <c r="NB656" s="613"/>
      <c r="NC656" s="613"/>
      <c r="ND656" s="613"/>
      <c r="NE656" s="613"/>
      <c r="NF656" s="613"/>
      <c r="NG656" s="613"/>
      <c r="NH656" s="613"/>
      <c r="NI656" s="613"/>
      <c r="NJ656" s="613"/>
      <c r="NK656" s="613"/>
      <c r="NL656" s="613"/>
      <c r="NM656" s="613"/>
      <c r="NN656" s="613"/>
      <c r="NO656" s="613"/>
      <c r="NP656" s="613"/>
      <c r="NQ656" s="613"/>
      <c r="NR656" s="613"/>
      <c r="NS656" s="613"/>
      <c r="NT656" s="613"/>
      <c r="NU656" s="613"/>
      <c r="NV656" s="613"/>
      <c r="NW656" s="613"/>
      <c r="NX656" s="613"/>
      <c r="NY656" s="613"/>
      <c r="NZ656" s="613"/>
      <c r="OA656" s="613"/>
      <c r="OB656" s="613"/>
      <c r="OC656" s="613"/>
      <c r="OD656" s="613"/>
      <c r="OE656" s="613"/>
      <c r="OF656" s="613"/>
      <c r="OG656" s="613"/>
      <c r="OH656" s="613"/>
      <c r="OI656" s="613"/>
      <c r="OJ656" s="613"/>
      <c r="OK656" s="613"/>
      <c r="OL656" s="613"/>
      <c r="OM656" s="613"/>
      <c r="ON656" s="613"/>
      <c r="OO656" s="613"/>
      <c r="OP656" s="613"/>
      <c r="OQ656" s="613"/>
      <c r="OR656" s="613"/>
      <c r="OS656" s="613"/>
      <c r="OT656" s="613"/>
      <c r="OU656" s="613"/>
      <c r="OV656" s="613"/>
      <c r="OW656" s="613"/>
      <c r="OX656" s="613"/>
      <c r="OY656" s="613"/>
      <c r="OZ656" s="613"/>
      <c r="PA656" s="613"/>
      <c r="PB656" s="613"/>
      <c r="PC656" s="613"/>
      <c r="PD656" s="613"/>
      <c r="PE656" s="613"/>
      <c r="PF656" s="613"/>
      <c r="PG656" s="613"/>
      <c r="PH656" s="613"/>
      <c r="PI656" s="613"/>
      <c r="PJ656" s="613"/>
      <c r="PK656" s="613"/>
      <c r="PL656" s="613"/>
      <c r="PM656" s="613"/>
      <c r="PN656" s="613"/>
      <c r="PO656" s="613"/>
      <c r="PP656" s="613"/>
      <c r="PQ656" s="613"/>
      <c r="PR656" s="613"/>
      <c r="PS656" s="613"/>
      <c r="PT656" s="613"/>
      <c r="PU656" s="613"/>
      <c r="PV656" s="613"/>
      <c r="PW656" s="613"/>
      <c r="PX656" s="613"/>
      <c r="PY656" s="613"/>
      <c r="PZ656" s="613"/>
      <c r="QA656" s="613"/>
      <c r="QB656" s="613"/>
      <c r="QC656" s="613"/>
      <c r="QD656" s="613"/>
      <c r="QE656" s="613"/>
      <c r="QF656" s="613"/>
      <c r="QG656" s="613"/>
      <c r="QH656" s="613"/>
      <c r="QI656" s="613"/>
      <c r="QJ656" s="613"/>
      <c r="QK656" s="613"/>
      <c r="QL656" s="613"/>
      <c r="QM656" s="613"/>
      <c r="QN656" s="613"/>
      <c r="QO656" s="613"/>
      <c r="QP656" s="613"/>
      <c r="QQ656" s="613"/>
      <c r="QR656" s="613"/>
      <c r="QS656" s="613"/>
      <c r="QT656" s="613"/>
      <c r="QU656" s="613"/>
      <c r="QV656" s="613"/>
      <c r="QW656" s="613"/>
      <c r="QX656" s="613"/>
      <c r="QY656" s="613"/>
      <c r="QZ656" s="613"/>
      <c r="RA656" s="613"/>
      <c r="RB656" s="613"/>
      <c r="RC656" s="613"/>
      <c r="RD656" s="613"/>
      <c r="RE656" s="613"/>
      <c r="RF656" s="613"/>
      <c r="RG656" s="613"/>
      <c r="RH656" s="613"/>
      <c r="RI656" s="613"/>
      <c r="RJ656" s="613"/>
      <c r="RK656" s="613"/>
      <c r="RL656" s="613"/>
      <c r="RM656" s="613"/>
      <c r="RN656" s="613"/>
      <c r="RO656" s="613"/>
      <c r="RP656" s="613"/>
      <c r="RQ656" s="613"/>
      <c r="RR656" s="613"/>
      <c r="RS656" s="613"/>
      <c r="RT656" s="613"/>
      <c r="RU656" s="613"/>
      <c r="RV656" s="613"/>
      <c r="RW656" s="613"/>
      <c r="RX656" s="613"/>
      <c r="RY656" s="613"/>
      <c r="RZ656" s="613"/>
      <c r="SA656" s="613"/>
      <c r="SB656" s="613"/>
      <c r="SC656" s="613"/>
      <c r="SD656" s="613"/>
      <c r="SE656" s="613"/>
      <c r="SF656" s="613"/>
      <c r="SG656" s="613"/>
      <c r="SH656" s="613"/>
      <c r="SI656" s="613"/>
      <c r="SJ656" s="613"/>
      <c r="SK656" s="613"/>
      <c r="SL656" s="613"/>
      <c r="SM656" s="613"/>
      <c r="SN656" s="613"/>
      <c r="SO656" s="613"/>
      <c r="SP656" s="613"/>
      <c r="SQ656" s="613"/>
      <c r="SR656" s="613"/>
      <c r="SS656" s="613"/>
      <c r="ST656" s="613"/>
      <c r="SU656" s="613"/>
      <c r="SV656" s="613"/>
      <c r="SW656" s="613"/>
      <c r="SX656" s="613"/>
      <c r="SY656" s="613"/>
      <c r="SZ656" s="613"/>
      <c r="TA656" s="613"/>
      <c r="TB656" s="613"/>
      <c r="TC656" s="613"/>
      <c r="TD656" s="613"/>
      <c r="TE656" s="613"/>
      <c r="TF656" s="613"/>
      <c r="TG656" s="613"/>
      <c r="TH656" s="613"/>
      <c r="TI656" s="613"/>
      <c r="TJ656" s="613"/>
      <c r="TK656" s="613"/>
      <c r="TL656" s="613"/>
      <c r="TM656" s="613"/>
      <c r="TN656" s="613"/>
      <c r="TO656" s="613"/>
      <c r="TP656" s="613"/>
      <c r="TQ656" s="613"/>
      <c r="TR656" s="613"/>
      <c r="TS656" s="613"/>
      <c r="TT656" s="613"/>
      <c r="TU656" s="613"/>
      <c r="TV656" s="613"/>
      <c r="TW656" s="613"/>
      <c r="TX656" s="613"/>
      <c r="TY656" s="613"/>
      <c r="TZ656" s="613"/>
      <c r="UA656" s="613"/>
      <c r="UB656" s="613"/>
      <c r="UC656" s="613"/>
      <c r="UD656" s="613"/>
      <c r="UE656" s="613"/>
      <c r="UF656" s="613"/>
      <c r="UG656" s="613"/>
      <c r="UH656" s="613"/>
      <c r="UI656" s="613"/>
      <c r="UJ656" s="613"/>
      <c r="UK656" s="613"/>
      <c r="UL656" s="613"/>
      <c r="UM656" s="613"/>
      <c r="UN656" s="613"/>
      <c r="UO656" s="613"/>
      <c r="UP656" s="613"/>
      <c r="UQ656" s="613"/>
      <c r="UR656" s="613"/>
      <c r="US656" s="613"/>
      <c r="UT656" s="613"/>
      <c r="UU656" s="613"/>
      <c r="UV656" s="613"/>
      <c r="UW656" s="613"/>
      <c r="UX656" s="613"/>
      <c r="UY656" s="613"/>
      <c r="UZ656" s="613"/>
      <c r="VA656" s="613"/>
      <c r="VB656" s="613"/>
      <c r="VC656" s="613"/>
      <c r="VD656" s="613"/>
      <c r="VE656" s="613"/>
      <c r="VF656" s="613"/>
      <c r="VG656" s="613"/>
      <c r="VH656" s="613"/>
      <c r="VI656" s="613"/>
      <c r="VJ656" s="613"/>
      <c r="VK656" s="613"/>
      <c r="VL656" s="613"/>
      <c r="VM656" s="613"/>
      <c r="VN656" s="613"/>
      <c r="VO656" s="613"/>
      <c r="VP656" s="613"/>
      <c r="VQ656" s="613"/>
      <c r="VR656" s="613"/>
      <c r="VS656" s="613"/>
      <c r="VT656" s="613"/>
      <c r="VU656" s="613"/>
      <c r="VV656" s="613"/>
      <c r="VW656" s="613"/>
      <c r="VX656" s="613"/>
      <c r="VY656" s="613"/>
      <c r="VZ656" s="613"/>
      <c r="WA656" s="613"/>
      <c r="WB656" s="613"/>
      <c r="WC656" s="613"/>
      <c r="WD656" s="613"/>
      <c r="WE656" s="613"/>
      <c r="WF656" s="613"/>
      <c r="WG656" s="613"/>
      <c r="WH656" s="613"/>
      <c r="WI656" s="613"/>
      <c r="WJ656" s="613"/>
      <c r="WK656" s="613"/>
      <c r="WL656" s="613"/>
      <c r="WM656" s="613"/>
      <c r="WN656" s="613"/>
      <c r="WO656" s="613"/>
      <c r="WP656" s="613"/>
      <c r="WQ656" s="613"/>
      <c r="WR656" s="613"/>
      <c r="WS656" s="613"/>
      <c r="WT656" s="613"/>
      <c r="WU656" s="613"/>
      <c r="WV656" s="613"/>
      <c r="WW656" s="613"/>
      <c r="WX656" s="613"/>
      <c r="WY656" s="613"/>
      <c r="WZ656" s="613"/>
      <c r="XA656" s="613"/>
      <c r="XB656" s="613"/>
      <c r="XC656" s="613"/>
      <c r="XD656" s="613"/>
      <c r="XE656" s="613"/>
      <c r="XF656" s="613"/>
      <c r="XG656" s="613"/>
      <c r="XH656" s="613"/>
      <c r="XI656" s="613"/>
      <c r="XJ656" s="613"/>
      <c r="XK656" s="613"/>
      <c r="XL656" s="613"/>
      <c r="XM656" s="613"/>
      <c r="XN656" s="613"/>
      <c r="XO656" s="613"/>
      <c r="XP656" s="613"/>
      <c r="XQ656" s="613"/>
      <c r="XR656" s="613"/>
      <c r="XS656" s="613"/>
      <c r="XT656" s="613"/>
      <c r="XU656" s="613"/>
      <c r="XV656" s="613"/>
      <c r="XW656" s="613"/>
      <c r="XX656" s="613"/>
      <c r="XY656" s="613"/>
      <c r="XZ656" s="613"/>
      <c r="YA656" s="613"/>
      <c r="YB656" s="613"/>
      <c r="YC656" s="613"/>
      <c r="YD656" s="613"/>
      <c r="YE656" s="613"/>
      <c r="YF656" s="613"/>
      <c r="YG656" s="613"/>
      <c r="YH656" s="613"/>
      <c r="YI656" s="613"/>
      <c r="YJ656" s="613"/>
      <c r="YK656" s="613"/>
      <c r="YL656" s="613"/>
      <c r="YM656" s="613"/>
      <c r="YN656" s="613"/>
      <c r="YO656" s="613"/>
      <c r="YP656" s="613"/>
      <c r="YQ656" s="613"/>
      <c r="YR656" s="613"/>
      <c r="YS656" s="613"/>
      <c r="YT656" s="613"/>
      <c r="YU656" s="613"/>
      <c r="YV656" s="613"/>
      <c r="YW656" s="613"/>
      <c r="YX656" s="613"/>
      <c r="YY656" s="613"/>
      <c r="YZ656" s="613"/>
      <c r="ZA656" s="613"/>
      <c r="ZB656" s="613"/>
      <c r="ZC656" s="613"/>
      <c r="ZD656" s="613"/>
      <c r="ZE656" s="613"/>
      <c r="ZF656" s="613"/>
      <c r="ZG656" s="613"/>
      <c r="ZH656" s="613"/>
      <c r="ZI656" s="613"/>
      <c r="ZJ656" s="613"/>
      <c r="ZK656" s="613"/>
      <c r="ZL656" s="613"/>
      <c r="ZM656" s="613"/>
      <c r="ZN656" s="613"/>
      <c r="ZO656" s="613"/>
      <c r="ZP656" s="613"/>
      <c r="ZQ656" s="613"/>
      <c r="ZR656" s="613"/>
      <c r="ZS656" s="613"/>
      <c r="ZT656" s="613"/>
      <c r="ZU656" s="613"/>
      <c r="ZV656" s="613"/>
      <c r="ZW656" s="613"/>
      <c r="ZX656" s="613"/>
      <c r="ZY656" s="613"/>
      <c r="ZZ656" s="613"/>
      <c r="AAA656" s="613"/>
      <c r="AAB656" s="613"/>
      <c r="AAC656" s="613"/>
      <c r="AAD656" s="613"/>
      <c r="AAE656" s="613"/>
      <c r="AAF656" s="613"/>
      <c r="AAG656" s="613"/>
      <c r="AAH656" s="613"/>
      <c r="AAI656" s="613"/>
      <c r="AAJ656" s="613"/>
      <c r="AAK656" s="613"/>
      <c r="AAL656" s="613"/>
      <c r="AAM656" s="613"/>
      <c r="AAN656" s="613"/>
      <c r="AAO656" s="613"/>
      <c r="AAP656" s="613"/>
      <c r="AAQ656" s="613"/>
      <c r="AAR656" s="613"/>
      <c r="AAS656" s="613"/>
      <c r="AAT656" s="613"/>
      <c r="AAU656" s="613"/>
      <c r="AAV656" s="613"/>
      <c r="AAW656" s="613"/>
      <c r="AAX656" s="613"/>
      <c r="AAY656" s="613"/>
      <c r="AAZ656" s="613"/>
      <c r="ABA656" s="613"/>
      <c r="ABB656" s="613"/>
      <c r="ABC656" s="613"/>
      <c r="ABD656" s="613"/>
      <c r="ABE656" s="613"/>
      <c r="ABF656" s="613"/>
      <c r="ABG656" s="613"/>
      <c r="ABH656" s="613"/>
      <c r="ABI656" s="613"/>
      <c r="ABJ656" s="613"/>
      <c r="ABK656" s="613"/>
      <c r="ABL656" s="613"/>
      <c r="ABM656" s="613"/>
      <c r="ABN656" s="613"/>
      <c r="ABO656" s="613"/>
      <c r="ABP656" s="613"/>
      <c r="ABQ656" s="613"/>
      <c r="ABR656" s="613"/>
      <c r="ABS656" s="613"/>
      <c r="ABT656" s="613"/>
      <c r="ABU656" s="613"/>
      <c r="ABV656" s="613"/>
      <c r="ABW656" s="613"/>
      <c r="ABX656" s="613"/>
      <c r="ABY656" s="613"/>
      <c r="ABZ656" s="613"/>
      <c r="ACA656" s="613"/>
      <c r="ACB656" s="613"/>
      <c r="ACC656" s="613"/>
      <c r="ACD656" s="613"/>
      <c r="ACE656" s="613"/>
      <c r="ACF656" s="613"/>
      <c r="ACG656" s="613"/>
      <c r="ACH656" s="613"/>
      <c r="ACI656" s="613"/>
      <c r="ACJ656" s="613"/>
      <c r="ACK656" s="613"/>
      <c r="ACL656" s="613"/>
      <c r="ACM656" s="613"/>
      <c r="ACN656" s="613"/>
      <c r="ACO656" s="613"/>
      <c r="ACP656" s="613"/>
      <c r="ACQ656" s="613"/>
      <c r="ACR656" s="613"/>
      <c r="ACS656" s="613"/>
      <c r="ACT656" s="613"/>
      <c r="ACU656" s="613"/>
      <c r="ACV656" s="613"/>
      <c r="ACW656" s="613"/>
      <c r="ACX656" s="613"/>
      <c r="ACY656" s="613"/>
      <c r="ACZ656" s="613"/>
      <c r="ADA656" s="613"/>
      <c r="ADB656" s="613"/>
      <c r="ADC656" s="613"/>
      <c r="ADD656" s="613"/>
      <c r="ADE656" s="613"/>
      <c r="ADF656" s="613"/>
      <c r="ADG656" s="613"/>
      <c r="ADH656" s="613"/>
      <c r="ADI656" s="613"/>
      <c r="ADJ656" s="613"/>
      <c r="ADK656" s="613"/>
      <c r="ADL656" s="613"/>
      <c r="ADM656" s="613"/>
      <c r="ADN656" s="613"/>
      <c r="ADO656" s="613"/>
      <c r="ADP656" s="613"/>
      <c r="ADQ656" s="613"/>
      <c r="ADR656" s="613"/>
      <c r="ADS656" s="613"/>
      <c r="ADT656" s="613"/>
      <c r="ADU656" s="613"/>
      <c r="ADV656" s="613"/>
      <c r="ADW656" s="613"/>
      <c r="ADX656" s="613"/>
      <c r="ADY656" s="613"/>
      <c r="ADZ656" s="613"/>
      <c r="AEA656" s="613"/>
      <c r="AEB656" s="613"/>
      <c r="AEC656" s="613"/>
      <c r="AED656" s="613"/>
      <c r="AEE656" s="613"/>
      <c r="AEF656" s="613"/>
      <c r="AEG656" s="613"/>
      <c r="AEH656" s="613"/>
      <c r="AEI656" s="613"/>
      <c r="AEJ656" s="613"/>
      <c r="AEK656" s="613"/>
      <c r="AEL656" s="613"/>
      <c r="AEM656" s="613"/>
      <c r="AEN656" s="613"/>
      <c r="AEO656" s="613"/>
      <c r="AEP656" s="613"/>
      <c r="AEQ656" s="613"/>
      <c r="AER656" s="613"/>
      <c r="AES656" s="613"/>
      <c r="AET656" s="613"/>
      <c r="AEU656" s="613"/>
      <c r="AEV656" s="613"/>
      <c r="AEW656" s="613"/>
      <c r="AEX656" s="613"/>
      <c r="AEY656" s="613"/>
      <c r="AEZ656" s="613"/>
      <c r="AFA656" s="613"/>
      <c r="AFB656" s="613"/>
      <c r="AFC656" s="613"/>
      <c r="AFD656" s="613"/>
      <c r="AFE656" s="613"/>
      <c r="AFF656" s="613"/>
      <c r="AFG656" s="613"/>
      <c r="AFH656" s="613"/>
      <c r="AFI656" s="613"/>
      <c r="AFJ656" s="613"/>
      <c r="AFK656" s="613"/>
      <c r="AFL656" s="613"/>
      <c r="AFM656" s="613"/>
      <c r="AFN656" s="613"/>
      <c r="AFO656" s="613"/>
      <c r="AFP656" s="613"/>
      <c r="AFQ656" s="613"/>
      <c r="AFR656" s="613"/>
      <c r="AFS656" s="613"/>
      <c r="AFT656" s="613"/>
      <c r="AFU656" s="613"/>
      <c r="AFV656" s="613"/>
      <c r="AFW656" s="613"/>
      <c r="AFX656" s="613"/>
      <c r="AFY656" s="613"/>
      <c r="AFZ656" s="613"/>
      <c r="AGA656" s="613"/>
      <c r="AGB656" s="613"/>
      <c r="AGC656" s="613"/>
      <c r="AGD656" s="613"/>
      <c r="AGE656" s="613"/>
      <c r="AGF656" s="613"/>
      <c r="AGG656" s="613"/>
      <c r="AGH656" s="613"/>
      <c r="AGI656" s="613"/>
      <c r="AGJ656" s="613"/>
      <c r="AGK656" s="613"/>
      <c r="AGL656" s="613"/>
      <c r="AGM656" s="613"/>
      <c r="AGN656" s="613"/>
      <c r="AGO656" s="613"/>
      <c r="AGP656" s="613"/>
      <c r="AGQ656" s="613"/>
      <c r="AGR656" s="613"/>
      <c r="AGS656" s="613"/>
      <c r="AGT656" s="613"/>
      <c r="AGU656" s="613"/>
      <c r="AGV656" s="613"/>
      <c r="AGW656" s="613"/>
      <c r="AGX656" s="613"/>
      <c r="AGY656" s="613"/>
      <c r="AGZ656" s="613"/>
      <c r="AHA656" s="613"/>
      <c r="AHB656" s="613"/>
      <c r="AHC656" s="613"/>
      <c r="AHD656" s="613"/>
      <c r="AHE656" s="613"/>
      <c r="AHF656" s="613"/>
      <c r="AHG656" s="613"/>
      <c r="AHH656" s="613"/>
      <c r="AHI656" s="613"/>
      <c r="AHJ656" s="613"/>
      <c r="AHK656" s="613"/>
      <c r="AHL656" s="613"/>
      <c r="AHM656" s="613"/>
      <c r="AHN656" s="613"/>
      <c r="AHO656" s="613"/>
      <c r="AHP656" s="613"/>
      <c r="AHQ656" s="613"/>
      <c r="AHR656" s="613"/>
      <c r="AHS656" s="613"/>
      <c r="AHT656" s="613"/>
      <c r="AHU656" s="613"/>
      <c r="AHV656" s="613"/>
      <c r="AHW656" s="613"/>
      <c r="AHX656" s="613"/>
      <c r="AHY656" s="613"/>
      <c r="AHZ656" s="613"/>
      <c r="AIA656" s="613"/>
      <c r="AIB656" s="613"/>
      <c r="AIC656" s="613"/>
      <c r="AID656" s="613"/>
      <c r="AIE656" s="613"/>
      <c r="AIF656" s="613"/>
      <c r="AIG656" s="613"/>
      <c r="AIH656" s="613"/>
      <c r="AII656" s="613"/>
      <c r="AIJ656" s="613"/>
      <c r="AIK656" s="613"/>
      <c r="AIL656" s="613"/>
      <c r="AIM656" s="613"/>
      <c r="AIN656" s="613"/>
      <c r="AIO656" s="613"/>
      <c r="AIP656" s="613"/>
      <c r="AIQ656" s="613"/>
      <c r="AIR656" s="613"/>
      <c r="AIS656" s="613"/>
      <c r="AIT656" s="613"/>
      <c r="AIU656" s="613"/>
      <c r="AIV656" s="613"/>
      <c r="AIW656" s="613"/>
      <c r="AIX656" s="613"/>
      <c r="AIY656" s="613"/>
      <c r="AIZ656" s="613"/>
      <c r="AJA656" s="613"/>
      <c r="AJB656" s="613"/>
      <c r="AJC656" s="613"/>
      <c r="AJD656" s="613"/>
      <c r="AJE656" s="613"/>
      <c r="AJF656" s="613"/>
      <c r="AJG656" s="613"/>
      <c r="AJH656" s="613"/>
      <c r="AJI656" s="613"/>
      <c r="AJJ656" s="613"/>
      <c r="AJK656" s="613"/>
      <c r="AJL656" s="613"/>
      <c r="AJM656" s="613"/>
      <c r="AJN656" s="613"/>
      <c r="AJO656" s="613"/>
      <c r="AJP656" s="613"/>
      <c r="AJQ656" s="613"/>
      <c r="AJR656" s="613"/>
      <c r="AJS656" s="613"/>
      <c r="AJT656" s="613"/>
      <c r="AJU656" s="613"/>
      <c r="AJV656" s="613"/>
      <c r="AJW656" s="613"/>
      <c r="AJX656" s="613"/>
      <c r="AJY656" s="613"/>
      <c r="AJZ656" s="613"/>
      <c r="AKA656" s="613"/>
      <c r="AKB656" s="613"/>
      <c r="AKC656" s="613"/>
      <c r="AKD656" s="613"/>
      <c r="AKE656" s="613"/>
      <c r="AKF656" s="613"/>
      <c r="AKG656" s="613"/>
      <c r="AKH656" s="613"/>
      <c r="AKI656" s="613"/>
      <c r="AKJ656" s="613"/>
      <c r="AKK656" s="613"/>
      <c r="AKL656" s="613"/>
      <c r="AKM656" s="613"/>
      <c r="AKN656" s="613"/>
      <c r="AKO656" s="613"/>
      <c r="AKP656" s="613"/>
      <c r="AKQ656" s="613"/>
      <c r="AKR656" s="613"/>
      <c r="AKS656" s="613"/>
      <c r="AKT656" s="613"/>
      <c r="AKU656" s="613"/>
      <c r="AKV656" s="613"/>
      <c r="AKW656" s="613"/>
      <c r="AKX656" s="613"/>
      <c r="AKY656" s="613"/>
      <c r="AKZ656" s="613"/>
      <c r="ALA656" s="613"/>
      <c r="ALB656" s="613"/>
      <c r="ALC656" s="613"/>
      <c r="ALD656" s="613"/>
      <c r="ALE656" s="613"/>
      <c r="ALF656" s="613"/>
      <c r="ALG656" s="613"/>
      <c r="ALH656" s="613"/>
      <c r="ALI656" s="613"/>
      <c r="ALJ656" s="613"/>
      <c r="ALK656" s="613"/>
      <c r="ALL656" s="613"/>
      <c r="ALM656" s="613"/>
      <c r="ALN656" s="613"/>
      <c r="ALO656" s="613"/>
      <c r="ALP656" s="613"/>
      <c r="ALQ656" s="613"/>
      <c r="ALR656" s="613"/>
      <c r="ALS656" s="613"/>
      <c r="ALT656" s="613"/>
      <c r="ALU656" s="613"/>
      <c r="ALV656" s="613"/>
      <c r="ALW656" s="613"/>
      <c r="ALX656" s="613"/>
      <c r="ALY656" s="613"/>
      <c r="ALZ656" s="613"/>
      <c r="AMA656" s="613"/>
      <c r="AMB656" s="613"/>
      <c r="AMC656" s="613"/>
      <c r="AMD656" s="613"/>
      <c r="AME656" s="613"/>
      <c r="AMF656" s="613"/>
      <c r="AMG656" s="613"/>
      <c r="AMH656" s="613"/>
      <c r="AMI656" s="613"/>
      <c r="AMJ656" s="613"/>
      <c r="AMK656" s="613"/>
      <c r="AML656" s="613"/>
      <c r="AMM656" s="613"/>
      <c r="AMN656" s="613"/>
      <c r="AMO656" s="613"/>
      <c r="AMP656" s="613"/>
      <c r="AMQ656" s="613"/>
      <c r="AMR656" s="613"/>
      <c r="AMS656" s="613"/>
      <c r="AMT656" s="613"/>
      <c r="AMU656" s="613"/>
      <c r="AMV656" s="613"/>
      <c r="AMW656" s="613"/>
      <c r="AMX656" s="613"/>
      <c r="AMY656" s="613"/>
      <c r="AMZ656" s="613"/>
      <c r="ANA656" s="613"/>
      <c r="ANB656" s="613"/>
      <c r="ANC656" s="613"/>
      <c r="AND656" s="613"/>
      <c r="ANE656" s="613"/>
      <c r="ANF656" s="613"/>
      <c r="ANG656" s="613"/>
      <c r="ANH656" s="613"/>
      <c r="ANI656" s="613"/>
      <c r="ANJ656" s="613"/>
      <c r="ANK656" s="613"/>
      <c r="ANL656" s="613"/>
      <c r="ANM656" s="613"/>
      <c r="ANN656" s="613"/>
      <c r="ANO656" s="613"/>
      <c r="ANP656" s="613"/>
      <c r="ANQ656" s="613"/>
      <c r="ANR656" s="613"/>
      <c r="ANS656" s="613"/>
      <c r="ANT656" s="613"/>
      <c r="ANU656" s="613"/>
      <c r="ANV656" s="613"/>
      <c r="ANW656" s="613"/>
      <c r="ANX656" s="613"/>
      <c r="ANY656" s="613"/>
      <c r="ANZ656" s="613"/>
      <c r="AOA656" s="613"/>
      <c r="AOB656" s="613"/>
      <c r="AOC656" s="613"/>
      <c r="AOD656" s="613"/>
      <c r="AOE656" s="613"/>
      <c r="AOF656" s="613"/>
      <c r="AOG656" s="613"/>
      <c r="AOH656" s="613"/>
      <c r="AOI656" s="613"/>
      <c r="AOJ656" s="613"/>
      <c r="AOK656" s="613"/>
      <c r="AOL656" s="613"/>
      <c r="AOM656" s="613"/>
      <c r="AON656" s="613"/>
      <c r="AOO656" s="613"/>
      <c r="AOP656" s="613"/>
      <c r="AOQ656" s="613"/>
      <c r="AOR656" s="613"/>
      <c r="AOS656" s="613"/>
      <c r="AOT656" s="613"/>
      <c r="AOU656" s="613"/>
      <c r="AOV656" s="613"/>
      <c r="AOW656" s="613"/>
      <c r="AOX656" s="613"/>
      <c r="AOY656" s="613"/>
      <c r="AOZ656" s="613"/>
      <c r="APA656" s="613"/>
      <c r="APB656" s="613"/>
      <c r="APC656" s="613"/>
      <c r="APD656" s="613"/>
      <c r="APE656" s="613"/>
      <c r="APF656" s="613"/>
      <c r="APG656" s="613"/>
      <c r="APH656" s="613"/>
      <c r="API656" s="613"/>
      <c r="APJ656" s="613"/>
      <c r="APK656" s="613"/>
      <c r="APL656" s="613"/>
      <c r="APM656" s="613"/>
      <c r="APN656" s="613"/>
      <c r="APO656" s="613"/>
      <c r="APP656" s="613"/>
      <c r="APQ656" s="613"/>
      <c r="APR656" s="613"/>
      <c r="APS656" s="613"/>
      <c r="APT656" s="613"/>
      <c r="APU656" s="613"/>
      <c r="APV656" s="613"/>
      <c r="APW656" s="613"/>
      <c r="APX656" s="613"/>
      <c r="APY656" s="613"/>
      <c r="APZ656" s="613"/>
      <c r="AQA656" s="613"/>
      <c r="AQB656" s="613"/>
      <c r="AQC656" s="613"/>
      <c r="AQD656" s="613"/>
      <c r="AQE656" s="613"/>
      <c r="AQF656" s="613"/>
      <c r="AQG656" s="613"/>
      <c r="AQH656" s="613"/>
      <c r="AQI656" s="613"/>
      <c r="AQJ656" s="613"/>
      <c r="AQK656" s="613"/>
      <c r="AQL656" s="613"/>
      <c r="AQM656" s="613"/>
      <c r="AQN656" s="613"/>
      <c r="AQO656" s="613"/>
      <c r="AQP656" s="613"/>
      <c r="AQQ656" s="613"/>
      <c r="AQR656" s="613"/>
      <c r="AQS656" s="613"/>
      <c r="AQT656" s="613"/>
      <c r="AQU656" s="613"/>
      <c r="AQV656" s="613"/>
      <c r="AQW656" s="613"/>
      <c r="AQX656" s="613"/>
      <c r="AQY656" s="613"/>
      <c r="AQZ656" s="613"/>
      <c r="ARA656" s="613"/>
      <c r="ARB656" s="613"/>
      <c r="ARC656" s="613"/>
      <c r="ARD656" s="613"/>
      <c r="ARE656" s="613"/>
      <c r="ARF656" s="613"/>
      <c r="ARG656" s="613"/>
      <c r="ARH656" s="613"/>
      <c r="ARI656" s="613"/>
      <c r="ARJ656" s="613"/>
      <c r="ARK656" s="613"/>
      <c r="ARL656" s="613"/>
      <c r="ARM656" s="613"/>
      <c r="ARN656" s="613"/>
      <c r="ARO656" s="613"/>
      <c r="ARP656" s="613"/>
      <c r="ARQ656" s="613"/>
      <c r="ARR656" s="613"/>
      <c r="ARS656" s="613"/>
      <c r="ART656" s="613"/>
      <c r="ARU656" s="613"/>
      <c r="ARV656" s="613"/>
      <c r="ARW656" s="613"/>
      <c r="ARX656" s="613"/>
      <c r="ARY656" s="613"/>
      <c r="ARZ656" s="613"/>
      <c r="ASA656" s="613"/>
      <c r="ASB656" s="613"/>
      <c r="ASC656" s="613"/>
      <c r="ASD656" s="613"/>
      <c r="ASE656" s="613"/>
      <c r="ASF656" s="613"/>
      <c r="ASG656" s="613"/>
      <c r="ASH656" s="613"/>
      <c r="ASI656" s="613"/>
      <c r="ASJ656" s="613"/>
      <c r="ASK656" s="613"/>
      <c r="ASL656" s="613"/>
      <c r="ASM656" s="613"/>
      <c r="ASN656" s="613"/>
      <c r="ASO656" s="613"/>
      <c r="ASP656" s="613"/>
      <c r="ASQ656" s="613"/>
      <c r="ASR656" s="613"/>
      <c r="ASS656" s="613"/>
      <c r="AST656" s="613"/>
      <c r="ASU656" s="613"/>
      <c r="ASV656" s="613"/>
      <c r="ASW656" s="613"/>
      <c r="ASX656" s="613"/>
      <c r="ASY656" s="613"/>
      <c r="ASZ656" s="613"/>
      <c r="ATA656" s="613"/>
      <c r="ATB656" s="613"/>
      <c r="ATC656" s="613"/>
      <c r="ATD656" s="613"/>
      <c r="ATE656" s="613"/>
      <c r="ATF656" s="613"/>
      <c r="ATG656" s="613"/>
      <c r="ATH656" s="613"/>
      <c r="ATI656" s="613"/>
      <c r="ATJ656" s="613"/>
      <c r="ATK656" s="613"/>
      <c r="ATL656" s="613"/>
      <c r="ATM656" s="613"/>
      <c r="ATN656" s="613"/>
      <c r="ATO656" s="613"/>
      <c r="ATP656" s="613"/>
      <c r="ATQ656" s="613"/>
      <c r="ATR656" s="613"/>
      <c r="ATS656" s="613"/>
      <c r="ATT656" s="613"/>
      <c r="ATU656" s="613"/>
      <c r="ATV656" s="613"/>
      <c r="ATW656" s="613"/>
      <c r="ATX656" s="613"/>
      <c r="ATY656" s="613"/>
      <c r="ATZ656" s="613"/>
      <c r="AUA656" s="613"/>
      <c r="AUB656" s="613"/>
      <c r="AUC656" s="613"/>
      <c r="AUD656" s="613"/>
      <c r="AUE656" s="613"/>
      <c r="AUF656" s="613"/>
      <c r="AUG656" s="613"/>
      <c r="AUH656" s="613"/>
      <c r="AUI656" s="613"/>
      <c r="AUJ656" s="613"/>
      <c r="AUK656" s="613"/>
      <c r="AUL656" s="613"/>
      <c r="AUM656" s="613"/>
      <c r="AUN656" s="613"/>
      <c r="AUO656" s="613"/>
      <c r="AUP656" s="613"/>
      <c r="AUQ656" s="613"/>
      <c r="AUR656" s="613"/>
      <c r="AUS656" s="613"/>
      <c r="AUT656" s="613"/>
      <c r="AUU656" s="613"/>
      <c r="AUV656" s="613"/>
      <c r="AUW656" s="613"/>
      <c r="AUX656" s="613"/>
      <c r="AUY656" s="613"/>
      <c r="AUZ656" s="613"/>
      <c r="AVA656" s="613"/>
      <c r="AVB656" s="613"/>
      <c r="AVC656" s="613"/>
      <c r="AVD656" s="613"/>
      <c r="AVE656" s="613"/>
      <c r="AVF656" s="613"/>
      <c r="AVG656" s="613"/>
      <c r="AVH656" s="613"/>
      <c r="AVI656" s="613"/>
      <c r="AVJ656" s="613"/>
      <c r="AVK656" s="613"/>
      <c r="AVL656" s="613"/>
      <c r="AVM656" s="613"/>
      <c r="AVN656" s="613"/>
      <c r="AVO656" s="613"/>
      <c r="AVP656" s="613"/>
      <c r="AVQ656" s="613"/>
      <c r="AVR656" s="613"/>
      <c r="AVS656" s="613"/>
      <c r="AVT656" s="613"/>
      <c r="AVU656" s="613"/>
      <c r="AVV656" s="613"/>
      <c r="AVW656" s="613"/>
      <c r="AVX656" s="613"/>
      <c r="AVY656" s="613"/>
      <c r="AVZ656" s="613"/>
      <c r="AWA656" s="613"/>
      <c r="AWB656" s="613"/>
      <c r="AWC656" s="613"/>
      <c r="AWD656" s="613"/>
      <c r="AWE656" s="613"/>
      <c r="AWF656" s="613"/>
      <c r="AWG656" s="613"/>
      <c r="AWH656" s="613"/>
      <c r="AWI656" s="613"/>
      <c r="AWJ656" s="613"/>
      <c r="AWK656" s="613"/>
      <c r="AWL656" s="613"/>
      <c r="AWM656" s="613"/>
      <c r="AWN656" s="613"/>
      <c r="AWO656" s="613"/>
      <c r="AWP656" s="613"/>
      <c r="AWQ656" s="613"/>
      <c r="AWR656" s="613"/>
      <c r="AWS656" s="613"/>
      <c r="AWT656" s="613"/>
      <c r="AWU656" s="613"/>
      <c r="AWV656" s="613"/>
      <c r="AWW656" s="613"/>
      <c r="AWX656" s="613"/>
      <c r="AWY656" s="613"/>
      <c r="AWZ656" s="613"/>
      <c r="AXA656" s="613"/>
      <c r="AXB656" s="613"/>
      <c r="AXC656" s="613"/>
      <c r="AXD656" s="613"/>
      <c r="AXE656" s="613"/>
      <c r="AXF656" s="613"/>
      <c r="AXG656" s="613"/>
      <c r="AXH656" s="613"/>
      <c r="AXI656" s="613"/>
      <c r="AXJ656" s="613"/>
      <c r="AXK656" s="613"/>
      <c r="AXL656" s="613"/>
      <c r="AXM656" s="613"/>
      <c r="AXN656" s="613"/>
      <c r="AXO656" s="613"/>
      <c r="AXP656" s="613"/>
      <c r="AXQ656" s="613"/>
      <c r="AXR656" s="613"/>
      <c r="AXS656" s="613"/>
      <c r="AXT656" s="613"/>
      <c r="AXU656" s="613"/>
      <c r="AXV656" s="613"/>
      <c r="AXW656" s="613"/>
      <c r="AXX656" s="613"/>
      <c r="AXY656" s="613"/>
      <c r="AXZ656" s="613"/>
      <c r="AYA656" s="613"/>
      <c r="AYB656" s="613"/>
      <c r="AYC656" s="613"/>
      <c r="AYD656" s="613"/>
      <c r="AYE656" s="613"/>
      <c r="AYF656" s="613"/>
      <c r="AYG656" s="613"/>
      <c r="AYH656" s="613"/>
      <c r="AYI656" s="613"/>
      <c r="AYJ656" s="613"/>
      <c r="AYK656" s="613"/>
      <c r="AYL656" s="613"/>
      <c r="AYM656" s="613"/>
      <c r="AYN656" s="613"/>
      <c r="AYO656" s="613"/>
      <c r="AYP656" s="613"/>
      <c r="AYQ656" s="613"/>
      <c r="AYR656" s="613"/>
      <c r="AYS656" s="613"/>
      <c r="AYT656" s="613"/>
      <c r="AYU656" s="613"/>
      <c r="AYV656" s="613"/>
      <c r="AYW656" s="613"/>
      <c r="AYX656" s="613"/>
      <c r="AYY656" s="613"/>
      <c r="AYZ656" s="613"/>
      <c r="AZA656" s="613"/>
      <c r="AZB656" s="613"/>
      <c r="AZC656" s="613"/>
      <c r="AZD656" s="613"/>
      <c r="AZE656" s="613"/>
      <c r="AZF656" s="613"/>
      <c r="AZG656" s="613"/>
      <c r="AZH656" s="613"/>
      <c r="AZI656" s="613"/>
      <c r="AZJ656" s="613"/>
      <c r="AZK656" s="613"/>
      <c r="AZL656" s="613"/>
      <c r="AZM656" s="613"/>
      <c r="AZN656" s="613"/>
      <c r="AZO656" s="613"/>
      <c r="AZP656" s="613"/>
      <c r="AZQ656" s="613"/>
      <c r="AZR656" s="613"/>
      <c r="AZS656" s="613"/>
      <c r="AZT656" s="613"/>
      <c r="AZU656" s="613"/>
      <c r="AZV656" s="613"/>
      <c r="AZW656" s="613"/>
      <c r="AZX656" s="613"/>
      <c r="AZY656" s="613"/>
      <c r="AZZ656" s="613"/>
      <c r="BAA656" s="613"/>
      <c r="BAB656" s="613"/>
      <c r="BAC656" s="613"/>
      <c r="BAD656" s="613"/>
      <c r="BAE656" s="613"/>
      <c r="BAF656" s="613"/>
      <c r="BAG656" s="613"/>
      <c r="BAH656" s="613"/>
      <c r="BAI656" s="613"/>
      <c r="BAJ656" s="613"/>
      <c r="BAK656" s="613"/>
      <c r="BAL656" s="613"/>
      <c r="BAM656" s="613"/>
      <c r="BAN656" s="613"/>
      <c r="BAO656" s="613"/>
      <c r="BAP656" s="613"/>
      <c r="BAQ656" s="613"/>
      <c r="BAR656" s="613"/>
      <c r="BAS656" s="613"/>
      <c r="BAT656" s="613"/>
      <c r="BAU656" s="613"/>
      <c r="BAV656" s="613"/>
      <c r="BAW656" s="613"/>
      <c r="BAX656" s="613"/>
      <c r="BAY656" s="613"/>
      <c r="BAZ656" s="613"/>
      <c r="BBA656" s="613"/>
      <c r="BBB656" s="613"/>
      <c r="BBC656" s="613"/>
      <c r="BBD656" s="613"/>
      <c r="BBE656" s="613"/>
      <c r="BBF656" s="613"/>
      <c r="BBG656" s="613"/>
      <c r="BBH656" s="613"/>
      <c r="BBI656" s="613"/>
      <c r="BBJ656" s="613"/>
      <c r="BBK656" s="613"/>
      <c r="BBL656" s="613"/>
      <c r="BBM656" s="613"/>
      <c r="BBN656" s="613"/>
      <c r="BBO656" s="613"/>
      <c r="BBP656" s="613"/>
      <c r="BBQ656" s="613"/>
      <c r="BBR656" s="613"/>
      <c r="BBS656" s="613"/>
      <c r="BBT656" s="613"/>
      <c r="BBU656" s="613"/>
      <c r="BBV656" s="613"/>
      <c r="BBW656" s="613"/>
      <c r="BBX656" s="613"/>
      <c r="BBY656" s="613"/>
      <c r="BBZ656" s="613"/>
      <c r="BCA656" s="613"/>
      <c r="BCB656" s="613"/>
      <c r="BCC656" s="613"/>
      <c r="BCD656" s="613"/>
      <c r="BCE656" s="613"/>
      <c r="BCF656" s="613"/>
      <c r="BCG656" s="613"/>
      <c r="BCH656" s="613"/>
      <c r="BCI656" s="613"/>
      <c r="BCJ656" s="613"/>
      <c r="BCK656" s="613"/>
      <c r="BCL656" s="613"/>
      <c r="BCM656" s="613"/>
      <c r="BCN656" s="613"/>
      <c r="BCO656" s="613"/>
      <c r="BCP656" s="613"/>
      <c r="BCQ656" s="613"/>
      <c r="BCR656" s="613"/>
      <c r="BCS656" s="613"/>
      <c r="BCT656" s="613"/>
      <c r="BCU656" s="613"/>
      <c r="BCV656" s="613"/>
      <c r="BCW656" s="613"/>
      <c r="BCX656" s="613"/>
      <c r="BCY656" s="613"/>
      <c r="BCZ656" s="613"/>
      <c r="BDA656" s="613"/>
      <c r="BDB656" s="613"/>
      <c r="BDC656" s="613"/>
      <c r="BDD656" s="613"/>
      <c r="BDE656" s="613"/>
      <c r="BDF656" s="613"/>
      <c r="BDG656" s="613"/>
      <c r="BDH656" s="613"/>
      <c r="BDI656" s="613"/>
      <c r="BDJ656" s="613"/>
      <c r="BDK656" s="613"/>
      <c r="BDL656" s="613"/>
      <c r="BDM656" s="613"/>
      <c r="BDN656" s="613"/>
      <c r="BDO656" s="613"/>
      <c r="BDP656" s="613"/>
      <c r="BDQ656" s="613"/>
      <c r="BDR656" s="613"/>
      <c r="BDS656" s="613"/>
      <c r="BDT656" s="613"/>
      <c r="BDU656" s="613"/>
      <c r="BDV656" s="613"/>
      <c r="BDW656" s="613"/>
      <c r="BDX656" s="613"/>
      <c r="BDY656" s="613"/>
      <c r="BDZ656" s="613"/>
      <c r="BEA656" s="613"/>
      <c r="BEB656" s="613"/>
      <c r="BEC656" s="613"/>
      <c r="BED656" s="613"/>
      <c r="BEE656" s="613"/>
      <c r="BEF656" s="613"/>
      <c r="BEG656" s="613"/>
      <c r="BEH656" s="613"/>
      <c r="BEI656" s="613"/>
      <c r="BEJ656" s="613"/>
      <c r="BEK656" s="613"/>
      <c r="BEL656" s="613"/>
      <c r="BEM656" s="613"/>
      <c r="BEN656" s="613"/>
      <c r="BEO656" s="613"/>
      <c r="BEP656" s="613"/>
      <c r="BEQ656" s="613"/>
      <c r="BER656" s="613"/>
      <c r="BES656" s="613"/>
      <c r="BET656" s="613"/>
      <c r="BEU656" s="613"/>
      <c r="BEV656" s="613"/>
      <c r="BEW656" s="613"/>
      <c r="BEX656" s="613"/>
      <c r="BEY656" s="613"/>
      <c r="BEZ656" s="613"/>
      <c r="BFA656" s="613"/>
      <c r="BFB656" s="613"/>
      <c r="BFC656" s="613"/>
      <c r="BFD656" s="613"/>
      <c r="BFE656" s="613"/>
      <c r="BFF656" s="613"/>
      <c r="BFG656" s="613"/>
      <c r="BFH656" s="613"/>
      <c r="BFI656" s="613"/>
      <c r="BFJ656" s="613"/>
      <c r="BFK656" s="613"/>
      <c r="BFL656" s="613"/>
      <c r="BFM656" s="613"/>
      <c r="BFN656" s="613"/>
      <c r="BFO656" s="613"/>
      <c r="BFP656" s="613"/>
      <c r="BFQ656" s="613"/>
      <c r="BFR656" s="613"/>
      <c r="BFS656" s="613"/>
      <c r="BFT656" s="613"/>
      <c r="BFU656" s="613"/>
      <c r="BFV656" s="613"/>
      <c r="BFW656" s="613"/>
      <c r="BFX656" s="613"/>
      <c r="BFY656" s="613"/>
      <c r="BFZ656" s="613"/>
      <c r="BGA656" s="613"/>
      <c r="BGB656" s="613"/>
      <c r="BGC656" s="613"/>
      <c r="BGD656" s="613"/>
      <c r="BGE656" s="613"/>
      <c r="BGF656" s="613"/>
      <c r="BGG656" s="613"/>
      <c r="BGH656" s="613"/>
      <c r="BGI656" s="613"/>
      <c r="BGJ656" s="613"/>
      <c r="BGK656" s="613"/>
      <c r="BGL656" s="613"/>
      <c r="BGM656" s="613"/>
      <c r="BGN656" s="613"/>
      <c r="BGO656" s="613"/>
      <c r="BGP656" s="613"/>
      <c r="BGQ656" s="613"/>
      <c r="BGR656" s="613"/>
      <c r="BGS656" s="613"/>
      <c r="BGT656" s="613"/>
      <c r="BGU656" s="613"/>
      <c r="BGV656" s="613"/>
      <c r="BGW656" s="613"/>
      <c r="BGX656" s="613"/>
      <c r="BGY656" s="613"/>
      <c r="BGZ656" s="613"/>
      <c r="BHA656" s="613"/>
      <c r="BHB656" s="613"/>
      <c r="BHC656" s="613"/>
      <c r="BHD656" s="613"/>
      <c r="BHE656" s="613"/>
      <c r="BHF656" s="613"/>
      <c r="BHG656" s="613"/>
      <c r="BHH656" s="613"/>
      <c r="BHI656" s="613"/>
      <c r="BHJ656" s="613"/>
      <c r="BHK656" s="613"/>
      <c r="BHL656" s="613"/>
      <c r="BHM656" s="613"/>
      <c r="BHN656" s="613"/>
      <c r="BHO656" s="613"/>
      <c r="BHP656" s="613"/>
      <c r="BHQ656" s="613"/>
      <c r="BHR656" s="613"/>
      <c r="BHS656" s="613"/>
      <c r="BHT656" s="613"/>
      <c r="BHU656" s="613"/>
      <c r="BHV656" s="613"/>
      <c r="BHW656" s="613"/>
      <c r="BHX656" s="613"/>
      <c r="BHY656" s="613"/>
      <c r="BHZ656" s="613"/>
      <c r="BIA656" s="613"/>
      <c r="BIB656" s="613"/>
      <c r="BIC656" s="613"/>
      <c r="BID656" s="613"/>
      <c r="BIE656" s="613"/>
      <c r="BIF656" s="613"/>
      <c r="BIG656" s="613"/>
      <c r="BIH656" s="613"/>
      <c r="BII656" s="613"/>
      <c r="BIJ656" s="613"/>
      <c r="BIK656" s="613"/>
      <c r="BIL656" s="613"/>
      <c r="BIM656" s="613"/>
      <c r="BIN656" s="613"/>
      <c r="BIO656" s="613"/>
      <c r="BIP656" s="613"/>
      <c r="BIQ656" s="613"/>
      <c r="BIR656" s="613"/>
      <c r="BIS656" s="613"/>
      <c r="BIT656" s="613"/>
      <c r="BIU656" s="613"/>
      <c r="BIV656" s="613"/>
      <c r="BIW656" s="613"/>
      <c r="BIX656" s="613"/>
      <c r="BIY656" s="613"/>
      <c r="BIZ656" s="613"/>
      <c r="BJA656" s="613"/>
      <c r="BJB656" s="613"/>
      <c r="BJC656" s="613"/>
      <c r="BJD656" s="613"/>
      <c r="BJE656" s="613"/>
      <c r="BJF656" s="613"/>
      <c r="BJG656" s="613"/>
      <c r="BJH656" s="613"/>
      <c r="BJI656" s="613"/>
      <c r="BJJ656" s="613"/>
      <c r="BJK656" s="613"/>
      <c r="BJL656" s="613"/>
      <c r="BJM656" s="613"/>
      <c r="BJN656" s="613"/>
      <c r="BJO656" s="613"/>
      <c r="BJP656" s="613"/>
      <c r="BJQ656" s="613"/>
      <c r="BJR656" s="613"/>
      <c r="BJS656" s="613"/>
      <c r="BJT656" s="613"/>
      <c r="BJU656" s="613"/>
      <c r="BJV656" s="613"/>
      <c r="BJW656" s="613"/>
      <c r="BJX656" s="613"/>
      <c r="BJY656" s="613"/>
      <c r="BJZ656" s="613"/>
      <c r="BKA656" s="613"/>
      <c r="BKB656" s="613"/>
      <c r="BKC656" s="613"/>
      <c r="BKD656" s="613"/>
      <c r="BKE656" s="613"/>
      <c r="BKF656" s="613"/>
      <c r="BKG656" s="613"/>
      <c r="BKH656" s="613"/>
      <c r="BKI656" s="613"/>
      <c r="BKJ656" s="613"/>
      <c r="BKK656" s="613"/>
      <c r="BKL656" s="613"/>
      <c r="BKM656" s="613"/>
      <c r="BKN656" s="613"/>
      <c r="BKO656" s="613"/>
      <c r="BKP656" s="613"/>
      <c r="BKQ656" s="613"/>
      <c r="BKR656" s="613"/>
      <c r="BKS656" s="613"/>
      <c r="BKT656" s="613"/>
      <c r="BKU656" s="613"/>
      <c r="BKV656" s="613"/>
      <c r="BKW656" s="613"/>
      <c r="BKX656" s="613"/>
      <c r="BKY656" s="613"/>
      <c r="BKZ656" s="613"/>
      <c r="BLA656" s="613"/>
      <c r="BLB656" s="613"/>
      <c r="BLC656" s="613"/>
      <c r="BLD656" s="613"/>
      <c r="BLE656" s="613"/>
      <c r="BLF656" s="613"/>
      <c r="BLG656" s="613"/>
      <c r="BLH656" s="613"/>
      <c r="BLI656" s="613"/>
      <c r="BLJ656" s="613"/>
      <c r="BLK656" s="613"/>
      <c r="BLL656" s="613"/>
      <c r="BLM656" s="613"/>
      <c r="BLN656" s="613"/>
      <c r="BLO656" s="613"/>
      <c r="BLP656" s="613"/>
      <c r="BLQ656" s="613"/>
      <c r="BLR656" s="613"/>
      <c r="BLS656" s="613"/>
      <c r="BLT656" s="613"/>
      <c r="BLU656" s="613"/>
      <c r="BLV656" s="613"/>
      <c r="BLW656" s="613"/>
      <c r="BLX656" s="613"/>
      <c r="BLY656" s="613"/>
      <c r="BLZ656" s="613"/>
      <c r="BMA656" s="613"/>
      <c r="BMB656" s="613"/>
      <c r="BMC656" s="613"/>
      <c r="BMD656" s="613"/>
      <c r="BME656" s="613"/>
      <c r="BMF656" s="613"/>
      <c r="BMG656" s="613"/>
      <c r="BMH656" s="613"/>
      <c r="BMI656" s="613"/>
      <c r="BMJ656" s="613"/>
      <c r="BMK656" s="613"/>
      <c r="BML656" s="613"/>
      <c r="BMM656" s="613"/>
      <c r="BMN656" s="613"/>
      <c r="BMO656" s="613"/>
      <c r="BMP656" s="613"/>
      <c r="BMQ656" s="613"/>
      <c r="BMR656" s="613"/>
      <c r="BMS656" s="613"/>
      <c r="BMT656" s="613"/>
      <c r="BMU656" s="613"/>
      <c r="BMV656" s="613"/>
      <c r="BMW656" s="613"/>
      <c r="BMX656" s="613"/>
      <c r="BMY656" s="613"/>
      <c r="BMZ656" s="613"/>
      <c r="BNA656" s="613"/>
      <c r="BNB656" s="613"/>
      <c r="BNC656" s="613"/>
      <c r="BND656" s="613"/>
      <c r="BNE656" s="613"/>
      <c r="BNF656" s="613"/>
      <c r="BNG656" s="613"/>
      <c r="BNH656" s="613"/>
      <c r="BNI656" s="613"/>
      <c r="BNJ656" s="613"/>
      <c r="BNK656" s="613"/>
      <c r="BNL656" s="613"/>
      <c r="BNM656" s="613"/>
      <c r="BNN656" s="613"/>
      <c r="BNO656" s="613"/>
      <c r="BNP656" s="613"/>
      <c r="BNQ656" s="613"/>
      <c r="BNR656" s="613"/>
      <c r="BNS656" s="613"/>
      <c r="BNT656" s="613"/>
      <c r="BNU656" s="613"/>
      <c r="BNV656" s="613"/>
      <c r="BNW656" s="613"/>
      <c r="BNX656" s="613"/>
      <c r="BNY656" s="613"/>
      <c r="BNZ656" s="613"/>
      <c r="BOA656" s="613"/>
      <c r="BOB656" s="613"/>
      <c r="BOC656" s="613"/>
      <c r="BOD656" s="613"/>
      <c r="BOE656" s="613"/>
      <c r="BOF656" s="613"/>
      <c r="BOG656" s="613"/>
      <c r="BOH656" s="613"/>
      <c r="BOI656" s="613"/>
      <c r="BOJ656" s="613"/>
      <c r="BOK656" s="613"/>
      <c r="BOL656" s="613"/>
      <c r="BOM656" s="613"/>
      <c r="BON656" s="613"/>
      <c r="BOO656" s="613"/>
      <c r="BOP656" s="613"/>
      <c r="BOQ656" s="613"/>
      <c r="BOR656" s="613"/>
      <c r="BOS656" s="613"/>
      <c r="BOT656" s="613"/>
      <c r="BOU656" s="613"/>
      <c r="BOV656" s="613"/>
      <c r="BOW656" s="613"/>
      <c r="BOX656" s="613"/>
      <c r="BOY656" s="613"/>
      <c r="BOZ656" s="613"/>
      <c r="BPA656" s="613"/>
      <c r="BPB656" s="613"/>
      <c r="BPC656" s="613"/>
      <c r="BPD656" s="613"/>
      <c r="BPE656" s="613"/>
      <c r="BPF656" s="613"/>
      <c r="BPG656" s="613"/>
      <c r="BPH656" s="613"/>
      <c r="BPI656" s="613"/>
      <c r="BPJ656" s="613"/>
      <c r="BPK656" s="613"/>
      <c r="BPL656" s="613"/>
      <c r="BPM656" s="613"/>
      <c r="BPN656" s="613"/>
      <c r="BPO656" s="613"/>
      <c r="BPP656" s="613"/>
      <c r="BPQ656" s="613"/>
      <c r="BPR656" s="613"/>
      <c r="BPS656" s="613"/>
      <c r="BPT656" s="613"/>
      <c r="BPU656" s="613"/>
      <c r="BPV656" s="613"/>
      <c r="BPW656" s="613"/>
      <c r="BPX656" s="613"/>
      <c r="BPY656" s="613"/>
      <c r="BPZ656" s="613"/>
      <c r="BQA656" s="613"/>
      <c r="BQB656" s="613"/>
      <c r="BQC656" s="613"/>
      <c r="BQD656" s="613"/>
      <c r="BQE656" s="613"/>
      <c r="BQF656" s="613"/>
      <c r="BQG656" s="613"/>
      <c r="BQH656" s="613"/>
      <c r="BQI656" s="613"/>
      <c r="BQJ656" s="613"/>
      <c r="BQK656" s="613"/>
      <c r="BQL656" s="613"/>
      <c r="BQM656" s="613"/>
      <c r="BQN656" s="613"/>
      <c r="BQO656" s="613"/>
      <c r="BQP656" s="613"/>
      <c r="BQQ656" s="613"/>
      <c r="BQR656" s="613"/>
      <c r="BQS656" s="613"/>
      <c r="BQT656" s="613"/>
      <c r="BQU656" s="613"/>
      <c r="BQV656" s="613"/>
      <c r="BQW656" s="613"/>
      <c r="BQX656" s="613"/>
      <c r="BQY656" s="613"/>
      <c r="BQZ656" s="613"/>
      <c r="BRA656" s="613"/>
      <c r="BRB656" s="613"/>
      <c r="BRC656" s="613"/>
      <c r="BRD656" s="613"/>
      <c r="BRE656" s="613"/>
      <c r="BRF656" s="613"/>
      <c r="BRG656" s="613"/>
      <c r="BRH656" s="613"/>
      <c r="BRI656" s="613"/>
      <c r="BRJ656" s="613"/>
      <c r="BRK656" s="613"/>
      <c r="BRL656" s="613"/>
      <c r="BRM656" s="613"/>
      <c r="BRN656" s="613"/>
      <c r="BRO656" s="613"/>
      <c r="BRP656" s="613"/>
      <c r="BRQ656" s="613"/>
      <c r="BRR656" s="613"/>
      <c r="BRS656" s="613"/>
      <c r="BRT656" s="613"/>
      <c r="BRU656" s="613"/>
      <c r="BRV656" s="613"/>
      <c r="BRW656" s="613"/>
      <c r="BRX656" s="613"/>
      <c r="BRY656" s="613"/>
      <c r="BRZ656" s="613"/>
      <c r="BSA656" s="613"/>
      <c r="BSB656" s="613"/>
      <c r="BSC656" s="613"/>
      <c r="BSD656" s="613"/>
      <c r="BSE656" s="613"/>
      <c r="BSF656" s="613"/>
      <c r="BSG656" s="613"/>
      <c r="BSH656" s="613"/>
      <c r="BSI656" s="613"/>
      <c r="BSJ656" s="613"/>
      <c r="BSK656" s="613"/>
      <c r="BSL656" s="613"/>
      <c r="BSM656" s="613"/>
      <c r="BSN656" s="613"/>
      <c r="BSO656" s="613"/>
      <c r="BSP656" s="613"/>
      <c r="BSQ656" s="613"/>
      <c r="BSR656" s="613"/>
      <c r="BSS656" s="613"/>
      <c r="BST656" s="613"/>
      <c r="BSU656" s="613"/>
      <c r="BSV656" s="613"/>
      <c r="BSW656" s="613"/>
      <c r="BSX656" s="613"/>
      <c r="BSY656" s="613"/>
      <c r="BSZ656" s="613"/>
      <c r="BTA656" s="613"/>
      <c r="BTB656" s="613"/>
      <c r="BTC656" s="613"/>
      <c r="BTD656" s="613"/>
      <c r="BTE656" s="613"/>
      <c r="BTF656" s="613"/>
      <c r="BTG656" s="613"/>
      <c r="BTH656" s="613"/>
      <c r="BTI656" s="613"/>
      <c r="BTJ656" s="613"/>
      <c r="BTK656" s="613"/>
      <c r="BTL656" s="613"/>
      <c r="BTM656" s="613"/>
      <c r="BTN656" s="613"/>
      <c r="BTO656" s="613"/>
      <c r="BTP656" s="613"/>
      <c r="BTQ656" s="613"/>
      <c r="BTR656" s="613"/>
      <c r="BTS656" s="613"/>
      <c r="BTT656" s="613"/>
      <c r="BTU656" s="613"/>
      <c r="BTV656" s="613"/>
      <c r="BTW656" s="613"/>
      <c r="BTX656" s="613"/>
      <c r="BTY656" s="613"/>
      <c r="BTZ656" s="613"/>
      <c r="BUA656" s="613"/>
      <c r="BUB656" s="613"/>
      <c r="BUC656" s="613"/>
      <c r="BUD656" s="613"/>
      <c r="BUE656" s="613"/>
      <c r="BUF656" s="613"/>
      <c r="BUG656" s="613"/>
      <c r="BUH656" s="613"/>
      <c r="BUI656" s="613"/>
      <c r="BUJ656" s="613"/>
      <c r="BUK656" s="613"/>
      <c r="BUL656" s="613"/>
      <c r="BUM656" s="613"/>
      <c r="BUN656" s="613"/>
      <c r="BUO656" s="613"/>
      <c r="BUP656" s="613"/>
      <c r="BUQ656" s="613"/>
      <c r="BUR656" s="613"/>
      <c r="BUS656" s="613"/>
      <c r="BUT656" s="613"/>
      <c r="BUU656" s="613"/>
      <c r="BUV656" s="613"/>
      <c r="BUW656" s="613"/>
      <c r="BUX656" s="613"/>
      <c r="BUY656" s="613"/>
      <c r="BUZ656" s="613"/>
      <c r="BVA656" s="613"/>
      <c r="BVB656" s="613"/>
      <c r="BVC656" s="613"/>
      <c r="BVD656" s="613"/>
      <c r="BVE656" s="613"/>
      <c r="BVF656" s="613"/>
      <c r="BVG656" s="613"/>
      <c r="BVH656" s="613"/>
      <c r="BVI656" s="613"/>
      <c r="BVJ656" s="613"/>
      <c r="BVK656" s="613"/>
      <c r="BVL656" s="613"/>
      <c r="BVM656" s="613"/>
      <c r="BVN656" s="613"/>
      <c r="BVO656" s="613"/>
      <c r="BVP656" s="613"/>
      <c r="BVQ656" s="613"/>
      <c r="BVR656" s="613"/>
      <c r="BVS656" s="613"/>
      <c r="BVT656" s="613"/>
      <c r="BVU656" s="613"/>
      <c r="BVV656" s="613"/>
      <c r="BVW656" s="613"/>
      <c r="BVX656" s="613"/>
      <c r="BVY656" s="613"/>
      <c r="BVZ656" s="613"/>
      <c r="BWA656" s="613"/>
      <c r="BWB656" s="613"/>
      <c r="BWC656" s="613"/>
      <c r="BWD656" s="613"/>
      <c r="BWE656" s="613"/>
      <c r="BWF656" s="613"/>
      <c r="BWG656" s="613"/>
      <c r="BWH656" s="613"/>
      <c r="BWI656" s="613"/>
      <c r="BWJ656" s="613"/>
      <c r="BWK656" s="613"/>
      <c r="BWL656" s="613"/>
      <c r="BWM656" s="613"/>
      <c r="BWN656" s="613"/>
      <c r="BWO656" s="613"/>
      <c r="BWP656" s="613"/>
      <c r="BWQ656" s="613"/>
      <c r="BWR656" s="613"/>
      <c r="BWS656" s="613"/>
      <c r="BWT656" s="613"/>
      <c r="BWU656" s="613"/>
      <c r="BWV656" s="613"/>
      <c r="BWW656" s="613"/>
      <c r="BWX656" s="613"/>
      <c r="BWY656" s="613"/>
      <c r="BWZ656" s="613"/>
      <c r="BXA656" s="613"/>
      <c r="BXB656" s="613"/>
      <c r="BXC656" s="613"/>
      <c r="BXD656" s="613"/>
      <c r="BXE656" s="613"/>
      <c r="BXF656" s="613"/>
      <c r="BXG656" s="613"/>
      <c r="BXH656" s="613"/>
      <c r="BXI656" s="613"/>
      <c r="BXJ656" s="613"/>
      <c r="BXK656" s="613"/>
      <c r="BXL656" s="613"/>
      <c r="BXM656" s="613"/>
      <c r="BXN656" s="613"/>
      <c r="BXO656" s="613"/>
      <c r="BXP656" s="613"/>
      <c r="BXQ656" s="613"/>
      <c r="BXR656" s="613"/>
      <c r="BXS656" s="613"/>
      <c r="BXT656" s="613"/>
      <c r="BXU656" s="613"/>
      <c r="BXV656" s="613"/>
      <c r="BXW656" s="613"/>
      <c r="BXX656" s="613"/>
      <c r="BXY656" s="613"/>
      <c r="BXZ656" s="613"/>
      <c r="BYA656" s="613"/>
      <c r="BYB656" s="613"/>
      <c r="BYC656" s="613"/>
      <c r="BYD656" s="613"/>
      <c r="BYE656" s="613"/>
      <c r="BYF656" s="613"/>
      <c r="BYG656" s="613"/>
      <c r="BYH656" s="613"/>
      <c r="BYI656" s="613"/>
      <c r="BYJ656" s="613"/>
      <c r="BYK656" s="613"/>
      <c r="BYL656" s="613"/>
      <c r="BYM656" s="613"/>
      <c r="BYN656" s="613"/>
      <c r="BYO656" s="613"/>
      <c r="BYP656" s="613"/>
      <c r="BYQ656" s="613"/>
      <c r="BYR656" s="613"/>
      <c r="BYS656" s="613"/>
      <c r="BYT656" s="613"/>
      <c r="BYU656" s="613"/>
      <c r="BYV656" s="613"/>
      <c r="BYW656" s="613"/>
      <c r="BYX656" s="613"/>
      <c r="BYY656" s="613"/>
      <c r="BYZ656" s="613"/>
      <c r="BZA656" s="613"/>
      <c r="BZB656" s="613"/>
      <c r="BZC656" s="613"/>
      <c r="BZD656" s="613"/>
      <c r="BZE656" s="613"/>
      <c r="BZF656" s="613"/>
      <c r="BZG656" s="613"/>
      <c r="BZH656" s="613"/>
      <c r="BZI656" s="613"/>
      <c r="BZJ656" s="613"/>
      <c r="BZK656" s="613"/>
      <c r="BZL656" s="613"/>
      <c r="BZM656" s="613"/>
      <c r="BZN656" s="613"/>
      <c r="BZO656" s="613"/>
      <c r="BZP656" s="613"/>
      <c r="BZQ656" s="613"/>
      <c r="BZR656" s="613"/>
      <c r="BZS656" s="613"/>
      <c r="BZT656" s="613"/>
      <c r="BZU656" s="613"/>
      <c r="BZV656" s="613"/>
      <c r="BZW656" s="613"/>
      <c r="BZX656" s="613"/>
      <c r="BZY656" s="613"/>
      <c r="BZZ656" s="613"/>
      <c r="CAA656" s="613"/>
      <c r="CAB656" s="613"/>
      <c r="CAC656" s="613"/>
      <c r="CAD656" s="613"/>
      <c r="CAE656" s="613"/>
      <c r="CAF656" s="613"/>
      <c r="CAG656" s="613"/>
      <c r="CAH656" s="613"/>
      <c r="CAI656" s="613"/>
      <c r="CAJ656" s="613"/>
      <c r="CAK656" s="613"/>
      <c r="CAL656" s="613"/>
      <c r="CAM656" s="613"/>
      <c r="CAN656" s="613"/>
      <c r="CAO656" s="613"/>
      <c r="CAP656" s="613"/>
      <c r="CAQ656" s="613"/>
      <c r="CAR656" s="613"/>
      <c r="CAS656" s="613"/>
      <c r="CAT656" s="613"/>
      <c r="CAU656" s="613"/>
      <c r="CAV656" s="613"/>
      <c r="CAW656" s="613"/>
      <c r="CAX656" s="613"/>
      <c r="CAY656" s="613"/>
      <c r="CAZ656" s="613"/>
      <c r="CBA656" s="613"/>
      <c r="CBB656" s="613"/>
      <c r="CBC656" s="613"/>
      <c r="CBD656" s="613"/>
      <c r="CBE656" s="613"/>
      <c r="CBF656" s="613"/>
      <c r="CBG656" s="613"/>
      <c r="CBH656" s="613"/>
      <c r="CBI656" s="613"/>
      <c r="CBJ656" s="613"/>
      <c r="CBK656" s="613"/>
      <c r="CBL656" s="613"/>
      <c r="CBM656" s="613"/>
      <c r="CBN656" s="613"/>
      <c r="CBO656" s="613"/>
      <c r="CBP656" s="613"/>
      <c r="CBQ656" s="613"/>
      <c r="CBR656" s="613"/>
      <c r="CBS656" s="613"/>
      <c r="CBT656" s="613"/>
      <c r="CBU656" s="613"/>
      <c r="CBV656" s="613"/>
      <c r="CBW656" s="613"/>
      <c r="CBX656" s="613"/>
      <c r="CBY656" s="613"/>
      <c r="CBZ656" s="613"/>
      <c r="CCA656" s="613"/>
      <c r="CCB656" s="613"/>
      <c r="CCC656" s="613"/>
      <c r="CCD656" s="613"/>
      <c r="CCE656" s="613"/>
      <c r="CCF656" s="613"/>
      <c r="CCG656" s="613"/>
      <c r="CCH656" s="613"/>
      <c r="CCI656" s="613"/>
      <c r="CCJ656" s="613"/>
      <c r="CCK656" s="613"/>
      <c r="CCL656" s="613"/>
      <c r="CCM656" s="613"/>
      <c r="CCN656" s="613"/>
      <c r="CCO656" s="613"/>
      <c r="CCP656" s="613"/>
      <c r="CCQ656" s="613"/>
      <c r="CCR656" s="613"/>
      <c r="CCS656" s="613"/>
      <c r="CCT656" s="613"/>
      <c r="CCU656" s="613"/>
      <c r="CCV656" s="613"/>
      <c r="CCW656" s="613"/>
      <c r="CCX656" s="613"/>
      <c r="CCY656" s="613"/>
      <c r="CCZ656" s="613"/>
      <c r="CDA656" s="613"/>
      <c r="CDB656" s="613"/>
      <c r="CDC656" s="613"/>
      <c r="CDD656" s="613"/>
      <c r="CDE656" s="613"/>
      <c r="CDF656" s="613"/>
      <c r="CDG656" s="613"/>
      <c r="CDH656" s="613"/>
      <c r="CDI656" s="613"/>
      <c r="CDJ656" s="613"/>
      <c r="CDK656" s="613"/>
      <c r="CDL656" s="613"/>
      <c r="CDM656" s="613"/>
      <c r="CDN656" s="613"/>
      <c r="CDO656" s="613"/>
      <c r="CDP656" s="613"/>
      <c r="CDQ656" s="613"/>
      <c r="CDR656" s="613"/>
      <c r="CDS656" s="613"/>
      <c r="CDT656" s="613"/>
      <c r="CDU656" s="613"/>
      <c r="CDV656" s="613"/>
      <c r="CDW656" s="613"/>
      <c r="CDX656" s="613"/>
      <c r="CDY656" s="613"/>
      <c r="CDZ656" s="613"/>
      <c r="CEA656" s="613"/>
      <c r="CEB656" s="613"/>
      <c r="CEC656" s="613"/>
      <c r="CED656" s="613"/>
      <c r="CEE656" s="613"/>
      <c r="CEF656" s="613"/>
      <c r="CEG656" s="613"/>
      <c r="CEH656" s="613"/>
      <c r="CEI656" s="613"/>
      <c r="CEJ656" s="613"/>
      <c r="CEK656" s="613"/>
      <c r="CEL656" s="613"/>
      <c r="CEM656" s="613"/>
      <c r="CEN656" s="613"/>
      <c r="CEO656" s="613"/>
      <c r="CEP656" s="613"/>
      <c r="CEQ656" s="613"/>
      <c r="CER656" s="613"/>
      <c r="CES656" s="613"/>
      <c r="CET656" s="613"/>
      <c r="CEU656" s="613"/>
      <c r="CEV656" s="613"/>
      <c r="CEW656" s="613"/>
      <c r="CEX656" s="613"/>
      <c r="CEY656" s="613"/>
      <c r="CEZ656" s="613"/>
      <c r="CFA656" s="613"/>
      <c r="CFB656" s="613"/>
      <c r="CFC656" s="613"/>
      <c r="CFD656" s="613"/>
      <c r="CFE656" s="613"/>
      <c r="CFF656" s="613"/>
      <c r="CFG656" s="613"/>
      <c r="CFH656" s="613"/>
      <c r="CFI656" s="613"/>
      <c r="CFJ656" s="613"/>
      <c r="CFK656" s="613"/>
      <c r="CFL656" s="613"/>
      <c r="CFM656" s="613"/>
      <c r="CFN656" s="613"/>
      <c r="CFO656" s="613"/>
      <c r="CFP656" s="613"/>
      <c r="CFQ656" s="613"/>
      <c r="CFR656" s="613"/>
      <c r="CFS656" s="613"/>
      <c r="CFT656" s="613"/>
      <c r="CFU656" s="613"/>
      <c r="CFV656" s="613"/>
      <c r="CFW656" s="613"/>
      <c r="CFX656" s="613"/>
      <c r="CFY656" s="613"/>
      <c r="CFZ656" s="613"/>
      <c r="CGA656" s="613"/>
      <c r="CGB656" s="613"/>
      <c r="CGC656" s="613"/>
      <c r="CGD656" s="613"/>
      <c r="CGE656" s="613"/>
      <c r="CGF656" s="613"/>
      <c r="CGG656" s="613"/>
      <c r="CGH656" s="613"/>
      <c r="CGI656" s="613"/>
      <c r="CGJ656" s="613"/>
      <c r="CGK656" s="613"/>
      <c r="CGL656" s="613"/>
      <c r="CGM656" s="613"/>
      <c r="CGN656" s="613"/>
      <c r="CGO656" s="613"/>
      <c r="CGP656" s="613"/>
      <c r="CGQ656" s="613"/>
      <c r="CGR656" s="613"/>
      <c r="CGS656" s="613"/>
      <c r="CGT656" s="613"/>
      <c r="CGU656" s="613"/>
      <c r="CGV656" s="613"/>
      <c r="CGW656" s="613"/>
      <c r="CGX656" s="613"/>
      <c r="CGY656" s="613"/>
      <c r="CGZ656" s="613"/>
      <c r="CHA656" s="613"/>
      <c r="CHB656" s="613"/>
      <c r="CHC656" s="613"/>
      <c r="CHD656" s="613"/>
      <c r="CHE656" s="613"/>
      <c r="CHF656" s="613"/>
      <c r="CHG656" s="613"/>
      <c r="CHH656" s="613"/>
      <c r="CHI656" s="613"/>
      <c r="CHJ656" s="613"/>
      <c r="CHK656" s="613"/>
      <c r="CHL656" s="613"/>
      <c r="CHM656" s="613"/>
      <c r="CHN656" s="613"/>
      <c r="CHO656" s="613"/>
      <c r="CHP656" s="613"/>
      <c r="CHQ656" s="613"/>
      <c r="CHR656" s="613"/>
      <c r="CHS656" s="613"/>
      <c r="CHT656" s="613"/>
      <c r="CHU656" s="613"/>
      <c r="CHV656" s="613"/>
      <c r="CHW656" s="613"/>
      <c r="CHX656" s="613"/>
      <c r="CHY656" s="613"/>
      <c r="CHZ656" s="613"/>
      <c r="CIA656" s="613"/>
      <c r="CIB656" s="613"/>
      <c r="CIC656" s="613"/>
      <c r="CID656" s="613"/>
      <c r="CIE656" s="613"/>
      <c r="CIF656" s="613"/>
      <c r="CIG656" s="613"/>
      <c r="CIH656" s="613"/>
      <c r="CII656" s="613"/>
      <c r="CIJ656" s="613"/>
      <c r="CIK656" s="613"/>
      <c r="CIL656" s="613"/>
      <c r="CIM656" s="613"/>
      <c r="CIN656" s="613"/>
      <c r="CIO656" s="613"/>
      <c r="CIP656" s="613"/>
      <c r="CIQ656" s="613"/>
      <c r="CIR656" s="613"/>
      <c r="CIS656" s="613"/>
      <c r="CIT656" s="613"/>
      <c r="CIU656" s="613"/>
      <c r="CIV656" s="613"/>
      <c r="CIW656" s="613"/>
      <c r="CIX656" s="613"/>
      <c r="CIY656" s="613"/>
      <c r="CIZ656" s="613"/>
      <c r="CJA656" s="613"/>
      <c r="CJB656" s="613"/>
      <c r="CJC656" s="613"/>
      <c r="CJD656" s="613"/>
      <c r="CJE656" s="613"/>
      <c r="CJF656" s="613"/>
      <c r="CJG656" s="613"/>
      <c r="CJH656" s="613"/>
      <c r="CJI656" s="613"/>
      <c r="CJJ656" s="613"/>
      <c r="CJK656" s="613"/>
      <c r="CJL656" s="613"/>
      <c r="CJM656" s="613"/>
      <c r="CJN656" s="613"/>
      <c r="CJO656" s="613"/>
      <c r="CJP656" s="613"/>
      <c r="CJQ656" s="613"/>
      <c r="CJR656" s="613"/>
      <c r="CJS656" s="613"/>
      <c r="CJT656" s="613"/>
      <c r="CJU656" s="613"/>
      <c r="CJV656" s="613"/>
      <c r="CJW656" s="613"/>
      <c r="CJX656" s="613"/>
      <c r="CJY656" s="613"/>
      <c r="CJZ656" s="613"/>
      <c r="CKA656" s="613"/>
      <c r="CKB656" s="613"/>
      <c r="CKC656" s="613"/>
      <c r="CKD656" s="613"/>
      <c r="CKE656" s="613"/>
      <c r="CKF656" s="613"/>
      <c r="CKG656" s="613"/>
      <c r="CKH656" s="613"/>
      <c r="CKI656" s="613"/>
      <c r="CKJ656" s="613"/>
      <c r="CKK656" s="613"/>
      <c r="CKL656" s="613"/>
      <c r="CKM656" s="613"/>
      <c r="CKN656" s="613"/>
      <c r="CKO656" s="613"/>
      <c r="CKP656" s="613"/>
      <c r="CKQ656" s="613"/>
      <c r="CKR656" s="613"/>
      <c r="CKS656" s="613"/>
      <c r="CKT656" s="613"/>
      <c r="CKU656" s="613"/>
      <c r="CKV656" s="613"/>
      <c r="CKW656" s="613"/>
      <c r="CKX656" s="613"/>
      <c r="CKY656" s="613"/>
      <c r="CKZ656" s="613"/>
      <c r="CLA656" s="613"/>
      <c r="CLB656" s="613"/>
      <c r="CLC656" s="613"/>
      <c r="CLD656" s="613"/>
      <c r="CLE656" s="613"/>
      <c r="CLF656" s="613"/>
      <c r="CLG656" s="613"/>
      <c r="CLH656" s="613"/>
      <c r="CLI656" s="613"/>
      <c r="CLJ656" s="613"/>
      <c r="CLK656" s="613"/>
      <c r="CLL656" s="613"/>
      <c r="CLM656" s="613"/>
      <c r="CLN656" s="613"/>
      <c r="CLO656" s="613"/>
      <c r="CLP656" s="613"/>
      <c r="CLQ656" s="613"/>
      <c r="CLR656" s="613"/>
      <c r="CLS656" s="613"/>
      <c r="CLT656" s="613"/>
      <c r="CLU656" s="613"/>
      <c r="CLV656" s="613"/>
      <c r="CLW656" s="613"/>
      <c r="CLX656" s="613"/>
      <c r="CLY656" s="613"/>
      <c r="CLZ656" s="613"/>
      <c r="CMA656" s="613"/>
      <c r="CMB656" s="613"/>
      <c r="CMC656" s="613"/>
      <c r="CMD656" s="613"/>
      <c r="CME656" s="613"/>
      <c r="CMF656" s="613"/>
      <c r="CMG656" s="613"/>
      <c r="CMH656" s="613"/>
      <c r="CMI656" s="613"/>
      <c r="CMJ656" s="613"/>
      <c r="CMK656" s="613"/>
      <c r="CML656" s="613"/>
      <c r="CMM656" s="613"/>
      <c r="CMN656" s="613"/>
      <c r="CMO656" s="613"/>
      <c r="CMP656" s="613"/>
      <c r="CMQ656" s="613"/>
      <c r="CMR656" s="613"/>
      <c r="CMS656" s="613"/>
      <c r="CMT656" s="613"/>
      <c r="CMU656" s="613"/>
      <c r="CMV656" s="613"/>
      <c r="CMW656" s="613"/>
      <c r="CMX656" s="613"/>
      <c r="CMY656" s="613"/>
      <c r="CMZ656" s="613"/>
      <c r="CNA656" s="613"/>
      <c r="CNB656" s="613"/>
      <c r="CNC656" s="613"/>
      <c r="CND656" s="613"/>
      <c r="CNE656" s="613"/>
      <c r="CNF656" s="613"/>
      <c r="CNG656" s="613"/>
      <c r="CNH656" s="613"/>
      <c r="CNI656" s="613"/>
      <c r="CNJ656" s="613"/>
      <c r="CNK656" s="613"/>
      <c r="CNL656" s="613"/>
      <c r="CNM656" s="613"/>
      <c r="CNN656" s="613"/>
      <c r="CNO656" s="613"/>
      <c r="CNP656" s="613"/>
      <c r="CNQ656" s="613"/>
      <c r="CNR656" s="613"/>
      <c r="CNS656" s="613"/>
      <c r="CNT656" s="613"/>
      <c r="CNU656" s="613"/>
      <c r="CNV656" s="613"/>
      <c r="CNW656" s="613"/>
      <c r="CNX656" s="613"/>
      <c r="CNY656" s="613"/>
      <c r="CNZ656" s="613"/>
      <c r="COA656" s="613"/>
      <c r="COB656" s="613"/>
      <c r="COC656" s="613"/>
      <c r="COD656" s="613"/>
      <c r="COE656" s="613"/>
      <c r="COF656" s="613"/>
      <c r="COG656" s="613"/>
      <c r="COH656" s="613"/>
      <c r="COI656" s="613"/>
      <c r="COJ656" s="613"/>
      <c r="COK656" s="613"/>
      <c r="COL656" s="613"/>
      <c r="COM656" s="613"/>
      <c r="CON656" s="613"/>
      <c r="COO656" s="613"/>
      <c r="COP656" s="613"/>
      <c r="COQ656" s="613"/>
      <c r="COR656" s="613"/>
      <c r="COS656" s="613"/>
      <c r="COT656" s="613"/>
      <c r="COU656" s="613"/>
      <c r="COV656" s="613"/>
      <c r="COW656" s="613"/>
      <c r="COX656" s="613"/>
      <c r="COY656" s="613"/>
      <c r="COZ656" s="613"/>
      <c r="CPA656" s="613"/>
      <c r="CPB656" s="613"/>
      <c r="CPC656" s="613"/>
      <c r="CPD656" s="613"/>
      <c r="CPE656" s="613"/>
      <c r="CPF656" s="613"/>
      <c r="CPG656" s="613"/>
      <c r="CPH656" s="613"/>
      <c r="CPI656" s="613"/>
      <c r="CPJ656" s="613"/>
      <c r="CPK656" s="613"/>
      <c r="CPL656" s="613"/>
      <c r="CPM656" s="613"/>
      <c r="CPN656" s="613"/>
      <c r="CPO656" s="613"/>
      <c r="CPP656" s="613"/>
      <c r="CPQ656" s="613"/>
      <c r="CPR656" s="613"/>
      <c r="CPS656" s="613"/>
      <c r="CPT656" s="613"/>
      <c r="CPU656" s="613"/>
      <c r="CPV656" s="613"/>
      <c r="CPW656" s="613"/>
      <c r="CPX656" s="613"/>
      <c r="CPY656" s="613"/>
      <c r="CPZ656" s="613"/>
      <c r="CQA656" s="613"/>
      <c r="CQB656" s="613"/>
      <c r="CQC656" s="613"/>
      <c r="CQD656" s="613"/>
      <c r="CQE656" s="613"/>
      <c r="CQF656" s="613"/>
      <c r="CQG656" s="613"/>
      <c r="CQH656" s="613"/>
      <c r="CQI656" s="613"/>
      <c r="CQJ656" s="613"/>
      <c r="CQK656" s="613"/>
      <c r="CQL656" s="613"/>
      <c r="CQM656" s="613"/>
      <c r="CQN656" s="613"/>
      <c r="CQO656" s="613"/>
      <c r="CQP656" s="613"/>
      <c r="CQQ656" s="613"/>
      <c r="CQR656" s="613"/>
      <c r="CQS656" s="613"/>
      <c r="CQT656" s="613"/>
      <c r="CQU656" s="613"/>
      <c r="CQV656" s="613"/>
      <c r="CQW656" s="613"/>
      <c r="CQX656" s="613"/>
      <c r="CQY656" s="613"/>
      <c r="CQZ656" s="613"/>
      <c r="CRA656" s="613"/>
      <c r="CRB656" s="613"/>
      <c r="CRC656" s="613"/>
      <c r="CRD656" s="613"/>
      <c r="CRE656" s="613"/>
      <c r="CRF656" s="613"/>
      <c r="CRG656" s="613"/>
      <c r="CRH656" s="613"/>
      <c r="CRI656" s="613"/>
      <c r="CRJ656" s="613"/>
      <c r="CRK656" s="613"/>
      <c r="CRL656" s="613"/>
      <c r="CRM656" s="613"/>
      <c r="CRN656" s="613"/>
      <c r="CRO656" s="613"/>
      <c r="CRP656" s="613"/>
      <c r="CRQ656" s="613"/>
      <c r="CRR656" s="613"/>
      <c r="CRS656" s="613"/>
      <c r="CRT656" s="613"/>
      <c r="CRU656" s="613"/>
      <c r="CRV656" s="613"/>
      <c r="CRW656" s="613"/>
      <c r="CRX656" s="613"/>
      <c r="CRY656" s="613"/>
      <c r="CRZ656" s="613"/>
      <c r="CSA656" s="613"/>
      <c r="CSB656" s="613"/>
      <c r="CSC656" s="613"/>
      <c r="CSD656" s="613"/>
      <c r="CSE656" s="613"/>
      <c r="CSF656" s="613"/>
      <c r="CSG656" s="613"/>
      <c r="CSH656" s="613"/>
      <c r="CSI656" s="613"/>
      <c r="CSJ656" s="613"/>
      <c r="CSK656" s="613"/>
      <c r="CSL656" s="613"/>
      <c r="CSM656" s="613"/>
      <c r="CSN656" s="613"/>
      <c r="CSO656" s="613"/>
      <c r="CSP656" s="613"/>
      <c r="CSQ656" s="613"/>
      <c r="CSR656" s="613"/>
      <c r="CSS656" s="613"/>
      <c r="CST656" s="613"/>
      <c r="CSU656" s="613"/>
      <c r="CSV656" s="613"/>
      <c r="CSW656" s="613"/>
      <c r="CSX656" s="613"/>
      <c r="CSY656" s="613"/>
      <c r="CSZ656" s="613"/>
      <c r="CTA656" s="613"/>
      <c r="CTB656" s="613"/>
      <c r="CTC656" s="613"/>
      <c r="CTD656" s="613"/>
      <c r="CTE656" s="613"/>
      <c r="CTF656" s="613"/>
      <c r="CTG656" s="613"/>
      <c r="CTH656" s="613"/>
      <c r="CTI656" s="613"/>
      <c r="CTJ656" s="613"/>
      <c r="CTK656" s="613"/>
      <c r="CTL656" s="613"/>
      <c r="CTM656" s="613"/>
      <c r="CTN656" s="613"/>
      <c r="CTO656" s="613"/>
      <c r="CTP656" s="613"/>
      <c r="CTQ656" s="613"/>
      <c r="CTR656" s="613"/>
      <c r="CTS656" s="613"/>
      <c r="CTT656" s="613"/>
      <c r="CTU656" s="613"/>
      <c r="CTV656" s="613"/>
      <c r="CTW656" s="613"/>
      <c r="CTX656" s="613"/>
      <c r="CTY656" s="613"/>
      <c r="CTZ656" s="613"/>
      <c r="CUA656" s="613"/>
      <c r="CUB656" s="613"/>
      <c r="CUC656" s="613"/>
      <c r="CUD656" s="613"/>
      <c r="CUE656" s="613"/>
      <c r="CUF656" s="613"/>
      <c r="CUG656" s="613"/>
      <c r="CUH656" s="613"/>
      <c r="CUI656" s="613"/>
      <c r="CUJ656" s="613"/>
      <c r="CUK656" s="613"/>
      <c r="CUL656" s="613"/>
      <c r="CUM656" s="613"/>
      <c r="CUN656" s="613"/>
      <c r="CUO656" s="613"/>
      <c r="CUP656" s="613"/>
      <c r="CUQ656" s="613"/>
      <c r="CUR656" s="613"/>
      <c r="CUS656" s="613"/>
      <c r="CUT656" s="613"/>
      <c r="CUU656" s="613"/>
      <c r="CUV656" s="613"/>
      <c r="CUW656" s="613"/>
      <c r="CUX656" s="613"/>
      <c r="CUY656" s="613"/>
      <c r="CUZ656" s="613"/>
      <c r="CVA656" s="613"/>
      <c r="CVB656" s="613"/>
      <c r="CVC656" s="613"/>
      <c r="CVD656" s="613"/>
      <c r="CVE656" s="613"/>
      <c r="CVF656" s="613"/>
      <c r="CVG656" s="613"/>
      <c r="CVH656" s="613"/>
      <c r="CVI656" s="613"/>
      <c r="CVJ656" s="613"/>
      <c r="CVK656" s="613"/>
      <c r="CVL656" s="613"/>
      <c r="CVM656" s="613"/>
      <c r="CVN656" s="613"/>
      <c r="CVO656" s="613"/>
      <c r="CVP656" s="613"/>
      <c r="CVQ656" s="613"/>
      <c r="CVR656" s="613"/>
      <c r="CVS656" s="613"/>
      <c r="CVT656" s="613"/>
      <c r="CVU656" s="613"/>
      <c r="CVV656" s="613"/>
      <c r="CVW656" s="613"/>
      <c r="CVX656" s="613"/>
      <c r="CVY656" s="613"/>
      <c r="CVZ656" s="613"/>
      <c r="CWA656" s="613"/>
      <c r="CWB656" s="613"/>
      <c r="CWC656" s="613"/>
      <c r="CWD656" s="613"/>
      <c r="CWE656" s="613"/>
      <c r="CWF656" s="613"/>
      <c r="CWG656" s="613"/>
      <c r="CWH656" s="613"/>
      <c r="CWI656" s="613"/>
      <c r="CWJ656" s="613"/>
      <c r="CWK656" s="613"/>
      <c r="CWL656" s="613"/>
      <c r="CWM656" s="613"/>
      <c r="CWN656" s="613"/>
      <c r="CWO656" s="613"/>
      <c r="CWP656" s="613"/>
      <c r="CWQ656" s="613"/>
      <c r="CWR656" s="613"/>
      <c r="CWS656" s="613"/>
      <c r="CWT656" s="613"/>
      <c r="CWU656" s="613"/>
      <c r="CWV656" s="613"/>
      <c r="CWW656" s="613"/>
      <c r="CWX656" s="613"/>
      <c r="CWY656" s="613"/>
      <c r="CWZ656" s="613"/>
      <c r="CXA656" s="613"/>
      <c r="CXB656" s="613"/>
      <c r="CXC656" s="613"/>
      <c r="CXD656" s="613"/>
      <c r="CXE656" s="613"/>
      <c r="CXF656" s="613"/>
      <c r="CXG656" s="613"/>
      <c r="CXH656" s="613"/>
      <c r="CXI656" s="613"/>
      <c r="CXJ656" s="613"/>
      <c r="CXK656" s="613"/>
      <c r="CXL656" s="613"/>
      <c r="CXM656" s="613"/>
      <c r="CXN656" s="613"/>
      <c r="CXO656" s="613"/>
      <c r="CXP656" s="613"/>
      <c r="CXQ656" s="613"/>
      <c r="CXR656" s="613"/>
      <c r="CXS656" s="613"/>
      <c r="CXT656" s="613"/>
      <c r="CXU656" s="613"/>
      <c r="CXV656" s="613"/>
      <c r="CXW656" s="613"/>
      <c r="CXX656" s="613"/>
      <c r="CXY656" s="613"/>
      <c r="CXZ656" s="613"/>
      <c r="CYA656" s="613"/>
      <c r="CYB656" s="613"/>
      <c r="CYC656" s="613"/>
      <c r="CYD656" s="613"/>
      <c r="CYE656" s="613"/>
      <c r="CYF656" s="613"/>
      <c r="CYG656" s="613"/>
      <c r="CYH656" s="613"/>
      <c r="CYI656" s="613"/>
      <c r="CYJ656" s="613"/>
      <c r="CYK656" s="613"/>
      <c r="CYL656" s="613"/>
      <c r="CYM656" s="613"/>
      <c r="CYN656" s="613"/>
      <c r="CYO656" s="613"/>
      <c r="CYP656" s="613"/>
      <c r="CYQ656" s="613"/>
      <c r="CYR656" s="613"/>
      <c r="CYS656" s="613"/>
      <c r="CYT656" s="613"/>
      <c r="CYU656" s="613"/>
      <c r="CYV656" s="613"/>
      <c r="CYW656" s="613"/>
      <c r="CYX656" s="613"/>
      <c r="CYY656" s="613"/>
      <c r="CYZ656" s="613"/>
      <c r="CZA656" s="613"/>
      <c r="CZB656" s="613"/>
      <c r="CZC656" s="613"/>
      <c r="CZD656" s="613"/>
      <c r="CZE656" s="613"/>
      <c r="CZF656" s="613"/>
      <c r="CZG656" s="613"/>
      <c r="CZH656" s="613"/>
      <c r="CZI656" s="613"/>
      <c r="CZJ656" s="613"/>
      <c r="CZK656" s="613"/>
      <c r="CZL656" s="613"/>
      <c r="CZM656" s="613"/>
      <c r="CZN656" s="613"/>
      <c r="CZO656" s="613"/>
      <c r="CZP656" s="613"/>
      <c r="CZQ656" s="613"/>
      <c r="CZR656" s="613"/>
      <c r="CZS656" s="613"/>
      <c r="CZT656" s="613"/>
      <c r="CZU656" s="613"/>
      <c r="CZV656" s="613"/>
      <c r="CZW656" s="613"/>
      <c r="CZX656" s="613"/>
      <c r="CZY656" s="613"/>
      <c r="CZZ656" s="613"/>
      <c r="DAA656" s="613"/>
      <c r="DAB656" s="613"/>
      <c r="DAC656" s="613"/>
      <c r="DAD656" s="613"/>
      <c r="DAE656" s="613"/>
      <c r="DAF656" s="613"/>
      <c r="DAG656" s="613"/>
      <c r="DAH656" s="613"/>
      <c r="DAI656" s="613"/>
      <c r="DAJ656" s="613"/>
      <c r="DAK656" s="613"/>
      <c r="DAL656" s="613"/>
      <c r="DAM656" s="613"/>
      <c r="DAN656" s="613"/>
      <c r="DAO656" s="613"/>
      <c r="DAP656" s="613"/>
      <c r="DAQ656" s="613"/>
      <c r="DAR656" s="613"/>
      <c r="DAS656" s="613"/>
      <c r="DAT656" s="613"/>
      <c r="DAU656" s="613"/>
      <c r="DAV656" s="613"/>
      <c r="DAW656" s="613"/>
      <c r="DAX656" s="613"/>
      <c r="DAY656" s="613"/>
      <c r="DAZ656" s="613"/>
      <c r="DBA656" s="613"/>
      <c r="DBB656" s="613"/>
      <c r="DBC656" s="613"/>
      <c r="DBD656" s="613"/>
      <c r="DBE656" s="613"/>
      <c r="DBF656" s="613"/>
      <c r="DBG656" s="613"/>
      <c r="DBH656" s="613"/>
      <c r="DBI656" s="613"/>
      <c r="DBJ656" s="613"/>
      <c r="DBK656" s="613"/>
      <c r="DBL656" s="613"/>
      <c r="DBM656" s="613"/>
      <c r="DBN656" s="613"/>
      <c r="DBO656" s="613"/>
      <c r="DBP656" s="613"/>
      <c r="DBQ656" s="613"/>
      <c r="DBR656" s="613"/>
      <c r="DBS656" s="613"/>
      <c r="DBT656" s="613"/>
      <c r="DBU656" s="613"/>
      <c r="DBV656" s="613"/>
      <c r="DBW656" s="613"/>
      <c r="DBX656" s="613"/>
      <c r="DBY656" s="613"/>
      <c r="DBZ656" s="613"/>
      <c r="DCA656" s="613"/>
      <c r="DCB656" s="613"/>
      <c r="DCC656" s="613"/>
      <c r="DCD656" s="613"/>
      <c r="DCE656" s="613"/>
      <c r="DCF656" s="613"/>
      <c r="DCG656" s="613"/>
      <c r="DCH656" s="613"/>
      <c r="DCI656" s="613"/>
      <c r="DCJ656" s="613"/>
      <c r="DCK656" s="613"/>
      <c r="DCL656" s="613"/>
      <c r="DCM656" s="613"/>
      <c r="DCN656" s="613"/>
      <c r="DCO656" s="613"/>
      <c r="DCP656" s="613"/>
      <c r="DCQ656" s="613"/>
      <c r="DCR656" s="613"/>
      <c r="DCS656" s="613"/>
      <c r="DCT656" s="613"/>
      <c r="DCU656" s="613"/>
      <c r="DCV656" s="613"/>
      <c r="DCW656" s="613"/>
      <c r="DCX656" s="613"/>
      <c r="DCY656" s="613"/>
      <c r="DCZ656" s="613"/>
      <c r="DDA656" s="613"/>
      <c r="DDB656" s="613"/>
      <c r="DDC656" s="613"/>
      <c r="DDD656" s="613"/>
      <c r="DDE656" s="613"/>
      <c r="DDF656" s="613"/>
      <c r="DDG656" s="613"/>
      <c r="DDH656" s="613"/>
      <c r="DDI656" s="613"/>
      <c r="DDJ656" s="613"/>
      <c r="DDK656" s="613"/>
      <c r="DDL656" s="613"/>
      <c r="DDM656" s="613"/>
      <c r="DDN656" s="613"/>
      <c r="DDO656" s="613"/>
      <c r="DDP656" s="613"/>
      <c r="DDQ656" s="613"/>
      <c r="DDR656" s="613"/>
      <c r="DDS656" s="613"/>
      <c r="DDT656" s="613"/>
      <c r="DDU656" s="613"/>
      <c r="DDV656" s="613"/>
      <c r="DDW656" s="613"/>
      <c r="DDX656" s="613"/>
      <c r="DDY656" s="613"/>
      <c r="DDZ656" s="613"/>
      <c r="DEA656" s="613"/>
      <c r="DEB656" s="613"/>
      <c r="DEC656" s="613"/>
      <c r="DED656" s="613"/>
      <c r="DEE656" s="613"/>
      <c r="DEF656" s="613"/>
      <c r="DEG656" s="613"/>
      <c r="DEH656" s="613"/>
      <c r="DEI656" s="613"/>
      <c r="DEJ656" s="613"/>
      <c r="DEK656" s="613"/>
      <c r="DEL656" s="613"/>
      <c r="DEM656" s="613"/>
      <c r="DEN656" s="613"/>
      <c r="DEO656" s="613"/>
      <c r="DEP656" s="613"/>
      <c r="DEQ656" s="613"/>
      <c r="DER656" s="613"/>
      <c r="DES656" s="613"/>
      <c r="DET656" s="613"/>
      <c r="DEU656" s="613"/>
      <c r="DEV656" s="613"/>
      <c r="DEW656" s="613"/>
      <c r="DEX656" s="613"/>
      <c r="DEY656" s="613"/>
      <c r="DEZ656" s="613"/>
      <c r="DFA656" s="613"/>
      <c r="DFB656" s="613"/>
      <c r="DFC656" s="613"/>
      <c r="DFD656" s="613"/>
      <c r="DFE656" s="613"/>
      <c r="DFF656" s="613"/>
      <c r="DFG656" s="613"/>
      <c r="DFH656" s="613"/>
      <c r="DFI656" s="613"/>
      <c r="DFJ656" s="613"/>
      <c r="DFK656" s="613"/>
      <c r="DFL656" s="613"/>
      <c r="DFM656" s="613"/>
      <c r="DFN656" s="613"/>
      <c r="DFO656" s="613"/>
      <c r="DFP656" s="613"/>
      <c r="DFQ656" s="613"/>
      <c r="DFR656" s="613"/>
      <c r="DFS656" s="613"/>
      <c r="DFT656" s="613"/>
      <c r="DFU656" s="613"/>
      <c r="DFV656" s="613"/>
      <c r="DFW656" s="613"/>
      <c r="DFX656" s="613"/>
      <c r="DFY656" s="613"/>
      <c r="DFZ656" s="613"/>
      <c r="DGA656" s="613"/>
      <c r="DGB656" s="613"/>
      <c r="DGC656" s="613"/>
      <c r="DGD656" s="613"/>
      <c r="DGE656" s="613"/>
      <c r="DGF656" s="613"/>
      <c r="DGG656" s="613"/>
      <c r="DGH656" s="613"/>
      <c r="DGI656" s="613"/>
      <c r="DGJ656" s="613"/>
      <c r="DGK656" s="613"/>
      <c r="DGL656" s="613"/>
      <c r="DGM656" s="613"/>
      <c r="DGN656" s="613"/>
      <c r="DGO656" s="613"/>
      <c r="DGP656" s="613"/>
      <c r="DGQ656" s="613"/>
      <c r="DGR656" s="613"/>
      <c r="DGS656" s="613"/>
      <c r="DGT656" s="613"/>
      <c r="DGU656" s="613"/>
      <c r="DGV656" s="613"/>
      <c r="DGW656" s="613"/>
      <c r="DGX656" s="613"/>
      <c r="DGY656" s="613"/>
      <c r="DGZ656" s="613"/>
      <c r="DHA656" s="613"/>
      <c r="DHB656" s="613"/>
      <c r="DHC656" s="613"/>
      <c r="DHD656" s="613"/>
      <c r="DHE656" s="613"/>
      <c r="DHF656" s="613"/>
      <c r="DHG656" s="613"/>
      <c r="DHH656" s="613"/>
      <c r="DHI656" s="613"/>
      <c r="DHJ656" s="613"/>
      <c r="DHK656" s="613"/>
      <c r="DHL656" s="613"/>
      <c r="DHM656" s="613"/>
      <c r="DHN656" s="613"/>
      <c r="DHO656" s="613"/>
      <c r="DHP656" s="613"/>
      <c r="DHQ656" s="613"/>
      <c r="DHR656" s="613"/>
      <c r="DHS656" s="613"/>
      <c r="DHT656" s="613"/>
      <c r="DHU656" s="613"/>
      <c r="DHV656" s="613"/>
      <c r="DHW656" s="613"/>
      <c r="DHX656" s="613"/>
      <c r="DHY656" s="613"/>
      <c r="DHZ656" s="613"/>
      <c r="DIA656" s="613"/>
      <c r="DIB656" s="613"/>
      <c r="DIC656" s="613"/>
      <c r="DID656" s="613"/>
      <c r="DIE656" s="613"/>
      <c r="DIF656" s="613"/>
      <c r="DIG656" s="613"/>
      <c r="DIH656" s="613"/>
      <c r="DII656" s="613"/>
      <c r="DIJ656" s="613"/>
      <c r="DIK656" s="613"/>
      <c r="DIL656" s="613"/>
      <c r="DIM656" s="613"/>
      <c r="DIN656" s="613"/>
      <c r="DIO656" s="613"/>
      <c r="DIP656" s="613"/>
      <c r="DIQ656" s="613"/>
      <c r="DIR656" s="613"/>
      <c r="DIS656" s="613"/>
      <c r="DIT656" s="613"/>
      <c r="DIU656" s="613"/>
      <c r="DIV656" s="613"/>
      <c r="DIW656" s="613"/>
      <c r="DIX656" s="613"/>
      <c r="DIY656" s="613"/>
      <c r="DIZ656" s="613"/>
      <c r="DJA656" s="613"/>
      <c r="DJB656" s="613"/>
      <c r="DJC656" s="613"/>
      <c r="DJD656" s="613"/>
      <c r="DJE656" s="613"/>
      <c r="DJF656" s="613"/>
      <c r="DJG656" s="613"/>
      <c r="DJH656" s="613"/>
      <c r="DJI656" s="613"/>
      <c r="DJJ656" s="613"/>
      <c r="DJK656" s="613"/>
      <c r="DJL656" s="613"/>
      <c r="DJM656" s="613"/>
      <c r="DJN656" s="613"/>
      <c r="DJO656" s="613"/>
      <c r="DJP656" s="613"/>
      <c r="DJQ656" s="613"/>
      <c r="DJR656" s="613"/>
      <c r="DJS656" s="613"/>
      <c r="DJT656" s="613"/>
      <c r="DJU656" s="613"/>
      <c r="DJV656" s="613"/>
      <c r="DJW656" s="613"/>
      <c r="DJX656" s="613"/>
      <c r="DJY656" s="613"/>
      <c r="DJZ656" s="613"/>
      <c r="DKA656" s="613"/>
      <c r="DKB656" s="613"/>
      <c r="DKC656" s="613"/>
      <c r="DKD656" s="613"/>
      <c r="DKE656" s="613"/>
      <c r="DKF656" s="613"/>
      <c r="DKG656" s="613"/>
      <c r="DKH656" s="613"/>
      <c r="DKI656" s="613"/>
      <c r="DKJ656" s="613"/>
      <c r="DKK656" s="613"/>
      <c r="DKL656" s="613"/>
      <c r="DKM656" s="613"/>
      <c r="DKN656" s="613"/>
      <c r="DKO656" s="613"/>
      <c r="DKP656" s="613"/>
      <c r="DKQ656" s="613"/>
      <c r="DKR656" s="613"/>
      <c r="DKS656" s="613"/>
      <c r="DKT656" s="613"/>
      <c r="DKU656" s="613"/>
      <c r="DKV656" s="613"/>
      <c r="DKW656" s="613"/>
      <c r="DKX656" s="613"/>
      <c r="DKY656" s="613"/>
      <c r="DKZ656" s="613"/>
      <c r="DLA656" s="613"/>
      <c r="DLB656" s="613"/>
      <c r="DLC656" s="613"/>
      <c r="DLD656" s="613"/>
      <c r="DLE656" s="613"/>
      <c r="DLF656" s="613"/>
      <c r="DLG656" s="613"/>
      <c r="DLH656" s="613"/>
      <c r="DLI656" s="613"/>
      <c r="DLJ656" s="613"/>
      <c r="DLK656" s="613"/>
      <c r="DLL656" s="613"/>
      <c r="DLM656" s="613"/>
      <c r="DLN656" s="613"/>
      <c r="DLO656" s="613"/>
      <c r="DLP656" s="613"/>
      <c r="DLQ656" s="613"/>
      <c r="DLR656" s="613"/>
      <c r="DLS656" s="613"/>
      <c r="DLT656" s="613"/>
      <c r="DLU656" s="613"/>
      <c r="DLV656" s="613"/>
      <c r="DLW656" s="613"/>
      <c r="DLX656" s="613"/>
      <c r="DLY656" s="613"/>
      <c r="DLZ656" s="613"/>
      <c r="DMA656" s="613"/>
      <c r="DMB656" s="613"/>
      <c r="DMC656" s="613"/>
      <c r="DMD656" s="613"/>
      <c r="DME656" s="613"/>
      <c r="DMF656" s="613"/>
      <c r="DMG656" s="613"/>
      <c r="DMH656" s="613"/>
      <c r="DMI656" s="613"/>
      <c r="DMJ656" s="613"/>
      <c r="DMK656" s="613"/>
      <c r="DML656" s="613"/>
      <c r="DMM656" s="613"/>
      <c r="DMN656" s="613"/>
      <c r="DMO656" s="613"/>
      <c r="DMP656" s="613"/>
      <c r="DMQ656" s="613"/>
      <c r="DMR656" s="613"/>
      <c r="DMS656" s="613"/>
      <c r="DMT656" s="613"/>
      <c r="DMU656" s="613"/>
      <c r="DMV656" s="613"/>
      <c r="DMW656" s="613"/>
      <c r="DMX656" s="613"/>
      <c r="DMY656" s="613"/>
      <c r="DMZ656" s="613"/>
      <c r="DNA656" s="613"/>
      <c r="DNB656" s="613"/>
      <c r="DNC656" s="613"/>
      <c r="DND656" s="613"/>
      <c r="DNE656" s="613"/>
      <c r="DNF656" s="613"/>
      <c r="DNG656" s="613"/>
      <c r="DNH656" s="613"/>
      <c r="DNI656" s="613"/>
      <c r="DNJ656" s="613"/>
      <c r="DNK656" s="613"/>
      <c r="DNL656" s="613"/>
      <c r="DNM656" s="613"/>
      <c r="DNN656" s="613"/>
      <c r="DNO656" s="613"/>
      <c r="DNP656" s="613"/>
      <c r="DNQ656" s="613"/>
      <c r="DNR656" s="613"/>
      <c r="DNS656" s="613"/>
      <c r="DNT656" s="613"/>
      <c r="DNU656" s="613"/>
      <c r="DNV656" s="613"/>
      <c r="DNW656" s="613"/>
      <c r="DNX656" s="613"/>
      <c r="DNY656" s="613"/>
      <c r="DNZ656" s="613"/>
      <c r="DOA656" s="613"/>
      <c r="DOB656" s="613"/>
      <c r="DOC656" s="613"/>
      <c r="DOD656" s="613"/>
      <c r="DOE656" s="613"/>
      <c r="DOF656" s="613"/>
      <c r="DOG656" s="613"/>
      <c r="DOH656" s="613"/>
      <c r="DOI656" s="613"/>
      <c r="DOJ656" s="613"/>
      <c r="DOK656" s="613"/>
      <c r="DOL656" s="613"/>
      <c r="DOM656" s="613"/>
      <c r="DON656" s="613"/>
      <c r="DOO656" s="613"/>
      <c r="DOP656" s="613"/>
      <c r="DOQ656" s="613"/>
      <c r="DOR656" s="613"/>
      <c r="DOS656" s="613"/>
      <c r="DOT656" s="613"/>
      <c r="DOU656" s="613"/>
      <c r="DOV656" s="613"/>
      <c r="DOW656" s="613"/>
      <c r="DOX656" s="613"/>
      <c r="DOY656" s="613"/>
      <c r="DOZ656" s="613"/>
      <c r="DPA656" s="613"/>
      <c r="DPB656" s="613"/>
      <c r="DPC656" s="613"/>
      <c r="DPD656" s="613"/>
      <c r="DPE656" s="613"/>
      <c r="DPF656" s="613"/>
      <c r="DPG656" s="613"/>
      <c r="DPH656" s="613"/>
      <c r="DPI656" s="613"/>
      <c r="DPJ656" s="613"/>
      <c r="DPK656" s="613"/>
      <c r="DPL656" s="613"/>
      <c r="DPM656" s="613"/>
      <c r="DPN656" s="613"/>
      <c r="DPO656" s="613"/>
      <c r="DPP656" s="613"/>
      <c r="DPQ656" s="613"/>
      <c r="DPR656" s="613"/>
      <c r="DPS656" s="613"/>
      <c r="DPT656" s="613"/>
      <c r="DPU656" s="613"/>
      <c r="DPV656" s="613"/>
      <c r="DPW656" s="613"/>
      <c r="DPX656" s="613"/>
      <c r="DPY656" s="613"/>
      <c r="DPZ656" s="613"/>
      <c r="DQA656" s="613"/>
      <c r="DQB656" s="613"/>
      <c r="DQC656" s="613"/>
      <c r="DQD656" s="613"/>
      <c r="DQE656" s="613"/>
      <c r="DQF656" s="613"/>
      <c r="DQG656" s="613"/>
      <c r="DQH656" s="613"/>
      <c r="DQI656" s="613"/>
      <c r="DQJ656" s="613"/>
      <c r="DQK656" s="613"/>
      <c r="DQL656" s="613"/>
      <c r="DQM656" s="613"/>
      <c r="DQN656" s="613"/>
      <c r="DQO656" s="613"/>
      <c r="DQP656" s="613"/>
      <c r="DQQ656" s="613"/>
      <c r="DQR656" s="613"/>
      <c r="DQS656" s="613"/>
      <c r="DQT656" s="613"/>
      <c r="DQU656" s="613"/>
      <c r="DQV656" s="613"/>
      <c r="DQW656" s="613"/>
      <c r="DQX656" s="613"/>
      <c r="DQY656" s="613"/>
      <c r="DQZ656" s="613"/>
      <c r="DRA656" s="613"/>
      <c r="DRB656" s="613"/>
      <c r="DRC656" s="613"/>
      <c r="DRD656" s="613"/>
      <c r="DRE656" s="613"/>
      <c r="DRF656" s="613"/>
      <c r="DRG656" s="613"/>
      <c r="DRH656" s="613"/>
      <c r="DRI656" s="613"/>
      <c r="DRJ656" s="613"/>
      <c r="DRK656" s="613"/>
      <c r="DRL656" s="613"/>
      <c r="DRM656" s="613"/>
      <c r="DRN656" s="613"/>
      <c r="DRO656" s="613"/>
      <c r="DRP656" s="613"/>
      <c r="DRQ656" s="613"/>
      <c r="DRR656" s="613"/>
      <c r="DRS656" s="613"/>
      <c r="DRT656" s="613"/>
      <c r="DRU656" s="613"/>
      <c r="DRV656" s="613"/>
      <c r="DRW656" s="613"/>
      <c r="DRX656" s="613"/>
      <c r="DRY656" s="613"/>
      <c r="DRZ656" s="613"/>
      <c r="DSA656" s="613"/>
      <c r="DSB656" s="613"/>
      <c r="DSC656" s="613"/>
      <c r="DSD656" s="613"/>
      <c r="DSE656" s="613"/>
      <c r="DSF656" s="613"/>
      <c r="DSG656" s="613"/>
      <c r="DSH656" s="613"/>
      <c r="DSI656" s="613"/>
      <c r="DSJ656" s="613"/>
      <c r="DSK656" s="613"/>
      <c r="DSL656" s="613"/>
      <c r="DSM656" s="613"/>
      <c r="DSN656" s="613"/>
      <c r="DSO656" s="613"/>
      <c r="DSP656" s="613"/>
      <c r="DSQ656" s="613"/>
      <c r="DSR656" s="613"/>
      <c r="DSS656" s="613"/>
      <c r="DST656" s="613"/>
      <c r="DSU656" s="613"/>
      <c r="DSV656" s="613"/>
      <c r="DSW656" s="613"/>
      <c r="DSX656" s="613"/>
      <c r="DSY656" s="613"/>
      <c r="DSZ656" s="613"/>
      <c r="DTA656" s="613"/>
      <c r="DTB656" s="613"/>
      <c r="DTC656" s="613"/>
      <c r="DTD656" s="613"/>
      <c r="DTE656" s="613"/>
      <c r="DTF656" s="613"/>
      <c r="DTG656" s="613"/>
      <c r="DTH656" s="613"/>
      <c r="DTI656" s="613"/>
      <c r="DTJ656" s="613"/>
      <c r="DTK656" s="613"/>
      <c r="DTL656" s="613"/>
      <c r="DTM656" s="613"/>
      <c r="DTN656" s="613"/>
      <c r="DTO656" s="613"/>
      <c r="DTP656" s="613"/>
      <c r="DTQ656" s="613"/>
      <c r="DTR656" s="613"/>
      <c r="DTS656" s="613"/>
      <c r="DTT656" s="613"/>
      <c r="DTU656" s="613"/>
      <c r="DTV656" s="613"/>
      <c r="DTW656" s="613"/>
      <c r="DTX656" s="613"/>
      <c r="DTY656" s="613"/>
      <c r="DTZ656" s="613"/>
      <c r="DUA656" s="613"/>
      <c r="DUB656" s="613"/>
      <c r="DUC656" s="613"/>
      <c r="DUD656" s="613"/>
      <c r="DUE656" s="613"/>
      <c r="DUF656" s="613"/>
      <c r="DUG656" s="613"/>
      <c r="DUH656" s="613"/>
      <c r="DUI656" s="613"/>
      <c r="DUJ656" s="613"/>
      <c r="DUK656" s="613"/>
      <c r="DUL656" s="613"/>
      <c r="DUM656" s="613"/>
      <c r="DUN656" s="613"/>
      <c r="DUO656" s="613"/>
      <c r="DUP656" s="613"/>
      <c r="DUQ656" s="613"/>
      <c r="DUR656" s="613"/>
      <c r="DUS656" s="613"/>
      <c r="DUT656" s="613"/>
      <c r="DUU656" s="613"/>
      <c r="DUV656" s="613"/>
      <c r="DUW656" s="613"/>
      <c r="DUX656" s="613"/>
      <c r="DUY656" s="613"/>
      <c r="DUZ656" s="613"/>
      <c r="DVA656" s="613"/>
      <c r="DVB656" s="613"/>
      <c r="DVC656" s="613"/>
      <c r="DVD656" s="613"/>
      <c r="DVE656" s="613"/>
      <c r="DVF656" s="613"/>
      <c r="DVG656" s="613"/>
      <c r="DVH656" s="613"/>
      <c r="DVI656" s="613"/>
      <c r="DVJ656" s="613"/>
      <c r="DVK656" s="613"/>
      <c r="DVL656" s="613"/>
      <c r="DVM656" s="613"/>
      <c r="DVN656" s="613"/>
      <c r="DVO656" s="613"/>
      <c r="DVP656" s="613"/>
      <c r="DVQ656" s="613"/>
      <c r="DVR656" s="613"/>
      <c r="DVS656" s="613"/>
      <c r="DVT656" s="613"/>
      <c r="DVU656" s="613"/>
      <c r="DVV656" s="613"/>
      <c r="DVW656" s="613"/>
      <c r="DVX656" s="613"/>
      <c r="DVY656" s="613"/>
      <c r="DVZ656" s="613"/>
      <c r="DWA656" s="613"/>
      <c r="DWB656" s="613"/>
      <c r="DWC656" s="613"/>
      <c r="DWD656" s="613"/>
      <c r="DWE656" s="613"/>
      <c r="DWF656" s="613"/>
      <c r="DWG656" s="613"/>
      <c r="DWH656" s="613"/>
      <c r="DWI656" s="613"/>
      <c r="DWJ656" s="613"/>
      <c r="DWK656" s="613"/>
      <c r="DWL656" s="613"/>
      <c r="DWM656" s="613"/>
      <c r="DWN656" s="613"/>
      <c r="DWO656" s="613"/>
      <c r="DWP656" s="613"/>
      <c r="DWQ656" s="613"/>
      <c r="DWR656" s="613"/>
      <c r="DWS656" s="613"/>
      <c r="DWT656" s="613"/>
      <c r="DWU656" s="613"/>
      <c r="DWV656" s="613"/>
      <c r="DWW656" s="613"/>
      <c r="DWX656" s="613"/>
      <c r="DWY656" s="613"/>
      <c r="DWZ656" s="613"/>
      <c r="DXA656" s="613"/>
      <c r="DXB656" s="613"/>
      <c r="DXC656" s="613"/>
      <c r="DXD656" s="613"/>
      <c r="DXE656" s="613"/>
      <c r="DXF656" s="613"/>
      <c r="DXG656" s="613"/>
      <c r="DXH656" s="613"/>
      <c r="DXI656" s="613"/>
      <c r="DXJ656" s="613"/>
      <c r="DXK656" s="613"/>
      <c r="DXL656" s="613"/>
      <c r="DXM656" s="613"/>
      <c r="DXN656" s="613"/>
      <c r="DXO656" s="613"/>
      <c r="DXP656" s="613"/>
      <c r="DXQ656" s="613"/>
      <c r="DXR656" s="613"/>
      <c r="DXS656" s="613"/>
      <c r="DXT656" s="613"/>
      <c r="DXU656" s="613"/>
      <c r="DXV656" s="613"/>
      <c r="DXW656" s="613"/>
      <c r="DXX656" s="613"/>
      <c r="DXY656" s="613"/>
      <c r="DXZ656" s="613"/>
      <c r="DYA656" s="613"/>
      <c r="DYB656" s="613"/>
      <c r="DYC656" s="613"/>
      <c r="DYD656" s="613"/>
      <c r="DYE656" s="613"/>
      <c r="DYF656" s="613"/>
      <c r="DYG656" s="613"/>
      <c r="DYH656" s="613"/>
      <c r="DYI656" s="613"/>
      <c r="DYJ656" s="613"/>
      <c r="DYK656" s="613"/>
      <c r="DYL656" s="613"/>
      <c r="DYM656" s="613"/>
      <c r="DYN656" s="613"/>
      <c r="DYO656" s="613"/>
      <c r="DYP656" s="613"/>
      <c r="DYQ656" s="613"/>
      <c r="DYR656" s="613"/>
      <c r="DYS656" s="613"/>
      <c r="DYT656" s="613"/>
      <c r="DYU656" s="613"/>
      <c r="DYV656" s="613"/>
      <c r="DYW656" s="613"/>
      <c r="DYX656" s="613"/>
      <c r="DYY656" s="613"/>
      <c r="DYZ656" s="613"/>
      <c r="DZA656" s="613"/>
      <c r="DZB656" s="613"/>
      <c r="DZC656" s="613"/>
      <c r="DZD656" s="613"/>
      <c r="DZE656" s="613"/>
      <c r="DZF656" s="613"/>
      <c r="DZG656" s="613"/>
      <c r="DZH656" s="613"/>
      <c r="DZI656" s="613"/>
      <c r="DZJ656" s="613"/>
      <c r="DZK656" s="613"/>
      <c r="DZL656" s="613"/>
      <c r="DZM656" s="613"/>
      <c r="DZN656" s="613"/>
      <c r="DZO656" s="613"/>
      <c r="DZP656" s="613"/>
      <c r="DZQ656" s="613"/>
      <c r="DZR656" s="613"/>
      <c r="DZS656" s="613"/>
      <c r="DZT656" s="613"/>
      <c r="DZU656" s="613"/>
      <c r="DZV656" s="613"/>
      <c r="DZW656" s="613"/>
      <c r="DZX656" s="613"/>
      <c r="DZY656" s="613"/>
      <c r="DZZ656" s="613"/>
      <c r="EAA656" s="613"/>
      <c r="EAB656" s="613"/>
      <c r="EAC656" s="613"/>
      <c r="EAD656" s="613"/>
      <c r="EAE656" s="613"/>
      <c r="EAF656" s="613"/>
      <c r="EAG656" s="613"/>
      <c r="EAH656" s="613"/>
      <c r="EAI656" s="613"/>
      <c r="EAJ656" s="613"/>
      <c r="EAK656" s="613"/>
      <c r="EAL656" s="613"/>
      <c r="EAM656" s="613"/>
      <c r="EAN656" s="613"/>
      <c r="EAO656" s="613"/>
      <c r="EAP656" s="613"/>
      <c r="EAQ656" s="613"/>
      <c r="EAR656" s="613"/>
      <c r="EAS656" s="613"/>
      <c r="EAT656" s="613"/>
      <c r="EAU656" s="613"/>
      <c r="EAV656" s="613"/>
      <c r="EAW656" s="613"/>
      <c r="EAX656" s="613"/>
      <c r="EAY656" s="613"/>
      <c r="EAZ656" s="613"/>
      <c r="EBA656" s="613"/>
      <c r="EBB656" s="613"/>
      <c r="EBC656" s="613"/>
      <c r="EBD656" s="613"/>
      <c r="EBE656" s="613"/>
      <c r="EBF656" s="613"/>
      <c r="EBG656" s="613"/>
      <c r="EBH656" s="613"/>
      <c r="EBI656" s="613"/>
      <c r="EBJ656" s="613"/>
      <c r="EBK656" s="613"/>
      <c r="EBL656" s="613"/>
      <c r="EBM656" s="613"/>
      <c r="EBN656" s="613"/>
      <c r="EBO656" s="613"/>
      <c r="EBP656" s="613"/>
      <c r="EBQ656" s="613"/>
      <c r="EBR656" s="613"/>
      <c r="EBS656" s="613"/>
      <c r="EBT656" s="613"/>
      <c r="EBU656" s="613"/>
      <c r="EBV656" s="613"/>
      <c r="EBW656" s="613"/>
      <c r="EBX656" s="613"/>
      <c r="EBY656" s="613"/>
      <c r="EBZ656" s="613"/>
      <c r="ECA656" s="613"/>
      <c r="ECB656" s="613"/>
      <c r="ECC656" s="613"/>
      <c r="ECD656" s="613"/>
      <c r="ECE656" s="613"/>
      <c r="ECF656" s="613"/>
      <c r="ECG656" s="613"/>
      <c r="ECH656" s="613"/>
      <c r="ECI656" s="613"/>
      <c r="ECJ656" s="613"/>
      <c r="ECK656" s="613"/>
      <c r="ECL656" s="613"/>
      <c r="ECM656" s="613"/>
      <c r="ECN656" s="613"/>
      <c r="ECO656" s="613"/>
      <c r="ECP656" s="613"/>
      <c r="ECQ656" s="613"/>
      <c r="ECR656" s="613"/>
      <c r="ECS656" s="613"/>
      <c r="ECT656" s="613"/>
      <c r="ECU656" s="613"/>
      <c r="ECV656" s="613"/>
      <c r="ECW656" s="613"/>
      <c r="ECX656" s="613"/>
      <c r="ECY656" s="613"/>
      <c r="ECZ656" s="613"/>
      <c r="EDA656" s="613"/>
      <c r="EDB656" s="613"/>
      <c r="EDC656" s="613"/>
      <c r="EDD656" s="613"/>
      <c r="EDE656" s="613"/>
      <c r="EDF656" s="613"/>
      <c r="EDG656" s="613"/>
      <c r="EDH656" s="613"/>
      <c r="EDI656" s="613"/>
      <c r="EDJ656" s="613"/>
      <c r="EDK656" s="613"/>
      <c r="EDL656" s="613"/>
      <c r="EDM656" s="613"/>
      <c r="EDN656" s="613"/>
      <c r="EDO656" s="613"/>
      <c r="EDP656" s="613"/>
      <c r="EDQ656" s="613"/>
      <c r="EDR656" s="613"/>
      <c r="EDS656" s="613"/>
      <c r="EDT656" s="613"/>
      <c r="EDU656" s="613"/>
      <c r="EDV656" s="613"/>
      <c r="EDW656" s="613"/>
      <c r="EDX656" s="613"/>
      <c r="EDY656" s="613"/>
      <c r="EDZ656" s="613"/>
      <c r="EEA656" s="613"/>
      <c r="EEB656" s="613"/>
      <c r="EEC656" s="613"/>
      <c r="EED656" s="613"/>
      <c r="EEE656" s="613"/>
      <c r="EEF656" s="613"/>
      <c r="EEG656" s="613"/>
      <c r="EEH656" s="613"/>
      <c r="EEI656" s="613"/>
      <c r="EEJ656" s="613"/>
      <c r="EEK656" s="613"/>
      <c r="EEL656" s="613"/>
      <c r="EEM656" s="613"/>
      <c r="EEN656" s="613"/>
      <c r="EEO656" s="613"/>
      <c r="EEP656" s="613"/>
      <c r="EEQ656" s="613"/>
      <c r="EER656" s="613"/>
      <c r="EES656" s="613"/>
      <c r="EET656" s="613"/>
      <c r="EEU656" s="613"/>
      <c r="EEV656" s="613"/>
      <c r="EEW656" s="613"/>
      <c r="EEX656" s="613"/>
      <c r="EEY656" s="613"/>
      <c r="EEZ656" s="613"/>
      <c r="EFA656" s="613"/>
      <c r="EFB656" s="613"/>
      <c r="EFC656" s="613"/>
      <c r="EFD656" s="613"/>
      <c r="EFE656" s="613"/>
      <c r="EFF656" s="613"/>
      <c r="EFG656" s="613"/>
      <c r="EFH656" s="613"/>
      <c r="EFI656" s="613"/>
      <c r="EFJ656" s="613"/>
      <c r="EFK656" s="613"/>
      <c r="EFL656" s="613"/>
      <c r="EFM656" s="613"/>
      <c r="EFN656" s="613"/>
      <c r="EFO656" s="613"/>
      <c r="EFP656" s="613"/>
      <c r="EFQ656" s="613"/>
      <c r="EFR656" s="613"/>
      <c r="EFS656" s="613"/>
      <c r="EFT656" s="613"/>
      <c r="EFU656" s="613"/>
      <c r="EFV656" s="613"/>
      <c r="EFW656" s="613"/>
      <c r="EFX656" s="613"/>
      <c r="EFY656" s="613"/>
      <c r="EFZ656" s="613"/>
      <c r="EGA656" s="613"/>
      <c r="EGB656" s="613"/>
      <c r="EGC656" s="613"/>
      <c r="EGD656" s="613"/>
      <c r="EGE656" s="613"/>
      <c r="EGF656" s="613"/>
      <c r="EGG656" s="613"/>
      <c r="EGH656" s="613"/>
      <c r="EGI656" s="613"/>
      <c r="EGJ656" s="613"/>
      <c r="EGK656" s="613"/>
      <c r="EGL656" s="613"/>
      <c r="EGM656" s="613"/>
      <c r="EGN656" s="613"/>
      <c r="EGO656" s="613"/>
      <c r="EGP656" s="613"/>
      <c r="EGQ656" s="613"/>
      <c r="EGR656" s="613"/>
      <c r="EGS656" s="613"/>
      <c r="EGT656" s="613"/>
      <c r="EGU656" s="613"/>
      <c r="EGV656" s="613"/>
      <c r="EGW656" s="613"/>
      <c r="EGX656" s="613"/>
      <c r="EGY656" s="613"/>
      <c r="EGZ656" s="613"/>
      <c r="EHA656" s="613"/>
      <c r="EHB656" s="613"/>
      <c r="EHC656" s="613"/>
      <c r="EHD656" s="613"/>
      <c r="EHE656" s="613"/>
      <c r="EHF656" s="613"/>
      <c r="EHG656" s="613"/>
      <c r="EHH656" s="613"/>
      <c r="EHI656" s="613"/>
      <c r="EHJ656" s="613"/>
      <c r="EHK656" s="613"/>
      <c r="EHL656" s="613"/>
      <c r="EHM656" s="613"/>
      <c r="EHN656" s="613"/>
      <c r="EHO656" s="613"/>
      <c r="EHP656" s="613"/>
      <c r="EHQ656" s="613"/>
      <c r="EHR656" s="613"/>
      <c r="EHS656" s="613"/>
      <c r="EHT656" s="613"/>
      <c r="EHU656" s="613"/>
      <c r="EHV656" s="613"/>
      <c r="EHW656" s="613"/>
      <c r="EHX656" s="613"/>
      <c r="EHY656" s="613"/>
      <c r="EHZ656" s="613"/>
      <c r="EIA656" s="613"/>
      <c r="EIB656" s="613"/>
      <c r="EIC656" s="613"/>
      <c r="EID656" s="613"/>
      <c r="EIE656" s="613"/>
      <c r="EIF656" s="613"/>
      <c r="EIG656" s="613"/>
      <c r="EIH656" s="613"/>
      <c r="EII656" s="613"/>
      <c r="EIJ656" s="613"/>
      <c r="EIK656" s="613"/>
      <c r="EIL656" s="613"/>
      <c r="EIM656" s="613"/>
      <c r="EIN656" s="613"/>
      <c r="EIO656" s="613"/>
      <c r="EIP656" s="613"/>
      <c r="EIQ656" s="613"/>
      <c r="EIR656" s="613"/>
      <c r="EIS656" s="613"/>
      <c r="EIT656" s="613"/>
      <c r="EIU656" s="613"/>
      <c r="EIV656" s="613"/>
      <c r="EIW656" s="613"/>
      <c r="EIX656" s="613"/>
      <c r="EIY656" s="613"/>
      <c r="EIZ656" s="613"/>
      <c r="EJA656" s="613"/>
      <c r="EJB656" s="613"/>
      <c r="EJC656" s="613"/>
      <c r="EJD656" s="613"/>
      <c r="EJE656" s="613"/>
      <c r="EJF656" s="613"/>
      <c r="EJG656" s="613"/>
      <c r="EJH656" s="613"/>
      <c r="EJI656" s="613"/>
      <c r="EJJ656" s="613"/>
      <c r="EJK656" s="613"/>
      <c r="EJL656" s="613"/>
      <c r="EJM656" s="613"/>
      <c r="EJN656" s="613"/>
      <c r="EJO656" s="613"/>
      <c r="EJP656" s="613"/>
      <c r="EJQ656" s="613"/>
      <c r="EJR656" s="613"/>
      <c r="EJS656" s="613"/>
      <c r="EJT656" s="613"/>
      <c r="EJU656" s="613"/>
      <c r="EJV656" s="613"/>
      <c r="EJW656" s="613"/>
      <c r="EJX656" s="613"/>
      <c r="EJY656" s="613"/>
      <c r="EJZ656" s="613"/>
      <c r="EKA656" s="613"/>
      <c r="EKB656" s="613"/>
      <c r="EKC656" s="613"/>
      <c r="EKD656" s="613"/>
      <c r="EKE656" s="613"/>
      <c r="EKF656" s="613"/>
      <c r="EKG656" s="613"/>
      <c r="EKH656" s="613"/>
      <c r="EKI656" s="613"/>
      <c r="EKJ656" s="613"/>
      <c r="EKK656" s="613"/>
      <c r="EKL656" s="613"/>
      <c r="EKM656" s="613"/>
      <c r="EKN656" s="613"/>
      <c r="EKO656" s="613"/>
      <c r="EKP656" s="613"/>
      <c r="EKQ656" s="613"/>
      <c r="EKR656" s="613"/>
      <c r="EKS656" s="613"/>
      <c r="EKT656" s="613"/>
      <c r="EKU656" s="613"/>
      <c r="EKV656" s="613"/>
      <c r="EKW656" s="613"/>
      <c r="EKX656" s="613"/>
      <c r="EKY656" s="613"/>
      <c r="EKZ656" s="613"/>
      <c r="ELA656" s="613"/>
      <c r="ELB656" s="613"/>
      <c r="ELC656" s="613"/>
      <c r="ELD656" s="613"/>
      <c r="ELE656" s="613"/>
      <c r="ELF656" s="613"/>
      <c r="ELG656" s="613"/>
      <c r="ELH656" s="613"/>
      <c r="ELI656" s="613"/>
      <c r="ELJ656" s="613"/>
      <c r="ELK656" s="613"/>
      <c r="ELL656" s="613"/>
      <c r="ELM656" s="613"/>
      <c r="ELN656" s="613"/>
      <c r="ELO656" s="613"/>
      <c r="ELP656" s="613"/>
      <c r="ELQ656" s="613"/>
      <c r="ELR656" s="613"/>
      <c r="ELS656" s="613"/>
      <c r="ELT656" s="613"/>
      <c r="ELU656" s="613"/>
      <c r="ELV656" s="613"/>
      <c r="ELW656" s="613"/>
      <c r="ELX656" s="613"/>
      <c r="ELY656" s="613"/>
      <c r="ELZ656" s="613"/>
      <c r="EMA656" s="613"/>
      <c r="EMB656" s="613"/>
      <c r="EMC656" s="613"/>
      <c r="EMD656" s="613"/>
      <c r="EME656" s="613"/>
      <c r="EMF656" s="613"/>
      <c r="EMG656" s="613"/>
      <c r="EMH656" s="613"/>
      <c r="EMI656" s="613"/>
      <c r="EMJ656" s="613"/>
      <c r="EMK656" s="613"/>
      <c r="EML656" s="613"/>
      <c r="EMM656" s="613"/>
      <c r="EMN656" s="613"/>
      <c r="EMO656" s="613"/>
      <c r="EMP656" s="613"/>
      <c r="EMQ656" s="613"/>
      <c r="EMR656" s="613"/>
      <c r="EMS656" s="613"/>
      <c r="EMT656" s="613"/>
      <c r="EMU656" s="613"/>
      <c r="EMV656" s="613"/>
      <c r="EMW656" s="613"/>
      <c r="EMX656" s="613"/>
      <c r="EMY656" s="613"/>
      <c r="EMZ656" s="613"/>
      <c r="ENA656" s="613"/>
      <c r="ENB656" s="613"/>
      <c r="ENC656" s="613"/>
      <c r="END656" s="613"/>
      <c r="ENE656" s="613"/>
      <c r="ENF656" s="613"/>
      <c r="ENG656" s="613"/>
      <c r="ENH656" s="613"/>
      <c r="ENI656" s="613"/>
      <c r="ENJ656" s="613"/>
      <c r="ENK656" s="613"/>
      <c r="ENL656" s="613"/>
      <c r="ENM656" s="613"/>
      <c r="ENN656" s="613"/>
      <c r="ENO656" s="613"/>
      <c r="ENP656" s="613"/>
      <c r="ENQ656" s="613"/>
      <c r="ENR656" s="613"/>
      <c r="ENS656" s="613"/>
      <c r="ENT656" s="613"/>
      <c r="ENU656" s="613"/>
      <c r="ENV656" s="613"/>
      <c r="ENW656" s="613"/>
      <c r="ENX656" s="613"/>
      <c r="ENY656" s="613"/>
      <c r="ENZ656" s="613"/>
      <c r="EOA656" s="613"/>
      <c r="EOB656" s="613"/>
      <c r="EOC656" s="613"/>
      <c r="EOD656" s="613"/>
      <c r="EOE656" s="613"/>
      <c r="EOF656" s="613"/>
      <c r="EOG656" s="613"/>
      <c r="EOH656" s="613"/>
      <c r="EOI656" s="613"/>
      <c r="EOJ656" s="613"/>
      <c r="EOK656" s="613"/>
      <c r="EOL656" s="613"/>
      <c r="EOM656" s="613"/>
      <c r="EON656" s="613"/>
      <c r="EOO656" s="613"/>
      <c r="EOP656" s="613"/>
      <c r="EOQ656" s="613"/>
      <c r="EOR656" s="613"/>
      <c r="EOS656" s="613"/>
      <c r="EOT656" s="613"/>
      <c r="EOU656" s="613"/>
      <c r="EOV656" s="613"/>
      <c r="EOW656" s="613"/>
      <c r="EOX656" s="613"/>
      <c r="EOY656" s="613"/>
      <c r="EOZ656" s="613"/>
      <c r="EPA656" s="613"/>
      <c r="EPB656" s="613"/>
      <c r="EPC656" s="613"/>
      <c r="EPD656" s="613"/>
      <c r="EPE656" s="613"/>
      <c r="EPF656" s="613"/>
      <c r="EPG656" s="613"/>
      <c r="EPH656" s="613"/>
      <c r="EPI656" s="613"/>
      <c r="EPJ656" s="613"/>
      <c r="EPK656" s="613"/>
      <c r="EPL656" s="613"/>
      <c r="EPM656" s="613"/>
      <c r="EPN656" s="613"/>
      <c r="EPO656" s="613"/>
      <c r="EPP656" s="613"/>
      <c r="EPQ656" s="613"/>
      <c r="EPR656" s="613"/>
      <c r="EPS656" s="613"/>
      <c r="EPT656" s="613"/>
      <c r="EPU656" s="613"/>
      <c r="EPV656" s="613"/>
      <c r="EPW656" s="613"/>
      <c r="EPX656" s="613"/>
      <c r="EPY656" s="613"/>
      <c r="EPZ656" s="613"/>
      <c r="EQA656" s="613"/>
      <c r="EQB656" s="613"/>
      <c r="EQC656" s="613"/>
      <c r="EQD656" s="613"/>
      <c r="EQE656" s="613"/>
      <c r="EQF656" s="613"/>
      <c r="EQG656" s="613"/>
      <c r="EQH656" s="613"/>
      <c r="EQI656" s="613"/>
      <c r="EQJ656" s="613"/>
      <c r="EQK656" s="613"/>
      <c r="EQL656" s="613"/>
      <c r="EQM656" s="613"/>
      <c r="EQN656" s="613"/>
      <c r="EQO656" s="613"/>
      <c r="EQP656" s="613"/>
      <c r="EQQ656" s="613"/>
      <c r="EQR656" s="613"/>
      <c r="EQS656" s="613"/>
      <c r="EQT656" s="613"/>
      <c r="EQU656" s="613"/>
      <c r="EQV656" s="613"/>
      <c r="EQW656" s="613"/>
      <c r="EQX656" s="613"/>
      <c r="EQY656" s="613"/>
      <c r="EQZ656" s="613"/>
      <c r="ERA656" s="613"/>
      <c r="ERB656" s="613"/>
      <c r="ERC656" s="613"/>
      <c r="ERD656" s="613"/>
      <c r="ERE656" s="613"/>
      <c r="ERF656" s="613"/>
      <c r="ERG656" s="613"/>
      <c r="ERH656" s="613"/>
      <c r="ERI656" s="613"/>
      <c r="ERJ656" s="613"/>
      <c r="ERK656" s="613"/>
      <c r="ERL656" s="613"/>
      <c r="ERM656" s="613"/>
      <c r="ERN656" s="613"/>
      <c r="ERO656" s="613"/>
      <c r="ERP656" s="613"/>
      <c r="ERQ656" s="613"/>
      <c r="ERR656" s="613"/>
      <c r="ERS656" s="613"/>
      <c r="ERT656" s="613"/>
      <c r="ERU656" s="613"/>
      <c r="ERV656" s="613"/>
      <c r="ERW656" s="613"/>
      <c r="ERX656" s="613"/>
      <c r="ERY656" s="613"/>
      <c r="ERZ656" s="613"/>
      <c r="ESA656" s="613"/>
      <c r="ESB656" s="613"/>
      <c r="ESC656" s="613"/>
      <c r="ESD656" s="613"/>
      <c r="ESE656" s="613"/>
      <c r="ESF656" s="613"/>
      <c r="ESG656" s="613"/>
      <c r="ESH656" s="613"/>
      <c r="ESI656" s="613"/>
      <c r="ESJ656" s="613"/>
      <c r="ESK656" s="613"/>
      <c r="ESL656" s="613"/>
      <c r="ESM656" s="613"/>
      <c r="ESN656" s="613"/>
      <c r="ESO656" s="613"/>
      <c r="ESP656" s="613"/>
      <c r="ESQ656" s="613"/>
      <c r="ESR656" s="613"/>
      <c r="ESS656" s="613"/>
      <c r="EST656" s="613"/>
      <c r="ESU656" s="613"/>
      <c r="ESV656" s="613"/>
      <c r="ESW656" s="613"/>
      <c r="ESX656" s="613"/>
      <c r="ESY656" s="613"/>
      <c r="ESZ656" s="613"/>
      <c r="ETA656" s="613"/>
      <c r="ETB656" s="613"/>
      <c r="ETC656" s="613"/>
      <c r="ETD656" s="613"/>
      <c r="ETE656" s="613"/>
      <c r="ETF656" s="613"/>
      <c r="ETG656" s="613"/>
      <c r="ETH656" s="613"/>
      <c r="ETI656" s="613"/>
      <c r="ETJ656" s="613"/>
      <c r="ETK656" s="613"/>
      <c r="ETL656" s="613"/>
      <c r="ETM656" s="613"/>
      <c r="ETN656" s="613"/>
      <c r="ETO656" s="613"/>
      <c r="ETP656" s="613"/>
      <c r="ETQ656" s="613"/>
      <c r="ETR656" s="613"/>
      <c r="ETS656" s="613"/>
      <c r="ETT656" s="613"/>
      <c r="ETU656" s="613"/>
      <c r="ETV656" s="613"/>
      <c r="ETW656" s="613"/>
      <c r="ETX656" s="613"/>
      <c r="ETY656" s="613"/>
      <c r="ETZ656" s="613"/>
      <c r="EUA656" s="613"/>
      <c r="EUB656" s="613"/>
      <c r="EUC656" s="613"/>
      <c r="EUD656" s="613"/>
      <c r="EUE656" s="613"/>
      <c r="EUF656" s="613"/>
      <c r="EUG656" s="613"/>
      <c r="EUH656" s="613"/>
      <c r="EUI656" s="613"/>
      <c r="EUJ656" s="613"/>
      <c r="EUK656" s="613"/>
      <c r="EUL656" s="613"/>
      <c r="EUM656" s="613"/>
      <c r="EUN656" s="613"/>
      <c r="EUO656" s="613"/>
      <c r="EUP656" s="613"/>
      <c r="EUQ656" s="613"/>
      <c r="EUR656" s="613"/>
      <c r="EUS656" s="613"/>
      <c r="EUT656" s="613"/>
      <c r="EUU656" s="613"/>
      <c r="EUV656" s="613"/>
      <c r="EUW656" s="613"/>
      <c r="EUX656" s="613"/>
      <c r="EUY656" s="613"/>
      <c r="EUZ656" s="613"/>
      <c r="EVA656" s="613"/>
      <c r="EVB656" s="613"/>
      <c r="EVC656" s="613"/>
      <c r="EVD656" s="613"/>
      <c r="EVE656" s="613"/>
      <c r="EVF656" s="613"/>
      <c r="EVG656" s="613"/>
      <c r="EVH656" s="613"/>
      <c r="EVI656" s="613"/>
      <c r="EVJ656" s="613"/>
      <c r="EVK656" s="613"/>
      <c r="EVL656" s="613"/>
      <c r="EVM656" s="613"/>
      <c r="EVN656" s="613"/>
      <c r="EVO656" s="613"/>
      <c r="EVP656" s="613"/>
      <c r="EVQ656" s="613"/>
      <c r="EVR656" s="613"/>
      <c r="EVS656" s="613"/>
      <c r="EVT656" s="613"/>
      <c r="EVU656" s="613"/>
      <c r="EVV656" s="613"/>
      <c r="EVW656" s="613"/>
      <c r="EVX656" s="613"/>
      <c r="EVY656" s="613"/>
      <c r="EVZ656" s="613"/>
      <c r="EWA656" s="613"/>
      <c r="EWB656" s="613"/>
      <c r="EWC656" s="613"/>
      <c r="EWD656" s="613"/>
      <c r="EWE656" s="613"/>
      <c r="EWF656" s="613"/>
      <c r="EWG656" s="613"/>
      <c r="EWH656" s="613"/>
      <c r="EWI656" s="613"/>
      <c r="EWJ656" s="613"/>
      <c r="EWK656" s="613"/>
      <c r="EWL656" s="613"/>
      <c r="EWM656" s="613"/>
      <c r="EWN656" s="613"/>
      <c r="EWO656" s="613"/>
      <c r="EWP656" s="613"/>
      <c r="EWQ656" s="613"/>
      <c r="EWR656" s="613"/>
      <c r="EWS656" s="613"/>
      <c r="EWT656" s="613"/>
      <c r="EWU656" s="613"/>
      <c r="EWV656" s="613"/>
      <c r="EWW656" s="613"/>
      <c r="EWX656" s="613"/>
      <c r="EWY656" s="613"/>
      <c r="EWZ656" s="613"/>
      <c r="EXA656" s="613"/>
      <c r="EXB656" s="613"/>
      <c r="EXC656" s="613"/>
      <c r="EXD656" s="613"/>
      <c r="EXE656" s="613"/>
      <c r="EXF656" s="613"/>
      <c r="EXG656" s="613"/>
      <c r="EXH656" s="613"/>
      <c r="EXI656" s="613"/>
      <c r="EXJ656" s="613"/>
      <c r="EXK656" s="613"/>
      <c r="EXL656" s="613"/>
      <c r="EXM656" s="613"/>
      <c r="EXN656" s="613"/>
      <c r="EXO656" s="613"/>
      <c r="EXP656" s="613"/>
      <c r="EXQ656" s="613"/>
      <c r="EXR656" s="613"/>
      <c r="EXS656" s="613"/>
      <c r="EXT656" s="613"/>
      <c r="EXU656" s="613"/>
      <c r="EXV656" s="613"/>
      <c r="EXW656" s="613"/>
      <c r="EXX656" s="613"/>
      <c r="EXY656" s="613"/>
      <c r="EXZ656" s="613"/>
      <c r="EYA656" s="613"/>
      <c r="EYB656" s="613"/>
      <c r="EYC656" s="613"/>
      <c r="EYD656" s="613"/>
      <c r="EYE656" s="613"/>
      <c r="EYF656" s="613"/>
      <c r="EYG656" s="613"/>
      <c r="EYH656" s="613"/>
      <c r="EYI656" s="613"/>
      <c r="EYJ656" s="613"/>
      <c r="EYK656" s="613"/>
      <c r="EYL656" s="613"/>
      <c r="EYM656" s="613"/>
      <c r="EYN656" s="613"/>
      <c r="EYO656" s="613"/>
      <c r="EYP656" s="613"/>
      <c r="EYQ656" s="613"/>
      <c r="EYR656" s="613"/>
      <c r="EYS656" s="613"/>
      <c r="EYT656" s="613"/>
      <c r="EYU656" s="613"/>
      <c r="EYV656" s="613"/>
      <c r="EYW656" s="613"/>
      <c r="EYX656" s="613"/>
      <c r="EYY656" s="613"/>
      <c r="EYZ656" s="613"/>
      <c r="EZA656" s="613"/>
      <c r="EZB656" s="613"/>
      <c r="EZC656" s="613"/>
      <c r="EZD656" s="613"/>
      <c r="EZE656" s="613"/>
      <c r="EZF656" s="613"/>
      <c r="EZG656" s="613"/>
      <c r="EZH656" s="613"/>
      <c r="EZI656" s="613"/>
      <c r="EZJ656" s="613"/>
      <c r="EZK656" s="613"/>
      <c r="EZL656" s="613"/>
      <c r="EZM656" s="613"/>
      <c r="EZN656" s="613"/>
      <c r="EZO656" s="613"/>
      <c r="EZP656" s="613"/>
      <c r="EZQ656" s="613"/>
      <c r="EZR656" s="613"/>
      <c r="EZS656" s="613"/>
      <c r="EZT656" s="613"/>
      <c r="EZU656" s="613"/>
      <c r="EZV656" s="613"/>
      <c r="EZW656" s="613"/>
      <c r="EZX656" s="613"/>
      <c r="EZY656" s="613"/>
      <c r="EZZ656" s="613"/>
      <c r="FAA656" s="613"/>
      <c r="FAB656" s="613"/>
      <c r="FAC656" s="613"/>
      <c r="FAD656" s="613"/>
      <c r="FAE656" s="613"/>
      <c r="FAF656" s="613"/>
      <c r="FAG656" s="613"/>
      <c r="FAH656" s="613"/>
      <c r="FAI656" s="613"/>
      <c r="FAJ656" s="613"/>
      <c r="FAK656" s="613"/>
      <c r="FAL656" s="613"/>
      <c r="FAM656" s="613"/>
      <c r="FAN656" s="613"/>
      <c r="FAO656" s="613"/>
      <c r="FAP656" s="613"/>
      <c r="FAQ656" s="613"/>
      <c r="FAR656" s="613"/>
      <c r="FAS656" s="613"/>
      <c r="FAT656" s="613"/>
      <c r="FAU656" s="613"/>
      <c r="FAV656" s="613"/>
      <c r="FAW656" s="613"/>
      <c r="FAX656" s="613"/>
      <c r="FAY656" s="613"/>
      <c r="FAZ656" s="613"/>
      <c r="FBA656" s="613"/>
      <c r="FBB656" s="613"/>
      <c r="FBC656" s="613"/>
      <c r="FBD656" s="613"/>
      <c r="FBE656" s="613"/>
      <c r="FBF656" s="613"/>
      <c r="FBG656" s="613"/>
      <c r="FBH656" s="613"/>
      <c r="FBI656" s="613"/>
      <c r="FBJ656" s="613"/>
      <c r="FBK656" s="613"/>
      <c r="FBL656" s="613"/>
      <c r="FBM656" s="613"/>
      <c r="FBN656" s="613"/>
      <c r="FBO656" s="613"/>
      <c r="FBP656" s="613"/>
      <c r="FBQ656" s="613"/>
      <c r="FBR656" s="613"/>
      <c r="FBS656" s="613"/>
      <c r="FBT656" s="613"/>
      <c r="FBU656" s="613"/>
      <c r="FBV656" s="613"/>
      <c r="FBW656" s="613"/>
      <c r="FBX656" s="613"/>
      <c r="FBY656" s="613"/>
      <c r="FBZ656" s="613"/>
      <c r="FCA656" s="613"/>
      <c r="FCB656" s="613"/>
      <c r="FCC656" s="613"/>
      <c r="FCD656" s="613"/>
      <c r="FCE656" s="613"/>
      <c r="FCF656" s="613"/>
      <c r="FCG656" s="613"/>
      <c r="FCH656" s="613"/>
      <c r="FCI656" s="613"/>
      <c r="FCJ656" s="613"/>
      <c r="FCK656" s="613"/>
      <c r="FCL656" s="613"/>
      <c r="FCM656" s="613"/>
      <c r="FCN656" s="613"/>
      <c r="FCO656" s="613"/>
      <c r="FCP656" s="613"/>
      <c r="FCQ656" s="613"/>
      <c r="FCR656" s="613"/>
      <c r="FCS656" s="613"/>
      <c r="FCT656" s="613"/>
      <c r="FCU656" s="613"/>
      <c r="FCV656" s="613"/>
      <c r="FCW656" s="613"/>
      <c r="FCX656" s="613"/>
      <c r="FCY656" s="613"/>
      <c r="FCZ656" s="613"/>
      <c r="FDA656" s="613"/>
      <c r="FDB656" s="613"/>
      <c r="FDC656" s="613"/>
      <c r="FDD656" s="613"/>
      <c r="FDE656" s="613"/>
      <c r="FDF656" s="613"/>
      <c r="FDG656" s="613"/>
      <c r="FDH656" s="613"/>
      <c r="FDI656" s="613"/>
      <c r="FDJ656" s="613"/>
      <c r="FDK656" s="613"/>
      <c r="FDL656" s="613"/>
      <c r="FDM656" s="613"/>
      <c r="FDN656" s="613"/>
      <c r="FDO656" s="613"/>
      <c r="FDP656" s="613"/>
      <c r="FDQ656" s="613"/>
      <c r="FDR656" s="613"/>
      <c r="FDS656" s="613"/>
      <c r="FDT656" s="613"/>
      <c r="FDU656" s="613"/>
      <c r="FDV656" s="613"/>
      <c r="FDW656" s="613"/>
      <c r="FDX656" s="613"/>
      <c r="FDY656" s="613"/>
      <c r="FDZ656" s="613"/>
      <c r="FEA656" s="613"/>
      <c r="FEB656" s="613"/>
      <c r="FEC656" s="613"/>
      <c r="FED656" s="613"/>
      <c r="FEE656" s="613"/>
      <c r="FEF656" s="613"/>
      <c r="FEG656" s="613"/>
      <c r="FEH656" s="613"/>
      <c r="FEI656" s="613"/>
      <c r="FEJ656" s="613"/>
      <c r="FEK656" s="613"/>
      <c r="FEL656" s="613"/>
      <c r="FEM656" s="613"/>
      <c r="FEN656" s="613"/>
      <c r="FEO656" s="613"/>
      <c r="FEP656" s="613"/>
      <c r="FEQ656" s="613"/>
      <c r="FER656" s="613"/>
      <c r="FES656" s="613"/>
      <c r="FET656" s="613"/>
      <c r="FEU656" s="613"/>
      <c r="FEV656" s="613"/>
      <c r="FEW656" s="613"/>
      <c r="FEX656" s="613"/>
      <c r="FEY656" s="613"/>
      <c r="FEZ656" s="613"/>
      <c r="FFA656" s="613"/>
      <c r="FFB656" s="613"/>
      <c r="FFC656" s="613"/>
      <c r="FFD656" s="613"/>
      <c r="FFE656" s="613"/>
      <c r="FFF656" s="613"/>
      <c r="FFG656" s="613"/>
      <c r="FFH656" s="613"/>
      <c r="FFI656" s="613"/>
      <c r="FFJ656" s="613"/>
      <c r="FFK656" s="613"/>
      <c r="FFL656" s="613"/>
      <c r="FFM656" s="613"/>
      <c r="FFN656" s="613"/>
      <c r="FFO656" s="613"/>
      <c r="FFP656" s="613"/>
      <c r="FFQ656" s="613"/>
      <c r="FFR656" s="613"/>
      <c r="FFS656" s="613"/>
      <c r="FFT656" s="613"/>
      <c r="FFU656" s="613"/>
      <c r="FFV656" s="613"/>
      <c r="FFW656" s="613"/>
      <c r="FFX656" s="613"/>
      <c r="FFY656" s="613"/>
      <c r="FFZ656" s="613"/>
      <c r="FGA656" s="613"/>
      <c r="FGB656" s="613"/>
      <c r="FGC656" s="613"/>
      <c r="FGD656" s="613"/>
      <c r="FGE656" s="613"/>
      <c r="FGF656" s="613"/>
      <c r="FGG656" s="613"/>
      <c r="FGH656" s="613"/>
      <c r="FGI656" s="613"/>
      <c r="FGJ656" s="613"/>
      <c r="FGK656" s="613"/>
      <c r="FGL656" s="613"/>
      <c r="FGM656" s="613"/>
      <c r="FGN656" s="613"/>
      <c r="FGO656" s="613"/>
      <c r="FGP656" s="613"/>
      <c r="FGQ656" s="613"/>
      <c r="FGR656" s="613"/>
      <c r="FGS656" s="613"/>
      <c r="FGT656" s="613"/>
      <c r="FGU656" s="613"/>
      <c r="FGV656" s="613"/>
      <c r="FGW656" s="613"/>
      <c r="FGX656" s="613"/>
      <c r="FGY656" s="613"/>
      <c r="FGZ656" s="613"/>
      <c r="FHA656" s="613"/>
      <c r="FHB656" s="613"/>
      <c r="FHC656" s="613"/>
      <c r="FHD656" s="613"/>
      <c r="FHE656" s="613"/>
      <c r="FHF656" s="613"/>
      <c r="FHG656" s="613"/>
      <c r="FHH656" s="613"/>
      <c r="FHI656" s="613"/>
      <c r="FHJ656" s="613"/>
      <c r="FHK656" s="613"/>
      <c r="FHL656" s="613"/>
      <c r="FHM656" s="613"/>
      <c r="FHN656" s="613"/>
      <c r="FHO656" s="613"/>
      <c r="FHP656" s="613"/>
      <c r="FHQ656" s="613"/>
      <c r="FHR656" s="613"/>
      <c r="FHS656" s="613"/>
      <c r="FHT656" s="613"/>
      <c r="FHU656" s="613"/>
      <c r="FHV656" s="613"/>
      <c r="FHW656" s="613"/>
      <c r="FHX656" s="613"/>
      <c r="FHY656" s="613"/>
      <c r="FHZ656" s="613"/>
      <c r="FIA656" s="613"/>
      <c r="FIB656" s="613"/>
      <c r="FIC656" s="613"/>
      <c r="FID656" s="613"/>
      <c r="FIE656" s="613"/>
      <c r="FIF656" s="613"/>
      <c r="FIG656" s="613"/>
      <c r="FIH656" s="613"/>
      <c r="FII656" s="613"/>
      <c r="FIJ656" s="613"/>
      <c r="FIK656" s="613"/>
      <c r="FIL656" s="613"/>
      <c r="FIM656" s="613"/>
      <c r="FIN656" s="613"/>
      <c r="FIO656" s="613"/>
      <c r="FIP656" s="613"/>
      <c r="FIQ656" s="613"/>
      <c r="FIR656" s="613"/>
      <c r="FIS656" s="613"/>
      <c r="FIT656" s="613"/>
      <c r="FIU656" s="613"/>
      <c r="FIV656" s="613"/>
      <c r="FIW656" s="613"/>
      <c r="FIX656" s="613"/>
      <c r="FIY656" s="613"/>
      <c r="FIZ656" s="613"/>
      <c r="FJA656" s="613"/>
      <c r="FJB656" s="613"/>
      <c r="FJC656" s="613"/>
      <c r="FJD656" s="613"/>
      <c r="FJE656" s="613"/>
      <c r="FJF656" s="613"/>
      <c r="FJG656" s="613"/>
      <c r="FJH656" s="613"/>
      <c r="FJI656" s="613"/>
      <c r="FJJ656" s="613"/>
      <c r="FJK656" s="613"/>
      <c r="FJL656" s="613"/>
      <c r="FJM656" s="613"/>
      <c r="FJN656" s="613"/>
      <c r="FJO656" s="613"/>
      <c r="FJP656" s="613"/>
      <c r="FJQ656" s="613"/>
      <c r="FJR656" s="613"/>
      <c r="FJS656" s="613"/>
      <c r="FJT656" s="613"/>
      <c r="FJU656" s="613"/>
      <c r="FJV656" s="613"/>
      <c r="FJW656" s="613"/>
      <c r="FJX656" s="613"/>
      <c r="FJY656" s="613"/>
      <c r="FJZ656" s="613"/>
      <c r="FKA656" s="613"/>
      <c r="FKB656" s="613"/>
      <c r="FKC656" s="613"/>
      <c r="FKD656" s="613"/>
      <c r="FKE656" s="613"/>
      <c r="FKF656" s="613"/>
      <c r="FKG656" s="613"/>
      <c r="FKH656" s="613"/>
      <c r="FKI656" s="613"/>
      <c r="FKJ656" s="613"/>
      <c r="FKK656" s="613"/>
      <c r="FKL656" s="613"/>
      <c r="FKM656" s="613"/>
      <c r="FKN656" s="613"/>
      <c r="FKO656" s="613"/>
      <c r="FKP656" s="613"/>
      <c r="FKQ656" s="613"/>
      <c r="FKR656" s="613"/>
      <c r="FKS656" s="613"/>
      <c r="FKT656" s="613"/>
      <c r="FKU656" s="613"/>
      <c r="FKV656" s="613"/>
      <c r="FKW656" s="613"/>
      <c r="FKX656" s="613"/>
      <c r="FKY656" s="613"/>
      <c r="FKZ656" s="613"/>
      <c r="FLA656" s="613"/>
      <c r="FLB656" s="613"/>
      <c r="FLC656" s="613"/>
      <c r="FLD656" s="613"/>
      <c r="FLE656" s="613"/>
      <c r="FLF656" s="613"/>
      <c r="FLG656" s="613"/>
      <c r="FLH656" s="613"/>
      <c r="FLI656" s="613"/>
      <c r="FLJ656" s="613"/>
      <c r="FLK656" s="613"/>
      <c r="FLL656" s="613"/>
      <c r="FLM656" s="613"/>
      <c r="FLN656" s="613"/>
      <c r="FLO656" s="613"/>
      <c r="FLP656" s="613"/>
      <c r="FLQ656" s="613"/>
      <c r="FLR656" s="613"/>
      <c r="FLS656" s="613"/>
      <c r="FLT656" s="613"/>
      <c r="FLU656" s="613"/>
      <c r="FLV656" s="613"/>
      <c r="FLW656" s="613"/>
      <c r="FLX656" s="613"/>
      <c r="FLY656" s="613"/>
      <c r="FLZ656" s="613"/>
      <c r="FMA656" s="613"/>
      <c r="FMB656" s="613"/>
      <c r="FMC656" s="613"/>
      <c r="FMD656" s="613"/>
      <c r="FME656" s="613"/>
      <c r="FMF656" s="613"/>
      <c r="FMG656" s="613"/>
      <c r="FMH656" s="613"/>
      <c r="FMI656" s="613"/>
      <c r="FMJ656" s="613"/>
      <c r="FMK656" s="613"/>
      <c r="FML656" s="613"/>
      <c r="FMM656" s="613"/>
      <c r="FMN656" s="613"/>
      <c r="FMO656" s="613"/>
      <c r="FMP656" s="613"/>
      <c r="FMQ656" s="613"/>
      <c r="FMR656" s="613"/>
      <c r="FMS656" s="613"/>
      <c r="FMT656" s="613"/>
      <c r="FMU656" s="613"/>
      <c r="FMV656" s="613"/>
      <c r="FMW656" s="613"/>
      <c r="FMX656" s="613"/>
      <c r="FMY656" s="613"/>
      <c r="FMZ656" s="613"/>
      <c r="FNA656" s="613"/>
      <c r="FNB656" s="613"/>
      <c r="FNC656" s="613"/>
      <c r="FND656" s="613"/>
      <c r="FNE656" s="613"/>
      <c r="FNF656" s="613"/>
      <c r="FNG656" s="613"/>
      <c r="FNH656" s="613"/>
      <c r="FNI656" s="613"/>
      <c r="FNJ656" s="613"/>
      <c r="FNK656" s="613"/>
      <c r="FNL656" s="613"/>
      <c r="FNM656" s="613"/>
      <c r="FNN656" s="613"/>
      <c r="FNO656" s="613"/>
      <c r="FNP656" s="613"/>
      <c r="FNQ656" s="613"/>
      <c r="FNR656" s="613"/>
      <c r="FNS656" s="613"/>
      <c r="FNT656" s="613"/>
      <c r="FNU656" s="613"/>
      <c r="FNV656" s="613"/>
      <c r="FNW656" s="613"/>
      <c r="FNX656" s="613"/>
      <c r="FNY656" s="613"/>
      <c r="FNZ656" s="613"/>
      <c r="FOA656" s="613"/>
      <c r="FOB656" s="613"/>
      <c r="FOC656" s="613"/>
      <c r="FOD656" s="613"/>
      <c r="FOE656" s="613"/>
      <c r="FOF656" s="613"/>
      <c r="FOG656" s="613"/>
      <c r="FOH656" s="613"/>
      <c r="FOI656" s="613"/>
      <c r="FOJ656" s="613"/>
      <c r="FOK656" s="613"/>
      <c r="FOL656" s="613"/>
      <c r="FOM656" s="613"/>
      <c r="FON656" s="613"/>
      <c r="FOO656" s="613"/>
      <c r="FOP656" s="613"/>
      <c r="FOQ656" s="613"/>
      <c r="FOR656" s="613"/>
      <c r="FOS656" s="613"/>
      <c r="FOT656" s="613"/>
      <c r="FOU656" s="613"/>
      <c r="FOV656" s="613"/>
      <c r="FOW656" s="613"/>
      <c r="FOX656" s="613"/>
      <c r="FOY656" s="613"/>
      <c r="FOZ656" s="613"/>
      <c r="FPA656" s="613"/>
      <c r="FPB656" s="613"/>
      <c r="FPC656" s="613"/>
      <c r="FPD656" s="613"/>
      <c r="FPE656" s="613"/>
      <c r="FPF656" s="613"/>
      <c r="FPG656" s="613"/>
      <c r="FPH656" s="613"/>
      <c r="FPI656" s="613"/>
      <c r="FPJ656" s="613"/>
      <c r="FPK656" s="613"/>
      <c r="FPL656" s="613"/>
      <c r="FPM656" s="613"/>
      <c r="FPN656" s="613"/>
      <c r="FPO656" s="613"/>
      <c r="FPP656" s="613"/>
      <c r="FPQ656" s="613"/>
      <c r="FPR656" s="613"/>
      <c r="FPS656" s="613"/>
      <c r="FPT656" s="613"/>
      <c r="FPU656" s="613"/>
      <c r="FPV656" s="613"/>
      <c r="FPW656" s="613"/>
      <c r="FPX656" s="613"/>
      <c r="FPY656" s="613"/>
      <c r="FPZ656" s="613"/>
      <c r="FQA656" s="613"/>
      <c r="FQB656" s="613"/>
      <c r="FQC656" s="613"/>
      <c r="FQD656" s="613"/>
      <c r="FQE656" s="613"/>
      <c r="FQF656" s="613"/>
      <c r="FQG656" s="613"/>
      <c r="FQH656" s="613"/>
      <c r="FQI656" s="613"/>
      <c r="FQJ656" s="613"/>
      <c r="FQK656" s="613"/>
      <c r="FQL656" s="613"/>
      <c r="FQM656" s="613"/>
      <c r="FQN656" s="613"/>
      <c r="FQO656" s="613"/>
      <c r="FQP656" s="613"/>
      <c r="FQQ656" s="613"/>
      <c r="FQR656" s="613"/>
      <c r="FQS656" s="613"/>
      <c r="FQT656" s="613"/>
      <c r="FQU656" s="613"/>
      <c r="FQV656" s="613"/>
      <c r="FQW656" s="613"/>
      <c r="FQX656" s="613"/>
      <c r="FQY656" s="613"/>
      <c r="FQZ656" s="613"/>
      <c r="FRA656" s="613"/>
      <c r="FRB656" s="613"/>
      <c r="FRC656" s="613"/>
      <c r="FRD656" s="613"/>
      <c r="FRE656" s="613"/>
      <c r="FRF656" s="613"/>
      <c r="FRG656" s="613"/>
      <c r="FRH656" s="613"/>
      <c r="FRI656" s="613"/>
      <c r="FRJ656" s="613"/>
      <c r="FRK656" s="613"/>
      <c r="FRL656" s="613"/>
      <c r="FRM656" s="613"/>
      <c r="FRN656" s="613"/>
      <c r="FRO656" s="613"/>
      <c r="FRP656" s="613"/>
      <c r="FRQ656" s="613"/>
      <c r="FRR656" s="613"/>
      <c r="FRS656" s="613"/>
      <c r="FRT656" s="613"/>
      <c r="FRU656" s="613"/>
      <c r="FRV656" s="613"/>
      <c r="FRW656" s="613"/>
      <c r="FRX656" s="613"/>
      <c r="FRY656" s="613"/>
      <c r="FRZ656" s="613"/>
      <c r="FSA656" s="613"/>
      <c r="FSB656" s="613"/>
      <c r="FSC656" s="613"/>
      <c r="FSD656" s="613"/>
      <c r="FSE656" s="613"/>
      <c r="FSF656" s="613"/>
      <c r="FSG656" s="613"/>
      <c r="FSH656" s="613"/>
      <c r="FSI656" s="613"/>
      <c r="FSJ656" s="613"/>
      <c r="FSK656" s="613"/>
      <c r="FSL656" s="613"/>
      <c r="FSM656" s="613"/>
      <c r="FSN656" s="613"/>
      <c r="FSO656" s="613"/>
      <c r="FSP656" s="613"/>
      <c r="FSQ656" s="613"/>
      <c r="FSR656" s="613"/>
      <c r="FSS656" s="613"/>
      <c r="FST656" s="613"/>
      <c r="FSU656" s="613"/>
      <c r="FSV656" s="613"/>
      <c r="FSW656" s="613"/>
      <c r="FSX656" s="613"/>
      <c r="FSY656" s="613"/>
      <c r="FSZ656" s="613"/>
      <c r="FTA656" s="613"/>
      <c r="FTB656" s="613"/>
      <c r="FTC656" s="613"/>
      <c r="FTD656" s="613"/>
      <c r="FTE656" s="613"/>
      <c r="FTF656" s="613"/>
      <c r="FTG656" s="613"/>
      <c r="FTH656" s="613"/>
      <c r="FTI656" s="613"/>
      <c r="FTJ656" s="613"/>
      <c r="FTK656" s="613"/>
      <c r="FTL656" s="613"/>
      <c r="FTM656" s="613"/>
      <c r="FTN656" s="613"/>
      <c r="FTO656" s="613"/>
      <c r="FTP656" s="613"/>
      <c r="FTQ656" s="613"/>
      <c r="FTR656" s="613"/>
      <c r="FTS656" s="613"/>
      <c r="FTT656" s="613"/>
      <c r="FTU656" s="613"/>
      <c r="FTV656" s="613"/>
      <c r="FTW656" s="613"/>
      <c r="FTX656" s="613"/>
      <c r="FTY656" s="613"/>
      <c r="FTZ656" s="613"/>
      <c r="FUA656" s="613"/>
      <c r="FUB656" s="613"/>
      <c r="FUC656" s="613"/>
      <c r="FUD656" s="613"/>
      <c r="FUE656" s="613"/>
      <c r="FUF656" s="613"/>
      <c r="FUG656" s="613"/>
      <c r="FUH656" s="613"/>
      <c r="FUI656" s="613"/>
      <c r="FUJ656" s="613"/>
      <c r="FUK656" s="613"/>
      <c r="FUL656" s="613"/>
      <c r="FUM656" s="613"/>
      <c r="FUN656" s="613"/>
      <c r="FUO656" s="613"/>
      <c r="FUP656" s="613"/>
      <c r="FUQ656" s="613"/>
      <c r="FUR656" s="613"/>
      <c r="FUS656" s="613"/>
      <c r="FUT656" s="613"/>
      <c r="FUU656" s="613"/>
      <c r="FUV656" s="613"/>
      <c r="FUW656" s="613"/>
      <c r="FUX656" s="613"/>
      <c r="FUY656" s="613"/>
      <c r="FUZ656" s="613"/>
      <c r="FVA656" s="613"/>
      <c r="FVB656" s="613"/>
      <c r="FVC656" s="613"/>
      <c r="FVD656" s="613"/>
      <c r="FVE656" s="613"/>
      <c r="FVF656" s="613"/>
      <c r="FVG656" s="613"/>
      <c r="FVH656" s="613"/>
      <c r="FVI656" s="613"/>
      <c r="FVJ656" s="613"/>
      <c r="FVK656" s="613"/>
      <c r="FVL656" s="613"/>
      <c r="FVM656" s="613"/>
      <c r="FVN656" s="613"/>
      <c r="FVO656" s="613"/>
      <c r="FVP656" s="613"/>
      <c r="FVQ656" s="613"/>
      <c r="FVR656" s="613"/>
      <c r="FVS656" s="613"/>
      <c r="FVT656" s="613"/>
      <c r="FVU656" s="613"/>
      <c r="FVV656" s="613"/>
      <c r="FVW656" s="613"/>
      <c r="FVX656" s="613"/>
      <c r="FVY656" s="613"/>
      <c r="FVZ656" s="613"/>
      <c r="FWA656" s="613"/>
      <c r="FWB656" s="613"/>
      <c r="FWC656" s="613"/>
      <c r="FWD656" s="613"/>
      <c r="FWE656" s="613"/>
      <c r="FWF656" s="613"/>
      <c r="FWG656" s="613"/>
      <c r="FWH656" s="613"/>
      <c r="FWI656" s="613"/>
      <c r="FWJ656" s="613"/>
      <c r="FWK656" s="613"/>
      <c r="FWL656" s="613"/>
      <c r="FWM656" s="613"/>
      <c r="FWN656" s="613"/>
      <c r="FWO656" s="613"/>
      <c r="FWP656" s="613"/>
      <c r="FWQ656" s="613"/>
      <c r="FWR656" s="613"/>
      <c r="FWS656" s="613"/>
      <c r="FWT656" s="613"/>
      <c r="FWU656" s="613"/>
      <c r="FWV656" s="613"/>
      <c r="FWW656" s="613"/>
      <c r="FWX656" s="613"/>
      <c r="FWY656" s="613"/>
      <c r="FWZ656" s="613"/>
      <c r="FXA656" s="613"/>
      <c r="FXB656" s="613"/>
      <c r="FXC656" s="613"/>
      <c r="FXD656" s="613"/>
      <c r="FXE656" s="613"/>
      <c r="FXF656" s="613"/>
      <c r="FXG656" s="613"/>
      <c r="FXH656" s="613"/>
      <c r="FXI656" s="613"/>
      <c r="FXJ656" s="613"/>
      <c r="FXK656" s="613"/>
      <c r="FXL656" s="613"/>
      <c r="FXM656" s="613"/>
      <c r="FXN656" s="613"/>
      <c r="FXO656" s="613"/>
      <c r="FXP656" s="613"/>
      <c r="FXQ656" s="613"/>
      <c r="FXR656" s="613"/>
      <c r="FXS656" s="613"/>
      <c r="FXT656" s="613"/>
      <c r="FXU656" s="613"/>
      <c r="FXV656" s="613"/>
      <c r="FXW656" s="613"/>
      <c r="FXX656" s="613"/>
      <c r="FXY656" s="613"/>
      <c r="FXZ656" s="613"/>
      <c r="FYA656" s="613"/>
      <c r="FYB656" s="613"/>
      <c r="FYC656" s="613"/>
      <c r="FYD656" s="613"/>
      <c r="FYE656" s="613"/>
      <c r="FYF656" s="613"/>
      <c r="FYG656" s="613"/>
      <c r="FYH656" s="613"/>
      <c r="FYI656" s="613"/>
      <c r="FYJ656" s="613"/>
      <c r="FYK656" s="613"/>
      <c r="FYL656" s="613"/>
      <c r="FYM656" s="613"/>
      <c r="FYN656" s="613"/>
      <c r="FYO656" s="613"/>
      <c r="FYP656" s="613"/>
      <c r="FYQ656" s="613"/>
      <c r="FYR656" s="613"/>
      <c r="FYS656" s="613"/>
      <c r="FYT656" s="613"/>
      <c r="FYU656" s="613"/>
      <c r="FYV656" s="613"/>
      <c r="FYW656" s="613"/>
      <c r="FYX656" s="613"/>
      <c r="FYY656" s="613"/>
      <c r="FYZ656" s="613"/>
      <c r="FZA656" s="613"/>
      <c r="FZB656" s="613"/>
      <c r="FZC656" s="613"/>
      <c r="FZD656" s="613"/>
      <c r="FZE656" s="613"/>
      <c r="FZF656" s="613"/>
      <c r="FZG656" s="613"/>
      <c r="FZH656" s="613"/>
      <c r="FZI656" s="613"/>
      <c r="FZJ656" s="613"/>
      <c r="FZK656" s="613"/>
      <c r="FZL656" s="613"/>
      <c r="FZM656" s="613"/>
      <c r="FZN656" s="613"/>
      <c r="FZO656" s="613"/>
      <c r="FZP656" s="613"/>
      <c r="FZQ656" s="613"/>
      <c r="FZR656" s="613"/>
      <c r="FZS656" s="613"/>
      <c r="FZT656" s="613"/>
      <c r="FZU656" s="613"/>
      <c r="FZV656" s="613"/>
      <c r="FZW656" s="613"/>
      <c r="FZX656" s="613"/>
      <c r="FZY656" s="613"/>
      <c r="FZZ656" s="613"/>
      <c r="GAA656" s="613"/>
      <c r="GAB656" s="613"/>
      <c r="GAC656" s="613"/>
      <c r="GAD656" s="613"/>
      <c r="GAE656" s="613"/>
      <c r="GAF656" s="613"/>
      <c r="GAG656" s="613"/>
      <c r="GAH656" s="613"/>
      <c r="GAI656" s="613"/>
      <c r="GAJ656" s="613"/>
      <c r="GAK656" s="613"/>
      <c r="GAL656" s="613"/>
      <c r="GAM656" s="613"/>
      <c r="GAN656" s="613"/>
      <c r="GAO656" s="613"/>
      <c r="GAP656" s="613"/>
      <c r="GAQ656" s="613"/>
      <c r="GAR656" s="613"/>
      <c r="GAS656" s="613"/>
      <c r="GAT656" s="613"/>
      <c r="GAU656" s="613"/>
      <c r="GAV656" s="613"/>
      <c r="GAW656" s="613"/>
      <c r="GAX656" s="613"/>
      <c r="GAY656" s="613"/>
      <c r="GAZ656" s="613"/>
      <c r="GBA656" s="613"/>
      <c r="GBB656" s="613"/>
      <c r="GBC656" s="613"/>
      <c r="GBD656" s="613"/>
      <c r="GBE656" s="613"/>
      <c r="GBF656" s="613"/>
      <c r="GBG656" s="613"/>
      <c r="GBH656" s="613"/>
      <c r="GBI656" s="613"/>
      <c r="GBJ656" s="613"/>
      <c r="GBK656" s="613"/>
      <c r="GBL656" s="613"/>
      <c r="GBM656" s="613"/>
      <c r="GBN656" s="613"/>
      <c r="GBO656" s="613"/>
      <c r="GBP656" s="613"/>
      <c r="GBQ656" s="613"/>
      <c r="GBR656" s="613"/>
      <c r="GBS656" s="613"/>
      <c r="GBT656" s="613"/>
      <c r="GBU656" s="613"/>
      <c r="GBV656" s="613"/>
      <c r="GBW656" s="613"/>
      <c r="GBX656" s="613"/>
      <c r="GBY656" s="613"/>
      <c r="GBZ656" s="613"/>
      <c r="GCA656" s="613"/>
      <c r="GCB656" s="613"/>
      <c r="GCC656" s="613"/>
      <c r="GCD656" s="613"/>
      <c r="GCE656" s="613"/>
      <c r="GCF656" s="613"/>
      <c r="GCG656" s="613"/>
      <c r="GCH656" s="613"/>
      <c r="GCI656" s="613"/>
      <c r="GCJ656" s="613"/>
      <c r="GCK656" s="613"/>
      <c r="GCL656" s="613"/>
      <c r="GCM656" s="613"/>
      <c r="GCN656" s="613"/>
      <c r="GCO656" s="613"/>
      <c r="GCP656" s="613"/>
      <c r="GCQ656" s="613"/>
      <c r="GCR656" s="613"/>
      <c r="GCS656" s="613"/>
      <c r="GCT656" s="613"/>
      <c r="GCU656" s="613"/>
      <c r="GCV656" s="613"/>
      <c r="GCW656" s="613"/>
      <c r="GCX656" s="613"/>
      <c r="GCY656" s="613"/>
      <c r="GCZ656" s="613"/>
      <c r="GDA656" s="613"/>
      <c r="GDB656" s="613"/>
      <c r="GDC656" s="613"/>
      <c r="GDD656" s="613"/>
      <c r="GDE656" s="613"/>
      <c r="GDF656" s="613"/>
      <c r="GDG656" s="613"/>
      <c r="GDH656" s="613"/>
      <c r="GDI656" s="613"/>
      <c r="GDJ656" s="613"/>
      <c r="GDK656" s="613"/>
      <c r="GDL656" s="613"/>
      <c r="GDM656" s="613"/>
      <c r="GDN656" s="613"/>
      <c r="GDO656" s="613"/>
      <c r="GDP656" s="613"/>
      <c r="GDQ656" s="613"/>
      <c r="GDR656" s="613"/>
      <c r="GDS656" s="613"/>
      <c r="GDT656" s="613"/>
      <c r="GDU656" s="613"/>
      <c r="GDV656" s="613"/>
      <c r="GDW656" s="613"/>
      <c r="GDX656" s="613"/>
      <c r="GDY656" s="613"/>
      <c r="GDZ656" s="613"/>
      <c r="GEA656" s="613"/>
      <c r="GEB656" s="613"/>
      <c r="GEC656" s="613"/>
      <c r="GED656" s="613"/>
      <c r="GEE656" s="613"/>
      <c r="GEF656" s="613"/>
      <c r="GEG656" s="613"/>
      <c r="GEH656" s="613"/>
      <c r="GEI656" s="613"/>
      <c r="GEJ656" s="613"/>
      <c r="GEK656" s="613"/>
      <c r="GEL656" s="613"/>
      <c r="GEM656" s="613"/>
      <c r="GEN656" s="613"/>
      <c r="GEO656" s="613"/>
      <c r="GEP656" s="613"/>
      <c r="GEQ656" s="613"/>
      <c r="GER656" s="613"/>
      <c r="GES656" s="613"/>
      <c r="GET656" s="613"/>
      <c r="GEU656" s="613"/>
      <c r="GEV656" s="613"/>
      <c r="GEW656" s="613"/>
      <c r="GEX656" s="613"/>
      <c r="GEY656" s="613"/>
      <c r="GEZ656" s="613"/>
      <c r="GFA656" s="613"/>
      <c r="GFB656" s="613"/>
      <c r="GFC656" s="613"/>
      <c r="GFD656" s="613"/>
      <c r="GFE656" s="613"/>
      <c r="GFF656" s="613"/>
      <c r="GFG656" s="613"/>
      <c r="GFH656" s="613"/>
      <c r="GFI656" s="613"/>
      <c r="GFJ656" s="613"/>
      <c r="GFK656" s="613"/>
      <c r="GFL656" s="613"/>
      <c r="GFM656" s="613"/>
      <c r="GFN656" s="613"/>
      <c r="GFO656" s="613"/>
      <c r="GFP656" s="613"/>
      <c r="GFQ656" s="613"/>
      <c r="GFR656" s="613"/>
      <c r="GFS656" s="613"/>
      <c r="GFT656" s="613"/>
      <c r="GFU656" s="613"/>
      <c r="GFV656" s="613"/>
      <c r="GFW656" s="613"/>
      <c r="GFX656" s="613"/>
      <c r="GFY656" s="613"/>
      <c r="GFZ656" s="613"/>
      <c r="GGA656" s="613"/>
      <c r="GGB656" s="613"/>
      <c r="GGC656" s="613"/>
      <c r="GGD656" s="613"/>
      <c r="GGE656" s="613"/>
      <c r="GGF656" s="613"/>
      <c r="GGG656" s="613"/>
      <c r="GGH656" s="613"/>
      <c r="GGI656" s="613"/>
      <c r="GGJ656" s="613"/>
      <c r="GGK656" s="613"/>
      <c r="GGL656" s="613"/>
      <c r="GGM656" s="613"/>
      <c r="GGN656" s="613"/>
      <c r="GGO656" s="613"/>
      <c r="GGP656" s="613"/>
      <c r="GGQ656" s="613"/>
      <c r="GGR656" s="613"/>
      <c r="GGS656" s="613"/>
      <c r="GGT656" s="613"/>
      <c r="GGU656" s="613"/>
      <c r="GGV656" s="613"/>
      <c r="GGW656" s="613"/>
      <c r="GGX656" s="613"/>
      <c r="GGY656" s="613"/>
      <c r="GGZ656" s="613"/>
      <c r="GHA656" s="613"/>
      <c r="GHB656" s="613"/>
      <c r="GHC656" s="613"/>
      <c r="GHD656" s="613"/>
      <c r="GHE656" s="613"/>
      <c r="GHF656" s="613"/>
      <c r="GHG656" s="613"/>
      <c r="GHH656" s="613"/>
      <c r="GHI656" s="613"/>
      <c r="GHJ656" s="613"/>
      <c r="GHK656" s="613"/>
      <c r="GHL656" s="613"/>
      <c r="GHM656" s="613"/>
      <c r="GHN656" s="613"/>
      <c r="GHO656" s="613"/>
      <c r="GHP656" s="613"/>
      <c r="GHQ656" s="613"/>
      <c r="GHR656" s="613"/>
      <c r="GHS656" s="613"/>
      <c r="GHT656" s="613"/>
      <c r="GHU656" s="613"/>
      <c r="GHV656" s="613"/>
      <c r="GHW656" s="613"/>
      <c r="GHX656" s="613"/>
      <c r="GHY656" s="613"/>
      <c r="GHZ656" s="613"/>
      <c r="GIA656" s="613"/>
      <c r="GIB656" s="613"/>
      <c r="GIC656" s="613"/>
      <c r="GID656" s="613"/>
      <c r="GIE656" s="613"/>
      <c r="GIF656" s="613"/>
      <c r="GIG656" s="613"/>
      <c r="GIH656" s="613"/>
      <c r="GII656" s="613"/>
      <c r="GIJ656" s="613"/>
      <c r="GIK656" s="613"/>
      <c r="GIL656" s="613"/>
      <c r="GIM656" s="613"/>
      <c r="GIN656" s="613"/>
      <c r="GIO656" s="613"/>
      <c r="GIP656" s="613"/>
      <c r="GIQ656" s="613"/>
      <c r="GIR656" s="613"/>
      <c r="GIS656" s="613"/>
      <c r="GIT656" s="613"/>
      <c r="GIU656" s="613"/>
      <c r="GIV656" s="613"/>
      <c r="GIW656" s="613"/>
      <c r="GIX656" s="613"/>
      <c r="GIY656" s="613"/>
      <c r="GIZ656" s="613"/>
      <c r="GJA656" s="613"/>
      <c r="GJB656" s="613"/>
      <c r="GJC656" s="613"/>
      <c r="GJD656" s="613"/>
      <c r="GJE656" s="613"/>
      <c r="GJF656" s="613"/>
      <c r="GJG656" s="613"/>
      <c r="GJH656" s="613"/>
      <c r="GJI656" s="613"/>
      <c r="GJJ656" s="613"/>
      <c r="GJK656" s="613"/>
      <c r="GJL656" s="613"/>
      <c r="GJM656" s="613"/>
      <c r="GJN656" s="613"/>
      <c r="GJO656" s="613"/>
      <c r="GJP656" s="613"/>
      <c r="GJQ656" s="613"/>
      <c r="GJR656" s="613"/>
      <c r="GJS656" s="613"/>
      <c r="GJT656" s="613"/>
      <c r="GJU656" s="613"/>
      <c r="GJV656" s="613"/>
      <c r="GJW656" s="613"/>
      <c r="GJX656" s="613"/>
      <c r="GJY656" s="613"/>
      <c r="GJZ656" s="613"/>
      <c r="GKA656" s="613"/>
      <c r="GKB656" s="613"/>
      <c r="GKC656" s="613"/>
      <c r="GKD656" s="613"/>
      <c r="GKE656" s="613"/>
      <c r="GKF656" s="613"/>
      <c r="GKG656" s="613"/>
      <c r="GKH656" s="613"/>
      <c r="GKI656" s="613"/>
      <c r="GKJ656" s="613"/>
      <c r="GKK656" s="613"/>
      <c r="GKL656" s="613"/>
      <c r="GKM656" s="613"/>
      <c r="GKN656" s="613"/>
      <c r="GKO656" s="613"/>
      <c r="GKP656" s="613"/>
      <c r="GKQ656" s="613"/>
      <c r="GKR656" s="613"/>
      <c r="GKS656" s="613"/>
      <c r="GKT656" s="613"/>
      <c r="GKU656" s="613"/>
      <c r="GKV656" s="613"/>
      <c r="GKW656" s="613"/>
      <c r="GKX656" s="613"/>
      <c r="GKY656" s="613"/>
      <c r="GKZ656" s="613"/>
      <c r="GLA656" s="613"/>
      <c r="GLB656" s="613"/>
      <c r="GLC656" s="613"/>
      <c r="GLD656" s="613"/>
      <c r="GLE656" s="613"/>
      <c r="GLF656" s="613"/>
      <c r="GLG656" s="613"/>
      <c r="GLH656" s="613"/>
      <c r="GLI656" s="613"/>
      <c r="GLJ656" s="613"/>
      <c r="GLK656" s="613"/>
      <c r="GLL656" s="613"/>
      <c r="GLM656" s="613"/>
      <c r="GLN656" s="613"/>
      <c r="GLO656" s="613"/>
      <c r="GLP656" s="613"/>
      <c r="GLQ656" s="613"/>
      <c r="GLR656" s="613"/>
      <c r="GLS656" s="613"/>
      <c r="GLT656" s="613"/>
      <c r="GLU656" s="613"/>
      <c r="GLV656" s="613"/>
      <c r="GLW656" s="613"/>
      <c r="GLX656" s="613"/>
      <c r="GLY656" s="613"/>
      <c r="GLZ656" s="613"/>
      <c r="GMA656" s="613"/>
      <c r="GMB656" s="613"/>
      <c r="GMC656" s="613"/>
      <c r="GMD656" s="613"/>
      <c r="GME656" s="613"/>
      <c r="GMF656" s="613"/>
      <c r="GMG656" s="613"/>
      <c r="GMH656" s="613"/>
      <c r="GMI656" s="613"/>
      <c r="GMJ656" s="613"/>
      <c r="GMK656" s="613"/>
      <c r="GML656" s="613"/>
      <c r="GMM656" s="613"/>
      <c r="GMN656" s="613"/>
      <c r="GMO656" s="613"/>
      <c r="GMP656" s="613"/>
      <c r="GMQ656" s="613"/>
      <c r="GMR656" s="613"/>
      <c r="GMS656" s="613"/>
      <c r="GMT656" s="613"/>
      <c r="GMU656" s="613"/>
      <c r="GMV656" s="613"/>
      <c r="GMW656" s="613"/>
      <c r="GMX656" s="613"/>
      <c r="GMY656" s="613"/>
      <c r="GMZ656" s="613"/>
      <c r="GNA656" s="613"/>
      <c r="GNB656" s="613"/>
      <c r="GNC656" s="613"/>
      <c r="GND656" s="613"/>
      <c r="GNE656" s="613"/>
      <c r="GNF656" s="613"/>
      <c r="GNG656" s="613"/>
      <c r="GNH656" s="613"/>
      <c r="GNI656" s="613"/>
      <c r="GNJ656" s="613"/>
      <c r="GNK656" s="613"/>
      <c r="GNL656" s="613"/>
      <c r="GNM656" s="613"/>
      <c r="GNN656" s="613"/>
      <c r="GNO656" s="613"/>
      <c r="GNP656" s="613"/>
      <c r="GNQ656" s="613"/>
      <c r="GNR656" s="613"/>
      <c r="GNS656" s="613"/>
      <c r="GNT656" s="613"/>
      <c r="GNU656" s="613"/>
      <c r="GNV656" s="613"/>
      <c r="GNW656" s="613"/>
      <c r="GNX656" s="613"/>
      <c r="GNY656" s="613"/>
      <c r="GNZ656" s="613"/>
      <c r="GOA656" s="613"/>
      <c r="GOB656" s="613"/>
      <c r="GOC656" s="613"/>
      <c r="GOD656" s="613"/>
      <c r="GOE656" s="613"/>
      <c r="GOF656" s="613"/>
      <c r="GOG656" s="613"/>
      <c r="GOH656" s="613"/>
      <c r="GOI656" s="613"/>
      <c r="GOJ656" s="613"/>
      <c r="GOK656" s="613"/>
      <c r="GOL656" s="613"/>
      <c r="GOM656" s="613"/>
      <c r="GON656" s="613"/>
      <c r="GOO656" s="613"/>
      <c r="GOP656" s="613"/>
      <c r="GOQ656" s="613"/>
      <c r="GOR656" s="613"/>
      <c r="GOS656" s="613"/>
      <c r="GOT656" s="613"/>
      <c r="GOU656" s="613"/>
      <c r="GOV656" s="613"/>
      <c r="GOW656" s="613"/>
      <c r="GOX656" s="613"/>
      <c r="GOY656" s="613"/>
      <c r="GOZ656" s="613"/>
      <c r="GPA656" s="613"/>
      <c r="GPB656" s="613"/>
      <c r="GPC656" s="613"/>
      <c r="GPD656" s="613"/>
      <c r="GPE656" s="613"/>
      <c r="GPF656" s="613"/>
      <c r="GPG656" s="613"/>
      <c r="GPH656" s="613"/>
      <c r="GPI656" s="613"/>
      <c r="GPJ656" s="613"/>
      <c r="GPK656" s="613"/>
      <c r="GPL656" s="613"/>
      <c r="GPM656" s="613"/>
      <c r="GPN656" s="613"/>
      <c r="GPO656" s="613"/>
      <c r="GPP656" s="613"/>
      <c r="GPQ656" s="613"/>
      <c r="GPR656" s="613"/>
      <c r="GPS656" s="613"/>
      <c r="GPT656" s="613"/>
      <c r="GPU656" s="613"/>
      <c r="GPV656" s="613"/>
      <c r="GPW656" s="613"/>
      <c r="GPX656" s="613"/>
      <c r="GPY656" s="613"/>
      <c r="GPZ656" s="613"/>
      <c r="GQA656" s="613"/>
      <c r="GQB656" s="613"/>
      <c r="GQC656" s="613"/>
      <c r="GQD656" s="613"/>
      <c r="GQE656" s="613"/>
      <c r="GQF656" s="613"/>
      <c r="GQG656" s="613"/>
      <c r="GQH656" s="613"/>
      <c r="GQI656" s="613"/>
      <c r="GQJ656" s="613"/>
      <c r="GQK656" s="613"/>
      <c r="GQL656" s="613"/>
      <c r="GQM656" s="613"/>
      <c r="GQN656" s="613"/>
      <c r="GQO656" s="613"/>
      <c r="GQP656" s="613"/>
      <c r="GQQ656" s="613"/>
      <c r="GQR656" s="613"/>
      <c r="GQS656" s="613"/>
      <c r="GQT656" s="613"/>
      <c r="GQU656" s="613"/>
      <c r="GQV656" s="613"/>
      <c r="GQW656" s="613"/>
      <c r="GQX656" s="613"/>
      <c r="GQY656" s="613"/>
      <c r="GQZ656" s="613"/>
      <c r="GRA656" s="613"/>
      <c r="GRB656" s="613"/>
      <c r="GRC656" s="613"/>
      <c r="GRD656" s="613"/>
      <c r="GRE656" s="613"/>
      <c r="GRF656" s="613"/>
      <c r="GRG656" s="613"/>
      <c r="GRH656" s="613"/>
      <c r="GRI656" s="613"/>
      <c r="GRJ656" s="613"/>
      <c r="GRK656" s="613"/>
      <c r="GRL656" s="613"/>
      <c r="GRM656" s="613"/>
      <c r="GRN656" s="613"/>
      <c r="GRO656" s="613"/>
      <c r="GRP656" s="613"/>
      <c r="GRQ656" s="613"/>
      <c r="GRR656" s="613"/>
      <c r="GRS656" s="613"/>
      <c r="GRT656" s="613"/>
      <c r="GRU656" s="613"/>
      <c r="GRV656" s="613"/>
      <c r="GRW656" s="613"/>
      <c r="GRX656" s="613"/>
      <c r="GRY656" s="613"/>
      <c r="GRZ656" s="613"/>
      <c r="GSA656" s="613"/>
      <c r="GSB656" s="613"/>
      <c r="GSC656" s="613"/>
      <c r="GSD656" s="613"/>
      <c r="GSE656" s="613"/>
      <c r="GSF656" s="613"/>
      <c r="GSG656" s="613"/>
      <c r="GSH656" s="613"/>
      <c r="GSI656" s="613"/>
      <c r="GSJ656" s="613"/>
      <c r="GSK656" s="613"/>
      <c r="GSL656" s="613"/>
      <c r="GSM656" s="613"/>
      <c r="GSN656" s="613"/>
      <c r="GSO656" s="613"/>
      <c r="GSP656" s="613"/>
      <c r="GSQ656" s="613"/>
      <c r="GSR656" s="613"/>
      <c r="GSS656" s="613"/>
      <c r="GST656" s="613"/>
      <c r="GSU656" s="613"/>
      <c r="GSV656" s="613"/>
      <c r="GSW656" s="613"/>
      <c r="GSX656" s="613"/>
      <c r="GSY656" s="613"/>
      <c r="GSZ656" s="613"/>
      <c r="GTA656" s="613"/>
      <c r="GTB656" s="613"/>
      <c r="GTC656" s="613"/>
      <c r="GTD656" s="613"/>
      <c r="GTE656" s="613"/>
      <c r="GTF656" s="613"/>
      <c r="GTG656" s="613"/>
      <c r="GTH656" s="613"/>
      <c r="GTI656" s="613"/>
      <c r="GTJ656" s="613"/>
      <c r="GTK656" s="613"/>
      <c r="GTL656" s="613"/>
      <c r="GTM656" s="613"/>
      <c r="GTN656" s="613"/>
      <c r="GTO656" s="613"/>
      <c r="GTP656" s="613"/>
      <c r="GTQ656" s="613"/>
      <c r="GTR656" s="613"/>
      <c r="GTS656" s="613"/>
      <c r="GTT656" s="613"/>
      <c r="GTU656" s="613"/>
      <c r="GTV656" s="613"/>
      <c r="GTW656" s="613"/>
      <c r="GTX656" s="613"/>
      <c r="GTY656" s="613"/>
      <c r="GTZ656" s="613"/>
      <c r="GUA656" s="613"/>
      <c r="GUB656" s="613"/>
      <c r="GUC656" s="613"/>
      <c r="GUD656" s="613"/>
      <c r="GUE656" s="613"/>
      <c r="GUF656" s="613"/>
      <c r="GUG656" s="613"/>
      <c r="GUH656" s="613"/>
      <c r="GUI656" s="613"/>
      <c r="GUJ656" s="613"/>
      <c r="GUK656" s="613"/>
      <c r="GUL656" s="613"/>
      <c r="GUM656" s="613"/>
      <c r="GUN656" s="613"/>
      <c r="GUO656" s="613"/>
      <c r="GUP656" s="613"/>
      <c r="GUQ656" s="613"/>
      <c r="GUR656" s="613"/>
      <c r="GUS656" s="613"/>
      <c r="GUT656" s="613"/>
      <c r="GUU656" s="613"/>
      <c r="GUV656" s="613"/>
      <c r="GUW656" s="613"/>
      <c r="GUX656" s="613"/>
      <c r="GUY656" s="613"/>
      <c r="GUZ656" s="613"/>
      <c r="GVA656" s="613"/>
      <c r="GVB656" s="613"/>
      <c r="GVC656" s="613"/>
      <c r="GVD656" s="613"/>
      <c r="GVE656" s="613"/>
      <c r="GVF656" s="613"/>
      <c r="GVG656" s="613"/>
      <c r="GVH656" s="613"/>
      <c r="GVI656" s="613"/>
      <c r="GVJ656" s="613"/>
      <c r="GVK656" s="613"/>
      <c r="GVL656" s="613"/>
      <c r="GVM656" s="613"/>
      <c r="GVN656" s="613"/>
      <c r="GVO656" s="613"/>
      <c r="GVP656" s="613"/>
      <c r="GVQ656" s="613"/>
      <c r="GVR656" s="613"/>
      <c r="GVS656" s="613"/>
      <c r="GVT656" s="613"/>
      <c r="GVU656" s="613"/>
      <c r="GVV656" s="613"/>
      <c r="GVW656" s="613"/>
      <c r="GVX656" s="613"/>
      <c r="GVY656" s="613"/>
      <c r="GVZ656" s="613"/>
      <c r="GWA656" s="613"/>
      <c r="GWB656" s="613"/>
      <c r="GWC656" s="613"/>
      <c r="GWD656" s="613"/>
      <c r="GWE656" s="613"/>
      <c r="GWF656" s="613"/>
      <c r="GWG656" s="613"/>
      <c r="GWH656" s="613"/>
      <c r="GWI656" s="613"/>
      <c r="GWJ656" s="613"/>
      <c r="GWK656" s="613"/>
      <c r="GWL656" s="613"/>
      <c r="GWM656" s="613"/>
      <c r="GWN656" s="613"/>
      <c r="GWO656" s="613"/>
      <c r="GWP656" s="613"/>
      <c r="GWQ656" s="613"/>
      <c r="GWR656" s="613"/>
      <c r="GWS656" s="613"/>
      <c r="GWT656" s="613"/>
      <c r="GWU656" s="613"/>
      <c r="GWV656" s="613"/>
      <c r="GWW656" s="613"/>
      <c r="GWX656" s="613"/>
      <c r="GWY656" s="613"/>
      <c r="GWZ656" s="613"/>
      <c r="GXA656" s="613"/>
      <c r="GXB656" s="613"/>
      <c r="GXC656" s="613"/>
      <c r="GXD656" s="613"/>
      <c r="GXE656" s="613"/>
      <c r="GXF656" s="613"/>
      <c r="GXG656" s="613"/>
      <c r="GXH656" s="613"/>
      <c r="GXI656" s="613"/>
      <c r="GXJ656" s="613"/>
      <c r="GXK656" s="613"/>
      <c r="GXL656" s="613"/>
      <c r="GXM656" s="613"/>
      <c r="GXN656" s="613"/>
      <c r="GXO656" s="613"/>
      <c r="GXP656" s="613"/>
      <c r="GXQ656" s="613"/>
      <c r="GXR656" s="613"/>
      <c r="GXS656" s="613"/>
      <c r="GXT656" s="613"/>
      <c r="GXU656" s="613"/>
      <c r="GXV656" s="613"/>
      <c r="GXW656" s="613"/>
      <c r="GXX656" s="613"/>
      <c r="GXY656" s="613"/>
      <c r="GXZ656" s="613"/>
      <c r="GYA656" s="613"/>
      <c r="GYB656" s="613"/>
      <c r="GYC656" s="613"/>
      <c r="GYD656" s="613"/>
      <c r="GYE656" s="613"/>
      <c r="GYF656" s="613"/>
      <c r="GYG656" s="613"/>
      <c r="GYH656" s="613"/>
      <c r="GYI656" s="613"/>
      <c r="GYJ656" s="613"/>
      <c r="GYK656" s="613"/>
      <c r="GYL656" s="613"/>
      <c r="GYM656" s="613"/>
      <c r="GYN656" s="613"/>
      <c r="GYO656" s="613"/>
      <c r="GYP656" s="613"/>
      <c r="GYQ656" s="613"/>
      <c r="GYR656" s="613"/>
      <c r="GYS656" s="613"/>
      <c r="GYT656" s="613"/>
      <c r="GYU656" s="613"/>
      <c r="GYV656" s="613"/>
      <c r="GYW656" s="613"/>
      <c r="GYX656" s="613"/>
      <c r="GYY656" s="613"/>
      <c r="GYZ656" s="613"/>
      <c r="GZA656" s="613"/>
      <c r="GZB656" s="613"/>
      <c r="GZC656" s="613"/>
      <c r="GZD656" s="613"/>
      <c r="GZE656" s="613"/>
      <c r="GZF656" s="613"/>
      <c r="GZG656" s="613"/>
      <c r="GZH656" s="613"/>
      <c r="GZI656" s="613"/>
      <c r="GZJ656" s="613"/>
      <c r="GZK656" s="613"/>
      <c r="GZL656" s="613"/>
      <c r="GZM656" s="613"/>
      <c r="GZN656" s="613"/>
      <c r="GZO656" s="613"/>
      <c r="GZP656" s="613"/>
      <c r="GZQ656" s="613"/>
      <c r="GZR656" s="613"/>
      <c r="GZS656" s="613"/>
      <c r="GZT656" s="613"/>
      <c r="GZU656" s="613"/>
      <c r="GZV656" s="613"/>
      <c r="GZW656" s="613"/>
      <c r="GZX656" s="613"/>
      <c r="GZY656" s="613"/>
      <c r="GZZ656" s="613"/>
      <c r="HAA656" s="613"/>
      <c r="HAB656" s="613"/>
      <c r="HAC656" s="613"/>
      <c r="HAD656" s="613"/>
      <c r="HAE656" s="613"/>
      <c r="HAF656" s="613"/>
      <c r="HAG656" s="613"/>
      <c r="HAH656" s="613"/>
      <c r="HAI656" s="613"/>
      <c r="HAJ656" s="613"/>
      <c r="HAK656" s="613"/>
      <c r="HAL656" s="613"/>
      <c r="HAM656" s="613"/>
      <c r="HAN656" s="613"/>
      <c r="HAO656" s="613"/>
      <c r="HAP656" s="613"/>
      <c r="HAQ656" s="613"/>
      <c r="HAR656" s="613"/>
      <c r="HAS656" s="613"/>
      <c r="HAT656" s="613"/>
      <c r="HAU656" s="613"/>
      <c r="HAV656" s="613"/>
      <c r="HAW656" s="613"/>
      <c r="HAX656" s="613"/>
      <c r="HAY656" s="613"/>
      <c r="HAZ656" s="613"/>
      <c r="HBA656" s="613"/>
      <c r="HBB656" s="613"/>
      <c r="HBC656" s="613"/>
      <c r="HBD656" s="613"/>
      <c r="HBE656" s="613"/>
      <c r="HBF656" s="613"/>
      <c r="HBG656" s="613"/>
      <c r="HBH656" s="613"/>
      <c r="HBI656" s="613"/>
      <c r="HBJ656" s="613"/>
      <c r="HBK656" s="613"/>
      <c r="HBL656" s="613"/>
      <c r="HBM656" s="613"/>
      <c r="HBN656" s="613"/>
      <c r="HBO656" s="613"/>
      <c r="HBP656" s="613"/>
      <c r="HBQ656" s="613"/>
      <c r="HBR656" s="613"/>
      <c r="HBS656" s="613"/>
      <c r="HBT656" s="613"/>
      <c r="HBU656" s="613"/>
      <c r="HBV656" s="613"/>
      <c r="HBW656" s="613"/>
      <c r="HBX656" s="613"/>
      <c r="HBY656" s="613"/>
      <c r="HBZ656" s="613"/>
      <c r="HCA656" s="613"/>
      <c r="HCB656" s="613"/>
      <c r="HCC656" s="613"/>
      <c r="HCD656" s="613"/>
      <c r="HCE656" s="613"/>
      <c r="HCF656" s="613"/>
      <c r="HCG656" s="613"/>
      <c r="HCH656" s="613"/>
      <c r="HCI656" s="613"/>
      <c r="HCJ656" s="613"/>
      <c r="HCK656" s="613"/>
      <c r="HCL656" s="613"/>
      <c r="HCM656" s="613"/>
      <c r="HCN656" s="613"/>
      <c r="HCO656" s="613"/>
      <c r="HCP656" s="613"/>
      <c r="HCQ656" s="613"/>
      <c r="HCR656" s="613"/>
      <c r="HCS656" s="613"/>
      <c r="HCT656" s="613"/>
      <c r="HCU656" s="613"/>
      <c r="HCV656" s="613"/>
      <c r="HCW656" s="613"/>
      <c r="HCX656" s="613"/>
      <c r="HCY656" s="613"/>
      <c r="HCZ656" s="613"/>
      <c r="HDA656" s="613"/>
      <c r="HDB656" s="613"/>
      <c r="HDC656" s="613"/>
      <c r="HDD656" s="613"/>
      <c r="HDE656" s="613"/>
      <c r="HDF656" s="613"/>
      <c r="HDG656" s="613"/>
      <c r="HDH656" s="613"/>
      <c r="HDI656" s="613"/>
      <c r="HDJ656" s="613"/>
      <c r="HDK656" s="613"/>
      <c r="HDL656" s="613"/>
      <c r="HDM656" s="613"/>
      <c r="HDN656" s="613"/>
      <c r="HDO656" s="613"/>
      <c r="HDP656" s="613"/>
      <c r="HDQ656" s="613"/>
      <c r="HDR656" s="613"/>
      <c r="HDS656" s="613"/>
      <c r="HDT656" s="613"/>
      <c r="HDU656" s="613"/>
      <c r="HDV656" s="613"/>
      <c r="HDW656" s="613"/>
      <c r="HDX656" s="613"/>
      <c r="HDY656" s="613"/>
      <c r="HDZ656" s="613"/>
      <c r="HEA656" s="613"/>
      <c r="HEB656" s="613"/>
      <c r="HEC656" s="613"/>
      <c r="HED656" s="613"/>
      <c r="HEE656" s="613"/>
      <c r="HEF656" s="613"/>
      <c r="HEG656" s="613"/>
      <c r="HEH656" s="613"/>
      <c r="HEI656" s="613"/>
      <c r="HEJ656" s="613"/>
      <c r="HEK656" s="613"/>
      <c r="HEL656" s="613"/>
      <c r="HEM656" s="613"/>
      <c r="HEN656" s="613"/>
      <c r="HEO656" s="613"/>
      <c r="HEP656" s="613"/>
      <c r="HEQ656" s="613"/>
      <c r="HER656" s="613"/>
      <c r="HES656" s="613"/>
      <c r="HET656" s="613"/>
      <c r="HEU656" s="613"/>
      <c r="HEV656" s="613"/>
      <c r="HEW656" s="613"/>
      <c r="HEX656" s="613"/>
      <c r="HEY656" s="613"/>
      <c r="HEZ656" s="613"/>
      <c r="HFA656" s="613"/>
      <c r="HFB656" s="613"/>
      <c r="HFC656" s="613"/>
      <c r="HFD656" s="613"/>
      <c r="HFE656" s="613"/>
      <c r="HFF656" s="613"/>
      <c r="HFG656" s="613"/>
      <c r="HFH656" s="613"/>
      <c r="HFI656" s="613"/>
      <c r="HFJ656" s="613"/>
      <c r="HFK656" s="613"/>
      <c r="HFL656" s="613"/>
      <c r="HFM656" s="613"/>
      <c r="HFN656" s="613"/>
      <c r="HFO656" s="613"/>
      <c r="HFP656" s="613"/>
      <c r="HFQ656" s="613"/>
      <c r="HFR656" s="613"/>
      <c r="HFS656" s="613"/>
      <c r="HFT656" s="613"/>
      <c r="HFU656" s="613"/>
      <c r="HFV656" s="613"/>
      <c r="HFW656" s="613"/>
      <c r="HFX656" s="613"/>
      <c r="HFY656" s="613"/>
      <c r="HFZ656" s="613"/>
      <c r="HGA656" s="613"/>
      <c r="HGB656" s="613"/>
      <c r="HGC656" s="613"/>
      <c r="HGD656" s="613"/>
      <c r="HGE656" s="613"/>
      <c r="HGF656" s="613"/>
      <c r="HGG656" s="613"/>
      <c r="HGH656" s="613"/>
      <c r="HGI656" s="613"/>
      <c r="HGJ656" s="613"/>
      <c r="HGK656" s="613"/>
      <c r="HGL656" s="613"/>
      <c r="HGM656" s="613"/>
      <c r="HGN656" s="613"/>
      <c r="HGO656" s="613"/>
      <c r="HGP656" s="613"/>
      <c r="HGQ656" s="613"/>
      <c r="HGR656" s="613"/>
      <c r="HGS656" s="613"/>
      <c r="HGT656" s="613"/>
      <c r="HGU656" s="613"/>
      <c r="HGV656" s="613"/>
      <c r="HGW656" s="613"/>
      <c r="HGX656" s="613"/>
      <c r="HGY656" s="613"/>
      <c r="HGZ656" s="613"/>
      <c r="HHA656" s="613"/>
      <c r="HHB656" s="613"/>
      <c r="HHC656" s="613"/>
      <c r="HHD656" s="613"/>
      <c r="HHE656" s="613"/>
      <c r="HHF656" s="613"/>
      <c r="HHG656" s="613"/>
      <c r="HHH656" s="613"/>
      <c r="HHI656" s="613"/>
      <c r="HHJ656" s="613"/>
      <c r="HHK656" s="613"/>
      <c r="HHL656" s="613"/>
      <c r="HHM656" s="613"/>
      <c r="HHN656" s="613"/>
      <c r="HHO656" s="613"/>
      <c r="HHP656" s="613"/>
      <c r="HHQ656" s="613"/>
      <c r="HHR656" s="613"/>
      <c r="HHS656" s="613"/>
      <c r="HHT656" s="613"/>
      <c r="HHU656" s="613"/>
      <c r="HHV656" s="613"/>
      <c r="HHW656" s="613"/>
      <c r="HHX656" s="613"/>
      <c r="HHY656" s="613"/>
      <c r="HHZ656" s="613"/>
      <c r="HIA656" s="613"/>
      <c r="HIB656" s="613"/>
      <c r="HIC656" s="613"/>
      <c r="HID656" s="613"/>
      <c r="HIE656" s="613"/>
      <c r="HIF656" s="613"/>
      <c r="HIG656" s="613"/>
      <c r="HIH656" s="613"/>
      <c r="HII656" s="613"/>
      <c r="HIJ656" s="613"/>
      <c r="HIK656" s="613"/>
      <c r="HIL656" s="613"/>
      <c r="HIM656" s="613"/>
      <c r="HIN656" s="613"/>
      <c r="HIO656" s="613"/>
      <c r="HIP656" s="613"/>
      <c r="HIQ656" s="613"/>
      <c r="HIR656" s="613"/>
      <c r="HIS656" s="613"/>
      <c r="HIT656" s="613"/>
      <c r="HIU656" s="613"/>
      <c r="HIV656" s="613"/>
      <c r="HIW656" s="613"/>
      <c r="HIX656" s="613"/>
      <c r="HIY656" s="613"/>
      <c r="HIZ656" s="613"/>
      <c r="HJA656" s="613"/>
      <c r="HJB656" s="613"/>
      <c r="HJC656" s="613"/>
      <c r="HJD656" s="613"/>
      <c r="HJE656" s="613"/>
      <c r="HJF656" s="613"/>
      <c r="HJG656" s="613"/>
      <c r="HJH656" s="613"/>
      <c r="HJI656" s="613"/>
      <c r="HJJ656" s="613"/>
      <c r="HJK656" s="613"/>
      <c r="HJL656" s="613"/>
      <c r="HJM656" s="613"/>
      <c r="HJN656" s="613"/>
      <c r="HJO656" s="613"/>
      <c r="HJP656" s="613"/>
      <c r="HJQ656" s="613"/>
      <c r="HJR656" s="613"/>
      <c r="HJS656" s="613"/>
      <c r="HJT656" s="613"/>
      <c r="HJU656" s="613"/>
      <c r="HJV656" s="613"/>
      <c r="HJW656" s="613"/>
      <c r="HJX656" s="613"/>
      <c r="HJY656" s="613"/>
      <c r="HJZ656" s="613"/>
      <c r="HKA656" s="613"/>
      <c r="HKB656" s="613"/>
      <c r="HKC656" s="613"/>
      <c r="HKD656" s="613"/>
      <c r="HKE656" s="613"/>
      <c r="HKF656" s="613"/>
      <c r="HKG656" s="613"/>
      <c r="HKH656" s="613"/>
      <c r="HKI656" s="613"/>
      <c r="HKJ656" s="613"/>
      <c r="HKK656" s="613"/>
      <c r="HKL656" s="613"/>
      <c r="HKM656" s="613"/>
      <c r="HKN656" s="613"/>
      <c r="HKO656" s="613"/>
      <c r="HKP656" s="613"/>
      <c r="HKQ656" s="613"/>
      <c r="HKR656" s="613"/>
      <c r="HKS656" s="613"/>
      <c r="HKT656" s="613"/>
      <c r="HKU656" s="613"/>
      <c r="HKV656" s="613"/>
      <c r="HKW656" s="613"/>
      <c r="HKX656" s="613"/>
      <c r="HKY656" s="613"/>
      <c r="HKZ656" s="613"/>
      <c r="HLA656" s="613"/>
      <c r="HLB656" s="613"/>
      <c r="HLC656" s="613"/>
      <c r="HLD656" s="613"/>
      <c r="HLE656" s="613"/>
      <c r="HLF656" s="613"/>
      <c r="HLG656" s="613"/>
      <c r="HLH656" s="613"/>
      <c r="HLI656" s="613"/>
      <c r="HLJ656" s="613"/>
      <c r="HLK656" s="613"/>
      <c r="HLL656" s="613"/>
      <c r="HLM656" s="613"/>
      <c r="HLN656" s="613"/>
      <c r="HLO656" s="613"/>
      <c r="HLP656" s="613"/>
      <c r="HLQ656" s="613"/>
      <c r="HLR656" s="613"/>
      <c r="HLS656" s="613"/>
      <c r="HLT656" s="613"/>
      <c r="HLU656" s="613"/>
      <c r="HLV656" s="613"/>
      <c r="HLW656" s="613"/>
      <c r="HLX656" s="613"/>
      <c r="HLY656" s="613"/>
      <c r="HLZ656" s="613"/>
      <c r="HMA656" s="613"/>
      <c r="HMB656" s="613"/>
      <c r="HMC656" s="613"/>
      <c r="HMD656" s="613"/>
      <c r="HME656" s="613"/>
      <c r="HMF656" s="613"/>
      <c r="HMG656" s="613"/>
      <c r="HMH656" s="613"/>
      <c r="HMI656" s="613"/>
      <c r="HMJ656" s="613"/>
      <c r="HMK656" s="613"/>
      <c r="HML656" s="613"/>
      <c r="HMM656" s="613"/>
      <c r="HMN656" s="613"/>
      <c r="HMO656" s="613"/>
      <c r="HMP656" s="613"/>
      <c r="HMQ656" s="613"/>
      <c r="HMR656" s="613"/>
      <c r="HMS656" s="613"/>
      <c r="HMT656" s="613"/>
      <c r="HMU656" s="613"/>
      <c r="HMV656" s="613"/>
      <c r="HMW656" s="613"/>
      <c r="HMX656" s="613"/>
      <c r="HMY656" s="613"/>
      <c r="HMZ656" s="613"/>
      <c r="HNA656" s="613"/>
      <c r="HNB656" s="613"/>
      <c r="HNC656" s="613"/>
      <c r="HND656" s="613"/>
      <c r="HNE656" s="613"/>
      <c r="HNF656" s="613"/>
      <c r="HNG656" s="613"/>
      <c r="HNH656" s="613"/>
      <c r="HNI656" s="613"/>
      <c r="HNJ656" s="613"/>
      <c r="HNK656" s="613"/>
      <c r="HNL656" s="613"/>
      <c r="HNM656" s="613"/>
      <c r="HNN656" s="613"/>
      <c r="HNO656" s="613"/>
      <c r="HNP656" s="613"/>
      <c r="HNQ656" s="613"/>
      <c r="HNR656" s="613"/>
      <c r="HNS656" s="613"/>
      <c r="HNT656" s="613"/>
      <c r="HNU656" s="613"/>
      <c r="HNV656" s="613"/>
      <c r="HNW656" s="613"/>
      <c r="HNX656" s="613"/>
      <c r="HNY656" s="613"/>
      <c r="HNZ656" s="613"/>
      <c r="HOA656" s="613"/>
      <c r="HOB656" s="613"/>
      <c r="HOC656" s="613"/>
      <c r="HOD656" s="613"/>
      <c r="HOE656" s="613"/>
      <c r="HOF656" s="613"/>
      <c r="HOG656" s="613"/>
      <c r="HOH656" s="613"/>
      <c r="HOI656" s="613"/>
      <c r="HOJ656" s="613"/>
      <c r="HOK656" s="613"/>
      <c r="HOL656" s="613"/>
      <c r="HOM656" s="613"/>
      <c r="HON656" s="613"/>
      <c r="HOO656" s="613"/>
      <c r="HOP656" s="613"/>
      <c r="HOQ656" s="613"/>
      <c r="HOR656" s="613"/>
      <c r="HOS656" s="613"/>
      <c r="HOT656" s="613"/>
      <c r="HOU656" s="613"/>
      <c r="HOV656" s="613"/>
      <c r="HOW656" s="613"/>
      <c r="HOX656" s="613"/>
      <c r="HOY656" s="613"/>
      <c r="HOZ656" s="613"/>
      <c r="HPA656" s="613"/>
      <c r="HPB656" s="613"/>
      <c r="HPC656" s="613"/>
      <c r="HPD656" s="613"/>
      <c r="HPE656" s="613"/>
      <c r="HPF656" s="613"/>
      <c r="HPG656" s="613"/>
      <c r="HPH656" s="613"/>
      <c r="HPI656" s="613"/>
      <c r="HPJ656" s="613"/>
      <c r="HPK656" s="613"/>
      <c r="HPL656" s="613"/>
      <c r="HPM656" s="613"/>
      <c r="HPN656" s="613"/>
      <c r="HPO656" s="613"/>
      <c r="HPP656" s="613"/>
      <c r="HPQ656" s="613"/>
      <c r="HPR656" s="613"/>
      <c r="HPS656" s="613"/>
      <c r="HPT656" s="613"/>
      <c r="HPU656" s="613"/>
      <c r="HPV656" s="613"/>
      <c r="HPW656" s="613"/>
      <c r="HPX656" s="613"/>
      <c r="HPY656" s="613"/>
      <c r="HPZ656" s="613"/>
      <c r="HQA656" s="613"/>
      <c r="HQB656" s="613"/>
      <c r="HQC656" s="613"/>
      <c r="HQD656" s="613"/>
      <c r="HQE656" s="613"/>
      <c r="HQF656" s="613"/>
      <c r="HQG656" s="613"/>
      <c r="HQH656" s="613"/>
      <c r="HQI656" s="613"/>
      <c r="HQJ656" s="613"/>
      <c r="HQK656" s="613"/>
      <c r="HQL656" s="613"/>
      <c r="HQM656" s="613"/>
      <c r="HQN656" s="613"/>
      <c r="HQO656" s="613"/>
      <c r="HQP656" s="613"/>
      <c r="HQQ656" s="613"/>
      <c r="HQR656" s="613"/>
      <c r="HQS656" s="613"/>
      <c r="HQT656" s="613"/>
      <c r="HQU656" s="613"/>
      <c r="HQV656" s="613"/>
      <c r="HQW656" s="613"/>
      <c r="HQX656" s="613"/>
      <c r="HQY656" s="613"/>
      <c r="HQZ656" s="613"/>
      <c r="HRA656" s="613"/>
      <c r="HRB656" s="613"/>
      <c r="HRC656" s="613"/>
      <c r="HRD656" s="613"/>
      <c r="HRE656" s="613"/>
      <c r="HRF656" s="613"/>
      <c r="HRG656" s="613"/>
      <c r="HRH656" s="613"/>
      <c r="HRI656" s="613"/>
      <c r="HRJ656" s="613"/>
      <c r="HRK656" s="613"/>
      <c r="HRL656" s="613"/>
      <c r="HRM656" s="613"/>
      <c r="HRN656" s="613"/>
      <c r="HRO656" s="613"/>
      <c r="HRP656" s="613"/>
      <c r="HRQ656" s="613"/>
      <c r="HRR656" s="613"/>
      <c r="HRS656" s="613"/>
      <c r="HRT656" s="613"/>
      <c r="HRU656" s="613"/>
      <c r="HRV656" s="613"/>
      <c r="HRW656" s="613"/>
      <c r="HRX656" s="613"/>
      <c r="HRY656" s="613"/>
      <c r="HRZ656" s="613"/>
      <c r="HSA656" s="613"/>
      <c r="HSB656" s="613"/>
      <c r="HSC656" s="613"/>
      <c r="HSD656" s="613"/>
      <c r="HSE656" s="613"/>
      <c r="HSF656" s="613"/>
      <c r="HSG656" s="613"/>
      <c r="HSH656" s="613"/>
      <c r="HSI656" s="613"/>
      <c r="HSJ656" s="613"/>
      <c r="HSK656" s="613"/>
      <c r="HSL656" s="613"/>
      <c r="HSM656" s="613"/>
      <c r="HSN656" s="613"/>
      <c r="HSO656" s="613"/>
      <c r="HSP656" s="613"/>
      <c r="HSQ656" s="613"/>
      <c r="HSR656" s="613"/>
      <c r="HSS656" s="613"/>
      <c r="HST656" s="613"/>
      <c r="HSU656" s="613"/>
      <c r="HSV656" s="613"/>
      <c r="HSW656" s="613"/>
      <c r="HSX656" s="613"/>
      <c r="HSY656" s="613"/>
      <c r="HSZ656" s="613"/>
      <c r="HTA656" s="613"/>
      <c r="HTB656" s="613"/>
      <c r="HTC656" s="613"/>
      <c r="HTD656" s="613"/>
      <c r="HTE656" s="613"/>
      <c r="HTF656" s="613"/>
      <c r="HTG656" s="613"/>
      <c r="HTH656" s="613"/>
      <c r="HTI656" s="613"/>
      <c r="HTJ656" s="613"/>
      <c r="HTK656" s="613"/>
      <c r="HTL656" s="613"/>
      <c r="HTM656" s="613"/>
      <c r="HTN656" s="613"/>
      <c r="HTO656" s="613"/>
      <c r="HTP656" s="613"/>
      <c r="HTQ656" s="613"/>
      <c r="HTR656" s="613"/>
      <c r="HTS656" s="613"/>
      <c r="HTT656" s="613"/>
      <c r="HTU656" s="613"/>
      <c r="HTV656" s="613"/>
      <c r="HTW656" s="613"/>
      <c r="HTX656" s="613"/>
      <c r="HTY656" s="613"/>
      <c r="HTZ656" s="613"/>
      <c r="HUA656" s="613"/>
      <c r="HUB656" s="613"/>
      <c r="HUC656" s="613"/>
      <c r="HUD656" s="613"/>
      <c r="HUE656" s="613"/>
      <c r="HUF656" s="613"/>
      <c r="HUG656" s="613"/>
      <c r="HUH656" s="613"/>
      <c r="HUI656" s="613"/>
      <c r="HUJ656" s="613"/>
      <c r="HUK656" s="613"/>
      <c r="HUL656" s="613"/>
      <c r="HUM656" s="613"/>
      <c r="HUN656" s="613"/>
      <c r="HUO656" s="613"/>
      <c r="HUP656" s="613"/>
      <c r="HUQ656" s="613"/>
      <c r="HUR656" s="613"/>
      <c r="HUS656" s="613"/>
      <c r="HUT656" s="613"/>
      <c r="HUU656" s="613"/>
      <c r="HUV656" s="613"/>
      <c r="HUW656" s="613"/>
      <c r="HUX656" s="613"/>
      <c r="HUY656" s="613"/>
      <c r="HUZ656" s="613"/>
      <c r="HVA656" s="613"/>
      <c r="HVB656" s="613"/>
      <c r="HVC656" s="613"/>
      <c r="HVD656" s="613"/>
      <c r="HVE656" s="613"/>
      <c r="HVF656" s="613"/>
      <c r="HVG656" s="613"/>
      <c r="HVH656" s="613"/>
      <c r="HVI656" s="613"/>
      <c r="HVJ656" s="613"/>
      <c r="HVK656" s="613"/>
      <c r="HVL656" s="613"/>
      <c r="HVM656" s="613"/>
      <c r="HVN656" s="613"/>
      <c r="HVO656" s="613"/>
      <c r="HVP656" s="613"/>
      <c r="HVQ656" s="613"/>
      <c r="HVR656" s="613"/>
      <c r="HVS656" s="613"/>
      <c r="HVT656" s="613"/>
      <c r="HVU656" s="613"/>
      <c r="HVV656" s="613"/>
      <c r="HVW656" s="613"/>
      <c r="HVX656" s="613"/>
      <c r="HVY656" s="613"/>
      <c r="HVZ656" s="613"/>
      <c r="HWA656" s="613"/>
      <c r="HWB656" s="613"/>
      <c r="HWC656" s="613"/>
      <c r="HWD656" s="613"/>
      <c r="HWE656" s="613"/>
      <c r="HWF656" s="613"/>
      <c r="HWG656" s="613"/>
      <c r="HWH656" s="613"/>
      <c r="HWI656" s="613"/>
      <c r="HWJ656" s="613"/>
      <c r="HWK656" s="613"/>
      <c r="HWL656" s="613"/>
      <c r="HWM656" s="613"/>
      <c r="HWN656" s="613"/>
      <c r="HWO656" s="613"/>
      <c r="HWP656" s="613"/>
      <c r="HWQ656" s="613"/>
      <c r="HWR656" s="613"/>
      <c r="HWS656" s="613"/>
      <c r="HWT656" s="613"/>
      <c r="HWU656" s="613"/>
      <c r="HWV656" s="613"/>
      <c r="HWW656" s="613"/>
      <c r="HWX656" s="613"/>
      <c r="HWY656" s="613"/>
      <c r="HWZ656" s="613"/>
      <c r="HXA656" s="613"/>
      <c r="HXB656" s="613"/>
      <c r="HXC656" s="613"/>
      <c r="HXD656" s="613"/>
      <c r="HXE656" s="613"/>
      <c r="HXF656" s="613"/>
      <c r="HXG656" s="613"/>
      <c r="HXH656" s="613"/>
      <c r="HXI656" s="613"/>
      <c r="HXJ656" s="613"/>
      <c r="HXK656" s="613"/>
      <c r="HXL656" s="613"/>
      <c r="HXM656" s="613"/>
      <c r="HXN656" s="613"/>
      <c r="HXO656" s="613"/>
      <c r="HXP656" s="613"/>
      <c r="HXQ656" s="613"/>
      <c r="HXR656" s="613"/>
      <c r="HXS656" s="613"/>
      <c r="HXT656" s="613"/>
      <c r="HXU656" s="613"/>
      <c r="HXV656" s="613"/>
      <c r="HXW656" s="613"/>
      <c r="HXX656" s="613"/>
      <c r="HXY656" s="613"/>
      <c r="HXZ656" s="613"/>
      <c r="HYA656" s="613"/>
      <c r="HYB656" s="613"/>
      <c r="HYC656" s="613"/>
      <c r="HYD656" s="613"/>
      <c r="HYE656" s="613"/>
      <c r="HYF656" s="613"/>
      <c r="HYG656" s="613"/>
      <c r="HYH656" s="613"/>
      <c r="HYI656" s="613"/>
      <c r="HYJ656" s="613"/>
      <c r="HYK656" s="613"/>
      <c r="HYL656" s="613"/>
      <c r="HYM656" s="613"/>
      <c r="HYN656" s="613"/>
      <c r="HYO656" s="613"/>
      <c r="HYP656" s="613"/>
      <c r="HYQ656" s="613"/>
      <c r="HYR656" s="613"/>
      <c r="HYS656" s="613"/>
      <c r="HYT656" s="613"/>
      <c r="HYU656" s="613"/>
      <c r="HYV656" s="613"/>
      <c r="HYW656" s="613"/>
      <c r="HYX656" s="613"/>
      <c r="HYY656" s="613"/>
      <c r="HYZ656" s="613"/>
      <c r="HZA656" s="613"/>
      <c r="HZB656" s="613"/>
      <c r="HZC656" s="613"/>
      <c r="HZD656" s="613"/>
      <c r="HZE656" s="613"/>
      <c r="HZF656" s="613"/>
      <c r="HZG656" s="613"/>
      <c r="HZH656" s="613"/>
      <c r="HZI656" s="613"/>
      <c r="HZJ656" s="613"/>
      <c r="HZK656" s="613"/>
      <c r="HZL656" s="613"/>
      <c r="HZM656" s="613"/>
      <c r="HZN656" s="613"/>
      <c r="HZO656" s="613"/>
      <c r="HZP656" s="613"/>
      <c r="HZQ656" s="613"/>
      <c r="HZR656" s="613"/>
      <c r="HZS656" s="613"/>
      <c r="HZT656" s="613"/>
      <c r="HZU656" s="613"/>
      <c r="HZV656" s="613"/>
      <c r="HZW656" s="613"/>
      <c r="HZX656" s="613"/>
      <c r="HZY656" s="613"/>
      <c r="HZZ656" s="613"/>
      <c r="IAA656" s="613"/>
      <c r="IAB656" s="613"/>
      <c r="IAC656" s="613"/>
      <c r="IAD656" s="613"/>
      <c r="IAE656" s="613"/>
      <c r="IAF656" s="613"/>
      <c r="IAG656" s="613"/>
      <c r="IAH656" s="613"/>
      <c r="IAI656" s="613"/>
      <c r="IAJ656" s="613"/>
      <c r="IAK656" s="613"/>
      <c r="IAL656" s="613"/>
      <c r="IAM656" s="613"/>
      <c r="IAN656" s="613"/>
      <c r="IAO656" s="613"/>
      <c r="IAP656" s="613"/>
      <c r="IAQ656" s="613"/>
      <c r="IAR656" s="613"/>
      <c r="IAS656" s="613"/>
      <c r="IAT656" s="613"/>
      <c r="IAU656" s="613"/>
      <c r="IAV656" s="613"/>
      <c r="IAW656" s="613"/>
      <c r="IAX656" s="613"/>
      <c r="IAY656" s="613"/>
      <c r="IAZ656" s="613"/>
      <c r="IBA656" s="613"/>
      <c r="IBB656" s="613"/>
      <c r="IBC656" s="613"/>
      <c r="IBD656" s="613"/>
      <c r="IBE656" s="613"/>
      <c r="IBF656" s="613"/>
      <c r="IBG656" s="613"/>
      <c r="IBH656" s="613"/>
      <c r="IBI656" s="613"/>
      <c r="IBJ656" s="613"/>
      <c r="IBK656" s="613"/>
      <c r="IBL656" s="613"/>
      <c r="IBM656" s="613"/>
      <c r="IBN656" s="613"/>
      <c r="IBO656" s="613"/>
      <c r="IBP656" s="613"/>
      <c r="IBQ656" s="613"/>
      <c r="IBR656" s="613"/>
      <c r="IBS656" s="613"/>
      <c r="IBT656" s="613"/>
      <c r="IBU656" s="613"/>
      <c r="IBV656" s="613"/>
      <c r="IBW656" s="613"/>
      <c r="IBX656" s="613"/>
      <c r="IBY656" s="613"/>
      <c r="IBZ656" s="613"/>
      <c r="ICA656" s="613"/>
      <c r="ICB656" s="613"/>
      <c r="ICC656" s="613"/>
      <c r="ICD656" s="613"/>
      <c r="ICE656" s="613"/>
      <c r="ICF656" s="613"/>
      <c r="ICG656" s="613"/>
      <c r="ICH656" s="613"/>
      <c r="ICI656" s="613"/>
      <c r="ICJ656" s="613"/>
      <c r="ICK656" s="613"/>
      <c r="ICL656" s="613"/>
      <c r="ICM656" s="613"/>
      <c r="ICN656" s="613"/>
      <c r="ICO656" s="613"/>
      <c r="ICP656" s="613"/>
      <c r="ICQ656" s="613"/>
      <c r="ICR656" s="613"/>
      <c r="ICS656" s="613"/>
      <c r="ICT656" s="613"/>
      <c r="ICU656" s="613"/>
      <c r="ICV656" s="613"/>
      <c r="ICW656" s="613"/>
      <c r="ICX656" s="613"/>
      <c r="ICY656" s="613"/>
      <c r="ICZ656" s="613"/>
      <c r="IDA656" s="613"/>
      <c r="IDB656" s="613"/>
      <c r="IDC656" s="613"/>
      <c r="IDD656" s="613"/>
      <c r="IDE656" s="613"/>
      <c r="IDF656" s="613"/>
      <c r="IDG656" s="613"/>
      <c r="IDH656" s="613"/>
      <c r="IDI656" s="613"/>
      <c r="IDJ656" s="613"/>
      <c r="IDK656" s="613"/>
      <c r="IDL656" s="613"/>
      <c r="IDM656" s="613"/>
      <c r="IDN656" s="613"/>
      <c r="IDO656" s="613"/>
      <c r="IDP656" s="613"/>
      <c r="IDQ656" s="613"/>
      <c r="IDR656" s="613"/>
      <c r="IDS656" s="613"/>
      <c r="IDT656" s="613"/>
      <c r="IDU656" s="613"/>
      <c r="IDV656" s="613"/>
      <c r="IDW656" s="613"/>
      <c r="IDX656" s="613"/>
      <c r="IDY656" s="613"/>
      <c r="IDZ656" s="613"/>
      <c r="IEA656" s="613"/>
      <c r="IEB656" s="613"/>
      <c r="IEC656" s="613"/>
      <c r="IED656" s="613"/>
      <c r="IEE656" s="613"/>
      <c r="IEF656" s="613"/>
      <c r="IEG656" s="613"/>
      <c r="IEH656" s="613"/>
      <c r="IEI656" s="613"/>
      <c r="IEJ656" s="613"/>
      <c r="IEK656" s="613"/>
      <c r="IEL656" s="613"/>
      <c r="IEM656" s="613"/>
      <c r="IEN656" s="613"/>
      <c r="IEO656" s="613"/>
      <c r="IEP656" s="613"/>
      <c r="IEQ656" s="613"/>
      <c r="IER656" s="613"/>
      <c r="IES656" s="613"/>
      <c r="IET656" s="613"/>
      <c r="IEU656" s="613"/>
      <c r="IEV656" s="613"/>
      <c r="IEW656" s="613"/>
      <c r="IEX656" s="613"/>
      <c r="IEY656" s="613"/>
      <c r="IEZ656" s="613"/>
      <c r="IFA656" s="613"/>
      <c r="IFB656" s="613"/>
      <c r="IFC656" s="613"/>
      <c r="IFD656" s="613"/>
      <c r="IFE656" s="613"/>
      <c r="IFF656" s="613"/>
      <c r="IFG656" s="613"/>
      <c r="IFH656" s="613"/>
      <c r="IFI656" s="613"/>
      <c r="IFJ656" s="613"/>
      <c r="IFK656" s="613"/>
      <c r="IFL656" s="613"/>
      <c r="IFM656" s="613"/>
      <c r="IFN656" s="613"/>
      <c r="IFO656" s="613"/>
      <c r="IFP656" s="613"/>
      <c r="IFQ656" s="613"/>
      <c r="IFR656" s="613"/>
      <c r="IFS656" s="613"/>
      <c r="IFT656" s="613"/>
      <c r="IFU656" s="613"/>
      <c r="IFV656" s="613"/>
      <c r="IFW656" s="613"/>
      <c r="IFX656" s="613"/>
      <c r="IFY656" s="613"/>
      <c r="IFZ656" s="613"/>
      <c r="IGA656" s="613"/>
      <c r="IGB656" s="613"/>
      <c r="IGC656" s="613"/>
      <c r="IGD656" s="613"/>
      <c r="IGE656" s="613"/>
      <c r="IGF656" s="613"/>
      <c r="IGG656" s="613"/>
      <c r="IGH656" s="613"/>
      <c r="IGI656" s="613"/>
      <c r="IGJ656" s="613"/>
      <c r="IGK656" s="613"/>
      <c r="IGL656" s="613"/>
      <c r="IGM656" s="613"/>
      <c r="IGN656" s="613"/>
      <c r="IGO656" s="613"/>
      <c r="IGP656" s="613"/>
      <c r="IGQ656" s="613"/>
      <c r="IGR656" s="613"/>
      <c r="IGS656" s="613"/>
      <c r="IGT656" s="613"/>
      <c r="IGU656" s="613"/>
      <c r="IGV656" s="613"/>
      <c r="IGW656" s="613"/>
      <c r="IGX656" s="613"/>
      <c r="IGY656" s="613"/>
      <c r="IGZ656" s="613"/>
      <c r="IHA656" s="613"/>
      <c r="IHB656" s="613"/>
      <c r="IHC656" s="613"/>
      <c r="IHD656" s="613"/>
      <c r="IHE656" s="613"/>
      <c r="IHF656" s="613"/>
      <c r="IHG656" s="613"/>
      <c r="IHH656" s="613"/>
      <c r="IHI656" s="613"/>
      <c r="IHJ656" s="613"/>
      <c r="IHK656" s="613"/>
      <c r="IHL656" s="613"/>
      <c r="IHM656" s="613"/>
      <c r="IHN656" s="613"/>
      <c r="IHO656" s="613"/>
      <c r="IHP656" s="613"/>
      <c r="IHQ656" s="613"/>
      <c r="IHR656" s="613"/>
      <c r="IHS656" s="613"/>
      <c r="IHT656" s="613"/>
      <c r="IHU656" s="613"/>
      <c r="IHV656" s="613"/>
      <c r="IHW656" s="613"/>
      <c r="IHX656" s="613"/>
      <c r="IHY656" s="613"/>
      <c r="IHZ656" s="613"/>
      <c r="IIA656" s="613"/>
      <c r="IIB656" s="613"/>
      <c r="IIC656" s="613"/>
      <c r="IID656" s="613"/>
      <c r="IIE656" s="613"/>
      <c r="IIF656" s="613"/>
      <c r="IIG656" s="613"/>
      <c r="IIH656" s="613"/>
      <c r="III656" s="613"/>
      <c r="IIJ656" s="613"/>
      <c r="IIK656" s="613"/>
      <c r="IIL656" s="613"/>
      <c r="IIM656" s="613"/>
      <c r="IIN656" s="613"/>
      <c r="IIO656" s="613"/>
      <c r="IIP656" s="613"/>
      <c r="IIQ656" s="613"/>
      <c r="IIR656" s="613"/>
      <c r="IIS656" s="613"/>
      <c r="IIT656" s="613"/>
      <c r="IIU656" s="613"/>
      <c r="IIV656" s="613"/>
      <c r="IIW656" s="613"/>
      <c r="IIX656" s="613"/>
      <c r="IIY656" s="613"/>
      <c r="IIZ656" s="613"/>
      <c r="IJA656" s="613"/>
      <c r="IJB656" s="613"/>
      <c r="IJC656" s="613"/>
      <c r="IJD656" s="613"/>
      <c r="IJE656" s="613"/>
      <c r="IJF656" s="613"/>
      <c r="IJG656" s="613"/>
      <c r="IJH656" s="613"/>
      <c r="IJI656" s="613"/>
      <c r="IJJ656" s="613"/>
      <c r="IJK656" s="613"/>
      <c r="IJL656" s="613"/>
      <c r="IJM656" s="613"/>
      <c r="IJN656" s="613"/>
      <c r="IJO656" s="613"/>
      <c r="IJP656" s="613"/>
      <c r="IJQ656" s="613"/>
      <c r="IJR656" s="613"/>
      <c r="IJS656" s="613"/>
      <c r="IJT656" s="613"/>
      <c r="IJU656" s="613"/>
      <c r="IJV656" s="613"/>
      <c r="IJW656" s="613"/>
      <c r="IJX656" s="613"/>
      <c r="IJY656" s="613"/>
      <c r="IJZ656" s="613"/>
      <c r="IKA656" s="613"/>
      <c r="IKB656" s="613"/>
      <c r="IKC656" s="613"/>
      <c r="IKD656" s="613"/>
      <c r="IKE656" s="613"/>
      <c r="IKF656" s="613"/>
      <c r="IKG656" s="613"/>
      <c r="IKH656" s="613"/>
      <c r="IKI656" s="613"/>
      <c r="IKJ656" s="613"/>
      <c r="IKK656" s="613"/>
      <c r="IKL656" s="613"/>
      <c r="IKM656" s="613"/>
      <c r="IKN656" s="613"/>
      <c r="IKO656" s="613"/>
      <c r="IKP656" s="613"/>
      <c r="IKQ656" s="613"/>
      <c r="IKR656" s="613"/>
      <c r="IKS656" s="613"/>
      <c r="IKT656" s="613"/>
      <c r="IKU656" s="613"/>
      <c r="IKV656" s="613"/>
      <c r="IKW656" s="613"/>
      <c r="IKX656" s="613"/>
      <c r="IKY656" s="613"/>
      <c r="IKZ656" s="613"/>
      <c r="ILA656" s="613"/>
      <c r="ILB656" s="613"/>
      <c r="ILC656" s="613"/>
      <c r="ILD656" s="613"/>
      <c r="ILE656" s="613"/>
      <c r="ILF656" s="613"/>
      <c r="ILG656" s="613"/>
      <c r="ILH656" s="613"/>
      <c r="ILI656" s="613"/>
      <c r="ILJ656" s="613"/>
      <c r="ILK656" s="613"/>
      <c r="ILL656" s="613"/>
      <c r="ILM656" s="613"/>
      <c r="ILN656" s="613"/>
      <c r="ILO656" s="613"/>
      <c r="ILP656" s="613"/>
      <c r="ILQ656" s="613"/>
      <c r="ILR656" s="613"/>
      <c r="ILS656" s="613"/>
      <c r="ILT656" s="613"/>
      <c r="ILU656" s="613"/>
      <c r="ILV656" s="613"/>
      <c r="ILW656" s="613"/>
      <c r="ILX656" s="613"/>
      <c r="ILY656" s="613"/>
      <c r="ILZ656" s="613"/>
      <c r="IMA656" s="613"/>
      <c r="IMB656" s="613"/>
      <c r="IMC656" s="613"/>
      <c r="IMD656" s="613"/>
      <c r="IME656" s="613"/>
      <c r="IMF656" s="613"/>
      <c r="IMG656" s="613"/>
      <c r="IMH656" s="613"/>
      <c r="IMI656" s="613"/>
      <c r="IMJ656" s="613"/>
      <c r="IMK656" s="613"/>
      <c r="IML656" s="613"/>
      <c r="IMM656" s="613"/>
      <c r="IMN656" s="613"/>
      <c r="IMO656" s="613"/>
      <c r="IMP656" s="613"/>
      <c r="IMQ656" s="613"/>
      <c r="IMR656" s="613"/>
      <c r="IMS656" s="613"/>
      <c r="IMT656" s="613"/>
      <c r="IMU656" s="613"/>
      <c r="IMV656" s="613"/>
      <c r="IMW656" s="613"/>
      <c r="IMX656" s="613"/>
      <c r="IMY656" s="613"/>
      <c r="IMZ656" s="613"/>
      <c r="INA656" s="613"/>
      <c r="INB656" s="613"/>
      <c r="INC656" s="613"/>
      <c r="IND656" s="613"/>
      <c r="INE656" s="613"/>
      <c r="INF656" s="613"/>
      <c r="ING656" s="613"/>
      <c r="INH656" s="613"/>
      <c r="INI656" s="613"/>
      <c r="INJ656" s="613"/>
      <c r="INK656" s="613"/>
      <c r="INL656" s="613"/>
      <c r="INM656" s="613"/>
      <c r="INN656" s="613"/>
      <c r="INO656" s="613"/>
      <c r="INP656" s="613"/>
      <c r="INQ656" s="613"/>
      <c r="INR656" s="613"/>
      <c r="INS656" s="613"/>
      <c r="INT656" s="613"/>
      <c r="INU656" s="613"/>
      <c r="INV656" s="613"/>
      <c r="INW656" s="613"/>
      <c r="INX656" s="613"/>
      <c r="INY656" s="613"/>
      <c r="INZ656" s="613"/>
      <c r="IOA656" s="613"/>
      <c r="IOB656" s="613"/>
      <c r="IOC656" s="613"/>
      <c r="IOD656" s="613"/>
      <c r="IOE656" s="613"/>
      <c r="IOF656" s="613"/>
      <c r="IOG656" s="613"/>
      <c r="IOH656" s="613"/>
      <c r="IOI656" s="613"/>
      <c r="IOJ656" s="613"/>
      <c r="IOK656" s="613"/>
      <c r="IOL656" s="613"/>
      <c r="IOM656" s="613"/>
      <c r="ION656" s="613"/>
      <c r="IOO656" s="613"/>
      <c r="IOP656" s="613"/>
      <c r="IOQ656" s="613"/>
      <c r="IOR656" s="613"/>
      <c r="IOS656" s="613"/>
      <c r="IOT656" s="613"/>
      <c r="IOU656" s="613"/>
      <c r="IOV656" s="613"/>
      <c r="IOW656" s="613"/>
      <c r="IOX656" s="613"/>
      <c r="IOY656" s="613"/>
      <c r="IOZ656" s="613"/>
      <c r="IPA656" s="613"/>
      <c r="IPB656" s="613"/>
      <c r="IPC656" s="613"/>
      <c r="IPD656" s="613"/>
      <c r="IPE656" s="613"/>
      <c r="IPF656" s="613"/>
      <c r="IPG656" s="613"/>
      <c r="IPH656" s="613"/>
      <c r="IPI656" s="613"/>
      <c r="IPJ656" s="613"/>
      <c r="IPK656" s="613"/>
      <c r="IPL656" s="613"/>
      <c r="IPM656" s="613"/>
      <c r="IPN656" s="613"/>
      <c r="IPO656" s="613"/>
      <c r="IPP656" s="613"/>
      <c r="IPQ656" s="613"/>
      <c r="IPR656" s="613"/>
      <c r="IPS656" s="613"/>
      <c r="IPT656" s="613"/>
      <c r="IPU656" s="613"/>
      <c r="IPV656" s="613"/>
      <c r="IPW656" s="613"/>
      <c r="IPX656" s="613"/>
      <c r="IPY656" s="613"/>
      <c r="IPZ656" s="613"/>
      <c r="IQA656" s="613"/>
      <c r="IQB656" s="613"/>
      <c r="IQC656" s="613"/>
      <c r="IQD656" s="613"/>
      <c r="IQE656" s="613"/>
      <c r="IQF656" s="613"/>
      <c r="IQG656" s="613"/>
      <c r="IQH656" s="613"/>
      <c r="IQI656" s="613"/>
      <c r="IQJ656" s="613"/>
      <c r="IQK656" s="613"/>
      <c r="IQL656" s="613"/>
      <c r="IQM656" s="613"/>
      <c r="IQN656" s="613"/>
      <c r="IQO656" s="613"/>
      <c r="IQP656" s="613"/>
      <c r="IQQ656" s="613"/>
      <c r="IQR656" s="613"/>
      <c r="IQS656" s="613"/>
      <c r="IQT656" s="613"/>
      <c r="IQU656" s="613"/>
      <c r="IQV656" s="613"/>
      <c r="IQW656" s="613"/>
      <c r="IQX656" s="613"/>
      <c r="IQY656" s="613"/>
      <c r="IQZ656" s="613"/>
      <c r="IRA656" s="613"/>
      <c r="IRB656" s="613"/>
      <c r="IRC656" s="613"/>
      <c r="IRD656" s="613"/>
      <c r="IRE656" s="613"/>
      <c r="IRF656" s="613"/>
      <c r="IRG656" s="613"/>
      <c r="IRH656" s="613"/>
      <c r="IRI656" s="613"/>
      <c r="IRJ656" s="613"/>
      <c r="IRK656" s="613"/>
      <c r="IRL656" s="613"/>
      <c r="IRM656" s="613"/>
      <c r="IRN656" s="613"/>
      <c r="IRO656" s="613"/>
      <c r="IRP656" s="613"/>
      <c r="IRQ656" s="613"/>
      <c r="IRR656" s="613"/>
      <c r="IRS656" s="613"/>
      <c r="IRT656" s="613"/>
      <c r="IRU656" s="613"/>
      <c r="IRV656" s="613"/>
      <c r="IRW656" s="613"/>
      <c r="IRX656" s="613"/>
      <c r="IRY656" s="613"/>
      <c r="IRZ656" s="613"/>
      <c r="ISA656" s="613"/>
      <c r="ISB656" s="613"/>
      <c r="ISC656" s="613"/>
      <c r="ISD656" s="613"/>
      <c r="ISE656" s="613"/>
      <c r="ISF656" s="613"/>
      <c r="ISG656" s="613"/>
      <c r="ISH656" s="613"/>
      <c r="ISI656" s="613"/>
      <c r="ISJ656" s="613"/>
      <c r="ISK656" s="613"/>
      <c r="ISL656" s="613"/>
      <c r="ISM656" s="613"/>
      <c r="ISN656" s="613"/>
      <c r="ISO656" s="613"/>
      <c r="ISP656" s="613"/>
      <c r="ISQ656" s="613"/>
      <c r="ISR656" s="613"/>
      <c r="ISS656" s="613"/>
      <c r="IST656" s="613"/>
      <c r="ISU656" s="613"/>
      <c r="ISV656" s="613"/>
      <c r="ISW656" s="613"/>
      <c r="ISX656" s="613"/>
      <c r="ISY656" s="613"/>
      <c r="ISZ656" s="613"/>
      <c r="ITA656" s="613"/>
      <c r="ITB656" s="613"/>
      <c r="ITC656" s="613"/>
      <c r="ITD656" s="613"/>
      <c r="ITE656" s="613"/>
      <c r="ITF656" s="613"/>
      <c r="ITG656" s="613"/>
      <c r="ITH656" s="613"/>
      <c r="ITI656" s="613"/>
      <c r="ITJ656" s="613"/>
      <c r="ITK656" s="613"/>
      <c r="ITL656" s="613"/>
      <c r="ITM656" s="613"/>
      <c r="ITN656" s="613"/>
      <c r="ITO656" s="613"/>
      <c r="ITP656" s="613"/>
      <c r="ITQ656" s="613"/>
      <c r="ITR656" s="613"/>
      <c r="ITS656" s="613"/>
      <c r="ITT656" s="613"/>
      <c r="ITU656" s="613"/>
      <c r="ITV656" s="613"/>
      <c r="ITW656" s="613"/>
      <c r="ITX656" s="613"/>
      <c r="ITY656" s="613"/>
      <c r="ITZ656" s="613"/>
      <c r="IUA656" s="613"/>
      <c r="IUB656" s="613"/>
      <c r="IUC656" s="613"/>
      <c r="IUD656" s="613"/>
      <c r="IUE656" s="613"/>
      <c r="IUF656" s="613"/>
      <c r="IUG656" s="613"/>
      <c r="IUH656" s="613"/>
      <c r="IUI656" s="613"/>
      <c r="IUJ656" s="613"/>
      <c r="IUK656" s="613"/>
      <c r="IUL656" s="613"/>
      <c r="IUM656" s="613"/>
      <c r="IUN656" s="613"/>
      <c r="IUO656" s="613"/>
      <c r="IUP656" s="613"/>
      <c r="IUQ656" s="613"/>
      <c r="IUR656" s="613"/>
      <c r="IUS656" s="613"/>
      <c r="IUT656" s="613"/>
      <c r="IUU656" s="613"/>
      <c r="IUV656" s="613"/>
      <c r="IUW656" s="613"/>
      <c r="IUX656" s="613"/>
      <c r="IUY656" s="613"/>
      <c r="IUZ656" s="613"/>
      <c r="IVA656" s="613"/>
      <c r="IVB656" s="613"/>
      <c r="IVC656" s="613"/>
      <c r="IVD656" s="613"/>
      <c r="IVE656" s="613"/>
      <c r="IVF656" s="613"/>
      <c r="IVG656" s="613"/>
      <c r="IVH656" s="613"/>
      <c r="IVI656" s="613"/>
      <c r="IVJ656" s="613"/>
      <c r="IVK656" s="613"/>
      <c r="IVL656" s="613"/>
      <c r="IVM656" s="613"/>
      <c r="IVN656" s="613"/>
      <c r="IVO656" s="613"/>
      <c r="IVP656" s="613"/>
      <c r="IVQ656" s="613"/>
      <c r="IVR656" s="613"/>
      <c r="IVS656" s="613"/>
      <c r="IVT656" s="613"/>
      <c r="IVU656" s="613"/>
      <c r="IVV656" s="613"/>
      <c r="IVW656" s="613"/>
      <c r="IVX656" s="613"/>
      <c r="IVY656" s="613"/>
      <c r="IVZ656" s="613"/>
      <c r="IWA656" s="613"/>
      <c r="IWB656" s="613"/>
      <c r="IWC656" s="613"/>
      <c r="IWD656" s="613"/>
      <c r="IWE656" s="613"/>
      <c r="IWF656" s="613"/>
      <c r="IWG656" s="613"/>
      <c r="IWH656" s="613"/>
      <c r="IWI656" s="613"/>
      <c r="IWJ656" s="613"/>
      <c r="IWK656" s="613"/>
      <c r="IWL656" s="613"/>
      <c r="IWM656" s="613"/>
      <c r="IWN656" s="613"/>
      <c r="IWO656" s="613"/>
      <c r="IWP656" s="613"/>
      <c r="IWQ656" s="613"/>
      <c r="IWR656" s="613"/>
      <c r="IWS656" s="613"/>
      <c r="IWT656" s="613"/>
      <c r="IWU656" s="613"/>
      <c r="IWV656" s="613"/>
      <c r="IWW656" s="613"/>
      <c r="IWX656" s="613"/>
      <c r="IWY656" s="613"/>
      <c r="IWZ656" s="613"/>
      <c r="IXA656" s="613"/>
      <c r="IXB656" s="613"/>
      <c r="IXC656" s="613"/>
      <c r="IXD656" s="613"/>
      <c r="IXE656" s="613"/>
      <c r="IXF656" s="613"/>
      <c r="IXG656" s="613"/>
      <c r="IXH656" s="613"/>
      <c r="IXI656" s="613"/>
      <c r="IXJ656" s="613"/>
      <c r="IXK656" s="613"/>
      <c r="IXL656" s="613"/>
      <c r="IXM656" s="613"/>
      <c r="IXN656" s="613"/>
      <c r="IXO656" s="613"/>
      <c r="IXP656" s="613"/>
      <c r="IXQ656" s="613"/>
      <c r="IXR656" s="613"/>
      <c r="IXS656" s="613"/>
      <c r="IXT656" s="613"/>
      <c r="IXU656" s="613"/>
      <c r="IXV656" s="613"/>
      <c r="IXW656" s="613"/>
      <c r="IXX656" s="613"/>
      <c r="IXY656" s="613"/>
      <c r="IXZ656" s="613"/>
      <c r="IYA656" s="613"/>
      <c r="IYB656" s="613"/>
      <c r="IYC656" s="613"/>
      <c r="IYD656" s="613"/>
      <c r="IYE656" s="613"/>
      <c r="IYF656" s="613"/>
      <c r="IYG656" s="613"/>
      <c r="IYH656" s="613"/>
      <c r="IYI656" s="613"/>
      <c r="IYJ656" s="613"/>
      <c r="IYK656" s="613"/>
      <c r="IYL656" s="613"/>
      <c r="IYM656" s="613"/>
      <c r="IYN656" s="613"/>
      <c r="IYO656" s="613"/>
      <c r="IYP656" s="613"/>
      <c r="IYQ656" s="613"/>
      <c r="IYR656" s="613"/>
      <c r="IYS656" s="613"/>
      <c r="IYT656" s="613"/>
      <c r="IYU656" s="613"/>
      <c r="IYV656" s="613"/>
      <c r="IYW656" s="613"/>
      <c r="IYX656" s="613"/>
      <c r="IYY656" s="613"/>
      <c r="IYZ656" s="613"/>
      <c r="IZA656" s="613"/>
      <c r="IZB656" s="613"/>
      <c r="IZC656" s="613"/>
      <c r="IZD656" s="613"/>
      <c r="IZE656" s="613"/>
      <c r="IZF656" s="613"/>
      <c r="IZG656" s="613"/>
      <c r="IZH656" s="613"/>
      <c r="IZI656" s="613"/>
      <c r="IZJ656" s="613"/>
      <c r="IZK656" s="613"/>
      <c r="IZL656" s="613"/>
      <c r="IZM656" s="613"/>
      <c r="IZN656" s="613"/>
      <c r="IZO656" s="613"/>
      <c r="IZP656" s="613"/>
      <c r="IZQ656" s="613"/>
      <c r="IZR656" s="613"/>
      <c r="IZS656" s="613"/>
      <c r="IZT656" s="613"/>
      <c r="IZU656" s="613"/>
      <c r="IZV656" s="613"/>
      <c r="IZW656" s="613"/>
      <c r="IZX656" s="613"/>
      <c r="IZY656" s="613"/>
      <c r="IZZ656" s="613"/>
      <c r="JAA656" s="613"/>
      <c r="JAB656" s="613"/>
      <c r="JAC656" s="613"/>
      <c r="JAD656" s="613"/>
      <c r="JAE656" s="613"/>
      <c r="JAF656" s="613"/>
      <c r="JAG656" s="613"/>
      <c r="JAH656" s="613"/>
      <c r="JAI656" s="613"/>
      <c r="JAJ656" s="613"/>
      <c r="JAK656" s="613"/>
      <c r="JAL656" s="613"/>
      <c r="JAM656" s="613"/>
      <c r="JAN656" s="613"/>
      <c r="JAO656" s="613"/>
      <c r="JAP656" s="613"/>
      <c r="JAQ656" s="613"/>
      <c r="JAR656" s="613"/>
      <c r="JAS656" s="613"/>
      <c r="JAT656" s="613"/>
      <c r="JAU656" s="613"/>
      <c r="JAV656" s="613"/>
      <c r="JAW656" s="613"/>
      <c r="JAX656" s="613"/>
      <c r="JAY656" s="613"/>
      <c r="JAZ656" s="613"/>
      <c r="JBA656" s="613"/>
      <c r="JBB656" s="613"/>
      <c r="JBC656" s="613"/>
      <c r="JBD656" s="613"/>
      <c r="JBE656" s="613"/>
      <c r="JBF656" s="613"/>
      <c r="JBG656" s="613"/>
      <c r="JBH656" s="613"/>
      <c r="JBI656" s="613"/>
      <c r="JBJ656" s="613"/>
      <c r="JBK656" s="613"/>
      <c r="JBL656" s="613"/>
      <c r="JBM656" s="613"/>
      <c r="JBN656" s="613"/>
      <c r="JBO656" s="613"/>
      <c r="JBP656" s="613"/>
      <c r="JBQ656" s="613"/>
      <c r="JBR656" s="613"/>
      <c r="JBS656" s="613"/>
      <c r="JBT656" s="613"/>
      <c r="JBU656" s="613"/>
      <c r="JBV656" s="613"/>
      <c r="JBW656" s="613"/>
      <c r="JBX656" s="613"/>
      <c r="JBY656" s="613"/>
      <c r="JBZ656" s="613"/>
      <c r="JCA656" s="613"/>
      <c r="JCB656" s="613"/>
      <c r="JCC656" s="613"/>
      <c r="JCD656" s="613"/>
      <c r="JCE656" s="613"/>
      <c r="JCF656" s="613"/>
      <c r="JCG656" s="613"/>
      <c r="JCH656" s="613"/>
      <c r="JCI656" s="613"/>
      <c r="JCJ656" s="613"/>
      <c r="JCK656" s="613"/>
      <c r="JCL656" s="613"/>
      <c r="JCM656" s="613"/>
      <c r="JCN656" s="613"/>
      <c r="JCO656" s="613"/>
      <c r="JCP656" s="613"/>
      <c r="JCQ656" s="613"/>
      <c r="JCR656" s="613"/>
      <c r="JCS656" s="613"/>
      <c r="JCT656" s="613"/>
      <c r="JCU656" s="613"/>
      <c r="JCV656" s="613"/>
      <c r="JCW656" s="613"/>
      <c r="JCX656" s="613"/>
      <c r="JCY656" s="613"/>
      <c r="JCZ656" s="613"/>
      <c r="JDA656" s="613"/>
      <c r="JDB656" s="613"/>
      <c r="JDC656" s="613"/>
      <c r="JDD656" s="613"/>
      <c r="JDE656" s="613"/>
      <c r="JDF656" s="613"/>
      <c r="JDG656" s="613"/>
      <c r="JDH656" s="613"/>
      <c r="JDI656" s="613"/>
      <c r="JDJ656" s="613"/>
      <c r="JDK656" s="613"/>
      <c r="JDL656" s="613"/>
      <c r="JDM656" s="613"/>
      <c r="JDN656" s="613"/>
      <c r="JDO656" s="613"/>
      <c r="JDP656" s="613"/>
      <c r="JDQ656" s="613"/>
      <c r="JDR656" s="613"/>
      <c r="JDS656" s="613"/>
      <c r="JDT656" s="613"/>
      <c r="JDU656" s="613"/>
      <c r="JDV656" s="613"/>
      <c r="JDW656" s="613"/>
      <c r="JDX656" s="613"/>
      <c r="JDY656" s="613"/>
      <c r="JDZ656" s="613"/>
      <c r="JEA656" s="613"/>
      <c r="JEB656" s="613"/>
      <c r="JEC656" s="613"/>
      <c r="JED656" s="613"/>
      <c r="JEE656" s="613"/>
      <c r="JEF656" s="613"/>
      <c r="JEG656" s="613"/>
      <c r="JEH656" s="613"/>
      <c r="JEI656" s="613"/>
      <c r="JEJ656" s="613"/>
      <c r="JEK656" s="613"/>
      <c r="JEL656" s="613"/>
      <c r="JEM656" s="613"/>
      <c r="JEN656" s="613"/>
      <c r="JEO656" s="613"/>
      <c r="JEP656" s="613"/>
      <c r="JEQ656" s="613"/>
      <c r="JER656" s="613"/>
      <c r="JES656" s="613"/>
      <c r="JET656" s="613"/>
      <c r="JEU656" s="613"/>
      <c r="JEV656" s="613"/>
      <c r="JEW656" s="613"/>
      <c r="JEX656" s="613"/>
      <c r="JEY656" s="613"/>
      <c r="JEZ656" s="613"/>
      <c r="JFA656" s="613"/>
      <c r="JFB656" s="613"/>
      <c r="JFC656" s="613"/>
      <c r="JFD656" s="613"/>
      <c r="JFE656" s="613"/>
      <c r="JFF656" s="613"/>
      <c r="JFG656" s="613"/>
      <c r="JFH656" s="613"/>
      <c r="JFI656" s="613"/>
      <c r="JFJ656" s="613"/>
      <c r="JFK656" s="613"/>
      <c r="JFL656" s="613"/>
      <c r="JFM656" s="613"/>
      <c r="JFN656" s="613"/>
      <c r="JFO656" s="613"/>
      <c r="JFP656" s="613"/>
      <c r="JFQ656" s="613"/>
      <c r="JFR656" s="613"/>
      <c r="JFS656" s="613"/>
      <c r="JFT656" s="613"/>
      <c r="JFU656" s="613"/>
      <c r="JFV656" s="613"/>
      <c r="JFW656" s="613"/>
      <c r="JFX656" s="613"/>
      <c r="JFY656" s="613"/>
      <c r="JFZ656" s="613"/>
      <c r="JGA656" s="613"/>
      <c r="JGB656" s="613"/>
      <c r="JGC656" s="613"/>
      <c r="JGD656" s="613"/>
      <c r="JGE656" s="613"/>
      <c r="JGF656" s="613"/>
      <c r="JGG656" s="613"/>
      <c r="JGH656" s="613"/>
      <c r="JGI656" s="613"/>
      <c r="JGJ656" s="613"/>
      <c r="JGK656" s="613"/>
      <c r="JGL656" s="613"/>
      <c r="JGM656" s="613"/>
      <c r="JGN656" s="613"/>
      <c r="JGO656" s="613"/>
      <c r="JGP656" s="613"/>
      <c r="JGQ656" s="613"/>
      <c r="JGR656" s="613"/>
      <c r="JGS656" s="613"/>
      <c r="JGT656" s="613"/>
      <c r="JGU656" s="613"/>
      <c r="JGV656" s="613"/>
      <c r="JGW656" s="613"/>
      <c r="JGX656" s="613"/>
      <c r="JGY656" s="613"/>
      <c r="JGZ656" s="613"/>
      <c r="JHA656" s="613"/>
      <c r="JHB656" s="613"/>
      <c r="JHC656" s="613"/>
      <c r="JHD656" s="613"/>
      <c r="JHE656" s="613"/>
      <c r="JHF656" s="613"/>
      <c r="JHG656" s="613"/>
      <c r="JHH656" s="613"/>
      <c r="JHI656" s="613"/>
      <c r="JHJ656" s="613"/>
      <c r="JHK656" s="613"/>
      <c r="JHL656" s="613"/>
      <c r="JHM656" s="613"/>
      <c r="JHN656" s="613"/>
      <c r="JHO656" s="613"/>
      <c r="JHP656" s="613"/>
      <c r="JHQ656" s="613"/>
      <c r="JHR656" s="613"/>
      <c r="JHS656" s="613"/>
      <c r="JHT656" s="613"/>
      <c r="JHU656" s="613"/>
      <c r="JHV656" s="613"/>
      <c r="JHW656" s="613"/>
      <c r="JHX656" s="613"/>
      <c r="JHY656" s="613"/>
      <c r="JHZ656" s="613"/>
      <c r="JIA656" s="613"/>
      <c r="JIB656" s="613"/>
      <c r="JIC656" s="613"/>
      <c r="JID656" s="613"/>
      <c r="JIE656" s="613"/>
      <c r="JIF656" s="613"/>
      <c r="JIG656" s="613"/>
      <c r="JIH656" s="613"/>
      <c r="JII656" s="613"/>
      <c r="JIJ656" s="613"/>
      <c r="JIK656" s="613"/>
      <c r="JIL656" s="613"/>
      <c r="JIM656" s="613"/>
      <c r="JIN656" s="613"/>
      <c r="JIO656" s="613"/>
      <c r="JIP656" s="613"/>
      <c r="JIQ656" s="613"/>
      <c r="JIR656" s="613"/>
      <c r="JIS656" s="613"/>
      <c r="JIT656" s="613"/>
      <c r="JIU656" s="613"/>
      <c r="JIV656" s="613"/>
      <c r="JIW656" s="613"/>
      <c r="JIX656" s="613"/>
      <c r="JIY656" s="613"/>
      <c r="JIZ656" s="613"/>
      <c r="JJA656" s="613"/>
      <c r="JJB656" s="613"/>
      <c r="JJC656" s="613"/>
      <c r="JJD656" s="613"/>
      <c r="JJE656" s="613"/>
      <c r="JJF656" s="613"/>
      <c r="JJG656" s="613"/>
      <c r="JJH656" s="613"/>
      <c r="JJI656" s="613"/>
      <c r="JJJ656" s="613"/>
      <c r="JJK656" s="613"/>
      <c r="JJL656" s="613"/>
      <c r="JJM656" s="613"/>
      <c r="JJN656" s="613"/>
      <c r="JJO656" s="613"/>
      <c r="JJP656" s="613"/>
      <c r="JJQ656" s="613"/>
      <c r="JJR656" s="613"/>
      <c r="JJS656" s="613"/>
      <c r="JJT656" s="613"/>
      <c r="JJU656" s="613"/>
      <c r="JJV656" s="613"/>
      <c r="JJW656" s="613"/>
      <c r="JJX656" s="613"/>
      <c r="JJY656" s="613"/>
      <c r="JJZ656" s="613"/>
      <c r="JKA656" s="613"/>
      <c r="JKB656" s="613"/>
      <c r="JKC656" s="613"/>
      <c r="JKD656" s="613"/>
      <c r="JKE656" s="613"/>
      <c r="JKF656" s="613"/>
      <c r="JKG656" s="613"/>
      <c r="JKH656" s="613"/>
      <c r="JKI656" s="613"/>
      <c r="JKJ656" s="613"/>
      <c r="JKK656" s="613"/>
      <c r="JKL656" s="613"/>
      <c r="JKM656" s="613"/>
      <c r="JKN656" s="613"/>
      <c r="JKO656" s="613"/>
      <c r="JKP656" s="613"/>
      <c r="JKQ656" s="613"/>
      <c r="JKR656" s="613"/>
      <c r="JKS656" s="613"/>
      <c r="JKT656" s="613"/>
      <c r="JKU656" s="613"/>
      <c r="JKV656" s="613"/>
      <c r="JKW656" s="613"/>
      <c r="JKX656" s="613"/>
      <c r="JKY656" s="613"/>
      <c r="JKZ656" s="613"/>
      <c r="JLA656" s="613"/>
      <c r="JLB656" s="613"/>
      <c r="JLC656" s="613"/>
      <c r="JLD656" s="613"/>
      <c r="JLE656" s="613"/>
      <c r="JLF656" s="613"/>
      <c r="JLG656" s="613"/>
      <c r="JLH656" s="613"/>
      <c r="JLI656" s="613"/>
      <c r="JLJ656" s="613"/>
      <c r="JLK656" s="613"/>
      <c r="JLL656" s="613"/>
      <c r="JLM656" s="613"/>
      <c r="JLN656" s="613"/>
      <c r="JLO656" s="613"/>
      <c r="JLP656" s="613"/>
      <c r="JLQ656" s="613"/>
      <c r="JLR656" s="613"/>
      <c r="JLS656" s="613"/>
      <c r="JLT656" s="613"/>
      <c r="JLU656" s="613"/>
      <c r="JLV656" s="613"/>
      <c r="JLW656" s="613"/>
      <c r="JLX656" s="613"/>
      <c r="JLY656" s="613"/>
      <c r="JLZ656" s="613"/>
      <c r="JMA656" s="613"/>
      <c r="JMB656" s="613"/>
      <c r="JMC656" s="613"/>
      <c r="JMD656" s="613"/>
      <c r="JME656" s="613"/>
      <c r="JMF656" s="613"/>
      <c r="JMG656" s="613"/>
      <c r="JMH656" s="613"/>
      <c r="JMI656" s="613"/>
      <c r="JMJ656" s="613"/>
      <c r="JMK656" s="613"/>
      <c r="JML656" s="613"/>
      <c r="JMM656" s="613"/>
      <c r="JMN656" s="613"/>
      <c r="JMO656" s="613"/>
      <c r="JMP656" s="613"/>
      <c r="JMQ656" s="613"/>
      <c r="JMR656" s="613"/>
      <c r="JMS656" s="613"/>
      <c r="JMT656" s="613"/>
      <c r="JMU656" s="613"/>
      <c r="JMV656" s="613"/>
      <c r="JMW656" s="613"/>
      <c r="JMX656" s="613"/>
      <c r="JMY656" s="613"/>
      <c r="JMZ656" s="613"/>
      <c r="JNA656" s="613"/>
      <c r="JNB656" s="613"/>
      <c r="JNC656" s="613"/>
      <c r="JND656" s="613"/>
      <c r="JNE656" s="613"/>
      <c r="JNF656" s="613"/>
      <c r="JNG656" s="613"/>
      <c r="JNH656" s="613"/>
      <c r="JNI656" s="613"/>
      <c r="JNJ656" s="613"/>
      <c r="JNK656" s="613"/>
      <c r="JNL656" s="613"/>
      <c r="JNM656" s="613"/>
      <c r="JNN656" s="613"/>
      <c r="JNO656" s="613"/>
      <c r="JNP656" s="613"/>
      <c r="JNQ656" s="613"/>
      <c r="JNR656" s="613"/>
      <c r="JNS656" s="613"/>
      <c r="JNT656" s="613"/>
      <c r="JNU656" s="613"/>
      <c r="JNV656" s="613"/>
      <c r="JNW656" s="613"/>
      <c r="JNX656" s="613"/>
      <c r="JNY656" s="613"/>
      <c r="JNZ656" s="613"/>
      <c r="JOA656" s="613"/>
      <c r="JOB656" s="613"/>
      <c r="JOC656" s="613"/>
      <c r="JOD656" s="613"/>
      <c r="JOE656" s="613"/>
      <c r="JOF656" s="613"/>
      <c r="JOG656" s="613"/>
      <c r="JOH656" s="613"/>
      <c r="JOI656" s="613"/>
      <c r="JOJ656" s="613"/>
      <c r="JOK656" s="613"/>
      <c r="JOL656" s="613"/>
      <c r="JOM656" s="613"/>
      <c r="JON656" s="613"/>
      <c r="JOO656" s="613"/>
      <c r="JOP656" s="613"/>
      <c r="JOQ656" s="613"/>
      <c r="JOR656" s="613"/>
      <c r="JOS656" s="613"/>
      <c r="JOT656" s="613"/>
      <c r="JOU656" s="613"/>
      <c r="JOV656" s="613"/>
      <c r="JOW656" s="613"/>
      <c r="JOX656" s="613"/>
      <c r="JOY656" s="613"/>
      <c r="JOZ656" s="613"/>
      <c r="JPA656" s="613"/>
      <c r="JPB656" s="613"/>
      <c r="JPC656" s="613"/>
      <c r="JPD656" s="613"/>
      <c r="JPE656" s="613"/>
      <c r="JPF656" s="613"/>
      <c r="JPG656" s="613"/>
      <c r="JPH656" s="613"/>
      <c r="JPI656" s="613"/>
      <c r="JPJ656" s="613"/>
      <c r="JPK656" s="613"/>
      <c r="JPL656" s="613"/>
      <c r="JPM656" s="613"/>
      <c r="JPN656" s="613"/>
      <c r="JPO656" s="613"/>
      <c r="JPP656" s="613"/>
      <c r="JPQ656" s="613"/>
      <c r="JPR656" s="613"/>
      <c r="JPS656" s="613"/>
      <c r="JPT656" s="613"/>
      <c r="JPU656" s="613"/>
      <c r="JPV656" s="613"/>
      <c r="JPW656" s="613"/>
      <c r="JPX656" s="613"/>
      <c r="JPY656" s="613"/>
      <c r="JPZ656" s="613"/>
      <c r="JQA656" s="613"/>
      <c r="JQB656" s="613"/>
      <c r="JQC656" s="613"/>
      <c r="JQD656" s="613"/>
      <c r="JQE656" s="613"/>
      <c r="JQF656" s="613"/>
      <c r="JQG656" s="613"/>
      <c r="JQH656" s="613"/>
      <c r="JQI656" s="613"/>
      <c r="JQJ656" s="613"/>
      <c r="JQK656" s="613"/>
      <c r="JQL656" s="613"/>
      <c r="JQM656" s="613"/>
      <c r="JQN656" s="613"/>
      <c r="JQO656" s="613"/>
      <c r="JQP656" s="613"/>
      <c r="JQQ656" s="613"/>
      <c r="JQR656" s="613"/>
      <c r="JQS656" s="613"/>
      <c r="JQT656" s="613"/>
      <c r="JQU656" s="613"/>
      <c r="JQV656" s="613"/>
      <c r="JQW656" s="613"/>
      <c r="JQX656" s="613"/>
      <c r="JQY656" s="613"/>
      <c r="JQZ656" s="613"/>
      <c r="JRA656" s="613"/>
      <c r="JRB656" s="613"/>
      <c r="JRC656" s="613"/>
      <c r="JRD656" s="613"/>
      <c r="JRE656" s="613"/>
      <c r="JRF656" s="613"/>
      <c r="JRG656" s="613"/>
      <c r="JRH656" s="613"/>
      <c r="JRI656" s="613"/>
      <c r="JRJ656" s="613"/>
      <c r="JRK656" s="613"/>
      <c r="JRL656" s="613"/>
      <c r="JRM656" s="613"/>
      <c r="JRN656" s="613"/>
      <c r="JRO656" s="613"/>
      <c r="JRP656" s="613"/>
      <c r="JRQ656" s="613"/>
      <c r="JRR656" s="613"/>
      <c r="JRS656" s="613"/>
      <c r="JRT656" s="613"/>
      <c r="JRU656" s="613"/>
      <c r="JRV656" s="613"/>
      <c r="JRW656" s="613"/>
      <c r="JRX656" s="613"/>
      <c r="JRY656" s="613"/>
      <c r="JRZ656" s="613"/>
      <c r="JSA656" s="613"/>
      <c r="JSB656" s="613"/>
      <c r="JSC656" s="613"/>
      <c r="JSD656" s="613"/>
      <c r="JSE656" s="613"/>
      <c r="JSF656" s="613"/>
      <c r="JSG656" s="613"/>
      <c r="JSH656" s="613"/>
      <c r="JSI656" s="613"/>
      <c r="JSJ656" s="613"/>
      <c r="JSK656" s="613"/>
      <c r="JSL656" s="613"/>
      <c r="JSM656" s="613"/>
      <c r="JSN656" s="613"/>
      <c r="JSO656" s="613"/>
      <c r="JSP656" s="613"/>
      <c r="JSQ656" s="613"/>
      <c r="JSR656" s="613"/>
      <c r="JSS656" s="613"/>
      <c r="JST656" s="613"/>
      <c r="JSU656" s="613"/>
      <c r="JSV656" s="613"/>
      <c r="JSW656" s="613"/>
      <c r="JSX656" s="613"/>
      <c r="JSY656" s="613"/>
      <c r="JSZ656" s="613"/>
      <c r="JTA656" s="613"/>
      <c r="JTB656" s="613"/>
      <c r="JTC656" s="613"/>
      <c r="JTD656" s="613"/>
      <c r="JTE656" s="613"/>
      <c r="JTF656" s="613"/>
      <c r="JTG656" s="613"/>
      <c r="JTH656" s="613"/>
      <c r="JTI656" s="613"/>
      <c r="JTJ656" s="613"/>
      <c r="JTK656" s="613"/>
      <c r="JTL656" s="613"/>
      <c r="JTM656" s="613"/>
      <c r="JTN656" s="613"/>
      <c r="JTO656" s="613"/>
      <c r="JTP656" s="613"/>
      <c r="JTQ656" s="613"/>
      <c r="JTR656" s="613"/>
      <c r="JTS656" s="613"/>
      <c r="JTT656" s="613"/>
      <c r="JTU656" s="613"/>
      <c r="JTV656" s="613"/>
      <c r="JTW656" s="613"/>
      <c r="JTX656" s="613"/>
      <c r="JTY656" s="613"/>
      <c r="JTZ656" s="613"/>
      <c r="JUA656" s="613"/>
      <c r="JUB656" s="613"/>
      <c r="JUC656" s="613"/>
      <c r="JUD656" s="613"/>
      <c r="JUE656" s="613"/>
      <c r="JUF656" s="613"/>
      <c r="JUG656" s="613"/>
      <c r="JUH656" s="613"/>
      <c r="JUI656" s="613"/>
      <c r="JUJ656" s="613"/>
      <c r="JUK656" s="613"/>
      <c r="JUL656" s="613"/>
      <c r="JUM656" s="613"/>
      <c r="JUN656" s="613"/>
      <c r="JUO656" s="613"/>
      <c r="JUP656" s="613"/>
      <c r="JUQ656" s="613"/>
      <c r="JUR656" s="613"/>
      <c r="JUS656" s="613"/>
      <c r="JUT656" s="613"/>
      <c r="JUU656" s="613"/>
      <c r="JUV656" s="613"/>
      <c r="JUW656" s="613"/>
      <c r="JUX656" s="613"/>
      <c r="JUY656" s="613"/>
      <c r="JUZ656" s="613"/>
      <c r="JVA656" s="613"/>
      <c r="JVB656" s="613"/>
      <c r="JVC656" s="613"/>
      <c r="JVD656" s="613"/>
      <c r="JVE656" s="613"/>
      <c r="JVF656" s="613"/>
      <c r="JVG656" s="613"/>
      <c r="JVH656" s="613"/>
      <c r="JVI656" s="613"/>
      <c r="JVJ656" s="613"/>
      <c r="JVK656" s="613"/>
      <c r="JVL656" s="613"/>
      <c r="JVM656" s="613"/>
      <c r="JVN656" s="613"/>
      <c r="JVO656" s="613"/>
      <c r="JVP656" s="613"/>
      <c r="JVQ656" s="613"/>
      <c r="JVR656" s="613"/>
      <c r="JVS656" s="613"/>
      <c r="JVT656" s="613"/>
      <c r="JVU656" s="613"/>
      <c r="JVV656" s="613"/>
      <c r="JVW656" s="613"/>
      <c r="JVX656" s="613"/>
      <c r="JVY656" s="613"/>
      <c r="JVZ656" s="613"/>
      <c r="JWA656" s="613"/>
      <c r="JWB656" s="613"/>
      <c r="JWC656" s="613"/>
      <c r="JWD656" s="613"/>
      <c r="JWE656" s="613"/>
      <c r="JWF656" s="613"/>
      <c r="JWG656" s="613"/>
      <c r="JWH656" s="613"/>
      <c r="JWI656" s="613"/>
      <c r="JWJ656" s="613"/>
      <c r="JWK656" s="613"/>
      <c r="JWL656" s="613"/>
      <c r="JWM656" s="613"/>
      <c r="JWN656" s="613"/>
      <c r="JWO656" s="613"/>
      <c r="JWP656" s="613"/>
      <c r="JWQ656" s="613"/>
      <c r="JWR656" s="613"/>
      <c r="JWS656" s="613"/>
      <c r="JWT656" s="613"/>
      <c r="JWU656" s="613"/>
      <c r="JWV656" s="613"/>
      <c r="JWW656" s="613"/>
      <c r="JWX656" s="613"/>
      <c r="JWY656" s="613"/>
      <c r="JWZ656" s="613"/>
      <c r="JXA656" s="613"/>
      <c r="JXB656" s="613"/>
      <c r="JXC656" s="613"/>
      <c r="JXD656" s="613"/>
      <c r="JXE656" s="613"/>
      <c r="JXF656" s="613"/>
      <c r="JXG656" s="613"/>
      <c r="JXH656" s="613"/>
      <c r="JXI656" s="613"/>
      <c r="JXJ656" s="613"/>
      <c r="JXK656" s="613"/>
      <c r="JXL656" s="613"/>
      <c r="JXM656" s="613"/>
      <c r="JXN656" s="613"/>
      <c r="JXO656" s="613"/>
      <c r="JXP656" s="613"/>
      <c r="JXQ656" s="613"/>
      <c r="JXR656" s="613"/>
      <c r="JXS656" s="613"/>
      <c r="JXT656" s="613"/>
      <c r="JXU656" s="613"/>
      <c r="JXV656" s="613"/>
      <c r="JXW656" s="613"/>
      <c r="JXX656" s="613"/>
      <c r="JXY656" s="613"/>
      <c r="JXZ656" s="613"/>
      <c r="JYA656" s="613"/>
      <c r="JYB656" s="613"/>
      <c r="JYC656" s="613"/>
      <c r="JYD656" s="613"/>
      <c r="JYE656" s="613"/>
      <c r="JYF656" s="613"/>
      <c r="JYG656" s="613"/>
      <c r="JYH656" s="613"/>
      <c r="JYI656" s="613"/>
      <c r="JYJ656" s="613"/>
      <c r="JYK656" s="613"/>
      <c r="JYL656" s="613"/>
      <c r="JYM656" s="613"/>
      <c r="JYN656" s="613"/>
      <c r="JYO656" s="613"/>
      <c r="JYP656" s="613"/>
      <c r="JYQ656" s="613"/>
      <c r="JYR656" s="613"/>
      <c r="JYS656" s="613"/>
      <c r="JYT656" s="613"/>
      <c r="JYU656" s="613"/>
      <c r="JYV656" s="613"/>
      <c r="JYW656" s="613"/>
      <c r="JYX656" s="613"/>
      <c r="JYY656" s="613"/>
      <c r="JYZ656" s="613"/>
      <c r="JZA656" s="613"/>
      <c r="JZB656" s="613"/>
      <c r="JZC656" s="613"/>
      <c r="JZD656" s="613"/>
      <c r="JZE656" s="613"/>
      <c r="JZF656" s="613"/>
      <c r="JZG656" s="613"/>
      <c r="JZH656" s="613"/>
      <c r="JZI656" s="613"/>
      <c r="JZJ656" s="613"/>
      <c r="JZK656" s="613"/>
      <c r="JZL656" s="613"/>
      <c r="JZM656" s="613"/>
      <c r="JZN656" s="613"/>
      <c r="JZO656" s="613"/>
      <c r="JZP656" s="613"/>
      <c r="JZQ656" s="613"/>
      <c r="JZR656" s="613"/>
      <c r="JZS656" s="613"/>
      <c r="JZT656" s="613"/>
      <c r="JZU656" s="613"/>
      <c r="JZV656" s="613"/>
      <c r="JZW656" s="613"/>
      <c r="JZX656" s="613"/>
      <c r="JZY656" s="613"/>
      <c r="JZZ656" s="613"/>
      <c r="KAA656" s="613"/>
      <c r="KAB656" s="613"/>
      <c r="KAC656" s="613"/>
      <c r="KAD656" s="613"/>
      <c r="KAE656" s="613"/>
      <c r="KAF656" s="613"/>
      <c r="KAG656" s="613"/>
      <c r="KAH656" s="613"/>
      <c r="KAI656" s="613"/>
      <c r="KAJ656" s="613"/>
      <c r="KAK656" s="613"/>
      <c r="KAL656" s="613"/>
      <c r="KAM656" s="613"/>
      <c r="KAN656" s="613"/>
      <c r="KAO656" s="613"/>
      <c r="KAP656" s="613"/>
      <c r="KAQ656" s="613"/>
      <c r="KAR656" s="613"/>
      <c r="KAS656" s="613"/>
      <c r="KAT656" s="613"/>
      <c r="KAU656" s="613"/>
      <c r="KAV656" s="613"/>
      <c r="KAW656" s="613"/>
      <c r="KAX656" s="613"/>
      <c r="KAY656" s="613"/>
      <c r="KAZ656" s="613"/>
      <c r="KBA656" s="613"/>
      <c r="KBB656" s="613"/>
      <c r="KBC656" s="613"/>
      <c r="KBD656" s="613"/>
      <c r="KBE656" s="613"/>
      <c r="KBF656" s="613"/>
      <c r="KBG656" s="613"/>
      <c r="KBH656" s="613"/>
      <c r="KBI656" s="613"/>
      <c r="KBJ656" s="613"/>
      <c r="KBK656" s="613"/>
      <c r="KBL656" s="613"/>
      <c r="KBM656" s="613"/>
      <c r="KBN656" s="613"/>
      <c r="KBO656" s="613"/>
      <c r="KBP656" s="613"/>
      <c r="KBQ656" s="613"/>
      <c r="KBR656" s="613"/>
      <c r="KBS656" s="613"/>
      <c r="KBT656" s="613"/>
      <c r="KBU656" s="613"/>
      <c r="KBV656" s="613"/>
      <c r="KBW656" s="613"/>
      <c r="KBX656" s="613"/>
      <c r="KBY656" s="613"/>
      <c r="KBZ656" s="613"/>
      <c r="KCA656" s="613"/>
      <c r="KCB656" s="613"/>
      <c r="KCC656" s="613"/>
      <c r="KCD656" s="613"/>
      <c r="KCE656" s="613"/>
      <c r="KCF656" s="613"/>
      <c r="KCG656" s="613"/>
      <c r="KCH656" s="613"/>
      <c r="KCI656" s="613"/>
      <c r="KCJ656" s="613"/>
      <c r="KCK656" s="613"/>
      <c r="KCL656" s="613"/>
      <c r="KCM656" s="613"/>
      <c r="KCN656" s="613"/>
      <c r="KCO656" s="613"/>
      <c r="KCP656" s="613"/>
      <c r="KCQ656" s="613"/>
      <c r="KCR656" s="613"/>
      <c r="KCS656" s="613"/>
      <c r="KCT656" s="613"/>
      <c r="KCU656" s="613"/>
      <c r="KCV656" s="613"/>
      <c r="KCW656" s="613"/>
      <c r="KCX656" s="613"/>
      <c r="KCY656" s="613"/>
      <c r="KCZ656" s="613"/>
      <c r="KDA656" s="613"/>
      <c r="KDB656" s="613"/>
      <c r="KDC656" s="613"/>
      <c r="KDD656" s="613"/>
      <c r="KDE656" s="613"/>
      <c r="KDF656" s="613"/>
      <c r="KDG656" s="613"/>
      <c r="KDH656" s="613"/>
      <c r="KDI656" s="613"/>
      <c r="KDJ656" s="613"/>
      <c r="KDK656" s="613"/>
      <c r="KDL656" s="613"/>
      <c r="KDM656" s="613"/>
      <c r="KDN656" s="613"/>
      <c r="KDO656" s="613"/>
      <c r="KDP656" s="613"/>
      <c r="KDQ656" s="613"/>
      <c r="KDR656" s="613"/>
      <c r="KDS656" s="613"/>
      <c r="KDT656" s="613"/>
      <c r="KDU656" s="613"/>
      <c r="KDV656" s="613"/>
      <c r="KDW656" s="613"/>
      <c r="KDX656" s="613"/>
      <c r="KDY656" s="613"/>
      <c r="KDZ656" s="613"/>
      <c r="KEA656" s="613"/>
      <c r="KEB656" s="613"/>
      <c r="KEC656" s="613"/>
      <c r="KED656" s="613"/>
      <c r="KEE656" s="613"/>
      <c r="KEF656" s="613"/>
      <c r="KEG656" s="613"/>
      <c r="KEH656" s="613"/>
      <c r="KEI656" s="613"/>
      <c r="KEJ656" s="613"/>
      <c r="KEK656" s="613"/>
      <c r="KEL656" s="613"/>
      <c r="KEM656" s="613"/>
      <c r="KEN656" s="613"/>
      <c r="KEO656" s="613"/>
      <c r="KEP656" s="613"/>
      <c r="KEQ656" s="613"/>
      <c r="KER656" s="613"/>
      <c r="KES656" s="613"/>
      <c r="KET656" s="613"/>
      <c r="KEU656" s="613"/>
      <c r="KEV656" s="613"/>
      <c r="KEW656" s="613"/>
      <c r="KEX656" s="613"/>
      <c r="KEY656" s="613"/>
      <c r="KEZ656" s="613"/>
      <c r="KFA656" s="613"/>
      <c r="KFB656" s="613"/>
      <c r="KFC656" s="613"/>
      <c r="KFD656" s="613"/>
      <c r="KFE656" s="613"/>
      <c r="KFF656" s="613"/>
      <c r="KFG656" s="613"/>
      <c r="KFH656" s="613"/>
      <c r="KFI656" s="613"/>
      <c r="KFJ656" s="613"/>
      <c r="KFK656" s="613"/>
      <c r="KFL656" s="613"/>
      <c r="KFM656" s="613"/>
      <c r="KFN656" s="613"/>
      <c r="KFO656" s="613"/>
      <c r="KFP656" s="613"/>
      <c r="KFQ656" s="613"/>
      <c r="KFR656" s="613"/>
      <c r="KFS656" s="613"/>
      <c r="KFT656" s="613"/>
      <c r="KFU656" s="613"/>
      <c r="KFV656" s="613"/>
      <c r="KFW656" s="613"/>
      <c r="KFX656" s="613"/>
      <c r="KFY656" s="613"/>
      <c r="KFZ656" s="613"/>
      <c r="KGA656" s="613"/>
      <c r="KGB656" s="613"/>
      <c r="KGC656" s="613"/>
      <c r="KGD656" s="613"/>
      <c r="KGE656" s="613"/>
      <c r="KGF656" s="613"/>
      <c r="KGG656" s="613"/>
      <c r="KGH656" s="613"/>
      <c r="KGI656" s="613"/>
      <c r="KGJ656" s="613"/>
      <c r="KGK656" s="613"/>
      <c r="KGL656" s="613"/>
      <c r="KGM656" s="613"/>
      <c r="KGN656" s="613"/>
      <c r="KGO656" s="613"/>
      <c r="KGP656" s="613"/>
      <c r="KGQ656" s="613"/>
      <c r="KGR656" s="613"/>
      <c r="KGS656" s="613"/>
      <c r="KGT656" s="613"/>
      <c r="KGU656" s="613"/>
      <c r="KGV656" s="613"/>
      <c r="KGW656" s="613"/>
      <c r="KGX656" s="613"/>
      <c r="KGY656" s="613"/>
      <c r="KGZ656" s="613"/>
      <c r="KHA656" s="613"/>
      <c r="KHB656" s="613"/>
      <c r="KHC656" s="613"/>
      <c r="KHD656" s="613"/>
      <c r="KHE656" s="613"/>
      <c r="KHF656" s="613"/>
      <c r="KHG656" s="613"/>
      <c r="KHH656" s="613"/>
      <c r="KHI656" s="613"/>
      <c r="KHJ656" s="613"/>
      <c r="KHK656" s="613"/>
      <c r="KHL656" s="613"/>
      <c r="KHM656" s="613"/>
      <c r="KHN656" s="613"/>
      <c r="KHO656" s="613"/>
      <c r="KHP656" s="613"/>
      <c r="KHQ656" s="613"/>
      <c r="KHR656" s="613"/>
      <c r="KHS656" s="613"/>
      <c r="KHT656" s="613"/>
      <c r="KHU656" s="613"/>
      <c r="KHV656" s="613"/>
      <c r="KHW656" s="613"/>
      <c r="KHX656" s="613"/>
      <c r="KHY656" s="613"/>
      <c r="KHZ656" s="613"/>
      <c r="KIA656" s="613"/>
      <c r="KIB656" s="613"/>
      <c r="KIC656" s="613"/>
      <c r="KID656" s="613"/>
      <c r="KIE656" s="613"/>
      <c r="KIF656" s="613"/>
      <c r="KIG656" s="613"/>
      <c r="KIH656" s="613"/>
      <c r="KII656" s="613"/>
      <c r="KIJ656" s="613"/>
      <c r="KIK656" s="613"/>
      <c r="KIL656" s="613"/>
      <c r="KIM656" s="613"/>
      <c r="KIN656" s="613"/>
      <c r="KIO656" s="613"/>
      <c r="KIP656" s="613"/>
      <c r="KIQ656" s="613"/>
      <c r="KIR656" s="613"/>
      <c r="KIS656" s="613"/>
      <c r="KIT656" s="613"/>
      <c r="KIU656" s="613"/>
      <c r="KIV656" s="613"/>
      <c r="KIW656" s="613"/>
      <c r="KIX656" s="613"/>
      <c r="KIY656" s="613"/>
      <c r="KIZ656" s="613"/>
      <c r="KJA656" s="613"/>
      <c r="KJB656" s="613"/>
      <c r="KJC656" s="613"/>
      <c r="KJD656" s="613"/>
      <c r="KJE656" s="613"/>
      <c r="KJF656" s="613"/>
      <c r="KJG656" s="613"/>
      <c r="KJH656" s="613"/>
      <c r="KJI656" s="613"/>
      <c r="KJJ656" s="613"/>
      <c r="KJK656" s="613"/>
      <c r="KJL656" s="613"/>
      <c r="KJM656" s="613"/>
      <c r="KJN656" s="613"/>
      <c r="KJO656" s="613"/>
      <c r="KJP656" s="613"/>
      <c r="KJQ656" s="613"/>
      <c r="KJR656" s="613"/>
      <c r="KJS656" s="613"/>
      <c r="KJT656" s="613"/>
      <c r="KJU656" s="613"/>
      <c r="KJV656" s="613"/>
      <c r="KJW656" s="613"/>
      <c r="KJX656" s="613"/>
      <c r="KJY656" s="613"/>
      <c r="KJZ656" s="613"/>
      <c r="KKA656" s="613"/>
      <c r="KKB656" s="613"/>
      <c r="KKC656" s="613"/>
      <c r="KKD656" s="613"/>
      <c r="KKE656" s="613"/>
      <c r="KKF656" s="613"/>
      <c r="KKG656" s="613"/>
      <c r="KKH656" s="613"/>
      <c r="KKI656" s="613"/>
      <c r="KKJ656" s="613"/>
      <c r="KKK656" s="613"/>
      <c r="KKL656" s="613"/>
      <c r="KKM656" s="613"/>
      <c r="KKN656" s="613"/>
      <c r="KKO656" s="613"/>
      <c r="KKP656" s="613"/>
      <c r="KKQ656" s="613"/>
      <c r="KKR656" s="613"/>
      <c r="KKS656" s="613"/>
      <c r="KKT656" s="613"/>
      <c r="KKU656" s="613"/>
      <c r="KKV656" s="613"/>
      <c r="KKW656" s="613"/>
      <c r="KKX656" s="613"/>
      <c r="KKY656" s="613"/>
      <c r="KKZ656" s="613"/>
      <c r="KLA656" s="613"/>
      <c r="KLB656" s="613"/>
      <c r="KLC656" s="613"/>
      <c r="KLD656" s="613"/>
      <c r="KLE656" s="613"/>
      <c r="KLF656" s="613"/>
      <c r="KLG656" s="613"/>
      <c r="KLH656" s="613"/>
      <c r="KLI656" s="613"/>
      <c r="KLJ656" s="613"/>
      <c r="KLK656" s="613"/>
      <c r="KLL656" s="613"/>
      <c r="KLM656" s="613"/>
      <c r="KLN656" s="613"/>
      <c r="KLO656" s="613"/>
      <c r="KLP656" s="613"/>
      <c r="KLQ656" s="613"/>
      <c r="KLR656" s="613"/>
      <c r="KLS656" s="613"/>
      <c r="KLT656" s="613"/>
      <c r="KLU656" s="613"/>
      <c r="KLV656" s="613"/>
      <c r="KLW656" s="613"/>
      <c r="KLX656" s="613"/>
      <c r="KLY656" s="613"/>
      <c r="KLZ656" s="613"/>
      <c r="KMA656" s="613"/>
      <c r="KMB656" s="613"/>
      <c r="KMC656" s="613"/>
      <c r="KMD656" s="613"/>
      <c r="KME656" s="613"/>
      <c r="KMF656" s="613"/>
      <c r="KMG656" s="613"/>
      <c r="KMH656" s="613"/>
      <c r="KMI656" s="613"/>
      <c r="KMJ656" s="613"/>
      <c r="KMK656" s="613"/>
      <c r="KML656" s="613"/>
      <c r="KMM656" s="613"/>
      <c r="KMN656" s="613"/>
      <c r="KMO656" s="613"/>
      <c r="KMP656" s="613"/>
      <c r="KMQ656" s="613"/>
      <c r="KMR656" s="613"/>
      <c r="KMS656" s="613"/>
      <c r="KMT656" s="613"/>
      <c r="KMU656" s="613"/>
      <c r="KMV656" s="613"/>
      <c r="KMW656" s="613"/>
      <c r="KMX656" s="613"/>
      <c r="KMY656" s="613"/>
      <c r="KMZ656" s="613"/>
      <c r="KNA656" s="613"/>
      <c r="KNB656" s="613"/>
      <c r="KNC656" s="613"/>
      <c r="KND656" s="613"/>
      <c r="KNE656" s="613"/>
      <c r="KNF656" s="613"/>
      <c r="KNG656" s="613"/>
      <c r="KNH656" s="613"/>
      <c r="KNI656" s="613"/>
      <c r="KNJ656" s="613"/>
      <c r="KNK656" s="613"/>
      <c r="KNL656" s="613"/>
      <c r="KNM656" s="613"/>
      <c r="KNN656" s="613"/>
      <c r="KNO656" s="613"/>
      <c r="KNP656" s="613"/>
      <c r="KNQ656" s="613"/>
      <c r="KNR656" s="613"/>
      <c r="KNS656" s="613"/>
      <c r="KNT656" s="613"/>
      <c r="KNU656" s="613"/>
      <c r="KNV656" s="613"/>
      <c r="KNW656" s="613"/>
      <c r="KNX656" s="613"/>
      <c r="KNY656" s="613"/>
      <c r="KNZ656" s="613"/>
      <c r="KOA656" s="613"/>
      <c r="KOB656" s="613"/>
      <c r="KOC656" s="613"/>
      <c r="KOD656" s="613"/>
      <c r="KOE656" s="613"/>
      <c r="KOF656" s="613"/>
      <c r="KOG656" s="613"/>
      <c r="KOH656" s="613"/>
      <c r="KOI656" s="613"/>
      <c r="KOJ656" s="613"/>
      <c r="KOK656" s="613"/>
      <c r="KOL656" s="613"/>
      <c r="KOM656" s="613"/>
      <c r="KON656" s="613"/>
      <c r="KOO656" s="613"/>
      <c r="KOP656" s="613"/>
      <c r="KOQ656" s="613"/>
      <c r="KOR656" s="613"/>
      <c r="KOS656" s="613"/>
      <c r="KOT656" s="613"/>
      <c r="KOU656" s="613"/>
      <c r="KOV656" s="613"/>
      <c r="KOW656" s="613"/>
      <c r="KOX656" s="613"/>
      <c r="KOY656" s="613"/>
      <c r="KOZ656" s="613"/>
      <c r="KPA656" s="613"/>
      <c r="KPB656" s="613"/>
      <c r="KPC656" s="613"/>
      <c r="KPD656" s="613"/>
      <c r="KPE656" s="613"/>
      <c r="KPF656" s="613"/>
      <c r="KPG656" s="613"/>
      <c r="KPH656" s="613"/>
      <c r="KPI656" s="613"/>
      <c r="KPJ656" s="613"/>
      <c r="KPK656" s="613"/>
      <c r="KPL656" s="613"/>
      <c r="KPM656" s="613"/>
      <c r="KPN656" s="613"/>
      <c r="KPO656" s="613"/>
      <c r="KPP656" s="613"/>
      <c r="KPQ656" s="613"/>
      <c r="KPR656" s="613"/>
      <c r="KPS656" s="613"/>
      <c r="KPT656" s="613"/>
      <c r="KPU656" s="613"/>
      <c r="KPV656" s="613"/>
      <c r="KPW656" s="613"/>
      <c r="KPX656" s="613"/>
      <c r="KPY656" s="613"/>
      <c r="KPZ656" s="613"/>
      <c r="KQA656" s="613"/>
      <c r="KQB656" s="613"/>
      <c r="KQC656" s="613"/>
      <c r="KQD656" s="613"/>
      <c r="KQE656" s="613"/>
      <c r="KQF656" s="613"/>
      <c r="KQG656" s="613"/>
      <c r="KQH656" s="613"/>
      <c r="KQI656" s="613"/>
      <c r="KQJ656" s="613"/>
      <c r="KQK656" s="613"/>
      <c r="KQL656" s="613"/>
      <c r="KQM656" s="613"/>
      <c r="KQN656" s="613"/>
      <c r="KQO656" s="613"/>
      <c r="KQP656" s="613"/>
      <c r="KQQ656" s="613"/>
      <c r="KQR656" s="613"/>
      <c r="KQS656" s="613"/>
      <c r="KQT656" s="613"/>
      <c r="KQU656" s="613"/>
      <c r="KQV656" s="613"/>
      <c r="KQW656" s="613"/>
      <c r="KQX656" s="613"/>
      <c r="KQY656" s="613"/>
      <c r="KQZ656" s="613"/>
      <c r="KRA656" s="613"/>
      <c r="KRB656" s="613"/>
      <c r="KRC656" s="613"/>
      <c r="KRD656" s="613"/>
      <c r="KRE656" s="613"/>
      <c r="KRF656" s="613"/>
      <c r="KRG656" s="613"/>
      <c r="KRH656" s="613"/>
      <c r="KRI656" s="613"/>
      <c r="KRJ656" s="613"/>
      <c r="KRK656" s="613"/>
      <c r="KRL656" s="613"/>
      <c r="KRM656" s="613"/>
      <c r="KRN656" s="613"/>
      <c r="KRO656" s="613"/>
      <c r="KRP656" s="613"/>
      <c r="KRQ656" s="613"/>
      <c r="KRR656" s="613"/>
      <c r="KRS656" s="613"/>
      <c r="KRT656" s="613"/>
      <c r="KRU656" s="613"/>
      <c r="KRV656" s="613"/>
      <c r="KRW656" s="613"/>
      <c r="KRX656" s="613"/>
      <c r="KRY656" s="613"/>
      <c r="KRZ656" s="613"/>
      <c r="KSA656" s="613"/>
      <c r="KSB656" s="613"/>
      <c r="KSC656" s="613"/>
      <c r="KSD656" s="613"/>
      <c r="KSE656" s="613"/>
      <c r="KSF656" s="613"/>
      <c r="KSG656" s="613"/>
      <c r="KSH656" s="613"/>
      <c r="KSI656" s="613"/>
      <c r="KSJ656" s="613"/>
      <c r="KSK656" s="613"/>
      <c r="KSL656" s="613"/>
      <c r="KSM656" s="613"/>
      <c r="KSN656" s="613"/>
      <c r="KSO656" s="613"/>
      <c r="KSP656" s="613"/>
      <c r="KSQ656" s="613"/>
      <c r="KSR656" s="613"/>
      <c r="KSS656" s="613"/>
      <c r="KST656" s="613"/>
      <c r="KSU656" s="613"/>
      <c r="KSV656" s="613"/>
      <c r="KSW656" s="613"/>
      <c r="KSX656" s="613"/>
      <c r="KSY656" s="613"/>
      <c r="KSZ656" s="613"/>
      <c r="KTA656" s="613"/>
      <c r="KTB656" s="613"/>
      <c r="KTC656" s="613"/>
      <c r="KTD656" s="613"/>
      <c r="KTE656" s="613"/>
      <c r="KTF656" s="613"/>
      <c r="KTG656" s="613"/>
      <c r="KTH656" s="613"/>
      <c r="KTI656" s="613"/>
      <c r="KTJ656" s="613"/>
      <c r="KTK656" s="613"/>
      <c r="KTL656" s="613"/>
      <c r="KTM656" s="613"/>
      <c r="KTN656" s="613"/>
      <c r="KTO656" s="613"/>
      <c r="KTP656" s="613"/>
      <c r="KTQ656" s="613"/>
      <c r="KTR656" s="613"/>
      <c r="KTS656" s="613"/>
      <c r="KTT656" s="613"/>
      <c r="KTU656" s="613"/>
      <c r="KTV656" s="613"/>
      <c r="KTW656" s="613"/>
      <c r="KTX656" s="613"/>
      <c r="KTY656" s="613"/>
      <c r="KTZ656" s="613"/>
      <c r="KUA656" s="613"/>
      <c r="KUB656" s="613"/>
      <c r="KUC656" s="613"/>
      <c r="KUD656" s="613"/>
      <c r="KUE656" s="613"/>
      <c r="KUF656" s="613"/>
      <c r="KUG656" s="613"/>
      <c r="KUH656" s="613"/>
      <c r="KUI656" s="613"/>
      <c r="KUJ656" s="613"/>
      <c r="KUK656" s="613"/>
      <c r="KUL656" s="613"/>
      <c r="KUM656" s="613"/>
      <c r="KUN656" s="613"/>
      <c r="KUO656" s="613"/>
      <c r="KUP656" s="613"/>
      <c r="KUQ656" s="613"/>
      <c r="KUR656" s="613"/>
      <c r="KUS656" s="613"/>
      <c r="KUT656" s="613"/>
      <c r="KUU656" s="613"/>
      <c r="KUV656" s="613"/>
      <c r="KUW656" s="613"/>
      <c r="KUX656" s="613"/>
      <c r="KUY656" s="613"/>
      <c r="KUZ656" s="613"/>
      <c r="KVA656" s="613"/>
      <c r="KVB656" s="613"/>
      <c r="KVC656" s="613"/>
      <c r="KVD656" s="613"/>
      <c r="KVE656" s="613"/>
      <c r="KVF656" s="613"/>
      <c r="KVG656" s="613"/>
      <c r="KVH656" s="613"/>
      <c r="KVI656" s="613"/>
      <c r="KVJ656" s="613"/>
      <c r="KVK656" s="613"/>
      <c r="KVL656" s="613"/>
      <c r="KVM656" s="613"/>
      <c r="KVN656" s="613"/>
      <c r="KVO656" s="613"/>
      <c r="KVP656" s="613"/>
      <c r="KVQ656" s="613"/>
      <c r="KVR656" s="613"/>
      <c r="KVS656" s="613"/>
      <c r="KVT656" s="613"/>
      <c r="KVU656" s="613"/>
      <c r="KVV656" s="613"/>
      <c r="KVW656" s="613"/>
      <c r="KVX656" s="613"/>
      <c r="KVY656" s="613"/>
      <c r="KVZ656" s="613"/>
      <c r="KWA656" s="613"/>
      <c r="KWB656" s="613"/>
      <c r="KWC656" s="613"/>
      <c r="KWD656" s="613"/>
      <c r="KWE656" s="613"/>
      <c r="KWF656" s="613"/>
      <c r="KWG656" s="613"/>
      <c r="KWH656" s="613"/>
      <c r="KWI656" s="613"/>
      <c r="KWJ656" s="613"/>
      <c r="KWK656" s="613"/>
      <c r="KWL656" s="613"/>
      <c r="KWM656" s="613"/>
      <c r="KWN656" s="613"/>
      <c r="KWO656" s="613"/>
      <c r="KWP656" s="613"/>
      <c r="KWQ656" s="613"/>
      <c r="KWR656" s="613"/>
      <c r="KWS656" s="613"/>
      <c r="KWT656" s="613"/>
      <c r="KWU656" s="613"/>
      <c r="KWV656" s="613"/>
      <c r="KWW656" s="613"/>
      <c r="KWX656" s="613"/>
      <c r="KWY656" s="613"/>
      <c r="KWZ656" s="613"/>
      <c r="KXA656" s="613"/>
      <c r="KXB656" s="613"/>
      <c r="KXC656" s="613"/>
      <c r="KXD656" s="613"/>
      <c r="KXE656" s="613"/>
      <c r="KXF656" s="613"/>
      <c r="KXG656" s="613"/>
      <c r="KXH656" s="613"/>
      <c r="KXI656" s="613"/>
      <c r="KXJ656" s="613"/>
      <c r="KXK656" s="613"/>
      <c r="KXL656" s="613"/>
      <c r="KXM656" s="613"/>
      <c r="KXN656" s="613"/>
      <c r="KXO656" s="613"/>
      <c r="KXP656" s="613"/>
      <c r="KXQ656" s="613"/>
      <c r="KXR656" s="613"/>
      <c r="KXS656" s="613"/>
      <c r="KXT656" s="613"/>
      <c r="KXU656" s="613"/>
      <c r="KXV656" s="613"/>
      <c r="KXW656" s="613"/>
      <c r="KXX656" s="613"/>
      <c r="KXY656" s="613"/>
      <c r="KXZ656" s="613"/>
      <c r="KYA656" s="613"/>
      <c r="KYB656" s="613"/>
      <c r="KYC656" s="613"/>
      <c r="KYD656" s="613"/>
      <c r="KYE656" s="613"/>
      <c r="KYF656" s="613"/>
      <c r="KYG656" s="613"/>
      <c r="KYH656" s="613"/>
      <c r="KYI656" s="613"/>
      <c r="KYJ656" s="613"/>
      <c r="KYK656" s="613"/>
      <c r="KYL656" s="613"/>
      <c r="KYM656" s="613"/>
      <c r="KYN656" s="613"/>
      <c r="KYO656" s="613"/>
      <c r="KYP656" s="613"/>
      <c r="KYQ656" s="613"/>
      <c r="KYR656" s="613"/>
      <c r="KYS656" s="613"/>
      <c r="KYT656" s="613"/>
      <c r="KYU656" s="613"/>
      <c r="KYV656" s="613"/>
      <c r="KYW656" s="613"/>
      <c r="KYX656" s="613"/>
      <c r="KYY656" s="613"/>
      <c r="KYZ656" s="613"/>
      <c r="KZA656" s="613"/>
      <c r="KZB656" s="613"/>
      <c r="KZC656" s="613"/>
      <c r="KZD656" s="613"/>
      <c r="KZE656" s="613"/>
      <c r="KZF656" s="613"/>
      <c r="KZG656" s="613"/>
      <c r="KZH656" s="613"/>
      <c r="KZI656" s="613"/>
      <c r="KZJ656" s="613"/>
      <c r="KZK656" s="613"/>
      <c r="KZL656" s="613"/>
      <c r="KZM656" s="613"/>
      <c r="KZN656" s="613"/>
      <c r="KZO656" s="613"/>
      <c r="KZP656" s="613"/>
      <c r="KZQ656" s="613"/>
      <c r="KZR656" s="613"/>
      <c r="KZS656" s="613"/>
      <c r="KZT656" s="613"/>
      <c r="KZU656" s="613"/>
      <c r="KZV656" s="613"/>
      <c r="KZW656" s="613"/>
      <c r="KZX656" s="613"/>
      <c r="KZY656" s="613"/>
      <c r="KZZ656" s="613"/>
      <c r="LAA656" s="613"/>
      <c r="LAB656" s="613"/>
      <c r="LAC656" s="613"/>
      <c r="LAD656" s="613"/>
      <c r="LAE656" s="613"/>
      <c r="LAF656" s="613"/>
      <c r="LAG656" s="613"/>
      <c r="LAH656" s="613"/>
      <c r="LAI656" s="613"/>
      <c r="LAJ656" s="613"/>
      <c r="LAK656" s="613"/>
      <c r="LAL656" s="613"/>
      <c r="LAM656" s="613"/>
      <c r="LAN656" s="613"/>
      <c r="LAO656" s="613"/>
      <c r="LAP656" s="613"/>
      <c r="LAQ656" s="613"/>
      <c r="LAR656" s="613"/>
      <c r="LAS656" s="613"/>
      <c r="LAT656" s="613"/>
      <c r="LAU656" s="613"/>
      <c r="LAV656" s="613"/>
      <c r="LAW656" s="613"/>
      <c r="LAX656" s="613"/>
      <c r="LAY656" s="613"/>
      <c r="LAZ656" s="613"/>
      <c r="LBA656" s="613"/>
      <c r="LBB656" s="613"/>
      <c r="LBC656" s="613"/>
      <c r="LBD656" s="613"/>
      <c r="LBE656" s="613"/>
      <c r="LBF656" s="613"/>
      <c r="LBG656" s="613"/>
      <c r="LBH656" s="613"/>
      <c r="LBI656" s="613"/>
      <c r="LBJ656" s="613"/>
      <c r="LBK656" s="613"/>
      <c r="LBL656" s="613"/>
      <c r="LBM656" s="613"/>
      <c r="LBN656" s="613"/>
      <c r="LBO656" s="613"/>
      <c r="LBP656" s="613"/>
      <c r="LBQ656" s="613"/>
      <c r="LBR656" s="613"/>
      <c r="LBS656" s="613"/>
      <c r="LBT656" s="613"/>
      <c r="LBU656" s="613"/>
      <c r="LBV656" s="613"/>
      <c r="LBW656" s="613"/>
      <c r="LBX656" s="613"/>
      <c r="LBY656" s="613"/>
      <c r="LBZ656" s="613"/>
      <c r="LCA656" s="613"/>
      <c r="LCB656" s="613"/>
      <c r="LCC656" s="613"/>
      <c r="LCD656" s="613"/>
      <c r="LCE656" s="613"/>
      <c r="LCF656" s="613"/>
      <c r="LCG656" s="613"/>
      <c r="LCH656" s="613"/>
      <c r="LCI656" s="613"/>
      <c r="LCJ656" s="613"/>
      <c r="LCK656" s="613"/>
      <c r="LCL656" s="613"/>
      <c r="LCM656" s="613"/>
      <c r="LCN656" s="613"/>
      <c r="LCO656" s="613"/>
      <c r="LCP656" s="613"/>
      <c r="LCQ656" s="613"/>
      <c r="LCR656" s="613"/>
      <c r="LCS656" s="613"/>
      <c r="LCT656" s="613"/>
      <c r="LCU656" s="613"/>
      <c r="LCV656" s="613"/>
      <c r="LCW656" s="613"/>
      <c r="LCX656" s="613"/>
      <c r="LCY656" s="613"/>
      <c r="LCZ656" s="613"/>
      <c r="LDA656" s="613"/>
      <c r="LDB656" s="613"/>
      <c r="LDC656" s="613"/>
      <c r="LDD656" s="613"/>
      <c r="LDE656" s="613"/>
      <c r="LDF656" s="613"/>
      <c r="LDG656" s="613"/>
      <c r="LDH656" s="613"/>
      <c r="LDI656" s="613"/>
      <c r="LDJ656" s="613"/>
      <c r="LDK656" s="613"/>
      <c r="LDL656" s="613"/>
      <c r="LDM656" s="613"/>
      <c r="LDN656" s="613"/>
      <c r="LDO656" s="613"/>
      <c r="LDP656" s="613"/>
      <c r="LDQ656" s="613"/>
      <c r="LDR656" s="613"/>
      <c r="LDS656" s="613"/>
      <c r="LDT656" s="613"/>
      <c r="LDU656" s="613"/>
      <c r="LDV656" s="613"/>
      <c r="LDW656" s="613"/>
      <c r="LDX656" s="613"/>
      <c r="LDY656" s="613"/>
      <c r="LDZ656" s="613"/>
      <c r="LEA656" s="613"/>
      <c r="LEB656" s="613"/>
      <c r="LEC656" s="613"/>
      <c r="LED656" s="613"/>
      <c r="LEE656" s="613"/>
      <c r="LEF656" s="613"/>
      <c r="LEG656" s="613"/>
      <c r="LEH656" s="613"/>
      <c r="LEI656" s="613"/>
      <c r="LEJ656" s="613"/>
      <c r="LEK656" s="613"/>
      <c r="LEL656" s="613"/>
      <c r="LEM656" s="613"/>
      <c r="LEN656" s="613"/>
      <c r="LEO656" s="613"/>
      <c r="LEP656" s="613"/>
      <c r="LEQ656" s="613"/>
      <c r="LER656" s="613"/>
      <c r="LES656" s="613"/>
      <c r="LET656" s="613"/>
      <c r="LEU656" s="613"/>
      <c r="LEV656" s="613"/>
      <c r="LEW656" s="613"/>
      <c r="LEX656" s="613"/>
      <c r="LEY656" s="613"/>
      <c r="LEZ656" s="613"/>
      <c r="LFA656" s="613"/>
      <c r="LFB656" s="613"/>
      <c r="LFC656" s="613"/>
      <c r="LFD656" s="613"/>
      <c r="LFE656" s="613"/>
      <c r="LFF656" s="613"/>
      <c r="LFG656" s="613"/>
      <c r="LFH656" s="613"/>
      <c r="LFI656" s="613"/>
      <c r="LFJ656" s="613"/>
      <c r="LFK656" s="613"/>
      <c r="LFL656" s="613"/>
      <c r="LFM656" s="613"/>
      <c r="LFN656" s="613"/>
      <c r="LFO656" s="613"/>
      <c r="LFP656" s="613"/>
      <c r="LFQ656" s="613"/>
      <c r="LFR656" s="613"/>
      <c r="LFS656" s="613"/>
      <c r="LFT656" s="613"/>
      <c r="LFU656" s="613"/>
      <c r="LFV656" s="613"/>
      <c r="LFW656" s="613"/>
      <c r="LFX656" s="613"/>
      <c r="LFY656" s="613"/>
      <c r="LFZ656" s="613"/>
      <c r="LGA656" s="613"/>
      <c r="LGB656" s="613"/>
      <c r="LGC656" s="613"/>
      <c r="LGD656" s="613"/>
      <c r="LGE656" s="613"/>
      <c r="LGF656" s="613"/>
      <c r="LGG656" s="613"/>
      <c r="LGH656" s="613"/>
      <c r="LGI656" s="613"/>
      <c r="LGJ656" s="613"/>
      <c r="LGK656" s="613"/>
      <c r="LGL656" s="613"/>
      <c r="LGM656" s="613"/>
      <c r="LGN656" s="613"/>
      <c r="LGO656" s="613"/>
      <c r="LGP656" s="613"/>
      <c r="LGQ656" s="613"/>
      <c r="LGR656" s="613"/>
      <c r="LGS656" s="613"/>
      <c r="LGT656" s="613"/>
      <c r="LGU656" s="613"/>
      <c r="LGV656" s="613"/>
      <c r="LGW656" s="613"/>
      <c r="LGX656" s="613"/>
      <c r="LGY656" s="613"/>
      <c r="LGZ656" s="613"/>
      <c r="LHA656" s="613"/>
      <c r="LHB656" s="613"/>
      <c r="LHC656" s="613"/>
      <c r="LHD656" s="613"/>
      <c r="LHE656" s="613"/>
      <c r="LHF656" s="613"/>
      <c r="LHG656" s="613"/>
      <c r="LHH656" s="613"/>
      <c r="LHI656" s="613"/>
      <c r="LHJ656" s="613"/>
      <c r="LHK656" s="613"/>
      <c r="LHL656" s="613"/>
      <c r="LHM656" s="613"/>
      <c r="LHN656" s="613"/>
      <c r="LHO656" s="613"/>
      <c r="LHP656" s="613"/>
      <c r="LHQ656" s="613"/>
      <c r="LHR656" s="613"/>
      <c r="LHS656" s="613"/>
      <c r="LHT656" s="613"/>
      <c r="LHU656" s="613"/>
      <c r="LHV656" s="613"/>
      <c r="LHW656" s="613"/>
      <c r="LHX656" s="613"/>
      <c r="LHY656" s="613"/>
      <c r="LHZ656" s="613"/>
      <c r="LIA656" s="613"/>
      <c r="LIB656" s="613"/>
      <c r="LIC656" s="613"/>
      <c r="LID656" s="613"/>
      <c r="LIE656" s="613"/>
      <c r="LIF656" s="613"/>
      <c r="LIG656" s="613"/>
      <c r="LIH656" s="613"/>
      <c r="LII656" s="613"/>
      <c r="LIJ656" s="613"/>
      <c r="LIK656" s="613"/>
      <c r="LIL656" s="613"/>
      <c r="LIM656" s="613"/>
      <c r="LIN656" s="613"/>
      <c r="LIO656" s="613"/>
      <c r="LIP656" s="613"/>
      <c r="LIQ656" s="613"/>
      <c r="LIR656" s="613"/>
      <c r="LIS656" s="613"/>
      <c r="LIT656" s="613"/>
      <c r="LIU656" s="613"/>
      <c r="LIV656" s="613"/>
      <c r="LIW656" s="613"/>
      <c r="LIX656" s="613"/>
      <c r="LIY656" s="613"/>
      <c r="LIZ656" s="613"/>
      <c r="LJA656" s="613"/>
      <c r="LJB656" s="613"/>
      <c r="LJC656" s="613"/>
      <c r="LJD656" s="613"/>
      <c r="LJE656" s="613"/>
      <c r="LJF656" s="613"/>
      <c r="LJG656" s="613"/>
      <c r="LJH656" s="613"/>
      <c r="LJI656" s="613"/>
      <c r="LJJ656" s="613"/>
      <c r="LJK656" s="613"/>
      <c r="LJL656" s="613"/>
      <c r="LJM656" s="613"/>
      <c r="LJN656" s="613"/>
      <c r="LJO656" s="613"/>
      <c r="LJP656" s="613"/>
      <c r="LJQ656" s="613"/>
      <c r="LJR656" s="613"/>
      <c r="LJS656" s="613"/>
      <c r="LJT656" s="613"/>
      <c r="LJU656" s="613"/>
      <c r="LJV656" s="613"/>
      <c r="LJW656" s="613"/>
      <c r="LJX656" s="613"/>
      <c r="LJY656" s="613"/>
      <c r="LJZ656" s="613"/>
      <c r="LKA656" s="613"/>
      <c r="LKB656" s="613"/>
      <c r="LKC656" s="613"/>
      <c r="LKD656" s="613"/>
      <c r="LKE656" s="613"/>
      <c r="LKF656" s="613"/>
      <c r="LKG656" s="613"/>
      <c r="LKH656" s="613"/>
      <c r="LKI656" s="613"/>
      <c r="LKJ656" s="613"/>
      <c r="LKK656" s="613"/>
      <c r="LKL656" s="613"/>
      <c r="LKM656" s="613"/>
      <c r="LKN656" s="613"/>
      <c r="LKO656" s="613"/>
      <c r="LKP656" s="613"/>
      <c r="LKQ656" s="613"/>
      <c r="LKR656" s="613"/>
      <c r="LKS656" s="613"/>
      <c r="LKT656" s="613"/>
      <c r="LKU656" s="613"/>
      <c r="LKV656" s="613"/>
      <c r="LKW656" s="613"/>
      <c r="LKX656" s="613"/>
      <c r="LKY656" s="613"/>
      <c r="LKZ656" s="613"/>
      <c r="LLA656" s="613"/>
      <c r="LLB656" s="613"/>
      <c r="LLC656" s="613"/>
      <c r="LLD656" s="613"/>
      <c r="LLE656" s="613"/>
      <c r="LLF656" s="613"/>
      <c r="LLG656" s="613"/>
      <c r="LLH656" s="613"/>
      <c r="LLI656" s="613"/>
      <c r="LLJ656" s="613"/>
      <c r="LLK656" s="613"/>
      <c r="LLL656" s="613"/>
      <c r="LLM656" s="613"/>
      <c r="LLN656" s="613"/>
      <c r="LLO656" s="613"/>
      <c r="LLP656" s="613"/>
      <c r="LLQ656" s="613"/>
      <c r="LLR656" s="613"/>
      <c r="LLS656" s="613"/>
      <c r="LLT656" s="613"/>
      <c r="LLU656" s="613"/>
      <c r="LLV656" s="613"/>
      <c r="LLW656" s="613"/>
      <c r="LLX656" s="613"/>
      <c r="LLY656" s="613"/>
      <c r="LLZ656" s="613"/>
      <c r="LMA656" s="613"/>
      <c r="LMB656" s="613"/>
      <c r="LMC656" s="613"/>
      <c r="LMD656" s="613"/>
      <c r="LME656" s="613"/>
      <c r="LMF656" s="613"/>
      <c r="LMG656" s="613"/>
      <c r="LMH656" s="613"/>
      <c r="LMI656" s="613"/>
      <c r="LMJ656" s="613"/>
      <c r="LMK656" s="613"/>
      <c r="LML656" s="613"/>
      <c r="LMM656" s="613"/>
      <c r="LMN656" s="613"/>
      <c r="LMO656" s="613"/>
      <c r="LMP656" s="613"/>
      <c r="LMQ656" s="613"/>
      <c r="LMR656" s="613"/>
      <c r="LMS656" s="613"/>
      <c r="LMT656" s="613"/>
      <c r="LMU656" s="613"/>
      <c r="LMV656" s="613"/>
      <c r="LMW656" s="613"/>
      <c r="LMX656" s="613"/>
      <c r="LMY656" s="613"/>
      <c r="LMZ656" s="613"/>
      <c r="LNA656" s="613"/>
      <c r="LNB656" s="613"/>
      <c r="LNC656" s="613"/>
      <c r="LND656" s="613"/>
      <c r="LNE656" s="613"/>
      <c r="LNF656" s="613"/>
      <c r="LNG656" s="613"/>
      <c r="LNH656" s="613"/>
      <c r="LNI656" s="613"/>
      <c r="LNJ656" s="613"/>
      <c r="LNK656" s="613"/>
      <c r="LNL656" s="613"/>
      <c r="LNM656" s="613"/>
      <c r="LNN656" s="613"/>
      <c r="LNO656" s="613"/>
      <c r="LNP656" s="613"/>
      <c r="LNQ656" s="613"/>
      <c r="LNR656" s="613"/>
      <c r="LNS656" s="613"/>
      <c r="LNT656" s="613"/>
      <c r="LNU656" s="613"/>
      <c r="LNV656" s="613"/>
      <c r="LNW656" s="613"/>
      <c r="LNX656" s="613"/>
      <c r="LNY656" s="613"/>
      <c r="LNZ656" s="613"/>
      <c r="LOA656" s="613"/>
      <c r="LOB656" s="613"/>
      <c r="LOC656" s="613"/>
      <c r="LOD656" s="613"/>
      <c r="LOE656" s="613"/>
      <c r="LOF656" s="613"/>
      <c r="LOG656" s="613"/>
      <c r="LOH656" s="613"/>
      <c r="LOI656" s="613"/>
      <c r="LOJ656" s="613"/>
      <c r="LOK656" s="613"/>
      <c r="LOL656" s="613"/>
      <c r="LOM656" s="613"/>
      <c r="LON656" s="613"/>
      <c r="LOO656" s="613"/>
      <c r="LOP656" s="613"/>
      <c r="LOQ656" s="613"/>
      <c r="LOR656" s="613"/>
      <c r="LOS656" s="613"/>
      <c r="LOT656" s="613"/>
      <c r="LOU656" s="613"/>
      <c r="LOV656" s="613"/>
      <c r="LOW656" s="613"/>
      <c r="LOX656" s="613"/>
      <c r="LOY656" s="613"/>
      <c r="LOZ656" s="613"/>
      <c r="LPA656" s="613"/>
      <c r="LPB656" s="613"/>
      <c r="LPC656" s="613"/>
      <c r="LPD656" s="613"/>
      <c r="LPE656" s="613"/>
      <c r="LPF656" s="613"/>
      <c r="LPG656" s="613"/>
      <c r="LPH656" s="613"/>
      <c r="LPI656" s="613"/>
      <c r="LPJ656" s="613"/>
      <c r="LPK656" s="613"/>
      <c r="LPL656" s="613"/>
      <c r="LPM656" s="613"/>
      <c r="LPN656" s="613"/>
      <c r="LPO656" s="613"/>
      <c r="LPP656" s="613"/>
      <c r="LPQ656" s="613"/>
      <c r="LPR656" s="613"/>
      <c r="LPS656" s="613"/>
      <c r="LPT656" s="613"/>
      <c r="LPU656" s="613"/>
      <c r="LPV656" s="613"/>
      <c r="LPW656" s="613"/>
      <c r="LPX656" s="613"/>
      <c r="LPY656" s="613"/>
      <c r="LPZ656" s="613"/>
      <c r="LQA656" s="613"/>
      <c r="LQB656" s="613"/>
      <c r="LQC656" s="613"/>
      <c r="LQD656" s="613"/>
      <c r="LQE656" s="613"/>
      <c r="LQF656" s="613"/>
      <c r="LQG656" s="613"/>
      <c r="LQH656" s="613"/>
      <c r="LQI656" s="613"/>
      <c r="LQJ656" s="613"/>
      <c r="LQK656" s="613"/>
      <c r="LQL656" s="613"/>
      <c r="LQM656" s="613"/>
      <c r="LQN656" s="613"/>
      <c r="LQO656" s="613"/>
      <c r="LQP656" s="613"/>
      <c r="LQQ656" s="613"/>
      <c r="LQR656" s="613"/>
      <c r="LQS656" s="613"/>
      <c r="LQT656" s="613"/>
      <c r="LQU656" s="613"/>
      <c r="LQV656" s="613"/>
      <c r="LQW656" s="613"/>
      <c r="LQX656" s="613"/>
      <c r="LQY656" s="613"/>
      <c r="LQZ656" s="613"/>
      <c r="LRA656" s="613"/>
      <c r="LRB656" s="613"/>
      <c r="LRC656" s="613"/>
      <c r="LRD656" s="613"/>
      <c r="LRE656" s="613"/>
      <c r="LRF656" s="613"/>
      <c r="LRG656" s="613"/>
      <c r="LRH656" s="613"/>
      <c r="LRI656" s="613"/>
      <c r="LRJ656" s="613"/>
      <c r="LRK656" s="613"/>
      <c r="LRL656" s="613"/>
      <c r="LRM656" s="613"/>
      <c r="LRN656" s="613"/>
      <c r="LRO656" s="613"/>
      <c r="LRP656" s="613"/>
      <c r="LRQ656" s="613"/>
      <c r="LRR656" s="613"/>
      <c r="LRS656" s="613"/>
      <c r="LRT656" s="613"/>
      <c r="LRU656" s="613"/>
      <c r="LRV656" s="613"/>
      <c r="LRW656" s="613"/>
      <c r="LRX656" s="613"/>
      <c r="LRY656" s="613"/>
      <c r="LRZ656" s="613"/>
      <c r="LSA656" s="613"/>
      <c r="LSB656" s="613"/>
      <c r="LSC656" s="613"/>
      <c r="LSD656" s="613"/>
      <c r="LSE656" s="613"/>
      <c r="LSF656" s="613"/>
      <c r="LSG656" s="613"/>
      <c r="LSH656" s="613"/>
      <c r="LSI656" s="613"/>
      <c r="LSJ656" s="613"/>
      <c r="LSK656" s="613"/>
      <c r="LSL656" s="613"/>
      <c r="LSM656" s="613"/>
      <c r="LSN656" s="613"/>
      <c r="LSO656" s="613"/>
      <c r="LSP656" s="613"/>
      <c r="LSQ656" s="613"/>
      <c r="LSR656" s="613"/>
      <c r="LSS656" s="613"/>
      <c r="LST656" s="613"/>
      <c r="LSU656" s="613"/>
      <c r="LSV656" s="613"/>
      <c r="LSW656" s="613"/>
      <c r="LSX656" s="613"/>
      <c r="LSY656" s="613"/>
      <c r="LSZ656" s="613"/>
      <c r="LTA656" s="613"/>
      <c r="LTB656" s="613"/>
      <c r="LTC656" s="613"/>
      <c r="LTD656" s="613"/>
      <c r="LTE656" s="613"/>
      <c r="LTF656" s="613"/>
      <c r="LTG656" s="613"/>
      <c r="LTH656" s="613"/>
      <c r="LTI656" s="613"/>
      <c r="LTJ656" s="613"/>
      <c r="LTK656" s="613"/>
      <c r="LTL656" s="613"/>
      <c r="LTM656" s="613"/>
      <c r="LTN656" s="613"/>
      <c r="LTO656" s="613"/>
      <c r="LTP656" s="613"/>
      <c r="LTQ656" s="613"/>
      <c r="LTR656" s="613"/>
      <c r="LTS656" s="613"/>
      <c r="LTT656" s="613"/>
      <c r="LTU656" s="613"/>
      <c r="LTV656" s="613"/>
      <c r="LTW656" s="613"/>
      <c r="LTX656" s="613"/>
      <c r="LTY656" s="613"/>
      <c r="LTZ656" s="613"/>
      <c r="LUA656" s="613"/>
      <c r="LUB656" s="613"/>
      <c r="LUC656" s="613"/>
      <c r="LUD656" s="613"/>
      <c r="LUE656" s="613"/>
      <c r="LUF656" s="613"/>
      <c r="LUG656" s="613"/>
      <c r="LUH656" s="613"/>
      <c r="LUI656" s="613"/>
      <c r="LUJ656" s="613"/>
      <c r="LUK656" s="613"/>
      <c r="LUL656" s="613"/>
      <c r="LUM656" s="613"/>
      <c r="LUN656" s="613"/>
      <c r="LUO656" s="613"/>
      <c r="LUP656" s="613"/>
      <c r="LUQ656" s="613"/>
      <c r="LUR656" s="613"/>
      <c r="LUS656" s="613"/>
      <c r="LUT656" s="613"/>
      <c r="LUU656" s="613"/>
      <c r="LUV656" s="613"/>
      <c r="LUW656" s="613"/>
      <c r="LUX656" s="613"/>
      <c r="LUY656" s="613"/>
      <c r="LUZ656" s="613"/>
      <c r="LVA656" s="613"/>
      <c r="LVB656" s="613"/>
      <c r="LVC656" s="613"/>
      <c r="LVD656" s="613"/>
      <c r="LVE656" s="613"/>
      <c r="LVF656" s="613"/>
      <c r="LVG656" s="613"/>
      <c r="LVH656" s="613"/>
      <c r="LVI656" s="613"/>
      <c r="LVJ656" s="613"/>
      <c r="LVK656" s="613"/>
      <c r="LVL656" s="613"/>
      <c r="LVM656" s="613"/>
      <c r="LVN656" s="613"/>
      <c r="LVO656" s="613"/>
      <c r="LVP656" s="613"/>
      <c r="LVQ656" s="613"/>
      <c r="LVR656" s="613"/>
      <c r="LVS656" s="613"/>
      <c r="LVT656" s="613"/>
      <c r="LVU656" s="613"/>
      <c r="LVV656" s="613"/>
      <c r="LVW656" s="613"/>
      <c r="LVX656" s="613"/>
      <c r="LVY656" s="613"/>
      <c r="LVZ656" s="613"/>
      <c r="LWA656" s="613"/>
      <c r="LWB656" s="613"/>
      <c r="LWC656" s="613"/>
      <c r="LWD656" s="613"/>
      <c r="LWE656" s="613"/>
      <c r="LWF656" s="613"/>
      <c r="LWG656" s="613"/>
      <c r="LWH656" s="613"/>
      <c r="LWI656" s="613"/>
      <c r="LWJ656" s="613"/>
      <c r="LWK656" s="613"/>
      <c r="LWL656" s="613"/>
      <c r="LWM656" s="613"/>
      <c r="LWN656" s="613"/>
      <c r="LWO656" s="613"/>
      <c r="LWP656" s="613"/>
      <c r="LWQ656" s="613"/>
      <c r="LWR656" s="613"/>
      <c r="LWS656" s="613"/>
      <c r="LWT656" s="613"/>
      <c r="LWU656" s="613"/>
      <c r="LWV656" s="613"/>
      <c r="LWW656" s="613"/>
      <c r="LWX656" s="613"/>
      <c r="LWY656" s="613"/>
      <c r="LWZ656" s="613"/>
      <c r="LXA656" s="613"/>
      <c r="LXB656" s="613"/>
      <c r="LXC656" s="613"/>
      <c r="LXD656" s="613"/>
      <c r="LXE656" s="613"/>
      <c r="LXF656" s="613"/>
      <c r="LXG656" s="613"/>
      <c r="LXH656" s="613"/>
      <c r="LXI656" s="613"/>
      <c r="LXJ656" s="613"/>
      <c r="LXK656" s="613"/>
      <c r="LXL656" s="613"/>
      <c r="LXM656" s="613"/>
      <c r="LXN656" s="613"/>
      <c r="LXO656" s="613"/>
      <c r="LXP656" s="613"/>
      <c r="LXQ656" s="613"/>
      <c r="LXR656" s="613"/>
      <c r="LXS656" s="613"/>
      <c r="LXT656" s="613"/>
      <c r="LXU656" s="613"/>
      <c r="LXV656" s="613"/>
      <c r="LXW656" s="613"/>
      <c r="LXX656" s="613"/>
      <c r="LXY656" s="613"/>
      <c r="LXZ656" s="613"/>
      <c r="LYA656" s="613"/>
      <c r="LYB656" s="613"/>
      <c r="LYC656" s="613"/>
      <c r="LYD656" s="613"/>
      <c r="LYE656" s="613"/>
      <c r="LYF656" s="613"/>
      <c r="LYG656" s="613"/>
      <c r="LYH656" s="613"/>
      <c r="LYI656" s="613"/>
      <c r="LYJ656" s="613"/>
      <c r="LYK656" s="613"/>
      <c r="LYL656" s="613"/>
      <c r="LYM656" s="613"/>
      <c r="LYN656" s="613"/>
      <c r="LYO656" s="613"/>
      <c r="LYP656" s="613"/>
      <c r="LYQ656" s="613"/>
      <c r="LYR656" s="613"/>
      <c r="LYS656" s="613"/>
      <c r="LYT656" s="613"/>
      <c r="LYU656" s="613"/>
      <c r="LYV656" s="613"/>
      <c r="LYW656" s="613"/>
      <c r="LYX656" s="613"/>
      <c r="LYY656" s="613"/>
      <c r="LYZ656" s="613"/>
      <c r="LZA656" s="613"/>
      <c r="LZB656" s="613"/>
      <c r="LZC656" s="613"/>
      <c r="LZD656" s="613"/>
      <c r="LZE656" s="613"/>
      <c r="LZF656" s="613"/>
      <c r="LZG656" s="613"/>
      <c r="LZH656" s="613"/>
      <c r="LZI656" s="613"/>
      <c r="LZJ656" s="613"/>
      <c r="LZK656" s="613"/>
      <c r="LZL656" s="613"/>
      <c r="LZM656" s="613"/>
      <c r="LZN656" s="613"/>
      <c r="LZO656" s="613"/>
      <c r="LZP656" s="613"/>
      <c r="LZQ656" s="613"/>
      <c r="LZR656" s="613"/>
      <c r="LZS656" s="613"/>
      <c r="LZT656" s="613"/>
      <c r="LZU656" s="613"/>
      <c r="LZV656" s="613"/>
      <c r="LZW656" s="613"/>
      <c r="LZX656" s="613"/>
      <c r="LZY656" s="613"/>
      <c r="LZZ656" s="613"/>
      <c r="MAA656" s="613"/>
      <c r="MAB656" s="613"/>
      <c r="MAC656" s="613"/>
      <c r="MAD656" s="613"/>
      <c r="MAE656" s="613"/>
      <c r="MAF656" s="613"/>
      <c r="MAG656" s="613"/>
      <c r="MAH656" s="613"/>
      <c r="MAI656" s="613"/>
      <c r="MAJ656" s="613"/>
      <c r="MAK656" s="613"/>
      <c r="MAL656" s="613"/>
      <c r="MAM656" s="613"/>
      <c r="MAN656" s="613"/>
      <c r="MAO656" s="613"/>
      <c r="MAP656" s="613"/>
      <c r="MAQ656" s="613"/>
      <c r="MAR656" s="613"/>
      <c r="MAS656" s="613"/>
      <c r="MAT656" s="613"/>
      <c r="MAU656" s="613"/>
      <c r="MAV656" s="613"/>
      <c r="MAW656" s="613"/>
      <c r="MAX656" s="613"/>
      <c r="MAY656" s="613"/>
      <c r="MAZ656" s="613"/>
      <c r="MBA656" s="613"/>
      <c r="MBB656" s="613"/>
      <c r="MBC656" s="613"/>
      <c r="MBD656" s="613"/>
      <c r="MBE656" s="613"/>
      <c r="MBF656" s="613"/>
      <c r="MBG656" s="613"/>
      <c r="MBH656" s="613"/>
      <c r="MBI656" s="613"/>
      <c r="MBJ656" s="613"/>
      <c r="MBK656" s="613"/>
      <c r="MBL656" s="613"/>
      <c r="MBM656" s="613"/>
      <c r="MBN656" s="613"/>
      <c r="MBO656" s="613"/>
      <c r="MBP656" s="613"/>
      <c r="MBQ656" s="613"/>
      <c r="MBR656" s="613"/>
      <c r="MBS656" s="613"/>
      <c r="MBT656" s="613"/>
      <c r="MBU656" s="613"/>
      <c r="MBV656" s="613"/>
      <c r="MBW656" s="613"/>
      <c r="MBX656" s="613"/>
      <c r="MBY656" s="613"/>
      <c r="MBZ656" s="613"/>
      <c r="MCA656" s="613"/>
      <c r="MCB656" s="613"/>
      <c r="MCC656" s="613"/>
      <c r="MCD656" s="613"/>
      <c r="MCE656" s="613"/>
      <c r="MCF656" s="613"/>
      <c r="MCG656" s="613"/>
      <c r="MCH656" s="613"/>
      <c r="MCI656" s="613"/>
      <c r="MCJ656" s="613"/>
      <c r="MCK656" s="613"/>
      <c r="MCL656" s="613"/>
      <c r="MCM656" s="613"/>
      <c r="MCN656" s="613"/>
      <c r="MCO656" s="613"/>
      <c r="MCP656" s="613"/>
      <c r="MCQ656" s="613"/>
      <c r="MCR656" s="613"/>
      <c r="MCS656" s="613"/>
      <c r="MCT656" s="613"/>
      <c r="MCU656" s="613"/>
      <c r="MCV656" s="613"/>
      <c r="MCW656" s="613"/>
      <c r="MCX656" s="613"/>
      <c r="MCY656" s="613"/>
      <c r="MCZ656" s="613"/>
      <c r="MDA656" s="613"/>
      <c r="MDB656" s="613"/>
      <c r="MDC656" s="613"/>
      <c r="MDD656" s="613"/>
      <c r="MDE656" s="613"/>
      <c r="MDF656" s="613"/>
      <c r="MDG656" s="613"/>
      <c r="MDH656" s="613"/>
      <c r="MDI656" s="613"/>
      <c r="MDJ656" s="613"/>
      <c r="MDK656" s="613"/>
      <c r="MDL656" s="613"/>
      <c r="MDM656" s="613"/>
      <c r="MDN656" s="613"/>
      <c r="MDO656" s="613"/>
      <c r="MDP656" s="613"/>
      <c r="MDQ656" s="613"/>
      <c r="MDR656" s="613"/>
      <c r="MDS656" s="613"/>
      <c r="MDT656" s="613"/>
      <c r="MDU656" s="613"/>
      <c r="MDV656" s="613"/>
      <c r="MDW656" s="613"/>
      <c r="MDX656" s="613"/>
      <c r="MDY656" s="613"/>
      <c r="MDZ656" s="613"/>
      <c r="MEA656" s="613"/>
      <c r="MEB656" s="613"/>
      <c r="MEC656" s="613"/>
      <c r="MED656" s="613"/>
      <c r="MEE656" s="613"/>
      <c r="MEF656" s="613"/>
      <c r="MEG656" s="613"/>
      <c r="MEH656" s="613"/>
      <c r="MEI656" s="613"/>
      <c r="MEJ656" s="613"/>
      <c r="MEK656" s="613"/>
      <c r="MEL656" s="613"/>
      <c r="MEM656" s="613"/>
      <c r="MEN656" s="613"/>
      <c r="MEO656" s="613"/>
      <c r="MEP656" s="613"/>
      <c r="MEQ656" s="613"/>
      <c r="MER656" s="613"/>
      <c r="MES656" s="613"/>
      <c r="MET656" s="613"/>
      <c r="MEU656" s="613"/>
      <c r="MEV656" s="613"/>
      <c r="MEW656" s="613"/>
      <c r="MEX656" s="613"/>
      <c r="MEY656" s="613"/>
      <c r="MEZ656" s="613"/>
      <c r="MFA656" s="613"/>
      <c r="MFB656" s="613"/>
      <c r="MFC656" s="613"/>
      <c r="MFD656" s="613"/>
      <c r="MFE656" s="613"/>
      <c r="MFF656" s="613"/>
      <c r="MFG656" s="613"/>
      <c r="MFH656" s="613"/>
      <c r="MFI656" s="613"/>
      <c r="MFJ656" s="613"/>
      <c r="MFK656" s="613"/>
      <c r="MFL656" s="613"/>
      <c r="MFM656" s="613"/>
      <c r="MFN656" s="613"/>
      <c r="MFO656" s="613"/>
      <c r="MFP656" s="613"/>
      <c r="MFQ656" s="613"/>
      <c r="MFR656" s="613"/>
      <c r="MFS656" s="613"/>
      <c r="MFT656" s="613"/>
      <c r="MFU656" s="613"/>
      <c r="MFV656" s="613"/>
      <c r="MFW656" s="613"/>
      <c r="MFX656" s="613"/>
      <c r="MFY656" s="613"/>
      <c r="MFZ656" s="613"/>
      <c r="MGA656" s="613"/>
      <c r="MGB656" s="613"/>
      <c r="MGC656" s="613"/>
      <c r="MGD656" s="613"/>
      <c r="MGE656" s="613"/>
      <c r="MGF656" s="613"/>
      <c r="MGG656" s="613"/>
      <c r="MGH656" s="613"/>
      <c r="MGI656" s="613"/>
      <c r="MGJ656" s="613"/>
      <c r="MGK656" s="613"/>
      <c r="MGL656" s="613"/>
      <c r="MGM656" s="613"/>
      <c r="MGN656" s="613"/>
      <c r="MGO656" s="613"/>
      <c r="MGP656" s="613"/>
      <c r="MGQ656" s="613"/>
      <c r="MGR656" s="613"/>
      <c r="MGS656" s="613"/>
      <c r="MGT656" s="613"/>
      <c r="MGU656" s="613"/>
      <c r="MGV656" s="613"/>
      <c r="MGW656" s="613"/>
      <c r="MGX656" s="613"/>
      <c r="MGY656" s="613"/>
      <c r="MGZ656" s="613"/>
      <c r="MHA656" s="613"/>
      <c r="MHB656" s="613"/>
      <c r="MHC656" s="613"/>
      <c r="MHD656" s="613"/>
      <c r="MHE656" s="613"/>
      <c r="MHF656" s="613"/>
      <c r="MHG656" s="613"/>
      <c r="MHH656" s="613"/>
      <c r="MHI656" s="613"/>
      <c r="MHJ656" s="613"/>
      <c r="MHK656" s="613"/>
      <c r="MHL656" s="613"/>
      <c r="MHM656" s="613"/>
      <c r="MHN656" s="613"/>
      <c r="MHO656" s="613"/>
      <c r="MHP656" s="613"/>
      <c r="MHQ656" s="613"/>
      <c r="MHR656" s="613"/>
      <c r="MHS656" s="613"/>
      <c r="MHT656" s="613"/>
      <c r="MHU656" s="613"/>
      <c r="MHV656" s="613"/>
      <c r="MHW656" s="613"/>
      <c r="MHX656" s="613"/>
      <c r="MHY656" s="613"/>
      <c r="MHZ656" s="613"/>
      <c r="MIA656" s="613"/>
      <c r="MIB656" s="613"/>
      <c r="MIC656" s="613"/>
      <c r="MID656" s="613"/>
      <c r="MIE656" s="613"/>
      <c r="MIF656" s="613"/>
      <c r="MIG656" s="613"/>
      <c r="MIH656" s="613"/>
      <c r="MII656" s="613"/>
      <c r="MIJ656" s="613"/>
      <c r="MIK656" s="613"/>
      <c r="MIL656" s="613"/>
      <c r="MIM656" s="613"/>
      <c r="MIN656" s="613"/>
      <c r="MIO656" s="613"/>
      <c r="MIP656" s="613"/>
      <c r="MIQ656" s="613"/>
      <c r="MIR656" s="613"/>
      <c r="MIS656" s="613"/>
      <c r="MIT656" s="613"/>
      <c r="MIU656" s="613"/>
      <c r="MIV656" s="613"/>
      <c r="MIW656" s="613"/>
      <c r="MIX656" s="613"/>
      <c r="MIY656" s="613"/>
      <c r="MIZ656" s="613"/>
      <c r="MJA656" s="613"/>
      <c r="MJB656" s="613"/>
      <c r="MJC656" s="613"/>
      <c r="MJD656" s="613"/>
      <c r="MJE656" s="613"/>
      <c r="MJF656" s="613"/>
      <c r="MJG656" s="613"/>
      <c r="MJH656" s="613"/>
      <c r="MJI656" s="613"/>
      <c r="MJJ656" s="613"/>
      <c r="MJK656" s="613"/>
      <c r="MJL656" s="613"/>
      <c r="MJM656" s="613"/>
      <c r="MJN656" s="613"/>
      <c r="MJO656" s="613"/>
      <c r="MJP656" s="613"/>
      <c r="MJQ656" s="613"/>
      <c r="MJR656" s="613"/>
      <c r="MJS656" s="613"/>
      <c r="MJT656" s="613"/>
      <c r="MJU656" s="613"/>
      <c r="MJV656" s="613"/>
      <c r="MJW656" s="613"/>
      <c r="MJX656" s="613"/>
      <c r="MJY656" s="613"/>
      <c r="MJZ656" s="613"/>
      <c r="MKA656" s="613"/>
      <c r="MKB656" s="613"/>
      <c r="MKC656" s="613"/>
      <c r="MKD656" s="613"/>
      <c r="MKE656" s="613"/>
      <c r="MKF656" s="613"/>
      <c r="MKG656" s="613"/>
      <c r="MKH656" s="613"/>
      <c r="MKI656" s="613"/>
      <c r="MKJ656" s="613"/>
      <c r="MKK656" s="613"/>
      <c r="MKL656" s="613"/>
      <c r="MKM656" s="613"/>
      <c r="MKN656" s="613"/>
      <c r="MKO656" s="613"/>
      <c r="MKP656" s="613"/>
      <c r="MKQ656" s="613"/>
      <c r="MKR656" s="613"/>
      <c r="MKS656" s="613"/>
      <c r="MKT656" s="613"/>
      <c r="MKU656" s="613"/>
      <c r="MKV656" s="613"/>
      <c r="MKW656" s="613"/>
      <c r="MKX656" s="613"/>
      <c r="MKY656" s="613"/>
      <c r="MKZ656" s="613"/>
      <c r="MLA656" s="613"/>
      <c r="MLB656" s="613"/>
      <c r="MLC656" s="613"/>
      <c r="MLD656" s="613"/>
      <c r="MLE656" s="613"/>
      <c r="MLF656" s="613"/>
      <c r="MLG656" s="613"/>
      <c r="MLH656" s="613"/>
      <c r="MLI656" s="613"/>
      <c r="MLJ656" s="613"/>
      <c r="MLK656" s="613"/>
      <c r="MLL656" s="613"/>
      <c r="MLM656" s="613"/>
      <c r="MLN656" s="613"/>
      <c r="MLO656" s="613"/>
      <c r="MLP656" s="613"/>
      <c r="MLQ656" s="613"/>
      <c r="MLR656" s="613"/>
      <c r="MLS656" s="613"/>
      <c r="MLT656" s="613"/>
      <c r="MLU656" s="613"/>
      <c r="MLV656" s="613"/>
      <c r="MLW656" s="613"/>
      <c r="MLX656" s="613"/>
      <c r="MLY656" s="613"/>
      <c r="MLZ656" s="613"/>
      <c r="MMA656" s="613"/>
      <c r="MMB656" s="613"/>
      <c r="MMC656" s="613"/>
      <c r="MMD656" s="613"/>
      <c r="MME656" s="613"/>
      <c r="MMF656" s="613"/>
      <c r="MMG656" s="613"/>
      <c r="MMH656" s="613"/>
      <c r="MMI656" s="613"/>
      <c r="MMJ656" s="613"/>
      <c r="MMK656" s="613"/>
      <c r="MML656" s="613"/>
      <c r="MMM656" s="613"/>
      <c r="MMN656" s="613"/>
      <c r="MMO656" s="613"/>
      <c r="MMP656" s="613"/>
      <c r="MMQ656" s="613"/>
      <c r="MMR656" s="613"/>
      <c r="MMS656" s="613"/>
      <c r="MMT656" s="613"/>
      <c r="MMU656" s="613"/>
      <c r="MMV656" s="613"/>
      <c r="MMW656" s="613"/>
      <c r="MMX656" s="613"/>
      <c r="MMY656" s="613"/>
      <c r="MMZ656" s="613"/>
      <c r="MNA656" s="613"/>
      <c r="MNB656" s="613"/>
      <c r="MNC656" s="613"/>
      <c r="MND656" s="613"/>
      <c r="MNE656" s="613"/>
      <c r="MNF656" s="613"/>
      <c r="MNG656" s="613"/>
      <c r="MNH656" s="613"/>
      <c r="MNI656" s="613"/>
      <c r="MNJ656" s="613"/>
      <c r="MNK656" s="613"/>
      <c r="MNL656" s="613"/>
      <c r="MNM656" s="613"/>
      <c r="MNN656" s="613"/>
      <c r="MNO656" s="613"/>
      <c r="MNP656" s="613"/>
      <c r="MNQ656" s="613"/>
      <c r="MNR656" s="613"/>
      <c r="MNS656" s="613"/>
      <c r="MNT656" s="613"/>
      <c r="MNU656" s="613"/>
      <c r="MNV656" s="613"/>
      <c r="MNW656" s="613"/>
      <c r="MNX656" s="613"/>
      <c r="MNY656" s="613"/>
      <c r="MNZ656" s="613"/>
      <c r="MOA656" s="613"/>
      <c r="MOB656" s="613"/>
      <c r="MOC656" s="613"/>
      <c r="MOD656" s="613"/>
      <c r="MOE656" s="613"/>
      <c r="MOF656" s="613"/>
      <c r="MOG656" s="613"/>
      <c r="MOH656" s="613"/>
      <c r="MOI656" s="613"/>
      <c r="MOJ656" s="613"/>
      <c r="MOK656" s="613"/>
      <c r="MOL656" s="613"/>
      <c r="MOM656" s="613"/>
      <c r="MON656" s="613"/>
      <c r="MOO656" s="613"/>
      <c r="MOP656" s="613"/>
      <c r="MOQ656" s="613"/>
      <c r="MOR656" s="613"/>
      <c r="MOS656" s="613"/>
      <c r="MOT656" s="613"/>
      <c r="MOU656" s="613"/>
      <c r="MOV656" s="613"/>
      <c r="MOW656" s="613"/>
      <c r="MOX656" s="613"/>
      <c r="MOY656" s="613"/>
      <c r="MOZ656" s="613"/>
      <c r="MPA656" s="613"/>
      <c r="MPB656" s="613"/>
      <c r="MPC656" s="613"/>
      <c r="MPD656" s="613"/>
      <c r="MPE656" s="613"/>
      <c r="MPF656" s="613"/>
      <c r="MPG656" s="613"/>
      <c r="MPH656" s="613"/>
      <c r="MPI656" s="613"/>
      <c r="MPJ656" s="613"/>
      <c r="MPK656" s="613"/>
      <c r="MPL656" s="613"/>
      <c r="MPM656" s="613"/>
      <c r="MPN656" s="613"/>
      <c r="MPO656" s="613"/>
      <c r="MPP656" s="613"/>
      <c r="MPQ656" s="613"/>
      <c r="MPR656" s="613"/>
      <c r="MPS656" s="613"/>
      <c r="MPT656" s="613"/>
      <c r="MPU656" s="613"/>
      <c r="MPV656" s="613"/>
      <c r="MPW656" s="613"/>
      <c r="MPX656" s="613"/>
      <c r="MPY656" s="613"/>
      <c r="MPZ656" s="613"/>
      <c r="MQA656" s="613"/>
      <c r="MQB656" s="613"/>
      <c r="MQC656" s="613"/>
      <c r="MQD656" s="613"/>
      <c r="MQE656" s="613"/>
      <c r="MQF656" s="613"/>
      <c r="MQG656" s="613"/>
      <c r="MQH656" s="613"/>
      <c r="MQI656" s="613"/>
      <c r="MQJ656" s="613"/>
      <c r="MQK656" s="613"/>
      <c r="MQL656" s="613"/>
      <c r="MQM656" s="613"/>
      <c r="MQN656" s="613"/>
      <c r="MQO656" s="613"/>
      <c r="MQP656" s="613"/>
      <c r="MQQ656" s="613"/>
      <c r="MQR656" s="613"/>
      <c r="MQS656" s="613"/>
      <c r="MQT656" s="613"/>
      <c r="MQU656" s="613"/>
      <c r="MQV656" s="613"/>
      <c r="MQW656" s="613"/>
      <c r="MQX656" s="613"/>
      <c r="MQY656" s="613"/>
      <c r="MQZ656" s="613"/>
      <c r="MRA656" s="613"/>
      <c r="MRB656" s="613"/>
      <c r="MRC656" s="613"/>
      <c r="MRD656" s="613"/>
      <c r="MRE656" s="613"/>
      <c r="MRF656" s="613"/>
      <c r="MRG656" s="613"/>
      <c r="MRH656" s="613"/>
      <c r="MRI656" s="613"/>
      <c r="MRJ656" s="613"/>
      <c r="MRK656" s="613"/>
      <c r="MRL656" s="613"/>
      <c r="MRM656" s="613"/>
      <c r="MRN656" s="613"/>
      <c r="MRO656" s="613"/>
      <c r="MRP656" s="613"/>
      <c r="MRQ656" s="613"/>
      <c r="MRR656" s="613"/>
      <c r="MRS656" s="613"/>
      <c r="MRT656" s="613"/>
      <c r="MRU656" s="613"/>
      <c r="MRV656" s="613"/>
      <c r="MRW656" s="613"/>
      <c r="MRX656" s="613"/>
      <c r="MRY656" s="613"/>
      <c r="MRZ656" s="613"/>
      <c r="MSA656" s="613"/>
      <c r="MSB656" s="613"/>
      <c r="MSC656" s="613"/>
      <c r="MSD656" s="613"/>
      <c r="MSE656" s="613"/>
      <c r="MSF656" s="613"/>
      <c r="MSG656" s="613"/>
      <c r="MSH656" s="613"/>
      <c r="MSI656" s="613"/>
      <c r="MSJ656" s="613"/>
      <c r="MSK656" s="613"/>
      <c r="MSL656" s="613"/>
      <c r="MSM656" s="613"/>
      <c r="MSN656" s="613"/>
      <c r="MSO656" s="613"/>
      <c r="MSP656" s="613"/>
      <c r="MSQ656" s="613"/>
      <c r="MSR656" s="613"/>
      <c r="MSS656" s="613"/>
      <c r="MST656" s="613"/>
      <c r="MSU656" s="613"/>
      <c r="MSV656" s="613"/>
      <c r="MSW656" s="613"/>
      <c r="MSX656" s="613"/>
      <c r="MSY656" s="613"/>
      <c r="MSZ656" s="613"/>
      <c r="MTA656" s="613"/>
      <c r="MTB656" s="613"/>
      <c r="MTC656" s="613"/>
      <c r="MTD656" s="613"/>
      <c r="MTE656" s="613"/>
      <c r="MTF656" s="613"/>
      <c r="MTG656" s="613"/>
      <c r="MTH656" s="613"/>
      <c r="MTI656" s="613"/>
      <c r="MTJ656" s="613"/>
      <c r="MTK656" s="613"/>
      <c r="MTL656" s="613"/>
      <c r="MTM656" s="613"/>
      <c r="MTN656" s="613"/>
      <c r="MTO656" s="613"/>
      <c r="MTP656" s="613"/>
      <c r="MTQ656" s="613"/>
      <c r="MTR656" s="613"/>
      <c r="MTS656" s="613"/>
      <c r="MTT656" s="613"/>
      <c r="MTU656" s="613"/>
      <c r="MTV656" s="613"/>
      <c r="MTW656" s="613"/>
      <c r="MTX656" s="613"/>
      <c r="MTY656" s="613"/>
      <c r="MTZ656" s="613"/>
      <c r="MUA656" s="613"/>
      <c r="MUB656" s="613"/>
      <c r="MUC656" s="613"/>
      <c r="MUD656" s="613"/>
      <c r="MUE656" s="613"/>
      <c r="MUF656" s="613"/>
      <c r="MUG656" s="613"/>
      <c r="MUH656" s="613"/>
      <c r="MUI656" s="613"/>
      <c r="MUJ656" s="613"/>
      <c r="MUK656" s="613"/>
      <c r="MUL656" s="613"/>
      <c r="MUM656" s="613"/>
      <c r="MUN656" s="613"/>
      <c r="MUO656" s="613"/>
      <c r="MUP656" s="613"/>
      <c r="MUQ656" s="613"/>
      <c r="MUR656" s="613"/>
      <c r="MUS656" s="613"/>
      <c r="MUT656" s="613"/>
      <c r="MUU656" s="613"/>
      <c r="MUV656" s="613"/>
      <c r="MUW656" s="613"/>
      <c r="MUX656" s="613"/>
      <c r="MUY656" s="613"/>
      <c r="MUZ656" s="613"/>
      <c r="MVA656" s="613"/>
      <c r="MVB656" s="613"/>
      <c r="MVC656" s="613"/>
      <c r="MVD656" s="613"/>
      <c r="MVE656" s="613"/>
      <c r="MVF656" s="613"/>
      <c r="MVG656" s="613"/>
      <c r="MVH656" s="613"/>
      <c r="MVI656" s="613"/>
      <c r="MVJ656" s="613"/>
      <c r="MVK656" s="613"/>
      <c r="MVL656" s="613"/>
      <c r="MVM656" s="613"/>
      <c r="MVN656" s="613"/>
      <c r="MVO656" s="613"/>
      <c r="MVP656" s="613"/>
      <c r="MVQ656" s="613"/>
      <c r="MVR656" s="613"/>
      <c r="MVS656" s="613"/>
      <c r="MVT656" s="613"/>
      <c r="MVU656" s="613"/>
      <c r="MVV656" s="613"/>
      <c r="MVW656" s="613"/>
      <c r="MVX656" s="613"/>
      <c r="MVY656" s="613"/>
      <c r="MVZ656" s="613"/>
      <c r="MWA656" s="613"/>
      <c r="MWB656" s="613"/>
      <c r="MWC656" s="613"/>
      <c r="MWD656" s="613"/>
      <c r="MWE656" s="613"/>
      <c r="MWF656" s="613"/>
      <c r="MWG656" s="613"/>
      <c r="MWH656" s="613"/>
      <c r="MWI656" s="613"/>
      <c r="MWJ656" s="613"/>
      <c r="MWK656" s="613"/>
      <c r="MWL656" s="613"/>
      <c r="MWM656" s="613"/>
      <c r="MWN656" s="613"/>
      <c r="MWO656" s="613"/>
      <c r="MWP656" s="613"/>
      <c r="MWQ656" s="613"/>
      <c r="MWR656" s="613"/>
      <c r="MWS656" s="613"/>
      <c r="MWT656" s="613"/>
      <c r="MWU656" s="613"/>
      <c r="MWV656" s="613"/>
      <c r="MWW656" s="613"/>
      <c r="MWX656" s="613"/>
      <c r="MWY656" s="613"/>
      <c r="MWZ656" s="613"/>
      <c r="MXA656" s="613"/>
      <c r="MXB656" s="613"/>
      <c r="MXC656" s="613"/>
      <c r="MXD656" s="613"/>
      <c r="MXE656" s="613"/>
      <c r="MXF656" s="613"/>
      <c r="MXG656" s="613"/>
      <c r="MXH656" s="613"/>
      <c r="MXI656" s="613"/>
      <c r="MXJ656" s="613"/>
      <c r="MXK656" s="613"/>
      <c r="MXL656" s="613"/>
      <c r="MXM656" s="613"/>
      <c r="MXN656" s="613"/>
      <c r="MXO656" s="613"/>
      <c r="MXP656" s="613"/>
      <c r="MXQ656" s="613"/>
      <c r="MXR656" s="613"/>
      <c r="MXS656" s="613"/>
      <c r="MXT656" s="613"/>
      <c r="MXU656" s="613"/>
      <c r="MXV656" s="613"/>
      <c r="MXW656" s="613"/>
      <c r="MXX656" s="613"/>
      <c r="MXY656" s="613"/>
      <c r="MXZ656" s="613"/>
      <c r="MYA656" s="613"/>
      <c r="MYB656" s="613"/>
      <c r="MYC656" s="613"/>
      <c r="MYD656" s="613"/>
      <c r="MYE656" s="613"/>
      <c r="MYF656" s="613"/>
      <c r="MYG656" s="613"/>
      <c r="MYH656" s="613"/>
      <c r="MYI656" s="613"/>
      <c r="MYJ656" s="613"/>
      <c r="MYK656" s="613"/>
      <c r="MYL656" s="613"/>
      <c r="MYM656" s="613"/>
      <c r="MYN656" s="613"/>
      <c r="MYO656" s="613"/>
      <c r="MYP656" s="613"/>
      <c r="MYQ656" s="613"/>
      <c r="MYR656" s="613"/>
      <c r="MYS656" s="613"/>
      <c r="MYT656" s="613"/>
      <c r="MYU656" s="613"/>
      <c r="MYV656" s="613"/>
      <c r="MYW656" s="613"/>
      <c r="MYX656" s="613"/>
      <c r="MYY656" s="613"/>
      <c r="MYZ656" s="613"/>
      <c r="MZA656" s="613"/>
      <c r="MZB656" s="613"/>
      <c r="MZC656" s="613"/>
      <c r="MZD656" s="613"/>
      <c r="MZE656" s="613"/>
      <c r="MZF656" s="613"/>
      <c r="MZG656" s="613"/>
      <c r="MZH656" s="613"/>
      <c r="MZI656" s="613"/>
      <c r="MZJ656" s="613"/>
      <c r="MZK656" s="613"/>
      <c r="MZL656" s="613"/>
      <c r="MZM656" s="613"/>
      <c r="MZN656" s="613"/>
      <c r="MZO656" s="613"/>
      <c r="MZP656" s="613"/>
      <c r="MZQ656" s="613"/>
      <c r="MZR656" s="613"/>
      <c r="MZS656" s="613"/>
      <c r="MZT656" s="613"/>
      <c r="MZU656" s="613"/>
      <c r="MZV656" s="613"/>
      <c r="MZW656" s="613"/>
      <c r="MZX656" s="613"/>
      <c r="MZY656" s="613"/>
      <c r="MZZ656" s="613"/>
      <c r="NAA656" s="613"/>
      <c r="NAB656" s="613"/>
      <c r="NAC656" s="613"/>
      <c r="NAD656" s="613"/>
      <c r="NAE656" s="613"/>
      <c r="NAF656" s="613"/>
      <c r="NAG656" s="613"/>
      <c r="NAH656" s="613"/>
      <c r="NAI656" s="613"/>
      <c r="NAJ656" s="613"/>
      <c r="NAK656" s="613"/>
      <c r="NAL656" s="613"/>
      <c r="NAM656" s="613"/>
      <c r="NAN656" s="613"/>
      <c r="NAO656" s="613"/>
      <c r="NAP656" s="613"/>
      <c r="NAQ656" s="613"/>
      <c r="NAR656" s="613"/>
      <c r="NAS656" s="613"/>
      <c r="NAT656" s="613"/>
      <c r="NAU656" s="613"/>
      <c r="NAV656" s="613"/>
      <c r="NAW656" s="613"/>
      <c r="NAX656" s="613"/>
      <c r="NAY656" s="613"/>
      <c r="NAZ656" s="613"/>
      <c r="NBA656" s="613"/>
      <c r="NBB656" s="613"/>
      <c r="NBC656" s="613"/>
      <c r="NBD656" s="613"/>
      <c r="NBE656" s="613"/>
      <c r="NBF656" s="613"/>
      <c r="NBG656" s="613"/>
      <c r="NBH656" s="613"/>
      <c r="NBI656" s="613"/>
      <c r="NBJ656" s="613"/>
      <c r="NBK656" s="613"/>
      <c r="NBL656" s="613"/>
      <c r="NBM656" s="613"/>
      <c r="NBN656" s="613"/>
      <c r="NBO656" s="613"/>
      <c r="NBP656" s="613"/>
      <c r="NBQ656" s="613"/>
      <c r="NBR656" s="613"/>
      <c r="NBS656" s="613"/>
      <c r="NBT656" s="613"/>
      <c r="NBU656" s="613"/>
      <c r="NBV656" s="613"/>
      <c r="NBW656" s="613"/>
      <c r="NBX656" s="613"/>
      <c r="NBY656" s="613"/>
      <c r="NBZ656" s="613"/>
      <c r="NCA656" s="613"/>
      <c r="NCB656" s="613"/>
      <c r="NCC656" s="613"/>
      <c r="NCD656" s="613"/>
      <c r="NCE656" s="613"/>
      <c r="NCF656" s="613"/>
      <c r="NCG656" s="613"/>
      <c r="NCH656" s="613"/>
      <c r="NCI656" s="613"/>
      <c r="NCJ656" s="613"/>
      <c r="NCK656" s="613"/>
      <c r="NCL656" s="613"/>
      <c r="NCM656" s="613"/>
      <c r="NCN656" s="613"/>
      <c r="NCO656" s="613"/>
      <c r="NCP656" s="613"/>
      <c r="NCQ656" s="613"/>
      <c r="NCR656" s="613"/>
      <c r="NCS656" s="613"/>
      <c r="NCT656" s="613"/>
      <c r="NCU656" s="613"/>
      <c r="NCV656" s="613"/>
      <c r="NCW656" s="613"/>
      <c r="NCX656" s="613"/>
      <c r="NCY656" s="613"/>
      <c r="NCZ656" s="613"/>
      <c r="NDA656" s="613"/>
      <c r="NDB656" s="613"/>
      <c r="NDC656" s="613"/>
      <c r="NDD656" s="613"/>
      <c r="NDE656" s="613"/>
      <c r="NDF656" s="613"/>
      <c r="NDG656" s="613"/>
      <c r="NDH656" s="613"/>
      <c r="NDI656" s="613"/>
      <c r="NDJ656" s="613"/>
      <c r="NDK656" s="613"/>
      <c r="NDL656" s="613"/>
      <c r="NDM656" s="613"/>
      <c r="NDN656" s="613"/>
      <c r="NDO656" s="613"/>
      <c r="NDP656" s="613"/>
      <c r="NDQ656" s="613"/>
      <c r="NDR656" s="613"/>
      <c r="NDS656" s="613"/>
      <c r="NDT656" s="613"/>
      <c r="NDU656" s="613"/>
      <c r="NDV656" s="613"/>
      <c r="NDW656" s="613"/>
      <c r="NDX656" s="613"/>
      <c r="NDY656" s="613"/>
      <c r="NDZ656" s="613"/>
      <c r="NEA656" s="613"/>
      <c r="NEB656" s="613"/>
      <c r="NEC656" s="613"/>
      <c r="NED656" s="613"/>
      <c r="NEE656" s="613"/>
      <c r="NEF656" s="613"/>
      <c r="NEG656" s="613"/>
      <c r="NEH656" s="613"/>
      <c r="NEI656" s="613"/>
      <c r="NEJ656" s="613"/>
      <c r="NEK656" s="613"/>
      <c r="NEL656" s="613"/>
      <c r="NEM656" s="613"/>
      <c r="NEN656" s="613"/>
      <c r="NEO656" s="613"/>
      <c r="NEP656" s="613"/>
      <c r="NEQ656" s="613"/>
      <c r="NER656" s="613"/>
      <c r="NES656" s="613"/>
      <c r="NET656" s="613"/>
      <c r="NEU656" s="613"/>
      <c r="NEV656" s="613"/>
      <c r="NEW656" s="613"/>
      <c r="NEX656" s="613"/>
      <c r="NEY656" s="613"/>
      <c r="NEZ656" s="613"/>
      <c r="NFA656" s="613"/>
      <c r="NFB656" s="613"/>
      <c r="NFC656" s="613"/>
      <c r="NFD656" s="613"/>
      <c r="NFE656" s="613"/>
      <c r="NFF656" s="613"/>
      <c r="NFG656" s="613"/>
      <c r="NFH656" s="613"/>
      <c r="NFI656" s="613"/>
      <c r="NFJ656" s="613"/>
      <c r="NFK656" s="613"/>
      <c r="NFL656" s="613"/>
      <c r="NFM656" s="613"/>
      <c r="NFN656" s="613"/>
      <c r="NFO656" s="613"/>
      <c r="NFP656" s="613"/>
      <c r="NFQ656" s="613"/>
      <c r="NFR656" s="613"/>
      <c r="NFS656" s="613"/>
      <c r="NFT656" s="613"/>
      <c r="NFU656" s="613"/>
      <c r="NFV656" s="613"/>
      <c r="NFW656" s="613"/>
      <c r="NFX656" s="613"/>
      <c r="NFY656" s="613"/>
      <c r="NFZ656" s="613"/>
      <c r="NGA656" s="613"/>
      <c r="NGB656" s="613"/>
      <c r="NGC656" s="613"/>
      <c r="NGD656" s="613"/>
      <c r="NGE656" s="613"/>
      <c r="NGF656" s="613"/>
      <c r="NGG656" s="613"/>
      <c r="NGH656" s="613"/>
      <c r="NGI656" s="613"/>
      <c r="NGJ656" s="613"/>
      <c r="NGK656" s="613"/>
      <c r="NGL656" s="613"/>
      <c r="NGM656" s="613"/>
      <c r="NGN656" s="613"/>
      <c r="NGO656" s="613"/>
      <c r="NGP656" s="613"/>
      <c r="NGQ656" s="613"/>
      <c r="NGR656" s="613"/>
      <c r="NGS656" s="613"/>
      <c r="NGT656" s="613"/>
      <c r="NGU656" s="613"/>
      <c r="NGV656" s="613"/>
      <c r="NGW656" s="613"/>
      <c r="NGX656" s="613"/>
      <c r="NGY656" s="613"/>
      <c r="NGZ656" s="613"/>
      <c r="NHA656" s="613"/>
      <c r="NHB656" s="613"/>
      <c r="NHC656" s="613"/>
      <c r="NHD656" s="613"/>
      <c r="NHE656" s="613"/>
      <c r="NHF656" s="613"/>
      <c r="NHG656" s="613"/>
      <c r="NHH656" s="613"/>
      <c r="NHI656" s="613"/>
      <c r="NHJ656" s="613"/>
      <c r="NHK656" s="613"/>
      <c r="NHL656" s="613"/>
      <c r="NHM656" s="613"/>
      <c r="NHN656" s="613"/>
      <c r="NHO656" s="613"/>
      <c r="NHP656" s="613"/>
      <c r="NHQ656" s="613"/>
      <c r="NHR656" s="613"/>
      <c r="NHS656" s="613"/>
      <c r="NHT656" s="613"/>
      <c r="NHU656" s="613"/>
      <c r="NHV656" s="613"/>
      <c r="NHW656" s="613"/>
      <c r="NHX656" s="613"/>
      <c r="NHY656" s="613"/>
      <c r="NHZ656" s="613"/>
      <c r="NIA656" s="613"/>
      <c r="NIB656" s="613"/>
      <c r="NIC656" s="613"/>
      <c r="NID656" s="613"/>
      <c r="NIE656" s="613"/>
      <c r="NIF656" s="613"/>
      <c r="NIG656" s="613"/>
      <c r="NIH656" s="613"/>
      <c r="NII656" s="613"/>
      <c r="NIJ656" s="613"/>
      <c r="NIK656" s="613"/>
      <c r="NIL656" s="613"/>
      <c r="NIM656" s="613"/>
      <c r="NIN656" s="613"/>
      <c r="NIO656" s="613"/>
      <c r="NIP656" s="613"/>
      <c r="NIQ656" s="613"/>
      <c r="NIR656" s="613"/>
      <c r="NIS656" s="613"/>
      <c r="NIT656" s="613"/>
      <c r="NIU656" s="613"/>
      <c r="NIV656" s="613"/>
      <c r="NIW656" s="613"/>
      <c r="NIX656" s="613"/>
      <c r="NIY656" s="613"/>
      <c r="NIZ656" s="613"/>
      <c r="NJA656" s="613"/>
      <c r="NJB656" s="613"/>
      <c r="NJC656" s="613"/>
      <c r="NJD656" s="613"/>
      <c r="NJE656" s="613"/>
      <c r="NJF656" s="613"/>
      <c r="NJG656" s="613"/>
      <c r="NJH656" s="613"/>
      <c r="NJI656" s="613"/>
      <c r="NJJ656" s="613"/>
      <c r="NJK656" s="613"/>
      <c r="NJL656" s="613"/>
      <c r="NJM656" s="613"/>
      <c r="NJN656" s="613"/>
      <c r="NJO656" s="613"/>
      <c r="NJP656" s="613"/>
      <c r="NJQ656" s="613"/>
      <c r="NJR656" s="613"/>
      <c r="NJS656" s="613"/>
      <c r="NJT656" s="613"/>
      <c r="NJU656" s="613"/>
      <c r="NJV656" s="613"/>
      <c r="NJW656" s="613"/>
      <c r="NJX656" s="613"/>
      <c r="NJY656" s="613"/>
      <c r="NJZ656" s="613"/>
      <c r="NKA656" s="613"/>
      <c r="NKB656" s="613"/>
      <c r="NKC656" s="613"/>
      <c r="NKD656" s="613"/>
      <c r="NKE656" s="613"/>
      <c r="NKF656" s="613"/>
      <c r="NKG656" s="613"/>
      <c r="NKH656" s="613"/>
      <c r="NKI656" s="613"/>
      <c r="NKJ656" s="613"/>
      <c r="NKK656" s="613"/>
      <c r="NKL656" s="613"/>
      <c r="NKM656" s="613"/>
      <c r="NKN656" s="613"/>
      <c r="NKO656" s="613"/>
      <c r="NKP656" s="613"/>
      <c r="NKQ656" s="613"/>
      <c r="NKR656" s="613"/>
      <c r="NKS656" s="613"/>
      <c r="NKT656" s="613"/>
      <c r="NKU656" s="613"/>
      <c r="NKV656" s="613"/>
      <c r="NKW656" s="613"/>
      <c r="NKX656" s="613"/>
      <c r="NKY656" s="613"/>
      <c r="NKZ656" s="613"/>
      <c r="NLA656" s="613"/>
      <c r="NLB656" s="613"/>
      <c r="NLC656" s="613"/>
      <c r="NLD656" s="613"/>
      <c r="NLE656" s="613"/>
      <c r="NLF656" s="613"/>
      <c r="NLG656" s="613"/>
      <c r="NLH656" s="613"/>
      <c r="NLI656" s="613"/>
      <c r="NLJ656" s="613"/>
      <c r="NLK656" s="613"/>
      <c r="NLL656" s="613"/>
      <c r="NLM656" s="613"/>
      <c r="NLN656" s="613"/>
      <c r="NLO656" s="613"/>
      <c r="NLP656" s="613"/>
      <c r="NLQ656" s="613"/>
      <c r="NLR656" s="613"/>
      <c r="NLS656" s="613"/>
      <c r="NLT656" s="613"/>
      <c r="NLU656" s="613"/>
      <c r="NLV656" s="613"/>
      <c r="NLW656" s="613"/>
      <c r="NLX656" s="613"/>
      <c r="NLY656" s="613"/>
      <c r="NLZ656" s="613"/>
      <c r="NMA656" s="613"/>
      <c r="NMB656" s="613"/>
      <c r="NMC656" s="613"/>
      <c r="NMD656" s="613"/>
      <c r="NME656" s="613"/>
      <c r="NMF656" s="613"/>
      <c r="NMG656" s="613"/>
      <c r="NMH656" s="613"/>
      <c r="NMI656" s="613"/>
      <c r="NMJ656" s="613"/>
      <c r="NMK656" s="613"/>
      <c r="NML656" s="613"/>
      <c r="NMM656" s="613"/>
      <c r="NMN656" s="613"/>
      <c r="NMO656" s="613"/>
      <c r="NMP656" s="613"/>
      <c r="NMQ656" s="613"/>
      <c r="NMR656" s="613"/>
      <c r="NMS656" s="613"/>
      <c r="NMT656" s="613"/>
      <c r="NMU656" s="613"/>
      <c r="NMV656" s="613"/>
      <c r="NMW656" s="613"/>
      <c r="NMX656" s="613"/>
      <c r="NMY656" s="613"/>
      <c r="NMZ656" s="613"/>
      <c r="NNA656" s="613"/>
      <c r="NNB656" s="613"/>
      <c r="NNC656" s="613"/>
      <c r="NND656" s="613"/>
      <c r="NNE656" s="613"/>
      <c r="NNF656" s="613"/>
      <c r="NNG656" s="613"/>
      <c r="NNH656" s="613"/>
      <c r="NNI656" s="613"/>
      <c r="NNJ656" s="613"/>
      <c r="NNK656" s="613"/>
      <c r="NNL656" s="613"/>
      <c r="NNM656" s="613"/>
      <c r="NNN656" s="613"/>
      <c r="NNO656" s="613"/>
      <c r="NNP656" s="613"/>
      <c r="NNQ656" s="613"/>
      <c r="NNR656" s="613"/>
      <c r="NNS656" s="613"/>
      <c r="NNT656" s="613"/>
      <c r="NNU656" s="613"/>
      <c r="NNV656" s="613"/>
      <c r="NNW656" s="613"/>
      <c r="NNX656" s="613"/>
      <c r="NNY656" s="613"/>
      <c r="NNZ656" s="613"/>
      <c r="NOA656" s="613"/>
      <c r="NOB656" s="613"/>
      <c r="NOC656" s="613"/>
      <c r="NOD656" s="613"/>
      <c r="NOE656" s="613"/>
      <c r="NOF656" s="613"/>
      <c r="NOG656" s="613"/>
      <c r="NOH656" s="613"/>
      <c r="NOI656" s="613"/>
      <c r="NOJ656" s="613"/>
      <c r="NOK656" s="613"/>
      <c r="NOL656" s="613"/>
      <c r="NOM656" s="613"/>
      <c r="NON656" s="613"/>
      <c r="NOO656" s="613"/>
      <c r="NOP656" s="613"/>
      <c r="NOQ656" s="613"/>
      <c r="NOR656" s="613"/>
      <c r="NOS656" s="613"/>
      <c r="NOT656" s="613"/>
      <c r="NOU656" s="613"/>
      <c r="NOV656" s="613"/>
      <c r="NOW656" s="613"/>
      <c r="NOX656" s="613"/>
      <c r="NOY656" s="613"/>
      <c r="NOZ656" s="613"/>
      <c r="NPA656" s="613"/>
      <c r="NPB656" s="613"/>
      <c r="NPC656" s="613"/>
      <c r="NPD656" s="613"/>
      <c r="NPE656" s="613"/>
      <c r="NPF656" s="613"/>
      <c r="NPG656" s="613"/>
      <c r="NPH656" s="613"/>
      <c r="NPI656" s="613"/>
      <c r="NPJ656" s="613"/>
      <c r="NPK656" s="613"/>
      <c r="NPL656" s="613"/>
      <c r="NPM656" s="613"/>
      <c r="NPN656" s="613"/>
      <c r="NPO656" s="613"/>
      <c r="NPP656" s="613"/>
      <c r="NPQ656" s="613"/>
      <c r="NPR656" s="613"/>
      <c r="NPS656" s="613"/>
      <c r="NPT656" s="613"/>
      <c r="NPU656" s="613"/>
      <c r="NPV656" s="613"/>
      <c r="NPW656" s="613"/>
      <c r="NPX656" s="613"/>
      <c r="NPY656" s="613"/>
      <c r="NPZ656" s="613"/>
      <c r="NQA656" s="613"/>
      <c r="NQB656" s="613"/>
      <c r="NQC656" s="613"/>
      <c r="NQD656" s="613"/>
      <c r="NQE656" s="613"/>
      <c r="NQF656" s="613"/>
      <c r="NQG656" s="613"/>
      <c r="NQH656" s="613"/>
      <c r="NQI656" s="613"/>
      <c r="NQJ656" s="613"/>
      <c r="NQK656" s="613"/>
      <c r="NQL656" s="613"/>
      <c r="NQM656" s="613"/>
      <c r="NQN656" s="613"/>
      <c r="NQO656" s="613"/>
      <c r="NQP656" s="613"/>
      <c r="NQQ656" s="613"/>
      <c r="NQR656" s="613"/>
      <c r="NQS656" s="613"/>
      <c r="NQT656" s="613"/>
      <c r="NQU656" s="613"/>
      <c r="NQV656" s="613"/>
      <c r="NQW656" s="613"/>
      <c r="NQX656" s="613"/>
      <c r="NQY656" s="613"/>
      <c r="NQZ656" s="613"/>
      <c r="NRA656" s="613"/>
      <c r="NRB656" s="613"/>
      <c r="NRC656" s="613"/>
      <c r="NRD656" s="613"/>
      <c r="NRE656" s="613"/>
      <c r="NRF656" s="613"/>
      <c r="NRG656" s="613"/>
      <c r="NRH656" s="613"/>
      <c r="NRI656" s="613"/>
      <c r="NRJ656" s="613"/>
      <c r="NRK656" s="613"/>
      <c r="NRL656" s="613"/>
      <c r="NRM656" s="613"/>
      <c r="NRN656" s="613"/>
      <c r="NRO656" s="613"/>
      <c r="NRP656" s="613"/>
      <c r="NRQ656" s="613"/>
      <c r="NRR656" s="613"/>
      <c r="NRS656" s="613"/>
      <c r="NRT656" s="613"/>
      <c r="NRU656" s="613"/>
      <c r="NRV656" s="613"/>
      <c r="NRW656" s="613"/>
      <c r="NRX656" s="613"/>
      <c r="NRY656" s="613"/>
      <c r="NRZ656" s="613"/>
      <c r="NSA656" s="613"/>
      <c r="NSB656" s="613"/>
      <c r="NSC656" s="613"/>
      <c r="NSD656" s="613"/>
      <c r="NSE656" s="613"/>
      <c r="NSF656" s="613"/>
      <c r="NSG656" s="613"/>
      <c r="NSH656" s="613"/>
      <c r="NSI656" s="613"/>
      <c r="NSJ656" s="613"/>
      <c r="NSK656" s="613"/>
      <c r="NSL656" s="613"/>
      <c r="NSM656" s="613"/>
      <c r="NSN656" s="613"/>
      <c r="NSO656" s="613"/>
      <c r="NSP656" s="613"/>
      <c r="NSQ656" s="613"/>
      <c r="NSR656" s="613"/>
      <c r="NSS656" s="613"/>
      <c r="NST656" s="613"/>
      <c r="NSU656" s="613"/>
      <c r="NSV656" s="613"/>
      <c r="NSW656" s="613"/>
      <c r="NSX656" s="613"/>
      <c r="NSY656" s="613"/>
      <c r="NSZ656" s="613"/>
      <c r="NTA656" s="613"/>
      <c r="NTB656" s="613"/>
      <c r="NTC656" s="613"/>
      <c r="NTD656" s="613"/>
      <c r="NTE656" s="613"/>
      <c r="NTF656" s="613"/>
      <c r="NTG656" s="613"/>
      <c r="NTH656" s="613"/>
      <c r="NTI656" s="613"/>
      <c r="NTJ656" s="613"/>
      <c r="NTK656" s="613"/>
      <c r="NTL656" s="613"/>
      <c r="NTM656" s="613"/>
      <c r="NTN656" s="613"/>
      <c r="NTO656" s="613"/>
      <c r="NTP656" s="613"/>
      <c r="NTQ656" s="613"/>
      <c r="NTR656" s="613"/>
      <c r="NTS656" s="613"/>
      <c r="NTT656" s="613"/>
      <c r="NTU656" s="613"/>
      <c r="NTV656" s="613"/>
      <c r="NTW656" s="613"/>
      <c r="NTX656" s="613"/>
      <c r="NTY656" s="613"/>
      <c r="NTZ656" s="613"/>
      <c r="NUA656" s="613"/>
      <c r="NUB656" s="613"/>
      <c r="NUC656" s="613"/>
      <c r="NUD656" s="613"/>
      <c r="NUE656" s="613"/>
      <c r="NUF656" s="613"/>
      <c r="NUG656" s="613"/>
      <c r="NUH656" s="613"/>
      <c r="NUI656" s="613"/>
      <c r="NUJ656" s="613"/>
      <c r="NUK656" s="613"/>
      <c r="NUL656" s="613"/>
      <c r="NUM656" s="613"/>
      <c r="NUN656" s="613"/>
      <c r="NUO656" s="613"/>
      <c r="NUP656" s="613"/>
      <c r="NUQ656" s="613"/>
      <c r="NUR656" s="613"/>
      <c r="NUS656" s="613"/>
      <c r="NUT656" s="613"/>
      <c r="NUU656" s="613"/>
      <c r="NUV656" s="613"/>
      <c r="NUW656" s="613"/>
      <c r="NUX656" s="613"/>
      <c r="NUY656" s="613"/>
      <c r="NUZ656" s="613"/>
      <c r="NVA656" s="613"/>
      <c r="NVB656" s="613"/>
      <c r="NVC656" s="613"/>
      <c r="NVD656" s="613"/>
      <c r="NVE656" s="613"/>
      <c r="NVF656" s="613"/>
      <c r="NVG656" s="613"/>
      <c r="NVH656" s="613"/>
      <c r="NVI656" s="613"/>
      <c r="NVJ656" s="613"/>
      <c r="NVK656" s="613"/>
      <c r="NVL656" s="613"/>
      <c r="NVM656" s="613"/>
      <c r="NVN656" s="613"/>
      <c r="NVO656" s="613"/>
      <c r="NVP656" s="613"/>
      <c r="NVQ656" s="613"/>
      <c r="NVR656" s="613"/>
      <c r="NVS656" s="613"/>
      <c r="NVT656" s="613"/>
      <c r="NVU656" s="613"/>
      <c r="NVV656" s="613"/>
      <c r="NVW656" s="613"/>
      <c r="NVX656" s="613"/>
      <c r="NVY656" s="613"/>
      <c r="NVZ656" s="613"/>
      <c r="NWA656" s="613"/>
      <c r="NWB656" s="613"/>
      <c r="NWC656" s="613"/>
      <c r="NWD656" s="613"/>
      <c r="NWE656" s="613"/>
      <c r="NWF656" s="613"/>
      <c r="NWG656" s="613"/>
      <c r="NWH656" s="613"/>
      <c r="NWI656" s="613"/>
      <c r="NWJ656" s="613"/>
      <c r="NWK656" s="613"/>
      <c r="NWL656" s="613"/>
      <c r="NWM656" s="613"/>
      <c r="NWN656" s="613"/>
      <c r="NWO656" s="613"/>
      <c r="NWP656" s="613"/>
      <c r="NWQ656" s="613"/>
      <c r="NWR656" s="613"/>
      <c r="NWS656" s="613"/>
      <c r="NWT656" s="613"/>
      <c r="NWU656" s="613"/>
      <c r="NWV656" s="613"/>
      <c r="NWW656" s="613"/>
      <c r="NWX656" s="613"/>
      <c r="NWY656" s="613"/>
      <c r="NWZ656" s="613"/>
      <c r="NXA656" s="613"/>
      <c r="NXB656" s="613"/>
      <c r="NXC656" s="613"/>
      <c r="NXD656" s="613"/>
      <c r="NXE656" s="613"/>
      <c r="NXF656" s="613"/>
      <c r="NXG656" s="613"/>
      <c r="NXH656" s="613"/>
      <c r="NXI656" s="613"/>
      <c r="NXJ656" s="613"/>
      <c r="NXK656" s="613"/>
      <c r="NXL656" s="613"/>
      <c r="NXM656" s="613"/>
      <c r="NXN656" s="613"/>
      <c r="NXO656" s="613"/>
      <c r="NXP656" s="613"/>
      <c r="NXQ656" s="613"/>
      <c r="NXR656" s="613"/>
      <c r="NXS656" s="613"/>
      <c r="NXT656" s="613"/>
      <c r="NXU656" s="613"/>
      <c r="NXV656" s="613"/>
      <c r="NXW656" s="613"/>
      <c r="NXX656" s="613"/>
      <c r="NXY656" s="613"/>
      <c r="NXZ656" s="613"/>
      <c r="NYA656" s="613"/>
      <c r="NYB656" s="613"/>
      <c r="NYC656" s="613"/>
      <c r="NYD656" s="613"/>
      <c r="NYE656" s="613"/>
      <c r="NYF656" s="613"/>
      <c r="NYG656" s="613"/>
      <c r="NYH656" s="613"/>
      <c r="NYI656" s="613"/>
      <c r="NYJ656" s="613"/>
      <c r="NYK656" s="613"/>
      <c r="NYL656" s="613"/>
      <c r="NYM656" s="613"/>
      <c r="NYN656" s="613"/>
      <c r="NYO656" s="613"/>
      <c r="NYP656" s="613"/>
      <c r="NYQ656" s="613"/>
      <c r="NYR656" s="613"/>
      <c r="NYS656" s="613"/>
      <c r="NYT656" s="613"/>
      <c r="NYU656" s="613"/>
      <c r="NYV656" s="613"/>
      <c r="NYW656" s="613"/>
      <c r="NYX656" s="613"/>
      <c r="NYY656" s="613"/>
      <c r="NYZ656" s="613"/>
      <c r="NZA656" s="613"/>
      <c r="NZB656" s="613"/>
      <c r="NZC656" s="613"/>
      <c r="NZD656" s="613"/>
      <c r="NZE656" s="613"/>
      <c r="NZF656" s="613"/>
      <c r="NZG656" s="613"/>
      <c r="NZH656" s="613"/>
      <c r="NZI656" s="613"/>
      <c r="NZJ656" s="613"/>
      <c r="NZK656" s="613"/>
      <c r="NZL656" s="613"/>
      <c r="NZM656" s="613"/>
      <c r="NZN656" s="613"/>
      <c r="NZO656" s="613"/>
      <c r="NZP656" s="613"/>
      <c r="NZQ656" s="613"/>
      <c r="NZR656" s="613"/>
      <c r="NZS656" s="613"/>
      <c r="NZT656" s="613"/>
      <c r="NZU656" s="613"/>
      <c r="NZV656" s="613"/>
      <c r="NZW656" s="613"/>
      <c r="NZX656" s="613"/>
      <c r="NZY656" s="613"/>
      <c r="NZZ656" s="613"/>
      <c r="OAA656" s="613"/>
      <c r="OAB656" s="613"/>
      <c r="OAC656" s="613"/>
      <c r="OAD656" s="613"/>
      <c r="OAE656" s="613"/>
      <c r="OAF656" s="613"/>
      <c r="OAG656" s="613"/>
      <c r="OAH656" s="613"/>
      <c r="OAI656" s="613"/>
      <c r="OAJ656" s="613"/>
      <c r="OAK656" s="613"/>
      <c r="OAL656" s="613"/>
      <c r="OAM656" s="613"/>
      <c r="OAN656" s="613"/>
      <c r="OAO656" s="613"/>
      <c r="OAP656" s="613"/>
      <c r="OAQ656" s="613"/>
      <c r="OAR656" s="613"/>
      <c r="OAS656" s="613"/>
      <c r="OAT656" s="613"/>
      <c r="OAU656" s="613"/>
      <c r="OAV656" s="613"/>
      <c r="OAW656" s="613"/>
      <c r="OAX656" s="613"/>
      <c r="OAY656" s="613"/>
      <c r="OAZ656" s="613"/>
      <c r="OBA656" s="613"/>
      <c r="OBB656" s="613"/>
      <c r="OBC656" s="613"/>
      <c r="OBD656" s="613"/>
      <c r="OBE656" s="613"/>
      <c r="OBF656" s="613"/>
      <c r="OBG656" s="613"/>
      <c r="OBH656" s="613"/>
      <c r="OBI656" s="613"/>
      <c r="OBJ656" s="613"/>
      <c r="OBK656" s="613"/>
      <c r="OBL656" s="613"/>
      <c r="OBM656" s="613"/>
      <c r="OBN656" s="613"/>
      <c r="OBO656" s="613"/>
      <c r="OBP656" s="613"/>
      <c r="OBQ656" s="613"/>
      <c r="OBR656" s="613"/>
      <c r="OBS656" s="613"/>
      <c r="OBT656" s="613"/>
      <c r="OBU656" s="613"/>
      <c r="OBV656" s="613"/>
      <c r="OBW656" s="613"/>
      <c r="OBX656" s="613"/>
      <c r="OBY656" s="613"/>
      <c r="OBZ656" s="613"/>
      <c r="OCA656" s="613"/>
      <c r="OCB656" s="613"/>
      <c r="OCC656" s="613"/>
      <c r="OCD656" s="613"/>
      <c r="OCE656" s="613"/>
      <c r="OCF656" s="613"/>
      <c r="OCG656" s="613"/>
      <c r="OCH656" s="613"/>
      <c r="OCI656" s="613"/>
      <c r="OCJ656" s="613"/>
      <c r="OCK656" s="613"/>
      <c r="OCL656" s="613"/>
      <c r="OCM656" s="613"/>
      <c r="OCN656" s="613"/>
      <c r="OCO656" s="613"/>
      <c r="OCP656" s="613"/>
      <c r="OCQ656" s="613"/>
      <c r="OCR656" s="613"/>
      <c r="OCS656" s="613"/>
      <c r="OCT656" s="613"/>
      <c r="OCU656" s="613"/>
      <c r="OCV656" s="613"/>
      <c r="OCW656" s="613"/>
      <c r="OCX656" s="613"/>
      <c r="OCY656" s="613"/>
      <c r="OCZ656" s="613"/>
      <c r="ODA656" s="613"/>
      <c r="ODB656" s="613"/>
      <c r="ODC656" s="613"/>
      <c r="ODD656" s="613"/>
      <c r="ODE656" s="613"/>
      <c r="ODF656" s="613"/>
      <c r="ODG656" s="613"/>
      <c r="ODH656" s="613"/>
      <c r="ODI656" s="613"/>
      <c r="ODJ656" s="613"/>
      <c r="ODK656" s="613"/>
      <c r="ODL656" s="613"/>
      <c r="ODM656" s="613"/>
      <c r="ODN656" s="613"/>
      <c r="ODO656" s="613"/>
      <c r="ODP656" s="613"/>
      <c r="ODQ656" s="613"/>
      <c r="ODR656" s="613"/>
      <c r="ODS656" s="613"/>
      <c r="ODT656" s="613"/>
      <c r="ODU656" s="613"/>
      <c r="ODV656" s="613"/>
      <c r="ODW656" s="613"/>
      <c r="ODX656" s="613"/>
      <c r="ODY656" s="613"/>
      <c r="ODZ656" s="613"/>
      <c r="OEA656" s="613"/>
      <c r="OEB656" s="613"/>
      <c r="OEC656" s="613"/>
      <c r="OED656" s="613"/>
      <c r="OEE656" s="613"/>
      <c r="OEF656" s="613"/>
      <c r="OEG656" s="613"/>
      <c r="OEH656" s="613"/>
      <c r="OEI656" s="613"/>
      <c r="OEJ656" s="613"/>
      <c r="OEK656" s="613"/>
      <c r="OEL656" s="613"/>
      <c r="OEM656" s="613"/>
      <c r="OEN656" s="613"/>
      <c r="OEO656" s="613"/>
      <c r="OEP656" s="613"/>
      <c r="OEQ656" s="613"/>
      <c r="OER656" s="613"/>
      <c r="OES656" s="613"/>
      <c r="OET656" s="613"/>
      <c r="OEU656" s="613"/>
      <c r="OEV656" s="613"/>
      <c r="OEW656" s="613"/>
      <c r="OEX656" s="613"/>
      <c r="OEY656" s="613"/>
      <c r="OEZ656" s="613"/>
      <c r="OFA656" s="613"/>
      <c r="OFB656" s="613"/>
      <c r="OFC656" s="613"/>
      <c r="OFD656" s="613"/>
      <c r="OFE656" s="613"/>
      <c r="OFF656" s="613"/>
      <c r="OFG656" s="613"/>
      <c r="OFH656" s="613"/>
      <c r="OFI656" s="613"/>
      <c r="OFJ656" s="613"/>
      <c r="OFK656" s="613"/>
      <c r="OFL656" s="613"/>
      <c r="OFM656" s="613"/>
      <c r="OFN656" s="613"/>
      <c r="OFO656" s="613"/>
      <c r="OFP656" s="613"/>
      <c r="OFQ656" s="613"/>
      <c r="OFR656" s="613"/>
      <c r="OFS656" s="613"/>
      <c r="OFT656" s="613"/>
      <c r="OFU656" s="613"/>
      <c r="OFV656" s="613"/>
      <c r="OFW656" s="613"/>
      <c r="OFX656" s="613"/>
      <c r="OFY656" s="613"/>
      <c r="OFZ656" s="613"/>
      <c r="OGA656" s="613"/>
      <c r="OGB656" s="613"/>
      <c r="OGC656" s="613"/>
      <c r="OGD656" s="613"/>
      <c r="OGE656" s="613"/>
      <c r="OGF656" s="613"/>
      <c r="OGG656" s="613"/>
      <c r="OGH656" s="613"/>
      <c r="OGI656" s="613"/>
      <c r="OGJ656" s="613"/>
      <c r="OGK656" s="613"/>
      <c r="OGL656" s="613"/>
      <c r="OGM656" s="613"/>
      <c r="OGN656" s="613"/>
      <c r="OGO656" s="613"/>
      <c r="OGP656" s="613"/>
      <c r="OGQ656" s="613"/>
      <c r="OGR656" s="613"/>
      <c r="OGS656" s="613"/>
      <c r="OGT656" s="613"/>
      <c r="OGU656" s="613"/>
      <c r="OGV656" s="613"/>
      <c r="OGW656" s="613"/>
      <c r="OGX656" s="613"/>
      <c r="OGY656" s="613"/>
      <c r="OGZ656" s="613"/>
      <c r="OHA656" s="613"/>
      <c r="OHB656" s="613"/>
      <c r="OHC656" s="613"/>
      <c r="OHD656" s="613"/>
      <c r="OHE656" s="613"/>
      <c r="OHF656" s="613"/>
      <c r="OHG656" s="613"/>
      <c r="OHH656" s="613"/>
      <c r="OHI656" s="613"/>
      <c r="OHJ656" s="613"/>
      <c r="OHK656" s="613"/>
      <c r="OHL656" s="613"/>
      <c r="OHM656" s="613"/>
      <c r="OHN656" s="613"/>
      <c r="OHO656" s="613"/>
      <c r="OHP656" s="613"/>
      <c r="OHQ656" s="613"/>
      <c r="OHR656" s="613"/>
      <c r="OHS656" s="613"/>
      <c r="OHT656" s="613"/>
      <c r="OHU656" s="613"/>
      <c r="OHV656" s="613"/>
      <c r="OHW656" s="613"/>
      <c r="OHX656" s="613"/>
      <c r="OHY656" s="613"/>
      <c r="OHZ656" s="613"/>
      <c r="OIA656" s="613"/>
      <c r="OIB656" s="613"/>
      <c r="OIC656" s="613"/>
      <c r="OID656" s="613"/>
      <c r="OIE656" s="613"/>
      <c r="OIF656" s="613"/>
      <c r="OIG656" s="613"/>
      <c r="OIH656" s="613"/>
      <c r="OII656" s="613"/>
      <c r="OIJ656" s="613"/>
      <c r="OIK656" s="613"/>
      <c r="OIL656" s="613"/>
      <c r="OIM656" s="613"/>
      <c r="OIN656" s="613"/>
      <c r="OIO656" s="613"/>
      <c r="OIP656" s="613"/>
      <c r="OIQ656" s="613"/>
      <c r="OIR656" s="613"/>
      <c r="OIS656" s="613"/>
      <c r="OIT656" s="613"/>
      <c r="OIU656" s="613"/>
      <c r="OIV656" s="613"/>
      <c r="OIW656" s="613"/>
      <c r="OIX656" s="613"/>
      <c r="OIY656" s="613"/>
      <c r="OIZ656" s="613"/>
      <c r="OJA656" s="613"/>
      <c r="OJB656" s="613"/>
      <c r="OJC656" s="613"/>
      <c r="OJD656" s="613"/>
      <c r="OJE656" s="613"/>
      <c r="OJF656" s="613"/>
      <c r="OJG656" s="613"/>
      <c r="OJH656" s="613"/>
      <c r="OJI656" s="613"/>
      <c r="OJJ656" s="613"/>
      <c r="OJK656" s="613"/>
      <c r="OJL656" s="613"/>
      <c r="OJM656" s="613"/>
      <c r="OJN656" s="613"/>
      <c r="OJO656" s="613"/>
      <c r="OJP656" s="613"/>
      <c r="OJQ656" s="613"/>
      <c r="OJR656" s="613"/>
      <c r="OJS656" s="613"/>
      <c r="OJT656" s="613"/>
      <c r="OJU656" s="613"/>
      <c r="OJV656" s="613"/>
      <c r="OJW656" s="613"/>
      <c r="OJX656" s="613"/>
      <c r="OJY656" s="613"/>
      <c r="OJZ656" s="613"/>
      <c r="OKA656" s="613"/>
      <c r="OKB656" s="613"/>
      <c r="OKC656" s="613"/>
      <c r="OKD656" s="613"/>
      <c r="OKE656" s="613"/>
      <c r="OKF656" s="613"/>
      <c r="OKG656" s="613"/>
      <c r="OKH656" s="613"/>
      <c r="OKI656" s="613"/>
      <c r="OKJ656" s="613"/>
      <c r="OKK656" s="613"/>
      <c r="OKL656" s="613"/>
      <c r="OKM656" s="613"/>
      <c r="OKN656" s="613"/>
      <c r="OKO656" s="613"/>
      <c r="OKP656" s="613"/>
      <c r="OKQ656" s="613"/>
      <c r="OKR656" s="613"/>
      <c r="OKS656" s="613"/>
      <c r="OKT656" s="613"/>
      <c r="OKU656" s="613"/>
      <c r="OKV656" s="613"/>
      <c r="OKW656" s="613"/>
      <c r="OKX656" s="613"/>
      <c r="OKY656" s="613"/>
      <c r="OKZ656" s="613"/>
      <c r="OLA656" s="613"/>
      <c r="OLB656" s="613"/>
      <c r="OLC656" s="613"/>
      <c r="OLD656" s="613"/>
      <c r="OLE656" s="613"/>
      <c r="OLF656" s="613"/>
      <c r="OLG656" s="613"/>
      <c r="OLH656" s="613"/>
      <c r="OLI656" s="613"/>
      <c r="OLJ656" s="613"/>
      <c r="OLK656" s="613"/>
      <c r="OLL656" s="613"/>
      <c r="OLM656" s="613"/>
      <c r="OLN656" s="613"/>
      <c r="OLO656" s="613"/>
      <c r="OLP656" s="613"/>
      <c r="OLQ656" s="613"/>
      <c r="OLR656" s="613"/>
      <c r="OLS656" s="613"/>
      <c r="OLT656" s="613"/>
      <c r="OLU656" s="613"/>
      <c r="OLV656" s="613"/>
      <c r="OLW656" s="613"/>
      <c r="OLX656" s="613"/>
      <c r="OLY656" s="613"/>
      <c r="OLZ656" s="613"/>
      <c r="OMA656" s="613"/>
      <c r="OMB656" s="613"/>
      <c r="OMC656" s="613"/>
      <c r="OMD656" s="613"/>
      <c r="OME656" s="613"/>
      <c r="OMF656" s="613"/>
      <c r="OMG656" s="613"/>
      <c r="OMH656" s="613"/>
      <c r="OMI656" s="613"/>
      <c r="OMJ656" s="613"/>
      <c r="OMK656" s="613"/>
      <c r="OML656" s="613"/>
      <c r="OMM656" s="613"/>
      <c r="OMN656" s="613"/>
      <c r="OMO656" s="613"/>
      <c r="OMP656" s="613"/>
      <c r="OMQ656" s="613"/>
      <c r="OMR656" s="613"/>
      <c r="OMS656" s="613"/>
      <c r="OMT656" s="613"/>
      <c r="OMU656" s="613"/>
      <c r="OMV656" s="613"/>
      <c r="OMW656" s="613"/>
      <c r="OMX656" s="613"/>
      <c r="OMY656" s="613"/>
      <c r="OMZ656" s="613"/>
      <c r="ONA656" s="613"/>
      <c r="ONB656" s="613"/>
      <c r="ONC656" s="613"/>
      <c r="OND656" s="613"/>
      <c r="ONE656" s="613"/>
      <c r="ONF656" s="613"/>
      <c r="ONG656" s="613"/>
      <c r="ONH656" s="613"/>
      <c r="ONI656" s="613"/>
      <c r="ONJ656" s="613"/>
      <c r="ONK656" s="613"/>
      <c r="ONL656" s="613"/>
      <c r="ONM656" s="613"/>
      <c r="ONN656" s="613"/>
      <c r="ONO656" s="613"/>
      <c r="ONP656" s="613"/>
      <c r="ONQ656" s="613"/>
      <c r="ONR656" s="613"/>
      <c r="ONS656" s="613"/>
      <c r="ONT656" s="613"/>
      <c r="ONU656" s="613"/>
      <c r="ONV656" s="613"/>
      <c r="ONW656" s="613"/>
      <c r="ONX656" s="613"/>
      <c r="ONY656" s="613"/>
      <c r="ONZ656" s="613"/>
      <c r="OOA656" s="613"/>
      <c r="OOB656" s="613"/>
      <c r="OOC656" s="613"/>
      <c r="OOD656" s="613"/>
      <c r="OOE656" s="613"/>
      <c r="OOF656" s="613"/>
      <c r="OOG656" s="613"/>
      <c r="OOH656" s="613"/>
      <c r="OOI656" s="613"/>
      <c r="OOJ656" s="613"/>
      <c r="OOK656" s="613"/>
      <c r="OOL656" s="613"/>
      <c r="OOM656" s="613"/>
      <c r="OON656" s="613"/>
      <c r="OOO656" s="613"/>
      <c r="OOP656" s="613"/>
      <c r="OOQ656" s="613"/>
      <c r="OOR656" s="613"/>
      <c r="OOS656" s="613"/>
      <c r="OOT656" s="613"/>
      <c r="OOU656" s="613"/>
      <c r="OOV656" s="613"/>
      <c r="OOW656" s="613"/>
      <c r="OOX656" s="613"/>
      <c r="OOY656" s="613"/>
      <c r="OOZ656" s="613"/>
      <c r="OPA656" s="613"/>
      <c r="OPB656" s="613"/>
      <c r="OPC656" s="613"/>
      <c r="OPD656" s="613"/>
      <c r="OPE656" s="613"/>
      <c r="OPF656" s="613"/>
      <c r="OPG656" s="613"/>
      <c r="OPH656" s="613"/>
      <c r="OPI656" s="613"/>
      <c r="OPJ656" s="613"/>
      <c r="OPK656" s="613"/>
      <c r="OPL656" s="613"/>
      <c r="OPM656" s="613"/>
      <c r="OPN656" s="613"/>
      <c r="OPO656" s="613"/>
      <c r="OPP656" s="613"/>
      <c r="OPQ656" s="613"/>
      <c r="OPR656" s="613"/>
      <c r="OPS656" s="613"/>
      <c r="OPT656" s="613"/>
      <c r="OPU656" s="613"/>
      <c r="OPV656" s="613"/>
      <c r="OPW656" s="613"/>
      <c r="OPX656" s="613"/>
      <c r="OPY656" s="613"/>
      <c r="OPZ656" s="613"/>
      <c r="OQA656" s="613"/>
      <c r="OQB656" s="613"/>
      <c r="OQC656" s="613"/>
      <c r="OQD656" s="613"/>
      <c r="OQE656" s="613"/>
      <c r="OQF656" s="613"/>
      <c r="OQG656" s="613"/>
      <c r="OQH656" s="613"/>
      <c r="OQI656" s="613"/>
      <c r="OQJ656" s="613"/>
      <c r="OQK656" s="613"/>
      <c r="OQL656" s="613"/>
      <c r="OQM656" s="613"/>
      <c r="OQN656" s="613"/>
      <c r="OQO656" s="613"/>
      <c r="OQP656" s="613"/>
      <c r="OQQ656" s="613"/>
      <c r="OQR656" s="613"/>
      <c r="OQS656" s="613"/>
      <c r="OQT656" s="613"/>
      <c r="OQU656" s="613"/>
      <c r="OQV656" s="613"/>
      <c r="OQW656" s="613"/>
      <c r="OQX656" s="613"/>
      <c r="OQY656" s="613"/>
      <c r="OQZ656" s="613"/>
      <c r="ORA656" s="613"/>
      <c r="ORB656" s="613"/>
      <c r="ORC656" s="613"/>
      <c r="ORD656" s="613"/>
      <c r="ORE656" s="613"/>
      <c r="ORF656" s="613"/>
      <c r="ORG656" s="613"/>
      <c r="ORH656" s="613"/>
      <c r="ORI656" s="613"/>
      <c r="ORJ656" s="613"/>
      <c r="ORK656" s="613"/>
      <c r="ORL656" s="613"/>
      <c r="ORM656" s="613"/>
      <c r="ORN656" s="613"/>
      <c r="ORO656" s="613"/>
      <c r="ORP656" s="613"/>
      <c r="ORQ656" s="613"/>
      <c r="ORR656" s="613"/>
      <c r="ORS656" s="613"/>
      <c r="ORT656" s="613"/>
      <c r="ORU656" s="613"/>
      <c r="ORV656" s="613"/>
      <c r="ORW656" s="613"/>
      <c r="ORX656" s="613"/>
      <c r="ORY656" s="613"/>
      <c r="ORZ656" s="613"/>
      <c r="OSA656" s="613"/>
      <c r="OSB656" s="613"/>
      <c r="OSC656" s="613"/>
      <c r="OSD656" s="613"/>
      <c r="OSE656" s="613"/>
      <c r="OSF656" s="613"/>
      <c r="OSG656" s="613"/>
      <c r="OSH656" s="613"/>
      <c r="OSI656" s="613"/>
      <c r="OSJ656" s="613"/>
      <c r="OSK656" s="613"/>
      <c r="OSL656" s="613"/>
      <c r="OSM656" s="613"/>
      <c r="OSN656" s="613"/>
      <c r="OSO656" s="613"/>
      <c r="OSP656" s="613"/>
      <c r="OSQ656" s="613"/>
      <c r="OSR656" s="613"/>
      <c r="OSS656" s="613"/>
      <c r="OST656" s="613"/>
      <c r="OSU656" s="613"/>
      <c r="OSV656" s="613"/>
      <c r="OSW656" s="613"/>
      <c r="OSX656" s="613"/>
      <c r="OSY656" s="613"/>
      <c r="OSZ656" s="613"/>
      <c r="OTA656" s="613"/>
      <c r="OTB656" s="613"/>
      <c r="OTC656" s="613"/>
      <c r="OTD656" s="613"/>
      <c r="OTE656" s="613"/>
      <c r="OTF656" s="613"/>
      <c r="OTG656" s="613"/>
      <c r="OTH656" s="613"/>
      <c r="OTI656" s="613"/>
      <c r="OTJ656" s="613"/>
      <c r="OTK656" s="613"/>
      <c r="OTL656" s="613"/>
      <c r="OTM656" s="613"/>
      <c r="OTN656" s="613"/>
      <c r="OTO656" s="613"/>
      <c r="OTP656" s="613"/>
      <c r="OTQ656" s="613"/>
      <c r="OTR656" s="613"/>
      <c r="OTS656" s="613"/>
      <c r="OTT656" s="613"/>
      <c r="OTU656" s="613"/>
      <c r="OTV656" s="613"/>
      <c r="OTW656" s="613"/>
      <c r="OTX656" s="613"/>
      <c r="OTY656" s="613"/>
      <c r="OTZ656" s="613"/>
      <c r="OUA656" s="613"/>
      <c r="OUB656" s="613"/>
      <c r="OUC656" s="613"/>
      <c r="OUD656" s="613"/>
      <c r="OUE656" s="613"/>
      <c r="OUF656" s="613"/>
      <c r="OUG656" s="613"/>
      <c r="OUH656" s="613"/>
      <c r="OUI656" s="613"/>
      <c r="OUJ656" s="613"/>
      <c r="OUK656" s="613"/>
      <c r="OUL656" s="613"/>
      <c r="OUM656" s="613"/>
      <c r="OUN656" s="613"/>
      <c r="OUO656" s="613"/>
      <c r="OUP656" s="613"/>
      <c r="OUQ656" s="613"/>
      <c r="OUR656" s="613"/>
      <c r="OUS656" s="613"/>
      <c r="OUT656" s="613"/>
      <c r="OUU656" s="613"/>
      <c r="OUV656" s="613"/>
      <c r="OUW656" s="613"/>
      <c r="OUX656" s="613"/>
      <c r="OUY656" s="613"/>
      <c r="OUZ656" s="613"/>
      <c r="OVA656" s="613"/>
      <c r="OVB656" s="613"/>
      <c r="OVC656" s="613"/>
      <c r="OVD656" s="613"/>
      <c r="OVE656" s="613"/>
      <c r="OVF656" s="613"/>
      <c r="OVG656" s="613"/>
      <c r="OVH656" s="613"/>
      <c r="OVI656" s="613"/>
      <c r="OVJ656" s="613"/>
      <c r="OVK656" s="613"/>
      <c r="OVL656" s="613"/>
      <c r="OVM656" s="613"/>
      <c r="OVN656" s="613"/>
      <c r="OVO656" s="613"/>
      <c r="OVP656" s="613"/>
      <c r="OVQ656" s="613"/>
      <c r="OVR656" s="613"/>
      <c r="OVS656" s="613"/>
      <c r="OVT656" s="613"/>
      <c r="OVU656" s="613"/>
      <c r="OVV656" s="613"/>
      <c r="OVW656" s="613"/>
      <c r="OVX656" s="613"/>
      <c r="OVY656" s="613"/>
      <c r="OVZ656" s="613"/>
      <c r="OWA656" s="613"/>
      <c r="OWB656" s="613"/>
      <c r="OWC656" s="613"/>
      <c r="OWD656" s="613"/>
      <c r="OWE656" s="613"/>
      <c r="OWF656" s="613"/>
      <c r="OWG656" s="613"/>
      <c r="OWH656" s="613"/>
      <c r="OWI656" s="613"/>
      <c r="OWJ656" s="613"/>
      <c r="OWK656" s="613"/>
      <c r="OWL656" s="613"/>
      <c r="OWM656" s="613"/>
      <c r="OWN656" s="613"/>
      <c r="OWO656" s="613"/>
      <c r="OWP656" s="613"/>
      <c r="OWQ656" s="613"/>
      <c r="OWR656" s="613"/>
      <c r="OWS656" s="613"/>
      <c r="OWT656" s="613"/>
      <c r="OWU656" s="613"/>
      <c r="OWV656" s="613"/>
      <c r="OWW656" s="613"/>
      <c r="OWX656" s="613"/>
      <c r="OWY656" s="613"/>
      <c r="OWZ656" s="613"/>
      <c r="OXA656" s="613"/>
      <c r="OXB656" s="613"/>
      <c r="OXC656" s="613"/>
      <c r="OXD656" s="613"/>
      <c r="OXE656" s="613"/>
      <c r="OXF656" s="613"/>
      <c r="OXG656" s="613"/>
      <c r="OXH656" s="613"/>
      <c r="OXI656" s="613"/>
      <c r="OXJ656" s="613"/>
      <c r="OXK656" s="613"/>
      <c r="OXL656" s="613"/>
      <c r="OXM656" s="613"/>
      <c r="OXN656" s="613"/>
      <c r="OXO656" s="613"/>
      <c r="OXP656" s="613"/>
      <c r="OXQ656" s="613"/>
      <c r="OXR656" s="613"/>
      <c r="OXS656" s="613"/>
      <c r="OXT656" s="613"/>
      <c r="OXU656" s="613"/>
      <c r="OXV656" s="613"/>
      <c r="OXW656" s="613"/>
      <c r="OXX656" s="613"/>
      <c r="OXY656" s="613"/>
      <c r="OXZ656" s="613"/>
      <c r="OYA656" s="613"/>
      <c r="OYB656" s="613"/>
      <c r="OYC656" s="613"/>
      <c r="OYD656" s="613"/>
      <c r="OYE656" s="613"/>
      <c r="OYF656" s="613"/>
      <c r="OYG656" s="613"/>
      <c r="OYH656" s="613"/>
      <c r="OYI656" s="613"/>
      <c r="OYJ656" s="613"/>
      <c r="OYK656" s="613"/>
      <c r="OYL656" s="613"/>
      <c r="OYM656" s="613"/>
      <c r="OYN656" s="613"/>
      <c r="OYO656" s="613"/>
      <c r="OYP656" s="613"/>
      <c r="OYQ656" s="613"/>
      <c r="OYR656" s="613"/>
      <c r="OYS656" s="613"/>
      <c r="OYT656" s="613"/>
      <c r="OYU656" s="613"/>
      <c r="OYV656" s="613"/>
      <c r="OYW656" s="613"/>
      <c r="OYX656" s="613"/>
      <c r="OYY656" s="613"/>
      <c r="OYZ656" s="613"/>
      <c r="OZA656" s="613"/>
      <c r="OZB656" s="613"/>
      <c r="OZC656" s="613"/>
      <c r="OZD656" s="613"/>
      <c r="OZE656" s="613"/>
      <c r="OZF656" s="613"/>
      <c r="OZG656" s="613"/>
      <c r="OZH656" s="613"/>
      <c r="OZI656" s="613"/>
      <c r="OZJ656" s="613"/>
      <c r="OZK656" s="613"/>
      <c r="OZL656" s="613"/>
      <c r="OZM656" s="613"/>
      <c r="OZN656" s="613"/>
      <c r="OZO656" s="613"/>
      <c r="OZP656" s="613"/>
      <c r="OZQ656" s="613"/>
      <c r="OZR656" s="613"/>
      <c r="OZS656" s="613"/>
      <c r="OZT656" s="613"/>
      <c r="OZU656" s="613"/>
      <c r="OZV656" s="613"/>
      <c r="OZW656" s="613"/>
      <c r="OZX656" s="613"/>
      <c r="OZY656" s="613"/>
      <c r="OZZ656" s="613"/>
      <c r="PAA656" s="613"/>
      <c r="PAB656" s="613"/>
      <c r="PAC656" s="613"/>
      <c r="PAD656" s="613"/>
      <c r="PAE656" s="613"/>
      <c r="PAF656" s="613"/>
      <c r="PAG656" s="613"/>
      <c r="PAH656" s="613"/>
      <c r="PAI656" s="613"/>
      <c r="PAJ656" s="613"/>
      <c r="PAK656" s="613"/>
      <c r="PAL656" s="613"/>
      <c r="PAM656" s="613"/>
      <c r="PAN656" s="613"/>
      <c r="PAO656" s="613"/>
      <c r="PAP656" s="613"/>
      <c r="PAQ656" s="613"/>
      <c r="PAR656" s="613"/>
      <c r="PAS656" s="613"/>
      <c r="PAT656" s="613"/>
      <c r="PAU656" s="613"/>
      <c r="PAV656" s="613"/>
      <c r="PAW656" s="613"/>
      <c r="PAX656" s="613"/>
      <c r="PAY656" s="613"/>
      <c r="PAZ656" s="613"/>
      <c r="PBA656" s="613"/>
      <c r="PBB656" s="613"/>
      <c r="PBC656" s="613"/>
      <c r="PBD656" s="613"/>
      <c r="PBE656" s="613"/>
      <c r="PBF656" s="613"/>
      <c r="PBG656" s="613"/>
      <c r="PBH656" s="613"/>
      <c r="PBI656" s="613"/>
      <c r="PBJ656" s="613"/>
      <c r="PBK656" s="613"/>
      <c r="PBL656" s="613"/>
      <c r="PBM656" s="613"/>
      <c r="PBN656" s="613"/>
      <c r="PBO656" s="613"/>
      <c r="PBP656" s="613"/>
      <c r="PBQ656" s="613"/>
      <c r="PBR656" s="613"/>
      <c r="PBS656" s="613"/>
      <c r="PBT656" s="613"/>
      <c r="PBU656" s="613"/>
      <c r="PBV656" s="613"/>
      <c r="PBW656" s="613"/>
      <c r="PBX656" s="613"/>
      <c r="PBY656" s="613"/>
      <c r="PBZ656" s="613"/>
      <c r="PCA656" s="613"/>
      <c r="PCB656" s="613"/>
      <c r="PCC656" s="613"/>
      <c r="PCD656" s="613"/>
      <c r="PCE656" s="613"/>
      <c r="PCF656" s="613"/>
      <c r="PCG656" s="613"/>
      <c r="PCH656" s="613"/>
      <c r="PCI656" s="613"/>
      <c r="PCJ656" s="613"/>
      <c r="PCK656" s="613"/>
      <c r="PCL656" s="613"/>
      <c r="PCM656" s="613"/>
      <c r="PCN656" s="613"/>
      <c r="PCO656" s="613"/>
      <c r="PCP656" s="613"/>
      <c r="PCQ656" s="613"/>
      <c r="PCR656" s="613"/>
      <c r="PCS656" s="613"/>
      <c r="PCT656" s="613"/>
      <c r="PCU656" s="613"/>
      <c r="PCV656" s="613"/>
      <c r="PCW656" s="613"/>
      <c r="PCX656" s="613"/>
      <c r="PCY656" s="613"/>
      <c r="PCZ656" s="613"/>
      <c r="PDA656" s="613"/>
      <c r="PDB656" s="613"/>
      <c r="PDC656" s="613"/>
      <c r="PDD656" s="613"/>
      <c r="PDE656" s="613"/>
      <c r="PDF656" s="613"/>
      <c r="PDG656" s="613"/>
      <c r="PDH656" s="613"/>
      <c r="PDI656" s="613"/>
      <c r="PDJ656" s="613"/>
      <c r="PDK656" s="613"/>
      <c r="PDL656" s="613"/>
      <c r="PDM656" s="613"/>
      <c r="PDN656" s="613"/>
      <c r="PDO656" s="613"/>
      <c r="PDP656" s="613"/>
      <c r="PDQ656" s="613"/>
      <c r="PDR656" s="613"/>
      <c r="PDS656" s="613"/>
      <c r="PDT656" s="613"/>
      <c r="PDU656" s="613"/>
      <c r="PDV656" s="613"/>
      <c r="PDW656" s="613"/>
      <c r="PDX656" s="613"/>
      <c r="PDY656" s="613"/>
      <c r="PDZ656" s="613"/>
      <c r="PEA656" s="613"/>
      <c r="PEB656" s="613"/>
      <c r="PEC656" s="613"/>
      <c r="PED656" s="613"/>
      <c r="PEE656" s="613"/>
      <c r="PEF656" s="613"/>
      <c r="PEG656" s="613"/>
      <c r="PEH656" s="613"/>
      <c r="PEI656" s="613"/>
      <c r="PEJ656" s="613"/>
      <c r="PEK656" s="613"/>
      <c r="PEL656" s="613"/>
      <c r="PEM656" s="613"/>
      <c r="PEN656" s="613"/>
      <c r="PEO656" s="613"/>
      <c r="PEP656" s="613"/>
      <c r="PEQ656" s="613"/>
      <c r="PER656" s="613"/>
      <c r="PES656" s="613"/>
      <c r="PET656" s="613"/>
      <c r="PEU656" s="613"/>
      <c r="PEV656" s="613"/>
      <c r="PEW656" s="613"/>
      <c r="PEX656" s="613"/>
      <c r="PEY656" s="613"/>
      <c r="PEZ656" s="613"/>
      <c r="PFA656" s="613"/>
      <c r="PFB656" s="613"/>
      <c r="PFC656" s="613"/>
      <c r="PFD656" s="613"/>
      <c r="PFE656" s="613"/>
      <c r="PFF656" s="613"/>
      <c r="PFG656" s="613"/>
      <c r="PFH656" s="613"/>
      <c r="PFI656" s="613"/>
      <c r="PFJ656" s="613"/>
      <c r="PFK656" s="613"/>
      <c r="PFL656" s="613"/>
      <c r="PFM656" s="613"/>
      <c r="PFN656" s="613"/>
      <c r="PFO656" s="613"/>
      <c r="PFP656" s="613"/>
      <c r="PFQ656" s="613"/>
      <c r="PFR656" s="613"/>
      <c r="PFS656" s="613"/>
      <c r="PFT656" s="613"/>
      <c r="PFU656" s="613"/>
      <c r="PFV656" s="613"/>
      <c r="PFW656" s="613"/>
      <c r="PFX656" s="613"/>
      <c r="PFY656" s="613"/>
      <c r="PFZ656" s="613"/>
      <c r="PGA656" s="613"/>
      <c r="PGB656" s="613"/>
      <c r="PGC656" s="613"/>
      <c r="PGD656" s="613"/>
      <c r="PGE656" s="613"/>
      <c r="PGF656" s="613"/>
      <c r="PGG656" s="613"/>
      <c r="PGH656" s="613"/>
      <c r="PGI656" s="613"/>
      <c r="PGJ656" s="613"/>
      <c r="PGK656" s="613"/>
      <c r="PGL656" s="613"/>
      <c r="PGM656" s="613"/>
      <c r="PGN656" s="613"/>
      <c r="PGO656" s="613"/>
      <c r="PGP656" s="613"/>
      <c r="PGQ656" s="613"/>
      <c r="PGR656" s="613"/>
      <c r="PGS656" s="613"/>
      <c r="PGT656" s="613"/>
      <c r="PGU656" s="613"/>
      <c r="PGV656" s="613"/>
      <c r="PGW656" s="613"/>
      <c r="PGX656" s="613"/>
      <c r="PGY656" s="613"/>
      <c r="PGZ656" s="613"/>
      <c r="PHA656" s="613"/>
      <c r="PHB656" s="613"/>
      <c r="PHC656" s="613"/>
      <c r="PHD656" s="613"/>
      <c r="PHE656" s="613"/>
      <c r="PHF656" s="613"/>
      <c r="PHG656" s="613"/>
      <c r="PHH656" s="613"/>
      <c r="PHI656" s="613"/>
      <c r="PHJ656" s="613"/>
      <c r="PHK656" s="613"/>
      <c r="PHL656" s="613"/>
      <c r="PHM656" s="613"/>
      <c r="PHN656" s="613"/>
      <c r="PHO656" s="613"/>
      <c r="PHP656" s="613"/>
      <c r="PHQ656" s="613"/>
      <c r="PHR656" s="613"/>
      <c r="PHS656" s="613"/>
      <c r="PHT656" s="613"/>
      <c r="PHU656" s="613"/>
      <c r="PHV656" s="613"/>
      <c r="PHW656" s="613"/>
      <c r="PHX656" s="613"/>
      <c r="PHY656" s="613"/>
      <c r="PHZ656" s="613"/>
      <c r="PIA656" s="613"/>
      <c r="PIB656" s="613"/>
      <c r="PIC656" s="613"/>
      <c r="PID656" s="613"/>
      <c r="PIE656" s="613"/>
      <c r="PIF656" s="613"/>
      <c r="PIG656" s="613"/>
      <c r="PIH656" s="613"/>
      <c r="PII656" s="613"/>
      <c r="PIJ656" s="613"/>
      <c r="PIK656" s="613"/>
      <c r="PIL656" s="613"/>
      <c r="PIM656" s="613"/>
      <c r="PIN656" s="613"/>
      <c r="PIO656" s="613"/>
      <c r="PIP656" s="613"/>
      <c r="PIQ656" s="613"/>
      <c r="PIR656" s="613"/>
      <c r="PIS656" s="613"/>
      <c r="PIT656" s="613"/>
      <c r="PIU656" s="613"/>
      <c r="PIV656" s="613"/>
      <c r="PIW656" s="613"/>
      <c r="PIX656" s="613"/>
      <c r="PIY656" s="613"/>
      <c r="PIZ656" s="613"/>
      <c r="PJA656" s="613"/>
      <c r="PJB656" s="613"/>
      <c r="PJC656" s="613"/>
      <c r="PJD656" s="613"/>
      <c r="PJE656" s="613"/>
      <c r="PJF656" s="613"/>
      <c r="PJG656" s="613"/>
      <c r="PJH656" s="613"/>
      <c r="PJI656" s="613"/>
      <c r="PJJ656" s="613"/>
      <c r="PJK656" s="613"/>
      <c r="PJL656" s="613"/>
      <c r="PJM656" s="613"/>
      <c r="PJN656" s="613"/>
      <c r="PJO656" s="613"/>
      <c r="PJP656" s="613"/>
      <c r="PJQ656" s="613"/>
      <c r="PJR656" s="613"/>
      <c r="PJS656" s="613"/>
      <c r="PJT656" s="613"/>
      <c r="PJU656" s="613"/>
      <c r="PJV656" s="613"/>
      <c r="PJW656" s="613"/>
      <c r="PJX656" s="613"/>
      <c r="PJY656" s="613"/>
      <c r="PJZ656" s="613"/>
      <c r="PKA656" s="613"/>
      <c r="PKB656" s="613"/>
      <c r="PKC656" s="613"/>
      <c r="PKD656" s="613"/>
      <c r="PKE656" s="613"/>
      <c r="PKF656" s="613"/>
      <c r="PKG656" s="613"/>
      <c r="PKH656" s="613"/>
      <c r="PKI656" s="613"/>
      <c r="PKJ656" s="613"/>
      <c r="PKK656" s="613"/>
      <c r="PKL656" s="613"/>
      <c r="PKM656" s="613"/>
      <c r="PKN656" s="613"/>
      <c r="PKO656" s="613"/>
      <c r="PKP656" s="613"/>
      <c r="PKQ656" s="613"/>
      <c r="PKR656" s="613"/>
      <c r="PKS656" s="613"/>
      <c r="PKT656" s="613"/>
      <c r="PKU656" s="613"/>
      <c r="PKV656" s="613"/>
      <c r="PKW656" s="613"/>
      <c r="PKX656" s="613"/>
      <c r="PKY656" s="613"/>
      <c r="PKZ656" s="613"/>
      <c r="PLA656" s="613"/>
      <c r="PLB656" s="613"/>
      <c r="PLC656" s="613"/>
      <c r="PLD656" s="613"/>
      <c r="PLE656" s="613"/>
      <c r="PLF656" s="613"/>
      <c r="PLG656" s="613"/>
      <c r="PLH656" s="613"/>
      <c r="PLI656" s="613"/>
      <c r="PLJ656" s="613"/>
      <c r="PLK656" s="613"/>
      <c r="PLL656" s="613"/>
      <c r="PLM656" s="613"/>
      <c r="PLN656" s="613"/>
      <c r="PLO656" s="613"/>
      <c r="PLP656" s="613"/>
      <c r="PLQ656" s="613"/>
      <c r="PLR656" s="613"/>
      <c r="PLS656" s="613"/>
      <c r="PLT656" s="613"/>
      <c r="PLU656" s="613"/>
      <c r="PLV656" s="613"/>
      <c r="PLW656" s="613"/>
      <c r="PLX656" s="613"/>
      <c r="PLY656" s="613"/>
      <c r="PLZ656" s="613"/>
      <c r="PMA656" s="613"/>
      <c r="PMB656" s="613"/>
      <c r="PMC656" s="613"/>
      <c r="PMD656" s="613"/>
      <c r="PME656" s="613"/>
      <c r="PMF656" s="613"/>
      <c r="PMG656" s="613"/>
      <c r="PMH656" s="613"/>
      <c r="PMI656" s="613"/>
      <c r="PMJ656" s="613"/>
      <c r="PMK656" s="613"/>
      <c r="PML656" s="613"/>
      <c r="PMM656" s="613"/>
      <c r="PMN656" s="613"/>
      <c r="PMO656" s="613"/>
      <c r="PMP656" s="613"/>
      <c r="PMQ656" s="613"/>
      <c r="PMR656" s="613"/>
      <c r="PMS656" s="613"/>
      <c r="PMT656" s="613"/>
      <c r="PMU656" s="613"/>
      <c r="PMV656" s="613"/>
      <c r="PMW656" s="613"/>
      <c r="PMX656" s="613"/>
      <c r="PMY656" s="613"/>
      <c r="PMZ656" s="613"/>
      <c r="PNA656" s="613"/>
      <c r="PNB656" s="613"/>
      <c r="PNC656" s="613"/>
      <c r="PND656" s="613"/>
      <c r="PNE656" s="613"/>
      <c r="PNF656" s="613"/>
      <c r="PNG656" s="613"/>
      <c r="PNH656" s="613"/>
      <c r="PNI656" s="613"/>
      <c r="PNJ656" s="613"/>
      <c r="PNK656" s="613"/>
      <c r="PNL656" s="613"/>
      <c r="PNM656" s="613"/>
      <c r="PNN656" s="613"/>
      <c r="PNO656" s="613"/>
      <c r="PNP656" s="613"/>
      <c r="PNQ656" s="613"/>
      <c r="PNR656" s="613"/>
      <c r="PNS656" s="613"/>
      <c r="PNT656" s="613"/>
      <c r="PNU656" s="613"/>
      <c r="PNV656" s="613"/>
      <c r="PNW656" s="613"/>
      <c r="PNX656" s="613"/>
      <c r="PNY656" s="613"/>
      <c r="PNZ656" s="613"/>
      <c r="POA656" s="613"/>
      <c r="POB656" s="613"/>
      <c r="POC656" s="613"/>
      <c r="POD656" s="613"/>
      <c r="POE656" s="613"/>
      <c r="POF656" s="613"/>
      <c r="POG656" s="613"/>
      <c r="POH656" s="613"/>
      <c r="POI656" s="613"/>
      <c r="POJ656" s="613"/>
      <c r="POK656" s="613"/>
      <c r="POL656" s="613"/>
      <c r="POM656" s="613"/>
      <c r="PON656" s="613"/>
      <c r="POO656" s="613"/>
      <c r="POP656" s="613"/>
      <c r="POQ656" s="613"/>
      <c r="POR656" s="613"/>
      <c r="POS656" s="613"/>
      <c r="POT656" s="613"/>
      <c r="POU656" s="613"/>
      <c r="POV656" s="613"/>
      <c r="POW656" s="613"/>
      <c r="POX656" s="613"/>
      <c r="POY656" s="613"/>
      <c r="POZ656" s="613"/>
      <c r="PPA656" s="613"/>
      <c r="PPB656" s="613"/>
      <c r="PPC656" s="613"/>
      <c r="PPD656" s="613"/>
      <c r="PPE656" s="613"/>
      <c r="PPF656" s="613"/>
      <c r="PPG656" s="613"/>
      <c r="PPH656" s="613"/>
      <c r="PPI656" s="613"/>
      <c r="PPJ656" s="613"/>
      <c r="PPK656" s="613"/>
      <c r="PPL656" s="613"/>
      <c r="PPM656" s="613"/>
      <c r="PPN656" s="613"/>
      <c r="PPO656" s="613"/>
      <c r="PPP656" s="613"/>
      <c r="PPQ656" s="613"/>
      <c r="PPR656" s="613"/>
      <c r="PPS656" s="613"/>
      <c r="PPT656" s="613"/>
      <c r="PPU656" s="613"/>
      <c r="PPV656" s="613"/>
      <c r="PPW656" s="613"/>
      <c r="PPX656" s="613"/>
      <c r="PPY656" s="613"/>
      <c r="PPZ656" s="613"/>
      <c r="PQA656" s="613"/>
      <c r="PQB656" s="613"/>
      <c r="PQC656" s="613"/>
      <c r="PQD656" s="613"/>
      <c r="PQE656" s="613"/>
      <c r="PQF656" s="613"/>
      <c r="PQG656" s="613"/>
      <c r="PQH656" s="613"/>
      <c r="PQI656" s="613"/>
      <c r="PQJ656" s="613"/>
      <c r="PQK656" s="613"/>
      <c r="PQL656" s="613"/>
      <c r="PQM656" s="613"/>
      <c r="PQN656" s="613"/>
      <c r="PQO656" s="613"/>
      <c r="PQP656" s="613"/>
      <c r="PQQ656" s="613"/>
      <c r="PQR656" s="613"/>
      <c r="PQS656" s="613"/>
      <c r="PQT656" s="613"/>
      <c r="PQU656" s="613"/>
      <c r="PQV656" s="613"/>
      <c r="PQW656" s="613"/>
      <c r="PQX656" s="613"/>
      <c r="PQY656" s="613"/>
      <c r="PQZ656" s="613"/>
      <c r="PRA656" s="613"/>
      <c r="PRB656" s="613"/>
      <c r="PRC656" s="613"/>
      <c r="PRD656" s="613"/>
      <c r="PRE656" s="613"/>
      <c r="PRF656" s="613"/>
      <c r="PRG656" s="613"/>
      <c r="PRH656" s="613"/>
      <c r="PRI656" s="613"/>
      <c r="PRJ656" s="613"/>
      <c r="PRK656" s="613"/>
      <c r="PRL656" s="613"/>
      <c r="PRM656" s="613"/>
      <c r="PRN656" s="613"/>
      <c r="PRO656" s="613"/>
      <c r="PRP656" s="613"/>
      <c r="PRQ656" s="613"/>
      <c r="PRR656" s="613"/>
      <c r="PRS656" s="613"/>
      <c r="PRT656" s="613"/>
      <c r="PRU656" s="613"/>
      <c r="PRV656" s="613"/>
      <c r="PRW656" s="613"/>
      <c r="PRX656" s="613"/>
      <c r="PRY656" s="613"/>
      <c r="PRZ656" s="613"/>
      <c r="PSA656" s="613"/>
      <c r="PSB656" s="613"/>
      <c r="PSC656" s="613"/>
      <c r="PSD656" s="613"/>
      <c r="PSE656" s="613"/>
      <c r="PSF656" s="613"/>
      <c r="PSG656" s="613"/>
      <c r="PSH656" s="613"/>
      <c r="PSI656" s="613"/>
      <c r="PSJ656" s="613"/>
      <c r="PSK656" s="613"/>
      <c r="PSL656" s="613"/>
      <c r="PSM656" s="613"/>
      <c r="PSN656" s="613"/>
      <c r="PSO656" s="613"/>
      <c r="PSP656" s="613"/>
      <c r="PSQ656" s="613"/>
      <c r="PSR656" s="613"/>
      <c r="PSS656" s="613"/>
      <c r="PST656" s="613"/>
      <c r="PSU656" s="613"/>
      <c r="PSV656" s="613"/>
      <c r="PSW656" s="613"/>
      <c r="PSX656" s="613"/>
      <c r="PSY656" s="613"/>
      <c r="PSZ656" s="613"/>
      <c r="PTA656" s="613"/>
      <c r="PTB656" s="613"/>
      <c r="PTC656" s="613"/>
      <c r="PTD656" s="613"/>
      <c r="PTE656" s="613"/>
      <c r="PTF656" s="613"/>
      <c r="PTG656" s="613"/>
      <c r="PTH656" s="613"/>
      <c r="PTI656" s="613"/>
      <c r="PTJ656" s="613"/>
      <c r="PTK656" s="613"/>
      <c r="PTL656" s="613"/>
      <c r="PTM656" s="613"/>
      <c r="PTN656" s="613"/>
      <c r="PTO656" s="613"/>
      <c r="PTP656" s="613"/>
      <c r="PTQ656" s="613"/>
      <c r="PTR656" s="613"/>
      <c r="PTS656" s="613"/>
      <c r="PTT656" s="613"/>
      <c r="PTU656" s="613"/>
      <c r="PTV656" s="613"/>
      <c r="PTW656" s="613"/>
      <c r="PTX656" s="613"/>
      <c r="PTY656" s="613"/>
      <c r="PTZ656" s="613"/>
      <c r="PUA656" s="613"/>
      <c r="PUB656" s="613"/>
      <c r="PUC656" s="613"/>
      <c r="PUD656" s="613"/>
      <c r="PUE656" s="613"/>
      <c r="PUF656" s="613"/>
      <c r="PUG656" s="613"/>
      <c r="PUH656" s="613"/>
      <c r="PUI656" s="613"/>
      <c r="PUJ656" s="613"/>
      <c r="PUK656" s="613"/>
      <c r="PUL656" s="613"/>
      <c r="PUM656" s="613"/>
      <c r="PUN656" s="613"/>
      <c r="PUO656" s="613"/>
      <c r="PUP656" s="613"/>
      <c r="PUQ656" s="613"/>
      <c r="PUR656" s="613"/>
      <c r="PUS656" s="613"/>
      <c r="PUT656" s="613"/>
      <c r="PUU656" s="613"/>
      <c r="PUV656" s="613"/>
      <c r="PUW656" s="613"/>
      <c r="PUX656" s="613"/>
      <c r="PUY656" s="613"/>
      <c r="PUZ656" s="613"/>
      <c r="PVA656" s="613"/>
      <c r="PVB656" s="613"/>
      <c r="PVC656" s="613"/>
      <c r="PVD656" s="613"/>
      <c r="PVE656" s="613"/>
      <c r="PVF656" s="613"/>
      <c r="PVG656" s="613"/>
      <c r="PVH656" s="613"/>
      <c r="PVI656" s="613"/>
      <c r="PVJ656" s="613"/>
      <c r="PVK656" s="613"/>
      <c r="PVL656" s="613"/>
      <c r="PVM656" s="613"/>
      <c r="PVN656" s="613"/>
      <c r="PVO656" s="613"/>
      <c r="PVP656" s="613"/>
      <c r="PVQ656" s="613"/>
      <c r="PVR656" s="613"/>
      <c r="PVS656" s="613"/>
      <c r="PVT656" s="613"/>
      <c r="PVU656" s="613"/>
      <c r="PVV656" s="613"/>
      <c r="PVW656" s="613"/>
      <c r="PVX656" s="613"/>
      <c r="PVY656" s="613"/>
      <c r="PVZ656" s="613"/>
      <c r="PWA656" s="613"/>
      <c r="PWB656" s="613"/>
      <c r="PWC656" s="613"/>
      <c r="PWD656" s="613"/>
      <c r="PWE656" s="613"/>
      <c r="PWF656" s="613"/>
      <c r="PWG656" s="613"/>
      <c r="PWH656" s="613"/>
      <c r="PWI656" s="613"/>
      <c r="PWJ656" s="613"/>
      <c r="PWK656" s="613"/>
      <c r="PWL656" s="613"/>
      <c r="PWM656" s="613"/>
      <c r="PWN656" s="613"/>
      <c r="PWO656" s="613"/>
      <c r="PWP656" s="613"/>
      <c r="PWQ656" s="613"/>
      <c r="PWR656" s="613"/>
      <c r="PWS656" s="613"/>
      <c r="PWT656" s="613"/>
      <c r="PWU656" s="613"/>
      <c r="PWV656" s="613"/>
      <c r="PWW656" s="613"/>
      <c r="PWX656" s="613"/>
      <c r="PWY656" s="613"/>
      <c r="PWZ656" s="613"/>
      <c r="PXA656" s="613"/>
      <c r="PXB656" s="613"/>
      <c r="PXC656" s="613"/>
      <c r="PXD656" s="613"/>
      <c r="PXE656" s="613"/>
      <c r="PXF656" s="613"/>
      <c r="PXG656" s="613"/>
      <c r="PXH656" s="613"/>
      <c r="PXI656" s="613"/>
      <c r="PXJ656" s="613"/>
      <c r="PXK656" s="613"/>
      <c r="PXL656" s="613"/>
      <c r="PXM656" s="613"/>
      <c r="PXN656" s="613"/>
      <c r="PXO656" s="613"/>
      <c r="PXP656" s="613"/>
      <c r="PXQ656" s="613"/>
      <c r="PXR656" s="613"/>
      <c r="PXS656" s="613"/>
      <c r="PXT656" s="613"/>
      <c r="PXU656" s="613"/>
      <c r="PXV656" s="613"/>
      <c r="PXW656" s="613"/>
      <c r="PXX656" s="613"/>
      <c r="PXY656" s="613"/>
      <c r="PXZ656" s="613"/>
      <c r="PYA656" s="613"/>
      <c r="PYB656" s="613"/>
      <c r="PYC656" s="613"/>
      <c r="PYD656" s="613"/>
      <c r="PYE656" s="613"/>
      <c r="PYF656" s="613"/>
      <c r="PYG656" s="613"/>
      <c r="PYH656" s="613"/>
      <c r="PYI656" s="613"/>
      <c r="PYJ656" s="613"/>
      <c r="PYK656" s="613"/>
      <c r="PYL656" s="613"/>
      <c r="PYM656" s="613"/>
      <c r="PYN656" s="613"/>
      <c r="PYO656" s="613"/>
      <c r="PYP656" s="613"/>
      <c r="PYQ656" s="613"/>
      <c r="PYR656" s="613"/>
      <c r="PYS656" s="613"/>
      <c r="PYT656" s="613"/>
      <c r="PYU656" s="613"/>
      <c r="PYV656" s="613"/>
      <c r="PYW656" s="613"/>
      <c r="PYX656" s="613"/>
      <c r="PYY656" s="613"/>
      <c r="PYZ656" s="613"/>
      <c r="PZA656" s="613"/>
      <c r="PZB656" s="613"/>
      <c r="PZC656" s="613"/>
      <c r="PZD656" s="613"/>
      <c r="PZE656" s="613"/>
      <c r="PZF656" s="613"/>
      <c r="PZG656" s="613"/>
      <c r="PZH656" s="613"/>
      <c r="PZI656" s="613"/>
      <c r="PZJ656" s="613"/>
      <c r="PZK656" s="613"/>
      <c r="PZL656" s="613"/>
      <c r="PZM656" s="613"/>
      <c r="PZN656" s="613"/>
      <c r="PZO656" s="613"/>
      <c r="PZP656" s="613"/>
      <c r="PZQ656" s="613"/>
      <c r="PZR656" s="613"/>
      <c r="PZS656" s="613"/>
      <c r="PZT656" s="613"/>
      <c r="PZU656" s="613"/>
      <c r="PZV656" s="613"/>
      <c r="PZW656" s="613"/>
      <c r="PZX656" s="613"/>
      <c r="PZY656" s="613"/>
      <c r="PZZ656" s="613"/>
      <c r="QAA656" s="613"/>
      <c r="QAB656" s="613"/>
      <c r="QAC656" s="613"/>
      <c r="QAD656" s="613"/>
      <c r="QAE656" s="613"/>
      <c r="QAF656" s="613"/>
      <c r="QAG656" s="613"/>
      <c r="QAH656" s="613"/>
      <c r="QAI656" s="613"/>
      <c r="QAJ656" s="613"/>
      <c r="QAK656" s="613"/>
      <c r="QAL656" s="613"/>
      <c r="QAM656" s="613"/>
      <c r="QAN656" s="613"/>
      <c r="QAO656" s="613"/>
      <c r="QAP656" s="613"/>
      <c r="QAQ656" s="613"/>
      <c r="QAR656" s="613"/>
      <c r="QAS656" s="613"/>
      <c r="QAT656" s="613"/>
      <c r="QAU656" s="613"/>
      <c r="QAV656" s="613"/>
      <c r="QAW656" s="613"/>
      <c r="QAX656" s="613"/>
      <c r="QAY656" s="613"/>
      <c r="QAZ656" s="613"/>
      <c r="QBA656" s="613"/>
      <c r="QBB656" s="613"/>
      <c r="QBC656" s="613"/>
      <c r="QBD656" s="613"/>
      <c r="QBE656" s="613"/>
      <c r="QBF656" s="613"/>
      <c r="QBG656" s="613"/>
      <c r="QBH656" s="613"/>
      <c r="QBI656" s="613"/>
      <c r="QBJ656" s="613"/>
      <c r="QBK656" s="613"/>
      <c r="QBL656" s="613"/>
      <c r="QBM656" s="613"/>
      <c r="QBN656" s="613"/>
      <c r="QBO656" s="613"/>
      <c r="QBP656" s="613"/>
      <c r="QBQ656" s="613"/>
      <c r="QBR656" s="613"/>
      <c r="QBS656" s="613"/>
      <c r="QBT656" s="613"/>
      <c r="QBU656" s="613"/>
      <c r="QBV656" s="613"/>
      <c r="QBW656" s="613"/>
      <c r="QBX656" s="613"/>
      <c r="QBY656" s="613"/>
      <c r="QBZ656" s="613"/>
      <c r="QCA656" s="613"/>
      <c r="QCB656" s="613"/>
      <c r="QCC656" s="613"/>
      <c r="QCD656" s="613"/>
      <c r="QCE656" s="613"/>
      <c r="QCF656" s="613"/>
      <c r="QCG656" s="613"/>
      <c r="QCH656" s="613"/>
      <c r="QCI656" s="613"/>
      <c r="QCJ656" s="613"/>
      <c r="QCK656" s="613"/>
      <c r="QCL656" s="613"/>
      <c r="QCM656" s="613"/>
      <c r="QCN656" s="613"/>
      <c r="QCO656" s="613"/>
      <c r="QCP656" s="613"/>
      <c r="QCQ656" s="613"/>
      <c r="QCR656" s="613"/>
      <c r="QCS656" s="613"/>
      <c r="QCT656" s="613"/>
      <c r="QCU656" s="613"/>
      <c r="QCV656" s="613"/>
      <c r="QCW656" s="613"/>
      <c r="QCX656" s="613"/>
      <c r="QCY656" s="613"/>
      <c r="QCZ656" s="613"/>
      <c r="QDA656" s="613"/>
      <c r="QDB656" s="613"/>
      <c r="QDC656" s="613"/>
      <c r="QDD656" s="613"/>
      <c r="QDE656" s="613"/>
      <c r="QDF656" s="613"/>
      <c r="QDG656" s="613"/>
      <c r="QDH656" s="613"/>
      <c r="QDI656" s="613"/>
      <c r="QDJ656" s="613"/>
      <c r="QDK656" s="613"/>
      <c r="QDL656" s="613"/>
      <c r="QDM656" s="613"/>
      <c r="QDN656" s="613"/>
      <c r="QDO656" s="613"/>
      <c r="QDP656" s="613"/>
      <c r="QDQ656" s="613"/>
      <c r="QDR656" s="613"/>
      <c r="QDS656" s="613"/>
      <c r="QDT656" s="613"/>
      <c r="QDU656" s="613"/>
      <c r="QDV656" s="613"/>
      <c r="QDW656" s="613"/>
      <c r="QDX656" s="613"/>
      <c r="QDY656" s="613"/>
      <c r="QDZ656" s="613"/>
      <c r="QEA656" s="613"/>
      <c r="QEB656" s="613"/>
      <c r="QEC656" s="613"/>
      <c r="QED656" s="613"/>
      <c r="QEE656" s="613"/>
      <c r="QEF656" s="613"/>
      <c r="QEG656" s="613"/>
      <c r="QEH656" s="613"/>
      <c r="QEI656" s="613"/>
      <c r="QEJ656" s="613"/>
      <c r="QEK656" s="613"/>
      <c r="QEL656" s="613"/>
      <c r="QEM656" s="613"/>
      <c r="QEN656" s="613"/>
      <c r="QEO656" s="613"/>
      <c r="QEP656" s="613"/>
      <c r="QEQ656" s="613"/>
      <c r="QER656" s="613"/>
      <c r="QES656" s="613"/>
      <c r="QET656" s="613"/>
      <c r="QEU656" s="613"/>
      <c r="QEV656" s="613"/>
      <c r="QEW656" s="613"/>
      <c r="QEX656" s="613"/>
      <c r="QEY656" s="613"/>
      <c r="QEZ656" s="613"/>
      <c r="QFA656" s="613"/>
      <c r="QFB656" s="613"/>
      <c r="QFC656" s="613"/>
      <c r="QFD656" s="613"/>
      <c r="QFE656" s="613"/>
      <c r="QFF656" s="613"/>
      <c r="QFG656" s="613"/>
      <c r="QFH656" s="613"/>
      <c r="QFI656" s="613"/>
      <c r="QFJ656" s="613"/>
      <c r="QFK656" s="613"/>
      <c r="QFL656" s="613"/>
      <c r="QFM656" s="613"/>
      <c r="QFN656" s="613"/>
      <c r="QFO656" s="613"/>
      <c r="QFP656" s="613"/>
      <c r="QFQ656" s="613"/>
      <c r="QFR656" s="613"/>
      <c r="QFS656" s="613"/>
      <c r="QFT656" s="613"/>
      <c r="QFU656" s="613"/>
      <c r="QFV656" s="613"/>
      <c r="QFW656" s="613"/>
      <c r="QFX656" s="613"/>
      <c r="QFY656" s="613"/>
      <c r="QFZ656" s="613"/>
      <c r="QGA656" s="613"/>
      <c r="QGB656" s="613"/>
      <c r="QGC656" s="613"/>
      <c r="QGD656" s="613"/>
      <c r="QGE656" s="613"/>
      <c r="QGF656" s="613"/>
      <c r="QGG656" s="613"/>
      <c r="QGH656" s="613"/>
      <c r="QGI656" s="613"/>
      <c r="QGJ656" s="613"/>
      <c r="QGK656" s="613"/>
      <c r="QGL656" s="613"/>
      <c r="QGM656" s="613"/>
      <c r="QGN656" s="613"/>
      <c r="QGO656" s="613"/>
      <c r="QGP656" s="613"/>
      <c r="QGQ656" s="613"/>
      <c r="QGR656" s="613"/>
      <c r="QGS656" s="613"/>
      <c r="QGT656" s="613"/>
      <c r="QGU656" s="613"/>
      <c r="QGV656" s="613"/>
      <c r="QGW656" s="613"/>
      <c r="QGX656" s="613"/>
      <c r="QGY656" s="613"/>
      <c r="QGZ656" s="613"/>
      <c r="QHA656" s="613"/>
      <c r="QHB656" s="613"/>
      <c r="QHC656" s="613"/>
      <c r="QHD656" s="613"/>
      <c r="QHE656" s="613"/>
      <c r="QHF656" s="613"/>
      <c r="QHG656" s="613"/>
      <c r="QHH656" s="613"/>
      <c r="QHI656" s="613"/>
      <c r="QHJ656" s="613"/>
      <c r="QHK656" s="613"/>
      <c r="QHL656" s="613"/>
      <c r="QHM656" s="613"/>
      <c r="QHN656" s="613"/>
      <c r="QHO656" s="613"/>
      <c r="QHP656" s="613"/>
      <c r="QHQ656" s="613"/>
      <c r="QHR656" s="613"/>
      <c r="QHS656" s="613"/>
      <c r="QHT656" s="613"/>
      <c r="QHU656" s="613"/>
      <c r="QHV656" s="613"/>
      <c r="QHW656" s="613"/>
      <c r="QHX656" s="613"/>
      <c r="QHY656" s="613"/>
      <c r="QHZ656" s="613"/>
      <c r="QIA656" s="613"/>
      <c r="QIB656" s="613"/>
      <c r="QIC656" s="613"/>
      <c r="QID656" s="613"/>
      <c r="QIE656" s="613"/>
      <c r="QIF656" s="613"/>
      <c r="QIG656" s="613"/>
      <c r="QIH656" s="613"/>
      <c r="QII656" s="613"/>
      <c r="QIJ656" s="613"/>
      <c r="QIK656" s="613"/>
      <c r="QIL656" s="613"/>
      <c r="QIM656" s="613"/>
      <c r="QIN656" s="613"/>
      <c r="QIO656" s="613"/>
      <c r="QIP656" s="613"/>
      <c r="QIQ656" s="613"/>
      <c r="QIR656" s="613"/>
      <c r="QIS656" s="613"/>
      <c r="QIT656" s="613"/>
      <c r="QIU656" s="613"/>
      <c r="QIV656" s="613"/>
      <c r="QIW656" s="613"/>
      <c r="QIX656" s="613"/>
      <c r="QIY656" s="613"/>
      <c r="QIZ656" s="613"/>
      <c r="QJA656" s="613"/>
      <c r="QJB656" s="613"/>
      <c r="QJC656" s="613"/>
      <c r="QJD656" s="613"/>
      <c r="QJE656" s="613"/>
      <c r="QJF656" s="613"/>
      <c r="QJG656" s="613"/>
      <c r="QJH656" s="613"/>
      <c r="QJI656" s="613"/>
      <c r="QJJ656" s="613"/>
      <c r="QJK656" s="613"/>
      <c r="QJL656" s="613"/>
      <c r="QJM656" s="613"/>
      <c r="QJN656" s="613"/>
      <c r="QJO656" s="613"/>
      <c r="QJP656" s="613"/>
      <c r="QJQ656" s="613"/>
      <c r="QJR656" s="613"/>
      <c r="QJS656" s="613"/>
      <c r="QJT656" s="613"/>
      <c r="QJU656" s="613"/>
      <c r="QJV656" s="613"/>
      <c r="QJW656" s="613"/>
      <c r="QJX656" s="613"/>
      <c r="QJY656" s="613"/>
      <c r="QJZ656" s="613"/>
      <c r="QKA656" s="613"/>
      <c r="QKB656" s="613"/>
      <c r="QKC656" s="613"/>
      <c r="QKD656" s="613"/>
      <c r="QKE656" s="613"/>
      <c r="QKF656" s="613"/>
      <c r="QKG656" s="613"/>
      <c r="QKH656" s="613"/>
      <c r="QKI656" s="613"/>
      <c r="QKJ656" s="613"/>
      <c r="QKK656" s="613"/>
      <c r="QKL656" s="613"/>
      <c r="QKM656" s="613"/>
      <c r="QKN656" s="613"/>
      <c r="QKO656" s="613"/>
      <c r="QKP656" s="613"/>
      <c r="QKQ656" s="613"/>
      <c r="QKR656" s="613"/>
      <c r="QKS656" s="613"/>
      <c r="QKT656" s="613"/>
      <c r="QKU656" s="613"/>
      <c r="QKV656" s="613"/>
      <c r="QKW656" s="613"/>
      <c r="QKX656" s="613"/>
      <c r="QKY656" s="613"/>
      <c r="QKZ656" s="613"/>
      <c r="QLA656" s="613"/>
      <c r="QLB656" s="613"/>
      <c r="QLC656" s="613"/>
      <c r="QLD656" s="613"/>
      <c r="QLE656" s="613"/>
      <c r="QLF656" s="613"/>
      <c r="QLG656" s="613"/>
      <c r="QLH656" s="613"/>
      <c r="QLI656" s="613"/>
      <c r="QLJ656" s="613"/>
      <c r="QLK656" s="613"/>
      <c r="QLL656" s="613"/>
      <c r="QLM656" s="613"/>
      <c r="QLN656" s="613"/>
      <c r="QLO656" s="613"/>
      <c r="QLP656" s="613"/>
      <c r="QLQ656" s="613"/>
      <c r="QLR656" s="613"/>
      <c r="QLS656" s="613"/>
      <c r="QLT656" s="613"/>
      <c r="QLU656" s="613"/>
      <c r="QLV656" s="613"/>
      <c r="QLW656" s="613"/>
      <c r="QLX656" s="613"/>
      <c r="QLY656" s="613"/>
      <c r="QLZ656" s="613"/>
      <c r="QMA656" s="613"/>
      <c r="QMB656" s="613"/>
      <c r="QMC656" s="613"/>
      <c r="QMD656" s="613"/>
      <c r="QME656" s="613"/>
      <c r="QMF656" s="613"/>
      <c r="QMG656" s="613"/>
      <c r="QMH656" s="613"/>
      <c r="QMI656" s="613"/>
      <c r="QMJ656" s="613"/>
      <c r="QMK656" s="613"/>
      <c r="QML656" s="613"/>
      <c r="QMM656" s="613"/>
      <c r="QMN656" s="613"/>
      <c r="QMO656" s="613"/>
      <c r="QMP656" s="613"/>
      <c r="QMQ656" s="613"/>
      <c r="QMR656" s="613"/>
      <c r="QMS656" s="613"/>
      <c r="QMT656" s="613"/>
      <c r="QMU656" s="613"/>
      <c r="QMV656" s="613"/>
      <c r="QMW656" s="613"/>
      <c r="QMX656" s="613"/>
      <c r="QMY656" s="613"/>
      <c r="QMZ656" s="613"/>
      <c r="QNA656" s="613"/>
      <c r="QNB656" s="613"/>
      <c r="QNC656" s="613"/>
      <c r="QND656" s="613"/>
      <c r="QNE656" s="613"/>
      <c r="QNF656" s="613"/>
      <c r="QNG656" s="613"/>
      <c r="QNH656" s="613"/>
      <c r="QNI656" s="613"/>
      <c r="QNJ656" s="613"/>
      <c r="QNK656" s="613"/>
      <c r="QNL656" s="613"/>
      <c r="QNM656" s="613"/>
      <c r="QNN656" s="613"/>
      <c r="QNO656" s="613"/>
      <c r="QNP656" s="613"/>
      <c r="QNQ656" s="613"/>
      <c r="QNR656" s="613"/>
      <c r="QNS656" s="613"/>
      <c r="QNT656" s="613"/>
      <c r="QNU656" s="613"/>
      <c r="QNV656" s="613"/>
      <c r="QNW656" s="613"/>
      <c r="QNX656" s="613"/>
      <c r="QNY656" s="613"/>
      <c r="QNZ656" s="613"/>
      <c r="QOA656" s="613"/>
      <c r="QOB656" s="613"/>
      <c r="QOC656" s="613"/>
      <c r="QOD656" s="613"/>
      <c r="QOE656" s="613"/>
      <c r="QOF656" s="613"/>
      <c r="QOG656" s="613"/>
      <c r="QOH656" s="613"/>
      <c r="QOI656" s="613"/>
      <c r="QOJ656" s="613"/>
      <c r="QOK656" s="613"/>
      <c r="QOL656" s="613"/>
      <c r="QOM656" s="613"/>
      <c r="QON656" s="613"/>
      <c r="QOO656" s="613"/>
      <c r="QOP656" s="613"/>
      <c r="QOQ656" s="613"/>
      <c r="QOR656" s="613"/>
      <c r="QOS656" s="613"/>
      <c r="QOT656" s="613"/>
      <c r="QOU656" s="613"/>
      <c r="QOV656" s="613"/>
      <c r="QOW656" s="613"/>
      <c r="QOX656" s="613"/>
      <c r="QOY656" s="613"/>
      <c r="QOZ656" s="613"/>
      <c r="QPA656" s="613"/>
      <c r="QPB656" s="613"/>
      <c r="QPC656" s="613"/>
      <c r="QPD656" s="613"/>
      <c r="QPE656" s="613"/>
      <c r="QPF656" s="613"/>
      <c r="QPG656" s="613"/>
      <c r="QPH656" s="613"/>
      <c r="QPI656" s="613"/>
      <c r="QPJ656" s="613"/>
      <c r="QPK656" s="613"/>
      <c r="QPL656" s="613"/>
      <c r="QPM656" s="613"/>
      <c r="QPN656" s="613"/>
      <c r="QPO656" s="613"/>
      <c r="QPP656" s="613"/>
      <c r="QPQ656" s="613"/>
      <c r="QPR656" s="613"/>
      <c r="QPS656" s="613"/>
      <c r="QPT656" s="613"/>
      <c r="QPU656" s="613"/>
      <c r="QPV656" s="613"/>
      <c r="QPW656" s="613"/>
      <c r="QPX656" s="613"/>
      <c r="QPY656" s="613"/>
      <c r="QPZ656" s="613"/>
      <c r="QQA656" s="613"/>
      <c r="QQB656" s="613"/>
      <c r="QQC656" s="613"/>
      <c r="QQD656" s="613"/>
      <c r="QQE656" s="613"/>
      <c r="QQF656" s="613"/>
      <c r="QQG656" s="613"/>
      <c r="QQH656" s="613"/>
      <c r="QQI656" s="613"/>
      <c r="QQJ656" s="613"/>
      <c r="QQK656" s="613"/>
      <c r="QQL656" s="613"/>
      <c r="QQM656" s="613"/>
      <c r="QQN656" s="613"/>
      <c r="QQO656" s="613"/>
      <c r="QQP656" s="613"/>
      <c r="QQQ656" s="613"/>
      <c r="QQR656" s="613"/>
      <c r="QQS656" s="613"/>
      <c r="QQT656" s="613"/>
      <c r="QQU656" s="613"/>
      <c r="QQV656" s="613"/>
      <c r="QQW656" s="613"/>
      <c r="QQX656" s="613"/>
      <c r="QQY656" s="613"/>
      <c r="QQZ656" s="613"/>
      <c r="QRA656" s="613"/>
      <c r="QRB656" s="613"/>
      <c r="QRC656" s="613"/>
      <c r="QRD656" s="613"/>
      <c r="QRE656" s="613"/>
      <c r="QRF656" s="613"/>
      <c r="QRG656" s="613"/>
      <c r="QRH656" s="613"/>
      <c r="QRI656" s="613"/>
      <c r="QRJ656" s="613"/>
      <c r="QRK656" s="613"/>
      <c r="QRL656" s="613"/>
      <c r="QRM656" s="613"/>
      <c r="QRN656" s="613"/>
      <c r="QRO656" s="613"/>
      <c r="QRP656" s="613"/>
      <c r="QRQ656" s="613"/>
      <c r="QRR656" s="613"/>
      <c r="QRS656" s="613"/>
      <c r="QRT656" s="613"/>
      <c r="QRU656" s="613"/>
      <c r="QRV656" s="613"/>
      <c r="QRW656" s="613"/>
      <c r="QRX656" s="613"/>
      <c r="QRY656" s="613"/>
      <c r="QRZ656" s="613"/>
      <c r="QSA656" s="613"/>
      <c r="QSB656" s="613"/>
      <c r="QSC656" s="613"/>
      <c r="QSD656" s="613"/>
      <c r="QSE656" s="613"/>
      <c r="QSF656" s="613"/>
      <c r="QSG656" s="613"/>
      <c r="QSH656" s="613"/>
      <c r="QSI656" s="613"/>
      <c r="QSJ656" s="613"/>
      <c r="QSK656" s="613"/>
      <c r="QSL656" s="613"/>
      <c r="QSM656" s="613"/>
      <c r="QSN656" s="613"/>
      <c r="QSO656" s="613"/>
      <c r="QSP656" s="613"/>
      <c r="QSQ656" s="613"/>
      <c r="QSR656" s="613"/>
      <c r="QSS656" s="613"/>
      <c r="QST656" s="613"/>
      <c r="QSU656" s="613"/>
      <c r="QSV656" s="613"/>
      <c r="QSW656" s="613"/>
      <c r="QSX656" s="613"/>
      <c r="QSY656" s="613"/>
      <c r="QSZ656" s="613"/>
      <c r="QTA656" s="613"/>
      <c r="QTB656" s="613"/>
      <c r="QTC656" s="613"/>
      <c r="QTD656" s="613"/>
      <c r="QTE656" s="613"/>
      <c r="QTF656" s="613"/>
      <c r="QTG656" s="613"/>
      <c r="QTH656" s="613"/>
      <c r="QTI656" s="613"/>
      <c r="QTJ656" s="613"/>
      <c r="QTK656" s="613"/>
      <c r="QTL656" s="613"/>
      <c r="QTM656" s="613"/>
      <c r="QTN656" s="613"/>
      <c r="QTO656" s="613"/>
      <c r="QTP656" s="613"/>
      <c r="QTQ656" s="613"/>
      <c r="QTR656" s="613"/>
      <c r="QTS656" s="613"/>
      <c r="QTT656" s="613"/>
      <c r="QTU656" s="613"/>
      <c r="QTV656" s="613"/>
      <c r="QTW656" s="613"/>
      <c r="QTX656" s="613"/>
      <c r="QTY656" s="613"/>
      <c r="QTZ656" s="613"/>
      <c r="QUA656" s="613"/>
      <c r="QUB656" s="613"/>
      <c r="QUC656" s="613"/>
      <c r="QUD656" s="613"/>
      <c r="QUE656" s="613"/>
      <c r="QUF656" s="613"/>
      <c r="QUG656" s="613"/>
      <c r="QUH656" s="613"/>
      <c r="QUI656" s="613"/>
      <c r="QUJ656" s="613"/>
      <c r="QUK656" s="613"/>
      <c r="QUL656" s="613"/>
      <c r="QUM656" s="613"/>
      <c r="QUN656" s="613"/>
      <c r="QUO656" s="613"/>
      <c r="QUP656" s="613"/>
      <c r="QUQ656" s="613"/>
      <c r="QUR656" s="613"/>
      <c r="QUS656" s="613"/>
      <c r="QUT656" s="613"/>
      <c r="QUU656" s="613"/>
      <c r="QUV656" s="613"/>
      <c r="QUW656" s="613"/>
      <c r="QUX656" s="613"/>
      <c r="QUY656" s="613"/>
      <c r="QUZ656" s="613"/>
      <c r="QVA656" s="613"/>
      <c r="QVB656" s="613"/>
      <c r="QVC656" s="613"/>
      <c r="QVD656" s="613"/>
      <c r="QVE656" s="613"/>
      <c r="QVF656" s="613"/>
      <c r="QVG656" s="613"/>
      <c r="QVH656" s="613"/>
      <c r="QVI656" s="613"/>
      <c r="QVJ656" s="613"/>
      <c r="QVK656" s="613"/>
      <c r="QVL656" s="613"/>
      <c r="QVM656" s="613"/>
      <c r="QVN656" s="613"/>
      <c r="QVO656" s="613"/>
      <c r="QVP656" s="613"/>
      <c r="QVQ656" s="613"/>
      <c r="QVR656" s="613"/>
      <c r="QVS656" s="613"/>
      <c r="QVT656" s="613"/>
      <c r="QVU656" s="613"/>
      <c r="QVV656" s="613"/>
      <c r="QVW656" s="613"/>
      <c r="QVX656" s="613"/>
      <c r="QVY656" s="613"/>
      <c r="QVZ656" s="613"/>
      <c r="QWA656" s="613"/>
      <c r="QWB656" s="613"/>
      <c r="QWC656" s="613"/>
      <c r="QWD656" s="613"/>
      <c r="QWE656" s="613"/>
      <c r="QWF656" s="613"/>
      <c r="QWG656" s="613"/>
      <c r="QWH656" s="613"/>
      <c r="QWI656" s="613"/>
      <c r="QWJ656" s="613"/>
      <c r="QWK656" s="613"/>
      <c r="QWL656" s="613"/>
      <c r="QWM656" s="613"/>
      <c r="QWN656" s="613"/>
      <c r="QWO656" s="613"/>
      <c r="QWP656" s="613"/>
      <c r="QWQ656" s="613"/>
      <c r="QWR656" s="613"/>
      <c r="QWS656" s="613"/>
      <c r="QWT656" s="613"/>
      <c r="QWU656" s="613"/>
      <c r="QWV656" s="613"/>
      <c r="QWW656" s="613"/>
      <c r="QWX656" s="613"/>
      <c r="QWY656" s="613"/>
      <c r="QWZ656" s="613"/>
      <c r="QXA656" s="613"/>
      <c r="QXB656" s="613"/>
      <c r="QXC656" s="613"/>
      <c r="QXD656" s="613"/>
      <c r="QXE656" s="613"/>
      <c r="QXF656" s="613"/>
      <c r="QXG656" s="613"/>
      <c r="QXH656" s="613"/>
      <c r="QXI656" s="613"/>
      <c r="QXJ656" s="613"/>
      <c r="QXK656" s="613"/>
      <c r="QXL656" s="613"/>
      <c r="QXM656" s="613"/>
      <c r="QXN656" s="613"/>
      <c r="QXO656" s="613"/>
      <c r="QXP656" s="613"/>
      <c r="QXQ656" s="613"/>
      <c r="QXR656" s="613"/>
      <c r="QXS656" s="613"/>
      <c r="QXT656" s="613"/>
      <c r="QXU656" s="613"/>
      <c r="QXV656" s="613"/>
      <c r="QXW656" s="613"/>
      <c r="QXX656" s="613"/>
      <c r="QXY656" s="613"/>
      <c r="QXZ656" s="613"/>
      <c r="QYA656" s="613"/>
      <c r="QYB656" s="613"/>
      <c r="QYC656" s="613"/>
      <c r="QYD656" s="613"/>
      <c r="QYE656" s="613"/>
      <c r="QYF656" s="613"/>
      <c r="QYG656" s="613"/>
      <c r="QYH656" s="613"/>
      <c r="QYI656" s="613"/>
      <c r="QYJ656" s="613"/>
      <c r="QYK656" s="613"/>
      <c r="QYL656" s="613"/>
      <c r="QYM656" s="613"/>
      <c r="QYN656" s="613"/>
      <c r="QYO656" s="613"/>
      <c r="QYP656" s="613"/>
      <c r="QYQ656" s="613"/>
      <c r="QYR656" s="613"/>
      <c r="QYS656" s="613"/>
      <c r="QYT656" s="613"/>
      <c r="QYU656" s="613"/>
      <c r="QYV656" s="613"/>
      <c r="QYW656" s="613"/>
      <c r="QYX656" s="613"/>
      <c r="QYY656" s="613"/>
      <c r="QYZ656" s="613"/>
      <c r="QZA656" s="613"/>
      <c r="QZB656" s="613"/>
      <c r="QZC656" s="613"/>
      <c r="QZD656" s="613"/>
      <c r="QZE656" s="613"/>
      <c r="QZF656" s="613"/>
      <c r="QZG656" s="613"/>
      <c r="QZH656" s="613"/>
      <c r="QZI656" s="613"/>
      <c r="QZJ656" s="613"/>
      <c r="QZK656" s="613"/>
      <c r="QZL656" s="613"/>
      <c r="QZM656" s="613"/>
      <c r="QZN656" s="613"/>
      <c r="QZO656" s="613"/>
      <c r="QZP656" s="613"/>
      <c r="QZQ656" s="613"/>
      <c r="QZR656" s="613"/>
      <c r="QZS656" s="613"/>
      <c r="QZT656" s="613"/>
      <c r="QZU656" s="613"/>
      <c r="QZV656" s="613"/>
      <c r="QZW656" s="613"/>
      <c r="QZX656" s="613"/>
      <c r="QZY656" s="613"/>
      <c r="QZZ656" s="613"/>
      <c r="RAA656" s="613"/>
      <c r="RAB656" s="613"/>
      <c r="RAC656" s="613"/>
      <c r="RAD656" s="613"/>
      <c r="RAE656" s="613"/>
      <c r="RAF656" s="613"/>
      <c r="RAG656" s="613"/>
      <c r="RAH656" s="613"/>
      <c r="RAI656" s="613"/>
      <c r="RAJ656" s="613"/>
      <c r="RAK656" s="613"/>
      <c r="RAL656" s="613"/>
      <c r="RAM656" s="613"/>
      <c r="RAN656" s="613"/>
      <c r="RAO656" s="613"/>
      <c r="RAP656" s="613"/>
      <c r="RAQ656" s="613"/>
      <c r="RAR656" s="613"/>
      <c r="RAS656" s="613"/>
      <c r="RAT656" s="613"/>
      <c r="RAU656" s="613"/>
      <c r="RAV656" s="613"/>
      <c r="RAW656" s="613"/>
      <c r="RAX656" s="613"/>
      <c r="RAY656" s="613"/>
      <c r="RAZ656" s="613"/>
      <c r="RBA656" s="613"/>
      <c r="RBB656" s="613"/>
      <c r="RBC656" s="613"/>
      <c r="RBD656" s="613"/>
      <c r="RBE656" s="613"/>
      <c r="RBF656" s="613"/>
      <c r="RBG656" s="613"/>
      <c r="RBH656" s="613"/>
      <c r="RBI656" s="613"/>
      <c r="RBJ656" s="613"/>
      <c r="RBK656" s="613"/>
      <c r="RBL656" s="613"/>
      <c r="RBM656" s="613"/>
      <c r="RBN656" s="613"/>
      <c r="RBO656" s="613"/>
      <c r="RBP656" s="613"/>
      <c r="RBQ656" s="613"/>
      <c r="RBR656" s="613"/>
      <c r="RBS656" s="613"/>
      <c r="RBT656" s="613"/>
      <c r="RBU656" s="613"/>
      <c r="RBV656" s="613"/>
      <c r="RBW656" s="613"/>
      <c r="RBX656" s="613"/>
      <c r="RBY656" s="613"/>
      <c r="RBZ656" s="613"/>
      <c r="RCA656" s="613"/>
      <c r="RCB656" s="613"/>
      <c r="RCC656" s="613"/>
      <c r="RCD656" s="613"/>
      <c r="RCE656" s="613"/>
      <c r="RCF656" s="613"/>
      <c r="RCG656" s="613"/>
      <c r="RCH656" s="613"/>
      <c r="RCI656" s="613"/>
      <c r="RCJ656" s="613"/>
      <c r="RCK656" s="613"/>
      <c r="RCL656" s="613"/>
      <c r="RCM656" s="613"/>
      <c r="RCN656" s="613"/>
      <c r="RCO656" s="613"/>
      <c r="RCP656" s="613"/>
      <c r="RCQ656" s="613"/>
      <c r="RCR656" s="613"/>
      <c r="RCS656" s="613"/>
      <c r="RCT656" s="613"/>
      <c r="RCU656" s="613"/>
      <c r="RCV656" s="613"/>
      <c r="RCW656" s="613"/>
      <c r="RCX656" s="613"/>
      <c r="RCY656" s="613"/>
      <c r="RCZ656" s="613"/>
      <c r="RDA656" s="613"/>
      <c r="RDB656" s="613"/>
      <c r="RDC656" s="613"/>
      <c r="RDD656" s="613"/>
      <c r="RDE656" s="613"/>
      <c r="RDF656" s="613"/>
      <c r="RDG656" s="613"/>
      <c r="RDH656" s="613"/>
      <c r="RDI656" s="613"/>
      <c r="RDJ656" s="613"/>
      <c r="RDK656" s="613"/>
      <c r="RDL656" s="613"/>
      <c r="RDM656" s="613"/>
      <c r="RDN656" s="613"/>
      <c r="RDO656" s="613"/>
      <c r="RDP656" s="613"/>
      <c r="RDQ656" s="613"/>
      <c r="RDR656" s="613"/>
      <c r="RDS656" s="613"/>
      <c r="RDT656" s="613"/>
      <c r="RDU656" s="613"/>
      <c r="RDV656" s="613"/>
      <c r="RDW656" s="613"/>
      <c r="RDX656" s="613"/>
      <c r="RDY656" s="613"/>
      <c r="RDZ656" s="613"/>
      <c r="REA656" s="613"/>
      <c r="REB656" s="613"/>
      <c r="REC656" s="613"/>
      <c r="RED656" s="613"/>
      <c r="REE656" s="613"/>
      <c r="REF656" s="613"/>
      <c r="REG656" s="613"/>
      <c r="REH656" s="613"/>
      <c r="REI656" s="613"/>
      <c r="REJ656" s="613"/>
      <c r="REK656" s="613"/>
      <c r="REL656" s="613"/>
      <c r="REM656" s="613"/>
      <c r="REN656" s="613"/>
      <c r="REO656" s="613"/>
      <c r="REP656" s="613"/>
      <c r="REQ656" s="613"/>
      <c r="RER656" s="613"/>
      <c r="RES656" s="613"/>
      <c r="RET656" s="613"/>
      <c r="REU656" s="613"/>
      <c r="REV656" s="613"/>
      <c r="REW656" s="613"/>
      <c r="REX656" s="613"/>
      <c r="REY656" s="613"/>
      <c r="REZ656" s="613"/>
      <c r="RFA656" s="613"/>
      <c r="RFB656" s="613"/>
      <c r="RFC656" s="613"/>
      <c r="RFD656" s="613"/>
      <c r="RFE656" s="613"/>
      <c r="RFF656" s="613"/>
      <c r="RFG656" s="613"/>
      <c r="RFH656" s="613"/>
      <c r="RFI656" s="613"/>
      <c r="RFJ656" s="613"/>
      <c r="RFK656" s="613"/>
      <c r="RFL656" s="613"/>
      <c r="RFM656" s="613"/>
      <c r="RFN656" s="613"/>
      <c r="RFO656" s="613"/>
      <c r="RFP656" s="613"/>
      <c r="RFQ656" s="613"/>
      <c r="RFR656" s="613"/>
      <c r="RFS656" s="613"/>
      <c r="RFT656" s="613"/>
      <c r="RFU656" s="613"/>
      <c r="RFV656" s="613"/>
      <c r="RFW656" s="613"/>
      <c r="RFX656" s="613"/>
      <c r="RFY656" s="613"/>
      <c r="RFZ656" s="613"/>
      <c r="RGA656" s="613"/>
      <c r="RGB656" s="613"/>
      <c r="RGC656" s="613"/>
      <c r="RGD656" s="613"/>
      <c r="RGE656" s="613"/>
      <c r="RGF656" s="613"/>
      <c r="RGG656" s="613"/>
      <c r="RGH656" s="613"/>
      <c r="RGI656" s="613"/>
      <c r="RGJ656" s="613"/>
      <c r="RGK656" s="613"/>
      <c r="RGL656" s="613"/>
      <c r="RGM656" s="613"/>
      <c r="RGN656" s="613"/>
      <c r="RGO656" s="613"/>
      <c r="RGP656" s="613"/>
      <c r="RGQ656" s="613"/>
      <c r="RGR656" s="613"/>
      <c r="RGS656" s="613"/>
      <c r="RGT656" s="613"/>
      <c r="RGU656" s="613"/>
      <c r="RGV656" s="613"/>
      <c r="RGW656" s="613"/>
      <c r="RGX656" s="613"/>
      <c r="RGY656" s="613"/>
      <c r="RGZ656" s="613"/>
      <c r="RHA656" s="613"/>
      <c r="RHB656" s="613"/>
      <c r="RHC656" s="613"/>
      <c r="RHD656" s="613"/>
      <c r="RHE656" s="613"/>
      <c r="RHF656" s="613"/>
      <c r="RHG656" s="613"/>
      <c r="RHH656" s="613"/>
      <c r="RHI656" s="613"/>
      <c r="RHJ656" s="613"/>
      <c r="RHK656" s="613"/>
      <c r="RHL656" s="613"/>
      <c r="RHM656" s="613"/>
      <c r="RHN656" s="613"/>
      <c r="RHO656" s="613"/>
      <c r="RHP656" s="613"/>
      <c r="RHQ656" s="613"/>
      <c r="RHR656" s="613"/>
      <c r="RHS656" s="613"/>
      <c r="RHT656" s="613"/>
      <c r="RHU656" s="613"/>
      <c r="RHV656" s="613"/>
      <c r="RHW656" s="613"/>
      <c r="RHX656" s="613"/>
      <c r="RHY656" s="613"/>
      <c r="RHZ656" s="613"/>
      <c r="RIA656" s="613"/>
      <c r="RIB656" s="613"/>
      <c r="RIC656" s="613"/>
      <c r="RID656" s="613"/>
      <c r="RIE656" s="613"/>
      <c r="RIF656" s="613"/>
      <c r="RIG656" s="613"/>
      <c r="RIH656" s="613"/>
      <c r="RII656" s="613"/>
      <c r="RIJ656" s="613"/>
      <c r="RIK656" s="613"/>
      <c r="RIL656" s="613"/>
      <c r="RIM656" s="613"/>
      <c r="RIN656" s="613"/>
      <c r="RIO656" s="613"/>
      <c r="RIP656" s="613"/>
      <c r="RIQ656" s="613"/>
      <c r="RIR656" s="613"/>
      <c r="RIS656" s="613"/>
      <c r="RIT656" s="613"/>
      <c r="RIU656" s="613"/>
      <c r="RIV656" s="613"/>
      <c r="RIW656" s="613"/>
      <c r="RIX656" s="613"/>
      <c r="RIY656" s="613"/>
      <c r="RIZ656" s="613"/>
      <c r="RJA656" s="613"/>
      <c r="RJB656" s="613"/>
      <c r="RJC656" s="613"/>
      <c r="RJD656" s="613"/>
      <c r="RJE656" s="613"/>
      <c r="RJF656" s="613"/>
      <c r="RJG656" s="613"/>
      <c r="RJH656" s="613"/>
      <c r="RJI656" s="613"/>
      <c r="RJJ656" s="613"/>
      <c r="RJK656" s="613"/>
      <c r="RJL656" s="613"/>
      <c r="RJM656" s="613"/>
      <c r="RJN656" s="613"/>
      <c r="RJO656" s="613"/>
      <c r="RJP656" s="613"/>
      <c r="RJQ656" s="613"/>
      <c r="RJR656" s="613"/>
      <c r="RJS656" s="613"/>
      <c r="RJT656" s="613"/>
      <c r="RJU656" s="613"/>
      <c r="RJV656" s="613"/>
      <c r="RJW656" s="613"/>
      <c r="RJX656" s="613"/>
      <c r="RJY656" s="613"/>
      <c r="RJZ656" s="613"/>
      <c r="RKA656" s="613"/>
      <c r="RKB656" s="613"/>
      <c r="RKC656" s="613"/>
      <c r="RKD656" s="613"/>
      <c r="RKE656" s="613"/>
      <c r="RKF656" s="613"/>
      <c r="RKG656" s="613"/>
      <c r="RKH656" s="613"/>
      <c r="RKI656" s="613"/>
      <c r="RKJ656" s="613"/>
      <c r="RKK656" s="613"/>
      <c r="RKL656" s="613"/>
      <c r="RKM656" s="613"/>
      <c r="RKN656" s="613"/>
      <c r="RKO656" s="613"/>
      <c r="RKP656" s="613"/>
      <c r="RKQ656" s="613"/>
      <c r="RKR656" s="613"/>
      <c r="RKS656" s="613"/>
      <c r="RKT656" s="613"/>
      <c r="RKU656" s="613"/>
      <c r="RKV656" s="613"/>
      <c r="RKW656" s="613"/>
      <c r="RKX656" s="613"/>
      <c r="RKY656" s="613"/>
      <c r="RKZ656" s="613"/>
      <c r="RLA656" s="613"/>
      <c r="RLB656" s="613"/>
      <c r="RLC656" s="613"/>
      <c r="RLD656" s="613"/>
      <c r="RLE656" s="613"/>
      <c r="RLF656" s="613"/>
      <c r="RLG656" s="613"/>
      <c r="RLH656" s="613"/>
      <c r="RLI656" s="613"/>
      <c r="RLJ656" s="613"/>
      <c r="RLK656" s="613"/>
      <c r="RLL656" s="613"/>
      <c r="RLM656" s="613"/>
      <c r="RLN656" s="613"/>
      <c r="RLO656" s="613"/>
      <c r="RLP656" s="613"/>
      <c r="RLQ656" s="613"/>
      <c r="RLR656" s="613"/>
      <c r="RLS656" s="613"/>
      <c r="RLT656" s="613"/>
      <c r="RLU656" s="613"/>
      <c r="RLV656" s="613"/>
      <c r="RLW656" s="613"/>
      <c r="RLX656" s="613"/>
      <c r="RLY656" s="613"/>
      <c r="RLZ656" s="613"/>
      <c r="RMA656" s="613"/>
      <c r="RMB656" s="613"/>
      <c r="RMC656" s="613"/>
      <c r="RMD656" s="613"/>
      <c r="RME656" s="613"/>
      <c r="RMF656" s="613"/>
      <c r="RMG656" s="613"/>
      <c r="RMH656" s="613"/>
      <c r="RMI656" s="613"/>
      <c r="RMJ656" s="613"/>
      <c r="RMK656" s="613"/>
      <c r="RML656" s="613"/>
      <c r="RMM656" s="613"/>
      <c r="RMN656" s="613"/>
      <c r="RMO656" s="613"/>
      <c r="RMP656" s="613"/>
      <c r="RMQ656" s="613"/>
      <c r="RMR656" s="613"/>
      <c r="RMS656" s="613"/>
      <c r="RMT656" s="613"/>
      <c r="RMU656" s="613"/>
      <c r="RMV656" s="613"/>
      <c r="RMW656" s="613"/>
      <c r="RMX656" s="613"/>
      <c r="RMY656" s="613"/>
      <c r="RMZ656" s="613"/>
      <c r="RNA656" s="613"/>
      <c r="RNB656" s="613"/>
      <c r="RNC656" s="613"/>
      <c r="RND656" s="613"/>
      <c r="RNE656" s="613"/>
      <c r="RNF656" s="613"/>
      <c r="RNG656" s="613"/>
      <c r="RNH656" s="613"/>
      <c r="RNI656" s="613"/>
      <c r="RNJ656" s="613"/>
      <c r="RNK656" s="613"/>
      <c r="RNL656" s="613"/>
      <c r="RNM656" s="613"/>
      <c r="RNN656" s="613"/>
      <c r="RNO656" s="613"/>
      <c r="RNP656" s="613"/>
      <c r="RNQ656" s="613"/>
      <c r="RNR656" s="613"/>
      <c r="RNS656" s="613"/>
      <c r="RNT656" s="613"/>
      <c r="RNU656" s="613"/>
      <c r="RNV656" s="613"/>
      <c r="RNW656" s="613"/>
      <c r="RNX656" s="613"/>
      <c r="RNY656" s="613"/>
      <c r="RNZ656" s="613"/>
      <c r="ROA656" s="613"/>
      <c r="ROB656" s="613"/>
      <c r="ROC656" s="613"/>
      <c r="ROD656" s="613"/>
      <c r="ROE656" s="613"/>
      <c r="ROF656" s="613"/>
      <c r="ROG656" s="613"/>
      <c r="ROH656" s="613"/>
      <c r="ROI656" s="613"/>
      <c r="ROJ656" s="613"/>
      <c r="ROK656" s="613"/>
      <c r="ROL656" s="613"/>
      <c r="ROM656" s="613"/>
      <c r="RON656" s="613"/>
      <c r="ROO656" s="613"/>
      <c r="ROP656" s="613"/>
      <c r="ROQ656" s="613"/>
      <c r="ROR656" s="613"/>
      <c r="ROS656" s="613"/>
      <c r="ROT656" s="613"/>
      <c r="ROU656" s="613"/>
      <c r="ROV656" s="613"/>
      <c r="ROW656" s="613"/>
      <c r="ROX656" s="613"/>
      <c r="ROY656" s="613"/>
      <c r="ROZ656" s="613"/>
      <c r="RPA656" s="613"/>
      <c r="RPB656" s="613"/>
      <c r="RPC656" s="613"/>
      <c r="RPD656" s="613"/>
      <c r="RPE656" s="613"/>
      <c r="RPF656" s="613"/>
      <c r="RPG656" s="613"/>
      <c r="RPH656" s="613"/>
      <c r="RPI656" s="613"/>
      <c r="RPJ656" s="613"/>
      <c r="RPK656" s="613"/>
      <c r="RPL656" s="613"/>
      <c r="RPM656" s="613"/>
      <c r="RPN656" s="613"/>
      <c r="RPO656" s="613"/>
      <c r="RPP656" s="613"/>
      <c r="RPQ656" s="613"/>
      <c r="RPR656" s="613"/>
      <c r="RPS656" s="613"/>
      <c r="RPT656" s="613"/>
      <c r="RPU656" s="613"/>
      <c r="RPV656" s="613"/>
      <c r="RPW656" s="613"/>
      <c r="RPX656" s="613"/>
      <c r="RPY656" s="613"/>
      <c r="RPZ656" s="613"/>
      <c r="RQA656" s="613"/>
      <c r="RQB656" s="613"/>
      <c r="RQC656" s="613"/>
      <c r="RQD656" s="613"/>
      <c r="RQE656" s="613"/>
      <c r="RQF656" s="613"/>
      <c r="RQG656" s="613"/>
      <c r="RQH656" s="613"/>
      <c r="RQI656" s="613"/>
      <c r="RQJ656" s="613"/>
      <c r="RQK656" s="613"/>
      <c r="RQL656" s="613"/>
      <c r="RQM656" s="613"/>
      <c r="RQN656" s="613"/>
      <c r="RQO656" s="613"/>
      <c r="RQP656" s="613"/>
      <c r="RQQ656" s="613"/>
      <c r="RQR656" s="613"/>
      <c r="RQS656" s="613"/>
      <c r="RQT656" s="613"/>
      <c r="RQU656" s="613"/>
      <c r="RQV656" s="613"/>
      <c r="RQW656" s="613"/>
      <c r="RQX656" s="613"/>
      <c r="RQY656" s="613"/>
      <c r="RQZ656" s="613"/>
      <c r="RRA656" s="613"/>
      <c r="RRB656" s="613"/>
      <c r="RRC656" s="613"/>
      <c r="RRD656" s="613"/>
      <c r="RRE656" s="613"/>
      <c r="RRF656" s="613"/>
      <c r="RRG656" s="613"/>
      <c r="RRH656" s="613"/>
      <c r="RRI656" s="613"/>
      <c r="RRJ656" s="613"/>
      <c r="RRK656" s="613"/>
      <c r="RRL656" s="613"/>
      <c r="RRM656" s="613"/>
      <c r="RRN656" s="613"/>
      <c r="RRO656" s="613"/>
      <c r="RRP656" s="613"/>
      <c r="RRQ656" s="613"/>
      <c r="RRR656" s="613"/>
      <c r="RRS656" s="613"/>
      <c r="RRT656" s="613"/>
      <c r="RRU656" s="613"/>
      <c r="RRV656" s="613"/>
      <c r="RRW656" s="613"/>
      <c r="RRX656" s="613"/>
      <c r="RRY656" s="613"/>
      <c r="RRZ656" s="613"/>
      <c r="RSA656" s="613"/>
      <c r="RSB656" s="613"/>
      <c r="RSC656" s="613"/>
      <c r="RSD656" s="613"/>
      <c r="RSE656" s="613"/>
      <c r="RSF656" s="613"/>
      <c r="RSG656" s="613"/>
      <c r="RSH656" s="613"/>
      <c r="RSI656" s="613"/>
      <c r="RSJ656" s="613"/>
      <c r="RSK656" s="613"/>
      <c r="RSL656" s="613"/>
      <c r="RSM656" s="613"/>
      <c r="RSN656" s="613"/>
      <c r="RSO656" s="613"/>
      <c r="RSP656" s="613"/>
      <c r="RSQ656" s="613"/>
      <c r="RSR656" s="613"/>
      <c r="RSS656" s="613"/>
      <c r="RST656" s="613"/>
      <c r="RSU656" s="613"/>
      <c r="RSV656" s="613"/>
      <c r="RSW656" s="613"/>
      <c r="RSX656" s="613"/>
      <c r="RSY656" s="613"/>
      <c r="RSZ656" s="613"/>
      <c r="RTA656" s="613"/>
      <c r="RTB656" s="613"/>
      <c r="RTC656" s="613"/>
      <c r="RTD656" s="613"/>
      <c r="RTE656" s="613"/>
      <c r="RTF656" s="613"/>
      <c r="RTG656" s="613"/>
      <c r="RTH656" s="613"/>
      <c r="RTI656" s="613"/>
      <c r="RTJ656" s="613"/>
      <c r="RTK656" s="613"/>
      <c r="RTL656" s="613"/>
      <c r="RTM656" s="613"/>
      <c r="RTN656" s="613"/>
      <c r="RTO656" s="613"/>
      <c r="RTP656" s="613"/>
      <c r="RTQ656" s="613"/>
      <c r="RTR656" s="613"/>
      <c r="RTS656" s="613"/>
      <c r="RTT656" s="613"/>
      <c r="RTU656" s="613"/>
      <c r="RTV656" s="613"/>
      <c r="RTW656" s="613"/>
      <c r="RTX656" s="613"/>
      <c r="RTY656" s="613"/>
      <c r="RTZ656" s="613"/>
      <c r="RUA656" s="613"/>
      <c r="RUB656" s="613"/>
      <c r="RUC656" s="613"/>
      <c r="RUD656" s="613"/>
      <c r="RUE656" s="613"/>
      <c r="RUF656" s="613"/>
      <c r="RUG656" s="613"/>
      <c r="RUH656" s="613"/>
      <c r="RUI656" s="613"/>
      <c r="RUJ656" s="613"/>
      <c r="RUK656" s="613"/>
      <c r="RUL656" s="613"/>
      <c r="RUM656" s="613"/>
      <c r="RUN656" s="613"/>
      <c r="RUO656" s="613"/>
      <c r="RUP656" s="613"/>
      <c r="RUQ656" s="613"/>
      <c r="RUR656" s="613"/>
      <c r="RUS656" s="613"/>
      <c r="RUT656" s="613"/>
      <c r="RUU656" s="613"/>
      <c r="RUV656" s="613"/>
      <c r="RUW656" s="613"/>
      <c r="RUX656" s="613"/>
      <c r="RUY656" s="613"/>
      <c r="RUZ656" s="613"/>
      <c r="RVA656" s="613"/>
      <c r="RVB656" s="613"/>
      <c r="RVC656" s="613"/>
      <c r="RVD656" s="613"/>
      <c r="RVE656" s="613"/>
      <c r="RVF656" s="613"/>
      <c r="RVG656" s="613"/>
      <c r="RVH656" s="613"/>
      <c r="RVI656" s="613"/>
      <c r="RVJ656" s="613"/>
      <c r="RVK656" s="613"/>
      <c r="RVL656" s="613"/>
      <c r="RVM656" s="613"/>
      <c r="RVN656" s="613"/>
      <c r="RVO656" s="613"/>
      <c r="RVP656" s="613"/>
      <c r="RVQ656" s="613"/>
      <c r="RVR656" s="613"/>
      <c r="RVS656" s="613"/>
      <c r="RVT656" s="613"/>
      <c r="RVU656" s="613"/>
      <c r="RVV656" s="613"/>
      <c r="RVW656" s="613"/>
      <c r="RVX656" s="613"/>
      <c r="RVY656" s="613"/>
      <c r="RVZ656" s="613"/>
      <c r="RWA656" s="613"/>
      <c r="RWB656" s="613"/>
      <c r="RWC656" s="613"/>
      <c r="RWD656" s="613"/>
      <c r="RWE656" s="613"/>
      <c r="RWF656" s="613"/>
      <c r="RWG656" s="613"/>
      <c r="RWH656" s="613"/>
      <c r="RWI656" s="613"/>
      <c r="RWJ656" s="613"/>
      <c r="RWK656" s="613"/>
      <c r="RWL656" s="613"/>
      <c r="RWM656" s="613"/>
      <c r="RWN656" s="613"/>
      <c r="RWO656" s="613"/>
      <c r="RWP656" s="613"/>
      <c r="RWQ656" s="613"/>
      <c r="RWR656" s="613"/>
      <c r="RWS656" s="613"/>
      <c r="RWT656" s="613"/>
      <c r="RWU656" s="613"/>
      <c r="RWV656" s="613"/>
      <c r="RWW656" s="613"/>
      <c r="RWX656" s="613"/>
      <c r="RWY656" s="613"/>
      <c r="RWZ656" s="613"/>
      <c r="RXA656" s="613"/>
      <c r="RXB656" s="613"/>
      <c r="RXC656" s="613"/>
      <c r="RXD656" s="613"/>
      <c r="RXE656" s="613"/>
      <c r="RXF656" s="613"/>
      <c r="RXG656" s="613"/>
      <c r="RXH656" s="613"/>
      <c r="RXI656" s="613"/>
      <c r="RXJ656" s="613"/>
      <c r="RXK656" s="613"/>
      <c r="RXL656" s="613"/>
      <c r="RXM656" s="613"/>
      <c r="RXN656" s="613"/>
      <c r="RXO656" s="613"/>
      <c r="RXP656" s="613"/>
      <c r="RXQ656" s="613"/>
      <c r="RXR656" s="613"/>
      <c r="RXS656" s="613"/>
      <c r="RXT656" s="613"/>
      <c r="RXU656" s="613"/>
      <c r="RXV656" s="613"/>
      <c r="RXW656" s="613"/>
      <c r="RXX656" s="613"/>
      <c r="RXY656" s="613"/>
      <c r="RXZ656" s="613"/>
      <c r="RYA656" s="613"/>
      <c r="RYB656" s="613"/>
      <c r="RYC656" s="613"/>
      <c r="RYD656" s="613"/>
      <c r="RYE656" s="613"/>
      <c r="RYF656" s="613"/>
      <c r="RYG656" s="613"/>
      <c r="RYH656" s="613"/>
      <c r="RYI656" s="613"/>
      <c r="RYJ656" s="613"/>
      <c r="RYK656" s="613"/>
      <c r="RYL656" s="613"/>
      <c r="RYM656" s="613"/>
      <c r="RYN656" s="613"/>
      <c r="RYO656" s="613"/>
      <c r="RYP656" s="613"/>
      <c r="RYQ656" s="613"/>
      <c r="RYR656" s="613"/>
      <c r="RYS656" s="613"/>
      <c r="RYT656" s="613"/>
      <c r="RYU656" s="613"/>
      <c r="RYV656" s="613"/>
      <c r="RYW656" s="613"/>
      <c r="RYX656" s="613"/>
      <c r="RYY656" s="613"/>
      <c r="RYZ656" s="613"/>
      <c r="RZA656" s="613"/>
      <c r="RZB656" s="613"/>
      <c r="RZC656" s="613"/>
      <c r="RZD656" s="613"/>
      <c r="RZE656" s="613"/>
      <c r="RZF656" s="613"/>
      <c r="RZG656" s="613"/>
      <c r="RZH656" s="613"/>
      <c r="RZI656" s="613"/>
      <c r="RZJ656" s="613"/>
      <c r="RZK656" s="613"/>
      <c r="RZL656" s="613"/>
      <c r="RZM656" s="613"/>
      <c r="RZN656" s="613"/>
      <c r="RZO656" s="613"/>
      <c r="RZP656" s="613"/>
      <c r="RZQ656" s="613"/>
      <c r="RZR656" s="613"/>
      <c r="RZS656" s="613"/>
      <c r="RZT656" s="613"/>
      <c r="RZU656" s="613"/>
      <c r="RZV656" s="613"/>
      <c r="RZW656" s="613"/>
      <c r="RZX656" s="613"/>
      <c r="RZY656" s="613"/>
      <c r="RZZ656" s="613"/>
      <c r="SAA656" s="613"/>
      <c r="SAB656" s="613"/>
      <c r="SAC656" s="613"/>
      <c r="SAD656" s="613"/>
      <c r="SAE656" s="613"/>
      <c r="SAF656" s="613"/>
      <c r="SAG656" s="613"/>
      <c r="SAH656" s="613"/>
      <c r="SAI656" s="613"/>
      <c r="SAJ656" s="613"/>
      <c r="SAK656" s="613"/>
      <c r="SAL656" s="613"/>
      <c r="SAM656" s="613"/>
      <c r="SAN656" s="613"/>
      <c r="SAO656" s="613"/>
      <c r="SAP656" s="613"/>
      <c r="SAQ656" s="613"/>
      <c r="SAR656" s="613"/>
      <c r="SAS656" s="613"/>
      <c r="SAT656" s="613"/>
      <c r="SAU656" s="613"/>
      <c r="SAV656" s="613"/>
      <c r="SAW656" s="613"/>
      <c r="SAX656" s="613"/>
      <c r="SAY656" s="613"/>
      <c r="SAZ656" s="613"/>
      <c r="SBA656" s="613"/>
      <c r="SBB656" s="613"/>
      <c r="SBC656" s="613"/>
      <c r="SBD656" s="613"/>
      <c r="SBE656" s="613"/>
      <c r="SBF656" s="613"/>
      <c r="SBG656" s="613"/>
      <c r="SBH656" s="613"/>
      <c r="SBI656" s="613"/>
      <c r="SBJ656" s="613"/>
      <c r="SBK656" s="613"/>
      <c r="SBL656" s="613"/>
      <c r="SBM656" s="613"/>
      <c r="SBN656" s="613"/>
      <c r="SBO656" s="613"/>
      <c r="SBP656" s="613"/>
      <c r="SBQ656" s="613"/>
      <c r="SBR656" s="613"/>
      <c r="SBS656" s="613"/>
      <c r="SBT656" s="613"/>
      <c r="SBU656" s="613"/>
      <c r="SBV656" s="613"/>
      <c r="SBW656" s="613"/>
      <c r="SBX656" s="613"/>
      <c r="SBY656" s="613"/>
      <c r="SBZ656" s="613"/>
      <c r="SCA656" s="613"/>
      <c r="SCB656" s="613"/>
      <c r="SCC656" s="613"/>
      <c r="SCD656" s="613"/>
      <c r="SCE656" s="613"/>
      <c r="SCF656" s="613"/>
      <c r="SCG656" s="613"/>
      <c r="SCH656" s="613"/>
      <c r="SCI656" s="613"/>
      <c r="SCJ656" s="613"/>
      <c r="SCK656" s="613"/>
      <c r="SCL656" s="613"/>
      <c r="SCM656" s="613"/>
      <c r="SCN656" s="613"/>
      <c r="SCO656" s="613"/>
      <c r="SCP656" s="613"/>
      <c r="SCQ656" s="613"/>
      <c r="SCR656" s="613"/>
      <c r="SCS656" s="613"/>
      <c r="SCT656" s="613"/>
      <c r="SCU656" s="613"/>
      <c r="SCV656" s="613"/>
      <c r="SCW656" s="613"/>
      <c r="SCX656" s="613"/>
      <c r="SCY656" s="613"/>
      <c r="SCZ656" s="613"/>
      <c r="SDA656" s="613"/>
      <c r="SDB656" s="613"/>
      <c r="SDC656" s="613"/>
      <c r="SDD656" s="613"/>
      <c r="SDE656" s="613"/>
      <c r="SDF656" s="613"/>
      <c r="SDG656" s="613"/>
      <c r="SDH656" s="613"/>
      <c r="SDI656" s="613"/>
      <c r="SDJ656" s="613"/>
      <c r="SDK656" s="613"/>
      <c r="SDL656" s="613"/>
      <c r="SDM656" s="613"/>
      <c r="SDN656" s="613"/>
      <c r="SDO656" s="613"/>
      <c r="SDP656" s="613"/>
      <c r="SDQ656" s="613"/>
      <c r="SDR656" s="613"/>
      <c r="SDS656" s="613"/>
      <c r="SDT656" s="613"/>
      <c r="SDU656" s="613"/>
      <c r="SDV656" s="613"/>
      <c r="SDW656" s="613"/>
      <c r="SDX656" s="613"/>
      <c r="SDY656" s="613"/>
      <c r="SDZ656" s="613"/>
      <c r="SEA656" s="613"/>
      <c r="SEB656" s="613"/>
      <c r="SEC656" s="613"/>
      <c r="SED656" s="613"/>
      <c r="SEE656" s="613"/>
      <c r="SEF656" s="613"/>
      <c r="SEG656" s="613"/>
      <c r="SEH656" s="613"/>
      <c r="SEI656" s="613"/>
      <c r="SEJ656" s="613"/>
      <c r="SEK656" s="613"/>
      <c r="SEL656" s="613"/>
      <c r="SEM656" s="613"/>
      <c r="SEN656" s="613"/>
      <c r="SEO656" s="613"/>
      <c r="SEP656" s="613"/>
      <c r="SEQ656" s="613"/>
      <c r="SER656" s="613"/>
      <c r="SES656" s="613"/>
      <c r="SET656" s="613"/>
      <c r="SEU656" s="613"/>
      <c r="SEV656" s="613"/>
      <c r="SEW656" s="613"/>
      <c r="SEX656" s="613"/>
      <c r="SEY656" s="613"/>
      <c r="SEZ656" s="613"/>
      <c r="SFA656" s="613"/>
      <c r="SFB656" s="613"/>
      <c r="SFC656" s="613"/>
      <c r="SFD656" s="613"/>
      <c r="SFE656" s="613"/>
      <c r="SFF656" s="613"/>
      <c r="SFG656" s="613"/>
      <c r="SFH656" s="613"/>
      <c r="SFI656" s="613"/>
      <c r="SFJ656" s="613"/>
      <c r="SFK656" s="613"/>
      <c r="SFL656" s="613"/>
      <c r="SFM656" s="613"/>
      <c r="SFN656" s="613"/>
      <c r="SFO656" s="613"/>
      <c r="SFP656" s="613"/>
      <c r="SFQ656" s="613"/>
      <c r="SFR656" s="613"/>
      <c r="SFS656" s="613"/>
      <c r="SFT656" s="613"/>
      <c r="SFU656" s="613"/>
      <c r="SFV656" s="613"/>
      <c r="SFW656" s="613"/>
      <c r="SFX656" s="613"/>
      <c r="SFY656" s="613"/>
      <c r="SFZ656" s="613"/>
      <c r="SGA656" s="613"/>
      <c r="SGB656" s="613"/>
      <c r="SGC656" s="613"/>
      <c r="SGD656" s="613"/>
      <c r="SGE656" s="613"/>
      <c r="SGF656" s="613"/>
      <c r="SGG656" s="613"/>
      <c r="SGH656" s="613"/>
      <c r="SGI656" s="613"/>
      <c r="SGJ656" s="613"/>
      <c r="SGK656" s="613"/>
      <c r="SGL656" s="613"/>
      <c r="SGM656" s="613"/>
      <c r="SGN656" s="613"/>
      <c r="SGO656" s="613"/>
      <c r="SGP656" s="613"/>
      <c r="SGQ656" s="613"/>
      <c r="SGR656" s="613"/>
      <c r="SGS656" s="613"/>
      <c r="SGT656" s="613"/>
      <c r="SGU656" s="613"/>
      <c r="SGV656" s="613"/>
      <c r="SGW656" s="613"/>
      <c r="SGX656" s="613"/>
      <c r="SGY656" s="613"/>
      <c r="SGZ656" s="613"/>
      <c r="SHA656" s="613"/>
      <c r="SHB656" s="613"/>
      <c r="SHC656" s="613"/>
      <c r="SHD656" s="613"/>
      <c r="SHE656" s="613"/>
      <c r="SHF656" s="613"/>
      <c r="SHG656" s="613"/>
      <c r="SHH656" s="613"/>
      <c r="SHI656" s="613"/>
      <c r="SHJ656" s="613"/>
      <c r="SHK656" s="613"/>
      <c r="SHL656" s="613"/>
      <c r="SHM656" s="613"/>
      <c r="SHN656" s="613"/>
      <c r="SHO656" s="613"/>
      <c r="SHP656" s="613"/>
      <c r="SHQ656" s="613"/>
      <c r="SHR656" s="613"/>
      <c r="SHS656" s="613"/>
      <c r="SHT656" s="613"/>
      <c r="SHU656" s="613"/>
      <c r="SHV656" s="613"/>
      <c r="SHW656" s="613"/>
      <c r="SHX656" s="613"/>
      <c r="SHY656" s="613"/>
      <c r="SHZ656" s="613"/>
      <c r="SIA656" s="613"/>
      <c r="SIB656" s="613"/>
      <c r="SIC656" s="613"/>
      <c r="SID656" s="613"/>
      <c r="SIE656" s="613"/>
      <c r="SIF656" s="613"/>
      <c r="SIG656" s="613"/>
      <c r="SIH656" s="613"/>
      <c r="SII656" s="613"/>
      <c r="SIJ656" s="613"/>
      <c r="SIK656" s="613"/>
      <c r="SIL656" s="613"/>
      <c r="SIM656" s="613"/>
      <c r="SIN656" s="613"/>
      <c r="SIO656" s="613"/>
      <c r="SIP656" s="613"/>
      <c r="SIQ656" s="613"/>
      <c r="SIR656" s="613"/>
      <c r="SIS656" s="613"/>
      <c r="SIT656" s="613"/>
      <c r="SIU656" s="613"/>
      <c r="SIV656" s="613"/>
      <c r="SIW656" s="613"/>
      <c r="SIX656" s="613"/>
      <c r="SIY656" s="613"/>
      <c r="SIZ656" s="613"/>
      <c r="SJA656" s="613"/>
      <c r="SJB656" s="613"/>
      <c r="SJC656" s="613"/>
      <c r="SJD656" s="613"/>
      <c r="SJE656" s="613"/>
      <c r="SJF656" s="613"/>
      <c r="SJG656" s="613"/>
      <c r="SJH656" s="613"/>
      <c r="SJI656" s="613"/>
      <c r="SJJ656" s="613"/>
      <c r="SJK656" s="613"/>
      <c r="SJL656" s="613"/>
      <c r="SJM656" s="613"/>
      <c r="SJN656" s="613"/>
      <c r="SJO656" s="613"/>
      <c r="SJP656" s="613"/>
      <c r="SJQ656" s="613"/>
      <c r="SJR656" s="613"/>
      <c r="SJS656" s="613"/>
      <c r="SJT656" s="613"/>
      <c r="SJU656" s="613"/>
      <c r="SJV656" s="613"/>
      <c r="SJW656" s="613"/>
      <c r="SJX656" s="613"/>
      <c r="SJY656" s="613"/>
      <c r="SJZ656" s="613"/>
      <c r="SKA656" s="613"/>
      <c r="SKB656" s="613"/>
      <c r="SKC656" s="613"/>
      <c r="SKD656" s="613"/>
      <c r="SKE656" s="613"/>
      <c r="SKF656" s="613"/>
      <c r="SKG656" s="613"/>
      <c r="SKH656" s="613"/>
      <c r="SKI656" s="613"/>
      <c r="SKJ656" s="613"/>
      <c r="SKK656" s="613"/>
      <c r="SKL656" s="613"/>
      <c r="SKM656" s="613"/>
      <c r="SKN656" s="613"/>
      <c r="SKO656" s="613"/>
      <c r="SKP656" s="613"/>
      <c r="SKQ656" s="613"/>
      <c r="SKR656" s="613"/>
      <c r="SKS656" s="613"/>
      <c r="SKT656" s="613"/>
      <c r="SKU656" s="613"/>
      <c r="SKV656" s="613"/>
      <c r="SKW656" s="613"/>
      <c r="SKX656" s="613"/>
      <c r="SKY656" s="613"/>
      <c r="SKZ656" s="613"/>
      <c r="SLA656" s="613"/>
      <c r="SLB656" s="613"/>
      <c r="SLC656" s="613"/>
      <c r="SLD656" s="613"/>
      <c r="SLE656" s="613"/>
      <c r="SLF656" s="613"/>
      <c r="SLG656" s="613"/>
      <c r="SLH656" s="613"/>
      <c r="SLI656" s="613"/>
      <c r="SLJ656" s="613"/>
      <c r="SLK656" s="613"/>
      <c r="SLL656" s="613"/>
      <c r="SLM656" s="613"/>
      <c r="SLN656" s="613"/>
      <c r="SLO656" s="613"/>
      <c r="SLP656" s="613"/>
      <c r="SLQ656" s="613"/>
      <c r="SLR656" s="613"/>
      <c r="SLS656" s="613"/>
      <c r="SLT656" s="613"/>
      <c r="SLU656" s="613"/>
      <c r="SLV656" s="613"/>
      <c r="SLW656" s="613"/>
      <c r="SLX656" s="613"/>
      <c r="SLY656" s="613"/>
      <c r="SLZ656" s="613"/>
      <c r="SMA656" s="613"/>
      <c r="SMB656" s="613"/>
      <c r="SMC656" s="613"/>
      <c r="SMD656" s="613"/>
      <c r="SME656" s="613"/>
      <c r="SMF656" s="613"/>
      <c r="SMG656" s="613"/>
      <c r="SMH656" s="613"/>
      <c r="SMI656" s="613"/>
      <c r="SMJ656" s="613"/>
      <c r="SMK656" s="613"/>
      <c r="SML656" s="613"/>
      <c r="SMM656" s="613"/>
      <c r="SMN656" s="613"/>
      <c r="SMO656" s="613"/>
      <c r="SMP656" s="613"/>
      <c r="SMQ656" s="613"/>
      <c r="SMR656" s="613"/>
      <c r="SMS656" s="613"/>
      <c r="SMT656" s="613"/>
      <c r="SMU656" s="613"/>
      <c r="SMV656" s="613"/>
      <c r="SMW656" s="613"/>
      <c r="SMX656" s="613"/>
      <c r="SMY656" s="613"/>
      <c r="SMZ656" s="613"/>
      <c r="SNA656" s="613"/>
      <c r="SNB656" s="613"/>
      <c r="SNC656" s="613"/>
      <c r="SND656" s="613"/>
      <c r="SNE656" s="613"/>
      <c r="SNF656" s="613"/>
      <c r="SNG656" s="613"/>
      <c r="SNH656" s="613"/>
      <c r="SNI656" s="613"/>
      <c r="SNJ656" s="613"/>
      <c r="SNK656" s="613"/>
      <c r="SNL656" s="613"/>
      <c r="SNM656" s="613"/>
      <c r="SNN656" s="613"/>
      <c r="SNO656" s="613"/>
      <c r="SNP656" s="613"/>
      <c r="SNQ656" s="613"/>
      <c r="SNR656" s="613"/>
      <c r="SNS656" s="613"/>
      <c r="SNT656" s="613"/>
      <c r="SNU656" s="613"/>
      <c r="SNV656" s="613"/>
      <c r="SNW656" s="613"/>
      <c r="SNX656" s="613"/>
      <c r="SNY656" s="613"/>
      <c r="SNZ656" s="613"/>
      <c r="SOA656" s="613"/>
      <c r="SOB656" s="613"/>
      <c r="SOC656" s="613"/>
      <c r="SOD656" s="613"/>
      <c r="SOE656" s="613"/>
      <c r="SOF656" s="613"/>
      <c r="SOG656" s="613"/>
      <c r="SOH656" s="613"/>
      <c r="SOI656" s="613"/>
      <c r="SOJ656" s="613"/>
      <c r="SOK656" s="613"/>
      <c r="SOL656" s="613"/>
      <c r="SOM656" s="613"/>
      <c r="SON656" s="613"/>
      <c r="SOO656" s="613"/>
      <c r="SOP656" s="613"/>
      <c r="SOQ656" s="613"/>
      <c r="SOR656" s="613"/>
      <c r="SOS656" s="613"/>
      <c r="SOT656" s="613"/>
      <c r="SOU656" s="613"/>
      <c r="SOV656" s="613"/>
      <c r="SOW656" s="613"/>
      <c r="SOX656" s="613"/>
      <c r="SOY656" s="613"/>
      <c r="SOZ656" s="613"/>
      <c r="SPA656" s="613"/>
      <c r="SPB656" s="613"/>
      <c r="SPC656" s="613"/>
      <c r="SPD656" s="613"/>
      <c r="SPE656" s="613"/>
      <c r="SPF656" s="613"/>
      <c r="SPG656" s="613"/>
      <c r="SPH656" s="613"/>
      <c r="SPI656" s="613"/>
      <c r="SPJ656" s="613"/>
      <c r="SPK656" s="613"/>
      <c r="SPL656" s="613"/>
      <c r="SPM656" s="613"/>
      <c r="SPN656" s="613"/>
      <c r="SPO656" s="613"/>
      <c r="SPP656" s="613"/>
      <c r="SPQ656" s="613"/>
      <c r="SPR656" s="613"/>
      <c r="SPS656" s="613"/>
      <c r="SPT656" s="613"/>
      <c r="SPU656" s="613"/>
      <c r="SPV656" s="613"/>
      <c r="SPW656" s="613"/>
      <c r="SPX656" s="613"/>
      <c r="SPY656" s="613"/>
      <c r="SPZ656" s="613"/>
      <c r="SQA656" s="613"/>
      <c r="SQB656" s="613"/>
      <c r="SQC656" s="613"/>
      <c r="SQD656" s="613"/>
      <c r="SQE656" s="613"/>
      <c r="SQF656" s="613"/>
      <c r="SQG656" s="613"/>
      <c r="SQH656" s="613"/>
      <c r="SQI656" s="613"/>
      <c r="SQJ656" s="613"/>
      <c r="SQK656" s="613"/>
      <c r="SQL656" s="613"/>
      <c r="SQM656" s="613"/>
      <c r="SQN656" s="613"/>
      <c r="SQO656" s="613"/>
      <c r="SQP656" s="613"/>
      <c r="SQQ656" s="613"/>
      <c r="SQR656" s="613"/>
      <c r="SQS656" s="613"/>
      <c r="SQT656" s="613"/>
      <c r="SQU656" s="613"/>
      <c r="SQV656" s="613"/>
      <c r="SQW656" s="613"/>
      <c r="SQX656" s="613"/>
      <c r="SQY656" s="613"/>
      <c r="SQZ656" s="613"/>
      <c r="SRA656" s="613"/>
      <c r="SRB656" s="613"/>
      <c r="SRC656" s="613"/>
      <c r="SRD656" s="613"/>
      <c r="SRE656" s="613"/>
      <c r="SRF656" s="613"/>
      <c r="SRG656" s="613"/>
      <c r="SRH656" s="613"/>
      <c r="SRI656" s="613"/>
      <c r="SRJ656" s="613"/>
      <c r="SRK656" s="613"/>
      <c r="SRL656" s="613"/>
      <c r="SRM656" s="613"/>
      <c r="SRN656" s="613"/>
      <c r="SRO656" s="613"/>
      <c r="SRP656" s="613"/>
      <c r="SRQ656" s="613"/>
      <c r="SRR656" s="613"/>
      <c r="SRS656" s="613"/>
      <c r="SRT656" s="613"/>
      <c r="SRU656" s="613"/>
      <c r="SRV656" s="613"/>
      <c r="SRW656" s="613"/>
      <c r="SRX656" s="613"/>
      <c r="SRY656" s="613"/>
      <c r="SRZ656" s="613"/>
      <c r="SSA656" s="613"/>
      <c r="SSB656" s="613"/>
      <c r="SSC656" s="613"/>
      <c r="SSD656" s="613"/>
      <c r="SSE656" s="613"/>
      <c r="SSF656" s="613"/>
      <c r="SSG656" s="613"/>
      <c r="SSH656" s="613"/>
      <c r="SSI656" s="613"/>
      <c r="SSJ656" s="613"/>
      <c r="SSK656" s="613"/>
      <c r="SSL656" s="613"/>
      <c r="SSM656" s="613"/>
      <c r="SSN656" s="613"/>
      <c r="SSO656" s="613"/>
      <c r="SSP656" s="613"/>
      <c r="SSQ656" s="613"/>
      <c r="SSR656" s="613"/>
      <c r="SSS656" s="613"/>
      <c r="SST656" s="613"/>
      <c r="SSU656" s="613"/>
      <c r="SSV656" s="613"/>
      <c r="SSW656" s="613"/>
      <c r="SSX656" s="613"/>
      <c r="SSY656" s="613"/>
      <c r="SSZ656" s="613"/>
      <c r="STA656" s="613"/>
      <c r="STB656" s="613"/>
      <c r="STC656" s="613"/>
      <c r="STD656" s="613"/>
      <c r="STE656" s="613"/>
      <c r="STF656" s="613"/>
      <c r="STG656" s="613"/>
      <c r="STH656" s="613"/>
      <c r="STI656" s="613"/>
      <c r="STJ656" s="613"/>
      <c r="STK656" s="613"/>
      <c r="STL656" s="613"/>
      <c r="STM656" s="613"/>
      <c r="STN656" s="613"/>
      <c r="STO656" s="613"/>
      <c r="STP656" s="613"/>
      <c r="STQ656" s="613"/>
      <c r="STR656" s="613"/>
      <c r="STS656" s="613"/>
      <c r="STT656" s="613"/>
      <c r="STU656" s="613"/>
      <c r="STV656" s="613"/>
      <c r="STW656" s="613"/>
      <c r="STX656" s="613"/>
      <c r="STY656" s="613"/>
      <c r="STZ656" s="613"/>
      <c r="SUA656" s="613"/>
      <c r="SUB656" s="613"/>
      <c r="SUC656" s="613"/>
      <c r="SUD656" s="613"/>
      <c r="SUE656" s="613"/>
      <c r="SUF656" s="613"/>
      <c r="SUG656" s="613"/>
      <c r="SUH656" s="613"/>
      <c r="SUI656" s="613"/>
      <c r="SUJ656" s="613"/>
      <c r="SUK656" s="613"/>
      <c r="SUL656" s="613"/>
      <c r="SUM656" s="613"/>
      <c r="SUN656" s="613"/>
      <c r="SUO656" s="613"/>
      <c r="SUP656" s="613"/>
      <c r="SUQ656" s="613"/>
      <c r="SUR656" s="613"/>
      <c r="SUS656" s="613"/>
      <c r="SUT656" s="613"/>
      <c r="SUU656" s="613"/>
      <c r="SUV656" s="613"/>
      <c r="SUW656" s="613"/>
      <c r="SUX656" s="613"/>
      <c r="SUY656" s="613"/>
      <c r="SUZ656" s="613"/>
      <c r="SVA656" s="613"/>
      <c r="SVB656" s="613"/>
      <c r="SVC656" s="613"/>
      <c r="SVD656" s="613"/>
      <c r="SVE656" s="613"/>
      <c r="SVF656" s="613"/>
      <c r="SVG656" s="613"/>
      <c r="SVH656" s="613"/>
      <c r="SVI656" s="613"/>
      <c r="SVJ656" s="613"/>
      <c r="SVK656" s="613"/>
      <c r="SVL656" s="613"/>
      <c r="SVM656" s="613"/>
      <c r="SVN656" s="613"/>
      <c r="SVO656" s="613"/>
      <c r="SVP656" s="613"/>
      <c r="SVQ656" s="613"/>
      <c r="SVR656" s="613"/>
      <c r="SVS656" s="613"/>
      <c r="SVT656" s="613"/>
      <c r="SVU656" s="613"/>
      <c r="SVV656" s="613"/>
      <c r="SVW656" s="613"/>
      <c r="SVX656" s="613"/>
      <c r="SVY656" s="613"/>
      <c r="SVZ656" s="613"/>
      <c r="SWA656" s="613"/>
      <c r="SWB656" s="613"/>
      <c r="SWC656" s="613"/>
      <c r="SWD656" s="613"/>
      <c r="SWE656" s="613"/>
      <c r="SWF656" s="613"/>
      <c r="SWG656" s="613"/>
      <c r="SWH656" s="613"/>
      <c r="SWI656" s="613"/>
      <c r="SWJ656" s="613"/>
      <c r="SWK656" s="613"/>
      <c r="SWL656" s="613"/>
      <c r="SWM656" s="613"/>
      <c r="SWN656" s="613"/>
      <c r="SWO656" s="613"/>
      <c r="SWP656" s="613"/>
      <c r="SWQ656" s="613"/>
      <c r="SWR656" s="613"/>
      <c r="SWS656" s="613"/>
      <c r="SWT656" s="613"/>
      <c r="SWU656" s="613"/>
      <c r="SWV656" s="613"/>
      <c r="SWW656" s="613"/>
      <c r="SWX656" s="613"/>
      <c r="SWY656" s="613"/>
      <c r="SWZ656" s="613"/>
      <c r="SXA656" s="613"/>
      <c r="SXB656" s="613"/>
      <c r="SXC656" s="613"/>
      <c r="SXD656" s="613"/>
      <c r="SXE656" s="613"/>
      <c r="SXF656" s="613"/>
      <c r="SXG656" s="613"/>
      <c r="SXH656" s="613"/>
      <c r="SXI656" s="613"/>
      <c r="SXJ656" s="613"/>
      <c r="SXK656" s="613"/>
      <c r="SXL656" s="613"/>
      <c r="SXM656" s="613"/>
      <c r="SXN656" s="613"/>
      <c r="SXO656" s="613"/>
      <c r="SXP656" s="613"/>
      <c r="SXQ656" s="613"/>
      <c r="SXR656" s="613"/>
      <c r="SXS656" s="613"/>
      <c r="SXT656" s="613"/>
      <c r="SXU656" s="613"/>
      <c r="SXV656" s="613"/>
      <c r="SXW656" s="613"/>
      <c r="SXX656" s="613"/>
      <c r="SXY656" s="613"/>
      <c r="SXZ656" s="613"/>
      <c r="SYA656" s="613"/>
      <c r="SYB656" s="613"/>
      <c r="SYC656" s="613"/>
      <c r="SYD656" s="613"/>
      <c r="SYE656" s="613"/>
      <c r="SYF656" s="613"/>
      <c r="SYG656" s="613"/>
      <c r="SYH656" s="613"/>
      <c r="SYI656" s="613"/>
      <c r="SYJ656" s="613"/>
      <c r="SYK656" s="613"/>
      <c r="SYL656" s="613"/>
      <c r="SYM656" s="613"/>
      <c r="SYN656" s="613"/>
      <c r="SYO656" s="613"/>
      <c r="SYP656" s="613"/>
      <c r="SYQ656" s="613"/>
      <c r="SYR656" s="613"/>
      <c r="SYS656" s="613"/>
      <c r="SYT656" s="613"/>
      <c r="SYU656" s="613"/>
      <c r="SYV656" s="613"/>
      <c r="SYW656" s="613"/>
      <c r="SYX656" s="613"/>
      <c r="SYY656" s="613"/>
      <c r="SYZ656" s="613"/>
      <c r="SZA656" s="613"/>
      <c r="SZB656" s="613"/>
      <c r="SZC656" s="613"/>
      <c r="SZD656" s="613"/>
      <c r="SZE656" s="613"/>
      <c r="SZF656" s="613"/>
      <c r="SZG656" s="613"/>
      <c r="SZH656" s="613"/>
      <c r="SZI656" s="613"/>
      <c r="SZJ656" s="613"/>
      <c r="SZK656" s="613"/>
      <c r="SZL656" s="613"/>
      <c r="SZM656" s="613"/>
      <c r="SZN656" s="613"/>
      <c r="SZO656" s="613"/>
      <c r="SZP656" s="613"/>
      <c r="SZQ656" s="613"/>
      <c r="SZR656" s="613"/>
      <c r="SZS656" s="613"/>
      <c r="SZT656" s="613"/>
      <c r="SZU656" s="613"/>
      <c r="SZV656" s="613"/>
      <c r="SZW656" s="613"/>
      <c r="SZX656" s="613"/>
      <c r="SZY656" s="613"/>
      <c r="SZZ656" s="613"/>
      <c r="TAA656" s="613"/>
      <c r="TAB656" s="613"/>
      <c r="TAC656" s="613"/>
      <c r="TAD656" s="613"/>
      <c r="TAE656" s="613"/>
      <c r="TAF656" s="613"/>
      <c r="TAG656" s="613"/>
      <c r="TAH656" s="613"/>
      <c r="TAI656" s="613"/>
      <c r="TAJ656" s="613"/>
      <c r="TAK656" s="613"/>
      <c r="TAL656" s="613"/>
      <c r="TAM656" s="613"/>
      <c r="TAN656" s="613"/>
      <c r="TAO656" s="613"/>
      <c r="TAP656" s="613"/>
      <c r="TAQ656" s="613"/>
      <c r="TAR656" s="613"/>
      <c r="TAS656" s="613"/>
      <c r="TAT656" s="613"/>
      <c r="TAU656" s="613"/>
      <c r="TAV656" s="613"/>
      <c r="TAW656" s="613"/>
      <c r="TAX656" s="613"/>
      <c r="TAY656" s="613"/>
      <c r="TAZ656" s="613"/>
      <c r="TBA656" s="613"/>
      <c r="TBB656" s="613"/>
      <c r="TBC656" s="613"/>
      <c r="TBD656" s="613"/>
      <c r="TBE656" s="613"/>
      <c r="TBF656" s="613"/>
      <c r="TBG656" s="613"/>
      <c r="TBH656" s="613"/>
      <c r="TBI656" s="613"/>
      <c r="TBJ656" s="613"/>
      <c r="TBK656" s="613"/>
      <c r="TBL656" s="613"/>
      <c r="TBM656" s="613"/>
      <c r="TBN656" s="613"/>
      <c r="TBO656" s="613"/>
      <c r="TBP656" s="613"/>
      <c r="TBQ656" s="613"/>
      <c r="TBR656" s="613"/>
      <c r="TBS656" s="613"/>
      <c r="TBT656" s="613"/>
      <c r="TBU656" s="613"/>
      <c r="TBV656" s="613"/>
      <c r="TBW656" s="613"/>
      <c r="TBX656" s="613"/>
      <c r="TBY656" s="613"/>
      <c r="TBZ656" s="613"/>
      <c r="TCA656" s="613"/>
      <c r="TCB656" s="613"/>
      <c r="TCC656" s="613"/>
      <c r="TCD656" s="613"/>
      <c r="TCE656" s="613"/>
      <c r="TCF656" s="613"/>
      <c r="TCG656" s="613"/>
      <c r="TCH656" s="613"/>
      <c r="TCI656" s="613"/>
      <c r="TCJ656" s="613"/>
      <c r="TCK656" s="613"/>
      <c r="TCL656" s="613"/>
      <c r="TCM656" s="613"/>
      <c r="TCN656" s="613"/>
      <c r="TCO656" s="613"/>
      <c r="TCP656" s="613"/>
      <c r="TCQ656" s="613"/>
      <c r="TCR656" s="613"/>
      <c r="TCS656" s="613"/>
      <c r="TCT656" s="613"/>
      <c r="TCU656" s="613"/>
      <c r="TCV656" s="613"/>
      <c r="TCW656" s="613"/>
      <c r="TCX656" s="613"/>
      <c r="TCY656" s="613"/>
      <c r="TCZ656" s="613"/>
      <c r="TDA656" s="613"/>
      <c r="TDB656" s="613"/>
      <c r="TDC656" s="613"/>
      <c r="TDD656" s="613"/>
      <c r="TDE656" s="613"/>
      <c r="TDF656" s="613"/>
      <c r="TDG656" s="613"/>
      <c r="TDH656" s="613"/>
      <c r="TDI656" s="613"/>
      <c r="TDJ656" s="613"/>
      <c r="TDK656" s="613"/>
      <c r="TDL656" s="613"/>
      <c r="TDM656" s="613"/>
      <c r="TDN656" s="613"/>
      <c r="TDO656" s="613"/>
      <c r="TDP656" s="613"/>
      <c r="TDQ656" s="613"/>
      <c r="TDR656" s="613"/>
      <c r="TDS656" s="613"/>
      <c r="TDT656" s="613"/>
      <c r="TDU656" s="613"/>
      <c r="TDV656" s="613"/>
      <c r="TDW656" s="613"/>
      <c r="TDX656" s="613"/>
      <c r="TDY656" s="613"/>
      <c r="TDZ656" s="613"/>
      <c r="TEA656" s="613"/>
      <c r="TEB656" s="613"/>
      <c r="TEC656" s="613"/>
      <c r="TED656" s="613"/>
      <c r="TEE656" s="613"/>
      <c r="TEF656" s="613"/>
      <c r="TEG656" s="613"/>
      <c r="TEH656" s="613"/>
      <c r="TEI656" s="613"/>
      <c r="TEJ656" s="613"/>
      <c r="TEK656" s="613"/>
      <c r="TEL656" s="613"/>
      <c r="TEM656" s="613"/>
      <c r="TEN656" s="613"/>
      <c r="TEO656" s="613"/>
      <c r="TEP656" s="613"/>
      <c r="TEQ656" s="613"/>
      <c r="TER656" s="613"/>
      <c r="TES656" s="613"/>
      <c r="TET656" s="613"/>
      <c r="TEU656" s="613"/>
      <c r="TEV656" s="613"/>
      <c r="TEW656" s="613"/>
      <c r="TEX656" s="613"/>
      <c r="TEY656" s="613"/>
      <c r="TEZ656" s="613"/>
      <c r="TFA656" s="613"/>
      <c r="TFB656" s="613"/>
      <c r="TFC656" s="613"/>
      <c r="TFD656" s="613"/>
      <c r="TFE656" s="613"/>
      <c r="TFF656" s="613"/>
      <c r="TFG656" s="613"/>
      <c r="TFH656" s="613"/>
      <c r="TFI656" s="613"/>
      <c r="TFJ656" s="613"/>
      <c r="TFK656" s="613"/>
      <c r="TFL656" s="613"/>
      <c r="TFM656" s="613"/>
      <c r="TFN656" s="613"/>
      <c r="TFO656" s="613"/>
      <c r="TFP656" s="613"/>
      <c r="TFQ656" s="613"/>
      <c r="TFR656" s="613"/>
      <c r="TFS656" s="613"/>
      <c r="TFT656" s="613"/>
      <c r="TFU656" s="613"/>
      <c r="TFV656" s="613"/>
      <c r="TFW656" s="613"/>
      <c r="TFX656" s="613"/>
      <c r="TFY656" s="613"/>
      <c r="TFZ656" s="613"/>
      <c r="TGA656" s="613"/>
      <c r="TGB656" s="613"/>
      <c r="TGC656" s="613"/>
      <c r="TGD656" s="613"/>
      <c r="TGE656" s="613"/>
      <c r="TGF656" s="613"/>
      <c r="TGG656" s="613"/>
      <c r="TGH656" s="613"/>
      <c r="TGI656" s="613"/>
      <c r="TGJ656" s="613"/>
      <c r="TGK656" s="613"/>
      <c r="TGL656" s="613"/>
      <c r="TGM656" s="613"/>
      <c r="TGN656" s="613"/>
      <c r="TGO656" s="613"/>
      <c r="TGP656" s="613"/>
      <c r="TGQ656" s="613"/>
      <c r="TGR656" s="613"/>
      <c r="TGS656" s="613"/>
      <c r="TGT656" s="613"/>
      <c r="TGU656" s="613"/>
      <c r="TGV656" s="613"/>
      <c r="TGW656" s="613"/>
      <c r="TGX656" s="613"/>
      <c r="TGY656" s="613"/>
      <c r="TGZ656" s="613"/>
      <c r="THA656" s="613"/>
      <c r="THB656" s="613"/>
      <c r="THC656" s="613"/>
      <c r="THD656" s="613"/>
      <c r="THE656" s="613"/>
      <c r="THF656" s="613"/>
      <c r="THG656" s="613"/>
      <c r="THH656" s="613"/>
      <c r="THI656" s="613"/>
      <c r="THJ656" s="613"/>
      <c r="THK656" s="613"/>
      <c r="THL656" s="613"/>
      <c r="THM656" s="613"/>
      <c r="THN656" s="613"/>
      <c r="THO656" s="613"/>
      <c r="THP656" s="613"/>
      <c r="THQ656" s="613"/>
      <c r="THR656" s="613"/>
      <c r="THS656" s="613"/>
      <c r="THT656" s="613"/>
      <c r="THU656" s="613"/>
      <c r="THV656" s="613"/>
      <c r="THW656" s="613"/>
      <c r="THX656" s="613"/>
      <c r="THY656" s="613"/>
      <c r="THZ656" s="613"/>
      <c r="TIA656" s="613"/>
      <c r="TIB656" s="613"/>
      <c r="TIC656" s="613"/>
      <c r="TID656" s="613"/>
      <c r="TIE656" s="613"/>
      <c r="TIF656" s="613"/>
      <c r="TIG656" s="613"/>
      <c r="TIH656" s="613"/>
      <c r="TII656" s="613"/>
      <c r="TIJ656" s="613"/>
      <c r="TIK656" s="613"/>
      <c r="TIL656" s="613"/>
      <c r="TIM656" s="613"/>
      <c r="TIN656" s="613"/>
      <c r="TIO656" s="613"/>
      <c r="TIP656" s="613"/>
      <c r="TIQ656" s="613"/>
      <c r="TIR656" s="613"/>
      <c r="TIS656" s="613"/>
      <c r="TIT656" s="613"/>
      <c r="TIU656" s="613"/>
      <c r="TIV656" s="613"/>
      <c r="TIW656" s="613"/>
      <c r="TIX656" s="613"/>
      <c r="TIY656" s="613"/>
      <c r="TIZ656" s="613"/>
      <c r="TJA656" s="613"/>
      <c r="TJB656" s="613"/>
      <c r="TJC656" s="613"/>
      <c r="TJD656" s="613"/>
      <c r="TJE656" s="613"/>
      <c r="TJF656" s="613"/>
      <c r="TJG656" s="613"/>
      <c r="TJH656" s="613"/>
      <c r="TJI656" s="613"/>
      <c r="TJJ656" s="613"/>
      <c r="TJK656" s="613"/>
      <c r="TJL656" s="613"/>
      <c r="TJM656" s="613"/>
      <c r="TJN656" s="613"/>
      <c r="TJO656" s="613"/>
      <c r="TJP656" s="613"/>
      <c r="TJQ656" s="613"/>
      <c r="TJR656" s="613"/>
      <c r="TJS656" s="613"/>
      <c r="TJT656" s="613"/>
      <c r="TJU656" s="613"/>
      <c r="TJV656" s="613"/>
      <c r="TJW656" s="613"/>
      <c r="TJX656" s="613"/>
      <c r="TJY656" s="613"/>
      <c r="TJZ656" s="613"/>
      <c r="TKA656" s="613"/>
      <c r="TKB656" s="613"/>
      <c r="TKC656" s="613"/>
      <c r="TKD656" s="613"/>
      <c r="TKE656" s="613"/>
      <c r="TKF656" s="613"/>
      <c r="TKG656" s="613"/>
      <c r="TKH656" s="613"/>
      <c r="TKI656" s="613"/>
      <c r="TKJ656" s="613"/>
      <c r="TKK656" s="613"/>
      <c r="TKL656" s="613"/>
      <c r="TKM656" s="613"/>
      <c r="TKN656" s="613"/>
      <c r="TKO656" s="613"/>
      <c r="TKP656" s="613"/>
      <c r="TKQ656" s="613"/>
      <c r="TKR656" s="613"/>
      <c r="TKS656" s="613"/>
      <c r="TKT656" s="613"/>
      <c r="TKU656" s="613"/>
      <c r="TKV656" s="613"/>
      <c r="TKW656" s="613"/>
      <c r="TKX656" s="613"/>
      <c r="TKY656" s="613"/>
      <c r="TKZ656" s="613"/>
      <c r="TLA656" s="613"/>
      <c r="TLB656" s="613"/>
      <c r="TLC656" s="613"/>
      <c r="TLD656" s="613"/>
      <c r="TLE656" s="613"/>
      <c r="TLF656" s="613"/>
      <c r="TLG656" s="613"/>
      <c r="TLH656" s="613"/>
      <c r="TLI656" s="613"/>
      <c r="TLJ656" s="613"/>
      <c r="TLK656" s="613"/>
      <c r="TLL656" s="613"/>
      <c r="TLM656" s="613"/>
      <c r="TLN656" s="613"/>
      <c r="TLO656" s="613"/>
      <c r="TLP656" s="613"/>
      <c r="TLQ656" s="613"/>
      <c r="TLR656" s="613"/>
      <c r="TLS656" s="613"/>
      <c r="TLT656" s="613"/>
      <c r="TLU656" s="613"/>
      <c r="TLV656" s="613"/>
      <c r="TLW656" s="613"/>
      <c r="TLX656" s="613"/>
      <c r="TLY656" s="613"/>
      <c r="TLZ656" s="613"/>
      <c r="TMA656" s="613"/>
      <c r="TMB656" s="613"/>
      <c r="TMC656" s="613"/>
      <c r="TMD656" s="613"/>
      <c r="TME656" s="613"/>
      <c r="TMF656" s="613"/>
      <c r="TMG656" s="613"/>
      <c r="TMH656" s="613"/>
      <c r="TMI656" s="613"/>
      <c r="TMJ656" s="613"/>
      <c r="TMK656" s="613"/>
      <c r="TML656" s="613"/>
      <c r="TMM656" s="613"/>
      <c r="TMN656" s="613"/>
      <c r="TMO656" s="613"/>
      <c r="TMP656" s="613"/>
      <c r="TMQ656" s="613"/>
      <c r="TMR656" s="613"/>
      <c r="TMS656" s="613"/>
      <c r="TMT656" s="613"/>
      <c r="TMU656" s="613"/>
      <c r="TMV656" s="613"/>
      <c r="TMW656" s="613"/>
      <c r="TMX656" s="613"/>
      <c r="TMY656" s="613"/>
      <c r="TMZ656" s="613"/>
      <c r="TNA656" s="613"/>
      <c r="TNB656" s="613"/>
      <c r="TNC656" s="613"/>
      <c r="TND656" s="613"/>
      <c r="TNE656" s="613"/>
      <c r="TNF656" s="613"/>
      <c r="TNG656" s="613"/>
      <c r="TNH656" s="613"/>
      <c r="TNI656" s="613"/>
      <c r="TNJ656" s="613"/>
      <c r="TNK656" s="613"/>
      <c r="TNL656" s="613"/>
      <c r="TNM656" s="613"/>
      <c r="TNN656" s="613"/>
      <c r="TNO656" s="613"/>
      <c r="TNP656" s="613"/>
      <c r="TNQ656" s="613"/>
      <c r="TNR656" s="613"/>
      <c r="TNS656" s="613"/>
      <c r="TNT656" s="613"/>
      <c r="TNU656" s="613"/>
      <c r="TNV656" s="613"/>
      <c r="TNW656" s="613"/>
      <c r="TNX656" s="613"/>
      <c r="TNY656" s="613"/>
      <c r="TNZ656" s="613"/>
      <c r="TOA656" s="613"/>
      <c r="TOB656" s="613"/>
      <c r="TOC656" s="613"/>
      <c r="TOD656" s="613"/>
      <c r="TOE656" s="613"/>
      <c r="TOF656" s="613"/>
      <c r="TOG656" s="613"/>
      <c r="TOH656" s="613"/>
      <c r="TOI656" s="613"/>
      <c r="TOJ656" s="613"/>
      <c r="TOK656" s="613"/>
      <c r="TOL656" s="613"/>
      <c r="TOM656" s="613"/>
      <c r="TON656" s="613"/>
      <c r="TOO656" s="613"/>
      <c r="TOP656" s="613"/>
      <c r="TOQ656" s="613"/>
      <c r="TOR656" s="613"/>
      <c r="TOS656" s="613"/>
      <c r="TOT656" s="613"/>
      <c r="TOU656" s="613"/>
      <c r="TOV656" s="613"/>
      <c r="TOW656" s="613"/>
      <c r="TOX656" s="613"/>
      <c r="TOY656" s="613"/>
      <c r="TOZ656" s="613"/>
      <c r="TPA656" s="613"/>
      <c r="TPB656" s="613"/>
      <c r="TPC656" s="613"/>
      <c r="TPD656" s="613"/>
      <c r="TPE656" s="613"/>
      <c r="TPF656" s="613"/>
      <c r="TPG656" s="613"/>
      <c r="TPH656" s="613"/>
      <c r="TPI656" s="613"/>
      <c r="TPJ656" s="613"/>
      <c r="TPK656" s="613"/>
      <c r="TPL656" s="613"/>
      <c r="TPM656" s="613"/>
      <c r="TPN656" s="613"/>
      <c r="TPO656" s="613"/>
      <c r="TPP656" s="613"/>
      <c r="TPQ656" s="613"/>
      <c r="TPR656" s="613"/>
      <c r="TPS656" s="613"/>
      <c r="TPT656" s="613"/>
      <c r="TPU656" s="613"/>
      <c r="TPV656" s="613"/>
      <c r="TPW656" s="613"/>
      <c r="TPX656" s="613"/>
      <c r="TPY656" s="613"/>
      <c r="TPZ656" s="613"/>
      <c r="TQA656" s="613"/>
      <c r="TQB656" s="613"/>
      <c r="TQC656" s="613"/>
      <c r="TQD656" s="613"/>
      <c r="TQE656" s="613"/>
      <c r="TQF656" s="613"/>
      <c r="TQG656" s="613"/>
      <c r="TQH656" s="613"/>
      <c r="TQI656" s="613"/>
      <c r="TQJ656" s="613"/>
      <c r="TQK656" s="613"/>
      <c r="TQL656" s="613"/>
      <c r="TQM656" s="613"/>
      <c r="TQN656" s="613"/>
      <c r="TQO656" s="613"/>
      <c r="TQP656" s="613"/>
      <c r="TQQ656" s="613"/>
      <c r="TQR656" s="613"/>
      <c r="TQS656" s="613"/>
      <c r="TQT656" s="613"/>
      <c r="TQU656" s="613"/>
      <c r="TQV656" s="613"/>
      <c r="TQW656" s="613"/>
      <c r="TQX656" s="613"/>
      <c r="TQY656" s="613"/>
      <c r="TQZ656" s="613"/>
      <c r="TRA656" s="613"/>
      <c r="TRB656" s="613"/>
      <c r="TRC656" s="613"/>
      <c r="TRD656" s="613"/>
      <c r="TRE656" s="613"/>
      <c r="TRF656" s="613"/>
      <c r="TRG656" s="613"/>
      <c r="TRH656" s="613"/>
      <c r="TRI656" s="613"/>
      <c r="TRJ656" s="613"/>
      <c r="TRK656" s="613"/>
      <c r="TRL656" s="613"/>
      <c r="TRM656" s="613"/>
      <c r="TRN656" s="613"/>
      <c r="TRO656" s="613"/>
      <c r="TRP656" s="613"/>
      <c r="TRQ656" s="613"/>
      <c r="TRR656" s="613"/>
      <c r="TRS656" s="613"/>
      <c r="TRT656" s="613"/>
      <c r="TRU656" s="613"/>
      <c r="TRV656" s="613"/>
      <c r="TRW656" s="613"/>
      <c r="TRX656" s="613"/>
      <c r="TRY656" s="613"/>
      <c r="TRZ656" s="613"/>
      <c r="TSA656" s="613"/>
      <c r="TSB656" s="613"/>
      <c r="TSC656" s="613"/>
      <c r="TSD656" s="613"/>
      <c r="TSE656" s="613"/>
      <c r="TSF656" s="613"/>
      <c r="TSG656" s="613"/>
      <c r="TSH656" s="613"/>
      <c r="TSI656" s="613"/>
      <c r="TSJ656" s="613"/>
      <c r="TSK656" s="613"/>
      <c r="TSL656" s="613"/>
      <c r="TSM656" s="613"/>
      <c r="TSN656" s="613"/>
      <c r="TSO656" s="613"/>
      <c r="TSP656" s="613"/>
      <c r="TSQ656" s="613"/>
      <c r="TSR656" s="613"/>
      <c r="TSS656" s="613"/>
      <c r="TST656" s="613"/>
      <c r="TSU656" s="613"/>
      <c r="TSV656" s="613"/>
      <c r="TSW656" s="613"/>
      <c r="TSX656" s="613"/>
      <c r="TSY656" s="613"/>
      <c r="TSZ656" s="613"/>
      <c r="TTA656" s="613"/>
      <c r="TTB656" s="613"/>
      <c r="TTC656" s="613"/>
      <c r="TTD656" s="613"/>
      <c r="TTE656" s="613"/>
      <c r="TTF656" s="613"/>
      <c r="TTG656" s="613"/>
      <c r="TTH656" s="613"/>
      <c r="TTI656" s="613"/>
      <c r="TTJ656" s="613"/>
      <c r="TTK656" s="613"/>
      <c r="TTL656" s="613"/>
      <c r="TTM656" s="613"/>
      <c r="TTN656" s="613"/>
      <c r="TTO656" s="613"/>
      <c r="TTP656" s="613"/>
      <c r="TTQ656" s="613"/>
      <c r="TTR656" s="613"/>
      <c r="TTS656" s="613"/>
      <c r="TTT656" s="613"/>
      <c r="TTU656" s="613"/>
      <c r="TTV656" s="613"/>
      <c r="TTW656" s="613"/>
      <c r="TTX656" s="613"/>
      <c r="TTY656" s="613"/>
      <c r="TTZ656" s="613"/>
      <c r="TUA656" s="613"/>
      <c r="TUB656" s="613"/>
      <c r="TUC656" s="613"/>
      <c r="TUD656" s="613"/>
      <c r="TUE656" s="613"/>
      <c r="TUF656" s="613"/>
      <c r="TUG656" s="613"/>
      <c r="TUH656" s="613"/>
      <c r="TUI656" s="613"/>
      <c r="TUJ656" s="613"/>
      <c r="TUK656" s="613"/>
      <c r="TUL656" s="613"/>
      <c r="TUM656" s="613"/>
      <c r="TUN656" s="613"/>
      <c r="TUO656" s="613"/>
      <c r="TUP656" s="613"/>
      <c r="TUQ656" s="613"/>
      <c r="TUR656" s="613"/>
      <c r="TUS656" s="613"/>
      <c r="TUT656" s="613"/>
      <c r="TUU656" s="613"/>
      <c r="TUV656" s="613"/>
      <c r="TUW656" s="613"/>
      <c r="TUX656" s="613"/>
      <c r="TUY656" s="613"/>
      <c r="TUZ656" s="613"/>
      <c r="TVA656" s="613"/>
      <c r="TVB656" s="613"/>
      <c r="TVC656" s="613"/>
      <c r="TVD656" s="613"/>
      <c r="TVE656" s="613"/>
      <c r="TVF656" s="613"/>
      <c r="TVG656" s="613"/>
      <c r="TVH656" s="613"/>
      <c r="TVI656" s="613"/>
      <c r="TVJ656" s="613"/>
      <c r="TVK656" s="613"/>
      <c r="TVL656" s="613"/>
      <c r="TVM656" s="613"/>
      <c r="TVN656" s="613"/>
      <c r="TVO656" s="613"/>
      <c r="TVP656" s="613"/>
      <c r="TVQ656" s="613"/>
      <c r="TVR656" s="613"/>
      <c r="TVS656" s="613"/>
      <c r="TVT656" s="613"/>
      <c r="TVU656" s="613"/>
      <c r="TVV656" s="613"/>
      <c r="TVW656" s="613"/>
      <c r="TVX656" s="613"/>
      <c r="TVY656" s="613"/>
      <c r="TVZ656" s="613"/>
      <c r="TWA656" s="613"/>
      <c r="TWB656" s="613"/>
      <c r="TWC656" s="613"/>
      <c r="TWD656" s="613"/>
      <c r="TWE656" s="613"/>
      <c r="TWF656" s="613"/>
      <c r="TWG656" s="613"/>
      <c r="TWH656" s="613"/>
      <c r="TWI656" s="613"/>
      <c r="TWJ656" s="613"/>
      <c r="TWK656" s="613"/>
      <c r="TWL656" s="613"/>
      <c r="TWM656" s="613"/>
      <c r="TWN656" s="613"/>
      <c r="TWO656" s="613"/>
      <c r="TWP656" s="613"/>
      <c r="TWQ656" s="613"/>
      <c r="TWR656" s="613"/>
      <c r="TWS656" s="613"/>
      <c r="TWT656" s="613"/>
      <c r="TWU656" s="613"/>
      <c r="TWV656" s="613"/>
      <c r="TWW656" s="613"/>
      <c r="TWX656" s="613"/>
      <c r="TWY656" s="613"/>
      <c r="TWZ656" s="613"/>
      <c r="TXA656" s="613"/>
      <c r="TXB656" s="613"/>
      <c r="TXC656" s="613"/>
      <c r="TXD656" s="613"/>
      <c r="TXE656" s="613"/>
      <c r="TXF656" s="613"/>
      <c r="TXG656" s="613"/>
      <c r="TXH656" s="613"/>
      <c r="TXI656" s="613"/>
      <c r="TXJ656" s="613"/>
      <c r="TXK656" s="613"/>
      <c r="TXL656" s="613"/>
      <c r="TXM656" s="613"/>
      <c r="TXN656" s="613"/>
      <c r="TXO656" s="613"/>
      <c r="TXP656" s="613"/>
      <c r="TXQ656" s="613"/>
      <c r="TXR656" s="613"/>
      <c r="TXS656" s="613"/>
      <c r="TXT656" s="613"/>
      <c r="TXU656" s="613"/>
      <c r="TXV656" s="613"/>
      <c r="TXW656" s="613"/>
      <c r="TXX656" s="613"/>
      <c r="TXY656" s="613"/>
      <c r="TXZ656" s="613"/>
      <c r="TYA656" s="613"/>
      <c r="TYB656" s="613"/>
      <c r="TYC656" s="613"/>
      <c r="TYD656" s="613"/>
      <c r="TYE656" s="613"/>
      <c r="TYF656" s="613"/>
      <c r="TYG656" s="613"/>
      <c r="TYH656" s="613"/>
      <c r="TYI656" s="613"/>
      <c r="TYJ656" s="613"/>
      <c r="TYK656" s="613"/>
      <c r="TYL656" s="613"/>
      <c r="TYM656" s="613"/>
      <c r="TYN656" s="613"/>
      <c r="TYO656" s="613"/>
      <c r="TYP656" s="613"/>
      <c r="TYQ656" s="613"/>
      <c r="TYR656" s="613"/>
      <c r="TYS656" s="613"/>
      <c r="TYT656" s="613"/>
      <c r="TYU656" s="613"/>
      <c r="TYV656" s="613"/>
      <c r="TYW656" s="613"/>
      <c r="TYX656" s="613"/>
      <c r="TYY656" s="613"/>
      <c r="TYZ656" s="613"/>
      <c r="TZA656" s="613"/>
      <c r="TZB656" s="613"/>
      <c r="TZC656" s="613"/>
      <c r="TZD656" s="613"/>
      <c r="TZE656" s="613"/>
      <c r="TZF656" s="613"/>
      <c r="TZG656" s="613"/>
      <c r="TZH656" s="613"/>
      <c r="TZI656" s="613"/>
      <c r="TZJ656" s="613"/>
      <c r="TZK656" s="613"/>
      <c r="TZL656" s="613"/>
      <c r="TZM656" s="613"/>
      <c r="TZN656" s="613"/>
      <c r="TZO656" s="613"/>
      <c r="TZP656" s="613"/>
      <c r="TZQ656" s="613"/>
      <c r="TZR656" s="613"/>
      <c r="TZS656" s="613"/>
      <c r="TZT656" s="613"/>
      <c r="TZU656" s="613"/>
      <c r="TZV656" s="613"/>
      <c r="TZW656" s="613"/>
      <c r="TZX656" s="613"/>
      <c r="TZY656" s="613"/>
      <c r="TZZ656" s="613"/>
      <c r="UAA656" s="613"/>
      <c r="UAB656" s="613"/>
      <c r="UAC656" s="613"/>
      <c r="UAD656" s="613"/>
      <c r="UAE656" s="613"/>
      <c r="UAF656" s="613"/>
      <c r="UAG656" s="613"/>
      <c r="UAH656" s="613"/>
      <c r="UAI656" s="613"/>
      <c r="UAJ656" s="613"/>
      <c r="UAK656" s="613"/>
      <c r="UAL656" s="613"/>
      <c r="UAM656" s="613"/>
      <c r="UAN656" s="613"/>
      <c r="UAO656" s="613"/>
      <c r="UAP656" s="613"/>
      <c r="UAQ656" s="613"/>
      <c r="UAR656" s="613"/>
      <c r="UAS656" s="613"/>
      <c r="UAT656" s="613"/>
      <c r="UAU656" s="613"/>
      <c r="UAV656" s="613"/>
      <c r="UAW656" s="613"/>
      <c r="UAX656" s="613"/>
      <c r="UAY656" s="613"/>
      <c r="UAZ656" s="613"/>
      <c r="UBA656" s="613"/>
      <c r="UBB656" s="613"/>
      <c r="UBC656" s="613"/>
      <c r="UBD656" s="613"/>
      <c r="UBE656" s="613"/>
      <c r="UBF656" s="613"/>
      <c r="UBG656" s="613"/>
      <c r="UBH656" s="613"/>
      <c r="UBI656" s="613"/>
      <c r="UBJ656" s="613"/>
      <c r="UBK656" s="613"/>
      <c r="UBL656" s="613"/>
      <c r="UBM656" s="613"/>
      <c r="UBN656" s="613"/>
      <c r="UBO656" s="613"/>
      <c r="UBP656" s="613"/>
      <c r="UBQ656" s="613"/>
      <c r="UBR656" s="613"/>
      <c r="UBS656" s="613"/>
      <c r="UBT656" s="613"/>
      <c r="UBU656" s="613"/>
      <c r="UBV656" s="613"/>
      <c r="UBW656" s="613"/>
      <c r="UBX656" s="613"/>
      <c r="UBY656" s="613"/>
      <c r="UBZ656" s="613"/>
      <c r="UCA656" s="613"/>
      <c r="UCB656" s="613"/>
      <c r="UCC656" s="613"/>
      <c r="UCD656" s="613"/>
      <c r="UCE656" s="613"/>
      <c r="UCF656" s="613"/>
      <c r="UCG656" s="613"/>
      <c r="UCH656" s="613"/>
      <c r="UCI656" s="613"/>
      <c r="UCJ656" s="613"/>
      <c r="UCK656" s="613"/>
      <c r="UCL656" s="613"/>
      <c r="UCM656" s="613"/>
      <c r="UCN656" s="613"/>
      <c r="UCO656" s="613"/>
      <c r="UCP656" s="613"/>
      <c r="UCQ656" s="613"/>
      <c r="UCR656" s="613"/>
      <c r="UCS656" s="613"/>
      <c r="UCT656" s="613"/>
      <c r="UCU656" s="613"/>
      <c r="UCV656" s="613"/>
      <c r="UCW656" s="613"/>
      <c r="UCX656" s="613"/>
      <c r="UCY656" s="613"/>
      <c r="UCZ656" s="613"/>
      <c r="UDA656" s="613"/>
      <c r="UDB656" s="613"/>
      <c r="UDC656" s="613"/>
      <c r="UDD656" s="613"/>
      <c r="UDE656" s="613"/>
      <c r="UDF656" s="613"/>
      <c r="UDG656" s="613"/>
      <c r="UDH656" s="613"/>
      <c r="UDI656" s="613"/>
      <c r="UDJ656" s="613"/>
      <c r="UDK656" s="613"/>
      <c r="UDL656" s="613"/>
      <c r="UDM656" s="613"/>
      <c r="UDN656" s="613"/>
      <c r="UDO656" s="613"/>
      <c r="UDP656" s="613"/>
      <c r="UDQ656" s="613"/>
      <c r="UDR656" s="613"/>
      <c r="UDS656" s="613"/>
      <c r="UDT656" s="613"/>
      <c r="UDU656" s="613"/>
      <c r="UDV656" s="613"/>
      <c r="UDW656" s="613"/>
      <c r="UDX656" s="613"/>
      <c r="UDY656" s="613"/>
      <c r="UDZ656" s="613"/>
      <c r="UEA656" s="613"/>
      <c r="UEB656" s="613"/>
      <c r="UEC656" s="613"/>
      <c r="UED656" s="613"/>
      <c r="UEE656" s="613"/>
      <c r="UEF656" s="613"/>
      <c r="UEG656" s="613"/>
      <c r="UEH656" s="613"/>
      <c r="UEI656" s="613"/>
      <c r="UEJ656" s="613"/>
      <c r="UEK656" s="613"/>
      <c r="UEL656" s="613"/>
      <c r="UEM656" s="613"/>
      <c r="UEN656" s="613"/>
      <c r="UEO656" s="613"/>
      <c r="UEP656" s="613"/>
      <c r="UEQ656" s="613"/>
      <c r="UER656" s="613"/>
      <c r="UES656" s="613"/>
      <c r="UET656" s="613"/>
      <c r="UEU656" s="613"/>
      <c r="UEV656" s="613"/>
      <c r="UEW656" s="613"/>
      <c r="UEX656" s="613"/>
      <c r="UEY656" s="613"/>
      <c r="UEZ656" s="613"/>
      <c r="UFA656" s="613"/>
      <c r="UFB656" s="613"/>
      <c r="UFC656" s="613"/>
      <c r="UFD656" s="613"/>
      <c r="UFE656" s="613"/>
      <c r="UFF656" s="613"/>
      <c r="UFG656" s="613"/>
      <c r="UFH656" s="613"/>
      <c r="UFI656" s="613"/>
      <c r="UFJ656" s="613"/>
      <c r="UFK656" s="613"/>
      <c r="UFL656" s="613"/>
      <c r="UFM656" s="613"/>
      <c r="UFN656" s="613"/>
      <c r="UFO656" s="613"/>
      <c r="UFP656" s="613"/>
      <c r="UFQ656" s="613"/>
      <c r="UFR656" s="613"/>
      <c r="UFS656" s="613"/>
      <c r="UFT656" s="613"/>
      <c r="UFU656" s="613"/>
      <c r="UFV656" s="613"/>
      <c r="UFW656" s="613"/>
      <c r="UFX656" s="613"/>
      <c r="UFY656" s="613"/>
      <c r="UFZ656" s="613"/>
      <c r="UGA656" s="613"/>
      <c r="UGB656" s="613"/>
      <c r="UGC656" s="613"/>
      <c r="UGD656" s="613"/>
      <c r="UGE656" s="613"/>
      <c r="UGF656" s="613"/>
      <c r="UGG656" s="613"/>
      <c r="UGH656" s="613"/>
      <c r="UGI656" s="613"/>
      <c r="UGJ656" s="613"/>
      <c r="UGK656" s="613"/>
      <c r="UGL656" s="613"/>
      <c r="UGM656" s="613"/>
      <c r="UGN656" s="613"/>
      <c r="UGO656" s="613"/>
      <c r="UGP656" s="613"/>
      <c r="UGQ656" s="613"/>
      <c r="UGR656" s="613"/>
      <c r="UGS656" s="613"/>
      <c r="UGT656" s="613"/>
      <c r="UGU656" s="613"/>
      <c r="UGV656" s="613"/>
      <c r="UGW656" s="613"/>
      <c r="UGX656" s="613"/>
      <c r="UGY656" s="613"/>
      <c r="UGZ656" s="613"/>
      <c r="UHA656" s="613"/>
      <c r="UHB656" s="613"/>
      <c r="UHC656" s="613"/>
      <c r="UHD656" s="613"/>
      <c r="UHE656" s="613"/>
      <c r="UHF656" s="613"/>
      <c r="UHG656" s="613"/>
      <c r="UHH656" s="613"/>
      <c r="UHI656" s="613"/>
      <c r="UHJ656" s="613"/>
      <c r="UHK656" s="613"/>
      <c r="UHL656" s="613"/>
      <c r="UHM656" s="613"/>
      <c r="UHN656" s="613"/>
      <c r="UHO656" s="613"/>
      <c r="UHP656" s="613"/>
      <c r="UHQ656" s="613"/>
      <c r="UHR656" s="613"/>
      <c r="UHS656" s="613"/>
      <c r="UHT656" s="613"/>
      <c r="UHU656" s="613"/>
      <c r="UHV656" s="613"/>
      <c r="UHW656" s="613"/>
      <c r="UHX656" s="613"/>
      <c r="UHY656" s="613"/>
      <c r="UHZ656" s="613"/>
      <c r="UIA656" s="613"/>
      <c r="UIB656" s="613"/>
      <c r="UIC656" s="613"/>
      <c r="UID656" s="613"/>
      <c r="UIE656" s="613"/>
      <c r="UIF656" s="613"/>
      <c r="UIG656" s="613"/>
      <c r="UIH656" s="613"/>
      <c r="UII656" s="613"/>
      <c r="UIJ656" s="613"/>
      <c r="UIK656" s="613"/>
      <c r="UIL656" s="613"/>
      <c r="UIM656" s="613"/>
      <c r="UIN656" s="613"/>
      <c r="UIO656" s="613"/>
      <c r="UIP656" s="613"/>
      <c r="UIQ656" s="613"/>
      <c r="UIR656" s="613"/>
      <c r="UIS656" s="613"/>
      <c r="UIT656" s="613"/>
      <c r="UIU656" s="613"/>
      <c r="UIV656" s="613"/>
      <c r="UIW656" s="613"/>
      <c r="UIX656" s="613"/>
      <c r="UIY656" s="613"/>
      <c r="UIZ656" s="613"/>
      <c r="UJA656" s="613"/>
      <c r="UJB656" s="613"/>
      <c r="UJC656" s="613"/>
      <c r="UJD656" s="613"/>
      <c r="UJE656" s="613"/>
      <c r="UJF656" s="613"/>
      <c r="UJG656" s="613"/>
      <c r="UJH656" s="613"/>
      <c r="UJI656" s="613"/>
      <c r="UJJ656" s="613"/>
      <c r="UJK656" s="613"/>
      <c r="UJL656" s="613"/>
      <c r="UJM656" s="613"/>
      <c r="UJN656" s="613"/>
      <c r="UJO656" s="613"/>
      <c r="UJP656" s="613"/>
      <c r="UJQ656" s="613"/>
      <c r="UJR656" s="613"/>
      <c r="UJS656" s="613"/>
      <c r="UJT656" s="613"/>
      <c r="UJU656" s="613"/>
      <c r="UJV656" s="613"/>
      <c r="UJW656" s="613"/>
      <c r="UJX656" s="613"/>
      <c r="UJY656" s="613"/>
      <c r="UJZ656" s="613"/>
      <c r="UKA656" s="613"/>
      <c r="UKB656" s="613"/>
      <c r="UKC656" s="613"/>
      <c r="UKD656" s="613"/>
      <c r="UKE656" s="613"/>
      <c r="UKF656" s="613"/>
      <c r="UKG656" s="613"/>
      <c r="UKH656" s="613"/>
      <c r="UKI656" s="613"/>
      <c r="UKJ656" s="613"/>
      <c r="UKK656" s="613"/>
      <c r="UKL656" s="613"/>
      <c r="UKM656" s="613"/>
      <c r="UKN656" s="613"/>
      <c r="UKO656" s="613"/>
      <c r="UKP656" s="613"/>
      <c r="UKQ656" s="613"/>
      <c r="UKR656" s="613"/>
      <c r="UKS656" s="613"/>
      <c r="UKT656" s="613"/>
      <c r="UKU656" s="613"/>
      <c r="UKV656" s="613"/>
      <c r="UKW656" s="613"/>
      <c r="UKX656" s="613"/>
      <c r="UKY656" s="613"/>
      <c r="UKZ656" s="613"/>
      <c r="ULA656" s="613"/>
      <c r="ULB656" s="613"/>
      <c r="ULC656" s="613"/>
      <c r="ULD656" s="613"/>
      <c r="ULE656" s="613"/>
      <c r="ULF656" s="613"/>
      <c r="ULG656" s="613"/>
      <c r="ULH656" s="613"/>
      <c r="ULI656" s="613"/>
      <c r="ULJ656" s="613"/>
      <c r="ULK656" s="613"/>
      <c r="ULL656" s="613"/>
      <c r="ULM656" s="613"/>
      <c r="ULN656" s="613"/>
      <c r="ULO656" s="613"/>
      <c r="ULP656" s="613"/>
      <c r="ULQ656" s="613"/>
      <c r="ULR656" s="613"/>
      <c r="ULS656" s="613"/>
      <c r="ULT656" s="613"/>
      <c r="ULU656" s="613"/>
      <c r="ULV656" s="613"/>
      <c r="ULW656" s="613"/>
      <c r="ULX656" s="613"/>
      <c r="ULY656" s="613"/>
      <c r="ULZ656" s="613"/>
      <c r="UMA656" s="613"/>
      <c r="UMB656" s="613"/>
      <c r="UMC656" s="613"/>
      <c r="UMD656" s="613"/>
      <c r="UME656" s="613"/>
      <c r="UMF656" s="613"/>
      <c r="UMG656" s="613"/>
      <c r="UMH656" s="613"/>
      <c r="UMI656" s="613"/>
      <c r="UMJ656" s="613"/>
      <c r="UMK656" s="613"/>
      <c r="UML656" s="613"/>
      <c r="UMM656" s="613"/>
      <c r="UMN656" s="613"/>
      <c r="UMO656" s="613"/>
      <c r="UMP656" s="613"/>
      <c r="UMQ656" s="613"/>
      <c r="UMR656" s="613"/>
      <c r="UMS656" s="613"/>
      <c r="UMT656" s="613"/>
      <c r="UMU656" s="613"/>
      <c r="UMV656" s="613"/>
      <c r="UMW656" s="613"/>
      <c r="UMX656" s="613"/>
      <c r="UMY656" s="613"/>
      <c r="UMZ656" s="613"/>
      <c r="UNA656" s="613"/>
      <c r="UNB656" s="613"/>
      <c r="UNC656" s="613"/>
      <c r="UND656" s="613"/>
      <c r="UNE656" s="613"/>
      <c r="UNF656" s="613"/>
      <c r="UNG656" s="613"/>
      <c r="UNH656" s="613"/>
      <c r="UNI656" s="613"/>
      <c r="UNJ656" s="613"/>
      <c r="UNK656" s="613"/>
      <c r="UNL656" s="613"/>
      <c r="UNM656" s="613"/>
      <c r="UNN656" s="613"/>
      <c r="UNO656" s="613"/>
      <c r="UNP656" s="613"/>
      <c r="UNQ656" s="613"/>
      <c r="UNR656" s="613"/>
      <c r="UNS656" s="613"/>
      <c r="UNT656" s="613"/>
      <c r="UNU656" s="613"/>
      <c r="UNV656" s="613"/>
      <c r="UNW656" s="613"/>
      <c r="UNX656" s="613"/>
      <c r="UNY656" s="613"/>
      <c r="UNZ656" s="613"/>
      <c r="UOA656" s="613"/>
      <c r="UOB656" s="613"/>
      <c r="UOC656" s="613"/>
      <c r="UOD656" s="613"/>
      <c r="UOE656" s="613"/>
      <c r="UOF656" s="613"/>
      <c r="UOG656" s="613"/>
      <c r="UOH656" s="613"/>
      <c r="UOI656" s="613"/>
      <c r="UOJ656" s="613"/>
      <c r="UOK656" s="613"/>
      <c r="UOL656" s="613"/>
      <c r="UOM656" s="613"/>
      <c r="UON656" s="613"/>
      <c r="UOO656" s="613"/>
      <c r="UOP656" s="613"/>
      <c r="UOQ656" s="613"/>
      <c r="UOR656" s="613"/>
      <c r="UOS656" s="613"/>
      <c r="UOT656" s="613"/>
      <c r="UOU656" s="613"/>
      <c r="UOV656" s="613"/>
      <c r="UOW656" s="613"/>
      <c r="UOX656" s="613"/>
      <c r="UOY656" s="613"/>
      <c r="UOZ656" s="613"/>
      <c r="UPA656" s="613"/>
      <c r="UPB656" s="613"/>
      <c r="UPC656" s="613"/>
      <c r="UPD656" s="613"/>
      <c r="UPE656" s="613"/>
      <c r="UPF656" s="613"/>
      <c r="UPG656" s="613"/>
      <c r="UPH656" s="613"/>
      <c r="UPI656" s="613"/>
      <c r="UPJ656" s="613"/>
      <c r="UPK656" s="613"/>
      <c r="UPL656" s="613"/>
      <c r="UPM656" s="613"/>
      <c r="UPN656" s="613"/>
      <c r="UPO656" s="613"/>
      <c r="UPP656" s="613"/>
      <c r="UPQ656" s="613"/>
      <c r="UPR656" s="613"/>
      <c r="UPS656" s="613"/>
      <c r="UPT656" s="613"/>
      <c r="UPU656" s="613"/>
      <c r="UPV656" s="613"/>
      <c r="UPW656" s="613"/>
      <c r="UPX656" s="613"/>
      <c r="UPY656" s="613"/>
      <c r="UPZ656" s="613"/>
      <c r="UQA656" s="613"/>
      <c r="UQB656" s="613"/>
      <c r="UQC656" s="613"/>
      <c r="UQD656" s="613"/>
      <c r="UQE656" s="613"/>
      <c r="UQF656" s="613"/>
      <c r="UQG656" s="613"/>
      <c r="UQH656" s="613"/>
      <c r="UQI656" s="613"/>
      <c r="UQJ656" s="613"/>
      <c r="UQK656" s="613"/>
      <c r="UQL656" s="613"/>
      <c r="UQM656" s="613"/>
      <c r="UQN656" s="613"/>
      <c r="UQO656" s="613"/>
      <c r="UQP656" s="613"/>
      <c r="UQQ656" s="613"/>
      <c r="UQR656" s="613"/>
      <c r="UQS656" s="613"/>
      <c r="UQT656" s="613"/>
      <c r="UQU656" s="613"/>
      <c r="UQV656" s="613"/>
      <c r="UQW656" s="613"/>
      <c r="UQX656" s="613"/>
      <c r="UQY656" s="613"/>
      <c r="UQZ656" s="613"/>
      <c r="URA656" s="613"/>
      <c r="URB656" s="613"/>
      <c r="URC656" s="613"/>
      <c r="URD656" s="613"/>
      <c r="URE656" s="613"/>
      <c r="URF656" s="613"/>
      <c r="URG656" s="613"/>
      <c r="URH656" s="613"/>
      <c r="URI656" s="613"/>
      <c r="URJ656" s="613"/>
      <c r="URK656" s="613"/>
      <c r="URL656" s="613"/>
      <c r="URM656" s="613"/>
      <c r="URN656" s="613"/>
      <c r="URO656" s="613"/>
      <c r="URP656" s="613"/>
      <c r="URQ656" s="613"/>
      <c r="URR656" s="613"/>
      <c r="URS656" s="613"/>
      <c r="URT656" s="613"/>
      <c r="URU656" s="613"/>
      <c r="URV656" s="613"/>
      <c r="URW656" s="613"/>
      <c r="URX656" s="613"/>
      <c r="URY656" s="613"/>
      <c r="URZ656" s="613"/>
      <c r="USA656" s="613"/>
      <c r="USB656" s="613"/>
      <c r="USC656" s="613"/>
      <c r="USD656" s="613"/>
      <c r="USE656" s="613"/>
      <c r="USF656" s="613"/>
      <c r="USG656" s="613"/>
      <c r="USH656" s="613"/>
      <c r="USI656" s="613"/>
      <c r="USJ656" s="613"/>
      <c r="USK656" s="613"/>
      <c r="USL656" s="613"/>
      <c r="USM656" s="613"/>
      <c r="USN656" s="613"/>
      <c r="USO656" s="613"/>
      <c r="USP656" s="613"/>
      <c r="USQ656" s="613"/>
      <c r="USR656" s="613"/>
      <c r="USS656" s="613"/>
      <c r="UST656" s="613"/>
      <c r="USU656" s="613"/>
      <c r="USV656" s="613"/>
      <c r="USW656" s="613"/>
      <c r="USX656" s="613"/>
      <c r="USY656" s="613"/>
      <c r="USZ656" s="613"/>
      <c r="UTA656" s="613"/>
      <c r="UTB656" s="613"/>
      <c r="UTC656" s="613"/>
      <c r="UTD656" s="613"/>
      <c r="UTE656" s="613"/>
      <c r="UTF656" s="613"/>
      <c r="UTG656" s="613"/>
      <c r="UTH656" s="613"/>
      <c r="UTI656" s="613"/>
      <c r="UTJ656" s="613"/>
      <c r="UTK656" s="613"/>
      <c r="UTL656" s="613"/>
      <c r="UTM656" s="613"/>
      <c r="UTN656" s="613"/>
      <c r="UTO656" s="613"/>
      <c r="UTP656" s="613"/>
      <c r="UTQ656" s="613"/>
      <c r="UTR656" s="613"/>
      <c r="UTS656" s="613"/>
      <c r="UTT656" s="613"/>
      <c r="UTU656" s="613"/>
      <c r="UTV656" s="613"/>
      <c r="UTW656" s="613"/>
      <c r="UTX656" s="613"/>
      <c r="UTY656" s="613"/>
      <c r="UTZ656" s="613"/>
      <c r="UUA656" s="613"/>
      <c r="UUB656" s="613"/>
      <c r="UUC656" s="613"/>
      <c r="UUD656" s="613"/>
      <c r="UUE656" s="613"/>
      <c r="UUF656" s="613"/>
      <c r="UUG656" s="613"/>
      <c r="UUH656" s="613"/>
      <c r="UUI656" s="613"/>
      <c r="UUJ656" s="613"/>
      <c r="UUK656" s="613"/>
      <c r="UUL656" s="613"/>
      <c r="UUM656" s="613"/>
      <c r="UUN656" s="613"/>
      <c r="UUO656" s="613"/>
      <c r="UUP656" s="613"/>
      <c r="UUQ656" s="613"/>
      <c r="UUR656" s="613"/>
      <c r="UUS656" s="613"/>
      <c r="UUT656" s="613"/>
      <c r="UUU656" s="613"/>
      <c r="UUV656" s="613"/>
      <c r="UUW656" s="613"/>
      <c r="UUX656" s="613"/>
      <c r="UUY656" s="613"/>
      <c r="UUZ656" s="613"/>
      <c r="UVA656" s="613"/>
      <c r="UVB656" s="613"/>
      <c r="UVC656" s="613"/>
      <c r="UVD656" s="613"/>
      <c r="UVE656" s="613"/>
      <c r="UVF656" s="613"/>
      <c r="UVG656" s="613"/>
      <c r="UVH656" s="613"/>
      <c r="UVI656" s="613"/>
      <c r="UVJ656" s="613"/>
      <c r="UVK656" s="613"/>
      <c r="UVL656" s="613"/>
      <c r="UVM656" s="613"/>
      <c r="UVN656" s="613"/>
      <c r="UVO656" s="613"/>
      <c r="UVP656" s="613"/>
      <c r="UVQ656" s="613"/>
      <c r="UVR656" s="613"/>
      <c r="UVS656" s="613"/>
      <c r="UVT656" s="613"/>
      <c r="UVU656" s="613"/>
      <c r="UVV656" s="613"/>
      <c r="UVW656" s="613"/>
      <c r="UVX656" s="613"/>
      <c r="UVY656" s="613"/>
      <c r="UVZ656" s="613"/>
      <c r="UWA656" s="613"/>
      <c r="UWB656" s="613"/>
      <c r="UWC656" s="613"/>
      <c r="UWD656" s="613"/>
      <c r="UWE656" s="613"/>
      <c r="UWF656" s="613"/>
      <c r="UWG656" s="613"/>
      <c r="UWH656" s="613"/>
      <c r="UWI656" s="613"/>
      <c r="UWJ656" s="613"/>
      <c r="UWK656" s="613"/>
      <c r="UWL656" s="613"/>
      <c r="UWM656" s="613"/>
      <c r="UWN656" s="613"/>
      <c r="UWO656" s="613"/>
      <c r="UWP656" s="613"/>
      <c r="UWQ656" s="613"/>
      <c r="UWR656" s="613"/>
      <c r="UWS656" s="613"/>
      <c r="UWT656" s="613"/>
      <c r="UWU656" s="613"/>
      <c r="UWV656" s="613"/>
      <c r="UWW656" s="613"/>
      <c r="UWX656" s="613"/>
      <c r="UWY656" s="613"/>
      <c r="UWZ656" s="613"/>
      <c r="UXA656" s="613"/>
      <c r="UXB656" s="613"/>
      <c r="UXC656" s="613"/>
      <c r="UXD656" s="613"/>
      <c r="UXE656" s="613"/>
      <c r="UXF656" s="613"/>
      <c r="UXG656" s="613"/>
      <c r="UXH656" s="613"/>
      <c r="UXI656" s="613"/>
      <c r="UXJ656" s="613"/>
      <c r="UXK656" s="613"/>
      <c r="UXL656" s="613"/>
      <c r="UXM656" s="613"/>
      <c r="UXN656" s="613"/>
      <c r="UXO656" s="613"/>
      <c r="UXP656" s="613"/>
      <c r="UXQ656" s="613"/>
      <c r="UXR656" s="613"/>
      <c r="UXS656" s="613"/>
      <c r="UXT656" s="613"/>
      <c r="UXU656" s="613"/>
      <c r="UXV656" s="613"/>
      <c r="UXW656" s="613"/>
      <c r="UXX656" s="613"/>
      <c r="UXY656" s="613"/>
      <c r="UXZ656" s="613"/>
      <c r="UYA656" s="613"/>
      <c r="UYB656" s="613"/>
      <c r="UYC656" s="613"/>
      <c r="UYD656" s="613"/>
      <c r="UYE656" s="613"/>
      <c r="UYF656" s="613"/>
      <c r="UYG656" s="613"/>
      <c r="UYH656" s="613"/>
      <c r="UYI656" s="613"/>
      <c r="UYJ656" s="613"/>
      <c r="UYK656" s="613"/>
      <c r="UYL656" s="613"/>
      <c r="UYM656" s="613"/>
      <c r="UYN656" s="613"/>
      <c r="UYO656" s="613"/>
      <c r="UYP656" s="613"/>
      <c r="UYQ656" s="613"/>
      <c r="UYR656" s="613"/>
      <c r="UYS656" s="613"/>
      <c r="UYT656" s="613"/>
      <c r="UYU656" s="613"/>
      <c r="UYV656" s="613"/>
      <c r="UYW656" s="613"/>
      <c r="UYX656" s="613"/>
      <c r="UYY656" s="613"/>
      <c r="UYZ656" s="613"/>
      <c r="UZA656" s="613"/>
      <c r="UZB656" s="613"/>
      <c r="UZC656" s="613"/>
      <c r="UZD656" s="613"/>
      <c r="UZE656" s="613"/>
      <c r="UZF656" s="613"/>
      <c r="UZG656" s="613"/>
      <c r="UZH656" s="613"/>
      <c r="UZI656" s="613"/>
      <c r="UZJ656" s="613"/>
      <c r="UZK656" s="613"/>
      <c r="UZL656" s="613"/>
      <c r="UZM656" s="613"/>
      <c r="UZN656" s="613"/>
      <c r="UZO656" s="613"/>
      <c r="UZP656" s="613"/>
      <c r="UZQ656" s="613"/>
      <c r="UZR656" s="613"/>
      <c r="UZS656" s="613"/>
      <c r="UZT656" s="613"/>
      <c r="UZU656" s="613"/>
      <c r="UZV656" s="613"/>
      <c r="UZW656" s="613"/>
      <c r="UZX656" s="613"/>
      <c r="UZY656" s="613"/>
      <c r="UZZ656" s="613"/>
      <c r="VAA656" s="613"/>
      <c r="VAB656" s="613"/>
      <c r="VAC656" s="613"/>
      <c r="VAD656" s="613"/>
      <c r="VAE656" s="613"/>
      <c r="VAF656" s="613"/>
      <c r="VAG656" s="613"/>
      <c r="VAH656" s="613"/>
      <c r="VAI656" s="613"/>
      <c r="VAJ656" s="613"/>
      <c r="VAK656" s="613"/>
      <c r="VAL656" s="613"/>
      <c r="VAM656" s="613"/>
      <c r="VAN656" s="613"/>
      <c r="VAO656" s="613"/>
      <c r="VAP656" s="613"/>
      <c r="VAQ656" s="613"/>
      <c r="VAR656" s="613"/>
      <c r="VAS656" s="613"/>
      <c r="VAT656" s="613"/>
      <c r="VAU656" s="613"/>
      <c r="VAV656" s="613"/>
      <c r="VAW656" s="613"/>
      <c r="VAX656" s="613"/>
      <c r="VAY656" s="613"/>
      <c r="VAZ656" s="613"/>
      <c r="VBA656" s="613"/>
      <c r="VBB656" s="613"/>
      <c r="VBC656" s="613"/>
      <c r="VBD656" s="613"/>
      <c r="VBE656" s="613"/>
      <c r="VBF656" s="613"/>
      <c r="VBG656" s="613"/>
      <c r="VBH656" s="613"/>
      <c r="VBI656" s="613"/>
      <c r="VBJ656" s="613"/>
      <c r="VBK656" s="613"/>
      <c r="VBL656" s="613"/>
      <c r="VBM656" s="613"/>
      <c r="VBN656" s="613"/>
      <c r="VBO656" s="613"/>
      <c r="VBP656" s="613"/>
      <c r="VBQ656" s="613"/>
      <c r="VBR656" s="613"/>
      <c r="VBS656" s="613"/>
      <c r="VBT656" s="613"/>
      <c r="VBU656" s="613"/>
      <c r="VBV656" s="613"/>
      <c r="VBW656" s="613"/>
      <c r="VBX656" s="613"/>
      <c r="VBY656" s="613"/>
      <c r="VBZ656" s="613"/>
      <c r="VCA656" s="613"/>
      <c r="VCB656" s="613"/>
      <c r="VCC656" s="613"/>
      <c r="VCD656" s="613"/>
      <c r="VCE656" s="613"/>
      <c r="VCF656" s="613"/>
      <c r="VCG656" s="613"/>
      <c r="VCH656" s="613"/>
      <c r="VCI656" s="613"/>
      <c r="VCJ656" s="613"/>
      <c r="VCK656" s="613"/>
      <c r="VCL656" s="613"/>
      <c r="VCM656" s="613"/>
      <c r="VCN656" s="613"/>
      <c r="VCO656" s="613"/>
      <c r="VCP656" s="613"/>
      <c r="VCQ656" s="613"/>
      <c r="VCR656" s="613"/>
      <c r="VCS656" s="613"/>
      <c r="VCT656" s="613"/>
      <c r="VCU656" s="613"/>
      <c r="VCV656" s="613"/>
      <c r="VCW656" s="613"/>
      <c r="VCX656" s="613"/>
      <c r="VCY656" s="613"/>
      <c r="VCZ656" s="613"/>
      <c r="VDA656" s="613"/>
      <c r="VDB656" s="613"/>
      <c r="VDC656" s="613"/>
      <c r="VDD656" s="613"/>
      <c r="VDE656" s="613"/>
      <c r="VDF656" s="613"/>
      <c r="VDG656" s="613"/>
      <c r="VDH656" s="613"/>
      <c r="VDI656" s="613"/>
      <c r="VDJ656" s="613"/>
      <c r="VDK656" s="613"/>
      <c r="VDL656" s="613"/>
      <c r="VDM656" s="613"/>
      <c r="VDN656" s="613"/>
      <c r="VDO656" s="613"/>
      <c r="VDP656" s="613"/>
      <c r="VDQ656" s="613"/>
      <c r="VDR656" s="613"/>
      <c r="VDS656" s="613"/>
      <c r="VDT656" s="613"/>
      <c r="VDU656" s="613"/>
      <c r="VDV656" s="613"/>
      <c r="VDW656" s="613"/>
      <c r="VDX656" s="613"/>
      <c r="VDY656" s="613"/>
      <c r="VDZ656" s="613"/>
      <c r="VEA656" s="613"/>
      <c r="VEB656" s="613"/>
      <c r="VEC656" s="613"/>
      <c r="VED656" s="613"/>
      <c r="VEE656" s="613"/>
      <c r="VEF656" s="613"/>
      <c r="VEG656" s="613"/>
      <c r="VEH656" s="613"/>
      <c r="VEI656" s="613"/>
      <c r="VEJ656" s="613"/>
      <c r="VEK656" s="613"/>
      <c r="VEL656" s="613"/>
      <c r="VEM656" s="613"/>
      <c r="VEN656" s="613"/>
      <c r="VEO656" s="613"/>
      <c r="VEP656" s="613"/>
      <c r="VEQ656" s="613"/>
      <c r="VER656" s="613"/>
      <c r="VES656" s="613"/>
      <c r="VET656" s="613"/>
      <c r="VEU656" s="613"/>
      <c r="VEV656" s="613"/>
      <c r="VEW656" s="613"/>
      <c r="VEX656" s="613"/>
      <c r="VEY656" s="613"/>
      <c r="VEZ656" s="613"/>
      <c r="VFA656" s="613"/>
      <c r="VFB656" s="613"/>
      <c r="VFC656" s="613"/>
      <c r="VFD656" s="613"/>
      <c r="VFE656" s="613"/>
      <c r="VFF656" s="613"/>
      <c r="VFG656" s="613"/>
      <c r="VFH656" s="613"/>
      <c r="VFI656" s="613"/>
      <c r="VFJ656" s="613"/>
      <c r="VFK656" s="613"/>
      <c r="VFL656" s="613"/>
      <c r="VFM656" s="613"/>
      <c r="VFN656" s="613"/>
      <c r="VFO656" s="613"/>
      <c r="VFP656" s="613"/>
      <c r="VFQ656" s="613"/>
      <c r="VFR656" s="613"/>
      <c r="VFS656" s="613"/>
      <c r="VFT656" s="613"/>
      <c r="VFU656" s="613"/>
      <c r="VFV656" s="613"/>
      <c r="VFW656" s="613"/>
      <c r="VFX656" s="613"/>
      <c r="VFY656" s="613"/>
      <c r="VFZ656" s="613"/>
      <c r="VGA656" s="613"/>
      <c r="VGB656" s="613"/>
      <c r="VGC656" s="613"/>
      <c r="VGD656" s="613"/>
      <c r="VGE656" s="613"/>
      <c r="VGF656" s="613"/>
      <c r="VGG656" s="613"/>
      <c r="VGH656" s="613"/>
      <c r="VGI656" s="613"/>
      <c r="VGJ656" s="613"/>
      <c r="VGK656" s="613"/>
      <c r="VGL656" s="613"/>
      <c r="VGM656" s="613"/>
      <c r="VGN656" s="613"/>
      <c r="VGO656" s="613"/>
      <c r="VGP656" s="613"/>
      <c r="VGQ656" s="613"/>
      <c r="VGR656" s="613"/>
      <c r="VGS656" s="613"/>
      <c r="VGT656" s="613"/>
      <c r="VGU656" s="613"/>
      <c r="VGV656" s="613"/>
      <c r="VGW656" s="613"/>
      <c r="VGX656" s="613"/>
      <c r="VGY656" s="613"/>
      <c r="VGZ656" s="613"/>
      <c r="VHA656" s="613"/>
      <c r="VHB656" s="613"/>
      <c r="VHC656" s="613"/>
      <c r="VHD656" s="613"/>
      <c r="VHE656" s="613"/>
      <c r="VHF656" s="613"/>
      <c r="VHG656" s="613"/>
      <c r="VHH656" s="613"/>
      <c r="VHI656" s="613"/>
      <c r="VHJ656" s="613"/>
      <c r="VHK656" s="613"/>
      <c r="VHL656" s="613"/>
      <c r="VHM656" s="613"/>
      <c r="VHN656" s="613"/>
      <c r="VHO656" s="613"/>
      <c r="VHP656" s="613"/>
      <c r="VHQ656" s="613"/>
      <c r="VHR656" s="613"/>
      <c r="VHS656" s="613"/>
      <c r="VHT656" s="613"/>
      <c r="VHU656" s="613"/>
      <c r="VHV656" s="613"/>
      <c r="VHW656" s="613"/>
      <c r="VHX656" s="613"/>
      <c r="VHY656" s="613"/>
      <c r="VHZ656" s="613"/>
      <c r="VIA656" s="613"/>
      <c r="VIB656" s="613"/>
      <c r="VIC656" s="613"/>
      <c r="VID656" s="613"/>
      <c r="VIE656" s="613"/>
      <c r="VIF656" s="613"/>
      <c r="VIG656" s="613"/>
      <c r="VIH656" s="613"/>
      <c r="VII656" s="613"/>
      <c r="VIJ656" s="613"/>
      <c r="VIK656" s="613"/>
      <c r="VIL656" s="613"/>
      <c r="VIM656" s="613"/>
      <c r="VIN656" s="613"/>
      <c r="VIO656" s="613"/>
      <c r="VIP656" s="613"/>
      <c r="VIQ656" s="613"/>
      <c r="VIR656" s="613"/>
      <c r="VIS656" s="613"/>
      <c r="VIT656" s="613"/>
      <c r="VIU656" s="613"/>
      <c r="VIV656" s="613"/>
      <c r="VIW656" s="613"/>
      <c r="VIX656" s="613"/>
      <c r="VIY656" s="613"/>
      <c r="VIZ656" s="613"/>
      <c r="VJA656" s="613"/>
      <c r="VJB656" s="613"/>
      <c r="VJC656" s="613"/>
      <c r="VJD656" s="613"/>
      <c r="VJE656" s="613"/>
      <c r="VJF656" s="613"/>
      <c r="VJG656" s="613"/>
      <c r="VJH656" s="613"/>
      <c r="VJI656" s="613"/>
      <c r="VJJ656" s="613"/>
      <c r="VJK656" s="613"/>
      <c r="VJL656" s="613"/>
      <c r="VJM656" s="613"/>
      <c r="VJN656" s="613"/>
      <c r="VJO656" s="613"/>
      <c r="VJP656" s="613"/>
      <c r="VJQ656" s="613"/>
      <c r="VJR656" s="613"/>
      <c r="VJS656" s="613"/>
      <c r="VJT656" s="613"/>
      <c r="VJU656" s="613"/>
      <c r="VJV656" s="613"/>
      <c r="VJW656" s="613"/>
      <c r="VJX656" s="613"/>
      <c r="VJY656" s="613"/>
      <c r="VJZ656" s="613"/>
      <c r="VKA656" s="613"/>
      <c r="VKB656" s="613"/>
      <c r="VKC656" s="613"/>
      <c r="VKD656" s="613"/>
      <c r="VKE656" s="613"/>
      <c r="VKF656" s="613"/>
      <c r="VKG656" s="613"/>
      <c r="VKH656" s="613"/>
      <c r="VKI656" s="613"/>
      <c r="VKJ656" s="613"/>
      <c r="VKK656" s="613"/>
      <c r="VKL656" s="613"/>
      <c r="VKM656" s="613"/>
      <c r="VKN656" s="613"/>
      <c r="VKO656" s="613"/>
      <c r="VKP656" s="613"/>
      <c r="VKQ656" s="613"/>
      <c r="VKR656" s="613"/>
      <c r="VKS656" s="613"/>
      <c r="VKT656" s="613"/>
      <c r="VKU656" s="613"/>
      <c r="VKV656" s="613"/>
      <c r="VKW656" s="613"/>
      <c r="VKX656" s="613"/>
      <c r="VKY656" s="613"/>
      <c r="VKZ656" s="613"/>
      <c r="VLA656" s="613"/>
      <c r="VLB656" s="613"/>
      <c r="VLC656" s="613"/>
      <c r="VLD656" s="613"/>
      <c r="VLE656" s="613"/>
      <c r="VLF656" s="613"/>
      <c r="VLG656" s="613"/>
      <c r="VLH656" s="613"/>
      <c r="VLI656" s="613"/>
      <c r="VLJ656" s="613"/>
      <c r="VLK656" s="613"/>
      <c r="VLL656" s="613"/>
      <c r="VLM656" s="613"/>
      <c r="VLN656" s="613"/>
      <c r="VLO656" s="613"/>
      <c r="VLP656" s="613"/>
      <c r="VLQ656" s="613"/>
      <c r="VLR656" s="613"/>
      <c r="VLS656" s="613"/>
      <c r="VLT656" s="613"/>
      <c r="VLU656" s="613"/>
      <c r="VLV656" s="613"/>
      <c r="VLW656" s="613"/>
      <c r="VLX656" s="613"/>
      <c r="VLY656" s="613"/>
      <c r="VLZ656" s="613"/>
      <c r="VMA656" s="613"/>
      <c r="VMB656" s="613"/>
      <c r="VMC656" s="613"/>
      <c r="VMD656" s="613"/>
      <c r="VME656" s="613"/>
      <c r="VMF656" s="613"/>
      <c r="VMG656" s="613"/>
      <c r="VMH656" s="613"/>
      <c r="VMI656" s="613"/>
      <c r="VMJ656" s="613"/>
      <c r="VMK656" s="613"/>
      <c r="VML656" s="613"/>
      <c r="VMM656" s="613"/>
      <c r="VMN656" s="613"/>
      <c r="VMO656" s="613"/>
      <c r="VMP656" s="613"/>
      <c r="VMQ656" s="613"/>
      <c r="VMR656" s="613"/>
      <c r="VMS656" s="613"/>
      <c r="VMT656" s="613"/>
      <c r="VMU656" s="613"/>
      <c r="VMV656" s="613"/>
      <c r="VMW656" s="613"/>
      <c r="VMX656" s="613"/>
      <c r="VMY656" s="613"/>
      <c r="VMZ656" s="613"/>
      <c r="VNA656" s="613"/>
      <c r="VNB656" s="613"/>
      <c r="VNC656" s="613"/>
      <c r="VND656" s="613"/>
      <c r="VNE656" s="613"/>
      <c r="VNF656" s="613"/>
      <c r="VNG656" s="613"/>
      <c r="VNH656" s="613"/>
      <c r="VNI656" s="613"/>
      <c r="VNJ656" s="613"/>
      <c r="VNK656" s="613"/>
      <c r="VNL656" s="613"/>
      <c r="VNM656" s="613"/>
      <c r="VNN656" s="613"/>
      <c r="VNO656" s="613"/>
      <c r="VNP656" s="613"/>
      <c r="VNQ656" s="613"/>
      <c r="VNR656" s="613"/>
      <c r="VNS656" s="613"/>
      <c r="VNT656" s="613"/>
      <c r="VNU656" s="613"/>
      <c r="VNV656" s="613"/>
      <c r="VNW656" s="613"/>
      <c r="VNX656" s="613"/>
      <c r="VNY656" s="613"/>
      <c r="VNZ656" s="613"/>
      <c r="VOA656" s="613"/>
      <c r="VOB656" s="613"/>
      <c r="VOC656" s="613"/>
      <c r="VOD656" s="613"/>
      <c r="VOE656" s="613"/>
      <c r="VOF656" s="613"/>
      <c r="VOG656" s="613"/>
      <c r="VOH656" s="613"/>
      <c r="VOI656" s="613"/>
      <c r="VOJ656" s="613"/>
      <c r="VOK656" s="613"/>
      <c r="VOL656" s="613"/>
      <c r="VOM656" s="613"/>
      <c r="VON656" s="613"/>
      <c r="VOO656" s="613"/>
      <c r="VOP656" s="613"/>
      <c r="VOQ656" s="613"/>
      <c r="VOR656" s="613"/>
      <c r="VOS656" s="613"/>
      <c r="VOT656" s="613"/>
      <c r="VOU656" s="613"/>
      <c r="VOV656" s="613"/>
      <c r="VOW656" s="613"/>
      <c r="VOX656" s="613"/>
      <c r="VOY656" s="613"/>
      <c r="VOZ656" s="613"/>
      <c r="VPA656" s="613"/>
      <c r="VPB656" s="613"/>
      <c r="VPC656" s="613"/>
      <c r="VPD656" s="613"/>
      <c r="VPE656" s="613"/>
      <c r="VPF656" s="613"/>
      <c r="VPG656" s="613"/>
      <c r="VPH656" s="613"/>
      <c r="VPI656" s="613"/>
      <c r="VPJ656" s="613"/>
      <c r="VPK656" s="613"/>
      <c r="VPL656" s="613"/>
      <c r="VPM656" s="613"/>
      <c r="VPN656" s="613"/>
      <c r="VPO656" s="613"/>
      <c r="VPP656" s="613"/>
      <c r="VPQ656" s="613"/>
      <c r="VPR656" s="613"/>
      <c r="VPS656" s="613"/>
      <c r="VPT656" s="613"/>
      <c r="VPU656" s="613"/>
      <c r="VPV656" s="613"/>
      <c r="VPW656" s="613"/>
      <c r="VPX656" s="613"/>
      <c r="VPY656" s="613"/>
      <c r="VPZ656" s="613"/>
      <c r="VQA656" s="613"/>
      <c r="VQB656" s="613"/>
      <c r="VQC656" s="613"/>
      <c r="VQD656" s="613"/>
      <c r="VQE656" s="613"/>
      <c r="VQF656" s="613"/>
      <c r="VQG656" s="613"/>
      <c r="VQH656" s="613"/>
      <c r="VQI656" s="613"/>
      <c r="VQJ656" s="613"/>
      <c r="VQK656" s="613"/>
      <c r="VQL656" s="613"/>
      <c r="VQM656" s="613"/>
      <c r="VQN656" s="613"/>
      <c r="VQO656" s="613"/>
      <c r="VQP656" s="613"/>
      <c r="VQQ656" s="613"/>
      <c r="VQR656" s="613"/>
      <c r="VQS656" s="613"/>
      <c r="VQT656" s="613"/>
      <c r="VQU656" s="613"/>
      <c r="VQV656" s="613"/>
      <c r="VQW656" s="613"/>
      <c r="VQX656" s="613"/>
      <c r="VQY656" s="613"/>
      <c r="VQZ656" s="613"/>
      <c r="VRA656" s="613"/>
      <c r="VRB656" s="613"/>
      <c r="VRC656" s="613"/>
      <c r="VRD656" s="613"/>
      <c r="VRE656" s="613"/>
      <c r="VRF656" s="613"/>
      <c r="VRG656" s="613"/>
      <c r="VRH656" s="613"/>
      <c r="VRI656" s="613"/>
      <c r="VRJ656" s="613"/>
      <c r="VRK656" s="613"/>
      <c r="VRL656" s="613"/>
      <c r="VRM656" s="613"/>
      <c r="VRN656" s="613"/>
      <c r="VRO656" s="613"/>
      <c r="VRP656" s="613"/>
      <c r="VRQ656" s="613"/>
      <c r="VRR656" s="613"/>
      <c r="VRS656" s="613"/>
      <c r="VRT656" s="613"/>
      <c r="VRU656" s="613"/>
      <c r="VRV656" s="613"/>
      <c r="VRW656" s="613"/>
      <c r="VRX656" s="613"/>
      <c r="VRY656" s="613"/>
      <c r="VRZ656" s="613"/>
      <c r="VSA656" s="613"/>
      <c r="VSB656" s="613"/>
      <c r="VSC656" s="613"/>
      <c r="VSD656" s="613"/>
      <c r="VSE656" s="613"/>
      <c r="VSF656" s="613"/>
      <c r="VSG656" s="613"/>
      <c r="VSH656" s="613"/>
      <c r="VSI656" s="613"/>
      <c r="VSJ656" s="613"/>
      <c r="VSK656" s="613"/>
      <c r="VSL656" s="613"/>
      <c r="VSM656" s="613"/>
      <c r="VSN656" s="613"/>
      <c r="VSO656" s="613"/>
      <c r="VSP656" s="613"/>
      <c r="VSQ656" s="613"/>
      <c r="VSR656" s="613"/>
      <c r="VSS656" s="613"/>
      <c r="VST656" s="613"/>
      <c r="VSU656" s="613"/>
      <c r="VSV656" s="613"/>
      <c r="VSW656" s="613"/>
      <c r="VSX656" s="613"/>
      <c r="VSY656" s="613"/>
      <c r="VSZ656" s="613"/>
      <c r="VTA656" s="613"/>
      <c r="VTB656" s="613"/>
      <c r="VTC656" s="613"/>
      <c r="VTD656" s="613"/>
      <c r="VTE656" s="613"/>
      <c r="VTF656" s="613"/>
      <c r="VTG656" s="613"/>
      <c r="VTH656" s="613"/>
      <c r="VTI656" s="613"/>
      <c r="VTJ656" s="613"/>
      <c r="VTK656" s="613"/>
      <c r="VTL656" s="613"/>
      <c r="VTM656" s="613"/>
      <c r="VTN656" s="613"/>
      <c r="VTO656" s="613"/>
      <c r="VTP656" s="613"/>
      <c r="VTQ656" s="613"/>
      <c r="VTR656" s="613"/>
      <c r="VTS656" s="613"/>
      <c r="VTT656" s="613"/>
      <c r="VTU656" s="613"/>
      <c r="VTV656" s="613"/>
      <c r="VTW656" s="613"/>
      <c r="VTX656" s="613"/>
      <c r="VTY656" s="613"/>
      <c r="VTZ656" s="613"/>
      <c r="VUA656" s="613"/>
      <c r="VUB656" s="613"/>
      <c r="VUC656" s="613"/>
      <c r="VUD656" s="613"/>
      <c r="VUE656" s="613"/>
      <c r="VUF656" s="613"/>
      <c r="VUG656" s="613"/>
      <c r="VUH656" s="613"/>
      <c r="VUI656" s="613"/>
      <c r="VUJ656" s="613"/>
      <c r="VUK656" s="613"/>
      <c r="VUL656" s="613"/>
      <c r="VUM656" s="613"/>
      <c r="VUN656" s="613"/>
      <c r="VUO656" s="613"/>
      <c r="VUP656" s="613"/>
      <c r="VUQ656" s="613"/>
      <c r="VUR656" s="613"/>
      <c r="VUS656" s="613"/>
      <c r="VUT656" s="613"/>
      <c r="VUU656" s="613"/>
      <c r="VUV656" s="613"/>
      <c r="VUW656" s="613"/>
      <c r="VUX656" s="613"/>
      <c r="VUY656" s="613"/>
      <c r="VUZ656" s="613"/>
      <c r="VVA656" s="613"/>
      <c r="VVB656" s="613"/>
      <c r="VVC656" s="613"/>
      <c r="VVD656" s="613"/>
      <c r="VVE656" s="613"/>
      <c r="VVF656" s="613"/>
      <c r="VVG656" s="613"/>
      <c r="VVH656" s="613"/>
      <c r="VVI656" s="613"/>
      <c r="VVJ656" s="613"/>
      <c r="VVK656" s="613"/>
      <c r="VVL656" s="613"/>
      <c r="VVM656" s="613"/>
      <c r="VVN656" s="613"/>
      <c r="VVO656" s="613"/>
      <c r="VVP656" s="613"/>
      <c r="VVQ656" s="613"/>
      <c r="VVR656" s="613"/>
      <c r="VVS656" s="613"/>
      <c r="VVT656" s="613"/>
      <c r="VVU656" s="613"/>
      <c r="VVV656" s="613"/>
      <c r="VVW656" s="613"/>
      <c r="VVX656" s="613"/>
      <c r="VVY656" s="613"/>
      <c r="VVZ656" s="613"/>
      <c r="VWA656" s="613"/>
      <c r="VWB656" s="613"/>
      <c r="VWC656" s="613"/>
      <c r="VWD656" s="613"/>
      <c r="VWE656" s="613"/>
      <c r="VWF656" s="613"/>
      <c r="VWG656" s="613"/>
      <c r="VWH656" s="613"/>
      <c r="VWI656" s="613"/>
      <c r="VWJ656" s="613"/>
      <c r="VWK656" s="613"/>
      <c r="VWL656" s="613"/>
      <c r="VWM656" s="613"/>
      <c r="VWN656" s="613"/>
      <c r="VWO656" s="613"/>
      <c r="VWP656" s="613"/>
      <c r="VWQ656" s="613"/>
      <c r="VWR656" s="613"/>
      <c r="VWS656" s="613"/>
      <c r="VWT656" s="613"/>
      <c r="VWU656" s="613"/>
      <c r="VWV656" s="613"/>
      <c r="VWW656" s="613"/>
      <c r="VWX656" s="613"/>
      <c r="VWY656" s="613"/>
      <c r="VWZ656" s="613"/>
      <c r="VXA656" s="613"/>
      <c r="VXB656" s="613"/>
      <c r="VXC656" s="613"/>
      <c r="VXD656" s="613"/>
      <c r="VXE656" s="613"/>
      <c r="VXF656" s="613"/>
      <c r="VXG656" s="613"/>
      <c r="VXH656" s="613"/>
      <c r="VXI656" s="613"/>
      <c r="VXJ656" s="613"/>
      <c r="VXK656" s="613"/>
      <c r="VXL656" s="613"/>
      <c r="VXM656" s="613"/>
      <c r="VXN656" s="613"/>
      <c r="VXO656" s="613"/>
      <c r="VXP656" s="613"/>
      <c r="VXQ656" s="613"/>
      <c r="VXR656" s="613"/>
      <c r="VXS656" s="613"/>
      <c r="VXT656" s="613"/>
      <c r="VXU656" s="613"/>
      <c r="VXV656" s="613"/>
      <c r="VXW656" s="613"/>
      <c r="VXX656" s="613"/>
      <c r="VXY656" s="613"/>
      <c r="VXZ656" s="613"/>
      <c r="VYA656" s="613"/>
      <c r="VYB656" s="613"/>
      <c r="VYC656" s="613"/>
      <c r="VYD656" s="613"/>
      <c r="VYE656" s="613"/>
      <c r="VYF656" s="613"/>
      <c r="VYG656" s="613"/>
      <c r="VYH656" s="613"/>
      <c r="VYI656" s="613"/>
      <c r="VYJ656" s="613"/>
      <c r="VYK656" s="613"/>
      <c r="VYL656" s="613"/>
      <c r="VYM656" s="613"/>
      <c r="VYN656" s="613"/>
      <c r="VYO656" s="613"/>
      <c r="VYP656" s="613"/>
      <c r="VYQ656" s="613"/>
      <c r="VYR656" s="613"/>
      <c r="VYS656" s="613"/>
      <c r="VYT656" s="613"/>
      <c r="VYU656" s="613"/>
      <c r="VYV656" s="613"/>
      <c r="VYW656" s="613"/>
      <c r="VYX656" s="613"/>
      <c r="VYY656" s="613"/>
      <c r="VYZ656" s="613"/>
      <c r="VZA656" s="613"/>
      <c r="VZB656" s="613"/>
      <c r="VZC656" s="613"/>
      <c r="VZD656" s="613"/>
      <c r="VZE656" s="613"/>
      <c r="VZF656" s="613"/>
      <c r="VZG656" s="613"/>
      <c r="VZH656" s="613"/>
      <c r="VZI656" s="613"/>
      <c r="VZJ656" s="613"/>
      <c r="VZK656" s="613"/>
      <c r="VZL656" s="613"/>
      <c r="VZM656" s="613"/>
      <c r="VZN656" s="613"/>
      <c r="VZO656" s="613"/>
      <c r="VZP656" s="613"/>
      <c r="VZQ656" s="613"/>
      <c r="VZR656" s="613"/>
      <c r="VZS656" s="613"/>
      <c r="VZT656" s="613"/>
      <c r="VZU656" s="613"/>
      <c r="VZV656" s="613"/>
      <c r="VZW656" s="613"/>
      <c r="VZX656" s="613"/>
      <c r="VZY656" s="613"/>
      <c r="VZZ656" s="613"/>
      <c r="WAA656" s="613"/>
      <c r="WAB656" s="613"/>
      <c r="WAC656" s="613"/>
      <c r="WAD656" s="613"/>
      <c r="WAE656" s="613"/>
      <c r="WAF656" s="613"/>
      <c r="WAG656" s="613"/>
      <c r="WAH656" s="613"/>
      <c r="WAI656" s="613"/>
      <c r="WAJ656" s="613"/>
      <c r="WAK656" s="613"/>
      <c r="WAL656" s="613"/>
      <c r="WAM656" s="613"/>
      <c r="WAN656" s="613"/>
      <c r="WAO656" s="613"/>
      <c r="WAP656" s="613"/>
      <c r="WAQ656" s="613"/>
      <c r="WAR656" s="613"/>
      <c r="WAS656" s="613"/>
      <c r="WAT656" s="613"/>
      <c r="WAU656" s="613"/>
      <c r="WAV656" s="613"/>
      <c r="WAW656" s="613"/>
      <c r="WAX656" s="613"/>
      <c r="WAY656" s="613"/>
      <c r="WAZ656" s="613"/>
      <c r="WBA656" s="613"/>
      <c r="WBB656" s="613"/>
      <c r="WBC656" s="613"/>
      <c r="WBD656" s="613"/>
      <c r="WBE656" s="613"/>
      <c r="WBF656" s="613"/>
      <c r="WBG656" s="613"/>
      <c r="WBH656" s="613"/>
      <c r="WBI656" s="613"/>
      <c r="WBJ656" s="613"/>
      <c r="WBK656" s="613"/>
      <c r="WBL656" s="613"/>
      <c r="WBM656" s="613"/>
      <c r="WBN656" s="613"/>
      <c r="WBO656" s="613"/>
      <c r="WBP656" s="613"/>
      <c r="WBQ656" s="613"/>
      <c r="WBR656" s="613"/>
      <c r="WBS656" s="613"/>
      <c r="WBT656" s="613"/>
      <c r="WBU656" s="613"/>
      <c r="WBV656" s="613"/>
      <c r="WBW656" s="613"/>
      <c r="WBX656" s="613"/>
      <c r="WBY656" s="613"/>
      <c r="WBZ656" s="613"/>
      <c r="WCA656" s="613"/>
      <c r="WCB656" s="613"/>
      <c r="WCC656" s="613"/>
      <c r="WCD656" s="613"/>
      <c r="WCE656" s="613"/>
      <c r="WCF656" s="613"/>
      <c r="WCG656" s="613"/>
      <c r="WCH656" s="613"/>
      <c r="WCI656" s="613"/>
      <c r="WCJ656" s="613"/>
      <c r="WCK656" s="613"/>
      <c r="WCL656" s="613"/>
      <c r="WCM656" s="613"/>
      <c r="WCN656" s="613"/>
      <c r="WCO656" s="613"/>
      <c r="WCP656" s="613"/>
      <c r="WCQ656" s="613"/>
      <c r="WCR656" s="613"/>
      <c r="WCS656" s="613"/>
      <c r="WCT656" s="613"/>
      <c r="WCU656" s="613"/>
      <c r="WCV656" s="613"/>
      <c r="WCW656" s="613"/>
      <c r="WCX656" s="613"/>
      <c r="WCY656" s="613"/>
      <c r="WCZ656" s="613"/>
      <c r="WDA656" s="613"/>
      <c r="WDB656" s="613"/>
      <c r="WDC656" s="613"/>
      <c r="WDD656" s="613"/>
      <c r="WDE656" s="613"/>
      <c r="WDF656" s="613"/>
      <c r="WDG656" s="613"/>
      <c r="WDH656" s="613"/>
      <c r="WDI656" s="613"/>
      <c r="WDJ656" s="613"/>
      <c r="WDK656" s="613"/>
      <c r="WDL656" s="613"/>
      <c r="WDM656" s="613"/>
      <c r="WDN656" s="613"/>
      <c r="WDO656" s="613"/>
      <c r="WDP656" s="613"/>
      <c r="WDQ656" s="613"/>
      <c r="WDR656" s="613"/>
      <c r="WDS656" s="613"/>
      <c r="WDT656" s="613"/>
      <c r="WDU656" s="613"/>
      <c r="WDV656" s="613"/>
      <c r="WDW656" s="613"/>
      <c r="WDX656" s="613"/>
      <c r="WDY656" s="613"/>
      <c r="WDZ656" s="613"/>
      <c r="WEA656" s="613"/>
      <c r="WEB656" s="613"/>
      <c r="WEC656" s="613"/>
      <c r="WED656" s="613"/>
      <c r="WEE656" s="613"/>
      <c r="WEF656" s="613"/>
      <c r="WEG656" s="613"/>
      <c r="WEH656" s="613"/>
      <c r="WEI656" s="613"/>
      <c r="WEJ656" s="613"/>
      <c r="WEK656" s="613"/>
      <c r="WEL656" s="613"/>
      <c r="WEM656" s="613"/>
      <c r="WEN656" s="613"/>
      <c r="WEO656" s="613"/>
      <c r="WEP656" s="613"/>
      <c r="WEQ656" s="613"/>
      <c r="WER656" s="613"/>
      <c r="WES656" s="613"/>
      <c r="WET656" s="613"/>
      <c r="WEU656" s="613"/>
      <c r="WEV656" s="613"/>
      <c r="WEW656" s="613"/>
      <c r="WEX656" s="613"/>
      <c r="WEY656" s="613"/>
      <c r="WEZ656" s="613"/>
      <c r="WFA656" s="613"/>
      <c r="WFB656" s="613"/>
      <c r="WFC656" s="613"/>
      <c r="WFD656" s="613"/>
      <c r="WFE656" s="613"/>
      <c r="WFF656" s="613"/>
      <c r="WFG656" s="613"/>
      <c r="WFH656" s="613"/>
      <c r="WFI656" s="613"/>
      <c r="WFJ656" s="613"/>
      <c r="WFK656" s="613"/>
      <c r="WFL656" s="613"/>
      <c r="WFM656" s="613"/>
      <c r="WFN656" s="613"/>
      <c r="WFO656" s="613"/>
      <c r="WFP656" s="613"/>
      <c r="WFQ656" s="613"/>
      <c r="WFR656" s="613"/>
      <c r="WFS656" s="613"/>
      <c r="WFT656" s="613"/>
      <c r="WFU656" s="613"/>
      <c r="WFV656" s="613"/>
      <c r="WFW656" s="613"/>
      <c r="WFX656" s="613"/>
      <c r="WFY656" s="613"/>
      <c r="WFZ656" s="613"/>
      <c r="WGA656" s="613"/>
      <c r="WGB656" s="613"/>
      <c r="WGC656" s="613"/>
      <c r="WGD656" s="613"/>
      <c r="WGE656" s="613"/>
      <c r="WGF656" s="613"/>
      <c r="WGG656" s="613"/>
      <c r="WGH656" s="613"/>
      <c r="WGI656" s="613"/>
      <c r="WGJ656" s="613"/>
      <c r="WGK656" s="613"/>
      <c r="WGL656" s="613"/>
      <c r="WGM656" s="613"/>
      <c r="WGN656" s="613"/>
      <c r="WGO656" s="613"/>
      <c r="WGP656" s="613"/>
      <c r="WGQ656" s="613"/>
      <c r="WGR656" s="613"/>
      <c r="WGS656" s="613"/>
      <c r="WGT656" s="613"/>
      <c r="WGU656" s="613"/>
      <c r="WGV656" s="613"/>
      <c r="WGW656" s="613"/>
      <c r="WGX656" s="613"/>
      <c r="WGY656" s="613"/>
      <c r="WGZ656" s="613"/>
      <c r="WHA656" s="613"/>
      <c r="WHB656" s="613"/>
      <c r="WHC656" s="613"/>
      <c r="WHD656" s="613"/>
      <c r="WHE656" s="613"/>
      <c r="WHF656" s="613"/>
      <c r="WHG656" s="613"/>
      <c r="WHH656" s="613"/>
      <c r="WHI656" s="613"/>
      <c r="WHJ656" s="613"/>
      <c r="WHK656" s="613"/>
      <c r="WHL656" s="613"/>
      <c r="WHM656" s="613"/>
      <c r="WHN656" s="613"/>
      <c r="WHO656" s="613"/>
      <c r="WHP656" s="613"/>
      <c r="WHQ656" s="613"/>
      <c r="WHR656" s="613"/>
      <c r="WHS656" s="613"/>
      <c r="WHT656" s="613"/>
      <c r="WHU656" s="613"/>
      <c r="WHV656" s="613"/>
      <c r="WHW656" s="613"/>
      <c r="WHX656" s="613"/>
      <c r="WHY656" s="613"/>
      <c r="WHZ656" s="613"/>
      <c r="WIA656" s="613"/>
      <c r="WIB656" s="613"/>
      <c r="WIC656" s="613"/>
      <c r="WID656" s="613"/>
      <c r="WIE656" s="613"/>
      <c r="WIF656" s="613"/>
      <c r="WIG656" s="613"/>
      <c r="WIH656" s="613"/>
      <c r="WII656" s="613"/>
      <c r="WIJ656" s="613"/>
      <c r="WIK656" s="613"/>
      <c r="WIL656" s="613"/>
      <c r="WIM656" s="613"/>
      <c r="WIN656" s="613"/>
      <c r="WIO656" s="613"/>
      <c r="WIP656" s="613"/>
      <c r="WIQ656" s="613"/>
      <c r="WIR656" s="613"/>
      <c r="WIS656" s="613"/>
      <c r="WIT656" s="613"/>
      <c r="WIU656" s="613"/>
      <c r="WIV656" s="613"/>
      <c r="WIW656" s="613"/>
      <c r="WIX656" s="613"/>
      <c r="WIY656" s="613"/>
      <c r="WIZ656" s="613"/>
      <c r="WJA656" s="613"/>
      <c r="WJB656" s="613"/>
      <c r="WJC656" s="613"/>
      <c r="WJD656" s="613"/>
      <c r="WJE656" s="613"/>
      <c r="WJF656" s="613"/>
      <c r="WJG656" s="613"/>
      <c r="WJH656" s="613"/>
      <c r="WJI656" s="613"/>
      <c r="WJJ656" s="613"/>
      <c r="WJK656" s="613"/>
      <c r="WJL656" s="613"/>
      <c r="WJM656" s="613"/>
      <c r="WJN656" s="613"/>
      <c r="WJO656" s="613"/>
      <c r="WJP656" s="613"/>
      <c r="WJQ656" s="613"/>
      <c r="WJR656" s="613"/>
      <c r="WJS656" s="613"/>
      <c r="WJT656" s="613"/>
      <c r="WJU656" s="613"/>
      <c r="WJV656" s="613"/>
      <c r="WJW656" s="613"/>
      <c r="WJX656" s="613"/>
      <c r="WJY656" s="613"/>
      <c r="WJZ656" s="613"/>
      <c r="WKA656" s="613"/>
      <c r="WKB656" s="613"/>
      <c r="WKC656" s="613"/>
      <c r="WKD656" s="613"/>
      <c r="WKE656" s="613"/>
      <c r="WKF656" s="613"/>
      <c r="WKG656" s="613"/>
      <c r="WKH656" s="613"/>
      <c r="WKI656" s="613"/>
      <c r="WKJ656" s="613"/>
      <c r="WKK656" s="613"/>
      <c r="WKL656" s="613"/>
      <c r="WKM656" s="613"/>
      <c r="WKN656" s="613"/>
      <c r="WKO656" s="613"/>
      <c r="WKP656" s="613"/>
      <c r="WKQ656" s="613"/>
      <c r="WKR656" s="613"/>
      <c r="WKS656" s="613"/>
      <c r="WKT656" s="613"/>
      <c r="WKU656" s="613"/>
      <c r="WKV656" s="613"/>
      <c r="WKW656" s="613"/>
      <c r="WKX656" s="613"/>
      <c r="WKY656" s="613"/>
      <c r="WKZ656" s="613"/>
      <c r="WLA656" s="613"/>
      <c r="WLB656" s="613"/>
      <c r="WLC656" s="613"/>
      <c r="WLD656" s="613"/>
      <c r="WLE656" s="613"/>
      <c r="WLF656" s="613"/>
      <c r="WLG656" s="613"/>
      <c r="WLH656" s="613"/>
      <c r="WLI656" s="613"/>
      <c r="WLJ656" s="613"/>
      <c r="WLK656" s="613"/>
      <c r="WLL656" s="613"/>
      <c r="WLM656" s="613"/>
      <c r="WLN656" s="613"/>
      <c r="WLO656" s="613"/>
      <c r="WLP656" s="613"/>
      <c r="WLQ656" s="613"/>
      <c r="WLR656" s="613"/>
      <c r="WLS656" s="613"/>
      <c r="WLT656" s="613"/>
      <c r="WLU656" s="613"/>
      <c r="WLV656" s="613"/>
      <c r="WLW656" s="613"/>
      <c r="WLX656" s="613"/>
      <c r="WLY656" s="613"/>
      <c r="WLZ656" s="613"/>
      <c r="WMA656" s="613"/>
      <c r="WMB656" s="613"/>
      <c r="WMC656" s="613"/>
      <c r="WMD656" s="613"/>
      <c r="WME656" s="613"/>
      <c r="WMF656" s="613"/>
      <c r="WMG656" s="613"/>
      <c r="WMH656" s="613"/>
      <c r="WMI656" s="613"/>
      <c r="WMJ656" s="613"/>
      <c r="WMK656" s="613"/>
      <c r="WML656" s="613"/>
      <c r="WMM656" s="613"/>
      <c r="WMN656" s="613"/>
      <c r="WMO656" s="613"/>
      <c r="WMP656" s="613"/>
      <c r="WMQ656" s="613"/>
      <c r="WMR656" s="613"/>
      <c r="WMS656" s="613"/>
      <c r="WMT656" s="613"/>
      <c r="WMU656" s="613"/>
      <c r="WMV656" s="613"/>
      <c r="WMW656" s="613"/>
      <c r="WMX656" s="613"/>
      <c r="WMY656" s="613"/>
      <c r="WMZ656" s="613"/>
      <c r="WNA656" s="613"/>
      <c r="WNB656" s="613"/>
      <c r="WNC656" s="613"/>
      <c r="WND656" s="613"/>
      <c r="WNE656" s="613"/>
      <c r="WNF656" s="613"/>
      <c r="WNG656" s="613"/>
      <c r="WNH656" s="613"/>
      <c r="WNI656" s="613"/>
      <c r="WNJ656" s="613"/>
      <c r="WNK656" s="613"/>
      <c r="WNL656" s="613"/>
      <c r="WNM656" s="613"/>
      <c r="WNN656" s="613"/>
      <c r="WNO656" s="613"/>
      <c r="WNP656" s="613"/>
      <c r="WNQ656" s="613"/>
      <c r="WNR656" s="613"/>
      <c r="WNS656" s="613"/>
      <c r="WNT656" s="613"/>
      <c r="WNU656" s="613"/>
      <c r="WNV656" s="613"/>
      <c r="WNW656" s="613"/>
      <c r="WNX656" s="613"/>
      <c r="WNY656" s="613"/>
      <c r="WNZ656" s="613"/>
      <c r="WOA656" s="613"/>
      <c r="WOB656" s="613"/>
      <c r="WOC656" s="613"/>
      <c r="WOD656" s="613"/>
      <c r="WOE656" s="613"/>
      <c r="WOF656" s="613"/>
      <c r="WOG656" s="613"/>
      <c r="WOH656" s="613"/>
      <c r="WOI656" s="613"/>
      <c r="WOJ656" s="613"/>
      <c r="WOK656" s="613"/>
      <c r="WOL656" s="613"/>
      <c r="WOM656" s="613"/>
      <c r="WON656" s="613"/>
      <c r="WOO656" s="613"/>
      <c r="WOP656" s="613"/>
      <c r="WOQ656" s="613"/>
      <c r="WOR656" s="613"/>
      <c r="WOS656" s="613"/>
      <c r="WOT656" s="613"/>
      <c r="WOU656" s="613"/>
      <c r="WOV656" s="613"/>
      <c r="WOW656" s="613"/>
      <c r="WOX656" s="613"/>
      <c r="WOY656" s="613"/>
      <c r="WOZ656" s="613"/>
      <c r="WPA656" s="613"/>
      <c r="WPB656" s="613"/>
      <c r="WPC656" s="613"/>
      <c r="WPD656" s="613"/>
      <c r="WPE656" s="613"/>
      <c r="WPF656" s="613"/>
      <c r="WPG656" s="613"/>
      <c r="WPH656" s="613"/>
      <c r="WPI656" s="613"/>
      <c r="WPJ656" s="613"/>
      <c r="WPK656" s="613"/>
      <c r="WPL656" s="613"/>
      <c r="WPM656" s="613"/>
      <c r="WPN656" s="613"/>
      <c r="WPO656" s="613"/>
      <c r="WPP656" s="613"/>
      <c r="WPQ656" s="613"/>
      <c r="WPR656" s="613"/>
      <c r="WPS656" s="613"/>
      <c r="WPT656" s="613"/>
      <c r="WPU656" s="613"/>
      <c r="WPV656" s="613"/>
      <c r="WPW656" s="613"/>
      <c r="WPX656" s="613"/>
      <c r="WPY656" s="613"/>
      <c r="WPZ656" s="613"/>
      <c r="WQA656" s="613"/>
      <c r="WQB656" s="613"/>
      <c r="WQC656" s="613"/>
      <c r="WQD656" s="613"/>
      <c r="WQE656" s="613"/>
      <c r="WQF656" s="613"/>
      <c r="WQG656" s="613"/>
      <c r="WQH656" s="613"/>
      <c r="WQI656" s="613"/>
      <c r="WQJ656" s="613"/>
      <c r="WQK656" s="613"/>
      <c r="WQL656" s="613"/>
      <c r="WQM656" s="613"/>
      <c r="WQN656" s="613"/>
      <c r="WQO656" s="613"/>
      <c r="WQP656" s="613"/>
      <c r="WQQ656" s="613"/>
      <c r="WQR656" s="613"/>
      <c r="WQS656" s="613"/>
      <c r="WQT656" s="613"/>
      <c r="WQU656" s="613"/>
      <c r="WQV656" s="613"/>
      <c r="WQW656" s="613"/>
      <c r="WQX656" s="613"/>
      <c r="WQY656" s="613"/>
      <c r="WQZ656" s="613"/>
      <c r="WRA656" s="613"/>
      <c r="WRB656" s="613"/>
      <c r="WRC656" s="613"/>
      <c r="WRD656" s="613"/>
      <c r="WRE656" s="613"/>
      <c r="WRF656" s="613"/>
      <c r="WRG656" s="613"/>
      <c r="WRH656" s="613"/>
      <c r="WRI656" s="613"/>
      <c r="WRJ656" s="613"/>
      <c r="WRK656" s="613"/>
      <c r="WRL656" s="613"/>
      <c r="WRM656" s="613"/>
      <c r="WRN656" s="613"/>
      <c r="WRO656" s="613"/>
      <c r="WRP656" s="613"/>
      <c r="WRQ656" s="613"/>
      <c r="WRR656" s="613"/>
      <c r="WRS656" s="613"/>
      <c r="WRT656" s="613"/>
      <c r="WRU656" s="613"/>
      <c r="WRV656" s="613"/>
      <c r="WRW656" s="613"/>
      <c r="WRX656" s="613"/>
      <c r="WRY656" s="613"/>
      <c r="WRZ656" s="613"/>
      <c r="WSA656" s="613"/>
      <c r="WSB656" s="613"/>
      <c r="WSC656" s="613"/>
      <c r="WSD656" s="613"/>
      <c r="WSE656" s="613"/>
      <c r="WSF656" s="613"/>
      <c r="WSG656" s="613"/>
      <c r="WSH656" s="613"/>
      <c r="WSI656" s="613"/>
      <c r="WSJ656" s="613"/>
      <c r="WSK656" s="613"/>
      <c r="WSL656" s="613"/>
      <c r="WSM656" s="613"/>
      <c r="WSN656" s="613"/>
      <c r="WSO656" s="613"/>
      <c r="WSP656" s="613"/>
      <c r="WSQ656" s="613"/>
      <c r="WSR656" s="613"/>
      <c r="WSS656" s="613"/>
      <c r="WST656" s="613"/>
      <c r="WSU656" s="613"/>
      <c r="WSV656" s="613"/>
      <c r="WSW656" s="613"/>
      <c r="WSX656" s="613"/>
      <c r="WSY656" s="613"/>
      <c r="WSZ656" s="613"/>
      <c r="WTA656" s="613"/>
      <c r="WTB656" s="613"/>
      <c r="WTC656" s="613"/>
      <c r="WTD656" s="613"/>
      <c r="WTE656" s="613"/>
      <c r="WTF656" s="613"/>
      <c r="WTG656" s="613"/>
      <c r="WTH656" s="613"/>
      <c r="WTI656" s="613"/>
      <c r="WTJ656" s="613"/>
      <c r="WTK656" s="613"/>
      <c r="WTL656" s="613"/>
      <c r="WTM656" s="613"/>
      <c r="WTN656" s="613"/>
      <c r="WTO656" s="613"/>
      <c r="WTP656" s="613"/>
      <c r="WTQ656" s="613"/>
      <c r="WTR656" s="613"/>
      <c r="WTS656" s="613"/>
      <c r="WTT656" s="613"/>
      <c r="WTU656" s="613"/>
      <c r="WTV656" s="613"/>
      <c r="WTW656" s="613"/>
      <c r="WTX656" s="613"/>
      <c r="WTY656" s="613"/>
      <c r="WTZ656" s="613"/>
      <c r="WUA656" s="613"/>
      <c r="WUB656" s="613"/>
      <c r="WUC656" s="613"/>
      <c r="WUD656" s="613"/>
      <c r="WUE656" s="613"/>
      <c r="WUF656" s="613"/>
      <c r="WUG656" s="613"/>
      <c r="WUH656" s="613"/>
      <c r="WUI656" s="613"/>
      <c r="WUJ656" s="613"/>
      <c r="WUK656" s="613"/>
      <c r="WUL656" s="613"/>
      <c r="WUM656" s="613"/>
      <c r="WUN656" s="613"/>
      <c r="WUO656" s="613"/>
      <c r="WUP656" s="613"/>
      <c r="WUQ656" s="613"/>
      <c r="WUR656" s="613"/>
      <c r="WUS656" s="613"/>
      <c r="WUT656" s="613"/>
      <c r="WUU656" s="613"/>
      <c r="WUV656" s="613"/>
      <c r="WUW656" s="613"/>
      <c r="WUX656" s="613"/>
      <c r="WUY656" s="613"/>
      <c r="WUZ656" s="613"/>
      <c r="WVA656" s="613"/>
      <c r="WVB656" s="613"/>
      <c r="WVC656" s="613"/>
      <c r="WVD656" s="613"/>
      <c r="WVE656" s="613"/>
      <c r="WVF656" s="613"/>
      <c r="WVG656" s="613"/>
      <c r="WVH656" s="613"/>
      <c r="WVI656" s="613"/>
      <c r="WVJ656" s="613"/>
      <c r="WVK656" s="613"/>
      <c r="WVL656" s="613"/>
      <c r="WVM656" s="613"/>
      <c r="WVN656" s="613"/>
      <c r="WVO656" s="613"/>
      <c r="WVP656" s="613"/>
      <c r="WVQ656" s="613"/>
      <c r="WVR656" s="613"/>
      <c r="WVS656" s="613"/>
      <c r="WVT656" s="613"/>
      <c r="WVU656" s="613"/>
      <c r="WVV656" s="613"/>
      <c r="WVW656" s="613"/>
      <c r="WVX656" s="613"/>
      <c r="WVY656" s="613"/>
      <c r="WVZ656" s="613"/>
      <c r="WWA656" s="613"/>
      <c r="WWB656" s="613"/>
      <c r="WWC656" s="613"/>
      <c r="WWD656" s="613"/>
      <c r="WWE656" s="613"/>
      <c r="WWF656" s="613"/>
      <c r="WWG656" s="613"/>
      <c r="WWH656" s="613"/>
      <c r="WWI656" s="613"/>
      <c r="WWJ656" s="613"/>
      <c r="WWK656" s="613"/>
      <c r="WWL656" s="613"/>
      <c r="WWM656" s="613"/>
      <c r="WWN656" s="613"/>
      <c r="WWO656" s="613"/>
      <c r="WWP656" s="613"/>
      <c r="WWQ656" s="613"/>
      <c r="WWR656" s="613"/>
      <c r="WWS656" s="613"/>
      <c r="WWT656" s="613"/>
      <c r="WWU656" s="613"/>
      <c r="WWV656" s="613"/>
      <c r="WWW656" s="613"/>
      <c r="WWX656" s="613"/>
      <c r="WWY656" s="613"/>
      <c r="WWZ656" s="613"/>
      <c r="WXA656" s="613"/>
      <c r="WXB656" s="613"/>
      <c r="WXC656" s="613"/>
      <c r="WXD656" s="613"/>
      <c r="WXE656" s="613"/>
      <c r="WXF656" s="613"/>
      <c r="WXG656" s="613"/>
      <c r="WXH656" s="613"/>
      <c r="WXI656" s="613"/>
      <c r="WXJ656" s="613"/>
      <c r="WXK656" s="613"/>
      <c r="WXL656" s="613"/>
      <c r="WXM656" s="613"/>
      <c r="WXN656" s="613"/>
      <c r="WXO656" s="613"/>
      <c r="WXP656" s="613"/>
      <c r="WXQ656" s="613"/>
      <c r="WXR656" s="613"/>
      <c r="WXS656" s="613"/>
      <c r="WXT656" s="613"/>
      <c r="WXU656" s="613"/>
      <c r="WXV656" s="613"/>
      <c r="WXW656" s="613"/>
      <c r="WXX656" s="613"/>
      <c r="WXY656" s="613"/>
      <c r="WXZ656" s="613"/>
      <c r="WYA656" s="613"/>
      <c r="WYB656" s="613"/>
      <c r="WYC656" s="613"/>
      <c r="WYD656" s="613"/>
      <c r="WYE656" s="613"/>
      <c r="WYF656" s="613"/>
      <c r="WYG656" s="613"/>
      <c r="WYH656" s="613"/>
      <c r="WYI656" s="613"/>
      <c r="WYJ656" s="613"/>
      <c r="WYK656" s="613"/>
      <c r="WYL656" s="613"/>
      <c r="WYM656" s="613"/>
      <c r="WYN656" s="613"/>
      <c r="WYO656" s="613"/>
      <c r="WYP656" s="613"/>
      <c r="WYQ656" s="613"/>
      <c r="WYR656" s="613"/>
      <c r="WYS656" s="613"/>
      <c r="WYT656" s="613"/>
      <c r="WYU656" s="613"/>
      <c r="WYV656" s="613"/>
      <c r="WYW656" s="613"/>
      <c r="WYX656" s="613"/>
      <c r="WYY656" s="613"/>
      <c r="WYZ656" s="613"/>
      <c r="WZA656" s="613"/>
      <c r="WZB656" s="613"/>
      <c r="WZC656" s="613"/>
      <c r="WZD656" s="613"/>
      <c r="WZE656" s="613"/>
      <c r="WZF656" s="613"/>
      <c r="WZG656" s="613"/>
      <c r="WZH656" s="613"/>
      <c r="WZI656" s="613"/>
      <c r="WZJ656" s="613"/>
      <c r="WZK656" s="613"/>
      <c r="WZL656" s="613"/>
      <c r="WZM656" s="613"/>
      <c r="WZN656" s="613"/>
      <c r="WZO656" s="613"/>
      <c r="WZP656" s="613"/>
      <c r="WZQ656" s="613"/>
      <c r="WZR656" s="613"/>
      <c r="WZS656" s="613"/>
      <c r="WZT656" s="613"/>
      <c r="WZU656" s="613"/>
      <c r="WZV656" s="613"/>
      <c r="WZW656" s="613"/>
      <c r="WZX656" s="613"/>
      <c r="WZY656" s="613"/>
      <c r="WZZ656" s="613"/>
      <c r="XAA656" s="613"/>
      <c r="XAB656" s="613"/>
      <c r="XAC656" s="613"/>
      <c r="XAD656" s="613"/>
      <c r="XAE656" s="613"/>
      <c r="XAF656" s="613"/>
      <c r="XAG656" s="613"/>
      <c r="XAH656" s="613"/>
      <c r="XAI656" s="613"/>
      <c r="XAJ656" s="613"/>
      <c r="XAK656" s="613"/>
      <c r="XAL656" s="613"/>
      <c r="XAM656" s="613"/>
      <c r="XAN656" s="613"/>
      <c r="XAO656" s="613"/>
      <c r="XAP656" s="613"/>
      <c r="XAQ656" s="613"/>
      <c r="XAR656" s="613"/>
      <c r="XAS656" s="613"/>
      <c r="XAT656" s="613"/>
      <c r="XAU656" s="613"/>
      <c r="XAV656" s="613"/>
      <c r="XAW656" s="613"/>
      <c r="XAX656" s="613"/>
      <c r="XAY656" s="613"/>
      <c r="XAZ656" s="613"/>
      <c r="XBA656" s="613"/>
      <c r="XBB656" s="613"/>
      <c r="XBC656" s="613"/>
      <c r="XBD656" s="613"/>
      <c r="XBE656" s="613"/>
      <c r="XBF656" s="613"/>
      <c r="XBG656" s="613"/>
      <c r="XBH656" s="613"/>
      <c r="XBI656" s="613"/>
      <c r="XBJ656" s="613"/>
      <c r="XBK656" s="613"/>
      <c r="XBL656" s="613"/>
      <c r="XBM656" s="613"/>
      <c r="XBN656" s="613"/>
      <c r="XBO656" s="613"/>
      <c r="XBP656" s="613"/>
      <c r="XBQ656" s="613"/>
      <c r="XBR656" s="613"/>
      <c r="XBS656" s="613"/>
      <c r="XBT656" s="613"/>
      <c r="XBU656" s="613"/>
      <c r="XBV656" s="613"/>
      <c r="XBW656" s="613"/>
      <c r="XBX656" s="613"/>
      <c r="XBY656" s="613"/>
      <c r="XBZ656" s="613"/>
      <c r="XCA656" s="613"/>
      <c r="XCB656" s="613"/>
      <c r="XCC656" s="613"/>
      <c r="XCD656" s="613"/>
      <c r="XCE656" s="613"/>
      <c r="XCF656" s="613"/>
      <c r="XCG656" s="613"/>
      <c r="XCH656" s="613"/>
      <c r="XCI656" s="613"/>
      <c r="XCJ656" s="613"/>
      <c r="XCK656" s="613"/>
      <c r="XCL656" s="613"/>
      <c r="XCM656" s="613"/>
      <c r="XCN656" s="613"/>
      <c r="XCO656" s="613"/>
      <c r="XCP656" s="613"/>
      <c r="XCQ656" s="613"/>
    </row>
    <row r="657" spans="1:16319" ht="56.1" customHeight="1" x14ac:dyDescent="0.2">
      <c r="A657" s="273" t="s">
        <v>3016</v>
      </c>
      <c r="B657" s="499"/>
      <c r="C657" s="77"/>
      <c r="D657" s="481">
        <v>215</v>
      </c>
      <c r="E657" s="481"/>
      <c r="F657" s="481" t="s">
        <v>2481</v>
      </c>
      <c r="G657" s="482" t="s">
        <v>53</v>
      </c>
      <c r="H657" s="481" t="s">
        <v>329</v>
      </c>
      <c r="I657" s="654" t="s">
        <v>456</v>
      </c>
      <c r="J657" s="654" t="s">
        <v>369</v>
      </c>
      <c r="K657" s="495" t="s">
        <v>465</v>
      </c>
      <c r="L657" s="621"/>
      <c r="M657" s="484" t="s">
        <v>58</v>
      </c>
      <c r="N657" s="329" t="s">
        <v>1361</v>
      </c>
      <c r="O657" s="484" t="s">
        <v>2996</v>
      </c>
      <c r="P657" s="484" t="s">
        <v>81</v>
      </c>
      <c r="Q657" s="667" t="s">
        <v>334</v>
      </c>
      <c r="R657" s="484" t="s">
        <v>334</v>
      </c>
      <c r="S657" s="484" t="s">
        <v>377</v>
      </c>
      <c r="T657" s="484"/>
      <c r="U657" s="620" t="s">
        <v>63</v>
      </c>
      <c r="V657" s="620" t="s">
        <v>63</v>
      </c>
      <c r="W657" s="723">
        <v>16350</v>
      </c>
      <c r="X657" s="723"/>
      <c r="Y657" s="654" t="s">
        <v>226</v>
      </c>
      <c r="Z657" s="654"/>
      <c r="AA657" s="723">
        <v>16350</v>
      </c>
      <c r="AB657" s="652" t="s">
        <v>82</v>
      </c>
      <c r="AC657" s="652"/>
      <c r="AD657" s="496"/>
      <c r="AE657" s="487" t="s">
        <v>66</v>
      </c>
      <c r="AF657" s="496"/>
      <c r="AG657" s="496"/>
      <c r="AH657" s="496"/>
      <c r="AI657" s="496"/>
      <c r="AJ657" s="496"/>
      <c r="AK657" s="496"/>
      <c r="AL657" s="496"/>
      <c r="AM657" s="496"/>
      <c r="AN657" s="496"/>
      <c r="AO657" s="496"/>
      <c r="AP657" s="496"/>
      <c r="AQ657" s="496"/>
      <c r="AR657" s="496"/>
      <c r="AS657" s="496"/>
      <c r="AT657" s="496"/>
      <c r="AU657" s="487"/>
      <c r="AV657" s="487"/>
      <c r="AW657" s="487"/>
      <c r="AX657" s="487"/>
      <c r="AY657" s="487"/>
      <c r="AZ657" s="487"/>
      <c r="BA657" s="484"/>
      <c r="BB657" s="484" t="s">
        <v>462</v>
      </c>
      <c r="BC657" s="484" t="s">
        <v>3041</v>
      </c>
      <c r="BD657" s="494"/>
      <c r="BE657" s="494"/>
      <c r="BF657" s="613"/>
      <c r="BG657" s="613"/>
      <c r="BH657" s="613"/>
      <c r="BI657" s="613"/>
      <c r="BJ657" s="613"/>
      <c r="BK657" s="613"/>
      <c r="BL657" s="613"/>
      <c r="BM657" s="613"/>
      <c r="BN657" s="613"/>
      <c r="BO657" s="613"/>
      <c r="BP657" s="613"/>
      <c r="BQ657" s="613"/>
      <c r="BR657" s="613"/>
      <c r="BS657" s="613"/>
      <c r="BT657" s="613"/>
      <c r="BU657" s="613"/>
      <c r="BV657" s="613"/>
      <c r="BW657" s="613"/>
      <c r="BX657" s="613"/>
      <c r="BY657" s="613"/>
      <c r="BZ657" s="613"/>
      <c r="CA657" s="613"/>
      <c r="CB657" s="613"/>
      <c r="CC657" s="613"/>
      <c r="CD657" s="613"/>
      <c r="CE657" s="613"/>
      <c r="CF657" s="613"/>
      <c r="CG657" s="613"/>
      <c r="CH657" s="613"/>
      <c r="CI657" s="613"/>
      <c r="CJ657" s="613"/>
      <c r="CK657" s="613"/>
      <c r="CL657" s="613"/>
      <c r="CM657" s="613"/>
      <c r="CN657" s="613"/>
      <c r="CO657" s="613"/>
      <c r="CP657" s="613"/>
      <c r="CQ657" s="613"/>
      <c r="CR657" s="613"/>
      <c r="CS657" s="613"/>
      <c r="CT657" s="613"/>
      <c r="CU657" s="613"/>
      <c r="CV657" s="613"/>
      <c r="CW657" s="613"/>
      <c r="CX657" s="613"/>
      <c r="CY657" s="613"/>
      <c r="CZ657" s="613"/>
      <c r="DA657" s="613"/>
      <c r="DB657" s="613"/>
      <c r="DC657" s="613"/>
      <c r="DD657" s="613"/>
      <c r="DE657" s="613"/>
      <c r="DF657" s="613"/>
      <c r="DG657" s="613"/>
      <c r="DH657" s="613"/>
      <c r="DI657" s="613"/>
      <c r="DJ657" s="613"/>
      <c r="DK657" s="613"/>
      <c r="DL657" s="613"/>
      <c r="DM657" s="613"/>
      <c r="DN657" s="613"/>
      <c r="DO657" s="613"/>
      <c r="DP657" s="613"/>
      <c r="DQ657" s="613"/>
      <c r="DR657" s="613"/>
      <c r="DS657" s="613"/>
      <c r="DT657" s="613"/>
      <c r="DU657" s="613"/>
      <c r="DV657" s="613"/>
      <c r="DW657" s="613"/>
      <c r="DX657" s="613"/>
      <c r="DY657" s="613"/>
      <c r="DZ657" s="613"/>
      <c r="EA657" s="613"/>
      <c r="EB657" s="613"/>
      <c r="EC657" s="613"/>
      <c r="ED657" s="613"/>
      <c r="EE657" s="613"/>
      <c r="EF657" s="613"/>
      <c r="EG657" s="613"/>
      <c r="EH657" s="613"/>
      <c r="EI657" s="613"/>
      <c r="EJ657" s="613"/>
      <c r="EK657" s="613"/>
      <c r="EL657" s="613"/>
      <c r="EM657" s="613"/>
      <c r="EN657" s="613"/>
      <c r="EO657" s="613"/>
      <c r="EP657" s="613"/>
      <c r="EQ657" s="613"/>
      <c r="ER657" s="613"/>
      <c r="ES657" s="613"/>
      <c r="ET657" s="613"/>
      <c r="EU657" s="613"/>
      <c r="EV657" s="613"/>
      <c r="EW657" s="613"/>
      <c r="EX657" s="613"/>
      <c r="EY657" s="613"/>
      <c r="EZ657" s="613"/>
      <c r="FA657" s="613"/>
      <c r="FB657" s="613"/>
      <c r="FC657" s="613"/>
      <c r="FD657" s="613"/>
      <c r="FE657" s="613"/>
      <c r="FF657" s="613"/>
      <c r="FG657" s="613"/>
      <c r="FH657" s="613"/>
      <c r="FI657" s="613"/>
      <c r="FJ657" s="613"/>
      <c r="FK657" s="613"/>
      <c r="FL657" s="613"/>
      <c r="FM657" s="613"/>
      <c r="FN657" s="613"/>
      <c r="FO657" s="613"/>
      <c r="FP657" s="613"/>
      <c r="FQ657" s="613"/>
      <c r="FR657" s="613"/>
      <c r="FS657" s="613"/>
      <c r="FT657" s="613"/>
      <c r="FU657" s="613"/>
      <c r="FV657" s="613"/>
      <c r="FW657" s="613"/>
      <c r="FX657" s="613"/>
      <c r="FY657" s="613"/>
      <c r="FZ657" s="613"/>
      <c r="GA657" s="613"/>
      <c r="GB657" s="613"/>
      <c r="GC657" s="613"/>
      <c r="GD657" s="613"/>
      <c r="GE657" s="613"/>
      <c r="GF657" s="613"/>
      <c r="GG657" s="613"/>
      <c r="GH657" s="613"/>
      <c r="GI657" s="613"/>
      <c r="GJ657" s="613"/>
      <c r="GK657" s="613"/>
      <c r="GL657" s="613"/>
      <c r="GM657" s="613"/>
      <c r="GN657" s="613"/>
      <c r="GO657" s="613"/>
      <c r="GP657" s="613"/>
      <c r="GQ657" s="613"/>
      <c r="GR657" s="613"/>
      <c r="GS657" s="613"/>
      <c r="GT657" s="613"/>
      <c r="GU657" s="613"/>
      <c r="GV657" s="613"/>
      <c r="GW657" s="613"/>
      <c r="GX657" s="613"/>
      <c r="GY657" s="613"/>
      <c r="GZ657" s="613"/>
      <c r="HA657" s="613"/>
      <c r="HB657" s="613"/>
      <c r="HC657" s="613"/>
      <c r="HD657" s="613"/>
      <c r="HE657" s="613"/>
      <c r="HF657" s="613"/>
      <c r="HG657" s="613"/>
      <c r="HH657" s="613"/>
      <c r="HI657" s="613"/>
      <c r="HJ657" s="613"/>
      <c r="HK657" s="613"/>
      <c r="HL657" s="613"/>
      <c r="HM657" s="613"/>
      <c r="HN657" s="613"/>
      <c r="HO657" s="613"/>
      <c r="HP657" s="613"/>
      <c r="HQ657" s="613"/>
      <c r="HR657" s="613"/>
      <c r="HS657" s="613"/>
      <c r="HT657" s="613"/>
      <c r="HU657" s="613"/>
      <c r="HV657" s="613"/>
      <c r="HW657" s="613"/>
      <c r="HX657" s="613"/>
      <c r="HY657" s="613"/>
      <c r="HZ657" s="613"/>
      <c r="IA657" s="613"/>
      <c r="IB657" s="613"/>
      <c r="IC657" s="613"/>
      <c r="ID657" s="613"/>
      <c r="IE657" s="613"/>
      <c r="IF657" s="613"/>
      <c r="IG657" s="613"/>
      <c r="IH657" s="613"/>
      <c r="II657" s="613"/>
      <c r="IJ657" s="613"/>
      <c r="IK657" s="613"/>
      <c r="IL657" s="613"/>
      <c r="IM657" s="613"/>
      <c r="IN657" s="613"/>
      <c r="IO657" s="613"/>
      <c r="IP657" s="613"/>
      <c r="IQ657" s="613"/>
      <c r="IR657" s="613"/>
      <c r="IS657" s="613"/>
      <c r="IT657" s="613"/>
      <c r="IU657" s="613"/>
      <c r="IV657" s="613"/>
      <c r="IW657" s="613"/>
      <c r="IX657" s="613"/>
      <c r="IY657" s="613"/>
      <c r="IZ657" s="613"/>
      <c r="JA657" s="613"/>
      <c r="JB657" s="613"/>
      <c r="JC657" s="613"/>
      <c r="JD657" s="613"/>
      <c r="JE657" s="613"/>
      <c r="JF657" s="613"/>
      <c r="JG657" s="613"/>
      <c r="JH657" s="613"/>
      <c r="JI657" s="613"/>
      <c r="JJ657" s="613"/>
      <c r="JK657" s="613"/>
      <c r="JL657" s="613"/>
      <c r="JM657" s="613"/>
      <c r="JN657" s="613"/>
      <c r="JO657" s="613"/>
      <c r="JP657" s="613"/>
      <c r="JQ657" s="613"/>
      <c r="JR657" s="613"/>
      <c r="JS657" s="613"/>
      <c r="JT657" s="613"/>
      <c r="JU657" s="613"/>
      <c r="JV657" s="613"/>
      <c r="JW657" s="613"/>
      <c r="JX657" s="613"/>
      <c r="JY657" s="613"/>
      <c r="JZ657" s="613"/>
      <c r="KA657" s="613"/>
      <c r="KB657" s="613"/>
      <c r="KC657" s="613"/>
      <c r="KD657" s="613"/>
      <c r="KE657" s="613"/>
      <c r="KF657" s="613"/>
      <c r="KG657" s="613"/>
      <c r="KH657" s="613"/>
      <c r="KI657" s="613"/>
      <c r="KJ657" s="613"/>
      <c r="KK657" s="613"/>
      <c r="KL657" s="613"/>
      <c r="KM657" s="613"/>
      <c r="KN657" s="613"/>
      <c r="KO657" s="613"/>
      <c r="KP657" s="613"/>
      <c r="KQ657" s="613"/>
      <c r="KR657" s="613"/>
      <c r="KS657" s="613"/>
      <c r="KT657" s="613"/>
      <c r="KU657" s="613"/>
      <c r="KV657" s="613"/>
      <c r="KW657" s="613"/>
      <c r="KX657" s="613"/>
      <c r="KY657" s="613"/>
      <c r="KZ657" s="613"/>
      <c r="LA657" s="613"/>
      <c r="LB657" s="613"/>
      <c r="LC657" s="613"/>
      <c r="LD657" s="613"/>
      <c r="LE657" s="613"/>
      <c r="LF657" s="613"/>
      <c r="LG657" s="613"/>
      <c r="LH657" s="613"/>
      <c r="LI657" s="613"/>
      <c r="LJ657" s="613"/>
      <c r="LK657" s="613"/>
      <c r="LL657" s="613"/>
      <c r="LM657" s="613"/>
      <c r="LN657" s="613"/>
      <c r="LO657" s="613"/>
      <c r="LP657" s="613"/>
      <c r="LQ657" s="613"/>
      <c r="LR657" s="613"/>
      <c r="LS657" s="613"/>
      <c r="LT657" s="613"/>
      <c r="LU657" s="613"/>
      <c r="LV657" s="613"/>
      <c r="LW657" s="613"/>
      <c r="LX657" s="613"/>
      <c r="LY657" s="613"/>
      <c r="LZ657" s="613"/>
      <c r="MA657" s="613"/>
      <c r="MB657" s="613"/>
      <c r="MC657" s="613"/>
      <c r="MD657" s="613"/>
      <c r="ME657" s="613"/>
      <c r="MF657" s="613"/>
      <c r="MG657" s="613"/>
      <c r="MH657" s="613"/>
      <c r="MI657" s="613"/>
      <c r="MJ657" s="613"/>
      <c r="MK657" s="613"/>
      <c r="ML657" s="613"/>
      <c r="MM657" s="613"/>
      <c r="MN657" s="613"/>
      <c r="MO657" s="613"/>
      <c r="MP657" s="613"/>
      <c r="MQ657" s="613"/>
      <c r="MR657" s="613"/>
      <c r="MS657" s="613"/>
      <c r="MT657" s="613"/>
      <c r="MU657" s="613"/>
      <c r="MV657" s="613"/>
      <c r="MW657" s="613"/>
      <c r="MX657" s="613"/>
      <c r="MY657" s="613"/>
      <c r="MZ657" s="613"/>
      <c r="NA657" s="613"/>
      <c r="NB657" s="613"/>
      <c r="NC657" s="613"/>
      <c r="ND657" s="613"/>
      <c r="NE657" s="613"/>
      <c r="NF657" s="613"/>
      <c r="NG657" s="613"/>
      <c r="NH657" s="613"/>
      <c r="NI657" s="613"/>
      <c r="NJ657" s="613"/>
      <c r="NK657" s="613"/>
      <c r="NL657" s="613"/>
      <c r="NM657" s="613"/>
      <c r="NN657" s="613"/>
      <c r="NO657" s="613"/>
      <c r="NP657" s="613"/>
      <c r="NQ657" s="613"/>
      <c r="NR657" s="613"/>
      <c r="NS657" s="613"/>
      <c r="NT657" s="613"/>
      <c r="NU657" s="613"/>
      <c r="NV657" s="613"/>
      <c r="NW657" s="613"/>
      <c r="NX657" s="613"/>
      <c r="NY657" s="613"/>
      <c r="NZ657" s="613"/>
      <c r="OA657" s="613"/>
      <c r="OB657" s="613"/>
      <c r="OC657" s="613"/>
      <c r="OD657" s="613"/>
      <c r="OE657" s="613"/>
      <c r="OF657" s="613"/>
      <c r="OG657" s="613"/>
      <c r="OH657" s="613"/>
      <c r="OI657" s="613"/>
      <c r="OJ657" s="613"/>
      <c r="OK657" s="613"/>
      <c r="OL657" s="613"/>
      <c r="OM657" s="613"/>
      <c r="ON657" s="613"/>
      <c r="OO657" s="613"/>
      <c r="OP657" s="613"/>
      <c r="OQ657" s="613"/>
      <c r="OR657" s="613"/>
      <c r="OS657" s="613"/>
      <c r="OT657" s="613"/>
      <c r="OU657" s="613"/>
      <c r="OV657" s="613"/>
      <c r="OW657" s="613"/>
      <c r="OX657" s="613"/>
      <c r="OY657" s="613"/>
      <c r="OZ657" s="613"/>
      <c r="PA657" s="613"/>
      <c r="PB657" s="613"/>
      <c r="PC657" s="613"/>
      <c r="PD657" s="613"/>
      <c r="PE657" s="613"/>
      <c r="PF657" s="613"/>
      <c r="PG657" s="613"/>
      <c r="PH657" s="613"/>
      <c r="PI657" s="613"/>
      <c r="PJ657" s="613"/>
      <c r="PK657" s="613"/>
      <c r="PL657" s="613"/>
      <c r="PM657" s="613"/>
      <c r="PN657" s="613"/>
      <c r="PO657" s="613"/>
      <c r="PP657" s="613"/>
      <c r="PQ657" s="613"/>
      <c r="PR657" s="613"/>
      <c r="PS657" s="613"/>
      <c r="PT657" s="613"/>
      <c r="PU657" s="613"/>
      <c r="PV657" s="613"/>
      <c r="PW657" s="613"/>
      <c r="PX657" s="613"/>
      <c r="PY657" s="613"/>
      <c r="PZ657" s="613"/>
      <c r="QA657" s="613"/>
      <c r="QB657" s="613"/>
      <c r="QC657" s="613"/>
      <c r="QD657" s="613"/>
      <c r="QE657" s="613"/>
      <c r="QF657" s="613"/>
      <c r="QG657" s="613"/>
      <c r="QH657" s="613"/>
      <c r="QI657" s="613"/>
      <c r="QJ657" s="613"/>
      <c r="QK657" s="613"/>
      <c r="QL657" s="613"/>
      <c r="QM657" s="613"/>
      <c r="QN657" s="613"/>
      <c r="QO657" s="613"/>
      <c r="QP657" s="613"/>
      <c r="QQ657" s="613"/>
      <c r="QR657" s="613"/>
      <c r="QS657" s="613"/>
      <c r="QT657" s="613"/>
      <c r="QU657" s="613"/>
      <c r="QV657" s="613"/>
      <c r="QW657" s="613"/>
      <c r="QX657" s="613"/>
      <c r="QY657" s="613"/>
      <c r="QZ657" s="613"/>
      <c r="RA657" s="613"/>
      <c r="RB657" s="613"/>
      <c r="RC657" s="613"/>
      <c r="RD657" s="613"/>
      <c r="RE657" s="613"/>
      <c r="RF657" s="613"/>
      <c r="RG657" s="613"/>
      <c r="RH657" s="613"/>
      <c r="RI657" s="613"/>
      <c r="RJ657" s="613"/>
      <c r="RK657" s="613"/>
      <c r="RL657" s="613"/>
      <c r="RM657" s="613"/>
      <c r="RN657" s="613"/>
      <c r="RO657" s="613"/>
      <c r="RP657" s="613"/>
      <c r="RQ657" s="613"/>
      <c r="RR657" s="613"/>
      <c r="RS657" s="613"/>
      <c r="RT657" s="613"/>
      <c r="RU657" s="613"/>
      <c r="RV657" s="613"/>
      <c r="RW657" s="613"/>
      <c r="RX657" s="613"/>
      <c r="RY657" s="613"/>
      <c r="RZ657" s="613"/>
      <c r="SA657" s="613"/>
      <c r="SB657" s="613"/>
      <c r="SC657" s="613"/>
      <c r="SD657" s="613"/>
      <c r="SE657" s="613"/>
      <c r="SF657" s="613"/>
      <c r="SG657" s="613"/>
      <c r="SH657" s="613"/>
      <c r="SI657" s="613"/>
      <c r="SJ657" s="613"/>
      <c r="SK657" s="613"/>
      <c r="SL657" s="613"/>
      <c r="SM657" s="613"/>
      <c r="SN657" s="613"/>
      <c r="SO657" s="613"/>
      <c r="SP657" s="613"/>
      <c r="SQ657" s="613"/>
      <c r="SR657" s="613"/>
      <c r="SS657" s="613"/>
      <c r="ST657" s="613"/>
      <c r="SU657" s="613"/>
      <c r="SV657" s="613"/>
      <c r="SW657" s="613"/>
      <c r="SX657" s="613"/>
      <c r="SY657" s="613"/>
      <c r="SZ657" s="613"/>
      <c r="TA657" s="613"/>
      <c r="TB657" s="613"/>
      <c r="TC657" s="613"/>
      <c r="TD657" s="613"/>
      <c r="TE657" s="613"/>
      <c r="TF657" s="613"/>
      <c r="TG657" s="613"/>
      <c r="TH657" s="613"/>
      <c r="TI657" s="613"/>
      <c r="TJ657" s="613"/>
      <c r="TK657" s="613"/>
      <c r="TL657" s="613"/>
      <c r="TM657" s="613"/>
      <c r="TN657" s="613"/>
      <c r="TO657" s="613"/>
      <c r="TP657" s="613"/>
      <c r="TQ657" s="613"/>
      <c r="TR657" s="613"/>
      <c r="TS657" s="613"/>
      <c r="TT657" s="613"/>
      <c r="TU657" s="613"/>
      <c r="TV657" s="613"/>
      <c r="TW657" s="613"/>
      <c r="TX657" s="613"/>
      <c r="TY657" s="613"/>
      <c r="TZ657" s="613"/>
      <c r="UA657" s="613"/>
      <c r="UB657" s="613"/>
      <c r="UC657" s="613"/>
      <c r="UD657" s="613"/>
      <c r="UE657" s="613"/>
      <c r="UF657" s="613"/>
      <c r="UG657" s="613"/>
      <c r="UH657" s="613"/>
      <c r="UI657" s="613"/>
      <c r="UJ657" s="613"/>
      <c r="UK657" s="613"/>
      <c r="UL657" s="613"/>
      <c r="UM657" s="613"/>
      <c r="UN657" s="613"/>
      <c r="UO657" s="613"/>
      <c r="UP657" s="613"/>
      <c r="UQ657" s="613"/>
      <c r="UR657" s="613"/>
      <c r="US657" s="613"/>
      <c r="UT657" s="613"/>
      <c r="UU657" s="613"/>
      <c r="UV657" s="613"/>
      <c r="UW657" s="613"/>
      <c r="UX657" s="613"/>
      <c r="UY657" s="613"/>
      <c r="UZ657" s="613"/>
      <c r="VA657" s="613"/>
      <c r="VB657" s="613"/>
      <c r="VC657" s="613"/>
      <c r="VD657" s="613"/>
      <c r="VE657" s="613"/>
      <c r="VF657" s="613"/>
      <c r="VG657" s="613"/>
      <c r="VH657" s="613"/>
      <c r="VI657" s="613"/>
      <c r="VJ657" s="613"/>
      <c r="VK657" s="613"/>
      <c r="VL657" s="613"/>
      <c r="VM657" s="613"/>
      <c r="VN657" s="613"/>
      <c r="VO657" s="613"/>
      <c r="VP657" s="613"/>
      <c r="VQ657" s="613"/>
      <c r="VR657" s="613"/>
      <c r="VS657" s="613"/>
      <c r="VT657" s="613"/>
      <c r="VU657" s="613"/>
      <c r="VV657" s="613"/>
      <c r="VW657" s="613"/>
      <c r="VX657" s="613"/>
      <c r="VY657" s="613"/>
      <c r="VZ657" s="613"/>
      <c r="WA657" s="613"/>
      <c r="WB657" s="613"/>
      <c r="WC657" s="613"/>
      <c r="WD657" s="613"/>
      <c r="WE657" s="613"/>
      <c r="WF657" s="613"/>
      <c r="WG657" s="613"/>
      <c r="WH657" s="613"/>
      <c r="WI657" s="613"/>
      <c r="WJ657" s="613"/>
      <c r="WK657" s="613"/>
      <c r="WL657" s="613"/>
      <c r="WM657" s="613"/>
      <c r="WN657" s="613"/>
      <c r="WO657" s="613"/>
      <c r="WP657" s="613"/>
      <c r="WQ657" s="613"/>
      <c r="WR657" s="613"/>
      <c r="WS657" s="613"/>
      <c r="WT657" s="613"/>
      <c r="WU657" s="613"/>
      <c r="WV657" s="613"/>
      <c r="WW657" s="613"/>
      <c r="WX657" s="613"/>
      <c r="WY657" s="613"/>
      <c r="WZ657" s="613"/>
      <c r="XA657" s="613"/>
      <c r="XB657" s="613"/>
      <c r="XC657" s="613"/>
      <c r="XD657" s="613"/>
      <c r="XE657" s="613"/>
      <c r="XF657" s="613"/>
      <c r="XG657" s="613"/>
      <c r="XH657" s="613"/>
      <c r="XI657" s="613"/>
      <c r="XJ657" s="613"/>
      <c r="XK657" s="613"/>
      <c r="XL657" s="613"/>
      <c r="XM657" s="613"/>
      <c r="XN657" s="613"/>
      <c r="XO657" s="613"/>
      <c r="XP657" s="613"/>
      <c r="XQ657" s="613"/>
      <c r="XR657" s="613"/>
      <c r="XS657" s="613"/>
      <c r="XT657" s="613"/>
      <c r="XU657" s="613"/>
      <c r="XV657" s="613"/>
      <c r="XW657" s="613"/>
      <c r="XX657" s="613"/>
      <c r="XY657" s="613"/>
      <c r="XZ657" s="613"/>
      <c r="YA657" s="613"/>
      <c r="YB657" s="613"/>
      <c r="YC657" s="613"/>
      <c r="YD657" s="613"/>
      <c r="YE657" s="613"/>
      <c r="YF657" s="613"/>
      <c r="YG657" s="613"/>
      <c r="YH657" s="613"/>
      <c r="YI657" s="613"/>
      <c r="YJ657" s="613"/>
      <c r="YK657" s="613"/>
      <c r="YL657" s="613"/>
      <c r="YM657" s="613"/>
      <c r="YN657" s="613"/>
      <c r="YO657" s="613"/>
      <c r="YP657" s="613"/>
      <c r="YQ657" s="613"/>
      <c r="YR657" s="613"/>
      <c r="YS657" s="613"/>
      <c r="YT657" s="613"/>
      <c r="YU657" s="613"/>
      <c r="YV657" s="613"/>
      <c r="YW657" s="613"/>
      <c r="YX657" s="613"/>
      <c r="YY657" s="613"/>
      <c r="YZ657" s="613"/>
      <c r="ZA657" s="613"/>
      <c r="ZB657" s="613"/>
      <c r="ZC657" s="613"/>
      <c r="ZD657" s="613"/>
      <c r="ZE657" s="613"/>
      <c r="ZF657" s="613"/>
      <c r="ZG657" s="613"/>
      <c r="ZH657" s="613"/>
      <c r="ZI657" s="613"/>
      <c r="ZJ657" s="613"/>
      <c r="ZK657" s="613"/>
      <c r="ZL657" s="613"/>
      <c r="ZM657" s="613"/>
      <c r="ZN657" s="613"/>
      <c r="ZO657" s="613"/>
      <c r="ZP657" s="613"/>
      <c r="ZQ657" s="613"/>
      <c r="ZR657" s="613"/>
      <c r="ZS657" s="613"/>
      <c r="ZT657" s="613"/>
      <c r="ZU657" s="613"/>
      <c r="ZV657" s="613"/>
      <c r="ZW657" s="613"/>
      <c r="ZX657" s="613"/>
      <c r="ZY657" s="613"/>
      <c r="ZZ657" s="613"/>
      <c r="AAA657" s="613"/>
      <c r="AAB657" s="613"/>
      <c r="AAC657" s="613"/>
      <c r="AAD657" s="613"/>
      <c r="AAE657" s="613"/>
      <c r="AAF657" s="613"/>
      <c r="AAG657" s="613"/>
      <c r="AAH657" s="613"/>
      <c r="AAI657" s="613"/>
      <c r="AAJ657" s="613"/>
      <c r="AAK657" s="613"/>
      <c r="AAL657" s="613"/>
      <c r="AAM657" s="613"/>
      <c r="AAN657" s="613"/>
      <c r="AAO657" s="613"/>
      <c r="AAP657" s="613"/>
      <c r="AAQ657" s="613"/>
      <c r="AAR657" s="613"/>
      <c r="AAS657" s="613"/>
      <c r="AAT657" s="613"/>
      <c r="AAU657" s="613"/>
      <c r="AAV657" s="613"/>
      <c r="AAW657" s="613"/>
      <c r="AAX657" s="613"/>
      <c r="AAY657" s="613"/>
      <c r="AAZ657" s="613"/>
      <c r="ABA657" s="613"/>
      <c r="ABB657" s="613"/>
      <c r="ABC657" s="613"/>
      <c r="ABD657" s="613"/>
      <c r="ABE657" s="613"/>
      <c r="ABF657" s="613"/>
      <c r="ABG657" s="613"/>
      <c r="ABH657" s="613"/>
      <c r="ABI657" s="613"/>
      <c r="ABJ657" s="613"/>
      <c r="ABK657" s="613"/>
      <c r="ABL657" s="613"/>
      <c r="ABM657" s="613"/>
      <c r="ABN657" s="613"/>
      <c r="ABO657" s="613"/>
      <c r="ABP657" s="613"/>
      <c r="ABQ657" s="613"/>
      <c r="ABR657" s="613"/>
      <c r="ABS657" s="613"/>
      <c r="ABT657" s="613"/>
      <c r="ABU657" s="613"/>
      <c r="ABV657" s="613"/>
      <c r="ABW657" s="613"/>
      <c r="ABX657" s="613"/>
      <c r="ABY657" s="613"/>
      <c r="ABZ657" s="613"/>
      <c r="ACA657" s="613"/>
      <c r="ACB657" s="613"/>
      <c r="ACC657" s="613"/>
      <c r="ACD657" s="613"/>
      <c r="ACE657" s="613"/>
      <c r="ACF657" s="613"/>
      <c r="ACG657" s="613"/>
      <c r="ACH657" s="613"/>
      <c r="ACI657" s="613"/>
      <c r="ACJ657" s="613"/>
      <c r="ACK657" s="613"/>
      <c r="ACL657" s="613"/>
      <c r="ACM657" s="613"/>
      <c r="ACN657" s="613"/>
      <c r="ACO657" s="613"/>
      <c r="ACP657" s="613"/>
      <c r="ACQ657" s="613"/>
      <c r="ACR657" s="613"/>
      <c r="ACS657" s="613"/>
      <c r="ACT657" s="613"/>
      <c r="ACU657" s="613"/>
      <c r="ACV657" s="613"/>
      <c r="ACW657" s="613"/>
      <c r="ACX657" s="613"/>
      <c r="ACY657" s="613"/>
      <c r="ACZ657" s="613"/>
      <c r="ADA657" s="613"/>
      <c r="ADB657" s="613"/>
      <c r="ADC657" s="613"/>
      <c r="ADD657" s="613"/>
      <c r="ADE657" s="613"/>
      <c r="ADF657" s="613"/>
      <c r="ADG657" s="613"/>
      <c r="ADH657" s="613"/>
      <c r="ADI657" s="613"/>
      <c r="ADJ657" s="613"/>
      <c r="ADK657" s="613"/>
      <c r="ADL657" s="613"/>
      <c r="ADM657" s="613"/>
      <c r="ADN657" s="613"/>
      <c r="ADO657" s="613"/>
      <c r="ADP657" s="613"/>
      <c r="ADQ657" s="613"/>
      <c r="ADR657" s="613"/>
      <c r="ADS657" s="613"/>
      <c r="ADT657" s="613"/>
      <c r="ADU657" s="613"/>
      <c r="ADV657" s="613"/>
      <c r="ADW657" s="613"/>
      <c r="ADX657" s="613"/>
      <c r="ADY657" s="613"/>
      <c r="ADZ657" s="613"/>
      <c r="AEA657" s="613"/>
      <c r="AEB657" s="613"/>
      <c r="AEC657" s="613"/>
      <c r="AED657" s="613"/>
      <c r="AEE657" s="613"/>
      <c r="AEF657" s="613"/>
      <c r="AEG657" s="613"/>
      <c r="AEH657" s="613"/>
      <c r="AEI657" s="613"/>
      <c r="AEJ657" s="613"/>
      <c r="AEK657" s="613"/>
      <c r="AEL657" s="613"/>
      <c r="AEM657" s="613"/>
      <c r="AEN657" s="613"/>
      <c r="AEO657" s="613"/>
      <c r="AEP657" s="613"/>
      <c r="AEQ657" s="613"/>
      <c r="AER657" s="613"/>
      <c r="AES657" s="613"/>
      <c r="AET657" s="613"/>
      <c r="AEU657" s="613"/>
      <c r="AEV657" s="613"/>
      <c r="AEW657" s="613"/>
      <c r="AEX657" s="613"/>
      <c r="AEY657" s="613"/>
      <c r="AEZ657" s="613"/>
      <c r="AFA657" s="613"/>
      <c r="AFB657" s="613"/>
      <c r="AFC657" s="613"/>
      <c r="AFD657" s="613"/>
      <c r="AFE657" s="613"/>
      <c r="AFF657" s="613"/>
      <c r="AFG657" s="613"/>
      <c r="AFH657" s="613"/>
      <c r="AFI657" s="613"/>
      <c r="AFJ657" s="613"/>
      <c r="AFK657" s="613"/>
      <c r="AFL657" s="613"/>
      <c r="AFM657" s="613"/>
      <c r="AFN657" s="613"/>
      <c r="AFO657" s="613"/>
      <c r="AFP657" s="613"/>
      <c r="AFQ657" s="613"/>
      <c r="AFR657" s="613"/>
      <c r="AFS657" s="613"/>
      <c r="AFT657" s="613"/>
      <c r="AFU657" s="613"/>
      <c r="AFV657" s="613"/>
      <c r="AFW657" s="613"/>
      <c r="AFX657" s="613"/>
      <c r="AFY657" s="613"/>
      <c r="AFZ657" s="613"/>
      <c r="AGA657" s="613"/>
      <c r="AGB657" s="613"/>
      <c r="AGC657" s="613"/>
      <c r="AGD657" s="613"/>
      <c r="AGE657" s="613"/>
      <c r="AGF657" s="613"/>
      <c r="AGG657" s="613"/>
      <c r="AGH657" s="613"/>
      <c r="AGI657" s="613"/>
      <c r="AGJ657" s="613"/>
      <c r="AGK657" s="613"/>
      <c r="AGL657" s="613"/>
      <c r="AGM657" s="613"/>
      <c r="AGN657" s="613"/>
      <c r="AGO657" s="613"/>
      <c r="AGP657" s="613"/>
      <c r="AGQ657" s="613"/>
      <c r="AGR657" s="613"/>
      <c r="AGS657" s="613"/>
      <c r="AGT657" s="613"/>
      <c r="AGU657" s="613"/>
      <c r="AGV657" s="613"/>
      <c r="AGW657" s="613"/>
      <c r="AGX657" s="613"/>
      <c r="AGY657" s="613"/>
      <c r="AGZ657" s="613"/>
      <c r="AHA657" s="613"/>
      <c r="AHB657" s="613"/>
      <c r="AHC657" s="613"/>
      <c r="AHD657" s="613"/>
      <c r="AHE657" s="613"/>
      <c r="AHF657" s="613"/>
      <c r="AHG657" s="613"/>
      <c r="AHH657" s="613"/>
      <c r="AHI657" s="613"/>
      <c r="AHJ657" s="613"/>
      <c r="AHK657" s="613"/>
      <c r="AHL657" s="613"/>
      <c r="AHM657" s="613"/>
      <c r="AHN657" s="613"/>
      <c r="AHO657" s="613"/>
      <c r="AHP657" s="613"/>
      <c r="AHQ657" s="613"/>
      <c r="AHR657" s="613"/>
      <c r="AHS657" s="613"/>
      <c r="AHT657" s="613"/>
      <c r="AHU657" s="613"/>
      <c r="AHV657" s="613"/>
      <c r="AHW657" s="613"/>
      <c r="AHX657" s="613"/>
      <c r="AHY657" s="613"/>
      <c r="AHZ657" s="613"/>
      <c r="AIA657" s="613"/>
      <c r="AIB657" s="613"/>
      <c r="AIC657" s="613"/>
      <c r="AID657" s="613"/>
      <c r="AIE657" s="613"/>
      <c r="AIF657" s="613"/>
      <c r="AIG657" s="613"/>
      <c r="AIH657" s="613"/>
      <c r="AII657" s="613"/>
      <c r="AIJ657" s="613"/>
      <c r="AIK657" s="613"/>
      <c r="AIL657" s="613"/>
      <c r="AIM657" s="613"/>
      <c r="AIN657" s="613"/>
      <c r="AIO657" s="613"/>
      <c r="AIP657" s="613"/>
      <c r="AIQ657" s="613"/>
      <c r="AIR657" s="613"/>
      <c r="AIS657" s="613"/>
      <c r="AIT657" s="613"/>
      <c r="AIU657" s="613"/>
      <c r="AIV657" s="613"/>
      <c r="AIW657" s="613"/>
      <c r="AIX657" s="613"/>
      <c r="AIY657" s="613"/>
      <c r="AIZ657" s="613"/>
      <c r="AJA657" s="613"/>
      <c r="AJB657" s="613"/>
      <c r="AJC657" s="613"/>
      <c r="AJD657" s="613"/>
      <c r="AJE657" s="613"/>
      <c r="AJF657" s="613"/>
      <c r="AJG657" s="613"/>
      <c r="AJH657" s="613"/>
      <c r="AJI657" s="613"/>
      <c r="AJJ657" s="613"/>
      <c r="AJK657" s="613"/>
      <c r="AJL657" s="613"/>
      <c r="AJM657" s="613"/>
      <c r="AJN657" s="613"/>
      <c r="AJO657" s="613"/>
      <c r="AJP657" s="613"/>
      <c r="AJQ657" s="613"/>
      <c r="AJR657" s="613"/>
      <c r="AJS657" s="613"/>
      <c r="AJT657" s="613"/>
      <c r="AJU657" s="613"/>
      <c r="AJV657" s="613"/>
      <c r="AJW657" s="613"/>
      <c r="AJX657" s="613"/>
      <c r="AJY657" s="613"/>
      <c r="AJZ657" s="613"/>
      <c r="AKA657" s="613"/>
      <c r="AKB657" s="613"/>
      <c r="AKC657" s="613"/>
      <c r="AKD657" s="613"/>
      <c r="AKE657" s="613"/>
      <c r="AKF657" s="613"/>
      <c r="AKG657" s="613"/>
      <c r="AKH657" s="613"/>
      <c r="AKI657" s="613"/>
      <c r="AKJ657" s="613"/>
      <c r="AKK657" s="613"/>
      <c r="AKL657" s="613"/>
      <c r="AKM657" s="613"/>
      <c r="AKN657" s="613"/>
      <c r="AKO657" s="613"/>
      <c r="AKP657" s="613"/>
      <c r="AKQ657" s="613"/>
      <c r="AKR657" s="613"/>
      <c r="AKS657" s="613"/>
      <c r="AKT657" s="613"/>
      <c r="AKU657" s="613"/>
      <c r="AKV657" s="613"/>
      <c r="AKW657" s="613"/>
      <c r="AKX657" s="613"/>
      <c r="AKY657" s="613"/>
      <c r="AKZ657" s="613"/>
      <c r="ALA657" s="613"/>
      <c r="ALB657" s="613"/>
      <c r="ALC657" s="613"/>
      <c r="ALD657" s="613"/>
      <c r="ALE657" s="613"/>
      <c r="ALF657" s="613"/>
      <c r="ALG657" s="613"/>
      <c r="ALH657" s="613"/>
      <c r="ALI657" s="613"/>
      <c r="ALJ657" s="613"/>
      <c r="ALK657" s="613"/>
      <c r="ALL657" s="613"/>
      <c r="ALM657" s="613"/>
      <c r="ALN657" s="613"/>
      <c r="ALO657" s="613"/>
      <c r="ALP657" s="613"/>
      <c r="ALQ657" s="613"/>
      <c r="ALR657" s="613"/>
      <c r="ALS657" s="613"/>
      <c r="ALT657" s="613"/>
      <c r="ALU657" s="613"/>
      <c r="ALV657" s="613"/>
      <c r="ALW657" s="613"/>
      <c r="ALX657" s="613"/>
      <c r="ALY657" s="613"/>
      <c r="ALZ657" s="613"/>
      <c r="AMA657" s="613"/>
      <c r="AMB657" s="613"/>
      <c r="AMC657" s="613"/>
      <c r="AMD657" s="613"/>
      <c r="AME657" s="613"/>
      <c r="AMF657" s="613"/>
      <c r="AMG657" s="613"/>
      <c r="AMH657" s="613"/>
      <c r="AMI657" s="613"/>
      <c r="AMJ657" s="613"/>
      <c r="AMK657" s="613"/>
      <c r="AML657" s="613"/>
      <c r="AMM657" s="613"/>
      <c r="AMN657" s="613"/>
      <c r="AMO657" s="613"/>
      <c r="AMP657" s="613"/>
      <c r="AMQ657" s="613"/>
      <c r="AMR657" s="613"/>
      <c r="AMS657" s="613"/>
      <c r="AMT657" s="613"/>
      <c r="AMU657" s="613"/>
      <c r="AMV657" s="613"/>
      <c r="AMW657" s="613"/>
      <c r="AMX657" s="613"/>
      <c r="AMY657" s="613"/>
      <c r="AMZ657" s="613"/>
      <c r="ANA657" s="613"/>
      <c r="ANB657" s="613"/>
      <c r="ANC657" s="613"/>
      <c r="AND657" s="613"/>
      <c r="ANE657" s="613"/>
      <c r="ANF657" s="613"/>
      <c r="ANG657" s="613"/>
      <c r="ANH657" s="613"/>
      <c r="ANI657" s="613"/>
      <c r="ANJ657" s="613"/>
      <c r="ANK657" s="613"/>
      <c r="ANL657" s="613"/>
      <c r="ANM657" s="613"/>
      <c r="ANN657" s="613"/>
      <c r="ANO657" s="613"/>
      <c r="ANP657" s="613"/>
      <c r="ANQ657" s="613"/>
      <c r="ANR657" s="613"/>
      <c r="ANS657" s="613"/>
      <c r="ANT657" s="613"/>
      <c r="ANU657" s="613"/>
      <c r="ANV657" s="613"/>
      <c r="ANW657" s="613"/>
      <c r="ANX657" s="613"/>
      <c r="ANY657" s="613"/>
      <c r="ANZ657" s="613"/>
      <c r="AOA657" s="613"/>
      <c r="AOB657" s="613"/>
      <c r="AOC657" s="613"/>
      <c r="AOD657" s="613"/>
      <c r="AOE657" s="613"/>
      <c r="AOF657" s="613"/>
      <c r="AOG657" s="613"/>
      <c r="AOH657" s="613"/>
      <c r="AOI657" s="613"/>
      <c r="AOJ657" s="613"/>
      <c r="AOK657" s="613"/>
      <c r="AOL657" s="613"/>
      <c r="AOM657" s="613"/>
      <c r="AON657" s="613"/>
      <c r="AOO657" s="613"/>
      <c r="AOP657" s="613"/>
      <c r="AOQ657" s="613"/>
      <c r="AOR657" s="613"/>
      <c r="AOS657" s="613"/>
      <c r="AOT657" s="613"/>
      <c r="AOU657" s="613"/>
      <c r="AOV657" s="613"/>
      <c r="AOW657" s="613"/>
      <c r="AOX657" s="613"/>
      <c r="AOY657" s="613"/>
      <c r="AOZ657" s="613"/>
      <c r="APA657" s="613"/>
      <c r="APB657" s="613"/>
      <c r="APC657" s="613"/>
      <c r="APD657" s="613"/>
      <c r="APE657" s="613"/>
      <c r="APF657" s="613"/>
      <c r="APG657" s="613"/>
      <c r="APH657" s="613"/>
      <c r="API657" s="613"/>
      <c r="APJ657" s="613"/>
      <c r="APK657" s="613"/>
      <c r="APL657" s="613"/>
      <c r="APM657" s="613"/>
      <c r="APN657" s="613"/>
      <c r="APO657" s="613"/>
      <c r="APP657" s="613"/>
      <c r="APQ657" s="613"/>
      <c r="APR657" s="613"/>
      <c r="APS657" s="613"/>
      <c r="APT657" s="613"/>
      <c r="APU657" s="613"/>
      <c r="APV657" s="613"/>
      <c r="APW657" s="613"/>
      <c r="APX657" s="613"/>
      <c r="APY657" s="613"/>
      <c r="APZ657" s="613"/>
      <c r="AQA657" s="613"/>
      <c r="AQB657" s="613"/>
      <c r="AQC657" s="613"/>
      <c r="AQD657" s="613"/>
      <c r="AQE657" s="613"/>
      <c r="AQF657" s="613"/>
      <c r="AQG657" s="613"/>
      <c r="AQH657" s="613"/>
      <c r="AQI657" s="613"/>
      <c r="AQJ657" s="613"/>
      <c r="AQK657" s="613"/>
      <c r="AQL657" s="613"/>
      <c r="AQM657" s="613"/>
      <c r="AQN657" s="613"/>
      <c r="AQO657" s="613"/>
      <c r="AQP657" s="613"/>
      <c r="AQQ657" s="613"/>
      <c r="AQR657" s="613"/>
      <c r="AQS657" s="613"/>
      <c r="AQT657" s="613"/>
      <c r="AQU657" s="613"/>
      <c r="AQV657" s="613"/>
      <c r="AQW657" s="613"/>
      <c r="AQX657" s="613"/>
      <c r="AQY657" s="613"/>
      <c r="AQZ657" s="613"/>
      <c r="ARA657" s="613"/>
      <c r="ARB657" s="613"/>
      <c r="ARC657" s="613"/>
      <c r="ARD657" s="613"/>
      <c r="ARE657" s="613"/>
      <c r="ARF657" s="613"/>
      <c r="ARG657" s="613"/>
      <c r="ARH657" s="613"/>
      <c r="ARI657" s="613"/>
      <c r="ARJ657" s="613"/>
      <c r="ARK657" s="613"/>
      <c r="ARL657" s="613"/>
      <c r="ARM657" s="613"/>
      <c r="ARN657" s="613"/>
      <c r="ARO657" s="613"/>
      <c r="ARP657" s="613"/>
      <c r="ARQ657" s="613"/>
      <c r="ARR657" s="613"/>
      <c r="ARS657" s="613"/>
      <c r="ART657" s="613"/>
      <c r="ARU657" s="613"/>
      <c r="ARV657" s="613"/>
      <c r="ARW657" s="613"/>
      <c r="ARX657" s="613"/>
      <c r="ARY657" s="613"/>
      <c r="ARZ657" s="613"/>
      <c r="ASA657" s="613"/>
      <c r="ASB657" s="613"/>
      <c r="ASC657" s="613"/>
      <c r="ASD657" s="613"/>
      <c r="ASE657" s="613"/>
      <c r="ASF657" s="613"/>
      <c r="ASG657" s="613"/>
      <c r="ASH657" s="613"/>
      <c r="ASI657" s="613"/>
      <c r="ASJ657" s="613"/>
      <c r="ASK657" s="613"/>
      <c r="ASL657" s="613"/>
      <c r="ASM657" s="613"/>
      <c r="ASN657" s="613"/>
      <c r="ASO657" s="613"/>
      <c r="ASP657" s="613"/>
      <c r="ASQ657" s="613"/>
      <c r="ASR657" s="613"/>
      <c r="ASS657" s="613"/>
      <c r="AST657" s="613"/>
      <c r="ASU657" s="613"/>
      <c r="ASV657" s="613"/>
      <c r="ASW657" s="613"/>
      <c r="ASX657" s="613"/>
      <c r="ASY657" s="613"/>
      <c r="ASZ657" s="613"/>
      <c r="ATA657" s="613"/>
      <c r="ATB657" s="613"/>
      <c r="ATC657" s="613"/>
      <c r="ATD657" s="613"/>
      <c r="ATE657" s="613"/>
      <c r="ATF657" s="613"/>
      <c r="ATG657" s="613"/>
      <c r="ATH657" s="613"/>
      <c r="ATI657" s="613"/>
      <c r="ATJ657" s="613"/>
      <c r="ATK657" s="613"/>
      <c r="ATL657" s="613"/>
      <c r="ATM657" s="613"/>
      <c r="ATN657" s="613"/>
      <c r="ATO657" s="613"/>
      <c r="ATP657" s="613"/>
      <c r="ATQ657" s="613"/>
      <c r="ATR657" s="613"/>
      <c r="ATS657" s="613"/>
      <c r="ATT657" s="613"/>
      <c r="ATU657" s="613"/>
      <c r="ATV657" s="613"/>
      <c r="ATW657" s="613"/>
      <c r="ATX657" s="613"/>
      <c r="ATY657" s="613"/>
      <c r="ATZ657" s="613"/>
      <c r="AUA657" s="613"/>
      <c r="AUB657" s="613"/>
      <c r="AUC657" s="613"/>
      <c r="AUD657" s="613"/>
      <c r="AUE657" s="613"/>
      <c r="AUF657" s="613"/>
      <c r="AUG657" s="613"/>
      <c r="AUH657" s="613"/>
      <c r="AUI657" s="613"/>
      <c r="AUJ657" s="613"/>
      <c r="AUK657" s="613"/>
      <c r="AUL657" s="613"/>
      <c r="AUM657" s="613"/>
      <c r="AUN657" s="613"/>
      <c r="AUO657" s="613"/>
      <c r="AUP657" s="613"/>
      <c r="AUQ657" s="613"/>
      <c r="AUR657" s="613"/>
      <c r="AUS657" s="613"/>
      <c r="AUT657" s="613"/>
      <c r="AUU657" s="613"/>
      <c r="AUV657" s="613"/>
      <c r="AUW657" s="613"/>
      <c r="AUX657" s="613"/>
      <c r="AUY657" s="613"/>
      <c r="AUZ657" s="613"/>
      <c r="AVA657" s="613"/>
      <c r="AVB657" s="613"/>
      <c r="AVC657" s="613"/>
      <c r="AVD657" s="613"/>
      <c r="AVE657" s="613"/>
      <c r="AVF657" s="613"/>
      <c r="AVG657" s="613"/>
      <c r="AVH657" s="613"/>
      <c r="AVI657" s="613"/>
      <c r="AVJ657" s="613"/>
      <c r="AVK657" s="613"/>
      <c r="AVL657" s="613"/>
      <c r="AVM657" s="613"/>
      <c r="AVN657" s="613"/>
      <c r="AVO657" s="613"/>
      <c r="AVP657" s="613"/>
      <c r="AVQ657" s="613"/>
      <c r="AVR657" s="613"/>
      <c r="AVS657" s="613"/>
      <c r="AVT657" s="613"/>
      <c r="AVU657" s="613"/>
      <c r="AVV657" s="613"/>
      <c r="AVW657" s="613"/>
      <c r="AVX657" s="613"/>
      <c r="AVY657" s="613"/>
      <c r="AVZ657" s="613"/>
      <c r="AWA657" s="613"/>
      <c r="AWB657" s="613"/>
      <c r="AWC657" s="613"/>
      <c r="AWD657" s="613"/>
      <c r="AWE657" s="613"/>
      <c r="AWF657" s="613"/>
      <c r="AWG657" s="613"/>
      <c r="AWH657" s="613"/>
      <c r="AWI657" s="613"/>
      <c r="AWJ657" s="613"/>
      <c r="AWK657" s="613"/>
      <c r="AWL657" s="613"/>
      <c r="AWM657" s="613"/>
      <c r="AWN657" s="613"/>
      <c r="AWO657" s="613"/>
      <c r="AWP657" s="613"/>
      <c r="AWQ657" s="613"/>
      <c r="AWR657" s="613"/>
      <c r="AWS657" s="613"/>
      <c r="AWT657" s="613"/>
      <c r="AWU657" s="613"/>
      <c r="AWV657" s="613"/>
      <c r="AWW657" s="613"/>
      <c r="AWX657" s="613"/>
      <c r="AWY657" s="613"/>
      <c r="AWZ657" s="613"/>
      <c r="AXA657" s="613"/>
      <c r="AXB657" s="613"/>
      <c r="AXC657" s="613"/>
      <c r="AXD657" s="613"/>
      <c r="AXE657" s="613"/>
      <c r="AXF657" s="613"/>
      <c r="AXG657" s="613"/>
      <c r="AXH657" s="613"/>
      <c r="AXI657" s="613"/>
      <c r="AXJ657" s="613"/>
      <c r="AXK657" s="613"/>
      <c r="AXL657" s="613"/>
      <c r="AXM657" s="613"/>
      <c r="AXN657" s="613"/>
      <c r="AXO657" s="613"/>
      <c r="AXP657" s="613"/>
      <c r="AXQ657" s="613"/>
      <c r="AXR657" s="613"/>
      <c r="AXS657" s="613"/>
      <c r="AXT657" s="613"/>
      <c r="AXU657" s="613"/>
      <c r="AXV657" s="613"/>
      <c r="AXW657" s="613"/>
      <c r="AXX657" s="613"/>
      <c r="AXY657" s="613"/>
      <c r="AXZ657" s="613"/>
      <c r="AYA657" s="613"/>
      <c r="AYB657" s="613"/>
      <c r="AYC657" s="613"/>
      <c r="AYD657" s="613"/>
      <c r="AYE657" s="613"/>
      <c r="AYF657" s="613"/>
      <c r="AYG657" s="613"/>
      <c r="AYH657" s="613"/>
      <c r="AYI657" s="613"/>
      <c r="AYJ657" s="613"/>
      <c r="AYK657" s="613"/>
      <c r="AYL657" s="613"/>
      <c r="AYM657" s="613"/>
      <c r="AYN657" s="613"/>
      <c r="AYO657" s="613"/>
      <c r="AYP657" s="613"/>
      <c r="AYQ657" s="613"/>
      <c r="AYR657" s="613"/>
      <c r="AYS657" s="613"/>
      <c r="AYT657" s="613"/>
      <c r="AYU657" s="613"/>
      <c r="AYV657" s="613"/>
      <c r="AYW657" s="613"/>
      <c r="AYX657" s="613"/>
      <c r="AYY657" s="613"/>
      <c r="AYZ657" s="613"/>
      <c r="AZA657" s="613"/>
      <c r="AZB657" s="613"/>
      <c r="AZC657" s="613"/>
      <c r="AZD657" s="613"/>
      <c r="AZE657" s="613"/>
      <c r="AZF657" s="613"/>
      <c r="AZG657" s="613"/>
      <c r="AZH657" s="613"/>
      <c r="AZI657" s="613"/>
      <c r="AZJ657" s="613"/>
      <c r="AZK657" s="613"/>
      <c r="AZL657" s="613"/>
      <c r="AZM657" s="613"/>
      <c r="AZN657" s="613"/>
      <c r="AZO657" s="613"/>
      <c r="AZP657" s="613"/>
      <c r="AZQ657" s="613"/>
      <c r="AZR657" s="613"/>
      <c r="AZS657" s="613"/>
      <c r="AZT657" s="613"/>
      <c r="AZU657" s="613"/>
      <c r="AZV657" s="613"/>
      <c r="AZW657" s="613"/>
      <c r="AZX657" s="613"/>
      <c r="AZY657" s="613"/>
      <c r="AZZ657" s="613"/>
      <c r="BAA657" s="613"/>
      <c r="BAB657" s="613"/>
      <c r="BAC657" s="613"/>
      <c r="BAD657" s="613"/>
      <c r="BAE657" s="613"/>
      <c r="BAF657" s="613"/>
      <c r="BAG657" s="613"/>
      <c r="BAH657" s="613"/>
      <c r="BAI657" s="613"/>
      <c r="BAJ657" s="613"/>
      <c r="BAK657" s="613"/>
      <c r="BAL657" s="613"/>
      <c r="BAM657" s="613"/>
      <c r="BAN657" s="613"/>
      <c r="BAO657" s="613"/>
      <c r="BAP657" s="613"/>
      <c r="BAQ657" s="613"/>
      <c r="BAR657" s="613"/>
      <c r="BAS657" s="613"/>
      <c r="BAT657" s="613"/>
      <c r="BAU657" s="613"/>
      <c r="BAV657" s="613"/>
      <c r="BAW657" s="613"/>
      <c r="BAX657" s="613"/>
      <c r="BAY657" s="613"/>
      <c r="BAZ657" s="613"/>
      <c r="BBA657" s="613"/>
      <c r="BBB657" s="613"/>
      <c r="BBC657" s="613"/>
      <c r="BBD657" s="613"/>
      <c r="BBE657" s="613"/>
      <c r="BBF657" s="613"/>
      <c r="BBG657" s="613"/>
      <c r="BBH657" s="613"/>
      <c r="BBI657" s="613"/>
      <c r="BBJ657" s="613"/>
      <c r="BBK657" s="613"/>
      <c r="BBL657" s="613"/>
      <c r="BBM657" s="613"/>
      <c r="BBN657" s="613"/>
      <c r="BBO657" s="613"/>
      <c r="BBP657" s="613"/>
      <c r="BBQ657" s="613"/>
      <c r="BBR657" s="613"/>
      <c r="BBS657" s="613"/>
      <c r="BBT657" s="613"/>
      <c r="BBU657" s="613"/>
      <c r="BBV657" s="613"/>
      <c r="BBW657" s="613"/>
      <c r="BBX657" s="613"/>
      <c r="BBY657" s="613"/>
      <c r="BBZ657" s="613"/>
      <c r="BCA657" s="613"/>
      <c r="BCB657" s="613"/>
      <c r="BCC657" s="613"/>
      <c r="BCD657" s="613"/>
      <c r="BCE657" s="613"/>
      <c r="BCF657" s="613"/>
      <c r="BCG657" s="613"/>
      <c r="BCH657" s="613"/>
      <c r="BCI657" s="613"/>
      <c r="BCJ657" s="613"/>
      <c r="BCK657" s="613"/>
      <c r="BCL657" s="613"/>
      <c r="BCM657" s="613"/>
      <c r="BCN657" s="613"/>
      <c r="BCO657" s="613"/>
      <c r="BCP657" s="613"/>
      <c r="BCQ657" s="613"/>
      <c r="BCR657" s="613"/>
      <c r="BCS657" s="613"/>
      <c r="BCT657" s="613"/>
      <c r="BCU657" s="613"/>
      <c r="BCV657" s="613"/>
      <c r="BCW657" s="613"/>
      <c r="BCX657" s="613"/>
      <c r="BCY657" s="613"/>
      <c r="BCZ657" s="613"/>
      <c r="BDA657" s="613"/>
      <c r="BDB657" s="613"/>
      <c r="BDC657" s="613"/>
      <c r="BDD657" s="613"/>
      <c r="BDE657" s="613"/>
      <c r="BDF657" s="613"/>
      <c r="BDG657" s="613"/>
      <c r="BDH657" s="613"/>
      <c r="BDI657" s="613"/>
      <c r="BDJ657" s="613"/>
      <c r="BDK657" s="613"/>
      <c r="BDL657" s="613"/>
      <c r="BDM657" s="613"/>
      <c r="BDN657" s="613"/>
      <c r="BDO657" s="613"/>
      <c r="BDP657" s="613"/>
      <c r="BDQ657" s="613"/>
      <c r="BDR657" s="613"/>
      <c r="BDS657" s="613"/>
      <c r="BDT657" s="613"/>
      <c r="BDU657" s="613"/>
      <c r="BDV657" s="613"/>
      <c r="BDW657" s="613"/>
      <c r="BDX657" s="613"/>
      <c r="BDY657" s="613"/>
      <c r="BDZ657" s="613"/>
      <c r="BEA657" s="613"/>
      <c r="BEB657" s="613"/>
      <c r="BEC657" s="613"/>
      <c r="BED657" s="613"/>
      <c r="BEE657" s="613"/>
      <c r="BEF657" s="613"/>
      <c r="BEG657" s="613"/>
      <c r="BEH657" s="613"/>
      <c r="BEI657" s="613"/>
      <c r="BEJ657" s="613"/>
      <c r="BEK657" s="613"/>
      <c r="BEL657" s="613"/>
      <c r="BEM657" s="613"/>
      <c r="BEN657" s="613"/>
      <c r="BEO657" s="613"/>
      <c r="BEP657" s="613"/>
      <c r="BEQ657" s="613"/>
      <c r="BER657" s="613"/>
      <c r="BES657" s="613"/>
      <c r="BET657" s="613"/>
      <c r="BEU657" s="613"/>
      <c r="BEV657" s="613"/>
      <c r="BEW657" s="613"/>
      <c r="BEX657" s="613"/>
      <c r="BEY657" s="613"/>
      <c r="BEZ657" s="613"/>
      <c r="BFA657" s="613"/>
      <c r="BFB657" s="613"/>
      <c r="BFC657" s="613"/>
      <c r="BFD657" s="613"/>
      <c r="BFE657" s="613"/>
      <c r="BFF657" s="613"/>
      <c r="BFG657" s="613"/>
      <c r="BFH657" s="613"/>
      <c r="BFI657" s="613"/>
      <c r="BFJ657" s="613"/>
      <c r="BFK657" s="613"/>
      <c r="BFL657" s="613"/>
      <c r="BFM657" s="613"/>
      <c r="BFN657" s="613"/>
      <c r="BFO657" s="613"/>
      <c r="BFP657" s="613"/>
      <c r="BFQ657" s="613"/>
      <c r="BFR657" s="613"/>
      <c r="BFS657" s="613"/>
      <c r="BFT657" s="613"/>
      <c r="BFU657" s="613"/>
      <c r="BFV657" s="613"/>
      <c r="BFW657" s="613"/>
      <c r="BFX657" s="613"/>
      <c r="BFY657" s="613"/>
      <c r="BFZ657" s="613"/>
      <c r="BGA657" s="613"/>
      <c r="BGB657" s="613"/>
      <c r="BGC657" s="613"/>
      <c r="BGD657" s="613"/>
      <c r="BGE657" s="613"/>
      <c r="BGF657" s="613"/>
      <c r="BGG657" s="613"/>
      <c r="BGH657" s="613"/>
      <c r="BGI657" s="613"/>
      <c r="BGJ657" s="613"/>
      <c r="BGK657" s="613"/>
      <c r="BGL657" s="613"/>
      <c r="BGM657" s="613"/>
      <c r="BGN657" s="613"/>
      <c r="BGO657" s="613"/>
      <c r="BGP657" s="613"/>
      <c r="BGQ657" s="613"/>
      <c r="BGR657" s="613"/>
      <c r="BGS657" s="613"/>
      <c r="BGT657" s="613"/>
      <c r="BGU657" s="613"/>
      <c r="BGV657" s="613"/>
      <c r="BGW657" s="613"/>
      <c r="BGX657" s="613"/>
      <c r="BGY657" s="613"/>
      <c r="BGZ657" s="613"/>
      <c r="BHA657" s="613"/>
      <c r="BHB657" s="613"/>
      <c r="BHC657" s="613"/>
      <c r="BHD657" s="613"/>
      <c r="BHE657" s="613"/>
      <c r="BHF657" s="613"/>
      <c r="BHG657" s="613"/>
      <c r="BHH657" s="613"/>
      <c r="BHI657" s="613"/>
      <c r="BHJ657" s="613"/>
      <c r="BHK657" s="613"/>
      <c r="BHL657" s="613"/>
      <c r="BHM657" s="613"/>
      <c r="BHN657" s="613"/>
      <c r="BHO657" s="613"/>
      <c r="BHP657" s="613"/>
      <c r="BHQ657" s="613"/>
      <c r="BHR657" s="613"/>
      <c r="BHS657" s="613"/>
      <c r="BHT657" s="613"/>
      <c r="BHU657" s="613"/>
      <c r="BHV657" s="613"/>
      <c r="BHW657" s="613"/>
      <c r="BHX657" s="613"/>
      <c r="BHY657" s="613"/>
      <c r="BHZ657" s="613"/>
      <c r="BIA657" s="613"/>
      <c r="BIB657" s="613"/>
      <c r="BIC657" s="613"/>
      <c r="BID657" s="613"/>
      <c r="BIE657" s="613"/>
      <c r="BIF657" s="613"/>
      <c r="BIG657" s="613"/>
      <c r="BIH657" s="613"/>
      <c r="BII657" s="613"/>
      <c r="BIJ657" s="613"/>
      <c r="BIK657" s="613"/>
      <c r="BIL657" s="613"/>
      <c r="BIM657" s="613"/>
      <c r="BIN657" s="613"/>
      <c r="BIO657" s="613"/>
      <c r="BIP657" s="613"/>
      <c r="BIQ657" s="613"/>
      <c r="BIR657" s="613"/>
      <c r="BIS657" s="613"/>
      <c r="BIT657" s="613"/>
      <c r="BIU657" s="613"/>
      <c r="BIV657" s="613"/>
      <c r="BIW657" s="613"/>
      <c r="BIX657" s="613"/>
      <c r="BIY657" s="613"/>
      <c r="BIZ657" s="613"/>
      <c r="BJA657" s="613"/>
      <c r="BJB657" s="613"/>
      <c r="BJC657" s="613"/>
      <c r="BJD657" s="613"/>
      <c r="BJE657" s="613"/>
      <c r="BJF657" s="613"/>
      <c r="BJG657" s="613"/>
      <c r="BJH657" s="613"/>
      <c r="BJI657" s="613"/>
      <c r="BJJ657" s="613"/>
      <c r="BJK657" s="613"/>
      <c r="BJL657" s="613"/>
      <c r="BJM657" s="613"/>
      <c r="BJN657" s="613"/>
      <c r="BJO657" s="613"/>
      <c r="BJP657" s="613"/>
      <c r="BJQ657" s="613"/>
      <c r="BJR657" s="613"/>
      <c r="BJS657" s="613"/>
      <c r="BJT657" s="613"/>
      <c r="BJU657" s="613"/>
      <c r="BJV657" s="613"/>
      <c r="BJW657" s="613"/>
      <c r="BJX657" s="613"/>
      <c r="BJY657" s="613"/>
      <c r="BJZ657" s="613"/>
      <c r="BKA657" s="613"/>
      <c r="BKB657" s="613"/>
      <c r="BKC657" s="613"/>
      <c r="BKD657" s="613"/>
      <c r="BKE657" s="613"/>
      <c r="BKF657" s="613"/>
      <c r="BKG657" s="613"/>
      <c r="BKH657" s="613"/>
      <c r="BKI657" s="613"/>
      <c r="BKJ657" s="613"/>
      <c r="BKK657" s="613"/>
      <c r="BKL657" s="613"/>
      <c r="BKM657" s="613"/>
      <c r="BKN657" s="613"/>
      <c r="BKO657" s="613"/>
      <c r="BKP657" s="613"/>
      <c r="BKQ657" s="613"/>
      <c r="BKR657" s="613"/>
      <c r="BKS657" s="613"/>
      <c r="BKT657" s="613"/>
      <c r="BKU657" s="613"/>
      <c r="BKV657" s="613"/>
      <c r="BKW657" s="613"/>
      <c r="BKX657" s="613"/>
      <c r="BKY657" s="613"/>
      <c r="BKZ657" s="613"/>
      <c r="BLA657" s="613"/>
      <c r="BLB657" s="613"/>
      <c r="BLC657" s="613"/>
      <c r="BLD657" s="613"/>
      <c r="BLE657" s="613"/>
      <c r="BLF657" s="613"/>
      <c r="BLG657" s="613"/>
      <c r="BLH657" s="613"/>
      <c r="BLI657" s="613"/>
      <c r="BLJ657" s="613"/>
      <c r="BLK657" s="613"/>
      <c r="BLL657" s="613"/>
      <c r="BLM657" s="613"/>
      <c r="BLN657" s="613"/>
      <c r="BLO657" s="613"/>
      <c r="BLP657" s="613"/>
      <c r="BLQ657" s="613"/>
      <c r="BLR657" s="613"/>
      <c r="BLS657" s="613"/>
      <c r="BLT657" s="613"/>
      <c r="BLU657" s="613"/>
      <c r="BLV657" s="613"/>
      <c r="BLW657" s="613"/>
      <c r="BLX657" s="613"/>
      <c r="BLY657" s="613"/>
      <c r="BLZ657" s="613"/>
      <c r="BMA657" s="613"/>
      <c r="BMB657" s="613"/>
      <c r="BMC657" s="613"/>
      <c r="BMD657" s="613"/>
      <c r="BME657" s="613"/>
      <c r="BMF657" s="613"/>
      <c r="BMG657" s="613"/>
      <c r="BMH657" s="613"/>
      <c r="BMI657" s="613"/>
      <c r="BMJ657" s="613"/>
      <c r="BMK657" s="613"/>
      <c r="BML657" s="613"/>
      <c r="BMM657" s="613"/>
      <c r="BMN657" s="613"/>
      <c r="BMO657" s="613"/>
      <c r="BMP657" s="613"/>
      <c r="BMQ657" s="613"/>
      <c r="BMR657" s="613"/>
      <c r="BMS657" s="613"/>
      <c r="BMT657" s="613"/>
      <c r="BMU657" s="613"/>
      <c r="BMV657" s="613"/>
      <c r="BMW657" s="613"/>
      <c r="BMX657" s="613"/>
      <c r="BMY657" s="613"/>
      <c r="BMZ657" s="613"/>
      <c r="BNA657" s="613"/>
      <c r="BNB657" s="613"/>
      <c r="BNC657" s="613"/>
      <c r="BND657" s="613"/>
      <c r="BNE657" s="613"/>
      <c r="BNF657" s="613"/>
      <c r="BNG657" s="613"/>
      <c r="BNH657" s="613"/>
      <c r="BNI657" s="613"/>
      <c r="BNJ657" s="613"/>
      <c r="BNK657" s="613"/>
      <c r="BNL657" s="613"/>
      <c r="BNM657" s="613"/>
      <c r="BNN657" s="613"/>
      <c r="BNO657" s="613"/>
      <c r="BNP657" s="613"/>
      <c r="BNQ657" s="613"/>
      <c r="BNR657" s="613"/>
      <c r="BNS657" s="613"/>
      <c r="BNT657" s="613"/>
      <c r="BNU657" s="613"/>
      <c r="BNV657" s="613"/>
      <c r="BNW657" s="613"/>
      <c r="BNX657" s="613"/>
      <c r="BNY657" s="613"/>
      <c r="BNZ657" s="613"/>
      <c r="BOA657" s="613"/>
      <c r="BOB657" s="613"/>
      <c r="BOC657" s="613"/>
      <c r="BOD657" s="613"/>
      <c r="BOE657" s="613"/>
      <c r="BOF657" s="613"/>
      <c r="BOG657" s="613"/>
      <c r="BOH657" s="613"/>
      <c r="BOI657" s="613"/>
      <c r="BOJ657" s="613"/>
      <c r="BOK657" s="613"/>
      <c r="BOL657" s="613"/>
      <c r="BOM657" s="613"/>
      <c r="BON657" s="613"/>
      <c r="BOO657" s="613"/>
      <c r="BOP657" s="613"/>
      <c r="BOQ657" s="613"/>
      <c r="BOR657" s="613"/>
      <c r="BOS657" s="613"/>
      <c r="BOT657" s="613"/>
      <c r="BOU657" s="613"/>
      <c r="BOV657" s="613"/>
      <c r="BOW657" s="613"/>
      <c r="BOX657" s="613"/>
      <c r="BOY657" s="613"/>
      <c r="BOZ657" s="613"/>
      <c r="BPA657" s="613"/>
      <c r="BPB657" s="613"/>
      <c r="BPC657" s="613"/>
      <c r="BPD657" s="613"/>
      <c r="BPE657" s="613"/>
      <c r="BPF657" s="613"/>
      <c r="BPG657" s="613"/>
      <c r="BPH657" s="613"/>
      <c r="BPI657" s="613"/>
      <c r="BPJ657" s="613"/>
      <c r="BPK657" s="613"/>
      <c r="BPL657" s="613"/>
      <c r="BPM657" s="613"/>
      <c r="BPN657" s="613"/>
      <c r="BPO657" s="613"/>
      <c r="BPP657" s="613"/>
      <c r="BPQ657" s="613"/>
      <c r="BPR657" s="613"/>
      <c r="BPS657" s="613"/>
      <c r="BPT657" s="613"/>
      <c r="BPU657" s="613"/>
      <c r="BPV657" s="613"/>
      <c r="BPW657" s="613"/>
      <c r="BPX657" s="613"/>
      <c r="BPY657" s="613"/>
      <c r="BPZ657" s="613"/>
      <c r="BQA657" s="613"/>
      <c r="BQB657" s="613"/>
      <c r="BQC657" s="613"/>
      <c r="BQD657" s="613"/>
      <c r="BQE657" s="613"/>
      <c r="BQF657" s="613"/>
      <c r="BQG657" s="613"/>
      <c r="BQH657" s="613"/>
      <c r="BQI657" s="613"/>
      <c r="BQJ657" s="613"/>
      <c r="BQK657" s="613"/>
      <c r="BQL657" s="613"/>
      <c r="BQM657" s="613"/>
      <c r="BQN657" s="613"/>
      <c r="BQO657" s="613"/>
      <c r="BQP657" s="613"/>
      <c r="BQQ657" s="613"/>
      <c r="BQR657" s="613"/>
      <c r="BQS657" s="613"/>
      <c r="BQT657" s="613"/>
      <c r="BQU657" s="613"/>
      <c r="BQV657" s="613"/>
      <c r="BQW657" s="613"/>
      <c r="BQX657" s="613"/>
      <c r="BQY657" s="613"/>
      <c r="BQZ657" s="613"/>
      <c r="BRA657" s="613"/>
      <c r="BRB657" s="613"/>
      <c r="BRC657" s="613"/>
      <c r="BRD657" s="613"/>
      <c r="BRE657" s="613"/>
      <c r="BRF657" s="613"/>
      <c r="BRG657" s="613"/>
      <c r="BRH657" s="613"/>
      <c r="BRI657" s="613"/>
      <c r="BRJ657" s="613"/>
      <c r="BRK657" s="613"/>
      <c r="BRL657" s="613"/>
      <c r="BRM657" s="613"/>
      <c r="BRN657" s="613"/>
      <c r="BRO657" s="613"/>
      <c r="BRP657" s="613"/>
      <c r="BRQ657" s="613"/>
      <c r="BRR657" s="613"/>
      <c r="BRS657" s="613"/>
      <c r="BRT657" s="613"/>
      <c r="BRU657" s="613"/>
      <c r="BRV657" s="613"/>
      <c r="BRW657" s="613"/>
      <c r="BRX657" s="613"/>
      <c r="BRY657" s="613"/>
      <c r="BRZ657" s="613"/>
      <c r="BSA657" s="613"/>
      <c r="BSB657" s="613"/>
      <c r="BSC657" s="613"/>
      <c r="BSD657" s="613"/>
      <c r="BSE657" s="613"/>
      <c r="BSF657" s="613"/>
      <c r="BSG657" s="613"/>
      <c r="BSH657" s="613"/>
      <c r="BSI657" s="613"/>
      <c r="BSJ657" s="613"/>
      <c r="BSK657" s="613"/>
      <c r="BSL657" s="613"/>
      <c r="BSM657" s="613"/>
      <c r="BSN657" s="613"/>
      <c r="BSO657" s="613"/>
      <c r="BSP657" s="613"/>
      <c r="BSQ657" s="613"/>
      <c r="BSR657" s="613"/>
      <c r="BSS657" s="613"/>
      <c r="BST657" s="613"/>
      <c r="BSU657" s="613"/>
      <c r="BSV657" s="613"/>
      <c r="BSW657" s="613"/>
      <c r="BSX657" s="613"/>
      <c r="BSY657" s="613"/>
      <c r="BSZ657" s="613"/>
      <c r="BTA657" s="613"/>
      <c r="BTB657" s="613"/>
      <c r="BTC657" s="613"/>
      <c r="BTD657" s="613"/>
      <c r="BTE657" s="613"/>
      <c r="BTF657" s="613"/>
      <c r="BTG657" s="613"/>
      <c r="BTH657" s="613"/>
      <c r="BTI657" s="613"/>
      <c r="BTJ657" s="613"/>
      <c r="BTK657" s="613"/>
      <c r="BTL657" s="613"/>
      <c r="BTM657" s="613"/>
      <c r="BTN657" s="613"/>
      <c r="BTO657" s="613"/>
      <c r="BTP657" s="613"/>
      <c r="BTQ657" s="613"/>
      <c r="BTR657" s="613"/>
      <c r="BTS657" s="613"/>
      <c r="BTT657" s="613"/>
      <c r="BTU657" s="613"/>
      <c r="BTV657" s="613"/>
      <c r="BTW657" s="613"/>
      <c r="BTX657" s="613"/>
      <c r="BTY657" s="613"/>
      <c r="BTZ657" s="613"/>
      <c r="BUA657" s="613"/>
      <c r="BUB657" s="613"/>
      <c r="BUC657" s="613"/>
      <c r="BUD657" s="613"/>
      <c r="BUE657" s="613"/>
      <c r="BUF657" s="613"/>
      <c r="BUG657" s="613"/>
      <c r="BUH657" s="613"/>
      <c r="BUI657" s="613"/>
      <c r="BUJ657" s="613"/>
      <c r="BUK657" s="613"/>
      <c r="BUL657" s="613"/>
      <c r="BUM657" s="613"/>
      <c r="BUN657" s="613"/>
      <c r="BUO657" s="613"/>
      <c r="BUP657" s="613"/>
      <c r="BUQ657" s="613"/>
      <c r="BUR657" s="613"/>
      <c r="BUS657" s="613"/>
      <c r="BUT657" s="613"/>
      <c r="BUU657" s="613"/>
      <c r="BUV657" s="613"/>
      <c r="BUW657" s="613"/>
      <c r="BUX657" s="613"/>
      <c r="BUY657" s="613"/>
      <c r="BUZ657" s="613"/>
      <c r="BVA657" s="613"/>
      <c r="BVB657" s="613"/>
      <c r="BVC657" s="613"/>
      <c r="BVD657" s="613"/>
      <c r="BVE657" s="613"/>
      <c r="BVF657" s="613"/>
      <c r="BVG657" s="613"/>
      <c r="BVH657" s="613"/>
      <c r="BVI657" s="613"/>
      <c r="BVJ657" s="613"/>
      <c r="BVK657" s="613"/>
      <c r="BVL657" s="613"/>
      <c r="BVM657" s="613"/>
      <c r="BVN657" s="613"/>
      <c r="BVO657" s="613"/>
      <c r="BVP657" s="613"/>
      <c r="BVQ657" s="613"/>
      <c r="BVR657" s="613"/>
      <c r="BVS657" s="613"/>
      <c r="BVT657" s="613"/>
      <c r="BVU657" s="613"/>
      <c r="BVV657" s="613"/>
      <c r="BVW657" s="613"/>
      <c r="BVX657" s="613"/>
      <c r="BVY657" s="613"/>
      <c r="BVZ657" s="613"/>
      <c r="BWA657" s="613"/>
      <c r="BWB657" s="613"/>
      <c r="BWC657" s="613"/>
      <c r="BWD657" s="613"/>
      <c r="BWE657" s="613"/>
      <c r="BWF657" s="613"/>
      <c r="BWG657" s="613"/>
      <c r="BWH657" s="613"/>
      <c r="BWI657" s="613"/>
      <c r="BWJ657" s="613"/>
      <c r="BWK657" s="613"/>
      <c r="BWL657" s="613"/>
      <c r="BWM657" s="613"/>
      <c r="BWN657" s="613"/>
      <c r="BWO657" s="613"/>
      <c r="BWP657" s="613"/>
      <c r="BWQ657" s="613"/>
      <c r="BWR657" s="613"/>
      <c r="BWS657" s="613"/>
      <c r="BWT657" s="613"/>
      <c r="BWU657" s="613"/>
      <c r="BWV657" s="613"/>
      <c r="BWW657" s="613"/>
      <c r="BWX657" s="613"/>
      <c r="BWY657" s="613"/>
      <c r="BWZ657" s="613"/>
      <c r="BXA657" s="613"/>
      <c r="BXB657" s="613"/>
      <c r="BXC657" s="613"/>
      <c r="BXD657" s="613"/>
      <c r="BXE657" s="613"/>
      <c r="BXF657" s="613"/>
      <c r="BXG657" s="613"/>
      <c r="BXH657" s="613"/>
      <c r="BXI657" s="613"/>
      <c r="BXJ657" s="613"/>
      <c r="BXK657" s="613"/>
      <c r="BXL657" s="613"/>
      <c r="BXM657" s="613"/>
      <c r="BXN657" s="613"/>
      <c r="BXO657" s="613"/>
      <c r="BXP657" s="613"/>
      <c r="BXQ657" s="613"/>
      <c r="BXR657" s="613"/>
      <c r="BXS657" s="613"/>
      <c r="BXT657" s="613"/>
      <c r="BXU657" s="613"/>
      <c r="BXV657" s="613"/>
      <c r="BXW657" s="613"/>
      <c r="BXX657" s="613"/>
      <c r="BXY657" s="613"/>
      <c r="BXZ657" s="613"/>
      <c r="BYA657" s="613"/>
      <c r="BYB657" s="613"/>
      <c r="BYC657" s="613"/>
      <c r="BYD657" s="613"/>
      <c r="BYE657" s="613"/>
      <c r="BYF657" s="613"/>
      <c r="BYG657" s="613"/>
      <c r="BYH657" s="613"/>
      <c r="BYI657" s="613"/>
      <c r="BYJ657" s="613"/>
      <c r="BYK657" s="613"/>
      <c r="BYL657" s="613"/>
      <c r="BYM657" s="613"/>
      <c r="BYN657" s="613"/>
      <c r="BYO657" s="613"/>
      <c r="BYP657" s="613"/>
      <c r="BYQ657" s="613"/>
      <c r="BYR657" s="613"/>
      <c r="BYS657" s="613"/>
      <c r="BYT657" s="613"/>
      <c r="BYU657" s="613"/>
      <c r="BYV657" s="613"/>
      <c r="BYW657" s="613"/>
      <c r="BYX657" s="613"/>
      <c r="BYY657" s="613"/>
      <c r="BYZ657" s="613"/>
      <c r="BZA657" s="613"/>
      <c r="BZB657" s="613"/>
      <c r="BZC657" s="613"/>
      <c r="BZD657" s="613"/>
      <c r="BZE657" s="613"/>
      <c r="BZF657" s="613"/>
      <c r="BZG657" s="613"/>
      <c r="BZH657" s="613"/>
      <c r="BZI657" s="613"/>
      <c r="BZJ657" s="613"/>
      <c r="BZK657" s="613"/>
      <c r="BZL657" s="613"/>
      <c r="BZM657" s="613"/>
      <c r="BZN657" s="613"/>
      <c r="BZO657" s="613"/>
      <c r="BZP657" s="613"/>
      <c r="BZQ657" s="613"/>
      <c r="BZR657" s="613"/>
      <c r="BZS657" s="613"/>
      <c r="BZT657" s="613"/>
      <c r="BZU657" s="613"/>
      <c r="BZV657" s="613"/>
      <c r="BZW657" s="613"/>
      <c r="BZX657" s="613"/>
      <c r="BZY657" s="613"/>
      <c r="BZZ657" s="613"/>
      <c r="CAA657" s="613"/>
      <c r="CAB657" s="613"/>
      <c r="CAC657" s="613"/>
      <c r="CAD657" s="613"/>
      <c r="CAE657" s="613"/>
      <c r="CAF657" s="613"/>
      <c r="CAG657" s="613"/>
      <c r="CAH657" s="613"/>
      <c r="CAI657" s="613"/>
      <c r="CAJ657" s="613"/>
      <c r="CAK657" s="613"/>
      <c r="CAL657" s="613"/>
      <c r="CAM657" s="613"/>
      <c r="CAN657" s="613"/>
      <c r="CAO657" s="613"/>
      <c r="CAP657" s="613"/>
      <c r="CAQ657" s="613"/>
      <c r="CAR657" s="613"/>
      <c r="CAS657" s="613"/>
      <c r="CAT657" s="613"/>
      <c r="CAU657" s="613"/>
      <c r="CAV657" s="613"/>
      <c r="CAW657" s="613"/>
      <c r="CAX657" s="613"/>
      <c r="CAY657" s="613"/>
      <c r="CAZ657" s="613"/>
      <c r="CBA657" s="613"/>
      <c r="CBB657" s="613"/>
      <c r="CBC657" s="613"/>
      <c r="CBD657" s="613"/>
      <c r="CBE657" s="613"/>
      <c r="CBF657" s="613"/>
      <c r="CBG657" s="613"/>
      <c r="CBH657" s="613"/>
      <c r="CBI657" s="613"/>
      <c r="CBJ657" s="613"/>
      <c r="CBK657" s="613"/>
      <c r="CBL657" s="613"/>
      <c r="CBM657" s="613"/>
      <c r="CBN657" s="613"/>
      <c r="CBO657" s="613"/>
      <c r="CBP657" s="613"/>
      <c r="CBQ657" s="613"/>
      <c r="CBR657" s="613"/>
      <c r="CBS657" s="613"/>
      <c r="CBT657" s="613"/>
      <c r="CBU657" s="613"/>
      <c r="CBV657" s="613"/>
      <c r="CBW657" s="613"/>
      <c r="CBX657" s="613"/>
      <c r="CBY657" s="613"/>
      <c r="CBZ657" s="613"/>
      <c r="CCA657" s="613"/>
      <c r="CCB657" s="613"/>
      <c r="CCC657" s="613"/>
      <c r="CCD657" s="613"/>
      <c r="CCE657" s="613"/>
      <c r="CCF657" s="613"/>
      <c r="CCG657" s="613"/>
      <c r="CCH657" s="613"/>
      <c r="CCI657" s="613"/>
      <c r="CCJ657" s="613"/>
      <c r="CCK657" s="613"/>
      <c r="CCL657" s="613"/>
      <c r="CCM657" s="613"/>
      <c r="CCN657" s="613"/>
      <c r="CCO657" s="613"/>
      <c r="CCP657" s="613"/>
      <c r="CCQ657" s="613"/>
      <c r="CCR657" s="613"/>
      <c r="CCS657" s="613"/>
      <c r="CCT657" s="613"/>
      <c r="CCU657" s="613"/>
      <c r="CCV657" s="613"/>
      <c r="CCW657" s="613"/>
      <c r="CCX657" s="613"/>
      <c r="CCY657" s="613"/>
      <c r="CCZ657" s="613"/>
      <c r="CDA657" s="613"/>
      <c r="CDB657" s="613"/>
      <c r="CDC657" s="613"/>
      <c r="CDD657" s="613"/>
      <c r="CDE657" s="613"/>
      <c r="CDF657" s="613"/>
      <c r="CDG657" s="613"/>
      <c r="CDH657" s="613"/>
      <c r="CDI657" s="613"/>
      <c r="CDJ657" s="613"/>
      <c r="CDK657" s="613"/>
      <c r="CDL657" s="613"/>
      <c r="CDM657" s="613"/>
      <c r="CDN657" s="613"/>
      <c r="CDO657" s="613"/>
      <c r="CDP657" s="613"/>
      <c r="CDQ657" s="613"/>
      <c r="CDR657" s="613"/>
      <c r="CDS657" s="613"/>
      <c r="CDT657" s="613"/>
      <c r="CDU657" s="613"/>
      <c r="CDV657" s="613"/>
      <c r="CDW657" s="613"/>
      <c r="CDX657" s="613"/>
      <c r="CDY657" s="613"/>
      <c r="CDZ657" s="613"/>
      <c r="CEA657" s="613"/>
      <c r="CEB657" s="613"/>
      <c r="CEC657" s="613"/>
      <c r="CED657" s="613"/>
      <c r="CEE657" s="613"/>
      <c r="CEF657" s="613"/>
      <c r="CEG657" s="613"/>
      <c r="CEH657" s="613"/>
      <c r="CEI657" s="613"/>
      <c r="CEJ657" s="613"/>
      <c r="CEK657" s="613"/>
      <c r="CEL657" s="613"/>
      <c r="CEM657" s="613"/>
      <c r="CEN657" s="613"/>
      <c r="CEO657" s="613"/>
      <c r="CEP657" s="613"/>
      <c r="CEQ657" s="613"/>
      <c r="CER657" s="613"/>
      <c r="CES657" s="613"/>
      <c r="CET657" s="613"/>
      <c r="CEU657" s="613"/>
      <c r="CEV657" s="613"/>
      <c r="CEW657" s="613"/>
      <c r="CEX657" s="613"/>
      <c r="CEY657" s="613"/>
      <c r="CEZ657" s="613"/>
      <c r="CFA657" s="613"/>
      <c r="CFB657" s="613"/>
      <c r="CFC657" s="613"/>
      <c r="CFD657" s="613"/>
      <c r="CFE657" s="613"/>
      <c r="CFF657" s="613"/>
      <c r="CFG657" s="613"/>
      <c r="CFH657" s="613"/>
      <c r="CFI657" s="613"/>
      <c r="CFJ657" s="613"/>
      <c r="CFK657" s="613"/>
      <c r="CFL657" s="613"/>
      <c r="CFM657" s="613"/>
      <c r="CFN657" s="613"/>
      <c r="CFO657" s="613"/>
      <c r="CFP657" s="613"/>
      <c r="CFQ657" s="613"/>
      <c r="CFR657" s="613"/>
      <c r="CFS657" s="613"/>
      <c r="CFT657" s="613"/>
      <c r="CFU657" s="613"/>
      <c r="CFV657" s="613"/>
      <c r="CFW657" s="613"/>
      <c r="CFX657" s="613"/>
      <c r="CFY657" s="613"/>
      <c r="CFZ657" s="613"/>
      <c r="CGA657" s="613"/>
      <c r="CGB657" s="613"/>
      <c r="CGC657" s="613"/>
      <c r="CGD657" s="613"/>
      <c r="CGE657" s="613"/>
      <c r="CGF657" s="613"/>
      <c r="CGG657" s="613"/>
      <c r="CGH657" s="613"/>
      <c r="CGI657" s="613"/>
      <c r="CGJ657" s="613"/>
      <c r="CGK657" s="613"/>
      <c r="CGL657" s="613"/>
      <c r="CGM657" s="613"/>
      <c r="CGN657" s="613"/>
      <c r="CGO657" s="613"/>
      <c r="CGP657" s="613"/>
      <c r="CGQ657" s="613"/>
      <c r="CGR657" s="613"/>
      <c r="CGS657" s="613"/>
      <c r="CGT657" s="613"/>
      <c r="CGU657" s="613"/>
      <c r="CGV657" s="613"/>
      <c r="CGW657" s="613"/>
      <c r="CGX657" s="613"/>
      <c r="CGY657" s="613"/>
      <c r="CGZ657" s="613"/>
      <c r="CHA657" s="613"/>
      <c r="CHB657" s="613"/>
      <c r="CHC657" s="613"/>
      <c r="CHD657" s="613"/>
      <c r="CHE657" s="613"/>
      <c r="CHF657" s="613"/>
      <c r="CHG657" s="613"/>
      <c r="CHH657" s="613"/>
      <c r="CHI657" s="613"/>
      <c r="CHJ657" s="613"/>
      <c r="CHK657" s="613"/>
      <c r="CHL657" s="613"/>
      <c r="CHM657" s="613"/>
      <c r="CHN657" s="613"/>
      <c r="CHO657" s="613"/>
      <c r="CHP657" s="613"/>
      <c r="CHQ657" s="613"/>
      <c r="CHR657" s="613"/>
      <c r="CHS657" s="613"/>
      <c r="CHT657" s="613"/>
      <c r="CHU657" s="613"/>
      <c r="CHV657" s="613"/>
      <c r="CHW657" s="613"/>
      <c r="CHX657" s="613"/>
      <c r="CHY657" s="613"/>
      <c r="CHZ657" s="613"/>
      <c r="CIA657" s="613"/>
      <c r="CIB657" s="613"/>
      <c r="CIC657" s="613"/>
      <c r="CID657" s="613"/>
      <c r="CIE657" s="613"/>
      <c r="CIF657" s="613"/>
      <c r="CIG657" s="613"/>
      <c r="CIH657" s="613"/>
      <c r="CII657" s="613"/>
      <c r="CIJ657" s="613"/>
      <c r="CIK657" s="613"/>
      <c r="CIL657" s="613"/>
      <c r="CIM657" s="613"/>
      <c r="CIN657" s="613"/>
      <c r="CIO657" s="613"/>
      <c r="CIP657" s="613"/>
      <c r="CIQ657" s="613"/>
      <c r="CIR657" s="613"/>
      <c r="CIS657" s="613"/>
      <c r="CIT657" s="613"/>
      <c r="CIU657" s="613"/>
      <c r="CIV657" s="613"/>
      <c r="CIW657" s="613"/>
      <c r="CIX657" s="613"/>
      <c r="CIY657" s="613"/>
      <c r="CIZ657" s="613"/>
      <c r="CJA657" s="613"/>
      <c r="CJB657" s="613"/>
      <c r="CJC657" s="613"/>
      <c r="CJD657" s="613"/>
      <c r="CJE657" s="613"/>
      <c r="CJF657" s="613"/>
      <c r="CJG657" s="613"/>
      <c r="CJH657" s="613"/>
      <c r="CJI657" s="613"/>
      <c r="CJJ657" s="613"/>
      <c r="CJK657" s="613"/>
      <c r="CJL657" s="613"/>
      <c r="CJM657" s="613"/>
      <c r="CJN657" s="613"/>
      <c r="CJO657" s="613"/>
      <c r="CJP657" s="613"/>
      <c r="CJQ657" s="613"/>
      <c r="CJR657" s="613"/>
      <c r="CJS657" s="613"/>
      <c r="CJT657" s="613"/>
      <c r="CJU657" s="613"/>
      <c r="CJV657" s="613"/>
      <c r="CJW657" s="613"/>
      <c r="CJX657" s="613"/>
      <c r="CJY657" s="613"/>
      <c r="CJZ657" s="613"/>
      <c r="CKA657" s="613"/>
      <c r="CKB657" s="613"/>
      <c r="CKC657" s="613"/>
      <c r="CKD657" s="613"/>
      <c r="CKE657" s="613"/>
      <c r="CKF657" s="613"/>
      <c r="CKG657" s="613"/>
      <c r="CKH657" s="613"/>
      <c r="CKI657" s="613"/>
      <c r="CKJ657" s="613"/>
      <c r="CKK657" s="613"/>
      <c r="CKL657" s="613"/>
      <c r="CKM657" s="613"/>
      <c r="CKN657" s="613"/>
      <c r="CKO657" s="613"/>
      <c r="CKP657" s="613"/>
      <c r="CKQ657" s="613"/>
      <c r="CKR657" s="613"/>
      <c r="CKS657" s="613"/>
      <c r="CKT657" s="613"/>
      <c r="CKU657" s="613"/>
      <c r="CKV657" s="613"/>
      <c r="CKW657" s="613"/>
      <c r="CKX657" s="613"/>
      <c r="CKY657" s="613"/>
      <c r="CKZ657" s="613"/>
      <c r="CLA657" s="613"/>
      <c r="CLB657" s="613"/>
      <c r="CLC657" s="613"/>
      <c r="CLD657" s="613"/>
      <c r="CLE657" s="613"/>
      <c r="CLF657" s="613"/>
      <c r="CLG657" s="613"/>
      <c r="CLH657" s="613"/>
      <c r="CLI657" s="613"/>
      <c r="CLJ657" s="613"/>
      <c r="CLK657" s="613"/>
      <c r="CLL657" s="613"/>
      <c r="CLM657" s="613"/>
      <c r="CLN657" s="613"/>
      <c r="CLO657" s="613"/>
      <c r="CLP657" s="613"/>
      <c r="CLQ657" s="613"/>
      <c r="CLR657" s="613"/>
      <c r="CLS657" s="613"/>
      <c r="CLT657" s="613"/>
      <c r="CLU657" s="613"/>
      <c r="CLV657" s="613"/>
      <c r="CLW657" s="613"/>
      <c r="CLX657" s="613"/>
      <c r="CLY657" s="613"/>
      <c r="CLZ657" s="613"/>
      <c r="CMA657" s="613"/>
      <c r="CMB657" s="613"/>
      <c r="CMC657" s="613"/>
      <c r="CMD657" s="613"/>
      <c r="CME657" s="613"/>
      <c r="CMF657" s="613"/>
      <c r="CMG657" s="613"/>
      <c r="CMH657" s="613"/>
      <c r="CMI657" s="613"/>
      <c r="CMJ657" s="613"/>
      <c r="CMK657" s="613"/>
      <c r="CML657" s="613"/>
      <c r="CMM657" s="613"/>
      <c r="CMN657" s="613"/>
      <c r="CMO657" s="613"/>
      <c r="CMP657" s="613"/>
      <c r="CMQ657" s="613"/>
      <c r="CMR657" s="613"/>
      <c r="CMS657" s="613"/>
      <c r="CMT657" s="613"/>
      <c r="CMU657" s="613"/>
      <c r="CMV657" s="613"/>
      <c r="CMW657" s="613"/>
      <c r="CMX657" s="613"/>
      <c r="CMY657" s="613"/>
      <c r="CMZ657" s="613"/>
      <c r="CNA657" s="613"/>
      <c r="CNB657" s="613"/>
      <c r="CNC657" s="613"/>
      <c r="CND657" s="613"/>
      <c r="CNE657" s="613"/>
      <c r="CNF657" s="613"/>
      <c r="CNG657" s="613"/>
      <c r="CNH657" s="613"/>
      <c r="CNI657" s="613"/>
      <c r="CNJ657" s="613"/>
      <c r="CNK657" s="613"/>
      <c r="CNL657" s="613"/>
      <c r="CNM657" s="613"/>
      <c r="CNN657" s="613"/>
      <c r="CNO657" s="613"/>
      <c r="CNP657" s="613"/>
      <c r="CNQ657" s="613"/>
      <c r="CNR657" s="613"/>
      <c r="CNS657" s="613"/>
      <c r="CNT657" s="613"/>
      <c r="CNU657" s="613"/>
      <c r="CNV657" s="613"/>
      <c r="CNW657" s="613"/>
      <c r="CNX657" s="613"/>
      <c r="CNY657" s="613"/>
      <c r="CNZ657" s="613"/>
      <c r="COA657" s="613"/>
      <c r="COB657" s="613"/>
      <c r="COC657" s="613"/>
      <c r="COD657" s="613"/>
      <c r="COE657" s="613"/>
      <c r="COF657" s="613"/>
      <c r="COG657" s="613"/>
      <c r="COH657" s="613"/>
      <c r="COI657" s="613"/>
      <c r="COJ657" s="613"/>
      <c r="COK657" s="613"/>
      <c r="COL657" s="613"/>
      <c r="COM657" s="613"/>
      <c r="CON657" s="613"/>
      <c r="COO657" s="613"/>
      <c r="COP657" s="613"/>
      <c r="COQ657" s="613"/>
      <c r="COR657" s="613"/>
      <c r="COS657" s="613"/>
      <c r="COT657" s="613"/>
      <c r="COU657" s="613"/>
      <c r="COV657" s="613"/>
      <c r="COW657" s="613"/>
      <c r="COX657" s="613"/>
      <c r="COY657" s="613"/>
      <c r="COZ657" s="613"/>
      <c r="CPA657" s="613"/>
      <c r="CPB657" s="613"/>
      <c r="CPC657" s="613"/>
      <c r="CPD657" s="613"/>
      <c r="CPE657" s="613"/>
      <c r="CPF657" s="613"/>
      <c r="CPG657" s="613"/>
      <c r="CPH657" s="613"/>
      <c r="CPI657" s="613"/>
      <c r="CPJ657" s="613"/>
      <c r="CPK657" s="613"/>
      <c r="CPL657" s="613"/>
      <c r="CPM657" s="613"/>
      <c r="CPN657" s="613"/>
      <c r="CPO657" s="613"/>
      <c r="CPP657" s="613"/>
      <c r="CPQ657" s="613"/>
      <c r="CPR657" s="613"/>
      <c r="CPS657" s="613"/>
      <c r="CPT657" s="613"/>
      <c r="CPU657" s="613"/>
      <c r="CPV657" s="613"/>
      <c r="CPW657" s="613"/>
      <c r="CPX657" s="613"/>
      <c r="CPY657" s="613"/>
      <c r="CPZ657" s="613"/>
      <c r="CQA657" s="613"/>
      <c r="CQB657" s="613"/>
      <c r="CQC657" s="613"/>
      <c r="CQD657" s="613"/>
      <c r="CQE657" s="613"/>
      <c r="CQF657" s="613"/>
      <c r="CQG657" s="613"/>
      <c r="CQH657" s="613"/>
      <c r="CQI657" s="613"/>
      <c r="CQJ657" s="613"/>
      <c r="CQK657" s="613"/>
      <c r="CQL657" s="613"/>
      <c r="CQM657" s="613"/>
      <c r="CQN657" s="613"/>
      <c r="CQO657" s="613"/>
      <c r="CQP657" s="613"/>
      <c r="CQQ657" s="613"/>
      <c r="CQR657" s="613"/>
      <c r="CQS657" s="613"/>
      <c r="CQT657" s="613"/>
      <c r="CQU657" s="613"/>
      <c r="CQV657" s="613"/>
      <c r="CQW657" s="613"/>
      <c r="CQX657" s="613"/>
      <c r="CQY657" s="613"/>
      <c r="CQZ657" s="613"/>
      <c r="CRA657" s="613"/>
      <c r="CRB657" s="613"/>
      <c r="CRC657" s="613"/>
      <c r="CRD657" s="613"/>
      <c r="CRE657" s="613"/>
      <c r="CRF657" s="613"/>
      <c r="CRG657" s="613"/>
      <c r="CRH657" s="613"/>
      <c r="CRI657" s="613"/>
      <c r="CRJ657" s="613"/>
      <c r="CRK657" s="613"/>
      <c r="CRL657" s="613"/>
      <c r="CRM657" s="613"/>
      <c r="CRN657" s="613"/>
      <c r="CRO657" s="613"/>
      <c r="CRP657" s="613"/>
      <c r="CRQ657" s="613"/>
      <c r="CRR657" s="613"/>
      <c r="CRS657" s="613"/>
      <c r="CRT657" s="613"/>
      <c r="CRU657" s="613"/>
      <c r="CRV657" s="613"/>
      <c r="CRW657" s="613"/>
      <c r="CRX657" s="613"/>
      <c r="CRY657" s="613"/>
      <c r="CRZ657" s="613"/>
      <c r="CSA657" s="613"/>
      <c r="CSB657" s="613"/>
      <c r="CSC657" s="613"/>
      <c r="CSD657" s="613"/>
      <c r="CSE657" s="613"/>
      <c r="CSF657" s="613"/>
      <c r="CSG657" s="613"/>
      <c r="CSH657" s="613"/>
      <c r="CSI657" s="613"/>
      <c r="CSJ657" s="613"/>
      <c r="CSK657" s="613"/>
      <c r="CSL657" s="613"/>
      <c r="CSM657" s="613"/>
      <c r="CSN657" s="613"/>
      <c r="CSO657" s="613"/>
      <c r="CSP657" s="613"/>
      <c r="CSQ657" s="613"/>
      <c r="CSR657" s="613"/>
      <c r="CSS657" s="613"/>
      <c r="CST657" s="613"/>
      <c r="CSU657" s="613"/>
      <c r="CSV657" s="613"/>
      <c r="CSW657" s="613"/>
      <c r="CSX657" s="613"/>
      <c r="CSY657" s="613"/>
      <c r="CSZ657" s="613"/>
      <c r="CTA657" s="613"/>
      <c r="CTB657" s="613"/>
      <c r="CTC657" s="613"/>
      <c r="CTD657" s="613"/>
      <c r="CTE657" s="613"/>
      <c r="CTF657" s="613"/>
      <c r="CTG657" s="613"/>
      <c r="CTH657" s="613"/>
      <c r="CTI657" s="613"/>
      <c r="CTJ657" s="613"/>
      <c r="CTK657" s="613"/>
      <c r="CTL657" s="613"/>
      <c r="CTM657" s="613"/>
      <c r="CTN657" s="613"/>
      <c r="CTO657" s="613"/>
      <c r="CTP657" s="613"/>
      <c r="CTQ657" s="613"/>
      <c r="CTR657" s="613"/>
      <c r="CTS657" s="613"/>
      <c r="CTT657" s="613"/>
      <c r="CTU657" s="613"/>
      <c r="CTV657" s="613"/>
      <c r="CTW657" s="613"/>
      <c r="CTX657" s="613"/>
      <c r="CTY657" s="613"/>
      <c r="CTZ657" s="613"/>
      <c r="CUA657" s="613"/>
      <c r="CUB657" s="613"/>
      <c r="CUC657" s="613"/>
      <c r="CUD657" s="613"/>
      <c r="CUE657" s="613"/>
      <c r="CUF657" s="613"/>
      <c r="CUG657" s="613"/>
      <c r="CUH657" s="613"/>
      <c r="CUI657" s="613"/>
      <c r="CUJ657" s="613"/>
      <c r="CUK657" s="613"/>
      <c r="CUL657" s="613"/>
      <c r="CUM657" s="613"/>
      <c r="CUN657" s="613"/>
      <c r="CUO657" s="613"/>
      <c r="CUP657" s="613"/>
      <c r="CUQ657" s="613"/>
      <c r="CUR657" s="613"/>
      <c r="CUS657" s="613"/>
      <c r="CUT657" s="613"/>
      <c r="CUU657" s="613"/>
      <c r="CUV657" s="613"/>
      <c r="CUW657" s="613"/>
      <c r="CUX657" s="613"/>
      <c r="CUY657" s="613"/>
      <c r="CUZ657" s="613"/>
      <c r="CVA657" s="613"/>
      <c r="CVB657" s="613"/>
      <c r="CVC657" s="613"/>
      <c r="CVD657" s="613"/>
      <c r="CVE657" s="613"/>
      <c r="CVF657" s="613"/>
      <c r="CVG657" s="613"/>
      <c r="CVH657" s="613"/>
      <c r="CVI657" s="613"/>
      <c r="CVJ657" s="613"/>
      <c r="CVK657" s="613"/>
      <c r="CVL657" s="613"/>
      <c r="CVM657" s="613"/>
      <c r="CVN657" s="613"/>
      <c r="CVO657" s="613"/>
      <c r="CVP657" s="613"/>
      <c r="CVQ657" s="613"/>
      <c r="CVR657" s="613"/>
      <c r="CVS657" s="613"/>
      <c r="CVT657" s="613"/>
      <c r="CVU657" s="613"/>
      <c r="CVV657" s="613"/>
      <c r="CVW657" s="613"/>
      <c r="CVX657" s="613"/>
      <c r="CVY657" s="613"/>
      <c r="CVZ657" s="613"/>
      <c r="CWA657" s="613"/>
      <c r="CWB657" s="613"/>
      <c r="CWC657" s="613"/>
      <c r="CWD657" s="613"/>
      <c r="CWE657" s="613"/>
      <c r="CWF657" s="613"/>
      <c r="CWG657" s="613"/>
      <c r="CWH657" s="613"/>
      <c r="CWI657" s="613"/>
      <c r="CWJ657" s="613"/>
      <c r="CWK657" s="613"/>
      <c r="CWL657" s="613"/>
      <c r="CWM657" s="613"/>
      <c r="CWN657" s="613"/>
      <c r="CWO657" s="613"/>
      <c r="CWP657" s="613"/>
      <c r="CWQ657" s="613"/>
      <c r="CWR657" s="613"/>
      <c r="CWS657" s="613"/>
      <c r="CWT657" s="613"/>
      <c r="CWU657" s="613"/>
      <c r="CWV657" s="613"/>
      <c r="CWW657" s="613"/>
      <c r="CWX657" s="613"/>
      <c r="CWY657" s="613"/>
      <c r="CWZ657" s="613"/>
      <c r="CXA657" s="613"/>
      <c r="CXB657" s="613"/>
      <c r="CXC657" s="613"/>
      <c r="CXD657" s="613"/>
      <c r="CXE657" s="613"/>
      <c r="CXF657" s="613"/>
      <c r="CXG657" s="613"/>
      <c r="CXH657" s="613"/>
      <c r="CXI657" s="613"/>
      <c r="CXJ657" s="613"/>
      <c r="CXK657" s="613"/>
      <c r="CXL657" s="613"/>
      <c r="CXM657" s="613"/>
      <c r="CXN657" s="613"/>
      <c r="CXO657" s="613"/>
      <c r="CXP657" s="613"/>
      <c r="CXQ657" s="613"/>
      <c r="CXR657" s="613"/>
      <c r="CXS657" s="613"/>
      <c r="CXT657" s="613"/>
      <c r="CXU657" s="613"/>
      <c r="CXV657" s="613"/>
      <c r="CXW657" s="613"/>
      <c r="CXX657" s="613"/>
      <c r="CXY657" s="613"/>
      <c r="CXZ657" s="613"/>
      <c r="CYA657" s="613"/>
      <c r="CYB657" s="613"/>
      <c r="CYC657" s="613"/>
      <c r="CYD657" s="613"/>
      <c r="CYE657" s="613"/>
      <c r="CYF657" s="613"/>
      <c r="CYG657" s="613"/>
      <c r="CYH657" s="613"/>
      <c r="CYI657" s="613"/>
      <c r="CYJ657" s="613"/>
      <c r="CYK657" s="613"/>
      <c r="CYL657" s="613"/>
      <c r="CYM657" s="613"/>
      <c r="CYN657" s="613"/>
      <c r="CYO657" s="613"/>
      <c r="CYP657" s="613"/>
      <c r="CYQ657" s="613"/>
      <c r="CYR657" s="613"/>
      <c r="CYS657" s="613"/>
      <c r="CYT657" s="613"/>
      <c r="CYU657" s="613"/>
      <c r="CYV657" s="613"/>
      <c r="CYW657" s="613"/>
      <c r="CYX657" s="613"/>
      <c r="CYY657" s="613"/>
      <c r="CYZ657" s="613"/>
      <c r="CZA657" s="613"/>
      <c r="CZB657" s="613"/>
      <c r="CZC657" s="613"/>
      <c r="CZD657" s="613"/>
      <c r="CZE657" s="613"/>
      <c r="CZF657" s="613"/>
      <c r="CZG657" s="613"/>
      <c r="CZH657" s="613"/>
      <c r="CZI657" s="613"/>
      <c r="CZJ657" s="613"/>
      <c r="CZK657" s="613"/>
      <c r="CZL657" s="613"/>
      <c r="CZM657" s="613"/>
      <c r="CZN657" s="613"/>
      <c r="CZO657" s="613"/>
      <c r="CZP657" s="613"/>
      <c r="CZQ657" s="613"/>
      <c r="CZR657" s="613"/>
      <c r="CZS657" s="613"/>
      <c r="CZT657" s="613"/>
      <c r="CZU657" s="613"/>
      <c r="CZV657" s="613"/>
      <c r="CZW657" s="613"/>
      <c r="CZX657" s="613"/>
      <c r="CZY657" s="613"/>
      <c r="CZZ657" s="613"/>
      <c r="DAA657" s="613"/>
      <c r="DAB657" s="613"/>
      <c r="DAC657" s="613"/>
      <c r="DAD657" s="613"/>
      <c r="DAE657" s="613"/>
      <c r="DAF657" s="613"/>
      <c r="DAG657" s="613"/>
      <c r="DAH657" s="613"/>
      <c r="DAI657" s="613"/>
      <c r="DAJ657" s="613"/>
      <c r="DAK657" s="613"/>
      <c r="DAL657" s="613"/>
      <c r="DAM657" s="613"/>
      <c r="DAN657" s="613"/>
      <c r="DAO657" s="613"/>
      <c r="DAP657" s="613"/>
      <c r="DAQ657" s="613"/>
      <c r="DAR657" s="613"/>
      <c r="DAS657" s="613"/>
      <c r="DAT657" s="613"/>
      <c r="DAU657" s="613"/>
      <c r="DAV657" s="613"/>
      <c r="DAW657" s="613"/>
      <c r="DAX657" s="613"/>
      <c r="DAY657" s="613"/>
      <c r="DAZ657" s="613"/>
      <c r="DBA657" s="613"/>
      <c r="DBB657" s="613"/>
      <c r="DBC657" s="613"/>
      <c r="DBD657" s="613"/>
      <c r="DBE657" s="613"/>
      <c r="DBF657" s="613"/>
      <c r="DBG657" s="613"/>
      <c r="DBH657" s="613"/>
      <c r="DBI657" s="613"/>
      <c r="DBJ657" s="613"/>
      <c r="DBK657" s="613"/>
      <c r="DBL657" s="613"/>
      <c r="DBM657" s="613"/>
      <c r="DBN657" s="613"/>
      <c r="DBO657" s="613"/>
      <c r="DBP657" s="613"/>
      <c r="DBQ657" s="613"/>
      <c r="DBR657" s="613"/>
      <c r="DBS657" s="613"/>
      <c r="DBT657" s="613"/>
      <c r="DBU657" s="613"/>
      <c r="DBV657" s="613"/>
      <c r="DBW657" s="613"/>
      <c r="DBX657" s="613"/>
      <c r="DBY657" s="613"/>
      <c r="DBZ657" s="613"/>
      <c r="DCA657" s="613"/>
      <c r="DCB657" s="613"/>
      <c r="DCC657" s="613"/>
      <c r="DCD657" s="613"/>
      <c r="DCE657" s="613"/>
      <c r="DCF657" s="613"/>
      <c r="DCG657" s="613"/>
      <c r="DCH657" s="613"/>
      <c r="DCI657" s="613"/>
      <c r="DCJ657" s="613"/>
      <c r="DCK657" s="613"/>
      <c r="DCL657" s="613"/>
      <c r="DCM657" s="613"/>
      <c r="DCN657" s="613"/>
      <c r="DCO657" s="613"/>
      <c r="DCP657" s="613"/>
      <c r="DCQ657" s="613"/>
      <c r="DCR657" s="613"/>
      <c r="DCS657" s="613"/>
      <c r="DCT657" s="613"/>
      <c r="DCU657" s="613"/>
      <c r="DCV657" s="613"/>
      <c r="DCW657" s="613"/>
      <c r="DCX657" s="613"/>
      <c r="DCY657" s="613"/>
      <c r="DCZ657" s="613"/>
      <c r="DDA657" s="613"/>
      <c r="DDB657" s="613"/>
      <c r="DDC657" s="613"/>
      <c r="DDD657" s="613"/>
      <c r="DDE657" s="613"/>
      <c r="DDF657" s="613"/>
      <c r="DDG657" s="613"/>
      <c r="DDH657" s="613"/>
      <c r="DDI657" s="613"/>
      <c r="DDJ657" s="613"/>
      <c r="DDK657" s="613"/>
      <c r="DDL657" s="613"/>
      <c r="DDM657" s="613"/>
      <c r="DDN657" s="613"/>
      <c r="DDO657" s="613"/>
      <c r="DDP657" s="613"/>
      <c r="DDQ657" s="613"/>
      <c r="DDR657" s="613"/>
      <c r="DDS657" s="613"/>
      <c r="DDT657" s="613"/>
      <c r="DDU657" s="613"/>
      <c r="DDV657" s="613"/>
      <c r="DDW657" s="613"/>
      <c r="DDX657" s="613"/>
      <c r="DDY657" s="613"/>
      <c r="DDZ657" s="613"/>
      <c r="DEA657" s="613"/>
      <c r="DEB657" s="613"/>
      <c r="DEC657" s="613"/>
      <c r="DED657" s="613"/>
      <c r="DEE657" s="613"/>
      <c r="DEF657" s="613"/>
      <c r="DEG657" s="613"/>
      <c r="DEH657" s="613"/>
      <c r="DEI657" s="613"/>
      <c r="DEJ657" s="613"/>
      <c r="DEK657" s="613"/>
      <c r="DEL657" s="613"/>
      <c r="DEM657" s="613"/>
      <c r="DEN657" s="613"/>
      <c r="DEO657" s="613"/>
      <c r="DEP657" s="613"/>
      <c r="DEQ657" s="613"/>
      <c r="DER657" s="613"/>
      <c r="DES657" s="613"/>
      <c r="DET657" s="613"/>
      <c r="DEU657" s="613"/>
      <c r="DEV657" s="613"/>
      <c r="DEW657" s="613"/>
      <c r="DEX657" s="613"/>
      <c r="DEY657" s="613"/>
      <c r="DEZ657" s="613"/>
      <c r="DFA657" s="613"/>
      <c r="DFB657" s="613"/>
      <c r="DFC657" s="613"/>
      <c r="DFD657" s="613"/>
      <c r="DFE657" s="613"/>
      <c r="DFF657" s="613"/>
      <c r="DFG657" s="613"/>
      <c r="DFH657" s="613"/>
      <c r="DFI657" s="613"/>
      <c r="DFJ657" s="613"/>
      <c r="DFK657" s="613"/>
      <c r="DFL657" s="613"/>
      <c r="DFM657" s="613"/>
      <c r="DFN657" s="613"/>
      <c r="DFO657" s="613"/>
      <c r="DFP657" s="613"/>
      <c r="DFQ657" s="613"/>
      <c r="DFR657" s="613"/>
      <c r="DFS657" s="613"/>
      <c r="DFT657" s="613"/>
      <c r="DFU657" s="613"/>
      <c r="DFV657" s="613"/>
      <c r="DFW657" s="613"/>
      <c r="DFX657" s="613"/>
      <c r="DFY657" s="613"/>
      <c r="DFZ657" s="613"/>
      <c r="DGA657" s="613"/>
      <c r="DGB657" s="613"/>
      <c r="DGC657" s="613"/>
      <c r="DGD657" s="613"/>
      <c r="DGE657" s="613"/>
      <c r="DGF657" s="613"/>
      <c r="DGG657" s="613"/>
      <c r="DGH657" s="613"/>
      <c r="DGI657" s="613"/>
      <c r="DGJ657" s="613"/>
      <c r="DGK657" s="613"/>
      <c r="DGL657" s="613"/>
      <c r="DGM657" s="613"/>
      <c r="DGN657" s="613"/>
      <c r="DGO657" s="613"/>
      <c r="DGP657" s="613"/>
      <c r="DGQ657" s="613"/>
      <c r="DGR657" s="613"/>
      <c r="DGS657" s="613"/>
      <c r="DGT657" s="613"/>
      <c r="DGU657" s="613"/>
      <c r="DGV657" s="613"/>
      <c r="DGW657" s="613"/>
      <c r="DGX657" s="613"/>
      <c r="DGY657" s="613"/>
      <c r="DGZ657" s="613"/>
      <c r="DHA657" s="613"/>
      <c r="DHB657" s="613"/>
      <c r="DHC657" s="613"/>
      <c r="DHD657" s="613"/>
      <c r="DHE657" s="613"/>
      <c r="DHF657" s="613"/>
      <c r="DHG657" s="613"/>
      <c r="DHH657" s="613"/>
      <c r="DHI657" s="613"/>
      <c r="DHJ657" s="613"/>
      <c r="DHK657" s="613"/>
      <c r="DHL657" s="613"/>
      <c r="DHM657" s="613"/>
      <c r="DHN657" s="613"/>
      <c r="DHO657" s="613"/>
      <c r="DHP657" s="613"/>
      <c r="DHQ657" s="613"/>
      <c r="DHR657" s="613"/>
      <c r="DHS657" s="613"/>
      <c r="DHT657" s="613"/>
      <c r="DHU657" s="613"/>
      <c r="DHV657" s="613"/>
      <c r="DHW657" s="613"/>
      <c r="DHX657" s="613"/>
      <c r="DHY657" s="613"/>
      <c r="DHZ657" s="613"/>
      <c r="DIA657" s="613"/>
      <c r="DIB657" s="613"/>
      <c r="DIC657" s="613"/>
      <c r="DID657" s="613"/>
      <c r="DIE657" s="613"/>
      <c r="DIF657" s="613"/>
      <c r="DIG657" s="613"/>
      <c r="DIH657" s="613"/>
      <c r="DII657" s="613"/>
      <c r="DIJ657" s="613"/>
      <c r="DIK657" s="613"/>
      <c r="DIL657" s="613"/>
      <c r="DIM657" s="613"/>
      <c r="DIN657" s="613"/>
      <c r="DIO657" s="613"/>
      <c r="DIP657" s="613"/>
      <c r="DIQ657" s="613"/>
      <c r="DIR657" s="613"/>
      <c r="DIS657" s="613"/>
      <c r="DIT657" s="613"/>
      <c r="DIU657" s="613"/>
      <c r="DIV657" s="613"/>
      <c r="DIW657" s="613"/>
      <c r="DIX657" s="613"/>
      <c r="DIY657" s="613"/>
      <c r="DIZ657" s="613"/>
      <c r="DJA657" s="613"/>
      <c r="DJB657" s="613"/>
      <c r="DJC657" s="613"/>
      <c r="DJD657" s="613"/>
      <c r="DJE657" s="613"/>
      <c r="DJF657" s="613"/>
      <c r="DJG657" s="613"/>
      <c r="DJH657" s="613"/>
      <c r="DJI657" s="613"/>
      <c r="DJJ657" s="613"/>
      <c r="DJK657" s="613"/>
      <c r="DJL657" s="613"/>
      <c r="DJM657" s="613"/>
      <c r="DJN657" s="613"/>
      <c r="DJO657" s="613"/>
      <c r="DJP657" s="613"/>
      <c r="DJQ657" s="613"/>
      <c r="DJR657" s="613"/>
      <c r="DJS657" s="613"/>
      <c r="DJT657" s="613"/>
      <c r="DJU657" s="613"/>
      <c r="DJV657" s="613"/>
      <c r="DJW657" s="613"/>
      <c r="DJX657" s="613"/>
      <c r="DJY657" s="613"/>
      <c r="DJZ657" s="613"/>
      <c r="DKA657" s="613"/>
      <c r="DKB657" s="613"/>
      <c r="DKC657" s="613"/>
      <c r="DKD657" s="613"/>
      <c r="DKE657" s="613"/>
      <c r="DKF657" s="613"/>
      <c r="DKG657" s="613"/>
      <c r="DKH657" s="613"/>
      <c r="DKI657" s="613"/>
      <c r="DKJ657" s="613"/>
      <c r="DKK657" s="613"/>
      <c r="DKL657" s="613"/>
      <c r="DKM657" s="613"/>
      <c r="DKN657" s="613"/>
      <c r="DKO657" s="613"/>
      <c r="DKP657" s="613"/>
      <c r="DKQ657" s="613"/>
      <c r="DKR657" s="613"/>
      <c r="DKS657" s="613"/>
      <c r="DKT657" s="613"/>
      <c r="DKU657" s="613"/>
      <c r="DKV657" s="613"/>
      <c r="DKW657" s="613"/>
      <c r="DKX657" s="613"/>
      <c r="DKY657" s="613"/>
      <c r="DKZ657" s="613"/>
      <c r="DLA657" s="613"/>
      <c r="DLB657" s="613"/>
      <c r="DLC657" s="613"/>
      <c r="DLD657" s="613"/>
      <c r="DLE657" s="613"/>
      <c r="DLF657" s="613"/>
      <c r="DLG657" s="613"/>
      <c r="DLH657" s="613"/>
      <c r="DLI657" s="613"/>
      <c r="DLJ657" s="613"/>
      <c r="DLK657" s="613"/>
      <c r="DLL657" s="613"/>
      <c r="DLM657" s="613"/>
      <c r="DLN657" s="613"/>
      <c r="DLO657" s="613"/>
      <c r="DLP657" s="613"/>
      <c r="DLQ657" s="613"/>
      <c r="DLR657" s="613"/>
      <c r="DLS657" s="613"/>
      <c r="DLT657" s="613"/>
      <c r="DLU657" s="613"/>
      <c r="DLV657" s="613"/>
      <c r="DLW657" s="613"/>
      <c r="DLX657" s="613"/>
      <c r="DLY657" s="613"/>
      <c r="DLZ657" s="613"/>
      <c r="DMA657" s="613"/>
      <c r="DMB657" s="613"/>
      <c r="DMC657" s="613"/>
      <c r="DMD657" s="613"/>
      <c r="DME657" s="613"/>
      <c r="DMF657" s="613"/>
      <c r="DMG657" s="613"/>
      <c r="DMH657" s="613"/>
      <c r="DMI657" s="613"/>
      <c r="DMJ657" s="613"/>
      <c r="DMK657" s="613"/>
      <c r="DML657" s="613"/>
      <c r="DMM657" s="613"/>
      <c r="DMN657" s="613"/>
      <c r="DMO657" s="613"/>
      <c r="DMP657" s="613"/>
      <c r="DMQ657" s="613"/>
      <c r="DMR657" s="613"/>
      <c r="DMS657" s="613"/>
      <c r="DMT657" s="613"/>
      <c r="DMU657" s="613"/>
      <c r="DMV657" s="613"/>
      <c r="DMW657" s="613"/>
      <c r="DMX657" s="613"/>
      <c r="DMY657" s="613"/>
      <c r="DMZ657" s="613"/>
      <c r="DNA657" s="613"/>
      <c r="DNB657" s="613"/>
      <c r="DNC657" s="613"/>
      <c r="DND657" s="613"/>
      <c r="DNE657" s="613"/>
      <c r="DNF657" s="613"/>
      <c r="DNG657" s="613"/>
      <c r="DNH657" s="613"/>
      <c r="DNI657" s="613"/>
      <c r="DNJ657" s="613"/>
      <c r="DNK657" s="613"/>
      <c r="DNL657" s="613"/>
      <c r="DNM657" s="613"/>
      <c r="DNN657" s="613"/>
      <c r="DNO657" s="613"/>
      <c r="DNP657" s="613"/>
      <c r="DNQ657" s="613"/>
      <c r="DNR657" s="613"/>
      <c r="DNS657" s="613"/>
      <c r="DNT657" s="613"/>
      <c r="DNU657" s="613"/>
      <c r="DNV657" s="613"/>
      <c r="DNW657" s="613"/>
      <c r="DNX657" s="613"/>
      <c r="DNY657" s="613"/>
      <c r="DNZ657" s="613"/>
      <c r="DOA657" s="613"/>
      <c r="DOB657" s="613"/>
      <c r="DOC657" s="613"/>
      <c r="DOD657" s="613"/>
      <c r="DOE657" s="613"/>
      <c r="DOF657" s="613"/>
      <c r="DOG657" s="613"/>
      <c r="DOH657" s="613"/>
      <c r="DOI657" s="613"/>
      <c r="DOJ657" s="613"/>
      <c r="DOK657" s="613"/>
      <c r="DOL657" s="613"/>
      <c r="DOM657" s="613"/>
      <c r="DON657" s="613"/>
      <c r="DOO657" s="613"/>
      <c r="DOP657" s="613"/>
      <c r="DOQ657" s="613"/>
      <c r="DOR657" s="613"/>
      <c r="DOS657" s="613"/>
      <c r="DOT657" s="613"/>
      <c r="DOU657" s="613"/>
      <c r="DOV657" s="613"/>
      <c r="DOW657" s="613"/>
      <c r="DOX657" s="613"/>
      <c r="DOY657" s="613"/>
      <c r="DOZ657" s="613"/>
      <c r="DPA657" s="613"/>
      <c r="DPB657" s="613"/>
      <c r="DPC657" s="613"/>
      <c r="DPD657" s="613"/>
      <c r="DPE657" s="613"/>
      <c r="DPF657" s="613"/>
      <c r="DPG657" s="613"/>
      <c r="DPH657" s="613"/>
      <c r="DPI657" s="613"/>
      <c r="DPJ657" s="613"/>
      <c r="DPK657" s="613"/>
      <c r="DPL657" s="613"/>
      <c r="DPM657" s="613"/>
      <c r="DPN657" s="613"/>
      <c r="DPO657" s="613"/>
      <c r="DPP657" s="613"/>
      <c r="DPQ657" s="613"/>
      <c r="DPR657" s="613"/>
      <c r="DPS657" s="613"/>
      <c r="DPT657" s="613"/>
      <c r="DPU657" s="613"/>
      <c r="DPV657" s="613"/>
      <c r="DPW657" s="613"/>
      <c r="DPX657" s="613"/>
      <c r="DPY657" s="613"/>
      <c r="DPZ657" s="613"/>
      <c r="DQA657" s="613"/>
      <c r="DQB657" s="613"/>
      <c r="DQC657" s="613"/>
      <c r="DQD657" s="613"/>
      <c r="DQE657" s="613"/>
      <c r="DQF657" s="613"/>
      <c r="DQG657" s="613"/>
      <c r="DQH657" s="613"/>
      <c r="DQI657" s="613"/>
      <c r="DQJ657" s="613"/>
      <c r="DQK657" s="613"/>
      <c r="DQL657" s="613"/>
      <c r="DQM657" s="613"/>
      <c r="DQN657" s="613"/>
      <c r="DQO657" s="613"/>
      <c r="DQP657" s="613"/>
      <c r="DQQ657" s="613"/>
      <c r="DQR657" s="613"/>
      <c r="DQS657" s="613"/>
      <c r="DQT657" s="613"/>
      <c r="DQU657" s="613"/>
      <c r="DQV657" s="613"/>
      <c r="DQW657" s="613"/>
      <c r="DQX657" s="613"/>
      <c r="DQY657" s="613"/>
      <c r="DQZ657" s="613"/>
      <c r="DRA657" s="613"/>
      <c r="DRB657" s="613"/>
      <c r="DRC657" s="613"/>
      <c r="DRD657" s="613"/>
      <c r="DRE657" s="613"/>
      <c r="DRF657" s="613"/>
      <c r="DRG657" s="613"/>
      <c r="DRH657" s="613"/>
      <c r="DRI657" s="613"/>
      <c r="DRJ657" s="613"/>
      <c r="DRK657" s="613"/>
      <c r="DRL657" s="613"/>
      <c r="DRM657" s="613"/>
      <c r="DRN657" s="613"/>
      <c r="DRO657" s="613"/>
      <c r="DRP657" s="613"/>
      <c r="DRQ657" s="613"/>
      <c r="DRR657" s="613"/>
      <c r="DRS657" s="613"/>
      <c r="DRT657" s="613"/>
      <c r="DRU657" s="613"/>
      <c r="DRV657" s="613"/>
      <c r="DRW657" s="613"/>
      <c r="DRX657" s="613"/>
      <c r="DRY657" s="613"/>
      <c r="DRZ657" s="613"/>
      <c r="DSA657" s="613"/>
      <c r="DSB657" s="613"/>
      <c r="DSC657" s="613"/>
      <c r="DSD657" s="613"/>
      <c r="DSE657" s="613"/>
      <c r="DSF657" s="613"/>
      <c r="DSG657" s="613"/>
      <c r="DSH657" s="613"/>
      <c r="DSI657" s="613"/>
      <c r="DSJ657" s="613"/>
      <c r="DSK657" s="613"/>
      <c r="DSL657" s="613"/>
      <c r="DSM657" s="613"/>
      <c r="DSN657" s="613"/>
      <c r="DSO657" s="613"/>
      <c r="DSP657" s="613"/>
      <c r="DSQ657" s="613"/>
      <c r="DSR657" s="613"/>
      <c r="DSS657" s="613"/>
      <c r="DST657" s="613"/>
      <c r="DSU657" s="613"/>
      <c r="DSV657" s="613"/>
      <c r="DSW657" s="613"/>
      <c r="DSX657" s="613"/>
      <c r="DSY657" s="613"/>
      <c r="DSZ657" s="613"/>
      <c r="DTA657" s="613"/>
      <c r="DTB657" s="613"/>
      <c r="DTC657" s="613"/>
      <c r="DTD657" s="613"/>
      <c r="DTE657" s="613"/>
      <c r="DTF657" s="613"/>
      <c r="DTG657" s="613"/>
      <c r="DTH657" s="613"/>
      <c r="DTI657" s="613"/>
      <c r="DTJ657" s="613"/>
      <c r="DTK657" s="613"/>
      <c r="DTL657" s="613"/>
      <c r="DTM657" s="613"/>
      <c r="DTN657" s="613"/>
      <c r="DTO657" s="613"/>
      <c r="DTP657" s="613"/>
      <c r="DTQ657" s="613"/>
      <c r="DTR657" s="613"/>
      <c r="DTS657" s="613"/>
      <c r="DTT657" s="613"/>
      <c r="DTU657" s="613"/>
      <c r="DTV657" s="613"/>
      <c r="DTW657" s="613"/>
      <c r="DTX657" s="613"/>
      <c r="DTY657" s="613"/>
      <c r="DTZ657" s="613"/>
      <c r="DUA657" s="613"/>
      <c r="DUB657" s="613"/>
      <c r="DUC657" s="613"/>
      <c r="DUD657" s="613"/>
      <c r="DUE657" s="613"/>
      <c r="DUF657" s="613"/>
      <c r="DUG657" s="613"/>
      <c r="DUH657" s="613"/>
      <c r="DUI657" s="613"/>
      <c r="DUJ657" s="613"/>
      <c r="DUK657" s="613"/>
      <c r="DUL657" s="613"/>
      <c r="DUM657" s="613"/>
      <c r="DUN657" s="613"/>
      <c r="DUO657" s="613"/>
      <c r="DUP657" s="613"/>
      <c r="DUQ657" s="613"/>
      <c r="DUR657" s="613"/>
      <c r="DUS657" s="613"/>
      <c r="DUT657" s="613"/>
      <c r="DUU657" s="613"/>
      <c r="DUV657" s="613"/>
      <c r="DUW657" s="613"/>
      <c r="DUX657" s="613"/>
      <c r="DUY657" s="613"/>
      <c r="DUZ657" s="613"/>
      <c r="DVA657" s="613"/>
      <c r="DVB657" s="613"/>
      <c r="DVC657" s="613"/>
      <c r="DVD657" s="613"/>
      <c r="DVE657" s="613"/>
      <c r="DVF657" s="613"/>
      <c r="DVG657" s="613"/>
      <c r="DVH657" s="613"/>
      <c r="DVI657" s="613"/>
      <c r="DVJ657" s="613"/>
      <c r="DVK657" s="613"/>
      <c r="DVL657" s="613"/>
      <c r="DVM657" s="613"/>
      <c r="DVN657" s="613"/>
      <c r="DVO657" s="613"/>
      <c r="DVP657" s="613"/>
      <c r="DVQ657" s="613"/>
      <c r="DVR657" s="613"/>
      <c r="DVS657" s="613"/>
      <c r="DVT657" s="613"/>
      <c r="DVU657" s="613"/>
      <c r="DVV657" s="613"/>
      <c r="DVW657" s="613"/>
      <c r="DVX657" s="613"/>
      <c r="DVY657" s="613"/>
      <c r="DVZ657" s="613"/>
      <c r="DWA657" s="613"/>
      <c r="DWB657" s="613"/>
      <c r="DWC657" s="613"/>
      <c r="DWD657" s="613"/>
      <c r="DWE657" s="613"/>
      <c r="DWF657" s="613"/>
      <c r="DWG657" s="613"/>
      <c r="DWH657" s="613"/>
      <c r="DWI657" s="613"/>
      <c r="DWJ657" s="613"/>
      <c r="DWK657" s="613"/>
      <c r="DWL657" s="613"/>
      <c r="DWM657" s="613"/>
      <c r="DWN657" s="613"/>
      <c r="DWO657" s="613"/>
      <c r="DWP657" s="613"/>
      <c r="DWQ657" s="613"/>
      <c r="DWR657" s="613"/>
      <c r="DWS657" s="613"/>
      <c r="DWT657" s="613"/>
      <c r="DWU657" s="613"/>
      <c r="DWV657" s="613"/>
      <c r="DWW657" s="613"/>
      <c r="DWX657" s="613"/>
      <c r="DWY657" s="613"/>
      <c r="DWZ657" s="613"/>
      <c r="DXA657" s="613"/>
      <c r="DXB657" s="613"/>
      <c r="DXC657" s="613"/>
      <c r="DXD657" s="613"/>
      <c r="DXE657" s="613"/>
      <c r="DXF657" s="613"/>
      <c r="DXG657" s="613"/>
      <c r="DXH657" s="613"/>
      <c r="DXI657" s="613"/>
      <c r="DXJ657" s="613"/>
      <c r="DXK657" s="613"/>
      <c r="DXL657" s="613"/>
      <c r="DXM657" s="613"/>
      <c r="DXN657" s="613"/>
      <c r="DXO657" s="613"/>
      <c r="DXP657" s="613"/>
      <c r="DXQ657" s="613"/>
      <c r="DXR657" s="613"/>
      <c r="DXS657" s="613"/>
      <c r="DXT657" s="613"/>
      <c r="DXU657" s="613"/>
      <c r="DXV657" s="613"/>
      <c r="DXW657" s="613"/>
      <c r="DXX657" s="613"/>
      <c r="DXY657" s="613"/>
      <c r="DXZ657" s="613"/>
      <c r="DYA657" s="613"/>
      <c r="DYB657" s="613"/>
      <c r="DYC657" s="613"/>
      <c r="DYD657" s="613"/>
      <c r="DYE657" s="613"/>
      <c r="DYF657" s="613"/>
      <c r="DYG657" s="613"/>
      <c r="DYH657" s="613"/>
      <c r="DYI657" s="613"/>
      <c r="DYJ657" s="613"/>
      <c r="DYK657" s="613"/>
      <c r="DYL657" s="613"/>
      <c r="DYM657" s="613"/>
      <c r="DYN657" s="613"/>
      <c r="DYO657" s="613"/>
      <c r="DYP657" s="613"/>
      <c r="DYQ657" s="613"/>
      <c r="DYR657" s="613"/>
      <c r="DYS657" s="613"/>
      <c r="DYT657" s="613"/>
      <c r="DYU657" s="613"/>
      <c r="DYV657" s="613"/>
      <c r="DYW657" s="613"/>
      <c r="DYX657" s="613"/>
      <c r="DYY657" s="613"/>
      <c r="DYZ657" s="613"/>
      <c r="DZA657" s="613"/>
      <c r="DZB657" s="613"/>
      <c r="DZC657" s="613"/>
      <c r="DZD657" s="613"/>
      <c r="DZE657" s="613"/>
      <c r="DZF657" s="613"/>
      <c r="DZG657" s="613"/>
      <c r="DZH657" s="613"/>
      <c r="DZI657" s="613"/>
      <c r="DZJ657" s="613"/>
      <c r="DZK657" s="613"/>
      <c r="DZL657" s="613"/>
      <c r="DZM657" s="613"/>
      <c r="DZN657" s="613"/>
      <c r="DZO657" s="613"/>
      <c r="DZP657" s="613"/>
      <c r="DZQ657" s="613"/>
      <c r="DZR657" s="613"/>
      <c r="DZS657" s="613"/>
      <c r="DZT657" s="613"/>
      <c r="DZU657" s="613"/>
      <c r="DZV657" s="613"/>
      <c r="DZW657" s="613"/>
      <c r="DZX657" s="613"/>
      <c r="DZY657" s="613"/>
      <c r="DZZ657" s="613"/>
      <c r="EAA657" s="613"/>
      <c r="EAB657" s="613"/>
      <c r="EAC657" s="613"/>
      <c r="EAD657" s="613"/>
      <c r="EAE657" s="613"/>
      <c r="EAF657" s="613"/>
      <c r="EAG657" s="613"/>
      <c r="EAH657" s="613"/>
      <c r="EAI657" s="613"/>
      <c r="EAJ657" s="613"/>
      <c r="EAK657" s="613"/>
      <c r="EAL657" s="613"/>
      <c r="EAM657" s="613"/>
      <c r="EAN657" s="613"/>
      <c r="EAO657" s="613"/>
      <c r="EAP657" s="613"/>
      <c r="EAQ657" s="613"/>
      <c r="EAR657" s="613"/>
      <c r="EAS657" s="613"/>
      <c r="EAT657" s="613"/>
      <c r="EAU657" s="613"/>
      <c r="EAV657" s="613"/>
      <c r="EAW657" s="613"/>
      <c r="EAX657" s="613"/>
      <c r="EAY657" s="613"/>
      <c r="EAZ657" s="613"/>
      <c r="EBA657" s="613"/>
      <c r="EBB657" s="613"/>
      <c r="EBC657" s="613"/>
      <c r="EBD657" s="613"/>
      <c r="EBE657" s="613"/>
      <c r="EBF657" s="613"/>
      <c r="EBG657" s="613"/>
      <c r="EBH657" s="613"/>
      <c r="EBI657" s="613"/>
      <c r="EBJ657" s="613"/>
      <c r="EBK657" s="613"/>
      <c r="EBL657" s="613"/>
      <c r="EBM657" s="613"/>
      <c r="EBN657" s="613"/>
      <c r="EBO657" s="613"/>
      <c r="EBP657" s="613"/>
      <c r="EBQ657" s="613"/>
      <c r="EBR657" s="613"/>
      <c r="EBS657" s="613"/>
      <c r="EBT657" s="613"/>
      <c r="EBU657" s="613"/>
      <c r="EBV657" s="613"/>
      <c r="EBW657" s="613"/>
      <c r="EBX657" s="613"/>
      <c r="EBY657" s="613"/>
      <c r="EBZ657" s="613"/>
      <c r="ECA657" s="613"/>
      <c r="ECB657" s="613"/>
      <c r="ECC657" s="613"/>
      <c r="ECD657" s="613"/>
      <c r="ECE657" s="613"/>
      <c r="ECF657" s="613"/>
      <c r="ECG657" s="613"/>
      <c r="ECH657" s="613"/>
      <c r="ECI657" s="613"/>
      <c r="ECJ657" s="613"/>
      <c r="ECK657" s="613"/>
      <c r="ECL657" s="613"/>
      <c r="ECM657" s="613"/>
      <c r="ECN657" s="613"/>
      <c r="ECO657" s="613"/>
      <c r="ECP657" s="613"/>
      <c r="ECQ657" s="613"/>
      <c r="ECR657" s="613"/>
      <c r="ECS657" s="613"/>
      <c r="ECT657" s="613"/>
      <c r="ECU657" s="613"/>
      <c r="ECV657" s="613"/>
      <c r="ECW657" s="613"/>
      <c r="ECX657" s="613"/>
      <c r="ECY657" s="613"/>
      <c r="ECZ657" s="613"/>
      <c r="EDA657" s="613"/>
      <c r="EDB657" s="613"/>
      <c r="EDC657" s="613"/>
      <c r="EDD657" s="613"/>
      <c r="EDE657" s="613"/>
      <c r="EDF657" s="613"/>
      <c r="EDG657" s="613"/>
      <c r="EDH657" s="613"/>
      <c r="EDI657" s="613"/>
      <c r="EDJ657" s="613"/>
      <c r="EDK657" s="613"/>
      <c r="EDL657" s="613"/>
      <c r="EDM657" s="613"/>
      <c r="EDN657" s="613"/>
      <c r="EDO657" s="613"/>
      <c r="EDP657" s="613"/>
      <c r="EDQ657" s="613"/>
      <c r="EDR657" s="613"/>
      <c r="EDS657" s="613"/>
      <c r="EDT657" s="613"/>
      <c r="EDU657" s="613"/>
      <c r="EDV657" s="613"/>
      <c r="EDW657" s="613"/>
      <c r="EDX657" s="613"/>
      <c r="EDY657" s="613"/>
      <c r="EDZ657" s="613"/>
      <c r="EEA657" s="613"/>
      <c r="EEB657" s="613"/>
      <c r="EEC657" s="613"/>
      <c r="EED657" s="613"/>
      <c r="EEE657" s="613"/>
      <c r="EEF657" s="613"/>
      <c r="EEG657" s="613"/>
      <c r="EEH657" s="613"/>
      <c r="EEI657" s="613"/>
      <c r="EEJ657" s="613"/>
      <c r="EEK657" s="613"/>
      <c r="EEL657" s="613"/>
      <c r="EEM657" s="613"/>
      <c r="EEN657" s="613"/>
      <c r="EEO657" s="613"/>
      <c r="EEP657" s="613"/>
      <c r="EEQ657" s="613"/>
      <c r="EER657" s="613"/>
      <c r="EES657" s="613"/>
      <c r="EET657" s="613"/>
      <c r="EEU657" s="613"/>
      <c r="EEV657" s="613"/>
      <c r="EEW657" s="613"/>
      <c r="EEX657" s="613"/>
      <c r="EEY657" s="613"/>
      <c r="EEZ657" s="613"/>
      <c r="EFA657" s="613"/>
      <c r="EFB657" s="613"/>
      <c r="EFC657" s="613"/>
      <c r="EFD657" s="613"/>
      <c r="EFE657" s="613"/>
      <c r="EFF657" s="613"/>
      <c r="EFG657" s="613"/>
      <c r="EFH657" s="613"/>
      <c r="EFI657" s="613"/>
      <c r="EFJ657" s="613"/>
      <c r="EFK657" s="613"/>
      <c r="EFL657" s="613"/>
      <c r="EFM657" s="613"/>
      <c r="EFN657" s="613"/>
      <c r="EFO657" s="613"/>
      <c r="EFP657" s="613"/>
      <c r="EFQ657" s="613"/>
      <c r="EFR657" s="613"/>
      <c r="EFS657" s="613"/>
      <c r="EFT657" s="613"/>
      <c r="EFU657" s="613"/>
      <c r="EFV657" s="613"/>
      <c r="EFW657" s="613"/>
      <c r="EFX657" s="613"/>
      <c r="EFY657" s="613"/>
      <c r="EFZ657" s="613"/>
      <c r="EGA657" s="613"/>
      <c r="EGB657" s="613"/>
      <c r="EGC657" s="613"/>
      <c r="EGD657" s="613"/>
      <c r="EGE657" s="613"/>
      <c r="EGF657" s="613"/>
      <c r="EGG657" s="613"/>
      <c r="EGH657" s="613"/>
      <c r="EGI657" s="613"/>
      <c r="EGJ657" s="613"/>
      <c r="EGK657" s="613"/>
      <c r="EGL657" s="613"/>
      <c r="EGM657" s="613"/>
      <c r="EGN657" s="613"/>
      <c r="EGO657" s="613"/>
      <c r="EGP657" s="613"/>
      <c r="EGQ657" s="613"/>
      <c r="EGR657" s="613"/>
      <c r="EGS657" s="613"/>
      <c r="EGT657" s="613"/>
      <c r="EGU657" s="613"/>
      <c r="EGV657" s="613"/>
      <c r="EGW657" s="613"/>
      <c r="EGX657" s="613"/>
      <c r="EGY657" s="613"/>
      <c r="EGZ657" s="613"/>
      <c r="EHA657" s="613"/>
      <c r="EHB657" s="613"/>
      <c r="EHC657" s="613"/>
      <c r="EHD657" s="613"/>
      <c r="EHE657" s="613"/>
      <c r="EHF657" s="613"/>
      <c r="EHG657" s="613"/>
      <c r="EHH657" s="613"/>
      <c r="EHI657" s="613"/>
      <c r="EHJ657" s="613"/>
      <c r="EHK657" s="613"/>
      <c r="EHL657" s="613"/>
      <c r="EHM657" s="613"/>
      <c r="EHN657" s="613"/>
      <c r="EHO657" s="613"/>
      <c r="EHP657" s="613"/>
      <c r="EHQ657" s="613"/>
      <c r="EHR657" s="613"/>
      <c r="EHS657" s="613"/>
      <c r="EHT657" s="613"/>
      <c r="EHU657" s="613"/>
      <c r="EHV657" s="613"/>
      <c r="EHW657" s="613"/>
      <c r="EHX657" s="613"/>
      <c r="EHY657" s="613"/>
      <c r="EHZ657" s="613"/>
      <c r="EIA657" s="613"/>
      <c r="EIB657" s="613"/>
      <c r="EIC657" s="613"/>
      <c r="EID657" s="613"/>
      <c r="EIE657" s="613"/>
      <c r="EIF657" s="613"/>
      <c r="EIG657" s="613"/>
      <c r="EIH657" s="613"/>
      <c r="EII657" s="613"/>
      <c r="EIJ657" s="613"/>
      <c r="EIK657" s="613"/>
      <c r="EIL657" s="613"/>
      <c r="EIM657" s="613"/>
      <c r="EIN657" s="613"/>
      <c r="EIO657" s="613"/>
      <c r="EIP657" s="613"/>
      <c r="EIQ657" s="613"/>
      <c r="EIR657" s="613"/>
      <c r="EIS657" s="613"/>
      <c r="EIT657" s="613"/>
      <c r="EIU657" s="613"/>
      <c r="EIV657" s="613"/>
      <c r="EIW657" s="613"/>
      <c r="EIX657" s="613"/>
      <c r="EIY657" s="613"/>
      <c r="EIZ657" s="613"/>
      <c r="EJA657" s="613"/>
      <c r="EJB657" s="613"/>
      <c r="EJC657" s="613"/>
      <c r="EJD657" s="613"/>
      <c r="EJE657" s="613"/>
      <c r="EJF657" s="613"/>
      <c r="EJG657" s="613"/>
      <c r="EJH657" s="613"/>
      <c r="EJI657" s="613"/>
      <c r="EJJ657" s="613"/>
      <c r="EJK657" s="613"/>
      <c r="EJL657" s="613"/>
      <c r="EJM657" s="613"/>
      <c r="EJN657" s="613"/>
      <c r="EJO657" s="613"/>
      <c r="EJP657" s="613"/>
      <c r="EJQ657" s="613"/>
      <c r="EJR657" s="613"/>
      <c r="EJS657" s="613"/>
      <c r="EJT657" s="613"/>
      <c r="EJU657" s="613"/>
      <c r="EJV657" s="613"/>
      <c r="EJW657" s="613"/>
      <c r="EJX657" s="613"/>
      <c r="EJY657" s="613"/>
      <c r="EJZ657" s="613"/>
      <c r="EKA657" s="613"/>
      <c r="EKB657" s="613"/>
      <c r="EKC657" s="613"/>
      <c r="EKD657" s="613"/>
      <c r="EKE657" s="613"/>
      <c r="EKF657" s="613"/>
      <c r="EKG657" s="613"/>
      <c r="EKH657" s="613"/>
      <c r="EKI657" s="613"/>
      <c r="EKJ657" s="613"/>
      <c r="EKK657" s="613"/>
      <c r="EKL657" s="613"/>
      <c r="EKM657" s="613"/>
      <c r="EKN657" s="613"/>
      <c r="EKO657" s="613"/>
      <c r="EKP657" s="613"/>
      <c r="EKQ657" s="613"/>
      <c r="EKR657" s="613"/>
      <c r="EKS657" s="613"/>
      <c r="EKT657" s="613"/>
      <c r="EKU657" s="613"/>
      <c r="EKV657" s="613"/>
      <c r="EKW657" s="613"/>
      <c r="EKX657" s="613"/>
      <c r="EKY657" s="613"/>
      <c r="EKZ657" s="613"/>
      <c r="ELA657" s="613"/>
      <c r="ELB657" s="613"/>
      <c r="ELC657" s="613"/>
      <c r="ELD657" s="613"/>
      <c r="ELE657" s="613"/>
      <c r="ELF657" s="613"/>
      <c r="ELG657" s="613"/>
      <c r="ELH657" s="613"/>
      <c r="ELI657" s="613"/>
      <c r="ELJ657" s="613"/>
      <c r="ELK657" s="613"/>
      <c r="ELL657" s="613"/>
      <c r="ELM657" s="613"/>
      <c r="ELN657" s="613"/>
      <c r="ELO657" s="613"/>
      <c r="ELP657" s="613"/>
      <c r="ELQ657" s="613"/>
      <c r="ELR657" s="613"/>
      <c r="ELS657" s="613"/>
      <c r="ELT657" s="613"/>
      <c r="ELU657" s="613"/>
      <c r="ELV657" s="613"/>
      <c r="ELW657" s="613"/>
      <c r="ELX657" s="613"/>
      <c r="ELY657" s="613"/>
      <c r="ELZ657" s="613"/>
      <c r="EMA657" s="613"/>
      <c r="EMB657" s="613"/>
      <c r="EMC657" s="613"/>
      <c r="EMD657" s="613"/>
      <c r="EME657" s="613"/>
      <c r="EMF657" s="613"/>
      <c r="EMG657" s="613"/>
      <c r="EMH657" s="613"/>
      <c r="EMI657" s="613"/>
      <c r="EMJ657" s="613"/>
      <c r="EMK657" s="613"/>
      <c r="EML657" s="613"/>
      <c r="EMM657" s="613"/>
      <c r="EMN657" s="613"/>
      <c r="EMO657" s="613"/>
      <c r="EMP657" s="613"/>
      <c r="EMQ657" s="613"/>
      <c r="EMR657" s="613"/>
      <c r="EMS657" s="613"/>
      <c r="EMT657" s="613"/>
      <c r="EMU657" s="613"/>
      <c r="EMV657" s="613"/>
      <c r="EMW657" s="613"/>
      <c r="EMX657" s="613"/>
      <c r="EMY657" s="613"/>
      <c r="EMZ657" s="613"/>
      <c r="ENA657" s="613"/>
      <c r="ENB657" s="613"/>
      <c r="ENC657" s="613"/>
      <c r="END657" s="613"/>
      <c r="ENE657" s="613"/>
      <c r="ENF657" s="613"/>
      <c r="ENG657" s="613"/>
      <c r="ENH657" s="613"/>
      <c r="ENI657" s="613"/>
      <c r="ENJ657" s="613"/>
      <c r="ENK657" s="613"/>
      <c r="ENL657" s="613"/>
      <c r="ENM657" s="613"/>
      <c r="ENN657" s="613"/>
      <c r="ENO657" s="613"/>
      <c r="ENP657" s="613"/>
      <c r="ENQ657" s="613"/>
      <c r="ENR657" s="613"/>
      <c r="ENS657" s="613"/>
      <c r="ENT657" s="613"/>
      <c r="ENU657" s="613"/>
      <c r="ENV657" s="613"/>
      <c r="ENW657" s="613"/>
      <c r="ENX657" s="613"/>
      <c r="ENY657" s="613"/>
      <c r="ENZ657" s="613"/>
      <c r="EOA657" s="613"/>
      <c r="EOB657" s="613"/>
      <c r="EOC657" s="613"/>
      <c r="EOD657" s="613"/>
      <c r="EOE657" s="613"/>
      <c r="EOF657" s="613"/>
      <c r="EOG657" s="613"/>
      <c r="EOH657" s="613"/>
      <c r="EOI657" s="613"/>
      <c r="EOJ657" s="613"/>
      <c r="EOK657" s="613"/>
      <c r="EOL657" s="613"/>
      <c r="EOM657" s="613"/>
      <c r="EON657" s="613"/>
      <c r="EOO657" s="613"/>
      <c r="EOP657" s="613"/>
      <c r="EOQ657" s="613"/>
      <c r="EOR657" s="613"/>
      <c r="EOS657" s="613"/>
      <c r="EOT657" s="613"/>
      <c r="EOU657" s="613"/>
      <c r="EOV657" s="613"/>
      <c r="EOW657" s="613"/>
      <c r="EOX657" s="613"/>
      <c r="EOY657" s="613"/>
      <c r="EOZ657" s="613"/>
      <c r="EPA657" s="613"/>
      <c r="EPB657" s="613"/>
      <c r="EPC657" s="613"/>
      <c r="EPD657" s="613"/>
      <c r="EPE657" s="613"/>
      <c r="EPF657" s="613"/>
      <c r="EPG657" s="613"/>
      <c r="EPH657" s="613"/>
      <c r="EPI657" s="613"/>
      <c r="EPJ657" s="613"/>
      <c r="EPK657" s="613"/>
      <c r="EPL657" s="613"/>
      <c r="EPM657" s="613"/>
      <c r="EPN657" s="613"/>
      <c r="EPO657" s="613"/>
      <c r="EPP657" s="613"/>
      <c r="EPQ657" s="613"/>
      <c r="EPR657" s="613"/>
      <c r="EPS657" s="613"/>
      <c r="EPT657" s="613"/>
      <c r="EPU657" s="613"/>
      <c r="EPV657" s="613"/>
      <c r="EPW657" s="613"/>
      <c r="EPX657" s="613"/>
      <c r="EPY657" s="613"/>
      <c r="EPZ657" s="613"/>
      <c r="EQA657" s="613"/>
      <c r="EQB657" s="613"/>
      <c r="EQC657" s="613"/>
      <c r="EQD657" s="613"/>
      <c r="EQE657" s="613"/>
      <c r="EQF657" s="613"/>
      <c r="EQG657" s="613"/>
      <c r="EQH657" s="613"/>
      <c r="EQI657" s="613"/>
      <c r="EQJ657" s="613"/>
      <c r="EQK657" s="613"/>
      <c r="EQL657" s="613"/>
      <c r="EQM657" s="613"/>
      <c r="EQN657" s="613"/>
      <c r="EQO657" s="613"/>
      <c r="EQP657" s="613"/>
      <c r="EQQ657" s="613"/>
      <c r="EQR657" s="613"/>
      <c r="EQS657" s="613"/>
      <c r="EQT657" s="613"/>
      <c r="EQU657" s="613"/>
      <c r="EQV657" s="613"/>
      <c r="EQW657" s="613"/>
      <c r="EQX657" s="613"/>
      <c r="EQY657" s="613"/>
      <c r="EQZ657" s="613"/>
      <c r="ERA657" s="613"/>
      <c r="ERB657" s="613"/>
      <c r="ERC657" s="613"/>
      <c r="ERD657" s="613"/>
      <c r="ERE657" s="613"/>
      <c r="ERF657" s="613"/>
      <c r="ERG657" s="613"/>
      <c r="ERH657" s="613"/>
      <c r="ERI657" s="613"/>
      <c r="ERJ657" s="613"/>
      <c r="ERK657" s="613"/>
      <c r="ERL657" s="613"/>
      <c r="ERM657" s="613"/>
      <c r="ERN657" s="613"/>
      <c r="ERO657" s="613"/>
      <c r="ERP657" s="613"/>
      <c r="ERQ657" s="613"/>
      <c r="ERR657" s="613"/>
      <c r="ERS657" s="613"/>
      <c r="ERT657" s="613"/>
      <c r="ERU657" s="613"/>
      <c r="ERV657" s="613"/>
      <c r="ERW657" s="613"/>
      <c r="ERX657" s="613"/>
      <c r="ERY657" s="613"/>
      <c r="ERZ657" s="613"/>
      <c r="ESA657" s="613"/>
      <c r="ESB657" s="613"/>
      <c r="ESC657" s="613"/>
      <c r="ESD657" s="613"/>
      <c r="ESE657" s="613"/>
      <c r="ESF657" s="613"/>
      <c r="ESG657" s="613"/>
      <c r="ESH657" s="613"/>
      <c r="ESI657" s="613"/>
      <c r="ESJ657" s="613"/>
      <c r="ESK657" s="613"/>
      <c r="ESL657" s="613"/>
      <c r="ESM657" s="613"/>
      <c r="ESN657" s="613"/>
      <c r="ESO657" s="613"/>
      <c r="ESP657" s="613"/>
      <c r="ESQ657" s="613"/>
      <c r="ESR657" s="613"/>
      <c r="ESS657" s="613"/>
      <c r="EST657" s="613"/>
      <c r="ESU657" s="613"/>
      <c r="ESV657" s="613"/>
      <c r="ESW657" s="613"/>
      <c r="ESX657" s="613"/>
      <c r="ESY657" s="613"/>
      <c r="ESZ657" s="613"/>
      <c r="ETA657" s="613"/>
      <c r="ETB657" s="613"/>
      <c r="ETC657" s="613"/>
      <c r="ETD657" s="613"/>
      <c r="ETE657" s="613"/>
      <c r="ETF657" s="613"/>
      <c r="ETG657" s="613"/>
      <c r="ETH657" s="613"/>
      <c r="ETI657" s="613"/>
      <c r="ETJ657" s="613"/>
      <c r="ETK657" s="613"/>
      <c r="ETL657" s="613"/>
      <c r="ETM657" s="613"/>
      <c r="ETN657" s="613"/>
      <c r="ETO657" s="613"/>
      <c r="ETP657" s="613"/>
      <c r="ETQ657" s="613"/>
      <c r="ETR657" s="613"/>
      <c r="ETS657" s="613"/>
      <c r="ETT657" s="613"/>
      <c r="ETU657" s="613"/>
      <c r="ETV657" s="613"/>
      <c r="ETW657" s="613"/>
      <c r="ETX657" s="613"/>
      <c r="ETY657" s="613"/>
      <c r="ETZ657" s="613"/>
      <c r="EUA657" s="613"/>
      <c r="EUB657" s="613"/>
      <c r="EUC657" s="613"/>
      <c r="EUD657" s="613"/>
      <c r="EUE657" s="613"/>
      <c r="EUF657" s="613"/>
      <c r="EUG657" s="613"/>
      <c r="EUH657" s="613"/>
      <c r="EUI657" s="613"/>
      <c r="EUJ657" s="613"/>
      <c r="EUK657" s="613"/>
      <c r="EUL657" s="613"/>
      <c r="EUM657" s="613"/>
      <c r="EUN657" s="613"/>
      <c r="EUO657" s="613"/>
      <c r="EUP657" s="613"/>
      <c r="EUQ657" s="613"/>
      <c r="EUR657" s="613"/>
      <c r="EUS657" s="613"/>
      <c r="EUT657" s="613"/>
      <c r="EUU657" s="613"/>
      <c r="EUV657" s="613"/>
      <c r="EUW657" s="613"/>
      <c r="EUX657" s="613"/>
      <c r="EUY657" s="613"/>
      <c r="EUZ657" s="613"/>
      <c r="EVA657" s="613"/>
      <c r="EVB657" s="613"/>
      <c r="EVC657" s="613"/>
      <c r="EVD657" s="613"/>
      <c r="EVE657" s="613"/>
      <c r="EVF657" s="613"/>
      <c r="EVG657" s="613"/>
      <c r="EVH657" s="613"/>
      <c r="EVI657" s="613"/>
      <c r="EVJ657" s="613"/>
      <c r="EVK657" s="613"/>
      <c r="EVL657" s="613"/>
      <c r="EVM657" s="613"/>
      <c r="EVN657" s="613"/>
      <c r="EVO657" s="613"/>
      <c r="EVP657" s="613"/>
      <c r="EVQ657" s="613"/>
      <c r="EVR657" s="613"/>
      <c r="EVS657" s="613"/>
      <c r="EVT657" s="613"/>
      <c r="EVU657" s="613"/>
      <c r="EVV657" s="613"/>
      <c r="EVW657" s="613"/>
      <c r="EVX657" s="613"/>
      <c r="EVY657" s="613"/>
      <c r="EVZ657" s="613"/>
      <c r="EWA657" s="613"/>
      <c r="EWB657" s="613"/>
      <c r="EWC657" s="613"/>
      <c r="EWD657" s="613"/>
      <c r="EWE657" s="613"/>
      <c r="EWF657" s="613"/>
      <c r="EWG657" s="613"/>
      <c r="EWH657" s="613"/>
      <c r="EWI657" s="613"/>
      <c r="EWJ657" s="613"/>
      <c r="EWK657" s="613"/>
      <c r="EWL657" s="613"/>
      <c r="EWM657" s="613"/>
      <c r="EWN657" s="613"/>
      <c r="EWO657" s="613"/>
      <c r="EWP657" s="613"/>
      <c r="EWQ657" s="613"/>
      <c r="EWR657" s="613"/>
      <c r="EWS657" s="613"/>
      <c r="EWT657" s="613"/>
      <c r="EWU657" s="613"/>
      <c r="EWV657" s="613"/>
      <c r="EWW657" s="613"/>
      <c r="EWX657" s="613"/>
      <c r="EWY657" s="613"/>
      <c r="EWZ657" s="613"/>
      <c r="EXA657" s="613"/>
      <c r="EXB657" s="613"/>
      <c r="EXC657" s="613"/>
      <c r="EXD657" s="613"/>
      <c r="EXE657" s="613"/>
      <c r="EXF657" s="613"/>
      <c r="EXG657" s="613"/>
      <c r="EXH657" s="613"/>
      <c r="EXI657" s="613"/>
      <c r="EXJ657" s="613"/>
      <c r="EXK657" s="613"/>
      <c r="EXL657" s="613"/>
      <c r="EXM657" s="613"/>
      <c r="EXN657" s="613"/>
      <c r="EXO657" s="613"/>
      <c r="EXP657" s="613"/>
      <c r="EXQ657" s="613"/>
      <c r="EXR657" s="613"/>
      <c r="EXS657" s="613"/>
      <c r="EXT657" s="613"/>
      <c r="EXU657" s="613"/>
      <c r="EXV657" s="613"/>
      <c r="EXW657" s="613"/>
      <c r="EXX657" s="613"/>
      <c r="EXY657" s="613"/>
      <c r="EXZ657" s="613"/>
      <c r="EYA657" s="613"/>
      <c r="EYB657" s="613"/>
      <c r="EYC657" s="613"/>
      <c r="EYD657" s="613"/>
      <c r="EYE657" s="613"/>
      <c r="EYF657" s="613"/>
      <c r="EYG657" s="613"/>
      <c r="EYH657" s="613"/>
      <c r="EYI657" s="613"/>
      <c r="EYJ657" s="613"/>
      <c r="EYK657" s="613"/>
      <c r="EYL657" s="613"/>
      <c r="EYM657" s="613"/>
      <c r="EYN657" s="613"/>
      <c r="EYO657" s="613"/>
      <c r="EYP657" s="613"/>
      <c r="EYQ657" s="613"/>
      <c r="EYR657" s="613"/>
      <c r="EYS657" s="613"/>
      <c r="EYT657" s="613"/>
      <c r="EYU657" s="613"/>
      <c r="EYV657" s="613"/>
      <c r="EYW657" s="613"/>
      <c r="EYX657" s="613"/>
      <c r="EYY657" s="613"/>
      <c r="EYZ657" s="613"/>
      <c r="EZA657" s="613"/>
      <c r="EZB657" s="613"/>
      <c r="EZC657" s="613"/>
      <c r="EZD657" s="613"/>
      <c r="EZE657" s="613"/>
      <c r="EZF657" s="613"/>
      <c r="EZG657" s="613"/>
      <c r="EZH657" s="613"/>
      <c r="EZI657" s="613"/>
      <c r="EZJ657" s="613"/>
      <c r="EZK657" s="613"/>
      <c r="EZL657" s="613"/>
      <c r="EZM657" s="613"/>
      <c r="EZN657" s="613"/>
      <c r="EZO657" s="613"/>
      <c r="EZP657" s="613"/>
      <c r="EZQ657" s="613"/>
      <c r="EZR657" s="613"/>
      <c r="EZS657" s="613"/>
      <c r="EZT657" s="613"/>
      <c r="EZU657" s="613"/>
      <c r="EZV657" s="613"/>
      <c r="EZW657" s="613"/>
      <c r="EZX657" s="613"/>
      <c r="EZY657" s="613"/>
      <c r="EZZ657" s="613"/>
      <c r="FAA657" s="613"/>
      <c r="FAB657" s="613"/>
      <c r="FAC657" s="613"/>
      <c r="FAD657" s="613"/>
      <c r="FAE657" s="613"/>
      <c r="FAF657" s="613"/>
      <c r="FAG657" s="613"/>
      <c r="FAH657" s="613"/>
      <c r="FAI657" s="613"/>
      <c r="FAJ657" s="613"/>
      <c r="FAK657" s="613"/>
      <c r="FAL657" s="613"/>
      <c r="FAM657" s="613"/>
      <c r="FAN657" s="613"/>
      <c r="FAO657" s="613"/>
      <c r="FAP657" s="613"/>
      <c r="FAQ657" s="613"/>
      <c r="FAR657" s="613"/>
      <c r="FAS657" s="613"/>
      <c r="FAT657" s="613"/>
      <c r="FAU657" s="613"/>
      <c r="FAV657" s="613"/>
      <c r="FAW657" s="613"/>
      <c r="FAX657" s="613"/>
      <c r="FAY657" s="613"/>
      <c r="FAZ657" s="613"/>
      <c r="FBA657" s="613"/>
      <c r="FBB657" s="613"/>
      <c r="FBC657" s="613"/>
      <c r="FBD657" s="613"/>
      <c r="FBE657" s="613"/>
      <c r="FBF657" s="613"/>
      <c r="FBG657" s="613"/>
      <c r="FBH657" s="613"/>
      <c r="FBI657" s="613"/>
      <c r="FBJ657" s="613"/>
      <c r="FBK657" s="613"/>
      <c r="FBL657" s="613"/>
      <c r="FBM657" s="613"/>
      <c r="FBN657" s="613"/>
      <c r="FBO657" s="613"/>
      <c r="FBP657" s="613"/>
      <c r="FBQ657" s="613"/>
      <c r="FBR657" s="613"/>
      <c r="FBS657" s="613"/>
      <c r="FBT657" s="613"/>
      <c r="FBU657" s="613"/>
      <c r="FBV657" s="613"/>
      <c r="FBW657" s="613"/>
      <c r="FBX657" s="613"/>
      <c r="FBY657" s="613"/>
      <c r="FBZ657" s="613"/>
      <c r="FCA657" s="613"/>
      <c r="FCB657" s="613"/>
      <c r="FCC657" s="613"/>
      <c r="FCD657" s="613"/>
      <c r="FCE657" s="613"/>
      <c r="FCF657" s="613"/>
      <c r="FCG657" s="613"/>
      <c r="FCH657" s="613"/>
      <c r="FCI657" s="613"/>
      <c r="FCJ657" s="613"/>
      <c r="FCK657" s="613"/>
      <c r="FCL657" s="613"/>
      <c r="FCM657" s="613"/>
      <c r="FCN657" s="613"/>
      <c r="FCO657" s="613"/>
      <c r="FCP657" s="613"/>
      <c r="FCQ657" s="613"/>
      <c r="FCR657" s="613"/>
      <c r="FCS657" s="613"/>
      <c r="FCT657" s="613"/>
      <c r="FCU657" s="613"/>
      <c r="FCV657" s="613"/>
      <c r="FCW657" s="613"/>
      <c r="FCX657" s="613"/>
      <c r="FCY657" s="613"/>
      <c r="FCZ657" s="613"/>
      <c r="FDA657" s="613"/>
      <c r="FDB657" s="613"/>
      <c r="FDC657" s="613"/>
      <c r="FDD657" s="613"/>
      <c r="FDE657" s="613"/>
      <c r="FDF657" s="613"/>
      <c r="FDG657" s="613"/>
      <c r="FDH657" s="613"/>
      <c r="FDI657" s="613"/>
      <c r="FDJ657" s="613"/>
      <c r="FDK657" s="613"/>
      <c r="FDL657" s="613"/>
      <c r="FDM657" s="613"/>
      <c r="FDN657" s="613"/>
      <c r="FDO657" s="613"/>
      <c r="FDP657" s="613"/>
      <c r="FDQ657" s="613"/>
      <c r="FDR657" s="613"/>
      <c r="FDS657" s="613"/>
      <c r="FDT657" s="613"/>
      <c r="FDU657" s="613"/>
      <c r="FDV657" s="613"/>
      <c r="FDW657" s="613"/>
      <c r="FDX657" s="613"/>
      <c r="FDY657" s="613"/>
      <c r="FDZ657" s="613"/>
      <c r="FEA657" s="613"/>
      <c r="FEB657" s="613"/>
      <c r="FEC657" s="613"/>
      <c r="FED657" s="613"/>
      <c r="FEE657" s="613"/>
      <c r="FEF657" s="613"/>
      <c r="FEG657" s="613"/>
      <c r="FEH657" s="613"/>
      <c r="FEI657" s="613"/>
      <c r="FEJ657" s="613"/>
      <c r="FEK657" s="613"/>
      <c r="FEL657" s="613"/>
      <c r="FEM657" s="613"/>
      <c r="FEN657" s="613"/>
      <c r="FEO657" s="613"/>
      <c r="FEP657" s="613"/>
      <c r="FEQ657" s="613"/>
      <c r="FER657" s="613"/>
      <c r="FES657" s="613"/>
      <c r="FET657" s="613"/>
      <c r="FEU657" s="613"/>
      <c r="FEV657" s="613"/>
      <c r="FEW657" s="613"/>
      <c r="FEX657" s="613"/>
      <c r="FEY657" s="613"/>
      <c r="FEZ657" s="613"/>
      <c r="FFA657" s="613"/>
      <c r="FFB657" s="613"/>
      <c r="FFC657" s="613"/>
      <c r="FFD657" s="613"/>
      <c r="FFE657" s="613"/>
      <c r="FFF657" s="613"/>
      <c r="FFG657" s="613"/>
      <c r="FFH657" s="613"/>
      <c r="FFI657" s="613"/>
      <c r="FFJ657" s="613"/>
      <c r="FFK657" s="613"/>
      <c r="FFL657" s="613"/>
      <c r="FFM657" s="613"/>
      <c r="FFN657" s="613"/>
      <c r="FFO657" s="613"/>
      <c r="FFP657" s="613"/>
      <c r="FFQ657" s="613"/>
      <c r="FFR657" s="613"/>
      <c r="FFS657" s="613"/>
      <c r="FFT657" s="613"/>
      <c r="FFU657" s="613"/>
      <c r="FFV657" s="613"/>
      <c r="FFW657" s="613"/>
      <c r="FFX657" s="613"/>
      <c r="FFY657" s="613"/>
      <c r="FFZ657" s="613"/>
      <c r="FGA657" s="613"/>
      <c r="FGB657" s="613"/>
      <c r="FGC657" s="613"/>
      <c r="FGD657" s="613"/>
      <c r="FGE657" s="613"/>
      <c r="FGF657" s="613"/>
      <c r="FGG657" s="613"/>
      <c r="FGH657" s="613"/>
      <c r="FGI657" s="613"/>
      <c r="FGJ657" s="613"/>
      <c r="FGK657" s="613"/>
      <c r="FGL657" s="613"/>
      <c r="FGM657" s="613"/>
      <c r="FGN657" s="613"/>
      <c r="FGO657" s="613"/>
      <c r="FGP657" s="613"/>
      <c r="FGQ657" s="613"/>
      <c r="FGR657" s="613"/>
      <c r="FGS657" s="613"/>
      <c r="FGT657" s="613"/>
      <c r="FGU657" s="613"/>
      <c r="FGV657" s="613"/>
      <c r="FGW657" s="613"/>
      <c r="FGX657" s="613"/>
      <c r="FGY657" s="613"/>
      <c r="FGZ657" s="613"/>
      <c r="FHA657" s="613"/>
      <c r="FHB657" s="613"/>
      <c r="FHC657" s="613"/>
      <c r="FHD657" s="613"/>
      <c r="FHE657" s="613"/>
      <c r="FHF657" s="613"/>
      <c r="FHG657" s="613"/>
      <c r="FHH657" s="613"/>
      <c r="FHI657" s="613"/>
      <c r="FHJ657" s="613"/>
      <c r="FHK657" s="613"/>
      <c r="FHL657" s="613"/>
      <c r="FHM657" s="613"/>
      <c r="FHN657" s="613"/>
      <c r="FHO657" s="613"/>
      <c r="FHP657" s="613"/>
      <c r="FHQ657" s="613"/>
      <c r="FHR657" s="613"/>
      <c r="FHS657" s="613"/>
      <c r="FHT657" s="613"/>
      <c r="FHU657" s="613"/>
      <c r="FHV657" s="613"/>
      <c r="FHW657" s="613"/>
      <c r="FHX657" s="613"/>
      <c r="FHY657" s="613"/>
      <c r="FHZ657" s="613"/>
      <c r="FIA657" s="613"/>
      <c r="FIB657" s="613"/>
      <c r="FIC657" s="613"/>
      <c r="FID657" s="613"/>
      <c r="FIE657" s="613"/>
      <c r="FIF657" s="613"/>
      <c r="FIG657" s="613"/>
      <c r="FIH657" s="613"/>
      <c r="FII657" s="613"/>
      <c r="FIJ657" s="613"/>
      <c r="FIK657" s="613"/>
      <c r="FIL657" s="613"/>
      <c r="FIM657" s="613"/>
      <c r="FIN657" s="613"/>
      <c r="FIO657" s="613"/>
      <c r="FIP657" s="613"/>
      <c r="FIQ657" s="613"/>
      <c r="FIR657" s="613"/>
      <c r="FIS657" s="613"/>
      <c r="FIT657" s="613"/>
      <c r="FIU657" s="613"/>
      <c r="FIV657" s="613"/>
      <c r="FIW657" s="613"/>
      <c r="FIX657" s="613"/>
      <c r="FIY657" s="613"/>
      <c r="FIZ657" s="613"/>
      <c r="FJA657" s="613"/>
      <c r="FJB657" s="613"/>
      <c r="FJC657" s="613"/>
      <c r="FJD657" s="613"/>
      <c r="FJE657" s="613"/>
      <c r="FJF657" s="613"/>
      <c r="FJG657" s="613"/>
      <c r="FJH657" s="613"/>
      <c r="FJI657" s="613"/>
      <c r="FJJ657" s="613"/>
      <c r="FJK657" s="613"/>
      <c r="FJL657" s="613"/>
      <c r="FJM657" s="613"/>
      <c r="FJN657" s="613"/>
      <c r="FJO657" s="613"/>
      <c r="FJP657" s="613"/>
      <c r="FJQ657" s="613"/>
      <c r="FJR657" s="613"/>
      <c r="FJS657" s="613"/>
      <c r="FJT657" s="613"/>
      <c r="FJU657" s="613"/>
      <c r="FJV657" s="613"/>
      <c r="FJW657" s="613"/>
      <c r="FJX657" s="613"/>
      <c r="FJY657" s="613"/>
      <c r="FJZ657" s="613"/>
      <c r="FKA657" s="613"/>
      <c r="FKB657" s="613"/>
      <c r="FKC657" s="613"/>
      <c r="FKD657" s="613"/>
      <c r="FKE657" s="613"/>
      <c r="FKF657" s="613"/>
      <c r="FKG657" s="613"/>
      <c r="FKH657" s="613"/>
      <c r="FKI657" s="613"/>
      <c r="FKJ657" s="613"/>
      <c r="FKK657" s="613"/>
      <c r="FKL657" s="613"/>
      <c r="FKM657" s="613"/>
      <c r="FKN657" s="613"/>
      <c r="FKO657" s="613"/>
      <c r="FKP657" s="613"/>
      <c r="FKQ657" s="613"/>
      <c r="FKR657" s="613"/>
      <c r="FKS657" s="613"/>
      <c r="FKT657" s="613"/>
      <c r="FKU657" s="613"/>
      <c r="FKV657" s="613"/>
      <c r="FKW657" s="613"/>
      <c r="FKX657" s="613"/>
      <c r="FKY657" s="613"/>
      <c r="FKZ657" s="613"/>
      <c r="FLA657" s="613"/>
      <c r="FLB657" s="613"/>
      <c r="FLC657" s="613"/>
      <c r="FLD657" s="613"/>
      <c r="FLE657" s="613"/>
      <c r="FLF657" s="613"/>
      <c r="FLG657" s="613"/>
      <c r="FLH657" s="613"/>
      <c r="FLI657" s="613"/>
      <c r="FLJ657" s="613"/>
      <c r="FLK657" s="613"/>
      <c r="FLL657" s="613"/>
      <c r="FLM657" s="613"/>
      <c r="FLN657" s="613"/>
      <c r="FLO657" s="613"/>
      <c r="FLP657" s="613"/>
      <c r="FLQ657" s="613"/>
      <c r="FLR657" s="613"/>
      <c r="FLS657" s="613"/>
      <c r="FLT657" s="613"/>
      <c r="FLU657" s="613"/>
      <c r="FLV657" s="613"/>
      <c r="FLW657" s="613"/>
      <c r="FLX657" s="613"/>
      <c r="FLY657" s="613"/>
      <c r="FLZ657" s="613"/>
      <c r="FMA657" s="613"/>
      <c r="FMB657" s="613"/>
      <c r="FMC657" s="613"/>
      <c r="FMD657" s="613"/>
      <c r="FME657" s="613"/>
      <c r="FMF657" s="613"/>
      <c r="FMG657" s="613"/>
      <c r="FMH657" s="613"/>
      <c r="FMI657" s="613"/>
      <c r="FMJ657" s="613"/>
      <c r="FMK657" s="613"/>
      <c r="FML657" s="613"/>
      <c r="FMM657" s="613"/>
      <c r="FMN657" s="613"/>
      <c r="FMO657" s="613"/>
      <c r="FMP657" s="613"/>
      <c r="FMQ657" s="613"/>
      <c r="FMR657" s="613"/>
      <c r="FMS657" s="613"/>
      <c r="FMT657" s="613"/>
      <c r="FMU657" s="613"/>
      <c r="FMV657" s="613"/>
      <c r="FMW657" s="613"/>
      <c r="FMX657" s="613"/>
      <c r="FMY657" s="613"/>
      <c r="FMZ657" s="613"/>
      <c r="FNA657" s="613"/>
      <c r="FNB657" s="613"/>
      <c r="FNC657" s="613"/>
      <c r="FND657" s="613"/>
      <c r="FNE657" s="613"/>
      <c r="FNF657" s="613"/>
      <c r="FNG657" s="613"/>
      <c r="FNH657" s="613"/>
      <c r="FNI657" s="613"/>
      <c r="FNJ657" s="613"/>
      <c r="FNK657" s="613"/>
      <c r="FNL657" s="613"/>
      <c r="FNM657" s="613"/>
      <c r="FNN657" s="613"/>
      <c r="FNO657" s="613"/>
      <c r="FNP657" s="613"/>
      <c r="FNQ657" s="613"/>
      <c r="FNR657" s="613"/>
      <c r="FNS657" s="613"/>
      <c r="FNT657" s="613"/>
      <c r="FNU657" s="613"/>
      <c r="FNV657" s="613"/>
      <c r="FNW657" s="613"/>
      <c r="FNX657" s="613"/>
      <c r="FNY657" s="613"/>
      <c r="FNZ657" s="613"/>
      <c r="FOA657" s="613"/>
      <c r="FOB657" s="613"/>
      <c r="FOC657" s="613"/>
      <c r="FOD657" s="613"/>
      <c r="FOE657" s="613"/>
      <c r="FOF657" s="613"/>
      <c r="FOG657" s="613"/>
      <c r="FOH657" s="613"/>
      <c r="FOI657" s="613"/>
      <c r="FOJ657" s="613"/>
      <c r="FOK657" s="613"/>
      <c r="FOL657" s="613"/>
      <c r="FOM657" s="613"/>
      <c r="FON657" s="613"/>
      <c r="FOO657" s="613"/>
      <c r="FOP657" s="613"/>
      <c r="FOQ657" s="613"/>
      <c r="FOR657" s="613"/>
      <c r="FOS657" s="613"/>
      <c r="FOT657" s="613"/>
      <c r="FOU657" s="613"/>
      <c r="FOV657" s="613"/>
      <c r="FOW657" s="613"/>
      <c r="FOX657" s="613"/>
      <c r="FOY657" s="613"/>
      <c r="FOZ657" s="613"/>
      <c r="FPA657" s="613"/>
      <c r="FPB657" s="613"/>
      <c r="FPC657" s="613"/>
      <c r="FPD657" s="613"/>
      <c r="FPE657" s="613"/>
      <c r="FPF657" s="613"/>
      <c r="FPG657" s="613"/>
      <c r="FPH657" s="613"/>
      <c r="FPI657" s="613"/>
      <c r="FPJ657" s="613"/>
      <c r="FPK657" s="613"/>
      <c r="FPL657" s="613"/>
      <c r="FPM657" s="613"/>
      <c r="FPN657" s="613"/>
      <c r="FPO657" s="613"/>
      <c r="FPP657" s="613"/>
      <c r="FPQ657" s="613"/>
      <c r="FPR657" s="613"/>
      <c r="FPS657" s="613"/>
      <c r="FPT657" s="613"/>
      <c r="FPU657" s="613"/>
      <c r="FPV657" s="613"/>
      <c r="FPW657" s="613"/>
      <c r="FPX657" s="613"/>
      <c r="FPY657" s="613"/>
      <c r="FPZ657" s="613"/>
      <c r="FQA657" s="613"/>
      <c r="FQB657" s="613"/>
      <c r="FQC657" s="613"/>
      <c r="FQD657" s="613"/>
      <c r="FQE657" s="613"/>
      <c r="FQF657" s="613"/>
      <c r="FQG657" s="613"/>
      <c r="FQH657" s="613"/>
      <c r="FQI657" s="613"/>
      <c r="FQJ657" s="613"/>
      <c r="FQK657" s="613"/>
      <c r="FQL657" s="613"/>
      <c r="FQM657" s="613"/>
      <c r="FQN657" s="613"/>
      <c r="FQO657" s="613"/>
      <c r="FQP657" s="613"/>
      <c r="FQQ657" s="613"/>
      <c r="FQR657" s="613"/>
      <c r="FQS657" s="613"/>
      <c r="FQT657" s="613"/>
      <c r="FQU657" s="613"/>
      <c r="FQV657" s="613"/>
      <c r="FQW657" s="613"/>
      <c r="FQX657" s="613"/>
      <c r="FQY657" s="613"/>
      <c r="FQZ657" s="613"/>
      <c r="FRA657" s="613"/>
      <c r="FRB657" s="613"/>
      <c r="FRC657" s="613"/>
      <c r="FRD657" s="613"/>
      <c r="FRE657" s="613"/>
      <c r="FRF657" s="613"/>
      <c r="FRG657" s="613"/>
      <c r="FRH657" s="613"/>
      <c r="FRI657" s="613"/>
      <c r="FRJ657" s="613"/>
      <c r="FRK657" s="613"/>
      <c r="FRL657" s="613"/>
      <c r="FRM657" s="613"/>
      <c r="FRN657" s="613"/>
      <c r="FRO657" s="613"/>
      <c r="FRP657" s="613"/>
      <c r="FRQ657" s="613"/>
      <c r="FRR657" s="613"/>
      <c r="FRS657" s="613"/>
      <c r="FRT657" s="613"/>
      <c r="FRU657" s="613"/>
      <c r="FRV657" s="613"/>
      <c r="FRW657" s="613"/>
      <c r="FRX657" s="613"/>
      <c r="FRY657" s="613"/>
      <c r="FRZ657" s="613"/>
      <c r="FSA657" s="613"/>
      <c r="FSB657" s="613"/>
      <c r="FSC657" s="613"/>
      <c r="FSD657" s="613"/>
      <c r="FSE657" s="613"/>
      <c r="FSF657" s="613"/>
      <c r="FSG657" s="613"/>
      <c r="FSH657" s="613"/>
      <c r="FSI657" s="613"/>
      <c r="FSJ657" s="613"/>
      <c r="FSK657" s="613"/>
      <c r="FSL657" s="613"/>
      <c r="FSM657" s="613"/>
      <c r="FSN657" s="613"/>
      <c r="FSO657" s="613"/>
      <c r="FSP657" s="613"/>
      <c r="FSQ657" s="613"/>
      <c r="FSR657" s="613"/>
      <c r="FSS657" s="613"/>
      <c r="FST657" s="613"/>
      <c r="FSU657" s="613"/>
      <c r="FSV657" s="613"/>
      <c r="FSW657" s="613"/>
      <c r="FSX657" s="613"/>
      <c r="FSY657" s="613"/>
      <c r="FSZ657" s="613"/>
      <c r="FTA657" s="613"/>
      <c r="FTB657" s="613"/>
      <c r="FTC657" s="613"/>
      <c r="FTD657" s="613"/>
      <c r="FTE657" s="613"/>
      <c r="FTF657" s="613"/>
      <c r="FTG657" s="613"/>
      <c r="FTH657" s="613"/>
      <c r="FTI657" s="613"/>
      <c r="FTJ657" s="613"/>
      <c r="FTK657" s="613"/>
      <c r="FTL657" s="613"/>
      <c r="FTM657" s="613"/>
      <c r="FTN657" s="613"/>
      <c r="FTO657" s="613"/>
      <c r="FTP657" s="613"/>
      <c r="FTQ657" s="613"/>
      <c r="FTR657" s="613"/>
      <c r="FTS657" s="613"/>
      <c r="FTT657" s="613"/>
      <c r="FTU657" s="613"/>
      <c r="FTV657" s="613"/>
      <c r="FTW657" s="613"/>
      <c r="FTX657" s="613"/>
      <c r="FTY657" s="613"/>
      <c r="FTZ657" s="613"/>
      <c r="FUA657" s="613"/>
      <c r="FUB657" s="613"/>
      <c r="FUC657" s="613"/>
      <c r="FUD657" s="613"/>
      <c r="FUE657" s="613"/>
      <c r="FUF657" s="613"/>
      <c r="FUG657" s="613"/>
      <c r="FUH657" s="613"/>
      <c r="FUI657" s="613"/>
      <c r="FUJ657" s="613"/>
      <c r="FUK657" s="613"/>
      <c r="FUL657" s="613"/>
      <c r="FUM657" s="613"/>
      <c r="FUN657" s="613"/>
      <c r="FUO657" s="613"/>
      <c r="FUP657" s="613"/>
      <c r="FUQ657" s="613"/>
      <c r="FUR657" s="613"/>
      <c r="FUS657" s="613"/>
      <c r="FUT657" s="613"/>
      <c r="FUU657" s="613"/>
      <c r="FUV657" s="613"/>
      <c r="FUW657" s="613"/>
      <c r="FUX657" s="613"/>
      <c r="FUY657" s="613"/>
      <c r="FUZ657" s="613"/>
      <c r="FVA657" s="613"/>
      <c r="FVB657" s="613"/>
      <c r="FVC657" s="613"/>
      <c r="FVD657" s="613"/>
      <c r="FVE657" s="613"/>
      <c r="FVF657" s="613"/>
      <c r="FVG657" s="613"/>
      <c r="FVH657" s="613"/>
      <c r="FVI657" s="613"/>
      <c r="FVJ657" s="613"/>
      <c r="FVK657" s="613"/>
      <c r="FVL657" s="613"/>
      <c r="FVM657" s="613"/>
      <c r="FVN657" s="613"/>
      <c r="FVO657" s="613"/>
      <c r="FVP657" s="613"/>
      <c r="FVQ657" s="613"/>
      <c r="FVR657" s="613"/>
      <c r="FVS657" s="613"/>
      <c r="FVT657" s="613"/>
      <c r="FVU657" s="613"/>
      <c r="FVV657" s="613"/>
      <c r="FVW657" s="613"/>
      <c r="FVX657" s="613"/>
      <c r="FVY657" s="613"/>
      <c r="FVZ657" s="613"/>
      <c r="FWA657" s="613"/>
      <c r="FWB657" s="613"/>
      <c r="FWC657" s="613"/>
      <c r="FWD657" s="613"/>
      <c r="FWE657" s="613"/>
      <c r="FWF657" s="613"/>
      <c r="FWG657" s="613"/>
      <c r="FWH657" s="613"/>
      <c r="FWI657" s="613"/>
      <c r="FWJ657" s="613"/>
      <c r="FWK657" s="613"/>
      <c r="FWL657" s="613"/>
      <c r="FWM657" s="613"/>
      <c r="FWN657" s="613"/>
      <c r="FWO657" s="613"/>
      <c r="FWP657" s="613"/>
      <c r="FWQ657" s="613"/>
      <c r="FWR657" s="613"/>
      <c r="FWS657" s="613"/>
      <c r="FWT657" s="613"/>
      <c r="FWU657" s="613"/>
      <c r="FWV657" s="613"/>
      <c r="FWW657" s="613"/>
      <c r="FWX657" s="613"/>
      <c r="FWY657" s="613"/>
      <c r="FWZ657" s="613"/>
      <c r="FXA657" s="613"/>
      <c r="FXB657" s="613"/>
      <c r="FXC657" s="613"/>
      <c r="FXD657" s="613"/>
      <c r="FXE657" s="613"/>
      <c r="FXF657" s="613"/>
      <c r="FXG657" s="613"/>
      <c r="FXH657" s="613"/>
      <c r="FXI657" s="613"/>
      <c r="FXJ657" s="613"/>
      <c r="FXK657" s="613"/>
      <c r="FXL657" s="613"/>
      <c r="FXM657" s="613"/>
      <c r="FXN657" s="613"/>
      <c r="FXO657" s="613"/>
      <c r="FXP657" s="613"/>
      <c r="FXQ657" s="613"/>
      <c r="FXR657" s="613"/>
      <c r="FXS657" s="613"/>
      <c r="FXT657" s="613"/>
      <c r="FXU657" s="613"/>
      <c r="FXV657" s="613"/>
      <c r="FXW657" s="613"/>
      <c r="FXX657" s="613"/>
      <c r="FXY657" s="613"/>
      <c r="FXZ657" s="613"/>
      <c r="FYA657" s="613"/>
      <c r="FYB657" s="613"/>
      <c r="FYC657" s="613"/>
      <c r="FYD657" s="613"/>
      <c r="FYE657" s="613"/>
      <c r="FYF657" s="613"/>
      <c r="FYG657" s="613"/>
      <c r="FYH657" s="613"/>
      <c r="FYI657" s="613"/>
      <c r="FYJ657" s="613"/>
      <c r="FYK657" s="613"/>
      <c r="FYL657" s="613"/>
      <c r="FYM657" s="613"/>
      <c r="FYN657" s="613"/>
      <c r="FYO657" s="613"/>
      <c r="FYP657" s="613"/>
      <c r="FYQ657" s="613"/>
      <c r="FYR657" s="613"/>
      <c r="FYS657" s="613"/>
      <c r="FYT657" s="613"/>
      <c r="FYU657" s="613"/>
      <c r="FYV657" s="613"/>
      <c r="FYW657" s="613"/>
      <c r="FYX657" s="613"/>
      <c r="FYY657" s="613"/>
      <c r="FYZ657" s="613"/>
      <c r="FZA657" s="613"/>
      <c r="FZB657" s="613"/>
      <c r="FZC657" s="613"/>
      <c r="FZD657" s="613"/>
      <c r="FZE657" s="613"/>
      <c r="FZF657" s="613"/>
      <c r="FZG657" s="613"/>
      <c r="FZH657" s="613"/>
      <c r="FZI657" s="613"/>
      <c r="FZJ657" s="613"/>
      <c r="FZK657" s="613"/>
      <c r="FZL657" s="613"/>
      <c r="FZM657" s="613"/>
      <c r="FZN657" s="613"/>
      <c r="FZO657" s="613"/>
      <c r="FZP657" s="613"/>
      <c r="FZQ657" s="613"/>
      <c r="FZR657" s="613"/>
      <c r="FZS657" s="613"/>
      <c r="FZT657" s="613"/>
      <c r="FZU657" s="613"/>
      <c r="FZV657" s="613"/>
      <c r="FZW657" s="613"/>
      <c r="FZX657" s="613"/>
      <c r="FZY657" s="613"/>
      <c r="FZZ657" s="613"/>
      <c r="GAA657" s="613"/>
      <c r="GAB657" s="613"/>
      <c r="GAC657" s="613"/>
      <c r="GAD657" s="613"/>
      <c r="GAE657" s="613"/>
      <c r="GAF657" s="613"/>
      <c r="GAG657" s="613"/>
      <c r="GAH657" s="613"/>
      <c r="GAI657" s="613"/>
      <c r="GAJ657" s="613"/>
      <c r="GAK657" s="613"/>
      <c r="GAL657" s="613"/>
      <c r="GAM657" s="613"/>
      <c r="GAN657" s="613"/>
      <c r="GAO657" s="613"/>
      <c r="GAP657" s="613"/>
      <c r="GAQ657" s="613"/>
      <c r="GAR657" s="613"/>
      <c r="GAS657" s="613"/>
      <c r="GAT657" s="613"/>
      <c r="GAU657" s="613"/>
      <c r="GAV657" s="613"/>
      <c r="GAW657" s="613"/>
      <c r="GAX657" s="613"/>
      <c r="GAY657" s="613"/>
      <c r="GAZ657" s="613"/>
      <c r="GBA657" s="613"/>
      <c r="GBB657" s="613"/>
      <c r="GBC657" s="613"/>
      <c r="GBD657" s="613"/>
      <c r="GBE657" s="613"/>
      <c r="GBF657" s="613"/>
      <c r="GBG657" s="613"/>
      <c r="GBH657" s="613"/>
      <c r="GBI657" s="613"/>
      <c r="GBJ657" s="613"/>
      <c r="GBK657" s="613"/>
      <c r="GBL657" s="613"/>
      <c r="GBM657" s="613"/>
      <c r="GBN657" s="613"/>
      <c r="GBO657" s="613"/>
      <c r="GBP657" s="613"/>
      <c r="GBQ657" s="613"/>
      <c r="GBR657" s="613"/>
      <c r="GBS657" s="613"/>
      <c r="GBT657" s="613"/>
      <c r="GBU657" s="613"/>
      <c r="GBV657" s="613"/>
      <c r="GBW657" s="613"/>
      <c r="GBX657" s="613"/>
      <c r="GBY657" s="613"/>
      <c r="GBZ657" s="613"/>
      <c r="GCA657" s="613"/>
      <c r="GCB657" s="613"/>
      <c r="GCC657" s="613"/>
      <c r="GCD657" s="613"/>
      <c r="GCE657" s="613"/>
      <c r="GCF657" s="613"/>
      <c r="GCG657" s="613"/>
      <c r="GCH657" s="613"/>
      <c r="GCI657" s="613"/>
      <c r="GCJ657" s="613"/>
      <c r="GCK657" s="613"/>
      <c r="GCL657" s="613"/>
      <c r="GCM657" s="613"/>
      <c r="GCN657" s="613"/>
      <c r="GCO657" s="613"/>
      <c r="GCP657" s="613"/>
      <c r="GCQ657" s="613"/>
      <c r="GCR657" s="613"/>
      <c r="GCS657" s="613"/>
      <c r="GCT657" s="613"/>
      <c r="GCU657" s="613"/>
      <c r="GCV657" s="613"/>
      <c r="GCW657" s="613"/>
      <c r="GCX657" s="613"/>
      <c r="GCY657" s="613"/>
      <c r="GCZ657" s="613"/>
      <c r="GDA657" s="613"/>
      <c r="GDB657" s="613"/>
      <c r="GDC657" s="613"/>
      <c r="GDD657" s="613"/>
      <c r="GDE657" s="613"/>
      <c r="GDF657" s="613"/>
      <c r="GDG657" s="613"/>
      <c r="GDH657" s="613"/>
      <c r="GDI657" s="613"/>
      <c r="GDJ657" s="613"/>
      <c r="GDK657" s="613"/>
      <c r="GDL657" s="613"/>
      <c r="GDM657" s="613"/>
      <c r="GDN657" s="613"/>
      <c r="GDO657" s="613"/>
      <c r="GDP657" s="613"/>
      <c r="GDQ657" s="613"/>
      <c r="GDR657" s="613"/>
      <c r="GDS657" s="613"/>
      <c r="GDT657" s="613"/>
      <c r="GDU657" s="613"/>
      <c r="GDV657" s="613"/>
      <c r="GDW657" s="613"/>
      <c r="GDX657" s="613"/>
      <c r="GDY657" s="613"/>
      <c r="GDZ657" s="613"/>
      <c r="GEA657" s="613"/>
      <c r="GEB657" s="613"/>
      <c r="GEC657" s="613"/>
      <c r="GED657" s="613"/>
      <c r="GEE657" s="613"/>
      <c r="GEF657" s="613"/>
      <c r="GEG657" s="613"/>
      <c r="GEH657" s="613"/>
      <c r="GEI657" s="613"/>
      <c r="GEJ657" s="613"/>
      <c r="GEK657" s="613"/>
      <c r="GEL657" s="613"/>
      <c r="GEM657" s="613"/>
      <c r="GEN657" s="613"/>
      <c r="GEO657" s="613"/>
      <c r="GEP657" s="613"/>
      <c r="GEQ657" s="613"/>
      <c r="GER657" s="613"/>
      <c r="GES657" s="613"/>
      <c r="GET657" s="613"/>
      <c r="GEU657" s="613"/>
      <c r="GEV657" s="613"/>
      <c r="GEW657" s="613"/>
      <c r="GEX657" s="613"/>
      <c r="GEY657" s="613"/>
      <c r="GEZ657" s="613"/>
      <c r="GFA657" s="613"/>
      <c r="GFB657" s="613"/>
      <c r="GFC657" s="613"/>
      <c r="GFD657" s="613"/>
      <c r="GFE657" s="613"/>
      <c r="GFF657" s="613"/>
      <c r="GFG657" s="613"/>
      <c r="GFH657" s="613"/>
      <c r="GFI657" s="613"/>
      <c r="GFJ657" s="613"/>
      <c r="GFK657" s="613"/>
      <c r="GFL657" s="613"/>
      <c r="GFM657" s="613"/>
      <c r="GFN657" s="613"/>
      <c r="GFO657" s="613"/>
      <c r="GFP657" s="613"/>
      <c r="GFQ657" s="613"/>
      <c r="GFR657" s="613"/>
      <c r="GFS657" s="613"/>
      <c r="GFT657" s="613"/>
      <c r="GFU657" s="613"/>
      <c r="GFV657" s="613"/>
      <c r="GFW657" s="613"/>
      <c r="GFX657" s="613"/>
      <c r="GFY657" s="613"/>
      <c r="GFZ657" s="613"/>
      <c r="GGA657" s="613"/>
      <c r="GGB657" s="613"/>
      <c r="GGC657" s="613"/>
      <c r="GGD657" s="613"/>
      <c r="GGE657" s="613"/>
      <c r="GGF657" s="613"/>
      <c r="GGG657" s="613"/>
      <c r="GGH657" s="613"/>
      <c r="GGI657" s="613"/>
      <c r="GGJ657" s="613"/>
      <c r="GGK657" s="613"/>
      <c r="GGL657" s="613"/>
      <c r="GGM657" s="613"/>
      <c r="GGN657" s="613"/>
      <c r="GGO657" s="613"/>
      <c r="GGP657" s="613"/>
      <c r="GGQ657" s="613"/>
      <c r="GGR657" s="613"/>
      <c r="GGS657" s="613"/>
      <c r="GGT657" s="613"/>
      <c r="GGU657" s="613"/>
      <c r="GGV657" s="613"/>
      <c r="GGW657" s="613"/>
      <c r="GGX657" s="613"/>
      <c r="GGY657" s="613"/>
      <c r="GGZ657" s="613"/>
      <c r="GHA657" s="613"/>
      <c r="GHB657" s="613"/>
      <c r="GHC657" s="613"/>
      <c r="GHD657" s="613"/>
      <c r="GHE657" s="613"/>
      <c r="GHF657" s="613"/>
      <c r="GHG657" s="613"/>
      <c r="GHH657" s="613"/>
      <c r="GHI657" s="613"/>
      <c r="GHJ657" s="613"/>
      <c r="GHK657" s="613"/>
      <c r="GHL657" s="613"/>
      <c r="GHM657" s="613"/>
      <c r="GHN657" s="613"/>
      <c r="GHO657" s="613"/>
      <c r="GHP657" s="613"/>
      <c r="GHQ657" s="613"/>
      <c r="GHR657" s="613"/>
      <c r="GHS657" s="613"/>
      <c r="GHT657" s="613"/>
      <c r="GHU657" s="613"/>
      <c r="GHV657" s="613"/>
      <c r="GHW657" s="613"/>
      <c r="GHX657" s="613"/>
      <c r="GHY657" s="613"/>
      <c r="GHZ657" s="613"/>
      <c r="GIA657" s="613"/>
      <c r="GIB657" s="613"/>
      <c r="GIC657" s="613"/>
      <c r="GID657" s="613"/>
      <c r="GIE657" s="613"/>
      <c r="GIF657" s="613"/>
      <c r="GIG657" s="613"/>
      <c r="GIH657" s="613"/>
      <c r="GII657" s="613"/>
      <c r="GIJ657" s="613"/>
      <c r="GIK657" s="613"/>
      <c r="GIL657" s="613"/>
      <c r="GIM657" s="613"/>
      <c r="GIN657" s="613"/>
      <c r="GIO657" s="613"/>
      <c r="GIP657" s="613"/>
      <c r="GIQ657" s="613"/>
      <c r="GIR657" s="613"/>
      <c r="GIS657" s="613"/>
      <c r="GIT657" s="613"/>
      <c r="GIU657" s="613"/>
      <c r="GIV657" s="613"/>
      <c r="GIW657" s="613"/>
      <c r="GIX657" s="613"/>
      <c r="GIY657" s="613"/>
      <c r="GIZ657" s="613"/>
      <c r="GJA657" s="613"/>
      <c r="GJB657" s="613"/>
      <c r="GJC657" s="613"/>
      <c r="GJD657" s="613"/>
      <c r="GJE657" s="613"/>
      <c r="GJF657" s="613"/>
      <c r="GJG657" s="613"/>
      <c r="GJH657" s="613"/>
      <c r="GJI657" s="613"/>
      <c r="GJJ657" s="613"/>
      <c r="GJK657" s="613"/>
      <c r="GJL657" s="613"/>
      <c r="GJM657" s="613"/>
      <c r="GJN657" s="613"/>
      <c r="GJO657" s="613"/>
      <c r="GJP657" s="613"/>
      <c r="GJQ657" s="613"/>
      <c r="GJR657" s="613"/>
      <c r="GJS657" s="613"/>
      <c r="GJT657" s="613"/>
      <c r="GJU657" s="613"/>
      <c r="GJV657" s="613"/>
      <c r="GJW657" s="613"/>
      <c r="GJX657" s="613"/>
      <c r="GJY657" s="613"/>
      <c r="GJZ657" s="613"/>
      <c r="GKA657" s="613"/>
      <c r="GKB657" s="613"/>
      <c r="GKC657" s="613"/>
      <c r="GKD657" s="613"/>
      <c r="GKE657" s="613"/>
      <c r="GKF657" s="613"/>
      <c r="GKG657" s="613"/>
      <c r="GKH657" s="613"/>
      <c r="GKI657" s="613"/>
      <c r="GKJ657" s="613"/>
      <c r="GKK657" s="613"/>
      <c r="GKL657" s="613"/>
      <c r="GKM657" s="613"/>
      <c r="GKN657" s="613"/>
      <c r="GKO657" s="613"/>
      <c r="GKP657" s="613"/>
      <c r="GKQ657" s="613"/>
      <c r="GKR657" s="613"/>
      <c r="GKS657" s="613"/>
      <c r="GKT657" s="613"/>
      <c r="GKU657" s="613"/>
      <c r="GKV657" s="613"/>
      <c r="GKW657" s="613"/>
      <c r="GKX657" s="613"/>
      <c r="GKY657" s="613"/>
      <c r="GKZ657" s="613"/>
      <c r="GLA657" s="613"/>
      <c r="GLB657" s="613"/>
      <c r="GLC657" s="613"/>
      <c r="GLD657" s="613"/>
      <c r="GLE657" s="613"/>
      <c r="GLF657" s="613"/>
      <c r="GLG657" s="613"/>
      <c r="GLH657" s="613"/>
      <c r="GLI657" s="613"/>
      <c r="GLJ657" s="613"/>
      <c r="GLK657" s="613"/>
      <c r="GLL657" s="613"/>
      <c r="GLM657" s="613"/>
      <c r="GLN657" s="613"/>
      <c r="GLO657" s="613"/>
      <c r="GLP657" s="613"/>
      <c r="GLQ657" s="613"/>
      <c r="GLR657" s="613"/>
      <c r="GLS657" s="613"/>
      <c r="GLT657" s="613"/>
      <c r="GLU657" s="613"/>
      <c r="GLV657" s="613"/>
      <c r="GLW657" s="613"/>
      <c r="GLX657" s="613"/>
      <c r="GLY657" s="613"/>
      <c r="GLZ657" s="613"/>
      <c r="GMA657" s="613"/>
      <c r="GMB657" s="613"/>
      <c r="GMC657" s="613"/>
      <c r="GMD657" s="613"/>
      <c r="GME657" s="613"/>
      <c r="GMF657" s="613"/>
      <c r="GMG657" s="613"/>
      <c r="GMH657" s="613"/>
      <c r="GMI657" s="613"/>
      <c r="GMJ657" s="613"/>
      <c r="GMK657" s="613"/>
      <c r="GML657" s="613"/>
      <c r="GMM657" s="613"/>
      <c r="GMN657" s="613"/>
      <c r="GMO657" s="613"/>
      <c r="GMP657" s="613"/>
      <c r="GMQ657" s="613"/>
      <c r="GMR657" s="613"/>
      <c r="GMS657" s="613"/>
      <c r="GMT657" s="613"/>
      <c r="GMU657" s="613"/>
      <c r="GMV657" s="613"/>
      <c r="GMW657" s="613"/>
      <c r="GMX657" s="613"/>
      <c r="GMY657" s="613"/>
      <c r="GMZ657" s="613"/>
      <c r="GNA657" s="613"/>
      <c r="GNB657" s="613"/>
      <c r="GNC657" s="613"/>
      <c r="GND657" s="613"/>
      <c r="GNE657" s="613"/>
      <c r="GNF657" s="613"/>
      <c r="GNG657" s="613"/>
      <c r="GNH657" s="613"/>
      <c r="GNI657" s="613"/>
      <c r="GNJ657" s="613"/>
      <c r="GNK657" s="613"/>
      <c r="GNL657" s="613"/>
      <c r="GNM657" s="613"/>
      <c r="GNN657" s="613"/>
      <c r="GNO657" s="613"/>
      <c r="GNP657" s="613"/>
      <c r="GNQ657" s="613"/>
      <c r="GNR657" s="613"/>
      <c r="GNS657" s="613"/>
      <c r="GNT657" s="613"/>
      <c r="GNU657" s="613"/>
      <c r="GNV657" s="613"/>
      <c r="GNW657" s="613"/>
      <c r="GNX657" s="613"/>
      <c r="GNY657" s="613"/>
      <c r="GNZ657" s="613"/>
      <c r="GOA657" s="613"/>
      <c r="GOB657" s="613"/>
      <c r="GOC657" s="613"/>
      <c r="GOD657" s="613"/>
      <c r="GOE657" s="613"/>
      <c r="GOF657" s="613"/>
      <c r="GOG657" s="613"/>
      <c r="GOH657" s="613"/>
      <c r="GOI657" s="613"/>
      <c r="GOJ657" s="613"/>
      <c r="GOK657" s="613"/>
      <c r="GOL657" s="613"/>
      <c r="GOM657" s="613"/>
      <c r="GON657" s="613"/>
      <c r="GOO657" s="613"/>
      <c r="GOP657" s="613"/>
      <c r="GOQ657" s="613"/>
      <c r="GOR657" s="613"/>
      <c r="GOS657" s="613"/>
      <c r="GOT657" s="613"/>
      <c r="GOU657" s="613"/>
      <c r="GOV657" s="613"/>
      <c r="GOW657" s="613"/>
      <c r="GOX657" s="613"/>
      <c r="GOY657" s="613"/>
      <c r="GOZ657" s="613"/>
      <c r="GPA657" s="613"/>
      <c r="GPB657" s="613"/>
      <c r="GPC657" s="613"/>
      <c r="GPD657" s="613"/>
      <c r="GPE657" s="613"/>
      <c r="GPF657" s="613"/>
      <c r="GPG657" s="613"/>
      <c r="GPH657" s="613"/>
      <c r="GPI657" s="613"/>
      <c r="GPJ657" s="613"/>
      <c r="GPK657" s="613"/>
      <c r="GPL657" s="613"/>
      <c r="GPM657" s="613"/>
      <c r="GPN657" s="613"/>
      <c r="GPO657" s="613"/>
      <c r="GPP657" s="613"/>
      <c r="GPQ657" s="613"/>
      <c r="GPR657" s="613"/>
      <c r="GPS657" s="613"/>
      <c r="GPT657" s="613"/>
      <c r="GPU657" s="613"/>
      <c r="GPV657" s="613"/>
      <c r="GPW657" s="613"/>
      <c r="GPX657" s="613"/>
      <c r="GPY657" s="613"/>
      <c r="GPZ657" s="613"/>
      <c r="GQA657" s="613"/>
      <c r="GQB657" s="613"/>
      <c r="GQC657" s="613"/>
      <c r="GQD657" s="613"/>
      <c r="GQE657" s="613"/>
      <c r="GQF657" s="613"/>
      <c r="GQG657" s="613"/>
      <c r="GQH657" s="613"/>
      <c r="GQI657" s="613"/>
      <c r="GQJ657" s="613"/>
      <c r="GQK657" s="613"/>
      <c r="GQL657" s="613"/>
      <c r="GQM657" s="613"/>
      <c r="GQN657" s="613"/>
      <c r="GQO657" s="613"/>
      <c r="GQP657" s="613"/>
      <c r="GQQ657" s="613"/>
      <c r="GQR657" s="613"/>
      <c r="GQS657" s="613"/>
      <c r="GQT657" s="613"/>
      <c r="GQU657" s="613"/>
      <c r="GQV657" s="613"/>
      <c r="GQW657" s="613"/>
      <c r="GQX657" s="613"/>
      <c r="GQY657" s="613"/>
      <c r="GQZ657" s="613"/>
      <c r="GRA657" s="613"/>
      <c r="GRB657" s="613"/>
      <c r="GRC657" s="613"/>
      <c r="GRD657" s="613"/>
      <c r="GRE657" s="613"/>
      <c r="GRF657" s="613"/>
      <c r="GRG657" s="613"/>
      <c r="GRH657" s="613"/>
      <c r="GRI657" s="613"/>
      <c r="GRJ657" s="613"/>
      <c r="GRK657" s="613"/>
      <c r="GRL657" s="613"/>
      <c r="GRM657" s="613"/>
      <c r="GRN657" s="613"/>
      <c r="GRO657" s="613"/>
      <c r="GRP657" s="613"/>
      <c r="GRQ657" s="613"/>
      <c r="GRR657" s="613"/>
      <c r="GRS657" s="613"/>
      <c r="GRT657" s="613"/>
      <c r="GRU657" s="613"/>
      <c r="GRV657" s="613"/>
      <c r="GRW657" s="613"/>
      <c r="GRX657" s="613"/>
      <c r="GRY657" s="613"/>
      <c r="GRZ657" s="613"/>
      <c r="GSA657" s="613"/>
      <c r="GSB657" s="613"/>
      <c r="GSC657" s="613"/>
      <c r="GSD657" s="613"/>
      <c r="GSE657" s="613"/>
      <c r="GSF657" s="613"/>
      <c r="GSG657" s="613"/>
      <c r="GSH657" s="613"/>
      <c r="GSI657" s="613"/>
      <c r="GSJ657" s="613"/>
      <c r="GSK657" s="613"/>
      <c r="GSL657" s="613"/>
      <c r="GSM657" s="613"/>
      <c r="GSN657" s="613"/>
      <c r="GSO657" s="613"/>
      <c r="GSP657" s="613"/>
      <c r="GSQ657" s="613"/>
      <c r="GSR657" s="613"/>
      <c r="GSS657" s="613"/>
      <c r="GST657" s="613"/>
      <c r="GSU657" s="613"/>
      <c r="GSV657" s="613"/>
      <c r="GSW657" s="613"/>
      <c r="GSX657" s="613"/>
      <c r="GSY657" s="613"/>
      <c r="GSZ657" s="613"/>
      <c r="GTA657" s="613"/>
      <c r="GTB657" s="613"/>
      <c r="GTC657" s="613"/>
      <c r="GTD657" s="613"/>
      <c r="GTE657" s="613"/>
      <c r="GTF657" s="613"/>
      <c r="GTG657" s="613"/>
      <c r="GTH657" s="613"/>
      <c r="GTI657" s="613"/>
      <c r="GTJ657" s="613"/>
      <c r="GTK657" s="613"/>
      <c r="GTL657" s="613"/>
      <c r="GTM657" s="613"/>
      <c r="GTN657" s="613"/>
      <c r="GTO657" s="613"/>
      <c r="GTP657" s="613"/>
      <c r="GTQ657" s="613"/>
      <c r="GTR657" s="613"/>
      <c r="GTS657" s="613"/>
      <c r="GTT657" s="613"/>
      <c r="GTU657" s="613"/>
      <c r="GTV657" s="613"/>
      <c r="GTW657" s="613"/>
      <c r="GTX657" s="613"/>
      <c r="GTY657" s="613"/>
      <c r="GTZ657" s="613"/>
      <c r="GUA657" s="613"/>
      <c r="GUB657" s="613"/>
      <c r="GUC657" s="613"/>
      <c r="GUD657" s="613"/>
      <c r="GUE657" s="613"/>
      <c r="GUF657" s="613"/>
      <c r="GUG657" s="613"/>
      <c r="GUH657" s="613"/>
      <c r="GUI657" s="613"/>
      <c r="GUJ657" s="613"/>
      <c r="GUK657" s="613"/>
      <c r="GUL657" s="613"/>
      <c r="GUM657" s="613"/>
      <c r="GUN657" s="613"/>
      <c r="GUO657" s="613"/>
      <c r="GUP657" s="613"/>
      <c r="GUQ657" s="613"/>
      <c r="GUR657" s="613"/>
      <c r="GUS657" s="613"/>
      <c r="GUT657" s="613"/>
      <c r="GUU657" s="613"/>
      <c r="GUV657" s="613"/>
      <c r="GUW657" s="613"/>
      <c r="GUX657" s="613"/>
      <c r="GUY657" s="613"/>
      <c r="GUZ657" s="613"/>
      <c r="GVA657" s="613"/>
      <c r="GVB657" s="613"/>
      <c r="GVC657" s="613"/>
      <c r="GVD657" s="613"/>
      <c r="GVE657" s="613"/>
      <c r="GVF657" s="613"/>
      <c r="GVG657" s="613"/>
      <c r="GVH657" s="613"/>
      <c r="GVI657" s="613"/>
      <c r="GVJ657" s="613"/>
      <c r="GVK657" s="613"/>
      <c r="GVL657" s="613"/>
      <c r="GVM657" s="613"/>
      <c r="GVN657" s="613"/>
      <c r="GVO657" s="613"/>
      <c r="GVP657" s="613"/>
      <c r="GVQ657" s="613"/>
      <c r="GVR657" s="613"/>
      <c r="GVS657" s="613"/>
      <c r="GVT657" s="613"/>
      <c r="GVU657" s="613"/>
      <c r="GVV657" s="613"/>
      <c r="GVW657" s="613"/>
      <c r="GVX657" s="613"/>
      <c r="GVY657" s="613"/>
      <c r="GVZ657" s="613"/>
      <c r="GWA657" s="613"/>
      <c r="GWB657" s="613"/>
      <c r="GWC657" s="613"/>
      <c r="GWD657" s="613"/>
      <c r="GWE657" s="613"/>
      <c r="GWF657" s="613"/>
      <c r="GWG657" s="613"/>
      <c r="GWH657" s="613"/>
      <c r="GWI657" s="613"/>
      <c r="GWJ657" s="613"/>
      <c r="GWK657" s="613"/>
      <c r="GWL657" s="613"/>
      <c r="GWM657" s="613"/>
      <c r="GWN657" s="613"/>
      <c r="GWO657" s="613"/>
      <c r="GWP657" s="613"/>
      <c r="GWQ657" s="613"/>
      <c r="GWR657" s="613"/>
      <c r="GWS657" s="613"/>
      <c r="GWT657" s="613"/>
      <c r="GWU657" s="613"/>
      <c r="GWV657" s="613"/>
      <c r="GWW657" s="613"/>
      <c r="GWX657" s="613"/>
      <c r="GWY657" s="613"/>
      <c r="GWZ657" s="613"/>
      <c r="GXA657" s="613"/>
      <c r="GXB657" s="613"/>
      <c r="GXC657" s="613"/>
      <c r="GXD657" s="613"/>
      <c r="GXE657" s="613"/>
      <c r="GXF657" s="613"/>
      <c r="GXG657" s="613"/>
      <c r="GXH657" s="613"/>
      <c r="GXI657" s="613"/>
      <c r="GXJ657" s="613"/>
      <c r="GXK657" s="613"/>
      <c r="GXL657" s="613"/>
      <c r="GXM657" s="613"/>
      <c r="GXN657" s="613"/>
      <c r="GXO657" s="613"/>
      <c r="GXP657" s="613"/>
      <c r="GXQ657" s="613"/>
      <c r="GXR657" s="613"/>
      <c r="GXS657" s="613"/>
      <c r="GXT657" s="613"/>
      <c r="GXU657" s="613"/>
      <c r="GXV657" s="613"/>
      <c r="GXW657" s="613"/>
      <c r="GXX657" s="613"/>
      <c r="GXY657" s="613"/>
      <c r="GXZ657" s="613"/>
      <c r="GYA657" s="613"/>
      <c r="GYB657" s="613"/>
      <c r="GYC657" s="613"/>
      <c r="GYD657" s="613"/>
      <c r="GYE657" s="613"/>
      <c r="GYF657" s="613"/>
      <c r="GYG657" s="613"/>
      <c r="GYH657" s="613"/>
      <c r="GYI657" s="613"/>
      <c r="GYJ657" s="613"/>
      <c r="GYK657" s="613"/>
      <c r="GYL657" s="613"/>
      <c r="GYM657" s="613"/>
      <c r="GYN657" s="613"/>
      <c r="GYO657" s="613"/>
      <c r="GYP657" s="613"/>
      <c r="GYQ657" s="613"/>
      <c r="GYR657" s="613"/>
      <c r="GYS657" s="613"/>
      <c r="GYT657" s="613"/>
      <c r="GYU657" s="613"/>
      <c r="GYV657" s="613"/>
      <c r="GYW657" s="613"/>
      <c r="GYX657" s="613"/>
      <c r="GYY657" s="613"/>
      <c r="GYZ657" s="613"/>
      <c r="GZA657" s="613"/>
      <c r="GZB657" s="613"/>
      <c r="GZC657" s="613"/>
      <c r="GZD657" s="613"/>
      <c r="GZE657" s="613"/>
      <c r="GZF657" s="613"/>
      <c r="GZG657" s="613"/>
      <c r="GZH657" s="613"/>
      <c r="GZI657" s="613"/>
      <c r="GZJ657" s="613"/>
      <c r="GZK657" s="613"/>
      <c r="GZL657" s="613"/>
      <c r="GZM657" s="613"/>
      <c r="GZN657" s="613"/>
      <c r="GZO657" s="613"/>
      <c r="GZP657" s="613"/>
      <c r="GZQ657" s="613"/>
      <c r="GZR657" s="613"/>
      <c r="GZS657" s="613"/>
      <c r="GZT657" s="613"/>
      <c r="GZU657" s="613"/>
      <c r="GZV657" s="613"/>
      <c r="GZW657" s="613"/>
      <c r="GZX657" s="613"/>
      <c r="GZY657" s="613"/>
      <c r="GZZ657" s="613"/>
      <c r="HAA657" s="613"/>
      <c r="HAB657" s="613"/>
      <c r="HAC657" s="613"/>
      <c r="HAD657" s="613"/>
      <c r="HAE657" s="613"/>
      <c r="HAF657" s="613"/>
      <c r="HAG657" s="613"/>
      <c r="HAH657" s="613"/>
      <c r="HAI657" s="613"/>
      <c r="HAJ657" s="613"/>
      <c r="HAK657" s="613"/>
      <c r="HAL657" s="613"/>
      <c r="HAM657" s="613"/>
      <c r="HAN657" s="613"/>
      <c r="HAO657" s="613"/>
      <c r="HAP657" s="613"/>
      <c r="HAQ657" s="613"/>
      <c r="HAR657" s="613"/>
      <c r="HAS657" s="613"/>
      <c r="HAT657" s="613"/>
      <c r="HAU657" s="613"/>
      <c r="HAV657" s="613"/>
      <c r="HAW657" s="613"/>
      <c r="HAX657" s="613"/>
      <c r="HAY657" s="613"/>
      <c r="HAZ657" s="613"/>
      <c r="HBA657" s="613"/>
      <c r="HBB657" s="613"/>
      <c r="HBC657" s="613"/>
      <c r="HBD657" s="613"/>
      <c r="HBE657" s="613"/>
      <c r="HBF657" s="613"/>
      <c r="HBG657" s="613"/>
      <c r="HBH657" s="613"/>
      <c r="HBI657" s="613"/>
      <c r="HBJ657" s="613"/>
      <c r="HBK657" s="613"/>
      <c r="HBL657" s="613"/>
      <c r="HBM657" s="613"/>
      <c r="HBN657" s="613"/>
      <c r="HBO657" s="613"/>
      <c r="HBP657" s="613"/>
      <c r="HBQ657" s="613"/>
      <c r="HBR657" s="613"/>
      <c r="HBS657" s="613"/>
      <c r="HBT657" s="613"/>
      <c r="HBU657" s="613"/>
      <c r="HBV657" s="613"/>
      <c r="HBW657" s="613"/>
      <c r="HBX657" s="613"/>
      <c r="HBY657" s="613"/>
      <c r="HBZ657" s="613"/>
      <c r="HCA657" s="613"/>
      <c r="HCB657" s="613"/>
      <c r="HCC657" s="613"/>
      <c r="HCD657" s="613"/>
      <c r="HCE657" s="613"/>
      <c r="HCF657" s="613"/>
      <c r="HCG657" s="613"/>
      <c r="HCH657" s="613"/>
      <c r="HCI657" s="613"/>
      <c r="HCJ657" s="613"/>
      <c r="HCK657" s="613"/>
      <c r="HCL657" s="613"/>
      <c r="HCM657" s="613"/>
      <c r="HCN657" s="613"/>
      <c r="HCO657" s="613"/>
      <c r="HCP657" s="613"/>
      <c r="HCQ657" s="613"/>
      <c r="HCR657" s="613"/>
      <c r="HCS657" s="613"/>
      <c r="HCT657" s="613"/>
      <c r="HCU657" s="613"/>
      <c r="HCV657" s="613"/>
      <c r="HCW657" s="613"/>
      <c r="HCX657" s="613"/>
      <c r="HCY657" s="613"/>
      <c r="HCZ657" s="613"/>
      <c r="HDA657" s="613"/>
      <c r="HDB657" s="613"/>
      <c r="HDC657" s="613"/>
      <c r="HDD657" s="613"/>
      <c r="HDE657" s="613"/>
      <c r="HDF657" s="613"/>
      <c r="HDG657" s="613"/>
      <c r="HDH657" s="613"/>
      <c r="HDI657" s="613"/>
      <c r="HDJ657" s="613"/>
      <c r="HDK657" s="613"/>
      <c r="HDL657" s="613"/>
      <c r="HDM657" s="613"/>
      <c r="HDN657" s="613"/>
      <c r="HDO657" s="613"/>
      <c r="HDP657" s="613"/>
      <c r="HDQ657" s="613"/>
      <c r="HDR657" s="613"/>
      <c r="HDS657" s="613"/>
      <c r="HDT657" s="613"/>
      <c r="HDU657" s="613"/>
      <c r="HDV657" s="613"/>
      <c r="HDW657" s="613"/>
      <c r="HDX657" s="613"/>
      <c r="HDY657" s="613"/>
      <c r="HDZ657" s="613"/>
      <c r="HEA657" s="613"/>
      <c r="HEB657" s="613"/>
      <c r="HEC657" s="613"/>
      <c r="HED657" s="613"/>
      <c r="HEE657" s="613"/>
      <c r="HEF657" s="613"/>
      <c r="HEG657" s="613"/>
      <c r="HEH657" s="613"/>
      <c r="HEI657" s="613"/>
      <c r="HEJ657" s="613"/>
      <c r="HEK657" s="613"/>
      <c r="HEL657" s="613"/>
      <c r="HEM657" s="613"/>
      <c r="HEN657" s="613"/>
      <c r="HEO657" s="613"/>
      <c r="HEP657" s="613"/>
      <c r="HEQ657" s="613"/>
      <c r="HER657" s="613"/>
      <c r="HES657" s="613"/>
      <c r="HET657" s="613"/>
      <c r="HEU657" s="613"/>
      <c r="HEV657" s="613"/>
      <c r="HEW657" s="613"/>
      <c r="HEX657" s="613"/>
      <c r="HEY657" s="613"/>
      <c r="HEZ657" s="613"/>
      <c r="HFA657" s="613"/>
      <c r="HFB657" s="613"/>
      <c r="HFC657" s="613"/>
      <c r="HFD657" s="613"/>
      <c r="HFE657" s="613"/>
      <c r="HFF657" s="613"/>
      <c r="HFG657" s="613"/>
      <c r="HFH657" s="613"/>
      <c r="HFI657" s="613"/>
      <c r="HFJ657" s="613"/>
      <c r="HFK657" s="613"/>
      <c r="HFL657" s="613"/>
      <c r="HFM657" s="613"/>
      <c r="HFN657" s="613"/>
      <c r="HFO657" s="613"/>
      <c r="HFP657" s="613"/>
      <c r="HFQ657" s="613"/>
      <c r="HFR657" s="613"/>
      <c r="HFS657" s="613"/>
      <c r="HFT657" s="613"/>
      <c r="HFU657" s="613"/>
      <c r="HFV657" s="613"/>
      <c r="HFW657" s="613"/>
      <c r="HFX657" s="613"/>
      <c r="HFY657" s="613"/>
      <c r="HFZ657" s="613"/>
      <c r="HGA657" s="613"/>
      <c r="HGB657" s="613"/>
      <c r="HGC657" s="613"/>
      <c r="HGD657" s="613"/>
      <c r="HGE657" s="613"/>
      <c r="HGF657" s="613"/>
      <c r="HGG657" s="613"/>
      <c r="HGH657" s="613"/>
      <c r="HGI657" s="613"/>
      <c r="HGJ657" s="613"/>
      <c r="HGK657" s="613"/>
      <c r="HGL657" s="613"/>
      <c r="HGM657" s="613"/>
      <c r="HGN657" s="613"/>
      <c r="HGO657" s="613"/>
      <c r="HGP657" s="613"/>
      <c r="HGQ657" s="613"/>
      <c r="HGR657" s="613"/>
      <c r="HGS657" s="613"/>
      <c r="HGT657" s="613"/>
      <c r="HGU657" s="613"/>
      <c r="HGV657" s="613"/>
      <c r="HGW657" s="613"/>
      <c r="HGX657" s="613"/>
      <c r="HGY657" s="613"/>
      <c r="HGZ657" s="613"/>
      <c r="HHA657" s="613"/>
      <c r="HHB657" s="613"/>
      <c r="HHC657" s="613"/>
      <c r="HHD657" s="613"/>
      <c r="HHE657" s="613"/>
      <c r="HHF657" s="613"/>
      <c r="HHG657" s="613"/>
      <c r="HHH657" s="613"/>
      <c r="HHI657" s="613"/>
      <c r="HHJ657" s="613"/>
      <c r="HHK657" s="613"/>
      <c r="HHL657" s="613"/>
      <c r="HHM657" s="613"/>
      <c r="HHN657" s="613"/>
      <c r="HHO657" s="613"/>
      <c r="HHP657" s="613"/>
      <c r="HHQ657" s="613"/>
      <c r="HHR657" s="613"/>
      <c r="HHS657" s="613"/>
      <c r="HHT657" s="613"/>
      <c r="HHU657" s="613"/>
      <c r="HHV657" s="613"/>
      <c r="HHW657" s="613"/>
      <c r="HHX657" s="613"/>
      <c r="HHY657" s="613"/>
      <c r="HHZ657" s="613"/>
      <c r="HIA657" s="613"/>
      <c r="HIB657" s="613"/>
      <c r="HIC657" s="613"/>
      <c r="HID657" s="613"/>
      <c r="HIE657" s="613"/>
      <c r="HIF657" s="613"/>
      <c r="HIG657" s="613"/>
      <c r="HIH657" s="613"/>
      <c r="HII657" s="613"/>
      <c r="HIJ657" s="613"/>
      <c r="HIK657" s="613"/>
      <c r="HIL657" s="613"/>
      <c r="HIM657" s="613"/>
      <c r="HIN657" s="613"/>
      <c r="HIO657" s="613"/>
      <c r="HIP657" s="613"/>
      <c r="HIQ657" s="613"/>
      <c r="HIR657" s="613"/>
      <c r="HIS657" s="613"/>
      <c r="HIT657" s="613"/>
      <c r="HIU657" s="613"/>
      <c r="HIV657" s="613"/>
      <c r="HIW657" s="613"/>
      <c r="HIX657" s="613"/>
      <c r="HIY657" s="613"/>
      <c r="HIZ657" s="613"/>
      <c r="HJA657" s="613"/>
      <c r="HJB657" s="613"/>
      <c r="HJC657" s="613"/>
      <c r="HJD657" s="613"/>
      <c r="HJE657" s="613"/>
      <c r="HJF657" s="613"/>
      <c r="HJG657" s="613"/>
      <c r="HJH657" s="613"/>
      <c r="HJI657" s="613"/>
      <c r="HJJ657" s="613"/>
      <c r="HJK657" s="613"/>
      <c r="HJL657" s="613"/>
      <c r="HJM657" s="613"/>
      <c r="HJN657" s="613"/>
      <c r="HJO657" s="613"/>
      <c r="HJP657" s="613"/>
      <c r="HJQ657" s="613"/>
      <c r="HJR657" s="613"/>
      <c r="HJS657" s="613"/>
      <c r="HJT657" s="613"/>
      <c r="HJU657" s="613"/>
      <c r="HJV657" s="613"/>
      <c r="HJW657" s="613"/>
      <c r="HJX657" s="613"/>
      <c r="HJY657" s="613"/>
      <c r="HJZ657" s="613"/>
      <c r="HKA657" s="613"/>
      <c r="HKB657" s="613"/>
      <c r="HKC657" s="613"/>
      <c r="HKD657" s="613"/>
      <c r="HKE657" s="613"/>
      <c r="HKF657" s="613"/>
      <c r="HKG657" s="613"/>
      <c r="HKH657" s="613"/>
      <c r="HKI657" s="613"/>
      <c r="HKJ657" s="613"/>
      <c r="HKK657" s="613"/>
      <c r="HKL657" s="613"/>
      <c r="HKM657" s="613"/>
      <c r="HKN657" s="613"/>
      <c r="HKO657" s="613"/>
      <c r="HKP657" s="613"/>
      <c r="HKQ657" s="613"/>
      <c r="HKR657" s="613"/>
      <c r="HKS657" s="613"/>
      <c r="HKT657" s="613"/>
      <c r="HKU657" s="613"/>
      <c r="HKV657" s="613"/>
      <c r="HKW657" s="613"/>
      <c r="HKX657" s="613"/>
      <c r="HKY657" s="613"/>
      <c r="HKZ657" s="613"/>
      <c r="HLA657" s="613"/>
      <c r="HLB657" s="613"/>
      <c r="HLC657" s="613"/>
      <c r="HLD657" s="613"/>
      <c r="HLE657" s="613"/>
      <c r="HLF657" s="613"/>
      <c r="HLG657" s="613"/>
      <c r="HLH657" s="613"/>
      <c r="HLI657" s="613"/>
      <c r="HLJ657" s="613"/>
      <c r="HLK657" s="613"/>
      <c r="HLL657" s="613"/>
      <c r="HLM657" s="613"/>
      <c r="HLN657" s="613"/>
      <c r="HLO657" s="613"/>
      <c r="HLP657" s="613"/>
      <c r="HLQ657" s="613"/>
      <c r="HLR657" s="613"/>
      <c r="HLS657" s="613"/>
      <c r="HLT657" s="613"/>
      <c r="HLU657" s="613"/>
      <c r="HLV657" s="613"/>
      <c r="HLW657" s="613"/>
      <c r="HLX657" s="613"/>
      <c r="HLY657" s="613"/>
      <c r="HLZ657" s="613"/>
      <c r="HMA657" s="613"/>
      <c r="HMB657" s="613"/>
      <c r="HMC657" s="613"/>
      <c r="HMD657" s="613"/>
      <c r="HME657" s="613"/>
      <c r="HMF657" s="613"/>
      <c r="HMG657" s="613"/>
      <c r="HMH657" s="613"/>
      <c r="HMI657" s="613"/>
      <c r="HMJ657" s="613"/>
      <c r="HMK657" s="613"/>
      <c r="HML657" s="613"/>
      <c r="HMM657" s="613"/>
      <c r="HMN657" s="613"/>
      <c r="HMO657" s="613"/>
      <c r="HMP657" s="613"/>
      <c r="HMQ657" s="613"/>
      <c r="HMR657" s="613"/>
      <c r="HMS657" s="613"/>
      <c r="HMT657" s="613"/>
      <c r="HMU657" s="613"/>
      <c r="HMV657" s="613"/>
      <c r="HMW657" s="613"/>
      <c r="HMX657" s="613"/>
      <c r="HMY657" s="613"/>
      <c r="HMZ657" s="613"/>
      <c r="HNA657" s="613"/>
      <c r="HNB657" s="613"/>
      <c r="HNC657" s="613"/>
      <c r="HND657" s="613"/>
      <c r="HNE657" s="613"/>
      <c r="HNF657" s="613"/>
      <c r="HNG657" s="613"/>
      <c r="HNH657" s="613"/>
      <c r="HNI657" s="613"/>
      <c r="HNJ657" s="613"/>
      <c r="HNK657" s="613"/>
      <c r="HNL657" s="613"/>
      <c r="HNM657" s="613"/>
      <c r="HNN657" s="613"/>
      <c r="HNO657" s="613"/>
      <c r="HNP657" s="613"/>
      <c r="HNQ657" s="613"/>
      <c r="HNR657" s="613"/>
      <c r="HNS657" s="613"/>
      <c r="HNT657" s="613"/>
      <c r="HNU657" s="613"/>
      <c r="HNV657" s="613"/>
      <c r="HNW657" s="613"/>
      <c r="HNX657" s="613"/>
      <c r="HNY657" s="613"/>
      <c r="HNZ657" s="613"/>
      <c r="HOA657" s="613"/>
      <c r="HOB657" s="613"/>
      <c r="HOC657" s="613"/>
      <c r="HOD657" s="613"/>
      <c r="HOE657" s="613"/>
      <c r="HOF657" s="613"/>
      <c r="HOG657" s="613"/>
      <c r="HOH657" s="613"/>
      <c r="HOI657" s="613"/>
      <c r="HOJ657" s="613"/>
      <c r="HOK657" s="613"/>
      <c r="HOL657" s="613"/>
      <c r="HOM657" s="613"/>
      <c r="HON657" s="613"/>
      <c r="HOO657" s="613"/>
      <c r="HOP657" s="613"/>
      <c r="HOQ657" s="613"/>
      <c r="HOR657" s="613"/>
      <c r="HOS657" s="613"/>
      <c r="HOT657" s="613"/>
      <c r="HOU657" s="613"/>
      <c r="HOV657" s="613"/>
      <c r="HOW657" s="613"/>
      <c r="HOX657" s="613"/>
      <c r="HOY657" s="613"/>
      <c r="HOZ657" s="613"/>
      <c r="HPA657" s="613"/>
      <c r="HPB657" s="613"/>
      <c r="HPC657" s="613"/>
      <c r="HPD657" s="613"/>
      <c r="HPE657" s="613"/>
      <c r="HPF657" s="613"/>
      <c r="HPG657" s="613"/>
      <c r="HPH657" s="613"/>
      <c r="HPI657" s="613"/>
      <c r="HPJ657" s="613"/>
      <c r="HPK657" s="613"/>
      <c r="HPL657" s="613"/>
      <c r="HPM657" s="613"/>
      <c r="HPN657" s="613"/>
      <c r="HPO657" s="613"/>
      <c r="HPP657" s="613"/>
      <c r="HPQ657" s="613"/>
      <c r="HPR657" s="613"/>
      <c r="HPS657" s="613"/>
      <c r="HPT657" s="613"/>
      <c r="HPU657" s="613"/>
      <c r="HPV657" s="613"/>
      <c r="HPW657" s="613"/>
      <c r="HPX657" s="613"/>
      <c r="HPY657" s="613"/>
      <c r="HPZ657" s="613"/>
      <c r="HQA657" s="613"/>
      <c r="HQB657" s="613"/>
      <c r="HQC657" s="613"/>
      <c r="HQD657" s="613"/>
      <c r="HQE657" s="613"/>
      <c r="HQF657" s="613"/>
      <c r="HQG657" s="613"/>
      <c r="HQH657" s="613"/>
      <c r="HQI657" s="613"/>
      <c r="HQJ657" s="613"/>
      <c r="HQK657" s="613"/>
      <c r="HQL657" s="613"/>
      <c r="HQM657" s="613"/>
      <c r="HQN657" s="613"/>
      <c r="HQO657" s="613"/>
      <c r="HQP657" s="613"/>
      <c r="HQQ657" s="613"/>
      <c r="HQR657" s="613"/>
      <c r="HQS657" s="613"/>
      <c r="HQT657" s="613"/>
      <c r="HQU657" s="613"/>
      <c r="HQV657" s="613"/>
      <c r="HQW657" s="613"/>
      <c r="HQX657" s="613"/>
      <c r="HQY657" s="613"/>
      <c r="HQZ657" s="613"/>
      <c r="HRA657" s="613"/>
      <c r="HRB657" s="613"/>
      <c r="HRC657" s="613"/>
      <c r="HRD657" s="613"/>
      <c r="HRE657" s="613"/>
      <c r="HRF657" s="613"/>
      <c r="HRG657" s="613"/>
      <c r="HRH657" s="613"/>
      <c r="HRI657" s="613"/>
      <c r="HRJ657" s="613"/>
      <c r="HRK657" s="613"/>
      <c r="HRL657" s="613"/>
      <c r="HRM657" s="613"/>
      <c r="HRN657" s="613"/>
      <c r="HRO657" s="613"/>
      <c r="HRP657" s="613"/>
      <c r="HRQ657" s="613"/>
      <c r="HRR657" s="613"/>
      <c r="HRS657" s="613"/>
      <c r="HRT657" s="613"/>
      <c r="HRU657" s="613"/>
      <c r="HRV657" s="613"/>
      <c r="HRW657" s="613"/>
      <c r="HRX657" s="613"/>
      <c r="HRY657" s="613"/>
      <c r="HRZ657" s="613"/>
      <c r="HSA657" s="613"/>
      <c r="HSB657" s="613"/>
      <c r="HSC657" s="613"/>
      <c r="HSD657" s="613"/>
      <c r="HSE657" s="613"/>
      <c r="HSF657" s="613"/>
      <c r="HSG657" s="613"/>
      <c r="HSH657" s="613"/>
      <c r="HSI657" s="613"/>
      <c r="HSJ657" s="613"/>
      <c r="HSK657" s="613"/>
      <c r="HSL657" s="613"/>
      <c r="HSM657" s="613"/>
      <c r="HSN657" s="613"/>
      <c r="HSO657" s="613"/>
      <c r="HSP657" s="613"/>
      <c r="HSQ657" s="613"/>
      <c r="HSR657" s="613"/>
      <c r="HSS657" s="613"/>
      <c r="HST657" s="613"/>
      <c r="HSU657" s="613"/>
      <c r="HSV657" s="613"/>
      <c r="HSW657" s="613"/>
      <c r="HSX657" s="613"/>
      <c r="HSY657" s="613"/>
      <c r="HSZ657" s="613"/>
      <c r="HTA657" s="613"/>
      <c r="HTB657" s="613"/>
      <c r="HTC657" s="613"/>
      <c r="HTD657" s="613"/>
      <c r="HTE657" s="613"/>
      <c r="HTF657" s="613"/>
      <c r="HTG657" s="613"/>
      <c r="HTH657" s="613"/>
      <c r="HTI657" s="613"/>
      <c r="HTJ657" s="613"/>
      <c r="HTK657" s="613"/>
      <c r="HTL657" s="613"/>
      <c r="HTM657" s="613"/>
      <c r="HTN657" s="613"/>
      <c r="HTO657" s="613"/>
      <c r="HTP657" s="613"/>
      <c r="HTQ657" s="613"/>
      <c r="HTR657" s="613"/>
      <c r="HTS657" s="613"/>
      <c r="HTT657" s="613"/>
      <c r="HTU657" s="613"/>
      <c r="HTV657" s="613"/>
      <c r="HTW657" s="613"/>
      <c r="HTX657" s="613"/>
      <c r="HTY657" s="613"/>
      <c r="HTZ657" s="613"/>
      <c r="HUA657" s="613"/>
      <c r="HUB657" s="613"/>
      <c r="HUC657" s="613"/>
      <c r="HUD657" s="613"/>
      <c r="HUE657" s="613"/>
      <c r="HUF657" s="613"/>
      <c r="HUG657" s="613"/>
      <c r="HUH657" s="613"/>
      <c r="HUI657" s="613"/>
      <c r="HUJ657" s="613"/>
      <c r="HUK657" s="613"/>
      <c r="HUL657" s="613"/>
      <c r="HUM657" s="613"/>
      <c r="HUN657" s="613"/>
      <c r="HUO657" s="613"/>
      <c r="HUP657" s="613"/>
      <c r="HUQ657" s="613"/>
      <c r="HUR657" s="613"/>
      <c r="HUS657" s="613"/>
      <c r="HUT657" s="613"/>
      <c r="HUU657" s="613"/>
      <c r="HUV657" s="613"/>
      <c r="HUW657" s="613"/>
      <c r="HUX657" s="613"/>
      <c r="HUY657" s="613"/>
      <c r="HUZ657" s="613"/>
      <c r="HVA657" s="613"/>
      <c r="HVB657" s="613"/>
      <c r="HVC657" s="613"/>
      <c r="HVD657" s="613"/>
      <c r="HVE657" s="613"/>
      <c r="HVF657" s="613"/>
      <c r="HVG657" s="613"/>
      <c r="HVH657" s="613"/>
      <c r="HVI657" s="613"/>
      <c r="HVJ657" s="613"/>
      <c r="HVK657" s="613"/>
      <c r="HVL657" s="613"/>
      <c r="HVM657" s="613"/>
      <c r="HVN657" s="613"/>
      <c r="HVO657" s="613"/>
      <c r="HVP657" s="613"/>
      <c r="HVQ657" s="613"/>
      <c r="HVR657" s="613"/>
      <c r="HVS657" s="613"/>
      <c r="HVT657" s="613"/>
      <c r="HVU657" s="613"/>
      <c r="HVV657" s="613"/>
      <c r="HVW657" s="613"/>
      <c r="HVX657" s="613"/>
      <c r="HVY657" s="613"/>
      <c r="HVZ657" s="613"/>
      <c r="HWA657" s="613"/>
      <c r="HWB657" s="613"/>
      <c r="HWC657" s="613"/>
      <c r="HWD657" s="613"/>
      <c r="HWE657" s="613"/>
      <c r="HWF657" s="613"/>
      <c r="HWG657" s="613"/>
      <c r="HWH657" s="613"/>
      <c r="HWI657" s="613"/>
      <c r="HWJ657" s="613"/>
      <c r="HWK657" s="613"/>
      <c r="HWL657" s="613"/>
      <c r="HWM657" s="613"/>
      <c r="HWN657" s="613"/>
      <c r="HWO657" s="613"/>
      <c r="HWP657" s="613"/>
      <c r="HWQ657" s="613"/>
      <c r="HWR657" s="613"/>
      <c r="HWS657" s="613"/>
      <c r="HWT657" s="613"/>
      <c r="HWU657" s="613"/>
      <c r="HWV657" s="613"/>
      <c r="HWW657" s="613"/>
      <c r="HWX657" s="613"/>
      <c r="HWY657" s="613"/>
      <c r="HWZ657" s="613"/>
      <c r="HXA657" s="613"/>
      <c r="HXB657" s="613"/>
      <c r="HXC657" s="613"/>
      <c r="HXD657" s="613"/>
      <c r="HXE657" s="613"/>
      <c r="HXF657" s="613"/>
      <c r="HXG657" s="613"/>
      <c r="HXH657" s="613"/>
      <c r="HXI657" s="613"/>
      <c r="HXJ657" s="613"/>
      <c r="HXK657" s="613"/>
      <c r="HXL657" s="613"/>
      <c r="HXM657" s="613"/>
      <c r="HXN657" s="613"/>
      <c r="HXO657" s="613"/>
      <c r="HXP657" s="613"/>
      <c r="HXQ657" s="613"/>
      <c r="HXR657" s="613"/>
      <c r="HXS657" s="613"/>
      <c r="HXT657" s="613"/>
      <c r="HXU657" s="613"/>
      <c r="HXV657" s="613"/>
      <c r="HXW657" s="613"/>
      <c r="HXX657" s="613"/>
      <c r="HXY657" s="613"/>
      <c r="HXZ657" s="613"/>
      <c r="HYA657" s="613"/>
      <c r="HYB657" s="613"/>
      <c r="HYC657" s="613"/>
      <c r="HYD657" s="613"/>
      <c r="HYE657" s="613"/>
      <c r="HYF657" s="613"/>
      <c r="HYG657" s="613"/>
      <c r="HYH657" s="613"/>
      <c r="HYI657" s="613"/>
      <c r="HYJ657" s="613"/>
      <c r="HYK657" s="613"/>
      <c r="HYL657" s="613"/>
      <c r="HYM657" s="613"/>
      <c r="HYN657" s="613"/>
      <c r="HYO657" s="613"/>
      <c r="HYP657" s="613"/>
      <c r="HYQ657" s="613"/>
      <c r="HYR657" s="613"/>
      <c r="HYS657" s="613"/>
      <c r="HYT657" s="613"/>
      <c r="HYU657" s="613"/>
      <c r="HYV657" s="613"/>
      <c r="HYW657" s="613"/>
      <c r="HYX657" s="613"/>
      <c r="HYY657" s="613"/>
      <c r="HYZ657" s="613"/>
      <c r="HZA657" s="613"/>
      <c r="HZB657" s="613"/>
      <c r="HZC657" s="613"/>
      <c r="HZD657" s="613"/>
      <c r="HZE657" s="613"/>
      <c r="HZF657" s="613"/>
      <c r="HZG657" s="613"/>
      <c r="HZH657" s="613"/>
      <c r="HZI657" s="613"/>
      <c r="HZJ657" s="613"/>
      <c r="HZK657" s="613"/>
      <c r="HZL657" s="613"/>
      <c r="HZM657" s="613"/>
      <c r="HZN657" s="613"/>
      <c r="HZO657" s="613"/>
      <c r="HZP657" s="613"/>
      <c r="HZQ657" s="613"/>
      <c r="HZR657" s="613"/>
      <c r="HZS657" s="613"/>
      <c r="HZT657" s="613"/>
      <c r="HZU657" s="613"/>
      <c r="HZV657" s="613"/>
      <c r="HZW657" s="613"/>
      <c r="HZX657" s="613"/>
      <c r="HZY657" s="613"/>
      <c r="HZZ657" s="613"/>
      <c r="IAA657" s="613"/>
      <c r="IAB657" s="613"/>
      <c r="IAC657" s="613"/>
      <c r="IAD657" s="613"/>
      <c r="IAE657" s="613"/>
      <c r="IAF657" s="613"/>
      <c r="IAG657" s="613"/>
      <c r="IAH657" s="613"/>
      <c r="IAI657" s="613"/>
      <c r="IAJ657" s="613"/>
      <c r="IAK657" s="613"/>
      <c r="IAL657" s="613"/>
      <c r="IAM657" s="613"/>
      <c r="IAN657" s="613"/>
      <c r="IAO657" s="613"/>
      <c r="IAP657" s="613"/>
      <c r="IAQ657" s="613"/>
      <c r="IAR657" s="613"/>
      <c r="IAS657" s="613"/>
      <c r="IAT657" s="613"/>
      <c r="IAU657" s="613"/>
      <c r="IAV657" s="613"/>
      <c r="IAW657" s="613"/>
      <c r="IAX657" s="613"/>
      <c r="IAY657" s="613"/>
      <c r="IAZ657" s="613"/>
      <c r="IBA657" s="613"/>
      <c r="IBB657" s="613"/>
      <c r="IBC657" s="613"/>
      <c r="IBD657" s="613"/>
      <c r="IBE657" s="613"/>
      <c r="IBF657" s="613"/>
      <c r="IBG657" s="613"/>
      <c r="IBH657" s="613"/>
      <c r="IBI657" s="613"/>
      <c r="IBJ657" s="613"/>
      <c r="IBK657" s="613"/>
      <c r="IBL657" s="613"/>
      <c r="IBM657" s="613"/>
      <c r="IBN657" s="613"/>
      <c r="IBO657" s="613"/>
      <c r="IBP657" s="613"/>
      <c r="IBQ657" s="613"/>
      <c r="IBR657" s="613"/>
      <c r="IBS657" s="613"/>
      <c r="IBT657" s="613"/>
      <c r="IBU657" s="613"/>
      <c r="IBV657" s="613"/>
      <c r="IBW657" s="613"/>
      <c r="IBX657" s="613"/>
      <c r="IBY657" s="613"/>
      <c r="IBZ657" s="613"/>
      <c r="ICA657" s="613"/>
      <c r="ICB657" s="613"/>
      <c r="ICC657" s="613"/>
      <c r="ICD657" s="613"/>
      <c r="ICE657" s="613"/>
      <c r="ICF657" s="613"/>
      <c r="ICG657" s="613"/>
      <c r="ICH657" s="613"/>
      <c r="ICI657" s="613"/>
      <c r="ICJ657" s="613"/>
      <c r="ICK657" s="613"/>
      <c r="ICL657" s="613"/>
      <c r="ICM657" s="613"/>
      <c r="ICN657" s="613"/>
      <c r="ICO657" s="613"/>
      <c r="ICP657" s="613"/>
      <c r="ICQ657" s="613"/>
      <c r="ICR657" s="613"/>
      <c r="ICS657" s="613"/>
      <c r="ICT657" s="613"/>
      <c r="ICU657" s="613"/>
      <c r="ICV657" s="613"/>
      <c r="ICW657" s="613"/>
      <c r="ICX657" s="613"/>
      <c r="ICY657" s="613"/>
      <c r="ICZ657" s="613"/>
      <c r="IDA657" s="613"/>
      <c r="IDB657" s="613"/>
      <c r="IDC657" s="613"/>
      <c r="IDD657" s="613"/>
      <c r="IDE657" s="613"/>
      <c r="IDF657" s="613"/>
      <c r="IDG657" s="613"/>
      <c r="IDH657" s="613"/>
      <c r="IDI657" s="613"/>
      <c r="IDJ657" s="613"/>
      <c r="IDK657" s="613"/>
      <c r="IDL657" s="613"/>
      <c r="IDM657" s="613"/>
      <c r="IDN657" s="613"/>
      <c r="IDO657" s="613"/>
      <c r="IDP657" s="613"/>
      <c r="IDQ657" s="613"/>
      <c r="IDR657" s="613"/>
      <c r="IDS657" s="613"/>
      <c r="IDT657" s="613"/>
      <c r="IDU657" s="613"/>
      <c r="IDV657" s="613"/>
      <c r="IDW657" s="613"/>
      <c r="IDX657" s="613"/>
      <c r="IDY657" s="613"/>
      <c r="IDZ657" s="613"/>
      <c r="IEA657" s="613"/>
      <c r="IEB657" s="613"/>
      <c r="IEC657" s="613"/>
      <c r="IED657" s="613"/>
      <c r="IEE657" s="613"/>
      <c r="IEF657" s="613"/>
      <c r="IEG657" s="613"/>
      <c r="IEH657" s="613"/>
      <c r="IEI657" s="613"/>
      <c r="IEJ657" s="613"/>
      <c r="IEK657" s="613"/>
      <c r="IEL657" s="613"/>
      <c r="IEM657" s="613"/>
      <c r="IEN657" s="613"/>
      <c r="IEO657" s="613"/>
      <c r="IEP657" s="613"/>
      <c r="IEQ657" s="613"/>
      <c r="IER657" s="613"/>
      <c r="IES657" s="613"/>
      <c r="IET657" s="613"/>
      <c r="IEU657" s="613"/>
      <c r="IEV657" s="613"/>
      <c r="IEW657" s="613"/>
      <c r="IEX657" s="613"/>
      <c r="IEY657" s="613"/>
      <c r="IEZ657" s="613"/>
      <c r="IFA657" s="613"/>
      <c r="IFB657" s="613"/>
      <c r="IFC657" s="613"/>
      <c r="IFD657" s="613"/>
      <c r="IFE657" s="613"/>
      <c r="IFF657" s="613"/>
      <c r="IFG657" s="613"/>
      <c r="IFH657" s="613"/>
      <c r="IFI657" s="613"/>
      <c r="IFJ657" s="613"/>
      <c r="IFK657" s="613"/>
      <c r="IFL657" s="613"/>
      <c r="IFM657" s="613"/>
      <c r="IFN657" s="613"/>
      <c r="IFO657" s="613"/>
      <c r="IFP657" s="613"/>
      <c r="IFQ657" s="613"/>
      <c r="IFR657" s="613"/>
      <c r="IFS657" s="613"/>
      <c r="IFT657" s="613"/>
      <c r="IFU657" s="613"/>
      <c r="IFV657" s="613"/>
      <c r="IFW657" s="613"/>
      <c r="IFX657" s="613"/>
      <c r="IFY657" s="613"/>
      <c r="IFZ657" s="613"/>
      <c r="IGA657" s="613"/>
      <c r="IGB657" s="613"/>
      <c r="IGC657" s="613"/>
      <c r="IGD657" s="613"/>
      <c r="IGE657" s="613"/>
      <c r="IGF657" s="613"/>
      <c r="IGG657" s="613"/>
      <c r="IGH657" s="613"/>
      <c r="IGI657" s="613"/>
      <c r="IGJ657" s="613"/>
      <c r="IGK657" s="613"/>
      <c r="IGL657" s="613"/>
      <c r="IGM657" s="613"/>
      <c r="IGN657" s="613"/>
      <c r="IGO657" s="613"/>
      <c r="IGP657" s="613"/>
      <c r="IGQ657" s="613"/>
      <c r="IGR657" s="613"/>
      <c r="IGS657" s="613"/>
      <c r="IGT657" s="613"/>
      <c r="IGU657" s="613"/>
      <c r="IGV657" s="613"/>
      <c r="IGW657" s="613"/>
      <c r="IGX657" s="613"/>
      <c r="IGY657" s="613"/>
      <c r="IGZ657" s="613"/>
      <c r="IHA657" s="613"/>
      <c r="IHB657" s="613"/>
      <c r="IHC657" s="613"/>
      <c r="IHD657" s="613"/>
      <c r="IHE657" s="613"/>
      <c r="IHF657" s="613"/>
      <c r="IHG657" s="613"/>
      <c r="IHH657" s="613"/>
      <c r="IHI657" s="613"/>
      <c r="IHJ657" s="613"/>
      <c r="IHK657" s="613"/>
      <c r="IHL657" s="613"/>
      <c r="IHM657" s="613"/>
      <c r="IHN657" s="613"/>
      <c r="IHO657" s="613"/>
      <c r="IHP657" s="613"/>
      <c r="IHQ657" s="613"/>
      <c r="IHR657" s="613"/>
      <c r="IHS657" s="613"/>
      <c r="IHT657" s="613"/>
      <c r="IHU657" s="613"/>
      <c r="IHV657" s="613"/>
      <c r="IHW657" s="613"/>
      <c r="IHX657" s="613"/>
      <c r="IHY657" s="613"/>
      <c r="IHZ657" s="613"/>
      <c r="IIA657" s="613"/>
      <c r="IIB657" s="613"/>
      <c r="IIC657" s="613"/>
      <c r="IID657" s="613"/>
      <c r="IIE657" s="613"/>
      <c r="IIF657" s="613"/>
      <c r="IIG657" s="613"/>
      <c r="IIH657" s="613"/>
      <c r="III657" s="613"/>
      <c r="IIJ657" s="613"/>
      <c r="IIK657" s="613"/>
      <c r="IIL657" s="613"/>
      <c r="IIM657" s="613"/>
      <c r="IIN657" s="613"/>
      <c r="IIO657" s="613"/>
      <c r="IIP657" s="613"/>
      <c r="IIQ657" s="613"/>
      <c r="IIR657" s="613"/>
      <c r="IIS657" s="613"/>
      <c r="IIT657" s="613"/>
      <c r="IIU657" s="613"/>
      <c r="IIV657" s="613"/>
      <c r="IIW657" s="613"/>
      <c r="IIX657" s="613"/>
      <c r="IIY657" s="613"/>
      <c r="IIZ657" s="613"/>
      <c r="IJA657" s="613"/>
      <c r="IJB657" s="613"/>
      <c r="IJC657" s="613"/>
      <c r="IJD657" s="613"/>
      <c r="IJE657" s="613"/>
      <c r="IJF657" s="613"/>
      <c r="IJG657" s="613"/>
      <c r="IJH657" s="613"/>
      <c r="IJI657" s="613"/>
      <c r="IJJ657" s="613"/>
      <c r="IJK657" s="613"/>
      <c r="IJL657" s="613"/>
      <c r="IJM657" s="613"/>
      <c r="IJN657" s="613"/>
      <c r="IJO657" s="613"/>
      <c r="IJP657" s="613"/>
      <c r="IJQ657" s="613"/>
      <c r="IJR657" s="613"/>
      <c r="IJS657" s="613"/>
      <c r="IJT657" s="613"/>
      <c r="IJU657" s="613"/>
      <c r="IJV657" s="613"/>
      <c r="IJW657" s="613"/>
      <c r="IJX657" s="613"/>
      <c r="IJY657" s="613"/>
      <c r="IJZ657" s="613"/>
      <c r="IKA657" s="613"/>
      <c r="IKB657" s="613"/>
      <c r="IKC657" s="613"/>
      <c r="IKD657" s="613"/>
      <c r="IKE657" s="613"/>
      <c r="IKF657" s="613"/>
      <c r="IKG657" s="613"/>
      <c r="IKH657" s="613"/>
      <c r="IKI657" s="613"/>
      <c r="IKJ657" s="613"/>
      <c r="IKK657" s="613"/>
      <c r="IKL657" s="613"/>
      <c r="IKM657" s="613"/>
      <c r="IKN657" s="613"/>
      <c r="IKO657" s="613"/>
      <c r="IKP657" s="613"/>
      <c r="IKQ657" s="613"/>
      <c r="IKR657" s="613"/>
      <c r="IKS657" s="613"/>
      <c r="IKT657" s="613"/>
      <c r="IKU657" s="613"/>
      <c r="IKV657" s="613"/>
      <c r="IKW657" s="613"/>
      <c r="IKX657" s="613"/>
      <c r="IKY657" s="613"/>
      <c r="IKZ657" s="613"/>
      <c r="ILA657" s="613"/>
      <c r="ILB657" s="613"/>
      <c r="ILC657" s="613"/>
      <c r="ILD657" s="613"/>
      <c r="ILE657" s="613"/>
      <c r="ILF657" s="613"/>
      <c r="ILG657" s="613"/>
      <c r="ILH657" s="613"/>
      <c r="ILI657" s="613"/>
      <c r="ILJ657" s="613"/>
      <c r="ILK657" s="613"/>
      <c r="ILL657" s="613"/>
      <c r="ILM657" s="613"/>
      <c r="ILN657" s="613"/>
      <c r="ILO657" s="613"/>
      <c r="ILP657" s="613"/>
      <c r="ILQ657" s="613"/>
      <c r="ILR657" s="613"/>
      <c r="ILS657" s="613"/>
      <c r="ILT657" s="613"/>
      <c r="ILU657" s="613"/>
      <c r="ILV657" s="613"/>
      <c r="ILW657" s="613"/>
      <c r="ILX657" s="613"/>
      <c r="ILY657" s="613"/>
      <c r="ILZ657" s="613"/>
      <c r="IMA657" s="613"/>
      <c r="IMB657" s="613"/>
      <c r="IMC657" s="613"/>
      <c r="IMD657" s="613"/>
      <c r="IME657" s="613"/>
      <c r="IMF657" s="613"/>
      <c r="IMG657" s="613"/>
      <c r="IMH657" s="613"/>
      <c r="IMI657" s="613"/>
      <c r="IMJ657" s="613"/>
      <c r="IMK657" s="613"/>
      <c r="IML657" s="613"/>
      <c r="IMM657" s="613"/>
      <c r="IMN657" s="613"/>
      <c r="IMO657" s="613"/>
      <c r="IMP657" s="613"/>
      <c r="IMQ657" s="613"/>
      <c r="IMR657" s="613"/>
      <c r="IMS657" s="613"/>
      <c r="IMT657" s="613"/>
      <c r="IMU657" s="613"/>
      <c r="IMV657" s="613"/>
      <c r="IMW657" s="613"/>
      <c r="IMX657" s="613"/>
      <c r="IMY657" s="613"/>
      <c r="IMZ657" s="613"/>
      <c r="INA657" s="613"/>
      <c r="INB657" s="613"/>
      <c r="INC657" s="613"/>
      <c r="IND657" s="613"/>
      <c r="INE657" s="613"/>
      <c r="INF657" s="613"/>
      <c r="ING657" s="613"/>
      <c r="INH657" s="613"/>
      <c r="INI657" s="613"/>
      <c r="INJ657" s="613"/>
      <c r="INK657" s="613"/>
      <c r="INL657" s="613"/>
      <c r="INM657" s="613"/>
      <c r="INN657" s="613"/>
      <c r="INO657" s="613"/>
      <c r="INP657" s="613"/>
      <c r="INQ657" s="613"/>
      <c r="INR657" s="613"/>
      <c r="INS657" s="613"/>
      <c r="INT657" s="613"/>
      <c r="INU657" s="613"/>
      <c r="INV657" s="613"/>
      <c r="INW657" s="613"/>
      <c r="INX657" s="613"/>
      <c r="INY657" s="613"/>
      <c r="INZ657" s="613"/>
      <c r="IOA657" s="613"/>
      <c r="IOB657" s="613"/>
      <c r="IOC657" s="613"/>
      <c r="IOD657" s="613"/>
      <c r="IOE657" s="613"/>
      <c r="IOF657" s="613"/>
      <c r="IOG657" s="613"/>
      <c r="IOH657" s="613"/>
      <c r="IOI657" s="613"/>
      <c r="IOJ657" s="613"/>
      <c r="IOK657" s="613"/>
      <c r="IOL657" s="613"/>
      <c r="IOM657" s="613"/>
      <c r="ION657" s="613"/>
      <c r="IOO657" s="613"/>
      <c r="IOP657" s="613"/>
      <c r="IOQ657" s="613"/>
      <c r="IOR657" s="613"/>
      <c r="IOS657" s="613"/>
      <c r="IOT657" s="613"/>
      <c r="IOU657" s="613"/>
      <c r="IOV657" s="613"/>
      <c r="IOW657" s="613"/>
      <c r="IOX657" s="613"/>
      <c r="IOY657" s="613"/>
      <c r="IOZ657" s="613"/>
      <c r="IPA657" s="613"/>
      <c r="IPB657" s="613"/>
      <c r="IPC657" s="613"/>
      <c r="IPD657" s="613"/>
      <c r="IPE657" s="613"/>
      <c r="IPF657" s="613"/>
      <c r="IPG657" s="613"/>
      <c r="IPH657" s="613"/>
      <c r="IPI657" s="613"/>
      <c r="IPJ657" s="613"/>
      <c r="IPK657" s="613"/>
      <c r="IPL657" s="613"/>
      <c r="IPM657" s="613"/>
      <c r="IPN657" s="613"/>
      <c r="IPO657" s="613"/>
      <c r="IPP657" s="613"/>
      <c r="IPQ657" s="613"/>
      <c r="IPR657" s="613"/>
      <c r="IPS657" s="613"/>
      <c r="IPT657" s="613"/>
      <c r="IPU657" s="613"/>
      <c r="IPV657" s="613"/>
      <c r="IPW657" s="613"/>
      <c r="IPX657" s="613"/>
      <c r="IPY657" s="613"/>
      <c r="IPZ657" s="613"/>
      <c r="IQA657" s="613"/>
      <c r="IQB657" s="613"/>
      <c r="IQC657" s="613"/>
      <c r="IQD657" s="613"/>
      <c r="IQE657" s="613"/>
      <c r="IQF657" s="613"/>
      <c r="IQG657" s="613"/>
      <c r="IQH657" s="613"/>
      <c r="IQI657" s="613"/>
      <c r="IQJ657" s="613"/>
      <c r="IQK657" s="613"/>
      <c r="IQL657" s="613"/>
      <c r="IQM657" s="613"/>
      <c r="IQN657" s="613"/>
      <c r="IQO657" s="613"/>
      <c r="IQP657" s="613"/>
      <c r="IQQ657" s="613"/>
      <c r="IQR657" s="613"/>
      <c r="IQS657" s="613"/>
      <c r="IQT657" s="613"/>
      <c r="IQU657" s="613"/>
      <c r="IQV657" s="613"/>
      <c r="IQW657" s="613"/>
      <c r="IQX657" s="613"/>
      <c r="IQY657" s="613"/>
      <c r="IQZ657" s="613"/>
      <c r="IRA657" s="613"/>
      <c r="IRB657" s="613"/>
      <c r="IRC657" s="613"/>
      <c r="IRD657" s="613"/>
      <c r="IRE657" s="613"/>
      <c r="IRF657" s="613"/>
      <c r="IRG657" s="613"/>
      <c r="IRH657" s="613"/>
      <c r="IRI657" s="613"/>
      <c r="IRJ657" s="613"/>
      <c r="IRK657" s="613"/>
      <c r="IRL657" s="613"/>
      <c r="IRM657" s="613"/>
      <c r="IRN657" s="613"/>
      <c r="IRO657" s="613"/>
      <c r="IRP657" s="613"/>
      <c r="IRQ657" s="613"/>
      <c r="IRR657" s="613"/>
      <c r="IRS657" s="613"/>
      <c r="IRT657" s="613"/>
      <c r="IRU657" s="613"/>
      <c r="IRV657" s="613"/>
      <c r="IRW657" s="613"/>
      <c r="IRX657" s="613"/>
      <c r="IRY657" s="613"/>
      <c r="IRZ657" s="613"/>
      <c r="ISA657" s="613"/>
      <c r="ISB657" s="613"/>
      <c r="ISC657" s="613"/>
      <c r="ISD657" s="613"/>
      <c r="ISE657" s="613"/>
      <c r="ISF657" s="613"/>
      <c r="ISG657" s="613"/>
      <c r="ISH657" s="613"/>
      <c r="ISI657" s="613"/>
      <c r="ISJ657" s="613"/>
      <c r="ISK657" s="613"/>
      <c r="ISL657" s="613"/>
      <c r="ISM657" s="613"/>
      <c r="ISN657" s="613"/>
      <c r="ISO657" s="613"/>
      <c r="ISP657" s="613"/>
      <c r="ISQ657" s="613"/>
      <c r="ISR657" s="613"/>
      <c r="ISS657" s="613"/>
      <c r="IST657" s="613"/>
      <c r="ISU657" s="613"/>
      <c r="ISV657" s="613"/>
      <c r="ISW657" s="613"/>
      <c r="ISX657" s="613"/>
      <c r="ISY657" s="613"/>
      <c r="ISZ657" s="613"/>
      <c r="ITA657" s="613"/>
      <c r="ITB657" s="613"/>
      <c r="ITC657" s="613"/>
      <c r="ITD657" s="613"/>
      <c r="ITE657" s="613"/>
      <c r="ITF657" s="613"/>
      <c r="ITG657" s="613"/>
      <c r="ITH657" s="613"/>
      <c r="ITI657" s="613"/>
      <c r="ITJ657" s="613"/>
      <c r="ITK657" s="613"/>
      <c r="ITL657" s="613"/>
      <c r="ITM657" s="613"/>
      <c r="ITN657" s="613"/>
      <c r="ITO657" s="613"/>
      <c r="ITP657" s="613"/>
      <c r="ITQ657" s="613"/>
      <c r="ITR657" s="613"/>
      <c r="ITS657" s="613"/>
      <c r="ITT657" s="613"/>
      <c r="ITU657" s="613"/>
      <c r="ITV657" s="613"/>
      <c r="ITW657" s="613"/>
      <c r="ITX657" s="613"/>
      <c r="ITY657" s="613"/>
      <c r="ITZ657" s="613"/>
      <c r="IUA657" s="613"/>
      <c r="IUB657" s="613"/>
      <c r="IUC657" s="613"/>
      <c r="IUD657" s="613"/>
      <c r="IUE657" s="613"/>
      <c r="IUF657" s="613"/>
      <c r="IUG657" s="613"/>
      <c r="IUH657" s="613"/>
      <c r="IUI657" s="613"/>
      <c r="IUJ657" s="613"/>
      <c r="IUK657" s="613"/>
      <c r="IUL657" s="613"/>
      <c r="IUM657" s="613"/>
      <c r="IUN657" s="613"/>
      <c r="IUO657" s="613"/>
      <c r="IUP657" s="613"/>
      <c r="IUQ657" s="613"/>
      <c r="IUR657" s="613"/>
      <c r="IUS657" s="613"/>
      <c r="IUT657" s="613"/>
      <c r="IUU657" s="613"/>
      <c r="IUV657" s="613"/>
      <c r="IUW657" s="613"/>
      <c r="IUX657" s="613"/>
      <c r="IUY657" s="613"/>
      <c r="IUZ657" s="613"/>
      <c r="IVA657" s="613"/>
      <c r="IVB657" s="613"/>
      <c r="IVC657" s="613"/>
      <c r="IVD657" s="613"/>
      <c r="IVE657" s="613"/>
      <c r="IVF657" s="613"/>
      <c r="IVG657" s="613"/>
      <c r="IVH657" s="613"/>
      <c r="IVI657" s="613"/>
      <c r="IVJ657" s="613"/>
      <c r="IVK657" s="613"/>
      <c r="IVL657" s="613"/>
      <c r="IVM657" s="613"/>
      <c r="IVN657" s="613"/>
      <c r="IVO657" s="613"/>
      <c r="IVP657" s="613"/>
      <c r="IVQ657" s="613"/>
      <c r="IVR657" s="613"/>
      <c r="IVS657" s="613"/>
      <c r="IVT657" s="613"/>
      <c r="IVU657" s="613"/>
      <c r="IVV657" s="613"/>
      <c r="IVW657" s="613"/>
      <c r="IVX657" s="613"/>
      <c r="IVY657" s="613"/>
      <c r="IVZ657" s="613"/>
      <c r="IWA657" s="613"/>
      <c r="IWB657" s="613"/>
      <c r="IWC657" s="613"/>
      <c r="IWD657" s="613"/>
      <c r="IWE657" s="613"/>
      <c r="IWF657" s="613"/>
      <c r="IWG657" s="613"/>
      <c r="IWH657" s="613"/>
      <c r="IWI657" s="613"/>
      <c r="IWJ657" s="613"/>
      <c r="IWK657" s="613"/>
      <c r="IWL657" s="613"/>
      <c r="IWM657" s="613"/>
      <c r="IWN657" s="613"/>
      <c r="IWO657" s="613"/>
      <c r="IWP657" s="613"/>
      <c r="IWQ657" s="613"/>
      <c r="IWR657" s="613"/>
      <c r="IWS657" s="613"/>
      <c r="IWT657" s="613"/>
      <c r="IWU657" s="613"/>
      <c r="IWV657" s="613"/>
      <c r="IWW657" s="613"/>
      <c r="IWX657" s="613"/>
      <c r="IWY657" s="613"/>
      <c r="IWZ657" s="613"/>
      <c r="IXA657" s="613"/>
      <c r="IXB657" s="613"/>
      <c r="IXC657" s="613"/>
      <c r="IXD657" s="613"/>
      <c r="IXE657" s="613"/>
      <c r="IXF657" s="613"/>
      <c r="IXG657" s="613"/>
      <c r="IXH657" s="613"/>
      <c r="IXI657" s="613"/>
      <c r="IXJ657" s="613"/>
      <c r="IXK657" s="613"/>
      <c r="IXL657" s="613"/>
      <c r="IXM657" s="613"/>
      <c r="IXN657" s="613"/>
      <c r="IXO657" s="613"/>
      <c r="IXP657" s="613"/>
      <c r="IXQ657" s="613"/>
      <c r="IXR657" s="613"/>
      <c r="IXS657" s="613"/>
      <c r="IXT657" s="613"/>
      <c r="IXU657" s="613"/>
      <c r="IXV657" s="613"/>
      <c r="IXW657" s="613"/>
      <c r="IXX657" s="613"/>
      <c r="IXY657" s="613"/>
      <c r="IXZ657" s="613"/>
      <c r="IYA657" s="613"/>
      <c r="IYB657" s="613"/>
      <c r="IYC657" s="613"/>
      <c r="IYD657" s="613"/>
      <c r="IYE657" s="613"/>
      <c r="IYF657" s="613"/>
      <c r="IYG657" s="613"/>
      <c r="IYH657" s="613"/>
      <c r="IYI657" s="613"/>
      <c r="IYJ657" s="613"/>
      <c r="IYK657" s="613"/>
      <c r="IYL657" s="613"/>
      <c r="IYM657" s="613"/>
      <c r="IYN657" s="613"/>
      <c r="IYO657" s="613"/>
      <c r="IYP657" s="613"/>
      <c r="IYQ657" s="613"/>
      <c r="IYR657" s="613"/>
      <c r="IYS657" s="613"/>
      <c r="IYT657" s="613"/>
      <c r="IYU657" s="613"/>
      <c r="IYV657" s="613"/>
      <c r="IYW657" s="613"/>
      <c r="IYX657" s="613"/>
      <c r="IYY657" s="613"/>
      <c r="IYZ657" s="613"/>
      <c r="IZA657" s="613"/>
      <c r="IZB657" s="613"/>
      <c r="IZC657" s="613"/>
      <c r="IZD657" s="613"/>
      <c r="IZE657" s="613"/>
      <c r="IZF657" s="613"/>
      <c r="IZG657" s="613"/>
      <c r="IZH657" s="613"/>
      <c r="IZI657" s="613"/>
      <c r="IZJ657" s="613"/>
      <c r="IZK657" s="613"/>
      <c r="IZL657" s="613"/>
      <c r="IZM657" s="613"/>
      <c r="IZN657" s="613"/>
      <c r="IZO657" s="613"/>
      <c r="IZP657" s="613"/>
      <c r="IZQ657" s="613"/>
      <c r="IZR657" s="613"/>
      <c r="IZS657" s="613"/>
      <c r="IZT657" s="613"/>
      <c r="IZU657" s="613"/>
      <c r="IZV657" s="613"/>
      <c r="IZW657" s="613"/>
      <c r="IZX657" s="613"/>
      <c r="IZY657" s="613"/>
      <c r="IZZ657" s="613"/>
      <c r="JAA657" s="613"/>
      <c r="JAB657" s="613"/>
      <c r="JAC657" s="613"/>
      <c r="JAD657" s="613"/>
      <c r="JAE657" s="613"/>
      <c r="JAF657" s="613"/>
      <c r="JAG657" s="613"/>
      <c r="JAH657" s="613"/>
      <c r="JAI657" s="613"/>
      <c r="JAJ657" s="613"/>
      <c r="JAK657" s="613"/>
      <c r="JAL657" s="613"/>
      <c r="JAM657" s="613"/>
      <c r="JAN657" s="613"/>
      <c r="JAO657" s="613"/>
      <c r="JAP657" s="613"/>
      <c r="JAQ657" s="613"/>
      <c r="JAR657" s="613"/>
      <c r="JAS657" s="613"/>
      <c r="JAT657" s="613"/>
      <c r="JAU657" s="613"/>
      <c r="JAV657" s="613"/>
      <c r="JAW657" s="613"/>
      <c r="JAX657" s="613"/>
      <c r="JAY657" s="613"/>
      <c r="JAZ657" s="613"/>
      <c r="JBA657" s="613"/>
      <c r="JBB657" s="613"/>
      <c r="JBC657" s="613"/>
      <c r="JBD657" s="613"/>
      <c r="JBE657" s="613"/>
      <c r="JBF657" s="613"/>
      <c r="JBG657" s="613"/>
      <c r="JBH657" s="613"/>
      <c r="JBI657" s="613"/>
      <c r="JBJ657" s="613"/>
      <c r="JBK657" s="613"/>
      <c r="JBL657" s="613"/>
      <c r="JBM657" s="613"/>
      <c r="JBN657" s="613"/>
      <c r="JBO657" s="613"/>
      <c r="JBP657" s="613"/>
      <c r="JBQ657" s="613"/>
      <c r="JBR657" s="613"/>
      <c r="JBS657" s="613"/>
      <c r="JBT657" s="613"/>
      <c r="JBU657" s="613"/>
      <c r="JBV657" s="613"/>
      <c r="JBW657" s="613"/>
      <c r="JBX657" s="613"/>
      <c r="JBY657" s="613"/>
      <c r="JBZ657" s="613"/>
      <c r="JCA657" s="613"/>
      <c r="JCB657" s="613"/>
      <c r="JCC657" s="613"/>
      <c r="JCD657" s="613"/>
      <c r="JCE657" s="613"/>
      <c r="JCF657" s="613"/>
      <c r="JCG657" s="613"/>
      <c r="JCH657" s="613"/>
      <c r="JCI657" s="613"/>
      <c r="JCJ657" s="613"/>
      <c r="JCK657" s="613"/>
      <c r="JCL657" s="613"/>
      <c r="JCM657" s="613"/>
      <c r="JCN657" s="613"/>
      <c r="JCO657" s="613"/>
      <c r="JCP657" s="613"/>
      <c r="JCQ657" s="613"/>
      <c r="JCR657" s="613"/>
      <c r="JCS657" s="613"/>
      <c r="JCT657" s="613"/>
      <c r="JCU657" s="613"/>
      <c r="JCV657" s="613"/>
      <c r="JCW657" s="613"/>
      <c r="JCX657" s="613"/>
      <c r="JCY657" s="613"/>
      <c r="JCZ657" s="613"/>
      <c r="JDA657" s="613"/>
      <c r="JDB657" s="613"/>
      <c r="JDC657" s="613"/>
      <c r="JDD657" s="613"/>
      <c r="JDE657" s="613"/>
      <c r="JDF657" s="613"/>
      <c r="JDG657" s="613"/>
      <c r="JDH657" s="613"/>
      <c r="JDI657" s="613"/>
      <c r="JDJ657" s="613"/>
      <c r="JDK657" s="613"/>
      <c r="JDL657" s="613"/>
      <c r="JDM657" s="613"/>
      <c r="JDN657" s="613"/>
      <c r="JDO657" s="613"/>
      <c r="JDP657" s="613"/>
      <c r="JDQ657" s="613"/>
      <c r="JDR657" s="613"/>
      <c r="JDS657" s="613"/>
      <c r="JDT657" s="613"/>
      <c r="JDU657" s="613"/>
      <c r="JDV657" s="613"/>
      <c r="JDW657" s="613"/>
      <c r="JDX657" s="613"/>
      <c r="JDY657" s="613"/>
      <c r="JDZ657" s="613"/>
      <c r="JEA657" s="613"/>
      <c r="JEB657" s="613"/>
      <c r="JEC657" s="613"/>
      <c r="JED657" s="613"/>
      <c r="JEE657" s="613"/>
      <c r="JEF657" s="613"/>
      <c r="JEG657" s="613"/>
      <c r="JEH657" s="613"/>
      <c r="JEI657" s="613"/>
      <c r="JEJ657" s="613"/>
      <c r="JEK657" s="613"/>
      <c r="JEL657" s="613"/>
      <c r="JEM657" s="613"/>
      <c r="JEN657" s="613"/>
      <c r="JEO657" s="613"/>
      <c r="JEP657" s="613"/>
      <c r="JEQ657" s="613"/>
      <c r="JER657" s="613"/>
      <c r="JES657" s="613"/>
      <c r="JET657" s="613"/>
      <c r="JEU657" s="613"/>
      <c r="JEV657" s="613"/>
      <c r="JEW657" s="613"/>
      <c r="JEX657" s="613"/>
      <c r="JEY657" s="613"/>
      <c r="JEZ657" s="613"/>
      <c r="JFA657" s="613"/>
      <c r="JFB657" s="613"/>
      <c r="JFC657" s="613"/>
      <c r="JFD657" s="613"/>
      <c r="JFE657" s="613"/>
      <c r="JFF657" s="613"/>
      <c r="JFG657" s="613"/>
      <c r="JFH657" s="613"/>
      <c r="JFI657" s="613"/>
      <c r="JFJ657" s="613"/>
      <c r="JFK657" s="613"/>
      <c r="JFL657" s="613"/>
      <c r="JFM657" s="613"/>
      <c r="JFN657" s="613"/>
      <c r="JFO657" s="613"/>
      <c r="JFP657" s="613"/>
      <c r="JFQ657" s="613"/>
      <c r="JFR657" s="613"/>
      <c r="JFS657" s="613"/>
      <c r="JFT657" s="613"/>
      <c r="JFU657" s="613"/>
      <c r="JFV657" s="613"/>
      <c r="JFW657" s="613"/>
      <c r="JFX657" s="613"/>
      <c r="JFY657" s="613"/>
      <c r="JFZ657" s="613"/>
      <c r="JGA657" s="613"/>
      <c r="JGB657" s="613"/>
      <c r="JGC657" s="613"/>
      <c r="JGD657" s="613"/>
      <c r="JGE657" s="613"/>
      <c r="JGF657" s="613"/>
      <c r="JGG657" s="613"/>
      <c r="JGH657" s="613"/>
      <c r="JGI657" s="613"/>
      <c r="JGJ657" s="613"/>
      <c r="JGK657" s="613"/>
      <c r="JGL657" s="613"/>
      <c r="JGM657" s="613"/>
      <c r="JGN657" s="613"/>
      <c r="JGO657" s="613"/>
      <c r="JGP657" s="613"/>
      <c r="JGQ657" s="613"/>
      <c r="JGR657" s="613"/>
      <c r="JGS657" s="613"/>
      <c r="JGT657" s="613"/>
      <c r="JGU657" s="613"/>
      <c r="JGV657" s="613"/>
      <c r="JGW657" s="613"/>
      <c r="JGX657" s="613"/>
      <c r="JGY657" s="613"/>
      <c r="JGZ657" s="613"/>
      <c r="JHA657" s="613"/>
      <c r="JHB657" s="613"/>
      <c r="JHC657" s="613"/>
      <c r="JHD657" s="613"/>
      <c r="JHE657" s="613"/>
      <c r="JHF657" s="613"/>
      <c r="JHG657" s="613"/>
      <c r="JHH657" s="613"/>
      <c r="JHI657" s="613"/>
      <c r="JHJ657" s="613"/>
      <c r="JHK657" s="613"/>
      <c r="JHL657" s="613"/>
      <c r="JHM657" s="613"/>
      <c r="JHN657" s="613"/>
      <c r="JHO657" s="613"/>
      <c r="JHP657" s="613"/>
      <c r="JHQ657" s="613"/>
      <c r="JHR657" s="613"/>
      <c r="JHS657" s="613"/>
      <c r="JHT657" s="613"/>
      <c r="JHU657" s="613"/>
      <c r="JHV657" s="613"/>
      <c r="JHW657" s="613"/>
      <c r="JHX657" s="613"/>
      <c r="JHY657" s="613"/>
      <c r="JHZ657" s="613"/>
      <c r="JIA657" s="613"/>
      <c r="JIB657" s="613"/>
      <c r="JIC657" s="613"/>
      <c r="JID657" s="613"/>
      <c r="JIE657" s="613"/>
      <c r="JIF657" s="613"/>
      <c r="JIG657" s="613"/>
      <c r="JIH657" s="613"/>
      <c r="JII657" s="613"/>
      <c r="JIJ657" s="613"/>
      <c r="JIK657" s="613"/>
      <c r="JIL657" s="613"/>
      <c r="JIM657" s="613"/>
      <c r="JIN657" s="613"/>
      <c r="JIO657" s="613"/>
      <c r="JIP657" s="613"/>
      <c r="JIQ657" s="613"/>
      <c r="JIR657" s="613"/>
      <c r="JIS657" s="613"/>
      <c r="JIT657" s="613"/>
      <c r="JIU657" s="613"/>
      <c r="JIV657" s="613"/>
      <c r="JIW657" s="613"/>
      <c r="JIX657" s="613"/>
      <c r="JIY657" s="613"/>
      <c r="JIZ657" s="613"/>
      <c r="JJA657" s="613"/>
      <c r="JJB657" s="613"/>
      <c r="JJC657" s="613"/>
      <c r="JJD657" s="613"/>
      <c r="JJE657" s="613"/>
      <c r="JJF657" s="613"/>
      <c r="JJG657" s="613"/>
      <c r="JJH657" s="613"/>
      <c r="JJI657" s="613"/>
      <c r="JJJ657" s="613"/>
      <c r="JJK657" s="613"/>
      <c r="JJL657" s="613"/>
      <c r="JJM657" s="613"/>
      <c r="JJN657" s="613"/>
      <c r="JJO657" s="613"/>
      <c r="JJP657" s="613"/>
      <c r="JJQ657" s="613"/>
      <c r="JJR657" s="613"/>
      <c r="JJS657" s="613"/>
      <c r="JJT657" s="613"/>
      <c r="JJU657" s="613"/>
      <c r="JJV657" s="613"/>
      <c r="JJW657" s="613"/>
      <c r="JJX657" s="613"/>
      <c r="JJY657" s="613"/>
      <c r="JJZ657" s="613"/>
      <c r="JKA657" s="613"/>
      <c r="JKB657" s="613"/>
      <c r="JKC657" s="613"/>
      <c r="JKD657" s="613"/>
      <c r="JKE657" s="613"/>
      <c r="JKF657" s="613"/>
      <c r="JKG657" s="613"/>
      <c r="JKH657" s="613"/>
      <c r="JKI657" s="613"/>
      <c r="JKJ657" s="613"/>
      <c r="JKK657" s="613"/>
      <c r="JKL657" s="613"/>
      <c r="JKM657" s="613"/>
      <c r="JKN657" s="613"/>
      <c r="JKO657" s="613"/>
      <c r="JKP657" s="613"/>
      <c r="JKQ657" s="613"/>
      <c r="JKR657" s="613"/>
      <c r="JKS657" s="613"/>
      <c r="JKT657" s="613"/>
      <c r="JKU657" s="613"/>
      <c r="JKV657" s="613"/>
      <c r="JKW657" s="613"/>
      <c r="JKX657" s="613"/>
      <c r="JKY657" s="613"/>
      <c r="JKZ657" s="613"/>
      <c r="JLA657" s="613"/>
      <c r="JLB657" s="613"/>
      <c r="JLC657" s="613"/>
      <c r="JLD657" s="613"/>
      <c r="JLE657" s="613"/>
      <c r="JLF657" s="613"/>
      <c r="JLG657" s="613"/>
      <c r="JLH657" s="613"/>
      <c r="JLI657" s="613"/>
      <c r="JLJ657" s="613"/>
      <c r="JLK657" s="613"/>
      <c r="JLL657" s="613"/>
      <c r="JLM657" s="613"/>
      <c r="JLN657" s="613"/>
      <c r="JLO657" s="613"/>
      <c r="JLP657" s="613"/>
      <c r="JLQ657" s="613"/>
      <c r="JLR657" s="613"/>
      <c r="JLS657" s="613"/>
      <c r="JLT657" s="613"/>
      <c r="JLU657" s="613"/>
      <c r="JLV657" s="613"/>
      <c r="JLW657" s="613"/>
      <c r="JLX657" s="613"/>
      <c r="JLY657" s="613"/>
      <c r="JLZ657" s="613"/>
      <c r="JMA657" s="613"/>
      <c r="JMB657" s="613"/>
      <c r="JMC657" s="613"/>
      <c r="JMD657" s="613"/>
      <c r="JME657" s="613"/>
      <c r="JMF657" s="613"/>
      <c r="JMG657" s="613"/>
      <c r="JMH657" s="613"/>
      <c r="JMI657" s="613"/>
      <c r="JMJ657" s="613"/>
      <c r="JMK657" s="613"/>
      <c r="JML657" s="613"/>
      <c r="JMM657" s="613"/>
      <c r="JMN657" s="613"/>
      <c r="JMO657" s="613"/>
      <c r="JMP657" s="613"/>
      <c r="JMQ657" s="613"/>
      <c r="JMR657" s="613"/>
      <c r="JMS657" s="613"/>
      <c r="JMT657" s="613"/>
      <c r="JMU657" s="613"/>
      <c r="JMV657" s="613"/>
      <c r="JMW657" s="613"/>
      <c r="JMX657" s="613"/>
      <c r="JMY657" s="613"/>
      <c r="JMZ657" s="613"/>
      <c r="JNA657" s="613"/>
      <c r="JNB657" s="613"/>
      <c r="JNC657" s="613"/>
      <c r="JND657" s="613"/>
      <c r="JNE657" s="613"/>
      <c r="JNF657" s="613"/>
      <c r="JNG657" s="613"/>
      <c r="JNH657" s="613"/>
      <c r="JNI657" s="613"/>
      <c r="JNJ657" s="613"/>
      <c r="JNK657" s="613"/>
      <c r="JNL657" s="613"/>
      <c r="JNM657" s="613"/>
      <c r="JNN657" s="613"/>
      <c r="JNO657" s="613"/>
      <c r="JNP657" s="613"/>
      <c r="JNQ657" s="613"/>
      <c r="JNR657" s="613"/>
      <c r="JNS657" s="613"/>
      <c r="JNT657" s="613"/>
      <c r="JNU657" s="613"/>
      <c r="JNV657" s="613"/>
      <c r="JNW657" s="613"/>
      <c r="JNX657" s="613"/>
      <c r="JNY657" s="613"/>
      <c r="JNZ657" s="613"/>
      <c r="JOA657" s="613"/>
      <c r="JOB657" s="613"/>
      <c r="JOC657" s="613"/>
      <c r="JOD657" s="613"/>
      <c r="JOE657" s="613"/>
      <c r="JOF657" s="613"/>
      <c r="JOG657" s="613"/>
      <c r="JOH657" s="613"/>
      <c r="JOI657" s="613"/>
      <c r="JOJ657" s="613"/>
      <c r="JOK657" s="613"/>
      <c r="JOL657" s="613"/>
      <c r="JOM657" s="613"/>
      <c r="JON657" s="613"/>
      <c r="JOO657" s="613"/>
      <c r="JOP657" s="613"/>
      <c r="JOQ657" s="613"/>
      <c r="JOR657" s="613"/>
      <c r="JOS657" s="613"/>
      <c r="JOT657" s="613"/>
      <c r="JOU657" s="613"/>
      <c r="JOV657" s="613"/>
      <c r="JOW657" s="613"/>
      <c r="JOX657" s="613"/>
      <c r="JOY657" s="613"/>
      <c r="JOZ657" s="613"/>
      <c r="JPA657" s="613"/>
      <c r="JPB657" s="613"/>
      <c r="JPC657" s="613"/>
      <c r="JPD657" s="613"/>
      <c r="JPE657" s="613"/>
      <c r="JPF657" s="613"/>
      <c r="JPG657" s="613"/>
      <c r="JPH657" s="613"/>
      <c r="JPI657" s="613"/>
      <c r="JPJ657" s="613"/>
      <c r="JPK657" s="613"/>
      <c r="JPL657" s="613"/>
      <c r="JPM657" s="613"/>
      <c r="JPN657" s="613"/>
      <c r="JPO657" s="613"/>
      <c r="JPP657" s="613"/>
      <c r="JPQ657" s="613"/>
      <c r="JPR657" s="613"/>
      <c r="JPS657" s="613"/>
      <c r="JPT657" s="613"/>
      <c r="JPU657" s="613"/>
      <c r="JPV657" s="613"/>
      <c r="JPW657" s="613"/>
      <c r="JPX657" s="613"/>
      <c r="JPY657" s="613"/>
      <c r="JPZ657" s="613"/>
      <c r="JQA657" s="613"/>
      <c r="JQB657" s="613"/>
      <c r="JQC657" s="613"/>
      <c r="JQD657" s="613"/>
      <c r="JQE657" s="613"/>
      <c r="JQF657" s="613"/>
      <c r="JQG657" s="613"/>
      <c r="JQH657" s="613"/>
      <c r="JQI657" s="613"/>
      <c r="JQJ657" s="613"/>
      <c r="JQK657" s="613"/>
      <c r="JQL657" s="613"/>
      <c r="JQM657" s="613"/>
      <c r="JQN657" s="613"/>
      <c r="JQO657" s="613"/>
      <c r="JQP657" s="613"/>
      <c r="JQQ657" s="613"/>
      <c r="JQR657" s="613"/>
      <c r="JQS657" s="613"/>
      <c r="JQT657" s="613"/>
      <c r="JQU657" s="613"/>
      <c r="JQV657" s="613"/>
      <c r="JQW657" s="613"/>
      <c r="JQX657" s="613"/>
      <c r="JQY657" s="613"/>
      <c r="JQZ657" s="613"/>
      <c r="JRA657" s="613"/>
      <c r="JRB657" s="613"/>
      <c r="JRC657" s="613"/>
      <c r="JRD657" s="613"/>
      <c r="JRE657" s="613"/>
      <c r="JRF657" s="613"/>
      <c r="JRG657" s="613"/>
      <c r="JRH657" s="613"/>
      <c r="JRI657" s="613"/>
      <c r="JRJ657" s="613"/>
      <c r="JRK657" s="613"/>
      <c r="JRL657" s="613"/>
      <c r="JRM657" s="613"/>
      <c r="JRN657" s="613"/>
      <c r="JRO657" s="613"/>
      <c r="JRP657" s="613"/>
      <c r="JRQ657" s="613"/>
      <c r="JRR657" s="613"/>
      <c r="JRS657" s="613"/>
      <c r="JRT657" s="613"/>
      <c r="JRU657" s="613"/>
      <c r="JRV657" s="613"/>
      <c r="JRW657" s="613"/>
      <c r="JRX657" s="613"/>
      <c r="JRY657" s="613"/>
      <c r="JRZ657" s="613"/>
      <c r="JSA657" s="613"/>
      <c r="JSB657" s="613"/>
      <c r="JSC657" s="613"/>
      <c r="JSD657" s="613"/>
      <c r="JSE657" s="613"/>
      <c r="JSF657" s="613"/>
      <c r="JSG657" s="613"/>
      <c r="JSH657" s="613"/>
      <c r="JSI657" s="613"/>
      <c r="JSJ657" s="613"/>
      <c r="JSK657" s="613"/>
      <c r="JSL657" s="613"/>
      <c r="JSM657" s="613"/>
      <c r="JSN657" s="613"/>
      <c r="JSO657" s="613"/>
      <c r="JSP657" s="613"/>
      <c r="JSQ657" s="613"/>
      <c r="JSR657" s="613"/>
      <c r="JSS657" s="613"/>
      <c r="JST657" s="613"/>
      <c r="JSU657" s="613"/>
      <c r="JSV657" s="613"/>
      <c r="JSW657" s="613"/>
      <c r="JSX657" s="613"/>
      <c r="JSY657" s="613"/>
      <c r="JSZ657" s="613"/>
      <c r="JTA657" s="613"/>
      <c r="JTB657" s="613"/>
      <c r="JTC657" s="613"/>
      <c r="JTD657" s="613"/>
      <c r="JTE657" s="613"/>
      <c r="JTF657" s="613"/>
      <c r="JTG657" s="613"/>
      <c r="JTH657" s="613"/>
      <c r="JTI657" s="613"/>
      <c r="JTJ657" s="613"/>
      <c r="JTK657" s="613"/>
      <c r="JTL657" s="613"/>
      <c r="JTM657" s="613"/>
      <c r="JTN657" s="613"/>
      <c r="JTO657" s="613"/>
      <c r="JTP657" s="613"/>
      <c r="JTQ657" s="613"/>
      <c r="JTR657" s="613"/>
      <c r="JTS657" s="613"/>
      <c r="JTT657" s="613"/>
      <c r="JTU657" s="613"/>
      <c r="JTV657" s="613"/>
      <c r="JTW657" s="613"/>
      <c r="JTX657" s="613"/>
      <c r="JTY657" s="613"/>
      <c r="JTZ657" s="613"/>
      <c r="JUA657" s="613"/>
      <c r="JUB657" s="613"/>
      <c r="JUC657" s="613"/>
      <c r="JUD657" s="613"/>
      <c r="JUE657" s="613"/>
      <c r="JUF657" s="613"/>
      <c r="JUG657" s="613"/>
      <c r="JUH657" s="613"/>
      <c r="JUI657" s="613"/>
      <c r="JUJ657" s="613"/>
      <c r="JUK657" s="613"/>
      <c r="JUL657" s="613"/>
      <c r="JUM657" s="613"/>
      <c r="JUN657" s="613"/>
      <c r="JUO657" s="613"/>
      <c r="JUP657" s="613"/>
      <c r="JUQ657" s="613"/>
      <c r="JUR657" s="613"/>
      <c r="JUS657" s="613"/>
      <c r="JUT657" s="613"/>
      <c r="JUU657" s="613"/>
      <c r="JUV657" s="613"/>
      <c r="JUW657" s="613"/>
      <c r="JUX657" s="613"/>
      <c r="JUY657" s="613"/>
      <c r="JUZ657" s="613"/>
      <c r="JVA657" s="613"/>
      <c r="JVB657" s="613"/>
      <c r="JVC657" s="613"/>
      <c r="JVD657" s="613"/>
      <c r="JVE657" s="613"/>
      <c r="JVF657" s="613"/>
      <c r="JVG657" s="613"/>
      <c r="JVH657" s="613"/>
      <c r="JVI657" s="613"/>
      <c r="JVJ657" s="613"/>
      <c r="JVK657" s="613"/>
      <c r="JVL657" s="613"/>
      <c r="JVM657" s="613"/>
      <c r="JVN657" s="613"/>
      <c r="JVO657" s="613"/>
      <c r="JVP657" s="613"/>
      <c r="JVQ657" s="613"/>
      <c r="JVR657" s="613"/>
      <c r="JVS657" s="613"/>
      <c r="JVT657" s="613"/>
      <c r="JVU657" s="613"/>
      <c r="JVV657" s="613"/>
      <c r="JVW657" s="613"/>
      <c r="JVX657" s="613"/>
      <c r="JVY657" s="613"/>
      <c r="JVZ657" s="613"/>
      <c r="JWA657" s="613"/>
      <c r="JWB657" s="613"/>
      <c r="JWC657" s="613"/>
      <c r="JWD657" s="613"/>
      <c r="JWE657" s="613"/>
      <c r="JWF657" s="613"/>
      <c r="JWG657" s="613"/>
      <c r="JWH657" s="613"/>
      <c r="JWI657" s="613"/>
      <c r="JWJ657" s="613"/>
      <c r="JWK657" s="613"/>
      <c r="JWL657" s="613"/>
      <c r="JWM657" s="613"/>
      <c r="JWN657" s="613"/>
      <c r="JWO657" s="613"/>
      <c r="JWP657" s="613"/>
      <c r="JWQ657" s="613"/>
      <c r="JWR657" s="613"/>
      <c r="JWS657" s="613"/>
      <c r="JWT657" s="613"/>
      <c r="JWU657" s="613"/>
      <c r="JWV657" s="613"/>
      <c r="JWW657" s="613"/>
      <c r="JWX657" s="613"/>
      <c r="JWY657" s="613"/>
      <c r="JWZ657" s="613"/>
      <c r="JXA657" s="613"/>
      <c r="JXB657" s="613"/>
      <c r="JXC657" s="613"/>
      <c r="JXD657" s="613"/>
      <c r="JXE657" s="613"/>
      <c r="JXF657" s="613"/>
      <c r="JXG657" s="613"/>
      <c r="JXH657" s="613"/>
      <c r="JXI657" s="613"/>
      <c r="JXJ657" s="613"/>
      <c r="JXK657" s="613"/>
      <c r="JXL657" s="613"/>
      <c r="JXM657" s="613"/>
      <c r="JXN657" s="613"/>
      <c r="JXO657" s="613"/>
      <c r="JXP657" s="613"/>
      <c r="JXQ657" s="613"/>
      <c r="JXR657" s="613"/>
      <c r="JXS657" s="613"/>
      <c r="JXT657" s="613"/>
      <c r="JXU657" s="613"/>
      <c r="JXV657" s="613"/>
      <c r="JXW657" s="613"/>
      <c r="JXX657" s="613"/>
      <c r="JXY657" s="613"/>
      <c r="JXZ657" s="613"/>
      <c r="JYA657" s="613"/>
      <c r="JYB657" s="613"/>
      <c r="JYC657" s="613"/>
      <c r="JYD657" s="613"/>
      <c r="JYE657" s="613"/>
      <c r="JYF657" s="613"/>
      <c r="JYG657" s="613"/>
      <c r="JYH657" s="613"/>
      <c r="JYI657" s="613"/>
      <c r="JYJ657" s="613"/>
      <c r="JYK657" s="613"/>
      <c r="JYL657" s="613"/>
      <c r="JYM657" s="613"/>
      <c r="JYN657" s="613"/>
      <c r="JYO657" s="613"/>
      <c r="JYP657" s="613"/>
      <c r="JYQ657" s="613"/>
      <c r="JYR657" s="613"/>
      <c r="JYS657" s="613"/>
      <c r="JYT657" s="613"/>
      <c r="JYU657" s="613"/>
      <c r="JYV657" s="613"/>
      <c r="JYW657" s="613"/>
      <c r="JYX657" s="613"/>
      <c r="JYY657" s="613"/>
      <c r="JYZ657" s="613"/>
      <c r="JZA657" s="613"/>
      <c r="JZB657" s="613"/>
      <c r="JZC657" s="613"/>
      <c r="JZD657" s="613"/>
      <c r="JZE657" s="613"/>
      <c r="JZF657" s="613"/>
      <c r="JZG657" s="613"/>
      <c r="JZH657" s="613"/>
      <c r="JZI657" s="613"/>
      <c r="JZJ657" s="613"/>
      <c r="JZK657" s="613"/>
      <c r="JZL657" s="613"/>
      <c r="JZM657" s="613"/>
      <c r="JZN657" s="613"/>
      <c r="JZO657" s="613"/>
      <c r="JZP657" s="613"/>
      <c r="JZQ657" s="613"/>
      <c r="JZR657" s="613"/>
      <c r="JZS657" s="613"/>
      <c r="JZT657" s="613"/>
      <c r="JZU657" s="613"/>
      <c r="JZV657" s="613"/>
      <c r="JZW657" s="613"/>
      <c r="JZX657" s="613"/>
      <c r="JZY657" s="613"/>
      <c r="JZZ657" s="613"/>
      <c r="KAA657" s="613"/>
      <c r="KAB657" s="613"/>
      <c r="KAC657" s="613"/>
      <c r="KAD657" s="613"/>
      <c r="KAE657" s="613"/>
      <c r="KAF657" s="613"/>
      <c r="KAG657" s="613"/>
      <c r="KAH657" s="613"/>
      <c r="KAI657" s="613"/>
      <c r="KAJ657" s="613"/>
      <c r="KAK657" s="613"/>
      <c r="KAL657" s="613"/>
      <c r="KAM657" s="613"/>
      <c r="KAN657" s="613"/>
      <c r="KAO657" s="613"/>
      <c r="KAP657" s="613"/>
      <c r="KAQ657" s="613"/>
      <c r="KAR657" s="613"/>
      <c r="KAS657" s="613"/>
      <c r="KAT657" s="613"/>
      <c r="KAU657" s="613"/>
      <c r="KAV657" s="613"/>
      <c r="KAW657" s="613"/>
      <c r="KAX657" s="613"/>
      <c r="KAY657" s="613"/>
      <c r="KAZ657" s="613"/>
      <c r="KBA657" s="613"/>
      <c r="KBB657" s="613"/>
      <c r="KBC657" s="613"/>
      <c r="KBD657" s="613"/>
      <c r="KBE657" s="613"/>
      <c r="KBF657" s="613"/>
      <c r="KBG657" s="613"/>
      <c r="KBH657" s="613"/>
      <c r="KBI657" s="613"/>
      <c r="KBJ657" s="613"/>
      <c r="KBK657" s="613"/>
      <c r="KBL657" s="613"/>
      <c r="KBM657" s="613"/>
      <c r="KBN657" s="613"/>
      <c r="KBO657" s="613"/>
      <c r="KBP657" s="613"/>
      <c r="KBQ657" s="613"/>
      <c r="KBR657" s="613"/>
      <c r="KBS657" s="613"/>
      <c r="KBT657" s="613"/>
      <c r="KBU657" s="613"/>
      <c r="KBV657" s="613"/>
      <c r="KBW657" s="613"/>
      <c r="KBX657" s="613"/>
      <c r="KBY657" s="613"/>
      <c r="KBZ657" s="613"/>
      <c r="KCA657" s="613"/>
      <c r="KCB657" s="613"/>
      <c r="KCC657" s="613"/>
      <c r="KCD657" s="613"/>
      <c r="KCE657" s="613"/>
      <c r="KCF657" s="613"/>
      <c r="KCG657" s="613"/>
      <c r="KCH657" s="613"/>
      <c r="KCI657" s="613"/>
      <c r="KCJ657" s="613"/>
      <c r="KCK657" s="613"/>
      <c r="KCL657" s="613"/>
      <c r="KCM657" s="613"/>
      <c r="KCN657" s="613"/>
      <c r="KCO657" s="613"/>
      <c r="KCP657" s="613"/>
      <c r="KCQ657" s="613"/>
      <c r="KCR657" s="613"/>
      <c r="KCS657" s="613"/>
      <c r="KCT657" s="613"/>
      <c r="KCU657" s="613"/>
      <c r="KCV657" s="613"/>
      <c r="KCW657" s="613"/>
      <c r="KCX657" s="613"/>
      <c r="KCY657" s="613"/>
      <c r="KCZ657" s="613"/>
      <c r="KDA657" s="613"/>
      <c r="KDB657" s="613"/>
      <c r="KDC657" s="613"/>
      <c r="KDD657" s="613"/>
      <c r="KDE657" s="613"/>
      <c r="KDF657" s="613"/>
      <c r="KDG657" s="613"/>
      <c r="KDH657" s="613"/>
      <c r="KDI657" s="613"/>
      <c r="KDJ657" s="613"/>
      <c r="KDK657" s="613"/>
      <c r="KDL657" s="613"/>
      <c r="KDM657" s="613"/>
      <c r="KDN657" s="613"/>
      <c r="KDO657" s="613"/>
      <c r="KDP657" s="613"/>
      <c r="KDQ657" s="613"/>
      <c r="KDR657" s="613"/>
      <c r="KDS657" s="613"/>
      <c r="KDT657" s="613"/>
      <c r="KDU657" s="613"/>
      <c r="KDV657" s="613"/>
      <c r="KDW657" s="613"/>
      <c r="KDX657" s="613"/>
      <c r="KDY657" s="613"/>
      <c r="KDZ657" s="613"/>
      <c r="KEA657" s="613"/>
      <c r="KEB657" s="613"/>
      <c r="KEC657" s="613"/>
      <c r="KED657" s="613"/>
      <c r="KEE657" s="613"/>
      <c r="KEF657" s="613"/>
      <c r="KEG657" s="613"/>
      <c r="KEH657" s="613"/>
      <c r="KEI657" s="613"/>
      <c r="KEJ657" s="613"/>
      <c r="KEK657" s="613"/>
      <c r="KEL657" s="613"/>
      <c r="KEM657" s="613"/>
      <c r="KEN657" s="613"/>
      <c r="KEO657" s="613"/>
      <c r="KEP657" s="613"/>
      <c r="KEQ657" s="613"/>
      <c r="KER657" s="613"/>
      <c r="KES657" s="613"/>
      <c r="KET657" s="613"/>
      <c r="KEU657" s="613"/>
      <c r="KEV657" s="613"/>
      <c r="KEW657" s="613"/>
      <c r="KEX657" s="613"/>
      <c r="KEY657" s="613"/>
      <c r="KEZ657" s="613"/>
      <c r="KFA657" s="613"/>
      <c r="KFB657" s="613"/>
      <c r="KFC657" s="613"/>
      <c r="KFD657" s="613"/>
      <c r="KFE657" s="613"/>
      <c r="KFF657" s="613"/>
      <c r="KFG657" s="613"/>
      <c r="KFH657" s="613"/>
      <c r="KFI657" s="613"/>
      <c r="KFJ657" s="613"/>
      <c r="KFK657" s="613"/>
      <c r="KFL657" s="613"/>
      <c r="KFM657" s="613"/>
      <c r="KFN657" s="613"/>
      <c r="KFO657" s="613"/>
      <c r="KFP657" s="613"/>
      <c r="KFQ657" s="613"/>
      <c r="KFR657" s="613"/>
      <c r="KFS657" s="613"/>
      <c r="KFT657" s="613"/>
      <c r="KFU657" s="613"/>
      <c r="KFV657" s="613"/>
      <c r="KFW657" s="613"/>
      <c r="KFX657" s="613"/>
      <c r="KFY657" s="613"/>
      <c r="KFZ657" s="613"/>
      <c r="KGA657" s="613"/>
      <c r="KGB657" s="613"/>
      <c r="KGC657" s="613"/>
      <c r="KGD657" s="613"/>
      <c r="KGE657" s="613"/>
      <c r="KGF657" s="613"/>
      <c r="KGG657" s="613"/>
      <c r="KGH657" s="613"/>
      <c r="KGI657" s="613"/>
      <c r="KGJ657" s="613"/>
      <c r="KGK657" s="613"/>
      <c r="KGL657" s="613"/>
      <c r="KGM657" s="613"/>
      <c r="KGN657" s="613"/>
      <c r="KGO657" s="613"/>
      <c r="KGP657" s="613"/>
      <c r="KGQ657" s="613"/>
      <c r="KGR657" s="613"/>
      <c r="KGS657" s="613"/>
      <c r="KGT657" s="613"/>
      <c r="KGU657" s="613"/>
      <c r="KGV657" s="613"/>
      <c r="KGW657" s="613"/>
      <c r="KGX657" s="613"/>
      <c r="KGY657" s="613"/>
      <c r="KGZ657" s="613"/>
      <c r="KHA657" s="613"/>
      <c r="KHB657" s="613"/>
      <c r="KHC657" s="613"/>
      <c r="KHD657" s="613"/>
      <c r="KHE657" s="613"/>
      <c r="KHF657" s="613"/>
      <c r="KHG657" s="613"/>
      <c r="KHH657" s="613"/>
      <c r="KHI657" s="613"/>
      <c r="KHJ657" s="613"/>
      <c r="KHK657" s="613"/>
      <c r="KHL657" s="613"/>
      <c r="KHM657" s="613"/>
      <c r="KHN657" s="613"/>
      <c r="KHO657" s="613"/>
      <c r="KHP657" s="613"/>
      <c r="KHQ657" s="613"/>
      <c r="KHR657" s="613"/>
      <c r="KHS657" s="613"/>
      <c r="KHT657" s="613"/>
      <c r="KHU657" s="613"/>
      <c r="KHV657" s="613"/>
      <c r="KHW657" s="613"/>
      <c r="KHX657" s="613"/>
      <c r="KHY657" s="613"/>
      <c r="KHZ657" s="613"/>
      <c r="KIA657" s="613"/>
      <c r="KIB657" s="613"/>
      <c r="KIC657" s="613"/>
      <c r="KID657" s="613"/>
      <c r="KIE657" s="613"/>
      <c r="KIF657" s="613"/>
      <c r="KIG657" s="613"/>
      <c r="KIH657" s="613"/>
      <c r="KII657" s="613"/>
      <c r="KIJ657" s="613"/>
      <c r="KIK657" s="613"/>
      <c r="KIL657" s="613"/>
      <c r="KIM657" s="613"/>
      <c r="KIN657" s="613"/>
      <c r="KIO657" s="613"/>
      <c r="KIP657" s="613"/>
      <c r="KIQ657" s="613"/>
      <c r="KIR657" s="613"/>
      <c r="KIS657" s="613"/>
      <c r="KIT657" s="613"/>
      <c r="KIU657" s="613"/>
      <c r="KIV657" s="613"/>
      <c r="KIW657" s="613"/>
      <c r="KIX657" s="613"/>
      <c r="KIY657" s="613"/>
      <c r="KIZ657" s="613"/>
      <c r="KJA657" s="613"/>
      <c r="KJB657" s="613"/>
      <c r="KJC657" s="613"/>
      <c r="KJD657" s="613"/>
      <c r="KJE657" s="613"/>
      <c r="KJF657" s="613"/>
      <c r="KJG657" s="613"/>
      <c r="KJH657" s="613"/>
      <c r="KJI657" s="613"/>
      <c r="KJJ657" s="613"/>
      <c r="KJK657" s="613"/>
      <c r="KJL657" s="613"/>
      <c r="KJM657" s="613"/>
      <c r="KJN657" s="613"/>
      <c r="KJO657" s="613"/>
      <c r="KJP657" s="613"/>
      <c r="KJQ657" s="613"/>
      <c r="KJR657" s="613"/>
      <c r="KJS657" s="613"/>
      <c r="KJT657" s="613"/>
      <c r="KJU657" s="613"/>
      <c r="KJV657" s="613"/>
      <c r="KJW657" s="613"/>
      <c r="KJX657" s="613"/>
      <c r="KJY657" s="613"/>
      <c r="KJZ657" s="613"/>
      <c r="KKA657" s="613"/>
      <c r="KKB657" s="613"/>
      <c r="KKC657" s="613"/>
      <c r="KKD657" s="613"/>
      <c r="KKE657" s="613"/>
      <c r="KKF657" s="613"/>
      <c r="KKG657" s="613"/>
      <c r="KKH657" s="613"/>
      <c r="KKI657" s="613"/>
      <c r="KKJ657" s="613"/>
      <c r="KKK657" s="613"/>
      <c r="KKL657" s="613"/>
      <c r="KKM657" s="613"/>
      <c r="KKN657" s="613"/>
      <c r="KKO657" s="613"/>
      <c r="KKP657" s="613"/>
      <c r="KKQ657" s="613"/>
      <c r="KKR657" s="613"/>
      <c r="KKS657" s="613"/>
      <c r="KKT657" s="613"/>
      <c r="KKU657" s="613"/>
      <c r="KKV657" s="613"/>
      <c r="KKW657" s="613"/>
      <c r="KKX657" s="613"/>
      <c r="KKY657" s="613"/>
      <c r="KKZ657" s="613"/>
      <c r="KLA657" s="613"/>
      <c r="KLB657" s="613"/>
      <c r="KLC657" s="613"/>
      <c r="KLD657" s="613"/>
      <c r="KLE657" s="613"/>
      <c r="KLF657" s="613"/>
      <c r="KLG657" s="613"/>
      <c r="KLH657" s="613"/>
      <c r="KLI657" s="613"/>
      <c r="KLJ657" s="613"/>
      <c r="KLK657" s="613"/>
      <c r="KLL657" s="613"/>
      <c r="KLM657" s="613"/>
      <c r="KLN657" s="613"/>
      <c r="KLO657" s="613"/>
      <c r="KLP657" s="613"/>
      <c r="KLQ657" s="613"/>
      <c r="KLR657" s="613"/>
      <c r="KLS657" s="613"/>
      <c r="KLT657" s="613"/>
      <c r="KLU657" s="613"/>
      <c r="KLV657" s="613"/>
      <c r="KLW657" s="613"/>
      <c r="KLX657" s="613"/>
      <c r="KLY657" s="613"/>
      <c r="KLZ657" s="613"/>
      <c r="KMA657" s="613"/>
      <c r="KMB657" s="613"/>
      <c r="KMC657" s="613"/>
      <c r="KMD657" s="613"/>
      <c r="KME657" s="613"/>
      <c r="KMF657" s="613"/>
      <c r="KMG657" s="613"/>
      <c r="KMH657" s="613"/>
      <c r="KMI657" s="613"/>
      <c r="KMJ657" s="613"/>
      <c r="KMK657" s="613"/>
      <c r="KML657" s="613"/>
      <c r="KMM657" s="613"/>
      <c r="KMN657" s="613"/>
      <c r="KMO657" s="613"/>
      <c r="KMP657" s="613"/>
      <c r="KMQ657" s="613"/>
      <c r="KMR657" s="613"/>
      <c r="KMS657" s="613"/>
      <c r="KMT657" s="613"/>
      <c r="KMU657" s="613"/>
      <c r="KMV657" s="613"/>
      <c r="KMW657" s="613"/>
      <c r="KMX657" s="613"/>
      <c r="KMY657" s="613"/>
      <c r="KMZ657" s="613"/>
      <c r="KNA657" s="613"/>
      <c r="KNB657" s="613"/>
      <c r="KNC657" s="613"/>
      <c r="KND657" s="613"/>
      <c r="KNE657" s="613"/>
      <c r="KNF657" s="613"/>
      <c r="KNG657" s="613"/>
      <c r="KNH657" s="613"/>
      <c r="KNI657" s="613"/>
      <c r="KNJ657" s="613"/>
      <c r="KNK657" s="613"/>
      <c r="KNL657" s="613"/>
      <c r="KNM657" s="613"/>
      <c r="KNN657" s="613"/>
      <c r="KNO657" s="613"/>
      <c r="KNP657" s="613"/>
      <c r="KNQ657" s="613"/>
      <c r="KNR657" s="613"/>
      <c r="KNS657" s="613"/>
      <c r="KNT657" s="613"/>
      <c r="KNU657" s="613"/>
      <c r="KNV657" s="613"/>
      <c r="KNW657" s="613"/>
      <c r="KNX657" s="613"/>
      <c r="KNY657" s="613"/>
      <c r="KNZ657" s="613"/>
      <c r="KOA657" s="613"/>
      <c r="KOB657" s="613"/>
      <c r="KOC657" s="613"/>
      <c r="KOD657" s="613"/>
      <c r="KOE657" s="613"/>
      <c r="KOF657" s="613"/>
      <c r="KOG657" s="613"/>
      <c r="KOH657" s="613"/>
      <c r="KOI657" s="613"/>
      <c r="KOJ657" s="613"/>
      <c r="KOK657" s="613"/>
      <c r="KOL657" s="613"/>
      <c r="KOM657" s="613"/>
      <c r="KON657" s="613"/>
      <c r="KOO657" s="613"/>
      <c r="KOP657" s="613"/>
      <c r="KOQ657" s="613"/>
      <c r="KOR657" s="613"/>
      <c r="KOS657" s="613"/>
      <c r="KOT657" s="613"/>
      <c r="KOU657" s="613"/>
      <c r="KOV657" s="613"/>
      <c r="KOW657" s="613"/>
      <c r="KOX657" s="613"/>
      <c r="KOY657" s="613"/>
      <c r="KOZ657" s="613"/>
      <c r="KPA657" s="613"/>
      <c r="KPB657" s="613"/>
      <c r="KPC657" s="613"/>
      <c r="KPD657" s="613"/>
      <c r="KPE657" s="613"/>
      <c r="KPF657" s="613"/>
      <c r="KPG657" s="613"/>
      <c r="KPH657" s="613"/>
      <c r="KPI657" s="613"/>
      <c r="KPJ657" s="613"/>
      <c r="KPK657" s="613"/>
      <c r="KPL657" s="613"/>
      <c r="KPM657" s="613"/>
      <c r="KPN657" s="613"/>
      <c r="KPO657" s="613"/>
      <c r="KPP657" s="613"/>
      <c r="KPQ657" s="613"/>
      <c r="KPR657" s="613"/>
      <c r="KPS657" s="613"/>
      <c r="KPT657" s="613"/>
      <c r="KPU657" s="613"/>
      <c r="KPV657" s="613"/>
      <c r="KPW657" s="613"/>
      <c r="KPX657" s="613"/>
      <c r="KPY657" s="613"/>
      <c r="KPZ657" s="613"/>
      <c r="KQA657" s="613"/>
      <c r="KQB657" s="613"/>
      <c r="KQC657" s="613"/>
      <c r="KQD657" s="613"/>
      <c r="KQE657" s="613"/>
      <c r="KQF657" s="613"/>
      <c r="KQG657" s="613"/>
      <c r="KQH657" s="613"/>
      <c r="KQI657" s="613"/>
      <c r="KQJ657" s="613"/>
      <c r="KQK657" s="613"/>
      <c r="KQL657" s="613"/>
      <c r="KQM657" s="613"/>
      <c r="KQN657" s="613"/>
      <c r="KQO657" s="613"/>
      <c r="KQP657" s="613"/>
      <c r="KQQ657" s="613"/>
      <c r="KQR657" s="613"/>
      <c r="KQS657" s="613"/>
      <c r="KQT657" s="613"/>
      <c r="KQU657" s="613"/>
      <c r="KQV657" s="613"/>
      <c r="KQW657" s="613"/>
      <c r="KQX657" s="613"/>
      <c r="KQY657" s="613"/>
      <c r="KQZ657" s="613"/>
      <c r="KRA657" s="613"/>
      <c r="KRB657" s="613"/>
      <c r="KRC657" s="613"/>
      <c r="KRD657" s="613"/>
      <c r="KRE657" s="613"/>
      <c r="KRF657" s="613"/>
      <c r="KRG657" s="613"/>
      <c r="KRH657" s="613"/>
      <c r="KRI657" s="613"/>
      <c r="KRJ657" s="613"/>
      <c r="KRK657" s="613"/>
      <c r="KRL657" s="613"/>
      <c r="KRM657" s="613"/>
      <c r="KRN657" s="613"/>
      <c r="KRO657" s="613"/>
      <c r="KRP657" s="613"/>
      <c r="KRQ657" s="613"/>
      <c r="KRR657" s="613"/>
      <c r="KRS657" s="613"/>
      <c r="KRT657" s="613"/>
      <c r="KRU657" s="613"/>
      <c r="KRV657" s="613"/>
      <c r="KRW657" s="613"/>
      <c r="KRX657" s="613"/>
      <c r="KRY657" s="613"/>
      <c r="KRZ657" s="613"/>
      <c r="KSA657" s="613"/>
      <c r="KSB657" s="613"/>
      <c r="KSC657" s="613"/>
      <c r="KSD657" s="613"/>
      <c r="KSE657" s="613"/>
      <c r="KSF657" s="613"/>
      <c r="KSG657" s="613"/>
      <c r="KSH657" s="613"/>
      <c r="KSI657" s="613"/>
      <c r="KSJ657" s="613"/>
      <c r="KSK657" s="613"/>
      <c r="KSL657" s="613"/>
      <c r="KSM657" s="613"/>
      <c r="KSN657" s="613"/>
      <c r="KSO657" s="613"/>
      <c r="KSP657" s="613"/>
      <c r="KSQ657" s="613"/>
      <c r="KSR657" s="613"/>
      <c r="KSS657" s="613"/>
      <c r="KST657" s="613"/>
      <c r="KSU657" s="613"/>
      <c r="KSV657" s="613"/>
      <c r="KSW657" s="613"/>
      <c r="KSX657" s="613"/>
      <c r="KSY657" s="613"/>
      <c r="KSZ657" s="613"/>
      <c r="KTA657" s="613"/>
      <c r="KTB657" s="613"/>
      <c r="KTC657" s="613"/>
      <c r="KTD657" s="613"/>
      <c r="KTE657" s="613"/>
      <c r="KTF657" s="613"/>
      <c r="KTG657" s="613"/>
      <c r="KTH657" s="613"/>
      <c r="KTI657" s="613"/>
      <c r="KTJ657" s="613"/>
      <c r="KTK657" s="613"/>
      <c r="KTL657" s="613"/>
      <c r="KTM657" s="613"/>
      <c r="KTN657" s="613"/>
      <c r="KTO657" s="613"/>
      <c r="KTP657" s="613"/>
      <c r="KTQ657" s="613"/>
      <c r="KTR657" s="613"/>
      <c r="KTS657" s="613"/>
      <c r="KTT657" s="613"/>
      <c r="KTU657" s="613"/>
      <c r="KTV657" s="613"/>
      <c r="KTW657" s="613"/>
      <c r="KTX657" s="613"/>
      <c r="KTY657" s="613"/>
      <c r="KTZ657" s="613"/>
      <c r="KUA657" s="613"/>
      <c r="KUB657" s="613"/>
      <c r="KUC657" s="613"/>
      <c r="KUD657" s="613"/>
      <c r="KUE657" s="613"/>
      <c r="KUF657" s="613"/>
      <c r="KUG657" s="613"/>
      <c r="KUH657" s="613"/>
      <c r="KUI657" s="613"/>
      <c r="KUJ657" s="613"/>
      <c r="KUK657" s="613"/>
      <c r="KUL657" s="613"/>
      <c r="KUM657" s="613"/>
      <c r="KUN657" s="613"/>
      <c r="KUO657" s="613"/>
      <c r="KUP657" s="613"/>
      <c r="KUQ657" s="613"/>
      <c r="KUR657" s="613"/>
      <c r="KUS657" s="613"/>
      <c r="KUT657" s="613"/>
      <c r="KUU657" s="613"/>
      <c r="KUV657" s="613"/>
      <c r="KUW657" s="613"/>
      <c r="KUX657" s="613"/>
      <c r="KUY657" s="613"/>
      <c r="KUZ657" s="613"/>
      <c r="KVA657" s="613"/>
      <c r="KVB657" s="613"/>
      <c r="KVC657" s="613"/>
      <c r="KVD657" s="613"/>
      <c r="KVE657" s="613"/>
      <c r="KVF657" s="613"/>
      <c r="KVG657" s="613"/>
      <c r="KVH657" s="613"/>
      <c r="KVI657" s="613"/>
      <c r="KVJ657" s="613"/>
      <c r="KVK657" s="613"/>
      <c r="KVL657" s="613"/>
      <c r="KVM657" s="613"/>
      <c r="KVN657" s="613"/>
      <c r="KVO657" s="613"/>
      <c r="KVP657" s="613"/>
      <c r="KVQ657" s="613"/>
      <c r="KVR657" s="613"/>
      <c r="KVS657" s="613"/>
      <c r="KVT657" s="613"/>
      <c r="KVU657" s="613"/>
      <c r="KVV657" s="613"/>
      <c r="KVW657" s="613"/>
      <c r="KVX657" s="613"/>
      <c r="KVY657" s="613"/>
      <c r="KVZ657" s="613"/>
      <c r="KWA657" s="613"/>
      <c r="KWB657" s="613"/>
      <c r="KWC657" s="613"/>
      <c r="KWD657" s="613"/>
      <c r="KWE657" s="613"/>
      <c r="KWF657" s="613"/>
      <c r="KWG657" s="613"/>
      <c r="KWH657" s="613"/>
      <c r="KWI657" s="613"/>
      <c r="KWJ657" s="613"/>
      <c r="KWK657" s="613"/>
      <c r="KWL657" s="613"/>
      <c r="KWM657" s="613"/>
      <c r="KWN657" s="613"/>
      <c r="KWO657" s="613"/>
      <c r="KWP657" s="613"/>
      <c r="KWQ657" s="613"/>
      <c r="KWR657" s="613"/>
      <c r="KWS657" s="613"/>
      <c r="KWT657" s="613"/>
      <c r="KWU657" s="613"/>
      <c r="KWV657" s="613"/>
      <c r="KWW657" s="613"/>
      <c r="KWX657" s="613"/>
      <c r="KWY657" s="613"/>
      <c r="KWZ657" s="613"/>
      <c r="KXA657" s="613"/>
      <c r="KXB657" s="613"/>
      <c r="KXC657" s="613"/>
      <c r="KXD657" s="613"/>
      <c r="KXE657" s="613"/>
      <c r="KXF657" s="613"/>
      <c r="KXG657" s="613"/>
      <c r="KXH657" s="613"/>
      <c r="KXI657" s="613"/>
      <c r="KXJ657" s="613"/>
      <c r="KXK657" s="613"/>
      <c r="KXL657" s="613"/>
      <c r="KXM657" s="613"/>
      <c r="KXN657" s="613"/>
      <c r="KXO657" s="613"/>
      <c r="KXP657" s="613"/>
      <c r="KXQ657" s="613"/>
      <c r="KXR657" s="613"/>
      <c r="KXS657" s="613"/>
      <c r="KXT657" s="613"/>
      <c r="KXU657" s="613"/>
      <c r="KXV657" s="613"/>
      <c r="KXW657" s="613"/>
      <c r="KXX657" s="613"/>
      <c r="KXY657" s="613"/>
      <c r="KXZ657" s="613"/>
      <c r="KYA657" s="613"/>
      <c r="KYB657" s="613"/>
      <c r="KYC657" s="613"/>
      <c r="KYD657" s="613"/>
      <c r="KYE657" s="613"/>
      <c r="KYF657" s="613"/>
      <c r="KYG657" s="613"/>
      <c r="KYH657" s="613"/>
      <c r="KYI657" s="613"/>
      <c r="KYJ657" s="613"/>
      <c r="KYK657" s="613"/>
      <c r="KYL657" s="613"/>
      <c r="KYM657" s="613"/>
      <c r="KYN657" s="613"/>
      <c r="KYO657" s="613"/>
      <c r="KYP657" s="613"/>
      <c r="KYQ657" s="613"/>
      <c r="KYR657" s="613"/>
      <c r="KYS657" s="613"/>
      <c r="KYT657" s="613"/>
      <c r="KYU657" s="613"/>
      <c r="KYV657" s="613"/>
      <c r="KYW657" s="613"/>
      <c r="KYX657" s="613"/>
      <c r="KYY657" s="613"/>
      <c r="KYZ657" s="613"/>
      <c r="KZA657" s="613"/>
      <c r="KZB657" s="613"/>
      <c r="KZC657" s="613"/>
      <c r="KZD657" s="613"/>
      <c r="KZE657" s="613"/>
      <c r="KZF657" s="613"/>
      <c r="KZG657" s="613"/>
      <c r="KZH657" s="613"/>
      <c r="KZI657" s="613"/>
      <c r="KZJ657" s="613"/>
      <c r="KZK657" s="613"/>
      <c r="KZL657" s="613"/>
      <c r="KZM657" s="613"/>
      <c r="KZN657" s="613"/>
      <c r="KZO657" s="613"/>
      <c r="KZP657" s="613"/>
      <c r="KZQ657" s="613"/>
      <c r="KZR657" s="613"/>
      <c r="KZS657" s="613"/>
      <c r="KZT657" s="613"/>
      <c r="KZU657" s="613"/>
      <c r="KZV657" s="613"/>
      <c r="KZW657" s="613"/>
      <c r="KZX657" s="613"/>
      <c r="KZY657" s="613"/>
      <c r="KZZ657" s="613"/>
      <c r="LAA657" s="613"/>
      <c r="LAB657" s="613"/>
      <c r="LAC657" s="613"/>
      <c r="LAD657" s="613"/>
      <c r="LAE657" s="613"/>
      <c r="LAF657" s="613"/>
      <c r="LAG657" s="613"/>
      <c r="LAH657" s="613"/>
      <c r="LAI657" s="613"/>
      <c r="LAJ657" s="613"/>
      <c r="LAK657" s="613"/>
      <c r="LAL657" s="613"/>
      <c r="LAM657" s="613"/>
      <c r="LAN657" s="613"/>
      <c r="LAO657" s="613"/>
      <c r="LAP657" s="613"/>
      <c r="LAQ657" s="613"/>
      <c r="LAR657" s="613"/>
      <c r="LAS657" s="613"/>
      <c r="LAT657" s="613"/>
      <c r="LAU657" s="613"/>
      <c r="LAV657" s="613"/>
      <c r="LAW657" s="613"/>
      <c r="LAX657" s="613"/>
      <c r="LAY657" s="613"/>
      <c r="LAZ657" s="613"/>
      <c r="LBA657" s="613"/>
      <c r="LBB657" s="613"/>
      <c r="LBC657" s="613"/>
      <c r="LBD657" s="613"/>
      <c r="LBE657" s="613"/>
      <c r="LBF657" s="613"/>
      <c r="LBG657" s="613"/>
      <c r="LBH657" s="613"/>
      <c r="LBI657" s="613"/>
      <c r="LBJ657" s="613"/>
      <c r="LBK657" s="613"/>
      <c r="LBL657" s="613"/>
      <c r="LBM657" s="613"/>
      <c r="LBN657" s="613"/>
      <c r="LBO657" s="613"/>
      <c r="LBP657" s="613"/>
      <c r="LBQ657" s="613"/>
      <c r="LBR657" s="613"/>
      <c r="LBS657" s="613"/>
      <c r="LBT657" s="613"/>
      <c r="LBU657" s="613"/>
      <c r="LBV657" s="613"/>
      <c r="LBW657" s="613"/>
      <c r="LBX657" s="613"/>
      <c r="LBY657" s="613"/>
      <c r="LBZ657" s="613"/>
      <c r="LCA657" s="613"/>
      <c r="LCB657" s="613"/>
      <c r="LCC657" s="613"/>
      <c r="LCD657" s="613"/>
      <c r="LCE657" s="613"/>
      <c r="LCF657" s="613"/>
      <c r="LCG657" s="613"/>
      <c r="LCH657" s="613"/>
      <c r="LCI657" s="613"/>
      <c r="LCJ657" s="613"/>
      <c r="LCK657" s="613"/>
      <c r="LCL657" s="613"/>
      <c r="LCM657" s="613"/>
      <c r="LCN657" s="613"/>
      <c r="LCO657" s="613"/>
      <c r="LCP657" s="613"/>
      <c r="LCQ657" s="613"/>
      <c r="LCR657" s="613"/>
      <c r="LCS657" s="613"/>
      <c r="LCT657" s="613"/>
      <c r="LCU657" s="613"/>
      <c r="LCV657" s="613"/>
      <c r="LCW657" s="613"/>
      <c r="LCX657" s="613"/>
      <c r="LCY657" s="613"/>
      <c r="LCZ657" s="613"/>
      <c r="LDA657" s="613"/>
      <c r="LDB657" s="613"/>
      <c r="LDC657" s="613"/>
      <c r="LDD657" s="613"/>
      <c r="LDE657" s="613"/>
      <c r="LDF657" s="613"/>
      <c r="LDG657" s="613"/>
      <c r="LDH657" s="613"/>
      <c r="LDI657" s="613"/>
      <c r="LDJ657" s="613"/>
      <c r="LDK657" s="613"/>
      <c r="LDL657" s="613"/>
      <c r="LDM657" s="613"/>
      <c r="LDN657" s="613"/>
      <c r="LDO657" s="613"/>
      <c r="LDP657" s="613"/>
      <c r="LDQ657" s="613"/>
      <c r="LDR657" s="613"/>
      <c r="LDS657" s="613"/>
      <c r="LDT657" s="613"/>
      <c r="LDU657" s="613"/>
      <c r="LDV657" s="613"/>
      <c r="LDW657" s="613"/>
      <c r="LDX657" s="613"/>
      <c r="LDY657" s="613"/>
      <c r="LDZ657" s="613"/>
      <c r="LEA657" s="613"/>
      <c r="LEB657" s="613"/>
      <c r="LEC657" s="613"/>
      <c r="LED657" s="613"/>
      <c r="LEE657" s="613"/>
      <c r="LEF657" s="613"/>
      <c r="LEG657" s="613"/>
      <c r="LEH657" s="613"/>
      <c r="LEI657" s="613"/>
      <c r="LEJ657" s="613"/>
      <c r="LEK657" s="613"/>
      <c r="LEL657" s="613"/>
      <c r="LEM657" s="613"/>
      <c r="LEN657" s="613"/>
      <c r="LEO657" s="613"/>
      <c r="LEP657" s="613"/>
      <c r="LEQ657" s="613"/>
      <c r="LER657" s="613"/>
      <c r="LES657" s="613"/>
      <c r="LET657" s="613"/>
      <c r="LEU657" s="613"/>
      <c r="LEV657" s="613"/>
      <c r="LEW657" s="613"/>
      <c r="LEX657" s="613"/>
      <c r="LEY657" s="613"/>
      <c r="LEZ657" s="613"/>
      <c r="LFA657" s="613"/>
      <c r="LFB657" s="613"/>
      <c r="LFC657" s="613"/>
      <c r="LFD657" s="613"/>
      <c r="LFE657" s="613"/>
      <c r="LFF657" s="613"/>
      <c r="LFG657" s="613"/>
      <c r="LFH657" s="613"/>
      <c r="LFI657" s="613"/>
      <c r="LFJ657" s="613"/>
      <c r="LFK657" s="613"/>
      <c r="LFL657" s="613"/>
      <c r="LFM657" s="613"/>
      <c r="LFN657" s="613"/>
      <c r="LFO657" s="613"/>
      <c r="LFP657" s="613"/>
      <c r="LFQ657" s="613"/>
      <c r="LFR657" s="613"/>
      <c r="LFS657" s="613"/>
      <c r="LFT657" s="613"/>
      <c r="LFU657" s="613"/>
      <c r="LFV657" s="613"/>
      <c r="LFW657" s="613"/>
      <c r="LFX657" s="613"/>
      <c r="LFY657" s="613"/>
      <c r="LFZ657" s="613"/>
      <c r="LGA657" s="613"/>
      <c r="LGB657" s="613"/>
      <c r="LGC657" s="613"/>
      <c r="LGD657" s="613"/>
      <c r="LGE657" s="613"/>
      <c r="LGF657" s="613"/>
      <c r="LGG657" s="613"/>
      <c r="LGH657" s="613"/>
      <c r="LGI657" s="613"/>
      <c r="LGJ657" s="613"/>
      <c r="LGK657" s="613"/>
      <c r="LGL657" s="613"/>
      <c r="LGM657" s="613"/>
      <c r="LGN657" s="613"/>
      <c r="LGO657" s="613"/>
      <c r="LGP657" s="613"/>
      <c r="LGQ657" s="613"/>
      <c r="LGR657" s="613"/>
      <c r="LGS657" s="613"/>
      <c r="LGT657" s="613"/>
      <c r="LGU657" s="613"/>
      <c r="LGV657" s="613"/>
      <c r="LGW657" s="613"/>
      <c r="LGX657" s="613"/>
      <c r="LGY657" s="613"/>
      <c r="LGZ657" s="613"/>
      <c r="LHA657" s="613"/>
      <c r="LHB657" s="613"/>
      <c r="LHC657" s="613"/>
      <c r="LHD657" s="613"/>
      <c r="LHE657" s="613"/>
      <c r="LHF657" s="613"/>
      <c r="LHG657" s="613"/>
      <c r="LHH657" s="613"/>
      <c r="LHI657" s="613"/>
      <c r="LHJ657" s="613"/>
      <c r="LHK657" s="613"/>
      <c r="LHL657" s="613"/>
      <c r="LHM657" s="613"/>
      <c r="LHN657" s="613"/>
      <c r="LHO657" s="613"/>
      <c r="LHP657" s="613"/>
      <c r="LHQ657" s="613"/>
      <c r="LHR657" s="613"/>
      <c r="LHS657" s="613"/>
      <c r="LHT657" s="613"/>
      <c r="LHU657" s="613"/>
      <c r="LHV657" s="613"/>
      <c r="LHW657" s="613"/>
      <c r="LHX657" s="613"/>
      <c r="LHY657" s="613"/>
      <c r="LHZ657" s="613"/>
      <c r="LIA657" s="613"/>
      <c r="LIB657" s="613"/>
      <c r="LIC657" s="613"/>
      <c r="LID657" s="613"/>
      <c r="LIE657" s="613"/>
      <c r="LIF657" s="613"/>
      <c r="LIG657" s="613"/>
      <c r="LIH657" s="613"/>
      <c r="LII657" s="613"/>
      <c r="LIJ657" s="613"/>
      <c r="LIK657" s="613"/>
      <c r="LIL657" s="613"/>
      <c r="LIM657" s="613"/>
      <c r="LIN657" s="613"/>
      <c r="LIO657" s="613"/>
      <c r="LIP657" s="613"/>
      <c r="LIQ657" s="613"/>
      <c r="LIR657" s="613"/>
      <c r="LIS657" s="613"/>
      <c r="LIT657" s="613"/>
      <c r="LIU657" s="613"/>
      <c r="LIV657" s="613"/>
      <c r="LIW657" s="613"/>
      <c r="LIX657" s="613"/>
      <c r="LIY657" s="613"/>
      <c r="LIZ657" s="613"/>
      <c r="LJA657" s="613"/>
      <c r="LJB657" s="613"/>
      <c r="LJC657" s="613"/>
      <c r="LJD657" s="613"/>
      <c r="LJE657" s="613"/>
      <c r="LJF657" s="613"/>
      <c r="LJG657" s="613"/>
      <c r="LJH657" s="613"/>
      <c r="LJI657" s="613"/>
      <c r="LJJ657" s="613"/>
      <c r="LJK657" s="613"/>
      <c r="LJL657" s="613"/>
      <c r="LJM657" s="613"/>
      <c r="LJN657" s="613"/>
      <c r="LJO657" s="613"/>
      <c r="LJP657" s="613"/>
      <c r="LJQ657" s="613"/>
      <c r="LJR657" s="613"/>
      <c r="LJS657" s="613"/>
      <c r="LJT657" s="613"/>
      <c r="LJU657" s="613"/>
      <c r="LJV657" s="613"/>
      <c r="LJW657" s="613"/>
      <c r="LJX657" s="613"/>
      <c r="LJY657" s="613"/>
      <c r="LJZ657" s="613"/>
      <c r="LKA657" s="613"/>
      <c r="LKB657" s="613"/>
      <c r="LKC657" s="613"/>
      <c r="LKD657" s="613"/>
      <c r="LKE657" s="613"/>
      <c r="LKF657" s="613"/>
      <c r="LKG657" s="613"/>
      <c r="LKH657" s="613"/>
      <c r="LKI657" s="613"/>
      <c r="LKJ657" s="613"/>
      <c r="LKK657" s="613"/>
      <c r="LKL657" s="613"/>
      <c r="LKM657" s="613"/>
      <c r="LKN657" s="613"/>
      <c r="LKO657" s="613"/>
      <c r="LKP657" s="613"/>
      <c r="LKQ657" s="613"/>
      <c r="LKR657" s="613"/>
      <c r="LKS657" s="613"/>
      <c r="LKT657" s="613"/>
      <c r="LKU657" s="613"/>
      <c r="LKV657" s="613"/>
      <c r="LKW657" s="613"/>
      <c r="LKX657" s="613"/>
      <c r="LKY657" s="613"/>
      <c r="LKZ657" s="613"/>
      <c r="LLA657" s="613"/>
      <c r="LLB657" s="613"/>
      <c r="LLC657" s="613"/>
      <c r="LLD657" s="613"/>
      <c r="LLE657" s="613"/>
      <c r="LLF657" s="613"/>
      <c r="LLG657" s="613"/>
      <c r="LLH657" s="613"/>
      <c r="LLI657" s="613"/>
      <c r="LLJ657" s="613"/>
      <c r="LLK657" s="613"/>
      <c r="LLL657" s="613"/>
      <c r="LLM657" s="613"/>
      <c r="LLN657" s="613"/>
      <c r="LLO657" s="613"/>
      <c r="LLP657" s="613"/>
      <c r="LLQ657" s="613"/>
      <c r="LLR657" s="613"/>
      <c r="LLS657" s="613"/>
      <c r="LLT657" s="613"/>
      <c r="LLU657" s="613"/>
      <c r="LLV657" s="613"/>
      <c r="LLW657" s="613"/>
      <c r="LLX657" s="613"/>
      <c r="LLY657" s="613"/>
      <c r="LLZ657" s="613"/>
      <c r="LMA657" s="613"/>
      <c r="LMB657" s="613"/>
      <c r="LMC657" s="613"/>
      <c r="LMD657" s="613"/>
      <c r="LME657" s="613"/>
      <c r="LMF657" s="613"/>
      <c r="LMG657" s="613"/>
      <c r="LMH657" s="613"/>
      <c r="LMI657" s="613"/>
      <c r="LMJ657" s="613"/>
      <c r="LMK657" s="613"/>
      <c r="LML657" s="613"/>
      <c r="LMM657" s="613"/>
      <c r="LMN657" s="613"/>
      <c r="LMO657" s="613"/>
      <c r="LMP657" s="613"/>
      <c r="LMQ657" s="613"/>
      <c r="LMR657" s="613"/>
      <c r="LMS657" s="613"/>
      <c r="LMT657" s="613"/>
      <c r="LMU657" s="613"/>
      <c r="LMV657" s="613"/>
      <c r="LMW657" s="613"/>
      <c r="LMX657" s="613"/>
      <c r="LMY657" s="613"/>
      <c r="LMZ657" s="613"/>
      <c r="LNA657" s="613"/>
      <c r="LNB657" s="613"/>
      <c r="LNC657" s="613"/>
      <c r="LND657" s="613"/>
      <c r="LNE657" s="613"/>
      <c r="LNF657" s="613"/>
      <c r="LNG657" s="613"/>
      <c r="LNH657" s="613"/>
      <c r="LNI657" s="613"/>
      <c r="LNJ657" s="613"/>
      <c r="LNK657" s="613"/>
      <c r="LNL657" s="613"/>
      <c r="LNM657" s="613"/>
      <c r="LNN657" s="613"/>
      <c r="LNO657" s="613"/>
      <c r="LNP657" s="613"/>
      <c r="LNQ657" s="613"/>
      <c r="LNR657" s="613"/>
      <c r="LNS657" s="613"/>
      <c r="LNT657" s="613"/>
      <c r="LNU657" s="613"/>
      <c r="LNV657" s="613"/>
      <c r="LNW657" s="613"/>
      <c r="LNX657" s="613"/>
      <c r="LNY657" s="613"/>
      <c r="LNZ657" s="613"/>
      <c r="LOA657" s="613"/>
      <c r="LOB657" s="613"/>
      <c r="LOC657" s="613"/>
      <c r="LOD657" s="613"/>
      <c r="LOE657" s="613"/>
      <c r="LOF657" s="613"/>
      <c r="LOG657" s="613"/>
      <c r="LOH657" s="613"/>
      <c r="LOI657" s="613"/>
      <c r="LOJ657" s="613"/>
      <c r="LOK657" s="613"/>
      <c r="LOL657" s="613"/>
      <c r="LOM657" s="613"/>
      <c r="LON657" s="613"/>
      <c r="LOO657" s="613"/>
      <c r="LOP657" s="613"/>
      <c r="LOQ657" s="613"/>
      <c r="LOR657" s="613"/>
      <c r="LOS657" s="613"/>
      <c r="LOT657" s="613"/>
      <c r="LOU657" s="613"/>
      <c r="LOV657" s="613"/>
      <c r="LOW657" s="613"/>
      <c r="LOX657" s="613"/>
      <c r="LOY657" s="613"/>
      <c r="LOZ657" s="613"/>
      <c r="LPA657" s="613"/>
      <c r="LPB657" s="613"/>
      <c r="LPC657" s="613"/>
      <c r="LPD657" s="613"/>
      <c r="LPE657" s="613"/>
      <c r="LPF657" s="613"/>
      <c r="LPG657" s="613"/>
      <c r="LPH657" s="613"/>
      <c r="LPI657" s="613"/>
      <c r="LPJ657" s="613"/>
      <c r="LPK657" s="613"/>
      <c r="LPL657" s="613"/>
      <c r="LPM657" s="613"/>
      <c r="LPN657" s="613"/>
      <c r="LPO657" s="613"/>
      <c r="LPP657" s="613"/>
      <c r="LPQ657" s="613"/>
      <c r="LPR657" s="613"/>
      <c r="LPS657" s="613"/>
      <c r="LPT657" s="613"/>
      <c r="LPU657" s="613"/>
      <c r="LPV657" s="613"/>
      <c r="LPW657" s="613"/>
      <c r="LPX657" s="613"/>
      <c r="LPY657" s="613"/>
      <c r="LPZ657" s="613"/>
      <c r="LQA657" s="613"/>
      <c r="LQB657" s="613"/>
      <c r="LQC657" s="613"/>
      <c r="LQD657" s="613"/>
      <c r="LQE657" s="613"/>
      <c r="LQF657" s="613"/>
      <c r="LQG657" s="613"/>
      <c r="LQH657" s="613"/>
      <c r="LQI657" s="613"/>
      <c r="LQJ657" s="613"/>
      <c r="LQK657" s="613"/>
      <c r="LQL657" s="613"/>
      <c r="LQM657" s="613"/>
      <c r="LQN657" s="613"/>
      <c r="LQO657" s="613"/>
      <c r="LQP657" s="613"/>
      <c r="LQQ657" s="613"/>
      <c r="LQR657" s="613"/>
      <c r="LQS657" s="613"/>
      <c r="LQT657" s="613"/>
      <c r="LQU657" s="613"/>
      <c r="LQV657" s="613"/>
      <c r="LQW657" s="613"/>
      <c r="LQX657" s="613"/>
      <c r="LQY657" s="613"/>
      <c r="LQZ657" s="613"/>
      <c r="LRA657" s="613"/>
      <c r="LRB657" s="613"/>
      <c r="LRC657" s="613"/>
      <c r="LRD657" s="613"/>
      <c r="LRE657" s="613"/>
      <c r="LRF657" s="613"/>
      <c r="LRG657" s="613"/>
      <c r="LRH657" s="613"/>
      <c r="LRI657" s="613"/>
      <c r="LRJ657" s="613"/>
      <c r="LRK657" s="613"/>
      <c r="LRL657" s="613"/>
      <c r="LRM657" s="613"/>
      <c r="LRN657" s="613"/>
      <c r="LRO657" s="613"/>
      <c r="LRP657" s="613"/>
      <c r="LRQ657" s="613"/>
      <c r="LRR657" s="613"/>
      <c r="LRS657" s="613"/>
      <c r="LRT657" s="613"/>
      <c r="LRU657" s="613"/>
      <c r="LRV657" s="613"/>
      <c r="LRW657" s="613"/>
      <c r="LRX657" s="613"/>
      <c r="LRY657" s="613"/>
      <c r="LRZ657" s="613"/>
      <c r="LSA657" s="613"/>
      <c r="LSB657" s="613"/>
      <c r="LSC657" s="613"/>
      <c r="LSD657" s="613"/>
      <c r="LSE657" s="613"/>
      <c r="LSF657" s="613"/>
      <c r="LSG657" s="613"/>
      <c r="LSH657" s="613"/>
      <c r="LSI657" s="613"/>
      <c r="LSJ657" s="613"/>
      <c r="LSK657" s="613"/>
      <c r="LSL657" s="613"/>
      <c r="LSM657" s="613"/>
      <c r="LSN657" s="613"/>
      <c r="LSO657" s="613"/>
      <c r="LSP657" s="613"/>
      <c r="LSQ657" s="613"/>
      <c r="LSR657" s="613"/>
      <c r="LSS657" s="613"/>
      <c r="LST657" s="613"/>
      <c r="LSU657" s="613"/>
      <c r="LSV657" s="613"/>
      <c r="LSW657" s="613"/>
      <c r="LSX657" s="613"/>
      <c r="LSY657" s="613"/>
      <c r="LSZ657" s="613"/>
      <c r="LTA657" s="613"/>
      <c r="LTB657" s="613"/>
      <c r="LTC657" s="613"/>
      <c r="LTD657" s="613"/>
      <c r="LTE657" s="613"/>
      <c r="LTF657" s="613"/>
      <c r="LTG657" s="613"/>
      <c r="LTH657" s="613"/>
      <c r="LTI657" s="613"/>
      <c r="LTJ657" s="613"/>
      <c r="LTK657" s="613"/>
      <c r="LTL657" s="613"/>
      <c r="LTM657" s="613"/>
      <c r="LTN657" s="613"/>
      <c r="LTO657" s="613"/>
      <c r="LTP657" s="613"/>
      <c r="LTQ657" s="613"/>
      <c r="LTR657" s="613"/>
      <c r="LTS657" s="613"/>
      <c r="LTT657" s="613"/>
      <c r="LTU657" s="613"/>
      <c r="LTV657" s="613"/>
      <c r="LTW657" s="613"/>
      <c r="LTX657" s="613"/>
      <c r="LTY657" s="613"/>
      <c r="LTZ657" s="613"/>
      <c r="LUA657" s="613"/>
      <c r="LUB657" s="613"/>
      <c r="LUC657" s="613"/>
      <c r="LUD657" s="613"/>
      <c r="LUE657" s="613"/>
      <c r="LUF657" s="613"/>
      <c r="LUG657" s="613"/>
      <c r="LUH657" s="613"/>
      <c r="LUI657" s="613"/>
      <c r="LUJ657" s="613"/>
      <c r="LUK657" s="613"/>
      <c r="LUL657" s="613"/>
      <c r="LUM657" s="613"/>
      <c r="LUN657" s="613"/>
      <c r="LUO657" s="613"/>
      <c r="LUP657" s="613"/>
      <c r="LUQ657" s="613"/>
      <c r="LUR657" s="613"/>
      <c r="LUS657" s="613"/>
      <c r="LUT657" s="613"/>
      <c r="LUU657" s="613"/>
      <c r="LUV657" s="613"/>
      <c r="LUW657" s="613"/>
      <c r="LUX657" s="613"/>
      <c r="LUY657" s="613"/>
      <c r="LUZ657" s="613"/>
      <c r="LVA657" s="613"/>
      <c r="LVB657" s="613"/>
      <c r="LVC657" s="613"/>
      <c r="LVD657" s="613"/>
      <c r="LVE657" s="613"/>
      <c r="LVF657" s="613"/>
      <c r="LVG657" s="613"/>
      <c r="LVH657" s="613"/>
      <c r="LVI657" s="613"/>
      <c r="LVJ657" s="613"/>
      <c r="LVK657" s="613"/>
      <c r="LVL657" s="613"/>
      <c r="LVM657" s="613"/>
      <c r="LVN657" s="613"/>
      <c r="LVO657" s="613"/>
      <c r="LVP657" s="613"/>
      <c r="LVQ657" s="613"/>
      <c r="LVR657" s="613"/>
      <c r="LVS657" s="613"/>
      <c r="LVT657" s="613"/>
      <c r="LVU657" s="613"/>
      <c r="LVV657" s="613"/>
      <c r="LVW657" s="613"/>
      <c r="LVX657" s="613"/>
      <c r="LVY657" s="613"/>
      <c r="LVZ657" s="613"/>
      <c r="LWA657" s="613"/>
      <c r="LWB657" s="613"/>
      <c r="LWC657" s="613"/>
      <c r="LWD657" s="613"/>
      <c r="LWE657" s="613"/>
      <c r="LWF657" s="613"/>
      <c r="LWG657" s="613"/>
      <c r="LWH657" s="613"/>
      <c r="LWI657" s="613"/>
      <c r="LWJ657" s="613"/>
      <c r="LWK657" s="613"/>
      <c r="LWL657" s="613"/>
      <c r="LWM657" s="613"/>
      <c r="LWN657" s="613"/>
      <c r="LWO657" s="613"/>
      <c r="LWP657" s="613"/>
      <c r="LWQ657" s="613"/>
      <c r="LWR657" s="613"/>
      <c r="LWS657" s="613"/>
      <c r="LWT657" s="613"/>
      <c r="LWU657" s="613"/>
      <c r="LWV657" s="613"/>
      <c r="LWW657" s="613"/>
      <c r="LWX657" s="613"/>
      <c r="LWY657" s="613"/>
      <c r="LWZ657" s="613"/>
      <c r="LXA657" s="613"/>
      <c r="LXB657" s="613"/>
      <c r="LXC657" s="613"/>
      <c r="LXD657" s="613"/>
      <c r="LXE657" s="613"/>
      <c r="LXF657" s="613"/>
      <c r="LXG657" s="613"/>
      <c r="LXH657" s="613"/>
      <c r="LXI657" s="613"/>
      <c r="LXJ657" s="613"/>
      <c r="LXK657" s="613"/>
      <c r="LXL657" s="613"/>
      <c r="LXM657" s="613"/>
      <c r="LXN657" s="613"/>
      <c r="LXO657" s="613"/>
      <c r="LXP657" s="613"/>
      <c r="LXQ657" s="613"/>
      <c r="LXR657" s="613"/>
      <c r="LXS657" s="613"/>
      <c r="LXT657" s="613"/>
      <c r="LXU657" s="613"/>
      <c r="LXV657" s="613"/>
      <c r="LXW657" s="613"/>
      <c r="LXX657" s="613"/>
      <c r="LXY657" s="613"/>
      <c r="LXZ657" s="613"/>
      <c r="LYA657" s="613"/>
      <c r="LYB657" s="613"/>
      <c r="LYC657" s="613"/>
      <c r="LYD657" s="613"/>
      <c r="LYE657" s="613"/>
      <c r="LYF657" s="613"/>
      <c r="LYG657" s="613"/>
      <c r="LYH657" s="613"/>
      <c r="LYI657" s="613"/>
      <c r="LYJ657" s="613"/>
      <c r="LYK657" s="613"/>
      <c r="LYL657" s="613"/>
      <c r="LYM657" s="613"/>
      <c r="LYN657" s="613"/>
      <c r="LYO657" s="613"/>
      <c r="LYP657" s="613"/>
      <c r="LYQ657" s="613"/>
      <c r="LYR657" s="613"/>
      <c r="LYS657" s="613"/>
      <c r="LYT657" s="613"/>
      <c r="LYU657" s="613"/>
      <c r="LYV657" s="613"/>
      <c r="LYW657" s="613"/>
      <c r="LYX657" s="613"/>
      <c r="LYY657" s="613"/>
      <c r="LYZ657" s="613"/>
      <c r="LZA657" s="613"/>
      <c r="LZB657" s="613"/>
      <c r="LZC657" s="613"/>
      <c r="LZD657" s="613"/>
      <c r="LZE657" s="613"/>
      <c r="LZF657" s="613"/>
      <c r="LZG657" s="613"/>
      <c r="LZH657" s="613"/>
      <c r="LZI657" s="613"/>
      <c r="LZJ657" s="613"/>
      <c r="LZK657" s="613"/>
      <c r="LZL657" s="613"/>
      <c r="LZM657" s="613"/>
      <c r="LZN657" s="613"/>
      <c r="LZO657" s="613"/>
      <c r="LZP657" s="613"/>
      <c r="LZQ657" s="613"/>
      <c r="LZR657" s="613"/>
      <c r="LZS657" s="613"/>
      <c r="LZT657" s="613"/>
      <c r="LZU657" s="613"/>
      <c r="LZV657" s="613"/>
      <c r="LZW657" s="613"/>
      <c r="LZX657" s="613"/>
      <c r="LZY657" s="613"/>
      <c r="LZZ657" s="613"/>
      <c r="MAA657" s="613"/>
      <c r="MAB657" s="613"/>
      <c r="MAC657" s="613"/>
      <c r="MAD657" s="613"/>
      <c r="MAE657" s="613"/>
      <c r="MAF657" s="613"/>
      <c r="MAG657" s="613"/>
      <c r="MAH657" s="613"/>
      <c r="MAI657" s="613"/>
      <c r="MAJ657" s="613"/>
      <c r="MAK657" s="613"/>
      <c r="MAL657" s="613"/>
      <c r="MAM657" s="613"/>
      <c r="MAN657" s="613"/>
      <c r="MAO657" s="613"/>
      <c r="MAP657" s="613"/>
      <c r="MAQ657" s="613"/>
      <c r="MAR657" s="613"/>
      <c r="MAS657" s="613"/>
      <c r="MAT657" s="613"/>
      <c r="MAU657" s="613"/>
      <c r="MAV657" s="613"/>
      <c r="MAW657" s="613"/>
      <c r="MAX657" s="613"/>
      <c r="MAY657" s="613"/>
      <c r="MAZ657" s="613"/>
      <c r="MBA657" s="613"/>
      <c r="MBB657" s="613"/>
      <c r="MBC657" s="613"/>
      <c r="MBD657" s="613"/>
      <c r="MBE657" s="613"/>
      <c r="MBF657" s="613"/>
      <c r="MBG657" s="613"/>
      <c r="MBH657" s="613"/>
      <c r="MBI657" s="613"/>
      <c r="MBJ657" s="613"/>
      <c r="MBK657" s="613"/>
      <c r="MBL657" s="613"/>
      <c r="MBM657" s="613"/>
      <c r="MBN657" s="613"/>
      <c r="MBO657" s="613"/>
      <c r="MBP657" s="613"/>
      <c r="MBQ657" s="613"/>
      <c r="MBR657" s="613"/>
      <c r="MBS657" s="613"/>
      <c r="MBT657" s="613"/>
      <c r="MBU657" s="613"/>
      <c r="MBV657" s="613"/>
      <c r="MBW657" s="613"/>
      <c r="MBX657" s="613"/>
      <c r="MBY657" s="613"/>
      <c r="MBZ657" s="613"/>
      <c r="MCA657" s="613"/>
      <c r="MCB657" s="613"/>
      <c r="MCC657" s="613"/>
      <c r="MCD657" s="613"/>
      <c r="MCE657" s="613"/>
      <c r="MCF657" s="613"/>
      <c r="MCG657" s="613"/>
      <c r="MCH657" s="613"/>
      <c r="MCI657" s="613"/>
      <c r="MCJ657" s="613"/>
      <c r="MCK657" s="613"/>
      <c r="MCL657" s="613"/>
      <c r="MCM657" s="613"/>
      <c r="MCN657" s="613"/>
      <c r="MCO657" s="613"/>
      <c r="MCP657" s="613"/>
      <c r="MCQ657" s="613"/>
      <c r="MCR657" s="613"/>
      <c r="MCS657" s="613"/>
      <c r="MCT657" s="613"/>
      <c r="MCU657" s="613"/>
      <c r="MCV657" s="613"/>
      <c r="MCW657" s="613"/>
      <c r="MCX657" s="613"/>
      <c r="MCY657" s="613"/>
      <c r="MCZ657" s="613"/>
      <c r="MDA657" s="613"/>
      <c r="MDB657" s="613"/>
      <c r="MDC657" s="613"/>
      <c r="MDD657" s="613"/>
      <c r="MDE657" s="613"/>
      <c r="MDF657" s="613"/>
      <c r="MDG657" s="613"/>
      <c r="MDH657" s="613"/>
      <c r="MDI657" s="613"/>
      <c r="MDJ657" s="613"/>
      <c r="MDK657" s="613"/>
      <c r="MDL657" s="613"/>
      <c r="MDM657" s="613"/>
      <c r="MDN657" s="613"/>
      <c r="MDO657" s="613"/>
      <c r="MDP657" s="613"/>
      <c r="MDQ657" s="613"/>
      <c r="MDR657" s="613"/>
      <c r="MDS657" s="613"/>
      <c r="MDT657" s="613"/>
      <c r="MDU657" s="613"/>
      <c r="MDV657" s="613"/>
      <c r="MDW657" s="613"/>
      <c r="MDX657" s="613"/>
      <c r="MDY657" s="613"/>
      <c r="MDZ657" s="613"/>
      <c r="MEA657" s="613"/>
      <c r="MEB657" s="613"/>
      <c r="MEC657" s="613"/>
      <c r="MED657" s="613"/>
      <c r="MEE657" s="613"/>
      <c r="MEF657" s="613"/>
      <c r="MEG657" s="613"/>
      <c r="MEH657" s="613"/>
      <c r="MEI657" s="613"/>
      <c r="MEJ657" s="613"/>
      <c r="MEK657" s="613"/>
      <c r="MEL657" s="613"/>
      <c r="MEM657" s="613"/>
      <c r="MEN657" s="613"/>
      <c r="MEO657" s="613"/>
      <c r="MEP657" s="613"/>
      <c r="MEQ657" s="613"/>
      <c r="MER657" s="613"/>
      <c r="MES657" s="613"/>
      <c r="MET657" s="613"/>
      <c r="MEU657" s="613"/>
      <c r="MEV657" s="613"/>
      <c r="MEW657" s="613"/>
      <c r="MEX657" s="613"/>
      <c r="MEY657" s="613"/>
      <c r="MEZ657" s="613"/>
      <c r="MFA657" s="613"/>
      <c r="MFB657" s="613"/>
      <c r="MFC657" s="613"/>
      <c r="MFD657" s="613"/>
      <c r="MFE657" s="613"/>
      <c r="MFF657" s="613"/>
      <c r="MFG657" s="613"/>
      <c r="MFH657" s="613"/>
      <c r="MFI657" s="613"/>
      <c r="MFJ657" s="613"/>
      <c r="MFK657" s="613"/>
      <c r="MFL657" s="613"/>
      <c r="MFM657" s="613"/>
      <c r="MFN657" s="613"/>
      <c r="MFO657" s="613"/>
      <c r="MFP657" s="613"/>
      <c r="MFQ657" s="613"/>
      <c r="MFR657" s="613"/>
      <c r="MFS657" s="613"/>
      <c r="MFT657" s="613"/>
      <c r="MFU657" s="613"/>
      <c r="MFV657" s="613"/>
      <c r="MFW657" s="613"/>
      <c r="MFX657" s="613"/>
      <c r="MFY657" s="613"/>
      <c r="MFZ657" s="613"/>
      <c r="MGA657" s="613"/>
      <c r="MGB657" s="613"/>
      <c r="MGC657" s="613"/>
      <c r="MGD657" s="613"/>
      <c r="MGE657" s="613"/>
      <c r="MGF657" s="613"/>
      <c r="MGG657" s="613"/>
      <c r="MGH657" s="613"/>
      <c r="MGI657" s="613"/>
      <c r="MGJ657" s="613"/>
      <c r="MGK657" s="613"/>
      <c r="MGL657" s="613"/>
      <c r="MGM657" s="613"/>
      <c r="MGN657" s="613"/>
      <c r="MGO657" s="613"/>
      <c r="MGP657" s="613"/>
      <c r="MGQ657" s="613"/>
      <c r="MGR657" s="613"/>
      <c r="MGS657" s="613"/>
      <c r="MGT657" s="613"/>
      <c r="MGU657" s="613"/>
      <c r="MGV657" s="613"/>
      <c r="MGW657" s="613"/>
      <c r="MGX657" s="613"/>
      <c r="MGY657" s="613"/>
      <c r="MGZ657" s="613"/>
      <c r="MHA657" s="613"/>
      <c r="MHB657" s="613"/>
      <c r="MHC657" s="613"/>
      <c r="MHD657" s="613"/>
      <c r="MHE657" s="613"/>
      <c r="MHF657" s="613"/>
      <c r="MHG657" s="613"/>
      <c r="MHH657" s="613"/>
      <c r="MHI657" s="613"/>
      <c r="MHJ657" s="613"/>
      <c r="MHK657" s="613"/>
      <c r="MHL657" s="613"/>
      <c r="MHM657" s="613"/>
      <c r="MHN657" s="613"/>
      <c r="MHO657" s="613"/>
      <c r="MHP657" s="613"/>
      <c r="MHQ657" s="613"/>
      <c r="MHR657" s="613"/>
      <c r="MHS657" s="613"/>
      <c r="MHT657" s="613"/>
      <c r="MHU657" s="613"/>
      <c r="MHV657" s="613"/>
      <c r="MHW657" s="613"/>
      <c r="MHX657" s="613"/>
      <c r="MHY657" s="613"/>
      <c r="MHZ657" s="613"/>
      <c r="MIA657" s="613"/>
      <c r="MIB657" s="613"/>
      <c r="MIC657" s="613"/>
      <c r="MID657" s="613"/>
      <c r="MIE657" s="613"/>
      <c r="MIF657" s="613"/>
      <c r="MIG657" s="613"/>
      <c r="MIH657" s="613"/>
      <c r="MII657" s="613"/>
      <c r="MIJ657" s="613"/>
      <c r="MIK657" s="613"/>
      <c r="MIL657" s="613"/>
      <c r="MIM657" s="613"/>
      <c r="MIN657" s="613"/>
      <c r="MIO657" s="613"/>
      <c r="MIP657" s="613"/>
      <c r="MIQ657" s="613"/>
      <c r="MIR657" s="613"/>
      <c r="MIS657" s="613"/>
      <c r="MIT657" s="613"/>
      <c r="MIU657" s="613"/>
      <c r="MIV657" s="613"/>
      <c r="MIW657" s="613"/>
      <c r="MIX657" s="613"/>
      <c r="MIY657" s="613"/>
      <c r="MIZ657" s="613"/>
      <c r="MJA657" s="613"/>
      <c r="MJB657" s="613"/>
      <c r="MJC657" s="613"/>
      <c r="MJD657" s="613"/>
      <c r="MJE657" s="613"/>
      <c r="MJF657" s="613"/>
      <c r="MJG657" s="613"/>
      <c r="MJH657" s="613"/>
      <c r="MJI657" s="613"/>
      <c r="MJJ657" s="613"/>
      <c r="MJK657" s="613"/>
      <c r="MJL657" s="613"/>
      <c r="MJM657" s="613"/>
      <c r="MJN657" s="613"/>
      <c r="MJO657" s="613"/>
      <c r="MJP657" s="613"/>
      <c r="MJQ657" s="613"/>
      <c r="MJR657" s="613"/>
      <c r="MJS657" s="613"/>
      <c r="MJT657" s="613"/>
      <c r="MJU657" s="613"/>
      <c r="MJV657" s="613"/>
      <c r="MJW657" s="613"/>
      <c r="MJX657" s="613"/>
      <c r="MJY657" s="613"/>
      <c r="MJZ657" s="613"/>
      <c r="MKA657" s="613"/>
      <c r="MKB657" s="613"/>
      <c r="MKC657" s="613"/>
      <c r="MKD657" s="613"/>
      <c r="MKE657" s="613"/>
      <c r="MKF657" s="613"/>
      <c r="MKG657" s="613"/>
      <c r="MKH657" s="613"/>
      <c r="MKI657" s="613"/>
      <c r="MKJ657" s="613"/>
      <c r="MKK657" s="613"/>
      <c r="MKL657" s="613"/>
      <c r="MKM657" s="613"/>
      <c r="MKN657" s="613"/>
      <c r="MKO657" s="613"/>
      <c r="MKP657" s="613"/>
      <c r="MKQ657" s="613"/>
      <c r="MKR657" s="613"/>
      <c r="MKS657" s="613"/>
      <c r="MKT657" s="613"/>
      <c r="MKU657" s="613"/>
      <c r="MKV657" s="613"/>
      <c r="MKW657" s="613"/>
      <c r="MKX657" s="613"/>
      <c r="MKY657" s="613"/>
      <c r="MKZ657" s="613"/>
      <c r="MLA657" s="613"/>
      <c r="MLB657" s="613"/>
      <c r="MLC657" s="613"/>
      <c r="MLD657" s="613"/>
      <c r="MLE657" s="613"/>
      <c r="MLF657" s="613"/>
      <c r="MLG657" s="613"/>
      <c r="MLH657" s="613"/>
      <c r="MLI657" s="613"/>
      <c r="MLJ657" s="613"/>
      <c r="MLK657" s="613"/>
      <c r="MLL657" s="613"/>
      <c r="MLM657" s="613"/>
      <c r="MLN657" s="613"/>
      <c r="MLO657" s="613"/>
      <c r="MLP657" s="613"/>
      <c r="MLQ657" s="613"/>
      <c r="MLR657" s="613"/>
      <c r="MLS657" s="613"/>
      <c r="MLT657" s="613"/>
      <c r="MLU657" s="613"/>
      <c r="MLV657" s="613"/>
      <c r="MLW657" s="613"/>
      <c r="MLX657" s="613"/>
      <c r="MLY657" s="613"/>
      <c r="MLZ657" s="613"/>
      <c r="MMA657" s="613"/>
      <c r="MMB657" s="613"/>
      <c r="MMC657" s="613"/>
      <c r="MMD657" s="613"/>
      <c r="MME657" s="613"/>
      <c r="MMF657" s="613"/>
      <c r="MMG657" s="613"/>
      <c r="MMH657" s="613"/>
      <c r="MMI657" s="613"/>
      <c r="MMJ657" s="613"/>
      <c r="MMK657" s="613"/>
      <c r="MML657" s="613"/>
      <c r="MMM657" s="613"/>
      <c r="MMN657" s="613"/>
      <c r="MMO657" s="613"/>
      <c r="MMP657" s="613"/>
      <c r="MMQ657" s="613"/>
      <c r="MMR657" s="613"/>
      <c r="MMS657" s="613"/>
      <c r="MMT657" s="613"/>
      <c r="MMU657" s="613"/>
      <c r="MMV657" s="613"/>
      <c r="MMW657" s="613"/>
      <c r="MMX657" s="613"/>
      <c r="MMY657" s="613"/>
      <c r="MMZ657" s="613"/>
      <c r="MNA657" s="613"/>
      <c r="MNB657" s="613"/>
      <c r="MNC657" s="613"/>
      <c r="MND657" s="613"/>
      <c r="MNE657" s="613"/>
      <c r="MNF657" s="613"/>
      <c r="MNG657" s="613"/>
      <c r="MNH657" s="613"/>
      <c r="MNI657" s="613"/>
      <c r="MNJ657" s="613"/>
      <c r="MNK657" s="613"/>
      <c r="MNL657" s="613"/>
      <c r="MNM657" s="613"/>
      <c r="MNN657" s="613"/>
      <c r="MNO657" s="613"/>
      <c r="MNP657" s="613"/>
      <c r="MNQ657" s="613"/>
      <c r="MNR657" s="613"/>
      <c r="MNS657" s="613"/>
      <c r="MNT657" s="613"/>
      <c r="MNU657" s="613"/>
      <c r="MNV657" s="613"/>
      <c r="MNW657" s="613"/>
      <c r="MNX657" s="613"/>
      <c r="MNY657" s="613"/>
      <c r="MNZ657" s="613"/>
      <c r="MOA657" s="613"/>
      <c r="MOB657" s="613"/>
      <c r="MOC657" s="613"/>
      <c r="MOD657" s="613"/>
      <c r="MOE657" s="613"/>
      <c r="MOF657" s="613"/>
      <c r="MOG657" s="613"/>
      <c r="MOH657" s="613"/>
      <c r="MOI657" s="613"/>
      <c r="MOJ657" s="613"/>
      <c r="MOK657" s="613"/>
      <c r="MOL657" s="613"/>
      <c r="MOM657" s="613"/>
      <c r="MON657" s="613"/>
      <c r="MOO657" s="613"/>
      <c r="MOP657" s="613"/>
      <c r="MOQ657" s="613"/>
      <c r="MOR657" s="613"/>
      <c r="MOS657" s="613"/>
      <c r="MOT657" s="613"/>
      <c r="MOU657" s="613"/>
      <c r="MOV657" s="613"/>
      <c r="MOW657" s="613"/>
      <c r="MOX657" s="613"/>
      <c r="MOY657" s="613"/>
      <c r="MOZ657" s="613"/>
      <c r="MPA657" s="613"/>
      <c r="MPB657" s="613"/>
      <c r="MPC657" s="613"/>
      <c r="MPD657" s="613"/>
      <c r="MPE657" s="613"/>
      <c r="MPF657" s="613"/>
      <c r="MPG657" s="613"/>
      <c r="MPH657" s="613"/>
      <c r="MPI657" s="613"/>
      <c r="MPJ657" s="613"/>
      <c r="MPK657" s="613"/>
      <c r="MPL657" s="613"/>
      <c r="MPM657" s="613"/>
      <c r="MPN657" s="613"/>
      <c r="MPO657" s="613"/>
      <c r="MPP657" s="613"/>
      <c r="MPQ657" s="613"/>
      <c r="MPR657" s="613"/>
      <c r="MPS657" s="613"/>
      <c r="MPT657" s="613"/>
      <c r="MPU657" s="613"/>
      <c r="MPV657" s="613"/>
      <c r="MPW657" s="613"/>
      <c r="MPX657" s="613"/>
      <c r="MPY657" s="613"/>
      <c r="MPZ657" s="613"/>
      <c r="MQA657" s="613"/>
      <c r="MQB657" s="613"/>
      <c r="MQC657" s="613"/>
      <c r="MQD657" s="613"/>
      <c r="MQE657" s="613"/>
      <c r="MQF657" s="613"/>
      <c r="MQG657" s="613"/>
      <c r="MQH657" s="613"/>
      <c r="MQI657" s="613"/>
      <c r="MQJ657" s="613"/>
      <c r="MQK657" s="613"/>
      <c r="MQL657" s="613"/>
      <c r="MQM657" s="613"/>
      <c r="MQN657" s="613"/>
      <c r="MQO657" s="613"/>
      <c r="MQP657" s="613"/>
      <c r="MQQ657" s="613"/>
      <c r="MQR657" s="613"/>
      <c r="MQS657" s="613"/>
      <c r="MQT657" s="613"/>
      <c r="MQU657" s="613"/>
      <c r="MQV657" s="613"/>
      <c r="MQW657" s="613"/>
      <c r="MQX657" s="613"/>
      <c r="MQY657" s="613"/>
      <c r="MQZ657" s="613"/>
      <c r="MRA657" s="613"/>
      <c r="MRB657" s="613"/>
      <c r="MRC657" s="613"/>
      <c r="MRD657" s="613"/>
      <c r="MRE657" s="613"/>
      <c r="MRF657" s="613"/>
      <c r="MRG657" s="613"/>
      <c r="MRH657" s="613"/>
      <c r="MRI657" s="613"/>
      <c r="MRJ657" s="613"/>
      <c r="MRK657" s="613"/>
      <c r="MRL657" s="613"/>
      <c r="MRM657" s="613"/>
      <c r="MRN657" s="613"/>
      <c r="MRO657" s="613"/>
      <c r="MRP657" s="613"/>
      <c r="MRQ657" s="613"/>
      <c r="MRR657" s="613"/>
      <c r="MRS657" s="613"/>
      <c r="MRT657" s="613"/>
      <c r="MRU657" s="613"/>
      <c r="MRV657" s="613"/>
      <c r="MRW657" s="613"/>
      <c r="MRX657" s="613"/>
      <c r="MRY657" s="613"/>
      <c r="MRZ657" s="613"/>
      <c r="MSA657" s="613"/>
      <c r="MSB657" s="613"/>
      <c r="MSC657" s="613"/>
      <c r="MSD657" s="613"/>
      <c r="MSE657" s="613"/>
      <c r="MSF657" s="613"/>
      <c r="MSG657" s="613"/>
      <c r="MSH657" s="613"/>
      <c r="MSI657" s="613"/>
      <c r="MSJ657" s="613"/>
      <c r="MSK657" s="613"/>
      <c r="MSL657" s="613"/>
      <c r="MSM657" s="613"/>
      <c r="MSN657" s="613"/>
      <c r="MSO657" s="613"/>
      <c r="MSP657" s="613"/>
      <c r="MSQ657" s="613"/>
      <c r="MSR657" s="613"/>
      <c r="MSS657" s="613"/>
      <c r="MST657" s="613"/>
      <c r="MSU657" s="613"/>
      <c r="MSV657" s="613"/>
      <c r="MSW657" s="613"/>
      <c r="MSX657" s="613"/>
      <c r="MSY657" s="613"/>
      <c r="MSZ657" s="613"/>
      <c r="MTA657" s="613"/>
      <c r="MTB657" s="613"/>
      <c r="MTC657" s="613"/>
      <c r="MTD657" s="613"/>
      <c r="MTE657" s="613"/>
      <c r="MTF657" s="613"/>
      <c r="MTG657" s="613"/>
      <c r="MTH657" s="613"/>
      <c r="MTI657" s="613"/>
      <c r="MTJ657" s="613"/>
      <c r="MTK657" s="613"/>
      <c r="MTL657" s="613"/>
      <c r="MTM657" s="613"/>
      <c r="MTN657" s="613"/>
      <c r="MTO657" s="613"/>
      <c r="MTP657" s="613"/>
      <c r="MTQ657" s="613"/>
      <c r="MTR657" s="613"/>
      <c r="MTS657" s="613"/>
      <c r="MTT657" s="613"/>
      <c r="MTU657" s="613"/>
      <c r="MTV657" s="613"/>
      <c r="MTW657" s="613"/>
      <c r="MTX657" s="613"/>
      <c r="MTY657" s="613"/>
      <c r="MTZ657" s="613"/>
      <c r="MUA657" s="613"/>
      <c r="MUB657" s="613"/>
      <c r="MUC657" s="613"/>
      <c r="MUD657" s="613"/>
      <c r="MUE657" s="613"/>
      <c r="MUF657" s="613"/>
      <c r="MUG657" s="613"/>
      <c r="MUH657" s="613"/>
      <c r="MUI657" s="613"/>
      <c r="MUJ657" s="613"/>
      <c r="MUK657" s="613"/>
      <c r="MUL657" s="613"/>
      <c r="MUM657" s="613"/>
      <c r="MUN657" s="613"/>
      <c r="MUO657" s="613"/>
      <c r="MUP657" s="613"/>
      <c r="MUQ657" s="613"/>
      <c r="MUR657" s="613"/>
      <c r="MUS657" s="613"/>
      <c r="MUT657" s="613"/>
      <c r="MUU657" s="613"/>
      <c r="MUV657" s="613"/>
      <c r="MUW657" s="613"/>
      <c r="MUX657" s="613"/>
      <c r="MUY657" s="613"/>
      <c r="MUZ657" s="613"/>
      <c r="MVA657" s="613"/>
      <c r="MVB657" s="613"/>
      <c r="MVC657" s="613"/>
      <c r="MVD657" s="613"/>
      <c r="MVE657" s="613"/>
      <c r="MVF657" s="613"/>
      <c r="MVG657" s="613"/>
      <c r="MVH657" s="613"/>
      <c r="MVI657" s="613"/>
      <c r="MVJ657" s="613"/>
      <c r="MVK657" s="613"/>
      <c r="MVL657" s="613"/>
      <c r="MVM657" s="613"/>
      <c r="MVN657" s="613"/>
      <c r="MVO657" s="613"/>
      <c r="MVP657" s="613"/>
      <c r="MVQ657" s="613"/>
      <c r="MVR657" s="613"/>
      <c r="MVS657" s="613"/>
      <c r="MVT657" s="613"/>
      <c r="MVU657" s="613"/>
      <c r="MVV657" s="613"/>
      <c r="MVW657" s="613"/>
      <c r="MVX657" s="613"/>
      <c r="MVY657" s="613"/>
      <c r="MVZ657" s="613"/>
      <c r="MWA657" s="613"/>
      <c r="MWB657" s="613"/>
      <c r="MWC657" s="613"/>
      <c r="MWD657" s="613"/>
      <c r="MWE657" s="613"/>
      <c r="MWF657" s="613"/>
      <c r="MWG657" s="613"/>
      <c r="MWH657" s="613"/>
      <c r="MWI657" s="613"/>
      <c r="MWJ657" s="613"/>
      <c r="MWK657" s="613"/>
      <c r="MWL657" s="613"/>
      <c r="MWM657" s="613"/>
      <c r="MWN657" s="613"/>
      <c r="MWO657" s="613"/>
      <c r="MWP657" s="613"/>
      <c r="MWQ657" s="613"/>
      <c r="MWR657" s="613"/>
      <c r="MWS657" s="613"/>
      <c r="MWT657" s="613"/>
      <c r="MWU657" s="613"/>
      <c r="MWV657" s="613"/>
      <c r="MWW657" s="613"/>
      <c r="MWX657" s="613"/>
      <c r="MWY657" s="613"/>
      <c r="MWZ657" s="613"/>
      <c r="MXA657" s="613"/>
      <c r="MXB657" s="613"/>
      <c r="MXC657" s="613"/>
      <c r="MXD657" s="613"/>
      <c r="MXE657" s="613"/>
      <c r="MXF657" s="613"/>
      <c r="MXG657" s="613"/>
      <c r="MXH657" s="613"/>
      <c r="MXI657" s="613"/>
      <c r="MXJ657" s="613"/>
      <c r="MXK657" s="613"/>
      <c r="MXL657" s="613"/>
      <c r="MXM657" s="613"/>
      <c r="MXN657" s="613"/>
      <c r="MXO657" s="613"/>
      <c r="MXP657" s="613"/>
      <c r="MXQ657" s="613"/>
      <c r="MXR657" s="613"/>
      <c r="MXS657" s="613"/>
      <c r="MXT657" s="613"/>
      <c r="MXU657" s="613"/>
      <c r="MXV657" s="613"/>
      <c r="MXW657" s="613"/>
      <c r="MXX657" s="613"/>
      <c r="MXY657" s="613"/>
      <c r="MXZ657" s="613"/>
      <c r="MYA657" s="613"/>
      <c r="MYB657" s="613"/>
      <c r="MYC657" s="613"/>
      <c r="MYD657" s="613"/>
      <c r="MYE657" s="613"/>
      <c r="MYF657" s="613"/>
      <c r="MYG657" s="613"/>
      <c r="MYH657" s="613"/>
      <c r="MYI657" s="613"/>
      <c r="MYJ657" s="613"/>
      <c r="MYK657" s="613"/>
      <c r="MYL657" s="613"/>
      <c r="MYM657" s="613"/>
      <c r="MYN657" s="613"/>
      <c r="MYO657" s="613"/>
      <c r="MYP657" s="613"/>
      <c r="MYQ657" s="613"/>
      <c r="MYR657" s="613"/>
      <c r="MYS657" s="613"/>
      <c r="MYT657" s="613"/>
      <c r="MYU657" s="613"/>
      <c r="MYV657" s="613"/>
      <c r="MYW657" s="613"/>
      <c r="MYX657" s="613"/>
      <c r="MYY657" s="613"/>
      <c r="MYZ657" s="613"/>
      <c r="MZA657" s="613"/>
      <c r="MZB657" s="613"/>
      <c r="MZC657" s="613"/>
      <c r="MZD657" s="613"/>
      <c r="MZE657" s="613"/>
      <c r="MZF657" s="613"/>
      <c r="MZG657" s="613"/>
      <c r="MZH657" s="613"/>
      <c r="MZI657" s="613"/>
      <c r="MZJ657" s="613"/>
      <c r="MZK657" s="613"/>
      <c r="MZL657" s="613"/>
      <c r="MZM657" s="613"/>
      <c r="MZN657" s="613"/>
      <c r="MZO657" s="613"/>
      <c r="MZP657" s="613"/>
      <c r="MZQ657" s="613"/>
      <c r="MZR657" s="613"/>
      <c r="MZS657" s="613"/>
      <c r="MZT657" s="613"/>
      <c r="MZU657" s="613"/>
      <c r="MZV657" s="613"/>
      <c r="MZW657" s="613"/>
      <c r="MZX657" s="613"/>
      <c r="MZY657" s="613"/>
      <c r="MZZ657" s="613"/>
      <c r="NAA657" s="613"/>
      <c r="NAB657" s="613"/>
      <c r="NAC657" s="613"/>
      <c r="NAD657" s="613"/>
      <c r="NAE657" s="613"/>
      <c r="NAF657" s="613"/>
      <c r="NAG657" s="613"/>
      <c r="NAH657" s="613"/>
      <c r="NAI657" s="613"/>
      <c r="NAJ657" s="613"/>
      <c r="NAK657" s="613"/>
      <c r="NAL657" s="613"/>
      <c r="NAM657" s="613"/>
      <c r="NAN657" s="613"/>
      <c r="NAO657" s="613"/>
      <c r="NAP657" s="613"/>
      <c r="NAQ657" s="613"/>
      <c r="NAR657" s="613"/>
      <c r="NAS657" s="613"/>
      <c r="NAT657" s="613"/>
      <c r="NAU657" s="613"/>
      <c r="NAV657" s="613"/>
      <c r="NAW657" s="613"/>
      <c r="NAX657" s="613"/>
      <c r="NAY657" s="613"/>
      <c r="NAZ657" s="613"/>
      <c r="NBA657" s="613"/>
      <c r="NBB657" s="613"/>
      <c r="NBC657" s="613"/>
      <c r="NBD657" s="613"/>
      <c r="NBE657" s="613"/>
      <c r="NBF657" s="613"/>
      <c r="NBG657" s="613"/>
      <c r="NBH657" s="613"/>
      <c r="NBI657" s="613"/>
      <c r="NBJ657" s="613"/>
      <c r="NBK657" s="613"/>
      <c r="NBL657" s="613"/>
      <c r="NBM657" s="613"/>
      <c r="NBN657" s="613"/>
      <c r="NBO657" s="613"/>
      <c r="NBP657" s="613"/>
      <c r="NBQ657" s="613"/>
      <c r="NBR657" s="613"/>
      <c r="NBS657" s="613"/>
      <c r="NBT657" s="613"/>
      <c r="NBU657" s="613"/>
      <c r="NBV657" s="613"/>
      <c r="NBW657" s="613"/>
      <c r="NBX657" s="613"/>
      <c r="NBY657" s="613"/>
      <c r="NBZ657" s="613"/>
      <c r="NCA657" s="613"/>
      <c r="NCB657" s="613"/>
      <c r="NCC657" s="613"/>
      <c r="NCD657" s="613"/>
      <c r="NCE657" s="613"/>
      <c r="NCF657" s="613"/>
      <c r="NCG657" s="613"/>
      <c r="NCH657" s="613"/>
      <c r="NCI657" s="613"/>
      <c r="NCJ657" s="613"/>
      <c r="NCK657" s="613"/>
      <c r="NCL657" s="613"/>
      <c r="NCM657" s="613"/>
      <c r="NCN657" s="613"/>
      <c r="NCO657" s="613"/>
      <c r="NCP657" s="613"/>
      <c r="NCQ657" s="613"/>
      <c r="NCR657" s="613"/>
      <c r="NCS657" s="613"/>
      <c r="NCT657" s="613"/>
      <c r="NCU657" s="613"/>
      <c r="NCV657" s="613"/>
      <c r="NCW657" s="613"/>
      <c r="NCX657" s="613"/>
      <c r="NCY657" s="613"/>
      <c r="NCZ657" s="613"/>
      <c r="NDA657" s="613"/>
      <c r="NDB657" s="613"/>
      <c r="NDC657" s="613"/>
      <c r="NDD657" s="613"/>
      <c r="NDE657" s="613"/>
      <c r="NDF657" s="613"/>
      <c r="NDG657" s="613"/>
      <c r="NDH657" s="613"/>
      <c r="NDI657" s="613"/>
      <c r="NDJ657" s="613"/>
      <c r="NDK657" s="613"/>
      <c r="NDL657" s="613"/>
      <c r="NDM657" s="613"/>
      <c r="NDN657" s="613"/>
      <c r="NDO657" s="613"/>
      <c r="NDP657" s="613"/>
      <c r="NDQ657" s="613"/>
      <c r="NDR657" s="613"/>
      <c r="NDS657" s="613"/>
      <c r="NDT657" s="613"/>
      <c r="NDU657" s="613"/>
      <c r="NDV657" s="613"/>
      <c r="NDW657" s="613"/>
      <c r="NDX657" s="613"/>
      <c r="NDY657" s="613"/>
      <c r="NDZ657" s="613"/>
      <c r="NEA657" s="613"/>
      <c r="NEB657" s="613"/>
      <c r="NEC657" s="613"/>
      <c r="NED657" s="613"/>
      <c r="NEE657" s="613"/>
      <c r="NEF657" s="613"/>
      <c r="NEG657" s="613"/>
      <c r="NEH657" s="613"/>
      <c r="NEI657" s="613"/>
      <c r="NEJ657" s="613"/>
      <c r="NEK657" s="613"/>
      <c r="NEL657" s="613"/>
      <c r="NEM657" s="613"/>
      <c r="NEN657" s="613"/>
      <c r="NEO657" s="613"/>
      <c r="NEP657" s="613"/>
      <c r="NEQ657" s="613"/>
      <c r="NER657" s="613"/>
      <c r="NES657" s="613"/>
      <c r="NET657" s="613"/>
      <c r="NEU657" s="613"/>
      <c r="NEV657" s="613"/>
      <c r="NEW657" s="613"/>
      <c r="NEX657" s="613"/>
      <c r="NEY657" s="613"/>
      <c r="NEZ657" s="613"/>
      <c r="NFA657" s="613"/>
      <c r="NFB657" s="613"/>
      <c r="NFC657" s="613"/>
      <c r="NFD657" s="613"/>
      <c r="NFE657" s="613"/>
      <c r="NFF657" s="613"/>
      <c r="NFG657" s="613"/>
      <c r="NFH657" s="613"/>
      <c r="NFI657" s="613"/>
      <c r="NFJ657" s="613"/>
      <c r="NFK657" s="613"/>
      <c r="NFL657" s="613"/>
      <c r="NFM657" s="613"/>
      <c r="NFN657" s="613"/>
      <c r="NFO657" s="613"/>
      <c r="NFP657" s="613"/>
      <c r="NFQ657" s="613"/>
      <c r="NFR657" s="613"/>
      <c r="NFS657" s="613"/>
      <c r="NFT657" s="613"/>
      <c r="NFU657" s="613"/>
      <c r="NFV657" s="613"/>
      <c r="NFW657" s="613"/>
      <c r="NFX657" s="613"/>
      <c r="NFY657" s="613"/>
      <c r="NFZ657" s="613"/>
      <c r="NGA657" s="613"/>
      <c r="NGB657" s="613"/>
      <c r="NGC657" s="613"/>
      <c r="NGD657" s="613"/>
      <c r="NGE657" s="613"/>
      <c r="NGF657" s="613"/>
      <c r="NGG657" s="613"/>
      <c r="NGH657" s="613"/>
      <c r="NGI657" s="613"/>
      <c r="NGJ657" s="613"/>
      <c r="NGK657" s="613"/>
      <c r="NGL657" s="613"/>
      <c r="NGM657" s="613"/>
      <c r="NGN657" s="613"/>
      <c r="NGO657" s="613"/>
      <c r="NGP657" s="613"/>
      <c r="NGQ657" s="613"/>
      <c r="NGR657" s="613"/>
      <c r="NGS657" s="613"/>
      <c r="NGT657" s="613"/>
      <c r="NGU657" s="613"/>
      <c r="NGV657" s="613"/>
      <c r="NGW657" s="613"/>
      <c r="NGX657" s="613"/>
      <c r="NGY657" s="613"/>
      <c r="NGZ657" s="613"/>
      <c r="NHA657" s="613"/>
      <c r="NHB657" s="613"/>
      <c r="NHC657" s="613"/>
      <c r="NHD657" s="613"/>
      <c r="NHE657" s="613"/>
      <c r="NHF657" s="613"/>
      <c r="NHG657" s="613"/>
      <c r="NHH657" s="613"/>
      <c r="NHI657" s="613"/>
      <c r="NHJ657" s="613"/>
      <c r="NHK657" s="613"/>
      <c r="NHL657" s="613"/>
      <c r="NHM657" s="613"/>
      <c r="NHN657" s="613"/>
      <c r="NHO657" s="613"/>
      <c r="NHP657" s="613"/>
      <c r="NHQ657" s="613"/>
      <c r="NHR657" s="613"/>
      <c r="NHS657" s="613"/>
      <c r="NHT657" s="613"/>
      <c r="NHU657" s="613"/>
      <c r="NHV657" s="613"/>
      <c r="NHW657" s="613"/>
      <c r="NHX657" s="613"/>
      <c r="NHY657" s="613"/>
      <c r="NHZ657" s="613"/>
      <c r="NIA657" s="613"/>
      <c r="NIB657" s="613"/>
      <c r="NIC657" s="613"/>
      <c r="NID657" s="613"/>
      <c r="NIE657" s="613"/>
      <c r="NIF657" s="613"/>
      <c r="NIG657" s="613"/>
      <c r="NIH657" s="613"/>
      <c r="NII657" s="613"/>
      <c r="NIJ657" s="613"/>
      <c r="NIK657" s="613"/>
      <c r="NIL657" s="613"/>
      <c r="NIM657" s="613"/>
      <c r="NIN657" s="613"/>
      <c r="NIO657" s="613"/>
      <c r="NIP657" s="613"/>
      <c r="NIQ657" s="613"/>
      <c r="NIR657" s="613"/>
      <c r="NIS657" s="613"/>
      <c r="NIT657" s="613"/>
      <c r="NIU657" s="613"/>
      <c r="NIV657" s="613"/>
      <c r="NIW657" s="613"/>
      <c r="NIX657" s="613"/>
      <c r="NIY657" s="613"/>
      <c r="NIZ657" s="613"/>
      <c r="NJA657" s="613"/>
      <c r="NJB657" s="613"/>
      <c r="NJC657" s="613"/>
      <c r="NJD657" s="613"/>
      <c r="NJE657" s="613"/>
      <c r="NJF657" s="613"/>
      <c r="NJG657" s="613"/>
      <c r="NJH657" s="613"/>
      <c r="NJI657" s="613"/>
      <c r="NJJ657" s="613"/>
      <c r="NJK657" s="613"/>
      <c r="NJL657" s="613"/>
      <c r="NJM657" s="613"/>
      <c r="NJN657" s="613"/>
      <c r="NJO657" s="613"/>
      <c r="NJP657" s="613"/>
      <c r="NJQ657" s="613"/>
      <c r="NJR657" s="613"/>
      <c r="NJS657" s="613"/>
      <c r="NJT657" s="613"/>
      <c r="NJU657" s="613"/>
      <c r="NJV657" s="613"/>
      <c r="NJW657" s="613"/>
      <c r="NJX657" s="613"/>
      <c r="NJY657" s="613"/>
      <c r="NJZ657" s="613"/>
      <c r="NKA657" s="613"/>
      <c r="NKB657" s="613"/>
      <c r="NKC657" s="613"/>
      <c r="NKD657" s="613"/>
      <c r="NKE657" s="613"/>
      <c r="NKF657" s="613"/>
      <c r="NKG657" s="613"/>
      <c r="NKH657" s="613"/>
      <c r="NKI657" s="613"/>
      <c r="NKJ657" s="613"/>
      <c r="NKK657" s="613"/>
      <c r="NKL657" s="613"/>
      <c r="NKM657" s="613"/>
      <c r="NKN657" s="613"/>
      <c r="NKO657" s="613"/>
      <c r="NKP657" s="613"/>
      <c r="NKQ657" s="613"/>
      <c r="NKR657" s="613"/>
      <c r="NKS657" s="613"/>
      <c r="NKT657" s="613"/>
      <c r="NKU657" s="613"/>
      <c r="NKV657" s="613"/>
      <c r="NKW657" s="613"/>
      <c r="NKX657" s="613"/>
      <c r="NKY657" s="613"/>
      <c r="NKZ657" s="613"/>
      <c r="NLA657" s="613"/>
      <c r="NLB657" s="613"/>
      <c r="NLC657" s="613"/>
      <c r="NLD657" s="613"/>
      <c r="NLE657" s="613"/>
      <c r="NLF657" s="613"/>
      <c r="NLG657" s="613"/>
      <c r="NLH657" s="613"/>
      <c r="NLI657" s="613"/>
      <c r="NLJ657" s="613"/>
      <c r="NLK657" s="613"/>
      <c r="NLL657" s="613"/>
      <c r="NLM657" s="613"/>
      <c r="NLN657" s="613"/>
      <c r="NLO657" s="613"/>
      <c r="NLP657" s="613"/>
      <c r="NLQ657" s="613"/>
      <c r="NLR657" s="613"/>
      <c r="NLS657" s="613"/>
      <c r="NLT657" s="613"/>
      <c r="NLU657" s="613"/>
      <c r="NLV657" s="613"/>
      <c r="NLW657" s="613"/>
      <c r="NLX657" s="613"/>
      <c r="NLY657" s="613"/>
      <c r="NLZ657" s="613"/>
      <c r="NMA657" s="613"/>
      <c r="NMB657" s="613"/>
      <c r="NMC657" s="613"/>
      <c r="NMD657" s="613"/>
      <c r="NME657" s="613"/>
      <c r="NMF657" s="613"/>
      <c r="NMG657" s="613"/>
      <c r="NMH657" s="613"/>
      <c r="NMI657" s="613"/>
      <c r="NMJ657" s="613"/>
      <c r="NMK657" s="613"/>
      <c r="NML657" s="613"/>
      <c r="NMM657" s="613"/>
      <c r="NMN657" s="613"/>
      <c r="NMO657" s="613"/>
      <c r="NMP657" s="613"/>
      <c r="NMQ657" s="613"/>
      <c r="NMR657" s="613"/>
      <c r="NMS657" s="613"/>
      <c r="NMT657" s="613"/>
      <c r="NMU657" s="613"/>
      <c r="NMV657" s="613"/>
      <c r="NMW657" s="613"/>
      <c r="NMX657" s="613"/>
      <c r="NMY657" s="613"/>
      <c r="NMZ657" s="613"/>
      <c r="NNA657" s="613"/>
      <c r="NNB657" s="613"/>
      <c r="NNC657" s="613"/>
      <c r="NND657" s="613"/>
      <c r="NNE657" s="613"/>
      <c r="NNF657" s="613"/>
      <c r="NNG657" s="613"/>
      <c r="NNH657" s="613"/>
      <c r="NNI657" s="613"/>
      <c r="NNJ657" s="613"/>
      <c r="NNK657" s="613"/>
      <c r="NNL657" s="613"/>
      <c r="NNM657" s="613"/>
      <c r="NNN657" s="613"/>
      <c r="NNO657" s="613"/>
      <c r="NNP657" s="613"/>
      <c r="NNQ657" s="613"/>
      <c r="NNR657" s="613"/>
      <c r="NNS657" s="613"/>
      <c r="NNT657" s="613"/>
      <c r="NNU657" s="613"/>
      <c r="NNV657" s="613"/>
      <c r="NNW657" s="613"/>
      <c r="NNX657" s="613"/>
      <c r="NNY657" s="613"/>
      <c r="NNZ657" s="613"/>
      <c r="NOA657" s="613"/>
      <c r="NOB657" s="613"/>
      <c r="NOC657" s="613"/>
      <c r="NOD657" s="613"/>
      <c r="NOE657" s="613"/>
      <c r="NOF657" s="613"/>
      <c r="NOG657" s="613"/>
      <c r="NOH657" s="613"/>
      <c r="NOI657" s="613"/>
      <c r="NOJ657" s="613"/>
      <c r="NOK657" s="613"/>
      <c r="NOL657" s="613"/>
      <c r="NOM657" s="613"/>
      <c r="NON657" s="613"/>
      <c r="NOO657" s="613"/>
      <c r="NOP657" s="613"/>
      <c r="NOQ657" s="613"/>
      <c r="NOR657" s="613"/>
      <c r="NOS657" s="613"/>
      <c r="NOT657" s="613"/>
      <c r="NOU657" s="613"/>
      <c r="NOV657" s="613"/>
      <c r="NOW657" s="613"/>
      <c r="NOX657" s="613"/>
      <c r="NOY657" s="613"/>
      <c r="NOZ657" s="613"/>
      <c r="NPA657" s="613"/>
      <c r="NPB657" s="613"/>
      <c r="NPC657" s="613"/>
      <c r="NPD657" s="613"/>
      <c r="NPE657" s="613"/>
      <c r="NPF657" s="613"/>
      <c r="NPG657" s="613"/>
      <c r="NPH657" s="613"/>
      <c r="NPI657" s="613"/>
      <c r="NPJ657" s="613"/>
      <c r="NPK657" s="613"/>
      <c r="NPL657" s="613"/>
      <c r="NPM657" s="613"/>
      <c r="NPN657" s="613"/>
      <c r="NPO657" s="613"/>
      <c r="NPP657" s="613"/>
      <c r="NPQ657" s="613"/>
      <c r="NPR657" s="613"/>
      <c r="NPS657" s="613"/>
      <c r="NPT657" s="613"/>
      <c r="NPU657" s="613"/>
      <c r="NPV657" s="613"/>
      <c r="NPW657" s="613"/>
      <c r="NPX657" s="613"/>
      <c r="NPY657" s="613"/>
      <c r="NPZ657" s="613"/>
      <c r="NQA657" s="613"/>
      <c r="NQB657" s="613"/>
      <c r="NQC657" s="613"/>
      <c r="NQD657" s="613"/>
      <c r="NQE657" s="613"/>
      <c r="NQF657" s="613"/>
      <c r="NQG657" s="613"/>
      <c r="NQH657" s="613"/>
      <c r="NQI657" s="613"/>
      <c r="NQJ657" s="613"/>
      <c r="NQK657" s="613"/>
      <c r="NQL657" s="613"/>
      <c r="NQM657" s="613"/>
      <c r="NQN657" s="613"/>
      <c r="NQO657" s="613"/>
      <c r="NQP657" s="613"/>
      <c r="NQQ657" s="613"/>
      <c r="NQR657" s="613"/>
      <c r="NQS657" s="613"/>
      <c r="NQT657" s="613"/>
      <c r="NQU657" s="613"/>
      <c r="NQV657" s="613"/>
      <c r="NQW657" s="613"/>
      <c r="NQX657" s="613"/>
      <c r="NQY657" s="613"/>
      <c r="NQZ657" s="613"/>
      <c r="NRA657" s="613"/>
      <c r="NRB657" s="613"/>
      <c r="NRC657" s="613"/>
      <c r="NRD657" s="613"/>
      <c r="NRE657" s="613"/>
      <c r="NRF657" s="613"/>
      <c r="NRG657" s="613"/>
      <c r="NRH657" s="613"/>
      <c r="NRI657" s="613"/>
      <c r="NRJ657" s="613"/>
      <c r="NRK657" s="613"/>
      <c r="NRL657" s="613"/>
      <c r="NRM657" s="613"/>
      <c r="NRN657" s="613"/>
      <c r="NRO657" s="613"/>
      <c r="NRP657" s="613"/>
      <c r="NRQ657" s="613"/>
      <c r="NRR657" s="613"/>
      <c r="NRS657" s="613"/>
      <c r="NRT657" s="613"/>
      <c r="NRU657" s="613"/>
      <c r="NRV657" s="613"/>
      <c r="NRW657" s="613"/>
      <c r="NRX657" s="613"/>
      <c r="NRY657" s="613"/>
      <c r="NRZ657" s="613"/>
      <c r="NSA657" s="613"/>
      <c r="NSB657" s="613"/>
      <c r="NSC657" s="613"/>
      <c r="NSD657" s="613"/>
      <c r="NSE657" s="613"/>
      <c r="NSF657" s="613"/>
      <c r="NSG657" s="613"/>
      <c r="NSH657" s="613"/>
      <c r="NSI657" s="613"/>
      <c r="NSJ657" s="613"/>
      <c r="NSK657" s="613"/>
      <c r="NSL657" s="613"/>
      <c r="NSM657" s="613"/>
      <c r="NSN657" s="613"/>
      <c r="NSO657" s="613"/>
      <c r="NSP657" s="613"/>
      <c r="NSQ657" s="613"/>
      <c r="NSR657" s="613"/>
      <c r="NSS657" s="613"/>
      <c r="NST657" s="613"/>
      <c r="NSU657" s="613"/>
      <c r="NSV657" s="613"/>
      <c r="NSW657" s="613"/>
      <c r="NSX657" s="613"/>
      <c r="NSY657" s="613"/>
      <c r="NSZ657" s="613"/>
      <c r="NTA657" s="613"/>
      <c r="NTB657" s="613"/>
      <c r="NTC657" s="613"/>
      <c r="NTD657" s="613"/>
      <c r="NTE657" s="613"/>
      <c r="NTF657" s="613"/>
      <c r="NTG657" s="613"/>
      <c r="NTH657" s="613"/>
      <c r="NTI657" s="613"/>
      <c r="NTJ657" s="613"/>
      <c r="NTK657" s="613"/>
      <c r="NTL657" s="613"/>
      <c r="NTM657" s="613"/>
      <c r="NTN657" s="613"/>
      <c r="NTO657" s="613"/>
      <c r="NTP657" s="613"/>
      <c r="NTQ657" s="613"/>
      <c r="NTR657" s="613"/>
      <c r="NTS657" s="613"/>
      <c r="NTT657" s="613"/>
      <c r="NTU657" s="613"/>
      <c r="NTV657" s="613"/>
      <c r="NTW657" s="613"/>
      <c r="NTX657" s="613"/>
      <c r="NTY657" s="613"/>
      <c r="NTZ657" s="613"/>
      <c r="NUA657" s="613"/>
      <c r="NUB657" s="613"/>
      <c r="NUC657" s="613"/>
      <c r="NUD657" s="613"/>
      <c r="NUE657" s="613"/>
      <c r="NUF657" s="613"/>
      <c r="NUG657" s="613"/>
      <c r="NUH657" s="613"/>
      <c r="NUI657" s="613"/>
      <c r="NUJ657" s="613"/>
      <c r="NUK657" s="613"/>
      <c r="NUL657" s="613"/>
      <c r="NUM657" s="613"/>
      <c r="NUN657" s="613"/>
      <c r="NUO657" s="613"/>
      <c r="NUP657" s="613"/>
      <c r="NUQ657" s="613"/>
      <c r="NUR657" s="613"/>
      <c r="NUS657" s="613"/>
      <c r="NUT657" s="613"/>
      <c r="NUU657" s="613"/>
      <c r="NUV657" s="613"/>
      <c r="NUW657" s="613"/>
      <c r="NUX657" s="613"/>
      <c r="NUY657" s="613"/>
      <c r="NUZ657" s="613"/>
      <c r="NVA657" s="613"/>
      <c r="NVB657" s="613"/>
      <c r="NVC657" s="613"/>
      <c r="NVD657" s="613"/>
      <c r="NVE657" s="613"/>
      <c r="NVF657" s="613"/>
      <c r="NVG657" s="613"/>
      <c r="NVH657" s="613"/>
      <c r="NVI657" s="613"/>
      <c r="NVJ657" s="613"/>
      <c r="NVK657" s="613"/>
      <c r="NVL657" s="613"/>
      <c r="NVM657" s="613"/>
      <c r="NVN657" s="613"/>
      <c r="NVO657" s="613"/>
      <c r="NVP657" s="613"/>
      <c r="NVQ657" s="613"/>
      <c r="NVR657" s="613"/>
      <c r="NVS657" s="613"/>
      <c r="NVT657" s="613"/>
      <c r="NVU657" s="613"/>
      <c r="NVV657" s="613"/>
      <c r="NVW657" s="613"/>
      <c r="NVX657" s="613"/>
      <c r="NVY657" s="613"/>
      <c r="NVZ657" s="613"/>
      <c r="NWA657" s="613"/>
      <c r="NWB657" s="613"/>
      <c r="NWC657" s="613"/>
      <c r="NWD657" s="613"/>
      <c r="NWE657" s="613"/>
      <c r="NWF657" s="613"/>
      <c r="NWG657" s="613"/>
      <c r="NWH657" s="613"/>
      <c r="NWI657" s="613"/>
      <c r="NWJ657" s="613"/>
      <c r="NWK657" s="613"/>
      <c r="NWL657" s="613"/>
      <c r="NWM657" s="613"/>
      <c r="NWN657" s="613"/>
      <c r="NWO657" s="613"/>
      <c r="NWP657" s="613"/>
      <c r="NWQ657" s="613"/>
      <c r="NWR657" s="613"/>
      <c r="NWS657" s="613"/>
      <c r="NWT657" s="613"/>
      <c r="NWU657" s="613"/>
      <c r="NWV657" s="613"/>
      <c r="NWW657" s="613"/>
      <c r="NWX657" s="613"/>
      <c r="NWY657" s="613"/>
      <c r="NWZ657" s="613"/>
      <c r="NXA657" s="613"/>
      <c r="NXB657" s="613"/>
      <c r="NXC657" s="613"/>
      <c r="NXD657" s="613"/>
      <c r="NXE657" s="613"/>
      <c r="NXF657" s="613"/>
      <c r="NXG657" s="613"/>
      <c r="NXH657" s="613"/>
      <c r="NXI657" s="613"/>
      <c r="NXJ657" s="613"/>
      <c r="NXK657" s="613"/>
      <c r="NXL657" s="613"/>
      <c r="NXM657" s="613"/>
      <c r="NXN657" s="613"/>
      <c r="NXO657" s="613"/>
      <c r="NXP657" s="613"/>
      <c r="NXQ657" s="613"/>
      <c r="NXR657" s="613"/>
      <c r="NXS657" s="613"/>
      <c r="NXT657" s="613"/>
      <c r="NXU657" s="613"/>
      <c r="NXV657" s="613"/>
      <c r="NXW657" s="613"/>
      <c r="NXX657" s="613"/>
      <c r="NXY657" s="613"/>
      <c r="NXZ657" s="613"/>
      <c r="NYA657" s="613"/>
      <c r="NYB657" s="613"/>
      <c r="NYC657" s="613"/>
      <c r="NYD657" s="613"/>
      <c r="NYE657" s="613"/>
      <c r="NYF657" s="613"/>
      <c r="NYG657" s="613"/>
      <c r="NYH657" s="613"/>
      <c r="NYI657" s="613"/>
      <c r="NYJ657" s="613"/>
      <c r="NYK657" s="613"/>
      <c r="NYL657" s="613"/>
      <c r="NYM657" s="613"/>
      <c r="NYN657" s="613"/>
      <c r="NYO657" s="613"/>
      <c r="NYP657" s="613"/>
      <c r="NYQ657" s="613"/>
      <c r="NYR657" s="613"/>
      <c r="NYS657" s="613"/>
      <c r="NYT657" s="613"/>
      <c r="NYU657" s="613"/>
      <c r="NYV657" s="613"/>
      <c r="NYW657" s="613"/>
      <c r="NYX657" s="613"/>
      <c r="NYY657" s="613"/>
      <c r="NYZ657" s="613"/>
      <c r="NZA657" s="613"/>
      <c r="NZB657" s="613"/>
      <c r="NZC657" s="613"/>
      <c r="NZD657" s="613"/>
      <c r="NZE657" s="613"/>
      <c r="NZF657" s="613"/>
      <c r="NZG657" s="613"/>
      <c r="NZH657" s="613"/>
      <c r="NZI657" s="613"/>
      <c r="NZJ657" s="613"/>
      <c r="NZK657" s="613"/>
      <c r="NZL657" s="613"/>
      <c r="NZM657" s="613"/>
      <c r="NZN657" s="613"/>
      <c r="NZO657" s="613"/>
      <c r="NZP657" s="613"/>
      <c r="NZQ657" s="613"/>
      <c r="NZR657" s="613"/>
      <c r="NZS657" s="613"/>
      <c r="NZT657" s="613"/>
      <c r="NZU657" s="613"/>
      <c r="NZV657" s="613"/>
      <c r="NZW657" s="613"/>
      <c r="NZX657" s="613"/>
      <c r="NZY657" s="613"/>
      <c r="NZZ657" s="613"/>
      <c r="OAA657" s="613"/>
      <c r="OAB657" s="613"/>
      <c r="OAC657" s="613"/>
      <c r="OAD657" s="613"/>
      <c r="OAE657" s="613"/>
      <c r="OAF657" s="613"/>
      <c r="OAG657" s="613"/>
      <c r="OAH657" s="613"/>
      <c r="OAI657" s="613"/>
      <c r="OAJ657" s="613"/>
      <c r="OAK657" s="613"/>
      <c r="OAL657" s="613"/>
      <c r="OAM657" s="613"/>
      <c r="OAN657" s="613"/>
      <c r="OAO657" s="613"/>
      <c r="OAP657" s="613"/>
      <c r="OAQ657" s="613"/>
      <c r="OAR657" s="613"/>
      <c r="OAS657" s="613"/>
      <c r="OAT657" s="613"/>
      <c r="OAU657" s="613"/>
      <c r="OAV657" s="613"/>
      <c r="OAW657" s="613"/>
      <c r="OAX657" s="613"/>
      <c r="OAY657" s="613"/>
      <c r="OAZ657" s="613"/>
      <c r="OBA657" s="613"/>
      <c r="OBB657" s="613"/>
      <c r="OBC657" s="613"/>
      <c r="OBD657" s="613"/>
      <c r="OBE657" s="613"/>
      <c r="OBF657" s="613"/>
      <c r="OBG657" s="613"/>
      <c r="OBH657" s="613"/>
      <c r="OBI657" s="613"/>
      <c r="OBJ657" s="613"/>
      <c r="OBK657" s="613"/>
      <c r="OBL657" s="613"/>
      <c r="OBM657" s="613"/>
      <c r="OBN657" s="613"/>
      <c r="OBO657" s="613"/>
      <c r="OBP657" s="613"/>
      <c r="OBQ657" s="613"/>
      <c r="OBR657" s="613"/>
      <c r="OBS657" s="613"/>
      <c r="OBT657" s="613"/>
      <c r="OBU657" s="613"/>
      <c r="OBV657" s="613"/>
      <c r="OBW657" s="613"/>
      <c r="OBX657" s="613"/>
      <c r="OBY657" s="613"/>
      <c r="OBZ657" s="613"/>
      <c r="OCA657" s="613"/>
      <c r="OCB657" s="613"/>
      <c r="OCC657" s="613"/>
      <c r="OCD657" s="613"/>
      <c r="OCE657" s="613"/>
      <c r="OCF657" s="613"/>
      <c r="OCG657" s="613"/>
      <c r="OCH657" s="613"/>
      <c r="OCI657" s="613"/>
      <c r="OCJ657" s="613"/>
      <c r="OCK657" s="613"/>
      <c r="OCL657" s="613"/>
      <c r="OCM657" s="613"/>
      <c r="OCN657" s="613"/>
      <c r="OCO657" s="613"/>
      <c r="OCP657" s="613"/>
      <c r="OCQ657" s="613"/>
      <c r="OCR657" s="613"/>
      <c r="OCS657" s="613"/>
      <c r="OCT657" s="613"/>
      <c r="OCU657" s="613"/>
      <c r="OCV657" s="613"/>
      <c r="OCW657" s="613"/>
      <c r="OCX657" s="613"/>
      <c r="OCY657" s="613"/>
      <c r="OCZ657" s="613"/>
      <c r="ODA657" s="613"/>
      <c r="ODB657" s="613"/>
      <c r="ODC657" s="613"/>
      <c r="ODD657" s="613"/>
      <c r="ODE657" s="613"/>
      <c r="ODF657" s="613"/>
      <c r="ODG657" s="613"/>
      <c r="ODH657" s="613"/>
      <c r="ODI657" s="613"/>
      <c r="ODJ657" s="613"/>
      <c r="ODK657" s="613"/>
      <c r="ODL657" s="613"/>
      <c r="ODM657" s="613"/>
      <c r="ODN657" s="613"/>
      <c r="ODO657" s="613"/>
      <c r="ODP657" s="613"/>
      <c r="ODQ657" s="613"/>
      <c r="ODR657" s="613"/>
      <c r="ODS657" s="613"/>
      <c r="ODT657" s="613"/>
      <c r="ODU657" s="613"/>
      <c r="ODV657" s="613"/>
      <c r="ODW657" s="613"/>
      <c r="ODX657" s="613"/>
      <c r="ODY657" s="613"/>
      <c r="ODZ657" s="613"/>
      <c r="OEA657" s="613"/>
      <c r="OEB657" s="613"/>
      <c r="OEC657" s="613"/>
      <c r="OED657" s="613"/>
      <c r="OEE657" s="613"/>
      <c r="OEF657" s="613"/>
      <c r="OEG657" s="613"/>
      <c r="OEH657" s="613"/>
      <c r="OEI657" s="613"/>
      <c r="OEJ657" s="613"/>
      <c r="OEK657" s="613"/>
      <c r="OEL657" s="613"/>
      <c r="OEM657" s="613"/>
      <c r="OEN657" s="613"/>
      <c r="OEO657" s="613"/>
      <c r="OEP657" s="613"/>
      <c r="OEQ657" s="613"/>
      <c r="OER657" s="613"/>
      <c r="OES657" s="613"/>
      <c r="OET657" s="613"/>
      <c r="OEU657" s="613"/>
      <c r="OEV657" s="613"/>
      <c r="OEW657" s="613"/>
      <c r="OEX657" s="613"/>
      <c r="OEY657" s="613"/>
      <c r="OEZ657" s="613"/>
      <c r="OFA657" s="613"/>
      <c r="OFB657" s="613"/>
      <c r="OFC657" s="613"/>
      <c r="OFD657" s="613"/>
      <c r="OFE657" s="613"/>
      <c r="OFF657" s="613"/>
      <c r="OFG657" s="613"/>
      <c r="OFH657" s="613"/>
      <c r="OFI657" s="613"/>
      <c r="OFJ657" s="613"/>
      <c r="OFK657" s="613"/>
      <c r="OFL657" s="613"/>
      <c r="OFM657" s="613"/>
      <c r="OFN657" s="613"/>
      <c r="OFO657" s="613"/>
      <c r="OFP657" s="613"/>
      <c r="OFQ657" s="613"/>
      <c r="OFR657" s="613"/>
      <c r="OFS657" s="613"/>
      <c r="OFT657" s="613"/>
      <c r="OFU657" s="613"/>
      <c r="OFV657" s="613"/>
      <c r="OFW657" s="613"/>
      <c r="OFX657" s="613"/>
      <c r="OFY657" s="613"/>
      <c r="OFZ657" s="613"/>
      <c r="OGA657" s="613"/>
      <c r="OGB657" s="613"/>
      <c r="OGC657" s="613"/>
      <c r="OGD657" s="613"/>
      <c r="OGE657" s="613"/>
      <c r="OGF657" s="613"/>
      <c r="OGG657" s="613"/>
      <c r="OGH657" s="613"/>
      <c r="OGI657" s="613"/>
      <c r="OGJ657" s="613"/>
      <c r="OGK657" s="613"/>
      <c r="OGL657" s="613"/>
      <c r="OGM657" s="613"/>
      <c r="OGN657" s="613"/>
      <c r="OGO657" s="613"/>
      <c r="OGP657" s="613"/>
      <c r="OGQ657" s="613"/>
      <c r="OGR657" s="613"/>
      <c r="OGS657" s="613"/>
      <c r="OGT657" s="613"/>
      <c r="OGU657" s="613"/>
      <c r="OGV657" s="613"/>
      <c r="OGW657" s="613"/>
      <c r="OGX657" s="613"/>
      <c r="OGY657" s="613"/>
      <c r="OGZ657" s="613"/>
      <c r="OHA657" s="613"/>
      <c r="OHB657" s="613"/>
      <c r="OHC657" s="613"/>
      <c r="OHD657" s="613"/>
      <c r="OHE657" s="613"/>
      <c r="OHF657" s="613"/>
      <c r="OHG657" s="613"/>
      <c r="OHH657" s="613"/>
      <c r="OHI657" s="613"/>
      <c r="OHJ657" s="613"/>
      <c r="OHK657" s="613"/>
      <c r="OHL657" s="613"/>
      <c r="OHM657" s="613"/>
      <c r="OHN657" s="613"/>
      <c r="OHO657" s="613"/>
      <c r="OHP657" s="613"/>
      <c r="OHQ657" s="613"/>
      <c r="OHR657" s="613"/>
      <c r="OHS657" s="613"/>
      <c r="OHT657" s="613"/>
      <c r="OHU657" s="613"/>
      <c r="OHV657" s="613"/>
      <c r="OHW657" s="613"/>
      <c r="OHX657" s="613"/>
      <c r="OHY657" s="613"/>
      <c r="OHZ657" s="613"/>
      <c r="OIA657" s="613"/>
      <c r="OIB657" s="613"/>
      <c r="OIC657" s="613"/>
      <c r="OID657" s="613"/>
      <c r="OIE657" s="613"/>
      <c r="OIF657" s="613"/>
      <c r="OIG657" s="613"/>
      <c r="OIH657" s="613"/>
      <c r="OII657" s="613"/>
      <c r="OIJ657" s="613"/>
      <c r="OIK657" s="613"/>
      <c r="OIL657" s="613"/>
      <c r="OIM657" s="613"/>
      <c r="OIN657" s="613"/>
      <c r="OIO657" s="613"/>
      <c r="OIP657" s="613"/>
      <c r="OIQ657" s="613"/>
      <c r="OIR657" s="613"/>
      <c r="OIS657" s="613"/>
      <c r="OIT657" s="613"/>
      <c r="OIU657" s="613"/>
      <c r="OIV657" s="613"/>
      <c r="OIW657" s="613"/>
      <c r="OIX657" s="613"/>
      <c r="OIY657" s="613"/>
      <c r="OIZ657" s="613"/>
      <c r="OJA657" s="613"/>
      <c r="OJB657" s="613"/>
      <c r="OJC657" s="613"/>
      <c r="OJD657" s="613"/>
      <c r="OJE657" s="613"/>
      <c r="OJF657" s="613"/>
      <c r="OJG657" s="613"/>
      <c r="OJH657" s="613"/>
      <c r="OJI657" s="613"/>
      <c r="OJJ657" s="613"/>
      <c r="OJK657" s="613"/>
      <c r="OJL657" s="613"/>
      <c r="OJM657" s="613"/>
      <c r="OJN657" s="613"/>
      <c r="OJO657" s="613"/>
      <c r="OJP657" s="613"/>
      <c r="OJQ657" s="613"/>
      <c r="OJR657" s="613"/>
      <c r="OJS657" s="613"/>
      <c r="OJT657" s="613"/>
      <c r="OJU657" s="613"/>
      <c r="OJV657" s="613"/>
      <c r="OJW657" s="613"/>
      <c r="OJX657" s="613"/>
      <c r="OJY657" s="613"/>
      <c r="OJZ657" s="613"/>
      <c r="OKA657" s="613"/>
      <c r="OKB657" s="613"/>
      <c r="OKC657" s="613"/>
      <c r="OKD657" s="613"/>
      <c r="OKE657" s="613"/>
      <c r="OKF657" s="613"/>
      <c r="OKG657" s="613"/>
      <c r="OKH657" s="613"/>
      <c r="OKI657" s="613"/>
      <c r="OKJ657" s="613"/>
      <c r="OKK657" s="613"/>
      <c r="OKL657" s="613"/>
      <c r="OKM657" s="613"/>
      <c r="OKN657" s="613"/>
      <c r="OKO657" s="613"/>
      <c r="OKP657" s="613"/>
      <c r="OKQ657" s="613"/>
      <c r="OKR657" s="613"/>
      <c r="OKS657" s="613"/>
      <c r="OKT657" s="613"/>
      <c r="OKU657" s="613"/>
      <c r="OKV657" s="613"/>
      <c r="OKW657" s="613"/>
      <c r="OKX657" s="613"/>
      <c r="OKY657" s="613"/>
      <c r="OKZ657" s="613"/>
      <c r="OLA657" s="613"/>
      <c r="OLB657" s="613"/>
      <c r="OLC657" s="613"/>
      <c r="OLD657" s="613"/>
      <c r="OLE657" s="613"/>
      <c r="OLF657" s="613"/>
      <c r="OLG657" s="613"/>
      <c r="OLH657" s="613"/>
      <c r="OLI657" s="613"/>
      <c r="OLJ657" s="613"/>
      <c r="OLK657" s="613"/>
      <c r="OLL657" s="613"/>
      <c r="OLM657" s="613"/>
      <c r="OLN657" s="613"/>
      <c r="OLO657" s="613"/>
      <c r="OLP657" s="613"/>
      <c r="OLQ657" s="613"/>
      <c r="OLR657" s="613"/>
      <c r="OLS657" s="613"/>
      <c r="OLT657" s="613"/>
      <c r="OLU657" s="613"/>
      <c r="OLV657" s="613"/>
      <c r="OLW657" s="613"/>
      <c r="OLX657" s="613"/>
      <c r="OLY657" s="613"/>
      <c r="OLZ657" s="613"/>
      <c r="OMA657" s="613"/>
      <c r="OMB657" s="613"/>
      <c r="OMC657" s="613"/>
      <c r="OMD657" s="613"/>
      <c r="OME657" s="613"/>
      <c r="OMF657" s="613"/>
      <c r="OMG657" s="613"/>
      <c r="OMH657" s="613"/>
      <c r="OMI657" s="613"/>
      <c r="OMJ657" s="613"/>
      <c r="OMK657" s="613"/>
      <c r="OML657" s="613"/>
      <c r="OMM657" s="613"/>
      <c r="OMN657" s="613"/>
      <c r="OMO657" s="613"/>
      <c r="OMP657" s="613"/>
      <c r="OMQ657" s="613"/>
      <c r="OMR657" s="613"/>
      <c r="OMS657" s="613"/>
      <c r="OMT657" s="613"/>
      <c r="OMU657" s="613"/>
      <c r="OMV657" s="613"/>
      <c r="OMW657" s="613"/>
      <c r="OMX657" s="613"/>
      <c r="OMY657" s="613"/>
      <c r="OMZ657" s="613"/>
      <c r="ONA657" s="613"/>
      <c r="ONB657" s="613"/>
      <c r="ONC657" s="613"/>
      <c r="OND657" s="613"/>
      <c r="ONE657" s="613"/>
      <c r="ONF657" s="613"/>
      <c r="ONG657" s="613"/>
      <c r="ONH657" s="613"/>
      <c r="ONI657" s="613"/>
      <c r="ONJ657" s="613"/>
      <c r="ONK657" s="613"/>
      <c r="ONL657" s="613"/>
      <c r="ONM657" s="613"/>
      <c r="ONN657" s="613"/>
      <c r="ONO657" s="613"/>
      <c r="ONP657" s="613"/>
      <c r="ONQ657" s="613"/>
      <c r="ONR657" s="613"/>
      <c r="ONS657" s="613"/>
      <c r="ONT657" s="613"/>
      <c r="ONU657" s="613"/>
      <c r="ONV657" s="613"/>
      <c r="ONW657" s="613"/>
      <c r="ONX657" s="613"/>
      <c r="ONY657" s="613"/>
      <c r="ONZ657" s="613"/>
      <c r="OOA657" s="613"/>
      <c r="OOB657" s="613"/>
      <c r="OOC657" s="613"/>
      <c r="OOD657" s="613"/>
      <c r="OOE657" s="613"/>
      <c r="OOF657" s="613"/>
      <c r="OOG657" s="613"/>
      <c r="OOH657" s="613"/>
      <c r="OOI657" s="613"/>
      <c r="OOJ657" s="613"/>
      <c r="OOK657" s="613"/>
      <c r="OOL657" s="613"/>
      <c r="OOM657" s="613"/>
      <c r="OON657" s="613"/>
      <c r="OOO657" s="613"/>
      <c r="OOP657" s="613"/>
      <c r="OOQ657" s="613"/>
      <c r="OOR657" s="613"/>
      <c r="OOS657" s="613"/>
      <c r="OOT657" s="613"/>
      <c r="OOU657" s="613"/>
      <c r="OOV657" s="613"/>
      <c r="OOW657" s="613"/>
      <c r="OOX657" s="613"/>
      <c r="OOY657" s="613"/>
      <c r="OOZ657" s="613"/>
      <c r="OPA657" s="613"/>
      <c r="OPB657" s="613"/>
      <c r="OPC657" s="613"/>
      <c r="OPD657" s="613"/>
      <c r="OPE657" s="613"/>
      <c r="OPF657" s="613"/>
      <c r="OPG657" s="613"/>
      <c r="OPH657" s="613"/>
      <c r="OPI657" s="613"/>
      <c r="OPJ657" s="613"/>
      <c r="OPK657" s="613"/>
      <c r="OPL657" s="613"/>
      <c r="OPM657" s="613"/>
      <c r="OPN657" s="613"/>
      <c r="OPO657" s="613"/>
      <c r="OPP657" s="613"/>
      <c r="OPQ657" s="613"/>
      <c r="OPR657" s="613"/>
      <c r="OPS657" s="613"/>
      <c r="OPT657" s="613"/>
      <c r="OPU657" s="613"/>
      <c r="OPV657" s="613"/>
      <c r="OPW657" s="613"/>
      <c r="OPX657" s="613"/>
      <c r="OPY657" s="613"/>
      <c r="OPZ657" s="613"/>
      <c r="OQA657" s="613"/>
      <c r="OQB657" s="613"/>
      <c r="OQC657" s="613"/>
      <c r="OQD657" s="613"/>
      <c r="OQE657" s="613"/>
      <c r="OQF657" s="613"/>
      <c r="OQG657" s="613"/>
      <c r="OQH657" s="613"/>
      <c r="OQI657" s="613"/>
      <c r="OQJ657" s="613"/>
      <c r="OQK657" s="613"/>
      <c r="OQL657" s="613"/>
      <c r="OQM657" s="613"/>
      <c r="OQN657" s="613"/>
      <c r="OQO657" s="613"/>
      <c r="OQP657" s="613"/>
      <c r="OQQ657" s="613"/>
      <c r="OQR657" s="613"/>
      <c r="OQS657" s="613"/>
      <c r="OQT657" s="613"/>
      <c r="OQU657" s="613"/>
      <c r="OQV657" s="613"/>
      <c r="OQW657" s="613"/>
      <c r="OQX657" s="613"/>
      <c r="OQY657" s="613"/>
      <c r="OQZ657" s="613"/>
      <c r="ORA657" s="613"/>
      <c r="ORB657" s="613"/>
      <c r="ORC657" s="613"/>
      <c r="ORD657" s="613"/>
      <c r="ORE657" s="613"/>
      <c r="ORF657" s="613"/>
      <c r="ORG657" s="613"/>
      <c r="ORH657" s="613"/>
      <c r="ORI657" s="613"/>
      <c r="ORJ657" s="613"/>
      <c r="ORK657" s="613"/>
      <c r="ORL657" s="613"/>
      <c r="ORM657" s="613"/>
      <c r="ORN657" s="613"/>
      <c r="ORO657" s="613"/>
      <c r="ORP657" s="613"/>
      <c r="ORQ657" s="613"/>
      <c r="ORR657" s="613"/>
      <c r="ORS657" s="613"/>
      <c r="ORT657" s="613"/>
      <c r="ORU657" s="613"/>
      <c r="ORV657" s="613"/>
      <c r="ORW657" s="613"/>
      <c r="ORX657" s="613"/>
      <c r="ORY657" s="613"/>
      <c r="ORZ657" s="613"/>
      <c r="OSA657" s="613"/>
      <c r="OSB657" s="613"/>
      <c r="OSC657" s="613"/>
      <c r="OSD657" s="613"/>
      <c r="OSE657" s="613"/>
      <c r="OSF657" s="613"/>
      <c r="OSG657" s="613"/>
      <c r="OSH657" s="613"/>
      <c r="OSI657" s="613"/>
      <c r="OSJ657" s="613"/>
      <c r="OSK657" s="613"/>
      <c r="OSL657" s="613"/>
      <c r="OSM657" s="613"/>
      <c r="OSN657" s="613"/>
      <c r="OSO657" s="613"/>
      <c r="OSP657" s="613"/>
      <c r="OSQ657" s="613"/>
      <c r="OSR657" s="613"/>
      <c r="OSS657" s="613"/>
      <c r="OST657" s="613"/>
      <c r="OSU657" s="613"/>
      <c r="OSV657" s="613"/>
      <c r="OSW657" s="613"/>
      <c r="OSX657" s="613"/>
      <c r="OSY657" s="613"/>
      <c r="OSZ657" s="613"/>
      <c r="OTA657" s="613"/>
      <c r="OTB657" s="613"/>
      <c r="OTC657" s="613"/>
      <c r="OTD657" s="613"/>
      <c r="OTE657" s="613"/>
      <c r="OTF657" s="613"/>
      <c r="OTG657" s="613"/>
      <c r="OTH657" s="613"/>
      <c r="OTI657" s="613"/>
      <c r="OTJ657" s="613"/>
      <c r="OTK657" s="613"/>
      <c r="OTL657" s="613"/>
      <c r="OTM657" s="613"/>
      <c r="OTN657" s="613"/>
      <c r="OTO657" s="613"/>
      <c r="OTP657" s="613"/>
      <c r="OTQ657" s="613"/>
      <c r="OTR657" s="613"/>
      <c r="OTS657" s="613"/>
      <c r="OTT657" s="613"/>
      <c r="OTU657" s="613"/>
      <c r="OTV657" s="613"/>
      <c r="OTW657" s="613"/>
      <c r="OTX657" s="613"/>
      <c r="OTY657" s="613"/>
      <c r="OTZ657" s="613"/>
      <c r="OUA657" s="613"/>
      <c r="OUB657" s="613"/>
      <c r="OUC657" s="613"/>
      <c r="OUD657" s="613"/>
      <c r="OUE657" s="613"/>
      <c r="OUF657" s="613"/>
      <c r="OUG657" s="613"/>
      <c r="OUH657" s="613"/>
      <c r="OUI657" s="613"/>
      <c r="OUJ657" s="613"/>
      <c r="OUK657" s="613"/>
      <c r="OUL657" s="613"/>
      <c r="OUM657" s="613"/>
      <c r="OUN657" s="613"/>
      <c r="OUO657" s="613"/>
      <c r="OUP657" s="613"/>
      <c r="OUQ657" s="613"/>
      <c r="OUR657" s="613"/>
      <c r="OUS657" s="613"/>
      <c r="OUT657" s="613"/>
      <c r="OUU657" s="613"/>
      <c r="OUV657" s="613"/>
      <c r="OUW657" s="613"/>
      <c r="OUX657" s="613"/>
      <c r="OUY657" s="613"/>
      <c r="OUZ657" s="613"/>
      <c r="OVA657" s="613"/>
      <c r="OVB657" s="613"/>
      <c r="OVC657" s="613"/>
      <c r="OVD657" s="613"/>
      <c r="OVE657" s="613"/>
      <c r="OVF657" s="613"/>
      <c r="OVG657" s="613"/>
      <c r="OVH657" s="613"/>
      <c r="OVI657" s="613"/>
      <c r="OVJ657" s="613"/>
      <c r="OVK657" s="613"/>
      <c r="OVL657" s="613"/>
      <c r="OVM657" s="613"/>
      <c r="OVN657" s="613"/>
      <c r="OVO657" s="613"/>
      <c r="OVP657" s="613"/>
      <c r="OVQ657" s="613"/>
      <c r="OVR657" s="613"/>
      <c r="OVS657" s="613"/>
      <c r="OVT657" s="613"/>
      <c r="OVU657" s="613"/>
      <c r="OVV657" s="613"/>
      <c r="OVW657" s="613"/>
      <c r="OVX657" s="613"/>
      <c r="OVY657" s="613"/>
      <c r="OVZ657" s="613"/>
      <c r="OWA657" s="613"/>
      <c r="OWB657" s="613"/>
      <c r="OWC657" s="613"/>
      <c r="OWD657" s="613"/>
      <c r="OWE657" s="613"/>
      <c r="OWF657" s="613"/>
      <c r="OWG657" s="613"/>
      <c r="OWH657" s="613"/>
      <c r="OWI657" s="613"/>
      <c r="OWJ657" s="613"/>
      <c r="OWK657" s="613"/>
      <c r="OWL657" s="613"/>
      <c r="OWM657" s="613"/>
      <c r="OWN657" s="613"/>
      <c r="OWO657" s="613"/>
      <c r="OWP657" s="613"/>
      <c r="OWQ657" s="613"/>
      <c r="OWR657" s="613"/>
      <c r="OWS657" s="613"/>
      <c r="OWT657" s="613"/>
      <c r="OWU657" s="613"/>
      <c r="OWV657" s="613"/>
      <c r="OWW657" s="613"/>
      <c r="OWX657" s="613"/>
      <c r="OWY657" s="613"/>
      <c r="OWZ657" s="613"/>
      <c r="OXA657" s="613"/>
      <c r="OXB657" s="613"/>
      <c r="OXC657" s="613"/>
      <c r="OXD657" s="613"/>
      <c r="OXE657" s="613"/>
      <c r="OXF657" s="613"/>
      <c r="OXG657" s="613"/>
      <c r="OXH657" s="613"/>
      <c r="OXI657" s="613"/>
      <c r="OXJ657" s="613"/>
      <c r="OXK657" s="613"/>
      <c r="OXL657" s="613"/>
      <c r="OXM657" s="613"/>
      <c r="OXN657" s="613"/>
      <c r="OXO657" s="613"/>
      <c r="OXP657" s="613"/>
      <c r="OXQ657" s="613"/>
      <c r="OXR657" s="613"/>
      <c r="OXS657" s="613"/>
      <c r="OXT657" s="613"/>
      <c r="OXU657" s="613"/>
      <c r="OXV657" s="613"/>
      <c r="OXW657" s="613"/>
      <c r="OXX657" s="613"/>
      <c r="OXY657" s="613"/>
      <c r="OXZ657" s="613"/>
      <c r="OYA657" s="613"/>
      <c r="OYB657" s="613"/>
      <c r="OYC657" s="613"/>
      <c r="OYD657" s="613"/>
      <c r="OYE657" s="613"/>
      <c r="OYF657" s="613"/>
      <c r="OYG657" s="613"/>
      <c r="OYH657" s="613"/>
      <c r="OYI657" s="613"/>
      <c r="OYJ657" s="613"/>
      <c r="OYK657" s="613"/>
      <c r="OYL657" s="613"/>
      <c r="OYM657" s="613"/>
      <c r="OYN657" s="613"/>
      <c r="OYO657" s="613"/>
      <c r="OYP657" s="613"/>
      <c r="OYQ657" s="613"/>
      <c r="OYR657" s="613"/>
      <c r="OYS657" s="613"/>
      <c r="OYT657" s="613"/>
      <c r="OYU657" s="613"/>
      <c r="OYV657" s="613"/>
      <c r="OYW657" s="613"/>
      <c r="OYX657" s="613"/>
      <c r="OYY657" s="613"/>
      <c r="OYZ657" s="613"/>
      <c r="OZA657" s="613"/>
      <c r="OZB657" s="613"/>
      <c r="OZC657" s="613"/>
      <c r="OZD657" s="613"/>
      <c r="OZE657" s="613"/>
      <c r="OZF657" s="613"/>
      <c r="OZG657" s="613"/>
      <c r="OZH657" s="613"/>
      <c r="OZI657" s="613"/>
      <c r="OZJ657" s="613"/>
      <c r="OZK657" s="613"/>
      <c r="OZL657" s="613"/>
      <c r="OZM657" s="613"/>
      <c r="OZN657" s="613"/>
      <c r="OZO657" s="613"/>
      <c r="OZP657" s="613"/>
      <c r="OZQ657" s="613"/>
      <c r="OZR657" s="613"/>
      <c r="OZS657" s="613"/>
      <c r="OZT657" s="613"/>
      <c r="OZU657" s="613"/>
      <c r="OZV657" s="613"/>
      <c r="OZW657" s="613"/>
      <c r="OZX657" s="613"/>
      <c r="OZY657" s="613"/>
      <c r="OZZ657" s="613"/>
      <c r="PAA657" s="613"/>
      <c r="PAB657" s="613"/>
      <c r="PAC657" s="613"/>
      <c r="PAD657" s="613"/>
      <c r="PAE657" s="613"/>
      <c r="PAF657" s="613"/>
      <c r="PAG657" s="613"/>
      <c r="PAH657" s="613"/>
      <c r="PAI657" s="613"/>
      <c r="PAJ657" s="613"/>
      <c r="PAK657" s="613"/>
      <c r="PAL657" s="613"/>
      <c r="PAM657" s="613"/>
      <c r="PAN657" s="613"/>
      <c r="PAO657" s="613"/>
      <c r="PAP657" s="613"/>
      <c r="PAQ657" s="613"/>
      <c r="PAR657" s="613"/>
      <c r="PAS657" s="613"/>
      <c r="PAT657" s="613"/>
      <c r="PAU657" s="613"/>
      <c r="PAV657" s="613"/>
      <c r="PAW657" s="613"/>
      <c r="PAX657" s="613"/>
      <c r="PAY657" s="613"/>
      <c r="PAZ657" s="613"/>
      <c r="PBA657" s="613"/>
      <c r="PBB657" s="613"/>
      <c r="PBC657" s="613"/>
      <c r="PBD657" s="613"/>
      <c r="PBE657" s="613"/>
      <c r="PBF657" s="613"/>
      <c r="PBG657" s="613"/>
      <c r="PBH657" s="613"/>
      <c r="PBI657" s="613"/>
      <c r="PBJ657" s="613"/>
      <c r="PBK657" s="613"/>
      <c r="PBL657" s="613"/>
      <c r="PBM657" s="613"/>
      <c r="PBN657" s="613"/>
      <c r="PBO657" s="613"/>
      <c r="PBP657" s="613"/>
      <c r="PBQ657" s="613"/>
      <c r="PBR657" s="613"/>
      <c r="PBS657" s="613"/>
      <c r="PBT657" s="613"/>
      <c r="PBU657" s="613"/>
      <c r="PBV657" s="613"/>
      <c r="PBW657" s="613"/>
      <c r="PBX657" s="613"/>
      <c r="PBY657" s="613"/>
      <c r="PBZ657" s="613"/>
      <c r="PCA657" s="613"/>
      <c r="PCB657" s="613"/>
      <c r="PCC657" s="613"/>
      <c r="PCD657" s="613"/>
      <c r="PCE657" s="613"/>
      <c r="PCF657" s="613"/>
      <c r="PCG657" s="613"/>
      <c r="PCH657" s="613"/>
      <c r="PCI657" s="613"/>
      <c r="PCJ657" s="613"/>
      <c r="PCK657" s="613"/>
      <c r="PCL657" s="613"/>
      <c r="PCM657" s="613"/>
      <c r="PCN657" s="613"/>
      <c r="PCO657" s="613"/>
      <c r="PCP657" s="613"/>
      <c r="PCQ657" s="613"/>
      <c r="PCR657" s="613"/>
      <c r="PCS657" s="613"/>
      <c r="PCT657" s="613"/>
      <c r="PCU657" s="613"/>
      <c r="PCV657" s="613"/>
      <c r="PCW657" s="613"/>
      <c r="PCX657" s="613"/>
      <c r="PCY657" s="613"/>
      <c r="PCZ657" s="613"/>
      <c r="PDA657" s="613"/>
      <c r="PDB657" s="613"/>
      <c r="PDC657" s="613"/>
      <c r="PDD657" s="613"/>
      <c r="PDE657" s="613"/>
      <c r="PDF657" s="613"/>
      <c r="PDG657" s="613"/>
      <c r="PDH657" s="613"/>
      <c r="PDI657" s="613"/>
      <c r="PDJ657" s="613"/>
      <c r="PDK657" s="613"/>
      <c r="PDL657" s="613"/>
      <c r="PDM657" s="613"/>
      <c r="PDN657" s="613"/>
      <c r="PDO657" s="613"/>
      <c r="PDP657" s="613"/>
      <c r="PDQ657" s="613"/>
      <c r="PDR657" s="613"/>
      <c r="PDS657" s="613"/>
      <c r="PDT657" s="613"/>
      <c r="PDU657" s="613"/>
      <c r="PDV657" s="613"/>
      <c r="PDW657" s="613"/>
      <c r="PDX657" s="613"/>
      <c r="PDY657" s="613"/>
      <c r="PDZ657" s="613"/>
      <c r="PEA657" s="613"/>
      <c r="PEB657" s="613"/>
      <c r="PEC657" s="613"/>
      <c r="PED657" s="613"/>
      <c r="PEE657" s="613"/>
      <c r="PEF657" s="613"/>
      <c r="PEG657" s="613"/>
      <c r="PEH657" s="613"/>
      <c r="PEI657" s="613"/>
      <c r="PEJ657" s="613"/>
      <c r="PEK657" s="613"/>
      <c r="PEL657" s="613"/>
      <c r="PEM657" s="613"/>
      <c r="PEN657" s="613"/>
      <c r="PEO657" s="613"/>
      <c r="PEP657" s="613"/>
      <c r="PEQ657" s="613"/>
      <c r="PER657" s="613"/>
      <c r="PES657" s="613"/>
      <c r="PET657" s="613"/>
      <c r="PEU657" s="613"/>
      <c r="PEV657" s="613"/>
      <c r="PEW657" s="613"/>
      <c r="PEX657" s="613"/>
      <c r="PEY657" s="613"/>
      <c r="PEZ657" s="613"/>
      <c r="PFA657" s="613"/>
      <c r="PFB657" s="613"/>
      <c r="PFC657" s="613"/>
      <c r="PFD657" s="613"/>
      <c r="PFE657" s="613"/>
      <c r="PFF657" s="613"/>
      <c r="PFG657" s="613"/>
      <c r="PFH657" s="613"/>
      <c r="PFI657" s="613"/>
      <c r="PFJ657" s="613"/>
      <c r="PFK657" s="613"/>
      <c r="PFL657" s="613"/>
      <c r="PFM657" s="613"/>
      <c r="PFN657" s="613"/>
      <c r="PFO657" s="613"/>
      <c r="PFP657" s="613"/>
      <c r="PFQ657" s="613"/>
      <c r="PFR657" s="613"/>
      <c r="PFS657" s="613"/>
      <c r="PFT657" s="613"/>
      <c r="PFU657" s="613"/>
      <c r="PFV657" s="613"/>
      <c r="PFW657" s="613"/>
      <c r="PFX657" s="613"/>
      <c r="PFY657" s="613"/>
      <c r="PFZ657" s="613"/>
      <c r="PGA657" s="613"/>
      <c r="PGB657" s="613"/>
      <c r="PGC657" s="613"/>
      <c r="PGD657" s="613"/>
      <c r="PGE657" s="613"/>
      <c r="PGF657" s="613"/>
      <c r="PGG657" s="613"/>
      <c r="PGH657" s="613"/>
      <c r="PGI657" s="613"/>
      <c r="PGJ657" s="613"/>
      <c r="PGK657" s="613"/>
      <c r="PGL657" s="613"/>
      <c r="PGM657" s="613"/>
      <c r="PGN657" s="613"/>
      <c r="PGO657" s="613"/>
      <c r="PGP657" s="613"/>
      <c r="PGQ657" s="613"/>
      <c r="PGR657" s="613"/>
      <c r="PGS657" s="613"/>
      <c r="PGT657" s="613"/>
      <c r="PGU657" s="613"/>
      <c r="PGV657" s="613"/>
      <c r="PGW657" s="613"/>
      <c r="PGX657" s="613"/>
      <c r="PGY657" s="613"/>
      <c r="PGZ657" s="613"/>
      <c r="PHA657" s="613"/>
      <c r="PHB657" s="613"/>
      <c r="PHC657" s="613"/>
      <c r="PHD657" s="613"/>
      <c r="PHE657" s="613"/>
      <c r="PHF657" s="613"/>
      <c r="PHG657" s="613"/>
      <c r="PHH657" s="613"/>
      <c r="PHI657" s="613"/>
      <c r="PHJ657" s="613"/>
      <c r="PHK657" s="613"/>
      <c r="PHL657" s="613"/>
      <c r="PHM657" s="613"/>
      <c r="PHN657" s="613"/>
      <c r="PHO657" s="613"/>
      <c r="PHP657" s="613"/>
      <c r="PHQ657" s="613"/>
      <c r="PHR657" s="613"/>
      <c r="PHS657" s="613"/>
      <c r="PHT657" s="613"/>
      <c r="PHU657" s="613"/>
      <c r="PHV657" s="613"/>
      <c r="PHW657" s="613"/>
      <c r="PHX657" s="613"/>
      <c r="PHY657" s="613"/>
      <c r="PHZ657" s="613"/>
      <c r="PIA657" s="613"/>
      <c r="PIB657" s="613"/>
      <c r="PIC657" s="613"/>
      <c r="PID657" s="613"/>
      <c r="PIE657" s="613"/>
      <c r="PIF657" s="613"/>
      <c r="PIG657" s="613"/>
      <c r="PIH657" s="613"/>
      <c r="PII657" s="613"/>
      <c r="PIJ657" s="613"/>
      <c r="PIK657" s="613"/>
      <c r="PIL657" s="613"/>
      <c r="PIM657" s="613"/>
      <c r="PIN657" s="613"/>
      <c r="PIO657" s="613"/>
      <c r="PIP657" s="613"/>
      <c r="PIQ657" s="613"/>
      <c r="PIR657" s="613"/>
      <c r="PIS657" s="613"/>
      <c r="PIT657" s="613"/>
      <c r="PIU657" s="613"/>
      <c r="PIV657" s="613"/>
      <c r="PIW657" s="613"/>
      <c r="PIX657" s="613"/>
      <c r="PIY657" s="613"/>
      <c r="PIZ657" s="613"/>
      <c r="PJA657" s="613"/>
      <c r="PJB657" s="613"/>
      <c r="PJC657" s="613"/>
      <c r="PJD657" s="613"/>
      <c r="PJE657" s="613"/>
      <c r="PJF657" s="613"/>
      <c r="PJG657" s="613"/>
      <c r="PJH657" s="613"/>
      <c r="PJI657" s="613"/>
      <c r="PJJ657" s="613"/>
      <c r="PJK657" s="613"/>
      <c r="PJL657" s="613"/>
      <c r="PJM657" s="613"/>
      <c r="PJN657" s="613"/>
      <c r="PJO657" s="613"/>
      <c r="PJP657" s="613"/>
      <c r="PJQ657" s="613"/>
      <c r="PJR657" s="613"/>
      <c r="PJS657" s="613"/>
      <c r="PJT657" s="613"/>
      <c r="PJU657" s="613"/>
      <c r="PJV657" s="613"/>
      <c r="PJW657" s="613"/>
      <c r="PJX657" s="613"/>
      <c r="PJY657" s="613"/>
      <c r="PJZ657" s="613"/>
      <c r="PKA657" s="613"/>
      <c r="PKB657" s="613"/>
      <c r="PKC657" s="613"/>
      <c r="PKD657" s="613"/>
      <c r="PKE657" s="613"/>
      <c r="PKF657" s="613"/>
      <c r="PKG657" s="613"/>
      <c r="PKH657" s="613"/>
      <c r="PKI657" s="613"/>
      <c r="PKJ657" s="613"/>
      <c r="PKK657" s="613"/>
      <c r="PKL657" s="613"/>
      <c r="PKM657" s="613"/>
      <c r="PKN657" s="613"/>
      <c r="PKO657" s="613"/>
      <c r="PKP657" s="613"/>
      <c r="PKQ657" s="613"/>
      <c r="PKR657" s="613"/>
      <c r="PKS657" s="613"/>
      <c r="PKT657" s="613"/>
      <c r="PKU657" s="613"/>
      <c r="PKV657" s="613"/>
      <c r="PKW657" s="613"/>
      <c r="PKX657" s="613"/>
      <c r="PKY657" s="613"/>
      <c r="PKZ657" s="613"/>
      <c r="PLA657" s="613"/>
      <c r="PLB657" s="613"/>
      <c r="PLC657" s="613"/>
      <c r="PLD657" s="613"/>
      <c r="PLE657" s="613"/>
      <c r="PLF657" s="613"/>
      <c r="PLG657" s="613"/>
      <c r="PLH657" s="613"/>
      <c r="PLI657" s="613"/>
      <c r="PLJ657" s="613"/>
      <c r="PLK657" s="613"/>
      <c r="PLL657" s="613"/>
      <c r="PLM657" s="613"/>
      <c r="PLN657" s="613"/>
      <c r="PLO657" s="613"/>
      <c r="PLP657" s="613"/>
      <c r="PLQ657" s="613"/>
      <c r="PLR657" s="613"/>
      <c r="PLS657" s="613"/>
      <c r="PLT657" s="613"/>
      <c r="PLU657" s="613"/>
      <c r="PLV657" s="613"/>
      <c r="PLW657" s="613"/>
      <c r="PLX657" s="613"/>
      <c r="PLY657" s="613"/>
      <c r="PLZ657" s="613"/>
      <c r="PMA657" s="613"/>
      <c r="PMB657" s="613"/>
      <c r="PMC657" s="613"/>
      <c r="PMD657" s="613"/>
      <c r="PME657" s="613"/>
      <c r="PMF657" s="613"/>
      <c r="PMG657" s="613"/>
      <c r="PMH657" s="613"/>
      <c r="PMI657" s="613"/>
      <c r="PMJ657" s="613"/>
      <c r="PMK657" s="613"/>
      <c r="PML657" s="613"/>
      <c r="PMM657" s="613"/>
      <c r="PMN657" s="613"/>
      <c r="PMO657" s="613"/>
      <c r="PMP657" s="613"/>
      <c r="PMQ657" s="613"/>
      <c r="PMR657" s="613"/>
      <c r="PMS657" s="613"/>
      <c r="PMT657" s="613"/>
      <c r="PMU657" s="613"/>
      <c r="PMV657" s="613"/>
      <c r="PMW657" s="613"/>
      <c r="PMX657" s="613"/>
      <c r="PMY657" s="613"/>
      <c r="PMZ657" s="613"/>
      <c r="PNA657" s="613"/>
      <c r="PNB657" s="613"/>
      <c r="PNC657" s="613"/>
      <c r="PND657" s="613"/>
      <c r="PNE657" s="613"/>
      <c r="PNF657" s="613"/>
      <c r="PNG657" s="613"/>
      <c r="PNH657" s="613"/>
      <c r="PNI657" s="613"/>
      <c r="PNJ657" s="613"/>
      <c r="PNK657" s="613"/>
      <c r="PNL657" s="613"/>
      <c r="PNM657" s="613"/>
      <c r="PNN657" s="613"/>
      <c r="PNO657" s="613"/>
      <c r="PNP657" s="613"/>
      <c r="PNQ657" s="613"/>
      <c r="PNR657" s="613"/>
      <c r="PNS657" s="613"/>
      <c r="PNT657" s="613"/>
      <c r="PNU657" s="613"/>
      <c r="PNV657" s="613"/>
      <c r="PNW657" s="613"/>
      <c r="PNX657" s="613"/>
      <c r="PNY657" s="613"/>
      <c r="PNZ657" s="613"/>
      <c r="POA657" s="613"/>
      <c r="POB657" s="613"/>
      <c r="POC657" s="613"/>
      <c r="POD657" s="613"/>
      <c r="POE657" s="613"/>
      <c r="POF657" s="613"/>
      <c r="POG657" s="613"/>
      <c r="POH657" s="613"/>
      <c r="POI657" s="613"/>
      <c r="POJ657" s="613"/>
      <c r="POK657" s="613"/>
      <c r="POL657" s="613"/>
      <c r="POM657" s="613"/>
      <c r="PON657" s="613"/>
      <c r="POO657" s="613"/>
      <c r="POP657" s="613"/>
      <c r="POQ657" s="613"/>
      <c r="POR657" s="613"/>
      <c r="POS657" s="613"/>
      <c r="POT657" s="613"/>
      <c r="POU657" s="613"/>
      <c r="POV657" s="613"/>
      <c r="POW657" s="613"/>
      <c r="POX657" s="613"/>
      <c r="POY657" s="613"/>
      <c r="POZ657" s="613"/>
      <c r="PPA657" s="613"/>
      <c r="PPB657" s="613"/>
      <c r="PPC657" s="613"/>
      <c r="PPD657" s="613"/>
      <c r="PPE657" s="613"/>
      <c r="PPF657" s="613"/>
      <c r="PPG657" s="613"/>
      <c r="PPH657" s="613"/>
      <c r="PPI657" s="613"/>
      <c r="PPJ657" s="613"/>
      <c r="PPK657" s="613"/>
      <c r="PPL657" s="613"/>
      <c r="PPM657" s="613"/>
      <c r="PPN657" s="613"/>
      <c r="PPO657" s="613"/>
      <c r="PPP657" s="613"/>
      <c r="PPQ657" s="613"/>
      <c r="PPR657" s="613"/>
      <c r="PPS657" s="613"/>
      <c r="PPT657" s="613"/>
      <c r="PPU657" s="613"/>
      <c r="PPV657" s="613"/>
      <c r="PPW657" s="613"/>
      <c r="PPX657" s="613"/>
      <c r="PPY657" s="613"/>
      <c r="PPZ657" s="613"/>
      <c r="PQA657" s="613"/>
      <c r="PQB657" s="613"/>
      <c r="PQC657" s="613"/>
      <c r="PQD657" s="613"/>
      <c r="PQE657" s="613"/>
      <c r="PQF657" s="613"/>
      <c r="PQG657" s="613"/>
      <c r="PQH657" s="613"/>
      <c r="PQI657" s="613"/>
      <c r="PQJ657" s="613"/>
      <c r="PQK657" s="613"/>
      <c r="PQL657" s="613"/>
      <c r="PQM657" s="613"/>
      <c r="PQN657" s="613"/>
      <c r="PQO657" s="613"/>
      <c r="PQP657" s="613"/>
      <c r="PQQ657" s="613"/>
      <c r="PQR657" s="613"/>
      <c r="PQS657" s="613"/>
      <c r="PQT657" s="613"/>
      <c r="PQU657" s="613"/>
      <c r="PQV657" s="613"/>
      <c r="PQW657" s="613"/>
      <c r="PQX657" s="613"/>
      <c r="PQY657" s="613"/>
      <c r="PQZ657" s="613"/>
      <c r="PRA657" s="613"/>
      <c r="PRB657" s="613"/>
      <c r="PRC657" s="613"/>
      <c r="PRD657" s="613"/>
      <c r="PRE657" s="613"/>
      <c r="PRF657" s="613"/>
      <c r="PRG657" s="613"/>
      <c r="PRH657" s="613"/>
      <c r="PRI657" s="613"/>
      <c r="PRJ657" s="613"/>
      <c r="PRK657" s="613"/>
      <c r="PRL657" s="613"/>
      <c r="PRM657" s="613"/>
      <c r="PRN657" s="613"/>
      <c r="PRO657" s="613"/>
      <c r="PRP657" s="613"/>
      <c r="PRQ657" s="613"/>
      <c r="PRR657" s="613"/>
      <c r="PRS657" s="613"/>
      <c r="PRT657" s="613"/>
      <c r="PRU657" s="613"/>
      <c r="PRV657" s="613"/>
      <c r="PRW657" s="613"/>
      <c r="PRX657" s="613"/>
      <c r="PRY657" s="613"/>
      <c r="PRZ657" s="613"/>
      <c r="PSA657" s="613"/>
      <c r="PSB657" s="613"/>
      <c r="PSC657" s="613"/>
      <c r="PSD657" s="613"/>
      <c r="PSE657" s="613"/>
      <c r="PSF657" s="613"/>
      <c r="PSG657" s="613"/>
      <c r="PSH657" s="613"/>
      <c r="PSI657" s="613"/>
      <c r="PSJ657" s="613"/>
      <c r="PSK657" s="613"/>
      <c r="PSL657" s="613"/>
      <c r="PSM657" s="613"/>
      <c r="PSN657" s="613"/>
      <c r="PSO657" s="613"/>
      <c r="PSP657" s="613"/>
      <c r="PSQ657" s="613"/>
      <c r="PSR657" s="613"/>
      <c r="PSS657" s="613"/>
      <c r="PST657" s="613"/>
      <c r="PSU657" s="613"/>
      <c r="PSV657" s="613"/>
      <c r="PSW657" s="613"/>
      <c r="PSX657" s="613"/>
      <c r="PSY657" s="613"/>
      <c r="PSZ657" s="613"/>
      <c r="PTA657" s="613"/>
      <c r="PTB657" s="613"/>
      <c r="PTC657" s="613"/>
      <c r="PTD657" s="613"/>
      <c r="PTE657" s="613"/>
      <c r="PTF657" s="613"/>
      <c r="PTG657" s="613"/>
      <c r="PTH657" s="613"/>
      <c r="PTI657" s="613"/>
      <c r="PTJ657" s="613"/>
      <c r="PTK657" s="613"/>
      <c r="PTL657" s="613"/>
      <c r="PTM657" s="613"/>
      <c r="PTN657" s="613"/>
      <c r="PTO657" s="613"/>
      <c r="PTP657" s="613"/>
      <c r="PTQ657" s="613"/>
      <c r="PTR657" s="613"/>
      <c r="PTS657" s="613"/>
      <c r="PTT657" s="613"/>
      <c r="PTU657" s="613"/>
      <c r="PTV657" s="613"/>
      <c r="PTW657" s="613"/>
      <c r="PTX657" s="613"/>
      <c r="PTY657" s="613"/>
      <c r="PTZ657" s="613"/>
      <c r="PUA657" s="613"/>
      <c r="PUB657" s="613"/>
      <c r="PUC657" s="613"/>
      <c r="PUD657" s="613"/>
      <c r="PUE657" s="613"/>
      <c r="PUF657" s="613"/>
      <c r="PUG657" s="613"/>
      <c r="PUH657" s="613"/>
      <c r="PUI657" s="613"/>
      <c r="PUJ657" s="613"/>
      <c r="PUK657" s="613"/>
      <c r="PUL657" s="613"/>
      <c r="PUM657" s="613"/>
      <c r="PUN657" s="613"/>
      <c r="PUO657" s="613"/>
      <c r="PUP657" s="613"/>
      <c r="PUQ657" s="613"/>
      <c r="PUR657" s="613"/>
      <c r="PUS657" s="613"/>
      <c r="PUT657" s="613"/>
      <c r="PUU657" s="613"/>
      <c r="PUV657" s="613"/>
      <c r="PUW657" s="613"/>
      <c r="PUX657" s="613"/>
      <c r="PUY657" s="613"/>
      <c r="PUZ657" s="613"/>
      <c r="PVA657" s="613"/>
      <c r="PVB657" s="613"/>
      <c r="PVC657" s="613"/>
      <c r="PVD657" s="613"/>
      <c r="PVE657" s="613"/>
      <c r="PVF657" s="613"/>
      <c r="PVG657" s="613"/>
      <c r="PVH657" s="613"/>
      <c r="PVI657" s="613"/>
      <c r="PVJ657" s="613"/>
      <c r="PVK657" s="613"/>
      <c r="PVL657" s="613"/>
      <c r="PVM657" s="613"/>
      <c r="PVN657" s="613"/>
      <c r="PVO657" s="613"/>
      <c r="PVP657" s="613"/>
      <c r="PVQ657" s="613"/>
      <c r="PVR657" s="613"/>
      <c r="PVS657" s="613"/>
      <c r="PVT657" s="613"/>
      <c r="PVU657" s="613"/>
      <c r="PVV657" s="613"/>
      <c r="PVW657" s="613"/>
      <c r="PVX657" s="613"/>
      <c r="PVY657" s="613"/>
      <c r="PVZ657" s="613"/>
      <c r="PWA657" s="613"/>
      <c r="PWB657" s="613"/>
      <c r="PWC657" s="613"/>
      <c r="PWD657" s="613"/>
      <c r="PWE657" s="613"/>
      <c r="PWF657" s="613"/>
      <c r="PWG657" s="613"/>
      <c r="PWH657" s="613"/>
      <c r="PWI657" s="613"/>
      <c r="PWJ657" s="613"/>
      <c r="PWK657" s="613"/>
      <c r="PWL657" s="613"/>
      <c r="PWM657" s="613"/>
      <c r="PWN657" s="613"/>
      <c r="PWO657" s="613"/>
      <c r="PWP657" s="613"/>
      <c r="PWQ657" s="613"/>
      <c r="PWR657" s="613"/>
      <c r="PWS657" s="613"/>
      <c r="PWT657" s="613"/>
      <c r="PWU657" s="613"/>
      <c r="PWV657" s="613"/>
      <c r="PWW657" s="613"/>
      <c r="PWX657" s="613"/>
      <c r="PWY657" s="613"/>
      <c r="PWZ657" s="613"/>
      <c r="PXA657" s="613"/>
      <c r="PXB657" s="613"/>
      <c r="PXC657" s="613"/>
      <c r="PXD657" s="613"/>
      <c r="PXE657" s="613"/>
      <c r="PXF657" s="613"/>
      <c r="PXG657" s="613"/>
      <c r="PXH657" s="613"/>
      <c r="PXI657" s="613"/>
      <c r="PXJ657" s="613"/>
      <c r="PXK657" s="613"/>
      <c r="PXL657" s="613"/>
      <c r="PXM657" s="613"/>
      <c r="PXN657" s="613"/>
      <c r="PXO657" s="613"/>
      <c r="PXP657" s="613"/>
      <c r="PXQ657" s="613"/>
      <c r="PXR657" s="613"/>
      <c r="PXS657" s="613"/>
      <c r="PXT657" s="613"/>
      <c r="PXU657" s="613"/>
      <c r="PXV657" s="613"/>
      <c r="PXW657" s="613"/>
      <c r="PXX657" s="613"/>
      <c r="PXY657" s="613"/>
      <c r="PXZ657" s="613"/>
      <c r="PYA657" s="613"/>
      <c r="PYB657" s="613"/>
      <c r="PYC657" s="613"/>
      <c r="PYD657" s="613"/>
      <c r="PYE657" s="613"/>
      <c r="PYF657" s="613"/>
      <c r="PYG657" s="613"/>
      <c r="PYH657" s="613"/>
      <c r="PYI657" s="613"/>
      <c r="PYJ657" s="613"/>
      <c r="PYK657" s="613"/>
      <c r="PYL657" s="613"/>
      <c r="PYM657" s="613"/>
      <c r="PYN657" s="613"/>
      <c r="PYO657" s="613"/>
      <c r="PYP657" s="613"/>
      <c r="PYQ657" s="613"/>
      <c r="PYR657" s="613"/>
      <c r="PYS657" s="613"/>
      <c r="PYT657" s="613"/>
      <c r="PYU657" s="613"/>
      <c r="PYV657" s="613"/>
      <c r="PYW657" s="613"/>
      <c r="PYX657" s="613"/>
      <c r="PYY657" s="613"/>
      <c r="PYZ657" s="613"/>
      <c r="PZA657" s="613"/>
      <c r="PZB657" s="613"/>
      <c r="PZC657" s="613"/>
      <c r="PZD657" s="613"/>
      <c r="PZE657" s="613"/>
      <c r="PZF657" s="613"/>
      <c r="PZG657" s="613"/>
      <c r="PZH657" s="613"/>
      <c r="PZI657" s="613"/>
      <c r="PZJ657" s="613"/>
      <c r="PZK657" s="613"/>
      <c r="PZL657" s="613"/>
      <c r="PZM657" s="613"/>
      <c r="PZN657" s="613"/>
      <c r="PZO657" s="613"/>
      <c r="PZP657" s="613"/>
      <c r="PZQ657" s="613"/>
      <c r="PZR657" s="613"/>
      <c r="PZS657" s="613"/>
      <c r="PZT657" s="613"/>
      <c r="PZU657" s="613"/>
      <c r="PZV657" s="613"/>
      <c r="PZW657" s="613"/>
      <c r="PZX657" s="613"/>
      <c r="PZY657" s="613"/>
      <c r="PZZ657" s="613"/>
      <c r="QAA657" s="613"/>
      <c r="QAB657" s="613"/>
      <c r="QAC657" s="613"/>
      <c r="QAD657" s="613"/>
      <c r="QAE657" s="613"/>
      <c r="QAF657" s="613"/>
      <c r="QAG657" s="613"/>
      <c r="QAH657" s="613"/>
      <c r="QAI657" s="613"/>
      <c r="QAJ657" s="613"/>
      <c r="QAK657" s="613"/>
      <c r="QAL657" s="613"/>
      <c r="QAM657" s="613"/>
      <c r="QAN657" s="613"/>
      <c r="QAO657" s="613"/>
      <c r="QAP657" s="613"/>
      <c r="QAQ657" s="613"/>
      <c r="QAR657" s="613"/>
      <c r="QAS657" s="613"/>
      <c r="QAT657" s="613"/>
      <c r="QAU657" s="613"/>
      <c r="QAV657" s="613"/>
      <c r="QAW657" s="613"/>
      <c r="QAX657" s="613"/>
      <c r="QAY657" s="613"/>
      <c r="QAZ657" s="613"/>
      <c r="QBA657" s="613"/>
      <c r="QBB657" s="613"/>
      <c r="QBC657" s="613"/>
      <c r="QBD657" s="613"/>
      <c r="QBE657" s="613"/>
      <c r="QBF657" s="613"/>
      <c r="QBG657" s="613"/>
      <c r="QBH657" s="613"/>
      <c r="QBI657" s="613"/>
      <c r="QBJ657" s="613"/>
      <c r="QBK657" s="613"/>
      <c r="QBL657" s="613"/>
      <c r="QBM657" s="613"/>
      <c r="QBN657" s="613"/>
      <c r="QBO657" s="613"/>
      <c r="QBP657" s="613"/>
      <c r="QBQ657" s="613"/>
      <c r="QBR657" s="613"/>
      <c r="QBS657" s="613"/>
      <c r="QBT657" s="613"/>
      <c r="QBU657" s="613"/>
      <c r="QBV657" s="613"/>
      <c r="QBW657" s="613"/>
      <c r="QBX657" s="613"/>
      <c r="QBY657" s="613"/>
      <c r="QBZ657" s="613"/>
      <c r="QCA657" s="613"/>
      <c r="QCB657" s="613"/>
      <c r="QCC657" s="613"/>
      <c r="QCD657" s="613"/>
      <c r="QCE657" s="613"/>
      <c r="QCF657" s="613"/>
      <c r="QCG657" s="613"/>
      <c r="QCH657" s="613"/>
      <c r="QCI657" s="613"/>
      <c r="QCJ657" s="613"/>
      <c r="QCK657" s="613"/>
      <c r="QCL657" s="613"/>
      <c r="QCM657" s="613"/>
      <c r="QCN657" s="613"/>
      <c r="QCO657" s="613"/>
      <c r="QCP657" s="613"/>
      <c r="QCQ657" s="613"/>
      <c r="QCR657" s="613"/>
      <c r="QCS657" s="613"/>
      <c r="QCT657" s="613"/>
      <c r="QCU657" s="613"/>
      <c r="QCV657" s="613"/>
      <c r="QCW657" s="613"/>
      <c r="QCX657" s="613"/>
      <c r="QCY657" s="613"/>
      <c r="QCZ657" s="613"/>
      <c r="QDA657" s="613"/>
      <c r="QDB657" s="613"/>
      <c r="QDC657" s="613"/>
      <c r="QDD657" s="613"/>
      <c r="QDE657" s="613"/>
      <c r="QDF657" s="613"/>
      <c r="QDG657" s="613"/>
      <c r="QDH657" s="613"/>
      <c r="QDI657" s="613"/>
      <c r="QDJ657" s="613"/>
      <c r="QDK657" s="613"/>
      <c r="QDL657" s="613"/>
      <c r="QDM657" s="613"/>
      <c r="QDN657" s="613"/>
      <c r="QDO657" s="613"/>
      <c r="QDP657" s="613"/>
      <c r="QDQ657" s="613"/>
      <c r="QDR657" s="613"/>
      <c r="QDS657" s="613"/>
      <c r="QDT657" s="613"/>
      <c r="QDU657" s="613"/>
      <c r="QDV657" s="613"/>
      <c r="QDW657" s="613"/>
      <c r="QDX657" s="613"/>
      <c r="QDY657" s="613"/>
      <c r="QDZ657" s="613"/>
      <c r="QEA657" s="613"/>
      <c r="QEB657" s="613"/>
      <c r="QEC657" s="613"/>
      <c r="QED657" s="613"/>
      <c r="QEE657" s="613"/>
      <c r="QEF657" s="613"/>
      <c r="QEG657" s="613"/>
      <c r="QEH657" s="613"/>
      <c r="QEI657" s="613"/>
      <c r="QEJ657" s="613"/>
      <c r="QEK657" s="613"/>
      <c r="QEL657" s="613"/>
      <c r="QEM657" s="613"/>
      <c r="QEN657" s="613"/>
      <c r="QEO657" s="613"/>
      <c r="QEP657" s="613"/>
      <c r="QEQ657" s="613"/>
      <c r="QER657" s="613"/>
      <c r="QES657" s="613"/>
      <c r="QET657" s="613"/>
      <c r="QEU657" s="613"/>
      <c r="QEV657" s="613"/>
      <c r="QEW657" s="613"/>
      <c r="QEX657" s="613"/>
      <c r="QEY657" s="613"/>
      <c r="QEZ657" s="613"/>
      <c r="QFA657" s="613"/>
      <c r="QFB657" s="613"/>
      <c r="QFC657" s="613"/>
      <c r="QFD657" s="613"/>
      <c r="QFE657" s="613"/>
      <c r="QFF657" s="613"/>
      <c r="QFG657" s="613"/>
      <c r="QFH657" s="613"/>
      <c r="QFI657" s="613"/>
      <c r="QFJ657" s="613"/>
      <c r="QFK657" s="613"/>
      <c r="QFL657" s="613"/>
      <c r="QFM657" s="613"/>
      <c r="QFN657" s="613"/>
      <c r="QFO657" s="613"/>
      <c r="QFP657" s="613"/>
      <c r="QFQ657" s="613"/>
      <c r="QFR657" s="613"/>
      <c r="QFS657" s="613"/>
      <c r="QFT657" s="613"/>
      <c r="QFU657" s="613"/>
      <c r="QFV657" s="613"/>
      <c r="QFW657" s="613"/>
      <c r="QFX657" s="613"/>
      <c r="QFY657" s="613"/>
      <c r="QFZ657" s="613"/>
      <c r="QGA657" s="613"/>
      <c r="QGB657" s="613"/>
      <c r="QGC657" s="613"/>
      <c r="QGD657" s="613"/>
      <c r="QGE657" s="613"/>
      <c r="QGF657" s="613"/>
      <c r="QGG657" s="613"/>
      <c r="QGH657" s="613"/>
      <c r="QGI657" s="613"/>
      <c r="QGJ657" s="613"/>
      <c r="QGK657" s="613"/>
      <c r="QGL657" s="613"/>
      <c r="QGM657" s="613"/>
      <c r="QGN657" s="613"/>
      <c r="QGO657" s="613"/>
      <c r="QGP657" s="613"/>
      <c r="QGQ657" s="613"/>
      <c r="QGR657" s="613"/>
      <c r="QGS657" s="613"/>
      <c r="QGT657" s="613"/>
      <c r="QGU657" s="613"/>
      <c r="QGV657" s="613"/>
      <c r="QGW657" s="613"/>
      <c r="QGX657" s="613"/>
      <c r="QGY657" s="613"/>
      <c r="QGZ657" s="613"/>
      <c r="QHA657" s="613"/>
      <c r="QHB657" s="613"/>
      <c r="QHC657" s="613"/>
      <c r="QHD657" s="613"/>
      <c r="QHE657" s="613"/>
      <c r="QHF657" s="613"/>
      <c r="QHG657" s="613"/>
      <c r="QHH657" s="613"/>
      <c r="QHI657" s="613"/>
      <c r="QHJ657" s="613"/>
      <c r="QHK657" s="613"/>
      <c r="QHL657" s="613"/>
      <c r="QHM657" s="613"/>
      <c r="QHN657" s="613"/>
      <c r="QHO657" s="613"/>
      <c r="QHP657" s="613"/>
      <c r="QHQ657" s="613"/>
      <c r="QHR657" s="613"/>
      <c r="QHS657" s="613"/>
      <c r="QHT657" s="613"/>
      <c r="QHU657" s="613"/>
      <c r="QHV657" s="613"/>
      <c r="QHW657" s="613"/>
      <c r="QHX657" s="613"/>
      <c r="QHY657" s="613"/>
      <c r="QHZ657" s="613"/>
      <c r="QIA657" s="613"/>
      <c r="QIB657" s="613"/>
      <c r="QIC657" s="613"/>
      <c r="QID657" s="613"/>
      <c r="QIE657" s="613"/>
      <c r="QIF657" s="613"/>
      <c r="QIG657" s="613"/>
      <c r="QIH657" s="613"/>
      <c r="QII657" s="613"/>
      <c r="QIJ657" s="613"/>
      <c r="QIK657" s="613"/>
      <c r="QIL657" s="613"/>
      <c r="QIM657" s="613"/>
      <c r="QIN657" s="613"/>
      <c r="QIO657" s="613"/>
      <c r="QIP657" s="613"/>
      <c r="QIQ657" s="613"/>
      <c r="QIR657" s="613"/>
      <c r="QIS657" s="613"/>
      <c r="QIT657" s="613"/>
      <c r="QIU657" s="613"/>
      <c r="QIV657" s="613"/>
      <c r="QIW657" s="613"/>
      <c r="QIX657" s="613"/>
      <c r="QIY657" s="613"/>
      <c r="QIZ657" s="613"/>
      <c r="QJA657" s="613"/>
      <c r="QJB657" s="613"/>
      <c r="QJC657" s="613"/>
      <c r="QJD657" s="613"/>
      <c r="QJE657" s="613"/>
      <c r="QJF657" s="613"/>
      <c r="QJG657" s="613"/>
      <c r="QJH657" s="613"/>
      <c r="QJI657" s="613"/>
      <c r="QJJ657" s="613"/>
      <c r="QJK657" s="613"/>
      <c r="QJL657" s="613"/>
      <c r="QJM657" s="613"/>
      <c r="QJN657" s="613"/>
      <c r="QJO657" s="613"/>
      <c r="QJP657" s="613"/>
      <c r="QJQ657" s="613"/>
      <c r="QJR657" s="613"/>
      <c r="QJS657" s="613"/>
      <c r="QJT657" s="613"/>
      <c r="QJU657" s="613"/>
      <c r="QJV657" s="613"/>
      <c r="QJW657" s="613"/>
      <c r="QJX657" s="613"/>
      <c r="QJY657" s="613"/>
      <c r="QJZ657" s="613"/>
      <c r="QKA657" s="613"/>
      <c r="QKB657" s="613"/>
      <c r="QKC657" s="613"/>
      <c r="QKD657" s="613"/>
      <c r="QKE657" s="613"/>
      <c r="QKF657" s="613"/>
      <c r="QKG657" s="613"/>
      <c r="QKH657" s="613"/>
      <c r="QKI657" s="613"/>
      <c r="QKJ657" s="613"/>
      <c r="QKK657" s="613"/>
      <c r="QKL657" s="613"/>
      <c r="QKM657" s="613"/>
      <c r="QKN657" s="613"/>
      <c r="QKO657" s="613"/>
      <c r="QKP657" s="613"/>
      <c r="QKQ657" s="613"/>
      <c r="QKR657" s="613"/>
      <c r="QKS657" s="613"/>
      <c r="QKT657" s="613"/>
      <c r="QKU657" s="613"/>
      <c r="QKV657" s="613"/>
      <c r="QKW657" s="613"/>
      <c r="QKX657" s="613"/>
      <c r="QKY657" s="613"/>
      <c r="QKZ657" s="613"/>
      <c r="QLA657" s="613"/>
      <c r="QLB657" s="613"/>
      <c r="QLC657" s="613"/>
      <c r="QLD657" s="613"/>
      <c r="QLE657" s="613"/>
      <c r="QLF657" s="613"/>
      <c r="QLG657" s="613"/>
      <c r="QLH657" s="613"/>
      <c r="QLI657" s="613"/>
      <c r="QLJ657" s="613"/>
      <c r="QLK657" s="613"/>
      <c r="QLL657" s="613"/>
      <c r="QLM657" s="613"/>
      <c r="QLN657" s="613"/>
      <c r="QLO657" s="613"/>
      <c r="QLP657" s="613"/>
      <c r="QLQ657" s="613"/>
      <c r="QLR657" s="613"/>
      <c r="QLS657" s="613"/>
      <c r="QLT657" s="613"/>
      <c r="QLU657" s="613"/>
      <c r="QLV657" s="613"/>
      <c r="QLW657" s="613"/>
      <c r="QLX657" s="613"/>
      <c r="QLY657" s="613"/>
      <c r="QLZ657" s="613"/>
      <c r="QMA657" s="613"/>
      <c r="QMB657" s="613"/>
      <c r="QMC657" s="613"/>
      <c r="QMD657" s="613"/>
      <c r="QME657" s="613"/>
      <c r="QMF657" s="613"/>
      <c r="QMG657" s="613"/>
      <c r="QMH657" s="613"/>
      <c r="QMI657" s="613"/>
      <c r="QMJ657" s="613"/>
      <c r="QMK657" s="613"/>
      <c r="QML657" s="613"/>
      <c r="QMM657" s="613"/>
      <c r="QMN657" s="613"/>
      <c r="QMO657" s="613"/>
      <c r="QMP657" s="613"/>
      <c r="QMQ657" s="613"/>
      <c r="QMR657" s="613"/>
      <c r="QMS657" s="613"/>
      <c r="QMT657" s="613"/>
      <c r="QMU657" s="613"/>
      <c r="QMV657" s="613"/>
      <c r="QMW657" s="613"/>
      <c r="QMX657" s="613"/>
      <c r="QMY657" s="613"/>
      <c r="QMZ657" s="613"/>
      <c r="QNA657" s="613"/>
      <c r="QNB657" s="613"/>
      <c r="QNC657" s="613"/>
      <c r="QND657" s="613"/>
      <c r="QNE657" s="613"/>
      <c r="QNF657" s="613"/>
      <c r="QNG657" s="613"/>
      <c r="QNH657" s="613"/>
      <c r="QNI657" s="613"/>
      <c r="QNJ657" s="613"/>
      <c r="QNK657" s="613"/>
      <c r="QNL657" s="613"/>
      <c r="QNM657" s="613"/>
      <c r="QNN657" s="613"/>
      <c r="QNO657" s="613"/>
      <c r="QNP657" s="613"/>
      <c r="QNQ657" s="613"/>
      <c r="QNR657" s="613"/>
      <c r="QNS657" s="613"/>
      <c r="QNT657" s="613"/>
      <c r="QNU657" s="613"/>
      <c r="QNV657" s="613"/>
      <c r="QNW657" s="613"/>
      <c r="QNX657" s="613"/>
      <c r="QNY657" s="613"/>
      <c r="QNZ657" s="613"/>
      <c r="QOA657" s="613"/>
      <c r="QOB657" s="613"/>
      <c r="QOC657" s="613"/>
      <c r="QOD657" s="613"/>
      <c r="QOE657" s="613"/>
      <c r="QOF657" s="613"/>
      <c r="QOG657" s="613"/>
      <c r="QOH657" s="613"/>
      <c r="QOI657" s="613"/>
      <c r="QOJ657" s="613"/>
      <c r="QOK657" s="613"/>
      <c r="QOL657" s="613"/>
      <c r="QOM657" s="613"/>
      <c r="QON657" s="613"/>
      <c r="QOO657" s="613"/>
      <c r="QOP657" s="613"/>
      <c r="QOQ657" s="613"/>
      <c r="QOR657" s="613"/>
      <c r="QOS657" s="613"/>
      <c r="QOT657" s="613"/>
      <c r="QOU657" s="613"/>
      <c r="QOV657" s="613"/>
      <c r="QOW657" s="613"/>
      <c r="QOX657" s="613"/>
      <c r="QOY657" s="613"/>
      <c r="QOZ657" s="613"/>
      <c r="QPA657" s="613"/>
      <c r="QPB657" s="613"/>
      <c r="QPC657" s="613"/>
      <c r="QPD657" s="613"/>
      <c r="QPE657" s="613"/>
      <c r="QPF657" s="613"/>
      <c r="QPG657" s="613"/>
      <c r="QPH657" s="613"/>
      <c r="QPI657" s="613"/>
      <c r="QPJ657" s="613"/>
      <c r="QPK657" s="613"/>
      <c r="QPL657" s="613"/>
      <c r="QPM657" s="613"/>
      <c r="QPN657" s="613"/>
      <c r="QPO657" s="613"/>
      <c r="QPP657" s="613"/>
      <c r="QPQ657" s="613"/>
      <c r="QPR657" s="613"/>
      <c r="QPS657" s="613"/>
      <c r="QPT657" s="613"/>
      <c r="QPU657" s="613"/>
      <c r="QPV657" s="613"/>
      <c r="QPW657" s="613"/>
      <c r="QPX657" s="613"/>
      <c r="QPY657" s="613"/>
      <c r="QPZ657" s="613"/>
      <c r="QQA657" s="613"/>
      <c r="QQB657" s="613"/>
      <c r="QQC657" s="613"/>
      <c r="QQD657" s="613"/>
      <c r="QQE657" s="613"/>
      <c r="QQF657" s="613"/>
      <c r="QQG657" s="613"/>
      <c r="QQH657" s="613"/>
      <c r="QQI657" s="613"/>
      <c r="QQJ657" s="613"/>
      <c r="QQK657" s="613"/>
      <c r="QQL657" s="613"/>
      <c r="QQM657" s="613"/>
      <c r="QQN657" s="613"/>
      <c r="QQO657" s="613"/>
      <c r="QQP657" s="613"/>
      <c r="QQQ657" s="613"/>
      <c r="QQR657" s="613"/>
      <c r="QQS657" s="613"/>
      <c r="QQT657" s="613"/>
      <c r="QQU657" s="613"/>
      <c r="QQV657" s="613"/>
      <c r="QQW657" s="613"/>
      <c r="QQX657" s="613"/>
      <c r="QQY657" s="613"/>
      <c r="QQZ657" s="613"/>
      <c r="QRA657" s="613"/>
      <c r="QRB657" s="613"/>
      <c r="QRC657" s="613"/>
      <c r="QRD657" s="613"/>
      <c r="QRE657" s="613"/>
      <c r="QRF657" s="613"/>
      <c r="QRG657" s="613"/>
      <c r="QRH657" s="613"/>
      <c r="QRI657" s="613"/>
      <c r="QRJ657" s="613"/>
      <c r="QRK657" s="613"/>
      <c r="QRL657" s="613"/>
      <c r="QRM657" s="613"/>
      <c r="QRN657" s="613"/>
      <c r="QRO657" s="613"/>
      <c r="QRP657" s="613"/>
      <c r="QRQ657" s="613"/>
      <c r="QRR657" s="613"/>
      <c r="QRS657" s="613"/>
      <c r="QRT657" s="613"/>
      <c r="QRU657" s="613"/>
      <c r="QRV657" s="613"/>
      <c r="QRW657" s="613"/>
      <c r="QRX657" s="613"/>
      <c r="QRY657" s="613"/>
      <c r="QRZ657" s="613"/>
      <c r="QSA657" s="613"/>
      <c r="QSB657" s="613"/>
      <c r="QSC657" s="613"/>
      <c r="QSD657" s="613"/>
      <c r="QSE657" s="613"/>
      <c r="QSF657" s="613"/>
      <c r="QSG657" s="613"/>
      <c r="QSH657" s="613"/>
      <c r="QSI657" s="613"/>
      <c r="QSJ657" s="613"/>
      <c r="QSK657" s="613"/>
      <c r="QSL657" s="613"/>
      <c r="QSM657" s="613"/>
      <c r="QSN657" s="613"/>
      <c r="QSO657" s="613"/>
      <c r="QSP657" s="613"/>
      <c r="QSQ657" s="613"/>
      <c r="QSR657" s="613"/>
      <c r="QSS657" s="613"/>
      <c r="QST657" s="613"/>
      <c r="QSU657" s="613"/>
      <c r="QSV657" s="613"/>
      <c r="QSW657" s="613"/>
      <c r="QSX657" s="613"/>
      <c r="QSY657" s="613"/>
      <c r="QSZ657" s="613"/>
      <c r="QTA657" s="613"/>
      <c r="QTB657" s="613"/>
      <c r="QTC657" s="613"/>
      <c r="QTD657" s="613"/>
      <c r="QTE657" s="613"/>
      <c r="QTF657" s="613"/>
      <c r="QTG657" s="613"/>
      <c r="QTH657" s="613"/>
      <c r="QTI657" s="613"/>
      <c r="QTJ657" s="613"/>
      <c r="QTK657" s="613"/>
      <c r="QTL657" s="613"/>
      <c r="QTM657" s="613"/>
      <c r="QTN657" s="613"/>
      <c r="QTO657" s="613"/>
      <c r="QTP657" s="613"/>
      <c r="QTQ657" s="613"/>
      <c r="QTR657" s="613"/>
      <c r="QTS657" s="613"/>
      <c r="QTT657" s="613"/>
      <c r="QTU657" s="613"/>
      <c r="QTV657" s="613"/>
      <c r="QTW657" s="613"/>
      <c r="QTX657" s="613"/>
      <c r="QTY657" s="613"/>
      <c r="QTZ657" s="613"/>
      <c r="QUA657" s="613"/>
      <c r="QUB657" s="613"/>
      <c r="QUC657" s="613"/>
      <c r="QUD657" s="613"/>
      <c r="QUE657" s="613"/>
      <c r="QUF657" s="613"/>
      <c r="QUG657" s="613"/>
      <c r="QUH657" s="613"/>
      <c r="QUI657" s="613"/>
      <c r="QUJ657" s="613"/>
      <c r="QUK657" s="613"/>
      <c r="QUL657" s="613"/>
      <c r="QUM657" s="613"/>
      <c r="QUN657" s="613"/>
      <c r="QUO657" s="613"/>
      <c r="QUP657" s="613"/>
      <c r="QUQ657" s="613"/>
      <c r="QUR657" s="613"/>
      <c r="QUS657" s="613"/>
      <c r="QUT657" s="613"/>
      <c r="QUU657" s="613"/>
      <c r="QUV657" s="613"/>
      <c r="QUW657" s="613"/>
      <c r="QUX657" s="613"/>
      <c r="QUY657" s="613"/>
      <c r="QUZ657" s="613"/>
      <c r="QVA657" s="613"/>
      <c r="QVB657" s="613"/>
      <c r="QVC657" s="613"/>
      <c r="QVD657" s="613"/>
      <c r="QVE657" s="613"/>
      <c r="QVF657" s="613"/>
      <c r="QVG657" s="613"/>
      <c r="QVH657" s="613"/>
      <c r="QVI657" s="613"/>
      <c r="QVJ657" s="613"/>
      <c r="QVK657" s="613"/>
      <c r="QVL657" s="613"/>
      <c r="QVM657" s="613"/>
      <c r="QVN657" s="613"/>
      <c r="QVO657" s="613"/>
      <c r="QVP657" s="613"/>
      <c r="QVQ657" s="613"/>
      <c r="QVR657" s="613"/>
      <c r="QVS657" s="613"/>
      <c r="QVT657" s="613"/>
      <c r="QVU657" s="613"/>
      <c r="QVV657" s="613"/>
      <c r="QVW657" s="613"/>
      <c r="QVX657" s="613"/>
      <c r="QVY657" s="613"/>
      <c r="QVZ657" s="613"/>
      <c r="QWA657" s="613"/>
      <c r="QWB657" s="613"/>
      <c r="QWC657" s="613"/>
      <c r="QWD657" s="613"/>
      <c r="QWE657" s="613"/>
      <c r="QWF657" s="613"/>
      <c r="QWG657" s="613"/>
      <c r="QWH657" s="613"/>
      <c r="QWI657" s="613"/>
      <c r="QWJ657" s="613"/>
      <c r="QWK657" s="613"/>
      <c r="QWL657" s="613"/>
      <c r="QWM657" s="613"/>
      <c r="QWN657" s="613"/>
      <c r="QWO657" s="613"/>
      <c r="QWP657" s="613"/>
      <c r="QWQ657" s="613"/>
      <c r="QWR657" s="613"/>
      <c r="QWS657" s="613"/>
      <c r="QWT657" s="613"/>
      <c r="QWU657" s="613"/>
      <c r="QWV657" s="613"/>
      <c r="QWW657" s="613"/>
      <c r="QWX657" s="613"/>
      <c r="QWY657" s="613"/>
      <c r="QWZ657" s="613"/>
      <c r="QXA657" s="613"/>
      <c r="QXB657" s="613"/>
      <c r="QXC657" s="613"/>
      <c r="QXD657" s="613"/>
      <c r="QXE657" s="613"/>
      <c r="QXF657" s="613"/>
      <c r="QXG657" s="613"/>
      <c r="QXH657" s="613"/>
      <c r="QXI657" s="613"/>
      <c r="QXJ657" s="613"/>
      <c r="QXK657" s="613"/>
      <c r="QXL657" s="613"/>
      <c r="QXM657" s="613"/>
      <c r="QXN657" s="613"/>
      <c r="QXO657" s="613"/>
      <c r="QXP657" s="613"/>
      <c r="QXQ657" s="613"/>
      <c r="QXR657" s="613"/>
      <c r="QXS657" s="613"/>
      <c r="QXT657" s="613"/>
      <c r="QXU657" s="613"/>
      <c r="QXV657" s="613"/>
      <c r="QXW657" s="613"/>
      <c r="QXX657" s="613"/>
      <c r="QXY657" s="613"/>
      <c r="QXZ657" s="613"/>
      <c r="QYA657" s="613"/>
      <c r="QYB657" s="613"/>
      <c r="QYC657" s="613"/>
      <c r="QYD657" s="613"/>
      <c r="QYE657" s="613"/>
      <c r="QYF657" s="613"/>
      <c r="QYG657" s="613"/>
      <c r="QYH657" s="613"/>
      <c r="QYI657" s="613"/>
      <c r="QYJ657" s="613"/>
      <c r="QYK657" s="613"/>
      <c r="QYL657" s="613"/>
      <c r="QYM657" s="613"/>
      <c r="QYN657" s="613"/>
      <c r="QYO657" s="613"/>
      <c r="QYP657" s="613"/>
      <c r="QYQ657" s="613"/>
      <c r="QYR657" s="613"/>
      <c r="QYS657" s="613"/>
      <c r="QYT657" s="613"/>
      <c r="QYU657" s="613"/>
      <c r="QYV657" s="613"/>
      <c r="QYW657" s="613"/>
      <c r="QYX657" s="613"/>
      <c r="QYY657" s="613"/>
      <c r="QYZ657" s="613"/>
      <c r="QZA657" s="613"/>
      <c r="QZB657" s="613"/>
      <c r="QZC657" s="613"/>
      <c r="QZD657" s="613"/>
      <c r="QZE657" s="613"/>
      <c r="QZF657" s="613"/>
      <c r="QZG657" s="613"/>
      <c r="QZH657" s="613"/>
      <c r="QZI657" s="613"/>
      <c r="QZJ657" s="613"/>
      <c r="QZK657" s="613"/>
      <c r="QZL657" s="613"/>
      <c r="QZM657" s="613"/>
      <c r="QZN657" s="613"/>
      <c r="QZO657" s="613"/>
      <c r="QZP657" s="613"/>
      <c r="QZQ657" s="613"/>
      <c r="QZR657" s="613"/>
      <c r="QZS657" s="613"/>
      <c r="QZT657" s="613"/>
      <c r="QZU657" s="613"/>
      <c r="QZV657" s="613"/>
      <c r="QZW657" s="613"/>
      <c r="QZX657" s="613"/>
      <c r="QZY657" s="613"/>
      <c r="QZZ657" s="613"/>
      <c r="RAA657" s="613"/>
      <c r="RAB657" s="613"/>
      <c r="RAC657" s="613"/>
      <c r="RAD657" s="613"/>
      <c r="RAE657" s="613"/>
      <c r="RAF657" s="613"/>
      <c r="RAG657" s="613"/>
      <c r="RAH657" s="613"/>
      <c r="RAI657" s="613"/>
      <c r="RAJ657" s="613"/>
      <c r="RAK657" s="613"/>
      <c r="RAL657" s="613"/>
      <c r="RAM657" s="613"/>
      <c r="RAN657" s="613"/>
      <c r="RAO657" s="613"/>
      <c r="RAP657" s="613"/>
      <c r="RAQ657" s="613"/>
      <c r="RAR657" s="613"/>
      <c r="RAS657" s="613"/>
      <c r="RAT657" s="613"/>
      <c r="RAU657" s="613"/>
      <c r="RAV657" s="613"/>
      <c r="RAW657" s="613"/>
      <c r="RAX657" s="613"/>
      <c r="RAY657" s="613"/>
      <c r="RAZ657" s="613"/>
      <c r="RBA657" s="613"/>
      <c r="RBB657" s="613"/>
      <c r="RBC657" s="613"/>
      <c r="RBD657" s="613"/>
      <c r="RBE657" s="613"/>
      <c r="RBF657" s="613"/>
      <c r="RBG657" s="613"/>
      <c r="RBH657" s="613"/>
      <c r="RBI657" s="613"/>
      <c r="RBJ657" s="613"/>
      <c r="RBK657" s="613"/>
      <c r="RBL657" s="613"/>
      <c r="RBM657" s="613"/>
      <c r="RBN657" s="613"/>
      <c r="RBO657" s="613"/>
      <c r="RBP657" s="613"/>
      <c r="RBQ657" s="613"/>
      <c r="RBR657" s="613"/>
      <c r="RBS657" s="613"/>
      <c r="RBT657" s="613"/>
      <c r="RBU657" s="613"/>
      <c r="RBV657" s="613"/>
      <c r="RBW657" s="613"/>
      <c r="RBX657" s="613"/>
      <c r="RBY657" s="613"/>
      <c r="RBZ657" s="613"/>
      <c r="RCA657" s="613"/>
      <c r="RCB657" s="613"/>
      <c r="RCC657" s="613"/>
      <c r="RCD657" s="613"/>
      <c r="RCE657" s="613"/>
      <c r="RCF657" s="613"/>
      <c r="RCG657" s="613"/>
      <c r="RCH657" s="613"/>
      <c r="RCI657" s="613"/>
      <c r="RCJ657" s="613"/>
      <c r="RCK657" s="613"/>
      <c r="RCL657" s="613"/>
      <c r="RCM657" s="613"/>
      <c r="RCN657" s="613"/>
      <c r="RCO657" s="613"/>
      <c r="RCP657" s="613"/>
      <c r="RCQ657" s="613"/>
      <c r="RCR657" s="613"/>
      <c r="RCS657" s="613"/>
      <c r="RCT657" s="613"/>
      <c r="RCU657" s="613"/>
      <c r="RCV657" s="613"/>
      <c r="RCW657" s="613"/>
      <c r="RCX657" s="613"/>
      <c r="RCY657" s="613"/>
      <c r="RCZ657" s="613"/>
      <c r="RDA657" s="613"/>
      <c r="RDB657" s="613"/>
      <c r="RDC657" s="613"/>
      <c r="RDD657" s="613"/>
      <c r="RDE657" s="613"/>
      <c r="RDF657" s="613"/>
      <c r="RDG657" s="613"/>
      <c r="RDH657" s="613"/>
      <c r="RDI657" s="613"/>
      <c r="RDJ657" s="613"/>
      <c r="RDK657" s="613"/>
      <c r="RDL657" s="613"/>
      <c r="RDM657" s="613"/>
      <c r="RDN657" s="613"/>
      <c r="RDO657" s="613"/>
      <c r="RDP657" s="613"/>
      <c r="RDQ657" s="613"/>
      <c r="RDR657" s="613"/>
      <c r="RDS657" s="613"/>
      <c r="RDT657" s="613"/>
      <c r="RDU657" s="613"/>
      <c r="RDV657" s="613"/>
      <c r="RDW657" s="613"/>
      <c r="RDX657" s="613"/>
      <c r="RDY657" s="613"/>
      <c r="RDZ657" s="613"/>
      <c r="REA657" s="613"/>
      <c r="REB657" s="613"/>
      <c r="REC657" s="613"/>
      <c r="RED657" s="613"/>
      <c r="REE657" s="613"/>
      <c r="REF657" s="613"/>
      <c r="REG657" s="613"/>
      <c r="REH657" s="613"/>
      <c r="REI657" s="613"/>
      <c r="REJ657" s="613"/>
      <c r="REK657" s="613"/>
      <c r="REL657" s="613"/>
      <c r="REM657" s="613"/>
      <c r="REN657" s="613"/>
      <c r="REO657" s="613"/>
      <c r="REP657" s="613"/>
      <c r="REQ657" s="613"/>
      <c r="RER657" s="613"/>
      <c r="RES657" s="613"/>
      <c r="RET657" s="613"/>
      <c r="REU657" s="613"/>
      <c r="REV657" s="613"/>
      <c r="REW657" s="613"/>
      <c r="REX657" s="613"/>
      <c r="REY657" s="613"/>
      <c r="REZ657" s="613"/>
      <c r="RFA657" s="613"/>
      <c r="RFB657" s="613"/>
      <c r="RFC657" s="613"/>
      <c r="RFD657" s="613"/>
      <c r="RFE657" s="613"/>
      <c r="RFF657" s="613"/>
      <c r="RFG657" s="613"/>
      <c r="RFH657" s="613"/>
      <c r="RFI657" s="613"/>
      <c r="RFJ657" s="613"/>
      <c r="RFK657" s="613"/>
      <c r="RFL657" s="613"/>
      <c r="RFM657" s="613"/>
      <c r="RFN657" s="613"/>
      <c r="RFO657" s="613"/>
      <c r="RFP657" s="613"/>
      <c r="RFQ657" s="613"/>
      <c r="RFR657" s="613"/>
      <c r="RFS657" s="613"/>
      <c r="RFT657" s="613"/>
      <c r="RFU657" s="613"/>
      <c r="RFV657" s="613"/>
      <c r="RFW657" s="613"/>
      <c r="RFX657" s="613"/>
      <c r="RFY657" s="613"/>
      <c r="RFZ657" s="613"/>
      <c r="RGA657" s="613"/>
      <c r="RGB657" s="613"/>
      <c r="RGC657" s="613"/>
      <c r="RGD657" s="613"/>
      <c r="RGE657" s="613"/>
      <c r="RGF657" s="613"/>
      <c r="RGG657" s="613"/>
      <c r="RGH657" s="613"/>
      <c r="RGI657" s="613"/>
      <c r="RGJ657" s="613"/>
      <c r="RGK657" s="613"/>
      <c r="RGL657" s="613"/>
      <c r="RGM657" s="613"/>
      <c r="RGN657" s="613"/>
      <c r="RGO657" s="613"/>
      <c r="RGP657" s="613"/>
      <c r="RGQ657" s="613"/>
      <c r="RGR657" s="613"/>
      <c r="RGS657" s="613"/>
      <c r="RGT657" s="613"/>
      <c r="RGU657" s="613"/>
      <c r="RGV657" s="613"/>
      <c r="RGW657" s="613"/>
      <c r="RGX657" s="613"/>
      <c r="RGY657" s="613"/>
      <c r="RGZ657" s="613"/>
      <c r="RHA657" s="613"/>
      <c r="RHB657" s="613"/>
      <c r="RHC657" s="613"/>
      <c r="RHD657" s="613"/>
      <c r="RHE657" s="613"/>
      <c r="RHF657" s="613"/>
      <c r="RHG657" s="613"/>
      <c r="RHH657" s="613"/>
      <c r="RHI657" s="613"/>
      <c r="RHJ657" s="613"/>
      <c r="RHK657" s="613"/>
      <c r="RHL657" s="613"/>
      <c r="RHM657" s="613"/>
      <c r="RHN657" s="613"/>
      <c r="RHO657" s="613"/>
      <c r="RHP657" s="613"/>
      <c r="RHQ657" s="613"/>
      <c r="RHR657" s="613"/>
      <c r="RHS657" s="613"/>
      <c r="RHT657" s="613"/>
      <c r="RHU657" s="613"/>
      <c r="RHV657" s="613"/>
      <c r="RHW657" s="613"/>
      <c r="RHX657" s="613"/>
      <c r="RHY657" s="613"/>
      <c r="RHZ657" s="613"/>
      <c r="RIA657" s="613"/>
      <c r="RIB657" s="613"/>
      <c r="RIC657" s="613"/>
      <c r="RID657" s="613"/>
      <c r="RIE657" s="613"/>
      <c r="RIF657" s="613"/>
      <c r="RIG657" s="613"/>
      <c r="RIH657" s="613"/>
      <c r="RII657" s="613"/>
      <c r="RIJ657" s="613"/>
      <c r="RIK657" s="613"/>
      <c r="RIL657" s="613"/>
      <c r="RIM657" s="613"/>
      <c r="RIN657" s="613"/>
      <c r="RIO657" s="613"/>
      <c r="RIP657" s="613"/>
      <c r="RIQ657" s="613"/>
      <c r="RIR657" s="613"/>
      <c r="RIS657" s="613"/>
      <c r="RIT657" s="613"/>
      <c r="RIU657" s="613"/>
      <c r="RIV657" s="613"/>
      <c r="RIW657" s="613"/>
      <c r="RIX657" s="613"/>
      <c r="RIY657" s="613"/>
      <c r="RIZ657" s="613"/>
      <c r="RJA657" s="613"/>
      <c r="RJB657" s="613"/>
      <c r="RJC657" s="613"/>
      <c r="RJD657" s="613"/>
      <c r="RJE657" s="613"/>
      <c r="RJF657" s="613"/>
      <c r="RJG657" s="613"/>
      <c r="RJH657" s="613"/>
      <c r="RJI657" s="613"/>
      <c r="RJJ657" s="613"/>
      <c r="RJK657" s="613"/>
      <c r="RJL657" s="613"/>
      <c r="RJM657" s="613"/>
      <c r="RJN657" s="613"/>
      <c r="RJO657" s="613"/>
      <c r="RJP657" s="613"/>
      <c r="RJQ657" s="613"/>
      <c r="RJR657" s="613"/>
      <c r="RJS657" s="613"/>
      <c r="RJT657" s="613"/>
      <c r="RJU657" s="613"/>
      <c r="RJV657" s="613"/>
      <c r="RJW657" s="613"/>
      <c r="RJX657" s="613"/>
      <c r="RJY657" s="613"/>
      <c r="RJZ657" s="613"/>
      <c r="RKA657" s="613"/>
      <c r="RKB657" s="613"/>
      <c r="RKC657" s="613"/>
      <c r="RKD657" s="613"/>
      <c r="RKE657" s="613"/>
      <c r="RKF657" s="613"/>
      <c r="RKG657" s="613"/>
      <c r="RKH657" s="613"/>
      <c r="RKI657" s="613"/>
      <c r="RKJ657" s="613"/>
      <c r="RKK657" s="613"/>
      <c r="RKL657" s="613"/>
      <c r="RKM657" s="613"/>
      <c r="RKN657" s="613"/>
      <c r="RKO657" s="613"/>
      <c r="RKP657" s="613"/>
      <c r="RKQ657" s="613"/>
      <c r="RKR657" s="613"/>
      <c r="RKS657" s="613"/>
      <c r="RKT657" s="613"/>
      <c r="RKU657" s="613"/>
      <c r="RKV657" s="613"/>
      <c r="RKW657" s="613"/>
      <c r="RKX657" s="613"/>
      <c r="RKY657" s="613"/>
      <c r="RKZ657" s="613"/>
      <c r="RLA657" s="613"/>
      <c r="RLB657" s="613"/>
      <c r="RLC657" s="613"/>
      <c r="RLD657" s="613"/>
      <c r="RLE657" s="613"/>
      <c r="RLF657" s="613"/>
      <c r="RLG657" s="613"/>
      <c r="RLH657" s="613"/>
      <c r="RLI657" s="613"/>
      <c r="RLJ657" s="613"/>
      <c r="RLK657" s="613"/>
      <c r="RLL657" s="613"/>
      <c r="RLM657" s="613"/>
      <c r="RLN657" s="613"/>
      <c r="RLO657" s="613"/>
      <c r="RLP657" s="613"/>
      <c r="RLQ657" s="613"/>
      <c r="RLR657" s="613"/>
      <c r="RLS657" s="613"/>
      <c r="RLT657" s="613"/>
      <c r="RLU657" s="613"/>
      <c r="RLV657" s="613"/>
      <c r="RLW657" s="613"/>
      <c r="RLX657" s="613"/>
      <c r="RLY657" s="613"/>
      <c r="RLZ657" s="613"/>
      <c r="RMA657" s="613"/>
      <c r="RMB657" s="613"/>
      <c r="RMC657" s="613"/>
      <c r="RMD657" s="613"/>
      <c r="RME657" s="613"/>
      <c r="RMF657" s="613"/>
      <c r="RMG657" s="613"/>
      <c r="RMH657" s="613"/>
      <c r="RMI657" s="613"/>
      <c r="RMJ657" s="613"/>
      <c r="RMK657" s="613"/>
      <c r="RML657" s="613"/>
      <c r="RMM657" s="613"/>
      <c r="RMN657" s="613"/>
      <c r="RMO657" s="613"/>
      <c r="RMP657" s="613"/>
      <c r="RMQ657" s="613"/>
      <c r="RMR657" s="613"/>
      <c r="RMS657" s="613"/>
      <c r="RMT657" s="613"/>
      <c r="RMU657" s="613"/>
      <c r="RMV657" s="613"/>
      <c r="RMW657" s="613"/>
      <c r="RMX657" s="613"/>
      <c r="RMY657" s="613"/>
      <c r="RMZ657" s="613"/>
      <c r="RNA657" s="613"/>
      <c r="RNB657" s="613"/>
      <c r="RNC657" s="613"/>
      <c r="RND657" s="613"/>
      <c r="RNE657" s="613"/>
      <c r="RNF657" s="613"/>
      <c r="RNG657" s="613"/>
      <c r="RNH657" s="613"/>
      <c r="RNI657" s="613"/>
      <c r="RNJ657" s="613"/>
      <c r="RNK657" s="613"/>
      <c r="RNL657" s="613"/>
      <c r="RNM657" s="613"/>
      <c r="RNN657" s="613"/>
      <c r="RNO657" s="613"/>
      <c r="RNP657" s="613"/>
      <c r="RNQ657" s="613"/>
      <c r="RNR657" s="613"/>
      <c r="RNS657" s="613"/>
      <c r="RNT657" s="613"/>
      <c r="RNU657" s="613"/>
      <c r="RNV657" s="613"/>
      <c r="RNW657" s="613"/>
      <c r="RNX657" s="613"/>
      <c r="RNY657" s="613"/>
      <c r="RNZ657" s="613"/>
      <c r="ROA657" s="613"/>
      <c r="ROB657" s="613"/>
      <c r="ROC657" s="613"/>
      <c r="ROD657" s="613"/>
      <c r="ROE657" s="613"/>
      <c r="ROF657" s="613"/>
      <c r="ROG657" s="613"/>
      <c r="ROH657" s="613"/>
      <c r="ROI657" s="613"/>
      <c r="ROJ657" s="613"/>
      <c r="ROK657" s="613"/>
      <c r="ROL657" s="613"/>
      <c r="ROM657" s="613"/>
      <c r="RON657" s="613"/>
      <c r="ROO657" s="613"/>
      <c r="ROP657" s="613"/>
      <c r="ROQ657" s="613"/>
      <c r="ROR657" s="613"/>
      <c r="ROS657" s="613"/>
      <c r="ROT657" s="613"/>
      <c r="ROU657" s="613"/>
      <c r="ROV657" s="613"/>
      <c r="ROW657" s="613"/>
      <c r="ROX657" s="613"/>
      <c r="ROY657" s="613"/>
      <c r="ROZ657" s="613"/>
      <c r="RPA657" s="613"/>
      <c r="RPB657" s="613"/>
      <c r="RPC657" s="613"/>
      <c r="RPD657" s="613"/>
      <c r="RPE657" s="613"/>
      <c r="RPF657" s="613"/>
      <c r="RPG657" s="613"/>
      <c r="RPH657" s="613"/>
      <c r="RPI657" s="613"/>
      <c r="RPJ657" s="613"/>
      <c r="RPK657" s="613"/>
      <c r="RPL657" s="613"/>
      <c r="RPM657" s="613"/>
      <c r="RPN657" s="613"/>
      <c r="RPO657" s="613"/>
      <c r="RPP657" s="613"/>
      <c r="RPQ657" s="613"/>
      <c r="RPR657" s="613"/>
      <c r="RPS657" s="613"/>
      <c r="RPT657" s="613"/>
      <c r="RPU657" s="613"/>
      <c r="RPV657" s="613"/>
      <c r="RPW657" s="613"/>
      <c r="RPX657" s="613"/>
      <c r="RPY657" s="613"/>
      <c r="RPZ657" s="613"/>
      <c r="RQA657" s="613"/>
      <c r="RQB657" s="613"/>
      <c r="RQC657" s="613"/>
      <c r="RQD657" s="613"/>
      <c r="RQE657" s="613"/>
      <c r="RQF657" s="613"/>
      <c r="RQG657" s="613"/>
      <c r="RQH657" s="613"/>
      <c r="RQI657" s="613"/>
      <c r="RQJ657" s="613"/>
      <c r="RQK657" s="613"/>
      <c r="RQL657" s="613"/>
      <c r="RQM657" s="613"/>
      <c r="RQN657" s="613"/>
      <c r="RQO657" s="613"/>
      <c r="RQP657" s="613"/>
      <c r="RQQ657" s="613"/>
      <c r="RQR657" s="613"/>
      <c r="RQS657" s="613"/>
      <c r="RQT657" s="613"/>
      <c r="RQU657" s="613"/>
      <c r="RQV657" s="613"/>
      <c r="RQW657" s="613"/>
      <c r="RQX657" s="613"/>
      <c r="RQY657" s="613"/>
      <c r="RQZ657" s="613"/>
      <c r="RRA657" s="613"/>
      <c r="RRB657" s="613"/>
      <c r="RRC657" s="613"/>
      <c r="RRD657" s="613"/>
      <c r="RRE657" s="613"/>
      <c r="RRF657" s="613"/>
      <c r="RRG657" s="613"/>
      <c r="RRH657" s="613"/>
      <c r="RRI657" s="613"/>
      <c r="RRJ657" s="613"/>
      <c r="RRK657" s="613"/>
      <c r="RRL657" s="613"/>
      <c r="RRM657" s="613"/>
      <c r="RRN657" s="613"/>
      <c r="RRO657" s="613"/>
      <c r="RRP657" s="613"/>
      <c r="RRQ657" s="613"/>
      <c r="RRR657" s="613"/>
      <c r="RRS657" s="613"/>
      <c r="RRT657" s="613"/>
      <c r="RRU657" s="613"/>
      <c r="RRV657" s="613"/>
      <c r="RRW657" s="613"/>
      <c r="RRX657" s="613"/>
      <c r="RRY657" s="613"/>
      <c r="RRZ657" s="613"/>
      <c r="RSA657" s="613"/>
      <c r="RSB657" s="613"/>
      <c r="RSC657" s="613"/>
      <c r="RSD657" s="613"/>
      <c r="RSE657" s="613"/>
      <c r="RSF657" s="613"/>
      <c r="RSG657" s="613"/>
      <c r="RSH657" s="613"/>
      <c r="RSI657" s="613"/>
      <c r="RSJ657" s="613"/>
      <c r="RSK657" s="613"/>
      <c r="RSL657" s="613"/>
      <c r="RSM657" s="613"/>
      <c r="RSN657" s="613"/>
      <c r="RSO657" s="613"/>
      <c r="RSP657" s="613"/>
      <c r="RSQ657" s="613"/>
      <c r="RSR657" s="613"/>
      <c r="RSS657" s="613"/>
      <c r="RST657" s="613"/>
      <c r="RSU657" s="613"/>
      <c r="RSV657" s="613"/>
      <c r="RSW657" s="613"/>
      <c r="RSX657" s="613"/>
      <c r="RSY657" s="613"/>
      <c r="RSZ657" s="613"/>
      <c r="RTA657" s="613"/>
      <c r="RTB657" s="613"/>
      <c r="RTC657" s="613"/>
      <c r="RTD657" s="613"/>
      <c r="RTE657" s="613"/>
      <c r="RTF657" s="613"/>
      <c r="RTG657" s="613"/>
      <c r="RTH657" s="613"/>
      <c r="RTI657" s="613"/>
      <c r="RTJ657" s="613"/>
      <c r="RTK657" s="613"/>
      <c r="RTL657" s="613"/>
      <c r="RTM657" s="613"/>
      <c r="RTN657" s="613"/>
      <c r="RTO657" s="613"/>
      <c r="RTP657" s="613"/>
      <c r="RTQ657" s="613"/>
      <c r="RTR657" s="613"/>
      <c r="RTS657" s="613"/>
      <c r="RTT657" s="613"/>
      <c r="RTU657" s="613"/>
      <c r="RTV657" s="613"/>
      <c r="RTW657" s="613"/>
      <c r="RTX657" s="613"/>
      <c r="RTY657" s="613"/>
      <c r="RTZ657" s="613"/>
      <c r="RUA657" s="613"/>
      <c r="RUB657" s="613"/>
      <c r="RUC657" s="613"/>
      <c r="RUD657" s="613"/>
      <c r="RUE657" s="613"/>
      <c r="RUF657" s="613"/>
      <c r="RUG657" s="613"/>
      <c r="RUH657" s="613"/>
      <c r="RUI657" s="613"/>
      <c r="RUJ657" s="613"/>
      <c r="RUK657" s="613"/>
      <c r="RUL657" s="613"/>
      <c r="RUM657" s="613"/>
      <c r="RUN657" s="613"/>
      <c r="RUO657" s="613"/>
      <c r="RUP657" s="613"/>
      <c r="RUQ657" s="613"/>
      <c r="RUR657" s="613"/>
      <c r="RUS657" s="613"/>
      <c r="RUT657" s="613"/>
      <c r="RUU657" s="613"/>
      <c r="RUV657" s="613"/>
      <c r="RUW657" s="613"/>
      <c r="RUX657" s="613"/>
      <c r="RUY657" s="613"/>
      <c r="RUZ657" s="613"/>
      <c r="RVA657" s="613"/>
      <c r="RVB657" s="613"/>
      <c r="RVC657" s="613"/>
      <c r="RVD657" s="613"/>
      <c r="RVE657" s="613"/>
      <c r="RVF657" s="613"/>
      <c r="RVG657" s="613"/>
      <c r="RVH657" s="613"/>
      <c r="RVI657" s="613"/>
      <c r="RVJ657" s="613"/>
      <c r="RVK657" s="613"/>
      <c r="RVL657" s="613"/>
      <c r="RVM657" s="613"/>
      <c r="RVN657" s="613"/>
      <c r="RVO657" s="613"/>
      <c r="RVP657" s="613"/>
      <c r="RVQ657" s="613"/>
      <c r="RVR657" s="613"/>
      <c r="RVS657" s="613"/>
      <c r="RVT657" s="613"/>
      <c r="RVU657" s="613"/>
      <c r="RVV657" s="613"/>
      <c r="RVW657" s="613"/>
      <c r="RVX657" s="613"/>
      <c r="RVY657" s="613"/>
      <c r="RVZ657" s="613"/>
      <c r="RWA657" s="613"/>
      <c r="RWB657" s="613"/>
      <c r="RWC657" s="613"/>
      <c r="RWD657" s="613"/>
      <c r="RWE657" s="613"/>
      <c r="RWF657" s="613"/>
      <c r="RWG657" s="613"/>
      <c r="RWH657" s="613"/>
      <c r="RWI657" s="613"/>
      <c r="RWJ657" s="613"/>
      <c r="RWK657" s="613"/>
      <c r="RWL657" s="613"/>
      <c r="RWM657" s="613"/>
      <c r="RWN657" s="613"/>
      <c r="RWO657" s="613"/>
      <c r="RWP657" s="613"/>
      <c r="RWQ657" s="613"/>
      <c r="RWR657" s="613"/>
      <c r="RWS657" s="613"/>
      <c r="RWT657" s="613"/>
      <c r="RWU657" s="613"/>
      <c r="RWV657" s="613"/>
      <c r="RWW657" s="613"/>
      <c r="RWX657" s="613"/>
      <c r="RWY657" s="613"/>
      <c r="RWZ657" s="613"/>
      <c r="RXA657" s="613"/>
      <c r="RXB657" s="613"/>
      <c r="RXC657" s="613"/>
      <c r="RXD657" s="613"/>
      <c r="RXE657" s="613"/>
      <c r="RXF657" s="613"/>
      <c r="RXG657" s="613"/>
      <c r="RXH657" s="613"/>
      <c r="RXI657" s="613"/>
      <c r="RXJ657" s="613"/>
      <c r="RXK657" s="613"/>
      <c r="RXL657" s="613"/>
      <c r="RXM657" s="613"/>
      <c r="RXN657" s="613"/>
      <c r="RXO657" s="613"/>
      <c r="RXP657" s="613"/>
      <c r="RXQ657" s="613"/>
      <c r="RXR657" s="613"/>
      <c r="RXS657" s="613"/>
      <c r="RXT657" s="613"/>
      <c r="RXU657" s="613"/>
      <c r="RXV657" s="613"/>
      <c r="RXW657" s="613"/>
      <c r="RXX657" s="613"/>
      <c r="RXY657" s="613"/>
      <c r="RXZ657" s="613"/>
      <c r="RYA657" s="613"/>
      <c r="RYB657" s="613"/>
      <c r="RYC657" s="613"/>
      <c r="RYD657" s="613"/>
      <c r="RYE657" s="613"/>
      <c r="RYF657" s="613"/>
      <c r="RYG657" s="613"/>
      <c r="RYH657" s="613"/>
      <c r="RYI657" s="613"/>
      <c r="RYJ657" s="613"/>
      <c r="RYK657" s="613"/>
      <c r="RYL657" s="613"/>
      <c r="RYM657" s="613"/>
      <c r="RYN657" s="613"/>
      <c r="RYO657" s="613"/>
      <c r="RYP657" s="613"/>
      <c r="RYQ657" s="613"/>
      <c r="RYR657" s="613"/>
      <c r="RYS657" s="613"/>
      <c r="RYT657" s="613"/>
      <c r="RYU657" s="613"/>
      <c r="RYV657" s="613"/>
      <c r="RYW657" s="613"/>
      <c r="RYX657" s="613"/>
      <c r="RYY657" s="613"/>
      <c r="RYZ657" s="613"/>
      <c r="RZA657" s="613"/>
      <c r="RZB657" s="613"/>
      <c r="RZC657" s="613"/>
      <c r="RZD657" s="613"/>
      <c r="RZE657" s="613"/>
      <c r="RZF657" s="613"/>
      <c r="RZG657" s="613"/>
      <c r="RZH657" s="613"/>
      <c r="RZI657" s="613"/>
      <c r="RZJ657" s="613"/>
      <c r="RZK657" s="613"/>
      <c r="RZL657" s="613"/>
      <c r="RZM657" s="613"/>
      <c r="RZN657" s="613"/>
      <c r="RZO657" s="613"/>
      <c r="RZP657" s="613"/>
      <c r="RZQ657" s="613"/>
      <c r="RZR657" s="613"/>
      <c r="RZS657" s="613"/>
      <c r="RZT657" s="613"/>
      <c r="RZU657" s="613"/>
      <c r="RZV657" s="613"/>
      <c r="RZW657" s="613"/>
      <c r="RZX657" s="613"/>
      <c r="RZY657" s="613"/>
      <c r="RZZ657" s="613"/>
      <c r="SAA657" s="613"/>
      <c r="SAB657" s="613"/>
      <c r="SAC657" s="613"/>
      <c r="SAD657" s="613"/>
      <c r="SAE657" s="613"/>
      <c r="SAF657" s="613"/>
      <c r="SAG657" s="613"/>
      <c r="SAH657" s="613"/>
      <c r="SAI657" s="613"/>
      <c r="SAJ657" s="613"/>
      <c r="SAK657" s="613"/>
      <c r="SAL657" s="613"/>
      <c r="SAM657" s="613"/>
      <c r="SAN657" s="613"/>
      <c r="SAO657" s="613"/>
      <c r="SAP657" s="613"/>
      <c r="SAQ657" s="613"/>
      <c r="SAR657" s="613"/>
      <c r="SAS657" s="613"/>
      <c r="SAT657" s="613"/>
      <c r="SAU657" s="613"/>
      <c r="SAV657" s="613"/>
      <c r="SAW657" s="613"/>
      <c r="SAX657" s="613"/>
      <c r="SAY657" s="613"/>
      <c r="SAZ657" s="613"/>
      <c r="SBA657" s="613"/>
      <c r="SBB657" s="613"/>
      <c r="SBC657" s="613"/>
      <c r="SBD657" s="613"/>
      <c r="SBE657" s="613"/>
      <c r="SBF657" s="613"/>
      <c r="SBG657" s="613"/>
      <c r="SBH657" s="613"/>
      <c r="SBI657" s="613"/>
      <c r="SBJ657" s="613"/>
      <c r="SBK657" s="613"/>
      <c r="SBL657" s="613"/>
      <c r="SBM657" s="613"/>
      <c r="SBN657" s="613"/>
      <c r="SBO657" s="613"/>
      <c r="SBP657" s="613"/>
      <c r="SBQ657" s="613"/>
      <c r="SBR657" s="613"/>
      <c r="SBS657" s="613"/>
      <c r="SBT657" s="613"/>
      <c r="SBU657" s="613"/>
      <c r="SBV657" s="613"/>
      <c r="SBW657" s="613"/>
      <c r="SBX657" s="613"/>
      <c r="SBY657" s="613"/>
      <c r="SBZ657" s="613"/>
      <c r="SCA657" s="613"/>
      <c r="SCB657" s="613"/>
      <c r="SCC657" s="613"/>
      <c r="SCD657" s="613"/>
      <c r="SCE657" s="613"/>
      <c r="SCF657" s="613"/>
      <c r="SCG657" s="613"/>
      <c r="SCH657" s="613"/>
      <c r="SCI657" s="613"/>
      <c r="SCJ657" s="613"/>
      <c r="SCK657" s="613"/>
      <c r="SCL657" s="613"/>
      <c r="SCM657" s="613"/>
      <c r="SCN657" s="613"/>
      <c r="SCO657" s="613"/>
      <c r="SCP657" s="613"/>
      <c r="SCQ657" s="613"/>
      <c r="SCR657" s="613"/>
      <c r="SCS657" s="613"/>
      <c r="SCT657" s="613"/>
      <c r="SCU657" s="613"/>
      <c r="SCV657" s="613"/>
      <c r="SCW657" s="613"/>
      <c r="SCX657" s="613"/>
      <c r="SCY657" s="613"/>
      <c r="SCZ657" s="613"/>
      <c r="SDA657" s="613"/>
      <c r="SDB657" s="613"/>
      <c r="SDC657" s="613"/>
      <c r="SDD657" s="613"/>
      <c r="SDE657" s="613"/>
      <c r="SDF657" s="613"/>
      <c r="SDG657" s="613"/>
      <c r="SDH657" s="613"/>
      <c r="SDI657" s="613"/>
      <c r="SDJ657" s="613"/>
      <c r="SDK657" s="613"/>
      <c r="SDL657" s="613"/>
      <c r="SDM657" s="613"/>
      <c r="SDN657" s="613"/>
      <c r="SDO657" s="613"/>
      <c r="SDP657" s="613"/>
      <c r="SDQ657" s="613"/>
      <c r="SDR657" s="613"/>
      <c r="SDS657" s="613"/>
      <c r="SDT657" s="613"/>
      <c r="SDU657" s="613"/>
      <c r="SDV657" s="613"/>
      <c r="SDW657" s="613"/>
      <c r="SDX657" s="613"/>
      <c r="SDY657" s="613"/>
      <c r="SDZ657" s="613"/>
      <c r="SEA657" s="613"/>
      <c r="SEB657" s="613"/>
      <c r="SEC657" s="613"/>
      <c r="SED657" s="613"/>
      <c r="SEE657" s="613"/>
      <c r="SEF657" s="613"/>
      <c r="SEG657" s="613"/>
      <c r="SEH657" s="613"/>
      <c r="SEI657" s="613"/>
      <c r="SEJ657" s="613"/>
      <c r="SEK657" s="613"/>
      <c r="SEL657" s="613"/>
      <c r="SEM657" s="613"/>
      <c r="SEN657" s="613"/>
      <c r="SEO657" s="613"/>
      <c r="SEP657" s="613"/>
      <c r="SEQ657" s="613"/>
      <c r="SER657" s="613"/>
      <c r="SES657" s="613"/>
      <c r="SET657" s="613"/>
      <c r="SEU657" s="613"/>
      <c r="SEV657" s="613"/>
      <c r="SEW657" s="613"/>
      <c r="SEX657" s="613"/>
      <c r="SEY657" s="613"/>
      <c r="SEZ657" s="613"/>
      <c r="SFA657" s="613"/>
      <c r="SFB657" s="613"/>
      <c r="SFC657" s="613"/>
      <c r="SFD657" s="613"/>
      <c r="SFE657" s="613"/>
      <c r="SFF657" s="613"/>
      <c r="SFG657" s="613"/>
      <c r="SFH657" s="613"/>
      <c r="SFI657" s="613"/>
      <c r="SFJ657" s="613"/>
      <c r="SFK657" s="613"/>
      <c r="SFL657" s="613"/>
      <c r="SFM657" s="613"/>
      <c r="SFN657" s="613"/>
      <c r="SFO657" s="613"/>
      <c r="SFP657" s="613"/>
      <c r="SFQ657" s="613"/>
      <c r="SFR657" s="613"/>
      <c r="SFS657" s="613"/>
      <c r="SFT657" s="613"/>
      <c r="SFU657" s="613"/>
      <c r="SFV657" s="613"/>
      <c r="SFW657" s="613"/>
      <c r="SFX657" s="613"/>
      <c r="SFY657" s="613"/>
      <c r="SFZ657" s="613"/>
      <c r="SGA657" s="613"/>
      <c r="SGB657" s="613"/>
      <c r="SGC657" s="613"/>
      <c r="SGD657" s="613"/>
      <c r="SGE657" s="613"/>
      <c r="SGF657" s="613"/>
      <c r="SGG657" s="613"/>
      <c r="SGH657" s="613"/>
      <c r="SGI657" s="613"/>
      <c r="SGJ657" s="613"/>
      <c r="SGK657" s="613"/>
      <c r="SGL657" s="613"/>
      <c r="SGM657" s="613"/>
      <c r="SGN657" s="613"/>
      <c r="SGO657" s="613"/>
      <c r="SGP657" s="613"/>
      <c r="SGQ657" s="613"/>
      <c r="SGR657" s="613"/>
      <c r="SGS657" s="613"/>
      <c r="SGT657" s="613"/>
      <c r="SGU657" s="613"/>
      <c r="SGV657" s="613"/>
      <c r="SGW657" s="613"/>
      <c r="SGX657" s="613"/>
      <c r="SGY657" s="613"/>
      <c r="SGZ657" s="613"/>
      <c r="SHA657" s="613"/>
      <c r="SHB657" s="613"/>
      <c r="SHC657" s="613"/>
      <c r="SHD657" s="613"/>
      <c r="SHE657" s="613"/>
      <c r="SHF657" s="613"/>
      <c r="SHG657" s="613"/>
      <c r="SHH657" s="613"/>
      <c r="SHI657" s="613"/>
      <c r="SHJ657" s="613"/>
      <c r="SHK657" s="613"/>
      <c r="SHL657" s="613"/>
      <c r="SHM657" s="613"/>
      <c r="SHN657" s="613"/>
      <c r="SHO657" s="613"/>
      <c r="SHP657" s="613"/>
      <c r="SHQ657" s="613"/>
      <c r="SHR657" s="613"/>
      <c r="SHS657" s="613"/>
      <c r="SHT657" s="613"/>
      <c r="SHU657" s="613"/>
      <c r="SHV657" s="613"/>
      <c r="SHW657" s="613"/>
      <c r="SHX657" s="613"/>
      <c r="SHY657" s="613"/>
      <c r="SHZ657" s="613"/>
      <c r="SIA657" s="613"/>
      <c r="SIB657" s="613"/>
      <c r="SIC657" s="613"/>
      <c r="SID657" s="613"/>
      <c r="SIE657" s="613"/>
      <c r="SIF657" s="613"/>
      <c r="SIG657" s="613"/>
      <c r="SIH657" s="613"/>
      <c r="SII657" s="613"/>
      <c r="SIJ657" s="613"/>
      <c r="SIK657" s="613"/>
      <c r="SIL657" s="613"/>
      <c r="SIM657" s="613"/>
      <c r="SIN657" s="613"/>
      <c r="SIO657" s="613"/>
      <c r="SIP657" s="613"/>
      <c r="SIQ657" s="613"/>
      <c r="SIR657" s="613"/>
      <c r="SIS657" s="613"/>
      <c r="SIT657" s="613"/>
      <c r="SIU657" s="613"/>
      <c r="SIV657" s="613"/>
      <c r="SIW657" s="613"/>
      <c r="SIX657" s="613"/>
      <c r="SIY657" s="613"/>
      <c r="SIZ657" s="613"/>
      <c r="SJA657" s="613"/>
      <c r="SJB657" s="613"/>
      <c r="SJC657" s="613"/>
      <c r="SJD657" s="613"/>
      <c r="SJE657" s="613"/>
      <c r="SJF657" s="613"/>
      <c r="SJG657" s="613"/>
      <c r="SJH657" s="613"/>
      <c r="SJI657" s="613"/>
      <c r="SJJ657" s="613"/>
      <c r="SJK657" s="613"/>
      <c r="SJL657" s="613"/>
      <c r="SJM657" s="613"/>
      <c r="SJN657" s="613"/>
      <c r="SJO657" s="613"/>
      <c r="SJP657" s="613"/>
      <c r="SJQ657" s="613"/>
      <c r="SJR657" s="613"/>
      <c r="SJS657" s="613"/>
      <c r="SJT657" s="613"/>
      <c r="SJU657" s="613"/>
      <c r="SJV657" s="613"/>
      <c r="SJW657" s="613"/>
      <c r="SJX657" s="613"/>
      <c r="SJY657" s="613"/>
      <c r="SJZ657" s="613"/>
      <c r="SKA657" s="613"/>
      <c r="SKB657" s="613"/>
      <c r="SKC657" s="613"/>
      <c r="SKD657" s="613"/>
      <c r="SKE657" s="613"/>
      <c r="SKF657" s="613"/>
      <c r="SKG657" s="613"/>
      <c r="SKH657" s="613"/>
      <c r="SKI657" s="613"/>
      <c r="SKJ657" s="613"/>
      <c r="SKK657" s="613"/>
      <c r="SKL657" s="613"/>
      <c r="SKM657" s="613"/>
      <c r="SKN657" s="613"/>
      <c r="SKO657" s="613"/>
      <c r="SKP657" s="613"/>
      <c r="SKQ657" s="613"/>
      <c r="SKR657" s="613"/>
      <c r="SKS657" s="613"/>
      <c r="SKT657" s="613"/>
      <c r="SKU657" s="613"/>
      <c r="SKV657" s="613"/>
      <c r="SKW657" s="613"/>
      <c r="SKX657" s="613"/>
      <c r="SKY657" s="613"/>
      <c r="SKZ657" s="613"/>
      <c r="SLA657" s="613"/>
      <c r="SLB657" s="613"/>
      <c r="SLC657" s="613"/>
      <c r="SLD657" s="613"/>
      <c r="SLE657" s="613"/>
      <c r="SLF657" s="613"/>
      <c r="SLG657" s="613"/>
      <c r="SLH657" s="613"/>
      <c r="SLI657" s="613"/>
      <c r="SLJ657" s="613"/>
      <c r="SLK657" s="613"/>
      <c r="SLL657" s="613"/>
      <c r="SLM657" s="613"/>
      <c r="SLN657" s="613"/>
      <c r="SLO657" s="613"/>
      <c r="SLP657" s="613"/>
      <c r="SLQ657" s="613"/>
      <c r="SLR657" s="613"/>
      <c r="SLS657" s="613"/>
      <c r="SLT657" s="613"/>
      <c r="SLU657" s="613"/>
      <c r="SLV657" s="613"/>
      <c r="SLW657" s="613"/>
      <c r="SLX657" s="613"/>
      <c r="SLY657" s="613"/>
      <c r="SLZ657" s="613"/>
      <c r="SMA657" s="613"/>
      <c r="SMB657" s="613"/>
      <c r="SMC657" s="613"/>
      <c r="SMD657" s="613"/>
      <c r="SME657" s="613"/>
      <c r="SMF657" s="613"/>
      <c r="SMG657" s="613"/>
      <c r="SMH657" s="613"/>
      <c r="SMI657" s="613"/>
      <c r="SMJ657" s="613"/>
      <c r="SMK657" s="613"/>
      <c r="SML657" s="613"/>
      <c r="SMM657" s="613"/>
      <c r="SMN657" s="613"/>
      <c r="SMO657" s="613"/>
      <c r="SMP657" s="613"/>
      <c r="SMQ657" s="613"/>
      <c r="SMR657" s="613"/>
      <c r="SMS657" s="613"/>
      <c r="SMT657" s="613"/>
      <c r="SMU657" s="613"/>
      <c r="SMV657" s="613"/>
      <c r="SMW657" s="613"/>
      <c r="SMX657" s="613"/>
      <c r="SMY657" s="613"/>
      <c r="SMZ657" s="613"/>
      <c r="SNA657" s="613"/>
      <c r="SNB657" s="613"/>
      <c r="SNC657" s="613"/>
      <c r="SND657" s="613"/>
      <c r="SNE657" s="613"/>
      <c r="SNF657" s="613"/>
      <c r="SNG657" s="613"/>
      <c r="SNH657" s="613"/>
      <c r="SNI657" s="613"/>
      <c r="SNJ657" s="613"/>
      <c r="SNK657" s="613"/>
      <c r="SNL657" s="613"/>
      <c r="SNM657" s="613"/>
      <c r="SNN657" s="613"/>
      <c r="SNO657" s="613"/>
      <c r="SNP657" s="613"/>
      <c r="SNQ657" s="613"/>
      <c r="SNR657" s="613"/>
      <c r="SNS657" s="613"/>
      <c r="SNT657" s="613"/>
      <c r="SNU657" s="613"/>
      <c r="SNV657" s="613"/>
      <c r="SNW657" s="613"/>
      <c r="SNX657" s="613"/>
      <c r="SNY657" s="613"/>
      <c r="SNZ657" s="613"/>
      <c r="SOA657" s="613"/>
      <c r="SOB657" s="613"/>
      <c r="SOC657" s="613"/>
      <c r="SOD657" s="613"/>
      <c r="SOE657" s="613"/>
      <c r="SOF657" s="613"/>
      <c r="SOG657" s="613"/>
      <c r="SOH657" s="613"/>
      <c r="SOI657" s="613"/>
      <c r="SOJ657" s="613"/>
      <c r="SOK657" s="613"/>
      <c r="SOL657" s="613"/>
      <c r="SOM657" s="613"/>
      <c r="SON657" s="613"/>
      <c r="SOO657" s="613"/>
      <c r="SOP657" s="613"/>
      <c r="SOQ657" s="613"/>
      <c r="SOR657" s="613"/>
      <c r="SOS657" s="613"/>
      <c r="SOT657" s="613"/>
      <c r="SOU657" s="613"/>
      <c r="SOV657" s="613"/>
      <c r="SOW657" s="613"/>
      <c r="SOX657" s="613"/>
      <c r="SOY657" s="613"/>
      <c r="SOZ657" s="613"/>
      <c r="SPA657" s="613"/>
      <c r="SPB657" s="613"/>
      <c r="SPC657" s="613"/>
      <c r="SPD657" s="613"/>
      <c r="SPE657" s="613"/>
      <c r="SPF657" s="613"/>
      <c r="SPG657" s="613"/>
      <c r="SPH657" s="613"/>
      <c r="SPI657" s="613"/>
      <c r="SPJ657" s="613"/>
      <c r="SPK657" s="613"/>
      <c r="SPL657" s="613"/>
      <c r="SPM657" s="613"/>
      <c r="SPN657" s="613"/>
      <c r="SPO657" s="613"/>
      <c r="SPP657" s="613"/>
      <c r="SPQ657" s="613"/>
      <c r="SPR657" s="613"/>
      <c r="SPS657" s="613"/>
      <c r="SPT657" s="613"/>
      <c r="SPU657" s="613"/>
      <c r="SPV657" s="613"/>
      <c r="SPW657" s="613"/>
      <c r="SPX657" s="613"/>
      <c r="SPY657" s="613"/>
      <c r="SPZ657" s="613"/>
      <c r="SQA657" s="613"/>
      <c r="SQB657" s="613"/>
      <c r="SQC657" s="613"/>
      <c r="SQD657" s="613"/>
      <c r="SQE657" s="613"/>
      <c r="SQF657" s="613"/>
      <c r="SQG657" s="613"/>
      <c r="SQH657" s="613"/>
      <c r="SQI657" s="613"/>
      <c r="SQJ657" s="613"/>
      <c r="SQK657" s="613"/>
      <c r="SQL657" s="613"/>
      <c r="SQM657" s="613"/>
      <c r="SQN657" s="613"/>
      <c r="SQO657" s="613"/>
      <c r="SQP657" s="613"/>
      <c r="SQQ657" s="613"/>
      <c r="SQR657" s="613"/>
      <c r="SQS657" s="613"/>
      <c r="SQT657" s="613"/>
      <c r="SQU657" s="613"/>
      <c r="SQV657" s="613"/>
      <c r="SQW657" s="613"/>
      <c r="SQX657" s="613"/>
      <c r="SQY657" s="613"/>
      <c r="SQZ657" s="613"/>
      <c r="SRA657" s="613"/>
      <c r="SRB657" s="613"/>
      <c r="SRC657" s="613"/>
      <c r="SRD657" s="613"/>
      <c r="SRE657" s="613"/>
      <c r="SRF657" s="613"/>
      <c r="SRG657" s="613"/>
      <c r="SRH657" s="613"/>
      <c r="SRI657" s="613"/>
      <c r="SRJ657" s="613"/>
      <c r="SRK657" s="613"/>
      <c r="SRL657" s="613"/>
      <c r="SRM657" s="613"/>
      <c r="SRN657" s="613"/>
      <c r="SRO657" s="613"/>
      <c r="SRP657" s="613"/>
      <c r="SRQ657" s="613"/>
      <c r="SRR657" s="613"/>
      <c r="SRS657" s="613"/>
      <c r="SRT657" s="613"/>
      <c r="SRU657" s="613"/>
      <c r="SRV657" s="613"/>
      <c r="SRW657" s="613"/>
      <c r="SRX657" s="613"/>
      <c r="SRY657" s="613"/>
      <c r="SRZ657" s="613"/>
      <c r="SSA657" s="613"/>
      <c r="SSB657" s="613"/>
      <c r="SSC657" s="613"/>
      <c r="SSD657" s="613"/>
      <c r="SSE657" s="613"/>
      <c r="SSF657" s="613"/>
      <c r="SSG657" s="613"/>
      <c r="SSH657" s="613"/>
      <c r="SSI657" s="613"/>
      <c r="SSJ657" s="613"/>
      <c r="SSK657" s="613"/>
      <c r="SSL657" s="613"/>
      <c r="SSM657" s="613"/>
      <c r="SSN657" s="613"/>
      <c r="SSO657" s="613"/>
      <c r="SSP657" s="613"/>
      <c r="SSQ657" s="613"/>
      <c r="SSR657" s="613"/>
      <c r="SSS657" s="613"/>
      <c r="SST657" s="613"/>
      <c r="SSU657" s="613"/>
      <c r="SSV657" s="613"/>
      <c r="SSW657" s="613"/>
      <c r="SSX657" s="613"/>
      <c r="SSY657" s="613"/>
      <c r="SSZ657" s="613"/>
      <c r="STA657" s="613"/>
      <c r="STB657" s="613"/>
      <c r="STC657" s="613"/>
      <c r="STD657" s="613"/>
      <c r="STE657" s="613"/>
      <c r="STF657" s="613"/>
      <c r="STG657" s="613"/>
      <c r="STH657" s="613"/>
      <c r="STI657" s="613"/>
      <c r="STJ657" s="613"/>
      <c r="STK657" s="613"/>
      <c r="STL657" s="613"/>
      <c r="STM657" s="613"/>
      <c r="STN657" s="613"/>
      <c r="STO657" s="613"/>
      <c r="STP657" s="613"/>
      <c r="STQ657" s="613"/>
      <c r="STR657" s="613"/>
      <c r="STS657" s="613"/>
      <c r="STT657" s="613"/>
      <c r="STU657" s="613"/>
      <c r="STV657" s="613"/>
      <c r="STW657" s="613"/>
      <c r="STX657" s="613"/>
      <c r="STY657" s="613"/>
      <c r="STZ657" s="613"/>
      <c r="SUA657" s="613"/>
      <c r="SUB657" s="613"/>
      <c r="SUC657" s="613"/>
      <c r="SUD657" s="613"/>
      <c r="SUE657" s="613"/>
      <c r="SUF657" s="613"/>
      <c r="SUG657" s="613"/>
      <c r="SUH657" s="613"/>
      <c r="SUI657" s="613"/>
      <c r="SUJ657" s="613"/>
      <c r="SUK657" s="613"/>
      <c r="SUL657" s="613"/>
      <c r="SUM657" s="613"/>
      <c r="SUN657" s="613"/>
      <c r="SUO657" s="613"/>
      <c r="SUP657" s="613"/>
      <c r="SUQ657" s="613"/>
      <c r="SUR657" s="613"/>
      <c r="SUS657" s="613"/>
      <c r="SUT657" s="613"/>
      <c r="SUU657" s="613"/>
      <c r="SUV657" s="613"/>
      <c r="SUW657" s="613"/>
      <c r="SUX657" s="613"/>
      <c r="SUY657" s="613"/>
      <c r="SUZ657" s="613"/>
      <c r="SVA657" s="613"/>
      <c r="SVB657" s="613"/>
      <c r="SVC657" s="613"/>
      <c r="SVD657" s="613"/>
      <c r="SVE657" s="613"/>
      <c r="SVF657" s="613"/>
      <c r="SVG657" s="613"/>
      <c r="SVH657" s="613"/>
      <c r="SVI657" s="613"/>
      <c r="SVJ657" s="613"/>
      <c r="SVK657" s="613"/>
      <c r="SVL657" s="613"/>
      <c r="SVM657" s="613"/>
      <c r="SVN657" s="613"/>
      <c r="SVO657" s="613"/>
      <c r="SVP657" s="613"/>
      <c r="SVQ657" s="613"/>
      <c r="SVR657" s="613"/>
      <c r="SVS657" s="613"/>
      <c r="SVT657" s="613"/>
      <c r="SVU657" s="613"/>
      <c r="SVV657" s="613"/>
      <c r="SVW657" s="613"/>
      <c r="SVX657" s="613"/>
      <c r="SVY657" s="613"/>
      <c r="SVZ657" s="613"/>
      <c r="SWA657" s="613"/>
      <c r="SWB657" s="613"/>
      <c r="SWC657" s="613"/>
      <c r="SWD657" s="613"/>
      <c r="SWE657" s="613"/>
      <c r="SWF657" s="613"/>
      <c r="SWG657" s="613"/>
      <c r="SWH657" s="613"/>
      <c r="SWI657" s="613"/>
      <c r="SWJ657" s="613"/>
      <c r="SWK657" s="613"/>
      <c r="SWL657" s="613"/>
      <c r="SWM657" s="613"/>
      <c r="SWN657" s="613"/>
      <c r="SWO657" s="613"/>
      <c r="SWP657" s="613"/>
      <c r="SWQ657" s="613"/>
      <c r="SWR657" s="613"/>
      <c r="SWS657" s="613"/>
      <c r="SWT657" s="613"/>
      <c r="SWU657" s="613"/>
      <c r="SWV657" s="613"/>
      <c r="SWW657" s="613"/>
      <c r="SWX657" s="613"/>
      <c r="SWY657" s="613"/>
      <c r="SWZ657" s="613"/>
      <c r="SXA657" s="613"/>
      <c r="SXB657" s="613"/>
      <c r="SXC657" s="613"/>
      <c r="SXD657" s="613"/>
      <c r="SXE657" s="613"/>
      <c r="SXF657" s="613"/>
      <c r="SXG657" s="613"/>
      <c r="SXH657" s="613"/>
      <c r="SXI657" s="613"/>
      <c r="SXJ657" s="613"/>
      <c r="SXK657" s="613"/>
      <c r="SXL657" s="613"/>
      <c r="SXM657" s="613"/>
      <c r="SXN657" s="613"/>
      <c r="SXO657" s="613"/>
      <c r="SXP657" s="613"/>
      <c r="SXQ657" s="613"/>
      <c r="SXR657" s="613"/>
      <c r="SXS657" s="613"/>
      <c r="SXT657" s="613"/>
      <c r="SXU657" s="613"/>
      <c r="SXV657" s="613"/>
      <c r="SXW657" s="613"/>
      <c r="SXX657" s="613"/>
      <c r="SXY657" s="613"/>
      <c r="SXZ657" s="613"/>
      <c r="SYA657" s="613"/>
      <c r="SYB657" s="613"/>
      <c r="SYC657" s="613"/>
      <c r="SYD657" s="613"/>
      <c r="SYE657" s="613"/>
      <c r="SYF657" s="613"/>
      <c r="SYG657" s="613"/>
      <c r="SYH657" s="613"/>
      <c r="SYI657" s="613"/>
      <c r="SYJ657" s="613"/>
      <c r="SYK657" s="613"/>
      <c r="SYL657" s="613"/>
      <c r="SYM657" s="613"/>
      <c r="SYN657" s="613"/>
      <c r="SYO657" s="613"/>
      <c r="SYP657" s="613"/>
      <c r="SYQ657" s="613"/>
      <c r="SYR657" s="613"/>
      <c r="SYS657" s="613"/>
      <c r="SYT657" s="613"/>
      <c r="SYU657" s="613"/>
      <c r="SYV657" s="613"/>
      <c r="SYW657" s="613"/>
      <c r="SYX657" s="613"/>
      <c r="SYY657" s="613"/>
      <c r="SYZ657" s="613"/>
      <c r="SZA657" s="613"/>
      <c r="SZB657" s="613"/>
      <c r="SZC657" s="613"/>
      <c r="SZD657" s="613"/>
      <c r="SZE657" s="613"/>
      <c r="SZF657" s="613"/>
      <c r="SZG657" s="613"/>
      <c r="SZH657" s="613"/>
      <c r="SZI657" s="613"/>
      <c r="SZJ657" s="613"/>
      <c r="SZK657" s="613"/>
      <c r="SZL657" s="613"/>
      <c r="SZM657" s="613"/>
      <c r="SZN657" s="613"/>
      <c r="SZO657" s="613"/>
      <c r="SZP657" s="613"/>
      <c r="SZQ657" s="613"/>
      <c r="SZR657" s="613"/>
      <c r="SZS657" s="613"/>
      <c r="SZT657" s="613"/>
      <c r="SZU657" s="613"/>
      <c r="SZV657" s="613"/>
      <c r="SZW657" s="613"/>
      <c r="SZX657" s="613"/>
      <c r="SZY657" s="613"/>
      <c r="SZZ657" s="613"/>
      <c r="TAA657" s="613"/>
      <c r="TAB657" s="613"/>
      <c r="TAC657" s="613"/>
      <c r="TAD657" s="613"/>
      <c r="TAE657" s="613"/>
      <c r="TAF657" s="613"/>
      <c r="TAG657" s="613"/>
      <c r="TAH657" s="613"/>
      <c r="TAI657" s="613"/>
      <c r="TAJ657" s="613"/>
      <c r="TAK657" s="613"/>
      <c r="TAL657" s="613"/>
      <c r="TAM657" s="613"/>
      <c r="TAN657" s="613"/>
      <c r="TAO657" s="613"/>
      <c r="TAP657" s="613"/>
      <c r="TAQ657" s="613"/>
      <c r="TAR657" s="613"/>
      <c r="TAS657" s="613"/>
      <c r="TAT657" s="613"/>
      <c r="TAU657" s="613"/>
      <c r="TAV657" s="613"/>
      <c r="TAW657" s="613"/>
      <c r="TAX657" s="613"/>
      <c r="TAY657" s="613"/>
      <c r="TAZ657" s="613"/>
      <c r="TBA657" s="613"/>
      <c r="TBB657" s="613"/>
      <c r="TBC657" s="613"/>
      <c r="TBD657" s="613"/>
      <c r="TBE657" s="613"/>
      <c r="TBF657" s="613"/>
      <c r="TBG657" s="613"/>
      <c r="TBH657" s="613"/>
      <c r="TBI657" s="613"/>
      <c r="TBJ657" s="613"/>
      <c r="TBK657" s="613"/>
      <c r="TBL657" s="613"/>
      <c r="TBM657" s="613"/>
      <c r="TBN657" s="613"/>
      <c r="TBO657" s="613"/>
      <c r="TBP657" s="613"/>
      <c r="TBQ657" s="613"/>
      <c r="TBR657" s="613"/>
      <c r="TBS657" s="613"/>
      <c r="TBT657" s="613"/>
      <c r="TBU657" s="613"/>
      <c r="TBV657" s="613"/>
      <c r="TBW657" s="613"/>
      <c r="TBX657" s="613"/>
      <c r="TBY657" s="613"/>
      <c r="TBZ657" s="613"/>
      <c r="TCA657" s="613"/>
      <c r="TCB657" s="613"/>
      <c r="TCC657" s="613"/>
      <c r="TCD657" s="613"/>
      <c r="TCE657" s="613"/>
      <c r="TCF657" s="613"/>
      <c r="TCG657" s="613"/>
      <c r="TCH657" s="613"/>
      <c r="TCI657" s="613"/>
      <c r="TCJ657" s="613"/>
      <c r="TCK657" s="613"/>
      <c r="TCL657" s="613"/>
      <c r="TCM657" s="613"/>
      <c r="TCN657" s="613"/>
      <c r="TCO657" s="613"/>
      <c r="TCP657" s="613"/>
      <c r="TCQ657" s="613"/>
      <c r="TCR657" s="613"/>
      <c r="TCS657" s="613"/>
      <c r="TCT657" s="613"/>
      <c r="TCU657" s="613"/>
      <c r="TCV657" s="613"/>
      <c r="TCW657" s="613"/>
      <c r="TCX657" s="613"/>
      <c r="TCY657" s="613"/>
      <c r="TCZ657" s="613"/>
      <c r="TDA657" s="613"/>
      <c r="TDB657" s="613"/>
      <c r="TDC657" s="613"/>
      <c r="TDD657" s="613"/>
      <c r="TDE657" s="613"/>
      <c r="TDF657" s="613"/>
      <c r="TDG657" s="613"/>
      <c r="TDH657" s="613"/>
      <c r="TDI657" s="613"/>
      <c r="TDJ657" s="613"/>
      <c r="TDK657" s="613"/>
      <c r="TDL657" s="613"/>
      <c r="TDM657" s="613"/>
      <c r="TDN657" s="613"/>
      <c r="TDO657" s="613"/>
      <c r="TDP657" s="613"/>
      <c r="TDQ657" s="613"/>
      <c r="TDR657" s="613"/>
      <c r="TDS657" s="613"/>
      <c r="TDT657" s="613"/>
      <c r="TDU657" s="613"/>
      <c r="TDV657" s="613"/>
      <c r="TDW657" s="613"/>
      <c r="TDX657" s="613"/>
      <c r="TDY657" s="613"/>
      <c r="TDZ657" s="613"/>
      <c r="TEA657" s="613"/>
      <c r="TEB657" s="613"/>
      <c r="TEC657" s="613"/>
      <c r="TED657" s="613"/>
      <c r="TEE657" s="613"/>
      <c r="TEF657" s="613"/>
      <c r="TEG657" s="613"/>
      <c r="TEH657" s="613"/>
      <c r="TEI657" s="613"/>
      <c r="TEJ657" s="613"/>
      <c r="TEK657" s="613"/>
      <c r="TEL657" s="613"/>
      <c r="TEM657" s="613"/>
      <c r="TEN657" s="613"/>
      <c r="TEO657" s="613"/>
      <c r="TEP657" s="613"/>
      <c r="TEQ657" s="613"/>
      <c r="TER657" s="613"/>
      <c r="TES657" s="613"/>
      <c r="TET657" s="613"/>
      <c r="TEU657" s="613"/>
      <c r="TEV657" s="613"/>
      <c r="TEW657" s="613"/>
      <c r="TEX657" s="613"/>
      <c r="TEY657" s="613"/>
      <c r="TEZ657" s="613"/>
      <c r="TFA657" s="613"/>
      <c r="TFB657" s="613"/>
      <c r="TFC657" s="613"/>
      <c r="TFD657" s="613"/>
      <c r="TFE657" s="613"/>
      <c r="TFF657" s="613"/>
      <c r="TFG657" s="613"/>
      <c r="TFH657" s="613"/>
      <c r="TFI657" s="613"/>
      <c r="TFJ657" s="613"/>
      <c r="TFK657" s="613"/>
      <c r="TFL657" s="613"/>
      <c r="TFM657" s="613"/>
      <c r="TFN657" s="613"/>
      <c r="TFO657" s="613"/>
      <c r="TFP657" s="613"/>
      <c r="TFQ657" s="613"/>
      <c r="TFR657" s="613"/>
      <c r="TFS657" s="613"/>
      <c r="TFT657" s="613"/>
      <c r="TFU657" s="613"/>
      <c r="TFV657" s="613"/>
      <c r="TFW657" s="613"/>
      <c r="TFX657" s="613"/>
      <c r="TFY657" s="613"/>
      <c r="TFZ657" s="613"/>
      <c r="TGA657" s="613"/>
      <c r="TGB657" s="613"/>
      <c r="TGC657" s="613"/>
      <c r="TGD657" s="613"/>
      <c r="TGE657" s="613"/>
      <c r="TGF657" s="613"/>
      <c r="TGG657" s="613"/>
      <c r="TGH657" s="613"/>
      <c r="TGI657" s="613"/>
      <c r="TGJ657" s="613"/>
      <c r="TGK657" s="613"/>
      <c r="TGL657" s="613"/>
      <c r="TGM657" s="613"/>
      <c r="TGN657" s="613"/>
      <c r="TGO657" s="613"/>
      <c r="TGP657" s="613"/>
      <c r="TGQ657" s="613"/>
      <c r="TGR657" s="613"/>
      <c r="TGS657" s="613"/>
      <c r="TGT657" s="613"/>
      <c r="TGU657" s="613"/>
      <c r="TGV657" s="613"/>
      <c r="TGW657" s="613"/>
      <c r="TGX657" s="613"/>
      <c r="TGY657" s="613"/>
      <c r="TGZ657" s="613"/>
      <c r="THA657" s="613"/>
      <c r="THB657" s="613"/>
      <c r="THC657" s="613"/>
      <c r="THD657" s="613"/>
      <c r="THE657" s="613"/>
      <c r="THF657" s="613"/>
      <c r="THG657" s="613"/>
      <c r="THH657" s="613"/>
      <c r="THI657" s="613"/>
      <c r="THJ657" s="613"/>
      <c r="THK657" s="613"/>
      <c r="THL657" s="613"/>
      <c r="THM657" s="613"/>
      <c r="THN657" s="613"/>
      <c r="THO657" s="613"/>
      <c r="THP657" s="613"/>
      <c r="THQ657" s="613"/>
      <c r="THR657" s="613"/>
      <c r="THS657" s="613"/>
      <c r="THT657" s="613"/>
      <c r="THU657" s="613"/>
      <c r="THV657" s="613"/>
      <c r="THW657" s="613"/>
      <c r="THX657" s="613"/>
      <c r="THY657" s="613"/>
      <c r="THZ657" s="613"/>
      <c r="TIA657" s="613"/>
      <c r="TIB657" s="613"/>
      <c r="TIC657" s="613"/>
      <c r="TID657" s="613"/>
      <c r="TIE657" s="613"/>
      <c r="TIF657" s="613"/>
      <c r="TIG657" s="613"/>
      <c r="TIH657" s="613"/>
      <c r="TII657" s="613"/>
      <c r="TIJ657" s="613"/>
      <c r="TIK657" s="613"/>
      <c r="TIL657" s="613"/>
      <c r="TIM657" s="613"/>
      <c r="TIN657" s="613"/>
      <c r="TIO657" s="613"/>
      <c r="TIP657" s="613"/>
      <c r="TIQ657" s="613"/>
      <c r="TIR657" s="613"/>
      <c r="TIS657" s="613"/>
      <c r="TIT657" s="613"/>
      <c r="TIU657" s="613"/>
      <c r="TIV657" s="613"/>
      <c r="TIW657" s="613"/>
      <c r="TIX657" s="613"/>
      <c r="TIY657" s="613"/>
      <c r="TIZ657" s="613"/>
      <c r="TJA657" s="613"/>
      <c r="TJB657" s="613"/>
      <c r="TJC657" s="613"/>
      <c r="TJD657" s="613"/>
      <c r="TJE657" s="613"/>
      <c r="TJF657" s="613"/>
      <c r="TJG657" s="613"/>
      <c r="TJH657" s="613"/>
      <c r="TJI657" s="613"/>
      <c r="TJJ657" s="613"/>
      <c r="TJK657" s="613"/>
      <c r="TJL657" s="613"/>
      <c r="TJM657" s="613"/>
      <c r="TJN657" s="613"/>
      <c r="TJO657" s="613"/>
      <c r="TJP657" s="613"/>
      <c r="TJQ657" s="613"/>
      <c r="TJR657" s="613"/>
      <c r="TJS657" s="613"/>
      <c r="TJT657" s="613"/>
      <c r="TJU657" s="613"/>
      <c r="TJV657" s="613"/>
      <c r="TJW657" s="613"/>
      <c r="TJX657" s="613"/>
      <c r="TJY657" s="613"/>
      <c r="TJZ657" s="613"/>
      <c r="TKA657" s="613"/>
      <c r="TKB657" s="613"/>
      <c r="TKC657" s="613"/>
      <c r="TKD657" s="613"/>
      <c r="TKE657" s="613"/>
      <c r="TKF657" s="613"/>
      <c r="TKG657" s="613"/>
      <c r="TKH657" s="613"/>
      <c r="TKI657" s="613"/>
      <c r="TKJ657" s="613"/>
      <c r="TKK657" s="613"/>
      <c r="TKL657" s="613"/>
      <c r="TKM657" s="613"/>
      <c r="TKN657" s="613"/>
      <c r="TKO657" s="613"/>
      <c r="TKP657" s="613"/>
      <c r="TKQ657" s="613"/>
      <c r="TKR657" s="613"/>
      <c r="TKS657" s="613"/>
      <c r="TKT657" s="613"/>
      <c r="TKU657" s="613"/>
      <c r="TKV657" s="613"/>
      <c r="TKW657" s="613"/>
      <c r="TKX657" s="613"/>
      <c r="TKY657" s="613"/>
      <c r="TKZ657" s="613"/>
      <c r="TLA657" s="613"/>
      <c r="TLB657" s="613"/>
      <c r="TLC657" s="613"/>
      <c r="TLD657" s="613"/>
      <c r="TLE657" s="613"/>
      <c r="TLF657" s="613"/>
      <c r="TLG657" s="613"/>
      <c r="TLH657" s="613"/>
      <c r="TLI657" s="613"/>
      <c r="TLJ657" s="613"/>
      <c r="TLK657" s="613"/>
      <c r="TLL657" s="613"/>
      <c r="TLM657" s="613"/>
      <c r="TLN657" s="613"/>
      <c r="TLO657" s="613"/>
      <c r="TLP657" s="613"/>
      <c r="TLQ657" s="613"/>
      <c r="TLR657" s="613"/>
      <c r="TLS657" s="613"/>
      <c r="TLT657" s="613"/>
      <c r="TLU657" s="613"/>
      <c r="TLV657" s="613"/>
      <c r="TLW657" s="613"/>
      <c r="TLX657" s="613"/>
      <c r="TLY657" s="613"/>
      <c r="TLZ657" s="613"/>
      <c r="TMA657" s="613"/>
      <c r="TMB657" s="613"/>
      <c r="TMC657" s="613"/>
      <c r="TMD657" s="613"/>
      <c r="TME657" s="613"/>
      <c r="TMF657" s="613"/>
      <c r="TMG657" s="613"/>
      <c r="TMH657" s="613"/>
      <c r="TMI657" s="613"/>
      <c r="TMJ657" s="613"/>
      <c r="TMK657" s="613"/>
      <c r="TML657" s="613"/>
      <c r="TMM657" s="613"/>
      <c r="TMN657" s="613"/>
      <c r="TMO657" s="613"/>
      <c r="TMP657" s="613"/>
      <c r="TMQ657" s="613"/>
      <c r="TMR657" s="613"/>
      <c r="TMS657" s="613"/>
      <c r="TMT657" s="613"/>
      <c r="TMU657" s="613"/>
      <c r="TMV657" s="613"/>
      <c r="TMW657" s="613"/>
      <c r="TMX657" s="613"/>
      <c r="TMY657" s="613"/>
      <c r="TMZ657" s="613"/>
      <c r="TNA657" s="613"/>
      <c r="TNB657" s="613"/>
      <c r="TNC657" s="613"/>
      <c r="TND657" s="613"/>
      <c r="TNE657" s="613"/>
      <c r="TNF657" s="613"/>
      <c r="TNG657" s="613"/>
      <c r="TNH657" s="613"/>
      <c r="TNI657" s="613"/>
      <c r="TNJ657" s="613"/>
      <c r="TNK657" s="613"/>
      <c r="TNL657" s="613"/>
      <c r="TNM657" s="613"/>
      <c r="TNN657" s="613"/>
      <c r="TNO657" s="613"/>
      <c r="TNP657" s="613"/>
      <c r="TNQ657" s="613"/>
      <c r="TNR657" s="613"/>
      <c r="TNS657" s="613"/>
      <c r="TNT657" s="613"/>
      <c r="TNU657" s="613"/>
      <c r="TNV657" s="613"/>
      <c r="TNW657" s="613"/>
      <c r="TNX657" s="613"/>
      <c r="TNY657" s="613"/>
      <c r="TNZ657" s="613"/>
      <c r="TOA657" s="613"/>
      <c r="TOB657" s="613"/>
      <c r="TOC657" s="613"/>
      <c r="TOD657" s="613"/>
      <c r="TOE657" s="613"/>
      <c r="TOF657" s="613"/>
      <c r="TOG657" s="613"/>
      <c r="TOH657" s="613"/>
      <c r="TOI657" s="613"/>
      <c r="TOJ657" s="613"/>
      <c r="TOK657" s="613"/>
      <c r="TOL657" s="613"/>
      <c r="TOM657" s="613"/>
      <c r="TON657" s="613"/>
      <c r="TOO657" s="613"/>
      <c r="TOP657" s="613"/>
      <c r="TOQ657" s="613"/>
      <c r="TOR657" s="613"/>
      <c r="TOS657" s="613"/>
      <c r="TOT657" s="613"/>
      <c r="TOU657" s="613"/>
      <c r="TOV657" s="613"/>
      <c r="TOW657" s="613"/>
      <c r="TOX657" s="613"/>
      <c r="TOY657" s="613"/>
      <c r="TOZ657" s="613"/>
      <c r="TPA657" s="613"/>
      <c r="TPB657" s="613"/>
      <c r="TPC657" s="613"/>
      <c r="TPD657" s="613"/>
      <c r="TPE657" s="613"/>
      <c r="TPF657" s="613"/>
      <c r="TPG657" s="613"/>
      <c r="TPH657" s="613"/>
      <c r="TPI657" s="613"/>
      <c r="TPJ657" s="613"/>
      <c r="TPK657" s="613"/>
      <c r="TPL657" s="613"/>
      <c r="TPM657" s="613"/>
      <c r="TPN657" s="613"/>
      <c r="TPO657" s="613"/>
      <c r="TPP657" s="613"/>
      <c r="TPQ657" s="613"/>
      <c r="TPR657" s="613"/>
      <c r="TPS657" s="613"/>
      <c r="TPT657" s="613"/>
      <c r="TPU657" s="613"/>
      <c r="TPV657" s="613"/>
      <c r="TPW657" s="613"/>
      <c r="TPX657" s="613"/>
      <c r="TPY657" s="613"/>
      <c r="TPZ657" s="613"/>
      <c r="TQA657" s="613"/>
      <c r="TQB657" s="613"/>
      <c r="TQC657" s="613"/>
      <c r="TQD657" s="613"/>
      <c r="TQE657" s="613"/>
      <c r="TQF657" s="613"/>
      <c r="TQG657" s="613"/>
      <c r="TQH657" s="613"/>
      <c r="TQI657" s="613"/>
      <c r="TQJ657" s="613"/>
      <c r="TQK657" s="613"/>
      <c r="TQL657" s="613"/>
      <c r="TQM657" s="613"/>
      <c r="TQN657" s="613"/>
      <c r="TQO657" s="613"/>
      <c r="TQP657" s="613"/>
      <c r="TQQ657" s="613"/>
      <c r="TQR657" s="613"/>
      <c r="TQS657" s="613"/>
      <c r="TQT657" s="613"/>
      <c r="TQU657" s="613"/>
      <c r="TQV657" s="613"/>
      <c r="TQW657" s="613"/>
      <c r="TQX657" s="613"/>
      <c r="TQY657" s="613"/>
      <c r="TQZ657" s="613"/>
      <c r="TRA657" s="613"/>
      <c r="TRB657" s="613"/>
      <c r="TRC657" s="613"/>
      <c r="TRD657" s="613"/>
      <c r="TRE657" s="613"/>
      <c r="TRF657" s="613"/>
      <c r="TRG657" s="613"/>
      <c r="TRH657" s="613"/>
      <c r="TRI657" s="613"/>
      <c r="TRJ657" s="613"/>
      <c r="TRK657" s="613"/>
      <c r="TRL657" s="613"/>
      <c r="TRM657" s="613"/>
      <c r="TRN657" s="613"/>
      <c r="TRO657" s="613"/>
      <c r="TRP657" s="613"/>
      <c r="TRQ657" s="613"/>
      <c r="TRR657" s="613"/>
      <c r="TRS657" s="613"/>
      <c r="TRT657" s="613"/>
      <c r="TRU657" s="613"/>
      <c r="TRV657" s="613"/>
      <c r="TRW657" s="613"/>
      <c r="TRX657" s="613"/>
      <c r="TRY657" s="613"/>
      <c r="TRZ657" s="613"/>
      <c r="TSA657" s="613"/>
      <c r="TSB657" s="613"/>
      <c r="TSC657" s="613"/>
      <c r="TSD657" s="613"/>
      <c r="TSE657" s="613"/>
      <c r="TSF657" s="613"/>
      <c r="TSG657" s="613"/>
      <c r="TSH657" s="613"/>
      <c r="TSI657" s="613"/>
      <c r="TSJ657" s="613"/>
      <c r="TSK657" s="613"/>
      <c r="TSL657" s="613"/>
      <c r="TSM657" s="613"/>
      <c r="TSN657" s="613"/>
      <c r="TSO657" s="613"/>
      <c r="TSP657" s="613"/>
      <c r="TSQ657" s="613"/>
      <c r="TSR657" s="613"/>
      <c r="TSS657" s="613"/>
      <c r="TST657" s="613"/>
      <c r="TSU657" s="613"/>
      <c r="TSV657" s="613"/>
      <c r="TSW657" s="613"/>
      <c r="TSX657" s="613"/>
      <c r="TSY657" s="613"/>
      <c r="TSZ657" s="613"/>
      <c r="TTA657" s="613"/>
      <c r="TTB657" s="613"/>
      <c r="TTC657" s="613"/>
      <c r="TTD657" s="613"/>
      <c r="TTE657" s="613"/>
      <c r="TTF657" s="613"/>
      <c r="TTG657" s="613"/>
      <c r="TTH657" s="613"/>
      <c r="TTI657" s="613"/>
      <c r="TTJ657" s="613"/>
      <c r="TTK657" s="613"/>
      <c r="TTL657" s="613"/>
      <c r="TTM657" s="613"/>
      <c r="TTN657" s="613"/>
      <c r="TTO657" s="613"/>
      <c r="TTP657" s="613"/>
      <c r="TTQ657" s="613"/>
      <c r="TTR657" s="613"/>
      <c r="TTS657" s="613"/>
      <c r="TTT657" s="613"/>
      <c r="TTU657" s="613"/>
      <c r="TTV657" s="613"/>
      <c r="TTW657" s="613"/>
      <c r="TTX657" s="613"/>
      <c r="TTY657" s="613"/>
      <c r="TTZ657" s="613"/>
      <c r="TUA657" s="613"/>
      <c r="TUB657" s="613"/>
      <c r="TUC657" s="613"/>
      <c r="TUD657" s="613"/>
      <c r="TUE657" s="613"/>
      <c r="TUF657" s="613"/>
      <c r="TUG657" s="613"/>
      <c r="TUH657" s="613"/>
      <c r="TUI657" s="613"/>
      <c r="TUJ657" s="613"/>
      <c r="TUK657" s="613"/>
      <c r="TUL657" s="613"/>
      <c r="TUM657" s="613"/>
      <c r="TUN657" s="613"/>
      <c r="TUO657" s="613"/>
      <c r="TUP657" s="613"/>
      <c r="TUQ657" s="613"/>
      <c r="TUR657" s="613"/>
      <c r="TUS657" s="613"/>
      <c r="TUT657" s="613"/>
      <c r="TUU657" s="613"/>
      <c r="TUV657" s="613"/>
      <c r="TUW657" s="613"/>
      <c r="TUX657" s="613"/>
      <c r="TUY657" s="613"/>
      <c r="TUZ657" s="613"/>
      <c r="TVA657" s="613"/>
      <c r="TVB657" s="613"/>
      <c r="TVC657" s="613"/>
      <c r="TVD657" s="613"/>
      <c r="TVE657" s="613"/>
      <c r="TVF657" s="613"/>
      <c r="TVG657" s="613"/>
      <c r="TVH657" s="613"/>
      <c r="TVI657" s="613"/>
      <c r="TVJ657" s="613"/>
      <c r="TVK657" s="613"/>
      <c r="TVL657" s="613"/>
      <c r="TVM657" s="613"/>
      <c r="TVN657" s="613"/>
      <c r="TVO657" s="613"/>
      <c r="TVP657" s="613"/>
      <c r="TVQ657" s="613"/>
      <c r="TVR657" s="613"/>
      <c r="TVS657" s="613"/>
      <c r="TVT657" s="613"/>
      <c r="TVU657" s="613"/>
      <c r="TVV657" s="613"/>
      <c r="TVW657" s="613"/>
      <c r="TVX657" s="613"/>
      <c r="TVY657" s="613"/>
      <c r="TVZ657" s="613"/>
      <c r="TWA657" s="613"/>
      <c r="TWB657" s="613"/>
      <c r="TWC657" s="613"/>
      <c r="TWD657" s="613"/>
      <c r="TWE657" s="613"/>
      <c r="TWF657" s="613"/>
      <c r="TWG657" s="613"/>
      <c r="TWH657" s="613"/>
      <c r="TWI657" s="613"/>
      <c r="TWJ657" s="613"/>
      <c r="TWK657" s="613"/>
      <c r="TWL657" s="613"/>
      <c r="TWM657" s="613"/>
      <c r="TWN657" s="613"/>
      <c r="TWO657" s="613"/>
      <c r="TWP657" s="613"/>
      <c r="TWQ657" s="613"/>
      <c r="TWR657" s="613"/>
      <c r="TWS657" s="613"/>
      <c r="TWT657" s="613"/>
      <c r="TWU657" s="613"/>
      <c r="TWV657" s="613"/>
      <c r="TWW657" s="613"/>
      <c r="TWX657" s="613"/>
      <c r="TWY657" s="613"/>
      <c r="TWZ657" s="613"/>
      <c r="TXA657" s="613"/>
      <c r="TXB657" s="613"/>
      <c r="TXC657" s="613"/>
      <c r="TXD657" s="613"/>
      <c r="TXE657" s="613"/>
      <c r="TXF657" s="613"/>
      <c r="TXG657" s="613"/>
      <c r="TXH657" s="613"/>
      <c r="TXI657" s="613"/>
      <c r="TXJ657" s="613"/>
      <c r="TXK657" s="613"/>
      <c r="TXL657" s="613"/>
      <c r="TXM657" s="613"/>
      <c r="TXN657" s="613"/>
      <c r="TXO657" s="613"/>
      <c r="TXP657" s="613"/>
      <c r="TXQ657" s="613"/>
      <c r="TXR657" s="613"/>
      <c r="TXS657" s="613"/>
      <c r="TXT657" s="613"/>
      <c r="TXU657" s="613"/>
      <c r="TXV657" s="613"/>
      <c r="TXW657" s="613"/>
      <c r="TXX657" s="613"/>
      <c r="TXY657" s="613"/>
      <c r="TXZ657" s="613"/>
      <c r="TYA657" s="613"/>
      <c r="TYB657" s="613"/>
      <c r="TYC657" s="613"/>
      <c r="TYD657" s="613"/>
      <c r="TYE657" s="613"/>
      <c r="TYF657" s="613"/>
      <c r="TYG657" s="613"/>
      <c r="TYH657" s="613"/>
      <c r="TYI657" s="613"/>
      <c r="TYJ657" s="613"/>
      <c r="TYK657" s="613"/>
      <c r="TYL657" s="613"/>
      <c r="TYM657" s="613"/>
      <c r="TYN657" s="613"/>
      <c r="TYO657" s="613"/>
      <c r="TYP657" s="613"/>
      <c r="TYQ657" s="613"/>
      <c r="TYR657" s="613"/>
      <c r="TYS657" s="613"/>
      <c r="TYT657" s="613"/>
      <c r="TYU657" s="613"/>
      <c r="TYV657" s="613"/>
      <c r="TYW657" s="613"/>
      <c r="TYX657" s="613"/>
      <c r="TYY657" s="613"/>
      <c r="TYZ657" s="613"/>
      <c r="TZA657" s="613"/>
      <c r="TZB657" s="613"/>
      <c r="TZC657" s="613"/>
      <c r="TZD657" s="613"/>
      <c r="TZE657" s="613"/>
      <c r="TZF657" s="613"/>
      <c r="TZG657" s="613"/>
      <c r="TZH657" s="613"/>
      <c r="TZI657" s="613"/>
      <c r="TZJ657" s="613"/>
      <c r="TZK657" s="613"/>
      <c r="TZL657" s="613"/>
      <c r="TZM657" s="613"/>
      <c r="TZN657" s="613"/>
      <c r="TZO657" s="613"/>
      <c r="TZP657" s="613"/>
      <c r="TZQ657" s="613"/>
      <c r="TZR657" s="613"/>
      <c r="TZS657" s="613"/>
      <c r="TZT657" s="613"/>
      <c r="TZU657" s="613"/>
      <c r="TZV657" s="613"/>
      <c r="TZW657" s="613"/>
      <c r="TZX657" s="613"/>
      <c r="TZY657" s="613"/>
      <c r="TZZ657" s="613"/>
      <c r="UAA657" s="613"/>
      <c r="UAB657" s="613"/>
      <c r="UAC657" s="613"/>
      <c r="UAD657" s="613"/>
      <c r="UAE657" s="613"/>
      <c r="UAF657" s="613"/>
      <c r="UAG657" s="613"/>
      <c r="UAH657" s="613"/>
      <c r="UAI657" s="613"/>
      <c r="UAJ657" s="613"/>
      <c r="UAK657" s="613"/>
      <c r="UAL657" s="613"/>
      <c r="UAM657" s="613"/>
      <c r="UAN657" s="613"/>
      <c r="UAO657" s="613"/>
      <c r="UAP657" s="613"/>
      <c r="UAQ657" s="613"/>
      <c r="UAR657" s="613"/>
      <c r="UAS657" s="613"/>
      <c r="UAT657" s="613"/>
      <c r="UAU657" s="613"/>
      <c r="UAV657" s="613"/>
      <c r="UAW657" s="613"/>
      <c r="UAX657" s="613"/>
      <c r="UAY657" s="613"/>
      <c r="UAZ657" s="613"/>
      <c r="UBA657" s="613"/>
      <c r="UBB657" s="613"/>
      <c r="UBC657" s="613"/>
      <c r="UBD657" s="613"/>
      <c r="UBE657" s="613"/>
      <c r="UBF657" s="613"/>
      <c r="UBG657" s="613"/>
      <c r="UBH657" s="613"/>
      <c r="UBI657" s="613"/>
      <c r="UBJ657" s="613"/>
      <c r="UBK657" s="613"/>
      <c r="UBL657" s="613"/>
      <c r="UBM657" s="613"/>
      <c r="UBN657" s="613"/>
      <c r="UBO657" s="613"/>
      <c r="UBP657" s="613"/>
      <c r="UBQ657" s="613"/>
      <c r="UBR657" s="613"/>
      <c r="UBS657" s="613"/>
      <c r="UBT657" s="613"/>
      <c r="UBU657" s="613"/>
      <c r="UBV657" s="613"/>
      <c r="UBW657" s="613"/>
      <c r="UBX657" s="613"/>
      <c r="UBY657" s="613"/>
      <c r="UBZ657" s="613"/>
      <c r="UCA657" s="613"/>
      <c r="UCB657" s="613"/>
      <c r="UCC657" s="613"/>
      <c r="UCD657" s="613"/>
      <c r="UCE657" s="613"/>
      <c r="UCF657" s="613"/>
      <c r="UCG657" s="613"/>
      <c r="UCH657" s="613"/>
      <c r="UCI657" s="613"/>
      <c r="UCJ657" s="613"/>
      <c r="UCK657" s="613"/>
      <c r="UCL657" s="613"/>
      <c r="UCM657" s="613"/>
      <c r="UCN657" s="613"/>
      <c r="UCO657" s="613"/>
      <c r="UCP657" s="613"/>
      <c r="UCQ657" s="613"/>
      <c r="UCR657" s="613"/>
      <c r="UCS657" s="613"/>
      <c r="UCT657" s="613"/>
      <c r="UCU657" s="613"/>
      <c r="UCV657" s="613"/>
      <c r="UCW657" s="613"/>
      <c r="UCX657" s="613"/>
      <c r="UCY657" s="613"/>
      <c r="UCZ657" s="613"/>
      <c r="UDA657" s="613"/>
      <c r="UDB657" s="613"/>
      <c r="UDC657" s="613"/>
      <c r="UDD657" s="613"/>
      <c r="UDE657" s="613"/>
      <c r="UDF657" s="613"/>
      <c r="UDG657" s="613"/>
      <c r="UDH657" s="613"/>
      <c r="UDI657" s="613"/>
      <c r="UDJ657" s="613"/>
      <c r="UDK657" s="613"/>
      <c r="UDL657" s="613"/>
      <c r="UDM657" s="613"/>
      <c r="UDN657" s="613"/>
      <c r="UDO657" s="613"/>
      <c r="UDP657" s="613"/>
      <c r="UDQ657" s="613"/>
      <c r="UDR657" s="613"/>
      <c r="UDS657" s="613"/>
      <c r="UDT657" s="613"/>
      <c r="UDU657" s="613"/>
      <c r="UDV657" s="613"/>
      <c r="UDW657" s="613"/>
      <c r="UDX657" s="613"/>
      <c r="UDY657" s="613"/>
      <c r="UDZ657" s="613"/>
      <c r="UEA657" s="613"/>
      <c r="UEB657" s="613"/>
      <c r="UEC657" s="613"/>
      <c r="UED657" s="613"/>
      <c r="UEE657" s="613"/>
      <c r="UEF657" s="613"/>
      <c r="UEG657" s="613"/>
      <c r="UEH657" s="613"/>
      <c r="UEI657" s="613"/>
      <c r="UEJ657" s="613"/>
      <c r="UEK657" s="613"/>
      <c r="UEL657" s="613"/>
      <c r="UEM657" s="613"/>
      <c r="UEN657" s="613"/>
      <c r="UEO657" s="613"/>
      <c r="UEP657" s="613"/>
      <c r="UEQ657" s="613"/>
      <c r="UER657" s="613"/>
      <c r="UES657" s="613"/>
      <c r="UET657" s="613"/>
      <c r="UEU657" s="613"/>
      <c r="UEV657" s="613"/>
      <c r="UEW657" s="613"/>
      <c r="UEX657" s="613"/>
      <c r="UEY657" s="613"/>
      <c r="UEZ657" s="613"/>
      <c r="UFA657" s="613"/>
      <c r="UFB657" s="613"/>
      <c r="UFC657" s="613"/>
      <c r="UFD657" s="613"/>
      <c r="UFE657" s="613"/>
      <c r="UFF657" s="613"/>
      <c r="UFG657" s="613"/>
      <c r="UFH657" s="613"/>
      <c r="UFI657" s="613"/>
      <c r="UFJ657" s="613"/>
      <c r="UFK657" s="613"/>
      <c r="UFL657" s="613"/>
      <c r="UFM657" s="613"/>
      <c r="UFN657" s="613"/>
      <c r="UFO657" s="613"/>
      <c r="UFP657" s="613"/>
      <c r="UFQ657" s="613"/>
      <c r="UFR657" s="613"/>
      <c r="UFS657" s="613"/>
      <c r="UFT657" s="613"/>
      <c r="UFU657" s="613"/>
      <c r="UFV657" s="613"/>
      <c r="UFW657" s="613"/>
      <c r="UFX657" s="613"/>
      <c r="UFY657" s="613"/>
      <c r="UFZ657" s="613"/>
      <c r="UGA657" s="613"/>
      <c r="UGB657" s="613"/>
      <c r="UGC657" s="613"/>
      <c r="UGD657" s="613"/>
      <c r="UGE657" s="613"/>
      <c r="UGF657" s="613"/>
      <c r="UGG657" s="613"/>
      <c r="UGH657" s="613"/>
      <c r="UGI657" s="613"/>
      <c r="UGJ657" s="613"/>
      <c r="UGK657" s="613"/>
      <c r="UGL657" s="613"/>
      <c r="UGM657" s="613"/>
      <c r="UGN657" s="613"/>
      <c r="UGO657" s="613"/>
      <c r="UGP657" s="613"/>
      <c r="UGQ657" s="613"/>
      <c r="UGR657" s="613"/>
      <c r="UGS657" s="613"/>
      <c r="UGT657" s="613"/>
      <c r="UGU657" s="613"/>
      <c r="UGV657" s="613"/>
      <c r="UGW657" s="613"/>
      <c r="UGX657" s="613"/>
      <c r="UGY657" s="613"/>
      <c r="UGZ657" s="613"/>
      <c r="UHA657" s="613"/>
      <c r="UHB657" s="613"/>
      <c r="UHC657" s="613"/>
      <c r="UHD657" s="613"/>
      <c r="UHE657" s="613"/>
      <c r="UHF657" s="613"/>
      <c r="UHG657" s="613"/>
      <c r="UHH657" s="613"/>
      <c r="UHI657" s="613"/>
      <c r="UHJ657" s="613"/>
      <c r="UHK657" s="613"/>
      <c r="UHL657" s="613"/>
      <c r="UHM657" s="613"/>
      <c r="UHN657" s="613"/>
      <c r="UHO657" s="613"/>
      <c r="UHP657" s="613"/>
      <c r="UHQ657" s="613"/>
      <c r="UHR657" s="613"/>
      <c r="UHS657" s="613"/>
      <c r="UHT657" s="613"/>
      <c r="UHU657" s="613"/>
      <c r="UHV657" s="613"/>
      <c r="UHW657" s="613"/>
      <c r="UHX657" s="613"/>
      <c r="UHY657" s="613"/>
      <c r="UHZ657" s="613"/>
      <c r="UIA657" s="613"/>
      <c r="UIB657" s="613"/>
      <c r="UIC657" s="613"/>
      <c r="UID657" s="613"/>
      <c r="UIE657" s="613"/>
      <c r="UIF657" s="613"/>
      <c r="UIG657" s="613"/>
      <c r="UIH657" s="613"/>
      <c r="UII657" s="613"/>
      <c r="UIJ657" s="613"/>
      <c r="UIK657" s="613"/>
      <c r="UIL657" s="613"/>
      <c r="UIM657" s="613"/>
      <c r="UIN657" s="613"/>
      <c r="UIO657" s="613"/>
      <c r="UIP657" s="613"/>
      <c r="UIQ657" s="613"/>
      <c r="UIR657" s="613"/>
      <c r="UIS657" s="613"/>
      <c r="UIT657" s="613"/>
      <c r="UIU657" s="613"/>
      <c r="UIV657" s="613"/>
      <c r="UIW657" s="613"/>
      <c r="UIX657" s="613"/>
      <c r="UIY657" s="613"/>
      <c r="UIZ657" s="613"/>
      <c r="UJA657" s="613"/>
      <c r="UJB657" s="613"/>
      <c r="UJC657" s="613"/>
      <c r="UJD657" s="613"/>
      <c r="UJE657" s="613"/>
      <c r="UJF657" s="613"/>
      <c r="UJG657" s="613"/>
      <c r="UJH657" s="613"/>
      <c r="UJI657" s="613"/>
      <c r="UJJ657" s="613"/>
      <c r="UJK657" s="613"/>
      <c r="UJL657" s="613"/>
      <c r="UJM657" s="613"/>
      <c r="UJN657" s="613"/>
      <c r="UJO657" s="613"/>
      <c r="UJP657" s="613"/>
      <c r="UJQ657" s="613"/>
      <c r="UJR657" s="613"/>
      <c r="UJS657" s="613"/>
      <c r="UJT657" s="613"/>
      <c r="UJU657" s="613"/>
      <c r="UJV657" s="613"/>
      <c r="UJW657" s="613"/>
      <c r="UJX657" s="613"/>
      <c r="UJY657" s="613"/>
      <c r="UJZ657" s="613"/>
      <c r="UKA657" s="613"/>
      <c r="UKB657" s="613"/>
      <c r="UKC657" s="613"/>
      <c r="UKD657" s="613"/>
      <c r="UKE657" s="613"/>
      <c r="UKF657" s="613"/>
      <c r="UKG657" s="613"/>
      <c r="UKH657" s="613"/>
      <c r="UKI657" s="613"/>
      <c r="UKJ657" s="613"/>
      <c r="UKK657" s="613"/>
      <c r="UKL657" s="613"/>
      <c r="UKM657" s="613"/>
      <c r="UKN657" s="613"/>
      <c r="UKO657" s="613"/>
      <c r="UKP657" s="613"/>
      <c r="UKQ657" s="613"/>
      <c r="UKR657" s="613"/>
      <c r="UKS657" s="613"/>
      <c r="UKT657" s="613"/>
      <c r="UKU657" s="613"/>
      <c r="UKV657" s="613"/>
      <c r="UKW657" s="613"/>
      <c r="UKX657" s="613"/>
      <c r="UKY657" s="613"/>
      <c r="UKZ657" s="613"/>
      <c r="ULA657" s="613"/>
      <c r="ULB657" s="613"/>
      <c r="ULC657" s="613"/>
      <c r="ULD657" s="613"/>
      <c r="ULE657" s="613"/>
      <c r="ULF657" s="613"/>
      <c r="ULG657" s="613"/>
      <c r="ULH657" s="613"/>
      <c r="ULI657" s="613"/>
      <c r="ULJ657" s="613"/>
      <c r="ULK657" s="613"/>
      <c r="ULL657" s="613"/>
      <c r="ULM657" s="613"/>
      <c r="ULN657" s="613"/>
      <c r="ULO657" s="613"/>
      <c r="ULP657" s="613"/>
      <c r="ULQ657" s="613"/>
      <c r="ULR657" s="613"/>
      <c r="ULS657" s="613"/>
      <c r="ULT657" s="613"/>
      <c r="ULU657" s="613"/>
      <c r="ULV657" s="613"/>
      <c r="ULW657" s="613"/>
      <c r="ULX657" s="613"/>
      <c r="ULY657" s="613"/>
      <c r="ULZ657" s="613"/>
      <c r="UMA657" s="613"/>
      <c r="UMB657" s="613"/>
      <c r="UMC657" s="613"/>
      <c r="UMD657" s="613"/>
      <c r="UME657" s="613"/>
      <c r="UMF657" s="613"/>
      <c r="UMG657" s="613"/>
      <c r="UMH657" s="613"/>
      <c r="UMI657" s="613"/>
      <c r="UMJ657" s="613"/>
      <c r="UMK657" s="613"/>
      <c r="UML657" s="613"/>
      <c r="UMM657" s="613"/>
      <c r="UMN657" s="613"/>
      <c r="UMO657" s="613"/>
      <c r="UMP657" s="613"/>
      <c r="UMQ657" s="613"/>
      <c r="UMR657" s="613"/>
      <c r="UMS657" s="613"/>
      <c r="UMT657" s="613"/>
      <c r="UMU657" s="613"/>
      <c r="UMV657" s="613"/>
      <c r="UMW657" s="613"/>
      <c r="UMX657" s="613"/>
      <c r="UMY657" s="613"/>
      <c r="UMZ657" s="613"/>
      <c r="UNA657" s="613"/>
      <c r="UNB657" s="613"/>
      <c r="UNC657" s="613"/>
      <c r="UND657" s="613"/>
      <c r="UNE657" s="613"/>
      <c r="UNF657" s="613"/>
      <c r="UNG657" s="613"/>
      <c r="UNH657" s="613"/>
      <c r="UNI657" s="613"/>
      <c r="UNJ657" s="613"/>
      <c r="UNK657" s="613"/>
      <c r="UNL657" s="613"/>
      <c r="UNM657" s="613"/>
      <c r="UNN657" s="613"/>
      <c r="UNO657" s="613"/>
      <c r="UNP657" s="613"/>
      <c r="UNQ657" s="613"/>
      <c r="UNR657" s="613"/>
      <c r="UNS657" s="613"/>
      <c r="UNT657" s="613"/>
      <c r="UNU657" s="613"/>
      <c r="UNV657" s="613"/>
      <c r="UNW657" s="613"/>
      <c r="UNX657" s="613"/>
      <c r="UNY657" s="613"/>
      <c r="UNZ657" s="613"/>
      <c r="UOA657" s="613"/>
      <c r="UOB657" s="613"/>
      <c r="UOC657" s="613"/>
      <c r="UOD657" s="613"/>
      <c r="UOE657" s="613"/>
      <c r="UOF657" s="613"/>
      <c r="UOG657" s="613"/>
      <c r="UOH657" s="613"/>
      <c r="UOI657" s="613"/>
      <c r="UOJ657" s="613"/>
      <c r="UOK657" s="613"/>
      <c r="UOL657" s="613"/>
      <c r="UOM657" s="613"/>
      <c r="UON657" s="613"/>
      <c r="UOO657" s="613"/>
      <c r="UOP657" s="613"/>
      <c r="UOQ657" s="613"/>
      <c r="UOR657" s="613"/>
      <c r="UOS657" s="613"/>
      <c r="UOT657" s="613"/>
      <c r="UOU657" s="613"/>
      <c r="UOV657" s="613"/>
      <c r="UOW657" s="613"/>
      <c r="UOX657" s="613"/>
      <c r="UOY657" s="613"/>
      <c r="UOZ657" s="613"/>
      <c r="UPA657" s="613"/>
      <c r="UPB657" s="613"/>
      <c r="UPC657" s="613"/>
      <c r="UPD657" s="613"/>
      <c r="UPE657" s="613"/>
      <c r="UPF657" s="613"/>
      <c r="UPG657" s="613"/>
      <c r="UPH657" s="613"/>
      <c r="UPI657" s="613"/>
      <c r="UPJ657" s="613"/>
      <c r="UPK657" s="613"/>
      <c r="UPL657" s="613"/>
      <c r="UPM657" s="613"/>
      <c r="UPN657" s="613"/>
      <c r="UPO657" s="613"/>
      <c r="UPP657" s="613"/>
      <c r="UPQ657" s="613"/>
      <c r="UPR657" s="613"/>
      <c r="UPS657" s="613"/>
      <c r="UPT657" s="613"/>
      <c r="UPU657" s="613"/>
      <c r="UPV657" s="613"/>
      <c r="UPW657" s="613"/>
      <c r="UPX657" s="613"/>
      <c r="UPY657" s="613"/>
      <c r="UPZ657" s="613"/>
      <c r="UQA657" s="613"/>
      <c r="UQB657" s="613"/>
      <c r="UQC657" s="613"/>
      <c r="UQD657" s="613"/>
      <c r="UQE657" s="613"/>
      <c r="UQF657" s="613"/>
      <c r="UQG657" s="613"/>
      <c r="UQH657" s="613"/>
      <c r="UQI657" s="613"/>
      <c r="UQJ657" s="613"/>
      <c r="UQK657" s="613"/>
      <c r="UQL657" s="613"/>
      <c r="UQM657" s="613"/>
      <c r="UQN657" s="613"/>
      <c r="UQO657" s="613"/>
      <c r="UQP657" s="613"/>
      <c r="UQQ657" s="613"/>
      <c r="UQR657" s="613"/>
      <c r="UQS657" s="613"/>
      <c r="UQT657" s="613"/>
      <c r="UQU657" s="613"/>
      <c r="UQV657" s="613"/>
      <c r="UQW657" s="613"/>
      <c r="UQX657" s="613"/>
      <c r="UQY657" s="613"/>
      <c r="UQZ657" s="613"/>
      <c r="URA657" s="613"/>
      <c r="URB657" s="613"/>
      <c r="URC657" s="613"/>
      <c r="URD657" s="613"/>
      <c r="URE657" s="613"/>
      <c r="URF657" s="613"/>
      <c r="URG657" s="613"/>
      <c r="URH657" s="613"/>
      <c r="URI657" s="613"/>
      <c r="URJ657" s="613"/>
      <c r="URK657" s="613"/>
      <c r="URL657" s="613"/>
      <c r="URM657" s="613"/>
      <c r="URN657" s="613"/>
      <c r="URO657" s="613"/>
      <c r="URP657" s="613"/>
      <c r="URQ657" s="613"/>
      <c r="URR657" s="613"/>
      <c r="URS657" s="613"/>
      <c r="URT657" s="613"/>
      <c r="URU657" s="613"/>
      <c r="URV657" s="613"/>
      <c r="URW657" s="613"/>
      <c r="URX657" s="613"/>
      <c r="URY657" s="613"/>
      <c r="URZ657" s="613"/>
      <c r="USA657" s="613"/>
      <c r="USB657" s="613"/>
      <c r="USC657" s="613"/>
      <c r="USD657" s="613"/>
      <c r="USE657" s="613"/>
      <c r="USF657" s="613"/>
      <c r="USG657" s="613"/>
      <c r="USH657" s="613"/>
      <c r="USI657" s="613"/>
      <c r="USJ657" s="613"/>
      <c r="USK657" s="613"/>
      <c r="USL657" s="613"/>
      <c r="USM657" s="613"/>
      <c r="USN657" s="613"/>
      <c r="USO657" s="613"/>
      <c r="USP657" s="613"/>
      <c r="USQ657" s="613"/>
      <c r="USR657" s="613"/>
      <c r="USS657" s="613"/>
      <c r="UST657" s="613"/>
      <c r="USU657" s="613"/>
      <c r="USV657" s="613"/>
      <c r="USW657" s="613"/>
      <c r="USX657" s="613"/>
      <c r="USY657" s="613"/>
      <c r="USZ657" s="613"/>
      <c r="UTA657" s="613"/>
      <c r="UTB657" s="613"/>
      <c r="UTC657" s="613"/>
      <c r="UTD657" s="613"/>
      <c r="UTE657" s="613"/>
      <c r="UTF657" s="613"/>
      <c r="UTG657" s="613"/>
      <c r="UTH657" s="613"/>
      <c r="UTI657" s="613"/>
      <c r="UTJ657" s="613"/>
      <c r="UTK657" s="613"/>
      <c r="UTL657" s="613"/>
      <c r="UTM657" s="613"/>
      <c r="UTN657" s="613"/>
      <c r="UTO657" s="613"/>
      <c r="UTP657" s="613"/>
      <c r="UTQ657" s="613"/>
      <c r="UTR657" s="613"/>
      <c r="UTS657" s="613"/>
      <c r="UTT657" s="613"/>
      <c r="UTU657" s="613"/>
      <c r="UTV657" s="613"/>
      <c r="UTW657" s="613"/>
      <c r="UTX657" s="613"/>
      <c r="UTY657" s="613"/>
      <c r="UTZ657" s="613"/>
      <c r="UUA657" s="613"/>
      <c r="UUB657" s="613"/>
      <c r="UUC657" s="613"/>
      <c r="UUD657" s="613"/>
      <c r="UUE657" s="613"/>
      <c r="UUF657" s="613"/>
      <c r="UUG657" s="613"/>
      <c r="UUH657" s="613"/>
      <c r="UUI657" s="613"/>
      <c r="UUJ657" s="613"/>
      <c r="UUK657" s="613"/>
      <c r="UUL657" s="613"/>
      <c r="UUM657" s="613"/>
      <c r="UUN657" s="613"/>
      <c r="UUO657" s="613"/>
      <c r="UUP657" s="613"/>
      <c r="UUQ657" s="613"/>
      <c r="UUR657" s="613"/>
      <c r="UUS657" s="613"/>
      <c r="UUT657" s="613"/>
      <c r="UUU657" s="613"/>
      <c r="UUV657" s="613"/>
      <c r="UUW657" s="613"/>
      <c r="UUX657" s="613"/>
      <c r="UUY657" s="613"/>
      <c r="UUZ657" s="613"/>
      <c r="UVA657" s="613"/>
      <c r="UVB657" s="613"/>
      <c r="UVC657" s="613"/>
      <c r="UVD657" s="613"/>
      <c r="UVE657" s="613"/>
      <c r="UVF657" s="613"/>
      <c r="UVG657" s="613"/>
      <c r="UVH657" s="613"/>
      <c r="UVI657" s="613"/>
      <c r="UVJ657" s="613"/>
      <c r="UVK657" s="613"/>
      <c r="UVL657" s="613"/>
      <c r="UVM657" s="613"/>
      <c r="UVN657" s="613"/>
      <c r="UVO657" s="613"/>
      <c r="UVP657" s="613"/>
      <c r="UVQ657" s="613"/>
      <c r="UVR657" s="613"/>
      <c r="UVS657" s="613"/>
      <c r="UVT657" s="613"/>
      <c r="UVU657" s="613"/>
      <c r="UVV657" s="613"/>
      <c r="UVW657" s="613"/>
      <c r="UVX657" s="613"/>
      <c r="UVY657" s="613"/>
      <c r="UVZ657" s="613"/>
      <c r="UWA657" s="613"/>
      <c r="UWB657" s="613"/>
      <c r="UWC657" s="613"/>
      <c r="UWD657" s="613"/>
      <c r="UWE657" s="613"/>
      <c r="UWF657" s="613"/>
      <c r="UWG657" s="613"/>
      <c r="UWH657" s="613"/>
      <c r="UWI657" s="613"/>
      <c r="UWJ657" s="613"/>
      <c r="UWK657" s="613"/>
      <c r="UWL657" s="613"/>
      <c r="UWM657" s="613"/>
      <c r="UWN657" s="613"/>
      <c r="UWO657" s="613"/>
      <c r="UWP657" s="613"/>
      <c r="UWQ657" s="613"/>
      <c r="UWR657" s="613"/>
      <c r="UWS657" s="613"/>
      <c r="UWT657" s="613"/>
      <c r="UWU657" s="613"/>
      <c r="UWV657" s="613"/>
      <c r="UWW657" s="613"/>
      <c r="UWX657" s="613"/>
      <c r="UWY657" s="613"/>
      <c r="UWZ657" s="613"/>
      <c r="UXA657" s="613"/>
      <c r="UXB657" s="613"/>
      <c r="UXC657" s="613"/>
      <c r="UXD657" s="613"/>
      <c r="UXE657" s="613"/>
      <c r="UXF657" s="613"/>
      <c r="UXG657" s="613"/>
      <c r="UXH657" s="613"/>
      <c r="UXI657" s="613"/>
      <c r="UXJ657" s="613"/>
      <c r="UXK657" s="613"/>
      <c r="UXL657" s="613"/>
      <c r="UXM657" s="613"/>
      <c r="UXN657" s="613"/>
      <c r="UXO657" s="613"/>
      <c r="UXP657" s="613"/>
      <c r="UXQ657" s="613"/>
      <c r="UXR657" s="613"/>
      <c r="UXS657" s="613"/>
      <c r="UXT657" s="613"/>
      <c r="UXU657" s="613"/>
      <c r="UXV657" s="613"/>
      <c r="UXW657" s="613"/>
      <c r="UXX657" s="613"/>
      <c r="UXY657" s="613"/>
      <c r="UXZ657" s="613"/>
      <c r="UYA657" s="613"/>
      <c r="UYB657" s="613"/>
      <c r="UYC657" s="613"/>
      <c r="UYD657" s="613"/>
      <c r="UYE657" s="613"/>
      <c r="UYF657" s="613"/>
      <c r="UYG657" s="613"/>
      <c r="UYH657" s="613"/>
      <c r="UYI657" s="613"/>
      <c r="UYJ657" s="613"/>
      <c r="UYK657" s="613"/>
      <c r="UYL657" s="613"/>
      <c r="UYM657" s="613"/>
      <c r="UYN657" s="613"/>
      <c r="UYO657" s="613"/>
      <c r="UYP657" s="613"/>
      <c r="UYQ657" s="613"/>
      <c r="UYR657" s="613"/>
      <c r="UYS657" s="613"/>
      <c r="UYT657" s="613"/>
      <c r="UYU657" s="613"/>
      <c r="UYV657" s="613"/>
      <c r="UYW657" s="613"/>
      <c r="UYX657" s="613"/>
      <c r="UYY657" s="613"/>
      <c r="UYZ657" s="613"/>
      <c r="UZA657" s="613"/>
      <c r="UZB657" s="613"/>
      <c r="UZC657" s="613"/>
      <c r="UZD657" s="613"/>
      <c r="UZE657" s="613"/>
      <c r="UZF657" s="613"/>
      <c r="UZG657" s="613"/>
      <c r="UZH657" s="613"/>
      <c r="UZI657" s="613"/>
      <c r="UZJ657" s="613"/>
      <c r="UZK657" s="613"/>
      <c r="UZL657" s="613"/>
      <c r="UZM657" s="613"/>
      <c r="UZN657" s="613"/>
      <c r="UZO657" s="613"/>
      <c r="UZP657" s="613"/>
      <c r="UZQ657" s="613"/>
      <c r="UZR657" s="613"/>
      <c r="UZS657" s="613"/>
      <c r="UZT657" s="613"/>
      <c r="UZU657" s="613"/>
      <c r="UZV657" s="613"/>
      <c r="UZW657" s="613"/>
      <c r="UZX657" s="613"/>
      <c r="UZY657" s="613"/>
      <c r="UZZ657" s="613"/>
      <c r="VAA657" s="613"/>
      <c r="VAB657" s="613"/>
      <c r="VAC657" s="613"/>
      <c r="VAD657" s="613"/>
      <c r="VAE657" s="613"/>
      <c r="VAF657" s="613"/>
      <c r="VAG657" s="613"/>
      <c r="VAH657" s="613"/>
      <c r="VAI657" s="613"/>
      <c r="VAJ657" s="613"/>
      <c r="VAK657" s="613"/>
      <c r="VAL657" s="613"/>
      <c r="VAM657" s="613"/>
      <c r="VAN657" s="613"/>
      <c r="VAO657" s="613"/>
      <c r="VAP657" s="613"/>
      <c r="VAQ657" s="613"/>
      <c r="VAR657" s="613"/>
      <c r="VAS657" s="613"/>
      <c r="VAT657" s="613"/>
      <c r="VAU657" s="613"/>
      <c r="VAV657" s="613"/>
      <c r="VAW657" s="613"/>
      <c r="VAX657" s="613"/>
      <c r="VAY657" s="613"/>
      <c r="VAZ657" s="613"/>
      <c r="VBA657" s="613"/>
      <c r="VBB657" s="613"/>
      <c r="VBC657" s="613"/>
      <c r="VBD657" s="613"/>
      <c r="VBE657" s="613"/>
      <c r="VBF657" s="613"/>
      <c r="VBG657" s="613"/>
      <c r="VBH657" s="613"/>
      <c r="VBI657" s="613"/>
      <c r="VBJ657" s="613"/>
      <c r="VBK657" s="613"/>
      <c r="VBL657" s="613"/>
      <c r="VBM657" s="613"/>
      <c r="VBN657" s="613"/>
      <c r="VBO657" s="613"/>
      <c r="VBP657" s="613"/>
      <c r="VBQ657" s="613"/>
      <c r="VBR657" s="613"/>
      <c r="VBS657" s="613"/>
      <c r="VBT657" s="613"/>
      <c r="VBU657" s="613"/>
      <c r="VBV657" s="613"/>
      <c r="VBW657" s="613"/>
      <c r="VBX657" s="613"/>
      <c r="VBY657" s="613"/>
      <c r="VBZ657" s="613"/>
      <c r="VCA657" s="613"/>
      <c r="VCB657" s="613"/>
      <c r="VCC657" s="613"/>
      <c r="VCD657" s="613"/>
      <c r="VCE657" s="613"/>
      <c r="VCF657" s="613"/>
      <c r="VCG657" s="613"/>
      <c r="VCH657" s="613"/>
      <c r="VCI657" s="613"/>
      <c r="VCJ657" s="613"/>
      <c r="VCK657" s="613"/>
      <c r="VCL657" s="613"/>
      <c r="VCM657" s="613"/>
      <c r="VCN657" s="613"/>
      <c r="VCO657" s="613"/>
      <c r="VCP657" s="613"/>
      <c r="VCQ657" s="613"/>
      <c r="VCR657" s="613"/>
      <c r="VCS657" s="613"/>
      <c r="VCT657" s="613"/>
      <c r="VCU657" s="613"/>
      <c r="VCV657" s="613"/>
      <c r="VCW657" s="613"/>
      <c r="VCX657" s="613"/>
      <c r="VCY657" s="613"/>
      <c r="VCZ657" s="613"/>
      <c r="VDA657" s="613"/>
      <c r="VDB657" s="613"/>
      <c r="VDC657" s="613"/>
      <c r="VDD657" s="613"/>
      <c r="VDE657" s="613"/>
      <c r="VDF657" s="613"/>
      <c r="VDG657" s="613"/>
      <c r="VDH657" s="613"/>
      <c r="VDI657" s="613"/>
      <c r="VDJ657" s="613"/>
      <c r="VDK657" s="613"/>
      <c r="VDL657" s="613"/>
      <c r="VDM657" s="613"/>
      <c r="VDN657" s="613"/>
      <c r="VDO657" s="613"/>
      <c r="VDP657" s="613"/>
      <c r="VDQ657" s="613"/>
      <c r="VDR657" s="613"/>
      <c r="VDS657" s="613"/>
      <c r="VDT657" s="613"/>
      <c r="VDU657" s="613"/>
      <c r="VDV657" s="613"/>
      <c r="VDW657" s="613"/>
      <c r="VDX657" s="613"/>
      <c r="VDY657" s="613"/>
      <c r="VDZ657" s="613"/>
      <c r="VEA657" s="613"/>
      <c r="VEB657" s="613"/>
      <c r="VEC657" s="613"/>
      <c r="VED657" s="613"/>
      <c r="VEE657" s="613"/>
      <c r="VEF657" s="613"/>
      <c r="VEG657" s="613"/>
      <c r="VEH657" s="613"/>
      <c r="VEI657" s="613"/>
      <c r="VEJ657" s="613"/>
      <c r="VEK657" s="613"/>
      <c r="VEL657" s="613"/>
      <c r="VEM657" s="613"/>
      <c r="VEN657" s="613"/>
      <c r="VEO657" s="613"/>
      <c r="VEP657" s="613"/>
      <c r="VEQ657" s="613"/>
      <c r="VER657" s="613"/>
      <c r="VES657" s="613"/>
      <c r="VET657" s="613"/>
      <c r="VEU657" s="613"/>
      <c r="VEV657" s="613"/>
      <c r="VEW657" s="613"/>
      <c r="VEX657" s="613"/>
      <c r="VEY657" s="613"/>
      <c r="VEZ657" s="613"/>
      <c r="VFA657" s="613"/>
      <c r="VFB657" s="613"/>
      <c r="VFC657" s="613"/>
      <c r="VFD657" s="613"/>
      <c r="VFE657" s="613"/>
      <c r="VFF657" s="613"/>
      <c r="VFG657" s="613"/>
      <c r="VFH657" s="613"/>
      <c r="VFI657" s="613"/>
      <c r="VFJ657" s="613"/>
      <c r="VFK657" s="613"/>
      <c r="VFL657" s="613"/>
      <c r="VFM657" s="613"/>
      <c r="VFN657" s="613"/>
      <c r="VFO657" s="613"/>
      <c r="VFP657" s="613"/>
      <c r="VFQ657" s="613"/>
      <c r="VFR657" s="613"/>
      <c r="VFS657" s="613"/>
      <c r="VFT657" s="613"/>
      <c r="VFU657" s="613"/>
      <c r="VFV657" s="613"/>
      <c r="VFW657" s="613"/>
      <c r="VFX657" s="613"/>
      <c r="VFY657" s="613"/>
      <c r="VFZ657" s="613"/>
      <c r="VGA657" s="613"/>
      <c r="VGB657" s="613"/>
      <c r="VGC657" s="613"/>
      <c r="VGD657" s="613"/>
      <c r="VGE657" s="613"/>
      <c r="VGF657" s="613"/>
      <c r="VGG657" s="613"/>
      <c r="VGH657" s="613"/>
      <c r="VGI657" s="613"/>
      <c r="VGJ657" s="613"/>
      <c r="VGK657" s="613"/>
      <c r="VGL657" s="613"/>
      <c r="VGM657" s="613"/>
      <c r="VGN657" s="613"/>
      <c r="VGO657" s="613"/>
      <c r="VGP657" s="613"/>
      <c r="VGQ657" s="613"/>
      <c r="VGR657" s="613"/>
      <c r="VGS657" s="613"/>
      <c r="VGT657" s="613"/>
      <c r="VGU657" s="613"/>
      <c r="VGV657" s="613"/>
      <c r="VGW657" s="613"/>
      <c r="VGX657" s="613"/>
      <c r="VGY657" s="613"/>
      <c r="VGZ657" s="613"/>
      <c r="VHA657" s="613"/>
      <c r="VHB657" s="613"/>
      <c r="VHC657" s="613"/>
      <c r="VHD657" s="613"/>
      <c r="VHE657" s="613"/>
      <c r="VHF657" s="613"/>
      <c r="VHG657" s="613"/>
      <c r="VHH657" s="613"/>
      <c r="VHI657" s="613"/>
      <c r="VHJ657" s="613"/>
      <c r="VHK657" s="613"/>
      <c r="VHL657" s="613"/>
      <c r="VHM657" s="613"/>
      <c r="VHN657" s="613"/>
      <c r="VHO657" s="613"/>
      <c r="VHP657" s="613"/>
      <c r="VHQ657" s="613"/>
      <c r="VHR657" s="613"/>
      <c r="VHS657" s="613"/>
      <c r="VHT657" s="613"/>
      <c r="VHU657" s="613"/>
      <c r="VHV657" s="613"/>
      <c r="VHW657" s="613"/>
      <c r="VHX657" s="613"/>
      <c r="VHY657" s="613"/>
      <c r="VHZ657" s="613"/>
      <c r="VIA657" s="613"/>
      <c r="VIB657" s="613"/>
      <c r="VIC657" s="613"/>
      <c r="VID657" s="613"/>
      <c r="VIE657" s="613"/>
      <c r="VIF657" s="613"/>
      <c r="VIG657" s="613"/>
      <c r="VIH657" s="613"/>
      <c r="VII657" s="613"/>
      <c r="VIJ657" s="613"/>
      <c r="VIK657" s="613"/>
      <c r="VIL657" s="613"/>
      <c r="VIM657" s="613"/>
      <c r="VIN657" s="613"/>
      <c r="VIO657" s="613"/>
      <c r="VIP657" s="613"/>
      <c r="VIQ657" s="613"/>
      <c r="VIR657" s="613"/>
      <c r="VIS657" s="613"/>
      <c r="VIT657" s="613"/>
      <c r="VIU657" s="613"/>
      <c r="VIV657" s="613"/>
      <c r="VIW657" s="613"/>
      <c r="VIX657" s="613"/>
      <c r="VIY657" s="613"/>
      <c r="VIZ657" s="613"/>
      <c r="VJA657" s="613"/>
      <c r="VJB657" s="613"/>
      <c r="VJC657" s="613"/>
      <c r="VJD657" s="613"/>
      <c r="VJE657" s="613"/>
      <c r="VJF657" s="613"/>
      <c r="VJG657" s="613"/>
      <c r="VJH657" s="613"/>
      <c r="VJI657" s="613"/>
      <c r="VJJ657" s="613"/>
      <c r="VJK657" s="613"/>
      <c r="VJL657" s="613"/>
      <c r="VJM657" s="613"/>
      <c r="VJN657" s="613"/>
      <c r="VJO657" s="613"/>
      <c r="VJP657" s="613"/>
      <c r="VJQ657" s="613"/>
      <c r="VJR657" s="613"/>
      <c r="VJS657" s="613"/>
      <c r="VJT657" s="613"/>
      <c r="VJU657" s="613"/>
      <c r="VJV657" s="613"/>
      <c r="VJW657" s="613"/>
      <c r="VJX657" s="613"/>
      <c r="VJY657" s="613"/>
      <c r="VJZ657" s="613"/>
      <c r="VKA657" s="613"/>
      <c r="VKB657" s="613"/>
      <c r="VKC657" s="613"/>
      <c r="VKD657" s="613"/>
      <c r="VKE657" s="613"/>
      <c r="VKF657" s="613"/>
      <c r="VKG657" s="613"/>
      <c r="VKH657" s="613"/>
      <c r="VKI657" s="613"/>
      <c r="VKJ657" s="613"/>
      <c r="VKK657" s="613"/>
      <c r="VKL657" s="613"/>
      <c r="VKM657" s="613"/>
      <c r="VKN657" s="613"/>
      <c r="VKO657" s="613"/>
      <c r="VKP657" s="613"/>
      <c r="VKQ657" s="613"/>
      <c r="VKR657" s="613"/>
      <c r="VKS657" s="613"/>
      <c r="VKT657" s="613"/>
      <c r="VKU657" s="613"/>
      <c r="VKV657" s="613"/>
      <c r="VKW657" s="613"/>
      <c r="VKX657" s="613"/>
      <c r="VKY657" s="613"/>
      <c r="VKZ657" s="613"/>
      <c r="VLA657" s="613"/>
      <c r="VLB657" s="613"/>
      <c r="VLC657" s="613"/>
      <c r="VLD657" s="613"/>
      <c r="VLE657" s="613"/>
      <c r="VLF657" s="613"/>
      <c r="VLG657" s="613"/>
      <c r="VLH657" s="613"/>
      <c r="VLI657" s="613"/>
      <c r="VLJ657" s="613"/>
      <c r="VLK657" s="613"/>
      <c r="VLL657" s="613"/>
      <c r="VLM657" s="613"/>
      <c r="VLN657" s="613"/>
      <c r="VLO657" s="613"/>
      <c r="VLP657" s="613"/>
      <c r="VLQ657" s="613"/>
      <c r="VLR657" s="613"/>
      <c r="VLS657" s="613"/>
      <c r="VLT657" s="613"/>
      <c r="VLU657" s="613"/>
      <c r="VLV657" s="613"/>
      <c r="VLW657" s="613"/>
      <c r="VLX657" s="613"/>
      <c r="VLY657" s="613"/>
      <c r="VLZ657" s="613"/>
      <c r="VMA657" s="613"/>
      <c r="VMB657" s="613"/>
      <c r="VMC657" s="613"/>
      <c r="VMD657" s="613"/>
      <c r="VME657" s="613"/>
      <c r="VMF657" s="613"/>
      <c r="VMG657" s="613"/>
      <c r="VMH657" s="613"/>
      <c r="VMI657" s="613"/>
      <c r="VMJ657" s="613"/>
      <c r="VMK657" s="613"/>
      <c r="VML657" s="613"/>
      <c r="VMM657" s="613"/>
      <c r="VMN657" s="613"/>
      <c r="VMO657" s="613"/>
      <c r="VMP657" s="613"/>
      <c r="VMQ657" s="613"/>
      <c r="VMR657" s="613"/>
      <c r="VMS657" s="613"/>
      <c r="VMT657" s="613"/>
      <c r="VMU657" s="613"/>
      <c r="VMV657" s="613"/>
      <c r="VMW657" s="613"/>
      <c r="VMX657" s="613"/>
      <c r="VMY657" s="613"/>
      <c r="VMZ657" s="613"/>
      <c r="VNA657" s="613"/>
      <c r="VNB657" s="613"/>
      <c r="VNC657" s="613"/>
      <c r="VND657" s="613"/>
      <c r="VNE657" s="613"/>
      <c r="VNF657" s="613"/>
      <c r="VNG657" s="613"/>
      <c r="VNH657" s="613"/>
      <c r="VNI657" s="613"/>
      <c r="VNJ657" s="613"/>
      <c r="VNK657" s="613"/>
      <c r="VNL657" s="613"/>
      <c r="VNM657" s="613"/>
      <c r="VNN657" s="613"/>
      <c r="VNO657" s="613"/>
      <c r="VNP657" s="613"/>
      <c r="VNQ657" s="613"/>
      <c r="VNR657" s="613"/>
      <c r="VNS657" s="613"/>
      <c r="VNT657" s="613"/>
      <c r="VNU657" s="613"/>
      <c r="VNV657" s="613"/>
      <c r="VNW657" s="613"/>
      <c r="VNX657" s="613"/>
      <c r="VNY657" s="613"/>
      <c r="VNZ657" s="613"/>
      <c r="VOA657" s="613"/>
      <c r="VOB657" s="613"/>
      <c r="VOC657" s="613"/>
      <c r="VOD657" s="613"/>
      <c r="VOE657" s="613"/>
      <c r="VOF657" s="613"/>
      <c r="VOG657" s="613"/>
      <c r="VOH657" s="613"/>
      <c r="VOI657" s="613"/>
      <c r="VOJ657" s="613"/>
      <c r="VOK657" s="613"/>
      <c r="VOL657" s="613"/>
      <c r="VOM657" s="613"/>
      <c r="VON657" s="613"/>
      <c r="VOO657" s="613"/>
      <c r="VOP657" s="613"/>
      <c r="VOQ657" s="613"/>
      <c r="VOR657" s="613"/>
      <c r="VOS657" s="613"/>
      <c r="VOT657" s="613"/>
      <c r="VOU657" s="613"/>
      <c r="VOV657" s="613"/>
      <c r="VOW657" s="613"/>
      <c r="VOX657" s="613"/>
      <c r="VOY657" s="613"/>
      <c r="VOZ657" s="613"/>
      <c r="VPA657" s="613"/>
      <c r="VPB657" s="613"/>
      <c r="VPC657" s="613"/>
      <c r="VPD657" s="613"/>
      <c r="VPE657" s="613"/>
      <c r="VPF657" s="613"/>
      <c r="VPG657" s="613"/>
      <c r="VPH657" s="613"/>
      <c r="VPI657" s="613"/>
      <c r="VPJ657" s="613"/>
      <c r="VPK657" s="613"/>
      <c r="VPL657" s="613"/>
      <c r="VPM657" s="613"/>
      <c r="VPN657" s="613"/>
      <c r="VPO657" s="613"/>
      <c r="VPP657" s="613"/>
      <c r="VPQ657" s="613"/>
      <c r="VPR657" s="613"/>
      <c r="VPS657" s="613"/>
      <c r="VPT657" s="613"/>
      <c r="VPU657" s="613"/>
      <c r="VPV657" s="613"/>
      <c r="VPW657" s="613"/>
      <c r="VPX657" s="613"/>
      <c r="VPY657" s="613"/>
      <c r="VPZ657" s="613"/>
      <c r="VQA657" s="613"/>
      <c r="VQB657" s="613"/>
      <c r="VQC657" s="613"/>
      <c r="VQD657" s="613"/>
      <c r="VQE657" s="613"/>
      <c r="VQF657" s="613"/>
      <c r="VQG657" s="613"/>
      <c r="VQH657" s="613"/>
      <c r="VQI657" s="613"/>
      <c r="VQJ657" s="613"/>
      <c r="VQK657" s="613"/>
      <c r="VQL657" s="613"/>
      <c r="VQM657" s="613"/>
      <c r="VQN657" s="613"/>
      <c r="VQO657" s="613"/>
      <c r="VQP657" s="613"/>
      <c r="VQQ657" s="613"/>
      <c r="VQR657" s="613"/>
      <c r="VQS657" s="613"/>
      <c r="VQT657" s="613"/>
      <c r="VQU657" s="613"/>
      <c r="VQV657" s="613"/>
      <c r="VQW657" s="613"/>
      <c r="VQX657" s="613"/>
      <c r="VQY657" s="613"/>
      <c r="VQZ657" s="613"/>
      <c r="VRA657" s="613"/>
      <c r="VRB657" s="613"/>
      <c r="VRC657" s="613"/>
      <c r="VRD657" s="613"/>
      <c r="VRE657" s="613"/>
      <c r="VRF657" s="613"/>
      <c r="VRG657" s="613"/>
      <c r="VRH657" s="613"/>
      <c r="VRI657" s="613"/>
      <c r="VRJ657" s="613"/>
      <c r="VRK657" s="613"/>
      <c r="VRL657" s="613"/>
      <c r="VRM657" s="613"/>
      <c r="VRN657" s="613"/>
      <c r="VRO657" s="613"/>
      <c r="VRP657" s="613"/>
      <c r="VRQ657" s="613"/>
      <c r="VRR657" s="613"/>
      <c r="VRS657" s="613"/>
      <c r="VRT657" s="613"/>
      <c r="VRU657" s="613"/>
      <c r="VRV657" s="613"/>
      <c r="VRW657" s="613"/>
      <c r="VRX657" s="613"/>
      <c r="VRY657" s="613"/>
      <c r="VRZ657" s="613"/>
      <c r="VSA657" s="613"/>
      <c r="VSB657" s="613"/>
      <c r="VSC657" s="613"/>
      <c r="VSD657" s="613"/>
      <c r="VSE657" s="613"/>
      <c r="VSF657" s="613"/>
      <c r="VSG657" s="613"/>
      <c r="VSH657" s="613"/>
      <c r="VSI657" s="613"/>
      <c r="VSJ657" s="613"/>
      <c r="VSK657" s="613"/>
      <c r="VSL657" s="613"/>
      <c r="VSM657" s="613"/>
      <c r="VSN657" s="613"/>
      <c r="VSO657" s="613"/>
      <c r="VSP657" s="613"/>
      <c r="VSQ657" s="613"/>
      <c r="VSR657" s="613"/>
      <c r="VSS657" s="613"/>
      <c r="VST657" s="613"/>
      <c r="VSU657" s="613"/>
      <c r="VSV657" s="613"/>
      <c r="VSW657" s="613"/>
      <c r="VSX657" s="613"/>
      <c r="VSY657" s="613"/>
      <c r="VSZ657" s="613"/>
      <c r="VTA657" s="613"/>
      <c r="VTB657" s="613"/>
      <c r="VTC657" s="613"/>
      <c r="VTD657" s="613"/>
      <c r="VTE657" s="613"/>
      <c r="VTF657" s="613"/>
      <c r="VTG657" s="613"/>
      <c r="VTH657" s="613"/>
      <c r="VTI657" s="613"/>
      <c r="VTJ657" s="613"/>
      <c r="VTK657" s="613"/>
      <c r="VTL657" s="613"/>
      <c r="VTM657" s="613"/>
      <c r="VTN657" s="613"/>
      <c r="VTO657" s="613"/>
      <c r="VTP657" s="613"/>
      <c r="VTQ657" s="613"/>
      <c r="VTR657" s="613"/>
      <c r="VTS657" s="613"/>
      <c r="VTT657" s="613"/>
      <c r="VTU657" s="613"/>
      <c r="VTV657" s="613"/>
      <c r="VTW657" s="613"/>
      <c r="VTX657" s="613"/>
      <c r="VTY657" s="613"/>
      <c r="VTZ657" s="613"/>
      <c r="VUA657" s="613"/>
      <c r="VUB657" s="613"/>
      <c r="VUC657" s="613"/>
      <c r="VUD657" s="613"/>
      <c r="VUE657" s="613"/>
      <c r="VUF657" s="613"/>
      <c r="VUG657" s="613"/>
      <c r="VUH657" s="613"/>
      <c r="VUI657" s="613"/>
      <c r="VUJ657" s="613"/>
      <c r="VUK657" s="613"/>
      <c r="VUL657" s="613"/>
      <c r="VUM657" s="613"/>
      <c r="VUN657" s="613"/>
      <c r="VUO657" s="613"/>
      <c r="VUP657" s="613"/>
      <c r="VUQ657" s="613"/>
      <c r="VUR657" s="613"/>
      <c r="VUS657" s="613"/>
      <c r="VUT657" s="613"/>
      <c r="VUU657" s="613"/>
      <c r="VUV657" s="613"/>
      <c r="VUW657" s="613"/>
      <c r="VUX657" s="613"/>
      <c r="VUY657" s="613"/>
      <c r="VUZ657" s="613"/>
      <c r="VVA657" s="613"/>
      <c r="VVB657" s="613"/>
      <c r="VVC657" s="613"/>
      <c r="VVD657" s="613"/>
      <c r="VVE657" s="613"/>
      <c r="VVF657" s="613"/>
      <c r="VVG657" s="613"/>
      <c r="VVH657" s="613"/>
      <c r="VVI657" s="613"/>
      <c r="VVJ657" s="613"/>
      <c r="VVK657" s="613"/>
      <c r="VVL657" s="613"/>
      <c r="VVM657" s="613"/>
      <c r="VVN657" s="613"/>
      <c r="VVO657" s="613"/>
      <c r="VVP657" s="613"/>
      <c r="VVQ657" s="613"/>
      <c r="VVR657" s="613"/>
      <c r="VVS657" s="613"/>
      <c r="VVT657" s="613"/>
      <c r="VVU657" s="613"/>
      <c r="VVV657" s="613"/>
      <c r="VVW657" s="613"/>
      <c r="VVX657" s="613"/>
      <c r="VVY657" s="613"/>
      <c r="VVZ657" s="613"/>
      <c r="VWA657" s="613"/>
      <c r="VWB657" s="613"/>
      <c r="VWC657" s="613"/>
      <c r="VWD657" s="613"/>
      <c r="VWE657" s="613"/>
      <c r="VWF657" s="613"/>
      <c r="VWG657" s="613"/>
      <c r="VWH657" s="613"/>
      <c r="VWI657" s="613"/>
      <c r="VWJ657" s="613"/>
      <c r="VWK657" s="613"/>
      <c r="VWL657" s="613"/>
      <c r="VWM657" s="613"/>
      <c r="VWN657" s="613"/>
      <c r="VWO657" s="613"/>
      <c r="VWP657" s="613"/>
      <c r="VWQ657" s="613"/>
      <c r="VWR657" s="613"/>
      <c r="VWS657" s="613"/>
      <c r="VWT657" s="613"/>
      <c r="VWU657" s="613"/>
      <c r="VWV657" s="613"/>
      <c r="VWW657" s="613"/>
      <c r="VWX657" s="613"/>
      <c r="VWY657" s="613"/>
      <c r="VWZ657" s="613"/>
      <c r="VXA657" s="613"/>
      <c r="VXB657" s="613"/>
      <c r="VXC657" s="613"/>
      <c r="VXD657" s="613"/>
      <c r="VXE657" s="613"/>
      <c r="VXF657" s="613"/>
      <c r="VXG657" s="613"/>
      <c r="VXH657" s="613"/>
      <c r="VXI657" s="613"/>
      <c r="VXJ657" s="613"/>
      <c r="VXK657" s="613"/>
      <c r="VXL657" s="613"/>
      <c r="VXM657" s="613"/>
      <c r="VXN657" s="613"/>
      <c r="VXO657" s="613"/>
      <c r="VXP657" s="613"/>
      <c r="VXQ657" s="613"/>
      <c r="VXR657" s="613"/>
      <c r="VXS657" s="613"/>
      <c r="VXT657" s="613"/>
      <c r="VXU657" s="613"/>
      <c r="VXV657" s="613"/>
      <c r="VXW657" s="613"/>
      <c r="VXX657" s="613"/>
      <c r="VXY657" s="613"/>
      <c r="VXZ657" s="613"/>
      <c r="VYA657" s="613"/>
      <c r="VYB657" s="613"/>
      <c r="VYC657" s="613"/>
      <c r="VYD657" s="613"/>
      <c r="VYE657" s="613"/>
      <c r="VYF657" s="613"/>
      <c r="VYG657" s="613"/>
      <c r="VYH657" s="613"/>
      <c r="VYI657" s="613"/>
      <c r="VYJ657" s="613"/>
      <c r="VYK657" s="613"/>
      <c r="VYL657" s="613"/>
      <c r="VYM657" s="613"/>
      <c r="VYN657" s="613"/>
      <c r="VYO657" s="613"/>
      <c r="VYP657" s="613"/>
      <c r="VYQ657" s="613"/>
      <c r="VYR657" s="613"/>
      <c r="VYS657" s="613"/>
      <c r="VYT657" s="613"/>
      <c r="VYU657" s="613"/>
      <c r="VYV657" s="613"/>
      <c r="VYW657" s="613"/>
      <c r="VYX657" s="613"/>
      <c r="VYY657" s="613"/>
      <c r="VYZ657" s="613"/>
      <c r="VZA657" s="613"/>
      <c r="VZB657" s="613"/>
      <c r="VZC657" s="613"/>
      <c r="VZD657" s="613"/>
      <c r="VZE657" s="613"/>
      <c r="VZF657" s="613"/>
      <c r="VZG657" s="613"/>
      <c r="VZH657" s="613"/>
      <c r="VZI657" s="613"/>
      <c r="VZJ657" s="613"/>
      <c r="VZK657" s="613"/>
      <c r="VZL657" s="613"/>
      <c r="VZM657" s="613"/>
      <c r="VZN657" s="613"/>
      <c r="VZO657" s="613"/>
      <c r="VZP657" s="613"/>
      <c r="VZQ657" s="613"/>
      <c r="VZR657" s="613"/>
      <c r="VZS657" s="613"/>
      <c r="VZT657" s="613"/>
      <c r="VZU657" s="613"/>
      <c r="VZV657" s="613"/>
      <c r="VZW657" s="613"/>
      <c r="VZX657" s="613"/>
      <c r="VZY657" s="613"/>
      <c r="VZZ657" s="613"/>
      <c r="WAA657" s="613"/>
      <c r="WAB657" s="613"/>
      <c r="WAC657" s="613"/>
      <c r="WAD657" s="613"/>
      <c r="WAE657" s="613"/>
      <c r="WAF657" s="613"/>
      <c r="WAG657" s="613"/>
      <c r="WAH657" s="613"/>
      <c r="WAI657" s="613"/>
      <c r="WAJ657" s="613"/>
      <c r="WAK657" s="613"/>
      <c r="WAL657" s="613"/>
      <c r="WAM657" s="613"/>
      <c r="WAN657" s="613"/>
      <c r="WAO657" s="613"/>
      <c r="WAP657" s="613"/>
      <c r="WAQ657" s="613"/>
      <c r="WAR657" s="613"/>
      <c r="WAS657" s="613"/>
      <c r="WAT657" s="613"/>
      <c r="WAU657" s="613"/>
      <c r="WAV657" s="613"/>
      <c r="WAW657" s="613"/>
      <c r="WAX657" s="613"/>
      <c r="WAY657" s="613"/>
      <c r="WAZ657" s="613"/>
      <c r="WBA657" s="613"/>
      <c r="WBB657" s="613"/>
      <c r="WBC657" s="613"/>
      <c r="WBD657" s="613"/>
      <c r="WBE657" s="613"/>
      <c r="WBF657" s="613"/>
      <c r="WBG657" s="613"/>
      <c r="WBH657" s="613"/>
      <c r="WBI657" s="613"/>
      <c r="WBJ657" s="613"/>
      <c r="WBK657" s="613"/>
      <c r="WBL657" s="613"/>
      <c r="WBM657" s="613"/>
      <c r="WBN657" s="613"/>
      <c r="WBO657" s="613"/>
      <c r="WBP657" s="613"/>
      <c r="WBQ657" s="613"/>
      <c r="WBR657" s="613"/>
      <c r="WBS657" s="613"/>
      <c r="WBT657" s="613"/>
      <c r="WBU657" s="613"/>
      <c r="WBV657" s="613"/>
      <c r="WBW657" s="613"/>
      <c r="WBX657" s="613"/>
      <c r="WBY657" s="613"/>
      <c r="WBZ657" s="613"/>
      <c r="WCA657" s="613"/>
      <c r="WCB657" s="613"/>
      <c r="WCC657" s="613"/>
      <c r="WCD657" s="613"/>
      <c r="WCE657" s="613"/>
      <c r="WCF657" s="613"/>
      <c r="WCG657" s="613"/>
      <c r="WCH657" s="613"/>
      <c r="WCI657" s="613"/>
      <c r="WCJ657" s="613"/>
      <c r="WCK657" s="613"/>
      <c r="WCL657" s="613"/>
      <c r="WCM657" s="613"/>
      <c r="WCN657" s="613"/>
      <c r="WCO657" s="613"/>
      <c r="WCP657" s="613"/>
      <c r="WCQ657" s="613"/>
      <c r="WCR657" s="613"/>
      <c r="WCS657" s="613"/>
      <c r="WCT657" s="613"/>
      <c r="WCU657" s="613"/>
      <c r="WCV657" s="613"/>
      <c r="WCW657" s="613"/>
      <c r="WCX657" s="613"/>
      <c r="WCY657" s="613"/>
      <c r="WCZ657" s="613"/>
      <c r="WDA657" s="613"/>
      <c r="WDB657" s="613"/>
      <c r="WDC657" s="613"/>
      <c r="WDD657" s="613"/>
      <c r="WDE657" s="613"/>
      <c r="WDF657" s="613"/>
      <c r="WDG657" s="613"/>
      <c r="WDH657" s="613"/>
      <c r="WDI657" s="613"/>
      <c r="WDJ657" s="613"/>
      <c r="WDK657" s="613"/>
      <c r="WDL657" s="613"/>
      <c r="WDM657" s="613"/>
      <c r="WDN657" s="613"/>
      <c r="WDO657" s="613"/>
      <c r="WDP657" s="613"/>
      <c r="WDQ657" s="613"/>
      <c r="WDR657" s="613"/>
      <c r="WDS657" s="613"/>
      <c r="WDT657" s="613"/>
      <c r="WDU657" s="613"/>
      <c r="WDV657" s="613"/>
      <c r="WDW657" s="613"/>
      <c r="WDX657" s="613"/>
      <c r="WDY657" s="613"/>
      <c r="WDZ657" s="613"/>
      <c r="WEA657" s="613"/>
      <c r="WEB657" s="613"/>
      <c r="WEC657" s="613"/>
      <c r="WED657" s="613"/>
      <c r="WEE657" s="613"/>
      <c r="WEF657" s="613"/>
      <c r="WEG657" s="613"/>
      <c r="WEH657" s="613"/>
      <c r="WEI657" s="613"/>
      <c r="WEJ657" s="613"/>
      <c r="WEK657" s="613"/>
      <c r="WEL657" s="613"/>
      <c r="WEM657" s="613"/>
      <c r="WEN657" s="613"/>
      <c r="WEO657" s="613"/>
      <c r="WEP657" s="613"/>
      <c r="WEQ657" s="613"/>
      <c r="WER657" s="613"/>
      <c r="WES657" s="613"/>
      <c r="WET657" s="613"/>
      <c r="WEU657" s="613"/>
      <c r="WEV657" s="613"/>
      <c r="WEW657" s="613"/>
      <c r="WEX657" s="613"/>
      <c r="WEY657" s="613"/>
      <c r="WEZ657" s="613"/>
      <c r="WFA657" s="613"/>
      <c r="WFB657" s="613"/>
      <c r="WFC657" s="613"/>
      <c r="WFD657" s="613"/>
      <c r="WFE657" s="613"/>
      <c r="WFF657" s="613"/>
      <c r="WFG657" s="613"/>
      <c r="WFH657" s="613"/>
      <c r="WFI657" s="613"/>
      <c r="WFJ657" s="613"/>
      <c r="WFK657" s="613"/>
      <c r="WFL657" s="613"/>
      <c r="WFM657" s="613"/>
      <c r="WFN657" s="613"/>
      <c r="WFO657" s="613"/>
      <c r="WFP657" s="613"/>
      <c r="WFQ657" s="613"/>
      <c r="WFR657" s="613"/>
      <c r="WFS657" s="613"/>
      <c r="WFT657" s="613"/>
      <c r="WFU657" s="613"/>
      <c r="WFV657" s="613"/>
      <c r="WFW657" s="613"/>
      <c r="WFX657" s="613"/>
      <c r="WFY657" s="613"/>
      <c r="WFZ657" s="613"/>
      <c r="WGA657" s="613"/>
      <c r="WGB657" s="613"/>
      <c r="WGC657" s="613"/>
      <c r="WGD657" s="613"/>
      <c r="WGE657" s="613"/>
      <c r="WGF657" s="613"/>
      <c r="WGG657" s="613"/>
      <c r="WGH657" s="613"/>
      <c r="WGI657" s="613"/>
      <c r="WGJ657" s="613"/>
      <c r="WGK657" s="613"/>
      <c r="WGL657" s="613"/>
      <c r="WGM657" s="613"/>
      <c r="WGN657" s="613"/>
      <c r="WGO657" s="613"/>
      <c r="WGP657" s="613"/>
      <c r="WGQ657" s="613"/>
      <c r="WGR657" s="613"/>
      <c r="WGS657" s="613"/>
      <c r="WGT657" s="613"/>
      <c r="WGU657" s="613"/>
      <c r="WGV657" s="613"/>
      <c r="WGW657" s="613"/>
      <c r="WGX657" s="613"/>
      <c r="WGY657" s="613"/>
      <c r="WGZ657" s="613"/>
      <c r="WHA657" s="613"/>
      <c r="WHB657" s="613"/>
      <c r="WHC657" s="613"/>
      <c r="WHD657" s="613"/>
      <c r="WHE657" s="613"/>
      <c r="WHF657" s="613"/>
      <c r="WHG657" s="613"/>
      <c r="WHH657" s="613"/>
      <c r="WHI657" s="613"/>
      <c r="WHJ657" s="613"/>
      <c r="WHK657" s="613"/>
      <c r="WHL657" s="613"/>
      <c r="WHM657" s="613"/>
      <c r="WHN657" s="613"/>
      <c r="WHO657" s="613"/>
      <c r="WHP657" s="613"/>
      <c r="WHQ657" s="613"/>
      <c r="WHR657" s="613"/>
      <c r="WHS657" s="613"/>
      <c r="WHT657" s="613"/>
      <c r="WHU657" s="613"/>
      <c r="WHV657" s="613"/>
      <c r="WHW657" s="613"/>
      <c r="WHX657" s="613"/>
      <c r="WHY657" s="613"/>
      <c r="WHZ657" s="613"/>
      <c r="WIA657" s="613"/>
      <c r="WIB657" s="613"/>
      <c r="WIC657" s="613"/>
      <c r="WID657" s="613"/>
      <c r="WIE657" s="613"/>
      <c r="WIF657" s="613"/>
      <c r="WIG657" s="613"/>
      <c r="WIH657" s="613"/>
      <c r="WII657" s="613"/>
      <c r="WIJ657" s="613"/>
      <c r="WIK657" s="613"/>
      <c r="WIL657" s="613"/>
      <c r="WIM657" s="613"/>
      <c r="WIN657" s="613"/>
      <c r="WIO657" s="613"/>
      <c r="WIP657" s="613"/>
      <c r="WIQ657" s="613"/>
      <c r="WIR657" s="613"/>
      <c r="WIS657" s="613"/>
      <c r="WIT657" s="613"/>
      <c r="WIU657" s="613"/>
      <c r="WIV657" s="613"/>
      <c r="WIW657" s="613"/>
      <c r="WIX657" s="613"/>
      <c r="WIY657" s="613"/>
      <c r="WIZ657" s="613"/>
      <c r="WJA657" s="613"/>
      <c r="WJB657" s="613"/>
      <c r="WJC657" s="613"/>
      <c r="WJD657" s="613"/>
      <c r="WJE657" s="613"/>
      <c r="WJF657" s="613"/>
      <c r="WJG657" s="613"/>
      <c r="WJH657" s="613"/>
      <c r="WJI657" s="613"/>
      <c r="WJJ657" s="613"/>
      <c r="WJK657" s="613"/>
      <c r="WJL657" s="613"/>
      <c r="WJM657" s="613"/>
      <c r="WJN657" s="613"/>
      <c r="WJO657" s="613"/>
      <c r="WJP657" s="613"/>
      <c r="WJQ657" s="613"/>
      <c r="WJR657" s="613"/>
      <c r="WJS657" s="613"/>
      <c r="WJT657" s="613"/>
      <c r="WJU657" s="613"/>
      <c r="WJV657" s="613"/>
      <c r="WJW657" s="613"/>
      <c r="WJX657" s="613"/>
      <c r="WJY657" s="613"/>
      <c r="WJZ657" s="613"/>
      <c r="WKA657" s="613"/>
      <c r="WKB657" s="613"/>
      <c r="WKC657" s="613"/>
      <c r="WKD657" s="613"/>
      <c r="WKE657" s="613"/>
      <c r="WKF657" s="613"/>
      <c r="WKG657" s="613"/>
      <c r="WKH657" s="613"/>
      <c r="WKI657" s="613"/>
      <c r="WKJ657" s="613"/>
      <c r="WKK657" s="613"/>
      <c r="WKL657" s="613"/>
      <c r="WKM657" s="613"/>
      <c r="WKN657" s="613"/>
      <c r="WKO657" s="613"/>
      <c r="WKP657" s="613"/>
      <c r="WKQ657" s="613"/>
      <c r="WKR657" s="613"/>
      <c r="WKS657" s="613"/>
      <c r="WKT657" s="613"/>
      <c r="WKU657" s="613"/>
      <c r="WKV657" s="613"/>
      <c r="WKW657" s="613"/>
      <c r="WKX657" s="613"/>
      <c r="WKY657" s="613"/>
      <c r="WKZ657" s="613"/>
      <c r="WLA657" s="613"/>
      <c r="WLB657" s="613"/>
      <c r="WLC657" s="613"/>
      <c r="WLD657" s="613"/>
      <c r="WLE657" s="613"/>
      <c r="WLF657" s="613"/>
      <c r="WLG657" s="613"/>
      <c r="WLH657" s="613"/>
      <c r="WLI657" s="613"/>
      <c r="WLJ657" s="613"/>
      <c r="WLK657" s="613"/>
      <c r="WLL657" s="613"/>
      <c r="WLM657" s="613"/>
      <c r="WLN657" s="613"/>
      <c r="WLO657" s="613"/>
      <c r="WLP657" s="613"/>
      <c r="WLQ657" s="613"/>
      <c r="WLR657" s="613"/>
      <c r="WLS657" s="613"/>
      <c r="WLT657" s="613"/>
      <c r="WLU657" s="613"/>
      <c r="WLV657" s="613"/>
      <c r="WLW657" s="613"/>
      <c r="WLX657" s="613"/>
      <c r="WLY657" s="613"/>
      <c r="WLZ657" s="613"/>
      <c r="WMA657" s="613"/>
      <c r="WMB657" s="613"/>
      <c r="WMC657" s="613"/>
      <c r="WMD657" s="613"/>
      <c r="WME657" s="613"/>
      <c r="WMF657" s="613"/>
      <c r="WMG657" s="613"/>
      <c r="WMH657" s="613"/>
      <c r="WMI657" s="613"/>
      <c r="WMJ657" s="613"/>
      <c r="WMK657" s="613"/>
      <c r="WML657" s="613"/>
      <c r="WMM657" s="613"/>
      <c r="WMN657" s="613"/>
      <c r="WMO657" s="613"/>
      <c r="WMP657" s="613"/>
      <c r="WMQ657" s="613"/>
      <c r="WMR657" s="613"/>
      <c r="WMS657" s="613"/>
      <c r="WMT657" s="613"/>
      <c r="WMU657" s="613"/>
      <c r="WMV657" s="613"/>
      <c r="WMW657" s="613"/>
      <c r="WMX657" s="613"/>
      <c r="WMY657" s="613"/>
      <c r="WMZ657" s="613"/>
      <c r="WNA657" s="613"/>
      <c r="WNB657" s="613"/>
      <c r="WNC657" s="613"/>
      <c r="WND657" s="613"/>
      <c r="WNE657" s="613"/>
      <c r="WNF657" s="613"/>
      <c r="WNG657" s="613"/>
      <c r="WNH657" s="613"/>
      <c r="WNI657" s="613"/>
      <c r="WNJ657" s="613"/>
      <c r="WNK657" s="613"/>
      <c r="WNL657" s="613"/>
      <c r="WNM657" s="613"/>
      <c r="WNN657" s="613"/>
      <c r="WNO657" s="613"/>
      <c r="WNP657" s="613"/>
      <c r="WNQ657" s="613"/>
      <c r="WNR657" s="613"/>
      <c r="WNS657" s="613"/>
      <c r="WNT657" s="613"/>
      <c r="WNU657" s="613"/>
      <c r="WNV657" s="613"/>
      <c r="WNW657" s="613"/>
      <c r="WNX657" s="613"/>
      <c r="WNY657" s="613"/>
      <c r="WNZ657" s="613"/>
      <c r="WOA657" s="613"/>
      <c r="WOB657" s="613"/>
      <c r="WOC657" s="613"/>
      <c r="WOD657" s="613"/>
      <c r="WOE657" s="613"/>
      <c r="WOF657" s="613"/>
      <c r="WOG657" s="613"/>
      <c r="WOH657" s="613"/>
      <c r="WOI657" s="613"/>
      <c r="WOJ657" s="613"/>
      <c r="WOK657" s="613"/>
      <c r="WOL657" s="613"/>
      <c r="WOM657" s="613"/>
      <c r="WON657" s="613"/>
      <c r="WOO657" s="613"/>
      <c r="WOP657" s="613"/>
      <c r="WOQ657" s="613"/>
      <c r="WOR657" s="613"/>
      <c r="WOS657" s="613"/>
      <c r="WOT657" s="613"/>
      <c r="WOU657" s="613"/>
      <c r="WOV657" s="613"/>
      <c r="WOW657" s="613"/>
      <c r="WOX657" s="613"/>
      <c r="WOY657" s="613"/>
      <c r="WOZ657" s="613"/>
      <c r="WPA657" s="613"/>
      <c r="WPB657" s="613"/>
      <c r="WPC657" s="613"/>
      <c r="WPD657" s="613"/>
      <c r="WPE657" s="613"/>
      <c r="WPF657" s="613"/>
      <c r="WPG657" s="613"/>
      <c r="WPH657" s="613"/>
      <c r="WPI657" s="613"/>
      <c r="WPJ657" s="613"/>
      <c r="WPK657" s="613"/>
      <c r="WPL657" s="613"/>
      <c r="WPM657" s="613"/>
      <c r="WPN657" s="613"/>
      <c r="WPO657" s="613"/>
      <c r="WPP657" s="613"/>
      <c r="WPQ657" s="613"/>
      <c r="WPR657" s="613"/>
      <c r="WPS657" s="613"/>
      <c r="WPT657" s="613"/>
      <c r="WPU657" s="613"/>
      <c r="WPV657" s="613"/>
      <c r="WPW657" s="613"/>
      <c r="WPX657" s="613"/>
      <c r="WPY657" s="613"/>
      <c r="WPZ657" s="613"/>
      <c r="WQA657" s="613"/>
      <c r="WQB657" s="613"/>
      <c r="WQC657" s="613"/>
      <c r="WQD657" s="613"/>
      <c r="WQE657" s="613"/>
      <c r="WQF657" s="613"/>
      <c r="WQG657" s="613"/>
      <c r="WQH657" s="613"/>
      <c r="WQI657" s="613"/>
      <c r="WQJ657" s="613"/>
      <c r="WQK657" s="613"/>
      <c r="WQL657" s="613"/>
      <c r="WQM657" s="613"/>
      <c r="WQN657" s="613"/>
      <c r="WQO657" s="613"/>
      <c r="WQP657" s="613"/>
      <c r="WQQ657" s="613"/>
      <c r="WQR657" s="613"/>
      <c r="WQS657" s="613"/>
      <c r="WQT657" s="613"/>
      <c r="WQU657" s="613"/>
      <c r="WQV657" s="613"/>
      <c r="WQW657" s="613"/>
      <c r="WQX657" s="613"/>
      <c r="WQY657" s="613"/>
      <c r="WQZ657" s="613"/>
      <c r="WRA657" s="613"/>
      <c r="WRB657" s="613"/>
      <c r="WRC657" s="613"/>
      <c r="WRD657" s="613"/>
      <c r="WRE657" s="613"/>
      <c r="WRF657" s="613"/>
      <c r="WRG657" s="613"/>
      <c r="WRH657" s="613"/>
      <c r="WRI657" s="613"/>
      <c r="WRJ657" s="613"/>
      <c r="WRK657" s="613"/>
      <c r="WRL657" s="613"/>
      <c r="WRM657" s="613"/>
      <c r="WRN657" s="613"/>
      <c r="WRO657" s="613"/>
      <c r="WRP657" s="613"/>
      <c r="WRQ657" s="613"/>
      <c r="WRR657" s="613"/>
      <c r="WRS657" s="613"/>
      <c r="WRT657" s="613"/>
      <c r="WRU657" s="613"/>
      <c r="WRV657" s="613"/>
      <c r="WRW657" s="613"/>
      <c r="WRX657" s="613"/>
      <c r="WRY657" s="613"/>
      <c r="WRZ657" s="613"/>
      <c r="WSA657" s="613"/>
      <c r="WSB657" s="613"/>
      <c r="WSC657" s="613"/>
      <c r="WSD657" s="613"/>
      <c r="WSE657" s="613"/>
      <c r="WSF657" s="613"/>
      <c r="WSG657" s="613"/>
      <c r="WSH657" s="613"/>
      <c r="WSI657" s="613"/>
      <c r="WSJ657" s="613"/>
      <c r="WSK657" s="613"/>
      <c r="WSL657" s="613"/>
      <c r="WSM657" s="613"/>
      <c r="WSN657" s="613"/>
      <c r="WSO657" s="613"/>
      <c r="WSP657" s="613"/>
      <c r="WSQ657" s="613"/>
      <c r="WSR657" s="613"/>
      <c r="WSS657" s="613"/>
      <c r="WST657" s="613"/>
      <c r="WSU657" s="613"/>
      <c r="WSV657" s="613"/>
      <c r="WSW657" s="613"/>
      <c r="WSX657" s="613"/>
      <c r="WSY657" s="613"/>
      <c r="WSZ657" s="613"/>
      <c r="WTA657" s="613"/>
      <c r="WTB657" s="613"/>
      <c r="WTC657" s="613"/>
      <c r="WTD657" s="613"/>
      <c r="WTE657" s="613"/>
      <c r="WTF657" s="613"/>
      <c r="WTG657" s="613"/>
      <c r="WTH657" s="613"/>
      <c r="WTI657" s="613"/>
      <c r="WTJ657" s="613"/>
      <c r="WTK657" s="613"/>
      <c r="WTL657" s="613"/>
      <c r="WTM657" s="613"/>
      <c r="WTN657" s="613"/>
      <c r="WTO657" s="613"/>
      <c r="WTP657" s="613"/>
      <c r="WTQ657" s="613"/>
      <c r="WTR657" s="613"/>
      <c r="WTS657" s="613"/>
      <c r="WTT657" s="613"/>
      <c r="WTU657" s="613"/>
      <c r="WTV657" s="613"/>
      <c r="WTW657" s="613"/>
      <c r="WTX657" s="613"/>
      <c r="WTY657" s="613"/>
      <c r="WTZ657" s="613"/>
      <c r="WUA657" s="613"/>
      <c r="WUB657" s="613"/>
      <c r="WUC657" s="613"/>
      <c r="WUD657" s="613"/>
      <c r="WUE657" s="613"/>
      <c r="WUF657" s="613"/>
      <c r="WUG657" s="613"/>
      <c r="WUH657" s="613"/>
      <c r="WUI657" s="613"/>
      <c r="WUJ657" s="613"/>
      <c r="WUK657" s="613"/>
      <c r="WUL657" s="613"/>
      <c r="WUM657" s="613"/>
      <c r="WUN657" s="613"/>
      <c r="WUO657" s="613"/>
      <c r="WUP657" s="613"/>
      <c r="WUQ657" s="613"/>
      <c r="WUR657" s="613"/>
      <c r="WUS657" s="613"/>
      <c r="WUT657" s="613"/>
      <c r="WUU657" s="613"/>
      <c r="WUV657" s="613"/>
      <c r="WUW657" s="613"/>
      <c r="WUX657" s="613"/>
      <c r="WUY657" s="613"/>
      <c r="WUZ657" s="613"/>
      <c r="WVA657" s="613"/>
      <c r="WVB657" s="613"/>
      <c r="WVC657" s="613"/>
      <c r="WVD657" s="613"/>
      <c r="WVE657" s="613"/>
      <c r="WVF657" s="613"/>
      <c r="WVG657" s="613"/>
      <c r="WVH657" s="613"/>
      <c r="WVI657" s="613"/>
      <c r="WVJ657" s="613"/>
      <c r="WVK657" s="613"/>
      <c r="WVL657" s="613"/>
      <c r="WVM657" s="613"/>
      <c r="WVN657" s="613"/>
      <c r="WVO657" s="613"/>
      <c r="WVP657" s="613"/>
      <c r="WVQ657" s="613"/>
      <c r="WVR657" s="613"/>
      <c r="WVS657" s="613"/>
      <c r="WVT657" s="613"/>
      <c r="WVU657" s="613"/>
      <c r="WVV657" s="613"/>
      <c r="WVW657" s="613"/>
      <c r="WVX657" s="613"/>
      <c r="WVY657" s="613"/>
      <c r="WVZ657" s="613"/>
      <c r="WWA657" s="613"/>
      <c r="WWB657" s="613"/>
      <c r="WWC657" s="613"/>
      <c r="WWD657" s="613"/>
      <c r="WWE657" s="613"/>
      <c r="WWF657" s="613"/>
      <c r="WWG657" s="613"/>
      <c r="WWH657" s="613"/>
      <c r="WWI657" s="613"/>
      <c r="WWJ657" s="613"/>
      <c r="WWK657" s="613"/>
      <c r="WWL657" s="613"/>
      <c r="WWM657" s="613"/>
      <c r="WWN657" s="613"/>
      <c r="WWO657" s="613"/>
      <c r="WWP657" s="613"/>
      <c r="WWQ657" s="613"/>
      <c r="WWR657" s="613"/>
      <c r="WWS657" s="613"/>
      <c r="WWT657" s="613"/>
      <c r="WWU657" s="613"/>
      <c r="WWV657" s="613"/>
      <c r="WWW657" s="613"/>
      <c r="WWX657" s="613"/>
      <c r="WWY657" s="613"/>
      <c r="WWZ657" s="613"/>
      <c r="WXA657" s="613"/>
      <c r="WXB657" s="613"/>
      <c r="WXC657" s="613"/>
      <c r="WXD657" s="613"/>
      <c r="WXE657" s="613"/>
      <c r="WXF657" s="613"/>
      <c r="WXG657" s="613"/>
      <c r="WXH657" s="613"/>
      <c r="WXI657" s="613"/>
      <c r="WXJ657" s="613"/>
      <c r="WXK657" s="613"/>
      <c r="WXL657" s="613"/>
      <c r="WXM657" s="613"/>
      <c r="WXN657" s="613"/>
      <c r="WXO657" s="613"/>
      <c r="WXP657" s="613"/>
      <c r="WXQ657" s="613"/>
      <c r="WXR657" s="613"/>
      <c r="WXS657" s="613"/>
      <c r="WXT657" s="613"/>
      <c r="WXU657" s="613"/>
      <c r="WXV657" s="613"/>
      <c r="WXW657" s="613"/>
      <c r="WXX657" s="613"/>
      <c r="WXY657" s="613"/>
      <c r="WXZ657" s="613"/>
      <c r="WYA657" s="613"/>
      <c r="WYB657" s="613"/>
      <c r="WYC657" s="613"/>
      <c r="WYD657" s="613"/>
      <c r="WYE657" s="613"/>
      <c r="WYF657" s="613"/>
      <c r="WYG657" s="613"/>
      <c r="WYH657" s="613"/>
      <c r="WYI657" s="613"/>
      <c r="WYJ657" s="613"/>
      <c r="WYK657" s="613"/>
      <c r="WYL657" s="613"/>
      <c r="WYM657" s="613"/>
      <c r="WYN657" s="613"/>
      <c r="WYO657" s="613"/>
      <c r="WYP657" s="613"/>
      <c r="WYQ657" s="613"/>
      <c r="WYR657" s="613"/>
      <c r="WYS657" s="613"/>
      <c r="WYT657" s="613"/>
      <c r="WYU657" s="613"/>
      <c r="WYV657" s="613"/>
      <c r="WYW657" s="613"/>
      <c r="WYX657" s="613"/>
      <c r="WYY657" s="613"/>
      <c r="WYZ657" s="613"/>
      <c r="WZA657" s="613"/>
      <c r="WZB657" s="613"/>
      <c r="WZC657" s="613"/>
      <c r="WZD657" s="613"/>
      <c r="WZE657" s="613"/>
      <c r="WZF657" s="613"/>
      <c r="WZG657" s="613"/>
      <c r="WZH657" s="613"/>
      <c r="WZI657" s="613"/>
      <c r="WZJ657" s="613"/>
      <c r="WZK657" s="613"/>
      <c r="WZL657" s="613"/>
      <c r="WZM657" s="613"/>
      <c r="WZN657" s="613"/>
      <c r="WZO657" s="613"/>
      <c r="WZP657" s="613"/>
      <c r="WZQ657" s="613"/>
      <c r="WZR657" s="613"/>
      <c r="WZS657" s="613"/>
      <c r="WZT657" s="613"/>
      <c r="WZU657" s="613"/>
      <c r="WZV657" s="613"/>
      <c r="WZW657" s="613"/>
      <c r="WZX657" s="613"/>
      <c r="WZY657" s="613"/>
      <c r="WZZ657" s="613"/>
      <c r="XAA657" s="613"/>
      <c r="XAB657" s="613"/>
      <c r="XAC657" s="613"/>
      <c r="XAD657" s="613"/>
      <c r="XAE657" s="613"/>
      <c r="XAF657" s="613"/>
      <c r="XAG657" s="613"/>
      <c r="XAH657" s="613"/>
      <c r="XAI657" s="613"/>
      <c r="XAJ657" s="613"/>
      <c r="XAK657" s="613"/>
      <c r="XAL657" s="613"/>
      <c r="XAM657" s="613"/>
      <c r="XAN657" s="613"/>
      <c r="XAO657" s="613"/>
      <c r="XAP657" s="613"/>
      <c r="XAQ657" s="613"/>
      <c r="XAR657" s="613"/>
      <c r="XAS657" s="613"/>
      <c r="XAT657" s="613"/>
      <c r="XAU657" s="613"/>
      <c r="XAV657" s="613"/>
      <c r="XAW657" s="613"/>
      <c r="XAX657" s="613"/>
      <c r="XAY657" s="613"/>
      <c r="XAZ657" s="613"/>
      <c r="XBA657" s="613"/>
      <c r="XBB657" s="613"/>
      <c r="XBC657" s="613"/>
      <c r="XBD657" s="613"/>
      <c r="XBE657" s="613"/>
      <c r="XBF657" s="613"/>
      <c r="XBG657" s="613"/>
      <c r="XBH657" s="613"/>
      <c r="XBI657" s="613"/>
      <c r="XBJ657" s="613"/>
      <c r="XBK657" s="613"/>
      <c r="XBL657" s="613"/>
      <c r="XBM657" s="613"/>
      <c r="XBN657" s="613"/>
      <c r="XBO657" s="613"/>
      <c r="XBP657" s="613"/>
      <c r="XBQ657" s="613"/>
      <c r="XBR657" s="613"/>
      <c r="XBS657" s="613"/>
      <c r="XBT657" s="613"/>
      <c r="XBU657" s="613"/>
      <c r="XBV657" s="613"/>
      <c r="XBW657" s="613"/>
      <c r="XBX657" s="613"/>
      <c r="XBY657" s="613"/>
      <c r="XBZ657" s="613"/>
      <c r="XCA657" s="613"/>
      <c r="XCB657" s="613"/>
      <c r="XCC657" s="613"/>
      <c r="XCD657" s="613"/>
      <c r="XCE657" s="613"/>
      <c r="XCF657" s="613"/>
      <c r="XCG657" s="613"/>
      <c r="XCH657" s="613"/>
      <c r="XCI657" s="613"/>
      <c r="XCJ657" s="613"/>
      <c r="XCK657" s="613"/>
      <c r="XCL657" s="613"/>
      <c r="XCM657" s="613"/>
      <c r="XCN657" s="613"/>
      <c r="XCO657" s="613"/>
      <c r="XCP657" s="613"/>
      <c r="XCQ657" s="613"/>
    </row>
    <row r="658" spans="1:16319" ht="56.1" customHeight="1" x14ac:dyDescent="0.2">
      <c r="A658" s="494"/>
      <c r="B658" s="494"/>
      <c r="C658" s="494"/>
      <c r="D658" s="481">
        <v>227</v>
      </c>
      <c r="E658" s="481"/>
      <c r="F658" s="481" t="s">
        <v>2481</v>
      </c>
      <c r="G658" s="482" t="s">
        <v>53</v>
      </c>
      <c r="H658" s="481" t="s">
        <v>329</v>
      </c>
      <c r="I658" s="654" t="s">
        <v>456</v>
      </c>
      <c r="J658" s="654" t="s">
        <v>369</v>
      </c>
      <c r="K658" s="495" t="s">
        <v>465</v>
      </c>
      <c r="L658" s="621"/>
      <c r="M658" s="484" t="s">
        <v>58</v>
      </c>
      <c r="N658" s="327" t="s">
        <v>3058</v>
      </c>
      <c r="O658" s="484" t="s">
        <v>2996</v>
      </c>
      <c r="P658" s="484" t="s">
        <v>81</v>
      </c>
      <c r="Q658" s="667" t="s">
        <v>334</v>
      </c>
      <c r="R658" s="484" t="s">
        <v>334</v>
      </c>
      <c r="S658" s="484" t="s">
        <v>395</v>
      </c>
      <c r="T658" s="484"/>
      <c r="U658" s="620" t="s">
        <v>63</v>
      </c>
      <c r="V658" s="620" t="s">
        <v>63</v>
      </c>
      <c r="W658" s="723">
        <v>16349.866620361554</v>
      </c>
      <c r="X658" s="723"/>
      <c r="Y658" s="654" t="s">
        <v>226</v>
      </c>
      <c r="Z658" s="654"/>
      <c r="AA658" s="723">
        <v>16349.866620361554</v>
      </c>
      <c r="AB658" s="652" t="s">
        <v>82</v>
      </c>
      <c r="AC658" s="652"/>
      <c r="AD658" s="496"/>
      <c r="AE658" s="496"/>
      <c r="AF658" s="496"/>
      <c r="AG658" s="496"/>
      <c r="AH658" s="496"/>
      <c r="AI658" s="487"/>
      <c r="AJ658" s="496"/>
      <c r="AK658" s="496"/>
      <c r="AL658" s="496"/>
      <c r="AM658" s="496"/>
      <c r="AN658" s="496"/>
      <c r="AO658" s="496" t="s">
        <v>66</v>
      </c>
      <c r="AP658" s="496"/>
      <c r="AQ658" s="496"/>
      <c r="AR658" s="496"/>
      <c r="AS658" s="496"/>
      <c r="AT658" s="496"/>
      <c r="AU658" s="487"/>
      <c r="AV658" s="487"/>
      <c r="AW658" s="487"/>
      <c r="AX658" s="487"/>
      <c r="AY658" s="487"/>
      <c r="AZ658" s="487"/>
      <c r="BA658" s="484"/>
      <c r="BB658" s="484"/>
      <c r="BC658" s="484"/>
      <c r="BD658" s="494"/>
      <c r="BE658" s="494"/>
      <c r="BF658" s="613"/>
      <c r="BG658" s="613"/>
      <c r="BH658" s="613"/>
      <c r="BI658" s="613"/>
      <c r="BJ658" s="613"/>
      <c r="BK658" s="613"/>
      <c r="BL658" s="613"/>
      <c r="BM658" s="613"/>
      <c r="BN658" s="613"/>
      <c r="BO658" s="613"/>
      <c r="BP658" s="613"/>
      <c r="BQ658" s="613"/>
      <c r="BR658" s="613"/>
      <c r="BS658" s="613"/>
      <c r="BT658" s="613"/>
      <c r="BU658" s="613"/>
      <c r="BV658" s="613"/>
      <c r="BW658" s="613"/>
      <c r="BX658" s="613"/>
      <c r="BY658" s="613"/>
      <c r="BZ658" s="613"/>
      <c r="CA658" s="613"/>
      <c r="CB658" s="613"/>
      <c r="CC658" s="613"/>
      <c r="CD658" s="613"/>
      <c r="CE658" s="613"/>
      <c r="CF658" s="613"/>
      <c r="CG658" s="613"/>
      <c r="CH658" s="613"/>
      <c r="CI658" s="613"/>
      <c r="CJ658" s="613"/>
      <c r="CK658" s="613"/>
      <c r="CL658" s="613"/>
      <c r="CM658" s="613"/>
      <c r="CN658" s="613"/>
      <c r="CO658" s="613"/>
      <c r="CP658" s="613"/>
      <c r="CQ658" s="613"/>
      <c r="CR658" s="613"/>
      <c r="CS658" s="613"/>
      <c r="CT658" s="613"/>
      <c r="CU658" s="613"/>
      <c r="CV658" s="613"/>
      <c r="CW658" s="613"/>
      <c r="CX658" s="613"/>
      <c r="CY658" s="613"/>
      <c r="CZ658" s="613"/>
      <c r="DA658" s="613"/>
      <c r="DB658" s="613"/>
      <c r="DC658" s="613"/>
      <c r="DD658" s="613"/>
      <c r="DE658" s="613"/>
      <c r="DF658" s="613"/>
      <c r="DG658" s="613"/>
      <c r="DH658" s="613"/>
      <c r="DI658" s="613"/>
      <c r="DJ658" s="613"/>
      <c r="DK658" s="613"/>
      <c r="DL658" s="613"/>
      <c r="DM658" s="613"/>
      <c r="DN658" s="613"/>
      <c r="DO658" s="613"/>
      <c r="DP658" s="613"/>
      <c r="DQ658" s="613"/>
      <c r="DR658" s="613"/>
      <c r="DS658" s="613"/>
      <c r="DT658" s="613"/>
      <c r="DU658" s="613"/>
      <c r="DV658" s="613"/>
      <c r="DW658" s="613"/>
      <c r="DX658" s="613"/>
      <c r="DY658" s="613"/>
      <c r="DZ658" s="613"/>
      <c r="EA658" s="613"/>
      <c r="EB658" s="613"/>
      <c r="EC658" s="613"/>
      <c r="ED658" s="613"/>
      <c r="EE658" s="613"/>
      <c r="EF658" s="613"/>
      <c r="EG658" s="613"/>
      <c r="EH658" s="613"/>
      <c r="EI658" s="613"/>
      <c r="EJ658" s="613"/>
      <c r="EK658" s="613"/>
      <c r="EL658" s="613"/>
      <c r="EM658" s="613"/>
      <c r="EN658" s="613"/>
      <c r="EO658" s="613"/>
      <c r="EP658" s="613"/>
      <c r="EQ658" s="613"/>
      <c r="ER658" s="613"/>
      <c r="ES658" s="613"/>
      <c r="ET658" s="613"/>
      <c r="EU658" s="613"/>
      <c r="EV658" s="613"/>
      <c r="EW658" s="613"/>
      <c r="EX658" s="613"/>
      <c r="EY658" s="613"/>
      <c r="EZ658" s="613"/>
      <c r="FA658" s="613"/>
      <c r="FB658" s="613"/>
      <c r="FC658" s="613"/>
      <c r="FD658" s="613"/>
      <c r="FE658" s="613"/>
      <c r="FF658" s="613"/>
      <c r="FG658" s="613"/>
      <c r="FH658" s="613"/>
      <c r="FI658" s="613"/>
      <c r="FJ658" s="613"/>
      <c r="FK658" s="613"/>
      <c r="FL658" s="613"/>
      <c r="FM658" s="613"/>
      <c r="FN658" s="613"/>
      <c r="FO658" s="613"/>
      <c r="FP658" s="613"/>
      <c r="FQ658" s="613"/>
      <c r="FR658" s="613"/>
      <c r="FS658" s="613"/>
      <c r="FT658" s="613"/>
      <c r="FU658" s="613"/>
      <c r="FV658" s="613"/>
      <c r="FW658" s="613"/>
      <c r="FX658" s="613"/>
      <c r="FY658" s="613"/>
      <c r="FZ658" s="613"/>
      <c r="GA658" s="613"/>
      <c r="GB658" s="613"/>
      <c r="GC658" s="613"/>
      <c r="GD658" s="613"/>
      <c r="GE658" s="613"/>
      <c r="GF658" s="613"/>
      <c r="GG658" s="613"/>
      <c r="GH658" s="613"/>
      <c r="GI658" s="613"/>
      <c r="GJ658" s="613"/>
      <c r="GK658" s="613"/>
      <c r="GL658" s="613"/>
      <c r="GM658" s="613"/>
      <c r="GN658" s="613"/>
      <c r="GO658" s="613"/>
      <c r="GP658" s="613"/>
      <c r="GQ658" s="613"/>
      <c r="GR658" s="613"/>
      <c r="GS658" s="613"/>
      <c r="GT658" s="613"/>
      <c r="GU658" s="613"/>
      <c r="GV658" s="613"/>
      <c r="GW658" s="613"/>
      <c r="GX658" s="613"/>
      <c r="GY658" s="613"/>
      <c r="GZ658" s="613"/>
      <c r="HA658" s="613"/>
      <c r="HB658" s="613"/>
      <c r="HC658" s="613"/>
      <c r="HD658" s="613"/>
      <c r="HE658" s="613"/>
      <c r="HF658" s="613"/>
      <c r="HG658" s="613"/>
      <c r="HH658" s="613"/>
      <c r="HI658" s="613"/>
      <c r="HJ658" s="613"/>
      <c r="HK658" s="613"/>
      <c r="HL658" s="613"/>
      <c r="HM658" s="613"/>
      <c r="HN658" s="613"/>
      <c r="HO658" s="613"/>
      <c r="HP658" s="613"/>
      <c r="HQ658" s="613"/>
      <c r="HR658" s="613"/>
      <c r="HS658" s="613"/>
      <c r="HT658" s="613"/>
      <c r="HU658" s="613"/>
      <c r="HV658" s="613"/>
      <c r="HW658" s="613"/>
      <c r="HX658" s="613"/>
      <c r="HY658" s="613"/>
      <c r="HZ658" s="613"/>
      <c r="IA658" s="613"/>
      <c r="IB658" s="613"/>
      <c r="IC658" s="613"/>
      <c r="ID658" s="613"/>
      <c r="IE658" s="613"/>
      <c r="IF658" s="613"/>
      <c r="IG658" s="613"/>
      <c r="IH658" s="613"/>
      <c r="II658" s="613"/>
      <c r="IJ658" s="613"/>
      <c r="IK658" s="613"/>
      <c r="IL658" s="613"/>
      <c r="IM658" s="613"/>
      <c r="IN658" s="613"/>
      <c r="IO658" s="613"/>
      <c r="IP658" s="613"/>
      <c r="IQ658" s="613"/>
      <c r="IR658" s="613"/>
      <c r="IS658" s="613"/>
      <c r="IT658" s="613"/>
      <c r="IU658" s="613"/>
      <c r="IV658" s="613"/>
      <c r="IW658" s="613"/>
      <c r="IX658" s="613"/>
      <c r="IY658" s="613"/>
      <c r="IZ658" s="613"/>
      <c r="JA658" s="613"/>
      <c r="JB658" s="613"/>
      <c r="JC658" s="613"/>
      <c r="JD658" s="613"/>
      <c r="JE658" s="613"/>
      <c r="JF658" s="613"/>
      <c r="JG658" s="613"/>
      <c r="JH658" s="613"/>
      <c r="JI658" s="613"/>
      <c r="JJ658" s="613"/>
      <c r="JK658" s="613"/>
      <c r="JL658" s="613"/>
      <c r="JM658" s="613"/>
      <c r="JN658" s="613"/>
      <c r="JO658" s="613"/>
      <c r="JP658" s="613"/>
      <c r="JQ658" s="613"/>
      <c r="JR658" s="613"/>
      <c r="JS658" s="613"/>
      <c r="JT658" s="613"/>
      <c r="JU658" s="613"/>
      <c r="JV658" s="613"/>
      <c r="JW658" s="613"/>
      <c r="JX658" s="613"/>
      <c r="JY658" s="613"/>
      <c r="JZ658" s="613"/>
      <c r="KA658" s="613"/>
      <c r="KB658" s="613"/>
      <c r="KC658" s="613"/>
      <c r="KD658" s="613"/>
      <c r="KE658" s="613"/>
      <c r="KF658" s="613"/>
      <c r="KG658" s="613"/>
      <c r="KH658" s="613"/>
      <c r="KI658" s="613"/>
      <c r="KJ658" s="613"/>
      <c r="KK658" s="613"/>
      <c r="KL658" s="613"/>
      <c r="KM658" s="613"/>
      <c r="KN658" s="613"/>
      <c r="KO658" s="613"/>
      <c r="KP658" s="613"/>
      <c r="KQ658" s="613"/>
      <c r="KR658" s="613"/>
      <c r="KS658" s="613"/>
      <c r="KT658" s="613"/>
      <c r="KU658" s="613"/>
      <c r="KV658" s="613"/>
      <c r="KW658" s="613"/>
      <c r="KX658" s="613"/>
      <c r="KY658" s="613"/>
      <c r="KZ658" s="613"/>
      <c r="LA658" s="613"/>
      <c r="LB658" s="613"/>
      <c r="LC658" s="613"/>
      <c r="LD658" s="613"/>
      <c r="LE658" s="613"/>
      <c r="LF658" s="613"/>
      <c r="LG658" s="613"/>
      <c r="LH658" s="613"/>
      <c r="LI658" s="613"/>
      <c r="LJ658" s="613"/>
      <c r="LK658" s="613"/>
      <c r="LL658" s="613"/>
      <c r="LM658" s="613"/>
      <c r="LN658" s="613"/>
      <c r="LO658" s="613"/>
      <c r="LP658" s="613"/>
      <c r="LQ658" s="613"/>
      <c r="LR658" s="613"/>
      <c r="LS658" s="613"/>
      <c r="LT658" s="613"/>
      <c r="LU658" s="613"/>
      <c r="LV658" s="613"/>
      <c r="LW658" s="613"/>
      <c r="LX658" s="613"/>
      <c r="LY658" s="613"/>
      <c r="LZ658" s="613"/>
      <c r="MA658" s="613"/>
      <c r="MB658" s="613"/>
      <c r="MC658" s="613"/>
      <c r="MD658" s="613"/>
      <c r="ME658" s="613"/>
      <c r="MF658" s="613"/>
      <c r="MG658" s="613"/>
      <c r="MH658" s="613"/>
      <c r="MI658" s="613"/>
      <c r="MJ658" s="613"/>
      <c r="MK658" s="613"/>
      <c r="ML658" s="613"/>
      <c r="MM658" s="613"/>
      <c r="MN658" s="613"/>
      <c r="MO658" s="613"/>
      <c r="MP658" s="613"/>
      <c r="MQ658" s="613"/>
      <c r="MR658" s="613"/>
      <c r="MS658" s="613"/>
      <c r="MT658" s="613"/>
      <c r="MU658" s="613"/>
      <c r="MV658" s="613"/>
      <c r="MW658" s="613"/>
      <c r="MX658" s="613"/>
      <c r="MY658" s="613"/>
      <c r="MZ658" s="613"/>
      <c r="NA658" s="613"/>
      <c r="NB658" s="613"/>
      <c r="NC658" s="613"/>
      <c r="ND658" s="613"/>
      <c r="NE658" s="613"/>
      <c r="NF658" s="613"/>
      <c r="NG658" s="613"/>
      <c r="NH658" s="613"/>
      <c r="NI658" s="613"/>
      <c r="NJ658" s="613"/>
      <c r="NK658" s="613"/>
      <c r="NL658" s="613"/>
      <c r="NM658" s="613"/>
      <c r="NN658" s="613"/>
      <c r="NO658" s="613"/>
      <c r="NP658" s="613"/>
      <c r="NQ658" s="613"/>
      <c r="NR658" s="613"/>
      <c r="NS658" s="613"/>
      <c r="NT658" s="613"/>
      <c r="NU658" s="613"/>
      <c r="NV658" s="613"/>
      <c r="NW658" s="613"/>
      <c r="NX658" s="613"/>
      <c r="NY658" s="613"/>
      <c r="NZ658" s="613"/>
      <c r="OA658" s="613"/>
      <c r="OB658" s="613"/>
      <c r="OC658" s="613"/>
      <c r="OD658" s="613"/>
      <c r="OE658" s="613"/>
      <c r="OF658" s="613"/>
      <c r="OG658" s="613"/>
      <c r="OH658" s="613"/>
      <c r="OI658" s="613"/>
      <c r="OJ658" s="613"/>
      <c r="OK658" s="613"/>
      <c r="OL658" s="613"/>
      <c r="OM658" s="613"/>
      <c r="ON658" s="613"/>
      <c r="OO658" s="613"/>
      <c r="OP658" s="613"/>
      <c r="OQ658" s="613"/>
      <c r="OR658" s="613"/>
      <c r="OS658" s="613"/>
      <c r="OT658" s="613"/>
      <c r="OU658" s="613"/>
      <c r="OV658" s="613"/>
      <c r="OW658" s="613"/>
      <c r="OX658" s="613"/>
      <c r="OY658" s="613"/>
      <c r="OZ658" s="613"/>
      <c r="PA658" s="613"/>
      <c r="PB658" s="613"/>
      <c r="PC658" s="613"/>
      <c r="PD658" s="613"/>
      <c r="PE658" s="613"/>
      <c r="PF658" s="613"/>
      <c r="PG658" s="613"/>
      <c r="PH658" s="613"/>
      <c r="PI658" s="613"/>
      <c r="PJ658" s="613"/>
      <c r="PK658" s="613"/>
      <c r="PL658" s="613"/>
      <c r="PM658" s="613"/>
      <c r="PN658" s="613"/>
      <c r="PO658" s="613"/>
      <c r="PP658" s="613"/>
      <c r="PQ658" s="613"/>
      <c r="PR658" s="613"/>
      <c r="PS658" s="613"/>
      <c r="PT658" s="613"/>
      <c r="PU658" s="613"/>
      <c r="PV658" s="613"/>
      <c r="PW658" s="613"/>
      <c r="PX658" s="613"/>
      <c r="PY658" s="613"/>
      <c r="PZ658" s="613"/>
      <c r="QA658" s="613"/>
      <c r="QB658" s="613"/>
      <c r="QC658" s="613"/>
      <c r="QD658" s="613"/>
      <c r="QE658" s="613"/>
      <c r="QF658" s="613"/>
      <c r="QG658" s="613"/>
      <c r="QH658" s="613"/>
      <c r="QI658" s="613"/>
      <c r="QJ658" s="613"/>
      <c r="QK658" s="613"/>
      <c r="QL658" s="613"/>
      <c r="QM658" s="613"/>
      <c r="QN658" s="613"/>
      <c r="QO658" s="613"/>
      <c r="QP658" s="613"/>
      <c r="QQ658" s="613"/>
      <c r="QR658" s="613"/>
      <c r="QS658" s="613"/>
      <c r="QT658" s="613"/>
      <c r="QU658" s="613"/>
      <c r="QV658" s="613"/>
      <c r="QW658" s="613"/>
      <c r="QX658" s="613"/>
      <c r="QY658" s="613"/>
      <c r="QZ658" s="613"/>
      <c r="RA658" s="613"/>
      <c r="RB658" s="613"/>
      <c r="RC658" s="613"/>
      <c r="RD658" s="613"/>
      <c r="RE658" s="613"/>
      <c r="RF658" s="613"/>
      <c r="RG658" s="613"/>
      <c r="RH658" s="613"/>
      <c r="RI658" s="613"/>
      <c r="RJ658" s="613"/>
      <c r="RK658" s="613"/>
      <c r="RL658" s="613"/>
      <c r="RM658" s="613"/>
      <c r="RN658" s="613"/>
      <c r="RO658" s="613"/>
      <c r="RP658" s="613"/>
      <c r="RQ658" s="613"/>
      <c r="RR658" s="613"/>
      <c r="RS658" s="613"/>
      <c r="RT658" s="613"/>
      <c r="RU658" s="613"/>
      <c r="RV658" s="613"/>
      <c r="RW658" s="613"/>
      <c r="RX658" s="613"/>
      <c r="RY658" s="613"/>
      <c r="RZ658" s="613"/>
      <c r="SA658" s="613"/>
      <c r="SB658" s="613"/>
      <c r="SC658" s="613"/>
      <c r="SD658" s="613"/>
      <c r="SE658" s="613"/>
      <c r="SF658" s="613"/>
      <c r="SG658" s="613"/>
      <c r="SH658" s="613"/>
      <c r="SI658" s="613"/>
      <c r="SJ658" s="613"/>
      <c r="SK658" s="613"/>
      <c r="SL658" s="613"/>
      <c r="SM658" s="613"/>
      <c r="SN658" s="613"/>
      <c r="SO658" s="613"/>
      <c r="SP658" s="613"/>
      <c r="SQ658" s="613"/>
      <c r="SR658" s="613"/>
      <c r="SS658" s="613"/>
      <c r="ST658" s="613"/>
      <c r="SU658" s="613"/>
      <c r="SV658" s="613"/>
      <c r="SW658" s="613"/>
      <c r="SX658" s="613"/>
      <c r="SY658" s="613"/>
      <c r="SZ658" s="613"/>
      <c r="TA658" s="613"/>
      <c r="TB658" s="613"/>
      <c r="TC658" s="613"/>
      <c r="TD658" s="613"/>
      <c r="TE658" s="613"/>
      <c r="TF658" s="613"/>
      <c r="TG658" s="613"/>
      <c r="TH658" s="613"/>
      <c r="TI658" s="613"/>
      <c r="TJ658" s="613"/>
      <c r="TK658" s="613"/>
      <c r="TL658" s="613"/>
      <c r="TM658" s="613"/>
      <c r="TN658" s="613"/>
      <c r="TO658" s="613"/>
      <c r="TP658" s="613"/>
      <c r="TQ658" s="613"/>
      <c r="TR658" s="613"/>
      <c r="TS658" s="613"/>
      <c r="TT658" s="613"/>
      <c r="TU658" s="613"/>
      <c r="TV658" s="613"/>
      <c r="TW658" s="613"/>
      <c r="TX658" s="613"/>
      <c r="TY658" s="613"/>
      <c r="TZ658" s="613"/>
      <c r="UA658" s="613"/>
      <c r="UB658" s="613"/>
      <c r="UC658" s="613"/>
      <c r="UD658" s="613"/>
      <c r="UE658" s="613"/>
      <c r="UF658" s="613"/>
      <c r="UG658" s="613"/>
      <c r="UH658" s="613"/>
      <c r="UI658" s="613"/>
      <c r="UJ658" s="613"/>
      <c r="UK658" s="613"/>
      <c r="UL658" s="613"/>
      <c r="UM658" s="613"/>
      <c r="UN658" s="613"/>
      <c r="UO658" s="613"/>
      <c r="UP658" s="613"/>
      <c r="UQ658" s="613"/>
      <c r="UR658" s="613"/>
      <c r="US658" s="613"/>
      <c r="UT658" s="613"/>
      <c r="UU658" s="613"/>
      <c r="UV658" s="613"/>
      <c r="UW658" s="613"/>
      <c r="UX658" s="613"/>
      <c r="UY658" s="613"/>
      <c r="UZ658" s="613"/>
      <c r="VA658" s="613"/>
      <c r="VB658" s="613"/>
      <c r="VC658" s="613"/>
      <c r="VD658" s="613"/>
      <c r="VE658" s="613"/>
      <c r="VF658" s="613"/>
      <c r="VG658" s="613"/>
      <c r="VH658" s="613"/>
      <c r="VI658" s="613"/>
      <c r="VJ658" s="613"/>
      <c r="VK658" s="613"/>
      <c r="VL658" s="613"/>
      <c r="VM658" s="613"/>
      <c r="VN658" s="613"/>
      <c r="VO658" s="613"/>
      <c r="VP658" s="613"/>
      <c r="VQ658" s="613"/>
      <c r="VR658" s="613"/>
      <c r="VS658" s="613"/>
      <c r="VT658" s="613"/>
      <c r="VU658" s="613"/>
      <c r="VV658" s="613"/>
      <c r="VW658" s="613"/>
      <c r="VX658" s="613"/>
      <c r="VY658" s="613"/>
      <c r="VZ658" s="613"/>
      <c r="WA658" s="613"/>
      <c r="WB658" s="613"/>
      <c r="WC658" s="613"/>
      <c r="WD658" s="613"/>
      <c r="WE658" s="613"/>
      <c r="WF658" s="613"/>
      <c r="WG658" s="613"/>
      <c r="WH658" s="613"/>
      <c r="WI658" s="613"/>
      <c r="WJ658" s="613"/>
      <c r="WK658" s="613"/>
      <c r="WL658" s="613"/>
      <c r="WM658" s="613"/>
      <c r="WN658" s="613"/>
      <c r="WO658" s="613"/>
      <c r="WP658" s="613"/>
      <c r="WQ658" s="613"/>
      <c r="WR658" s="613"/>
      <c r="WS658" s="613"/>
      <c r="WT658" s="613"/>
      <c r="WU658" s="613"/>
      <c r="WV658" s="613"/>
      <c r="WW658" s="613"/>
      <c r="WX658" s="613"/>
      <c r="WY658" s="613"/>
      <c r="WZ658" s="613"/>
      <c r="XA658" s="613"/>
      <c r="XB658" s="613"/>
      <c r="XC658" s="613"/>
      <c r="XD658" s="613"/>
      <c r="XE658" s="613"/>
      <c r="XF658" s="613"/>
      <c r="XG658" s="613"/>
      <c r="XH658" s="613"/>
      <c r="XI658" s="613"/>
      <c r="XJ658" s="613"/>
      <c r="XK658" s="613"/>
      <c r="XL658" s="613"/>
      <c r="XM658" s="613"/>
      <c r="XN658" s="613"/>
      <c r="XO658" s="613"/>
      <c r="XP658" s="613"/>
      <c r="XQ658" s="613"/>
      <c r="XR658" s="613"/>
      <c r="XS658" s="613"/>
      <c r="XT658" s="613"/>
      <c r="XU658" s="613"/>
      <c r="XV658" s="613"/>
      <c r="XW658" s="613"/>
      <c r="XX658" s="613"/>
      <c r="XY658" s="613"/>
      <c r="XZ658" s="613"/>
      <c r="YA658" s="613"/>
      <c r="YB658" s="613"/>
      <c r="YC658" s="613"/>
      <c r="YD658" s="613"/>
      <c r="YE658" s="613"/>
      <c r="YF658" s="613"/>
      <c r="YG658" s="613"/>
      <c r="YH658" s="613"/>
      <c r="YI658" s="613"/>
      <c r="YJ658" s="613"/>
      <c r="YK658" s="613"/>
      <c r="YL658" s="613"/>
      <c r="YM658" s="613"/>
      <c r="YN658" s="613"/>
      <c r="YO658" s="613"/>
      <c r="YP658" s="613"/>
      <c r="YQ658" s="613"/>
      <c r="YR658" s="613"/>
      <c r="YS658" s="613"/>
      <c r="YT658" s="613"/>
      <c r="YU658" s="613"/>
      <c r="YV658" s="613"/>
      <c r="YW658" s="613"/>
      <c r="YX658" s="613"/>
      <c r="YY658" s="613"/>
      <c r="YZ658" s="613"/>
      <c r="ZA658" s="613"/>
      <c r="ZB658" s="613"/>
      <c r="ZC658" s="613"/>
      <c r="ZD658" s="613"/>
      <c r="ZE658" s="613"/>
      <c r="ZF658" s="613"/>
      <c r="ZG658" s="613"/>
      <c r="ZH658" s="613"/>
      <c r="ZI658" s="613"/>
      <c r="ZJ658" s="613"/>
      <c r="ZK658" s="613"/>
      <c r="ZL658" s="613"/>
      <c r="ZM658" s="613"/>
      <c r="ZN658" s="613"/>
      <c r="ZO658" s="613"/>
      <c r="ZP658" s="613"/>
      <c r="ZQ658" s="613"/>
      <c r="ZR658" s="613"/>
      <c r="ZS658" s="613"/>
      <c r="ZT658" s="613"/>
      <c r="ZU658" s="613"/>
      <c r="ZV658" s="613"/>
      <c r="ZW658" s="613"/>
      <c r="ZX658" s="613"/>
      <c r="ZY658" s="613"/>
      <c r="ZZ658" s="613"/>
      <c r="AAA658" s="613"/>
      <c r="AAB658" s="613"/>
      <c r="AAC658" s="613"/>
      <c r="AAD658" s="613"/>
      <c r="AAE658" s="613"/>
      <c r="AAF658" s="613"/>
      <c r="AAG658" s="613"/>
      <c r="AAH658" s="613"/>
      <c r="AAI658" s="613"/>
      <c r="AAJ658" s="613"/>
      <c r="AAK658" s="613"/>
      <c r="AAL658" s="613"/>
      <c r="AAM658" s="613"/>
      <c r="AAN658" s="613"/>
      <c r="AAO658" s="613"/>
      <c r="AAP658" s="613"/>
      <c r="AAQ658" s="613"/>
      <c r="AAR658" s="613"/>
      <c r="AAS658" s="613"/>
      <c r="AAT658" s="613"/>
      <c r="AAU658" s="613"/>
      <c r="AAV658" s="613"/>
      <c r="AAW658" s="613"/>
      <c r="AAX658" s="613"/>
      <c r="AAY658" s="613"/>
      <c r="AAZ658" s="613"/>
      <c r="ABA658" s="613"/>
      <c r="ABB658" s="613"/>
      <c r="ABC658" s="613"/>
      <c r="ABD658" s="613"/>
      <c r="ABE658" s="613"/>
      <c r="ABF658" s="613"/>
      <c r="ABG658" s="613"/>
      <c r="ABH658" s="613"/>
      <c r="ABI658" s="613"/>
      <c r="ABJ658" s="613"/>
      <c r="ABK658" s="613"/>
      <c r="ABL658" s="613"/>
      <c r="ABM658" s="613"/>
      <c r="ABN658" s="613"/>
      <c r="ABO658" s="613"/>
      <c r="ABP658" s="613"/>
      <c r="ABQ658" s="613"/>
      <c r="ABR658" s="613"/>
      <c r="ABS658" s="613"/>
      <c r="ABT658" s="613"/>
      <c r="ABU658" s="613"/>
      <c r="ABV658" s="613"/>
      <c r="ABW658" s="613"/>
      <c r="ABX658" s="613"/>
      <c r="ABY658" s="613"/>
      <c r="ABZ658" s="613"/>
      <c r="ACA658" s="613"/>
      <c r="ACB658" s="613"/>
      <c r="ACC658" s="613"/>
      <c r="ACD658" s="613"/>
      <c r="ACE658" s="613"/>
      <c r="ACF658" s="613"/>
      <c r="ACG658" s="613"/>
      <c r="ACH658" s="613"/>
      <c r="ACI658" s="613"/>
      <c r="ACJ658" s="613"/>
      <c r="ACK658" s="613"/>
      <c r="ACL658" s="613"/>
      <c r="ACM658" s="613"/>
      <c r="ACN658" s="613"/>
      <c r="ACO658" s="613"/>
      <c r="ACP658" s="613"/>
      <c r="ACQ658" s="613"/>
      <c r="ACR658" s="613"/>
      <c r="ACS658" s="613"/>
      <c r="ACT658" s="613"/>
      <c r="ACU658" s="613"/>
      <c r="ACV658" s="613"/>
      <c r="ACW658" s="613"/>
      <c r="ACX658" s="613"/>
      <c r="ACY658" s="613"/>
      <c r="ACZ658" s="613"/>
      <c r="ADA658" s="613"/>
      <c r="ADB658" s="613"/>
      <c r="ADC658" s="613"/>
      <c r="ADD658" s="613"/>
      <c r="ADE658" s="613"/>
      <c r="ADF658" s="613"/>
      <c r="ADG658" s="613"/>
      <c r="ADH658" s="613"/>
      <c r="ADI658" s="613"/>
      <c r="ADJ658" s="613"/>
      <c r="ADK658" s="613"/>
      <c r="ADL658" s="613"/>
      <c r="ADM658" s="613"/>
      <c r="ADN658" s="613"/>
      <c r="ADO658" s="613"/>
      <c r="ADP658" s="613"/>
      <c r="ADQ658" s="613"/>
      <c r="ADR658" s="613"/>
      <c r="ADS658" s="613"/>
      <c r="ADT658" s="613"/>
      <c r="ADU658" s="613"/>
      <c r="ADV658" s="613"/>
      <c r="ADW658" s="613"/>
      <c r="ADX658" s="613"/>
      <c r="ADY658" s="613"/>
      <c r="ADZ658" s="613"/>
      <c r="AEA658" s="613"/>
      <c r="AEB658" s="613"/>
      <c r="AEC658" s="613"/>
      <c r="AED658" s="613"/>
      <c r="AEE658" s="613"/>
      <c r="AEF658" s="613"/>
      <c r="AEG658" s="613"/>
      <c r="AEH658" s="613"/>
      <c r="AEI658" s="613"/>
      <c r="AEJ658" s="613"/>
      <c r="AEK658" s="613"/>
      <c r="AEL658" s="613"/>
      <c r="AEM658" s="613"/>
      <c r="AEN658" s="613"/>
      <c r="AEO658" s="613"/>
      <c r="AEP658" s="613"/>
      <c r="AEQ658" s="613"/>
      <c r="AER658" s="613"/>
      <c r="AES658" s="613"/>
      <c r="AET658" s="613"/>
      <c r="AEU658" s="613"/>
      <c r="AEV658" s="613"/>
      <c r="AEW658" s="613"/>
      <c r="AEX658" s="613"/>
      <c r="AEY658" s="613"/>
      <c r="AEZ658" s="613"/>
      <c r="AFA658" s="613"/>
      <c r="AFB658" s="613"/>
      <c r="AFC658" s="613"/>
      <c r="AFD658" s="613"/>
      <c r="AFE658" s="613"/>
      <c r="AFF658" s="613"/>
      <c r="AFG658" s="613"/>
      <c r="AFH658" s="613"/>
      <c r="AFI658" s="613"/>
      <c r="AFJ658" s="613"/>
      <c r="AFK658" s="613"/>
      <c r="AFL658" s="613"/>
      <c r="AFM658" s="613"/>
      <c r="AFN658" s="613"/>
      <c r="AFO658" s="613"/>
      <c r="AFP658" s="613"/>
      <c r="AFQ658" s="613"/>
      <c r="AFR658" s="613"/>
      <c r="AFS658" s="613"/>
      <c r="AFT658" s="613"/>
      <c r="AFU658" s="613"/>
      <c r="AFV658" s="613"/>
      <c r="AFW658" s="613"/>
      <c r="AFX658" s="613"/>
      <c r="AFY658" s="613"/>
      <c r="AFZ658" s="613"/>
      <c r="AGA658" s="613"/>
      <c r="AGB658" s="613"/>
      <c r="AGC658" s="613"/>
      <c r="AGD658" s="613"/>
      <c r="AGE658" s="613"/>
      <c r="AGF658" s="613"/>
      <c r="AGG658" s="613"/>
      <c r="AGH658" s="613"/>
      <c r="AGI658" s="613"/>
      <c r="AGJ658" s="613"/>
      <c r="AGK658" s="613"/>
      <c r="AGL658" s="613"/>
      <c r="AGM658" s="613"/>
      <c r="AGN658" s="613"/>
      <c r="AGO658" s="613"/>
      <c r="AGP658" s="613"/>
      <c r="AGQ658" s="613"/>
      <c r="AGR658" s="613"/>
      <c r="AGS658" s="613"/>
      <c r="AGT658" s="613"/>
      <c r="AGU658" s="613"/>
      <c r="AGV658" s="613"/>
      <c r="AGW658" s="613"/>
      <c r="AGX658" s="613"/>
      <c r="AGY658" s="613"/>
      <c r="AGZ658" s="613"/>
      <c r="AHA658" s="613"/>
      <c r="AHB658" s="613"/>
      <c r="AHC658" s="613"/>
      <c r="AHD658" s="613"/>
      <c r="AHE658" s="613"/>
      <c r="AHF658" s="613"/>
      <c r="AHG658" s="613"/>
      <c r="AHH658" s="613"/>
      <c r="AHI658" s="613"/>
      <c r="AHJ658" s="613"/>
      <c r="AHK658" s="613"/>
      <c r="AHL658" s="613"/>
      <c r="AHM658" s="613"/>
      <c r="AHN658" s="613"/>
      <c r="AHO658" s="613"/>
      <c r="AHP658" s="613"/>
      <c r="AHQ658" s="613"/>
      <c r="AHR658" s="613"/>
      <c r="AHS658" s="613"/>
      <c r="AHT658" s="613"/>
      <c r="AHU658" s="613"/>
      <c r="AHV658" s="613"/>
      <c r="AHW658" s="613"/>
      <c r="AHX658" s="613"/>
      <c r="AHY658" s="613"/>
      <c r="AHZ658" s="613"/>
      <c r="AIA658" s="613"/>
      <c r="AIB658" s="613"/>
      <c r="AIC658" s="613"/>
      <c r="AID658" s="613"/>
      <c r="AIE658" s="613"/>
      <c r="AIF658" s="613"/>
      <c r="AIG658" s="613"/>
      <c r="AIH658" s="613"/>
      <c r="AII658" s="613"/>
      <c r="AIJ658" s="613"/>
      <c r="AIK658" s="613"/>
      <c r="AIL658" s="613"/>
      <c r="AIM658" s="613"/>
      <c r="AIN658" s="613"/>
      <c r="AIO658" s="613"/>
      <c r="AIP658" s="613"/>
      <c r="AIQ658" s="613"/>
      <c r="AIR658" s="613"/>
      <c r="AIS658" s="613"/>
      <c r="AIT658" s="613"/>
      <c r="AIU658" s="613"/>
      <c r="AIV658" s="613"/>
      <c r="AIW658" s="613"/>
      <c r="AIX658" s="613"/>
      <c r="AIY658" s="613"/>
      <c r="AIZ658" s="613"/>
      <c r="AJA658" s="613"/>
      <c r="AJB658" s="613"/>
      <c r="AJC658" s="613"/>
      <c r="AJD658" s="613"/>
      <c r="AJE658" s="613"/>
      <c r="AJF658" s="613"/>
      <c r="AJG658" s="613"/>
      <c r="AJH658" s="613"/>
      <c r="AJI658" s="613"/>
      <c r="AJJ658" s="613"/>
      <c r="AJK658" s="613"/>
      <c r="AJL658" s="613"/>
      <c r="AJM658" s="613"/>
      <c r="AJN658" s="613"/>
      <c r="AJO658" s="613"/>
      <c r="AJP658" s="613"/>
      <c r="AJQ658" s="613"/>
      <c r="AJR658" s="613"/>
      <c r="AJS658" s="613"/>
      <c r="AJT658" s="613"/>
      <c r="AJU658" s="613"/>
      <c r="AJV658" s="613"/>
      <c r="AJW658" s="613"/>
      <c r="AJX658" s="613"/>
      <c r="AJY658" s="613"/>
      <c r="AJZ658" s="613"/>
      <c r="AKA658" s="613"/>
      <c r="AKB658" s="613"/>
      <c r="AKC658" s="613"/>
      <c r="AKD658" s="613"/>
      <c r="AKE658" s="613"/>
      <c r="AKF658" s="613"/>
      <c r="AKG658" s="613"/>
      <c r="AKH658" s="613"/>
      <c r="AKI658" s="613"/>
      <c r="AKJ658" s="613"/>
      <c r="AKK658" s="613"/>
      <c r="AKL658" s="613"/>
      <c r="AKM658" s="613"/>
      <c r="AKN658" s="613"/>
      <c r="AKO658" s="613"/>
      <c r="AKP658" s="613"/>
      <c r="AKQ658" s="613"/>
      <c r="AKR658" s="613"/>
      <c r="AKS658" s="613"/>
      <c r="AKT658" s="613"/>
      <c r="AKU658" s="613"/>
      <c r="AKV658" s="613"/>
      <c r="AKW658" s="613"/>
      <c r="AKX658" s="613"/>
      <c r="AKY658" s="613"/>
      <c r="AKZ658" s="613"/>
      <c r="ALA658" s="613"/>
      <c r="ALB658" s="613"/>
      <c r="ALC658" s="613"/>
      <c r="ALD658" s="613"/>
      <c r="ALE658" s="613"/>
      <c r="ALF658" s="613"/>
      <c r="ALG658" s="613"/>
      <c r="ALH658" s="613"/>
      <c r="ALI658" s="613"/>
      <c r="ALJ658" s="613"/>
      <c r="ALK658" s="613"/>
      <c r="ALL658" s="613"/>
      <c r="ALM658" s="613"/>
      <c r="ALN658" s="613"/>
      <c r="ALO658" s="613"/>
      <c r="ALP658" s="613"/>
      <c r="ALQ658" s="613"/>
      <c r="ALR658" s="613"/>
      <c r="ALS658" s="613"/>
      <c r="ALT658" s="613"/>
      <c r="ALU658" s="613"/>
      <c r="ALV658" s="613"/>
      <c r="ALW658" s="613"/>
      <c r="ALX658" s="613"/>
      <c r="ALY658" s="613"/>
      <c r="ALZ658" s="613"/>
      <c r="AMA658" s="613"/>
      <c r="AMB658" s="613"/>
      <c r="AMC658" s="613"/>
      <c r="AMD658" s="613"/>
      <c r="AME658" s="613"/>
      <c r="AMF658" s="613"/>
      <c r="AMG658" s="613"/>
      <c r="AMH658" s="613"/>
      <c r="AMI658" s="613"/>
      <c r="AMJ658" s="613"/>
      <c r="AMK658" s="613"/>
      <c r="AML658" s="613"/>
      <c r="AMM658" s="613"/>
      <c r="AMN658" s="613"/>
      <c r="AMO658" s="613"/>
      <c r="AMP658" s="613"/>
      <c r="AMQ658" s="613"/>
      <c r="AMR658" s="613"/>
      <c r="AMS658" s="613"/>
      <c r="AMT658" s="613"/>
      <c r="AMU658" s="613"/>
      <c r="AMV658" s="613"/>
      <c r="AMW658" s="613"/>
      <c r="AMX658" s="613"/>
      <c r="AMY658" s="613"/>
      <c r="AMZ658" s="613"/>
      <c r="ANA658" s="613"/>
      <c r="ANB658" s="613"/>
      <c r="ANC658" s="613"/>
      <c r="AND658" s="613"/>
      <c r="ANE658" s="613"/>
      <c r="ANF658" s="613"/>
      <c r="ANG658" s="613"/>
      <c r="ANH658" s="613"/>
      <c r="ANI658" s="613"/>
      <c r="ANJ658" s="613"/>
      <c r="ANK658" s="613"/>
      <c r="ANL658" s="613"/>
      <c r="ANM658" s="613"/>
      <c r="ANN658" s="613"/>
      <c r="ANO658" s="613"/>
      <c r="ANP658" s="613"/>
      <c r="ANQ658" s="613"/>
      <c r="ANR658" s="613"/>
      <c r="ANS658" s="613"/>
      <c r="ANT658" s="613"/>
      <c r="ANU658" s="613"/>
      <c r="ANV658" s="613"/>
      <c r="ANW658" s="613"/>
      <c r="ANX658" s="613"/>
      <c r="ANY658" s="613"/>
      <c r="ANZ658" s="613"/>
      <c r="AOA658" s="613"/>
      <c r="AOB658" s="613"/>
      <c r="AOC658" s="613"/>
      <c r="AOD658" s="613"/>
      <c r="AOE658" s="613"/>
      <c r="AOF658" s="613"/>
      <c r="AOG658" s="613"/>
      <c r="AOH658" s="613"/>
      <c r="AOI658" s="613"/>
      <c r="AOJ658" s="613"/>
      <c r="AOK658" s="613"/>
      <c r="AOL658" s="613"/>
      <c r="AOM658" s="613"/>
      <c r="AON658" s="613"/>
      <c r="AOO658" s="613"/>
      <c r="AOP658" s="613"/>
      <c r="AOQ658" s="613"/>
      <c r="AOR658" s="613"/>
      <c r="AOS658" s="613"/>
      <c r="AOT658" s="613"/>
      <c r="AOU658" s="613"/>
      <c r="AOV658" s="613"/>
      <c r="AOW658" s="613"/>
      <c r="AOX658" s="613"/>
      <c r="AOY658" s="613"/>
      <c r="AOZ658" s="613"/>
      <c r="APA658" s="613"/>
      <c r="APB658" s="613"/>
      <c r="APC658" s="613"/>
      <c r="APD658" s="613"/>
      <c r="APE658" s="613"/>
      <c r="APF658" s="613"/>
      <c r="APG658" s="613"/>
      <c r="APH658" s="613"/>
      <c r="API658" s="613"/>
      <c r="APJ658" s="613"/>
      <c r="APK658" s="613"/>
      <c r="APL658" s="613"/>
      <c r="APM658" s="613"/>
      <c r="APN658" s="613"/>
      <c r="APO658" s="613"/>
      <c r="APP658" s="613"/>
      <c r="APQ658" s="613"/>
      <c r="APR658" s="613"/>
      <c r="APS658" s="613"/>
      <c r="APT658" s="613"/>
      <c r="APU658" s="613"/>
      <c r="APV658" s="613"/>
      <c r="APW658" s="613"/>
      <c r="APX658" s="613"/>
      <c r="APY658" s="613"/>
      <c r="APZ658" s="613"/>
      <c r="AQA658" s="613"/>
      <c r="AQB658" s="613"/>
      <c r="AQC658" s="613"/>
      <c r="AQD658" s="613"/>
      <c r="AQE658" s="613"/>
      <c r="AQF658" s="613"/>
      <c r="AQG658" s="613"/>
      <c r="AQH658" s="613"/>
      <c r="AQI658" s="613"/>
      <c r="AQJ658" s="613"/>
      <c r="AQK658" s="613"/>
      <c r="AQL658" s="613"/>
      <c r="AQM658" s="613"/>
      <c r="AQN658" s="613"/>
      <c r="AQO658" s="613"/>
      <c r="AQP658" s="613"/>
      <c r="AQQ658" s="613"/>
      <c r="AQR658" s="613"/>
      <c r="AQS658" s="613"/>
      <c r="AQT658" s="613"/>
      <c r="AQU658" s="613"/>
      <c r="AQV658" s="613"/>
      <c r="AQW658" s="613"/>
      <c r="AQX658" s="613"/>
      <c r="AQY658" s="613"/>
      <c r="AQZ658" s="613"/>
      <c r="ARA658" s="613"/>
      <c r="ARB658" s="613"/>
      <c r="ARC658" s="613"/>
      <c r="ARD658" s="613"/>
      <c r="ARE658" s="613"/>
      <c r="ARF658" s="613"/>
      <c r="ARG658" s="613"/>
      <c r="ARH658" s="613"/>
      <c r="ARI658" s="613"/>
      <c r="ARJ658" s="613"/>
      <c r="ARK658" s="613"/>
      <c r="ARL658" s="613"/>
      <c r="ARM658" s="613"/>
      <c r="ARN658" s="613"/>
      <c r="ARO658" s="613"/>
      <c r="ARP658" s="613"/>
      <c r="ARQ658" s="613"/>
      <c r="ARR658" s="613"/>
      <c r="ARS658" s="613"/>
      <c r="ART658" s="613"/>
      <c r="ARU658" s="613"/>
      <c r="ARV658" s="613"/>
      <c r="ARW658" s="613"/>
      <c r="ARX658" s="613"/>
      <c r="ARY658" s="613"/>
      <c r="ARZ658" s="613"/>
      <c r="ASA658" s="613"/>
      <c r="ASB658" s="613"/>
      <c r="ASC658" s="613"/>
      <c r="ASD658" s="613"/>
      <c r="ASE658" s="613"/>
      <c r="ASF658" s="613"/>
      <c r="ASG658" s="613"/>
      <c r="ASH658" s="613"/>
      <c r="ASI658" s="613"/>
      <c r="ASJ658" s="613"/>
      <c r="ASK658" s="613"/>
      <c r="ASL658" s="613"/>
      <c r="ASM658" s="613"/>
      <c r="ASN658" s="613"/>
      <c r="ASO658" s="613"/>
      <c r="ASP658" s="613"/>
      <c r="ASQ658" s="613"/>
      <c r="ASR658" s="613"/>
      <c r="ASS658" s="613"/>
      <c r="AST658" s="613"/>
      <c r="ASU658" s="613"/>
      <c r="ASV658" s="613"/>
      <c r="ASW658" s="613"/>
      <c r="ASX658" s="613"/>
      <c r="ASY658" s="613"/>
      <c r="ASZ658" s="613"/>
      <c r="ATA658" s="613"/>
      <c r="ATB658" s="613"/>
      <c r="ATC658" s="613"/>
      <c r="ATD658" s="613"/>
      <c r="ATE658" s="613"/>
      <c r="ATF658" s="613"/>
      <c r="ATG658" s="613"/>
      <c r="ATH658" s="613"/>
      <c r="ATI658" s="613"/>
      <c r="ATJ658" s="613"/>
      <c r="ATK658" s="613"/>
      <c r="ATL658" s="613"/>
      <c r="ATM658" s="613"/>
      <c r="ATN658" s="613"/>
      <c r="ATO658" s="613"/>
      <c r="ATP658" s="613"/>
      <c r="ATQ658" s="613"/>
      <c r="ATR658" s="613"/>
      <c r="ATS658" s="613"/>
      <c r="ATT658" s="613"/>
      <c r="ATU658" s="613"/>
      <c r="ATV658" s="613"/>
      <c r="ATW658" s="613"/>
      <c r="ATX658" s="613"/>
      <c r="ATY658" s="613"/>
      <c r="ATZ658" s="613"/>
      <c r="AUA658" s="613"/>
      <c r="AUB658" s="613"/>
      <c r="AUC658" s="613"/>
      <c r="AUD658" s="613"/>
      <c r="AUE658" s="613"/>
      <c r="AUF658" s="613"/>
      <c r="AUG658" s="613"/>
      <c r="AUH658" s="613"/>
      <c r="AUI658" s="613"/>
      <c r="AUJ658" s="613"/>
      <c r="AUK658" s="613"/>
      <c r="AUL658" s="613"/>
      <c r="AUM658" s="613"/>
      <c r="AUN658" s="613"/>
      <c r="AUO658" s="613"/>
      <c r="AUP658" s="613"/>
      <c r="AUQ658" s="613"/>
      <c r="AUR658" s="613"/>
      <c r="AUS658" s="613"/>
      <c r="AUT658" s="613"/>
      <c r="AUU658" s="613"/>
      <c r="AUV658" s="613"/>
      <c r="AUW658" s="613"/>
      <c r="AUX658" s="613"/>
      <c r="AUY658" s="613"/>
      <c r="AUZ658" s="613"/>
      <c r="AVA658" s="613"/>
      <c r="AVB658" s="613"/>
      <c r="AVC658" s="613"/>
      <c r="AVD658" s="613"/>
      <c r="AVE658" s="613"/>
      <c r="AVF658" s="613"/>
      <c r="AVG658" s="613"/>
      <c r="AVH658" s="613"/>
      <c r="AVI658" s="613"/>
      <c r="AVJ658" s="613"/>
      <c r="AVK658" s="613"/>
      <c r="AVL658" s="613"/>
      <c r="AVM658" s="613"/>
      <c r="AVN658" s="613"/>
      <c r="AVO658" s="613"/>
      <c r="AVP658" s="613"/>
      <c r="AVQ658" s="613"/>
      <c r="AVR658" s="613"/>
      <c r="AVS658" s="613"/>
      <c r="AVT658" s="613"/>
      <c r="AVU658" s="613"/>
      <c r="AVV658" s="613"/>
      <c r="AVW658" s="613"/>
      <c r="AVX658" s="613"/>
      <c r="AVY658" s="613"/>
      <c r="AVZ658" s="613"/>
      <c r="AWA658" s="613"/>
      <c r="AWB658" s="613"/>
      <c r="AWC658" s="613"/>
      <c r="AWD658" s="613"/>
      <c r="AWE658" s="613"/>
      <c r="AWF658" s="613"/>
      <c r="AWG658" s="613"/>
      <c r="AWH658" s="613"/>
      <c r="AWI658" s="613"/>
      <c r="AWJ658" s="613"/>
      <c r="AWK658" s="613"/>
      <c r="AWL658" s="613"/>
      <c r="AWM658" s="613"/>
      <c r="AWN658" s="613"/>
      <c r="AWO658" s="613"/>
      <c r="AWP658" s="613"/>
      <c r="AWQ658" s="613"/>
      <c r="AWR658" s="613"/>
      <c r="AWS658" s="613"/>
      <c r="AWT658" s="613"/>
      <c r="AWU658" s="613"/>
      <c r="AWV658" s="613"/>
      <c r="AWW658" s="613"/>
      <c r="AWX658" s="613"/>
      <c r="AWY658" s="613"/>
      <c r="AWZ658" s="613"/>
      <c r="AXA658" s="613"/>
      <c r="AXB658" s="613"/>
      <c r="AXC658" s="613"/>
      <c r="AXD658" s="613"/>
      <c r="AXE658" s="613"/>
      <c r="AXF658" s="613"/>
      <c r="AXG658" s="613"/>
      <c r="AXH658" s="613"/>
      <c r="AXI658" s="613"/>
      <c r="AXJ658" s="613"/>
      <c r="AXK658" s="613"/>
      <c r="AXL658" s="613"/>
      <c r="AXM658" s="613"/>
      <c r="AXN658" s="613"/>
      <c r="AXO658" s="613"/>
      <c r="AXP658" s="613"/>
      <c r="AXQ658" s="613"/>
      <c r="AXR658" s="613"/>
      <c r="AXS658" s="613"/>
      <c r="AXT658" s="613"/>
      <c r="AXU658" s="613"/>
      <c r="AXV658" s="613"/>
      <c r="AXW658" s="613"/>
      <c r="AXX658" s="613"/>
      <c r="AXY658" s="613"/>
      <c r="AXZ658" s="613"/>
      <c r="AYA658" s="613"/>
      <c r="AYB658" s="613"/>
      <c r="AYC658" s="613"/>
      <c r="AYD658" s="613"/>
      <c r="AYE658" s="613"/>
      <c r="AYF658" s="613"/>
      <c r="AYG658" s="613"/>
      <c r="AYH658" s="613"/>
      <c r="AYI658" s="613"/>
      <c r="AYJ658" s="613"/>
      <c r="AYK658" s="613"/>
      <c r="AYL658" s="613"/>
      <c r="AYM658" s="613"/>
      <c r="AYN658" s="613"/>
      <c r="AYO658" s="613"/>
      <c r="AYP658" s="613"/>
      <c r="AYQ658" s="613"/>
      <c r="AYR658" s="613"/>
      <c r="AYS658" s="613"/>
      <c r="AYT658" s="613"/>
      <c r="AYU658" s="613"/>
      <c r="AYV658" s="613"/>
      <c r="AYW658" s="613"/>
      <c r="AYX658" s="613"/>
      <c r="AYY658" s="613"/>
      <c r="AYZ658" s="613"/>
      <c r="AZA658" s="613"/>
      <c r="AZB658" s="613"/>
      <c r="AZC658" s="613"/>
      <c r="AZD658" s="613"/>
      <c r="AZE658" s="613"/>
      <c r="AZF658" s="613"/>
      <c r="AZG658" s="613"/>
      <c r="AZH658" s="613"/>
      <c r="AZI658" s="613"/>
      <c r="AZJ658" s="613"/>
      <c r="AZK658" s="613"/>
      <c r="AZL658" s="613"/>
      <c r="AZM658" s="613"/>
      <c r="AZN658" s="613"/>
      <c r="AZO658" s="613"/>
      <c r="AZP658" s="613"/>
      <c r="AZQ658" s="613"/>
      <c r="AZR658" s="613"/>
      <c r="AZS658" s="613"/>
      <c r="AZT658" s="613"/>
      <c r="AZU658" s="613"/>
      <c r="AZV658" s="613"/>
      <c r="AZW658" s="613"/>
      <c r="AZX658" s="613"/>
      <c r="AZY658" s="613"/>
      <c r="AZZ658" s="613"/>
      <c r="BAA658" s="613"/>
      <c r="BAB658" s="613"/>
      <c r="BAC658" s="613"/>
      <c r="BAD658" s="613"/>
      <c r="BAE658" s="613"/>
      <c r="BAF658" s="613"/>
      <c r="BAG658" s="613"/>
      <c r="BAH658" s="613"/>
      <c r="BAI658" s="613"/>
      <c r="BAJ658" s="613"/>
      <c r="BAK658" s="613"/>
      <c r="BAL658" s="613"/>
      <c r="BAM658" s="613"/>
      <c r="BAN658" s="613"/>
      <c r="BAO658" s="613"/>
      <c r="BAP658" s="613"/>
      <c r="BAQ658" s="613"/>
      <c r="BAR658" s="613"/>
      <c r="BAS658" s="613"/>
      <c r="BAT658" s="613"/>
      <c r="BAU658" s="613"/>
      <c r="BAV658" s="613"/>
      <c r="BAW658" s="613"/>
      <c r="BAX658" s="613"/>
      <c r="BAY658" s="613"/>
      <c r="BAZ658" s="613"/>
      <c r="BBA658" s="613"/>
      <c r="BBB658" s="613"/>
      <c r="BBC658" s="613"/>
      <c r="BBD658" s="613"/>
      <c r="BBE658" s="613"/>
      <c r="BBF658" s="613"/>
      <c r="BBG658" s="613"/>
      <c r="BBH658" s="613"/>
      <c r="BBI658" s="613"/>
      <c r="BBJ658" s="613"/>
      <c r="BBK658" s="613"/>
      <c r="BBL658" s="613"/>
      <c r="BBM658" s="613"/>
      <c r="BBN658" s="613"/>
      <c r="BBO658" s="613"/>
      <c r="BBP658" s="613"/>
      <c r="BBQ658" s="613"/>
      <c r="BBR658" s="613"/>
      <c r="BBS658" s="613"/>
      <c r="BBT658" s="613"/>
      <c r="BBU658" s="613"/>
      <c r="BBV658" s="613"/>
      <c r="BBW658" s="613"/>
      <c r="BBX658" s="613"/>
      <c r="BBY658" s="613"/>
      <c r="BBZ658" s="613"/>
      <c r="BCA658" s="613"/>
      <c r="BCB658" s="613"/>
      <c r="BCC658" s="613"/>
      <c r="BCD658" s="613"/>
      <c r="BCE658" s="613"/>
      <c r="BCF658" s="613"/>
      <c r="BCG658" s="613"/>
      <c r="BCH658" s="613"/>
      <c r="BCI658" s="613"/>
      <c r="BCJ658" s="613"/>
      <c r="BCK658" s="613"/>
      <c r="BCL658" s="613"/>
      <c r="BCM658" s="613"/>
      <c r="BCN658" s="613"/>
      <c r="BCO658" s="613"/>
      <c r="BCP658" s="613"/>
      <c r="BCQ658" s="613"/>
      <c r="BCR658" s="613"/>
      <c r="BCS658" s="613"/>
      <c r="BCT658" s="613"/>
      <c r="BCU658" s="613"/>
      <c r="BCV658" s="613"/>
      <c r="BCW658" s="613"/>
      <c r="BCX658" s="613"/>
      <c r="BCY658" s="613"/>
      <c r="BCZ658" s="613"/>
      <c r="BDA658" s="613"/>
      <c r="BDB658" s="613"/>
      <c r="BDC658" s="613"/>
      <c r="BDD658" s="613"/>
      <c r="BDE658" s="613"/>
      <c r="BDF658" s="613"/>
      <c r="BDG658" s="613"/>
      <c r="BDH658" s="613"/>
      <c r="BDI658" s="613"/>
      <c r="BDJ658" s="613"/>
      <c r="BDK658" s="613"/>
      <c r="BDL658" s="613"/>
      <c r="BDM658" s="613"/>
      <c r="BDN658" s="613"/>
      <c r="BDO658" s="613"/>
      <c r="BDP658" s="613"/>
      <c r="BDQ658" s="613"/>
      <c r="BDR658" s="613"/>
      <c r="BDS658" s="613"/>
      <c r="BDT658" s="613"/>
      <c r="BDU658" s="613"/>
      <c r="BDV658" s="613"/>
      <c r="BDW658" s="613"/>
      <c r="BDX658" s="613"/>
      <c r="BDY658" s="613"/>
      <c r="BDZ658" s="613"/>
      <c r="BEA658" s="613"/>
      <c r="BEB658" s="613"/>
      <c r="BEC658" s="613"/>
      <c r="BED658" s="613"/>
      <c r="BEE658" s="613"/>
      <c r="BEF658" s="613"/>
      <c r="BEG658" s="613"/>
      <c r="BEH658" s="613"/>
      <c r="BEI658" s="613"/>
      <c r="BEJ658" s="613"/>
      <c r="BEK658" s="613"/>
      <c r="BEL658" s="613"/>
      <c r="BEM658" s="613"/>
      <c r="BEN658" s="613"/>
      <c r="BEO658" s="613"/>
      <c r="BEP658" s="613"/>
      <c r="BEQ658" s="613"/>
      <c r="BER658" s="613"/>
      <c r="BES658" s="613"/>
      <c r="BET658" s="613"/>
      <c r="BEU658" s="613"/>
      <c r="BEV658" s="613"/>
      <c r="BEW658" s="613"/>
      <c r="BEX658" s="613"/>
      <c r="BEY658" s="613"/>
      <c r="BEZ658" s="613"/>
      <c r="BFA658" s="613"/>
      <c r="BFB658" s="613"/>
      <c r="BFC658" s="613"/>
      <c r="BFD658" s="613"/>
      <c r="BFE658" s="613"/>
      <c r="BFF658" s="613"/>
      <c r="BFG658" s="613"/>
      <c r="BFH658" s="613"/>
      <c r="BFI658" s="613"/>
      <c r="BFJ658" s="613"/>
      <c r="BFK658" s="613"/>
      <c r="BFL658" s="613"/>
      <c r="BFM658" s="613"/>
      <c r="BFN658" s="613"/>
      <c r="BFO658" s="613"/>
      <c r="BFP658" s="613"/>
      <c r="BFQ658" s="613"/>
      <c r="BFR658" s="613"/>
      <c r="BFS658" s="613"/>
      <c r="BFT658" s="613"/>
      <c r="BFU658" s="613"/>
      <c r="BFV658" s="613"/>
      <c r="BFW658" s="613"/>
      <c r="BFX658" s="613"/>
      <c r="BFY658" s="613"/>
      <c r="BFZ658" s="613"/>
      <c r="BGA658" s="613"/>
      <c r="BGB658" s="613"/>
      <c r="BGC658" s="613"/>
      <c r="BGD658" s="613"/>
      <c r="BGE658" s="613"/>
      <c r="BGF658" s="613"/>
      <c r="BGG658" s="613"/>
      <c r="BGH658" s="613"/>
      <c r="BGI658" s="613"/>
      <c r="BGJ658" s="613"/>
      <c r="BGK658" s="613"/>
      <c r="BGL658" s="613"/>
      <c r="BGM658" s="613"/>
      <c r="BGN658" s="613"/>
      <c r="BGO658" s="613"/>
      <c r="BGP658" s="613"/>
      <c r="BGQ658" s="613"/>
      <c r="BGR658" s="613"/>
      <c r="BGS658" s="613"/>
      <c r="BGT658" s="613"/>
      <c r="BGU658" s="613"/>
      <c r="BGV658" s="613"/>
      <c r="BGW658" s="613"/>
      <c r="BGX658" s="613"/>
      <c r="BGY658" s="613"/>
      <c r="BGZ658" s="613"/>
      <c r="BHA658" s="613"/>
      <c r="BHB658" s="613"/>
      <c r="BHC658" s="613"/>
      <c r="BHD658" s="613"/>
      <c r="BHE658" s="613"/>
      <c r="BHF658" s="613"/>
      <c r="BHG658" s="613"/>
      <c r="BHH658" s="613"/>
      <c r="BHI658" s="613"/>
      <c r="BHJ658" s="613"/>
      <c r="BHK658" s="613"/>
      <c r="BHL658" s="613"/>
      <c r="BHM658" s="613"/>
      <c r="BHN658" s="613"/>
      <c r="BHO658" s="613"/>
      <c r="BHP658" s="613"/>
      <c r="BHQ658" s="613"/>
      <c r="BHR658" s="613"/>
      <c r="BHS658" s="613"/>
      <c r="BHT658" s="613"/>
      <c r="BHU658" s="613"/>
      <c r="BHV658" s="613"/>
      <c r="BHW658" s="613"/>
      <c r="BHX658" s="613"/>
      <c r="BHY658" s="613"/>
      <c r="BHZ658" s="613"/>
      <c r="BIA658" s="613"/>
      <c r="BIB658" s="613"/>
      <c r="BIC658" s="613"/>
      <c r="BID658" s="613"/>
      <c r="BIE658" s="613"/>
      <c r="BIF658" s="613"/>
      <c r="BIG658" s="613"/>
      <c r="BIH658" s="613"/>
      <c r="BII658" s="613"/>
      <c r="BIJ658" s="613"/>
      <c r="BIK658" s="613"/>
      <c r="BIL658" s="613"/>
      <c r="BIM658" s="613"/>
      <c r="BIN658" s="613"/>
      <c r="BIO658" s="613"/>
      <c r="BIP658" s="613"/>
      <c r="BIQ658" s="613"/>
      <c r="BIR658" s="613"/>
      <c r="BIS658" s="613"/>
      <c r="BIT658" s="613"/>
      <c r="BIU658" s="613"/>
      <c r="BIV658" s="613"/>
      <c r="BIW658" s="613"/>
      <c r="BIX658" s="613"/>
      <c r="BIY658" s="613"/>
      <c r="BIZ658" s="613"/>
      <c r="BJA658" s="613"/>
      <c r="BJB658" s="613"/>
      <c r="BJC658" s="613"/>
      <c r="BJD658" s="613"/>
      <c r="BJE658" s="613"/>
      <c r="BJF658" s="613"/>
      <c r="BJG658" s="613"/>
      <c r="BJH658" s="613"/>
      <c r="BJI658" s="613"/>
      <c r="BJJ658" s="613"/>
      <c r="BJK658" s="613"/>
      <c r="BJL658" s="613"/>
      <c r="BJM658" s="613"/>
      <c r="BJN658" s="613"/>
      <c r="BJO658" s="613"/>
      <c r="BJP658" s="613"/>
      <c r="BJQ658" s="613"/>
      <c r="BJR658" s="613"/>
      <c r="BJS658" s="613"/>
      <c r="BJT658" s="613"/>
      <c r="BJU658" s="613"/>
      <c r="BJV658" s="613"/>
      <c r="BJW658" s="613"/>
      <c r="BJX658" s="613"/>
      <c r="BJY658" s="613"/>
      <c r="BJZ658" s="613"/>
      <c r="BKA658" s="613"/>
      <c r="BKB658" s="613"/>
      <c r="BKC658" s="613"/>
      <c r="BKD658" s="613"/>
      <c r="BKE658" s="613"/>
      <c r="BKF658" s="613"/>
      <c r="BKG658" s="613"/>
      <c r="BKH658" s="613"/>
      <c r="BKI658" s="613"/>
      <c r="BKJ658" s="613"/>
      <c r="BKK658" s="613"/>
      <c r="BKL658" s="613"/>
      <c r="BKM658" s="613"/>
      <c r="BKN658" s="613"/>
      <c r="BKO658" s="613"/>
      <c r="BKP658" s="613"/>
      <c r="BKQ658" s="613"/>
      <c r="BKR658" s="613"/>
      <c r="BKS658" s="613"/>
      <c r="BKT658" s="613"/>
      <c r="BKU658" s="613"/>
      <c r="BKV658" s="613"/>
      <c r="BKW658" s="613"/>
      <c r="BKX658" s="613"/>
      <c r="BKY658" s="613"/>
      <c r="BKZ658" s="613"/>
      <c r="BLA658" s="613"/>
      <c r="BLB658" s="613"/>
      <c r="BLC658" s="613"/>
      <c r="BLD658" s="613"/>
      <c r="BLE658" s="613"/>
      <c r="BLF658" s="613"/>
      <c r="BLG658" s="613"/>
      <c r="BLH658" s="613"/>
      <c r="BLI658" s="613"/>
      <c r="BLJ658" s="613"/>
      <c r="BLK658" s="613"/>
      <c r="BLL658" s="613"/>
      <c r="BLM658" s="613"/>
      <c r="BLN658" s="613"/>
      <c r="BLO658" s="613"/>
      <c r="BLP658" s="613"/>
      <c r="BLQ658" s="613"/>
      <c r="BLR658" s="613"/>
      <c r="BLS658" s="613"/>
      <c r="BLT658" s="613"/>
      <c r="BLU658" s="613"/>
      <c r="BLV658" s="613"/>
      <c r="BLW658" s="613"/>
      <c r="BLX658" s="613"/>
      <c r="BLY658" s="613"/>
      <c r="BLZ658" s="613"/>
      <c r="BMA658" s="613"/>
      <c r="BMB658" s="613"/>
      <c r="BMC658" s="613"/>
      <c r="BMD658" s="613"/>
      <c r="BME658" s="613"/>
      <c r="BMF658" s="613"/>
      <c r="BMG658" s="613"/>
      <c r="BMH658" s="613"/>
      <c r="BMI658" s="613"/>
      <c r="BMJ658" s="613"/>
      <c r="BMK658" s="613"/>
      <c r="BML658" s="613"/>
      <c r="BMM658" s="613"/>
      <c r="BMN658" s="613"/>
      <c r="BMO658" s="613"/>
      <c r="BMP658" s="613"/>
      <c r="BMQ658" s="613"/>
      <c r="BMR658" s="613"/>
      <c r="BMS658" s="613"/>
      <c r="BMT658" s="613"/>
      <c r="BMU658" s="613"/>
      <c r="BMV658" s="613"/>
      <c r="BMW658" s="613"/>
      <c r="BMX658" s="613"/>
      <c r="BMY658" s="613"/>
      <c r="BMZ658" s="613"/>
      <c r="BNA658" s="613"/>
      <c r="BNB658" s="613"/>
      <c r="BNC658" s="613"/>
      <c r="BND658" s="613"/>
      <c r="BNE658" s="613"/>
      <c r="BNF658" s="613"/>
      <c r="BNG658" s="613"/>
      <c r="BNH658" s="613"/>
      <c r="BNI658" s="613"/>
      <c r="BNJ658" s="613"/>
      <c r="BNK658" s="613"/>
      <c r="BNL658" s="613"/>
      <c r="BNM658" s="613"/>
      <c r="BNN658" s="613"/>
      <c r="BNO658" s="613"/>
      <c r="BNP658" s="613"/>
      <c r="BNQ658" s="613"/>
      <c r="BNR658" s="613"/>
      <c r="BNS658" s="613"/>
      <c r="BNT658" s="613"/>
      <c r="BNU658" s="613"/>
      <c r="BNV658" s="613"/>
      <c r="BNW658" s="613"/>
      <c r="BNX658" s="613"/>
      <c r="BNY658" s="613"/>
      <c r="BNZ658" s="613"/>
      <c r="BOA658" s="613"/>
      <c r="BOB658" s="613"/>
      <c r="BOC658" s="613"/>
      <c r="BOD658" s="613"/>
      <c r="BOE658" s="613"/>
      <c r="BOF658" s="613"/>
      <c r="BOG658" s="613"/>
      <c r="BOH658" s="613"/>
      <c r="BOI658" s="613"/>
      <c r="BOJ658" s="613"/>
      <c r="BOK658" s="613"/>
      <c r="BOL658" s="613"/>
      <c r="BOM658" s="613"/>
      <c r="BON658" s="613"/>
      <c r="BOO658" s="613"/>
      <c r="BOP658" s="613"/>
      <c r="BOQ658" s="613"/>
      <c r="BOR658" s="613"/>
      <c r="BOS658" s="613"/>
      <c r="BOT658" s="613"/>
      <c r="BOU658" s="613"/>
      <c r="BOV658" s="613"/>
      <c r="BOW658" s="613"/>
      <c r="BOX658" s="613"/>
      <c r="BOY658" s="613"/>
      <c r="BOZ658" s="613"/>
      <c r="BPA658" s="613"/>
      <c r="BPB658" s="613"/>
      <c r="BPC658" s="613"/>
      <c r="BPD658" s="613"/>
      <c r="BPE658" s="613"/>
      <c r="BPF658" s="613"/>
      <c r="BPG658" s="613"/>
      <c r="BPH658" s="613"/>
      <c r="BPI658" s="613"/>
      <c r="BPJ658" s="613"/>
      <c r="BPK658" s="613"/>
      <c r="BPL658" s="613"/>
      <c r="BPM658" s="613"/>
      <c r="BPN658" s="613"/>
      <c r="BPO658" s="613"/>
      <c r="BPP658" s="613"/>
      <c r="BPQ658" s="613"/>
      <c r="BPR658" s="613"/>
      <c r="BPS658" s="613"/>
      <c r="BPT658" s="613"/>
      <c r="BPU658" s="613"/>
      <c r="BPV658" s="613"/>
      <c r="BPW658" s="613"/>
      <c r="BPX658" s="613"/>
      <c r="BPY658" s="613"/>
      <c r="BPZ658" s="613"/>
      <c r="BQA658" s="613"/>
      <c r="BQB658" s="613"/>
      <c r="BQC658" s="613"/>
      <c r="BQD658" s="613"/>
      <c r="BQE658" s="613"/>
      <c r="BQF658" s="613"/>
      <c r="BQG658" s="613"/>
      <c r="BQH658" s="613"/>
      <c r="BQI658" s="613"/>
      <c r="BQJ658" s="613"/>
      <c r="BQK658" s="613"/>
      <c r="BQL658" s="613"/>
      <c r="BQM658" s="613"/>
      <c r="BQN658" s="613"/>
      <c r="BQO658" s="613"/>
      <c r="BQP658" s="613"/>
      <c r="BQQ658" s="613"/>
      <c r="BQR658" s="613"/>
      <c r="BQS658" s="613"/>
      <c r="BQT658" s="613"/>
      <c r="BQU658" s="613"/>
      <c r="BQV658" s="613"/>
      <c r="BQW658" s="613"/>
      <c r="BQX658" s="613"/>
      <c r="BQY658" s="613"/>
      <c r="BQZ658" s="613"/>
      <c r="BRA658" s="613"/>
      <c r="BRB658" s="613"/>
      <c r="BRC658" s="613"/>
      <c r="BRD658" s="613"/>
      <c r="BRE658" s="613"/>
      <c r="BRF658" s="613"/>
      <c r="BRG658" s="613"/>
      <c r="BRH658" s="613"/>
      <c r="BRI658" s="613"/>
      <c r="BRJ658" s="613"/>
      <c r="BRK658" s="613"/>
      <c r="BRL658" s="613"/>
      <c r="BRM658" s="613"/>
      <c r="BRN658" s="613"/>
      <c r="BRO658" s="613"/>
      <c r="BRP658" s="613"/>
      <c r="BRQ658" s="613"/>
      <c r="BRR658" s="613"/>
      <c r="BRS658" s="613"/>
      <c r="BRT658" s="613"/>
      <c r="BRU658" s="613"/>
      <c r="BRV658" s="613"/>
      <c r="BRW658" s="613"/>
      <c r="BRX658" s="613"/>
      <c r="BRY658" s="613"/>
      <c r="BRZ658" s="613"/>
      <c r="BSA658" s="613"/>
      <c r="BSB658" s="613"/>
      <c r="BSC658" s="613"/>
      <c r="BSD658" s="613"/>
      <c r="BSE658" s="613"/>
      <c r="BSF658" s="613"/>
      <c r="BSG658" s="613"/>
      <c r="BSH658" s="613"/>
      <c r="BSI658" s="613"/>
      <c r="BSJ658" s="613"/>
      <c r="BSK658" s="613"/>
      <c r="BSL658" s="613"/>
      <c r="BSM658" s="613"/>
      <c r="BSN658" s="613"/>
      <c r="BSO658" s="613"/>
      <c r="BSP658" s="613"/>
      <c r="BSQ658" s="613"/>
      <c r="BSR658" s="613"/>
      <c r="BSS658" s="613"/>
      <c r="BST658" s="613"/>
      <c r="BSU658" s="613"/>
      <c r="BSV658" s="613"/>
      <c r="BSW658" s="613"/>
      <c r="BSX658" s="613"/>
      <c r="BSY658" s="613"/>
      <c r="BSZ658" s="613"/>
      <c r="BTA658" s="613"/>
      <c r="BTB658" s="613"/>
      <c r="BTC658" s="613"/>
      <c r="BTD658" s="613"/>
      <c r="BTE658" s="613"/>
      <c r="BTF658" s="613"/>
      <c r="BTG658" s="613"/>
      <c r="BTH658" s="613"/>
      <c r="BTI658" s="613"/>
      <c r="BTJ658" s="613"/>
      <c r="BTK658" s="613"/>
      <c r="BTL658" s="613"/>
      <c r="BTM658" s="613"/>
      <c r="BTN658" s="613"/>
      <c r="BTO658" s="613"/>
      <c r="BTP658" s="613"/>
      <c r="BTQ658" s="613"/>
      <c r="BTR658" s="613"/>
      <c r="BTS658" s="613"/>
      <c r="BTT658" s="613"/>
      <c r="BTU658" s="613"/>
      <c r="BTV658" s="613"/>
      <c r="BTW658" s="613"/>
      <c r="BTX658" s="613"/>
      <c r="BTY658" s="613"/>
      <c r="BTZ658" s="613"/>
      <c r="BUA658" s="613"/>
      <c r="BUB658" s="613"/>
      <c r="BUC658" s="613"/>
      <c r="BUD658" s="613"/>
      <c r="BUE658" s="613"/>
      <c r="BUF658" s="613"/>
      <c r="BUG658" s="613"/>
      <c r="BUH658" s="613"/>
      <c r="BUI658" s="613"/>
      <c r="BUJ658" s="613"/>
      <c r="BUK658" s="613"/>
      <c r="BUL658" s="613"/>
      <c r="BUM658" s="613"/>
      <c r="BUN658" s="613"/>
      <c r="BUO658" s="613"/>
      <c r="BUP658" s="613"/>
      <c r="BUQ658" s="613"/>
      <c r="BUR658" s="613"/>
      <c r="BUS658" s="613"/>
      <c r="BUT658" s="613"/>
      <c r="BUU658" s="613"/>
      <c r="BUV658" s="613"/>
      <c r="BUW658" s="613"/>
      <c r="BUX658" s="613"/>
      <c r="BUY658" s="613"/>
      <c r="BUZ658" s="613"/>
      <c r="BVA658" s="613"/>
      <c r="BVB658" s="613"/>
      <c r="BVC658" s="613"/>
      <c r="BVD658" s="613"/>
      <c r="BVE658" s="613"/>
      <c r="BVF658" s="613"/>
      <c r="BVG658" s="613"/>
      <c r="BVH658" s="613"/>
      <c r="BVI658" s="613"/>
      <c r="BVJ658" s="613"/>
      <c r="BVK658" s="613"/>
      <c r="BVL658" s="613"/>
      <c r="BVM658" s="613"/>
      <c r="BVN658" s="613"/>
      <c r="BVO658" s="613"/>
      <c r="BVP658" s="613"/>
      <c r="BVQ658" s="613"/>
      <c r="BVR658" s="613"/>
      <c r="BVS658" s="613"/>
      <c r="BVT658" s="613"/>
      <c r="BVU658" s="613"/>
      <c r="BVV658" s="613"/>
      <c r="BVW658" s="613"/>
      <c r="BVX658" s="613"/>
      <c r="BVY658" s="613"/>
      <c r="BVZ658" s="613"/>
      <c r="BWA658" s="613"/>
      <c r="BWB658" s="613"/>
      <c r="BWC658" s="613"/>
      <c r="BWD658" s="613"/>
      <c r="BWE658" s="613"/>
      <c r="BWF658" s="613"/>
      <c r="BWG658" s="613"/>
      <c r="BWH658" s="613"/>
      <c r="BWI658" s="613"/>
      <c r="BWJ658" s="613"/>
      <c r="BWK658" s="613"/>
      <c r="BWL658" s="613"/>
      <c r="BWM658" s="613"/>
      <c r="BWN658" s="613"/>
      <c r="BWO658" s="613"/>
      <c r="BWP658" s="613"/>
      <c r="BWQ658" s="613"/>
      <c r="BWR658" s="613"/>
      <c r="BWS658" s="613"/>
      <c r="BWT658" s="613"/>
      <c r="BWU658" s="613"/>
      <c r="BWV658" s="613"/>
      <c r="BWW658" s="613"/>
      <c r="BWX658" s="613"/>
      <c r="BWY658" s="613"/>
      <c r="BWZ658" s="613"/>
      <c r="BXA658" s="613"/>
      <c r="BXB658" s="613"/>
      <c r="BXC658" s="613"/>
      <c r="BXD658" s="613"/>
      <c r="BXE658" s="613"/>
      <c r="BXF658" s="613"/>
      <c r="BXG658" s="613"/>
      <c r="BXH658" s="613"/>
      <c r="BXI658" s="613"/>
      <c r="BXJ658" s="613"/>
      <c r="BXK658" s="613"/>
      <c r="BXL658" s="613"/>
      <c r="BXM658" s="613"/>
      <c r="BXN658" s="613"/>
      <c r="BXO658" s="613"/>
      <c r="BXP658" s="613"/>
      <c r="BXQ658" s="613"/>
      <c r="BXR658" s="613"/>
      <c r="BXS658" s="613"/>
      <c r="BXT658" s="613"/>
      <c r="BXU658" s="613"/>
      <c r="BXV658" s="613"/>
      <c r="BXW658" s="613"/>
      <c r="BXX658" s="613"/>
      <c r="BXY658" s="613"/>
      <c r="BXZ658" s="613"/>
      <c r="BYA658" s="613"/>
      <c r="BYB658" s="613"/>
      <c r="BYC658" s="613"/>
      <c r="BYD658" s="613"/>
      <c r="BYE658" s="613"/>
      <c r="BYF658" s="613"/>
      <c r="BYG658" s="613"/>
      <c r="BYH658" s="613"/>
      <c r="BYI658" s="613"/>
      <c r="BYJ658" s="613"/>
      <c r="BYK658" s="613"/>
      <c r="BYL658" s="613"/>
      <c r="BYM658" s="613"/>
      <c r="BYN658" s="613"/>
      <c r="BYO658" s="613"/>
      <c r="BYP658" s="613"/>
      <c r="BYQ658" s="613"/>
      <c r="BYR658" s="613"/>
      <c r="BYS658" s="613"/>
      <c r="BYT658" s="613"/>
      <c r="BYU658" s="613"/>
      <c r="BYV658" s="613"/>
      <c r="BYW658" s="613"/>
      <c r="BYX658" s="613"/>
      <c r="BYY658" s="613"/>
      <c r="BYZ658" s="613"/>
      <c r="BZA658" s="613"/>
      <c r="BZB658" s="613"/>
      <c r="BZC658" s="613"/>
      <c r="BZD658" s="613"/>
      <c r="BZE658" s="613"/>
      <c r="BZF658" s="613"/>
      <c r="BZG658" s="613"/>
      <c r="BZH658" s="613"/>
      <c r="BZI658" s="613"/>
      <c r="BZJ658" s="613"/>
      <c r="BZK658" s="613"/>
      <c r="BZL658" s="613"/>
      <c r="BZM658" s="613"/>
      <c r="BZN658" s="613"/>
      <c r="BZO658" s="613"/>
      <c r="BZP658" s="613"/>
      <c r="BZQ658" s="613"/>
      <c r="BZR658" s="613"/>
      <c r="BZS658" s="613"/>
      <c r="BZT658" s="613"/>
      <c r="BZU658" s="613"/>
      <c r="BZV658" s="613"/>
      <c r="BZW658" s="613"/>
      <c r="BZX658" s="613"/>
      <c r="BZY658" s="613"/>
      <c r="BZZ658" s="613"/>
      <c r="CAA658" s="613"/>
      <c r="CAB658" s="613"/>
      <c r="CAC658" s="613"/>
      <c r="CAD658" s="613"/>
      <c r="CAE658" s="613"/>
      <c r="CAF658" s="613"/>
      <c r="CAG658" s="613"/>
      <c r="CAH658" s="613"/>
      <c r="CAI658" s="613"/>
      <c r="CAJ658" s="613"/>
      <c r="CAK658" s="613"/>
      <c r="CAL658" s="613"/>
      <c r="CAM658" s="613"/>
      <c r="CAN658" s="613"/>
      <c r="CAO658" s="613"/>
      <c r="CAP658" s="613"/>
      <c r="CAQ658" s="613"/>
      <c r="CAR658" s="613"/>
      <c r="CAS658" s="613"/>
      <c r="CAT658" s="613"/>
      <c r="CAU658" s="613"/>
      <c r="CAV658" s="613"/>
      <c r="CAW658" s="613"/>
      <c r="CAX658" s="613"/>
      <c r="CAY658" s="613"/>
      <c r="CAZ658" s="613"/>
      <c r="CBA658" s="613"/>
      <c r="CBB658" s="613"/>
      <c r="CBC658" s="613"/>
      <c r="CBD658" s="613"/>
      <c r="CBE658" s="613"/>
      <c r="CBF658" s="613"/>
      <c r="CBG658" s="613"/>
      <c r="CBH658" s="613"/>
      <c r="CBI658" s="613"/>
      <c r="CBJ658" s="613"/>
      <c r="CBK658" s="613"/>
      <c r="CBL658" s="613"/>
      <c r="CBM658" s="613"/>
      <c r="CBN658" s="613"/>
      <c r="CBO658" s="613"/>
      <c r="CBP658" s="613"/>
      <c r="CBQ658" s="613"/>
      <c r="CBR658" s="613"/>
      <c r="CBS658" s="613"/>
      <c r="CBT658" s="613"/>
      <c r="CBU658" s="613"/>
      <c r="CBV658" s="613"/>
      <c r="CBW658" s="613"/>
      <c r="CBX658" s="613"/>
      <c r="CBY658" s="613"/>
      <c r="CBZ658" s="613"/>
      <c r="CCA658" s="613"/>
      <c r="CCB658" s="613"/>
      <c r="CCC658" s="613"/>
      <c r="CCD658" s="613"/>
      <c r="CCE658" s="613"/>
      <c r="CCF658" s="613"/>
      <c r="CCG658" s="613"/>
      <c r="CCH658" s="613"/>
      <c r="CCI658" s="613"/>
      <c r="CCJ658" s="613"/>
      <c r="CCK658" s="613"/>
      <c r="CCL658" s="613"/>
      <c r="CCM658" s="613"/>
      <c r="CCN658" s="613"/>
      <c r="CCO658" s="613"/>
      <c r="CCP658" s="613"/>
      <c r="CCQ658" s="613"/>
      <c r="CCR658" s="613"/>
      <c r="CCS658" s="613"/>
      <c r="CCT658" s="613"/>
      <c r="CCU658" s="613"/>
      <c r="CCV658" s="613"/>
      <c r="CCW658" s="613"/>
      <c r="CCX658" s="613"/>
      <c r="CCY658" s="613"/>
      <c r="CCZ658" s="613"/>
      <c r="CDA658" s="613"/>
      <c r="CDB658" s="613"/>
      <c r="CDC658" s="613"/>
      <c r="CDD658" s="613"/>
      <c r="CDE658" s="613"/>
      <c r="CDF658" s="613"/>
      <c r="CDG658" s="613"/>
      <c r="CDH658" s="613"/>
      <c r="CDI658" s="613"/>
      <c r="CDJ658" s="613"/>
      <c r="CDK658" s="613"/>
      <c r="CDL658" s="613"/>
      <c r="CDM658" s="613"/>
      <c r="CDN658" s="613"/>
      <c r="CDO658" s="613"/>
      <c r="CDP658" s="613"/>
      <c r="CDQ658" s="613"/>
      <c r="CDR658" s="613"/>
      <c r="CDS658" s="613"/>
      <c r="CDT658" s="613"/>
      <c r="CDU658" s="613"/>
      <c r="CDV658" s="613"/>
      <c r="CDW658" s="613"/>
      <c r="CDX658" s="613"/>
      <c r="CDY658" s="613"/>
      <c r="CDZ658" s="613"/>
      <c r="CEA658" s="613"/>
      <c r="CEB658" s="613"/>
      <c r="CEC658" s="613"/>
      <c r="CED658" s="613"/>
      <c r="CEE658" s="613"/>
      <c r="CEF658" s="613"/>
      <c r="CEG658" s="613"/>
      <c r="CEH658" s="613"/>
      <c r="CEI658" s="613"/>
      <c r="CEJ658" s="613"/>
      <c r="CEK658" s="613"/>
      <c r="CEL658" s="613"/>
      <c r="CEM658" s="613"/>
      <c r="CEN658" s="613"/>
      <c r="CEO658" s="613"/>
      <c r="CEP658" s="613"/>
      <c r="CEQ658" s="613"/>
      <c r="CER658" s="613"/>
      <c r="CES658" s="613"/>
      <c r="CET658" s="613"/>
      <c r="CEU658" s="613"/>
      <c r="CEV658" s="613"/>
      <c r="CEW658" s="613"/>
      <c r="CEX658" s="613"/>
      <c r="CEY658" s="613"/>
      <c r="CEZ658" s="613"/>
      <c r="CFA658" s="613"/>
      <c r="CFB658" s="613"/>
      <c r="CFC658" s="613"/>
      <c r="CFD658" s="613"/>
      <c r="CFE658" s="613"/>
      <c r="CFF658" s="613"/>
      <c r="CFG658" s="613"/>
      <c r="CFH658" s="613"/>
      <c r="CFI658" s="613"/>
      <c r="CFJ658" s="613"/>
      <c r="CFK658" s="613"/>
      <c r="CFL658" s="613"/>
      <c r="CFM658" s="613"/>
      <c r="CFN658" s="613"/>
      <c r="CFO658" s="613"/>
      <c r="CFP658" s="613"/>
      <c r="CFQ658" s="613"/>
      <c r="CFR658" s="613"/>
      <c r="CFS658" s="613"/>
      <c r="CFT658" s="613"/>
      <c r="CFU658" s="613"/>
      <c r="CFV658" s="613"/>
      <c r="CFW658" s="613"/>
      <c r="CFX658" s="613"/>
      <c r="CFY658" s="613"/>
      <c r="CFZ658" s="613"/>
      <c r="CGA658" s="613"/>
      <c r="CGB658" s="613"/>
      <c r="CGC658" s="613"/>
      <c r="CGD658" s="613"/>
      <c r="CGE658" s="613"/>
      <c r="CGF658" s="613"/>
      <c r="CGG658" s="613"/>
      <c r="CGH658" s="613"/>
      <c r="CGI658" s="613"/>
      <c r="CGJ658" s="613"/>
      <c r="CGK658" s="613"/>
      <c r="CGL658" s="613"/>
      <c r="CGM658" s="613"/>
      <c r="CGN658" s="613"/>
      <c r="CGO658" s="613"/>
      <c r="CGP658" s="613"/>
      <c r="CGQ658" s="613"/>
      <c r="CGR658" s="613"/>
      <c r="CGS658" s="613"/>
      <c r="CGT658" s="613"/>
      <c r="CGU658" s="613"/>
      <c r="CGV658" s="613"/>
      <c r="CGW658" s="613"/>
      <c r="CGX658" s="613"/>
      <c r="CGY658" s="613"/>
      <c r="CGZ658" s="613"/>
      <c r="CHA658" s="613"/>
      <c r="CHB658" s="613"/>
      <c r="CHC658" s="613"/>
      <c r="CHD658" s="613"/>
      <c r="CHE658" s="613"/>
      <c r="CHF658" s="613"/>
      <c r="CHG658" s="613"/>
      <c r="CHH658" s="613"/>
      <c r="CHI658" s="613"/>
      <c r="CHJ658" s="613"/>
      <c r="CHK658" s="613"/>
      <c r="CHL658" s="613"/>
      <c r="CHM658" s="613"/>
      <c r="CHN658" s="613"/>
      <c r="CHO658" s="613"/>
      <c r="CHP658" s="613"/>
      <c r="CHQ658" s="613"/>
      <c r="CHR658" s="613"/>
      <c r="CHS658" s="613"/>
      <c r="CHT658" s="613"/>
      <c r="CHU658" s="613"/>
      <c r="CHV658" s="613"/>
      <c r="CHW658" s="613"/>
      <c r="CHX658" s="613"/>
      <c r="CHY658" s="613"/>
      <c r="CHZ658" s="613"/>
      <c r="CIA658" s="613"/>
      <c r="CIB658" s="613"/>
      <c r="CIC658" s="613"/>
      <c r="CID658" s="613"/>
      <c r="CIE658" s="613"/>
      <c r="CIF658" s="613"/>
      <c r="CIG658" s="613"/>
      <c r="CIH658" s="613"/>
      <c r="CII658" s="613"/>
      <c r="CIJ658" s="613"/>
      <c r="CIK658" s="613"/>
      <c r="CIL658" s="613"/>
      <c r="CIM658" s="613"/>
      <c r="CIN658" s="613"/>
      <c r="CIO658" s="613"/>
      <c r="CIP658" s="613"/>
      <c r="CIQ658" s="613"/>
      <c r="CIR658" s="613"/>
      <c r="CIS658" s="613"/>
      <c r="CIT658" s="613"/>
      <c r="CIU658" s="613"/>
      <c r="CIV658" s="613"/>
      <c r="CIW658" s="613"/>
      <c r="CIX658" s="613"/>
      <c r="CIY658" s="613"/>
      <c r="CIZ658" s="613"/>
      <c r="CJA658" s="613"/>
      <c r="CJB658" s="613"/>
      <c r="CJC658" s="613"/>
      <c r="CJD658" s="613"/>
      <c r="CJE658" s="613"/>
      <c r="CJF658" s="613"/>
      <c r="CJG658" s="613"/>
      <c r="CJH658" s="613"/>
      <c r="CJI658" s="613"/>
      <c r="CJJ658" s="613"/>
      <c r="CJK658" s="613"/>
      <c r="CJL658" s="613"/>
      <c r="CJM658" s="613"/>
      <c r="CJN658" s="613"/>
      <c r="CJO658" s="613"/>
      <c r="CJP658" s="613"/>
      <c r="CJQ658" s="613"/>
      <c r="CJR658" s="613"/>
      <c r="CJS658" s="613"/>
      <c r="CJT658" s="613"/>
      <c r="CJU658" s="613"/>
      <c r="CJV658" s="613"/>
      <c r="CJW658" s="613"/>
      <c r="CJX658" s="613"/>
      <c r="CJY658" s="613"/>
      <c r="CJZ658" s="613"/>
      <c r="CKA658" s="613"/>
      <c r="CKB658" s="613"/>
      <c r="CKC658" s="613"/>
      <c r="CKD658" s="613"/>
      <c r="CKE658" s="613"/>
      <c r="CKF658" s="613"/>
      <c r="CKG658" s="613"/>
      <c r="CKH658" s="613"/>
      <c r="CKI658" s="613"/>
      <c r="CKJ658" s="613"/>
      <c r="CKK658" s="613"/>
      <c r="CKL658" s="613"/>
      <c r="CKM658" s="613"/>
      <c r="CKN658" s="613"/>
      <c r="CKO658" s="613"/>
      <c r="CKP658" s="613"/>
      <c r="CKQ658" s="613"/>
      <c r="CKR658" s="613"/>
      <c r="CKS658" s="613"/>
      <c r="CKT658" s="613"/>
      <c r="CKU658" s="613"/>
      <c r="CKV658" s="613"/>
      <c r="CKW658" s="613"/>
      <c r="CKX658" s="613"/>
      <c r="CKY658" s="613"/>
      <c r="CKZ658" s="613"/>
      <c r="CLA658" s="613"/>
      <c r="CLB658" s="613"/>
      <c r="CLC658" s="613"/>
      <c r="CLD658" s="613"/>
      <c r="CLE658" s="613"/>
      <c r="CLF658" s="613"/>
      <c r="CLG658" s="613"/>
      <c r="CLH658" s="613"/>
      <c r="CLI658" s="613"/>
      <c r="CLJ658" s="613"/>
      <c r="CLK658" s="613"/>
      <c r="CLL658" s="613"/>
      <c r="CLM658" s="613"/>
      <c r="CLN658" s="613"/>
      <c r="CLO658" s="613"/>
      <c r="CLP658" s="613"/>
      <c r="CLQ658" s="613"/>
      <c r="CLR658" s="613"/>
      <c r="CLS658" s="613"/>
      <c r="CLT658" s="613"/>
      <c r="CLU658" s="613"/>
      <c r="CLV658" s="613"/>
      <c r="CLW658" s="613"/>
      <c r="CLX658" s="613"/>
      <c r="CLY658" s="613"/>
      <c r="CLZ658" s="613"/>
      <c r="CMA658" s="613"/>
      <c r="CMB658" s="613"/>
      <c r="CMC658" s="613"/>
      <c r="CMD658" s="613"/>
      <c r="CME658" s="613"/>
      <c r="CMF658" s="613"/>
      <c r="CMG658" s="613"/>
      <c r="CMH658" s="613"/>
      <c r="CMI658" s="613"/>
      <c r="CMJ658" s="613"/>
      <c r="CMK658" s="613"/>
      <c r="CML658" s="613"/>
      <c r="CMM658" s="613"/>
      <c r="CMN658" s="613"/>
      <c r="CMO658" s="613"/>
      <c r="CMP658" s="613"/>
      <c r="CMQ658" s="613"/>
      <c r="CMR658" s="613"/>
      <c r="CMS658" s="613"/>
      <c r="CMT658" s="613"/>
      <c r="CMU658" s="613"/>
      <c r="CMV658" s="613"/>
      <c r="CMW658" s="613"/>
      <c r="CMX658" s="613"/>
      <c r="CMY658" s="613"/>
      <c r="CMZ658" s="613"/>
      <c r="CNA658" s="613"/>
      <c r="CNB658" s="613"/>
      <c r="CNC658" s="613"/>
      <c r="CND658" s="613"/>
      <c r="CNE658" s="613"/>
      <c r="CNF658" s="613"/>
      <c r="CNG658" s="613"/>
      <c r="CNH658" s="613"/>
      <c r="CNI658" s="613"/>
      <c r="CNJ658" s="613"/>
      <c r="CNK658" s="613"/>
      <c r="CNL658" s="613"/>
      <c r="CNM658" s="613"/>
      <c r="CNN658" s="613"/>
      <c r="CNO658" s="613"/>
      <c r="CNP658" s="613"/>
      <c r="CNQ658" s="613"/>
      <c r="CNR658" s="613"/>
      <c r="CNS658" s="613"/>
      <c r="CNT658" s="613"/>
      <c r="CNU658" s="613"/>
      <c r="CNV658" s="613"/>
      <c r="CNW658" s="613"/>
      <c r="CNX658" s="613"/>
      <c r="CNY658" s="613"/>
      <c r="CNZ658" s="613"/>
      <c r="COA658" s="613"/>
      <c r="COB658" s="613"/>
      <c r="COC658" s="613"/>
      <c r="COD658" s="613"/>
      <c r="COE658" s="613"/>
      <c r="COF658" s="613"/>
      <c r="COG658" s="613"/>
      <c r="COH658" s="613"/>
      <c r="COI658" s="613"/>
      <c r="COJ658" s="613"/>
      <c r="COK658" s="613"/>
      <c r="COL658" s="613"/>
      <c r="COM658" s="613"/>
      <c r="CON658" s="613"/>
      <c r="COO658" s="613"/>
      <c r="COP658" s="613"/>
      <c r="COQ658" s="613"/>
      <c r="COR658" s="613"/>
      <c r="COS658" s="613"/>
      <c r="COT658" s="613"/>
      <c r="COU658" s="613"/>
      <c r="COV658" s="613"/>
      <c r="COW658" s="613"/>
      <c r="COX658" s="613"/>
      <c r="COY658" s="613"/>
      <c r="COZ658" s="613"/>
      <c r="CPA658" s="613"/>
      <c r="CPB658" s="613"/>
      <c r="CPC658" s="613"/>
      <c r="CPD658" s="613"/>
      <c r="CPE658" s="613"/>
      <c r="CPF658" s="613"/>
      <c r="CPG658" s="613"/>
      <c r="CPH658" s="613"/>
      <c r="CPI658" s="613"/>
      <c r="CPJ658" s="613"/>
      <c r="CPK658" s="613"/>
      <c r="CPL658" s="613"/>
      <c r="CPM658" s="613"/>
      <c r="CPN658" s="613"/>
      <c r="CPO658" s="613"/>
      <c r="CPP658" s="613"/>
      <c r="CPQ658" s="613"/>
      <c r="CPR658" s="613"/>
      <c r="CPS658" s="613"/>
      <c r="CPT658" s="613"/>
      <c r="CPU658" s="613"/>
      <c r="CPV658" s="613"/>
      <c r="CPW658" s="613"/>
      <c r="CPX658" s="613"/>
      <c r="CPY658" s="613"/>
      <c r="CPZ658" s="613"/>
      <c r="CQA658" s="613"/>
      <c r="CQB658" s="613"/>
      <c r="CQC658" s="613"/>
      <c r="CQD658" s="613"/>
      <c r="CQE658" s="613"/>
      <c r="CQF658" s="613"/>
      <c r="CQG658" s="613"/>
      <c r="CQH658" s="613"/>
      <c r="CQI658" s="613"/>
      <c r="CQJ658" s="613"/>
      <c r="CQK658" s="613"/>
      <c r="CQL658" s="613"/>
      <c r="CQM658" s="613"/>
      <c r="CQN658" s="613"/>
      <c r="CQO658" s="613"/>
      <c r="CQP658" s="613"/>
      <c r="CQQ658" s="613"/>
      <c r="CQR658" s="613"/>
      <c r="CQS658" s="613"/>
      <c r="CQT658" s="613"/>
      <c r="CQU658" s="613"/>
      <c r="CQV658" s="613"/>
      <c r="CQW658" s="613"/>
      <c r="CQX658" s="613"/>
      <c r="CQY658" s="613"/>
      <c r="CQZ658" s="613"/>
      <c r="CRA658" s="613"/>
      <c r="CRB658" s="613"/>
      <c r="CRC658" s="613"/>
      <c r="CRD658" s="613"/>
      <c r="CRE658" s="613"/>
      <c r="CRF658" s="613"/>
      <c r="CRG658" s="613"/>
      <c r="CRH658" s="613"/>
      <c r="CRI658" s="613"/>
      <c r="CRJ658" s="613"/>
      <c r="CRK658" s="613"/>
      <c r="CRL658" s="613"/>
      <c r="CRM658" s="613"/>
      <c r="CRN658" s="613"/>
      <c r="CRO658" s="613"/>
      <c r="CRP658" s="613"/>
      <c r="CRQ658" s="613"/>
      <c r="CRR658" s="613"/>
      <c r="CRS658" s="613"/>
      <c r="CRT658" s="613"/>
      <c r="CRU658" s="613"/>
      <c r="CRV658" s="613"/>
      <c r="CRW658" s="613"/>
      <c r="CRX658" s="613"/>
      <c r="CRY658" s="613"/>
      <c r="CRZ658" s="613"/>
      <c r="CSA658" s="613"/>
      <c r="CSB658" s="613"/>
      <c r="CSC658" s="613"/>
      <c r="CSD658" s="613"/>
      <c r="CSE658" s="613"/>
      <c r="CSF658" s="613"/>
      <c r="CSG658" s="613"/>
      <c r="CSH658" s="613"/>
      <c r="CSI658" s="613"/>
      <c r="CSJ658" s="613"/>
      <c r="CSK658" s="613"/>
      <c r="CSL658" s="613"/>
      <c r="CSM658" s="613"/>
      <c r="CSN658" s="613"/>
      <c r="CSO658" s="613"/>
      <c r="CSP658" s="613"/>
      <c r="CSQ658" s="613"/>
      <c r="CSR658" s="613"/>
      <c r="CSS658" s="613"/>
      <c r="CST658" s="613"/>
      <c r="CSU658" s="613"/>
      <c r="CSV658" s="613"/>
      <c r="CSW658" s="613"/>
      <c r="CSX658" s="613"/>
      <c r="CSY658" s="613"/>
      <c r="CSZ658" s="613"/>
      <c r="CTA658" s="613"/>
      <c r="CTB658" s="613"/>
      <c r="CTC658" s="613"/>
      <c r="CTD658" s="613"/>
      <c r="CTE658" s="613"/>
      <c r="CTF658" s="613"/>
      <c r="CTG658" s="613"/>
      <c r="CTH658" s="613"/>
      <c r="CTI658" s="613"/>
      <c r="CTJ658" s="613"/>
      <c r="CTK658" s="613"/>
      <c r="CTL658" s="613"/>
      <c r="CTM658" s="613"/>
      <c r="CTN658" s="613"/>
      <c r="CTO658" s="613"/>
      <c r="CTP658" s="613"/>
      <c r="CTQ658" s="613"/>
      <c r="CTR658" s="613"/>
      <c r="CTS658" s="613"/>
      <c r="CTT658" s="613"/>
      <c r="CTU658" s="613"/>
      <c r="CTV658" s="613"/>
      <c r="CTW658" s="613"/>
      <c r="CTX658" s="613"/>
      <c r="CTY658" s="613"/>
      <c r="CTZ658" s="613"/>
      <c r="CUA658" s="613"/>
      <c r="CUB658" s="613"/>
      <c r="CUC658" s="613"/>
      <c r="CUD658" s="613"/>
      <c r="CUE658" s="613"/>
      <c r="CUF658" s="613"/>
      <c r="CUG658" s="613"/>
      <c r="CUH658" s="613"/>
      <c r="CUI658" s="613"/>
      <c r="CUJ658" s="613"/>
      <c r="CUK658" s="613"/>
      <c r="CUL658" s="613"/>
      <c r="CUM658" s="613"/>
      <c r="CUN658" s="613"/>
      <c r="CUO658" s="613"/>
      <c r="CUP658" s="613"/>
      <c r="CUQ658" s="613"/>
      <c r="CUR658" s="613"/>
      <c r="CUS658" s="613"/>
      <c r="CUT658" s="613"/>
      <c r="CUU658" s="613"/>
      <c r="CUV658" s="613"/>
      <c r="CUW658" s="613"/>
      <c r="CUX658" s="613"/>
      <c r="CUY658" s="613"/>
      <c r="CUZ658" s="613"/>
      <c r="CVA658" s="613"/>
      <c r="CVB658" s="613"/>
      <c r="CVC658" s="613"/>
      <c r="CVD658" s="613"/>
      <c r="CVE658" s="613"/>
      <c r="CVF658" s="613"/>
      <c r="CVG658" s="613"/>
      <c r="CVH658" s="613"/>
      <c r="CVI658" s="613"/>
      <c r="CVJ658" s="613"/>
      <c r="CVK658" s="613"/>
      <c r="CVL658" s="613"/>
      <c r="CVM658" s="613"/>
      <c r="CVN658" s="613"/>
      <c r="CVO658" s="613"/>
      <c r="CVP658" s="613"/>
      <c r="CVQ658" s="613"/>
      <c r="CVR658" s="613"/>
      <c r="CVS658" s="613"/>
      <c r="CVT658" s="613"/>
      <c r="CVU658" s="613"/>
      <c r="CVV658" s="613"/>
      <c r="CVW658" s="613"/>
      <c r="CVX658" s="613"/>
      <c r="CVY658" s="613"/>
      <c r="CVZ658" s="613"/>
      <c r="CWA658" s="613"/>
      <c r="CWB658" s="613"/>
      <c r="CWC658" s="613"/>
      <c r="CWD658" s="613"/>
      <c r="CWE658" s="613"/>
      <c r="CWF658" s="613"/>
      <c r="CWG658" s="613"/>
      <c r="CWH658" s="613"/>
      <c r="CWI658" s="613"/>
      <c r="CWJ658" s="613"/>
      <c r="CWK658" s="613"/>
      <c r="CWL658" s="613"/>
      <c r="CWM658" s="613"/>
      <c r="CWN658" s="613"/>
      <c r="CWO658" s="613"/>
      <c r="CWP658" s="613"/>
      <c r="CWQ658" s="613"/>
      <c r="CWR658" s="613"/>
      <c r="CWS658" s="613"/>
      <c r="CWT658" s="613"/>
      <c r="CWU658" s="613"/>
      <c r="CWV658" s="613"/>
      <c r="CWW658" s="613"/>
      <c r="CWX658" s="613"/>
      <c r="CWY658" s="613"/>
      <c r="CWZ658" s="613"/>
      <c r="CXA658" s="613"/>
      <c r="CXB658" s="613"/>
      <c r="CXC658" s="613"/>
      <c r="CXD658" s="613"/>
      <c r="CXE658" s="613"/>
      <c r="CXF658" s="613"/>
      <c r="CXG658" s="613"/>
      <c r="CXH658" s="613"/>
      <c r="CXI658" s="613"/>
      <c r="CXJ658" s="613"/>
      <c r="CXK658" s="613"/>
      <c r="CXL658" s="613"/>
      <c r="CXM658" s="613"/>
      <c r="CXN658" s="613"/>
      <c r="CXO658" s="613"/>
      <c r="CXP658" s="613"/>
      <c r="CXQ658" s="613"/>
      <c r="CXR658" s="613"/>
      <c r="CXS658" s="613"/>
      <c r="CXT658" s="613"/>
      <c r="CXU658" s="613"/>
      <c r="CXV658" s="613"/>
      <c r="CXW658" s="613"/>
      <c r="CXX658" s="613"/>
      <c r="CXY658" s="613"/>
      <c r="CXZ658" s="613"/>
      <c r="CYA658" s="613"/>
      <c r="CYB658" s="613"/>
      <c r="CYC658" s="613"/>
      <c r="CYD658" s="613"/>
      <c r="CYE658" s="613"/>
      <c r="CYF658" s="613"/>
      <c r="CYG658" s="613"/>
      <c r="CYH658" s="613"/>
      <c r="CYI658" s="613"/>
      <c r="CYJ658" s="613"/>
      <c r="CYK658" s="613"/>
      <c r="CYL658" s="613"/>
      <c r="CYM658" s="613"/>
      <c r="CYN658" s="613"/>
      <c r="CYO658" s="613"/>
      <c r="CYP658" s="613"/>
      <c r="CYQ658" s="613"/>
      <c r="CYR658" s="613"/>
      <c r="CYS658" s="613"/>
      <c r="CYT658" s="613"/>
      <c r="CYU658" s="613"/>
      <c r="CYV658" s="613"/>
      <c r="CYW658" s="613"/>
      <c r="CYX658" s="613"/>
      <c r="CYY658" s="613"/>
      <c r="CYZ658" s="613"/>
      <c r="CZA658" s="613"/>
      <c r="CZB658" s="613"/>
      <c r="CZC658" s="613"/>
      <c r="CZD658" s="613"/>
      <c r="CZE658" s="613"/>
      <c r="CZF658" s="613"/>
      <c r="CZG658" s="613"/>
      <c r="CZH658" s="613"/>
      <c r="CZI658" s="613"/>
      <c r="CZJ658" s="613"/>
      <c r="CZK658" s="613"/>
      <c r="CZL658" s="613"/>
      <c r="CZM658" s="613"/>
      <c r="CZN658" s="613"/>
      <c r="CZO658" s="613"/>
      <c r="CZP658" s="613"/>
      <c r="CZQ658" s="613"/>
      <c r="CZR658" s="613"/>
      <c r="CZS658" s="613"/>
      <c r="CZT658" s="613"/>
      <c r="CZU658" s="613"/>
      <c r="CZV658" s="613"/>
      <c r="CZW658" s="613"/>
      <c r="CZX658" s="613"/>
      <c r="CZY658" s="613"/>
      <c r="CZZ658" s="613"/>
      <c r="DAA658" s="613"/>
      <c r="DAB658" s="613"/>
      <c r="DAC658" s="613"/>
      <c r="DAD658" s="613"/>
      <c r="DAE658" s="613"/>
      <c r="DAF658" s="613"/>
      <c r="DAG658" s="613"/>
      <c r="DAH658" s="613"/>
      <c r="DAI658" s="613"/>
      <c r="DAJ658" s="613"/>
      <c r="DAK658" s="613"/>
      <c r="DAL658" s="613"/>
      <c r="DAM658" s="613"/>
      <c r="DAN658" s="613"/>
      <c r="DAO658" s="613"/>
      <c r="DAP658" s="613"/>
      <c r="DAQ658" s="613"/>
      <c r="DAR658" s="613"/>
      <c r="DAS658" s="613"/>
      <c r="DAT658" s="613"/>
      <c r="DAU658" s="613"/>
      <c r="DAV658" s="613"/>
      <c r="DAW658" s="613"/>
      <c r="DAX658" s="613"/>
      <c r="DAY658" s="613"/>
      <c r="DAZ658" s="613"/>
      <c r="DBA658" s="613"/>
      <c r="DBB658" s="613"/>
      <c r="DBC658" s="613"/>
      <c r="DBD658" s="613"/>
      <c r="DBE658" s="613"/>
      <c r="DBF658" s="613"/>
      <c r="DBG658" s="613"/>
      <c r="DBH658" s="613"/>
      <c r="DBI658" s="613"/>
      <c r="DBJ658" s="613"/>
      <c r="DBK658" s="613"/>
      <c r="DBL658" s="613"/>
      <c r="DBM658" s="613"/>
      <c r="DBN658" s="613"/>
      <c r="DBO658" s="613"/>
      <c r="DBP658" s="613"/>
      <c r="DBQ658" s="613"/>
      <c r="DBR658" s="613"/>
      <c r="DBS658" s="613"/>
      <c r="DBT658" s="613"/>
      <c r="DBU658" s="613"/>
      <c r="DBV658" s="613"/>
      <c r="DBW658" s="613"/>
      <c r="DBX658" s="613"/>
      <c r="DBY658" s="613"/>
      <c r="DBZ658" s="613"/>
      <c r="DCA658" s="613"/>
      <c r="DCB658" s="613"/>
      <c r="DCC658" s="613"/>
      <c r="DCD658" s="613"/>
      <c r="DCE658" s="613"/>
      <c r="DCF658" s="613"/>
      <c r="DCG658" s="613"/>
      <c r="DCH658" s="613"/>
      <c r="DCI658" s="613"/>
      <c r="DCJ658" s="613"/>
      <c r="DCK658" s="613"/>
      <c r="DCL658" s="613"/>
      <c r="DCM658" s="613"/>
      <c r="DCN658" s="613"/>
      <c r="DCO658" s="613"/>
      <c r="DCP658" s="613"/>
      <c r="DCQ658" s="613"/>
      <c r="DCR658" s="613"/>
      <c r="DCS658" s="613"/>
      <c r="DCT658" s="613"/>
      <c r="DCU658" s="613"/>
      <c r="DCV658" s="613"/>
      <c r="DCW658" s="613"/>
      <c r="DCX658" s="613"/>
      <c r="DCY658" s="613"/>
      <c r="DCZ658" s="613"/>
      <c r="DDA658" s="613"/>
      <c r="DDB658" s="613"/>
      <c r="DDC658" s="613"/>
      <c r="DDD658" s="613"/>
      <c r="DDE658" s="613"/>
      <c r="DDF658" s="613"/>
      <c r="DDG658" s="613"/>
      <c r="DDH658" s="613"/>
      <c r="DDI658" s="613"/>
      <c r="DDJ658" s="613"/>
      <c r="DDK658" s="613"/>
      <c r="DDL658" s="613"/>
      <c r="DDM658" s="613"/>
      <c r="DDN658" s="613"/>
      <c r="DDO658" s="613"/>
      <c r="DDP658" s="613"/>
      <c r="DDQ658" s="613"/>
      <c r="DDR658" s="613"/>
      <c r="DDS658" s="613"/>
      <c r="DDT658" s="613"/>
      <c r="DDU658" s="613"/>
      <c r="DDV658" s="613"/>
      <c r="DDW658" s="613"/>
      <c r="DDX658" s="613"/>
      <c r="DDY658" s="613"/>
      <c r="DDZ658" s="613"/>
      <c r="DEA658" s="613"/>
      <c r="DEB658" s="613"/>
      <c r="DEC658" s="613"/>
      <c r="DED658" s="613"/>
      <c r="DEE658" s="613"/>
      <c r="DEF658" s="613"/>
      <c r="DEG658" s="613"/>
      <c r="DEH658" s="613"/>
      <c r="DEI658" s="613"/>
      <c r="DEJ658" s="613"/>
      <c r="DEK658" s="613"/>
      <c r="DEL658" s="613"/>
      <c r="DEM658" s="613"/>
      <c r="DEN658" s="613"/>
      <c r="DEO658" s="613"/>
      <c r="DEP658" s="613"/>
      <c r="DEQ658" s="613"/>
      <c r="DER658" s="613"/>
      <c r="DES658" s="613"/>
      <c r="DET658" s="613"/>
      <c r="DEU658" s="613"/>
      <c r="DEV658" s="613"/>
      <c r="DEW658" s="613"/>
      <c r="DEX658" s="613"/>
      <c r="DEY658" s="613"/>
      <c r="DEZ658" s="613"/>
      <c r="DFA658" s="613"/>
      <c r="DFB658" s="613"/>
      <c r="DFC658" s="613"/>
      <c r="DFD658" s="613"/>
      <c r="DFE658" s="613"/>
      <c r="DFF658" s="613"/>
      <c r="DFG658" s="613"/>
      <c r="DFH658" s="613"/>
      <c r="DFI658" s="613"/>
      <c r="DFJ658" s="613"/>
      <c r="DFK658" s="613"/>
      <c r="DFL658" s="613"/>
      <c r="DFM658" s="613"/>
      <c r="DFN658" s="613"/>
      <c r="DFO658" s="613"/>
      <c r="DFP658" s="613"/>
      <c r="DFQ658" s="613"/>
      <c r="DFR658" s="613"/>
      <c r="DFS658" s="613"/>
      <c r="DFT658" s="613"/>
      <c r="DFU658" s="613"/>
      <c r="DFV658" s="613"/>
      <c r="DFW658" s="613"/>
      <c r="DFX658" s="613"/>
      <c r="DFY658" s="613"/>
      <c r="DFZ658" s="613"/>
      <c r="DGA658" s="613"/>
      <c r="DGB658" s="613"/>
      <c r="DGC658" s="613"/>
      <c r="DGD658" s="613"/>
      <c r="DGE658" s="613"/>
      <c r="DGF658" s="613"/>
      <c r="DGG658" s="613"/>
      <c r="DGH658" s="613"/>
      <c r="DGI658" s="613"/>
      <c r="DGJ658" s="613"/>
      <c r="DGK658" s="613"/>
      <c r="DGL658" s="613"/>
      <c r="DGM658" s="613"/>
      <c r="DGN658" s="613"/>
      <c r="DGO658" s="613"/>
      <c r="DGP658" s="613"/>
      <c r="DGQ658" s="613"/>
      <c r="DGR658" s="613"/>
      <c r="DGS658" s="613"/>
      <c r="DGT658" s="613"/>
      <c r="DGU658" s="613"/>
      <c r="DGV658" s="613"/>
      <c r="DGW658" s="613"/>
      <c r="DGX658" s="613"/>
      <c r="DGY658" s="613"/>
      <c r="DGZ658" s="613"/>
      <c r="DHA658" s="613"/>
      <c r="DHB658" s="613"/>
      <c r="DHC658" s="613"/>
      <c r="DHD658" s="613"/>
      <c r="DHE658" s="613"/>
      <c r="DHF658" s="613"/>
      <c r="DHG658" s="613"/>
      <c r="DHH658" s="613"/>
      <c r="DHI658" s="613"/>
      <c r="DHJ658" s="613"/>
      <c r="DHK658" s="613"/>
      <c r="DHL658" s="613"/>
      <c r="DHM658" s="613"/>
      <c r="DHN658" s="613"/>
      <c r="DHO658" s="613"/>
      <c r="DHP658" s="613"/>
      <c r="DHQ658" s="613"/>
      <c r="DHR658" s="613"/>
      <c r="DHS658" s="613"/>
      <c r="DHT658" s="613"/>
      <c r="DHU658" s="613"/>
      <c r="DHV658" s="613"/>
      <c r="DHW658" s="613"/>
      <c r="DHX658" s="613"/>
      <c r="DHY658" s="613"/>
      <c r="DHZ658" s="613"/>
      <c r="DIA658" s="613"/>
      <c r="DIB658" s="613"/>
      <c r="DIC658" s="613"/>
      <c r="DID658" s="613"/>
      <c r="DIE658" s="613"/>
      <c r="DIF658" s="613"/>
      <c r="DIG658" s="613"/>
      <c r="DIH658" s="613"/>
      <c r="DII658" s="613"/>
      <c r="DIJ658" s="613"/>
      <c r="DIK658" s="613"/>
      <c r="DIL658" s="613"/>
      <c r="DIM658" s="613"/>
      <c r="DIN658" s="613"/>
      <c r="DIO658" s="613"/>
      <c r="DIP658" s="613"/>
      <c r="DIQ658" s="613"/>
      <c r="DIR658" s="613"/>
      <c r="DIS658" s="613"/>
      <c r="DIT658" s="613"/>
      <c r="DIU658" s="613"/>
      <c r="DIV658" s="613"/>
      <c r="DIW658" s="613"/>
      <c r="DIX658" s="613"/>
      <c r="DIY658" s="613"/>
      <c r="DIZ658" s="613"/>
      <c r="DJA658" s="613"/>
      <c r="DJB658" s="613"/>
      <c r="DJC658" s="613"/>
      <c r="DJD658" s="613"/>
      <c r="DJE658" s="613"/>
      <c r="DJF658" s="613"/>
      <c r="DJG658" s="613"/>
      <c r="DJH658" s="613"/>
      <c r="DJI658" s="613"/>
      <c r="DJJ658" s="613"/>
      <c r="DJK658" s="613"/>
      <c r="DJL658" s="613"/>
      <c r="DJM658" s="613"/>
      <c r="DJN658" s="613"/>
      <c r="DJO658" s="613"/>
      <c r="DJP658" s="613"/>
      <c r="DJQ658" s="613"/>
      <c r="DJR658" s="613"/>
      <c r="DJS658" s="613"/>
      <c r="DJT658" s="613"/>
      <c r="DJU658" s="613"/>
      <c r="DJV658" s="613"/>
      <c r="DJW658" s="613"/>
      <c r="DJX658" s="613"/>
      <c r="DJY658" s="613"/>
      <c r="DJZ658" s="613"/>
      <c r="DKA658" s="613"/>
      <c r="DKB658" s="613"/>
      <c r="DKC658" s="613"/>
      <c r="DKD658" s="613"/>
      <c r="DKE658" s="613"/>
      <c r="DKF658" s="613"/>
      <c r="DKG658" s="613"/>
      <c r="DKH658" s="613"/>
      <c r="DKI658" s="613"/>
      <c r="DKJ658" s="613"/>
      <c r="DKK658" s="613"/>
      <c r="DKL658" s="613"/>
      <c r="DKM658" s="613"/>
      <c r="DKN658" s="613"/>
      <c r="DKO658" s="613"/>
      <c r="DKP658" s="613"/>
      <c r="DKQ658" s="613"/>
      <c r="DKR658" s="613"/>
      <c r="DKS658" s="613"/>
      <c r="DKT658" s="613"/>
      <c r="DKU658" s="613"/>
      <c r="DKV658" s="613"/>
      <c r="DKW658" s="613"/>
      <c r="DKX658" s="613"/>
      <c r="DKY658" s="613"/>
      <c r="DKZ658" s="613"/>
      <c r="DLA658" s="613"/>
      <c r="DLB658" s="613"/>
      <c r="DLC658" s="613"/>
      <c r="DLD658" s="613"/>
      <c r="DLE658" s="613"/>
      <c r="DLF658" s="613"/>
      <c r="DLG658" s="613"/>
      <c r="DLH658" s="613"/>
      <c r="DLI658" s="613"/>
      <c r="DLJ658" s="613"/>
      <c r="DLK658" s="613"/>
      <c r="DLL658" s="613"/>
      <c r="DLM658" s="613"/>
      <c r="DLN658" s="613"/>
      <c r="DLO658" s="613"/>
      <c r="DLP658" s="613"/>
      <c r="DLQ658" s="613"/>
      <c r="DLR658" s="613"/>
      <c r="DLS658" s="613"/>
      <c r="DLT658" s="613"/>
      <c r="DLU658" s="613"/>
      <c r="DLV658" s="613"/>
      <c r="DLW658" s="613"/>
      <c r="DLX658" s="613"/>
      <c r="DLY658" s="613"/>
      <c r="DLZ658" s="613"/>
      <c r="DMA658" s="613"/>
      <c r="DMB658" s="613"/>
      <c r="DMC658" s="613"/>
      <c r="DMD658" s="613"/>
      <c r="DME658" s="613"/>
      <c r="DMF658" s="613"/>
      <c r="DMG658" s="613"/>
      <c r="DMH658" s="613"/>
      <c r="DMI658" s="613"/>
      <c r="DMJ658" s="613"/>
      <c r="DMK658" s="613"/>
      <c r="DML658" s="613"/>
      <c r="DMM658" s="613"/>
      <c r="DMN658" s="613"/>
      <c r="DMO658" s="613"/>
      <c r="DMP658" s="613"/>
      <c r="DMQ658" s="613"/>
      <c r="DMR658" s="613"/>
      <c r="DMS658" s="613"/>
      <c r="DMT658" s="613"/>
      <c r="DMU658" s="613"/>
      <c r="DMV658" s="613"/>
      <c r="DMW658" s="613"/>
      <c r="DMX658" s="613"/>
      <c r="DMY658" s="613"/>
      <c r="DMZ658" s="613"/>
      <c r="DNA658" s="613"/>
      <c r="DNB658" s="613"/>
      <c r="DNC658" s="613"/>
      <c r="DND658" s="613"/>
      <c r="DNE658" s="613"/>
      <c r="DNF658" s="613"/>
      <c r="DNG658" s="613"/>
      <c r="DNH658" s="613"/>
      <c r="DNI658" s="613"/>
      <c r="DNJ658" s="613"/>
      <c r="DNK658" s="613"/>
      <c r="DNL658" s="613"/>
      <c r="DNM658" s="613"/>
      <c r="DNN658" s="613"/>
      <c r="DNO658" s="613"/>
      <c r="DNP658" s="613"/>
      <c r="DNQ658" s="613"/>
      <c r="DNR658" s="613"/>
      <c r="DNS658" s="613"/>
      <c r="DNT658" s="613"/>
      <c r="DNU658" s="613"/>
      <c r="DNV658" s="613"/>
      <c r="DNW658" s="613"/>
      <c r="DNX658" s="613"/>
      <c r="DNY658" s="613"/>
      <c r="DNZ658" s="613"/>
      <c r="DOA658" s="613"/>
      <c r="DOB658" s="613"/>
      <c r="DOC658" s="613"/>
      <c r="DOD658" s="613"/>
      <c r="DOE658" s="613"/>
      <c r="DOF658" s="613"/>
      <c r="DOG658" s="613"/>
      <c r="DOH658" s="613"/>
      <c r="DOI658" s="613"/>
      <c r="DOJ658" s="613"/>
      <c r="DOK658" s="613"/>
      <c r="DOL658" s="613"/>
      <c r="DOM658" s="613"/>
      <c r="DON658" s="613"/>
      <c r="DOO658" s="613"/>
      <c r="DOP658" s="613"/>
      <c r="DOQ658" s="613"/>
      <c r="DOR658" s="613"/>
      <c r="DOS658" s="613"/>
      <c r="DOT658" s="613"/>
      <c r="DOU658" s="613"/>
      <c r="DOV658" s="613"/>
      <c r="DOW658" s="613"/>
      <c r="DOX658" s="613"/>
      <c r="DOY658" s="613"/>
      <c r="DOZ658" s="613"/>
      <c r="DPA658" s="613"/>
      <c r="DPB658" s="613"/>
      <c r="DPC658" s="613"/>
      <c r="DPD658" s="613"/>
      <c r="DPE658" s="613"/>
      <c r="DPF658" s="613"/>
      <c r="DPG658" s="613"/>
      <c r="DPH658" s="613"/>
      <c r="DPI658" s="613"/>
      <c r="DPJ658" s="613"/>
      <c r="DPK658" s="613"/>
      <c r="DPL658" s="613"/>
      <c r="DPM658" s="613"/>
      <c r="DPN658" s="613"/>
      <c r="DPO658" s="613"/>
      <c r="DPP658" s="613"/>
      <c r="DPQ658" s="613"/>
      <c r="DPR658" s="613"/>
      <c r="DPS658" s="613"/>
      <c r="DPT658" s="613"/>
      <c r="DPU658" s="613"/>
      <c r="DPV658" s="613"/>
      <c r="DPW658" s="613"/>
      <c r="DPX658" s="613"/>
      <c r="DPY658" s="613"/>
      <c r="DPZ658" s="613"/>
      <c r="DQA658" s="613"/>
      <c r="DQB658" s="613"/>
      <c r="DQC658" s="613"/>
      <c r="DQD658" s="613"/>
      <c r="DQE658" s="613"/>
      <c r="DQF658" s="613"/>
      <c r="DQG658" s="613"/>
      <c r="DQH658" s="613"/>
      <c r="DQI658" s="613"/>
      <c r="DQJ658" s="613"/>
      <c r="DQK658" s="613"/>
      <c r="DQL658" s="613"/>
      <c r="DQM658" s="613"/>
      <c r="DQN658" s="613"/>
      <c r="DQO658" s="613"/>
      <c r="DQP658" s="613"/>
      <c r="DQQ658" s="613"/>
      <c r="DQR658" s="613"/>
      <c r="DQS658" s="613"/>
      <c r="DQT658" s="613"/>
      <c r="DQU658" s="613"/>
      <c r="DQV658" s="613"/>
      <c r="DQW658" s="613"/>
      <c r="DQX658" s="613"/>
      <c r="DQY658" s="613"/>
      <c r="DQZ658" s="613"/>
      <c r="DRA658" s="613"/>
      <c r="DRB658" s="613"/>
      <c r="DRC658" s="613"/>
      <c r="DRD658" s="613"/>
      <c r="DRE658" s="613"/>
      <c r="DRF658" s="613"/>
      <c r="DRG658" s="613"/>
      <c r="DRH658" s="613"/>
      <c r="DRI658" s="613"/>
      <c r="DRJ658" s="613"/>
      <c r="DRK658" s="613"/>
      <c r="DRL658" s="613"/>
      <c r="DRM658" s="613"/>
      <c r="DRN658" s="613"/>
      <c r="DRO658" s="613"/>
      <c r="DRP658" s="613"/>
      <c r="DRQ658" s="613"/>
      <c r="DRR658" s="613"/>
      <c r="DRS658" s="613"/>
      <c r="DRT658" s="613"/>
      <c r="DRU658" s="613"/>
      <c r="DRV658" s="613"/>
      <c r="DRW658" s="613"/>
      <c r="DRX658" s="613"/>
      <c r="DRY658" s="613"/>
      <c r="DRZ658" s="613"/>
      <c r="DSA658" s="613"/>
      <c r="DSB658" s="613"/>
      <c r="DSC658" s="613"/>
      <c r="DSD658" s="613"/>
      <c r="DSE658" s="613"/>
      <c r="DSF658" s="613"/>
      <c r="DSG658" s="613"/>
      <c r="DSH658" s="613"/>
      <c r="DSI658" s="613"/>
      <c r="DSJ658" s="613"/>
      <c r="DSK658" s="613"/>
      <c r="DSL658" s="613"/>
      <c r="DSM658" s="613"/>
      <c r="DSN658" s="613"/>
      <c r="DSO658" s="613"/>
      <c r="DSP658" s="613"/>
      <c r="DSQ658" s="613"/>
      <c r="DSR658" s="613"/>
      <c r="DSS658" s="613"/>
      <c r="DST658" s="613"/>
      <c r="DSU658" s="613"/>
      <c r="DSV658" s="613"/>
      <c r="DSW658" s="613"/>
      <c r="DSX658" s="613"/>
      <c r="DSY658" s="613"/>
      <c r="DSZ658" s="613"/>
      <c r="DTA658" s="613"/>
      <c r="DTB658" s="613"/>
      <c r="DTC658" s="613"/>
      <c r="DTD658" s="613"/>
      <c r="DTE658" s="613"/>
      <c r="DTF658" s="613"/>
      <c r="DTG658" s="613"/>
      <c r="DTH658" s="613"/>
      <c r="DTI658" s="613"/>
      <c r="DTJ658" s="613"/>
      <c r="DTK658" s="613"/>
      <c r="DTL658" s="613"/>
      <c r="DTM658" s="613"/>
      <c r="DTN658" s="613"/>
      <c r="DTO658" s="613"/>
      <c r="DTP658" s="613"/>
      <c r="DTQ658" s="613"/>
      <c r="DTR658" s="613"/>
      <c r="DTS658" s="613"/>
      <c r="DTT658" s="613"/>
      <c r="DTU658" s="613"/>
      <c r="DTV658" s="613"/>
      <c r="DTW658" s="613"/>
      <c r="DTX658" s="613"/>
      <c r="DTY658" s="613"/>
      <c r="DTZ658" s="613"/>
      <c r="DUA658" s="613"/>
      <c r="DUB658" s="613"/>
      <c r="DUC658" s="613"/>
      <c r="DUD658" s="613"/>
      <c r="DUE658" s="613"/>
      <c r="DUF658" s="613"/>
      <c r="DUG658" s="613"/>
      <c r="DUH658" s="613"/>
      <c r="DUI658" s="613"/>
      <c r="DUJ658" s="613"/>
      <c r="DUK658" s="613"/>
      <c r="DUL658" s="613"/>
      <c r="DUM658" s="613"/>
      <c r="DUN658" s="613"/>
      <c r="DUO658" s="613"/>
      <c r="DUP658" s="613"/>
      <c r="DUQ658" s="613"/>
      <c r="DUR658" s="613"/>
      <c r="DUS658" s="613"/>
      <c r="DUT658" s="613"/>
      <c r="DUU658" s="613"/>
      <c r="DUV658" s="613"/>
      <c r="DUW658" s="613"/>
      <c r="DUX658" s="613"/>
      <c r="DUY658" s="613"/>
      <c r="DUZ658" s="613"/>
      <c r="DVA658" s="613"/>
      <c r="DVB658" s="613"/>
      <c r="DVC658" s="613"/>
      <c r="DVD658" s="613"/>
      <c r="DVE658" s="613"/>
      <c r="DVF658" s="613"/>
      <c r="DVG658" s="613"/>
      <c r="DVH658" s="613"/>
      <c r="DVI658" s="613"/>
      <c r="DVJ658" s="613"/>
      <c r="DVK658" s="613"/>
      <c r="DVL658" s="613"/>
      <c r="DVM658" s="613"/>
      <c r="DVN658" s="613"/>
      <c r="DVO658" s="613"/>
      <c r="DVP658" s="613"/>
      <c r="DVQ658" s="613"/>
      <c r="DVR658" s="613"/>
      <c r="DVS658" s="613"/>
      <c r="DVT658" s="613"/>
      <c r="DVU658" s="613"/>
      <c r="DVV658" s="613"/>
      <c r="DVW658" s="613"/>
      <c r="DVX658" s="613"/>
      <c r="DVY658" s="613"/>
      <c r="DVZ658" s="613"/>
      <c r="DWA658" s="613"/>
      <c r="DWB658" s="613"/>
      <c r="DWC658" s="613"/>
      <c r="DWD658" s="613"/>
      <c r="DWE658" s="613"/>
      <c r="DWF658" s="613"/>
      <c r="DWG658" s="613"/>
      <c r="DWH658" s="613"/>
      <c r="DWI658" s="613"/>
      <c r="DWJ658" s="613"/>
      <c r="DWK658" s="613"/>
      <c r="DWL658" s="613"/>
      <c r="DWM658" s="613"/>
      <c r="DWN658" s="613"/>
      <c r="DWO658" s="613"/>
      <c r="DWP658" s="613"/>
      <c r="DWQ658" s="613"/>
      <c r="DWR658" s="613"/>
      <c r="DWS658" s="613"/>
      <c r="DWT658" s="613"/>
      <c r="DWU658" s="613"/>
      <c r="DWV658" s="613"/>
      <c r="DWW658" s="613"/>
      <c r="DWX658" s="613"/>
      <c r="DWY658" s="613"/>
      <c r="DWZ658" s="613"/>
      <c r="DXA658" s="613"/>
      <c r="DXB658" s="613"/>
      <c r="DXC658" s="613"/>
      <c r="DXD658" s="613"/>
      <c r="DXE658" s="613"/>
      <c r="DXF658" s="613"/>
      <c r="DXG658" s="613"/>
      <c r="DXH658" s="613"/>
      <c r="DXI658" s="613"/>
      <c r="DXJ658" s="613"/>
      <c r="DXK658" s="613"/>
      <c r="DXL658" s="613"/>
      <c r="DXM658" s="613"/>
      <c r="DXN658" s="613"/>
      <c r="DXO658" s="613"/>
      <c r="DXP658" s="613"/>
      <c r="DXQ658" s="613"/>
      <c r="DXR658" s="613"/>
      <c r="DXS658" s="613"/>
      <c r="DXT658" s="613"/>
      <c r="DXU658" s="613"/>
      <c r="DXV658" s="613"/>
      <c r="DXW658" s="613"/>
      <c r="DXX658" s="613"/>
      <c r="DXY658" s="613"/>
      <c r="DXZ658" s="613"/>
      <c r="DYA658" s="613"/>
      <c r="DYB658" s="613"/>
      <c r="DYC658" s="613"/>
      <c r="DYD658" s="613"/>
      <c r="DYE658" s="613"/>
      <c r="DYF658" s="613"/>
      <c r="DYG658" s="613"/>
      <c r="DYH658" s="613"/>
      <c r="DYI658" s="613"/>
      <c r="DYJ658" s="613"/>
      <c r="DYK658" s="613"/>
      <c r="DYL658" s="613"/>
      <c r="DYM658" s="613"/>
      <c r="DYN658" s="613"/>
      <c r="DYO658" s="613"/>
      <c r="DYP658" s="613"/>
      <c r="DYQ658" s="613"/>
      <c r="DYR658" s="613"/>
      <c r="DYS658" s="613"/>
      <c r="DYT658" s="613"/>
      <c r="DYU658" s="613"/>
      <c r="DYV658" s="613"/>
      <c r="DYW658" s="613"/>
      <c r="DYX658" s="613"/>
      <c r="DYY658" s="613"/>
      <c r="DYZ658" s="613"/>
      <c r="DZA658" s="613"/>
      <c r="DZB658" s="613"/>
      <c r="DZC658" s="613"/>
      <c r="DZD658" s="613"/>
      <c r="DZE658" s="613"/>
      <c r="DZF658" s="613"/>
      <c r="DZG658" s="613"/>
      <c r="DZH658" s="613"/>
      <c r="DZI658" s="613"/>
      <c r="DZJ658" s="613"/>
      <c r="DZK658" s="613"/>
      <c r="DZL658" s="613"/>
      <c r="DZM658" s="613"/>
      <c r="DZN658" s="613"/>
      <c r="DZO658" s="613"/>
      <c r="DZP658" s="613"/>
      <c r="DZQ658" s="613"/>
      <c r="DZR658" s="613"/>
      <c r="DZS658" s="613"/>
      <c r="DZT658" s="613"/>
      <c r="DZU658" s="613"/>
      <c r="DZV658" s="613"/>
      <c r="DZW658" s="613"/>
      <c r="DZX658" s="613"/>
      <c r="DZY658" s="613"/>
      <c r="DZZ658" s="613"/>
      <c r="EAA658" s="613"/>
      <c r="EAB658" s="613"/>
      <c r="EAC658" s="613"/>
      <c r="EAD658" s="613"/>
      <c r="EAE658" s="613"/>
      <c r="EAF658" s="613"/>
      <c r="EAG658" s="613"/>
      <c r="EAH658" s="613"/>
      <c r="EAI658" s="613"/>
      <c r="EAJ658" s="613"/>
      <c r="EAK658" s="613"/>
      <c r="EAL658" s="613"/>
      <c r="EAM658" s="613"/>
      <c r="EAN658" s="613"/>
      <c r="EAO658" s="613"/>
      <c r="EAP658" s="613"/>
      <c r="EAQ658" s="613"/>
      <c r="EAR658" s="613"/>
      <c r="EAS658" s="613"/>
      <c r="EAT658" s="613"/>
      <c r="EAU658" s="613"/>
      <c r="EAV658" s="613"/>
      <c r="EAW658" s="613"/>
      <c r="EAX658" s="613"/>
      <c r="EAY658" s="613"/>
      <c r="EAZ658" s="613"/>
      <c r="EBA658" s="613"/>
      <c r="EBB658" s="613"/>
      <c r="EBC658" s="613"/>
      <c r="EBD658" s="613"/>
      <c r="EBE658" s="613"/>
      <c r="EBF658" s="613"/>
      <c r="EBG658" s="613"/>
      <c r="EBH658" s="613"/>
      <c r="EBI658" s="613"/>
      <c r="EBJ658" s="613"/>
      <c r="EBK658" s="613"/>
      <c r="EBL658" s="613"/>
      <c r="EBM658" s="613"/>
      <c r="EBN658" s="613"/>
      <c r="EBO658" s="613"/>
      <c r="EBP658" s="613"/>
      <c r="EBQ658" s="613"/>
      <c r="EBR658" s="613"/>
      <c r="EBS658" s="613"/>
      <c r="EBT658" s="613"/>
      <c r="EBU658" s="613"/>
      <c r="EBV658" s="613"/>
      <c r="EBW658" s="613"/>
      <c r="EBX658" s="613"/>
      <c r="EBY658" s="613"/>
      <c r="EBZ658" s="613"/>
      <c r="ECA658" s="613"/>
      <c r="ECB658" s="613"/>
      <c r="ECC658" s="613"/>
      <c r="ECD658" s="613"/>
      <c r="ECE658" s="613"/>
      <c r="ECF658" s="613"/>
      <c r="ECG658" s="613"/>
      <c r="ECH658" s="613"/>
      <c r="ECI658" s="613"/>
      <c r="ECJ658" s="613"/>
      <c r="ECK658" s="613"/>
      <c r="ECL658" s="613"/>
      <c r="ECM658" s="613"/>
      <c r="ECN658" s="613"/>
      <c r="ECO658" s="613"/>
      <c r="ECP658" s="613"/>
      <c r="ECQ658" s="613"/>
      <c r="ECR658" s="613"/>
      <c r="ECS658" s="613"/>
      <c r="ECT658" s="613"/>
      <c r="ECU658" s="613"/>
      <c r="ECV658" s="613"/>
      <c r="ECW658" s="613"/>
      <c r="ECX658" s="613"/>
      <c r="ECY658" s="613"/>
      <c r="ECZ658" s="613"/>
      <c r="EDA658" s="613"/>
      <c r="EDB658" s="613"/>
      <c r="EDC658" s="613"/>
      <c r="EDD658" s="613"/>
      <c r="EDE658" s="613"/>
      <c r="EDF658" s="613"/>
      <c r="EDG658" s="613"/>
      <c r="EDH658" s="613"/>
      <c r="EDI658" s="613"/>
      <c r="EDJ658" s="613"/>
      <c r="EDK658" s="613"/>
      <c r="EDL658" s="613"/>
      <c r="EDM658" s="613"/>
      <c r="EDN658" s="613"/>
      <c r="EDO658" s="613"/>
      <c r="EDP658" s="613"/>
      <c r="EDQ658" s="613"/>
      <c r="EDR658" s="613"/>
      <c r="EDS658" s="613"/>
      <c r="EDT658" s="613"/>
      <c r="EDU658" s="613"/>
      <c r="EDV658" s="613"/>
      <c r="EDW658" s="613"/>
      <c r="EDX658" s="613"/>
      <c r="EDY658" s="613"/>
      <c r="EDZ658" s="613"/>
      <c r="EEA658" s="613"/>
      <c r="EEB658" s="613"/>
      <c r="EEC658" s="613"/>
      <c r="EED658" s="613"/>
      <c r="EEE658" s="613"/>
      <c r="EEF658" s="613"/>
      <c r="EEG658" s="613"/>
      <c r="EEH658" s="613"/>
      <c r="EEI658" s="613"/>
      <c r="EEJ658" s="613"/>
      <c r="EEK658" s="613"/>
      <c r="EEL658" s="613"/>
      <c r="EEM658" s="613"/>
      <c r="EEN658" s="613"/>
      <c r="EEO658" s="613"/>
      <c r="EEP658" s="613"/>
      <c r="EEQ658" s="613"/>
      <c r="EER658" s="613"/>
      <c r="EES658" s="613"/>
      <c r="EET658" s="613"/>
      <c r="EEU658" s="613"/>
      <c r="EEV658" s="613"/>
      <c r="EEW658" s="613"/>
      <c r="EEX658" s="613"/>
      <c r="EEY658" s="613"/>
      <c r="EEZ658" s="613"/>
      <c r="EFA658" s="613"/>
      <c r="EFB658" s="613"/>
      <c r="EFC658" s="613"/>
      <c r="EFD658" s="613"/>
      <c r="EFE658" s="613"/>
      <c r="EFF658" s="613"/>
      <c r="EFG658" s="613"/>
      <c r="EFH658" s="613"/>
      <c r="EFI658" s="613"/>
      <c r="EFJ658" s="613"/>
      <c r="EFK658" s="613"/>
      <c r="EFL658" s="613"/>
      <c r="EFM658" s="613"/>
      <c r="EFN658" s="613"/>
      <c r="EFO658" s="613"/>
      <c r="EFP658" s="613"/>
      <c r="EFQ658" s="613"/>
      <c r="EFR658" s="613"/>
      <c r="EFS658" s="613"/>
      <c r="EFT658" s="613"/>
      <c r="EFU658" s="613"/>
      <c r="EFV658" s="613"/>
      <c r="EFW658" s="613"/>
      <c r="EFX658" s="613"/>
      <c r="EFY658" s="613"/>
      <c r="EFZ658" s="613"/>
      <c r="EGA658" s="613"/>
      <c r="EGB658" s="613"/>
      <c r="EGC658" s="613"/>
      <c r="EGD658" s="613"/>
      <c r="EGE658" s="613"/>
      <c r="EGF658" s="613"/>
      <c r="EGG658" s="613"/>
      <c r="EGH658" s="613"/>
      <c r="EGI658" s="613"/>
      <c r="EGJ658" s="613"/>
      <c r="EGK658" s="613"/>
      <c r="EGL658" s="613"/>
      <c r="EGM658" s="613"/>
      <c r="EGN658" s="613"/>
      <c r="EGO658" s="613"/>
      <c r="EGP658" s="613"/>
      <c r="EGQ658" s="613"/>
      <c r="EGR658" s="613"/>
      <c r="EGS658" s="613"/>
      <c r="EGT658" s="613"/>
      <c r="EGU658" s="613"/>
      <c r="EGV658" s="613"/>
      <c r="EGW658" s="613"/>
      <c r="EGX658" s="613"/>
      <c r="EGY658" s="613"/>
      <c r="EGZ658" s="613"/>
      <c r="EHA658" s="613"/>
      <c r="EHB658" s="613"/>
      <c r="EHC658" s="613"/>
      <c r="EHD658" s="613"/>
      <c r="EHE658" s="613"/>
      <c r="EHF658" s="613"/>
      <c r="EHG658" s="613"/>
      <c r="EHH658" s="613"/>
      <c r="EHI658" s="613"/>
      <c r="EHJ658" s="613"/>
      <c r="EHK658" s="613"/>
      <c r="EHL658" s="613"/>
      <c r="EHM658" s="613"/>
      <c r="EHN658" s="613"/>
      <c r="EHO658" s="613"/>
      <c r="EHP658" s="613"/>
      <c r="EHQ658" s="613"/>
      <c r="EHR658" s="613"/>
      <c r="EHS658" s="613"/>
      <c r="EHT658" s="613"/>
      <c r="EHU658" s="613"/>
      <c r="EHV658" s="613"/>
      <c r="EHW658" s="613"/>
      <c r="EHX658" s="613"/>
      <c r="EHY658" s="613"/>
      <c r="EHZ658" s="613"/>
      <c r="EIA658" s="613"/>
      <c r="EIB658" s="613"/>
      <c r="EIC658" s="613"/>
      <c r="EID658" s="613"/>
      <c r="EIE658" s="613"/>
      <c r="EIF658" s="613"/>
      <c r="EIG658" s="613"/>
      <c r="EIH658" s="613"/>
      <c r="EII658" s="613"/>
      <c r="EIJ658" s="613"/>
      <c r="EIK658" s="613"/>
      <c r="EIL658" s="613"/>
      <c r="EIM658" s="613"/>
      <c r="EIN658" s="613"/>
      <c r="EIO658" s="613"/>
      <c r="EIP658" s="613"/>
      <c r="EIQ658" s="613"/>
      <c r="EIR658" s="613"/>
      <c r="EIS658" s="613"/>
      <c r="EIT658" s="613"/>
      <c r="EIU658" s="613"/>
      <c r="EIV658" s="613"/>
      <c r="EIW658" s="613"/>
      <c r="EIX658" s="613"/>
      <c r="EIY658" s="613"/>
      <c r="EIZ658" s="613"/>
      <c r="EJA658" s="613"/>
      <c r="EJB658" s="613"/>
      <c r="EJC658" s="613"/>
      <c r="EJD658" s="613"/>
      <c r="EJE658" s="613"/>
      <c r="EJF658" s="613"/>
      <c r="EJG658" s="613"/>
      <c r="EJH658" s="613"/>
      <c r="EJI658" s="613"/>
      <c r="EJJ658" s="613"/>
      <c r="EJK658" s="613"/>
      <c r="EJL658" s="613"/>
      <c r="EJM658" s="613"/>
      <c r="EJN658" s="613"/>
      <c r="EJO658" s="613"/>
      <c r="EJP658" s="613"/>
      <c r="EJQ658" s="613"/>
      <c r="EJR658" s="613"/>
      <c r="EJS658" s="613"/>
      <c r="EJT658" s="613"/>
      <c r="EJU658" s="613"/>
      <c r="EJV658" s="613"/>
      <c r="EJW658" s="613"/>
      <c r="EJX658" s="613"/>
      <c r="EJY658" s="613"/>
      <c r="EJZ658" s="613"/>
      <c r="EKA658" s="613"/>
      <c r="EKB658" s="613"/>
      <c r="EKC658" s="613"/>
      <c r="EKD658" s="613"/>
      <c r="EKE658" s="613"/>
      <c r="EKF658" s="613"/>
      <c r="EKG658" s="613"/>
      <c r="EKH658" s="613"/>
      <c r="EKI658" s="613"/>
      <c r="EKJ658" s="613"/>
      <c r="EKK658" s="613"/>
      <c r="EKL658" s="613"/>
      <c r="EKM658" s="613"/>
      <c r="EKN658" s="613"/>
      <c r="EKO658" s="613"/>
      <c r="EKP658" s="613"/>
      <c r="EKQ658" s="613"/>
      <c r="EKR658" s="613"/>
      <c r="EKS658" s="613"/>
      <c r="EKT658" s="613"/>
      <c r="EKU658" s="613"/>
      <c r="EKV658" s="613"/>
      <c r="EKW658" s="613"/>
      <c r="EKX658" s="613"/>
      <c r="EKY658" s="613"/>
      <c r="EKZ658" s="613"/>
      <c r="ELA658" s="613"/>
      <c r="ELB658" s="613"/>
      <c r="ELC658" s="613"/>
      <c r="ELD658" s="613"/>
      <c r="ELE658" s="613"/>
      <c r="ELF658" s="613"/>
      <c r="ELG658" s="613"/>
      <c r="ELH658" s="613"/>
      <c r="ELI658" s="613"/>
      <c r="ELJ658" s="613"/>
      <c r="ELK658" s="613"/>
      <c r="ELL658" s="613"/>
      <c r="ELM658" s="613"/>
      <c r="ELN658" s="613"/>
      <c r="ELO658" s="613"/>
      <c r="ELP658" s="613"/>
      <c r="ELQ658" s="613"/>
      <c r="ELR658" s="613"/>
      <c r="ELS658" s="613"/>
      <c r="ELT658" s="613"/>
      <c r="ELU658" s="613"/>
      <c r="ELV658" s="613"/>
      <c r="ELW658" s="613"/>
      <c r="ELX658" s="613"/>
      <c r="ELY658" s="613"/>
      <c r="ELZ658" s="613"/>
      <c r="EMA658" s="613"/>
      <c r="EMB658" s="613"/>
      <c r="EMC658" s="613"/>
      <c r="EMD658" s="613"/>
      <c r="EME658" s="613"/>
      <c r="EMF658" s="613"/>
      <c r="EMG658" s="613"/>
      <c r="EMH658" s="613"/>
      <c r="EMI658" s="613"/>
      <c r="EMJ658" s="613"/>
      <c r="EMK658" s="613"/>
      <c r="EML658" s="613"/>
      <c r="EMM658" s="613"/>
      <c r="EMN658" s="613"/>
      <c r="EMO658" s="613"/>
      <c r="EMP658" s="613"/>
      <c r="EMQ658" s="613"/>
      <c r="EMR658" s="613"/>
      <c r="EMS658" s="613"/>
      <c r="EMT658" s="613"/>
      <c r="EMU658" s="613"/>
      <c r="EMV658" s="613"/>
      <c r="EMW658" s="613"/>
      <c r="EMX658" s="613"/>
      <c r="EMY658" s="613"/>
      <c r="EMZ658" s="613"/>
      <c r="ENA658" s="613"/>
      <c r="ENB658" s="613"/>
      <c r="ENC658" s="613"/>
      <c r="END658" s="613"/>
      <c r="ENE658" s="613"/>
      <c r="ENF658" s="613"/>
      <c r="ENG658" s="613"/>
      <c r="ENH658" s="613"/>
      <c r="ENI658" s="613"/>
      <c r="ENJ658" s="613"/>
      <c r="ENK658" s="613"/>
      <c r="ENL658" s="613"/>
      <c r="ENM658" s="613"/>
      <c r="ENN658" s="613"/>
      <c r="ENO658" s="613"/>
      <c r="ENP658" s="613"/>
      <c r="ENQ658" s="613"/>
      <c r="ENR658" s="613"/>
      <c r="ENS658" s="613"/>
      <c r="ENT658" s="613"/>
      <c r="ENU658" s="613"/>
      <c r="ENV658" s="613"/>
      <c r="ENW658" s="613"/>
      <c r="ENX658" s="613"/>
      <c r="ENY658" s="613"/>
      <c r="ENZ658" s="613"/>
      <c r="EOA658" s="613"/>
      <c r="EOB658" s="613"/>
      <c r="EOC658" s="613"/>
      <c r="EOD658" s="613"/>
      <c r="EOE658" s="613"/>
      <c r="EOF658" s="613"/>
      <c r="EOG658" s="613"/>
      <c r="EOH658" s="613"/>
      <c r="EOI658" s="613"/>
      <c r="EOJ658" s="613"/>
      <c r="EOK658" s="613"/>
      <c r="EOL658" s="613"/>
      <c r="EOM658" s="613"/>
      <c r="EON658" s="613"/>
      <c r="EOO658" s="613"/>
      <c r="EOP658" s="613"/>
      <c r="EOQ658" s="613"/>
      <c r="EOR658" s="613"/>
      <c r="EOS658" s="613"/>
      <c r="EOT658" s="613"/>
      <c r="EOU658" s="613"/>
      <c r="EOV658" s="613"/>
      <c r="EOW658" s="613"/>
      <c r="EOX658" s="613"/>
      <c r="EOY658" s="613"/>
      <c r="EOZ658" s="613"/>
      <c r="EPA658" s="613"/>
      <c r="EPB658" s="613"/>
      <c r="EPC658" s="613"/>
      <c r="EPD658" s="613"/>
      <c r="EPE658" s="613"/>
      <c r="EPF658" s="613"/>
      <c r="EPG658" s="613"/>
      <c r="EPH658" s="613"/>
      <c r="EPI658" s="613"/>
      <c r="EPJ658" s="613"/>
      <c r="EPK658" s="613"/>
      <c r="EPL658" s="613"/>
      <c r="EPM658" s="613"/>
      <c r="EPN658" s="613"/>
      <c r="EPO658" s="613"/>
      <c r="EPP658" s="613"/>
      <c r="EPQ658" s="613"/>
      <c r="EPR658" s="613"/>
      <c r="EPS658" s="613"/>
      <c r="EPT658" s="613"/>
      <c r="EPU658" s="613"/>
      <c r="EPV658" s="613"/>
      <c r="EPW658" s="613"/>
      <c r="EPX658" s="613"/>
      <c r="EPY658" s="613"/>
      <c r="EPZ658" s="613"/>
      <c r="EQA658" s="613"/>
      <c r="EQB658" s="613"/>
      <c r="EQC658" s="613"/>
      <c r="EQD658" s="613"/>
      <c r="EQE658" s="613"/>
      <c r="EQF658" s="613"/>
      <c r="EQG658" s="613"/>
      <c r="EQH658" s="613"/>
      <c r="EQI658" s="613"/>
      <c r="EQJ658" s="613"/>
      <c r="EQK658" s="613"/>
      <c r="EQL658" s="613"/>
      <c r="EQM658" s="613"/>
      <c r="EQN658" s="613"/>
      <c r="EQO658" s="613"/>
      <c r="EQP658" s="613"/>
      <c r="EQQ658" s="613"/>
      <c r="EQR658" s="613"/>
      <c r="EQS658" s="613"/>
      <c r="EQT658" s="613"/>
      <c r="EQU658" s="613"/>
      <c r="EQV658" s="613"/>
      <c r="EQW658" s="613"/>
      <c r="EQX658" s="613"/>
      <c r="EQY658" s="613"/>
      <c r="EQZ658" s="613"/>
      <c r="ERA658" s="613"/>
      <c r="ERB658" s="613"/>
      <c r="ERC658" s="613"/>
      <c r="ERD658" s="613"/>
      <c r="ERE658" s="613"/>
      <c r="ERF658" s="613"/>
      <c r="ERG658" s="613"/>
      <c r="ERH658" s="613"/>
      <c r="ERI658" s="613"/>
      <c r="ERJ658" s="613"/>
      <c r="ERK658" s="613"/>
      <c r="ERL658" s="613"/>
      <c r="ERM658" s="613"/>
      <c r="ERN658" s="613"/>
      <c r="ERO658" s="613"/>
      <c r="ERP658" s="613"/>
      <c r="ERQ658" s="613"/>
      <c r="ERR658" s="613"/>
      <c r="ERS658" s="613"/>
      <c r="ERT658" s="613"/>
      <c r="ERU658" s="613"/>
      <c r="ERV658" s="613"/>
      <c r="ERW658" s="613"/>
      <c r="ERX658" s="613"/>
      <c r="ERY658" s="613"/>
      <c r="ERZ658" s="613"/>
      <c r="ESA658" s="613"/>
      <c r="ESB658" s="613"/>
      <c r="ESC658" s="613"/>
      <c r="ESD658" s="613"/>
      <c r="ESE658" s="613"/>
      <c r="ESF658" s="613"/>
      <c r="ESG658" s="613"/>
      <c r="ESH658" s="613"/>
      <c r="ESI658" s="613"/>
      <c r="ESJ658" s="613"/>
      <c r="ESK658" s="613"/>
      <c r="ESL658" s="613"/>
      <c r="ESM658" s="613"/>
      <c r="ESN658" s="613"/>
      <c r="ESO658" s="613"/>
      <c r="ESP658" s="613"/>
      <c r="ESQ658" s="613"/>
      <c r="ESR658" s="613"/>
      <c r="ESS658" s="613"/>
      <c r="EST658" s="613"/>
      <c r="ESU658" s="613"/>
      <c r="ESV658" s="613"/>
      <c r="ESW658" s="613"/>
      <c r="ESX658" s="613"/>
      <c r="ESY658" s="613"/>
      <c r="ESZ658" s="613"/>
      <c r="ETA658" s="613"/>
      <c r="ETB658" s="613"/>
      <c r="ETC658" s="613"/>
      <c r="ETD658" s="613"/>
      <c r="ETE658" s="613"/>
      <c r="ETF658" s="613"/>
      <c r="ETG658" s="613"/>
      <c r="ETH658" s="613"/>
      <c r="ETI658" s="613"/>
      <c r="ETJ658" s="613"/>
      <c r="ETK658" s="613"/>
      <c r="ETL658" s="613"/>
      <c r="ETM658" s="613"/>
      <c r="ETN658" s="613"/>
      <c r="ETO658" s="613"/>
      <c r="ETP658" s="613"/>
      <c r="ETQ658" s="613"/>
      <c r="ETR658" s="613"/>
      <c r="ETS658" s="613"/>
      <c r="ETT658" s="613"/>
      <c r="ETU658" s="613"/>
      <c r="ETV658" s="613"/>
      <c r="ETW658" s="613"/>
      <c r="ETX658" s="613"/>
      <c r="ETY658" s="613"/>
      <c r="ETZ658" s="613"/>
      <c r="EUA658" s="613"/>
      <c r="EUB658" s="613"/>
      <c r="EUC658" s="613"/>
      <c r="EUD658" s="613"/>
      <c r="EUE658" s="613"/>
      <c r="EUF658" s="613"/>
      <c r="EUG658" s="613"/>
      <c r="EUH658" s="613"/>
      <c r="EUI658" s="613"/>
      <c r="EUJ658" s="613"/>
      <c r="EUK658" s="613"/>
      <c r="EUL658" s="613"/>
      <c r="EUM658" s="613"/>
      <c r="EUN658" s="613"/>
      <c r="EUO658" s="613"/>
      <c r="EUP658" s="613"/>
      <c r="EUQ658" s="613"/>
      <c r="EUR658" s="613"/>
      <c r="EUS658" s="613"/>
      <c r="EUT658" s="613"/>
      <c r="EUU658" s="613"/>
      <c r="EUV658" s="613"/>
      <c r="EUW658" s="613"/>
      <c r="EUX658" s="613"/>
      <c r="EUY658" s="613"/>
      <c r="EUZ658" s="613"/>
      <c r="EVA658" s="613"/>
      <c r="EVB658" s="613"/>
      <c r="EVC658" s="613"/>
      <c r="EVD658" s="613"/>
      <c r="EVE658" s="613"/>
      <c r="EVF658" s="613"/>
      <c r="EVG658" s="613"/>
      <c r="EVH658" s="613"/>
      <c r="EVI658" s="613"/>
      <c r="EVJ658" s="613"/>
      <c r="EVK658" s="613"/>
      <c r="EVL658" s="613"/>
      <c r="EVM658" s="613"/>
      <c r="EVN658" s="613"/>
      <c r="EVO658" s="613"/>
      <c r="EVP658" s="613"/>
      <c r="EVQ658" s="613"/>
      <c r="EVR658" s="613"/>
      <c r="EVS658" s="613"/>
      <c r="EVT658" s="613"/>
      <c r="EVU658" s="613"/>
      <c r="EVV658" s="613"/>
      <c r="EVW658" s="613"/>
      <c r="EVX658" s="613"/>
      <c r="EVY658" s="613"/>
      <c r="EVZ658" s="613"/>
      <c r="EWA658" s="613"/>
      <c r="EWB658" s="613"/>
      <c r="EWC658" s="613"/>
      <c r="EWD658" s="613"/>
      <c r="EWE658" s="613"/>
      <c r="EWF658" s="613"/>
      <c r="EWG658" s="613"/>
      <c r="EWH658" s="613"/>
      <c r="EWI658" s="613"/>
      <c r="EWJ658" s="613"/>
      <c r="EWK658" s="613"/>
      <c r="EWL658" s="613"/>
      <c r="EWM658" s="613"/>
      <c r="EWN658" s="613"/>
      <c r="EWO658" s="613"/>
      <c r="EWP658" s="613"/>
      <c r="EWQ658" s="613"/>
      <c r="EWR658" s="613"/>
      <c r="EWS658" s="613"/>
      <c r="EWT658" s="613"/>
      <c r="EWU658" s="613"/>
      <c r="EWV658" s="613"/>
      <c r="EWW658" s="613"/>
      <c r="EWX658" s="613"/>
      <c r="EWY658" s="613"/>
      <c r="EWZ658" s="613"/>
      <c r="EXA658" s="613"/>
      <c r="EXB658" s="613"/>
      <c r="EXC658" s="613"/>
      <c r="EXD658" s="613"/>
      <c r="EXE658" s="613"/>
      <c r="EXF658" s="613"/>
      <c r="EXG658" s="613"/>
      <c r="EXH658" s="613"/>
      <c r="EXI658" s="613"/>
      <c r="EXJ658" s="613"/>
      <c r="EXK658" s="613"/>
      <c r="EXL658" s="613"/>
      <c r="EXM658" s="613"/>
      <c r="EXN658" s="613"/>
      <c r="EXO658" s="613"/>
      <c r="EXP658" s="613"/>
      <c r="EXQ658" s="613"/>
      <c r="EXR658" s="613"/>
      <c r="EXS658" s="613"/>
      <c r="EXT658" s="613"/>
      <c r="EXU658" s="613"/>
      <c r="EXV658" s="613"/>
      <c r="EXW658" s="613"/>
      <c r="EXX658" s="613"/>
      <c r="EXY658" s="613"/>
      <c r="EXZ658" s="613"/>
      <c r="EYA658" s="613"/>
      <c r="EYB658" s="613"/>
      <c r="EYC658" s="613"/>
      <c r="EYD658" s="613"/>
      <c r="EYE658" s="613"/>
      <c r="EYF658" s="613"/>
      <c r="EYG658" s="613"/>
      <c r="EYH658" s="613"/>
      <c r="EYI658" s="613"/>
      <c r="EYJ658" s="613"/>
      <c r="EYK658" s="613"/>
      <c r="EYL658" s="613"/>
      <c r="EYM658" s="613"/>
      <c r="EYN658" s="613"/>
      <c r="EYO658" s="613"/>
      <c r="EYP658" s="613"/>
      <c r="EYQ658" s="613"/>
      <c r="EYR658" s="613"/>
      <c r="EYS658" s="613"/>
      <c r="EYT658" s="613"/>
      <c r="EYU658" s="613"/>
      <c r="EYV658" s="613"/>
      <c r="EYW658" s="613"/>
      <c r="EYX658" s="613"/>
      <c r="EYY658" s="613"/>
      <c r="EYZ658" s="613"/>
      <c r="EZA658" s="613"/>
      <c r="EZB658" s="613"/>
      <c r="EZC658" s="613"/>
      <c r="EZD658" s="613"/>
      <c r="EZE658" s="613"/>
      <c r="EZF658" s="613"/>
      <c r="EZG658" s="613"/>
      <c r="EZH658" s="613"/>
      <c r="EZI658" s="613"/>
      <c r="EZJ658" s="613"/>
      <c r="EZK658" s="613"/>
      <c r="EZL658" s="613"/>
      <c r="EZM658" s="613"/>
      <c r="EZN658" s="613"/>
      <c r="EZO658" s="613"/>
      <c r="EZP658" s="613"/>
      <c r="EZQ658" s="613"/>
      <c r="EZR658" s="613"/>
      <c r="EZS658" s="613"/>
      <c r="EZT658" s="613"/>
      <c r="EZU658" s="613"/>
      <c r="EZV658" s="613"/>
      <c r="EZW658" s="613"/>
      <c r="EZX658" s="613"/>
      <c r="EZY658" s="613"/>
      <c r="EZZ658" s="613"/>
      <c r="FAA658" s="613"/>
      <c r="FAB658" s="613"/>
      <c r="FAC658" s="613"/>
      <c r="FAD658" s="613"/>
      <c r="FAE658" s="613"/>
      <c r="FAF658" s="613"/>
      <c r="FAG658" s="613"/>
      <c r="FAH658" s="613"/>
      <c r="FAI658" s="613"/>
      <c r="FAJ658" s="613"/>
      <c r="FAK658" s="613"/>
      <c r="FAL658" s="613"/>
      <c r="FAM658" s="613"/>
      <c r="FAN658" s="613"/>
      <c r="FAO658" s="613"/>
      <c r="FAP658" s="613"/>
      <c r="FAQ658" s="613"/>
      <c r="FAR658" s="613"/>
      <c r="FAS658" s="613"/>
      <c r="FAT658" s="613"/>
      <c r="FAU658" s="613"/>
      <c r="FAV658" s="613"/>
      <c r="FAW658" s="613"/>
      <c r="FAX658" s="613"/>
      <c r="FAY658" s="613"/>
      <c r="FAZ658" s="613"/>
      <c r="FBA658" s="613"/>
      <c r="FBB658" s="613"/>
      <c r="FBC658" s="613"/>
      <c r="FBD658" s="613"/>
      <c r="FBE658" s="613"/>
      <c r="FBF658" s="613"/>
      <c r="FBG658" s="613"/>
      <c r="FBH658" s="613"/>
      <c r="FBI658" s="613"/>
      <c r="FBJ658" s="613"/>
      <c r="FBK658" s="613"/>
      <c r="FBL658" s="613"/>
      <c r="FBM658" s="613"/>
      <c r="FBN658" s="613"/>
      <c r="FBO658" s="613"/>
      <c r="FBP658" s="613"/>
      <c r="FBQ658" s="613"/>
      <c r="FBR658" s="613"/>
      <c r="FBS658" s="613"/>
      <c r="FBT658" s="613"/>
      <c r="FBU658" s="613"/>
      <c r="FBV658" s="613"/>
      <c r="FBW658" s="613"/>
      <c r="FBX658" s="613"/>
      <c r="FBY658" s="613"/>
      <c r="FBZ658" s="613"/>
      <c r="FCA658" s="613"/>
      <c r="FCB658" s="613"/>
      <c r="FCC658" s="613"/>
      <c r="FCD658" s="613"/>
      <c r="FCE658" s="613"/>
      <c r="FCF658" s="613"/>
      <c r="FCG658" s="613"/>
      <c r="FCH658" s="613"/>
      <c r="FCI658" s="613"/>
      <c r="FCJ658" s="613"/>
      <c r="FCK658" s="613"/>
      <c r="FCL658" s="613"/>
      <c r="FCM658" s="613"/>
      <c r="FCN658" s="613"/>
      <c r="FCO658" s="613"/>
      <c r="FCP658" s="613"/>
      <c r="FCQ658" s="613"/>
      <c r="FCR658" s="613"/>
      <c r="FCS658" s="613"/>
      <c r="FCT658" s="613"/>
      <c r="FCU658" s="613"/>
      <c r="FCV658" s="613"/>
      <c r="FCW658" s="613"/>
      <c r="FCX658" s="613"/>
      <c r="FCY658" s="613"/>
      <c r="FCZ658" s="613"/>
      <c r="FDA658" s="613"/>
      <c r="FDB658" s="613"/>
      <c r="FDC658" s="613"/>
      <c r="FDD658" s="613"/>
      <c r="FDE658" s="613"/>
      <c r="FDF658" s="613"/>
      <c r="FDG658" s="613"/>
      <c r="FDH658" s="613"/>
      <c r="FDI658" s="613"/>
      <c r="FDJ658" s="613"/>
      <c r="FDK658" s="613"/>
      <c r="FDL658" s="613"/>
      <c r="FDM658" s="613"/>
      <c r="FDN658" s="613"/>
      <c r="FDO658" s="613"/>
      <c r="FDP658" s="613"/>
      <c r="FDQ658" s="613"/>
      <c r="FDR658" s="613"/>
      <c r="FDS658" s="613"/>
      <c r="FDT658" s="613"/>
      <c r="FDU658" s="613"/>
      <c r="FDV658" s="613"/>
      <c r="FDW658" s="613"/>
      <c r="FDX658" s="613"/>
      <c r="FDY658" s="613"/>
      <c r="FDZ658" s="613"/>
      <c r="FEA658" s="613"/>
      <c r="FEB658" s="613"/>
      <c r="FEC658" s="613"/>
      <c r="FED658" s="613"/>
      <c r="FEE658" s="613"/>
      <c r="FEF658" s="613"/>
      <c r="FEG658" s="613"/>
      <c r="FEH658" s="613"/>
      <c r="FEI658" s="613"/>
      <c r="FEJ658" s="613"/>
      <c r="FEK658" s="613"/>
      <c r="FEL658" s="613"/>
      <c r="FEM658" s="613"/>
      <c r="FEN658" s="613"/>
      <c r="FEO658" s="613"/>
      <c r="FEP658" s="613"/>
      <c r="FEQ658" s="613"/>
      <c r="FER658" s="613"/>
      <c r="FES658" s="613"/>
      <c r="FET658" s="613"/>
      <c r="FEU658" s="613"/>
      <c r="FEV658" s="613"/>
      <c r="FEW658" s="613"/>
      <c r="FEX658" s="613"/>
      <c r="FEY658" s="613"/>
      <c r="FEZ658" s="613"/>
      <c r="FFA658" s="613"/>
      <c r="FFB658" s="613"/>
      <c r="FFC658" s="613"/>
      <c r="FFD658" s="613"/>
      <c r="FFE658" s="613"/>
      <c r="FFF658" s="613"/>
      <c r="FFG658" s="613"/>
      <c r="FFH658" s="613"/>
      <c r="FFI658" s="613"/>
      <c r="FFJ658" s="613"/>
      <c r="FFK658" s="613"/>
      <c r="FFL658" s="613"/>
      <c r="FFM658" s="613"/>
      <c r="FFN658" s="613"/>
      <c r="FFO658" s="613"/>
      <c r="FFP658" s="613"/>
      <c r="FFQ658" s="613"/>
      <c r="FFR658" s="613"/>
      <c r="FFS658" s="613"/>
      <c r="FFT658" s="613"/>
      <c r="FFU658" s="613"/>
      <c r="FFV658" s="613"/>
      <c r="FFW658" s="613"/>
      <c r="FFX658" s="613"/>
      <c r="FFY658" s="613"/>
      <c r="FFZ658" s="613"/>
      <c r="FGA658" s="613"/>
      <c r="FGB658" s="613"/>
      <c r="FGC658" s="613"/>
      <c r="FGD658" s="613"/>
      <c r="FGE658" s="613"/>
      <c r="FGF658" s="613"/>
      <c r="FGG658" s="613"/>
      <c r="FGH658" s="613"/>
      <c r="FGI658" s="613"/>
      <c r="FGJ658" s="613"/>
      <c r="FGK658" s="613"/>
      <c r="FGL658" s="613"/>
      <c r="FGM658" s="613"/>
      <c r="FGN658" s="613"/>
      <c r="FGO658" s="613"/>
      <c r="FGP658" s="613"/>
      <c r="FGQ658" s="613"/>
      <c r="FGR658" s="613"/>
      <c r="FGS658" s="613"/>
      <c r="FGT658" s="613"/>
      <c r="FGU658" s="613"/>
      <c r="FGV658" s="613"/>
      <c r="FGW658" s="613"/>
      <c r="FGX658" s="613"/>
      <c r="FGY658" s="613"/>
      <c r="FGZ658" s="613"/>
      <c r="FHA658" s="613"/>
      <c r="FHB658" s="613"/>
      <c r="FHC658" s="613"/>
      <c r="FHD658" s="613"/>
      <c r="FHE658" s="613"/>
      <c r="FHF658" s="613"/>
      <c r="FHG658" s="613"/>
      <c r="FHH658" s="613"/>
      <c r="FHI658" s="613"/>
      <c r="FHJ658" s="613"/>
      <c r="FHK658" s="613"/>
      <c r="FHL658" s="613"/>
      <c r="FHM658" s="613"/>
      <c r="FHN658" s="613"/>
      <c r="FHO658" s="613"/>
      <c r="FHP658" s="613"/>
      <c r="FHQ658" s="613"/>
      <c r="FHR658" s="613"/>
      <c r="FHS658" s="613"/>
      <c r="FHT658" s="613"/>
      <c r="FHU658" s="613"/>
      <c r="FHV658" s="613"/>
      <c r="FHW658" s="613"/>
      <c r="FHX658" s="613"/>
      <c r="FHY658" s="613"/>
      <c r="FHZ658" s="613"/>
      <c r="FIA658" s="613"/>
      <c r="FIB658" s="613"/>
      <c r="FIC658" s="613"/>
      <c r="FID658" s="613"/>
      <c r="FIE658" s="613"/>
      <c r="FIF658" s="613"/>
      <c r="FIG658" s="613"/>
      <c r="FIH658" s="613"/>
      <c r="FII658" s="613"/>
      <c r="FIJ658" s="613"/>
      <c r="FIK658" s="613"/>
      <c r="FIL658" s="613"/>
      <c r="FIM658" s="613"/>
      <c r="FIN658" s="613"/>
      <c r="FIO658" s="613"/>
      <c r="FIP658" s="613"/>
      <c r="FIQ658" s="613"/>
      <c r="FIR658" s="613"/>
      <c r="FIS658" s="613"/>
      <c r="FIT658" s="613"/>
      <c r="FIU658" s="613"/>
      <c r="FIV658" s="613"/>
      <c r="FIW658" s="613"/>
      <c r="FIX658" s="613"/>
      <c r="FIY658" s="613"/>
      <c r="FIZ658" s="613"/>
      <c r="FJA658" s="613"/>
      <c r="FJB658" s="613"/>
      <c r="FJC658" s="613"/>
      <c r="FJD658" s="613"/>
      <c r="FJE658" s="613"/>
      <c r="FJF658" s="613"/>
      <c r="FJG658" s="613"/>
      <c r="FJH658" s="613"/>
      <c r="FJI658" s="613"/>
      <c r="FJJ658" s="613"/>
      <c r="FJK658" s="613"/>
      <c r="FJL658" s="613"/>
      <c r="FJM658" s="613"/>
      <c r="FJN658" s="613"/>
      <c r="FJO658" s="613"/>
      <c r="FJP658" s="613"/>
      <c r="FJQ658" s="613"/>
      <c r="FJR658" s="613"/>
      <c r="FJS658" s="613"/>
      <c r="FJT658" s="613"/>
      <c r="FJU658" s="613"/>
      <c r="FJV658" s="613"/>
      <c r="FJW658" s="613"/>
      <c r="FJX658" s="613"/>
      <c r="FJY658" s="613"/>
      <c r="FJZ658" s="613"/>
      <c r="FKA658" s="613"/>
      <c r="FKB658" s="613"/>
      <c r="FKC658" s="613"/>
      <c r="FKD658" s="613"/>
      <c r="FKE658" s="613"/>
      <c r="FKF658" s="613"/>
      <c r="FKG658" s="613"/>
      <c r="FKH658" s="613"/>
      <c r="FKI658" s="613"/>
      <c r="FKJ658" s="613"/>
      <c r="FKK658" s="613"/>
      <c r="FKL658" s="613"/>
      <c r="FKM658" s="613"/>
      <c r="FKN658" s="613"/>
      <c r="FKO658" s="613"/>
      <c r="FKP658" s="613"/>
      <c r="FKQ658" s="613"/>
      <c r="FKR658" s="613"/>
      <c r="FKS658" s="613"/>
      <c r="FKT658" s="613"/>
      <c r="FKU658" s="613"/>
      <c r="FKV658" s="613"/>
      <c r="FKW658" s="613"/>
      <c r="FKX658" s="613"/>
      <c r="FKY658" s="613"/>
      <c r="FKZ658" s="613"/>
      <c r="FLA658" s="613"/>
      <c r="FLB658" s="613"/>
      <c r="FLC658" s="613"/>
      <c r="FLD658" s="613"/>
      <c r="FLE658" s="613"/>
      <c r="FLF658" s="613"/>
      <c r="FLG658" s="613"/>
      <c r="FLH658" s="613"/>
      <c r="FLI658" s="613"/>
      <c r="FLJ658" s="613"/>
      <c r="FLK658" s="613"/>
      <c r="FLL658" s="613"/>
      <c r="FLM658" s="613"/>
      <c r="FLN658" s="613"/>
      <c r="FLO658" s="613"/>
      <c r="FLP658" s="613"/>
      <c r="FLQ658" s="613"/>
      <c r="FLR658" s="613"/>
      <c r="FLS658" s="613"/>
      <c r="FLT658" s="613"/>
      <c r="FLU658" s="613"/>
      <c r="FLV658" s="613"/>
      <c r="FLW658" s="613"/>
      <c r="FLX658" s="613"/>
      <c r="FLY658" s="613"/>
      <c r="FLZ658" s="613"/>
      <c r="FMA658" s="613"/>
      <c r="FMB658" s="613"/>
      <c r="FMC658" s="613"/>
      <c r="FMD658" s="613"/>
      <c r="FME658" s="613"/>
      <c r="FMF658" s="613"/>
      <c r="FMG658" s="613"/>
      <c r="FMH658" s="613"/>
      <c r="FMI658" s="613"/>
      <c r="FMJ658" s="613"/>
      <c r="FMK658" s="613"/>
      <c r="FML658" s="613"/>
      <c r="FMM658" s="613"/>
      <c r="FMN658" s="613"/>
      <c r="FMO658" s="613"/>
      <c r="FMP658" s="613"/>
      <c r="FMQ658" s="613"/>
      <c r="FMR658" s="613"/>
      <c r="FMS658" s="613"/>
      <c r="FMT658" s="613"/>
      <c r="FMU658" s="613"/>
      <c r="FMV658" s="613"/>
      <c r="FMW658" s="613"/>
      <c r="FMX658" s="613"/>
      <c r="FMY658" s="613"/>
      <c r="FMZ658" s="613"/>
      <c r="FNA658" s="613"/>
      <c r="FNB658" s="613"/>
      <c r="FNC658" s="613"/>
      <c r="FND658" s="613"/>
      <c r="FNE658" s="613"/>
      <c r="FNF658" s="613"/>
      <c r="FNG658" s="613"/>
      <c r="FNH658" s="613"/>
      <c r="FNI658" s="613"/>
      <c r="FNJ658" s="613"/>
      <c r="FNK658" s="613"/>
      <c r="FNL658" s="613"/>
      <c r="FNM658" s="613"/>
      <c r="FNN658" s="613"/>
      <c r="FNO658" s="613"/>
      <c r="FNP658" s="613"/>
      <c r="FNQ658" s="613"/>
      <c r="FNR658" s="613"/>
      <c r="FNS658" s="613"/>
      <c r="FNT658" s="613"/>
      <c r="FNU658" s="613"/>
      <c r="FNV658" s="613"/>
      <c r="FNW658" s="613"/>
      <c r="FNX658" s="613"/>
      <c r="FNY658" s="613"/>
      <c r="FNZ658" s="613"/>
      <c r="FOA658" s="613"/>
      <c r="FOB658" s="613"/>
      <c r="FOC658" s="613"/>
      <c r="FOD658" s="613"/>
      <c r="FOE658" s="613"/>
      <c r="FOF658" s="613"/>
      <c r="FOG658" s="613"/>
      <c r="FOH658" s="613"/>
      <c r="FOI658" s="613"/>
      <c r="FOJ658" s="613"/>
      <c r="FOK658" s="613"/>
      <c r="FOL658" s="613"/>
      <c r="FOM658" s="613"/>
      <c r="FON658" s="613"/>
      <c r="FOO658" s="613"/>
      <c r="FOP658" s="613"/>
      <c r="FOQ658" s="613"/>
      <c r="FOR658" s="613"/>
      <c r="FOS658" s="613"/>
      <c r="FOT658" s="613"/>
      <c r="FOU658" s="613"/>
      <c r="FOV658" s="613"/>
      <c r="FOW658" s="613"/>
      <c r="FOX658" s="613"/>
      <c r="FOY658" s="613"/>
      <c r="FOZ658" s="613"/>
      <c r="FPA658" s="613"/>
      <c r="FPB658" s="613"/>
      <c r="FPC658" s="613"/>
      <c r="FPD658" s="613"/>
      <c r="FPE658" s="613"/>
      <c r="FPF658" s="613"/>
      <c r="FPG658" s="613"/>
      <c r="FPH658" s="613"/>
      <c r="FPI658" s="613"/>
      <c r="FPJ658" s="613"/>
      <c r="FPK658" s="613"/>
      <c r="FPL658" s="613"/>
      <c r="FPM658" s="613"/>
      <c r="FPN658" s="613"/>
      <c r="FPO658" s="613"/>
      <c r="FPP658" s="613"/>
      <c r="FPQ658" s="613"/>
      <c r="FPR658" s="613"/>
      <c r="FPS658" s="613"/>
      <c r="FPT658" s="613"/>
      <c r="FPU658" s="613"/>
      <c r="FPV658" s="613"/>
      <c r="FPW658" s="613"/>
      <c r="FPX658" s="613"/>
      <c r="FPY658" s="613"/>
      <c r="FPZ658" s="613"/>
      <c r="FQA658" s="613"/>
      <c r="FQB658" s="613"/>
      <c r="FQC658" s="613"/>
      <c r="FQD658" s="613"/>
      <c r="FQE658" s="613"/>
      <c r="FQF658" s="613"/>
      <c r="FQG658" s="613"/>
      <c r="FQH658" s="613"/>
      <c r="FQI658" s="613"/>
      <c r="FQJ658" s="613"/>
      <c r="FQK658" s="613"/>
      <c r="FQL658" s="613"/>
      <c r="FQM658" s="613"/>
      <c r="FQN658" s="613"/>
      <c r="FQO658" s="613"/>
      <c r="FQP658" s="613"/>
      <c r="FQQ658" s="613"/>
      <c r="FQR658" s="613"/>
      <c r="FQS658" s="613"/>
      <c r="FQT658" s="613"/>
      <c r="FQU658" s="613"/>
      <c r="FQV658" s="613"/>
      <c r="FQW658" s="613"/>
      <c r="FQX658" s="613"/>
      <c r="FQY658" s="613"/>
      <c r="FQZ658" s="613"/>
      <c r="FRA658" s="613"/>
      <c r="FRB658" s="613"/>
      <c r="FRC658" s="613"/>
      <c r="FRD658" s="613"/>
      <c r="FRE658" s="613"/>
      <c r="FRF658" s="613"/>
      <c r="FRG658" s="613"/>
      <c r="FRH658" s="613"/>
      <c r="FRI658" s="613"/>
      <c r="FRJ658" s="613"/>
      <c r="FRK658" s="613"/>
      <c r="FRL658" s="613"/>
      <c r="FRM658" s="613"/>
      <c r="FRN658" s="613"/>
      <c r="FRO658" s="613"/>
      <c r="FRP658" s="613"/>
      <c r="FRQ658" s="613"/>
      <c r="FRR658" s="613"/>
      <c r="FRS658" s="613"/>
      <c r="FRT658" s="613"/>
      <c r="FRU658" s="613"/>
      <c r="FRV658" s="613"/>
      <c r="FRW658" s="613"/>
      <c r="FRX658" s="613"/>
      <c r="FRY658" s="613"/>
      <c r="FRZ658" s="613"/>
      <c r="FSA658" s="613"/>
      <c r="FSB658" s="613"/>
      <c r="FSC658" s="613"/>
      <c r="FSD658" s="613"/>
      <c r="FSE658" s="613"/>
      <c r="FSF658" s="613"/>
      <c r="FSG658" s="613"/>
      <c r="FSH658" s="613"/>
      <c r="FSI658" s="613"/>
      <c r="FSJ658" s="613"/>
      <c r="FSK658" s="613"/>
      <c r="FSL658" s="613"/>
      <c r="FSM658" s="613"/>
      <c r="FSN658" s="613"/>
      <c r="FSO658" s="613"/>
      <c r="FSP658" s="613"/>
      <c r="FSQ658" s="613"/>
      <c r="FSR658" s="613"/>
      <c r="FSS658" s="613"/>
      <c r="FST658" s="613"/>
      <c r="FSU658" s="613"/>
      <c r="FSV658" s="613"/>
      <c r="FSW658" s="613"/>
      <c r="FSX658" s="613"/>
      <c r="FSY658" s="613"/>
      <c r="FSZ658" s="613"/>
      <c r="FTA658" s="613"/>
      <c r="FTB658" s="613"/>
      <c r="FTC658" s="613"/>
      <c r="FTD658" s="613"/>
      <c r="FTE658" s="613"/>
      <c r="FTF658" s="613"/>
      <c r="FTG658" s="613"/>
      <c r="FTH658" s="613"/>
      <c r="FTI658" s="613"/>
      <c r="FTJ658" s="613"/>
      <c r="FTK658" s="613"/>
      <c r="FTL658" s="613"/>
      <c r="FTM658" s="613"/>
      <c r="FTN658" s="613"/>
      <c r="FTO658" s="613"/>
      <c r="FTP658" s="613"/>
      <c r="FTQ658" s="613"/>
      <c r="FTR658" s="613"/>
      <c r="FTS658" s="613"/>
      <c r="FTT658" s="613"/>
      <c r="FTU658" s="613"/>
      <c r="FTV658" s="613"/>
      <c r="FTW658" s="613"/>
      <c r="FTX658" s="613"/>
      <c r="FTY658" s="613"/>
      <c r="FTZ658" s="613"/>
      <c r="FUA658" s="613"/>
      <c r="FUB658" s="613"/>
      <c r="FUC658" s="613"/>
      <c r="FUD658" s="613"/>
      <c r="FUE658" s="613"/>
      <c r="FUF658" s="613"/>
      <c r="FUG658" s="613"/>
      <c r="FUH658" s="613"/>
      <c r="FUI658" s="613"/>
      <c r="FUJ658" s="613"/>
      <c r="FUK658" s="613"/>
      <c r="FUL658" s="613"/>
      <c r="FUM658" s="613"/>
      <c r="FUN658" s="613"/>
      <c r="FUO658" s="613"/>
      <c r="FUP658" s="613"/>
      <c r="FUQ658" s="613"/>
      <c r="FUR658" s="613"/>
      <c r="FUS658" s="613"/>
      <c r="FUT658" s="613"/>
      <c r="FUU658" s="613"/>
      <c r="FUV658" s="613"/>
      <c r="FUW658" s="613"/>
      <c r="FUX658" s="613"/>
      <c r="FUY658" s="613"/>
      <c r="FUZ658" s="613"/>
      <c r="FVA658" s="613"/>
      <c r="FVB658" s="613"/>
      <c r="FVC658" s="613"/>
      <c r="FVD658" s="613"/>
      <c r="FVE658" s="613"/>
      <c r="FVF658" s="613"/>
      <c r="FVG658" s="613"/>
      <c r="FVH658" s="613"/>
      <c r="FVI658" s="613"/>
      <c r="FVJ658" s="613"/>
      <c r="FVK658" s="613"/>
      <c r="FVL658" s="613"/>
      <c r="FVM658" s="613"/>
      <c r="FVN658" s="613"/>
      <c r="FVO658" s="613"/>
      <c r="FVP658" s="613"/>
      <c r="FVQ658" s="613"/>
      <c r="FVR658" s="613"/>
      <c r="FVS658" s="613"/>
      <c r="FVT658" s="613"/>
      <c r="FVU658" s="613"/>
      <c r="FVV658" s="613"/>
      <c r="FVW658" s="613"/>
      <c r="FVX658" s="613"/>
      <c r="FVY658" s="613"/>
      <c r="FVZ658" s="613"/>
      <c r="FWA658" s="613"/>
      <c r="FWB658" s="613"/>
      <c r="FWC658" s="613"/>
      <c r="FWD658" s="613"/>
      <c r="FWE658" s="613"/>
      <c r="FWF658" s="613"/>
      <c r="FWG658" s="613"/>
      <c r="FWH658" s="613"/>
      <c r="FWI658" s="613"/>
      <c r="FWJ658" s="613"/>
      <c r="FWK658" s="613"/>
      <c r="FWL658" s="613"/>
      <c r="FWM658" s="613"/>
      <c r="FWN658" s="613"/>
      <c r="FWO658" s="613"/>
      <c r="FWP658" s="613"/>
      <c r="FWQ658" s="613"/>
      <c r="FWR658" s="613"/>
      <c r="FWS658" s="613"/>
      <c r="FWT658" s="613"/>
      <c r="FWU658" s="613"/>
      <c r="FWV658" s="613"/>
      <c r="FWW658" s="613"/>
      <c r="FWX658" s="613"/>
      <c r="FWY658" s="613"/>
      <c r="FWZ658" s="613"/>
      <c r="FXA658" s="613"/>
      <c r="FXB658" s="613"/>
      <c r="FXC658" s="613"/>
      <c r="FXD658" s="613"/>
      <c r="FXE658" s="613"/>
      <c r="FXF658" s="613"/>
      <c r="FXG658" s="613"/>
      <c r="FXH658" s="613"/>
      <c r="FXI658" s="613"/>
      <c r="FXJ658" s="613"/>
      <c r="FXK658" s="613"/>
      <c r="FXL658" s="613"/>
      <c r="FXM658" s="613"/>
      <c r="FXN658" s="613"/>
      <c r="FXO658" s="613"/>
      <c r="FXP658" s="613"/>
      <c r="FXQ658" s="613"/>
      <c r="FXR658" s="613"/>
      <c r="FXS658" s="613"/>
      <c r="FXT658" s="613"/>
      <c r="FXU658" s="613"/>
      <c r="FXV658" s="613"/>
      <c r="FXW658" s="613"/>
      <c r="FXX658" s="613"/>
      <c r="FXY658" s="613"/>
      <c r="FXZ658" s="613"/>
      <c r="FYA658" s="613"/>
      <c r="FYB658" s="613"/>
      <c r="FYC658" s="613"/>
      <c r="FYD658" s="613"/>
      <c r="FYE658" s="613"/>
      <c r="FYF658" s="613"/>
      <c r="FYG658" s="613"/>
      <c r="FYH658" s="613"/>
      <c r="FYI658" s="613"/>
      <c r="FYJ658" s="613"/>
      <c r="FYK658" s="613"/>
      <c r="FYL658" s="613"/>
      <c r="FYM658" s="613"/>
      <c r="FYN658" s="613"/>
      <c r="FYO658" s="613"/>
      <c r="FYP658" s="613"/>
      <c r="FYQ658" s="613"/>
      <c r="FYR658" s="613"/>
      <c r="FYS658" s="613"/>
      <c r="FYT658" s="613"/>
      <c r="FYU658" s="613"/>
      <c r="FYV658" s="613"/>
      <c r="FYW658" s="613"/>
      <c r="FYX658" s="613"/>
      <c r="FYY658" s="613"/>
      <c r="FYZ658" s="613"/>
      <c r="FZA658" s="613"/>
      <c r="FZB658" s="613"/>
      <c r="FZC658" s="613"/>
      <c r="FZD658" s="613"/>
      <c r="FZE658" s="613"/>
      <c r="FZF658" s="613"/>
      <c r="FZG658" s="613"/>
      <c r="FZH658" s="613"/>
      <c r="FZI658" s="613"/>
      <c r="FZJ658" s="613"/>
      <c r="FZK658" s="613"/>
      <c r="FZL658" s="613"/>
      <c r="FZM658" s="613"/>
      <c r="FZN658" s="613"/>
      <c r="FZO658" s="613"/>
      <c r="FZP658" s="613"/>
      <c r="FZQ658" s="613"/>
      <c r="FZR658" s="613"/>
      <c r="FZS658" s="613"/>
      <c r="FZT658" s="613"/>
      <c r="FZU658" s="613"/>
      <c r="FZV658" s="613"/>
      <c r="FZW658" s="613"/>
      <c r="FZX658" s="613"/>
      <c r="FZY658" s="613"/>
      <c r="FZZ658" s="613"/>
      <c r="GAA658" s="613"/>
      <c r="GAB658" s="613"/>
      <c r="GAC658" s="613"/>
      <c r="GAD658" s="613"/>
      <c r="GAE658" s="613"/>
      <c r="GAF658" s="613"/>
      <c r="GAG658" s="613"/>
      <c r="GAH658" s="613"/>
      <c r="GAI658" s="613"/>
      <c r="GAJ658" s="613"/>
      <c r="GAK658" s="613"/>
      <c r="GAL658" s="613"/>
      <c r="GAM658" s="613"/>
      <c r="GAN658" s="613"/>
      <c r="GAO658" s="613"/>
      <c r="GAP658" s="613"/>
      <c r="GAQ658" s="613"/>
      <c r="GAR658" s="613"/>
      <c r="GAS658" s="613"/>
      <c r="GAT658" s="613"/>
      <c r="GAU658" s="613"/>
      <c r="GAV658" s="613"/>
      <c r="GAW658" s="613"/>
      <c r="GAX658" s="613"/>
      <c r="GAY658" s="613"/>
      <c r="GAZ658" s="613"/>
      <c r="GBA658" s="613"/>
      <c r="GBB658" s="613"/>
      <c r="GBC658" s="613"/>
      <c r="GBD658" s="613"/>
      <c r="GBE658" s="613"/>
      <c r="GBF658" s="613"/>
      <c r="GBG658" s="613"/>
      <c r="GBH658" s="613"/>
      <c r="GBI658" s="613"/>
      <c r="GBJ658" s="613"/>
      <c r="GBK658" s="613"/>
      <c r="GBL658" s="613"/>
      <c r="GBM658" s="613"/>
      <c r="GBN658" s="613"/>
      <c r="GBO658" s="613"/>
      <c r="GBP658" s="613"/>
      <c r="GBQ658" s="613"/>
      <c r="GBR658" s="613"/>
      <c r="GBS658" s="613"/>
      <c r="GBT658" s="613"/>
      <c r="GBU658" s="613"/>
      <c r="GBV658" s="613"/>
      <c r="GBW658" s="613"/>
      <c r="GBX658" s="613"/>
      <c r="GBY658" s="613"/>
      <c r="GBZ658" s="613"/>
      <c r="GCA658" s="613"/>
      <c r="GCB658" s="613"/>
      <c r="GCC658" s="613"/>
      <c r="GCD658" s="613"/>
      <c r="GCE658" s="613"/>
      <c r="GCF658" s="613"/>
      <c r="GCG658" s="613"/>
      <c r="GCH658" s="613"/>
      <c r="GCI658" s="613"/>
      <c r="GCJ658" s="613"/>
      <c r="GCK658" s="613"/>
      <c r="GCL658" s="613"/>
      <c r="GCM658" s="613"/>
      <c r="GCN658" s="613"/>
      <c r="GCO658" s="613"/>
      <c r="GCP658" s="613"/>
      <c r="GCQ658" s="613"/>
      <c r="GCR658" s="613"/>
      <c r="GCS658" s="613"/>
      <c r="GCT658" s="613"/>
      <c r="GCU658" s="613"/>
      <c r="GCV658" s="613"/>
      <c r="GCW658" s="613"/>
      <c r="GCX658" s="613"/>
      <c r="GCY658" s="613"/>
      <c r="GCZ658" s="613"/>
      <c r="GDA658" s="613"/>
      <c r="GDB658" s="613"/>
      <c r="GDC658" s="613"/>
      <c r="GDD658" s="613"/>
      <c r="GDE658" s="613"/>
      <c r="GDF658" s="613"/>
      <c r="GDG658" s="613"/>
      <c r="GDH658" s="613"/>
      <c r="GDI658" s="613"/>
      <c r="GDJ658" s="613"/>
      <c r="GDK658" s="613"/>
      <c r="GDL658" s="613"/>
      <c r="GDM658" s="613"/>
      <c r="GDN658" s="613"/>
      <c r="GDO658" s="613"/>
      <c r="GDP658" s="613"/>
      <c r="GDQ658" s="613"/>
      <c r="GDR658" s="613"/>
      <c r="GDS658" s="613"/>
      <c r="GDT658" s="613"/>
      <c r="GDU658" s="613"/>
      <c r="GDV658" s="613"/>
      <c r="GDW658" s="613"/>
      <c r="GDX658" s="613"/>
      <c r="GDY658" s="613"/>
      <c r="GDZ658" s="613"/>
      <c r="GEA658" s="613"/>
      <c r="GEB658" s="613"/>
      <c r="GEC658" s="613"/>
      <c r="GED658" s="613"/>
      <c r="GEE658" s="613"/>
      <c r="GEF658" s="613"/>
      <c r="GEG658" s="613"/>
      <c r="GEH658" s="613"/>
      <c r="GEI658" s="613"/>
      <c r="GEJ658" s="613"/>
      <c r="GEK658" s="613"/>
      <c r="GEL658" s="613"/>
      <c r="GEM658" s="613"/>
      <c r="GEN658" s="613"/>
      <c r="GEO658" s="613"/>
      <c r="GEP658" s="613"/>
      <c r="GEQ658" s="613"/>
      <c r="GER658" s="613"/>
      <c r="GES658" s="613"/>
      <c r="GET658" s="613"/>
      <c r="GEU658" s="613"/>
      <c r="GEV658" s="613"/>
      <c r="GEW658" s="613"/>
      <c r="GEX658" s="613"/>
      <c r="GEY658" s="613"/>
      <c r="GEZ658" s="613"/>
      <c r="GFA658" s="613"/>
      <c r="GFB658" s="613"/>
      <c r="GFC658" s="613"/>
      <c r="GFD658" s="613"/>
      <c r="GFE658" s="613"/>
      <c r="GFF658" s="613"/>
      <c r="GFG658" s="613"/>
      <c r="GFH658" s="613"/>
      <c r="GFI658" s="613"/>
      <c r="GFJ658" s="613"/>
      <c r="GFK658" s="613"/>
      <c r="GFL658" s="613"/>
      <c r="GFM658" s="613"/>
      <c r="GFN658" s="613"/>
      <c r="GFO658" s="613"/>
      <c r="GFP658" s="613"/>
      <c r="GFQ658" s="613"/>
      <c r="GFR658" s="613"/>
      <c r="GFS658" s="613"/>
      <c r="GFT658" s="613"/>
      <c r="GFU658" s="613"/>
      <c r="GFV658" s="613"/>
      <c r="GFW658" s="613"/>
      <c r="GFX658" s="613"/>
      <c r="GFY658" s="613"/>
      <c r="GFZ658" s="613"/>
      <c r="GGA658" s="613"/>
      <c r="GGB658" s="613"/>
      <c r="GGC658" s="613"/>
      <c r="GGD658" s="613"/>
      <c r="GGE658" s="613"/>
      <c r="GGF658" s="613"/>
      <c r="GGG658" s="613"/>
      <c r="GGH658" s="613"/>
      <c r="GGI658" s="613"/>
      <c r="GGJ658" s="613"/>
      <c r="GGK658" s="613"/>
      <c r="GGL658" s="613"/>
      <c r="GGM658" s="613"/>
      <c r="GGN658" s="613"/>
      <c r="GGO658" s="613"/>
      <c r="GGP658" s="613"/>
      <c r="GGQ658" s="613"/>
      <c r="GGR658" s="613"/>
      <c r="GGS658" s="613"/>
      <c r="GGT658" s="613"/>
      <c r="GGU658" s="613"/>
      <c r="GGV658" s="613"/>
      <c r="GGW658" s="613"/>
      <c r="GGX658" s="613"/>
      <c r="GGY658" s="613"/>
      <c r="GGZ658" s="613"/>
      <c r="GHA658" s="613"/>
      <c r="GHB658" s="613"/>
      <c r="GHC658" s="613"/>
      <c r="GHD658" s="613"/>
      <c r="GHE658" s="613"/>
      <c r="GHF658" s="613"/>
      <c r="GHG658" s="613"/>
      <c r="GHH658" s="613"/>
      <c r="GHI658" s="613"/>
      <c r="GHJ658" s="613"/>
      <c r="GHK658" s="613"/>
      <c r="GHL658" s="613"/>
      <c r="GHM658" s="613"/>
      <c r="GHN658" s="613"/>
      <c r="GHO658" s="613"/>
      <c r="GHP658" s="613"/>
      <c r="GHQ658" s="613"/>
      <c r="GHR658" s="613"/>
      <c r="GHS658" s="613"/>
      <c r="GHT658" s="613"/>
      <c r="GHU658" s="613"/>
      <c r="GHV658" s="613"/>
      <c r="GHW658" s="613"/>
      <c r="GHX658" s="613"/>
      <c r="GHY658" s="613"/>
      <c r="GHZ658" s="613"/>
      <c r="GIA658" s="613"/>
      <c r="GIB658" s="613"/>
      <c r="GIC658" s="613"/>
      <c r="GID658" s="613"/>
      <c r="GIE658" s="613"/>
      <c r="GIF658" s="613"/>
      <c r="GIG658" s="613"/>
      <c r="GIH658" s="613"/>
      <c r="GII658" s="613"/>
      <c r="GIJ658" s="613"/>
      <c r="GIK658" s="613"/>
      <c r="GIL658" s="613"/>
      <c r="GIM658" s="613"/>
      <c r="GIN658" s="613"/>
      <c r="GIO658" s="613"/>
      <c r="GIP658" s="613"/>
      <c r="GIQ658" s="613"/>
      <c r="GIR658" s="613"/>
      <c r="GIS658" s="613"/>
      <c r="GIT658" s="613"/>
      <c r="GIU658" s="613"/>
      <c r="GIV658" s="613"/>
      <c r="GIW658" s="613"/>
      <c r="GIX658" s="613"/>
      <c r="GIY658" s="613"/>
      <c r="GIZ658" s="613"/>
      <c r="GJA658" s="613"/>
      <c r="GJB658" s="613"/>
      <c r="GJC658" s="613"/>
      <c r="GJD658" s="613"/>
      <c r="GJE658" s="613"/>
      <c r="GJF658" s="613"/>
      <c r="GJG658" s="613"/>
      <c r="GJH658" s="613"/>
      <c r="GJI658" s="613"/>
      <c r="GJJ658" s="613"/>
      <c r="GJK658" s="613"/>
      <c r="GJL658" s="613"/>
      <c r="GJM658" s="613"/>
      <c r="GJN658" s="613"/>
      <c r="GJO658" s="613"/>
      <c r="GJP658" s="613"/>
      <c r="GJQ658" s="613"/>
      <c r="GJR658" s="613"/>
      <c r="GJS658" s="613"/>
      <c r="GJT658" s="613"/>
      <c r="GJU658" s="613"/>
      <c r="GJV658" s="613"/>
      <c r="GJW658" s="613"/>
      <c r="GJX658" s="613"/>
      <c r="GJY658" s="613"/>
      <c r="GJZ658" s="613"/>
      <c r="GKA658" s="613"/>
      <c r="GKB658" s="613"/>
      <c r="GKC658" s="613"/>
      <c r="GKD658" s="613"/>
      <c r="GKE658" s="613"/>
      <c r="GKF658" s="613"/>
      <c r="GKG658" s="613"/>
      <c r="GKH658" s="613"/>
      <c r="GKI658" s="613"/>
      <c r="GKJ658" s="613"/>
      <c r="GKK658" s="613"/>
      <c r="GKL658" s="613"/>
      <c r="GKM658" s="613"/>
      <c r="GKN658" s="613"/>
      <c r="GKO658" s="613"/>
      <c r="GKP658" s="613"/>
      <c r="GKQ658" s="613"/>
      <c r="GKR658" s="613"/>
      <c r="GKS658" s="613"/>
      <c r="GKT658" s="613"/>
      <c r="GKU658" s="613"/>
      <c r="GKV658" s="613"/>
      <c r="GKW658" s="613"/>
      <c r="GKX658" s="613"/>
      <c r="GKY658" s="613"/>
      <c r="GKZ658" s="613"/>
      <c r="GLA658" s="613"/>
      <c r="GLB658" s="613"/>
      <c r="GLC658" s="613"/>
      <c r="GLD658" s="613"/>
      <c r="GLE658" s="613"/>
      <c r="GLF658" s="613"/>
      <c r="GLG658" s="613"/>
      <c r="GLH658" s="613"/>
      <c r="GLI658" s="613"/>
      <c r="GLJ658" s="613"/>
      <c r="GLK658" s="613"/>
      <c r="GLL658" s="613"/>
      <c r="GLM658" s="613"/>
      <c r="GLN658" s="613"/>
      <c r="GLO658" s="613"/>
      <c r="GLP658" s="613"/>
      <c r="GLQ658" s="613"/>
      <c r="GLR658" s="613"/>
      <c r="GLS658" s="613"/>
      <c r="GLT658" s="613"/>
      <c r="GLU658" s="613"/>
      <c r="GLV658" s="613"/>
      <c r="GLW658" s="613"/>
      <c r="GLX658" s="613"/>
      <c r="GLY658" s="613"/>
      <c r="GLZ658" s="613"/>
      <c r="GMA658" s="613"/>
      <c r="GMB658" s="613"/>
      <c r="GMC658" s="613"/>
      <c r="GMD658" s="613"/>
      <c r="GME658" s="613"/>
      <c r="GMF658" s="613"/>
      <c r="GMG658" s="613"/>
      <c r="GMH658" s="613"/>
      <c r="GMI658" s="613"/>
      <c r="GMJ658" s="613"/>
      <c r="GMK658" s="613"/>
      <c r="GML658" s="613"/>
      <c r="GMM658" s="613"/>
      <c r="GMN658" s="613"/>
      <c r="GMO658" s="613"/>
      <c r="GMP658" s="613"/>
      <c r="GMQ658" s="613"/>
      <c r="GMR658" s="613"/>
      <c r="GMS658" s="613"/>
      <c r="GMT658" s="613"/>
      <c r="GMU658" s="613"/>
      <c r="GMV658" s="613"/>
      <c r="GMW658" s="613"/>
      <c r="GMX658" s="613"/>
      <c r="GMY658" s="613"/>
      <c r="GMZ658" s="613"/>
      <c r="GNA658" s="613"/>
      <c r="GNB658" s="613"/>
      <c r="GNC658" s="613"/>
      <c r="GND658" s="613"/>
      <c r="GNE658" s="613"/>
      <c r="GNF658" s="613"/>
      <c r="GNG658" s="613"/>
      <c r="GNH658" s="613"/>
      <c r="GNI658" s="613"/>
      <c r="GNJ658" s="613"/>
      <c r="GNK658" s="613"/>
      <c r="GNL658" s="613"/>
      <c r="GNM658" s="613"/>
      <c r="GNN658" s="613"/>
      <c r="GNO658" s="613"/>
      <c r="GNP658" s="613"/>
      <c r="GNQ658" s="613"/>
      <c r="GNR658" s="613"/>
      <c r="GNS658" s="613"/>
      <c r="GNT658" s="613"/>
      <c r="GNU658" s="613"/>
      <c r="GNV658" s="613"/>
      <c r="GNW658" s="613"/>
      <c r="GNX658" s="613"/>
      <c r="GNY658" s="613"/>
      <c r="GNZ658" s="613"/>
      <c r="GOA658" s="613"/>
      <c r="GOB658" s="613"/>
      <c r="GOC658" s="613"/>
      <c r="GOD658" s="613"/>
      <c r="GOE658" s="613"/>
      <c r="GOF658" s="613"/>
      <c r="GOG658" s="613"/>
      <c r="GOH658" s="613"/>
      <c r="GOI658" s="613"/>
      <c r="GOJ658" s="613"/>
      <c r="GOK658" s="613"/>
      <c r="GOL658" s="613"/>
      <c r="GOM658" s="613"/>
      <c r="GON658" s="613"/>
      <c r="GOO658" s="613"/>
      <c r="GOP658" s="613"/>
      <c r="GOQ658" s="613"/>
      <c r="GOR658" s="613"/>
      <c r="GOS658" s="613"/>
      <c r="GOT658" s="613"/>
      <c r="GOU658" s="613"/>
      <c r="GOV658" s="613"/>
      <c r="GOW658" s="613"/>
      <c r="GOX658" s="613"/>
      <c r="GOY658" s="613"/>
      <c r="GOZ658" s="613"/>
      <c r="GPA658" s="613"/>
      <c r="GPB658" s="613"/>
      <c r="GPC658" s="613"/>
      <c r="GPD658" s="613"/>
      <c r="GPE658" s="613"/>
      <c r="GPF658" s="613"/>
      <c r="GPG658" s="613"/>
      <c r="GPH658" s="613"/>
      <c r="GPI658" s="613"/>
      <c r="GPJ658" s="613"/>
      <c r="GPK658" s="613"/>
      <c r="GPL658" s="613"/>
      <c r="GPM658" s="613"/>
      <c r="GPN658" s="613"/>
      <c r="GPO658" s="613"/>
      <c r="GPP658" s="613"/>
      <c r="GPQ658" s="613"/>
      <c r="GPR658" s="613"/>
      <c r="GPS658" s="613"/>
      <c r="GPT658" s="613"/>
      <c r="GPU658" s="613"/>
      <c r="GPV658" s="613"/>
      <c r="GPW658" s="613"/>
      <c r="GPX658" s="613"/>
      <c r="GPY658" s="613"/>
      <c r="GPZ658" s="613"/>
      <c r="GQA658" s="613"/>
      <c r="GQB658" s="613"/>
      <c r="GQC658" s="613"/>
      <c r="GQD658" s="613"/>
      <c r="GQE658" s="613"/>
      <c r="GQF658" s="613"/>
      <c r="GQG658" s="613"/>
      <c r="GQH658" s="613"/>
      <c r="GQI658" s="613"/>
      <c r="GQJ658" s="613"/>
      <c r="GQK658" s="613"/>
      <c r="GQL658" s="613"/>
      <c r="GQM658" s="613"/>
      <c r="GQN658" s="613"/>
      <c r="GQO658" s="613"/>
      <c r="GQP658" s="613"/>
      <c r="GQQ658" s="613"/>
      <c r="GQR658" s="613"/>
      <c r="GQS658" s="613"/>
      <c r="GQT658" s="613"/>
      <c r="GQU658" s="613"/>
      <c r="GQV658" s="613"/>
      <c r="GQW658" s="613"/>
      <c r="GQX658" s="613"/>
      <c r="GQY658" s="613"/>
      <c r="GQZ658" s="613"/>
      <c r="GRA658" s="613"/>
      <c r="GRB658" s="613"/>
      <c r="GRC658" s="613"/>
      <c r="GRD658" s="613"/>
      <c r="GRE658" s="613"/>
      <c r="GRF658" s="613"/>
      <c r="GRG658" s="613"/>
      <c r="GRH658" s="613"/>
      <c r="GRI658" s="613"/>
      <c r="GRJ658" s="613"/>
      <c r="GRK658" s="613"/>
      <c r="GRL658" s="613"/>
      <c r="GRM658" s="613"/>
      <c r="GRN658" s="613"/>
      <c r="GRO658" s="613"/>
      <c r="GRP658" s="613"/>
      <c r="GRQ658" s="613"/>
      <c r="GRR658" s="613"/>
      <c r="GRS658" s="613"/>
      <c r="GRT658" s="613"/>
      <c r="GRU658" s="613"/>
      <c r="GRV658" s="613"/>
      <c r="GRW658" s="613"/>
      <c r="GRX658" s="613"/>
      <c r="GRY658" s="613"/>
      <c r="GRZ658" s="613"/>
      <c r="GSA658" s="613"/>
      <c r="GSB658" s="613"/>
      <c r="GSC658" s="613"/>
      <c r="GSD658" s="613"/>
      <c r="GSE658" s="613"/>
      <c r="GSF658" s="613"/>
      <c r="GSG658" s="613"/>
      <c r="GSH658" s="613"/>
      <c r="GSI658" s="613"/>
      <c r="GSJ658" s="613"/>
      <c r="GSK658" s="613"/>
      <c r="GSL658" s="613"/>
      <c r="GSM658" s="613"/>
      <c r="GSN658" s="613"/>
      <c r="GSO658" s="613"/>
      <c r="GSP658" s="613"/>
      <c r="GSQ658" s="613"/>
      <c r="GSR658" s="613"/>
      <c r="GSS658" s="613"/>
      <c r="GST658" s="613"/>
      <c r="GSU658" s="613"/>
      <c r="GSV658" s="613"/>
      <c r="GSW658" s="613"/>
      <c r="GSX658" s="613"/>
      <c r="GSY658" s="613"/>
      <c r="GSZ658" s="613"/>
      <c r="GTA658" s="613"/>
      <c r="GTB658" s="613"/>
      <c r="GTC658" s="613"/>
      <c r="GTD658" s="613"/>
      <c r="GTE658" s="613"/>
      <c r="GTF658" s="613"/>
      <c r="GTG658" s="613"/>
      <c r="GTH658" s="613"/>
      <c r="GTI658" s="613"/>
      <c r="GTJ658" s="613"/>
      <c r="GTK658" s="613"/>
      <c r="GTL658" s="613"/>
      <c r="GTM658" s="613"/>
      <c r="GTN658" s="613"/>
      <c r="GTO658" s="613"/>
      <c r="GTP658" s="613"/>
      <c r="GTQ658" s="613"/>
      <c r="GTR658" s="613"/>
      <c r="GTS658" s="613"/>
      <c r="GTT658" s="613"/>
      <c r="GTU658" s="613"/>
      <c r="GTV658" s="613"/>
      <c r="GTW658" s="613"/>
      <c r="GTX658" s="613"/>
      <c r="GTY658" s="613"/>
      <c r="GTZ658" s="613"/>
      <c r="GUA658" s="613"/>
      <c r="GUB658" s="613"/>
      <c r="GUC658" s="613"/>
      <c r="GUD658" s="613"/>
      <c r="GUE658" s="613"/>
      <c r="GUF658" s="613"/>
      <c r="GUG658" s="613"/>
      <c r="GUH658" s="613"/>
      <c r="GUI658" s="613"/>
      <c r="GUJ658" s="613"/>
      <c r="GUK658" s="613"/>
      <c r="GUL658" s="613"/>
      <c r="GUM658" s="613"/>
      <c r="GUN658" s="613"/>
      <c r="GUO658" s="613"/>
      <c r="GUP658" s="613"/>
      <c r="GUQ658" s="613"/>
      <c r="GUR658" s="613"/>
      <c r="GUS658" s="613"/>
      <c r="GUT658" s="613"/>
      <c r="GUU658" s="613"/>
      <c r="GUV658" s="613"/>
      <c r="GUW658" s="613"/>
      <c r="GUX658" s="613"/>
      <c r="GUY658" s="613"/>
      <c r="GUZ658" s="613"/>
      <c r="GVA658" s="613"/>
      <c r="GVB658" s="613"/>
      <c r="GVC658" s="613"/>
      <c r="GVD658" s="613"/>
      <c r="GVE658" s="613"/>
      <c r="GVF658" s="613"/>
      <c r="GVG658" s="613"/>
      <c r="GVH658" s="613"/>
      <c r="GVI658" s="613"/>
      <c r="GVJ658" s="613"/>
      <c r="GVK658" s="613"/>
      <c r="GVL658" s="613"/>
      <c r="GVM658" s="613"/>
      <c r="GVN658" s="613"/>
      <c r="GVO658" s="613"/>
      <c r="GVP658" s="613"/>
      <c r="GVQ658" s="613"/>
      <c r="GVR658" s="613"/>
      <c r="GVS658" s="613"/>
      <c r="GVT658" s="613"/>
      <c r="GVU658" s="613"/>
      <c r="GVV658" s="613"/>
      <c r="GVW658" s="613"/>
      <c r="GVX658" s="613"/>
      <c r="GVY658" s="613"/>
      <c r="GVZ658" s="613"/>
      <c r="GWA658" s="613"/>
      <c r="GWB658" s="613"/>
      <c r="GWC658" s="613"/>
      <c r="GWD658" s="613"/>
      <c r="GWE658" s="613"/>
      <c r="GWF658" s="613"/>
      <c r="GWG658" s="613"/>
      <c r="GWH658" s="613"/>
      <c r="GWI658" s="613"/>
      <c r="GWJ658" s="613"/>
      <c r="GWK658" s="613"/>
      <c r="GWL658" s="613"/>
      <c r="GWM658" s="613"/>
      <c r="GWN658" s="613"/>
      <c r="GWO658" s="613"/>
      <c r="GWP658" s="613"/>
      <c r="GWQ658" s="613"/>
      <c r="GWR658" s="613"/>
      <c r="GWS658" s="613"/>
      <c r="GWT658" s="613"/>
      <c r="GWU658" s="613"/>
      <c r="GWV658" s="613"/>
      <c r="GWW658" s="613"/>
      <c r="GWX658" s="613"/>
      <c r="GWY658" s="613"/>
      <c r="GWZ658" s="613"/>
      <c r="GXA658" s="613"/>
      <c r="GXB658" s="613"/>
      <c r="GXC658" s="613"/>
      <c r="GXD658" s="613"/>
      <c r="GXE658" s="613"/>
      <c r="GXF658" s="613"/>
      <c r="GXG658" s="613"/>
      <c r="GXH658" s="613"/>
      <c r="GXI658" s="613"/>
      <c r="GXJ658" s="613"/>
      <c r="GXK658" s="613"/>
      <c r="GXL658" s="613"/>
      <c r="GXM658" s="613"/>
      <c r="GXN658" s="613"/>
      <c r="GXO658" s="613"/>
      <c r="GXP658" s="613"/>
      <c r="GXQ658" s="613"/>
      <c r="GXR658" s="613"/>
      <c r="GXS658" s="613"/>
      <c r="GXT658" s="613"/>
      <c r="GXU658" s="613"/>
      <c r="GXV658" s="613"/>
      <c r="GXW658" s="613"/>
      <c r="GXX658" s="613"/>
      <c r="GXY658" s="613"/>
      <c r="GXZ658" s="613"/>
      <c r="GYA658" s="613"/>
      <c r="GYB658" s="613"/>
      <c r="GYC658" s="613"/>
      <c r="GYD658" s="613"/>
      <c r="GYE658" s="613"/>
      <c r="GYF658" s="613"/>
      <c r="GYG658" s="613"/>
      <c r="GYH658" s="613"/>
      <c r="GYI658" s="613"/>
      <c r="GYJ658" s="613"/>
      <c r="GYK658" s="613"/>
      <c r="GYL658" s="613"/>
      <c r="GYM658" s="613"/>
      <c r="GYN658" s="613"/>
      <c r="GYO658" s="613"/>
      <c r="GYP658" s="613"/>
      <c r="GYQ658" s="613"/>
      <c r="GYR658" s="613"/>
      <c r="GYS658" s="613"/>
      <c r="GYT658" s="613"/>
      <c r="GYU658" s="613"/>
      <c r="GYV658" s="613"/>
      <c r="GYW658" s="613"/>
      <c r="GYX658" s="613"/>
      <c r="GYY658" s="613"/>
      <c r="GYZ658" s="613"/>
      <c r="GZA658" s="613"/>
      <c r="GZB658" s="613"/>
      <c r="GZC658" s="613"/>
      <c r="GZD658" s="613"/>
      <c r="GZE658" s="613"/>
      <c r="GZF658" s="613"/>
      <c r="GZG658" s="613"/>
      <c r="GZH658" s="613"/>
      <c r="GZI658" s="613"/>
      <c r="GZJ658" s="613"/>
      <c r="GZK658" s="613"/>
      <c r="GZL658" s="613"/>
      <c r="GZM658" s="613"/>
      <c r="GZN658" s="613"/>
      <c r="GZO658" s="613"/>
      <c r="GZP658" s="613"/>
      <c r="GZQ658" s="613"/>
      <c r="GZR658" s="613"/>
      <c r="GZS658" s="613"/>
      <c r="GZT658" s="613"/>
      <c r="GZU658" s="613"/>
      <c r="GZV658" s="613"/>
      <c r="GZW658" s="613"/>
      <c r="GZX658" s="613"/>
      <c r="GZY658" s="613"/>
      <c r="GZZ658" s="613"/>
      <c r="HAA658" s="613"/>
      <c r="HAB658" s="613"/>
      <c r="HAC658" s="613"/>
      <c r="HAD658" s="613"/>
      <c r="HAE658" s="613"/>
      <c r="HAF658" s="613"/>
      <c r="HAG658" s="613"/>
      <c r="HAH658" s="613"/>
      <c r="HAI658" s="613"/>
      <c r="HAJ658" s="613"/>
      <c r="HAK658" s="613"/>
      <c r="HAL658" s="613"/>
      <c r="HAM658" s="613"/>
      <c r="HAN658" s="613"/>
      <c r="HAO658" s="613"/>
      <c r="HAP658" s="613"/>
      <c r="HAQ658" s="613"/>
      <c r="HAR658" s="613"/>
      <c r="HAS658" s="613"/>
      <c r="HAT658" s="613"/>
      <c r="HAU658" s="613"/>
      <c r="HAV658" s="613"/>
      <c r="HAW658" s="613"/>
      <c r="HAX658" s="613"/>
      <c r="HAY658" s="613"/>
      <c r="HAZ658" s="613"/>
      <c r="HBA658" s="613"/>
      <c r="HBB658" s="613"/>
      <c r="HBC658" s="613"/>
      <c r="HBD658" s="613"/>
      <c r="HBE658" s="613"/>
      <c r="HBF658" s="613"/>
      <c r="HBG658" s="613"/>
      <c r="HBH658" s="613"/>
      <c r="HBI658" s="613"/>
      <c r="HBJ658" s="613"/>
      <c r="HBK658" s="613"/>
      <c r="HBL658" s="613"/>
      <c r="HBM658" s="613"/>
      <c r="HBN658" s="613"/>
      <c r="HBO658" s="613"/>
      <c r="HBP658" s="613"/>
      <c r="HBQ658" s="613"/>
      <c r="HBR658" s="613"/>
      <c r="HBS658" s="613"/>
      <c r="HBT658" s="613"/>
      <c r="HBU658" s="613"/>
      <c r="HBV658" s="613"/>
      <c r="HBW658" s="613"/>
      <c r="HBX658" s="613"/>
      <c r="HBY658" s="613"/>
      <c r="HBZ658" s="613"/>
      <c r="HCA658" s="613"/>
      <c r="HCB658" s="613"/>
      <c r="HCC658" s="613"/>
      <c r="HCD658" s="613"/>
      <c r="HCE658" s="613"/>
      <c r="HCF658" s="613"/>
      <c r="HCG658" s="613"/>
      <c r="HCH658" s="613"/>
      <c r="HCI658" s="613"/>
      <c r="HCJ658" s="613"/>
      <c r="HCK658" s="613"/>
      <c r="HCL658" s="613"/>
      <c r="HCM658" s="613"/>
      <c r="HCN658" s="613"/>
      <c r="HCO658" s="613"/>
      <c r="HCP658" s="613"/>
      <c r="HCQ658" s="613"/>
      <c r="HCR658" s="613"/>
      <c r="HCS658" s="613"/>
      <c r="HCT658" s="613"/>
      <c r="HCU658" s="613"/>
      <c r="HCV658" s="613"/>
      <c r="HCW658" s="613"/>
      <c r="HCX658" s="613"/>
      <c r="HCY658" s="613"/>
      <c r="HCZ658" s="613"/>
      <c r="HDA658" s="613"/>
      <c r="HDB658" s="613"/>
      <c r="HDC658" s="613"/>
      <c r="HDD658" s="613"/>
      <c r="HDE658" s="613"/>
      <c r="HDF658" s="613"/>
      <c r="HDG658" s="613"/>
      <c r="HDH658" s="613"/>
      <c r="HDI658" s="613"/>
      <c r="HDJ658" s="613"/>
      <c r="HDK658" s="613"/>
      <c r="HDL658" s="613"/>
      <c r="HDM658" s="613"/>
      <c r="HDN658" s="613"/>
      <c r="HDO658" s="613"/>
      <c r="HDP658" s="613"/>
      <c r="HDQ658" s="613"/>
      <c r="HDR658" s="613"/>
      <c r="HDS658" s="613"/>
      <c r="HDT658" s="613"/>
      <c r="HDU658" s="613"/>
      <c r="HDV658" s="613"/>
      <c r="HDW658" s="613"/>
      <c r="HDX658" s="613"/>
      <c r="HDY658" s="613"/>
      <c r="HDZ658" s="613"/>
      <c r="HEA658" s="613"/>
      <c r="HEB658" s="613"/>
      <c r="HEC658" s="613"/>
      <c r="HED658" s="613"/>
      <c r="HEE658" s="613"/>
      <c r="HEF658" s="613"/>
      <c r="HEG658" s="613"/>
      <c r="HEH658" s="613"/>
      <c r="HEI658" s="613"/>
      <c r="HEJ658" s="613"/>
      <c r="HEK658" s="613"/>
      <c r="HEL658" s="613"/>
      <c r="HEM658" s="613"/>
      <c r="HEN658" s="613"/>
      <c r="HEO658" s="613"/>
      <c r="HEP658" s="613"/>
      <c r="HEQ658" s="613"/>
      <c r="HER658" s="613"/>
      <c r="HES658" s="613"/>
      <c r="HET658" s="613"/>
      <c r="HEU658" s="613"/>
      <c r="HEV658" s="613"/>
      <c r="HEW658" s="613"/>
      <c r="HEX658" s="613"/>
      <c r="HEY658" s="613"/>
      <c r="HEZ658" s="613"/>
      <c r="HFA658" s="613"/>
      <c r="HFB658" s="613"/>
      <c r="HFC658" s="613"/>
      <c r="HFD658" s="613"/>
      <c r="HFE658" s="613"/>
      <c r="HFF658" s="613"/>
      <c r="HFG658" s="613"/>
      <c r="HFH658" s="613"/>
      <c r="HFI658" s="613"/>
      <c r="HFJ658" s="613"/>
      <c r="HFK658" s="613"/>
      <c r="HFL658" s="613"/>
      <c r="HFM658" s="613"/>
      <c r="HFN658" s="613"/>
      <c r="HFO658" s="613"/>
      <c r="HFP658" s="613"/>
      <c r="HFQ658" s="613"/>
      <c r="HFR658" s="613"/>
      <c r="HFS658" s="613"/>
      <c r="HFT658" s="613"/>
      <c r="HFU658" s="613"/>
      <c r="HFV658" s="613"/>
      <c r="HFW658" s="613"/>
      <c r="HFX658" s="613"/>
      <c r="HFY658" s="613"/>
      <c r="HFZ658" s="613"/>
      <c r="HGA658" s="613"/>
      <c r="HGB658" s="613"/>
      <c r="HGC658" s="613"/>
      <c r="HGD658" s="613"/>
      <c r="HGE658" s="613"/>
      <c r="HGF658" s="613"/>
      <c r="HGG658" s="613"/>
      <c r="HGH658" s="613"/>
      <c r="HGI658" s="613"/>
      <c r="HGJ658" s="613"/>
      <c r="HGK658" s="613"/>
      <c r="HGL658" s="613"/>
      <c r="HGM658" s="613"/>
      <c r="HGN658" s="613"/>
      <c r="HGO658" s="613"/>
      <c r="HGP658" s="613"/>
      <c r="HGQ658" s="613"/>
      <c r="HGR658" s="613"/>
      <c r="HGS658" s="613"/>
      <c r="HGT658" s="613"/>
      <c r="HGU658" s="613"/>
      <c r="HGV658" s="613"/>
      <c r="HGW658" s="613"/>
      <c r="HGX658" s="613"/>
      <c r="HGY658" s="613"/>
      <c r="HGZ658" s="613"/>
      <c r="HHA658" s="613"/>
      <c r="HHB658" s="613"/>
      <c r="HHC658" s="613"/>
      <c r="HHD658" s="613"/>
      <c r="HHE658" s="613"/>
      <c r="HHF658" s="613"/>
      <c r="HHG658" s="613"/>
      <c r="HHH658" s="613"/>
      <c r="HHI658" s="613"/>
      <c r="HHJ658" s="613"/>
      <c r="HHK658" s="613"/>
      <c r="HHL658" s="613"/>
      <c r="HHM658" s="613"/>
      <c r="HHN658" s="613"/>
      <c r="HHO658" s="613"/>
      <c r="HHP658" s="613"/>
      <c r="HHQ658" s="613"/>
      <c r="HHR658" s="613"/>
      <c r="HHS658" s="613"/>
      <c r="HHT658" s="613"/>
      <c r="HHU658" s="613"/>
      <c r="HHV658" s="613"/>
      <c r="HHW658" s="613"/>
      <c r="HHX658" s="613"/>
      <c r="HHY658" s="613"/>
      <c r="HHZ658" s="613"/>
      <c r="HIA658" s="613"/>
      <c r="HIB658" s="613"/>
      <c r="HIC658" s="613"/>
      <c r="HID658" s="613"/>
      <c r="HIE658" s="613"/>
      <c r="HIF658" s="613"/>
      <c r="HIG658" s="613"/>
      <c r="HIH658" s="613"/>
      <c r="HII658" s="613"/>
      <c r="HIJ658" s="613"/>
      <c r="HIK658" s="613"/>
      <c r="HIL658" s="613"/>
      <c r="HIM658" s="613"/>
      <c r="HIN658" s="613"/>
      <c r="HIO658" s="613"/>
      <c r="HIP658" s="613"/>
      <c r="HIQ658" s="613"/>
      <c r="HIR658" s="613"/>
      <c r="HIS658" s="613"/>
      <c r="HIT658" s="613"/>
      <c r="HIU658" s="613"/>
      <c r="HIV658" s="613"/>
      <c r="HIW658" s="613"/>
      <c r="HIX658" s="613"/>
      <c r="HIY658" s="613"/>
      <c r="HIZ658" s="613"/>
      <c r="HJA658" s="613"/>
      <c r="HJB658" s="613"/>
      <c r="HJC658" s="613"/>
      <c r="HJD658" s="613"/>
      <c r="HJE658" s="613"/>
      <c r="HJF658" s="613"/>
      <c r="HJG658" s="613"/>
      <c r="HJH658" s="613"/>
      <c r="HJI658" s="613"/>
      <c r="HJJ658" s="613"/>
      <c r="HJK658" s="613"/>
      <c r="HJL658" s="613"/>
      <c r="HJM658" s="613"/>
      <c r="HJN658" s="613"/>
      <c r="HJO658" s="613"/>
      <c r="HJP658" s="613"/>
      <c r="HJQ658" s="613"/>
      <c r="HJR658" s="613"/>
      <c r="HJS658" s="613"/>
      <c r="HJT658" s="613"/>
      <c r="HJU658" s="613"/>
      <c r="HJV658" s="613"/>
      <c r="HJW658" s="613"/>
      <c r="HJX658" s="613"/>
      <c r="HJY658" s="613"/>
      <c r="HJZ658" s="613"/>
      <c r="HKA658" s="613"/>
      <c r="HKB658" s="613"/>
      <c r="HKC658" s="613"/>
      <c r="HKD658" s="613"/>
      <c r="HKE658" s="613"/>
      <c r="HKF658" s="613"/>
      <c r="HKG658" s="613"/>
      <c r="HKH658" s="613"/>
      <c r="HKI658" s="613"/>
      <c r="HKJ658" s="613"/>
      <c r="HKK658" s="613"/>
      <c r="HKL658" s="613"/>
      <c r="HKM658" s="613"/>
      <c r="HKN658" s="613"/>
      <c r="HKO658" s="613"/>
      <c r="HKP658" s="613"/>
      <c r="HKQ658" s="613"/>
      <c r="HKR658" s="613"/>
      <c r="HKS658" s="613"/>
      <c r="HKT658" s="613"/>
      <c r="HKU658" s="613"/>
      <c r="HKV658" s="613"/>
      <c r="HKW658" s="613"/>
      <c r="HKX658" s="613"/>
      <c r="HKY658" s="613"/>
      <c r="HKZ658" s="613"/>
      <c r="HLA658" s="613"/>
      <c r="HLB658" s="613"/>
      <c r="HLC658" s="613"/>
      <c r="HLD658" s="613"/>
      <c r="HLE658" s="613"/>
      <c r="HLF658" s="613"/>
      <c r="HLG658" s="613"/>
      <c r="HLH658" s="613"/>
      <c r="HLI658" s="613"/>
      <c r="HLJ658" s="613"/>
      <c r="HLK658" s="613"/>
      <c r="HLL658" s="613"/>
      <c r="HLM658" s="613"/>
      <c r="HLN658" s="613"/>
      <c r="HLO658" s="613"/>
      <c r="HLP658" s="613"/>
      <c r="HLQ658" s="613"/>
      <c r="HLR658" s="613"/>
      <c r="HLS658" s="613"/>
      <c r="HLT658" s="613"/>
      <c r="HLU658" s="613"/>
      <c r="HLV658" s="613"/>
      <c r="HLW658" s="613"/>
      <c r="HLX658" s="613"/>
      <c r="HLY658" s="613"/>
      <c r="HLZ658" s="613"/>
      <c r="HMA658" s="613"/>
      <c r="HMB658" s="613"/>
      <c r="HMC658" s="613"/>
      <c r="HMD658" s="613"/>
      <c r="HME658" s="613"/>
      <c r="HMF658" s="613"/>
      <c r="HMG658" s="613"/>
      <c r="HMH658" s="613"/>
      <c r="HMI658" s="613"/>
      <c r="HMJ658" s="613"/>
      <c r="HMK658" s="613"/>
      <c r="HML658" s="613"/>
      <c r="HMM658" s="613"/>
      <c r="HMN658" s="613"/>
      <c r="HMO658" s="613"/>
      <c r="HMP658" s="613"/>
      <c r="HMQ658" s="613"/>
      <c r="HMR658" s="613"/>
      <c r="HMS658" s="613"/>
      <c r="HMT658" s="613"/>
      <c r="HMU658" s="613"/>
      <c r="HMV658" s="613"/>
      <c r="HMW658" s="613"/>
      <c r="HMX658" s="613"/>
      <c r="HMY658" s="613"/>
      <c r="HMZ658" s="613"/>
      <c r="HNA658" s="613"/>
      <c r="HNB658" s="613"/>
      <c r="HNC658" s="613"/>
      <c r="HND658" s="613"/>
      <c r="HNE658" s="613"/>
      <c r="HNF658" s="613"/>
      <c r="HNG658" s="613"/>
      <c r="HNH658" s="613"/>
      <c r="HNI658" s="613"/>
      <c r="HNJ658" s="613"/>
      <c r="HNK658" s="613"/>
      <c r="HNL658" s="613"/>
      <c r="HNM658" s="613"/>
      <c r="HNN658" s="613"/>
      <c r="HNO658" s="613"/>
      <c r="HNP658" s="613"/>
      <c r="HNQ658" s="613"/>
      <c r="HNR658" s="613"/>
      <c r="HNS658" s="613"/>
      <c r="HNT658" s="613"/>
      <c r="HNU658" s="613"/>
      <c r="HNV658" s="613"/>
      <c r="HNW658" s="613"/>
      <c r="HNX658" s="613"/>
      <c r="HNY658" s="613"/>
      <c r="HNZ658" s="613"/>
      <c r="HOA658" s="613"/>
      <c r="HOB658" s="613"/>
      <c r="HOC658" s="613"/>
      <c r="HOD658" s="613"/>
      <c r="HOE658" s="613"/>
      <c r="HOF658" s="613"/>
      <c r="HOG658" s="613"/>
      <c r="HOH658" s="613"/>
      <c r="HOI658" s="613"/>
      <c r="HOJ658" s="613"/>
      <c r="HOK658" s="613"/>
      <c r="HOL658" s="613"/>
      <c r="HOM658" s="613"/>
      <c r="HON658" s="613"/>
      <c r="HOO658" s="613"/>
      <c r="HOP658" s="613"/>
      <c r="HOQ658" s="613"/>
      <c r="HOR658" s="613"/>
      <c r="HOS658" s="613"/>
      <c r="HOT658" s="613"/>
      <c r="HOU658" s="613"/>
      <c r="HOV658" s="613"/>
      <c r="HOW658" s="613"/>
      <c r="HOX658" s="613"/>
      <c r="HOY658" s="613"/>
      <c r="HOZ658" s="613"/>
      <c r="HPA658" s="613"/>
      <c r="HPB658" s="613"/>
      <c r="HPC658" s="613"/>
      <c r="HPD658" s="613"/>
      <c r="HPE658" s="613"/>
      <c r="HPF658" s="613"/>
      <c r="HPG658" s="613"/>
      <c r="HPH658" s="613"/>
      <c r="HPI658" s="613"/>
      <c r="HPJ658" s="613"/>
      <c r="HPK658" s="613"/>
      <c r="HPL658" s="613"/>
      <c r="HPM658" s="613"/>
      <c r="HPN658" s="613"/>
      <c r="HPO658" s="613"/>
      <c r="HPP658" s="613"/>
      <c r="HPQ658" s="613"/>
      <c r="HPR658" s="613"/>
      <c r="HPS658" s="613"/>
      <c r="HPT658" s="613"/>
      <c r="HPU658" s="613"/>
      <c r="HPV658" s="613"/>
      <c r="HPW658" s="613"/>
      <c r="HPX658" s="613"/>
      <c r="HPY658" s="613"/>
      <c r="HPZ658" s="613"/>
      <c r="HQA658" s="613"/>
      <c r="HQB658" s="613"/>
      <c r="HQC658" s="613"/>
      <c r="HQD658" s="613"/>
      <c r="HQE658" s="613"/>
      <c r="HQF658" s="613"/>
      <c r="HQG658" s="613"/>
      <c r="HQH658" s="613"/>
      <c r="HQI658" s="613"/>
      <c r="HQJ658" s="613"/>
      <c r="HQK658" s="613"/>
      <c r="HQL658" s="613"/>
      <c r="HQM658" s="613"/>
      <c r="HQN658" s="613"/>
      <c r="HQO658" s="613"/>
      <c r="HQP658" s="613"/>
      <c r="HQQ658" s="613"/>
      <c r="HQR658" s="613"/>
      <c r="HQS658" s="613"/>
      <c r="HQT658" s="613"/>
      <c r="HQU658" s="613"/>
      <c r="HQV658" s="613"/>
      <c r="HQW658" s="613"/>
      <c r="HQX658" s="613"/>
      <c r="HQY658" s="613"/>
      <c r="HQZ658" s="613"/>
      <c r="HRA658" s="613"/>
      <c r="HRB658" s="613"/>
      <c r="HRC658" s="613"/>
      <c r="HRD658" s="613"/>
      <c r="HRE658" s="613"/>
      <c r="HRF658" s="613"/>
      <c r="HRG658" s="613"/>
      <c r="HRH658" s="613"/>
      <c r="HRI658" s="613"/>
      <c r="HRJ658" s="613"/>
      <c r="HRK658" s="613"/>
      <c r="HRL658" s="613"/>
      <c r="HRM658" s="613"/>
      <c r="HRN658" s="613"/>
      <c r="HRO658" s="613"/>
      <c r="HRP658" s="613"/>
      <c r="HRQ658" s="613"/>
      <c r="HRR658" s="613"/>
      <c r="HRS658" s="613"/>
      <c r="HRT658" s="613"/>
      <c r="HRU658" s="613"/>
      <c r="HRV658" s="613"/>
      <c r="HRW658" s="613"/>
      <c r="HRX658" s="613"/>
      <c r="HRY658" s="613"/>
      <c r="HRZ658" s="613"/>
      <c r="HSA658" s="613"/>
      <c r="HSB658" s="613"/>
      <c r="HSC658" s="613"/>
      <c r="HSD658" s="613"/>
      <c r="HSE658" s="613"/>
      <c r="HSF658" s="613"/>
      <c r="HSG658" s="613"/>
      <c r="HSH658" s="613"/>
      <c r="HSI658" s="613"/>
      <c r="HSJ658" s="613"/>
      <c r="HSK658" s="613"/>
      <c r="HSL658" s="613"/>
      <c r="HSM658" s="613"/>
      <c r="HSN658" s="613"/>
      <c r="HSO658" s="613"/>
      <c r="HSP658" s="613"/>
      <c r="HSQ658" s="613"/>
      <c r="HSR658" s="613"/>
      <c r="HSS658" s="613"/>
      <c r="HST658" s="613"/>
      <c r="HSU658" s="613"/>
      <c r="HSV658" s="613"/>
      <c r="HSW658" s="613"/>
      <c r="HSX658" s="613"/>
      <c r="HSY658" s="613"/>
      <c r="HSZ658" s="613"/>
      <c r="HTA658" s="613"/>
      <c r="HTB658" s="613"/>
      <c r="HTC658" s="613"/>
      <c r="HTD658" s="613"/>
      <c r="HTE658" s="613"/>
      <c r="HTF658" s="613"/>
      <c r="HTG658" s="613"/>
      <c r="HTH658" s="613"/>
      <c r="HTI658" s="613"/>
      <c r="HTJ658" s="613"/>
      <c r="HTK658" s="613"/>
      <c r="HTL658" s="613"/>
      <c r="HTM658" s="613"/>
      <c r="HTN658" s="613"/>
      <c r="HTO658" s="613"/>
      <c r="HTP658" s="613"/>
      <c r="HTQ658" s="613"/>
      <c r="HTR658" s="613"/>
      <c r="HTS658" s="613"/>
      <c r="HTT658" s="613"/>
      <c r="HTU658" s="613"/>
      <c r="HTV658" s="613"/>
      <c r="HTW658" s="613"/>
      <c r="HTX658" s="613"/>
      <c r="HTY658" s="613"/>
      <c r="HTZ658" s="613"/>
      <c r="HUA658" s="613"/>
      <c r="HUB658" s="613"/>
      <c r="HUC658" s="613"/>
      <c r="HUD658" s="613"/>
      <c r="HUE658" s="613"/>
      <c r="HUF658" s="613"/>
      <c r="HUG658" s="613"/>
      <c r="HUH658" s="613"/>
      <c r="HUI658" s="613"/>
      <c r="HUJ658" s="613"/>
      <c r="HUK658" s="613"/>
      <c r="HUL658" s="613"/>
      <c r="HUM658" s="613"/>
      <c r="HUN658" s="613"/>
      <c r="HUO658" s="613"/>
      <c r="HUP658" s="613"/>
      <c r="HUQ658" s="613"/>
      <c r="HUR658" s="613"/>
      <c r="HUS658" s="613"/>
      <c r="HUT658" s="613"/>
      <c r="HUU658" s="613"/>
      <c r="HUV658" s="613"/>
      <c r="HUW658" s="613"/>
      <c r="HUX658" s="613"/>
      <c r="HUY658" s="613"/>
      <c r="HUZ658" s="613"/>
      <c r="HVA658" s="613"/>
      <c r="HVB658" s="613"/>
      <c r="HVC658" s="613"/>
      <c r="HVD658" s="613"/>
      <c r="HVE658" s="613"/>
      <c r="HVF658" s="613"/>
      <c r="HVG658" s="613"/>
      <c r="HVH658" s="613"/>
      <c r="HVI658" s="613"/>
      <c r="HVJ658" s="613"/>
      <c r="HVK658" s="613"/>
      <c r="HVL658" s="613"/>
      <c r="HVM658" s="613"/>
      <c r="HVN658" s="613"/>
      <c r="HVO658" s="613"/>
      <c r="HVP658" s="613"/>
      <c r="HVQ658" s="613"/>
      <c r="HVR658" s="613"/>
      <c r="HVS658" s="613"/>
      <c r="HVT658" s="613"/>
      <c r="HVU658" s="613"/>
      <c r="HVV658" s="613"/>
      <c r="HVW658" s="613"/>
      <c r="HVX658" s="613"/>
      <c r="HVY658" s="613"/>
      <c r="HVZ658" s="613"/>
      <c r="HWA658" s="613"/>
      <c r="HWB658" s="613"/>
      <c r="HWC658" s="613"/>
      <c r="HWD658" s="613"/>
      <c r="HWE658" s="613"/>
      <c r="HWF658" s="613"/>
      <c r="HWG658" s="613"/>
      <c r="HWH658" s="613"/>
      <c r="HWI658" s="613"/>
      <c r="HWJ658" s="613"/>
      <c r="HWK658" s="613"/>
      <c r="HWL658" s="613"/>
      <c r="HWM658" s="613"/>
      <c r="HWN658" s="613"/>
      <c r="HWO658" s="613"/>
      <c r="HWP658" s="613"/>
      <c r="HWQ658" s="613"/>
      <c r="HWR658" s="613"/>
      <c r="HWS658" s="613"/>
      <c r="HWT658" s="613"/>
      <c r="HWU658" s="613"/>
      <c r="HWV658" s="613"/>
      <c r="HWW658" s="613"/>
      <c r="HWX658" s="613"/>
      <c r="HWY658" s="613"/>
      <c r="HWZ658" s="613"/>
      <c r="HXA658" s="613"/>
      <c r="HXB658" s="613"/>
      <c r="HXC658" s="613"/>
      <c r="HXD658" s="613"/>
      <c r="HXE658" s="613"/>
      <c r="HXF658" s="613"/>
      <c r="HXG658" s="613"/>
      <c r="HXH658" s="613"/>
      <c r="HXI658" s="613"/>
      <c r="HXJ658" s="613"/>
      <c r="HXK658" s="613"/>
      <c r="HXL658" s="613"/>
      <c r="HXM658" s="613"/>
      <c r="HXN658" s="613"/>
      <c r="HXO658" s="613"/>
      <c r="HXP658" s="613"/>
      <c r="HXQ658" s="613"/>
      <c r="HXR658" s="613"/>
      <c r="HXS658" s="613"/>
      <c r="HXT658" s="613"/>
      <c r="HXU658" s="613"/>
      <c r="HXV658" s="613"/>
      <c r="HXW658" s="613"/>
      <c r="HXX658" s="613"/>
      <c r="HXY658" s="613"/>
      <c r="HXZ658" s="613"/>
      <c r="HYA658" s="613"/>
      <c r="HYB658" s="613"/>
      <c r="HYC658" s="613"/>
      <c r="HYD658" s="613"/>
      <c r="HYE658" s="613"/>
      <c r="HYF658" s="613"/>
      <c r="HYG658" s="613"/>
      <c r="HYH658" s="613"/>
      <c r="HYI658" s="613"/>
      <c r="HYJ658" s="613"/>
      <c r="HYK658" s="613"/>
      <c r="HYL658" s="613"/>
      <c r="HYM658" s="613"/>
      <c r="HYN658" s="613"/>
      <c r="HYO658" s="613"/>
      <c r="HYP658" s="613"/>
      <c r="HYQ658" s="613"/>
      <c r="HYR658" s="613"/>
      <c r="HYS658" s="613"/>
      <c r="HYT658" s="613"/>
      <c r="HYU658" s="613"/>
      <c r="HYV658" s="613"/>
      <c r="HYW658" s="613"/>
      <c r="HYX658" s="613"/>
      <c r="HYY658" s="613"/>
      <c r="HYZ658" s="613"/>
      <c r="HZA658" s="613"/>
      <c r="HZB658" s="613"/>
      <c r="HZC658" s="613"/>
      <c r="HZD658" s="613"/>
      <c r="HZE658" s="613"/>
      <c r="HZF658" s="613"/>
      <c r="HZG658" s="613"/>
      <c r="HZH658" s="613"/>
      <c r="HZI658" s="613"/>
      <c r="HZJ658" s="613"/>
      <c r="HZK658" s="613"/>
      <c r="HZL658" s="613"/>
      <c r="HZM658" s="613"/>
      <c r="HZN658" s="613"/>
      <c r="HZO658" s="613"/>
      <c r="HZP658" s="613"/>
      <c r="HZQ658" s="613"/>
      <c r="HZR658" s="613"/>
      <c r="HZS658" s="613"/>
      <c r="HZT658" s="613"/>
      <c r="HZU658" s="613"/>
      <c r="HZV658" s="613"/>
      <c r="HZW658" s="613"/>
      <c r="HZX658" s="613"/>
      <c r="HZY658" s="613"/>
      <c r="HZZ658" s="613"/>
      <c r="IAA658" s="613"/>
      <c r="IAB658" s="613"/>
      <c r="IAC658" s="613"/>
      <c r="IAD658" s="613"/>
      <c r="IAE658" s="613"/>
      <c r="IAF658" s="613"/>
      <c r="IAG658" s="613"/>
      <c r="IAH658" s="613"/>
      <c r="IAI658" s="613"/>
      <c r="IAJ658" s="613"/>
      <c r="IAK658" s="613"/>
      <c r="IAL658" s="613"/>
      <c r="IAM658" s="613"/>
      <c r="IAN658" s="613"/>
      <c r="IAO658" s="613"/>
      <c r="IAP658" s="613"/>
      <c r="IAQ658" s="613"/>
      <c r="IAR658" s="613"/>
      <c r="IAS658" s="613"/>
      <c r="IAT658" s="613"/>
      <c r="IAU658" s="613"/>
      <c r="IAV658" s="613"/>
      <c r="IAW658" s="613"/>
      <c r="IAX658" s="613"/>
      <c r="IAY658" s="613"/>
      <c r="IAZ658" s="613"/>
      <c r="IBA658" s="613"/>
      <c r="IBB658" s="613"/>
      <c r="IBC658" s="613"/>
      <c r="IBD658" s="613"/>
      <c r="IBE658" s="613"/>
      <c r="IBF658" s="613"/>
      <c r="IBG658" s="613"/>
      <c r="IBH658" s="613"/>
      <c r="IBI658" s="613"/>
      <c r="IBJ658" s="613"/>
      <c r="IBK658" s="613"/>
      <c r="IBL658" s="613"/>
      <c r="IBM658" s="613"/>
      <c r="IBN658" s="613"/>
      <c r="IBO658" s="613"/>
      <c r="IBP658" s="613"/>
      <c r="IBQ658" s="613"/>
      <c r="IBR658" s="613"/>
      <c r="IBS658" s="613"/>
      <c r="IBT658" s="613"/>
      <c r="IBU658" s="613"/>
      <c r="IBV658" s="613"/>
      <c r="IBW658" s="613"/>
      <c r="IBX658" s="613"/>
      <c r="IBY658" s="613"/>
      <c r="IBZ658" s="613"/>
      <c r="ICA658" s="613"/>
      <c r="ICB658" s="613"/>
      <c r="ICC658" s="613"/>
      <c r="ICD658" s="613"/>
      <c r="ICE658" s="613"/>
      <c r="ICF658" s="613"/>
      <c r="ICG658" s="613"/>
      <c r="ICH658" s="613"/>
      <c r="ICI658" s="613"/>
      <c r="ICJ658" s="613"/>
      <c r="ICK658" s="613"/>
      <c r="ICL658" s="613"/>
      <c r="ICM658" s="613"/>
      <c r="ICN658" s="613"/>
      <c r="ICO658" s="613"/>
      <c r="ICP658" s="613"/>
      <c r="ICQ658" s="613"/>
      <c r="ICR658" s="613"/>
      <c r="ICS658" s="613"/>
      <c r="ICT658" s="613"/>
      <c r="ICU658" s="613"/>
      <c r="ICV658" s="613"/>
      <c r="ICW658" s="613"/>
      <c r="ICX658" s="613"/>
      <c r="ICY658" s="613"/>
      <c r="ICZ658" s="613"/>
      <c r="IDA658" s="613"/>
      <c r="IDB658" s="613"/>
      <c r="IDC658" s="613"/>
      <c r="IDD658" s="613"/>
      <c r="IDE658" s="613"/>
      <c r="IDF658" s="613"/>
      <c r="IDG658" s="613"/>
      <c r="IDH658" s="613"/>
      <c r="IDI658" s="613"/>
      <c r="IDJ658" s="613"/>
      <c r="IDK658" s="613"/>
      <c r="IDL658" s="613"/>
      <c r="IDM658" s="613"/>
      <c r="IDN658" s="613"/>
      <c r="IDO658" s="613"/>
      <c r="IDP658" s="613"/>
      <c r="IDQ658" s="613"/>
      <c r="IDR658" s="613"/>
      <c r="IDS658" s="613"/>
      <c r="IDT658" s="613"/>
      <c r="IDU658" s="613"/>
      <c r="IDV658" s="613"/>
      <c r="IDW658" s="613"/>
      <c r="IDX658" s="613"/>
      <c r="IDY658" s="613"/>
      <c r="IDZ658" s="613"/>
      <c r="IEA658" s="613"/>
      <c r="IEB658" s="613"/>
      <c r="IEC658" s="613"/>
      <c r="IED658" s="613"/>
      <c r="IEE658" s="613"/>
      <c r="IEF658" s="613"/>
      <c r="IEG658" s="613"/>
      <c r="IEH658" s="613"/>
      <c r="IEI658" s="613"/>
      <c r="IEJ658" s="613"/>
      <c r="IEK658" s="613"/>
      <c r="IEL658" s="613"/>
      <c r="IEM658" s="613"/>
      <c r="IEN658" s="613"/>
      <c r="IEO658" s="613"/>
      <c r="IEP658" s="613"/>
      <c r="IEQ658" s="613"/>
      <c r="IER658" s="613"/>
      <c r="IES658" s="613"/>
      <c r="IET658" s="613"/>
      <c r="IEU658" s="613"/>
      <c r="IEV658" s="613"/>
      <c r="IEW658" s="613"/>
      <c r="IEX658" s="613"/>
      <c r="IEY658" s="613"/>
      <c r="IEZ658" s="613"/>
      <c r="IFA658" s="613"/>
      <c r="IFB658" s="613"/>
      <c r="IFC658" s="613"/>
      <c r="IFD658" s="613"/>
      <c r="IFE658" s="613"/>
      <c r="IFF658" s="613"/>
      <c r="IFG658" s="613"/>
      <c r="IFH658" s="613"/>
      <c r="IFI658" s="613"/>
      <c r="IFJ658" s="613"/>
      <c r="IFK658" s="613"/>
      <c r="IFL658" s="613"/>
      <c r="IFM658" s="613"/>
      <c r="IFN658" s="613"/>
      <c r="IFO658" s="613"/>
      <c r="IFP658" s="613"/>
      <c r="IFQ658" s="613"/>
      <c r="IFR658" s="613"/>
      <c r="IFS658" s="613"/>
      <c r="IFT658" s="613"/>
      <c r="IFU658" s="613"/>
      <c r="IFV658" s="613"/>
      <c r="IFW658" s="613"/>
      <c r="IFX658" s="613"/>
      <c r="IFY658" s="613"/>
      <c r="IFZ658" s="613"/>
      <c r="IGA658" s="613"/>
      <c r="IGB658" s="613"/>
      <c r="IGC658" s="613"/>
      <c r="IGD658" s="613"/>
      <c r="IGE658" s="613"/>
      <c r="IGF658" s="613"/>
      <c r="IGG658" s="613"/>
      <c r="IGH658" s="613"/>
      <c r="IGI658" s="613"/>
      <c r="IGJ658" s="613"/>
      <c r="IGK658" s="613"/>
      <c r="IGL658" s="613"/>
      <c r="IGM658" s="613"/>
      <c r="IGN658" s="613"/>
      <c r="IGO658" s="613"/>
      <c r="IGP658" s="613"/>
      <c r="IGQ658" s="613"/>
      <c r="IGR658" s="613"/>
      <c r="IGS658" s="613"/>
      <c r="IGT658" s="613"/>
      <c r="IGU658" s="613"/>
      <c r="IGV658" s="613"/>
      <c r="IGW658" s="613"/>
      <c r="IGX658" s="613"/>
      <c r="IGY658" s="613"/>
      <c r="IGZ658" s="613"/>
      <c r="IHA658" s="613"/>
      <c r="IHB658" s="613"/>
      <c r="IHC658" s="613"/>
      <c r="IHD658" s="613"/>
      <c r="IHE658" s="613"/>
      <c r="IHF658" s="613"/>
      <c r="IHG658" s="613"/>
      <c r="IHH658" s="613"/>
      <c r="IHI658" s="613"/>
      <c r="IHJ658" s="613"/>
      <c r="IHK658" s="613"/>
      <c r="IHL658" s="613"/>
      <c r="IHM658" s="613"/>
      <c r="IHN658" s="613"/>
      <c r="IHO658" s="613"/>
      <c r="IHP658" s="613"/>
      <c r="IHQ658" s="613"/>
      <c r="IHR658" s="613"/>
      <c r="IHS658" s="613"/>
      <c r="IHT658" s="613"/>
      <c r="IHU658" s="613"/>
      <c r="IHV658" s="613"/>
      <c r="IHW658" s="613"/>
      <c r="IHX658" s="613"/>
      <c r="IHY658" s="613"/>
      <c r="IHZ658" s="613"/>
      <c r="IIA658" s="613"/>
      <c r="IIB658" s="613"/>
      <c r="IIC658" s="613"/>
      <c r="IID658" s="613"/>
      <c r="IIE658" s="613"/>
      <c r="IIF658" s="613"/>
      <c r="IIG658" s="613"/>
      <c r="IIH658" s="613"/>
      <c r="III658" s="613"/>
      <c r="IIJ658" s="613"/>
      <c r="IIK658" s="613"/>
      <c r="IIL658" s="613"/>
      <c r="IIM658" s="613"/>
      <c r="IIN658" s="613"/>
      <c r="IIO658" s="613"/>
      <c r="IIP658" s="613"/>
      <c r="IIQ658" s="613"/>
      <c r="IIR658" s="613"/>
      <c r="IIS658" s="613"/>
      <c r="IIT658" s="613"/>
      <c r="IIU658" s="613"/>
      <c r="IIV658" s="613"/>
      <c r="IIW658" s="613"/>
      <c r="IIX658" s="613"/>
      <c r="IIY658" s="613"/>
      <c r="IIZ658" s="613"/>
      <c r="IJA658" s="613"/>
      <c r="IJB658" s="613"/>
      <c r="IJC658" s="613"/>
      <c r="IJD658" s="613"/>
      <c r="IJE658" s="613"/>
      <c r="IJF658" s="613"/>
      <c r="IJG658" s="613"/>
      <c r="IJH658" s="613"/>
      <c r="IJI658" s="613"/>
      <c r="IJJ658" s="613"/>
      <c r="IJK658" s="613"/>
      <c r="IJL658" s="613"/>
      <c r="IJM658" s="613"/>
      <c r="IJN658" s="613"/>
      <c r="IJO658" s="613"/>
      <c r="IJP658" s="613"/>
      <c r="IJQ658" s="613"/>
      <c r="IJR658" s="613"/>
      <c r="IJS658" s="613"/>
      <c r="IJT658" s="613"/>
      <c r="IJU658" s="613"/>
      <c r="IJV658" s="613"/>
      <c r="IJW658" s="613"/>
      <c r="IJX658" s="613"/>
      <c r="IJY658" s="613"/>
      <c r="IJZ658" s="613"/>
      <c r="IKA658" s="613"/>
      <c r="IKB658" s="613"/>
      <c r="IKC658" s="613"/>
      <c r="IKD658" s="613"/>
      <c r="IKE658" s="613"/>
      <c r="IKF658" s="613"/>
      <c r="IKG658" s="613"/>
      <c r="IKH658" s="613"/>
      <c r="IKI658" s="613"/>
      <c r="IKJ658" s="613"/>
      <c r="IKK658" s="613"/>
      <c r="IKL658" s="613"/>
      <c r="IKM658" s="613"/>
      <c r="IKN658" s="613"/>
      <c r="IKO658" s="613"/>
      <c r="IKP658" s="613"/>
      <c r="IKQ658" s="613"/>
      <c r="IKR658" s="613"/>
      <c r="IKS658" s="613"/>
      <c r="IKT658" s="613"/>
      <c r="IKU658" s="613"/>
      <c r="IKV658" s="613"/>
      <c r="IKW658" s="613"/>
      <c r="IKX658" s="613"/>
      <c r="IKY658" s="613"/>
      <c r="IKZ658" s="613"/>
      <c r="ILA658" s="613"/>
      <c r="ILB658" s="613"/>
      <c r="ILC658" s="613"/>
      <c r="ILD658" s="613"/>
      <c r="ILE658" s="613"/>
      <c r="ILF658" s="613"/>
      <c r="ILG658" s="613"/>
      <c r="ILH658" s="613"/>
      <c r="ILI658" s="613"/>
      <c r="ILJ658" s="613"/>
      <c r="ILK658" s="613"/>
      <c r="ILL658" s="613"/>
      <c r="ILM658" s="613"/>
      <c r="ILN658" s="613"/>
      <c r="ILO658" s="613"/>
      <c r="ILP658" s="613"/>
      <c r="ILQ658" s="613"/>
      <c r="ILR658" s="613"/>
      <c r="ILS658" s="613"/>
      <c r="ILT658" s="613"/>
      <c r="ILU658" s="613"/>
      <c r="ILV658" s="613"/>
      <c r="ILW658" s="613"/>
      <c r="ILX658" s="613"/>
      <c r="ILY658" s="613"/>
      <c r="ILZ658" s="613"/>
      <c r="IMA658" s="613"/>
      <c r="IMB658" s="613"/>
      <c r="IMC658" s="613"/>
      <c r="IMD658" s="613"/>
      <c r="IME658" s="613"/>
      <c r="IMF658" s="613"/>
      <c r="IMG658" s="613"/>
      <c r="IMH658" s="613"/>
      <c r="IMI658" s="613"/>
      <c r="IMJ658" s="613"/>
      <c r="IMK658" s="613"/>
      <c r="IML658" s="613"/>
      <c r="IMM658" s="613"/>
      <c r="IMN658" s="613"/>
      <c r="IMO658" s="613"/>
      <c r="IMP658" s="613"/>
      <c r="IMQ658" s="613"/>
      <c r="IMR658" s="613"/>
      <c r="IMS658" s="613"/>
      <c r="IMT658" s="613"/>
      <c r="IMU658" s="613"/>
      <c r="IMV658" s="613"/>
      <c r="IMW658" s="613"/>
      <c r="IMX658" s="613"/>
      <c r="IMY658" s="613"/>
      <c r="IMZ658" s="613"/>
      <c r="INA658" s="613"/>
      <c r="INB658" s="613"/>
      <c r="INC658" s="613"/>
      <c r="IND658" s="613"/>
      <c r="INE658" s="613"/>
      <c r="INF658" s="613"/>
      <c r="ING658" s="613"/>
      <c r="INH658" s="613"/>
      <c r="INI658" s="613"/>
      <c r="INJ658" s="613"/>
      <c r="INK658" s="613"/>
      <c r="INL658" s="613"/>
      <c r="INM658" s="613"/>
      <c r="INN658" s="613"/>
      <c r="INO658" s="613"/>
      <c r="INP658" s="613"/>
      <c r="INQ658" s="613"/>
      <c r="INR658" s="613"/>
      <c r="INS658" s="613"/>
      <c r="INT658" s="613"/>
      <c r="INU658" s="613"/>
      <c r="INV658" s="613"/>
      <c r="INW658" s="613"/>
      <c r="INX658" s="613"/>
      <c r="INY658" s="613"/>
      <c r="INZ658" s="613"/>
      <c r="IOA658" s="613"/>
      <c r="IOB658" s="613"/>
      <c r="IOC658" s="613"/>
      <c r="IOD658" s="613"/>
      <c r="IOE658" s="613"/>
      <c r="IOF658" s="613"/>
      <c r="IOG658" s="613"/>
      <c r="IOH658" s="613"/>
      <c r="IOI658" s="613"/>
      <c r="IOJ658" s="613"/>
      <c r="IOK658" s="613"/>
      <c r="IOL658" s="613"/>
      <c r="IOM658" s="613"/>
      <c r="ION658" s="613"/>
      <c r="IOO658" s="613"/>
      <c r="IOP658" s="613"/>
      <c r="IOQ658" s="613"/>
      <c r="IOR658" s="613"/>
      <c r="IOS658" s="613"/>
      <c r="IOT658" s="613"/>
      <c r="IOU658" s="613"/>
      <c r="IOV658" s="613"/>
      <c r="IOW658" s="613"/>
      <c r="IOX658" s="613"/>
      <c r="IOY658" s="613"/>
      <c r="IOZ658" s="613"/>
      <c r="IPA658" s="613"/>
      <c r="IPB658" s="613"/>
      <c r="IPC658" s="613"/>
      <c r="IPD658" s="613"/>
      <c r="IPE658" s="613"/>
      <c r="IPF658" s="613"/>
      <c r="IPG658" s="613"/>
      <c r="IPH658" s="613"/>
      <c r="IPI658" s="613"/>
      <c r="IPJ658" s="613"/>
      <c r="IPK658" s="613"/>
      <c r="IPL658" s="613"/>
      <c r="IPM658" s="613"/>
      <c r="IPN658" s="613"/>
      <c r="IPO658" s="613"/>
      <c r="IPP658" s="613"/>
      <c r="IPQ658" s="613"/>
      <c r="IPR658" s="613"/>
      <c r="IPS658" s="613"/>
      <c r="IPT658" s="613"/>
      <c r="IPU658" s="613"/>
      <c r="IPV658" s="613"/>
      <c r="IPW658" s="613"/>
      <c r="IPX658" s="613"/>
      <c r="IPY658" s="613"/>
      <c r="IPZ658" s="613"/>
      <c r="IQA658" s="613"/>
      <c r="IQB658" s="613"/>
      <c r="IQC658" s="613"/>
      <c r="IQD658" s="613"/>
      <c r="IQE658" s="613"/>
      <c r="IQF658" s="613"/>
      <c r="IQG658" s="613"/>
      <c r="IQH658" s="613"/>
      <c r="IQI658" s="613"/>
      <c r="IQJ658" s="613"/>
      <c r="IQK658" s="613"/>
      <c r="IQL658" s="613"/>
      <c r="IQM658" s="613"/>
      <c r="IQN658" s="613"/>
      <c r="IQO658" s="613"/>
      <c r="IQP658" s="613"/>
      <c r="IQQ658" s="613"/>
      <c r="IQR658" s="613"/>
      <c r="IQS658" s="613"/>
      <c r="IQT658" s="613"/>
      <c r="IQU658" s="613"/>
      <c r="IQV658" s="613"/>
      <c r="IQW658" s="613"/>
      <c r="IQX658" s="613"/>
      <c r="IQY658" s="613"/>
      <c r="IQZ658" s="613"/>
      <c r="IRA658" s="613"/>
      <c r="IRB658" s="613"/>
      <c r="IRC658" s="613"/>
      <c r="IRD658" s="613"/>
      <c r="IRE658" s="613"/>
      <c r="IRF658" s="613"/>
      <c r="IRG658" s="613"/>
      <c r="IRH658" s="613"/>
      <c r="IRI658" s="613"/>
      <c r="IRJ658" s="613"/>
      <c r="IRK658" s="613"/>
      <c r="IRL658" s="613"/>
      <c r="IRM658" s="613"/>
      <c r="IRN658" s="613"/>
      <c r="IRO658" s="613"/>
      <c r="IRP658" s="613"/>
      <c r="IRQ658" s="613"/>
      <c r="IRR658" s="613"/>
      <c r="IRS658" s="613"/>
      <c r="IRT658" s="613"/>
      <c r="IRU658" s="613"/>
      <c r="IRV658" s="613"/>
      <c r="IRW658" s="613"/>
      <c r="IRX658" s="613"/>
      <c r="IRY658" s="613"/>
      <c r="IRZ658" s="613"/>
      <c r="ISA658" s="613"/>
      <c r="ISB658" s="613"/>
      <c r="ISC658" s="613"/>
      <c r="ISD658" s="613"/>
      <c r="ISE658" s="613"/>
      <c r="ISF658" s="613"/>
      <c r="ISG658" s="613"/>
      <c r="ISH658" s="613"/>
      <c r="ISI658" s="613"/>
      <c r="ISJ658" s="613"/>
      <c r="ISK658" s="613"/>
      <c r="ISL658" s="613"/>
      <c r="ISM658" s="613"/>
      <c r="ISN658" s="613"/>
      <c r="ISO658" s="613"/>
      <c r="ISP658" s="613"/>
      <c r="ISQ658" s="613"/>
      <c r="ISR658" s="613"/>
      <c r="ISS658" s="613"/>
      <c r="IST658" s="613"/>
      <c r="ISU658" s="613"/>
      <c r="ISV658" s="613"/>
      <c r="ISW658" s="613"/>
      <c r="ISX658" s="613"/>
      <c r="ISY658" s="613"/>
      <c r="ISZ658" s="613"/>
      <c r="ITA658" s="613"/>
      <c r="ITB658" s="613"/>
      <c r="ITC658" s="613"/>
      <c r="ITD658" s="613"/>
      <c r="ITE658" s="613"/>
      <c r="ITF658" s="613"/>
      <c r="ITG658" s="613"/>
      <c r="ITH658" s="613"/>
      <c r="ITI658" s="613"/>
      <c r="ITJ658" s="613"/>
      <c r="ITK658" s="613"/>
      <c r="ITL658" s="613"/>
      <c r="ITM658" s="613"/>
      <c r="ITN658" s="613"/>
      <c r="ITO658" s="613"/>
      <c r="ITP658" s="613"/>
      <c r="ITQ658" s="613"/>
      <c r="ITR658" s="613"/>
      <c r="ITS658" s="613"/>
      <c r="ITT658" s="613"/>
      <c r="ITU658" s="613"/>
      <c r="ITV658" s="613"/>
      <c r="ITW658" s="613"/>
      <c r="ITX658" s="613"/>
      <c r="ITY658" s="613"/>
      <c r="ITZ658" s="613"/>
      <c r="IUA658" s="613"/>
      <c r="IUB658" s="613"/>
      <c r="IUC658" s="613"/>
      <c r="IUD658" s="613"/>
      <c r="IUE658" s="613"/>
      <c r="IUF658" s="613"/>
      <c r="IUG658" s="613"/>
      <c r="IUH658" s="613"/>
      <c r="IUI658" s="613"/>
      <c r="IUJ658" s="613"/>
      <c r="IUK658" s="613"/>
      <c r="IUL658" s="613"/>
      <c r="IUM658" s="613"/>
      <c r="IUN658" s="613"/>
      <c r="IUO658" s="613"/>
      <c r="IUP658" s="613"/>
      <c r="IUQ658" s="613"/>
      <c r="IUR658" s="613"/>
      <c r="IUS658" s="613"/>
      <c r="IUT658" s="613"/>
      <c r="IUU658" s="613"/>
      <c r="IUV658" s="613"/>
      <c r="IUW658" s="613"/>
      <c r="IUX658" s="613"/>
      <c r="IUY658" s="613"/>
      <c r="IUZ658" s="613"/>
      <c r="IVA658" s="613"/>
      <c r="IVB658" s="613"/>
      <c r="IVC658" s="613"/>
      <c r="IVD658" s="613"/>
      <c r="IVE658" s="613"/>
      <c r="IVF658" s="613"/>
      <c r="IVG658" s="613"/>
      <c r="IVH658" s="613"/>
      <c r="IVI658" s="613"/>
      <c r="IVJ658" s="613"/>
      <c r="IVK658" s="613"/>
      <c r="IVL658" s="613"/>
      <c r="IVM658" s="613"/>
      <c r="IVN658" s="613"/>
      <c r="IVO658" s="613"/>
      <c r="IVP658" s="613"/>
      <c r="IVQ658" s="613"/>
      <c r="IVR658" s="613"/>
      <c r="IVS658" s="613"/>
      <c r="IVT658" s="613"/>
      <c r="IVU658" s="613"/>
      <c r="IVV658" s="613"/>
      <c r="IVW658" s="613"/>
      <c r="IVX658" s="613"/>
      <c r="IVY658" s="613"/>
      <c r="IVZ658" s="613"/>
      <c r="IWA658" s="613"/>
      <c r="IWB658" s="613"/>
      <c r="IWC658" s="613"/>
      <c r="IWD658" s="613"/>
      <c r="IWE658" s="613"/>
      <c r="IWF658" s="613"/>
      <c r="IWG658" s="613"/>
      <c r="IWH658" s="613"/>
      <c r="IWI658" s="613"/>
      <c r="IWJ658" s="613"/>
      <c r="IWK658" s="613"/>
      <c r="IWL658" s="613"/>
      <c r="IWM658" s="613"/>
      <c r="IWN658" s="613"/>
      <c r="IWO658" s="613"/>
      <c r="IWP658" s="613"/>
      <c r="IWQ658" s="613"/>
      <c r="IWR658" s="613"/>
      <c r="IWS658" s="613"/>
      <c r="IWT658" s="613"/>
      <c r="IWU658" s="613"/>
      <c r="IWV658" s="613"/>
      <c r="IWW658" s="613"/>
      <c r="IWX658" s="613"/>
      <c r="IWY658" s="613"/>
      <c r="IWZ658" s="613"/>
      <c r="IXA658" s="613"/>
      <c r="IXB658" s="613"/>
      <c r="IXC658" s="613"/>
      <c r="IXD658" s="613"/>
      <c r="IXE658" s="613"/>
      <c r="IXF658" s="613"/>
      <c r="IXG658" s="613"/>
      <c r="IXH658" s="613"/>
      <c r="IXI658" s="613"/>
      <c r="IXJ658" s="613"/>
      <c r="IXK658" s="613"/>
      <c r="IXL658" s="613"/>
      <c r="IXM658" s="613"/>
      <c r="IXN658" s="613"/>
      <c r="IXO658" s="613"/>
      <c r="IXP658" s="613"/>
      <c r="IXQ658" s="613"/>
      <c r="IXR658" s="613"/>
      <c r="IXS658" s="613"/>
      <c r="IXT658" s="613"/>
      <c r="IXU658" s="613"/>
      <c r="IXV658" s="613"/>
      <c r="IXW658" s="613"/>
      <c r="IXX658" s="613"/>
      <c r="IXY658" s="613"/>
      <c r="IXZ658" s="613"/>
      <c r="IYA658" s="613"/>
      <c r="IYB658" s="613"/>
      <c r="IYC658" s="613"/>
      <c r="IYD658" s="613"/>
      <c r="IYE658" s="613"/>
      <c r="IYF658" s="613"/>
      <c r="IYG658" s="613"/>
      <c r="IYH658" s="613"/>
      <c r="IYI658" s="613"/>
      <c r="IYJ658" s="613"/>
      <c r="IYK658" s="613"/>
      <c r="IYL658" s="613"/>
      <c r="IYM658" s="613"/>
      <c r="IYN658" s="613"/>
      <c r="IYO658" s="613"/>
      <c r="IYP658" s="613"/>
      <c r="IYQ658" s="613"/>
      <c r="IYR658" s="613"/>
      <c r="IYS658" s="613"/>
      <c r="IYT658" s="613"/>
      <c r="IYU658" s="613"/>
      <c r="IYV658" s="613"/>
      <c r="IYW658" s="613"/>
      <c r="IYX658" s="613"/>
      <c r="IYY658" s="613"/>
      <c r="IYZ658" s="613"/>
      <c r="IZA658" s="613"/>
      <c r="IZB658" s="613"/>
      <c r="IZC658" s="613"/>
      <c r="IZD658" s="613"/>
      <c r="IZE658" s="613"/>
      <c r="IZF658" s="613"/>
      <c r="IZG658" s="613"/>
      <c r="IZH658" s="613"/>
      <c r="IZI658" s="613"/>
      <c r="IZJ658" s="613"/>
      <c r="IZK658" s="613"/>
      <c r="IZL658" s="613"/>
      <c r="IZM658" s="613"/>
      <c r="IZN658" s="613"/>
      <c r="IZO658" s="613"/>
      <c r="IZP658" s="613"/>
      <c r="IZQ658" s="613"/>
      <c r="IZR658" s="613"/>
      <c r="IZS658" s="613"/>
      <c r="IZT658" s="613"/>
      <c r="IZU658" s="613"/>
      <c r="IZV658" s="613"/>
      <c r="IZW658" s="613"/>
      <c r="IZX658" s="613"/>
      <c r="IZY658" s="613"/>
      <c r="IZZ658" s="613"/>
      <c r="JAA658" s="613"/>
      <c r="JAB658" s="613"/>
      <c r="JAC658" s="613"/>
      <c r="JAD658" s="613"/>
      <c r="JAE658" s="613"/>
      <c r="JAF658" s="613"/>
      <c r="JAG658" s="613"/>
      <c r="JAH658" s="613"/>
      <c r="JAI658" s="613"/>
      <c r="JAJ658" s="613"/>
      <c r="JAK658" s="613"/>
      <c r="JAL658" s="613"/>
      <c r="JAM658" s="613"/>
      <c r="JAN658" s="613"/>
      <c r="JAO658" s="613"/>
      <c r="JAP658" s="613"/>
      <c r="JAQ658" s="613"/>
      <c r="JAR658" s="613"/>
      <c r="JAS658" s="613"/>
      <c r="JAT658" s="613"/>
      <c r="JAU658" s="613"/>
      <c r="JAV658" s="613"/>
      <c r="JAW658" s="613"/>
      <c r="JAX658" s="613"/>
      <c r="JAY658" s="613"/>
      <c r="JAZ658" s="613"/>
      <c r="JBA658" s="613"/>
      <c r="JBB658" s="613"/>
      <c r="JBC658" s="613"/>
      <c r="JBD658" s="613"/>
      <c r="JBE658" s="613"/>
      <c r="JBF658" s="613"/>
      <c r="JBG658" s="613"/>
      <c r="JBH658" s="613"/>
      <c r="JBI658" s="613"/>
      <c r="JBJ658" s="613"/>
      <c r="JBK658" s="613"/>
      <c r="JBL658" s="613"/>
      <c r="JBM658" s="613"/>
      <c r="JBN658" s="613"/>
      <c r="JBO658" s="613"/>
      <c r="JBP658" s="613"/>
      <c r="JBQ658" s="613"/>
      <c r="JBR658" s="613"/>
      <c r="JBS658" s="613"/>
      <c r="JBT658" s="613"/>
      <c r="JBU658" s="613"/>
      <c r="JBV658" s="613"/>
      <c r="JBW658" s="613"/>
      <c r="JBX658" s="613"/>
      <c r="JBY658" s="613"/>
      <c r="JBZ658" s="613"/>
      <c r="JCA658" s="613"/>
      <c r="JCB658" s="613"/>
      <c r="JCC658" s="613"/>
      <c r="JCD658" s="613"/>
      <c r="JCE658" s="613"/>
      <c r="JCF658" s="613"/>
      <c r="JCG658" s="613"/>
      <c r="JCH658" s="613"/>
      <c r="JCI658" s="613"/>
      <c r="JCJ658" s="613"/>
      <c r="JCK658" s="613"/>
      <c r="JCL658" s="613"/>
      <c r="JCM658" s="613"/>
      <c r="JCN658" s="613"/>
      <c r="JCO658" s="613"/>
      <c r="JCP658" s="613"/>
      <c r="JCQ658" s="613"/>
      <c r="JCR658" s="613"/>
      <c r="JCS658" s="613"/>
      <c r="JCT658" s="613"/>
      <c r="JCU658" s="613"/>
      <c r="JCV658" s="613"/>
      <c r="JCW658" s="613"/>
      <c r="JCX658" s="613"/>
      <c r="JCY658" s="613"/>
      <c r="JCZ658" s="613"/>
      <c r="JDA658" s="613"/>
      <c r="JDB658" s="613"/>
      <c r="JDC658" s="613"/>
      <c r="JDD658" s="613"/>
      <c r="JDE658" s="613"/>
      <c r="JDF658" s="613"/>
      <c r="JDG658" s="613"/>
      <c r="JDH658" s="613"/>
      <c r="JDI658" s="613"/>
      <c r="JDJ658" s="613"/>
      <c r="JDK658" s="613"/>
      <c r="JDL658" s="613"/>
      <c r="JDM658" s="613"/>
      <c r="JDN658" s="613"/>
      <c r="JDO658" s="613"/>
      <c r="JDP658" s="613"/>
      <c r="JDQ658" s="613"/>
      <c r="JDR658" s="613"/>
      <c r="JDS658" s="613"/>
      <c r="JDT658" s="613"/>
      <c r="JDU658" s="613"/>
      <c r="JDV658" s="613"/>
      <c r="JDW658" s="613"/>
      <c r="JDX658" s="613"/>
      <c r="JDY658" s="613"/>
      <c r="JDZ658" s="613"/>
      <c r="JEA658" s="613"/>
      <c r="JEB658" s="613"/>
      <c r="JEC658" s="613"/>
      <c r="JED658" s="613"/>
      <c r="JEE658" s="613"/>
      <c r="JEF658" s="613"/>
      <c r="JEG658" s="613"/>
      <c r="JEH658" s="613"/>
      <c r="JEI658" s="613"/>
      <c r="JEJ658" s="613"/>
      <c r="JEK658" s="613"/>
      <c r="JEL658" s="613"/>
      <c r="JEM658" s="613"/>
      <c r="JEN658" s="613"/>
      <c r="JEO658" s="613"/>
      <c r="JEP658" s="613"/>
      <c r="JEQ658" s="613"/>
      <c r="JER658" s="613"/>
      <c r="JES658" s="613"/>
      <c r="JET658" s="613"/>
      <c r="JEU658" s="613"/>
      <c r="JEV658" s="613"/>
      <c r="JEW658" s="613"/>
      <c r="JEX658" s="613"/>
      <c r="JEY658" s="613"/>
      <c r="JEZ658" s="613"/>
      <c r="JFA658" s="613"/>
      <c r="JFB658" s="613"/>
      <c r="JFC658" s="613"/>
      <c r="JFD658" s="613"/>
      <c r="JFE658" s="613"/>
      <c r="JFF658" s="613"/>
      <c r="JFG658" s="613"/>
      <c r="JFH658" s="613"/>
      <c r="JFI658" s="613"/>
      <c r="JFJ658" s="613"/>
      <c r="JFK658" s="613"/>
      <c r="JFL658" s="613"/>
      <c r="JFM658" s="613"/>
      <c r="JFN658" s="613"/>
      <c r="JFO658" s="613"/>
      <c r="JFP658" s="613"/>
      <c r="JFQ658" s="613"/>
      <c r="JFR658" s="613"/>
      <c r="JFS658" s="613"/>
      <c r="JFT658" s="613"/>
      <c r="JFU658" s="613"/>
      <c r="JFV658" s="613"/>
      <c r="JFW658" s="613"/>
      <c r="JFX658" s="613"/>
      <c r="JFY658" s="613"/>
      <c r="JFZ658" s="613"/>
      <c r="JGA658" s="613"/>
      <c r="JGB658" s="613"/>
      <c r="JGC658" s="613"/>
      <c r="JGD658" s="613"/>
      <c r="JGE658" s="613"/>
      <c r="JGF658" s="613"/>
      <c r="JGG658" s="613"/>
      <c r="JGH658" s="613"/>
      <c r="JGI658" s="613"/>
      <c r="JGJ658" s="613"/>
      <c r="JGK658" s="613"/>
      <c r="JGL658" s="613"/>
      <c r="JGM658" s="613"/>
      <c r="JGN658" s="613"/>
      <c r="JGO658" s="613"/>
      <c r="JGP658" s="613"/>
      <c r="JGQ658" s="613"/>
      <c r="JGR658" s="613"/>
      <c r="JGS658" s="613"/>
      <c r="JGT658" s="613"/>
      <c r="JGU658" s="613"/>
      <c r="JGV658" s="613"/>
      <c r="JGW658" s="613"/>
      <c r="JGX658" s="613"/>
      <c r="JGY658" s="613"/>
      <c r="JGZ658" s="613"/>
      <c r="JHA658" s="613"/>
      <c r="JHB658" s="613"/>
      <c r="JHC658" s="613"/>
      <c r="JHD658" s="613"/>
      <c r="JHE658" s="613"/>
      <c r="JHF658" s="613"/>
      <c r="JHG658" s="613"/>
      <c r="JHH658" s="613"/>
      <c r="JHI658" s="613"/>
      <c r="JHJ658" s="613"/>
      <c r="JHK658" s="613"/>
      <c r="JHL658" s="613"/>
      <c r="JHM658" s="613"/>
      <c r="JHN658" s="613"/>
      <c r="JHO658" s="613"/>
      <c r="JHP658" s="613"/>
      <c r="JHQ658" s="613"/>
      <c r="JHR658" s="613"/>
      <c r="JHS658" s="613"/>
      <c r="JHT658" s="613"/>
      <c r="JHU658" s="613"/>
      <c r="JHV658" s="613"/>
      <c r="JHW658" s="613"/>
      <c r="JHX658" s="613"/>
      <c r="JHY658" s="613"/>
      <c r="JHZ658" s="613"/>
      <c r="JIA658" s="613"/>
      <c r="JIB658" s="613"/>
      <c r="JIC658" s="613"/>
      <c r="JID658" s="613"/>
      <c r="JIE658" s="613"/>
      <c r="JIF658" s="613"/>
      <c r="JIG658" s="613"/>
      <c r="JIH658" s="613"/>
      <c r="JII658" s="613"/>
      <c r="JIJ658" s="613"/>
      <c r="JIK658" s="613"/>
      <c r="JIL658" s="613"/>
      <c r="JIM658" s="613"/>
      <c r="JIN658" s="613"/>
      <c r="JIO658" s="613"/>
      <c r="JIP658" s="613"/>
      <c r="JIQ658" s="613"/>
      <c r="JIR658" s="613"/>
      <c r="JIS658" s="613"/>
      <c r="JIT658" s="613"/>
      <c r="JIU658" s="613"/>
      <c r="JIV658" s="613"/>
      <c r="JIW658" s="613"/>
      <c r="JIX658" s="613"/>
      <c r="JIY658" s="613"/>
      <c r="JIZ658" s="613"/>
      <c r="JJA658" s="613"/>
      <c r="JJB658" s="613"/>
      <c r="JJC658" s="613"/>
      <c r="JJD658" s="613"/>
      <c r="JJE658" s="613"/>
      <c r="JJF658" s="613"/>
      <c r="JJG658" s="613"/>
      <c r="JJH658" s="613"/>
      <c r="JJI658" s="613"/>
      <c r="JJJ658" s="613"/>
      <c r="JJK658" s="613"/>
      <c r="JJL658" s="613"/>
      <c r="JJM658" s="613"/>
      <c r="JJN658" s="613"/>
      <c r="JJO658" s="613"/>
      <c r="JJP658" s="613"/>
      <c r="JJQ658" s="613"/>
      <c r="JJR658" s="613"/>
      <c r="JJS658" s="613"/>
      <c r="JJT658" s="613"/>
      <c r="JJU658" s="613"/>
      <c r="JJV658" s="613"/>
      <c r="JJW658" s="613"/>
      <c r="JJX658" s="613"/>
      <c r="JJY658" s="613"/>
      <c r="JJZ658" s="613"/>
      <c r="JKA658" s="613"/>
      <c r="JKB658" s="613"/>
      <c r="JKC658" s="613"/>
      <c r="JKD658" s="613"/>
      <c r="JKE658" s="613"/>
      <c r="JKF658" s="613"/>
      <c r="JKG658" s="613"/>
      <c r="JKH658" s="613"/>
      <c r="JKI658" s="613"/>
      <c r="JKJ658" s="613"/>
      <c r="JKK658" s="613"/>
      <c r="JKL658" s="613"/>
      <c r="JKM658" s="613"/>
      <c r="JKN658" s="613"/>
      <c r="JKO658" s="613"/>
      <c r="JKP658" s="613"/>
      <c r="JKQ658" s="613"/>
      <c r="JKR658" s="613"/>
      <c r="JKS658" s="613"/>
      <c r="JKT658" s="613"/>
      <c r="JKU658" s="613"/>
      <c r="JKV658" s="613"/>
      <c r="JKW658" s="613"/>
      <c r="JKX658" s="613"/>
      <c r="JKY658" s="613"/>
      <c r="JKZ658" s="613"/>
      <c r="JLA658" s="613"/>
      <c r="JLB658" s="613"/>
      <c r="JLC658" s="613"/>
      <c r="JLD658" s="613"/>
      <c r="JLE658" s="613"/>
      <c r="JLF658" s="613"/>
      <c r="JLG658" s="613"/>
      <c r="JLH658" s="613"/>
      <c r="JLI658" s="613"/>
      <c r="JLJ658" s="613"/>
      <c r="JLK658" s="613"/>
      <c r="JLL658" s="613"/>
      <c r="JLM658" s="613"/>
      <c r="JLN658" s="613"/>
      <c r="JLO658" s="613"/>
      <c r="JLP658" s="613"/>
      <c r="JLQ658" s="613"/>
      <c r="JLR658" s="613"/>
      <c r="JLS658" s="613"/>
      <c r="JLT658" s="613"/>
      <c r="JLU658" s="613"/>
      <c r="JLV658" s="613"/>
      <c r="JLW658" s="613"/>
      <c r="JLX658" s="613"/>
      <c r="JLY658" s="613"/>
      <c r="JLZ658" s="613"/>
      <c r="JMA658" s="613"/>
      <c r="JMB658" s="613"/>
      <c r="JMC658" s="613"/>
      <c r="JMD658" s="613"/>
      <c r="JME658" s="613"/>
      <c r="JMF658" s="613"/>
      <c r="JMG658" s="613"/>
      <c r="JMH658" s="613"/>
      <c r="JMI658" s="613"/>
      <c r="JMJ658" s="613"/>
      <c r="JMK658" s="613"/>
      <c r="JML658" s="613"/>
      <c r="JMM658" s="613"/>
      <c r="JMN658" s="613"/>
      <c r="JMO658" s="613"/>
      <c r="JMP658" s="613"/>
      <c r="JMQ658" s="613"/>
      <c r="JMR658" s="613"/>
      <c r="JMS658" s="613"/>
      <c r="JMT658" s="613"/>
      <c r="JMU658" s="613"/>
      <c r="JMV658" s="613"/>
      <c r="JMW658" s="613"/>
      <c r="JMX658" s="613"/>
      <c r="JMY658" s="613"/>
      <c r="JMZ658" s="613"/>
      <c r="JNA658" s="613"/>
      <c r="JNB658" s="613"/>
      <c r="JNC658" s="613"/>
      <c r="JND658" s="613"/>
      <c r="JNE658" s="613"/>
      <c r="JNF658" s="613"/>
      <c r="JNG658" s="613"/>
      <c r="JNH658" s="613"/>
      <c r="JNI658" s="613"/>
      <c r="JNJ658" s="613"/>
      <c r="JNK658" s="613"/>
      <c r="JNL658" s="613"/>
      <c r="JNM658" s="613"/>
      <c r="JNN658" s="613"/>
      <c r="JNO658" s="613"/>
      <c r="JNP658" s="613"/>
      <c r="JNQ658" s="613"/>
      <c r="JNR658" s="613"/>
      <c r="JNS658" s="613"/>
      <c r="JNT658" s="613"/>
      <c r="JNU658" s="613"/>
      <c r="JNV658" s="613"/>
      <c r="JNW658" s="613"/>
      <c r="JNX658" s="613"/>
      <c r="JNY658" s="613"/>
      <c r="JNZ658" s="613"/>
      <c r="JOA658" s="613"/>
      <c r="JOB658" s="613"/>
      <c r="JOC658" s="613"/>
      <c r="JOD658" s="613"/>
      <c r="JOE658" s="613"/>
      <c r="JOF658" s="613"/>
      <c r="JOG658" s="613"/>
      <c r="JOH658" s="613"/>
      <c r="JOI658" s="613"/>
      <c r="JOJ658" s="613"/>
      <c r="JOK658" s="613"/>
      <c r="JOL658" s="613"/>
      <c r="JOM658" s="613"/>
      <c r="JON658" s="613"/>
      <c r="JOO658" s="613"/>
      <c r="JOP658" s="613"/>
      <c r="JOQ658" s="613"/>
      <c r="JOR658" s="613"/>
      <c r="JOS658" s="613"/>
      <c r="JOT658" s="613"/>
      <c r="JOU658" s="613"/>
      <c r="JOV658" s="613"/>
      <c r="JOW658" s="613"/>
      <c r="JOX658" s="613"/>
      <c r="JOY658" s="613"/>
      <c r="JOZ658" s="613"/>
      <c r="JPA658" s="613"/>
      <c r="JPB658" s="613"/>
      <c r="JPC658" s="613"/>
      <c r="JPD658" s="613"/>
      <c r="JPE658" s="613"/>
      <c r="JPF658" s="613"/>
      <c r="JPG658" s="613"/>
      <c r="JPH658" s="613"/>
      <c r="JPI658" s="613"/>
      <c r="JPJ658" s="613"/>
      <c r="JPK658" s="613"/>
      <c r="JPL658" s="613"/>
      <c r="JPM658" s="613"/>
      <c r="JPN658" s="613"/>
      <c r="JPO658" s="613"/>
      <c r="JPP658" s="613"/>
      <c r="JPQ658" s="613"/>
      <c r="JPR658" s="613"/>
      <c r="JPS658" s="613"/>
      <c r="JPT658" s="613"/>
      <c r="JPU658" s="613"/>
      <c r="JPV658" s="613"/>
      <c r="JPW658" s="613"/>
      <c r="JPX658" s="613"/>
      <c r="JPY658" s="613"/>
      <c r="JPZ658" s="613"/>
      <c r="JQA658" s="613"/>
      <c r="JQB658" s="613"/>
      <c r="JQC658" s="613"/>
      <c r="JQD658" s="613"/>
      <c r="JQE658" s="613"/>
      <c r="JQF658" s="613"/>
      <c r="JQG658" s="613"/>
      <c r="JQH658" s="613"/>
      <c r="JQI658" s="613"/>
      <c r="JQJ658" s="613"/>
      <c r="JQK658" s="613"/>
      <c r="JQL658" s="613"/>
      <c r="JQM658" s="613"/>
      <c r="JQN658" s="613"/>
      <c r="JQO658" s="613"/>
      <c r="JQP658" s="613"/>
      <c r="JQQ658" s="613"/>
      <c r="JQR658" s="613"/>
      <c r="JQS658" s="613"/>
      <c r="JQT658" s="613"/>
      <c r="JQU658" s="613"/>
      <c r="JQV658" s="613"/>
      <c r="JQW658" s="613"/>
      <c r="JQX658" s="613"/>
      <c r="JQY658" s="613"/>
      <c r="JQZ658" s="613"/>
      <c r="JRA658" s="613"/>
      <c r="JRB658" s="613"/>
      <c r="JRC658" s="613"/>
      <c r="JRD658" s="613"/>
      <c r="JRE658" s="613"/>
      <c r="JRF658" s="613"/>
      <c r="JRG658" s="613"/>
      <c r="JRH658" s="613"/>
      <c r="JRI658" s="613"/>
      <c r="JRJ658" s="613"/>
      <c r="JRK658" s="613"/>
      <c r="JRL658" s="613"/>
      <c r="JRM658" s="613"/>
      <c r="JRN658" s="613"/>
      <c r="JRO658" s="613"/>
      <c r="JRP658" s="613"/>
      <c r="JRQ658" s="613"/>
      <c r="JRR658" s="613"/>
      <c r="JRS658" s="613"/>
      <c r="JRT658" s="613"/>
      <c r="JRU658" s="613"/>
      <c r="JRV658" s="613"/>
      <c r="JRW658" s="613"/>
      <c r="JRX658" s="613"/>
      <c r="JRY658" s="613"/>
      <c r="JRZ658" s="613"/>
      <c r="JSA658" s="613"/>
      <c r="JSB658" s="613"/>
      <c r="JSC658" s="613"/>
      <c r="JSD658" s="613"/>
      <c r="JSE658" s="613"/>
      <c r="JSF658" s="613"/>
      <c r="JSG658" s="613"/>
      <c r="JSH658" s="613"/>
      <c r="JSI658" s="613"/>
      <c r="JSJ658" s="613"/>
      <c r="JSK658" s="613"/>
      <c r="JSL658" s="613"/>
      <c r="JSM658" s="613"/>
      <c r="JSN658" s="613"/>
      <c r="JSO658" s="613"/>
      <c r="JSP658" s="613"/>
      <c r="JSQ658" s="613"/>
      <c r="JSR658" s="613"/>
      <c r="JSS658" s="613"/>
      <c r="JST658" s="613"/>
      <c r="JSU658" s="613"/>
      <c r="JSV658" s="613"/>
      <c r="JSW658" s="613"/>
      <c r="JSX658" s="613"/>
      <c r="JSY658" s="613"/>
      <c r="JSZ658" s="613"/>
      <c r="JTA658" s="613"/>
      <c r="JTB658" s="613"/>
      <c r="JTC658" s="613"/>
      <c r="JTD658" s="613"/>
      <c r="JTE658" s="613"/>
      <c r="JTF658" s="613"/>
      <c r="JTG658" s="613"/>
      <c r="JTH658" s="613"/>
      <c r="JTI658" s="613"/>
      <c r="JTJ658" s="613"/>
      <c r="JTK658" s="613"/>
      <c r="JTL658" s="613"/>
      <c r="JTM658" s="613"/>
      <c r="JTN658" s="613"/>
      <c r="JTO658" s="613"/>
      <c r="JTP658" s="613"/>
      <c r="JTQ658" s="613"/>
      <c r="JTR658" s="613"/>
      <c r="JTS658" s="613"/>
      <c r="JTT658" s="613"/>
      <c r="JTU658" s="613"/>
      <c r="JTV658" s="613"/>
      <c r="JTW658" s="613"/>
      <c r="JTX658" s="613"/>
      <c r="JTY658" s="613"/>
      <c r="JTZ658" s="613"/>
      <c r="JUA658" s="613"/>
      <c r="JUB658" s="613"/>
      <c r="JUC658" s="613"/>
      <c r="JUD658" s="613"/>
      <c r="JUE658" s="613"/>
      <c r="JUF658" s="613"/>
      <c r="JUG658" s="613"/>
      <c r="JUH658" s="613"/>
      <c r="JUI658" s="613"/>
      <c r="JUJ658" s="613"/>
      <c r="JUK658" s="613"/>
      <c r="JUL658" s="613"/>
      <c r="JUM658" s="613"/>
      <c r="JUN658" s="613"/>
      <c r="JUO658" s="613"/>
      <c r="JUP658" s="613"/>
      <c r="JUQ658" s="613"/>
      <c r="JUR658" s="613"/>
      <c r="JUS658" s="613"/>
      <c r="JUT658" s="613"/>
      <c r="JUU658" s="613"/>
      <c r="JUV658" s="613"/>
      <c r="JUW658" s="613"/>
      <c r="JUX658" s="613"/>
      <c r="JUY658" s="613"/>
      <c r="JUZ658" s="613"/>
      <c r="JVA658" s="613"/>
      <c r="JVB658" s="613"/>
      <c r="JVC658" s="613"/>
      <c r="JVD658" s="613"/>
      <c r="JVE658" s="613"/>
      <c r="JVF658" s="613"/>
      <c r="JVG658" s="613"/>
      <c r="JVH658" s="613"/>
      <c r="JVI658" s="613"/>
      <c r="JVJ658" s="613"/>
      <c r="JVK658" s="613"/>
      <c r="JVL658" s="613"/>
      <c r="JVM658" s="613"/>
      <c r="JVN658" s="613"/>
      <c r="JVO658" s="613"/>
      <c r="JVP658" s="613"/>
      <c r="JVQ658" s="613"/>
      <c r="JVR658" s="613"/>
      <c r="JVS658" s="613"/>
      <c r="JVT658" s="613"/>
      <c r="JVU658" s="613"/>
      <c r="JVV658" s="613"/>
      <c r="JVW658" s="613"/>
      <c r="JVX658" s="613"/>
      <c r="JVY658" s="613"/>
      <c r="JVZ658" s="613"/>
      <c r="JWA658" s="613"/>
      <c r="JWB658" s="613"/>
      <c r="JWC658" s="613"/>
      <c r="JWD658" s="613"/>
      <c r="JWE658" s="613"/>
      <c r="JWF658" s="613"/>
      <c r="JWG658" s="613"/>
      <c r="JWH658" s="613"/>
      <c r="JWI658" s="613"/>
      <c r="JWJ658" s="613"/>
      <c r="JWK658" s="613"/>
      <c r="JWL658" s="613"/>
      <c r="JWM658" s="613"/>
      <c r="JWN658" s="613"/>
      <c r="JWO658" s="613"/>
      <c r="JWP658" s="613"/>
      <c r="JWQ658" s="613"/>
      <c r="JWR658" s="613"/>
      <c r="JWS658" s="613"/>
      <c r="JWT658" s="613"/>
      <c r="JWU658" s="613"/>
      <c r="JWV658" s="613"/>
      <c r="JWW658" s="613"/>
      <c r="JWX658" s="613"/>
      <c r="JWY658" s="613"/>
      <c r="JWZ658" s="613"/>
      <c r="JXA658" s="613"/>
      <c r="JXB658" s="613"/>
      <c r="JXC658" s="613"/>
      <c r="JXD658" s="613"/>
      <c r="JXE658" s="613"/>
      <c r="JXF658" s="613"/>
      <c r="JXG658" s="613"/>
      <c r="JXH658" s="613"/>
      <c r="JXI658" s="613"/>
      <c r="JXJ658" s="613"/>
      <c r="JXK658" s="613"/>
      <c r="JXL658" s="613"/>
      <c r="JXM658" s="613"/>
      <c r="JXN658" s="613"/>
      <c r="JXO658" s="613"/>
      <c r="JXP658" s="613"/>
      <c r="JXQ658" s="613"/>
      <c r="JXR658" s="613"/>
      <c r="JXS658" s="613"/>
      <c r="JXT658" s="613"/>
      <c r="JXU658" s="613"/>
      <c r="JXV658" s="613"/>
      <c r="JXW658" s="613"/>
      <c r="JXX658" s="613"/>
      <c r="JXY658" s="613"/>
      <c r="JXZ658" s="613"/>
      <c r="JYA658" s="613"/>
      <c r="JYB658" s="613"/>
      <c r="JYC658" s="613"/>
      <c r="JYD658" s="613"/>
      <c r="JYE658" s="613"/>
      <c r="JYF658" s="613"/>
      <c r="JYG658" s="613"/>
      <c r="JYH658" s="613"/>
      <c r="JYI658" s="613"/>
      <c r="JYJ658" s="613"/>
      <c r="JYK658" s="613"/>
      <c r="JYL658" s="613"/>
      <c r="JYM658" s="613"/>
      <c r="JYN658" s="613"/>
      <c r="JYO658" s="613"/>
      <c r="JYP658" s="613"/>
      <c r="JYQ658" s="613"/>
      <c r="JYR658" s="613"/>
      <c r="JYS658" s="613"/>
      <c r="JYT658" s="613"/>
      <c r="JYU658" s="613"/>
      <c r="JYV658" s="613"/>
      <c r="JYW658" s="613"/>
      <c r="JYX658" s="613"/>
      <c r="JYY658" s="613"/>
      <c r="JYZ658" s="613"/>
      <c r="JZA658" s="613"/>
      <c r="JZB658" s="613"/>
      <c r="JZC658" s="613"/>
      <c r="JZD658" s="613"/>
      <c r="JZE658" s="613"/>
      <c r="JZF658" s="613"/>
      <c r="JZG658" s="613"/>
      <c r="JZH658" s="613"/>
      <c r="JZI658" s="613"/>
      <c r="JZJ658" s="613"/>
      <c r="JZK658" s="613"/>
      <c r="JZL658" s="613"/>
      <c r="JZM658" s="613"/>
      <c r="JZN658" s="613"/>
      <c r="JZO658" s="613"/>
      <c r="JZP658" s="613"/>
      <c r="JZQ658" s="613"/>
      <c r="JZR658" s="613"/>
      <c r="JZS658" s="613"/>
      <c r="JZT658" s="613"/>
      <c r="JZU658" s="613"/>
      <c r="JZV658" s="613"/>
      <c r="JZW658" s="613"/>
      <c r="JZX658" s="613"/>
      <c r="JZY658" s="613"/>
      <c r="JZZ658" s="613"/>
      <c r="KAA658" s="613"/>
      <c r="KAB658" s="613"/>
      <c r="KAC658" s="613"/>
      <c r="KAD658" s="613"/>
      <c r="KAE658" s="613"/>
      <c r="KAF658" s="613"/>
      <c r="KAG658" s="613"/>
      <c r="KAH658" s="613"/>
      <c r="KAI658" s="613"/>
      <c r="KAJ658" s="613"/>
      <c r="KAK658" s="613"/>
      <c r="KAL658" s="613"/>
      <c r="KAM658" s="613"/>
      <c r="KAN658" s="613"/>
      <c r="KAO658" s="613"/>
      <c r="KAP658" s="613"/>
      <c r="KAQ658" s="613"/>
      <c r="KAR658" s="613"/>
      <c r="KAS658" s="613"/>
      <c r="KAT658" s="613"/>
      <c r="KAU658" s="613"/>
      <c r="KAV658" s="613"/>
      <c r="KAW658" s="613"/>
      <c r="KAX658" s="613"/>
      <c r="KAY658" s="613"/>
      <c r="KAZ658" s="613"/>
      <c r="KBA658" s="613"/>
      <c r="KBB658" s="613"/>
      <c r="KBC658" s="613"/>
      <c r="KBD658" s="613"/>
      <c r="KBE658" s="613"/>
      <c r="KBF658" s="613"/>
      <c r="KBG658" s="613"/>
      <c r="KBH658" s="613"/>
      <c r="KBI658" s="613"/>
      <c r="KBJ658" s="613"/>
      <c r="KBK658" s="613"/>
      <c r="KBL658" s="613"/>
      <c r="KBM658" s="613"/>
      <c r="KBN658" s="613"/>
      <c r="KBO658" s="613"/>
      <c r="KBP658" s="613"/>
      <c r="KBQ658" s="613"/>
      <c r="KBR658" s="613"/>
      <c r="KBS658" s="613"/>
      <c r="KBT658" s="613"/>
      <c r="KBU658" s="613"/>
      <c r="KBV658" s="613"/>
      <c r="KBW658" s="613"/>
      <c r="KBX658" s="613"/>
      <c r="KBY658" s="613"/>
      <c r="KBZ658" s="613"/>
      <c r="KCA658" s="613"/>
      <c r="KCB658" s="613"/>
      <c r="KCC658" s="613"/>
      <c r="KCD658" s="613"/>
      <c r="KCE658" s="613"/>
      <c r="KCF658" s="613"/>
      <c r="KCG658" s="613"/>
      <c r="KCH658" s="613"/>
      <c r="KCI658" s="613"/>
      <c r="KCJ658" s="613"/>
      <c r="KCK658" s="613"/>
      <c r="KCL658" s="613"/>
      <c r="KCM658" s="613"/>
      <c r="KCN658" s="613"/>
      <c r="KCO658" s="613"/>
      <c r="KCP658" s="613"/>
      <c r="KCQ658" s="613"/>
      <c r="KCR658" s="613"/>
      <c r="KCS658" s="613"/>
      <c r="KCT658" s="613"/>
      <c r="KCU658" s="613"/>
      <c r="KCV658" s="613"/>
      <c r="KCW658" s="613"/>
      <c r="KCX658" s="613"/>
      <c r="KCY658" s="613"/>
      <c r="KCZ658" s="613"/>
      <c r="KDA658" s="613"/>
      <c r="KDB658" s="613"/>
      <c r="KDC658" s="613"/>
      <c r="KDD658" s="613"/>
      <c r="KDE658" s="613"/>
      <c r="KDF658" s="613"/>
      <c r="KDG658" s="613"/>
      <c r="KDH658" s="613"/>
      <c r="KDI658" s="613"/>
      <c r="KDJ658" s="613"/>
      <c r="KDK658" s="613"/>
      <c r="KDL658" s="613"/>
      <c r="KDM658" s="613"/>
      <c r="KDN658" s="613"/>
      <c r="KDO658" s="613"/>
      <c r="KDP658" s="613"/>
      <c r="KDQ658" s="613"/>
      <c r="KDR658" s="613"/>
      <c r="KDS658" s="613"/>
      <c r="KDT658" s="613"/>
      <c r="KDU658" s="613"/>
      <c r="KDV658" s="613"/>
      <c r="KDW658" s="613"/>
      <c r="KDX658" s="613"/>
      <c r="KDY658" s="613"/>
      <c r="KDZ658" s="613"/>
      <c r="KEA658" s="613"/>
      <c r="KEB658" s="613"/>
      <c r="KEC658" s="613"/>
      <c r="KED658" s="613"/>
      <c r="KEE658" s="613"/>
      <c r="KEF658" s="613"/>
      <c r="KEG658" s="613"/>
      <c r="KEH658" s="613"/>
      <c r="KEI658" s="613"/>
      <c r="KEJ658" s="613"/>
      <c r="KEK658" s="613"/>
      <c r="KEL658" s="613"/>
      <c r="KEM658" s="613"/>
      <c r="KEN658" s="613"/>
      <c r="KEO658" s="613"/>
      <c r="KEP658" s="613"/>
      <c r="KEQ658" s="613"/>
      <c r="KER658" s="613"/>
      <c r="KES658" s="613"/>
      <c r="KET658" s="613"/>
      <c r="KEU658" s="613"/>
      <c r="KEV658" s="613"/>
      <c r="KEW658" s="613"/>
      <c r="KEX658" s="613"/>
      <c r="KEY658" s="613"/>
      <c r="KEZ658" s="613"/>
      <c r="KFA658" s="613"/>
      <c r="KFB658" s="613"/>
      <c r="KFC658" s="613"/>
      <c r="KFD658" s="613"/>
      <c r="KFE658" s="613"/>
      <c r="KFF658" s="613"/>
      <c r="KFG658" s="613"/>
      <c r="KFH658" s="613"/>
      <c r="KFI658" s="613"/>
      <c r="KFJ658" s="613"/>
      <c r="KFK658" s="613"/>
      <c r="KFL658" s="613"/>
      <c r="KFM658" s="613"/>
      <c r="KFN658" s="613"/>
      <c r="KFO658" s="613"/>
      <c r="KFP658" s="613"/>
      <c r="KFQ658" s="613"/>
      <c r="KFR658" s="613"/>
      <c r="KFS658" s="613"/>
      <c r="KFT658" s="613"/>
      <c r="KFU658" s="613"/>
      <c r="KFV658" s="613"/>
      <c r="KFW658" s="613"/>
      <c r="KFX658" s="613"/>
      <c r="KFY658" s="613"/>
      <c r="KFZ658" s="613"/>
      <c r="KGA658" s="613"/>
      <c r="KGB658" s="613"/>
      <c r="KGC658" s="613"/>
      <c r="KGD658" s="613"/>
      <c r="KGE658" s="613"/>
      <c r="KGF658" s="613"/>
      <c r="KGG658" s="613"/>
      <c r="KGH658" s="613"/>
      <c r="KGI658" s="613"/>
      <c r="KGJ658" s="613"/>
      <c r="KGK658" s="613"/>
      <c r="KGL658" s="613"/>
      <c r="KGM658" s="613"/>
      <c r="KGN658" s="613"/>
      <c r="KGO658" s="613"/>
      <c r="KGP658" s="613"/>
      <c r="KGQ658" s="613"/>
      <c r="KGR658" s="613"/>
      <c r="KGS658" s="613"/>
      <c r="KGT658" s="613"/>
      <c r="KGU658" s="613"/>
      <c r="KGV658" s="613"/>
      <c r="KGW658" s="613"/>
      <c r="KGX658" s="613"/>
      <c r="KGY658" s="613"/>
      <c r="KGZ658" s="613"/>
      <c r="KHA658" s="613"/>
      <c r="KHB658" s="613"/>
      <c r="KHC658" s="613"/>
      <c r="KHD658" s="613"/>
      <c r="KHE658" s="613"/>
      <c r="KHF658" s="613"/>
      <c r="KHG658" s="613"/>
      <c r="KHH658" s="613"/>
      <c r="KHI658" s="613"/>
      <c r="KHJ658" s="613"/>
      <c r="KHK658" s="613"/>
      <c r="KHL658" s="613"/>
      <c r="KHM658" s="613"/>
      <c r="KHN658" s="613"/>
      <c r="KHO658" s="613"/>
      <c r="KHP658" s="613"/>
      <c r="KHQ658" s="613"/>
      <c r="KHR658" s="613"/>
      <c r="KHS658" s="613"/>
      <c r="KHT658" s="613"/>
      <c r="KHU658" s="613"/>
      <c r="KHV658" s="613"/>
      <c r="KHW658" s="613"/>
      <c r="KHX658" s="613"/>
      <c r="KHY658" s="613"/>
      <c r="KHZ658" s="613"/>
      <c r="KIA658" s="613"/>
      <c r="KIB658" s="613"/>
      <c r="KIC658" s="613"/>
      <c r="KID658" s="613"/>
      <c r="KIE658" s="613"/>
      <c r="KIF658" s="613"/>
      <c r="KIG658" s="613"/>
      <c r="KIH658" s="613"/>
      <c r="KII658" s="613"/>
      <c r="KIJ658" s="613"/>
      <c r="KIK658" s="613"/>
      <c r="KIL658" s="613"/>
      <c r="KIM658" s="613"/>
      <c r="KIN658" s="613"/>
      <c r="KIO658" s="613"/>
      <c r="KIP658" s="613"/>
      <c r="KIQ658" s="613"/>
      <c r="KIR658" s="613"/>
      <c r="KIS658" s="613"/>
      <c r="KIT658" s="613"/>
      <c r="KIU658" s="613"/>
      <c r="KIV658" s="613"/>
      <c r="KIW658" s="613"/>
      <c r="KIX658" s="613"/>
      <c r="KIY658" s="613"/>
      <c r="KIZ658" s="613"/>
      <c r="KJA658" s="613"/>
      <c r="KJB658" s="613"/>
      <c r="KJC658" s="613"/>
      <c r="KJD658" s="613"/>
      <c r="KJE658" s="613"/>
      <c r="KJF658" s="613"/>
      <c r="KJG658" s="613"/>
      <c r="KJH658" s="613"/>
      <c r="KJI658" s="613"/>
      <c r="KJJ658" s="613"/>
      <c r="KJK658" s="613"/>
      <c r="KJL658" s="613"/>
      <c r="KJM658" s="613"/>
      <c r="KJN658" s="613"/>
      <c r="KJO658" s="613"/>
      <c r="KJP658" s="613"/>
      <c r="KJQ658" s="613"/>
      <c r="KJR658" s="613"/>
      <c r="KJS658" s="613"/>
      <c r="KJT658" s="613"/>
      <c r="KJU658" s="613"/>
      <c r="KJV658" s="613"/>
      <c r="KJW658" s="613"/>
      <c r="KJX658" s="613"/>
      <c r="KJY658" s="613"/>
      <c r="KJZ658" s="613"/>
      <c r="KKA658" s="613"/>
      <c r="KKB658" s="613"/>
      <c r="KKC658" s="613"/>
      <c r="KKD658" s="613"/>
      <c r="KKE658" s="613"/>
      <c r="KKF658" s="613"/>
      <c r="KKG658" s="613"/>
      <c r="KKH658" s="613"/>
      <c r="KKI658" s="613"/>
      <c r="KKJ658" s="613"/>
      <c r="KKK658" s="613"/>
      <c r="KKL658" s="613"/>
      <c r="KKM658" s="613"/>
      <c r="KKN658" s="613"/>
      <c r="KKO658" s="613"/>
      <c r="KKP658" s="613"/>
      <c r="KKQ658" s="613"/>
      <c r="KKR658" s="613"/>
      <c r="KKS658" s="613"/>
      <c r="KKT658" s="613"/>
      <c r="KKU658" s="613"/>
      <c r="KKV658" s="613"/>
      <c r="KKW658" s="613"/>
      <c r="KKX658" s="613"/>
      <c r="KKY658" s="613"/>
      <c r="KKZ658" s="613"/>
      <c r="KLA658" s="613"/>
      <c r="KLB658" s="613"/>
      <c r="KLC658" s="613"/>
      <c r="KLD658" s="613"/>
      <c r="KLE658" s="613"/>
      <c r="KLF658" s="613"/>
      <c r="KLG658" s="613"/>
      <c r="KLH658" s="613"/>
      <c r="KLI658" s="613"/>
      <c r="KLJ658" s="613"/>
      <c r="KLK658" s="613"/>
      <c r="KLL658" s="613"/>
      <c r="KLM658" s="613"/>
      <c r="KLN658" s="613"/>
      <c r="KLO658" s="613"/>
      <c r="KLP658" s="613"/>
      <c r="KLQ658" s="613"/>
      <c r="KLR658" s="613"/>
      <c r="KLS658" s="613"/>
      <c r="KLT658" s="613"/>
      <c r="KLU658" s="613"/>
      <c r="KLV658" s="613"/>
      <c r="KLW658" s="613"/>
      <c r="KLX658" s="613"/>
      <c r="KLY658" s="613"/>
      <c r="KLZ658" s="613"/>
      <c r="KMA658" s="613"/>
      <c r="KMB658" s="613"/>
      <c r="KMC658" s="613"/>
      <c r="KMD658" s="613"/>
      <c r="KME658" s="613"/>
      <c r="KMF658" s="613"/>
      <c r="KMG658" s="613"/>
      <c r="KMH658" s="613"/>
      <c r="KMI658" s="613"/>
      <c r="KMJ658" s="613"/>
      <c r="KMK658" s="613"/>
      <c r="KML658" s="613"/>
      <c r="KMM658" s="613"/>
      <c r="KMN658" s="613"/>
      <c r="KMO658" s="613"/>
      <c r="KMP658" s="613"/>
      <c r="KMQ658" s="613"/>
      <c r="KMR658" s="613"/>
      <c r="KMS658" s="613"/>
      <c r="KMT658" s="613"/>
      <c r="KMU658" s="613"/>
      <c r="KMV658" s="613"/>
      <c r="KMW658" s="613"/>
      <c r="KMX658" s="613"/>
      <c r="KMY658" s="613"/>
      <c r="KMZ658" s="613"/>
      <c r="KNA658" s="613"/>
      <c r="KNB658" s="613"/>
      <c r="KNC658" s="613"/>
      <c r="KND658" s="613"/>
      <c r="KNE658" s="613"/>
      <c r="KNF658" s="613"/>
      <c r="KNG658" s="613"/>
      <c r="KNH658" s="613"/>
      <c r="KNI658" s="613"/>
      <c r="KNJ658" s="613"/>
      <c r="KNK658" s="613"/>
      <c r="KNL658" s="613"/>
      <c r="KNM658" s="613"/>
      <c r="KNN658" s="613"/>
      <c r="KNO658" s="613"/>
      <c r="KNP658" s="613"/>
      <c r="KNQ658" s="613"/>
      <c r="KNR658" s="613"/>
      <c r="KNS658" s="613"/>
      <c r="KNT658" s="613"/>
      <c r="KNU658" s="613"/>
      <c r="KNV658" s="613"/>
      <c r="KNW658" s="613"/>
      <c r="KNX658" s="613"/>
      <c r="KNY658" s="613"/>
      <c r="KNZ658" s="613"/>
      <c r="KOA658" s="613"/>
      <c r="KOB658" s="613"/>
      <c r="KOC658" s="613"/>
      <c r="KOD658" s="613"/>
      <c r="KOE658" s="613"/>
      <c r="KOF658" s="613"/>
      <c r="KOG658" s="613"/>
      <c r="KOH658" s="613"/>
      <c r="KOI658" s="613"/>
      <c r="KOJ658" s="613"/>
      <c r="KOK658" s="613"/>
      <c r="KOL658" s="613"/>
      <c r="KOM658" s="613"/>
      <c r="KON658" s="613"/>
      <c r="KOO658" s="613"/>
      <c r="KOP658" s="613"/>
      <c r="KOQ658" s="613"/>
      <c r="KOR658" s="613"/>
      <c r="KOS658" s="613"/>
      <c r="KOT658" s="613"/>
      <c r="KOU658" s="613"/>
      <c r="KOV658" s="613"/>
      <c r="KOW658" s="613"/>
      <c r="KOX658" s="613"/>
      <c r="KOY658" s="613"/>
      <c r="KOZ658" s="613"/>
      <c r="KPA658" s="613"/>
      <c r="KPB658" s="613"/>
      <c r="KPC658" s="613"/>
      <c r="KPD658" s="613"/>
      <c r="KPE658" s="613"/>
      <c r="KPF658" s="613"/>
      <c r="KPG658" s="613"/>
      <c r="KPH658" s="613"/>
      <c r="KPI658" s="613"/>
      <c r="KPJ658" s="613"/>
      <c r="KPK658" s="613"/>
      <c r="KPL658" s="613"/>
      <c r="KPM658" s="613"/>
      <c r="KPN658" s="613"/>
      <c r="KPO658" s="613"/>
      <c r="KPP658" s="613"/>
      <c r="KPQ658" s="613"/>
      <c r="KPR658" s="613"/>
      <c r="KPS658" s="613"/>
      <c r="KPT658" s="613"/>
      <c r="KPU658" s="613"/>
      <c r="KPV658" s="613"/>
      <c r="KPW658" s="613"/>
      <c r="KPX658" s="613"/>
      <c r="KPY658" s="613"/>
      <c r="KPZ658" s="613"/>
      <c r="KQA658" s="613"/>
      <c r="KQB658" s="613"/>
      <c r="KQC658" s="613"/>
      <c r="KQD658" s="613"/>
      <c r="KQE658" s="613"/>
      <c r="KQF658" s="613"/>
      <c r="KQG658" s="613"/>
      <c r="KQH658" s="613"/>
      <c r="KQI658" s="613"/>
      <c r="KQJ658" s="613"/>
      <c r="KQK658" s="613"/>
      <c r="KQL658" s="613"/>
      <c r="KQM658" s="613"/>
      <c r="KQN658" s="613"/>
      <c r="KQO658" s="613"/>
      <c r="KQP658" s="613"/>
      <c r="KQQ658" s="613"/>
      <c r="KQR658" s="613"/>
      <c r="KQS658" s="613"/>
      <c r="KQT658" s="613"/>
      <c r="KQU658" s="613"/>
      <c r="KQV658" s="613"/>
      <c r="KQW658" s="613"/>
      <c r="KQX658" s="613"/>
      <c r="KQY658" s="613"/>
      <c r="KQZ658" s="613"/>
      <c r="KRA658" s="613"/>
      <c r="KRB658" s="613"/>
      <c r="KRC658" s="613"/>
      <c r="KRD658" s="613"/>
      <c r="KRE658" s="613"/>
      <c r="KRF658" s="613"/>
      <c r="KRG658" s="613"/>
      <c r="KRH658" s="613"/>
      <c r="KRI658" s="613"/>
      <c r="KRJ658" s="613"/>
      <c r="KRK658" s="613"/>
      <c r="KRL658" s="613"/>
      <c r="KRM658" s="613"/>
      <c r="KRN658" s="613"/>
      <c r="KRO658" s="613"/>
      <c r="KRP658" s="613"/>
      <c r="KRQ658" s="613"/>
      <c r="KRR658" s="613"/>
      <c r="KRS658" s="613"/>
      <c r="KRT658" s="613"/>
      <c r="KRU658" s="613"/>
      <c r="KRV658" s="613"/>
      <c r="KRW658" s="613"/>
      <c r="KRX658" s="613"/>
      <c r="KRY658" s="613"/>
      <c r="KRZ658" s="613"/>
      <c r="KSA658" s="613"/>
      <c r="KSB658" s="613"/>
      <c r="KSC658" s="613"/>
      <c r="KSD658" s="613"/>
      <c r="KSE658" s="613"/>
      <c r="KSF658" s="613"/>
      <c r="KSG658" s="613"/>
      <c r="KSH658" s="613"/>
      <c r="KSI658" s="613"/>
      <c r="KSJ658" s="613"/>
      <c r="KSK658" s="613"/>
      <c r="KSL658" s="613"/>
      <c r="KSM658" s="613"/>
      <c r="KSN658" s="613"/>
      <c r="KSO658" s="613"/>
      <c r="KSP658" s="613"/>
      <c r="KSQ658" s="613"/>
      <c r="KSR658" s="613"/>
      <c r="KSS658" s="613"/>
      <c r="KST658" s="613"/>
      <c r="KSU658" s="613"/>
      <c r="KSV658" s="613"/>
      <c r="KSW658" s="613"/>
      <c r="KSX658" s="613"/>
      <c r="KSY658" s="613"/>
      <c r="KSZ658" s="613"/>
      <c r="KTA658" s="613"/>
      <c r="KTB658" s="613"/>
      <c r="KTC658" s="613"/>
      <c r="KTD658" s="613"/>
      <c r="KTE658" s="613"/>
      <c r="KTF658" s="613"/>
      <c r="KTG658" s="613"/>
      <c r="KTH658" s="613"/>
      <c r="KTI658" s="613"/>
      <c r="KTJ658" s="613"/>
      <c r="KTK658" s="613"/>
      <c r="KTL658" s="613"/>
      <c r="KTM658" s="613"/>
      <c r="KTN658" s="613"/>
      <c r="KTO658" s="613"/>
      <c r="KTP658" s="613"/>
      <c r="KTQ658" s="613"/>
      <c r="KTR658" s="613"/>
      <c r="KTS658" s="613"/>
      <c r="KTT658" s="613"/>
      <c r="KTU658" s="613"/>
      <c r="KTV658" s="613"/>
      <c r="KTW658" s="613"/>
      <c r="KTX658" s="613"/>
      <c r="KTY658" s="613"/>
      <c r="KTZ658" s="613"/>
      <c r="KUA658" s="613"/>
      <c r="KUB658" s="613"/>
      <c r="KUC658" s="613"/>
      <c r="KUD658" s="613"/>
      <c r="KUE658" s="613"/>
      <c r="KUF658" s="613"/>
      <c r="KUG658" s="613"/>
      <c r="KUH658" s="613"/>
      <c r="KUI658" s="613"/>
      <c r="KUJ658" s="613"/>
      <c r="KUK658" s="613"/>
      <c r="KUL658" s="613"/>
      <c r="KUM658" s="613"/>
      <c r="KUN658" s="613"/>
      <c r="KUO658" s="613"/>
      <c r="KUP658" s="613"/>
      <c r="KUQ658" s="613"/>
      <c r="KUR658" s="613"/>
      <c r="KUS658" s="613"/>
      <c r="KUT658" s="613"/>
      <c r="KUU658" s="613"/>
      <c r="KUV658" s="613"/>
      <c r="KUW658" s="613"/>
      <c r="KUX658" s="613"/>
      <c r="KUY658" s="613"/>
      <c r="KUZ658" s="613"/>
      <c r="KVA658" s="613"/>
      <c r="KVB658" s="613"/>
      <c r="KVC658" s="613"/>
      <c r="KVD658" s="613"/>
      <c r="KVE658" s="613"/>
      <c r="KVF658" s="613"/>
      <c r="KVG658" s="613"/>
      <c r="KVH658" s="613"/>
      <c r="KVI658" s="613"/>
      <c r="KVJ658" s="613"/>
      <c r="KVK658" s="613"/>
      <c r="KVL658" s="613"/>
      <c r="KVM658" s="613"/>
      <c r="KVN658" s="613"/>
      <c r="KVO658" s="613"/>
      <c r="KVP658" s="613"/>
      <c r="KVQ658" s="613"/>
      <c r="KVR658" s="613"/>
      <c r="KVS658" s="613"/>
      <c r="KVT658" s="613"/>
      <c r="KVU658" s="613"/>
      <c r="KVV658" s="613"/>
      <c r="KVW658" s="613"/>
      <c r="KVX658" s="613"/>
      <c r="KVY658" s="613"/>
      <c r="KVZ658" s="613"/>
      <c r="KWA658" s="613"/>
      <c r="KWB658" s="613"/>
      <c r="KWC658" s="613"/>
      <c r="KWD658" s="613"/>
      <c r="KWE658" s="613"/>
      <c r="KWF658" s="613"/>
      <c r="KWG658" s="613"/>
      <c r="KWH658" s="613"/>
      <c r="KWI658" s="613"/>
      <c r="KWJ658" s="613"/>
      <c r="KWK658" s="613"/>
      <c r="KWL658" s="613"/>
      <c r="KWM658" s="613"/>
      <c r="KWN658" s="613"/>
      <c r="KWO658" s="613"/>
      <c r="KWP658" s="613"/>
      <c r="KWQ658" s="613"/>
      <c r="KWR658" s="613"/>
      <c r="KWS658" s="613"/>
      <c r="KWT658" s="613"/>
      <c r="KWU658" s="613"/>
      <c r="KWV658" s="613"/>
      <c r="KWW658" s="613"/>
      <c r="KWX658" s="613"/>
      <c r="KWY658" s="613"/>
      <c r="KWZ658" s="613"/>
      <c r="KXA658" s="613"/>
      <c r="KXB658" s="613"/>
      <c r="KXC658" s="613"/>
      <c r="KXD658" s="613"/>
      <c r="KXE658" s="613"/>
      <c r="KXF658" s="613"/>
      <c r="KXG658" s="613"/>
      <c r="KXH658" s="613"/>
      <c r="KXI658" s="613"/>
      <c r="KXJ658" s="613"/>
      <c r="KXK658" s="613"/>
      <c r="KXL658" s="613"/>
      <c r="KXM658" s="613"/>
      <c r="KXN658" s="613"/>
      <c r="KXO658" s="613"/>
      <c r="KXP658" s="613"/>
      <c r="KXQ658" s="613"/>
      <c r="KXR658" s="613"/>
      <c r="KXS658" s="613"/>
      <c r="KXT658" s="613"/>
      <c r="KXU658" s="613"/>
      <c r="KXV658" s="613"/>
      <c r="KXW658" s="613"/>
      <c r="KXX658" s="613"/>
      <c r="KXY658" s="613"/>
      <c r="KXZ658" s="613"/>
      <c r="KYA658" s="613"/>
      <c r="KYB658" s="613"/>
      <c r="KYC658" s="613"/>
      <c r="KYD658" s="613"/>
      <c r="KYE658" s="613"/>
      <c r="KYF658" s="613"/>
      <c r="KYG658" s="613"/>
      <c r="KYH658" s="613"/>
      <c r="KYI658" s="613"/>
      <c r="KYJ658" s="613"/>
      <c r="KYK658" s="613"/>
      <c r="KYL658" s="613"/>
      <c r="KYM658" s="613"/>
      <c r="KYN658" s="613"/>
      <c r="KYO658" s="613"/>
      <c r="KYP658" s="613"/>
      <c r="KYQ658" s="613"/>
      <c r="KYR658" s="613"/>
      <c r="KYS658" s="613"/>
      <c r="KYT658" s="613"/>
      <c r="KYU658" s="613"/>
      <c r="KYV658" s="613"/>
      <c r="KYW658" s="613"/>
      <c r="KYX658" s="613"/>
      <c r="KYY658" s="613"/>
      <c r="KYZ658" s="613"/>
      <c r="KZA658" s="613"/>
      <c r="KZB658" s="613"/>
      <c r="KZC658" s="613"/>
      <c r="KZD658" s="613"/>
      <c r="KZE658" s="613"/>
      <c r="KZF658" s="613"/>
      <c r="KZG658" s="613"/>
      <c r="KZH658" s="613"/>
      <c r="KZI658" s="613"/>
      <c r="KZJ658" s="613"/>
      <c r="KZK658" s="613"/>
      <c r="KZL658" s="613"/>
      <c r="KZM658" s="613"/>
      <c r="KZN658" s="613"/>
      <c r="KZO658" s="613"/>
      <c r="KZP658" s="613"/>
      <c r="KZQ658" s="613"/>
      <c r="KZR658" s="613"/>
      <c r="KZS658" s="613"/>
      <c r="KZT658" s="613"/>
      <c r="KZU658" s="613"/>
      <c r="KZV658" s="613"/>
      <c r="KZW658" s="613"/>
      <c r="KZX658" s="613"/>
      <c r="KZY658" s="613"/>
      <c r="KZZ658" s="613"/>
      <c r="LAA658" s="613"/>
      <c r="LAB658" s="613"/>
      <c r="LAC658" s="613"/>
      <c r="LAD658" s="613"/>
      <c r="LAE658" s="613"/>
      <c r="LAF658" s="613"/>
      <c r="LAG658" s="613"/>
      <c r="LAH658" s="613"/>
      <c r="LAI658" s="613"/>
      <c r="LAJ658" s="613"/>
      <c r="LAK658" s="613"/>
      <c r="LAL658" s="613"/>
      <c r="LAM658" s="613"/>
      <c r="LAN658" s="613"/>
      <c r="LAO658" s="613"/>
      <c r="LAP658" s="613"/>
      <c r="LAQ658" s="613"/>
      <c r="LAR658" s="613"/>
      <c r="LAS658" s="613"/>
      <c r="LAT658" s="613"/>
      <c r="LAU658" s="613"/>
      <c r="LAV658" s="613"/>
      <c r="LAW658" s="613"/>
      <c r="LAX658" s="613"/>
      <c r="LAY658" s="613"/>
      <c r="LAZ658" s="613"/>
      <c r="LBA658" s="613"/>
      <c r="LBB658" s="613"/>
      <c r="LBC658" s="613"/>
      <c r="LBD658" s="613"/>
      <c r="LBE658" s="613"/>
      <c r="LBF658" s="613"/>
      <c r="LBG658" s="613"/>
      <c r="LBH658" s="613"/>
      <c r="LBI658" s="613"/>
      <c r="LBJ658" s="613"/>
      <c r="LBK658" s="613"/>
      <c r="LBL658" s="613"/>
      <c r="LBM658" s="613"/>
      <c r="LBN658" s="613"/>
      <c r="LBO658" s="613"/>
      <c r="LBP658" s="613"/>
      <c r="LBQ658" s="613"/>
      <c r="LBR658" s="613"/>
      <c r="LBS658" s="613"/>
      <c r="LBT658" s="613"/>
      <c r="LBU658" s="613"/>
      <c r="LBV658" s="613"/>
      <c r="LBW658" s="613"/>
      <c r="LBX658" s="613"/>
      <c r="LBY658" s="613"/>
      <c r="LBZ658" s="613"/>
      <c r="LCA658" s="613"/>
      <c r="LCB658" s="613"/>
      <c r="LCC658" s="613"/>
      <c r="LCD658" s="613"/>
      <c r="LCE658" s="613"/>
      <c r="LCF658" s="613"/>
      <c r="LCG658" s="613"/>
      <c r="LCH658" s="613"/>
      <c r="LCI658" s="613"/>
      <c r="LCJ658" s="613"/>
      <c r="LCK658" s="613"/>
      <c r="LCL658" s="613"/>
      <c r="LCM658" s="613"/>
      <c r="LCN658" s="613"/>
      <c r="LCO658" s="613"/>
      <c r="LCP658" s="613"/>
      <c r="LCQ658" s="613"/>
      <c r="LCR658" s="613"/>
      <c r="LCS658" s="613"/>
      <c r="LCT658" s="613"/>
      <c r="LCU658" s="613"/>
      <c r="LCV658" s="613"/>
      <c r="LCW658" s="613"/>
      <c r="LCX658" s="613"/>
      <c r="LCY658" s="613"/>
      <c r="LCZ658" s="613"/>
      <c r="LDA658" s="613"/>
      <c r="LDB658" s="613"/>
      <c r="LDC658" s="613"/>
      <c r="LDD658" s="613"/>
      <c r="LDE658" s="613"/>
      <c r="LDF658" s="613"/>
      <c r="LDG658" s="613"/>
      <c r="LDH658" s="613"/>
      <c r="LDI658" s="613"/>
      <c r="LDJ658" s="613"/>
      <c r="LDK658" s="613"/>
      <c r="LDL658" s="613"/>
      <c r="LDM658" s="613"/>
      <c r="LDN658" s="613"/>
      <c r="LDO658" s="613"/>
      <c r="LDP658" s="613"/>
      <c r="LDQ658" s="613"/>
      <c r="LDR658" s="613"/>
      <c r="LDS658" s="613"/>
      <c r="LDT658" s="613"/>
      <c r="LDU658" s="613"/>
      <c r="LDV658" s="613"/>
      <c r="LDW658" s="613"/>
      <c r="LDX658" s="613"/>
      <c r="LDY658" s="613"/>
      <c r="LDZ658" s="613"/>
      <c r="LEA658" s="613"/>
      <c r="LEB658" s="613"/>
      <c r="LEC658" s="613"/>
      <c r="LED658" s="613"/>
      <c r="LEE658" s="613"/>
      <c r="LEF658" s="613"/>
      <c r="LEG658" s="613"/>
      <c r="LEH658" s="613"/>
      <c r="LEI658" s="613"/>
      <c r="LEJ658" s="613"/>
      <c r="LEK658" s="613"/>
      <c r="LEL658" s="613"/>
      <c r="LEM658" s="613"/>
      <c r="LEN658" s="613"/>
      <c r="LEO658" s="613"/>
      <c r="LEP658" s="613"/>
      <c r="LEQ658" s="613"/>
      <c r="LER658" s="613"/>
      <c r="LES658" s="613"/>
      <c r="LET658" s="613"/>
      <c r="LEU658" s="613"/>
      <c r="LEV658" s="613"/>
      <c r="LEW658" s="613"/>
      <c r="LEX658" s="613"/>
      <c r="LEY658" s="613"/>
      <c r="LEZ658" s="613"/>
      <c r="LFA658" s="613"/>
      <c r="LFB658" s="613"/>
      <c r="LFC658" s="613"/>
      <c r="LFD658" s="613"/>
      <c r="LFE658" s="613"/>
      <c r="LFF658" s="613"/>
      <c r="LFG658" s="613"/>
      <c r="LFH658" s="613"/>
      <c r="LFI658" s="613"/>
      <c r="LFJ658" s="613"/>
      <c r="LFK658" s="613"/>
      <c r="LFL658" s="613"/>
      <c r="LFM658" s="613"/>
      <c r="LFN658" s="613"/>
      <c r="LFO658" s="613"/>
      <c r="LFP658" s="613"/>
      <c r="LFQ658" s="613"/>
      <c r="LFR658" s="613"/>
      <c r="LFS658" s="613"/>
      <c r="LFT658" s="613"/>
      <c r="LFU658" s="613"/>
      <c r="LFV658" s="613"/>
      <c r="LFW658" s="613"/>
      <c r="LFX658" s="613"/>
      <c r="LFY658" s="613"/>
      <c r="LFZ658" s="613"/>
      <c r="LGA658" s="613"/>
      <c r="LGB658" s="613"/>
      <c r="LGC658" s="613"/>
      <c r="LGD658" s="613"/>
      <c r="LGE658" s="613"/>
      <c r="LGF658" s="613"/>
      <c r="LGG658" s="613"/>
      <c r="LGH658" s="613"/>
      <c r="LGI658" s="613"/>
      <c r="LGJ658" s="613"/>
      <c r="LGK658" s="613"/>
      <c r="LGL658" s="613"/>
      <c r="LGM658" s="613"/>
      <c r="LGN658" s="613"/>
      <c r="LGO658" s="613"/>
      <c r="LGP658" s="613"/>
      <c r="LGQ658" s="613"/>
      <c r="LGR658" s="613"/>
      <c r="LGS658" s="613"/>
      <c r="LGT658" s="613"/>
      <c r="LGU658" s="613"/>
      <c r="LGV658" s="613"/>
      <c r="LGW658" s="613"/>
      <c r="LGX658" s="613"/>
      <c r="LGY658" s="613"/>
      <c r="LGZ658" s="613"/>
      <c r="LHA658" s="613"/>
      <c r="LHB658" s="613"/>
      <c r="LHC658" s="613"/>
      <c r="LHD658" s="613"/>
      <c r="LHE658" s="613"/>
      <c r="LHF658" s="613"/>
      <c r="LHG658" s="613"/>
      <c r="LHH658" s="613"/>
      <c r="LHI658" s="613"/>
      <c r="LHJ658" s="613"/>
      <c r="LHK658" s="613"/>
      <c r="LHL658" s="613"/>
      <c r="LHM658" s="613"/>
      <c r="LHN658" s="613"/>
      <c r="LHO658" s="613"/>
      <c r="LHP658" s="613"/>
      <c r="LHQ658" s="613"/>
      <c r="LHR658" s="613"/>
      <c r="LHS658" s="613"/>
      <c r="LHT658" s="613"/>
      <c r="LHU658" s="613"/>
      <c r="LHV658" s="613"/>
      <c r="LHW658" s="613"/>
      <c r="LHX658" s="613"/>
      <c r="LHY658" s="613"/>
      <c r="LHZ658" s="613"/>
      <c r="LIA658" s="613"/>
      <c r="LIB658" s="613"/>
      <c r="LIC658" s="613"/>
      <c r="LID658" s="613"/>
      <c r="LIE658" s="613"/>
      <c r="LIF658" s="613"/>
      <c r="LIG658" s="613"/>
      <c r="LIH658" s="613"/>
      <c r="LII658" s="613"/>
      <c r="LIJ658" s="613"/>
      <c r="LIK658" s="613"/>
      <c r="LIL658" s="613"/>
      <c r="LIM658" s="613"/>
      <c r="LIN658" s="613"/>
      <c r="LIO658" s="613"/>
      <c r="LIP658" s="613"/>
      <c r="LIQ658" s="613"/>
      <c r="LIR658" s="613"/>
      <c r="LIS658" s="613"/>
      <c r="LIT658" s="613"/>
      <c r="LIU658" s="613"/>
      <c r="LIV658" s="613"/>
      <c r="LIW658" s="613"/>
      <c r="LIX658" s="613"/>
      <c r="LIY658" s="613"/>
      <c r="LIZ658" s="613"/>
      <c r="LJA658" s="613"/>
      <c r="LJB658" s="613"/>
      <c r="LJC658" s="613"/>
      <c r="LJD658" s="613"/>
      <c r="LJE658" s="613"/>
      <c r="LJF658" s="613"/>
      <c r="LJG658" s="613"/>
      <c r="LJH658" s="613"/>
      <c r="LJI658" s="613"/>
      <c r="LJJ658" s="613"/>
      <c r="LJK658" s="613"/>
      <c r="LJL658" s="613"/>
      <c r="LJM658" s="613"/>
      <c r="LJN658" s="613"/>
      <c r="LJO658" s="613"/>
      <c r="LJP658" s="613"/>
      <c r="LJQ658" s="613"/>
      <c r="LJR658" s="613"/>
      <c r="LJS658" s="613"/>
      <c r="LJT658" s="613"/>
      <c r="LJU658" s="613"/>
      <c r="LJV658" s="613"/>
      <c r="LJW658" s="613"/>
      <c r="LJX658" s="613"/>
      <c r="LJY658" s="613"/>
      <c r="LJZ658" s="613"/>
      <c r="LKA658" s="613"/>
      <c r="LKB658" s="613"/>
      <c r="LKC658" s="613"/>
      <c r="LKD658" s="613"/>
      <c r="LKE658" s="613"/>
      <c r="LKF658" s="613"/>
      <c r="LKG658" s="613"/>
      <c r="LKH658" s="613"/>
      <c r="LKI658" s="613"/>
      <c r="LKJ658" s="613"/>
      <c r="LKK658" s="613"/>
      <c r="LKL658" s="613"/>
      <c r="LKM658" s="613"/>
      <c r="LKN658" s="613"/>
      <c r="LKO658" s="613"/>
      <c r="LKP658" s="613"/>
      <c r="LKQ658" s="613"/>
      <c r="LKR658" s="613"/>
      <c r="LKS658" s="613"/>
      <c r="LKT658" s="613"/>
      <c r="LKU658" s="613"/>
      <c r="LKV658" s="613"/>
      <c r="LKW658" s="613"/>
      <c r="LKX658" s="613"/>
      <c r="LKY658" s="613"/>
      <c r="LKZ658" s="613"/>
      <c r="LLA658" s="613"/>
      <c r="LLB658" s="613"/>
      <c r="LLC658" s="613"/>
      <c r="LLD658" s="613"/>
      <c r="LLE658" s="613"/>
      <c r="LLF658" s="613"/>
      <c r="LLG658" s="613"/>
      <c r="LLH658" s="613"/>
      <c r="LLI658" s="613"/>
      <c r="LLJ658" s="613"/>
      <c r="LLK658" s="613"/>
      <c r="LLL658" s="613"/>
      <c r="LLM658" s="613"/>
      <c r="LLN658" s="613"/>
      <c r="LLO658" s="613"/>
      <c r="LLP658" s="613"/>
      <c r="LLQ658" s="613"/>
      <c r="LLR658" s="613"/>
      <c r="LLS658" s="613"/>
      <c r="LLT658" s="613"/>
      <c r="LLU658" s="613"/>
      <c r="LLV658" s="613"/>
      <c r="LLW658" s="613"/>
      <c r="LLX658" s="613"/>
      <c r="LLY658" s="613"/>
      <c r="LLZ658" s="613"/>
      <c r="LMA658" s="613"/>
      <c r="LMB658" s="613"/>
      <c r="LMC658" s="613"/>
      <c r="LMD658" s="613"/>
      <c r="LME658" s="613"/>
      <c r="LMF658" s="613"/>
      <c r="LMG658" s="613"/>
      <c r="LMH658" s="613"/>
      <c r="LMI658" s="613"/>
      <c r="LMJ658" s="613"/>
      <c r="LMK658" s="613"/>
      <c r="LML658" s="613"/>
      <c r="LMM658" s="613"/>
      <c r="LMN658" s="613"/>
      <c r="LMO658" s="613"/>
      <c r="LMP658" s="613"/>
      <c r="LMQ658" s="613"/>
      <c r="LMR658" s="613"/>
      <c r="LMS658" s="613"/>
      <c r="LMT658" s="613"/>
      <c r="LMU658" s="613"/>
      <c r="LMV658" s="613"/>
      <c r="LMW658" s="613"/>
      <c r="LMX658" s="613"/>
      <c r="LMY658" s="613"/>
      <c r="LMZ658" s="613"/>
      <c r="LNA658" s="613"/>
      <c r="LNB658" s="613"/>
      <c r="LNC658" s="613"/>
      <c r="LND658" s="613"/>
      <c r="LNE658" s="613"/>
      <c r="LNF658" s="613"/>
      <c r="LNG658" s="613"/>
      <c r="LNH658" s="613"/>
      <c r="LNI658" s="613"/>
      <c r="LNJ658" s="613"/>
      <c r="LNK658" s="613"/>
      <c r="LNL658" s="613"/>
      <c r="LNM658" s="613"/>
      <c r="LNN658" s="613"/>
      <c r="LNO658" s="613"/>
      <c r="LNP658" s="613"/>
      <c r="LNQ658" s="613"/>
      <c r="LNR658" s="613"/>
      <c r="LNS658" s="613"/>
      <c r="LNT658" s="613"/>
      <c r="LNU658" s="613"/>
      <c r="LNV658" s="613"/>
      <c r="LNW658" s="613"/>
      <c r="LNX658" s="613"/>
      <c r="LNY658" s="613"/>
      <c r="LNZ658" s="613"/>
      <c r="LOA658" s="613"/>
      <c r="LOB658" s="613"/>
      <c r="LOC658" s="613"/>
      <c r="LOD658" s="613"/>
      <c r="LOE658" s="613"/>
      <c r="LOF658" s="613"/>
      <c r="LOG658" s="613"/>
      <c r="LOH658" s="613"/>
      <c r="LOI658" s="613"/>
      <c r="LOJ658" s="613"/>
      <c r="LOK658" s="613"/>
      <c r="LOL658" s="613"/>
      <c r="LOM658" s="613"/>
      <c r="LON658" s="613"/>
      <c r="LOO658" s="613"/>
      <c r="LOP658" s="613"/>
      <c r="LOQ658" s="613"/>
      <c r="LOR658" s="613"/>
      <c r="LOS658" s="613"/>
      <c r="LOT658" s="613"/>
      <c r="LOU658" s="613"/>
      <c r="LOV658" s="613"/>
      <c r="LOW658" s="613"/>
      <c r="LOX658" s="613"/>
      <c r="LOY658" s="613"/>
      <c r="LOZ658" s="613"/>
      <c r="LPA658" s="613"/>
      <c r="LPB658" s="613"/>
      <c r="LPC658" s="613"/>
      <c r="LPD658" s="613"/>
      <c r="LPE658" s="613"/>
      <c r="LPF658" s="613"/>
      <c r="LPG658" s="613"/>
      <c r="LPH658" s="613"/>
      <c r="LPI658" s="613"/>
      <c r="LPJ658" s="613"/>
      <c r="LPK658" s="613"/>
      <c r="LPL658" s="613"/>
      <c r="LPM658" s="613"/>
      <c r="LPN658" s="613"/>
      <c r="LPO658" s="613"/>
      <c r="LPP658" s="613"/>
      <c r="LPQ658" s="613"/>
      <c r="LPR658" s="613"/>
      <c r="LPS658" s="613"/>
      <c r="LPT658" s="613"/>
      <c r="LPU658" s="613"/>
      <c r="LPV658" s="613"/>
      <c r="LPW658" s="613"/>
      <c r="LPX658" s="613"/>
      <c r="LPY658" s="613"/>
      <c r="LPZ658" s="613"/>
      <c r="LQA658" s="613"/>
      <c r="LQB658" s="613"/>
      <c r="LQC658" s="613"/>
      <c r="LQD658" s="613"/>
      <c r="LQE658" s="613"/>
      <c r="LQF658" s="613"/>
      <c r="LQG658" s="613"/>
      <c r="LQH658" s="613"/>
      <c r="LQI658" s="613"/>
      <c r="LQJ658" s="613"/>
      <c r="LQK658" s="613"/>
      <c r="LQL658" s="613"/>
      <c r="LQM658" s="613"/>
      <c r="LQN658" s="613"/>
      <c r="LQO658" s="613"/>
      <c r="LQP658" s="613"/>
      <c r="LQQ658" s="613"/>
      <c r="LQR658" s="613"/>
      <c r="LQS658" s="613"/>
      <c r="LQT658" s="613"/>
      <c r="LQU658" s="613"/>
      <c r="LQV658" s="613"/>
      <c r="LQW658" s="613"/>
      <c r="LQX658" s="613"/>
      <c r="LQY658" s="613"/>
      <c r="LQZ658" s="613"/>
      <c r="LRA658" s="613"/>
      <c r="LRB658" s="613"/>
      <c r="LRC658" s="613"/>
      <c r="LRD658" s="613"/>
      <c r="LRE658" s="613"/>
      <c r="LRF658" s="613"/>
      <c r="LRG658" s="613"/>
      <c r="LRH658" s="613"/>
      <c r="LRI658" s="613"/>
      <c r="LRJ658" s="613"/>
      <c r="LRK658" s="613"/>
      <c r="LRL658" s="613"/>
      <c r="LRM658" s="613"/>
      <c r="LRN658" s="613"/>
      <c r="LRO658" s="613"/>
      <c r="LRP658" s="613"/>
      <c r="LRQ658" s="613"/>
      <c r="LRR658" s="613"/>
      <c r="LRS658" s="613"/>
      <c r="LRT658" s="613"/>
      <c r="LRU658" s="613"/>
      <c r="LRV658" s="613"/>
      <c r="LRW658" s="613"/>
      <c r="LRX658" s="613"/>
      <c r="LRY658" s="613"/>
      <c r="LRZ658" s="613"/>
      <c r="LSA658" s="613"/>
      <c r="LSB658" s="613"/>
      <c r="LSC658" s="613"/>
      <c r="LSD658" s="613"/>
      <c r="LSE658" s="613"/>
      <c r="LSF658" s="613"/>
      <c r="LSG658" s="613"/>
      <c r="LSH658" s="613"/>
      <c r="LSI658" s="613"/>
      <c r="LSJ658" s="613"/>
      <c r="LSK658" s="613"/>
      <c r="LSL658" s="613"/>
      <c r="LSM658" s="613"/>
      <c r="LSN658" s="613"/>
      <c r="LSO658" s="613"/>
      <c r="LSP658" s="613"/>
      <c r="LSQ658" s="613"/>
      <c r="LSR658" s="613"/>
      <c r="LSS658" s="613"/>
      <c r="LST658" s="613"/>
      <c r="LSU658" s="613"/>
      <c r="LSV658" s="613"/>
      <c r="LSW658" s="613"/>
      <c r="LSX658" s="613"/>
      <c r="LSY658" s="613"/>
      <c r="LSZ658" s="613"/>
      <c r="LTA658" s="613"/>
      <c r="LTB658" s="613"/>
      <c r="LTC658" s="613"/>
      <c r="LTD658" s="613"/>
      <c r="LTE658" s="613"/>
      <c r="LTF658" s="613"/>
      <c r="LTG658" s="613"/>
      <c r="LTH658" s="613"/>
      <c r="LTI658" s="613"/>
      <c r="LTJ658" s="613"/>
      <c r="LTK658" s="613"/>
      <c r="LTL658" s="613"/>
      <c r="LTM658" s="613"/>
      <c r="LTN658" s="613"/>
      <c r="LTO658" s="613"/>
      <c r="LTP658" s="613"/>
      <c r="LTQ658" s="613"/>
      <c r="LTR658" s="613"/>
      <c r="LTS658" s="613"/>
      <c r="LTT658" s="613"/>
      <c r="LTU658" s="613"/>
      <c r="LTV658" s="613"/>
      <c r="LTW658" s="613"/>
      <c r="LTX658" s="613"/>
      <c r="LTY658" s="613"/>
      <c r="LTZ658" s="613"/>
      <c r="LUA658" s="613"/>
      <c r="LUB658" s="613"/>
      <c r="LUC658" s="613"/>
      <c r="LUD658" s="613"/>
      <c r="LUE658" s="613"/>
      <c r="LUF658" s="613"/>
      <c r="LUG658" s="613"/>
      <c r="LUH658" s="613"/>
      <c r="LUI658" s="613"/>
      <c r="LUJ658" s="613"/>
      <c r="LUK658" s="613"/>
      <c r="LUL658" s="613"/>
      <c r="LUM658" s="613"/>
      <c r="LUN658" s="613"/>
      <c r="LUO658" s="613"/>
      <c r="LUP658" s="613"/>
      <c r="LUQ658" s="613"/>
      <c r="LUR658" s="613"/>
      <c r="LUS658" s="613"/>
      <c r="LUT658" s="613"/>
      <c r="LUU658" s="613"/>
      <c r="LUV658" s="613"/>
      <c r="LUW658" s="613"/>
      <c r="LUX658" s="613"/>
      <c r="LUY658" s="613"/>
      <c r="LUZ658" s="613"/>
      <c r="LVA658" s="613"/>
      <c r="LVB658" s="613"/>
      <c r="LVC658" s="613"/>
      <c r="LVD658" s="613"/>
      <c r="LVE658" s="613"/>
      <c r="LVF658" s="613"/>
      <c r="LVG658" s="613"/>
      <c r="LVH658" s="613"/>
      <c r="LVI658" s="613"/>
      <c r="LVJ658" s="613"/>
      <c r="LVK658" s="613"/>
      <c r="LVL658" s="613"/>
      <c r="LVM658" s="613"/>
      <c r="LVN658" s="613"/>
      <c r="LVO658" s="613"/>
      <c r="LVP658" s="613"/>
      <c r="LVQ658" s="613"/>
      <c r="LVR658" s="613"/>
      <c r="LVS658" s="613"/>
      <c r="LVT658" s="613"/>
      <c r="LVU658" s="613"/>
      <c r="LVV658" s="613"/>
      <c r="LVW658" s="613"/>
      <c r="LVX658" s="613"/>
      <c r="LVY658" s="613"/>
      <c r="LVZ658" s="613"/>
      <c r="LWA658" s="613"/>
      <c r="LWB658" s="613"/>
      <c r="LWC658" s="613"/>
      <c r="LWD658" s="613"/>
      <c r="LWE658" s="613"/>
      <c r="LWF658" s="613"/>
      <c r="LWG658" s="613"/>
      <c r="LWH658" s="613"/>
      <c r="LWI658" s="613"/>
      <c r="LWJ658" s="613"/>
      <c r="LWK658" s="613"/>
      <c r="LWL658" s="613"/>
      <c r="LWM658" s="613"/>
      <c r="LWN658" s="613"/>
      <c r="LWO658" s="613"/>
      <c r="LWP658" s="613"/>
      <c r="LWQ658" s="613"/>
      <c r="LWR658" s="613"/>
      <c r="LWS658" s="613"/>
      <c r="LWT658" s="613"/>
      <c r="LWU658" s="613"/>
      <c r="LWV658" s="613"/>
      <c r="LWW658" s="613"/>
      <c r="LWX658" s="613"/>
      <c r="LWY658" s="613"/>
      <c r="LWZ658" s="613"/>
      <c r="LXA658" s="613"/>
      <c r="LXB658" s="613"/>
      <c r="LXC658" s="613"/>
      <c r="LXD658" s="613"/>
      <c r="LXE658" s="613"/>
      <c r="LXF658" s="613"/>
      <c r="LXG658" s="613"/>
      <c r="LXH658" s="613"/>
      <c r="LXI658" s="613"/>
      <c r="LXJ658" s="613"/>
      <c r="LXK658" s="613"/>
      <c r="LXL658" s="613"/>
      <c r="LXM658" s="613"/>
      <c r="LXN658" s="613"/>
      <c r="LXO658" s="613"/>
      <c r="LXP658" s="613"/>
      <c r="LXQ658" s="613"/>
      <c r="LXR658" s="613"/>
      <c r="LXS658" s="613"/>
      <c r="LXT658" s="613"/>
      <c r="LXU658" s="613"/>
      <c r="LXV658" s="613"/>
      <c r="LXW658" s="613"/>
      <c r="LXX658" s="613"/>
      <c r="LXY658" s="613"/>
      <c r="LXZ658" s="613"/>
      <c r="LYA658" s="613"/>
      <c r="LYB658" s="613"/>
      <c r="LYC658" s="613"/>
      <c r="LYD658" s="613"/>
      <c r="LYE658" s="613"/>
      <c r="LYF658" s="613"/>
      <c r="LYG658" s="613"/>
      <c r="LYH658" s="613"/>
      <c r="LYI658" s="613"/>
      <c r="LYJ658" s="613"/>
      <c r="LYK658" s="613"/>
      <c r="LYL658" s="613"/>
      <c r="LYM658" s="613"/>
      <c r="LYN658" s="613"/>
      <c r="LYO658" s="613"/>
      <c r="LYP658" s="613"/>
      <c r="LYQ658" s="613"/>
      <c r="LYR658" s="613"/>
      <c r="LYS658" s="613"/>
      <c r="LYT658" s="613"/>
      <c r="LYU658" s="613"/>
      <c r="LYV658" s="613"/>
      <c r="LYW658" s="613"/>
      <c r="LYX658" s="613"/>
      <c r="LYY658" s="613"/>
      <c r="LYZ658" s="613"/>
      <c r="LZA658" s="613"/>
      <c r="LZB658" s="613"/>
      <c r="LZC658" s="613"/>
      <c r="LZD658" s="613"/>
      <c r="LZE658" s="613"/>
      <c r="LZF658" s="613"/>
      <c r="LZG658" s="613"/>
      <c r="LZH658" s="613"/>
      <c r="LZI658" s="613"/>
      <c r="LZJ658" s="613"/>
      <c r="LZK658" s="613"/>
      <c r="LZL658" s="613"/>
      <c r="LZM658" s="613"/>
      <c r="LZN658" s="613"/>
      <c r="LZO658" s="613"/>
      <c r="LZP658" s="613"/>
      <c r="LZQ658" s="613"/>
      <c r="LZR658" s="613"/>
      <c r="LZS658" s="613"/>
      <c r="LZT658" s="613"/>
      <c r="LZU658" s="613"/>
      <c r="LZV658" s="613"/>
      <c r="LZW658" s="613"/>
      <c r="LZX658" s="613"/>
      <c r="LZY658" s="613"/>
      <c r="LZZ658" s="613"/>
      <c r="MAA658" s="613"/>
      <c r="MAB658" s="613"/>
      <c r="MAC658" s="613"/>
      <c r="MAD658" s="613"/>
      <c r="MAE658" s="613"/>
      <c r="MAF658" s="613"/>
      <c r="MAG658" s="613"/>
      <c r="MAH658" s="613"/>
      <c r="MAI658" s="613"/>
      <c r="MAJ658" s="613"/>
      <c r="MAK658" s="613"/>
      <c r="MAL658" s="613"/>
      <c r="MAM658" s="613"/>
      <c r="MAN658" s="613"/>
      <c r="MAO658" s="613"/>
      <c r="MAP658" s="613"/>
      <c r="MAQ658" s="613"/>
      <c r="MAR658" s="613"/>
      <c r="MAS658" s="613"/>
      <c r="MAT658" s="613"/>
      <c r="MAU658" s="613"/>
      <c r="MAV658" s="613"/>
      <c r="MAW658" s="613"/>
      <c r="MAX658" s="613"/>
      <c r="MAY658" s="613"/>
      <c r="MAZ658" s="613"/>
      <c r="MBA658" s="613"/>
      <c r="MBB658" s="613"/>
      <c r="MBC658" s="613"/>
      <c r="MBD658" s="613"/>
      <c r="MBE658" s="613"/>
      <c r="MBF658" s="613"/>
      <c r="MBG658" s="613"/>
      <c r="MBH658" s="613"/>
      <c r="MBI658" s="613"/>
      <c r="MBJ658" s="613"/>
      <c r="MBK658" s="613"/>
      <c r="MBL658" s="613"/>
      <c r="MBM658" s="613"/>
      <c r="MBN658" s="613"/>
      <c r="MBO658" s="613"/>
      <c r="MBP658" s="613"/>
      <c r="MBQ658" s="613"/>
      <c r="MBR658" s="613"/>
      <c r="MBS658" s="613"/>
      <c r="MBT658" s="613"/>
      <c r="MBU658" s="613"/>
      <c r="MBV658" s="613"/>
      <c r="MBW658" s="613"/>
      <c r="MBX658" s="613"/>
      <c r="MBY658" s="613"/>
      <c r="MBZ658" s="613"/>
      <c r="MCA658" s="613"/>
      <c r="MCB658" s="613"/>
      <c r="MCC658" s="613"/>
      <c r="MCD658" s="613"/>
      <c r="MCE658" s="613"/>
      <c r="MCF658" s="613"/>
      <c r="MCG658" s="613"/>
      <c r="MCH658" s="613"/>
      <c r="MCI658" s="613"/>
      <c r="MCJ658" s="613"/>
      <c r="MCK658" s="613"/>
      <c r="MCL658" s="613"/>
      <c r="MCM658" s="613"/>
      <c r="MCN658" s="613"/>
      <c r="MCO658" s="613"/>
      <c r="MCP658" s="613"/>
      <c r="MCQ658" s="613"/>
      <c r="MCR658" s="613"/>
      <c r="MCS658" s="613"/>
      <c r="MCT658" s="613"/>
      <c r="MCU658" s="613"/>
      <c r="MCV658" s="613"/>
      <c r="MCW658" s="613"/>
      <c r="MCX658" s="613"/>
      <c r="MCY658" s="613"/>
      <c r="MCZ658" s="613"/>
      <c r="MDA658" s="613"/>
      <c r="MDB658" s="613"/>
      <c r="MDC658" s="613"/>
      <c r="MDD658" s="613"/>
      <c r="MDE658" s="613"/>
      <c r="MDF658" s="613"/>
      <c r="MDG658" s="613"/>
      <c r="MDH658" s="613"/>
      <c r="MDI658" s="613"/>
      <c r="MDJ658" s="613"/>
      <c r="MDK658" s="613"/>
      <c r="MDL658" s="613"/>
      <c r="MDM658" s="613"/>
      <c r="MDN658" s="613"/>
      <c r="MDO658" s="613"/>
      <c r="MDP658" s="613"/>
      <c r="MDQ658" s="613"/>
      <c r="MDR658" s="613"/>
      <c r="MDS658" s="613"/>
      <c r="MDT658" s="613"/>
      <c r="MDU658" s="613"/>
      <c r="MDV658" s="613"/>
      <c r="MDW658" s="613"/>
      <c r="MDX658" s="613"/>
      <c r="MDY658" s="613"/>
      <c r="MDZ658" s="613"/>
      <c r="MEA658" s="613"/>
      <c r="MEB658" s="613"/>
      <c r="MEC658" s="613"/>
      <c r="MED658" s="613"/>
      <c r="MEE658" s="613"/>
      <c r="MEF658" s="613"/>
      <c r="MEG658" s="613"/>
      <c r="MEH658" s="613"/>
      <c r="MEI658" s="613"/>
      <c r="MEJ658" s="613"/>
      <c r="MEK658" s="613"/>
      <c r="MEL658" s="613"/>
      <c r="MEM658" s="613"/>
      <c r="MEN658" s="613"/>
      <c r="MEO658" s="613"/>
      <c r="MEP658" s="613"/>
      <c r="MEQ658" s="613"/>
      <c r="MER658" s="613"/>
      <c r="MES658" s="613"/>
      <c r="MET658" s="613"/>
      <c r="MEU658" s="613"/>
      <c r="MEV658" s="613"/>
      <c r="MEW658" s="613"/>
      <c r="MEX658" s="613"/>
      <c r="MEY658" s="613"/>
      <c r="MEZ658" s="613"/>
      <c r="MFA658" s="613"/>
      <c r="MFB658" s="613"/>
      <c r="MFC658" s="613"/>
      <c r="MFD658" s="613"/>
      <c r="MFE658" s="613"/>
      <c r="MFF658" s="613"/>
      <c r="MFG658" s="613"/>
      <c r="MFH658" s="613"/>
      <c r="MFI658" s="613"/>
      <c r="MFJ658" s="613"/>
      <c r="MFK658" s="613"/>
      <c r="MFL658" s="613"/>
      <c r="MFM658" s="613"/>
      <c r="MFN658" s="613"/>
      <c r="MFO658" s="613"/>
      <c r="MFP658" s="613"/>
      <c r="MFQ658" s="613"/>
      <c r="MFR658" s="613"/>
      <c r="MFS658" s="613"/>
      <c r="MFT658" s="613"/>
      <c r="MFU658" s="613"/>
      <c r="MFV658" s="613"/>
      <c r="MFW658" s="613"/>
      <c r="MFX658" s="613"/>
      <c r="MFY658" s="613"/>
      <c r="MFZ658" s="613"/>
      <c r="MGA658" s="613"/>
      <c r="MGB658" s="613"/>
      <c r="MGC658" s="613"/>
      <c r="MGD658" s="613"/>
      <c r="MGE658" s="613"/>
      <c r="MGF658" s="613"/>
      <c r="MGG658" s="613"/>
      <c r="MGH658" s="613"/>
      <c r="MGI658" s="613"/>
      <c r="MGJ658" s="613"/>
      <c r="MGK658" s="613"/>
      <c r="MGL658" s="613"/>
      <c r="MGM658" s="613"/>
      <c r="MGN658" s="613"/>
      <c r="MGO658" s="613"/>
      <c r="MGP658" s="613"/>
      <c r="MGQ658" s="613"/>
      <c r="MGR658" s="613"/>
      <c r="MGS658" s="613"/>
      <c r="MGT658" s="613"/>
      <c r="MGU658" s="613"/>
      <c r="MGV658" s="613"/>
      <c r="MGW658" s="613"/>
      <c r="MGX658" s="613"/>
      <c r="MGY658" s="613"/>
      <c r="MGZ658" s="613"/>
      <c r="MHA658" s="613"/>
      <c r="MHB658" s="613"/>
      <c r="MHC658" s="613"/>
      <c r="MHD658" s="613"/>
      <c r="MHE658" s="613"/>
      <c r="MHF658" s="613"/>
      <c r="MHG658" s="613"/>
      <c r="MHH658" s="613"/>
      <c r="MHI658" s="613"/>
      <c r="MHJ658" s="613"/>
      <c r="MHK658" s="613"/>
      <c r="MHL658" s="613"/>
      <c r="MHM658" s="613"/>
      <c r="MHN658" s="613"/>
      <c r="MHO658" s="613"/>
      <c r="MHP658" s="613"/>
      <c r="MHQ658" s="613"/>
      <c r="MHR658" s="613"/>
      <c r="MHS658" s="613"/>
      <c r="MHT658" s="613"/>
      <c r="MHU658" s="613"/>
      <c r="MHV658" s="613"/>
      <c r="MHW658" s="613"/>
      <c r="MHX658" s="613"/>
      <c r="MHY658" s="613"/>
      <c r="MHZ658" s="613"/>
      <c r="MIA658" s="613"/>
      <c r="MIB658" s="613"/>
      <c r="MIC658" s="613"/>
      <c r="MID658" s="613"/>
      <c r="MIE658" s="613"/>
      <c r="MIF658" s="613"/>
      <c r="MIG658" s="613"/>
      <c r="MIH658" s="613"/>
      <c r="MII658" s="613"/>
      <c r="MIJ658" s="613"/>
      <c r="MIK658" s="613"/>
      <c r="MIL658" s="613"/>
      <c r="MIM658" s="613"/>
      <c r="MIN658" s="613"/>
      <c r="MIO658" s="613"/>
      <c r="MIP658" s="613"/>
      <c r="MIQ658" s="613"/>
      <c r="MIR658" s="613"/>
      <c r="MIS658" s="613"/>
      <c r="MIT658" s="613"/>
      <c r="MIU658" s="613"/>
      <c r="MIV658" s="613"/>
      <c r="MIW658" s="613"/>
      <c r="MIX658" s="613"/>
      <c r="MIY658" s="613"/>
      <c r="MIZ658" s="613"/>
      <c r="MJA658" s="613"/>
      <c r="MJB658" s="613"/>
      <c r="MJC658" s="613"/>
      <c r="MJD658" s="613"/>
      <c r="MJE658" s="613"/>
      <c r="MJF658" s="613"/>
      <c r="MJG658" s="613"/>
      <c r="MJH658" s="613"/>
      <c r="MJI658" s="613"/>
      <c r="MJJ658" s="613"/>
      <c r="MJK658" s="613"/>
      <c r="MJL658" s="613"/>
      <c r="MJM658" s="613"/>
      <c r="MJN658" s="613"/>
      <c r="MJO658" s="613"/>
      <c r="MJP658" s="613"/>
      <c r="MJQ658" s="613"/>
      <c r="MJR658" s="613"/>
      <c r="MJS658" s="613"/>
      <c r="MJT658" s="613"/>
      <c r="MJU658" s="613"/>
      <c r="MJV658" s="613"/>
      <c r="MJW658" s="613"/>
      <c r="MJX658" s="613"/>
      <c r="MJY658" s="613"/>
      <c r="MJZ658" s="613"/>
      <c r="MKA658" s="613"/>
      <c r="MKB658" s="613"/>
      <c r="MKC658" s="613"/>
      <c r="MKD658" s="613"/>
      <c r="MKE658" s="613"/>
      <c r="MKF658" s="613"/>
      <c r="MKG658" s="613"/>
      <c r="MKH658" s="613"/>
      <c r="MKI658" s="613"/>
      <c r="MKJ658" s="613"/>
      <c r="MKK658" s="613"/>
      <c r="MKL658" s="613"/>
      <c r="MKM658" s="613"/>
      <c r="MKN658" s="613"/>
      <c r="MKO658" s="613"/>
      <c r="MKP658" s="613"/>
      <c r="MKQ658" s="613"/>
      <c r="MKR658" s="613"/>
      <c r="MKS658" s="613"/>
      <c r="MKT658" s="613"/>
      <c r="MKU658" s="613"/>
      <c r="MKV658" s="613"/>
      <c r="MKW658" s="613"/>
      <c r="MKX658" s="613"/>
      <c r="MKY658" s="613"/>
      <c r="MKZ658" s="613"/>
      <c r="MLA658" s="613"/>
      <c r="MLB658" s="613"/>
      <c r="MLC658" s="613"/>
      <c r="MLD658" s="613"/>
      <c r="MLE658" s="613"/>
      <c r="MLF658" s="613"/>
      <c r="MLG658" s="613"/>
      <c r="MLH658" s="613"/>
      <c r="MLI658" s="613"/>
      <c r="MLJ658" s="613"/>
      <c r="MLK658" s="613"/>
      <c r="MLL658" s="613"/>
      <c r="MLM658" s="613"/>
      <c r="MLN658" s="613"/>
      <c r="MLO658" s="613"/>
      <c r="MLP658" s="613"/>
      <c r="MLQ658" s="613"/>
      <c r="MLR658" s="613"/>
      <c r="MLS658" s="613"/>
      <c r="MLT658" s="613"/>
      <c r="MLU658" s="613"/>
      <c r="MLV658" s="613"/>
      <c r="MLW658" s="613"/>
      <c r="MLX658" s="613"/>
      <c r="MLY658" s="613"/>
      <c r="MLZ658" s="613"/>
      <c r="MMA658" s="613"/>
      <c r="MMB658" s="613"/>
      <c r="MMC658" s="613"/>
      <c r="MMD658" s="613"/>
      <c r="MME658" s="613"/>
      <c r="MMF658" s="613"/>
      <c r="MMG658" s="613"/>
      <c r="MMH658" s="613"/>
      <c r="MMI658" s="613"/>
      <c r="MMJ658" s="613"/>
      <c r="MMK658" s="613"/>
      <c r="MML658" s="613"/>
      <c r="MMM658" s="613"/>
      <c r="MMN658" s="613"/>
      <c r="MMO658" s="613"/>
      <c r="MMP658" s="613"/>
      <c r="MMQ658" s="613"/>
      <c r="MMR658" s="613"/>
      <c r="MMS658" s="613"/>
      <c r="MMT658" s="613"/>
      <c r="MMU658" s="613"/>
      <c r="MMV658" s="613"/>
      <c r="MMW658" s="613"/>
      <c r="MMX658" s="613"/>
      <c r="MMY658" s="613"/>
      <c r="MMZ658" s="613"/>
      <c r="MNA658" s="613"/>
      <c r="MNB658" s="613"/>
      <c r="MNC658" s="613"/>
      <c r="MND658" s="613"/>
      <c r="MNE658" s="613"/>
      <c r="MNF658" s="613"/>
      <c r="MNG658" s="613"/>
      <c r="MNH658" s="613"/>
      <c r="MNI658" s="613"/>
      <c r="MNJ658" s="613"/>
      <c r="MNK658" s="613"/>
      <c r="MNL658" s="613"/>
      <c r="MNM658" s="613"/>
      <c r="MNN658" s="613"/>
      <c r="MNO658" s="613"/>
      <c r="MNP658" s="613"/>
      <c r="MNQ658" s="613"/>
      <c r="MNR658" s="613"/>
      <c r="MNS658" s="613"/>
      <c r="MNT658" s="613"/>
      <c r="MNU658" s="613"/>
      <c r="MNV658" s="613"/>
      <c r="MNW658" s="613"/>
      <c r="MNX658" s="613"/>
      <c r="MNY658" s="613"/>
      <c r="MNZ658" s="613"/>
      <c r="MOA658" s="613"/>
      <c r="MOB658" s="613"/>
      <c r="MOC658" s="613"/>
      <c r="MOD658" s="613"/>
      <c r="MOE658" s="613"/>
      <c r="MOF658" s="613"/>
      <c r="MOG658" s="613"/>
      <c r="MOH658" s="613"/>
      <c r="MOI658" s="613"/>
      <c r="MOJ658" s="613"/>
      <c r="MOK658" s="613"/>
      <c r="MOL658" s="613"/>
      <c r="MOM658" s="613"/>
      <c r="MON658" s="613"/>
      <c r="MOO658" s="613"/>
      <c r="MOP658" s="613"/>
      <c r="MOQ658" s="613"/>
      <c r="MOR658" s="613"/>
      <c r="MOS658" s="613"/>
      <c r="MOT658" s="613"/>
      <c r="MOU658" s="613"/>
      <c r="MOV658" s="613"/>
      <c r="MOW658" s="613"/>
      <c r="MOX658" s="613"/>
      <c r="MOY658" s="613"/>
      <c r="MOZ658" s="613"/>
      <c r="MPA658" s="613"/>
      <c r="MPB658" s="613"/>
      <c r="MPC658" s="613"/>
      <c r="MPD658" s="613"/>
      <c r="MPE658" s="613"/>
      <c r="MPF658" s="613"/>
      <c r="MPG658" s="613"/>
      <c r="MPH658" s="613"/>
      <c r="MPI658" s="613"/>
      <c r="MPJ658" s="613"/>
      <c r="MPK658" s="613"/>
      <c r="MPL658" s="613"/>
      <c r="MPM658" s="613"/>
      <c r="MPN658" s="613"/>
      <c r="MPO658" s="613"/>
      <c r="MPP658" s="613"/>
      <c r="MPQ658" s="613"/>
      <c r="MPR658" s="613"/>
      <c r="MPS658" s="613"/>
      <c r="MPT658" s="613"/>
      <c r="MPU658" s="613"/>
      <c r="MPV658" s="613"/>
      <c r="MPW658" s="613"/>
      <c r="MPX658" s="613"/>
      <c r="MPY658" s="613"/>
      <c r="MPZ658" s="613"/>
      <c r="MQA658" s="613"/>
      <c r="MQB658" s="613"/>
      <c r="MQC658" s="613"/>
      <c r="MQD658" s="613"/>
      <c r="MQE658" s="613"/>
      <c r="MQF658" s="613"/>
      <c r="MQG658" s="613"/>
      <c r="MQH658" s="613"/>
      <c r="MQI658" s="613"/>
      <c r="MQJ658" s="613"/>
      <c r="MQK658" s="613"/>
      <c r="MQL658" s="613"/>
      <c r="MQM658" s="613"/>
      <c r="MQN658" s="613"/>
      <c r="MQO658" s="613"/>
      <c r="MQP658" s="613"/>
      <c r="MQQ658" s="613"/>
      <c r="MQR658" s="613"/>
      <c r="MQS658" s="613"/>
      <c r="MQT658" s="613"/>
      <c r="MQU658" s="613"/>
      <c r="MQV658" s="613"/>
      <c r="MQW658" s="613"/>
      <c r="MQX658" s="613"/>
      <c r="MQY658" s="613"/>
      <c r="MQZ658" s="613"/>
      <c r="MRA658" s="613"/>
      <c r="MRB658" s="613"/>
      <c r="MRC658" s="613"/>
      <c r="MRD658" s="613"/>
      <c r="MRE658" s="613"/>
      <c r="MRF658" s="613"/>
      <c r="MRG658" s="613"/>
      <c r="MRH658" s="613"/>
      <c r="MRI658" s="613"/>
      <c r="MRJ658" s="613"/>
      <c r="MRK658" s="613"/>
      <c r="MRL658" s="613"/>
      <c r="MRM658" s="613"/>
      <c r="MRN658" s="613"/>
      <c r="MRO658" s="613"/>
      <c r="MRP658" s="613"/>
      <c r="MRQ658" s="613"/>
      <c r="MRR658" s="613"/>
      <c r="MRS658" s="613"/>
      <c r="MRT658" s="613"/>
      <c r="MRU658" s="613"/>
      <c r="MRV658" s="613"/>
      <c r="MRW658" s="613"/>
      <c r="MRX658" s="613"/>
      <c r="MRY658" s="613"/>
      <c r="MRZ658" s="613"/>
      <c r="MSA658" s="613"/>
      <c r="MSB658" s="613"/>
      <c r="MSC658" s="613"/>
      <c r="MSD658" s="613"/>
      <c r="MSE658" s="613"/>
      <c r="MSF658" s="613"/>
      <c r="MSG658" s="613"/>
      <c r="MSH658" s="613"/>
      <c r="MSI658" s="613"/>
      <c r="MSJ658" s="613"/>
      <c r="MSK658" s="613"/>
      <c r="MSL658" s="613"/>
      <c r="MSM658" s="613"/>
      <c r="MSN658" s="613"/>
      <c r="MSO658" s="613"/>
      <c r="MSP658" s="613"/>
      <c r="MSQ658" s="613"/>
      <c r="MSR658" s="613"/>
      <c r="MSS658" s="613"/>
      <c r="MST658" s="613"/>
      <c r="MSU658" s="613"/>
      <c r="MSV658" s="613"/>
      <c r="MSW658" s="613"/>
      <c r="MSX658" s="613"/>
      <c r="MSY658" s="613"/>
      <c r="MSZ658" s="613"/>
      <c r="MTA658" s="613"/>
      <c r="MTB658" s="613"/>
      <c r="MTC658" s="613"/>
      <c r="MTD658" s="613"/>
      <c r="MTE658" s="613"/>
      <c r="MTF658" s="613"/>
      <c r="MTG658" s="613"/>
      <c r="MTH658" s="613"/>
      <c r="MTI658" s="613"/>
      <c r="MTJ658" s="613"/>
      <c r="MTK658" s="613"/>
      <c r="MTL658" s="613"/>
      <c r="MTM658" s="613"/>
      <c r="MTN658" s="613"/>
      <c r="MTO658" s="613"/>
      <c r="MTP658" s="613"/>
      <c r="MTQ658" s="613"/>
      <c r="MTR658" s="613"/>
      <c r="MTS658" s="613"/>
      <c r="MTT658" s="613"/>
      <c r="MTU658" s="613"/>
      <c r="MTV658" s="613"/>
      <c r="MTW658" s="613"/>
      <c r="MTX658" s="613"/>
      <c r="MTY658" s="613"/>
      <c r="MTZ658" s="613"/>
      <c r="MUA658" s="613"/>
      <c r="MUB658" s="613"/>
      <c r="MUC658" s="613"/>
      <c r="MUD658" s="613"/>
      <c r="MUE658" s="613"/>
      <c r="MUF658" s="613"/>
      <c r="MUG658" s="613"/>
      <c r="MUH658" s="613"/>
      <c r="MUI658" s="613"/>
      <c r="MUJ658" s="613"/>
      <c r="MUK658" s="613"/>
      <c r="MUL658" s="613"/>
      <c r="MUM658" s="613"/>
      <c r="MUN658" s="613"/>
      <c r="MUO658" s="613"/>
      <c r="MUP658" s="613"/>
      <c r="MUQ658" s="613"/>
      <c r="MUR658" s="613"/>
      <c r="MUS658" s="613"/>
      <c r="MUT658" s="613"/>
      <c r="MUU658" s="613"/>
      <c r="MUV658" s="613"/>
      <c r="MUW658" s="613"/>
      <c r="MUX658" s="613"/>
      <c r="MUY658" s="613"/>
      <c r="MUZ658" s="613"/>
      <c r="MVA658" s="613"/>
      <c r="MVB658" s="613"/>
      <c r="MVC658" s="613"/>
      <c r="MVD658" s="613"/>
      <c r="MVE658" s="613"/>
      <c r="MVF658" s="613"/>
      <c r="MVG658" s="613"/>
      <c r="MVH658" s="613"/>
      <c r="MVI658" s="613"/>
      <c r="MVJ658" s="613"/>
      <c r="MVK658" s="613"/>
      <c r="MVL658" s="613"/>
      <c r="MVM658" s="613"/>
      <c r="MVN658" s="613"/>
      <c r="MVO658" s="613"/>
      <c r="MVP658" s="613"/>
      <c r="MVQ658" s="613"/>
      <c r="MVR658" s="613"/>
      <c r="MVS658" s="613"/>
      <c r="MVT658" s="613"/>
      <c r="MVU658" s="613"/>
      <c r="MVV658" s="613"/>
      <c r="MVW658" s="613"/>
      <c r="MVX658" s="613"/>
      <c r="MVY658" s="613"/>
      <c r="MVZ658" s="613"/>
      <c r="MWA658" s="613"/>
      <c r="MWB658" s="613"/>
      <c r="MWC658" s="613"/>
      <c r="MWD658" s="613"/>
      <c r="MWE658" s="613"/>
      <c r="MWF658" s="613"/>
      <c r="MWG658" s="613"/>
      <c r="MWH658" s="613"/>
      <c r="MWI658" s="613"/>
      <c r="MWJ658" s="613"/>
      <c r="MWK658" s="613"/>
      <c r="MWL658" s="613"/>
      <c r="MWM658" s="613"/>
      <c r="MWN658" s="613"/>
      <c r="MWO658" s="613"/>
      <c r="MWP658" s="613"/>
      <c r="MWQ658" s="613"/>
      <c r="MWR658" s="613"/>
      <c r="MWS658" s="613"/>
      <c r="MWT658" s="613"/>
      <c r="MWU658" s="613"/>
      <c r="MWV658" s="613"/>
      <c r="MWW658" s="613"/>
      <c r="MWX658" s="613"/>
      <c r="MWY658" s="613"/>
      <c r="MWZ658" s="613"/>
      <c r="MXA658" s="613"/>
      <c r="MXB658" s="613"/>
      <c r="MXC658" s="613"/>
      <c r="MXD658" s="613"/>
      <c r="MXE658" s="613"/>
      <c r="MXF658" s="613"/>
      <c r="MXG658" s="613"/>
      <c r="MXH658" s="613"/>
      <c r="MXI658" s="613"/>
      <c r="MXJ658" s="613"/>
      <c r="MXK658" s="613"/>
      <c r="MXL658" s="613"/>
      <c r="MXM658" s="613"/>
      <c r="MXN658" s="613"/>
      <c r="MXO658" s="613"/>
      <c r="MXP658" s="613"/>
      <c r="MXQ658" s="613"/>
      <c r="MXR658" s="613"/>
      <c r="MXS658" s="613"/>
      <c r="MXT658" s="613"/>
      <c r="MXU658" s="613"/>
      <c r="MXV658" s="613"/>
      <c r="MXW658" s="613"/>
      <c r="MXX658" s="613"/>
      <c r="MXY658" s="613"/>
      <c r="MXZ658" s="613"/>
      <c r="MYA658" s="613"/>
      <c r="MYB658" s="613"/>
      <c r="MYC658" s="613"/>
      <c r="MYD658" s="613"/>
      <c r="MYE658" s="613"/>
      <c r="MYF658" s="613"/>
      <c r="MYG658" s="613"/>
      <c r="MYH658" s="613"/>
      <c r="MYI658" s="613"/>
      <c r="MYJ658" s="613"/>
      <c r="MYK658" s="613"/>
      <c r="MYL658" s="613"/>
      <c r="MYM658" s="613"/>
      <c r="MYN658" s="613"/>
      <c r="MYO658" s="613"/>
      <c r="MYP658" s="613"/>
      <c r="MYQ658" s="613"/>
      <c r="MYR658" s="613"/>
      <c r="MYS658" s="613"/>
      <c r="MYT658" s="613"/>
      <c r="MYU658" s="613"/>
      <c r="MYV658" s="613"/>
      <c r="MYW658" s="613"/>
      <c r="MYX658" s="613"/>
      <c r="MYY658" s="613"/>
      <c r="MYZ658" s="613"/>
      <c r="MZA658" s="613"/>
      <c r="MZB658" s="613"/>
      <c r="MZC658" s="613"/>
      <c r="MZD658" s="613"/>
      <c r="MZE658" s="613"/>
      <c r="MZF658" s="613"/>
      <c r="MZG658" s="613"/>
      <c r="MZH658" s="613"/>
      <c r="MZI658" s="613"/>
      <c r="MZJ658" s="613"/>
      <c r="MZK658" s="613"/>
      <c r="MZL658" s="613"/>
      <c r="MZM658" s="613"/>
      <c r="MZN658" s="613"/>
      <c r="MZO658" s="613"/>
      <c r="MZP658" s="613"/>
      <c r="MZQ658" s="613"/>
      <c r="MZR658" s="613"/>
      <c r="MZS658" s="613"/>
      <c r="MZT658" s="613"/>
      <c r="MZU658" s="613"/>
      <c r="MZV658" s="613"/>
      <c r="MZW658" s="613"/>
      <c r="MZX658" s="613"/>
      <c r="MZY658" s="613"/>
      <c r="MZZ658" s="613"/>
      <c r="NAA658" s="613"/>
      <c r="NAB658" s="613"/>
      <c r="NAC658" s="613"/>
      <c r="NAD658" s="613"/>
      <c r="NAE658" s="613"/>
      <c r="NAF658" s="613"/>
      <c r="NAG658" s="613"/>
      <c r="NAH658" s="613"/>
      <c r="NAI658" s="613"/>
      <c r="NAJ658" s="613"/>
      <c r="NAK658" s="613"/>
      <c r="NAL658" s="613"/>
      <c r="NAM658" s="613"/>
      <c r="NAN658" s="613"/>
      <c r="NAO658" s="613"/>
      <c r="NAP658" s="613"/>
      <c r="NAQ658" s="613"/>
      <c r="NAR658" s="613"/>
      <c r="NAS658" s="613"/>
      <c r="NAT658" s="613"/>
      <c r="NAU658" s="613"/>
      <c r="NAV658" s="613"/>
      <c r="NAW658" s="613"/>
      <c r="NAX658" s="613"/>
      <c r="NAY658" s="613"/>
      <c r="NAZ658" s="613"/>
      <c r="NBA658" s="613"/>
      <c r="NBB658" s="613"/>
      <c r="NBC658" s="613"/>
      <c r="NBD658" s="613"/>
      <c r="NBE658" s="613"/>
      <c r="NBF658" s="613"/>
      <c r="NBG658" s="613"/>
      <c r="NBH658" s="613"/>
      <c r="NBI658" s="613"/>
      <c r="NBJ658" s="613"/>
      <c r="NBK658" s="613"/>
      <c r="NBL658" s="613"/>
      <c r="NBM658" s="613"/>
      <c r="NBN658" s="613"/>
      <c r="NBO658" s="613"/>
      <c r="NBP658" s="613"/>
      <c r="NBQ658" s="613"/>
      <c r="NBR658" s="613"/>
      <c r="NBS658" s="613"/>
      <c r="NBT658" s="613"/>
      <c r="NBU658" s="613"/>
      <c r="NBV658" s="613"/>
      <c r="NBW658" s="613"/>
      <c r="NBX658" s="613"/>
      <c r="NBY658" s="613"/>
      <c r="NBZ658" s="613"/>
      <c r="NCA658" s="613"/>
      <c r="NCB658" s="613"/>
      <c r="NCC658" s="613"/>
      <c r="NCD658" s="613"/>
      <c r="NCE658" s="613"/>
      <c r="NCF658" s="613"/>
      <c r="NCG658" s="613"/>
      <c r="NCH658" s="613"/>
      <c r="NCI658" s="613"/>
      <c r="NCJ658" s="613"/>
      <c r="NCK658" s="613"/>
      <c r="NCL658" s="613"/>
      <c r="NCM658" s="613"/>
      <c r="NCN658" s="613"/>
      <c r="NCO658" s="613"/>
      <c r="NCP658" s="613"/>
      <c r="NCQ658" s="613"/>
      <c r="NCR658" s="613"/>
      <c r="NCS658" s="613"/>
      <c r="NCT658" s="613"/>
      <c r="NCU658" s="613"/>
      <c r="NCV658" s="613"/>
      <c r="NCW658" s="613"/>
      <c r="NCX658" s="613"/>
      <c r="NCY658" s="613"/>
      <c r="NCZ658" s="613"/>
      <c r="NDA658" s="613"/>
      <c r="NDB658" s="613"/>
      <c r="NDC658" s="613"/>
      <c r="NDD658" s="613"/>
      <c r="NDE658" s="613"/>
      <c r="NDF658" s="613"/>
      <c r="NDG658" s="613"/>
      <c r="NDH658" s="613"/>
      <c r="NDI658" s="613"/>
      <c r="NDJ658" s="613"/>
      <c r="NDK658" s="613"/>
      <c r="NDL658" s="613"/>
      <c r="NDM658" s="613"/>
      <c r="NDN658" s="613"/>
      <c r="NDO658" s="613"/>
      <c r="NDP658" s="613"/>
      <c r="NDQ658" s="613"/>
      <c r="NDR658" s="613"/>
      <c r="NDS658" s="613"/>
      <c r="NDT658" s="613"/>
      <c r="NDU658" s="613"/>
      <c r="NDV658" s="613"/>
      <c r="NDW658" s="613"/>
      <c r="NDX658" s="613"/>
      <c r="NDY658" s="613"/>
      <c r="NDZ658" s="613"/>
      <c r="NEA658" s="613"/>
      <c r="NEB658" s="613"/>
      <c r="NEC658" s="613"/>
      <c r="NED658" s="613"/>
      <c r="NEE658" s="613"/>
      <c r="NEF658" s="613"/>
      <c r="NEG658" s="613"/>
      <c r="NEH658" s="613"/>
      <c r="NEI658" s="613"/>
      <c r="NEJ658" s="613"/>
      <c r="NEK658" s="613"/>
      <c r="NEL658" s="613"/>
      <c r="NEM658" s="613"/>
      <c r="NEN658" s="613"/>
      <c r="NEO658" s="613"/>
      <c r="NEP658" s="613"/>
      <c r="NEQ658" s="613"/>
      <c r="NER658" s="613"/>
      <c r="NES658" s="613"/>
      <c r="NET658" s="613"/>
      <c r="NEU658" s="613"/>
      <c r="NEV658" s="613"/>
      <c r="NEW658" s="613"/>
      <c r="NEX658" s="613"/>
      <c r="NEY658" s="613"/>
      <c r="NEZ658" s="613"/>
      <c r="NFA658" s="613"/>
      <c r="NFB658" s="613"/>
      <c r="NFC658" s="613"/>
      <c r="NFD658" s="613"/>
      <c r="NFE658" s="613"/>
      <c r="NFF658" s="613"/>
      <c r="NFG658" s="613"/>
      <c r="NFH658" s="613"/>
      <c r="NFI658" s="613"/>
      <c r="NFJ658" s="613"/>
      <c r="NFK658" s="613"/>
      <c r="NFL658" s="613"/>
      <c r="NFM658" s="613"/>
      <c r="NFN658" s="613"/>
      <c r="NFO658" s="613"/>
      <c r="NFP658" s="613"/>
      <c r="NFQ658" s="613"/>
      <c r="NFR658" s="613"/>
      <c r="NFS658" s="613"/>
      <c r="NFT658" s="613"/>
      <c r="NFU658" s="613"/>
      <c r="NFV658" s="613"/>
      <c r="NFW658" s="613"/>
      <c r="NFX658" s="613"/>
      <c r="NFY658" s="613"/>
      <c r="NFZ658" s="613"/>
      <c r="NGA658" s="613"/>
      <c r="NGB658" s="613"/>
      <c r="NGC658" s="613"/>
      <c r="NGD658" s="613"/>
      <c r="NGE658" s="613"/>
      <c r="NGF658" s="613"/>
      <c r="NGG658" s="613"/>
      <c r="NGH658" s="613"/>
      <c r="NGI658" s="613"/>
      <c r="NGJ658" s="613"/>
      <c r="NGK658" s="613"/>
      <c r="NGL658" s="613"/>
      <c r="NGM658" s="613"/>
      <c r="NGN658" s="613"/>
      <c r="NGO658" s="613"/>
      <c r="NGP658" s="613"/>
      <c r="NGQ658" s="613"/>
      <c r="NGR658" s="613"/>
      <c r="NGS658" s="613"/>
      <c r="NGT658" s="613"/>
      <c r="NGU658" s="613"/>
      <c r="NGV658" s="613"/>
      <c r="NGW658" s="613"/>
      <c r="NGX658" s="613"/>
      <c r="NGY658" s="613"/>
      <c r="NGZ658" s="613"/>
      <c r="NHA658" s="613"/>
      <c r="NHB658" s="613"/>
      <c r="NHC658" s="613"/>
      <c r="NHD658" s="613"/>
      <c r="NHE658" s="613"/>
      <c r="NHF658" s="613"/>
      <c r="NHG658" s="613"/>
      <c r="NHH658" s="613"/>
      <c r="NHI658" s="613"/>
      <c r="NHJ658" s="613"/>
      <c r="NHK658" s="613"/>
      <c r="NHL658" s="613"/>
      <c r="NHM658" s="613"/>
      <c r="NHN658" s="613"/>
      <c r="NHO658" s="613"/>
      <c r="NHP658" s="613"/>
      <c r="NHQ658" s="613"/>
      <c r="NHR658" s="613"/>
      <c r="NHS658" s="613"/>
      <c r="NHT658" s="613"/>
      <c r="NHU658" s="613"/>
      <c r="NHV658" s="613"/>
      <c r="NHW658" s="613"/>
      <c r="NHX658" s="613"/>
      <c r="NHY658" s="613"/>
      <c r="NHZ658" s="613"/>
      <c r="NIA658" s="613"/>
      <c r="NIB658" s="613"/>
      <c r="NIC658" s="613"/>
      <c r="NID658" s="613"/>
      <c r="NIE658" s="613"/>
      <c r="NIF658" s="613"/>
      <c r="NIG658" s="613"/>
      <c r="NIH658" s="613"/>
      <c r="NII658" s="613"/>
      <c r="NIJ658" s="613"/>
      <c r="NIK658" s="613"/>
      <c r="NIL658" s="613"/>
      <c r="NIM658" s="613"/>
      <c r="NIN658" s="613"/>
      <c r="NIO658" s="613"/>
      <c r="NIP658" s="613"/>
      <c r="NIQ658" s="613"/>
      <c r="NIR658" s="613"/>
      <c r="NIS658" s="613"/>
      <c r="NIT658" s="613"/>
      <c r="NIU658" s="613"/>
      <c r="NIV658" s="613"/>
      <c r="NIW658" s="613"/>
      <c r="NIX658" s="613"/>
      <c r="NIY658" s="613"/>
      <c r="NIZ658" s="613"/>
      <c r="NJA658" s="613"/>
      <c r="NJB658" s="613"/>
      <c r="NJC658" s="613"/>
      <c r="NJD658" s="613"/>
      <c r="NJE658" s="613"/>
      <c r="NJF658" s="613"/>
      <c r="NJG658" s="613"/>
      <c r="NJH658" s="613"/>
      <c r="NJI658" s="613"/>
      <c r="NJJ658" s="613"/>
      <c r="NJK658" s="613"/>
      <c r="NJL658" s="613"/>
      <c r="NJM658" s="613"/>
      <c r="NJN658" s="613"/>
      <c r="NJO658" s="613"/>
      <c r="NJP658" s="613"/>
      <c r="NJQ658" s="613"/>
      <c r="NJR658" s="613"/>
      <c r="NJS658" s="613"/>
      <c r="NJT658" s="613"/>
      <c r="NJU658" s="613"/>
      <c r="NJV658" s="613"/>
      <c r="NJW658" s="613"/>
      <c r="NJX658" s="613"/>
      <c r="NJY658" s="613"/>
      <c r="NJZ658" s="613"/>
      <c r="NKA658" s="613"/>
      <c r="NKB658" s="613"/>
      <c r="NKC658" s="613"/>
      <c r="NKD658" s="613"/>
      <c r="NKE658" s="613"/>
      <c r="NKF658" s="613"/>
      <c r="NKG658" s="613"/>
      <c r="NKH658" s="613"/>
      <c r="NKI658" s="613"/>
      <c r="NKJ658" s="613"/>
      <c r="NKK658" s="613"/>
      <c r="NKL658" s="613"/>
      <c r="NKM658" s="613"/>
      <c r="NKN658" s="613"/>
      <c r="NKO658" s="613"/>
      <c r="NKP658" s="613"/>
      <c r="NKQ658" s="613"/>
      <c r="NKR658" s="613"/>
      <c r="NKS658" s="613"/>
      <c r="NKT658" s="613"/>
      <c r="NKU658" s="613"/>
      <c r="NKV658" s="613"/>
      <c r="NKW658" s="613"/>
      <c r="NKX658" s="613"/>
      <c r="NKY658" s="613"/>
      <c r="NKZ658" s="613"/>
      <c r="NLA658" s="613"/>
      <c r="NLB658" s="613"/>
      <c r="NLC658" s="613"/>
      <c r="NLD658" s="613"/>
      <c r="NLE658" s="613"/>
      <c r="NLF658" s="613"/>
      <c r="NLG658" s="613"/>
      <c r="NLH658" s="613"/>
      <c r="NLI658" s="613"/>
      <c r="NLJ658" s="613"/>
      <c r="NLK658" s="613"/>
      <c r="NLL658" s="613"/>
      <c r="NLM658" s="613"/>
      <c r="NLN658" s="613"/>
      <c r="NLO658" s="613"/>
      <c r="NLP658" s="613"/>
      <c r="NLQ658" s="613"/>
      <c r="NLR658" s="613"/>
      <c r="NLS658" s="613"/>
      <c r="NLT658" s="613"/>
      <c r="NLU658" s="613"/>
      <c r="NLV658" s="613"/>
      <c r="NLW658" s="613"/>
      <c r="NLX658" s="613"/>
      <c r="NLY658" s="613"/>
      <c r="NLZ658" s="613"/>
      <c r="NMA658" s="613"/>
      <c r="NMB658" s="613"/>
      <c r="NMC658" s="613"/>
      <c r="NMD658" s="613"/>
      <c r="NME658" s="613"/>
      <c r="NMF658" s="613"/>
      <c r="NMG658" s="613"/>
      <c r="NMH658" s="613"/>
      <c r="NMI658" s="613"/>
      <c r="NMJ658" s="613"/>
      <c r="NMK658" s="613"/>
      <c r="NML658" s="613"/>
      <c r="NMM658" s="613"/>
      <c r="NMN658" s="613"/>
      <c r="NMO658" s="613"/>
      <c r="NMP658" s="613"/>
      <c r="NMQ658" s="613"/>
      <c r="NMR658" s="613"/>
      <c r="NMS658" s="613"/>
      <c r="NMT658" s="613"/>
      <c r="NMU658" s="613"/>
      <c r="NMV658" s="613"/>
      <c r="NMW658" s="613"/>
      <c r="NMX658" s="613"/>
      <c r="NMY658" s="613"/>
      <c r="NMZ658" s="613"/>
      <c r="NNA658" s="613"/>
      <c r="NNB658" s="613"/>
      <c r="NNC658" s="613"/>
      <c r="NND658" s="613"/>
      <c r="NNE658" s="613"/>
      <c r="NNF658" s="613"/>
      <c r="NNG658" s="613"/>
      <c r="NNH658" s="613"/>
      <c r="NNI658" s="613"/>
      <c r="NNJ658" s="613"/>
      <c r="NNK658" s="613"/>
      <c r="NNL658" s="613"/>
      <c r="NNM658" s="613"/>
      <c r="NNN658" s="613"/>
      <c r="NNO658" s="613"/>
      <c r="NNP658" s="613"/>
      <c r="NNQ658" s="613"/>
      <c r="NNR658" s="613"/>
      <c r="NNS658" s="613"/>
      <c r="NNT658" s="613"/>
      <c r="NNU658" s="613"/>
      <c r="NNV658" s="613"/>
      <c r="NNW658" s="613"/>
      <c r="NNX658" s="613"/>
      <c r="NNY658" s="613"/>
      <c r="NNZ658" s="613"/>
      <c r="NOA658" s="613"/>
      <c r="NOB658" s="613"/>
      <c r="NOC658" s="613"/>
      <c r="NOD658" s="613"/>
      <c r="NOE658" s="613"/>
      <c r="NOF658" s="613"/>
      <c r="NOG658" s="613"/>
      <c r="NOH658" s="613"/>
      <c r="NOI658" s="613"/>
      <c r="NOJ658" s="613"/>
      <c r="NOK658" s="613"/>
      <c r="NOL658" s="613"/>
      <c r="NOM658" s="613"/>
      <c r="NON658" s="613"/>
      <c r="NOO658" s="613"/>
      <c r="NOP658" s="613"/>
      <c r="NOQ658" s="613"/>
      <c r="NOR658" s="613"/>
      <c r="NOS658" s="613"/>
      <c r="NOT658" s="613"/>
      <c r="NOU658" s="613"/>
      <c r="NOV658" s="613"/>
      <c r="NOW658" s="613"/>
      <c r="NOX658" s="613"/>
      <c r="NOY658" s="613"/>
      <c r="NOZ658" s="613"/>
      <c r="NPA658" s="613"/>
      <c r="NPB658" s="613"/>
      <c r="NPC658" s="613"/>
      <c r="NPD658" s="613"/>
      <c r="NPE658" s="613"/>
      <c r="NPF658" s="613"/>
      <c r="NPG658" s="613"/>
      <c r="NPH658" s="613"/>
      <c r="NPI658" s="613"/>
      <c r="NPJ658" s="613"/>
      <c r="NPK658" s="613"/>
      <c r="NPL658" s="613"/>
      <c r="NPM658" s="613"/>
      <c r="NPN658" s="613"/>
      <c r="NPO658" s="613"/>
      <c r="NPP658" s="613"/>
      <c r="NPQ658" s="613"/>
      <c r="NPR658" s="613"/>
      <c r="NPS658" s="613"/>
      <c r="NPT658" s="613"/>
      <c r="NPU658" s="613"/>
      <c r="NPV658" s="613"/>
      <c r="NPW658" s="613"/>
      <c r="NPX658" s="613"/>
      <c r="NPY658" s="613"/>
      <c r="NPZ658" s="613"/>
      <c r="NQA658" s="613"/>
      <c r="NQB658" s="613"/>
      <c r="NQC658" s="613"/>
      <c r="NQD658" s="613"/>
      <c r="NQE658" s="613"/>
      <c r="NQF658" s="613"/>
      <c r="NQG658" s="613"/>
      <c r="NQH658" s="613"/>
      <c r="NQI658" s="613"/>
      <c r="NQJ658" s="613"/>
      <c r="NQK658" s="613"/>
      <c r="NQL658" s="613"/>
      <c r="NQM658" s="613"/>
      <c r="NQN658" s="613"/>
      <c r="NQO658" s="613"/>
      <c r="NQP658" s="613"/>
      <c r="NQQ658" s="613"/>
      <c r="NQR658" s="613"/>
      <c r="NQS658" s="613"/>
      <c r="NQT658" s="613"/>
      <c r="NQU658" s="613"/>
      <c r="NQV658" s="613"/>
      <c r="NQW658" s="613"/>
      <c r="NQX658" s="613"/>
      <c r="NQY658" s="613"/>
      <c r="NQZ658" s="613"/>
      <c r="NRA658" s="613"/>
      <c r="NRB658" s="613"/>
      <c r="NRC658" s="613"/>
      <c r="NRD658" s="613"/>
      <c r="NRE658" s="613"/>
      <c r="NRF658" s="613"/>
      <c r="NRG658" s="613"/>
      <c r="NRH658" s="613"/>
      <c r="NRI658" s="613"/>
      <c r="NRJ658" s="613"/>
      <c r="NRK658" s="613"/>
      <c r="NRL658" s="613"/>
      <c r="NRM658" s="613"/>
      <c r="NRN658" s="613"/>
      <c r="NRO658" s="613"/>
      <c r="NRP658" s="613"/>
      <c r="NRQ658" s="613"/>
      <c r="NRR658" s="613"/>
      <c r="NRS658" s="613"/>
      <c r="NRT658" s="613"/>
      <c r="NRU658" s="613"/>
      <c r="NRV658" s="613"/>
      <c r="NRW658" s="613"/>
      <c r="NRX658" s="613"/>
      <c r="NRY658" s="613"/>
      <c r="NRZ658" s="613"/>
      <c r="NSA658" s="613"/>
      <c r="NSB658" s="613"/>
      <c r="NSC658" s="613"/>
      <c r="NSD658" s="613"/>
      <c r="NSE658" s="613"/>
      <c r="NSF658" s="613"/>
      <c r="NSG658" s="613"/>
      <c r="NSH658" s="613"/>
      <c r="NSI658" s="613"/>
      <c r="NSJ658" s="613"/>
      <c r="NSK658" s="613"/>
      <c r="NSL658" s="613"/>
      <c r="NSM658" s="613"/>
      <c r="NSN658" s="613"/>
      <c r="NSO658" s="613"/>
      <c r="NSP658" s="613"/>
      <c r="NSQ658" s="613"/>
      <c r="NSR658" s="613"/>
      <c r="NSS658" s="613"/>
      <c r="NST658" s="613"/>
      <c r="NSU658" s="613"/>
      <c r="NSV658" s="613"/>
      <c r="NSW658" s="613"/>
      <c r="NSX658" s="613"/>
      <c r="NSY658" s="613"/>
      <c r="NSZ658" s="613"/>
      <c r="NTA658" s="613"/>
      <c r="NTB658" s="613"/>
      <c r="NTC658" s="613"/>
      <c r="NTD658" s="613"/>
      <c r="NTE658" s="613"/>
      <c r="NTF658" s="613"/>
      <c r="NTG658" s="613"/>
      <c r="NTH658" s="613"/>
      <c r="NTI658" s="613"/>
      <c r="NTJ658" s="613"/>
      <c r="NTK658" s="613"/>
      <c r="NTL658" s="613"/>
      <c r="NTM658" s="613"/>
      <c r="NTN658" s="613"/>
      <c r="NTO658" s="613"/>
      <c r="NTP658" s="613"/>
      <c r="NTQ658" s="613"/>
      <c r="NTR658" s="613"/>
      <c r="NTS658" s="613"/>
      <c r="NTT658" s="613"/>
      <c r="NTU658" s="613"/>
      <c r="NTV658" s="613"/>
      <c r="NTW658" s="613"/>
      <c r="NTX658" s="613"/>
      <c r="NTY658" s="613"/>
      <c r="NTZ658" s="613"/>
      <c r="NUA658" s="613"/>
      <c r="NUB658" s="613"/>
      <c r="NUC658" s="613"/>
      <c r="NUD658" s="613"/>
      <c r="NUE658" s="613"/>
      <c r="NUF658" s="613"/>
      <c r="NUG658" s="613"/>
      <c r="NUH658" s="613"/>
      <c r="NUI658" s="613"/>
      <c r="NUJ658" s="613"/>
      <c r="NUK658" s="613"/>
      <c r="NUL658" s="613"/>
      <c r="NUM658" s="613"/>
      <c r="NUN658" s="613"/>
      <c r="NUO658" s="613"/>
      <c r="NUP658" s="613"/>
      <c r="NUQ658" s="613"/>
      <c r="NUR658" s="613"/>
      <c r="NUS658" s="613"/>
      <c r="NUT658" s="613"/>
      <c r="NUU658" s="613"/>
      <c r="NUV658" s="613"/>
      <c r="NUW658" s="613"/>
      <c r="NUX658" s="613"/>
      <c r="NUY658" s="613"/>
      <c r="NUZ658" s="613"/>
      <c r="NVA658" s="613"/>
      <c r="NVB658" s="613"/>
      <c r="NVC658" s="613"/>
      <c r="NVD658" s="613"/>
      <c r="NVE658" s="613"/>
      <c r="NVF658" s="613"/>
      <c r="NVG658" s="613"/>
      <c r="NVH658" s="613"/>
      <c r="NVI658" s="613"/>
      <c r="NVJ658" s="613"/>
      <c r="NVK658" s="613"/>
      <c r="NVL658" s="613"/>
      <c r="NVM658" s="613"/>
      <c r="NVN658" s="613"/>
      <c r="NVO658" s="613"/>
      <c r="NVP658" s="613"/>
      <c r="NVQ658" s="613"/>
      <c r="NVR658" s="613"/>
      <c r="NVS658" s="613"/>
      <c r="NVT658" s="613"/>
      <c r="NVU658" s="613"/>
      <c r="NVV658" s="613"/>
      <c r="NVW658" s="613"/>
      <c r="NVX658" s="613"/>
      <c r="NVY658" s="613"/>
      <c r="NVZ658" s="613"/>
      <c r="NWA658" s="613"/>
      <c r="NWB658" s="613"/>
      <c r="NWC658" s="613"/>
      <c r="NWD658" s="613"/>
      <c r="NWE658" s="613"/>
      <c r="NWF658" s="613"/>
      <c r="NWG658" s="613"/>
      <c r="NWH658" s="613"/>
      <c r="NWI658" s="613"/>
      <c r="NWJ658" s="613"/>
      <c r="NWK658" s="613"/>
      <c r="NWL658" s="613"/>
      <c r="NWM658" s="613"/>
      <c r="NWN658" s="613"/>
      <c r="NWO658" s="613"/>
      <c r="NWP658" s="613"/>
      <c r="NWQ658" s="613"/>
      <c r="NWR658" s="613"/>
      <c r="NWS658" s="613"/>
      <c r="NWT658" s="613"/>
      <c r="NWU658" s="613"/>
      <c r="NWV658" s="613"/>
      <c r="NWW658" s="613"/>
      <c r="NWX658" s="613"/>
      <c r="NWY658" s="613"/>
      <c r="NWZ658" s="613"/>
      <c r="NXA658" s="613"/>
      <c r="NXB658" s="613"/>
      <c r="NXC658" s="613"/>
      <c r="NXD658" s="613"/>
      <c r="NXE658" s="613"/>
      <c r="NXF658" s="613"/>
      <c r="NXG658" s="613"/>
      <c r="NXH658" s="613"/>
      <c r="NXI658" s="613"/>
      <c r="NXJ658" s="613"/>
      <c r="NXK658" s="613"/>
      <c r="NXL658" s="613"/>
      <c r="NXM658" s="613"/>
      <c r="NXN658" s="613"/>
      <c r="NXO658" s="613"/>
      <c r="NXP658" s="613"/>
      <c r="NXQ658" s="613"/>
      <c r="NXR658" s="613"/>
      <c r="NXS658" s="613"/>
      <c r="NXT658" s="613"/>
      <c r="NXU658" s="613"/>
      <c r="NXV658" s="613"/>
      <c r="NXW658" s="613"/>
      <c r="NXX658" s="613"/>
      <c r="NXY658" s="613"/>
      <c r="NXZ658" s="613"/>
      <c r="NYA658" s="613"/>
      <c r="NYB658" s="613"/>
      <c r="NYC658" s="613"/>
      <c r="NYD658" s="613"/>
      <c r="NYE658" s="613"/>
      <c r="NYF658" s="613"/>
      <c r="NYG658" s="613"/>
      <c r="NYH658" s="613"/>
      <c r="NYI658" s="613"/>
      <c r="NYJ658" s="613"/>
      <c r="NYK658" s="613"/>
      <c r="NYL658" s="613"/>
      <c r="NYM658" s="613"/>
      <c r="NYN658" s="613"/>
      <c r="NYO658" s="613"/>
      <c r="NYP658" s="613"/>
      <c r="NYQ658" s="613"/>
      <c r="NYR658" s="613"/>
      <c r="NYS658" s="613"/>
      <c r="NYT658" s="613"/>
      <c r="NYU658" s="613"/>
      <c r="NYV658" s="613"/>
      <c r="NYW658" s="613"/>
      <c r="NYX658" s="613"/>
      <c r="NYY658" s="613"/>
      <c r="NYZ658" s="613"/>
      <c r="NZA658" s="613"/>
      <c r="NZB658" s="613"/>
      <c r="NZC658" s="613"/>
      <c r="NZD658" s="613"/>
      <c r="NZE658" s="613"/>
      <c r="NZF658" s="613"/>
      <c r="NZG658" s="613"/>
      <c r="NZH658" s="613"/>
      <c r="NZI658" s="613"/>
      <c r="NZJ658" s="613"/>
      <c r="NZK658" s="613"/>
      <c r="NZL658" s="613"/>
      <c r="NZM658" s="613"/>
      <c r="NZN658" s="613"/>
      <c r="NZO658" s="613"/>
      <c r="NZP658" s="613"/>
      <c r="NZQ658" s="613"/>
      <c r="NZR658" s="613"/>
      <c r="NZS658" s="613"/>
      <c r="NZT658" s="613"/>
      <c r="NZU658" s="613"/>
      <c r="NZV658" s="613"/>
      <c r="NZW658" s="613"/>
      <c r="NZX658" s="613"/>
      <c r="NZY658" s="613"/>
      <c r="NZZ658" s="613"/>
      <c r="OAA658" s="613"/>
      <c r="OAB658" s="613"/>
      <c r="OAC658" s="613"/>
      <c r="OAD658" s="613"/>
      <c r="OAE658" s="613"/>
      <c r="OAF658" s="613"/>
      <c r="OAG658" s="613"/>
      <c r="OAH658" s="613"/>
      <c r="OAI658" s="613"/>
      <c r="OAJ658" s="613"/>
      <c r="OAK658" s="613"/>
      <c r="OAL658" s="613"/>
      <c r="OAM658" s="613"/>
      <c r="OAN658" s="613"/>
      <c r="OAO658" s="613"/>
      <c r="OAP658" s="613"/>
      <c r="OAQ658" s="613"/>
      <c r="OAR658" s="613"/>
      <c r="OAS658" s="613"/>
      <c r="OAT658" s="613"/>
      <c r="OAU658" s="613"/>
      <c r="OAV658" s="613"/>
      <c r="OAW658" s="613"/>
      <c r="OAX658" s="613"/>
      <c r="OAY658" s="613"/>
      <c r="OAZ658" s="613"/>
      <c r="OBA658" s="613"/>
      <c r="OBB658" s="613"/>
      <c r="OBC658" s="613"/>
      <c r="OBD658" s="613"/>
      <c r="OBE658" s="613"/>
      <c r="OBF658" s="613"/>
      <c r="OBG658" s="613"/>
      <c r="OBH658" s="613"/>
      <c r="OBI658" s="613"/>
      <c r="OBJ658" s="613"/>
      <c r="OBK658" s="613"/>
      <c r="OBL658" s="613"/>
      <c r="OBM658" s="613"/>
      <c r="OBN658" s="613"/>
      <c r="OBO658" s="613"/>
      <c r="OBP658" s="613"/>
      <c r="OBQ658" s="613"/>
      <c r="OBR658" s="613"/>
      <c r="OBS658" s="613"/>
      <c r="OBT658" s="613"/>
      <c r="OBU658" s="613"/>
      <c r="OBV658" s="613"/>
      <c r="OBW658" s="613"/>
      <c r="OBX658" s="613"/>
      <c r="OBY658" s="613"/>
      <c r="OBZ658" s="613"/>
      <c r="OCA658" s="613"/>
      <c r="OCB658" s="613"/>
      <c r="OCC658" s="613"/>
      <c r="OCD658" s="613"/>
      <c r="OCE658" s="613"/>
      <c r="OCF658" s="613"/>
      <c r="OCG658" s="613"/>
      <c r="OCH658" s="613"/>
      <c r="OCI658" s="613"/>
      <c r="OCJ658" s="613"/>
      <c r="OCK658" s="613"/>
      <c r="OCL658" s="613"/>
      <c r="OCM658" s="613"/>
      <c r="OCN658" s="613"/>
      <c r="OCO658" s="613"/>
      <c r="OCP658" s="613"/>
      <c r="OCQ658" s="613"/>
      <c r="OCR658" s="613"/>
      <c r="OCS658" s="613"/>
      <c r="OCT658" s="613"/>
      <c r="OCU658" s="613"/>
      <c r="OCV658" s="613"/>
      <c r="OCW658" s="613"/>
      <c r="OCX658" s="613"/>
      <c r="OCY658" s="613"/>
      <c r="OCZ658" s="613"/>
      <c r="ODA658" s="613"/>
      <c r="ODB658" s="613"/>
      <c r="ODC658" s="613"/>
      <c r="ODD658" s="613"/>
      <c r="ODE658" s="613"/>
      <c r="ODF658" s="613"/>
      <c r="ODG658" s="613"/>
      <c r="ODH658" s="613"/>
      <c r="ODI658" s="613"/>
      <c r="ODJ658" s="613"/>
      <c r="ODK658" s="613"/>
      <c r="ODL658" s="613"/>
      <c r="ODM658" s="613"/>
      <c r="ODN658" s="613"/>
      <c r="ODO658" s="613"/>
      <c r="ODP658" s="613"/>
      <c r="ODQ658" s="613"/>
      <c r="ODR658" s="613"/>
      <c r="ODS658" s="613"/>
      <c r="ODT658" s="613"/>
      <c r="ODU658" s="613"/>
      <c r="ODV658" s="613"/>
      <c r="ODW658" s="613"/>
      <c r="ODX658" s="613"/>
      <c r="ODY658" s="613"/>
      <c r="ODZ658" s="613"/>
      <c r="OEA658" s="613"/>
      <c r="OEB658" s="613"/>
      <c r="OEC658" s="613"/>
      <c r="OED658" s="613"/>
      <c r="OEE658" s="613"/>
      <c r="OEF658" s="613"/>
      <c r="OEG658" s="613"/>
      <c r="OEH658" s="613"/>
      <c r="OEI658" s="613"/>
      <c r="OEJ658" s="613"/>
      <c r="OEK658" s="613"/>
      <c r="OEL658" s="613"/>
      <c r="OEM658" s="613"/>
      <c r="OEN658" s="613"/>
      <c r="OEO658" s="613"/>
      <c r="OEP658" s="613"/>
      <c r="OEQ658" s="613"/>
      <c r="OER658" s="613"/>
      <c r="OES658" s="613"/>
      <c r="OET658" s="613"/>
      <c r="OEU658" s="613"/>
      <c r="OEV658" s="613"/>
      <c r="OEW658" s="613"/>
      <c r="OEX658" s="613"/>
      <c r="OEY658" s="613"/>
      <c r="OEZ658" s="613"/>
      <c r="OFA658" s="613"/>
      <c r="OFB658" s="613"/>
      <c r="OFC658" s="613"/>
      <c r="OFD658" s="613"/>
      <c r="OFE658" s="613"/>
      <c r="OFF658" s="613"/>
      <c r="OFG658" s="613"/>
      <c r="OFH658" s="613"/>
      <c r="OFI658" s="613"/>
      <c r="OFJ658" s="613"/>
      <c r="OFK658" s="613"/>
      <c r="OFL658" s="613"/>
      <c r="OFM658" s="613"/>
      <c r="OFN658" s="613"/>
      <c r="OFO658" s="613"/>
      <c r="OFP658" s="613"/>
      <c r="OFQ658" s="613"/>
      <c r="OFR658" s="613"/>
      <c r="OFS658" s="613"/>
      <c r="OFT658" s="613"/>
      <c r="OFU658" s="613"/>
      <c r="OFV658" s="613"/>
      <c r="OFW658" s="613"/>
      <c r="OFX658" s="613"/>
      <c r="OFY658" s="613"/>
      <c r="OFZ658" s="613"/>
      <c r="OGA658" s="613"/>
      <c r="OGB658" s="613"/>
      <c r="OGC658" s="613"/>
      <c r="OGD658" s="613"/>
      <c r="OGE658" s="613"/>
      <c r="OGF658" s="613"/>
      <c r="OGG658" s="613"/>
      <c r="OGH658" s="613"/>
      <c r="OGI658" s="613"/>
      <c r="OGJ658" s="613"/>
      <c r="OGK658" s="613"/>
      <c r="OGL658" s="613"/>
      <c r="OGM658" s="613"/>
      <c r="OGN658" s="613"/>
      <c r="OGO658" s="613"/>
      <c r="OGP658" s="613"/>
      <c r="OGQ658" s="613"/>
      <c r="OGR658" s="613"/>
      <c r="OGS658" s="613"/>
      <c r="OGT658" s="613"/>
      <c r="OGU658" s="613"/>
      <c r="OGV658" s="613"/>
      <c r="OGW658" s="613"/>
      <c r="OGX658" s="613"/>
      <c r="OGY658" s="613"/>
      <c r="OGZ658" s="613"/>
      <c r="OHA658" s="613"/>
      <c r="OHB658" s="613"/>
      <c r="OHC658" s="613"/>
      <c r="OHD658" s="613"/>
      <c r="OHE658" s="613"/>
      <c r="OHF658" s="613"/>
      <c r="OHG658" s="613"/>
      <c r="OHH658" s="613"/>
      <c r="OHI658" s="613"/>
      <c r="OHJ658" s="613"/>
      <c r="OHK658" s="613"/>
      <c r="OHL658" s="613"/>
      <c r="OHM658" s="613"/>
      <c r="OHN658" s="613"/>
      <c r="OHO658" s="613"/>
      <c r="OHP658" s="613"/>
      <c r="OHQ658" s="613"/>
      <c r="OHR658" s="613"/>
      <c r="OHS658" s="613"/>
      <c r="OHT658" s="613"/>
      <c r="OHU658" s="613"/>
      <c r="OHV658" s="613"/>
      <c r="OHW658" s="613"/>
      <c r="OHX658" s="613"/>
      <c r="OHY658" s="613"/>
      <c r="OHZ658" s="613"/>
      <c r="OIA658" s="613"/>
      <c r="OIB658" s="613"/>
      <c r="OIC658" s="613"/>
      <c r="OID658" s="613"/>
      <c r="OIE658" s="613"/>
      <c r="OIF658" s="613"/>
      <c r="OIG658" s="613"/>
      <c r="OIH658" s="613"/>
      <c r="OII658" s="613"/>
      <c r="OIJ658" s="613"/>
      <c r="OIK658" s="613"/>
      <c r="OIL658" s="613"/>
      <c r="OIM658" s="613"/>
      <c r="OIN658" s="613"/>
      <c r="OIO658" s="613"/>
      <c r="OIP658" s="613"/>
      <c r="OIQ658" s="613"/>
      <c r="OIR658" s="613"/>
      <c r="OIS658" s="613"/>
      <c r="OIT658" s="613"/>
      <c r="OIU658" s="613"/>
      <c r="OIV658" s="613"/>
      <c r="OIW658" s="613"/>
      <c r="OIX658" s="613"/>
      <c r="OIY658" s="613"/>
      <c r="OIZ658" s="613"/>
      <c r="OJA658" s="613"/>
      <c r="OJB658" s="613"/>
      <c r="OJC658" s="613"/>
      <c r="OJD658" s="613"/>
      <c r="OJE658" s="613"/>
      <c r="OJF658" s="613"/>
      <c r="OJG658" s="613"/>
      <c r="OJH658" s="613"/>
      <c r="OJI658" s="613"/>
      <c r="OJJ658" s="613"/>
      <c r="OJK658" s="613"/>
      <c r="OJL658" s="613"/>
      <c r="OJM658" s="613"/>
      <c r="OJN658" s="613"/>
      <c r="OJO658" s="613"/>
      <c r="OJP658" s="613"/>
      <c r="OJQ658" s="613"/>
      <c r="OJR658" s="613"/>
      <c r="OJS658" s="613"/>
      <c r="OJT658" s="613"/>
      <c r="OJU658" s="613"/>
      <c r="OJV658" s="613"/>
      <c r="OJW658" s="613"/>
      <c r="OJX658" s="613"/>
      <c r="OJY658" s="613"/>
      <c r="OJZ658" s="613"/>
      <c r="OKA658" s="613"/>
      <c r="OKB658" s="613"/>
      <c r="OKC658" s="613"/>
      <c r="OKD658" s="613"/>
      <c r="OKE658" s="613"/>
      <c r="OKF658" s="613"/>
      <c r="OKG658" s="613"/>
      <c r="OKH658" s="613"/>
      <c r="OKI658" s="613"/>
      <c r="OKJ658" s="613"/>
      <c r="OKK658" s="613"/>
      <c r="OKL658" s="613"/>
      <c r="OKM658" s="613"/>
      <c r="OKN658" s="613"/>
      <c r="OKO658" s="613"/>
      <c r="OKP658" s="613"/>
      <c r="OKQ658" s="613"/>
      <c r="OKR658" s="613"/>
      <c r="OKS658" s="613"/>
      <c r="OKT658" s="613"/>
      <c r="OKU658" s="613"/>
      <c r="OKV658" s="613"/>
      <c r="OKW658" s="613"/>
      <c r="OKX658" s="613"/>
      <c r="OKY658" s="613"/>
      <c r="OKZ658" s="613"/>
      <c r="OLA658" s="613"/>
      <c r="OLB658" s="613"/>
      <c r="OLC658" s="613"/>
      <c r="OLD658" s="613"/>
      <c r="OLE658" s="613"/>
      <c r="OLF658" s="613"/>
      <c r="OLG658" s="613"/>
      <c r="OLH658" s="613"/>
      <c r="OLI658" s="613"/>
      <c r="OLJ658" s="613"/>
      <c r="OLK658" s="613"/>
      <c r="OLL658" s="613"/>
      <c r="OLM658" s="613"/>
      <c r="OLN658" s="613"/>
      <c r="OLO658" s="613"/>
      <c r="OLP658" s="613"/>
      <c r="OLQ658" s="613"/>
      <c r="OLR658" s="613"/>
      <c r="OLS658" s="613"/>
      <c r="OLT658" s="613"/>
      <c r="OLU658" s="613"/>
      <c r="OLV658" s="613"/>
      <c r="OLW658" s="613"/>
      <c r="OLX658" s="613"/>
      <c r="OLY658" s="613"/>
      <c r="OLZ658" s="613"/>
      <c r="OMA658" s="613"/>
      <c r="OMB658" s="613"/>
      <c r="OMC658" s="613"/>
      <c r="OMD658" s="613"/>
      <c r="OME658" s="613"/>
      <c r="OMF658" s="613"/>
      <c r="OMG658" s="613"/>
      <c r="OMH658" s="613"/>
      <c r="OMI658" s="613"/>
      <c r="OMJ658" s="613"/>
      <c r="OMK658" s="613"/>
      <c r="OML658" s="613"/>
      <c r="OMM658" s="613"/>
      <c r="OMN658" s="613"/>
      <c r="OMO658" s="613"/>
      <c r="OMP658" s="613"/>
      <c r="OMQ658" s="613"/>
      <c r="OMR658" s="613"/>
      <c r="OMS658" s="613"/>
      <c r="OMT658" s="613"/>
      <c r="OMU658" s="613"/>
      <c r="OMV658" s="613"/>
      <c r="OMW658" s="613"/>
      <c r="OMX658" s="613"/>
      <c r="OMY658" s="613"/>
      <c r="OMZ658" s="613"/>
      <c r="ONA658" s="613"/>
      <c r="ONB658" s="613"/>
      <c r="ONC658" s="613"/>
      <c r="OND658" s="613"/>
      <c r="ONE658" s="613"/>
      <c r="ONF658" s="613"/>
      <c r="ONG658" s="613"/>
      <c r="ONH658" s="613"/>
      <c r="ONI658" s="613"/>
      <c r="ONJ658" s="613"/>
      <c r="ONK658" s="613"/>
      <c r="ONL658" s="613"/>
      <c r="ONM658" s="613"/>
      <c r="ONN658" s="613"/>
      <c r="ONO658" s="613"/>
      <c r="ONP658" s="613"/>
      <c r="ONQ658" s="613"/>
      <c r="ONR658" s="613"/>
      <c r="ONS658" s="613"/>
      <c r="ONT658" s="613"/>
      <c r="ONU658" s="613"/>
      <c r="ONV658" s="613"/>
      <c r="ONW658" s="613"/>
      <c r="ONX658" s="613"/>
      <c r="ONY658" s="613"/>
      <c r="ONZ658" s="613"/>
      <c r="OOA658" s="613"/>
      <c r="OOB658" s="613"/>
      <c r="OOC658" s="613"/>
      <c r="OOD658" s="613"/>
      <c r="OOE658" s="613"/>
      <c r="OOF658" s="613"/>
      <c r="OOG658" s="613"/>
      <c r="OOH658" s="613"/>
      <c r="OOI658" s="613"/>
      <c r="OOJ658" s="613"/>
      <c r="OOK658" s="613"/>
      <c r="OOL658" s="613"/>
      <c r="OOM658" s="613"/>
      <c r="OON658" s="613"/>
      <c r="OOO658" s="613"/>
      <c r="OOP658" s="613"/>
      <c r="OOQ658" s="613"/>
      <c r="OOR658" s="613"/>
      <c r="OOS658" s="613"/>
      <c r="OOT658" s="613"/>
      <c r="OOU658" s="613"/>
      <c r="OOV658" s="613"/>
      <c r="OOW658" s="613"/>
      <c r="OOX658" s="613"/>
      <c r="OOY658" s="613"/>
      <c r="OOZ658" s="613"/>
      <c r="OPA658" s="613"/>
      <c r="OPB658" s="613"/>
      <c r="OPC658" s="613"/>
      <c r="OPD658" s="613"/>
      <c r="OPE658" s="613"/>
      <c r="OPF658" s="613"/>
      <c r="OPG658" s="613"/>
      <c r="OPH658" s="613"/>
      <c r="OPI658" s="613"/>
      <c r="OPJ658" s="613"/>
      <c r="OPK658" s="613"/>
      <c r="OPL658" s="613"/>
      <c r="OPM658" s="613"/>
      <c r="OPN658" s="613"/>
      <c r="OPO658" s="613"/>
      <c r="OPP658" s="613"/>
      <c r="OPQ658" s="613"/>
      <c r="OPR658" s="613"/>
      <c r="OPS658" s="613"/>
      <c r="OPT658" s="613"/>
      <c r="OPU658" s="613"/>
      <c r="OPV658" s="613"/>
      <c r="OPW658" s="613"/>
      <c r="OPX658" s="613"/>
      <c r="OPY658" s="613"/>
      <c r="OPZ658" s="613"/>
      <c r="OQA658" s="613"/>
      <c r="OQB658" s="613"/>
      <c r="OQC658" s="613"/>
      <c r="OQD658" s="613"/>
      <c r="OQE658" s="613"/>
      <c r="OQF658" s="613"/>
      <c r="OQG658" s="613"/>
      <c r="OQH658" s="613"/>
      <c r="OQI658" s="613"/>
      <c r="OQJ658" s="613"/>
      <c r="OQK658" s="613"/>
      <c r="OQL658" s="613"/>
      <c r="OQM658" s="613"/>
      <c r="OQN658" s="613"/>
      <c r="OQO658" s="613"/>
      <c r="OQP658" s="613"/>
      <c r="OQQ658" s="613"/>
      <c r="OQR658" s="613"/>
      <c r="OQS658" s="613"/>
      <c r="OQT658" s="613"/>
      <c r="OQU658" s="613"/>
      <c r="OQV658" s="613"/>
      <c r="OQW658" s="613"/>
      <c r="OQX658" s="613"/>
      <c r="OQY658" s="613"/>
      <c r="OQZ658" s="613"/>
      <c r="ORA658" s="613"/>
      <c r="ORB658" s="613"/>
      <c r="ORC658" s="613"/>
      <c r="ORD658" s="613"/>
      <c r="ORE658" s="613"/>
      <c r="ORF658" s="613"/>
      <c r="ORG658" s="613"/>
      <c r="ORH658" s="613"/>
      <c r="ORI658" s="613"/>
      <c r="ORJ658" s="613"/>
      <c r="ORK658" s="613"/>
      <c r="ORL658" s="613"/>
      <c r="ORM658" s="613"/>
      <c r="ORN658" s="613"/>
      <c r="ORO658" s="613"/>
      <c r="ORP658" s="613"/>
      <c r="ORQ658" s="613"/>
      <c r="ORR658" s="613"/>
      <c r="ORS658" s="613"/>
      <c r="ORT658" s="613"/>
      <c r="ORU658" s="613"/>
      <c r="ORV658" s="613"/>
      <c r="ORW658" s="613"/>
      <c r="ORX658" s="613"/>
      <c r="ORY658" s="613"/>
      <c r="ORZ658" s="613"/>
      <c r="OSA658" s="613"/>
      <c r="OSB658" s="613"/>
      <c r="OSC658" s="613"/>
      <c r="OSD658" s="613"/>
      <c r="OSE658" s="613"/>
      <c r="OSF658" s="613"/>
      <c r="OSG658" s="613"/>
      <c r="OSH658" s="613"/>
      <c r="OSI658" s="613"/>
      <c r="OSJ658" s="613"/>
      <c r="OSK658" s="613"/>
      <c r="OSL658" s="613"/>
      <c r="OSM658" s="613"/>
      <c r="OSN658" s="613"/>
      <c r="OSO658" s="613"/>
      <c r="OSP658" s="613"/>
      <c r="OSQ658" s="613"/>
      <c r="OSR658" s="613"/>
      <c r="OSS658" s="613"/>
      <c r="OST658" s="613"/>
      <c r="OSU658" s="613"/>
      <c r="OSV658" s="613"/>
      <c r="OSW658" s="613"/>
      <c r="OSX658" s="613"/>
      <c r="OSY658" s="613"/>
      <c r="OSZ658" s="613"/>
      <c r="OTA658" s="613"/>
      <c r="OTB658" s="613"/>
      <c r="OTC658" s="613"/>
      <c r="OTD658" s="613"/>
      <c r="OTE658" s="613"/>
      <c r="OTF658" s="613"/>
      <c r="OTG658" s="613"/>
      <c r="OTH658" s="613"/>
      <c r="OTI658" s="613"/>
      <c r="OTJ658" s="613"/>
      <c r="OTK658" s="613"/>
      <c r="OTL658" s="613"/>
      <c r="OTM658" s="613"/>
      <c r="OTN658" s="613"/>
      <c r="OTO658" s="613"/>
      <c r="OTP658" s="613"/>
      <c r="OTQ658" s="613"/>
      <c r="OTR658" s="613"/>
      <c r="OTS658" s="613"/>
      <c r="OTT658" s="613"/>
      <c r="OTU658" s="613"/>
      <c r="OTV658" s="613"/>
      <c r="OTW658" s="613"/>
      <c r="OTX658" s="613"/>
      <c r="OTY658" s="613"/>
      <c r="OTZ658" s="613"/>
      <c r="OUA658" s="613"/>
      <c r="OUB658" s="613"/>
      <c r="OUC658" s="613"/>
      <c r="OUD658" s="613"/>
      <c r="OUE658" s="613"/>
      <c r="OUF658" s="613"/>
      <c r="OUG658" s="613"/>
      <c r="OUH658" s="613"/>
      <c r="OUI658" s="613"/>
      <c r="OUJ658" s="613"/>
      <c r="OUK658" s="613"/>
      <c r="OUL658" s="613"/>
      <c r="OUM658" s="613"/>
      <c r="OUN658" s="613"/>
      <c r="OUO658" s="613"/>
      <c r="OUP658" s="613"/>
      <c r="OUQ658" s="613"/>
      <c r="OUR658" s="613"/>
      <c r="OUS658" s="613"/>
      <c r="OUT658" s="613"/>
      <c r="OUU658" s="613"/>
      <c r="OUV658" s="613"/>
      <c r="OUW658" s="613"/>
      <c r="OUX658" s="613"/>
      <c r="OUY658" s="613"/>
      <c r="OUZ658" s="613"/>
      <c r="OVA658" s="613"/>
      <c r="OVB658" s="613"/>
      <c r="OVC658" s="613"/>
      <c r="OVD658" s="613"/>
      <c r="OVE658" s="613"/>
      <c r="OVF658" s="613"/>
      <c r="OVG658" s="613"/>
      <c r="OVH658" s="613"/>
      <c r="OVI658" s="613"/>
      <c r="OVJ658" s="613"/>
      <c r="OVK658" s="613"/>
      <c r="OVL658" s="613"/>
      <c r="OVM658" s="613"/>
      <c r="OVN658" s="613"/>
      <c r="OVO658" s="613"/>
      <c r="OVP658" s="613"/>
      <c r="OVQ658" s="613"/>
      <c r="OVR658" s="613"/>
      <c r="OVS658" s="613"/>
      <c r="OVT658" s="613"/>
      <c r="OVU658" s="613"/>
      <c r="OVV658" s="613"/>
      <c r="OVW658" s="613"/>
      <c r="OVX658" s="613"/>
      <c r="OVY658" s="613"/>
      <c r="OVZ658" s="613"/>
      <c r="OWA658" s="613"/>
      <c r="OWB658" s="613"/>
      <c r="OWC658" s="613"/>
      <c r="OWD658" s="613"/>
      <c r="OWE658" s="613"/>
      <c r="OWF658" s="613"/>
      <c r="OWG658" s="613"/>
      <c r="OWH658" s="613"/>
      <c r="OWI658" s="613"/>
      <c r="OWJ658" s="613"/>
      <c r="OWK658" s="613"/>
      <c r="OWL658" s="613"/>
      <c r="OWM658" s="613"/>
      <c r="OWN658" s="613"/>
      <c r="OWO658" s="613"/>
      <c r="OWP658" s="613"/>
      <c r="OWQ658" s="613"/>
      <c r="OWR658" s="613"/>
      <c r="OWS658" s="613"/>
      <c r="OWT658" s="613"/>
      <c r="OWU658" s="613"/>
      <c r="OWV658" s="613"/>
      <c r="OWW658" s="613"/>
      <c r="OWX658" s="613"/>
      <c r="OWY658" s="613"/>
      <c r="OWZ658" s="613"/>
      <c r="OXA658" s="613"/>
      <c r="OXB658" s="613"/>
      <c r="OXC658" s="613"/>
      <c r="OXD658" s="613"/>
      <c r="OXE658" s="613"/>
      <c r="OXF658" s="613"/>
      <c r="OXG658" s="613"/>
      <c r="OXH658" s="613"/>
      <c r="OXI658" s="613"/>
      <c r="OXJ658" s="613"/>
      <c r="OXK658" s="613"/>
      <c r="OXL658" s="613"/>
      <c r="OXM658" s="613"/>
      <c r="OXN658" s="613"/>
      <c r="OXO658" s="613"/>
      <c r="OXP658" s="613"/>
      <c r="OXQ658" s="613"/>
      <c r="OXR658" s="613"/>
      <c r="OXS658" s="613"/>
      <c r="OXT658" s="613"/>
      <c r="OXU658" s="613"/>
      <c r="OXV658" s="613"/>
      <c r="OXW658" s="613"/>
      <c r="OXX658" s="613"/>
      <c r="OXY658" s="613"/>
      <c r="OXZ658" s="613"/>
      <c r="OYA658" s="613"/>
      <c r="OYB658" s="613"/>
      <c r="OYC658" s="613"/>
      <c r="OYD658" s="613"/>
      <c r="OYE658" s="613"/>
      <c r="OYF658" s="613"/>
      <c r="OYG658" s="613"/>
      <c r="OYH658" s="613"/>
      <c r="OYI658" s="613"/>
      <c r="OYJ658" s="613"/>
      <c r="OYK658" s="613"/>
      <c r="OYL658" s="613"/>
      <c r="OYM658" s="613"/>
      <c r="OYN658" s="613"/>
      <c r="OYO658" s="613"/>
      <c r="OYP658" s="613"/>
      <c r="OYQ658" s="613"/>
      <c r="OYR658" s="613"/>
      <c r="OYS658" s="613"/>
      <c r="OYT658" s="613"/>
      <c r="OYU658" s="613"/>
      <c r="OYV658" s="613"/>
      <c r="OYW658" s="613"/>
      <c r="OYX658" s="613"/>
      <c r="OYY658" s="613"/>
      <c r="OYZ658" s="613"/>
      <c r="OZA658" s="613"/>
      <c r="OZB658" s="613"/>
      <c r="OZC658" s="613"/>
      <c r="OZD658" s="613"/>
      <c r="OZE658" s="613"/>
      <c r="OZF658" s="613"/>
      <c r="OZG658" s="613"/>
      <c r="OZH658" s="613"/>
      <c r="OZI658" s="613"/>
      <c r="OZJ658" s="613"/>
      <c r="OZK658" s="613"/>
      <c r="OZL658" s="613"/>
      <c r="OZM658" s="613"/>
      <c r="OZN658" s="613"/>
      <c r="OZO658" s="613"/>
      <c r="OZP658" s="613"/>
      <c r="OZQ658" s="613"/>
      <c r="OZR658" s="613"/>
      <c r="OZS658" s="613"/>
      <c r="OZT658" s="613"/>
      <c r="OZU658" s="613"/>
      <c r="OZV658" s="613"/>
      <c r="OZW658" s="613"/>
      <c r="OZX658" s="613"/>
      <c r="OZY658" s="613"/>
      <c r="OZZ658" s="613"/>
      <c r="PAA658" s="613"/>
      <c r="PAB658" s="613"/>
      <c r="PAC658" s="613"/>
      <c r="PAD658" s="613"/>
      <c r="PAE658" s="613"/>
      <c r="PAF658" s="613"/>
      <c r="PAG658" s="613"/>
      <c r="PAH658" s="613"/>
      <c r="PAI658" s="613"/>
      <c r="PAJ658" s="613"/>
      <c r="PAK658" s="613"/>
      <c r="PAL658" s="613"/>
      <c r="PAM658" s="613"/>
      <c r="PAN658" s="613"/>
      <c r="PAO658" s="613"/>
      <c r="PAP658" s="613"/>
      <c r="PAQ658" s="613"/>
      <c r="PAR658" s="613"/>
      <c r="PAS658" s="613"/>
      <c r="PAT658" s="613"/>
      <c r="PAU658" s="613"/>
      <c r="PAV658" s="613"/>
      <c r="PAW658" s="613"/>
      <c r="PAX658" s="613"/>
      <c r="PAY658" s="613"/>
      <c r="PAZ658" s="613"/>
      <c r="PBA658" s="613"/>
      <c r="PBB658" s="613"/>
      <c r="PBC658" s="613"/>
      <c r="PBD658" s="613"/>
      <c r="PBE658" s="613"/>
      <c r="PBF658" s="613"/>
      <c r="PBG658" s="613"/>
      <c r="PBH658" s="613"/>
      <c r="PBI658" s="613"/>
      <c r="PBJ658" s="613"/>
      <c r="PBK658" s="613"/>
      <c r="PBL658" s="613"/>
      <c r="PBM658" s="613"/>
      <c r="PBN658" s="613"/>
      <c r="PBO658" s="613"/>
      <c r="PBP658" s="613"/>
      <c r="PBQ658" s="613"/>
      <c r="PBR658" s="613"/>
      <c r="PBS658" s="613"/>
      <c r="PBT658" s="613"/>
      <c r="PBU658" s="613"/>
      <c r="PBV658" s="613"/>
      <c r="PBW658" s="613"/>
      <c r="PBX658" s="613"/>
      <c r="PBY658" s="613"/>
      <c r="PBZ658" s="613"/>
      <c r="PCA658" s="613"/>
      <c r="PCB658" s="613"/>
      <c r="PCC658" s="613"/>
      <c r="PCD658" s="613"/>
      <c r="PCE658" s="613"/>
      <c r="PCF658" s="613"/>
      <c r="PCG658" s="613"/>
      <c r="PCH658" s="613"/>
      <c r="PCI658" s="613"/>
      <c r="PCJ658" s="613"/>
      <c r="PCK658" s="613"/>
      <c r="PCL658" s="613"/>
      <c r="PCM658" s="613"/>
      <c r="PCN658" s="613"/>
      <c r="PCO658" s="613"/>
      <c r="PCP658" s="613"/>
      <c r="PCQ658" s="613"/>
      <c r="PCR658" s="613"/>
      <c r="PCS658" s="613"/>
      <c r="PCT658" s="613"/>
      <c r="PCU658" s="613"/>
      <c r="PCV658" s="613"/>
      <c r="PCW658" s="613"/>
      <c r="PCX658" s="613"/>
      <c r="PCY658" s="613"/>
      <c r="PCZ658" s="613"/>
      <c r="PDA658" s="613"/>
      <c r="PDB658" s="613"/>
      <c r="PDC658" s="613"/>
      <c r="PDD658" s="613"/>
      <c r="PDE658" s="613"/>
      <c r="PDF658" s="613"/>
      <c r="PDG658" s="613"/>
      <c r="PDH658" s="613"/>
      <c r="PDI658" s="613"/>
      <c r="PDJ658" s="613"/>
      <c r="PDK658" s="613"/>
      <c r="PDL658" s="613"/>
      <c r="PDM658" s="613"/>
      <c r="PDN658" s="613"/>
      <c r="PDO658" s="613"/>
      <c r="PDP658" s="613"/>
      <c r="PDQ658" s="613"/>
      <c r="PDR658" s="613"/>
      <c r="PDS658" s="613"/>
      <c r="PDT658" s="613"/>
      <c r="PDU658" s="613"/>
      <c r="PDV658" s="613"/>
      <c r="PDW658" s="613"/>
      <c r="PDX658" s="613"/>
      <c r="PDY658" s="613"/>
      <c r="PDZ658" s="613"/>
      <c r="PEA658" s="613"/>
      <c r="PEB658" s="613"/>
      <c r="PEC658" s="613"/>
      <c r="PED658" s="613"/>
      <c r="PEE658" s="613"/>
      <c r="PEF658" s="613"/>
      <c r="PEG658" s="613"/>
      <c r="PEH658" s="613"/>
      <c r="PEI658" s="613"/>
      <c r="PEJ658" s="613"/>
      <c r="PEK658" s="613"/>
      <c r="PEL658" s="613"/>
      <c r="PEM658" s="613"/>
      <c r="PEN658" s="613"/>
      <c r="PEO658" s="613"/>
      <c r="PEP658" s="613"/>
      <c r="PEQ658" s="613"/>
      <c r="PER658" s="613"/>
      <c r="PES658" s="613"/>
      <c r="PET658" s="613"/>
      <c r="PEU658" s="613"/>
      <c r="PEV658" s="613"/>
      <c r="PEW658" s="613"/>
      <c r="PEX658" s="613"/>
      <c r="PEY658" s="613"/>
      <c r="PEZ658" s="613"/>
      <c r="PFA658" s="613"/>
      <c r="PFB658" s="613"/>
      <c r="PFC658" s="613"/>
      <c r="PFD658" s="613"/>
      <c r="PFE658" s="613"/>
      <c r="PFF658" s="613"/>
      <c r="PFG658" s="613"/>
      <c r="PFH658" s="613"/>
      <c r="PFI658" s="613"/>
      <c r="PFJ658" s="613"/>
      <c r="PFK658" s="613"/>
      <c r="PFL658" s="613"/>
      <c r="PFM658" s="613"/>
      <c r="PFN658" s="613"/>
      <c r="PFO658" s="613"/>
      <c r="PFP658" s="613"/>
      <c r="PFQ658" s="613"/>
      <c r="PFR658" s="613"/>
      <c r="PFS658" s="613"/>
      <c r="PFT658" s="613"/>
      <c r="PFU658" s="613"/>
      <c r="PFV658" s="613"/>
      <c r="PFW658" s="613"/>
      <c r="PFX658" s="613"/>
      <c r="PFY658" s="613"/>
      <c r="PFZ658" s="613"/>
      <c r="PGA658" s="613"/>
      <c r="PGB658" s="613"/>
      <c r="PGC658" s="613"/>
      <c r="PGD658" s="613"/>
      <c r="PGE658" s="613"/>
      <c r="PGF658" s="613"/>
      <c r="PGG658" s="613"/>
      <c r="PGH658" s="613"/>
      <c r="PGI658" s="613"/>
      <c r="PGJ658" s="613"/>
      <c r="PGK658" s="613"/>
      <c r="PGL658" s="613"/>
      <c r="PGM658" s="613"/>
      <c r="PGN658" s="613"/>
      <c r="PGO658" s="613"/>
      <c r="PGP658" s="613"/>
      <c r="PGQ658" s="613"/>
      <c r="PGR658" s="613"/>
      <c r="PGS658" s="613"/>
      <c r="PGT658" s="613"/>
      <c r="PGU658" s="613"/>
      <c r="PGV658" s="613"/>
      <c r="PGW658" s="613"/>
      <c r="PGX658" s="613"/>
      <c r="PGY658" s="613"/>
      <c r="PGZ658" s="613"/>
      <c r="PHA658" s="613"/>
      <c r="PHB658" s="613"/>
      <c r="PHC658" s="613"/>
      <c r="PHD658" s="613"/>
      <c r="PHE658" s="613"/>
      <c r="PHF658" s="613"/>
      <c r="PHG658" s="613"/>
      <c r="PHH658" s="613"/>
      <c r="PHI658" s="613"/>
      <c r="PHJ658" s="613"/>
      <c r="PHK658" s="613"/>
      <c r="PHL658" s="613"/>
      <c r="PHM658" s="613"/>
      <c r="PHN658" s="613"/>
      <c r="PHO658" s="613"/>
      <c r="PHP658" s="613"/>
      <c r="PHQ658" s="613"/>
      <c r="PHR658" s="613"/>
      <c r="PHS658" s="613"/>
      <c r="PHT658" s="613"/>
      <c r="PHU658" s="613"/>
      <c r="PHV658" s="613"/>
      <c r="PHW658" s="613"/>
      <c r="PHX658" s="613"/>
      <c r="PHY658" s="613"/>
      <c r="PHZ658" s="613"/>
      <c r="PIA658" s="613"/>
      <c r="PIB658" s="613"/>
      <c r="PIC658" s="613"/>
      <c r="PID658" s="613"/>
      <c r="PIE658" s="613"/>
      <c r="PIF658" s="613"/>
      <c r="PIG658" s="613"/>
      <c r="PIH658" s="613"/>
      <c r="PII658" s="613"/>
      <c r="PIJ658" s="613"/>
      <c r="PIK658" s="613"/>
      <c r="PIL658" s="613"/>
      <c r="PIM658" s="613"/>
      <c r="PIN658" s="613"/>
      <c r="PIO658" s="613"/>
      <c r="PIP658" s="613"/>
      <c r="PIQ658" s="613"/>
      <c r="PIR658" s="613"/>
      <c r="PIS658" s="613"/>
      <c r="PIT658" s="613"/>
      <c r="PIU658" s="613"/>
      <c r="PIV658" s="613"/>
      <c r="PIW658" s="613"/>
      <c r="PIX658" s="613"/>
      <c r="PIY658" s="613"/>
      <c r="PIZ658" s="613"/>
      <c r="PJA658" s="613"/>
      <c r="PJB658" s="613"/>
      <c r="PJC658" s="613"/>
      <c r="PJD658" s="613"/>
      <c r="PJE658" s="613"/>
      <c r="PJF658" s="613"/>
      <c r="PJG658" s="613"/>
      <c r="PJH658" s="613"/>
      <c r="PJI658" s="613"/>
      <c r="PJJ658" s="613"/>
      <c r="PJK658" s="613"/>
      <c r="PJL658" s="613"/>
      <c r="PJM658" s="613"/>
      <c r="PJN658" s="613"/>
      <c r="PJO658" s="613"/>
      <c r="PJP658" s="613"/>
      <c r="PJQ658" s="613"/>
      <c r="PJR658" s="613"/>
      <c r="PJS658" s="613"/>
      <c r="PJT658" s="613"/>
      <c r="PJU658" s="613"/>
      <c r="PJV658" s="613"/>
      <c r="PJW658" s="613"/>
      <c r="PJX658" s="613"/>
      <c r="PJY658" s="613"/>
      <c r="PJZ658" s="613"/>
      <c r="PKA658" s="613"/>
      <c r="PKB658" s="613"/>
      <c r="PKC658" s="613"/>
      <c r="PKD658" s="613"/>
      <c r="PKE658" s="613"/>
      <c r="PKF658" s="613"/>
      <c r="PKG658" s="613"/>
      <c r="PKH658" s="613"/>
      <c r="PKI658" s="613"/>
      <c r="PKJ658" s="613"/>
      <c r="PKK658" s="613"/>
      <c r="PKL658" s="613"/>
      <c r="PKM658" s="613"/>
      <c r="PKN658" s="613"/>
      <c r="PKO658" s="613"/>
      <c r="PKP658" s="613"/>
      <c r="PKQ658" s="613"/>
      <c r="PKR658" s="613"/>
      <c r="PKS658" s="613"/>
      <c r="PKT658" s="613"/>
      <c r="PKU658" s="613"/>
      <c r="PKV658" s="613"/>
      <c r="PKW658" s="613"/>
      <c r="PKX658" s="613"/>
      <c r="PKY658" s="613"/>
      <c r="PKZ658" s="613"/>
      <c r="PLA658" s="613"/>
      <c r="PLB658" s="613"/>
      <c r="PLC658" s="613"/>
      <c r="PLD658" s="613"/>
      <c r="PLE658" s="613"/>
      <c r="PLF658" s="613"/>
      <c r="PLG658" s="613"/>
      <c r="PLH658" s="613"/>
      <c r="PLI658" s="613"/>
      <c r="PLJ658" s="613"/>
      <c r="PLK658" s="613"/>
      <c r="PLL658" s="613"/>
      <c r="PLM658" s="613"/>
      <c r="PLN658" s="613"/>
      <c r="PLO658" s="613"/>
      <c r="PLP658" s="613"/>
      <c r="PLQ658" s="613"/>
      <c r="PLR658" s="613"/>
      <c r="PLS658" s="613"/>
      <c r="PLT658" s="613"/>
      <c r="PLU658" s="613"/>
      <c r="PLV658" s="613"/>
      <c r="PLW658" s="613"/>
      <c r="PLX658" s="613"/>
      <c r="PLY658" s="613"/>
      <c r="PLZ658" s="613"/>
      <c r="PMA658" s="613"/>
      <c r="PMB658" s="613"/>
      <c r="PMC658" s="613"/>
      <c r="PMD658" s="613"/>
      <c r="PME658" s="613"/>
      <c r="PMF658" s="613"/>
      <c r="PMG658" s="613"/>
      <c r="PMH658" s="613"/>
      <c r="PMI658" s="613"/>
      <c r="PMJ658" s="613"/>
      <c r="PMK658" s="613"/>
      <c r="PML658" s="613"/>
      <c r="PMM658" s="613"/>
      <c r="PMN658" s="613"/>
      <c r="PMO658" s="613"/>
      <c r="PMP658" s="613"/>
      <c r="PMQ658" s="613"/>
      <c r="PMR658" s="613"/>
      <c r="PMS658" s="613"/>
      <c r="PMT658" s="613"/>
      <c r="PMU658" s="613"/>
      <c r="PMV658" s="613"/>
      <c r="PMW658" s="613"/>
      <c r="PMX658" s="613"/>
      <c r="PMY658" s="613"/>
      <c r="PMZ658" s="613"/>
      <c r="PNA658" s="613"/>
      <c r="PNB658" s="613"/>
      <c r="PNC658" s="613"/>
      <c r="PND658" s="613"/>
      <c r="PNE658" s="613"/>
      <c r="PNF658" s="613"/>
      <c r="PNG658" s="613"/>
      <c r="PNH658" s="613"/>
      <c r="PNI658" s="613"/>
      <c r="PNJ658" s="613"/>
      <c r="PNK658" s="613"/>
      <c r="PNL658" s="613"/>
      <c r="PNM658" s="613"/>
      <c r="PNN658" s="613"/>
      <c r="PNO658" s="613"/>
      <c r="PNP658" s="613"/>
      <c r="PNQ658" s="613"/>
      <c r="PNR658" s="613"/>
      <c r="PNS658" s="613"/>
      <c r="PNT658" s="613"/>
      <c r="PNU658" s="613"/>
      <c r="PNV658" s="613"/>
      <c r="PNW658" s="613"/>
      <c r="PNX658" s="613"/>
      <c r="PNY658" s="613"/>
      <c r="PNZ658" s="613"/>
      <c r="POA658" s="613"/>
      <c r="POB658" s="613"/>
      <c r="POC658" s="613"/>
      <c r="POD658" s="613"/>
      <c r="POE658" s="613"/>
      <c r="POF658" s="613"/>
      <c r="POG658" s="613"/>
      <c r="POH658" s="613"/>
      <c r="POI658" s="613"/>
      <c r="POJ658" s="613"/>
      <c r="POK658" s="613"/>
      <c r="POL658" s="613"/>
      <c r="POM658" s="613"/>
      <c r="PON658" s="613"/>
      <c r="POO658" s="613"/>
      <c r="POP658" s="613"/>
      <c r="POQ658" s="613"/>
      <c r="POR658" s="613"/>
      <c r="POS658" s="613"/>
      <c r="POT658" s="613"/>
      <c r="POU658" s="613"/>
      <c r="POV658" s="613"/>
      <c r="POW658" s="613"/>
      <c r="POX658" s="613"/>
      <c r="POY658" s="613"/>
      <c r="POZ658" s="613"/>
      <c r="PPA658" s="613"/>
      <c r="PPB658" s="613"/>
      <c r="PPC658" s="613"/>
      <c r="PPD658" s="613"/>
      <c r="PPE658" s="613"/>
      <c r="PPF658" s="613"/>
      <c r="PPG658" s="613"/>
      <c r="PPH658" s="613"/>
      <c r="PPI658" s="613"/>
      <c r="PPJ658" s="613"/>
      <c r="PPK658" s="613"/>
      <c r="PPL658" s="613"/>
      <c r="PPM658" s="613"/>
      <c r="PPN658" s="613"/>
      <c r="PPO658" s="613"/>
      <c r="PPP658" s="613"/>
      <c r="PPQ658" s="613"/>
      <c r="PPR658" s="613"/>
      <c r="PPS658" s="613"/>
      <c r="PPT658" s="613"/>
      <c r="PPU658" s="613"/>
      <c r="PPV658" s="613"/>
      <c r="PPW658" s="613"/>
      <c r="PPX658" s="613"/>
      <c r="PPY658" s="613"/>
      <c r="PPZ658" s="613"/>
      <c r="PQA658" s="613"/>
      <c r="PQB658" s="613"/>
      <c r="PQC658" s="613"/>
      <c r="PQD658" s="613"/>
      <c r="PQE658" s="613"/>
      <c r="PQF658" s="613"/>
      <c r="PQG658" s="613"/>
      <c r="PQH658" s="613"/>
      <c r="PQI658" s="613"/>
      <c r="PQJ658" s="613"/>
      <c r="PQK658" s="613"/>
      <c r="PQL658" s="613"/>
      <c r="PQM658" s="613"/>
      <c r="PQN658" s="613"/>
      <c r="PQO658" s="613"/>
      <c r="PQP658" s="613"/>
      <c r="PQQ658" s="613"/>
      <c r="PQR658" s="613"/>
      <c r="PQS658" s="613"/>
      <c r="PQT658" s="613"/>
      <c r="PQU658" s="613"/>
      <c r="PQV658" s="613"/>
      <c r="PQW658" s="613"/>
      <c r="PQX658" s="613"/>
      <c r="PQY658" s="613"/>
      <c r="PQZ658" s="613"/>
      <c r="PRA658" s="613"/>
      <c r="PRB658" s="613"/>
      <c r="PRC658" s="613"/>
      <c r="PRD658" s="613"/>
      <c r="PRE658" s="613"/>
      <c r="PRF658" s="613"/>
      <c r="PRG658" s="613"/>
      <c r="PRH658" s="613"/>
      <c r="PRI658" s="613"/>
      <c r="PRJ658" s="613"/>
      <c r="PRK658" s="613"/>
      <c r="PRL658" s="613"/>
      <c r="PRM658" s="613"/>
      <c r="PRN658" s="613"/>
      <c r="PRO658" s="613"/>
      <c r="PRP658" s="613"/>
      <c r="PRQ658" s="613"/>
      <c r="PRR658" s="613"/>
      <c r="PRS658" s="613"/>
      <c r="PRT658" s="613"/>
      <c r="PRU658" s="613"/>
      <c r="PRV658" s="613"/>
      <c r="PRW658" s="613"/>
      <c r="PRX658" s="613"/>
      <c r="PRY658" s="613"/>
      <c r="PRZ658" s="613"/>
      <c r="PSA658" s="613"/>
      <c r="PSB658" s="613"/>
      <c r="PSC658" s="613"/>
      <c r="PSD658" s="613"/>
      <c r="PSE658" s="613"/>
      <c r="PSF658" s="613"/>
      <c r="PSG658" s="613"/>
      <c r="PSH658" s="613"/>
      <c r="PSI658" s="613"/>
      <c r="PSJ658" s="613"/>
      <c r="PSK658" s="613"/>
      <c r="PSL658" s="613"/>
      <c r="PSM658" s="613"/>
      <c r="PSN658" s="613"/>
      <c r="PSO658" s="613"/>
      <c r="PSP658" s="613"/>
      <c r="PSQ658" s="613"/>
      <c r="PSR658" s="613"/>
      <c r="PSS658" s="613"/>
      <c r="PST658" s="613"/>
      <c r="PSU658" s="613"/>
      <c r="PSV658" s="613"/>
      <c r="PSW658" s="613"/>
      <c r="PSX658" s="613"/>
      <c r="PSY658" s="613"/>
      <c r="PSZ658" s="613"/>
      <c r="PTA658" s="613"/>
      <c r="PTB658" s="613"/>
      <c r="PTC658" s="613"/>
      <c r="PTD658" s="613"/>
      <c r="PTE658" s="613"/>
      <c r="PTF658" s="613"/>
      <c r="PTG658" s="613"/>
      <c r="PTH658" s="613"/>
      <c r="PTI658" s="613"/>
      <c r="PTJ658" s="613"/>
      <c r="PTK658" s="613"/>
      <c r="PTL658" s="613"/>
      <c r="PTM658" s="613"/>
      <c r="PTN658" s="613"/>
      <c r="PTO658" s="613"/>
      <c r="PTP658" s="613"/>
      <c r="PTQ658" s="613"/>
      <c r="PTR658" s="613"/>
      <c r="PTS658" s="613"/>
      <c r="PTT658" s="613"/>
      <c r="PTU658" s="613"/>
      <c r="PTV658" s="613"/>
      <c r="PTW658" s="613"/>
      <c r="PTX658" s="613"/>
      <c r="PTY658" s="613"/>
      <c r="PTZ658" s="613"/>
      <c r="PUA658" s="613"/>
      <c r="PUB658" s="613"/>
      <c r="PUC658" s="613"/>
      <c r="PUD658" s="613"/>
      <c r="PUE658" s="613"/>
      <c r="PUF658" s="613"/>
      <c r="PUG658" s="613"/>
      <c r="PUH658" s="613"/>
      <c r="PUI658" s="613"/>
      <c r="PUJ658" s="613"/>
      <c r="PUK658" s="613"/>
      <c r="PUL658" s="613"/>
      <c r="PUM658" s="613"/>
      <c r="PUN658" s="613"/>
      <c r="PUO658" s="613"/>
      <c r="PUP658" s="613"/>
      <c r="PUQ658" s="613"/>
      <c r="PUR658" s="613"/>
      <c r="PUS658" s="613"/>
      <c r="PUT658" s="613"/>
      <c r="PUU658" s="613"/>
      <c r="PUV658" s="613"/>
      <c r="PUW658" s="613"/>
      <c r="PUX658" s="613"/>
      <c r="PUY658" s="613"/>
      <c r="PUZ658" s="613"/>
      <c r="PVA658" s="613"/>
      <c r="PVB658" s="613"/>
      <c r="PVC658" s="613"/>
      <c r="PVD658" s="613"/>
      <c r="PVE658" s="613"/>
      <c r="PVF658" s="613"/>
      <c r="PVG658" s="613"/>
      <c r="PVH658" s="613"/>
      <c r="PVI658" s="613"/>
      <c r="PVJ658" s="613"/>
      <c r="PVK658" s="613"/>
      <c r="PVL658" s="613"/>
      <c r="PVM658" s="613"/>
      <c r="PVN658" s="613"/>
      <c r="PVO658" s="613"/>
      <c r="PVP658" s="613"/>
      <c r="PVQ658" s="613"/>
      <c r="PVR658" s="613"/>
      <c r="PVS658" s="613"/>
      <c r="PVT658" s="613"/>
      <c r="PVU658" s="613"/>
      <c r="PVV658" s="613"/>
      <c r="PVW658" s="613"/>
      <c r="PVX658" s="613"/>
      <c r="PVY658" s="613"/>
      <c r="PVZ658" s="613"/>
      <c r="PWA658" s="613"/>
      <c r="PWB658" s="613"/>
      <c r="PWC658" s="613"/>
      <c r="PWD658" s="613"/>
      <c r="PWE658" s="613"/>
      <c r="PWF658" s="613"/>
      <c r="PWG658" s="613"/>
      <c r="PWH658" s="613"/>
      <c r="PWI658" s="613"/>
      <c r="PWJ658" s="613"/>
      <c r="PWK658" s="613"/>
      <c r="PWL658" s="613"/>
      <c r="PWM658" s="613"/>
      <c r="PWN658" s="613"/>
      <c r="PWO658" s="613"/>
      <c r="PWP658" s="613"/>
      <c r="PWQ658" s="613"/>
      <c r="PWR658" s="613"/>
      <c r="PWS658" s="613"/>
      <c r="PWT658" s="613"/>
      <c r="PWU658" s="613"/>
      <c r="PWV658" s="613"/>
      <c r="PWW658" s="613"/>
      <c r="PWX658" s="613"/>
      <c r="PWY658" s="613"/>
      <c r="PWZ658" s="613"/>
      <c r="PXA658" s="613"/>
      <c r="PXB658" s="613"/>
      <c r="PXC658" s="613"/>
      <c r="PXD658" s="613"/>
      <c r="PXE658" s="613"/>
      <c r="PXF658" s="613"/>
      <c r="PXG658" s="613"/>
      <c r="PXH658" s="613"/>
      <c r="PXI658" s="613"/>
      <c r="PXJ658" s="613"/>
      <c r="PXK658" s="613"/>
      <c r="PXL658" s="613"/>
      <c r="PXM658" s="613"/>
      <c r="PXN658" s="613"/>
      <c r="PXO658" s="613"/>
      <c r="PXP658" s="613"/>
      <c r="PXQ658" s="613"/>
      <c r="PXR658" s="613"/>
      <c r="PXS658" s="613"/>
      <c r="PXT658" s="613"/>
      <c r="PXU658" s="613"/>
      <c r="PXV658" s="613"/>
      <c r="PXW658" s="613"/>
      <c r="PXX658" s="613"/>
      <c r="PXY658" s="613"/>
      <c r="PXZ658" s="613"/>
      <c r="PYA658" s="613"/>
      <c r="PYB658" s="613"/>
      <c r="PYC658" s="613"/>
      <c r="PYD658" s="613"/>
      <c r="PYE658" s="613"/>
      <c r="PYF658" s="613"/>
      <c r="PYG658" s="613"/>
      <c r="PYH658" s="613"/>
      <c r="PYI658" s="613"/>
      <c r="PYJ658" s="613"/>
      <c r="PYK658" s="613"/>
      <c r="PYL658" s="613"/>
      <c r="PYM658" s="613"/>
      <c r="PYN658" s="613"/>
      <c r="PYO658" s="613"/>
      <c r="PYP658" s="613"/>
      <c r="PYQ658" s="613"/>
      <c r="PYR658" s="613"/>
      <c r="PYS658" s="613"/>
      <c r="PYT658" s="613"/>
      <c r="PYU658" s="613"/>
      <c r="PYV658" s="613"/>
      <c r="PYW658" s="613"/>
      <c r="PYX658" s="613"/>
      <c r="PYY658" s="613"/>
      <c r="PYZ658" s="613"/>
      <c r="PZA658" s="613"/>
      <c r="PZB658" s="613"/>
      <c r="PZC658" s="613"/>
      <c r="PZD658" s="613"/>
      <c r="PZE658" s="613"/>
      <c r="PZF658" s="613"/>
      <c r="PZG658" s="613"/>
      <c r="PZH658" s="613"/>
      <c r="PZI658" s="613"/>
      <c r="PZJ658" s="613"/>
      <c r="PZK658" s="613"/>
      <c r="PZL658" s="613"/>
      <c r="PZM658" s="613"/>
      <c r="PZN658" s="613"/>
      <c r="PZO658" s="613"/>
      <c r="PZP658" s="613"/>
      <c r="PZQ658" s="613"/>
      <c r="PZR658" s="613"/>
      <c r="PZS658" s="613"/>
      <c r="PZT658" s="613"/>
      <c r="PZU658" s="613"/>
      <c r="PZV658" s="613"/>
      <c r="PZW658" s="613"/>
      <c r="PZX658" s="613"/>
      <c r="PZY658" s="613"/>
      <c r="PZZ658" s="613"/>
      <c r="QAA658" s="613"/>
      <c r="QAB658" s="613"/>
      <c r="QAC658" s="613"/>
      <c r="QAD658" s="613"/>
      <c r="QAE658" s="613"/>
      <c r="QAF658" s="613"/>
      <c r="QAG658" s="613"/>
      <c r="QAH658" s="613"/>
      <c r="QAI658" s="613"/>
      <c r="QAJ658" s="613"/>
      <c r="QAK658" s="613"/>
      <c r="QAL658" s="613"/>
      <c r="QAM658" s="613"/>
      <c r="QAN658" s="613"/>
      <c r="QAO658" s="613"/>
      <c r="QAP658" s="613"/>
      <c r="QAQ658" s="613"/>
      <c r="QAR658" s="613"/>
      <c r="QAS658" s="613"/>
      <c r="QAT658" s="613"/>
      <c r="QAU658" s="613"/>
      <c r="QAV658" s="613"/>
      <c r="QAW658" s="613"/>
      <c r="QAX658" s="613"/>
      <c r="QAY658" s="613"/>
      <c r="QAZ658" s="613"/>
      <c r="QBA658" s="613"/>
      <c r="QBB658" s="613"/>
      <c r="QBC658" s="613"/>
      <c r="QBD658" s="613"/>
      <c r="QBE658" s="613"/>
      <c r="QBF658" s="613"/>
      <c r="QBG658" s="613"/>
      <c r="QBH658" s="613"/>
      <c r="QBI658" s="613"/>
      <c r="QBJ658" s="613"/>
      <c r="QBK658" s="613"/>
      <c r="QBL658" s="613"/>
      <c r="QBM658" s="613"/>
      <c r="QBN658" s="613"/>
      <c r="QBO658" s="613"/>
      <c r="QBP658" s="613"/>
      <c r="QBQ658" s="613"/>
      <c r="QBR658" s="613"/>
      <c r="QBS658" s="613"/>
      <c r="QBT658" s="613"/>
      <c r="QBU658" s="613"/>
      <c r="QBV658" s="613"/>
      <c r="QBW658" s="613"/>
      <c r="QBX658" s="613"/>
      <c r="QBY658" s="613"/>
      <c r="QBZ658" s="613"/>
      <c r="QCA658" s="613"/>
      <c r="QCB658" s="613"/>
      <c r="QCC658" s="613"/>
      <c r="QCD658" s="613"/>
      <c r="QCE658" s="613"/>
      <c r="QCF658" s="613"/>
      <c r="QCG658" s="613"/>
      <c r="QCH658" s="613"/>
      <c r="QCI658" s="613"/>
      <c r="QCJ658" s="613"/>
      <c r="QCK658" s="613"/>
      <c r="QCL658" s="613"/>
      <c r="QCM658" s="613"/>
      <c r="QCN658" s="613"/>
      <c r="QCO658" s="613"/>
      <c r="QCP658" s="613"/>
      <c r="QCQ658" s="613"/>
      <c r="QCR658" s="613"/>
      <c r="QCS658" s="613"/>
      <c r="QCT658" s="613"/>
      <c r="QCU658" s="613"/>
      <c r="QCV658" s="613"/>
      <c r="QCW658" s="613"/>
      <c r="QCX658" s="613"/>
      <c r="QCY658" s="613"/>
      <c r="QCZ658" s="613"/>
      <c r="QDA658" s="613"/>
      <c r="QDB658" s="613"/>
      <c r="QDC658" s="613"/>
      <c r="QDD658" s="613"/>
      <c r="QDE658" s="613"/>
      <c r="QDF658" s="613"/>
      <c r="QDG658" s="613"/>
      <c r="QDH658" s="613"/>
      <c r="QDI658" s="613"/>
      <c r="QDJ658" s="613"/>
      <c r="QDK658" s="613"/>
      <c r="QDL658" s="613"/>
      <c r="QDM658" s="613"/>
      <c r="QDN658" s="613"/>
      <c r="QDO658" s="613"/>
      <c r="QDP658" s="613"/>
      <c r="QDQ658" s="613"/>
      <c r="QDR658" s="613"/>
      <c r="QDS658" s="613"/>
      <c r="QDT658" s="613"/>
      <c r="QDU658" s="613"/>
      <c r="QDV658" s="613"/>
      <c r="QDW658" s="613"/>
      <c r="QDX658" s="613"/>
      <c r="QDY658" s="613"/>
      <c r="QDZ658" s="613"/>
      <c r="QEA658" s="613"/>
      <c r="QEB658" s="613"/>
      <c r="QEC658" s="613"/>
      <c r="QED658" s="613"/>
      <c r="QEE658" s="613"/>
      <c r="QEF658" s="613"/>
      <c r="QEG658" s="613"/>
      <c r="QEH658" s="613"/>
      <c r="QEI658" s="613"/>
      <c r="QEJ658" s="613"/>
      <c r="QEK658" s="613"/>
      <c r="QEL658" s="613"/>
      <c r="QEM658" s="613"/>
      <c r="QEN658" s="613"/>
      <c r="QEO658" s="613"/>
      <c r="QEP658" s="613"/>
      <c r="QEQ658" s="613"/>
      <c r="QER658" s="613"/>
      <c r="QES658" s="613"/>
      <c r="QET658" s="613"/>
      <c r="QEU658" s="613"/>
      <c r="QEV658" s="613"/>
      <c r="QEW658" s="613"/>
      <c r="QEX658" s="613"/>
      <c r="QEY658" s="613"/>
      <c r="QEZ658" s="613"/>
      <c r="QFA658" s="613"/>
      <c r="QFB658" s="613"/>
      <c r="QFC658" s="613"/>
      <c r="QFD658" s="613"/>
      <c r="QFE658" s="613"/>
      <c r="QFF658" s="613"/>
      <c r="QFG658" s="613"/>
      <c r="QFH658" s="613"/>
      <c r="QFI658" s="613"/>
      <c r="QFJ658" s="613"/>
      <c r="QFK658" s="613"/>
      <c r="QFL658" s="613"/>
      <c r="QFM658" s="613"/>
      <c r="QFN658" s="613"/>
      <c r="QFO658" s="613"/>
      <c r="QFP658" s="613"/>
      <c r="QFQ658" s="613"/>
      <c r="QFR658" s="613"/>
      <c r="QFS658" s="613"/>
      <c r="QFT658" s="613"/>
      <c r="QFU658" s="613"/>
      <c r="QFV658" s="613"/>
      <c r="QFW658" s="613"/>
      <c r="QFX658" s="613"/>
      <c r="QFY658" s="613"/>
      <c r="QFZ658" s="613"/>
      <c r="QGA658" s="613"/>
      <c r="QGB658" s="613"/>
      <c r="QGC658" s="613"/>
      <c r="QGD658" s="613"/>
      <c r="QGE658" s="613"/>
      <c r="QGF658" s="613"/>
      <c r="QGG658" s="613"/>
      <c r="QGH658" s="613"/>
      <c r="QGI658" s="613"/>
      <c r="QGJ658" s="613"/>
      <c r="QGK658" s="613"/>
      <c r="QGL658" s="613"/>
      <c r="QGM658" s="613"/>
      <c r="QGN658" s="613"/>
      <c r="QGO658" s="613"/>
      <c r="QGP658" s="613"/>
      <c r="QGQ658" s="613"/>
      <c r="QGR658" s="613"/>
      <c r="QGS658" s="613"/>
      <c r="QGT658" s="613"/>
      <c r="QGU658" s="613"/>
      <c r="QGV658" s="613"/>
      <c r="QGW658" s="613"/>
      <c r="QGX658" s="613"/>
      <c r="QGY658" s="613"/>
      <c r="QGZ658" s="613"/>
      <c r="QHA658" s="613"/>
      <c r="QHB658" s="613"/>
      <c r="QHC658" s="613"/>
      <c r="QHD658" s="613"/>
      <c r="QHE658" s="613"/>
      <c r="QHF658" s="613"/>
      <c r="QHG658" s="613"/>
      <c r="QHH658" s="613"/>
      <c r="QHI658" s="613"/>
      <c r="QHJ658" s="613"/>
      <c r="QHK658" s="613"/>
      <c r="QHL658" s="613"/>
      <c r="QHM658" s="613"/>
      <c r="QHN658" s="613"/>
      <c r="QHO658" s="613"/>
      <c r="QHP658" s="613"/>
      <c r="QHQ658" s="613"/>
      <c r="QHR658" s="613"/>
      <c r="QHS658" s="613"/>
      <c r="QHT658" s="613"/>
      <c r="QHU658" s="613"/>
      <c r="QHV658" s="613"/>
      <c r="QHW658" s="613"/>
      <c r="QHX658" s="613"/>
      <c r="QHY658" s="613"/>
      <c r="QHZ658" s="613"/>
      <c r="QIA658" s="613"/>
      <c r="QIB658" s="613"/>
      <c r="QIC658" s="613"/>
      <c r="QID658" s="613"/>
      <c r="QIE658" s="613"/>
      <c r="QIF658" s="613"/>
      <c r="QIG658" s="613"/>
      <c r="QIH658" s="613"/>
      <c r="QII658" s="613"/>
      <c r="QIJ658" s="613"/>
      <c r="QIK658" s="613"/>
      <c r="QIL658" s="613"/>
      <c r="QIM658" s="613"/>
      <c r="QIN658" s="613"/>
      <c r="QIO658" s="613"/>
      <c r="QIP658" s="613"/>
      <c r="QIQ658" s="613"/>
      <c r="QIR658" s="613"/>
      <c r="QIS658" s="613"/>
      <c r="QIT658" s="613"/>
      <c r="QIU658" s="613"/>
      <c r="QIV658" s="613"/>
      <c r="QIW658" s="613"/>
      <c r="QIX658" s="613"/>
      <c r="QIY658" s="613"/>
      <c r="QIZ658" s="613"/>
      <c r="QJA658" s="613"/>
      <c r="QJB658" s="613"/>
      <c r="QJC658" s="613"/>
      <c r="QJD658" s="613"/>
      <c r="QJE658" s="613"/>
      <c r="QJF658" s="613"/>
      <c r="QJG658" s="613"/>
      <c r="QJH658" s="613"/>
      <c r="QJI658" s="613"/>
      <c r="QJJ658" s="613"/>
      <c r="QJK658" s="613"/>
      <c r="QJL658" s="613"/>
      <c r="QJM658" s="613"/>
      <c r="QJN658" s="613"/>
      <c r="QJO658" s="613"/>
      <c r="QJP658" s="613"/>
      <c r="QJQ658" s="613"/>
      <c r="QJR658" s="613"/>
      <c r="QJS658" s="613"/>
      <c r="QJT658" s="613"/>
      <c r="QJU658" s="613"/>
      <c r="QJV658" s="613"/>
      <c r="QJW658" s="613"/>
      <c r="QJX658" s="613"/>
      <c r="QJY658" s="613"/>
      <c r="QJZ658" s="613"/>
      <c r="QKA658" s="613"/>
      <c r="QKB658" s="613"/>
      <c r="QKC658" s="613"/>
      <c r="QKD658" s="613"/>
      <c r="QKE658" s="613"/>
      <c r="QKF658" s="613"/>
      <c r="QKG658" s="613"/>
      <c r="QKH658" s="613"/>
      <c r="QKI658" s="613"/>
      <c r="QKJ658" s="613"/>
      <c r="QKK658" s="613"/>
      <c r="QKL658" s="613"/>
      <c r="QKM658" s="613"/>
      <c r="QKN658" s="613"/>
      <c r="QKO658" s="613"/>
      <c r="QKP658" s="613"/>
      <c r="QKQ658" s="613"/>
      <c r="QKR658" s="613"/>
      <c r="QKS658" s="613"/>
      <c r="QKT658" s="613"/>
      <c r="QKU658" s="613"/>
      <c r="QKV658" s="613"/>
      <c r="QKW658" s="613"/>
      <c r="QKX658" s="613"/>
      <c r="QKY658" s="613"/>
      <c r="QKZ658" s="613"/>
      <c r="QLA658" s="613"/>
      <c r="QLB658" s="613"/>
      <c r="QLC658" s="613"/>
      <c r="QLD658" s="613"/>
      <c r="QLE658" s="613"/>
      <c r="QLF658" s="613"/>
      <c r="QLG658" s="613"/>
      <c r="QLH658" s="613"/>
      <c r="QLI658" s="613"/>
      <c r="QLJ658" s="613"/>
      <c r="QLK658" s="613"/>
      <c r="QLL658" s="613"/>
      <c r="QLM658" s="613"/>
      <c r="QLN658" s="613"/>
      <c r="QLO658" s="613"/>
      <c r="QLP658" s="613"/>
      <c r="QLQ658" s="613"/>
      <c r="QLR658" s="613"/>
      <c r="QLS658" s="613"/>
      <c r="QLT658" s="613"/>
      <c r="QLU658" s="613"/>
      <c r="QLV658" s="613"/>
      <c r="QLW658" s="613"/>
      <c r="QLX658" s="613"/>
      <c r="QLY658" s="613"/>
      <c r="QLZ658" s="613"/>
      <c r="QMA658" s="613"/>
      <c r="QMB658" s="613"/>
      <c r="QMC658" s="613"/>
      <c r="QMD658" s="613"/>
      <c r="QME658" s="613"/>
      <c r="QMF658" s="613"/>
      <c r="QMG658" s="613"/>
      <c r="QMH658" s="613"/>
      <c r="QMI658" s="613"/>
      <c r="QMJ658" s="613"/>
      <c r="QMK658" s="613"/>
      <c r="QML658" s="613"/>
      <c r="QMM658" s="613"/>
      <c r="QMN658" s="613"/>
      <c r="QMO658" s="613"/>
      <c r="QMP658" s="613"/>
      <c r="QMQ658" s="613"/>
      <c r="QMR658" s="613"/>
      <c r="QMS658" s="613"/>
      <c r="QMT658" s="613"/>
      <c r="QMU658" s="613"/>
      <c r="QMV658" s="613"/>
      <c r="QMW658" s="613"/>
      <c r="QMX658" s="613"/>
      <c r="QMY658" s="613"/>
      <c r="QMZ658" s="613"/>
      <c r="QNA658" s="613"/>
      <c r="QNB658" s="613"/>
      <c r="QNC658" s="613"/>
      <c r="QND658" s="613"/>
      <c r="QNE658" s="613"/>
      <c r="QNF658" s="613"/>
      <c r="QNG658" s="613"/>
      <c r="QNH658" s="613"/>
      <c r="QNI658" s="613"/>
      <c r="QNJ658" s="613"/>
      <c r="QNK658" s="613"/>
      <c r="QNL658" s="613"/>
      <c r="QNM658" s="613"/>
      <c r="QNN658" s="613"/>
      <c r="QNO658" s="613"/>
      <c r="QNP658" s="613"/>
      <c r="QNQ658" s="613"/>
      <c r="QNR658" s="613"/>
      <c r="QNS658" s="613"/>
      <c r="QNT658" s="613"/>
      <c r="QNU658" s="613"/>
      <c r="QNV658" s="613"/>
      <c r="QNW658" s="613"/>
      <c r="QNX658" s="613"/>
      <c r="QNY658" s="613"/>
      <c r="QNZ658" s="613"/>
      <c r="QOA658" s="613"/>
      <c r="QOB658" s="613"/>
      <c r="QOC658" s="613"/>
      <c r="QOD658" s="613"/>
      <c r="QOE658" s="613"/>
      <c r="QOF658" s="613"/>
      <c r="QOG658" s="613"/>
      <c r="QOH658" s="613"/>
      <c r="QOI658" s="613"/>
      <c r="QOJ658" s="613"/>
      <c r="QOK658" s="613"/>
      <c r="QOL658" s="613"/>
      <c r="QOM658" s="613"/>
      <c r="QON658" s="613"/>
      <c r="QOO658" s="613"/>
      <c r="QOP658" s="613"/>
      <c r="QOQ658" s="613"/>
      <c r="QOR658" s="613"/>
      <c r="QOS658" s="613"/>
      <c r="QOT658" s="613"/>
      <c r="QOU658" s="613"/>
      <c r="QOV658" s="613"/>
      <c r="QOW658" s="613"/>
      <c r="QOX658" s="613"/>
      <c r="QOY658" s="613"/>
      <c r="QOZ658" s="613"/>
      <c r="QPA658" s="613"/>
      <c r="QPB658" s="613"/>
      <c r="QPC658" s="613"/>
      <c r="QPD658" s="613"/>
      <c r="QPE658" s="613"/>
      <c r="QPF658" s="613"/>
      <c r="QPG658" s="613"/>
      <c r="QPH658" s="613"/>
      <c r="QPI658" s="613"/>
      <c r="QPJ658" s="613"/>
      <c r="QPK658" s="613"/>
      <c r="QPL658" s="613"/>
      <c r="QPM658" s="613"/>
      <c r="QPN658" s="613"/>
      <c r="QPO658" s="613"/>
      <c r="QPP658" s="613"/>
      <c r="QPQ658" s="613"/>
      <c r="QPR658" s="613"/>
      <c r="QPS658" s="613"/>
      <c r="QPT658" s="613"/>
      <c r="QPU658" s="613"/>
      <c r="QPV658" s="613"/>
      <c r="QPW658" s="613"/>
      <c r="QPX658" s="613"/>
      <c r="QPY658" s="613"/>
      <c r="QPZ658" s="613"/>
      <c r="QQA658" s="613"/>
      <c r="QQB658" s="613"/>
      <c r="QQC658" s="613"/>
      <c r="QQD658" s="613"/>
      <c r="QQE658" s="613"/>
      <c r="QQF658" s="613"/>
      <c r="QQG658" s="613"/>
      <c r="QQH658" s="613"/>
      <c r="QQI658" s="613"/>
      <c r="QQJ658" s="613"/>
      <c r="QQK658" s="613"/>
      <c r="QQL658" s="613"/>
      <c r="QQM658" s="613"/>
      <c r="QQN658" s="613"/>
      <c r="QQO658" s="613"/>
      <c r="QQP658" s="613"/>
      <c r="QQQ658" s="613"/>
      <c r="QQR658" s="613"/>
      <c r="QQS658" s="613"/>
      <c r="QQT658" s="613"/>
      <c r="QQU658" s="613"/>
      <c r="QQV658" s="613"/>
      <c r="QQW658" s="613"/>
      <c r="QQX658" s="613"/>
      <c r="QQY658" s="613"/>
      <c r="QQZ658" s="613"/>
      <c r="QRA658" s="613"/>
      <c r="QRB658" s="613"/>
      <c r="QRC658" s="613"/>
      <c r="QRD658" s="613"/>
      <c r="QRE658" s="613"/>
      <c r="QRF658" s="613"/>
      <c r="QRG658" s="613"/>
      <c r="QRH658" s="613"/>
      <c r="QRI658" s="613"/>
      <c r="QRJ658" s="613"/>
      <c r="QRK658" s="613"/>
      <c r="QRL658" s="613"/>
      <c r="QRM658" s="613"/>
      <c r="QRN658" s="613"/>
      <c r="QRO658" s="613"/>
      <c r="QRP658" s="613"/>
      <c r="QRQ658" s="613"/>
      <c r="QRR658" s="613"/>
      <c r="QRS658" s="613"/>
      <c r="QRT658" s="613"/>
      <c r="QRU658" s="613"/>
      <c r="QRV658" s="613"/>
      <c r="QRW658" s="613"/>
      <c r="QRX658" s="613"/>
      <c r="QRY658" s="613"/>
      <c r="QRZ658" s="613"/>
      <c r="QSA658" s="613"/>
      <c r="QSB658" s="613"/>
      <c r="QSC658" s="613"/>
      <c r="QSD658" s="613"/>
      <c r="QSE658" s="613"/>
      <c r="QSF658" s="613"/>
      <c r="QSG658" s="613"/>
      <c r="QSH658" s="613"/>
      <c r="QSI658" s="613"/>
      <c r="QSJ658" s="613"/>
      <c r="QSK658" s="613"/>
      <c r="QSL658" s="613"/>
      <c r="QSM658" s="613"/>
      <c r="QSN658" s="613"/>
      <c r="QSO658" s="613"/>
      <c r="QSP658" s="613"/>
      <c r="QSQ658" s="613"/>
      <c r="QSR658" s="613"/>
      <c r="QSS658" s="613"/>
      <c r="QST658" s="613"/>
      <c r="QSU658" s="613"/>
      <c r="QSV658" s="613"/>
      <c r="QSW658" s="613"/>
      <c r="QSX658" s="613"/>
      <c r="QSY658" s="613"/>
      <c r="QSZ658" s="613"/>
      <c r="QTA658" s="613"/>
      <c r="QTB658" s="613"/>
      <c r="QTC658" s="613"/>
      <c r="QTD658" s="613"/>
      <c r="QTE658" s="613"/>
      <c r="QTF658" s="613"/>
      <c r="QTG658" s="613"/>
      <c r="QTH658" s="613"/>
      <c r="QTI658" s="613"/>
      <c r="QTJ658" s="613"/>
      <c r="QTK658" s="613"/>
      <c r="QTL658" s="613"/>
      <c r="QTM658" s="613"/>
      <c r="QTN658" s="613"/>
      <c r="QTO658" s="613"/>
      <c r="QTP658" s="613"/>
      <c r="QTQ658" s="613"/>
      <c r="QTR658" s="613"/>
      <c r="QTS658" s="613"/>
      <c r="QTT658" s="613"/>
      <c r="QTU658" s="613"/>
      <c r="QTV658" s="613"/>
      <c r="QTW658" s="613"/>
      <c r="QTX658" s="613"/>
      <c r="QTY658" s="613"/>
      <c r="QTZ658" s="613"/>
      <c r="QUA658" s="613"/>
      <c r="QUB658" s="613"/>
      <c r="QUC658" s="613"/>
      <c r="QUD658" s="613"/>
      <c r="QUE658" s="613"/>
      <c r="QUF658" s="613"/>
      <c r="QUG658" s="613"/>
      <c r="QUH658" s="613"/>
      <c r="QUI658" s="613"/>
      <c r="QUJ658" s="613"/>
      <c r="QUK658" s="613"/>
      <c r="QUL658" s="613"/>
      <c r="QUM658" s="613"/>
      <c r="QUN658" s="613"/>
      <c r="QUO658" s="613"/>
      <c r="QUP658" s="613"/>
      <c r="QUQ658" s="613"/>
      <c r="QUR658" s="613"/>
      <c r="QUS658" s="613"/>
      <c r="QUT658" s="613"/>
      <c r="QUU658" s="613"/>
      <c r="QUV658" s="613"/>
      <c r="QUW658" s="613"/>
      <c r="QUX658" s="613"/>
      <c r="QUY658" s="613"/>
      <c r="QUZ658" s="613"/>
      <c r="QVA658" s="613"/>
      <c r="QVB658" s="613"/>
      <c r="QVC658" s="613"/>
      <c r="QVD658" s="613"/>
      <c r="QVE658" s="613"/>
      <c r="QVF658" s="613"/>
      <c r="QVG658" s="613"/>
      <c r="QVH658" s="613"/>
      <c r="QVI658" s="613"/>
      <c r="QVJ658" s="613"/>
      <c r="QVK658" s="613"/>
      <c r="QVL658" s="613"/>
      <c r="QVM658" s="613"/>
      <c r="QVN658" s="613"/>
      <c r="QVO658" s="613"/>
      <c r="QVP658" s="613"/>
      <c r="QVQ658" s="613"/>
      <c r="QVR658" s="613"/>
      <c r="QVS658" s="613"/>
      <c r="QVT658" s="613"/>
      <c r="QVU658" s="613"/>
      <c r="QVV658" s="613"/>
      <c r="QVW658" s="613"/>
      <c r="QVX658" s="613"/>
      <c r="QVY658" s="613"/>
      <c r="QVZ658" s="613"/>
      <c r="QWA658" s="613"/>
      <c r="QWB658" s="613"/>
      <c r="QWC658" s="613"/>
      <c r="QWD658" s="613"/>
      <c r="QWE658" s="613"/>
      <c r="QWF658" s="613"/>
      <c r="QWG658" s="613"/>
      <c r="QWH658" s="613"/>
      <c r="QWI658" s="613"/>
      <c r="QWJ658" s="613"/>
      <c r="QWK658" s="613"/>
      <c r="QWL658" s="613"/>
      <c r="QWM658" s="613"/>
      <c r="QWN658" s="613"/>
      <c r="QWO658" s="613"/>
      <c r="QWP658" s="613"/>
      <c r="QWQ658" s="613"/>
      <c r="QWR658" s="613"/>
      <c r="QWS658" s="613"/>
      <c r="QWT658" s="613"/>
      <c r="QWU658" s="613"/>
      <c r="QWV658" s="613"/>
      <c r="QWW658" s="613"/>
      <c r="QWX658" s="613"/>
      <c r="QWY658" s="613"/>
      <c r="QWZ658" s="613"/>
      <c r="QXA658" s="613"/>
      <c r="QXB658" s="613"/>
      <c r="QXC658" s="613"/>
      <c r="QXD658" s="613"/>
      <c r="QXE658" s="613"/>
      <c r="QXF658" s="613"/>
      <c r="QXG658" s="613"/>
      <c r="QXH658" s="613"/>
      <c r="QXI658" s="613"/>
      <c r="QXJ658" s="613"/>
      <c r="QXK658" s="613"/>
      <c r="QXL658" s="613"/>
      <c r="QXM658" s="613"/>
      <c r="QXN658" s="613"/>
      <c r="QXO658" s="613"/>
      <c r="QXP658" s="613"/>
      <c r="QXQ658" s="613"/>
      <c r="QXR658" s="613"/>
      <c r="QXS658" s="613"/>
      <c r="QXT658" s="613"/>
      <c r="QXU658" s="613"/>
      <c r="QXV658" s="613"/>
      <c r="QXW658" s="613"/>
      <c r="QXX658" s="613"/>
      <c r="QXY658" s="613"/>
      <c r="QXZ658" s="613"/>
      <c r="QYA658" s="613"/>
      <c r="QYB658" s="613"/>
      <c r="QYC658" s="613"/>
      <c r="QYD658" s="613"/>
      <c r="QYE658" s="613"/>
      <c r="QYF658" s="613"/>
      <c r="QYG658" s="613"/>
      <c r="QYH658" s="613"/>
      <c r="QYI658" s="613"/>
      <c r="QYJ658" s="613"/>
      <c r="QYK658" s="613"/>
      <c r="QYL658" s="613"/>
      <c r="QYM658" s="613"/>
      <c r="QYN658" s="613"/>
      <c r="QYO658" s="613"/>
      <c r="QYP658" s="613"/>
      <c r="QYQ658" s="613"/>
      <c r="QYR658" s="613"/>
      <c r="QYS658" s="613"/>
      <c r="QYT658" s="613"/>
      <c r="QYU658" s="613"/>
      <c r="QYV658" s="613"/>
      <c r="QYW658" s="613"/>
      <c r="QYX658" s="613"/>
      <c r="QYY658" s="613"/>
      <c r="QYZ658" s="613"/>
      <c r="QZA658" s="613"/>
      <c r="QZB658" s="613"/>
      <c r="QZC658" s="613"/>
      <c r="QZD658" s="613"/>
      <c r="QZE658" s="613"/>
      <c r="QZF658" s="613"/>
      <c r="QZG658" s="613"/>
      <c r="QZH658" s="613"/>
      <c r="QZI658" s="613"/>
      <c r="QZJ658" s="613"/>
      <c r="QZK658" s="613"/>
      <c r="QZL658" s="613"/>
      <c r="QZM658" s="613"/>
      <c r="QZN658" s="613"/>
      <c r="QZO658" s="613"/>
      <c r="QZP658" s="613"/>
      <c r="QZQ658" s="613"/>
      <c r="QZR658" s="613"/>
      <c r="QZS658" s="613"/>
      <c r="QZT658" s="613"/>
      <c r="QZU658" s="613"/>
      <c r="QZV658" s="613"/>
      <c r="QZW658" s="613"/>
      <c r="QZX658" s="613"/>
      <c r="QZY658" s="613"/>
      <c r="QZZ658" s="613"/>
      <c r="RAA658" s="613"/>
      <c r="RAB658" s="613"/>
      <c r="RAC658" s="613"/>
      <c r="RAD658" s="613"/>
      <c r="RAE658" s="613"/>
      <c r="RAF658" s="613"/>
      <c r="RAG658" s="613"/>
      <c r="RAH658" s="613"/>
      <c r="RAI658" s="613"/>
      <c r="RAJ658" s="613"/>
      <c r="RAK658" s="613"/>
      <c r="RAL658" s="613"/>
      <c r="RAM658" s="613"/>
      <c r="RAN658" s="613"/>
      <c r="RAO658" s="613"/>
      <c r="RAP658" s="613"/>
      <c r="RAQ658" s="613"/>
      <c r="RAR658" s="613"/>
      <c r="RAS658" s="613"/>
      <c r="RAT658" s="613"/>
      <c r="RAU658" s="613"/>
      <c r="RAV658" s="613"/>
      <c r="RAW658" s="613"/>
      <c r="RAX658" s="613"/>
      <c r="RAY658" s="613"/>
      <c r="RAZ658" s="613"/>
      <c r="RBA658" s="613"/>
      <c r="RBB658" s="613"/>
      <c r="RBC658" s="613"/>
      <c r="RBD658" s="613"/>
      <c r="RBE658" s="613"/>
      <c r="RBF658" s="613"/>
      <c r="RBG658" s="613"/>
      <c r="RBH658" s="613"/>
      <c r="RBI658" s="613"/>
      <c r="RBJ658" s="613"/>
      <c r="RBK658" s="613"/>
      <c r="RBL658" s="613"/>
      <c r="RBM658" s="613"/>
      <c r="RBN658" s="613"/>
      <c r="RBO658" s="613"/>
      <c r="RBP658" s="613"/>
      <c r="RBQ658" s="613"/>
      <c r="RBR658" s="613"/>
      <c r="RBS658" s="613"/>
      <c r="RBT658" s="613"/>
      <c r="RBU658" s="613"/>
      <c r="RBV658" s="613"/>
      <c r="RBW658" s="613"/>
      <c r="RBX658" s="613"/>
      <c r="RBY658" s="613"/>
      <c r="RBZ658" s="613"/>
      <c r="RCA658" s="613"/>
      <c r="RCB658" s="613"/>
      <c r="RCC658" s="613"/>
      <c r="RCD658" s="613"/>
      <c r="RCE658" s="613"/>
      <c r="RCF658" s="613"/>
      <c r="RCG658" s="613"/>
      <c r="RCH658" s="613"/>
      <c r="RCI658" s="613"/>
      <c r="RCJ658" s="613"/>
      <c r="RCK658" s="613"/>
      <c r="RCL658" s="613"/>
      <c r="RCM658" s="613"/>
      <c r="RCN658" s="613"/>
      <c r="RCO658" s="613"/>
      <c r="RCP658" s="613"/>
      <c r="RCQ658" s="613"/>
      <c r="RCR658" s="613"/>
      <c r="RCS658" s="613"/>
      <c r="RCT658" s="613"/>
      <c r="RCU658" s="613"/>
      <c r="RCV658" s="613"/>
      <c r="RCW658" s="613"/>
      <c r="RCX658" s="613"/>
      <c r="RCY658" s="613"/>
      <c r="RCZ658" s="613"/>
      <c r="RDA658" s="613"/>
      <c r="RDB658" s="613"/>
      <c r="RDC658" s="613"/>
      <c r="RDD658" s="613"/>
      <c r="RDE658" s="613"/>
      <c r="RDF658" s="613"/>
      <c r="RDG658" s="613"/>
      <c r="RDH658" s="613"/>
      <c r="RDI658" s="613"/>
      <c r="RDJ658" s="613"/>
      <c r="RDK658" s="613"/>
      <c r="RDL658" s="613"/>
      <c r="RDM658" s="613"/>
      <c r="RDN658" s="613"/>
      <c r="RDO658" s="613"/>
      <c r="RDP658" s="613"/>
      <c r="RDQ658" s="613"/>
      <c r="RDR658" s="613"/>
      <c r="RDS658" s="613"/>
      <c r="RDT658" s="613"/>
      <c r="RDU658" s="613"/>
      <c r="RDV658" s="613"/>
      <c r="RDW658" s="613"/>
      <c r="RDX658" s="613"/>
      <c r="RDY658" s="613"/>
      <c r="RDZ658" s="613"/>
      <c r="REA658" s="613"/>
      <c r="REB658" s="613"/>
      <c r="REC658" s="613"/>
      <c r="RED658" s="613"/>
      <c r="REE658" s="613"/>
      <c r="REF658" s="613"/>
      <c r="REG658" s="613"/>
      <c r="REH658" s="613"/>
      <c r="REI658" s="613"/>
      <c r="REJ658" s="613"/>
      <c r="REK658" s="613"/>
      <c r="REL658" s="613"/>
      <c r="REM658" s="613"/>
      <c r="REN658" s="613"/>
      <c r="REO658" s="613"/>
      <c r="REP658" s="613"/>
      <c r="REQ658" s="613"/>
      <c r="RER658" s="613"/>
      <c r="RES658" s="613"/>
      <c r="RET658" s="613"/>
      <c r="REU658" s="613"/>
      <c r="REV658" s="613"/>
      <c r="REW658" s="613"/>
      <c r="REX658" s="613"/>
      <c r="REY658" s="613"/>
      <c r="REZ658" s="613"/>
      <c r="RFA658" s="613"/>
      <c r="RFB658" s="613"/>
      <c r="RFC658" s="613"/>
      <c r="RFD658" s="613"/>
      <c r="RFE658" s="613"/>
      <c r="RFF658" s="613"/>
      <c r="RFG658" s="613"/>
      <c r="RFH658" s="613"/>
      <c r="RFI658" s="613"/>
      <c r="RFJ658" s="613"/>
      <c r="RFK658" s="613"/>
      <c r="RFL658" s="613"/>
      <c r="RFM658" s="613"/>
      <c r="RFN658" s="613"/>
      <c r="RFO658" s="613"/>
      <c r="RFP658" s="613"/>
      <c r="RFQ658" s="613"/>
      <c r="RFR658" s="613"/>
      <c r="RFS658" s="613"/>
      <c r="RFT658" s="613"/>
      <c r="RFU658" s="613"/>
      <c r="RFV658" s="613"/>
      <c r="RFW658" s="613"/>
      <c r="RFX658" s="613"/>
      <c r="RFY658" s="613"/>
      <c r="RFZ658" s="613"/>
      <c r="RGA658" s="613"/>
      <c r="RGB658" s="613"/>
      <c r="RGC658" s="613"/>
      <c r="RGD658" s="613"/>
      <c r="RGE658" s="613"/>
      <c r="RGF658" s="613"/>
      <c r="RGG658" s="613"/>
      <c r="RGH658" s="613"/>
      <c r="RGI658" s="613"/>
      <c r="RGJ658" s="613"/>
      <c r="RGK658" s="613"/>
      <c r="RGL658" s="613"/>
      <c r="RGM658" s="613"/>
      <c r="RGN658" s="613"/>
      <c r="RGO658" s="613"/>
      <c r="RGP658" s="613"/>
      <c r="RGQ658" s="613"/>
      <c r="RGR658" s="613"/>
      <c r="RGS658" s="613"/>
      <c r="RGT658" s="613"/>
      <c r="RGU658" s="613"/>
      <c r="RGV658" s="613"/>
      <c r="RGW658" s="613"/>
      <c r="RGX658" s="613"/>
      <c r="RGY658" s="613"/>
      <c r="RGZ658" s="613"/>
      <c r="RHA658" s="613"/>
      <c r="RHB658" s="613"/>
      <c r="RHC658" s="613"/>
      <c r="RHD658" s="613"/>
      <c r="RHE658" s="613"/>
      <c r="RHF658" s="613"/>
      <c r="RHG658" s="613"/>
      <c r="RHH658" s="613"/>
      <c r="RHI658" s="613"/>
      <c r="RHJ658" s="613"/>
      <c r="RHK658" s="613"/>
      <c r="RHL658" s="613"/>
      <c r="RHM658" s="613"/>
      <c r="RHN658" s="613"/>
      <c r="RHO658" s="613"/>
      <c r="RHP658" s="613"/>
      <c r="RHQ658" s="613"/>
      <c r="RHR658" s="613"/>
      <c r="RHS658" s="613"/>
      <c r="RHT658" s="613"/>
      <c r="RHU658" s="613"/>
      <c r="RHV658" s="613"/>
      <c r="RHW658" s="613"/>
      <c r="RHX658" s="613"/>
      <c r="RHY658" s="613"/>
      <c r="RHZ658" s="613"/>
      <c r="RIA658" s="613"/>
      <c r="RIB658" s="613"/>
      <c r="RIC658" s="613"/>
      <c r="RID658" s="613"/>
      <c r="RIE658" s="613"/>
      <c r="RIF658" s="613"/>
      <c r="RIG658" s="613"/>
      <c r="RIH658" s="613"/>
      <c r="RII658" s="613"/>
      <c r="RIJ658" s="613"/>
      <c r="RIK658" s="613"/>
      <c r="RIL658" s="613"/>
      <c r="RIM658" s="613"/>
      <c r="RIN658" s="613"/>
      <c r="RIO658" s="613"/>
      <c r="RIP658" s="613"/>
      <c r="RIQ658" s="613"/>
      <c r="RIR658" s="613"/>
      <c r="RIS658" s="613"/>
      <c r="RIT658" s="613"/>
      <c r="RIU658" s="613"/>
      <c r="RIV658" s="613"/>
      <c r="RIW658" s="613"/>
      <c r="RIX658" s="613"/>
      <c r="RIY658" s="613"/>
      <c r="RIZ658" s="613"/>
      <c r="RJA658" s="613"/>
      <c r="RJB658" s="613"/>
      <c r="RJC658" s="613"/>
      <c r="RJD658" s="613"/>
      <c r="RJE658" s="613"/>
      <c r="RJF658" s="613"/>
      <c r="RJG658" s="613"/>
      <c r="RJH658" s="613"/>
      <c r="RJI658" s="613"/>
      <c r="RJJ658" s="613"/>
      <c r="RJK658" s="613"/>
      <c r="RJL658" s="613"/>
      <c r="RJM658" s="613"/>
      <c r="RJN658" s="613"/>
      <c r="RJO658" s="613"/>
      <c r="RJP658" s="613"/>
      <c r="RJQ658" s="613"/>
      <c r="RJR658" s="613"/>
      <c r="RJS658" s="613"/>
      <c r="RJT658" s="613"/>
      <c r="RJU658" s="613"/>
      <c r="RJV658" s="613"/>
      <c r="RJW658" s="613"/>
      <c r="RJX658" s="613"/>
      <c r="RJY658" s="613"/>
      <c r="RJZ658" s="613"/>
      <c r="RKA658" s="613"/>
      <c r="RKB658" s="613"/>
      <c r="RKC658" s="613"/>
      <c r="RKD658" s="613"/>
      <c r="RKE658" s="613"/>
      <c r="RKF658" s="613"/>
      <c r="RKG658" s="613"/>
      <c r="RKH658" s="613"/>
      <c r="RKI658" s="613"/>
      <c r="RKJ658" s="613"/>
      <c r="RKK658" s="613"/>
      <c r="RKL658" s="613"/>
      <c r="RKM658" s="613"/>
      <c r="RKN658" s="613"/>
      <c r="RKO658" s="613"/>
      <c r="RKP658" s="613"/>
      <c r="RKQ658" s="613"/>
      <c r="RKR658" s="613"/>
      <c r="RKS658" s="613"/>
      <c r="RKT658" s="613"/>
      <c r="RKU658" s="613"/>
      <c r="RKV658" s="613"/>
      <c r="RKW658" s="613"/>
      <c r="RKX658" s="613"/>
      <c r="RKY658" s="613"/>
      <c r="RKZ658" s="613"/>
      <c r="RLA658" s="613"/>
      <c r="RLB658" s="613"/>
      <c r="RLC658" s="613"/>
      <c r="RLD658" s="613"/>
      <c r="RLE658" s="613"/>
      <c r="RLF658" s="613"/>
      <c r="RLG658" s="613"/>
      <c r="RLH658" s="613"/>
      <c r="RLI658" s="613"/>
      <c r="RLJ658" s="613"/>
      <c r="RLK658" s="613"/>
      <c r="RLL658" s="613"/>
      <c r="RLM658" s="613"/>
      <c r="RLN658" s="613"/>
      <c r="RLO658" s="613"/>
      <c r="RLP658" s="613"/>
      <c r="RLQ658" s="613"/>
      <c r="RLR658" s="613"/>
      <c r="RLS658" s="613"/>
      <c r="RLT658" s="613"/>
      <c r="RLU658" s="613"/>
      <c r="RLV658" s="613"/>
      <c r="RLW658" s="613"/>
      <c r="RLX658" s="613"/>
      <c r="RLY658" s="613"/>
      <c r="RLZ658" s="613"/>
      <c r="RMA658" s="613"/>
      <c r="RMB658" s="613"/>
      <c r="RMC658" s="613"/>
      <c r="RMD658" s="613"/>
      <c r="RME658" s="613"/>
      <c r="RMF658" s="613"/>
      <c r="RMG658" s="613"/>
      <c r="RMH658" s="613"/>
      <c r="RMI658" s="613"/>
      <c r="RMJ658" s="613"/>
      <c r="RMK658" s="613"/>
      <c r="RML658" s="613"/>
      <c r="RMM658" s="613"/>
      <c r="RMN658" s="613"/>
      <c r="RMO658" s="613"/>
      <c r="RMP658" s="613"/>
      <c r="RMQ658" s="613"/>
      <c r="RMR658" s="613"/>
      <c r="RMS658" s="613"/>
      <c r="RMT658" s="613"/>
      <c r="RMU658" s="613"/>
      <c r="RMV658" s="613"/>
      <c r="RMW658" s="613"/>
      <c r="RMX658" s="613"/>
      <c r="RMY658" s="613"/>
      <c r="RMZ658" s="613"/>
      <c r="RNA658" s="613"/>
      <c r="RNB658" s="613"/>
      <c r="RNC658" s="613"/>
      <c r="RND658" s="613"/>
      <c r="RNE658" s="613"/>
      <c r="RNF658" s="613"/>
      <c r="RNG658" s="613"/>
      <c r="RNH658" s="613"/>
      <c r="RNI658" s="613"/>
      <c r="RNJ658" s="613"/>
      <c r="RNK658" s="613"/>
      <c r="RNL658" s="613"/>
      <c r="RNM658" s="613"/>
      <c r="RNN658" s="613"/>
      <c r="RNO658" s="613"/>
      <c r="RNP658" s="613"/>
      <c r="RNQ658" s="613"/>
      <c r="RNR658" s="613"/>
      <c r="RNS658" s="613"/>
      <c r="RNT658" s="613"/>
      <c r="RNU658" s="613"/>
      <c r="RNV658" s="613"/>
      <c r="RNW658" s="613"/>
      <c r="RNX658" s="613"/>
      <c r="RNY658" s="613"/>
      <c r="RNZ658" s="613"/>
      <c r="ROA658" s="613"/>
      <c r="ROB658" s="613"/>
      <c r="ROC658" s="613"/>
      <c r="ROD658" s="613"/>
      <c r="ROE658" s="613"/>
      <c r="ROF658" s="613"/>
      <c r="ROG658" s="613"/>
      <c r="ROH658" s="613"/>
      <c r="ROI658" s="613"/>
      <c r="ROJ658" s="613"/>
      <c r="ROK658" s="613"/>
      <c r="ROL658" s="613"/>
      <c r="ROM658" s="613"/>
      <c r="RON658" s="613"/>
      <c r="ROO658" s="613"/>
      <c r="ROP658" s="613"/>
      <c r="ROQ658" s="613"/>
      <c r="ROR658" s="613"/>
      <c r="ROS658" s="613"/>
      <c r="ROT658" s="613"/>
      <c r="ROU658" s="613"/>
      <c r="ROV658" s="613"/>
      <c r="ROW658" s="613"/>
      <c r="ROX658" s="613"/>
      <c r="ROY658" s="613"/>
      <c r="ROZ658" s="613"/>
      <c r="RPA658" s="613"/>
      <c r="RPB658" s="613"/>
      <c r="RPC658" s="613"/>
      <c r="RPD658" s="613"/>
      <c r="RPE658" s="613"/>
      <c r="RPF658" s="613"/>
      <c r="RPG658" s="613"/>
      <c r="RPH658" s="613"/>
      <c r="RPI658" s="613"/>
      <c r="RPJ658" s="613"/>
      <c r="RPK658" s="613"/>
      <c r="RPL658" s="613"/>
      <c r="RPM658" s="613"/>
      <c r="RPN658" s="613"/>
      <c r="RPO658" s="613"/>
      <c r="RPP658" s="613"/>
      <c r="RPQ658" s="613"/>
      <c r="RPR658" s="613"/>
      <c r="RPS658" s="613"/>
      <c r="RPT658" s="613"/>
      <c r="RPU658" s="613"/>
      <c r="RPV658" s="613"/>
      <c r="RPW658" s="613"/>
      <c r="RPX658" s="613"/>
      <c r="RPY658" s="613"/>
      <c r="RPZ658" s="613"/>
      <c r="RQA658" s="613"/>
      <c r="RQB658" s="613"/>
      <c r="RQC658" s="613"/>
      <c r="RQD658" s="613"/>
      <c r="RQE658" s="613"/>
      <c r="RQF658" s="613"/>
      <c r="RQG658" s="613"/>
      <c r="RQH658" s="613"/>
      <c r="RQI658" s="613"/>
      <c r="RQJ658" s="613"/>
      <c r="RQK658" s="613"/>
      <c r="RQL658" s="613"/>
      <c r="RQM658" s="613"/>
      <c r="RQN658" s="613"/>
      <c r="RQO658" s="613"/>
      <c r="RQP658" s="613"/>
      <c r="RQQ658" s="613"/>
      <c r="RQR658" s="613"/>
      <c r="RQS658" s="613"/>
      <c r="RQT658" s="613"/>
      <c r="RQU658" s="613"/>
      <c r="RQV658" s="613"/>
      <c r="RQW658" s="613"/>
      <c r="RQX658" s="613"/>
      <c r="RQY658" s="613"/>
      <c r="RQZ658" s="613"/>
      <c r="RRA658" s="613"/>
      <c r="RRB658" s="613"/>
      <c r="RRC658" s="613"/>
      <c r="RRD658" s="613"/>
      <c r="RRE658" s="613"/>
      <c r="RRF658" s="613"/>
      <c r="RRG658" s="613"/>
      <c r="RRH658" s="613"/>
      <c r="RRI658" s="613"/>
      <c r="RRJ658" s="613"/>
      <c r="RRK658" s="613"/>
      <c r="RRL658" s="613"/>
      <c r="RRM658" s="613"/>
      <c r="RRN658" s="613"/>
      <c r="RRO658" s="613"/>
      <c r="RRP658" s="613"/>
      <c r="RRQ658" s="613"/>
      <c r="RRR658" s="613"/>
      <c r="RRS658" s="613"/>
      <c r="RRT658" s="613"/>
      <c r="RRU658" s="613"/>
      <c r="RRV658" s="613"/>
      <c r="RRW658" s="613"/>
      <c r="RRX658" s="613"/>
      <c r="RRY658" s="613"/>
      <c r="RRZ658" s="613"/>
      <c r="RSA658" s="613"/>
      <c r="RSB658" s="613"/>
      <c r="RSC658" s="613"/>
      <c r="RSD658" s="613"/>
      <c r="RSE658" s="613"/>
      <c r="RSF658" s="613"/>
      <c r="RSG658" s="613"/>
      <c r="RSH658" s="613"/>
      <c r="RSI658" s="613"/>
      <c r="RSJ658" s="613"/>
      <c r="RSK658" s="613"/>
      <c r="RSL658" s="613"/>
      <c r="RSM658" s="613"/>
      <c r="RSN658" s="613"/>
      <c r="RSO658" s="613"/>
      <c r="RSP658" s="613"/>
      <c r="RSQ658" s="613"/>
      <c r="RSR658" s="613"/>
      <c r="RSS658" s="613"/>
      <c r="RST658" s="613"/>
      <c r="RSU658" s="613"/>
      <c r="RSV658" s="613"/>
      <c r="RSW658" s="613"/>
      <c r="RSX658" s="613"/>
      <c r="RSY658" s="613"/>
      <c r="RSZ658" s="613"/>
      <c r="RTA658" s="613"/>
      <c r="RTB658" s="613"/>
      <c r="RTC658" s="613"/>
      <c r="RTD658" s="613"/>
      <c r="RTE658" s="613"/>
      <c r="RTF658" s="613"/>
      <c r="RTG658" s="613"/>
      <c r="RTH658" s="613"/>
      <c r="RTI658" s="613"/>
      <c r="RTJ658" s="613"/>
      <c r="RTK658" s="613"/>
      <c r="RTL658" s="613"/>
      <c r="RTM658" s="613"/>
      <c r="RTN658" s="613"/>
      <c r="RTO658" s="613"/>
      <c r="RTP658" s="613"/>
      <c r="RTQ658" s="613"/>
      <c r="RTR658" s="613"/>
      <c r="RTS658" s="613"/>
      <c r="RTT658" s="613"/>
      <c r="RTU658" s="613"/>
      <c r="RTV658" s="613"/>
      <c r="RTW658" s="613"/>
      <c r="RTX658" s="613"/>
      <c r="RTY658" s="613"/>
      <c r="RTZ658" s="613"/>
      <c r="RUA658" s="613"/>
      <c r="RUB658" s="613"/>
      <c r="RUC658" s="613"/>
      <c r="RUD658" s="613"/>
      <c r="RUE658" s="613"/>
      <c r="RUF658" s="613"/>
      <c r="RUG658" s="613"/>
      <c r="RUH658" s="613"/>
      <c r="RUI658" s="613"/>
      <c r="RUJ658" s="613"/>
      <c r="RUK658" s="613"/>
      <c r="RUL658" s="613"/>
      <c r="RUM658" s="613"/>
      <c r="RUN658" s="613"/>
      <c r="RUO658" s="613"/>
      <c r="RUP658" s="613"/>
      <c r="RUQ658" s="613"/>
      <c r="RUR658" s="613"/>
      <c r="RUS658" s="613"/>
      <c r="RUT658" s="613"/>
      <c r="RUU658" s="613"/>
      <c r="RUV658" s="613"/>
      <c r="RUW658" s="613"/>
      <c r="RUX658" s="613"/>
      <c r="RUY658" s="613"/>
      <c r="RUZ658" s="613"/>
      <c r="RVA658" s="613"/>
      <c r="RVB658" s="613"/>
      <c r="RVC658" s="613"/>
      <c r="RVD658" s="613"/>
      <c r="RVE658" s="613"/>
      <c r="RVF658" s="613"/>
      <c r="RVG658" s="613"/>
      <c r="RVH658" s="613"/>
      <c r="RVI658" s="613"/>
      <c r="RVJ658" s="613"/>
      <c r="RVK658" s="613"/>
      <c r="RVL658" s="613"/>
      <c r="RVM658" s="613"/>
      <c r="RVN658" s="613"/>
      <c r="RVO658" s="613"/>
      <c r="RVP658" s="613"/>
      <c r="RVQ658" s="613"/>
      <c r="RVR658" s="613"/>
      <c r="RVS658" s="613"/>
      <c r="RVT658" s="613"/>
      <c r="RVU658" s="613"/>
      <c r="RVV658" s="613"/>
      <c r="RVW658" s="613"/>
      <c r="RVX658" s="613"/>
      <c r="RVY658" s="613"/>
      <c r="RVZ658" s="613"/>
      <c r="RWA658" s="613"/>
      <c r="RWB658" s="613"/>
      <c r="RWC658" s="613"/>
      <c r="RWD658" s="613"/>
      <c r="RWE658" s="613"/>
      <c r="RWF658" s="613"/>
      <c r="RWG658" s="613"/>
      <c r="RWH658" s="613"/>
      <c r="RWI658" s="613"/>
      <c r="RWJ658" s="613"/>
      <c r="RWK658" s="613"/>
      <c r="RWL658" s="613"/>
      <c r="RWM658" s="613"/>
      <c r="RWN658" s="613"/>
      <c r="RWO658" s="613"/>
      <c r="RWP658" s="613"/>
      <c r="RWQ658" s="613"/>
      <c r="RWR658" s="613"/>
      <c r="RWS658" s="613"/>
      <c r="RWT658" s="613"/>
      <c r="RWU658" s="613"/>
      <c r="RWV658" s="613"/>
      <c r="RWW658" s="613"/>
      <c r="RWX658" s="613"/>
      <c r="RWY658" s="613"/>
      <c r="RWZ658" s="613"/>
      <c r="RXA658" s="613"/>
      <c r="RXB658" s="613"/>
      <c r="RXC658" s="613"/>
      <c r="RXD658" s="613"/>
      <c r="RXE658" s="613"/>
      <c r="RXF658" s="613"/>
      <c r="RXG658" s="613"/>
      <c r="RXH658" s="613"/>
      <c r="RXI658" s="613"/>
      <c r="RXJ658" s="613"/>
      <c r="RXK658" s="613"/>
      <c r="RXL658" s="613"/>
      <c r="RXM658" s="613"/>
      <c r="RXN658" s="613"/>
      <c r="RXO658" s="613"/>
      <c r="RXP658" s="613"/>
      <c r="RXQ658" s="613"/>
      <c r="RXR658" s="613"/>
      <c r="RXS658" s="613"/>
      <c r="RXT658" s="613"/>
      <c r="RXU658" s="613"/>
      <c r="RXV658" s="613"/>
      <c r="RXW658" s="613"/>
      <c r="RXX658" s="613"/>
      <c r="RXY658" s="613"/>
      <c r="RXZ658" s="613"/>
      <c r="RYA658" s="613"/>
      <c r="RYB658" s="613"/>
      <c r="RYC658" s="613"/>
      <c r="RYD658" s="613"/>
      <c r="RYE658" s="613"/>
      <c r="RYF658" s="613"/>
      <c r="RYG658" s="613"/>
      <c r="RYH658" s="613"/>
      <c r="RYI658" s="613"/>
      <c r="RYJ658" s="613"/>
      <c r="RYK658" s="613"/>
      <c r="RYL658" s="613"/>
      <c r="RYM658" s="613"/>
      <c r="RYN658" s="613"/>
      <c r="RYO658" s="613"/>
      <c r="RYP658" s="613"/>
      <c r="RYQ658" s="613"/>
      <c r="RYR658" s="613"/>
      <c r="RYS658" s="613"/>
      <c r="RYT658" s="613"/>
      <c r="RYU658" s="613"/>
      <c r="RYV658" s="613"/>
      <c r="RYW658" s="613"/>
      <c r="RYX658" s="613"/>
      <c r="RYY658" s="613"/>
      <c r="RYZ658" s="613"/>
      <c r="RZA658" s="613"/>
      <c r="RZB658" s="613"/>
      <c r="RZC658" s="613"/>
      <c r="RZD658" s="613"/>
      <c r="RZE658" s="613"/>
      <c r="RZF658" s="613"/>
      <c r="RZG658" s="613"/>
      <c r="RZH658" s="613"/>
      <c r="RZI658" s="613"/>
      <c r="RZJ658" s="613"/>
      <c r="RZK658" s="613"/>
      <c r="RZL658" s="613"/>
      <c r="RZM658" s="613"/>
      <c r="RZN658" s="613"/>
      <c r="RZO658" s="613"/>
      <c r="RZP658" s="613"/>
      <c r="RZQ658" s="613"/>
      <c r="RZR658" s="613"/>
      <c r="RZS658" s="613"/>
      <c r="RZT658" s="613"/>
      <c r="RZU658" s="613"/>
      <c r="RZV658" s="613"/>
      <c r="RZW658" s="613"/>
      <c r="RZX658" s="613"/>
      <c r="RZY658" s="613"/>
      <c r="RZZ658" s="613"/>
      <c r="SAA658" s="613"/>
      <c r="SAB658" s="613"/>
      <c r="SAC658" s="613"/>
      <c r="SAD658" s="613"/>
      <c r="SAE658" s="613"/>
      <c r="SAF658" s="613"/>
      <c r="SAG658" s="613"/>
      <c r="SAH658" s="613"/>
      <c r="SAI658" s="613"/>
      <c r="SAJ658" s="613"/>
      <c r="SAK658" s="613"/>
      <c r="SAL658" s="613"/>
      <c r="SAM658" s="613"/>
      <c r="SAN658" s="613"/>
      <c r="SAO658" s="613"/>
      <c r="SAP658" s="613"/>
      <c r="SAQ658" s="613"/>
      <c r="SAR658" s="613"/>
      <c r="SAS658" s="613"/>
      <c r="SAT658" s="613"/>
      <c r="SAU658" s="613"/>
      <c r="SAV658" s="613"/>
      <c r="SAW658" s="613"/>
      <c r="SAX658" s="613"/>
      <c r="SAY658" s="613"/>
      <c r="SAZ658" s="613"/>
      <c r="SBA658" s="613"/>
      <c r="SBB658" s="613"/>
      <c r="SBC658" s="613"/>
      <c r="SBD658" s="613"/>
      <c r="SBE658" s="613"/>
      <c r="SBF658" s="613"/>
      <c r="SBG658" s="613"/>
      <c r="SBH658" s="613"/>
      <c r="SBI658" s="613"/>
      <c r="SBJ658" s="613"/>
      <c r="SBK658" s="613"/>
      <c r="SBL658" s="613"/>
      <c r="SBM658" s="613"/>
      <c r="SBN658" s="613"/>
      <c r="SBO658" s="613"/>
      <c r="SBP658" s="613"/>
      <c r="SBQ658" s="613"/>
      <c r="SBR658" s="613"/>
      <c r="SBS658" s="613"/>
      <c r="SBT658" s="613"/>
      <c r="SBU658" s="613"/>
      <c r="SBV658" s="613"/>
      <c r="SBW658" s="613"/>
      <c r="SBX658" s="613"/>
      <c r="SBY658" s="613"/>
      <c r="SBZ658" s="613"/>
      <c r="SCA658" s="613"/>
      <c r="SCB658" s="613"/>
      <c r="SCC658" s="613"/>
      <c r="SCD658" s="613"/>
      <c r="SCE658" s="613"/>
      <c r="SCF658" s="613"/>
      <c r="SCG658" s="613"/>
      <c r="SCH658" s="613"/>
      <c r="SCI658" s="613"/>
      <c r="SCJ658" s="613"/>
      <c r="SCK658" s="613"/>
      <c r="SCL658" s="613"/>
      <c r="SCM658" s="613"/>
      <c r="SCN658" s="613"/>
      <c r="SCO658" s="613"/>
      <c r="SCP658" s="613"/>
      <c r="SCQ658" s="613"/>
      <c r="SCR658" s="613"/>
      <c r="SCS658" s="613"/>
      <c r="SCT658" s="613"/>
      <c r="SCU658" s="613"/>
      <c r="SCV658" s="613"/>
      <c r="SCW658" s="613"/>
      <c r="SCX658" s="613"/>
      <c r="SCY658" s="613"/>
      <c r="SCZ658" s="613"/>
      <c r="SDA658" s="613"/>
      <c r="SDB658" s="613"/>
      <c r="SDC658" s="613"/>
      <c r="SDD658" s="613"/>
      <c r="SDE658" s="613"/>
      <c r="SDF658" s="613"/>
      <c r="SDG658" s="613"/>
      <c r="SDH658" s="613"/>
      <c r="SDI658" s="613"/>
      <c r="SDJ658" s="613"/>
      <c r="SDK658" s="613"/>
      <c r="SDL658" s="613"/>
      <c r="SDM658" s="613"/>
      <c r="SDN658" s="613"/>
      <c r="SDO658" s="613"/>
      <c r="SDP658" s="613"/>
      <c r="SDQ658" s="613"/>
      <c r="SDR658" s="613"/>
      <c r="SDS658" s="613"/>
      <c r="SDT658" s="613"/>
      <c r="SDU658" s="613"/>
      <c r="SDV658" s="613"/>
      <c r="SDW658" s="613"/>
      <c r="SDX658" s="613"/>
      <c r="SDY658" s="613"/>
      <c r="SDZ658" s="613"/>
      <c r="SEA658" s="613"/>
      <c r="SEB658" s="613"/>
      <c r="SEC658" s="613"/>
      <c r="SED658" s="613"/>
      <c r="SEE658" s="613"/>
      <c r="SEF658" s="613"/>
      <c r="SEG658" s="613"/>
      <c r="SEH658" s="613"/>
      <c r="SEI658" s="613"/>
      <c r="SEJ658" s="613"/>
      <c r="SEK658" s="613"/>
      <c r="SEL658" s="613"/>
      <c r="SEM658" s="613"/>
      <c r="SEN658" s="613"/>
      <c r="SEO658" s="613"/>
      <c r="SEP658" s="613"/>
      <c r="SEQ658" s="613"/>
      <c r="SER658" s="613"/>
      <c r="SES658" s="613"/>
      <c r="SET658" s="613"/>
      <c r="SEU658" s="613"/>
      <c r="SEV658" s="613"/>
      <c r="SEW658" s="613"/>
      <c r="SEX658" s="613"/>
      <c r="SEY658" s="613"/>
      <c r="SEZ658" s="613"/>
      <c r="SFA658" s="613"/>
      <c r="SFB658" s="613"/>
      <c r="SFC658" s="613"/>
      <c r="SFD658" s="613"/>
      <c r="SFE658" s="613"/>
      <c r="SFF658" s="613"/>
      <c r="SFG658" s="613"/>
      <c r="SFH658" s="613"/>
      <c r="SFI658" s="613"/>
      <c r="SFJ658" s="613"/>
      <c r="SFK658" s="613"/>
      <c r="SFL658" s="613"/>
      <c r="SFM658" s="613"/>
      <c r="SFN658" s="613"/>
      <c r="SFO658" s="613"/>
      <c r="SFP658" s="613"/>
      <c r="SFQ658" s="613"/>
      <c r="SFR658" s="613"/>
      <c r="SFS658" s="613"/>
      <c r="SFT658" s="613"/>
      <c r="SFU658" s="613"/>
      <c r="SFV658" s="613"/>
      <c r="SFW658" s="613"/>
      <c r="SFX658" s="613"/>
      <c r="SFY658" s="613"/>
      <c r="SFZ658" s="613"/>
      <c r="SGA658" s="613"/>
      <c r="SGB658" s="613"/>
      <c r="SGC658" s="613"/>
      <c r="SGD658" s="613"/>
      <c r="SGE658" s="613"/>
      <c r="SGF658" s="613"/>
      <c r="SGG658" s="613"/>
      <c r="SGH658" s="613"/>
      <c r="SGI658" s="613"/>
      <c r="SGJ658" s="613"/>
      <c r="SGK658" s="613"/>
      <c r="SGL658" s="613"/>
      <c r="SGM658" s="613"/>
      <c r="SGN658" s="613"/>
      <c r="SGO658" s="613"/>
      <c r="SGP658" s="613"/>
      <c r="SGQ658" s="613"/>
      <c r="SGR658" s="613"/>
      <c r="SGS658" s="613"/>
      <c r="SGT658" s="613"/>
      <c r="SGU658" s="613"/>
      <c r="SGV658" s="613"/>
      <c r="SGW658" s="613"/>
      <c r="SGX658" s="613"/>
      <c r="SGY658" s="613"/>
      <c r="SGZ658" s="613"/>
      <c r="SHA658" s="613"/>
      <c r="SHB658" s="613"/>
      <c r="SHC658" s="613"/>
      <c r="SHD658" s="613"/>
      <c r="SHE658" s="613"/>
      <c r="SHF658" s="613"/>
      <c r="SHG658" s="613"/>
      <c r="SHH658" s="613"/>
      <c r="SHI658" s="613"/>
      <c r="SHJ658" s="613"/>
      <c r="SHK658" s="613"/>
      <c r="SHL658" s="613"/>
      <c r="SHM658" s="613"/>
      <c r="SHN658" s="613"/>
      <c r="SHO658" s="613"/>
      <c r="SHP658" s="613"/>
      <c r="SHQ658" s="613"/>
      <c r="SHR658" s="613"/>
      <c r="SHS658" s="613"/>
      <c r="SHT658" s="613"/>
      <c r="SHU658" s="613"/>
      <c r="SHV658" s="613"/>
      <c r="SHW658" s="613"/>
      <c r="SHX658" s="613"/>
      <c r="SHY658" s="613"/>
      <c r="SHZ658" s="613"/>
      <c r="SIA658" s="613"/>
      <c r="SIB658" s="613"/>
      <c r="SIC658" s="613"/>
      <c r="SID658" s="613"/>
      <c r="SIE658" s="613"/>
      <c r="SIF658" s="613"/>
      <c r="SIG658" s="613"/>
      <c r="SIH658" s="613"/>
      <c r="SII658" s="613"/>
      <c r="SIJ658" s="613"/>
      <c r="SIK658" s="613"/>
      <c r="SIL658" s="613"/>
      <c r="SIM658" s="613"/>
      <c r="SIN658" s="613"/>
      <c r="SIO658" s="613"/>
      <c r="SIP658" s="613"/>
      <c r="SIQ658" s="613"/>
      <c r="SIR658" s="613"/>
      <c r="SIS658" s="613"/>
      <c r="SIT658" s="613"/>
      <c r="SIU658" s="613"/>
      <c r="SIV658" s="613"/>
      <c r="SIW658" s="613"/>
      <c r="SIX658" s="613"/>
      <c r="SIY658" s="613"/>
      <c r="SIZ658" s="613"/>
      <c r="SJA658" s="613"/>
      <c r="SJB658" s="613"/>
      <c r="SJC658" s="613"/>
      <c r="SJD658" s="613"/>
      <c r="SJE658" s="613"/>
      <c r="SJF658" s="613"/>
      <c r="SJG658" s="613"/>
      <c r="SJH658" s="613"/>
      <c r="SJI658" s="613"/>
      <c r="SJJ658" s="613"/>
      <c r="SJK658" s="613"/>
      <c r="SJL658" s="613"/>
      <c r="SJM658" s="613"/>
      <c r="SJN658" s="613"/>
      <c r="SJO658" s="613"/>
      <c r="SJP658" s="613"/>
      <c r="SJQ658" s="613"/>
      <c r="SJR658" s="613"/>
      <c r="SJS658" s="613"/>
      <c r="SJT658" s="613"/>
      <c r="SJU658" s="613"/>
      <c r="SJV658" s="613"/>
      <c r="SJW658" s="613"/>
      <c r="SJX658" s="613"/>
      <c r="SJY658" s="613"/>
      <c r="SJZ658" s="613"/>
      <c r="SKA658" s="613"/>
      <c r="SKB658" s="613"/>
      <c r="SKC658" s="613"/>
      <c r="SKD658" s="613"/>
      <c r="SKE658" s="613"/>
      <c r="SKF658" s="613"/>
      <c r="SKG658" s="613"/>
      <c r="SKH658" s="613"/>
      <c r="SKI658" s="613"/>
      <c r="SKJ658" s="613"/>
      <c r="SKK658" s="613"/>
      <c r="SKL658" s="613"/>
      <c r="SKM658" s="613"/>
      <c r="SKN658" s="613"/>
      <c r="SKO658" s="613"/>
      <c r="SKP658" s="613"/>
      <c r="SKQ658" s="613"/>
      <c r="SKR658" s="613"/>
      <c r="SKS658" s="613"/>
      <c r="SKT658" s="613"/>
      <c r="SKU658" s="613"/>
      <c r="SKV658" s="613"/>
      <c r="SKW658" s="613"/>
      <c r="SKX658" s="613"/>
      <c r="SKY658" s="613"/>
      <c r="SKZ658" s="613"/>
      <c r="SLA658" s="613"/>
      <c r="SLB658" s="613"/>
      <c r="SLC658" s="613"/>
      <c r="SLD658" s="613"/>
      <c r="SLE658" s="613"/>
      <c r="SLF658" s="613"/>
      <c r="SLG658" s="613"/>
      <c r="SLH658" s="613"/>
      <c r="SLI658" s="613"/>
      <c r="SLJ658" s="613"/>
      <c r="SLK658" s="613"/>
      <c r="SLL658" s="613"/>
      <c r="SLM658" s="613"/>
      <c r="SLN658" s="613"/>
      <c r="SLO658" s="613"/>
      <c r="SLP658" s="613"/>
      <c r="SLQ658" s="613"/>
      <c r="SLR658" s="613"/>
      <c r="SLS658" s="613"/>
      <c r="SLT658" s="613"/>
      <c r="SLU658" s="613"/>
      <c r="SLV658" s="613"/>
      <c r="SLW658" s="613"/>
      <c r="SLX658" s="613"/>
      <c r="SLY658" s="613"/>
      <c r="SLZ658" s="613"/>
      <c r="SMA658" s="613"/>
      <c r="SMB658" s="613"/>
      <c r="SMC658" s="613"/>
      <c r="SMD658" s="613"/>
      <c r="SME658" s="613"/>
      <c r="SMF658" s="613"/>
      <c r="SMG658" s="613"/>
      <c r="SMH658" s="613"/>
      <c r="SMI658" s="613"/>
      <c r="SMJ658" s="613"/>
      <c r="SMK658" s="613"/>
      <c r="SML658" s="613"/>
      <c r="SMM658" s="613"/>
      <c r="SMN658" s="613"/>
      <c r="SMO658" s="613"/>
      <c r="SMP658" s="613"/>
      <c r="SMQ658" s="613"/>
      <c r="SMR658" s="613"/>
      <c r="SMS658" s="613"/>
      <c r="SMT658" s="613"/>
      <c r="SMU658" s="613"/>
      <c r="SMV658" s="613"/>
      <c r="SMW658" s="613"/>
      <c r="SMX658" s="613"/>
      <c r="SMY658" s="613"/>
      <c r="SMZ658" s="613"/>
      <c r="SNA658" s="613"/>
      <c r="SNB658" s="613"/>
      <c r="SNC658" s="613"/>
      <c r="SND658" s="613"/>
      <c r="SNE658" s="613"/>
      <c r="SNF658" s="613"/>
      <c r="SNG658" s="613"/>
      <c r="SNH658" s="613"/>
      <c r="SNI658" s="613"/>
      <c r="SNJ658" s="613"/>
      <c r="SNK658" s="613"/>
      <c r="SNL658" s="613"/>
      <c r="SNM658" s="613"/>
      <c r="SNN658" s="613"/>
      <c r="SNO658" s="613"/>
      <c r="SNP658" s="613"/>
      <c r="SNQ658" s="613"/>
      <c r="SNR658" s="613"/>
      <c r="SNS658" s="613"/>
      <c r="SNT658" s="613"/>
      <c r="SNU658" s="613"/>
      <c r="SNV658" s="613"/>
      <c r="SNW658" s="613"/>
      <c r="SNX658" s="613"/>
      <c r="SNY658" s="613"/>
      <c r="SNZ658" s="613"/>
      <c r="SOA658" s="613"/>
      <c r="SOB658" s="613"/>
      <c r="SOC658" s="613"/>
      <c r="SOD658" s="613"/>
      <c r="SOE658" s="613"/>
      <c r="SOF658" s="613"/>
      <c r="SOG658" s="613"/>
      <c r="SOH658" s="613"/>
      <c r="SOI658" s="613"/>
      <c r="SOJ658" s="613"/>
      <c r="SOK658" s="613"/>
      <c r="SOL658" s="613"/>
      <c r="SOM658" s="613"/>
      <c r="SON658" s="613"/>
      <c r="SOO658" s="613"/>
      <c r="SOP658" s="613"/>
      <c r="SOQ658" s="613"/>
      <c r="SOR658" s="613"/>
      <c r="SOS658" s="613"/>
      <c r="SOT658" s="613"/>
      <c r="SOU658" s="613"/>
      <c r="SOV658" s="613"/>
      <c r="SOW658" s="613"/>
      <c r="SOX658" s="613"/>
      <c r="SOY658" s="613"/>
      <c r="SOZ658" s="613"/>
      <c r="SPA658" s="613"/>
      <c r="SPB658" s="613"/>
      <c r="SPC658" s="613"/>
      <c r="SPD658" s="613"/>
      <c r="SPE658" s="613"/>
      <c r="SPF658" s="613"/>
      <c r="SPG658" s="613"/>
      <c r="SPH658" s="613"/>
      <c r="SPI658" s="613"/>
      <c r="SPJ658" s="613"/>
      <c r="SPK658" s="613"/>
      <c r="SPL658" s="613"/>
      <c r="SPM658" s="613"/>
      <c r="SPN658" s="613"/>
      <c r="SPO658" s="613"/>
      <c r="SPP658" s="613"/>
      <c r="SPQ658" s="613"/>
      <c r="SPR658" s="613"/>
      <c r="SPS658" s="613"/>
      <c r="SPT658" s="613"/>
      <c r="SPU658" s="613"/>
      <c r="SPV658" s="613"/>
      <c r="SPW658" s="613"/>
      <c r="SPX658" s="613"/>
      <c r="SPY658" s="613"/>
      <c r="SPZ658" s="613"/>
      <c r="SQA658" s="613"/>
      <c r="SQB658" s="613"/>
      <c r="SQC658" s="613"/>
      <c r="SQD658" s="613"/>
      <c r="SQE658" s="613"/>
      <c r="SQF658" s="613"/>
      <c r="SQG658" s="613"/>
      <c r="SQH658" s="613"/>
      <c r="SQI658" s="613"/>
      <c r="SQJ658" s="613"/>
      <c r="SQK658" s="613"/>
      <c r="SQL658" s="613"/>
      <c r="SQM658" s="613"/>
      <c r="SQN658" s="613"/>
      <c r="SQO658" s="613"/>
      <c r="SQP658" s="613"/>
      <c r="SQQ658" s="613"/>
      <c r="SQR658" s="613"/>
      <c r="SQS658" s="613"/>
      <c r="SQT658" s="613"/>
      <c r="SQU658" s="613"/>
      <c r="SQV658" s="613"/>
      <c r="SQW658" s="613"/>
      <c r="SQX658" s="613"/>
      <c r="SQY658" s="613"/>
      <c r="SQZ658" s="613"/>
      <c r="SRA658" s="613"/>
      <c r="SRB658" s="613"/>
      <c r="SRC658" s="613"/>
      <c r="SRD658" s="613"/>
      <c r="SRE658" s="613"/>
      <c r="SRF658" s="613"/>
      <c r="SRG658" s="613"/>
      <c r="SRH658" s="613"/>
      <c r="SRI658" s="613"/>
      <c r="SRJ658" s="613"/>
      <c r="SRK658" s="613"/>
      <c r="SRL658" s="613"/>
      <c r="SRM658" s="613"/>
      <c r="SRN658" s="613"/>
      <c r="SRO658" s="613"/>
      <c r="SRP658" s="613"/>
      <c r="SRQ658" s="613"/>
      <c r="SRR658" s="613"/>
      <c r="SRS658" s="613"/>
      <c r="SRT658" s="613"/>
      <c r="SRU658" s="613"/>
      <c r="SRV658" s="613"/>
      <c r="SRW658" s="613"/>
      <c r="SRX658" s="613"/>
      <c r="SRY658" s="613"/>
      <c r="SRZ658" s="613"/>
      <c r="SSA658" s="613"/>
      <c r="SSB658" s="613"/>
      <c r="SSC658" s="613"/>
      <c r="SSD658" s="613"/>
      <c r="SSE658" s="613"/>
      <c r="SSF658" s="613"/>
      <c r="SSG658" s="613"/>
      <c r="SSH658" s="613"/>
      <c r="SSI658" s="613"/>
      <c r="SSJ658" s="613"/>
      <c r="SSK658" s="613"/>
      <c r="SSL658" s="613"/>
      <c r="SSM658" s="613"/>
      <c r="SSN658" s="613"/>
      <c r="SSO658" s="613"/>
      <c r="SSP658" s="613"/>
      <c r="SSQ658" s="613"/>
      <c r="SSR658" s="613"/>
      <c r="SSS658" s="613"/>
      <c r="SST658" s="613"/>
      <c r="SSU658" s="613"/>
      <c r="SSV658" s="613"/>
      <c r="SSW658" s="613"/>
      <c r="SSX658" s="613"/>
      <c r="SSY658" s="613"/>
      <c r="SSZ658" s="613"/>
      <c r="STA658" s="613"/>
      <c r="STB658" s="613"/>
      <c r="STC658" s="613"/>
      <c r="STD658" s="613"/>
      <c r="STE658" s="613"/>
      <c r="STF658" s="613"/>
      <c r="STG658" s="613"/>
      <c r="STH658" s="613"/>
      <c r="STI658" s="613"/>
      <c r="STJ658" s="613"/>
      <c r="STK658" s="613"/>
      <c r="STL658" s="613"/>
      <c r="STM658" s="613"/>
      <c r="STN658" s="613"/>
      <c r="STO658" s="613"/>
      <c r="STP658" s="613"/>
      <c r="STQ658" s="613"/>
      <c r="STR658" s="613"/>
      <c r="STS658" s="613"/>
      <c r="STT658" s="613"/>
      <c r="STU658" s="613"/>
      <c r="STV658" s="613"/>
      <c r="STW658" s="613"/>
      <c r="STX658" s="613"/>
      <c r="STY658" s="613"/>
      <c r="STZ658" s="613"/>
      <c r="SUA658" s="613"/>
      <c r="SUB658" s="613"/>
      <c r="SUC658" s="613"/>
      <c r="SUD658" s="613"/>
      <c r="SUE658" s="613"/>
      <c r="SUF658" s="613"/>
      <c r="SUG658" s="613"/>
      <c r="SUH658" s="613"/>
      <c r="SUI658" s="613"/>
      <c r="SUJ658" s="613"/>
      <c r="SUK658" s="613"/>
      <c r="SUL658" s="613"/>
      <c r="SUM658" s="613"/>
      <c r="SUN658" s="613"/>
      <c r="SUO658" s="613"/>
      <c r="SUP658" s="613"/>
      <c r="SUQ658" s="613"/>
      <c r="SUR658" s="613"/>
      <c r="SUS658" s="613"/>
      <c r="SUT658" s="613"/>
      <c r="SUU658" s="613"/>
      <c r="SUV658" s="613"/>
      <c r="SUW658" s="613"/>
      <c r="SUX658" s="613"/>
      <c r="SUY658" s="613"/>
      <c r="SUZ658" s="613"/>
      <c r="SVA658" s="613"/>
      <c r="SVB658" s="613"/>
      <c r="SVC658" s="613"/>
      <c r="SVD658" s="613"/>
      <c r="SVE658" s="613"/>
      <c r="SVF658" s="613"/>
      <c r="SVG658" s="613"/>
      <c r="SVH658" s="613"/>
      <c r="SVI658" s="613"/>
      <c r="SVJ658" s="613"/>
      <c r="SVK658" s="613"/>
      <c r="SVL658" s="613"/>
      <c r="SVM658" s="613"/>
      <c r="SVN658" s="613"/>
      <c r="SVO658" s="613"/>
      <c r="SVP658" s="613"/>
      <c r="SVQ658" s="613"/>
      <c r="SVR658" s="613"/>
      <c r="SVS658" s="613"/>
      <c r="SVT658" s="613"/>
      <c r="SVU658" s="613"/>
      <c r="SVV658" s="613"/>
      <c r="SVW658" s="613"/>
      <c r="SVX658" s="613"/>
      <c r="SVY658" s="613"/>
      <c r="SVZ658" s="613"/>
      <c r="SWA658" s="613"/>
      <c r="SWB658" s="613"/>
      <c r="SWC658" s="613"/>
      <c r="SWD658" s="613"/>
      <c r="SWE658" s="613"/>
      <c r="SWF658" s="613"/>
      <c r="SWG658" s="613"/>
      <c r="SWH658" s="613"/>
      <c r="SWI658" s="613"/>
      <c r="SWJ658" s="613"/>
      <c r="SWK658" s="613"/>
      <c r="SWL658" s="613"/>
      <c r="SWM658" s="613"/>
      <c r="SWN658" s="613"/>
      <c r="SWO658" s="613"/>
      <c r="SWP658" s="613"/>
      <c r="SWQ658" s="613"/>
      <c r="SWR658" s="613"/>
      <c r="SWS658" s="613"/>
      <c r="SWT658" s="613"/>
      <c r="SWU658" s="613"/>
      <c r="SWV658" s="613"/>
      <c r="SWW658" s="613"/>
      <c r="SWX658" s="613"/>
      <c r="SWY658" s="613"/>
      <c r="SWZ658" s="613"/>
      <c r="SXA658" s="613"/>
      <c r="SXB658" s="613"/>
      <c r="SXC658" s="613"/>
      <c r="SXD658" s="613"/>
      <c r="SXE658" s="613"/>
      <c r="SXF658" s="613"/>
      <c r="SXG658" s="613"/>
      <c r="SXH658" s="613"/>
      <c r="SXI658" s="613"/>
      <c r="SXJ658" s="613"/>
      <c r="SXK658" s="613"/>
      <c r="SXL658" s="613"/>
      <c r="SXM658" s="613"/>
      <c r="SXN658" s="613"/>
      <c r="SXO658" s="613"/>
      <c r="SXP658" s="613"/>
      <c r="SXQ658" s="613"/>
      <c r="SXR658" s="613"/>
      <c r="SXS658" s="613"/>
      <c r="SXT658" s="613"/>
      <c r="SXU658" s="613"/>
      <c r="SXV658" s="613"/>
      <c r="SXW658" s="613"/>
      <c r="SXX658" s="613"/>
      <c r="SXY658" s="613"/>
      <c r="SXZ658" s="613"/>
      <c r="SYA658" s="613"/>
      <c r="SYB658" s="613"/>
      <c r="SYC658" s="613"/>
      <c r="SYD658" s="613"/>
      <c r="SYE658" s="613"/>
      <c r="SYF658" s="613"/>
      <c r="SYG658" s="613"/>
      <c r="SYH658" s="613"/>
      <c r="SYI658" s="613"/>
      <c r="SYJ658" s="613"/>
      <c r="SYK658" s="613"/>
      <c r="SYL658" s="613"/>
      <c r="SYM658" s="613"/>
      <c r="SYN658" s="613"/>
      <c r="SYO658" s="613"/>
      <c r="SYP658" s="613"/>
      <c r="SYQ658" s="613"/>
      <c r="SYR658" s="613"/>
      <c r="SYS658" s="613"/>
      <c r="SYT658" s="613"/>
      <c r="SYU658" s="613"/>
      <c r="SYV658" s="613"/>
      <c r="SYW658" s="613"/>
      <c r="SYX658" s="613"/>
      <c r="SYY658" s="613"/>
      <c r="SYZ658" s="613"/>
      <c r="SZA658" s="613"/>
      <c r="SZB658" s="613"/>
      <c r="SZC658" s="613"/>
      <c r="SZD658" s="613"/>
      <c r="SZE658" s="613"/>
      <c r="SZF658" s="613"/>
      <c r="SZG658" s="613"/>
      <c r="SZH658" s="613"/>
      <c r="SZI658" s="613"/>
      <c r="SZJ658" s="613"/>
      <c r="SZK658" s="613"/>
      <c r="SZL658" s="613"/>
      <c r="SZM658" s="613"/>
      <c r="SZN658" s="613"/>
      <c r="SZO658" s="613"/>
      <c r="SZP658" s="613"/>
      <c r="SZQ658" s="613"/>
      <c r="SZR658" s="613"/>
      <c r="SZS658" s="613"/>
      <c r="SZT658" s="613"/>
      <c r="SZU658" s="613"/>
      <c r="SZV658" s="613"/>
      <c r="SZW658" s="613"/>
      <c r="SZX658" s="613"/>
      <c r="SZY658" s="613"/>
      <c r="SZZ658" s="613"/>
      <c r="TAA658" s="613"/>
      <c r="TAB658" s="613"/>
      <c r="TAC658" s="613"/>
      <c r="TAD658" s="613"/>
      <c r="TAE658" s="613"/>
      <c r="TAF658" s="613"/>
      <c r="TAG658" s="613"/>
      <c r="TAH658" s="613"/>
      <c r="TAI658" s="613"/>
      <c r="TAJ658" s="613"/>
      <c r="TAK658" s="613"/>
      <c r="TAL658" s="613"/>
      <c r="TAM658" s="613"/>
      <c r="TAN658" s="613"/>
      <c r="TAO658" s="613"/>
      <c r="TAP658" s="613"/>
      <c r="TAQ658" s="613"/>
      <c r="TAR658" s="613"/>
      <c r="TAS658" s="613"/>
      <c r="TAT658" s="613"/>
      <c r="TAU658" s="613"/>
      <c r="TAV658" s="613"/>
      <c r="TAW658" s="613"/>
      <c r="TAX658" s="613"/>
      <c r="TAY658" s="613"/>
      <c r="TAZ658" s="613"/>
      <c r="TBA658" s="613"/>
      <c r="TBB658" s="613"/>
      <c r="TBC658" s="613"/>
      <c r="TBD658" s="613"/>
      <c r="TBE658" s="613"/>
      <c r="TBF658" s="613"/>
      <c r="TBG658" s="613"/>
      <c r="TBH658" s="613"/>
      <c r="TBI658" s="613"/>
      <c r="TBJ658" s="613"/>
      <c r="TBK658" s="613"/>
      <c r="TBL658" s="613"/>
      <c r="TBM658" s="613"/>
      <c r="TBN658" s="613"/>
      <c r="TBO658" s="613"/>
      <c r="TBP658" s="613"/>
      <c r="TBQ658" s="613"/>
      <c r="TBR658" s="613"/>
      <c r="TBS658" s="613"/>
      <c r="TBT658" s="613"/>
      <c r="TBU658" s="613"/>
      <c r="TBV658" s="613"/>
      <c r="TBW658" s="613"/>
      <c r="TBX658" s="613"/>
      <c r="TBY658" s="613"/>
      <c r="TBZ658" s="613"/>
      <c r="TCA658" s="613"/>
      <c r="TCB658" s="613"/>
      <c r="TCC658" s="613"/>
      <c r="TCD658" s="613"/>
      <c r="TCE658" s="613"/>
      <c r="TCF658" s="613"/>
      <c r="TCG658" s="613"/>
      <c r="TCH658" s="613"/>
      <c r="TCI658" s="613"/>
      <c r="TCJ658" s="613"/>
      <c r="TCK658" s="613"/>
      <c r="TCL658" s="613"/>
      <c r="TCM658" s="613"/>
      <c r="TCN658" s="613"/>
      <c r="TCO658" s="613"/>
      <c r="TCP658" s="613"/>
      <c r="TCQ658" s="613"/>
      <c r="TCR658" s="613"/>
      <c r="TCS658" s="613"/>
      <c r="TCT658" s="613"/>
      <c r="TCU658" s="613"/>
      <c r="TCV658" s="613"/>
      <c r="TCW658" s="613"/>
      <c r="TCX658" s="613"/>
      <c r="TCY658" s="613"/>
      <c r="TCZ658" s="613"/>
      <c r="TDA658" s="613"/>
      <c r="TDB658" s="613"/>
      <c r="TDC658" s="613"/>
      <c r="TDD658" s="613"/>
      <c r="TDE658" s="613"/>
      <c r="TDF658" s="613"/>
      <c r="TDG658" s="613"/>
      <c r="TDH658" s="613"/>
      <c r="TDI658" s="613"/>
      <c r="TDJ658" s="613"/>
      <c r="TDK658" s="613"/>
      <c r="TDL658" s="613"/>
      <c r="TDM658" s="613"/>
      <c r="TDN658" s="613"/>
      <c r="TDO658" s="613"/>
      <c r="TDP658" s="613"/>
      <c r="TDQ658" s="613"/>
      <c r="TDR658" s="613"/>
      <c r="TDS658" s="613"/>
      <c r="TDT658" s="613"/>
      <c r="TDU658" s="613"/>
      <c r="TDV658" s="613"/>
      <c r="TDW658" s="613"/>
      <c r="TDX658" s="613"/>
      <c r="TDY658" s="613"/>
      <c r="TDZ658" s="613"/>
      <c r="TEA658" s="613"/>
      <c r="TEB658" s="613"/>
      <c r="TEC658" s="613"/>
      <c r="TED658" s="613"/>
      <c r="TEE658" s="613"/>
      <c r="TEF658" s="613"/>
      <c r="TEG658" s="613"/>
      <c r="TEH658" s="613"/>
      <c r="TEI658" s="613"/>
      <c r="TEJ658" s="613"/>
      <c r="TEK658" s="613"/>
      <c r="TEL658" s="613"/>
      <c r="TEM658" s="613"/>
      <c r="TEN658" s="613"/>
      <c r="TEO658" s="613"/>
      <c r="TEP658" s="613"/>
      <c r="TEQ658" s="613"/>
      <c r="TER658" s="613"/>
      <c r="TES658" s="613"/>
      <c r="TET658" s="613"/>
      <c r="TEU658" s="613"/>
      <c r="TEV658" s="613"/>
      <c r="TEW658" s="613"/>
      <c r="TEX658" s="613"/>
      <c r="TEY658" s="613"/>
      <c r="TEZ658" s="613"/>
      <c r="TFA658" s="613"/>
      <c r="TFB658" s="613"/>
      <c r="TFC658" s="613"/>
      <c r="TFD658" s="613"/>
      <c r="TFE658" s="613"/>
      <c r="TFF658" s="613"/>
      <c r="TFG658" s="613"/>
      <c r="TFH658" s="613"/>
      <c r="TFI658" s="613"/>
      <c r="TFJ658" s="613"/>
      <c r="TFK658" s="613"/>
      <c r="TFL658" s="613"/>
      <c r="TFM658" s="613"/>
      <c r="TFN658" s="613"/>
      <c r="TFO658" s="613"/>
      <c r="TFP658" s="613"/>
      <c r="TFQ658" s="613"/>
      <c r="TFR658" s="613"/>
      <c r="TFS658" s="613"/>
      <c r="TFT658" s="613"/>
      <c r="TFU658" s="613"/>
      <c r="TFV658" s="613"/>
      <c r="TFW658" s="613"/>
      <c r="TFX658" s="613"/>
      <c r="TFY658" s="613"/>
      <c r="TFZ658" s="613"/>
      <c r="TGA658" s="613"/>
      <c r="TGB658" s="613"/>
      <c r="TGC658" s="613"/>
      <c r="TGD658" s="613"/>
      <c r="TGE658" s="613"/>
      <c r="TGF658" s="613"/>
      <c r="TGG658" s="613"/>
      <c r="TGH658" s="613"/>
      <c r="TGI658" s="613"/>
      <c r="TGJ658" s="613"/>
      <c r="TGK658" s="613"/>
      <c r="TGL658" s="613"/>
      <c r="TGM658" s="613"/>
      <c r="TGN658" s="613"/>
      <c r="TGO658" s="613"/>
      <c r="TGP658" s="613"/>
      <c r="TGQ658" s="613"/>
      <c r="TGR658" s="613"/>
      <c r="TGS658" s="613"/>
      <c r="TGT658" s="613"/>
      <c r="TGU658" s="613"/>
      <c r="TGV658" s="613"/>
      <c r="TGW658" s="613"/>
      <c r="TGX658" s="613"/>
      <c r="TGY658" s="613"/>
      <c r="TGZ658" s="613"/>
      <c r="THA658" s="613"/>
      <c r="THB658" s="613"/>
      <c r="THC658" s="613"/>
      <c r="THD658" s="613"/>
      <c r="THE658" s="613"/>
      <c r="THF658" s="613"/>
      <c r="THG658" s="613"/>
      <c r="THH658" s="613"/>
      <c r="THI658" s="613"/>
      <c r="THJ658" s="613"/>
      <c r="THK658" s="613"/>
      <c r="THL658" s="613"/>
      <c r="THM658" s="613"/>
      <c r="THN658" s="613"/>
      <c r="THO658" s="613"/>
      <c r="THP658" s="613"/>
      <c r="THQ658" s="613"/>
      <c r="THR658" s="613"/>
      <c r="THS658" s="613"/>
      <c r="THT658" s="613"/>
      <c r="THU658" s="613"/>
      <c r="THV658" s="613"/>
      <c r="THW658" s="613"/>
      <c r="THX658" s="613"/>
      <c r="THY658" s="613"/>
      <c r="THZ658" s="613"/>
      <c r="TIA658" s="613"/>
      <c r="TIB658" s="613"/>
      <c r="TIC658" s="613"/>
      <c r="TID658" s="613"/>
      <c r="TIE658" s="613"/>
      <c r="TIF658" s="613"/>
      <c r="TIG658" s="613"/>
      <c r="TIH658" s="613"/>
      <c r="TII658" s="613"/>
      <c r="TIJ658" s="613"/>
      <c r="TIK658" s="613"/>
      <c r="TIL658" s="613"/>
      <c r="TIM658" s="613"/>
      <c r="TIN658" s="613"/>
      <c r="TIO658" s="613"/>
      <c r="TIP658" s="613"/>
      <c r="TIQ658" s="613"/>
      <c r="TIR658" s="613"/>
      <c r="TIS658" s="613"/>
      <c r="TIT658" s="613"/>
      <c r="TIU658" s="613"/>
      <c r="TIV658" s="613"/>
      <c r="TIW658" s="613"/>
      <c r="TIX658" s="613"/>
      <c r="TIY658" s="613"/>
      <c r="TIZ658" s="613"/>
      <c r="TJA658" s="613"/>
      <c r="TJB658" s="613"/>
      <c r="TJC658" s="613"/>
      <c r="TJD658" s="613"/>
      <c r="TJE658" s="613"/>
      <c r="TJF658" s="613"/>
      <c r="TJG658" s="613"/>
      <c r="TJH658" s="613"/>
      <c r="TJI658" s="613"/>
      <c r="TJJ658" s="613"/>
      <c r="TJK658" s="613"/>
      <c r="TJL658" s="613"/>
      <c r="TJM658" s="613"/>
      <c r="TJN658" s="613"/>
      <c r="TJO658" s="613"/>
      <c r="TJP658" s="613"/>
      <c r="TJQ658" s="613"/>
      <c r="TJR658" s="613"/>
      <c r="TJS658" s="613"/>
      <c r="TJT658" s="613"/>
      <c r="TJU658" s="613"/>
      <c r="TJV658" s="613"/>
      <c r="TJW658" s="613"/>
      <c r="TJX658" s="613"/>
      <c r="TJY658" s="613"/>
      <c r="TJZ658" s="613"/>
      <c r="TKA658" s="613"/>
      <c r="TKB658" s="613"/>
      <c r="TKC658" s="613"/>
      <c r="TKD658" s="613"/>
      <c r="TKE658" s="613"/>
      <c r="TKF658" s="613"/>
      <c r="TKG658" s="613"/>
      <c r="TKH658" s="613"/>
      <c r="TKI658" s="613"/>
      <c r="TKJ658" s="613"/>
      <c r="TKK658" s="613"/>
      <c r="TKL658" s="613"/>
      <c r="TKM658" s="613"/>
      <c r="TKN658" s="613"/>
      <c r="TKO658" s="613"/>
      <c r="TKP658" s="613"/>
      <c r="TKQ658" s="613"/>
      <c r="TKR658" s="613"/>
      <c r="TKS658" s="613"/>
      <c r="TKT658" s="613"/>
      <c r="TKU658" s="613"/>
      <c r="TKV658" s="613"/>
      <c r="TKW658" s="613"/>
      <c r="TKX658" s="613"/>
      <c r="TKY658" s="613"/>
      <c r="TKZ658" s="613"/>
      <c r="TLA658" s="613"/>
      <c r="TLB658" s="613"/>
      <c r="TLC658" s="613"/>
      <c r="TLD658" s="613"/>
      <c r="TLE658" s="613"/>
      <c r="TLF658" s="613"/>
      <c r="TLG658" s="613"/>
      <c r="TLH658" s="613"/>
      <c r="TLI658" s="613"/>
      <c r="TLJ658" s="613"/>
      <c r="TLK658" s="613"/>
      <c r="TLL658" s="613"/>
      <c r="TLM658" s="613"/>
      <c r="TLN658" s="613"/>
      <c r="TLO658" s="613"/>
      <c r="TLP658" s="613"/>
      <c r="TLQ658" s="613"/>
      <c r="TLR658" s="613"/>
      <c r="TLS658" s="613"/>
      <c r="TLT658" s="613"/>
      <c r="TLU658" s="613"/>
      <c r="TLV658" s="613"/>
      <c r="TLW658" s="613"/>
      <c r="TLX658" s="613"/>
      <c r="TLY658" s="613"/>
      <c r="TLZ658" s="613"/>
      <c r="TMA658" s="613"/>
      <c r="TMB658" s="613"/>
      <c r="TMC658" s="613"/>
      <c r="TMD658" s="613"/>
      <c r="TME658" s="613"/>
      <c r="TMF658" s="613"/>
      <c r="TMG658" s="613"/>
      <c r="TMH658" s="613"/>
      <c r="TMI658" s="613"/>
      <c r="TMJ658" s="613"/>
      <c r="TMK658" s="613"/>
      <c r="TML658" s="613"/>
      <c r="TMM658" s="613"/>
      <c r="TMN658" s="613"/>
      <c r="TMO658" s="613"/>
      <c r="TMP658" s="613"/>
      <c r="TMQ658" s="613"/>
      <c r="TMR658" s="613"/>
      <c r="TMS658" s="613"/>
      <c r="TMT658" s="613"/>
      <c r="TMU658" s="613"/>
      <c r="TMV658" s="613"/>
      <c r="TMW658" s="613"/>
      <c r="TMX658" s="613"/>
      <c r="TMY658" s="613"/>
      <c r="TMZ658" s="613"/>
      <c r="TNA658" s="613"/>
      <c r="TNB658" s="613"/>
      <c r="TNC658" s="613"/>
      <c r="TND658" s="613"/>
      <c r="TNE658" s="613"/>
      <c r="TNF658" s="613"/>
      <c r="TNG658" s="613"/>
      <c r="TNH658" s="613"/>
      <c r="TNI658" s="613"/>
      <c r="TNJ658" s="613"/>
      <c r="TNK658" s="613"/>
      <c r="TNL658" s="613"/>
      <c r="TNM658" s="613"/>
      <c r="TNN658" s="613"/>
      <c r="TNO658" s="613"/>
      <c r="TNP658" s="613"/>
      <c r="TNQ658" s="613"/>
      <c r="TNR658" s="613"/>
      <c r="TNS658" s="613"/>
      <c r="TNT658" s="613"/>
      <c r="TNU658" s="613"/>
      <c r="TNV658" s="613"/>
      <c r="TNW658" s="613"/>
      <c r="TNX658" s="613"/>
      <c r="TNY658" s="613"/>
      <c r="TNZ658" s="613"/>
      <c r="TOA658" s="613"/>
      <c r="TOB658" s="613"/>
      <c r="TOC658" s="613"/>
      <c r="TOD658" s="613"/>
      <c r="TOE658" s="613"/>
      <c r="TOF658" s="613"/>
      <c r="TOG658" s="613"/>
      <c r="TOH658" s="613"/>
      <c r="TOI658" s="613"/>
      <c r="TOJ658" s="613"/>
      <c r="TOK658" s="613"/>
      <c r="TOL658" s="613"/>
      <c r="TOM658" s="613"/>
      <c r="TON658" s="613"/>
      <c r="TOO658" s="613"/>
      <c r="TOP658" s="613"/>
      <c r="TOQ658" s="613"/>
      <c r="TOR658" s="613"/>
      <c r="TOS658" s="613"/>
      <c r="TOT658" s="613"/>
      <c r="TOU658" s="613"/>
      <c r="TOV658" s="613"/>
      <c r="TOW658" s="613"/>
      <c r="TOX658" s="613"/>
      <c r="TOY658" s="613"/>
      <c r="TOZ658" s="613"/>
      <c r="TPA658" s="613"/>
      <c r="TPB658" s="613"/>
      <c r="TPC658" s="613"/>
      <c r="TPD658" s="613"/>
      <c r="TPE658" s="613"/>
      <c r="TPF658" s="613"/>
      <c r="TPG658" s="613"/>
      <c r="TPH658" s="613"/>
      <c r="TPI658" s="613"/>
      <c r="TPJ658" s="613"/>
      <c r="TPK658" s="613"/>
      <c r="TPL658" s="613"/>
      <c r="TPM658" s="613"/>
      <c r="TPN658" s="613"/>
      <c r="TPO658" s="613"/>
      <c r="TPP658" s="613"/>
      <c r="TPQ658" s="613"/>
      <c r="TPR658" s="613"/>
      <c r="TPS658" s="613"/>
      <c r="TPT658" s="613"/>
      <c r="TPU658" s="613"/>
      <c r="TPV658" s="613"/>
      <c r="TPW658" s="613"/>
      <c r="TPX658" s="613"/>
      <c r="TPY658" s="613"/>
      <c r="TPZ658" s="613"/>
      <c r="TQA658" s="613"/>
      <c r="TQB658" s="613"/>
      <c r="TQC658" s="613"/>
      <c r="TQD658" s="613"/>
      <c r="TQE658" s="613"/>
      <c r="TQF658" s="613"/>
      <c r="TQG658" s="613"/>
      <c r="TQH658" s="613"/>
      <c r="TQI658" s="613"/>
      <c r="TQJ658" s="613"/>
      <c r="TQK658" s="613"/>
      <c r="TQL658" s="613"/>
      <c r="TQM658" s="613"/>
      <c r="TQN658" s="613"/>
      <c r="TQO658" s="613"/>
      <c r="TQP658" s="613"/>
      <c r="TQQ658" s="613"/>
      <c r="TQR658" s="613"/>
      <c r="TQS658" s="613"/>
      <c r="TQT658" s="613"/>
      <c r="TQU658" s="613"/>
      <c r="TQV658" s="613"/>
      <c r="TQW658" s="613"/>
      <c r="TQX658" s="613"/>
      <c r="TQY658" s="613"/>
      <c r="TQZ658" s="613"/>
      <c r="TRA658" s="613"/>
      <c r="TRB658" s="613"/>
      <c r="TRC658" s="613"/>
      <c r="TRD658" s="613"/>
      <c r="TRE658" s="613"/>
      <c r="TRF658" s="613"/>
      <c r="TRG658" s="613"/>
      <c r="TRH658" s="613"/>
      <c r="TRI658" s="613"/>
      <c r="TRJ658" s="613"/>
      <c r="TRK658" s="613"/>
      <c r="TRL658" s="613"/>
      <c r="TRM658" s="613"/>
      <c r="TRN658" s="613"/>
      <c r="TRO658" s="613"/>
      <c r="TRP658" s="613"/>
      <c r="TRQ658" s="613"/>
      <c r="TRR658" s="613"/>
      <c r="TRS658" s="613"/>
      <c r="TRT658" s="613"/>
      <c r="TRU658" s="613"/>
      <c r="TRV658" s="613"/>
      <c r="TRW658" s="613"/>
      <c r="TRX658" s="613"/>
      <c r="TRY658" s="613"/>
      <c r="TRZ658" s="613"/>
      <c r="TSA658" s="613"/>
      <c r="TSB658" s="613"/>
      <c r="TSC658" s="613"/>
      <c r="TSD658" s="613"/>
      <c r="TSE658" s="613"/>
      <c r="TSF658" s="613"/>
      <c r="TSG658" s="613"/>
      <c r="TSH658" s="613"/>
      <c r="TSI658" s="613"/>
      <c r="TSJ658" s="613"/>
      <c r="TSK658" s="613"/>
      <c r="TSL658" s="613"/>
      <c r="TSM658" s="613"/>
      <c r="TSN658" s="613"/>
      <c r="TSO658" s="613"/>
      <c r="TSP658" s="613"/>
      <c r="TSQ658" s="613"/>
      <c r="TSR658" s="613"/>
      <c r="TSS658" s="613"/>
      <c r="TST658" s="613"/>
      <c r="TSU658" s="613"/>
      <c r="TSV658" s="613"/>
      <c r="TSW658" s="613"/>
      <c r="TSX658" s="613"/>
      <c r="TSY658" s="613"/>
      <c r="TSZ658" s="613"/>
      <c r="TTA658" s="613"/>
      <c r="TTB658" s="613"/>
      <c r="TTC658" s="613"/>
      <c r="TTD658" s="613"/>
      <c r="TTE658" s="613"/>
      <c r="TTF658" s="613"/>
      <c r="TTG658" s="613"/>
      <c r="TTH658" s="613"/>
      <c r="TTI658" s="613"/>
      <c r="TTJ658" s="613"/>
      <c r="TTK658" s="613"/>
      <c r="TTL658" s="613"/>
      <c r="TTM658" s="613"/>
      <c r="TTN658" s="613"/>
      <c r="TTO658" s="613"/>
      <c r="TTP658" s="613"/>
      <c r="TTQ658" s="613"/>
      <c r="TTR658" s="613"/>
      <c r="TTS658" s="613"/>
      <c r="TTT658" s="613"/>
      <c r="TTU658" s="613"/>
      <c r="TTV658" s="613"/>
      <c r="TTW658" s="613"/>
      <c r="TTX658" s="613"/>
      <c r="TTY658" s="613"/>
      <c r="TTZ658" s="613"/>
      <c r="TUA658" s="613"/>
      <c r="TUB658" s="613"/>
      <c r="TUC658" s="613"/>
      <c r="TUD658" s="613"/>
      <c r="TUE658" s="613"/>
      <c r="TUF658" s="613"/>
      <c r="TUG658" s="613"/>
      <c r="TUH658" s="613"/>
      <c r="TUI658" s="613"/>
      <c r="TUJ658" s="613"/>
      <c r="TUK658" s="613"/>
      <c r="TUL658" s="613"/>
      <c r="TUM658" s="613"/>
      <c r="TUN658" s="613"/>
      <c r="TUO658" s="613"/>
      <c r="TUP658" s="613"/>
      <c r="TUQ658" s="613"/>
      <c r="TUR658" s="613"/>
      <c r="TUS658" s="613"/>
      <c r="TUT658" s="613"/>
      <c r="TUU658" s="613"/>
      <c r="TUV658" s="613"/>
      <c r="TUW658" s="613"/>
      <c r="TUX658" s="613"/>
      <c r="TUY658" s="613"/>
      <c r="TUZ658" s="613"/>
      <c r="TVA658" s="613"/>
      <c r="TVB658" s="613"/>
      <c r="TVC658" s="613"/>
      <c r="TVD658" s="613"/>
      <c r="TVE658" s="613"/>
      <c r="TVF658" s="613"/>
      <c r="TVG658" s="613"/>
      <c r="TVH658" s="613"/>
      <c r="TVI658" s="613"/>
      <c r="TVJ658" s="613"/>
      <c r="TVK658" s="613"/>
      <c r="TVL658" s="613"/>
      <c r="TVM658" s="613"/>
      <c r="TVN658" s="613"/>
      <c r="TVO658" s="613"/>
      <c r="TVP658" s="613"/>
      <c r="TVQ658" s="613"/>
      <c r="TVR658" s="613"/>
      <c r="TVS658" s="613"/>
      <c r="TVT658" s="613"/>
      <c r="TVU658" s="613"/>
      <c r="TVV658" s="613"/>
      <c r="TVW658" s="613"/>
      <c r="TVX658" s="613"/>
      <c r="TVY658" s="613"/>
      <c r="TVZ658" s="613"/>
      <c r="TWA658" s="613"/>
      <c r="TWB658" s="613"/>
      <c r="TWC658" s="613"/>
      <c r="TWD658" s="613"/>
      <c r="TWE658" s="613"/>
      <c r="TWF658" s="613"/>
      <c r="TWG658" s="613"/>
      <c r="TWH658" s="613"/>
      <c r="TWI658" s="613"/>
      <c r="TWJ658" s="613"/>
      <c r="TWK658" s="613"/>
      <c r="TWL658" s="613"/>
      <c r="TWM658" s="613"/>
      <c r="TWN658" s="613"/>
      <c r="TWO658" s="613"/>
      <c r="TWP658" s="613"/>
      <c r="TWQ658" s="613"/>
      <c r="TWR658" s="613"/>
      <c r="TWS658" s="613"/>
      <c r="TWT658" s="613"/>
      <c r="TWU658" s="613"/>
      <c r="TWV658" s="613"/>
      <c r="TWW658" s="613"/>
      <c r="TWX658" s="613"/>
      <c r="TWY658" s="613"/>
      <c r="TWZ658" s="613"/>
      <c r="TXA658" s="613"/>
      <c r="TXB658" s="613"/>
      <c r="TXC658" s="613"/>
      <c r="TXD658" s="613"/>
      <c r="TXE658" s="613"/>
      <c r="TXF658" s="613"/>
      <c r="TXG658" s="613"/>
      <c r="TXH658" s="613"/>
      <c r="TXI658" s="613"/>
      <c r="TXJ658" s="613"/>
      <c r="TXK658" s="613"/>
      <c r="TXL658" s="613"/>
      <c r="TXM658" s="613"/>
      <c r="TXN658" s="613"/>
      <c r="TXO658" s="613"/>
      <c r="TXP658" s="613"/>
      <c r="TXQ658" s="613"/>
      <c r="TXR658" s="613"/>
      <c r="TXS658" s="613"/>
      <c r="TXT658" s="613"/>
      <c r="TXU658" s="613"/>
      <c r="TXV658" s="613"/>
      <c r="TXW658" s="613"/>
      <c r="TXX658" s="613"/>
      <c r="TXY658" s="613"/>
      <c r="TXZ658" s="613"/>
      <c r="TYA658" s="613"/>
      <c r="TYB658" s="613"/>
      <c r="TYC658" s="613"/>
      <c r="TYD658" s="613"/>
      <c r="TYE658" s="613"/>
      <c r="TYF658" s="613"/>
      <c r="TYG658" s="613"/>
      <c r="TYH658" s="613"/>
      <c r="TYI658" s="613"/>
      <c r="TYJ658" s="613"/>
      <c r="TYK658" s="613"/>
      <c r="TYL658" s="613"/>
      <c r="TYM658" s="613"/>
      <c r="TYN658" s="613"/>
      <c r="TYO658" s="613"/>
      <c r="TYP658" s="613"/>
      <c r="TYQ658" s="613"/>
      <c r="TYR658" s="613"/>
      <c r="TYS658" s="613"/>
      <c r="TYT658" s="613"/>
      <c r="TYU658" s="613"/>
      <c r="TYV658" s="613"/>
      <c r="TYW658" s="613"/>
      <c r="TYX658" s="613"/>
      <c r="TYY658" s="613"/>
      <c r="TYZ658" s="613"/>
      <c r="TZA658" s="613"/>
      <c r="TZB658" s="613"/>
      <c r="TZC658" s="613"/>
      <c r="TZD658" s="613"/>
      <c r="TZE658" s="613"/>
      <c r="TZF658" s="613"/>
      <c r="TZG658" s="613"/>
      <c r="TZH658" s="613"/>
      <c r="TZI658" s="613"/>
      <c r="TZJ658" s="613"/>
      <c r="TZK658" s="613"/>
      <c r="TZL658" s="613"/>
      <c r="TZM658" s="613"/>
      <c r="TZN658" s="613"/>
      <c r="TZO658" s="613"/>
      <c r="TZP658" s="613"/>
      <c r="TZQ658" s="613"/>
      <c r="TZR658" s="613"/>
      <c r="TZS658" s="613"/>
      <c r="TZT658" s="613"/>
      <c r="TZU658" s="613"/>
      <c r="TZV658" s="613"/>
      <c r="TZW658" s="613"/>
      <c r="TZX658" s="613"/>
      <c r="TZY658" s="613"/>
      <c r="TZZ658" s="613"/>
      <c r="UAA658" s="613"/>
      <c r="UAB658" s="613"/>
      <c r="UAC658" s="613"/>
      <c r="UAD658" s="613"/>
      <c r="UAE658" s="613"/>
      <c r="UAF658" s="613"/>
      <c r="UAG658" s="613"/>
      <c r="UAH658" s="613"/>
      <c r="UAI658" s="613"/>
      <c r="UAJ658" s="613"/>
      <c r="UAK658" s="613"/>
      <c r="UAL658" s="613"/>
      <c r="UAM658" s="613"/>
      <c r="UAN658" s="613"/>
      <c r="UAO658" s="613"/>
      <c r="UAP658" s="613"/>
      <c r="UAQ658" s="613"/>
      <c r="UAR658" s="613"/>
      <c r="UAS658" s="613"/>
      <c r="UAT658" s="613"/>
      <c r="UAU658" s="613"/>
      <c r="UAV658" s="613"/>
      <c r="UAW658" s="613"/>
      <c r="UAX658" s="613"/>
      <c r="UAY658" s="613"/>
      <c r="UAZ658" s="613"/>
      <c r="UBA658" s="613"/>
      <c r="UBB658" s="613"/>
      <c r="UBC658" s="613"/>
      <c r="UBD658" s="613"/>
      <c r="UBE658" s="613"/>
      <c r="UBF658" s="613"/>
      <c r="UBG658" s="613"/>
      <c r="UBH658" s="613"/>
      <c r="UBI658" s="613"/>
      <c r="UBJ658" s="613"/>
      <c r="UBK658" s="613"/>
      <c r="UBL658" s="613"/>
      <c r="UBM658" s="613"/>
      <c r="UBN658" s="613"/>
      <c r="UBO658" s="613"/>
      <c r="UBP658" s="613"/>
      <c r="UBQ658" s="613"/>
      <c r="UBR658" s="613"/>
      <c r="UBS658" s="613"/>
      <c r="UBT658" s="613"/>
      <c r="UBU658" s="613"/>
      <c r="UBV658" s="613"/>
      <c r="UBW658" s="613"/>
      <c r="UBX658" s="613"/>
      <c r="UBY658" s="613"/>
      <c r="UBZ658" s="613"/>
      <c r="UCA658" s="613"/>
      <c r="UCB658" s="613"/>
      <c r="UCC658" s="613"/>
      <c r="UCD658" s="613"/>
      <c r="UCE658" s="613"/>
      <c r="UCF658" s="613"/>
      <c r="UCG658" s="613"/>
      <c r="UCH658" s="613"/>
      <c r="UCI658" s="613"/>
      <c r="UCJ658" s="613"/>
      <c r="UCK658" s="613"/>
      <c r="UCL658" s="613"/>
      <c r="UCM658" s="613"/>
      <c r="UCN658" s="613"/>
      <c r="UCO658" s="613"/>
      <c r="UCP658" s="613"/>
      <c r="UCQ658" s="613"/>
      <c r="UCR658" s="613"/>
      <c r="UCS658" s="613"/>
      <c r="UCT658" s="613"/>
      <c r="UCU658" s="613"/>
      <c r="UCV658" s="613"/>
      <c r="UCW658" s="613"/>
      <c r="UCX658" s="613"/>
      <c r="UCY658" s="613"/>
      <c r="UCZ658" s="613"/>
      <c r="UDA658" s="613"/>
      <c r="UDB658" s="613"/>
      <c r="UDC658" s="613"/>
      <c r="UDD658" s="613"/>
      <c r="UDE658" s="613"/>
      <c r="UDF658" s="613"/>
      <c r="UDG658" s="613"/>
      <c r="UDH658" s="613"/>
      <c r="UDI658" s="613"/>
      <c r="UDJ658" s="613"/>
      <c r="UDK658" s="613"/>
      <c r="UDL658" s="613"/>
      <c r="UDM658" s="613"/>
      <c r="UDN658" s="613"/>
      <c r="UDO658" s="613"/>
      <c r="UDP658" s="613"/>
      <c r="UDQ658" s="613"/>
      <c r="UDR658" s="613"/>
      <c r="UDS658" s="613"/>
      <c r="UDT658" s="613"/>
      <c r="UDU658" s="613"/>
      <c r="UDV658" s="613"/>
      <c r="UDW658" s="613"/>
      <c r="UDX658" s="613"/>
      <c r="UDY658" s="613"/>
      <c r="UDZ658" s="613"/>
      <c r="UEA658" s="613"/>
      <c r="UEB658" s="613"/>
      <c r="UEC658" s="613"/>
      <c r="UED658" s="613"/>
      <c r="UEE658" s="613"/>
      <c r="UEF658" s="613"/>
      <c r="UEG658" s="613"/>
      <c r="UEH658" s="613"/>
      <c r="UEI658" s="613"/>
      <c r="UEJ658" s="613"/>
      <c r="UEK658" s="613"/>
      <c r="UEL658" s="613"/>
      <c r="UEM658" s="613"/>
      <c r="UEN658" s="613"/>
      <c r="UEO658" s="613"/>
      <c r="UEP658" s="613"/>
      <c r="UEQ658" s="613"/>
      <c r="UER658" s="613"/>
      <c r="UES658" s="613"/>
      <c r="UET658" s="613"/>
      <c r="UEU658" s="613"/>
      <c r="UEV658" s="613"/>
      <c r="UEW658" s="613"/>
      <c r="UEX658" s="613"/>
      <c r="UEY658" s="613"/>
      <c r="UEZ658" s="613"/>
      <c r="UFA658" s="613"/>
      <c r="UFB658" s="613"/>
      <c r="UFC658" s="613"/>
      <c r="UFD658" s="613"/>
      <c r="UFE658" s="613"/>
      <c r="UFF658" s="613"/>
      <c r="UFG658" s="613"/>
      <c r="UFH658" s="613"/>
      <c r="UFI658" s="613"/>
      <c r="UFJ658" s="613"/>
      <c r="UFK658" s="613"/>
      <c r="UFL658" s="613"/>
      <c r="UFM658" s="613"/>
      <c r="UFN658" s="613"/>
      <c r="UFO658" s="613"/>
      <c r="UFP658" s="613"/>
      <c r="UFQ658" s="613"/>
      <c r="UFR658" s="613"/>
      <c r="UFS658" s="613"/>
      <c r="UFT658" s="613"/>
      <c r="UFU658" s="613"/>
      <c r="UFV658" s="613"/>
      <c r="UFW658" s="613"/>
      <c r="UFX658" s="613"/>
      <c r="UFY658" s="613"/>
      <c r="UFZ658" s="613"/>
      <c r="UGA658" s="613"/>
      <c r="UGB658" s="613"/>
      <c r="UGC658" s="613"/>
      <c r="UGD658" s="613"/>
      <c r="UGE658" s="613"/>
      <c r="UGF658" s="613"/>
      <c r="UGG658" s="613"/>
      <c r="UGH658" s="613"/>
      <c r="UGI658" s="613"/>
      <c r="UGJ658" s="613"/>
      <c r="UGK658" s="613"/>
      <c r="UGL658" s="613"/>
      <c r="UGM658" s="613"/>
      <c r="UGN658" s="613"/>
      <c r="UGO658" s="613"/>
      <c r="UGP658" s="613"/>
      <c r="UGQ658" s="613"/>
      <c r="UGR658" s="613"/>
      <c r="UGS658" s="613"/>
      <c r="UGT658" s="613"/>
      <c r="UGU658" s="613"/>
      <c r="UGV658" s="613"/>
      <c r="UGW658" s="613"/>
      <c r="UGX658" s="613"/>
      <c r="UGY658" s="613"/>
      <c r="UGZ658" s="613"/>
      <c r="UHA658" s="613"/>
      <c r="UHB658" s="613"/>
      <c r="UHC658" s="613"/>
      <c r="UHD658" s="613"/>
      <c r="UHE658" s="613"/>
      <c r="UHF658" s="613"/>
      <c r="UHG658" s="613"/>
      <c r="UHH658" s="613"/>
      <c r="UHI658" s="613"/>
      <c r="UHJ658" s="613"/>
      <c r="UHK658" s="613"/>
      <c r="UHL658" s="613"/>
      <c r="UHM658" s="613"/>
      <c r="UHN658" s="613"/>
      <c r="UHO658" s="613"/>
      <c r="UHP658" s="613"/>
      <c r="UHQ658" s="613"/>
      <c r="UHR658" s="613"/>
      <c r="UHS658" s="613"/>
      <c r="UHT658" s="613"/>
      <c r="UHU658" s="613"/>
      <c r="UHV658" s="613"/>
      <c r="UHW658" s="613"/>
      <c r="UHX658" s="613"/>
      <c r="UHY658" s="613"/>
      <c r="UHZ658" s="613"/>
      <c r="UIA658" s="613"/>
      <c r="UIB658" s="613"/>
      <c r="UIC658" s="613"/>
      <c r="UID658" s="613"/>
      <c r="UIE658" s="613"/>
      <c r="UIF658" s="613"/>
      <c r="UIG658" s="613"/>
      <c r="UIH658" s="613"/>
      <c r="UII658" s="613"/>
      <c r="UIJ658" s="613"/>
      <c r="UIK658" s="613"/>
      <c r="UIL658" s="613"/>
      <c r="UIM658" s="613"/>
      <c r="UIN658" s="613"/>
      <c r="UIO658" s="613"/>
      <c r="UIP658" s="613"/>
      <c r="UIQ658" s="613"/>
      <c r="UIR658" s="613"/>
      <c r="UIS658" s="613"/>
      <c r="UIT658" s="613"/>
      <c r="UIU658" s="613"/>
      <c r="UIV658" s="613"/>
      <c r="UIW658" s="613"/>
      <c r="UIX658" s="613"/>
      <c r="UIY658" s="613"/>
      <c r="UIZ658" s="613"/>
      <c r="UJA658" s="613"/>
      <c r="UJB658" s="613"/>
      <c r="UJC658" s="613"/>
      <c r="UJD658" s="613"/>
      <c r="UJE658" s="613"/>
      <c r="UJF658" s="613"/>
      <c r="UJG658" s="613"/>
      <c r="UJH658" s="613"/>
      <c r="UJI658" s="613"/>
      <c r="UJJ658" s="613"/>
      <c r="UJK658" s="613"/>
      <c r="UJL658" s="613"/>
      <c r="UJM658" s="613"/>
      <c r="UJN658" s="613"/>
      <c r="UJO658" s="613"/>
      <c r="UJP658" s="613"/>
      <c r="UJQ658" s="613"/>
      <c r="UJR658" s="613"/>
      <c r="UJS658" s="613"/>
      <c r="UJT658" s="613"/>
      <c r="UJU658" s="613"/>
      <c r="UJV658" s="613"/>
      <c r="UJW658" s="613"/>
      <c r="UJX658" s="613"/>
      <c r="UJY658" s="613"/>
      <c r="UJZ658" s="613"/>
      <c r="UKA658" s="613"/>
      <c r="UKB658" s="613"/>
      <c r="UKC658" s="613"/>
      <c r="UKD658" s="613"/>
      <c r="UKE658" s="613"/>
      <c r="UKF658" s="613"/>
      <c r="UKG658" s="613"/>
      <c r="UKH658" s="613"/>
      <c r="UKI658" s="613"/>
      <c r="UKJ658" s="613"/>
      <c r="UKK658" s="613"/>
      <c r="UKL658" s="613"/>
      <c r="UKM658" s="613"/>
      <c r="UKN658" s="613"/>
      <c r="UKO658" s="613"/>
      <c r="UKP658" s="613"/>
      <c r="UKQ658" s="613"/>
      <c r="UKR658" s="613"/>
      <c r="UKS658" s="613"/>
      <c r="UKT658" s="613"/>
      <c r="UKU658" s="613"/>
      <c r="UKV658" s="613"/>
      <c r="UKW658" s="613"/>
      <c r="UKX658" s="613"/>
      <c r="UKY658" s="613"/>
      <c r="UKZ658" s="613"/>
      <c r="ULA658" s="613"/>
      <c r="ULB658" s="613"/>
      <c r="ULC658" s="613"/>
      <c r="ULD658" s="613"/>
      <c r="ULE658" s="613"/>
      <c r="ULF658" s="613"/>
      <c r="ULG658" s="613"/>
      <c r="ULH658" s="613"/>
      <c r="ULI658" s="613"/>
      <c r="ULJ658" s="613"/>
      <c r="ULK658" s="613"/>
      <c r="ULL658" s="613"/>
      <c r="ULM658" s="613"/>
      <c r="ULN658" s="613"/>
      <c r="ULO658" s="613"/>
      <c r="ULP658" s="613"/>
      <c r="ULQ658" s="613"/>
      <c r="ULR658" s="613"/>
      <c r="ULS658" s="613"/>
      <c r="ULT658" s="613"/>
      <c r="ULU658" s="613"/>
      <c r="ULV658" s="613"/>
      <c r="ULW658" s="613"/>
      <c r="ULX658" s="613"/>
      <c r="ULY658" s="613"/>
      <c r="ULZ658" s="613"/>
      <c r="UMA658" s="613"/>
      <c r="UMB658" s="613"/>
      <c r="UMC658" s="613"/>
      <c r="UMD658" s="613"/>
      <c r="UME658" s="613"/>
      <c r="UMF658" s="613"/>
      <c r="UMG658" s="613"/>
      <c r="UMH658" s="613"/>
      <c r="UMI658" s="613"/>
      <c r="UMJ658" s="613"/>
      <c r="UMK658" s="613"/>
      <c r="UML658" s="613"/>
      <c r="UMM658" s="613"/>
      <c r="UMN658" s="613"/>
      <c r="UMO658" s="613"/>
      <c r="UMP658" s="613"/>
      <c r="UMQ658" s="613"/>
      <c r="UMR658" s="613"/>
      <c r="UMS658" s="613"/>
      <c r="UMT658" s="613"/>
      <c r="UMU658" s="613"/>
      <c r="UMV658" s="613"/>
      <c r="UMW658" s="613"/>
      <c r="UMX658" s="613"/>
      <c r="UMY658" s="613"/>
      <c r="UMZ658" s="613"/>
      <c r="UNA658" s="613"/>
      <c r="UNB658" s="613"/>
      <c r="UNC658" s="613"/>
      <c r="UND658" s="613"/>
      <c r="UNE658" s="613"/>
      <c r="UNF658" s="613"/>
      <c r="UNG658" s="613"/>
      <c r="UNH658" s="613"/>
      <c r="UNI658" s="613"/>
      <c r="UNJ658" s="613"/>
      <c r="UNK658" s="613"/>
      <c r="UNL658" s="613"/>
      <c r="UNM658" s="613"/>
      <c r="UNN658" s="613"/>
      <c r="UNO658" s="613"/>
      <c r="UNP658" s="613"/>
      <c r="UNQ658" s="613"/>
      <c r="UNR658" s="613"/>
      <c r="UNS658" s="613"/>
      <c r="UNT658" s="613"/>
      <c r="UNU658" s="613"/>
      <c r="UNV658" s="613"/>
      <c r="UNW658" s="613"/>
      <c r="UNX658" s="613"/>
      <c r="UNY658" s="613"/>
      <c r="UNZ658" s="613"/>
      <c r="UOA658" s="613"/>
      <c r="UOB658" s="613"/>
      <c r="UOC658" s="613"/>
      <c r="UOD658" s="613"/>
      <c r="UOE658" s="613"/>
      <c r="UOF658" s="613"/>
      <c r="UOG658" s="613"/>
      <c r="UOH658" s="613"/>
      <c r="UOI658" s="613"/>
      <c r="UOJ658" s="613"/>
      <c r="UOK658" s="613"/>
      <c r="UOL658" s="613"/>
      <c r="UOM658" s="613"/>
      <c r="UON658" s="613"/>
      <c r="UOO658" s="613"/>
      <c r="UOP658" s="613"/>
      <c r="UOQ658" s="613"/>
      <c r="UOR658" s="613"/>
      <c r="UOS658" s="613"/>
      <c r="UOT658" s="613"/>
      <c r="UOU658" s="613"/>
      <c r="UOV658" s="613"/>
      <c r="UOW658" s="613"/>
      <c r="UOX658" s="613"/>
      <c r="UOY658" s="613"/>
      <c r="UOZ658" s="613"/>
      <c r="UPA658" s="613"/>
      <c r="UPB658" s="613"/>
      <c r="UPC658" s="613"/>
      <c r="UPD658" s="613"/>
      <c r="UPE658" s="613"/>
      <c r="UPF658" s="613"/>
      <c r="UPG658" s="613"/>
      <c r="UPH658" s="613"/>
      <c r="UPI658" s="613"/>
      <c r="UPJ658" s="613"/>
      <c r="UPK658" s="613"/>
      <c r="UPL658" s="613"/>
      <c r="UPM658" s="613"/>
      <c r="UPN658" s="613"/>
      <c r="UPO658" s="613"/>
      <c r="UPP658" s="613"/>
      <c r="UPQ658" s="613"/>
      <c r="UPR658" s="613"/>
      <c r="UPS658" s="613"/>
      <c r="UPT658" s="613"/>
      <c r="UPU658" s="613"/>
      <c r="UPV658" s="613"/>
      <c r="UPW658" s="613"/>
      <c r="UPX658" s="613"/>
      <c r="UPY658" s="613"/>
      <c r="UPZ658" s="613"/>
      <c r="UQA658" s="613"/>
      <c r="UQB658" s="613"/>
      <c r="UQC658" s="613"/>
      <c r="UQD658" s="613"/>
      <c r="UQE658" s="613"/>
      <c r="UQF658" s="613"/>
      <c r="UQG658" s="613"/>
      <c r="UQH658" s="613"/>
      <c r="UQI658" s="613"/>
      <c r="UQJ658" s="613"/>
      <c r="UQK658" s="613"/>
      <c r="UQL658" s="613"/>
      <c r="UQM658" s="613"/>
      <c r="UQN658" s="613"/>
      <c r="UQO658" s="613"/>
      <c r="UQP658" s="613"/>
      <c r="UQQ658" s="613"/>
      <c r="UQR658" s="613"/>
      <c r="UQS658" s="613"/>
      <c r="UQT658" s="613"/>
      <c r="UQU658" s="613"/>
      <c r="UQV658" s="613"/>
      <c r="UQW658" s="613"/>
      <c r="UQX658" s="613"/>
      <c r="UQY658" s="613"/>
      <c r="UQZ658" s="613"/>
      <c r="URA658" s="613"/>
      <c r="URB658" s="613"/>
      <c r="URC658" s="613"/>
      <c r="URD658" s="613"/>
      <c r="URE658" s="613"/>
      <c r="URF658" s="613"/>
      <c r="URG658" s="613"/>
      <c r="URH658" s="613"/>
      <c r="URI658" s="613"/>
      <c r="URJ658" s="613"/>
      <c r="URK658" s="613"/>
      <c r="URL658" s="613"/>
      <c r="URM658" s="613"/>
      <c r="URN658" s="613"/>
      <c r="URO658" s="613"/>
      <c r="URP658" s="613"/>
      <c r="URQ658" s="613"/>
      <c r="URR658" s="613"/>
      <c r="URS658" s="613"/>
      <c r="URT658" s="613"/>
      <c r="URU658" s="613"/>
      <c r="URV658" s="613"/>
      <c r="URW658" s="613"/>
      <c r="URX658" s="613"/>
      <c r="URY658" s="613"/>
      <c r="URZ658" s="613"/>
      <c r="USA658" s="613"/>
      <c r="USB658" s="613"/>
      <c r="USC658" s="613"/>
      <c r="USD658" s="613"/>
      <c r="USE658" s="613"/>
      <c r="USF658" s="613"/>
      <c r="USG658" s="613"/>
      <c r="USH658" s="613"/>
      <c r="USI658" s="613"/>
      <c r="USJ658" s="613"/>
      <c r="USK658" s="613"/>
      <c r="USL658" s="613"/>
      <c r="USM658" s="613"/>
      <c r="USN658" s="613"/>
      <c r="USO658" s="613"/>
      <c r="USP658" s="613"/>
      <c r="USQ658" s="613"/>
      <c r="USR658" s="613"/>
      <c r="USS658" s="613"/>
      <c r="UST658" s="613"/>
      <c r="USU658" s="613"/>
      <c r="USV658" s="613"/>
      <c r="USW658" s="613"/>
      <c r="USX658" s="613"/>
      <c r="USY658" s="613"/>
      <c r="USZ658" s="613"/>
      <c r="UTA658" s="613"/>
      <c r="UTB658" s="613"/>
      <c r="UTC658" s="613"/>
      <c r="UTD658" s="613"/>
      <c r="UTE658" s="613"/>
      <c r="UTF658" s="613"/>
      <c r="UTG658" s="613"/>
      <c r="UTH658" s="613"/>
      <c r="UTI658" s="613"/>
      <c r="UTJ658" s="613"/>
      <c r="UTK658" s="613"/>
      <c r="UTL658" s="613"/>
      <c r="UTM658" s="613"/>
      <c r="UTN658" s="613"/>
      <c r="UTO658" s="613"/>
      <c r="UTP658" s="613"/>
      <c r="UTQ658" s="613"/>
      <c r="UTR658" s="613"/>
      <c r="UTS658" s="613"/>
      <c r="UTT658" s="613"/>
      <c r="UTU658" s="613"/>
      <c r="UTV658" s="613"/>
      <c r="UTW658" s="613"/>
      <c r="UTX658" s="613"/>
      <c r="UTY658" s="613"/>
      <c r="UTZ658" s="613"/>
      <c r="UUA658" s="613"/>
      <c r="UUB658" s="613"/>
      <c r="UUC658" s="613"/>
      <c r="UUD658" s="613"/>
      <c r="UUE658" s="613"/>
      <c r="UUF658" s="613"/>
      <c r="UUG658" s="613"/>
      <c r="UUH658" s="613"/>
      <c r="UUI658" s="613"/>
      <c r="UUJ658" s="613"/>
      <c r="UUK658" s="613"/>
      <c r="UUL658" s="613"/>
      <c r="UUM658" s="613"/>
      <c r="UUN658" s="613"/>
      <c r="UUO658" s="613"/>
      <c r="UUP658" s="613"/>
      <c r="UUQ658" s="613"/>
      <c r="UUR658" s="613"/>
      <c r="UUS658" s="613"/>
      <c r="UUT658" s="613"/>
      <c r="UUU658" s="613"/>
      <c r="UUV658" s="613"/>
      <c r="UUW658" s="613"/>
      <c r="UUX658" s="613"/>
      <c r="UUY658" s="613"/>
      <c r="UUZ658" s="613"/>
      <c r="UVA658" s="613"/>
      <c r="UVB658" s="613"/>
      <c r="UVC658" s="613"/>
      <c r="UVD658" s="613"/>
      <c r="UVE658" s="613"/>
      <c r="UVF658" s="613"/>
      <c r="UVG658" s="613"/>
      <c r="UVH658" s="613"/>
      <c r="UVI658" s="613"/>
      <c r="UVJ658" s="613"/>
      <c r="UVK658" s="613"/>
      <c r="UVL658" s="613"/>
      <c r="UVM658" s="613"/>
      <c r="UVN658" s="613"/>
      <c r="UVO658" s="613"/>
      <c r="UVP658" s="613"/>
      <c r="UVQ658" s="613"/>
      <c r="UVR658" s="613"/>
      <c r="UVS658" s="613"/>
      <c r="UVT658" s="613"/>
      <c r="UVU658" s="613"/>
      <c r="UVV658" s="613"/>
      <c r="UVW658" s="613"/>
      <c r="UVX658" s="613"/>
      <c r="UVY658" s="613"/>
      <c r="UVZ658" s="613"/>
      <c r="UWA658" s="613"/>
      <c r="UWB658" s="613"/>
      <c r="UWC658" s="613"/>
      <c r="UWD658" s="613"/>
      <c r="UWE658" s="613"/>
      <c r="UWF658" s="613"/>
      <c r="UWG658" s="613"/>
      <c r="UWH658" s="613"/>
      <c r="UWI658" s="613"/>
      <c r="UWJ658" s="613"/>
      <c r="UWK658" s="613"/>
      <c r="UWL658" s="613"/>
      <c r="UWM658" s="613"/>
      <c r="UWN658" s="613"/>
      <c r="UWO658" s="613"/>
      <c r="UWP658" s="613"/>
      <c r="UWQ658" s="613"/>
      <c r="UWR658" s="613"/>
      <c r="UWS658" s="613"/>
      <c r="UWT658" s="613"/>
      <c r="UWU658" s="613"/>
      <c r="UWV658" s="613"/>
      <c r="UWW658" s="613"/>
      <c r="UWX658" s="613"/>
      <c r="UWY658" s="613"/>
      <c r="UWZ658" s="613"/>
      <c r="UXA658" s="613"/>
      <c r="UXB658" s="613"/>
      <c r="UXC658" s="613"/>
      <c r="UXD658" s="613"/>
      <c r="UXE658" s="613"/>
      <c r="UXF658" s="613"/>
      <c r="UXG658" s="613"/>
      <c r="UXH658" s="613"/>
      <c r="UXI658" s="613"/>
      <c r="UXJ658" s="613"/>
      <c r="UXK658" s="613"/>
      <c r="UXL658" s="613"/>
      <c r="UXM658" s="613"/>
      <c r="UXN658" s="613"/>
      <c r="UXO658" s="613"/>
      <c r="UXP658" s="613"/>
      <c r="UXQ658" s="613"/>
      <c r="UXR658" s="613"/>
      <c r="UXS658" s="613"/>
      <c r="UXT658" s="613"/>
      <c r="UXU658" s="613"/>
      <c r="UXV658" s="613"/>
      <c r="UXW658" s="613"/>
      <c r="UXX658" s="613"/>
      <c r="UXY658" s="613"/>
      <c r="UXZ658" s="613"/>
      <c r="UYA658" s="613"/>
      <c r="UYB658" s="613"/>
      <c r="UYC658" s="613"/>
      <c r="UYD658" s="613"/>
      <c r="UYE658" s="613"/>
      <c r="UYF658" s="613"/>
      <c r="UYG658" s="613"/>
      <c r="UYH658" s="613"/>
      <c r="UYI658" s="613"/>
      <c r="UYJ658" s="613"/>
      <c r="UYK658" s="613"/>
      <c r="UYL658" s="613"/>
      <c r="UYM658" s="613"/>
      <c r="UYN658" s="613"/>
      <c r="UYO658" s="613"/>
      <c r="UYP658" s="613"/>
      <c r="UYQ658" s="613"/>
      <c r="UYR658" s="613"/>
      <c r="UYS658" s="613"/>
      <c r="UYT658" s="613"/>
      <c r="UYU658" s="613"/>
      <c r="UYV658" s="613"/>
      <c r="UYW658" s="613"/>
      <c r="UYX658" s="613"/>
      <c r="UYY658" s="613"/>
      <c r="UYZ658" s="613"/>
      <c r="UZA658" s="613"/>
      <c r="UZB658" s="613"/>
      <c r="UZC658" s="613"/>
      <c r="UZD658" s="613"/>
      <c r="UZE658" s="613"/>
      <c r="UZF658" s="613"/>
      <c r="UZG658" s="613"/>
      <c r="UZH658" s="613"/>
      <c r="UZI658" s="613"/>
      <c r="UZJ658" s="613"/>
      <c r="UZK658" s="613"/>
      <c r="UZL658" s="613"/>
      <c r="UZM658" s="613"/>
      <c r="UZN658" s="613"/>
      <c r="UZO658" s="613"/>
      <c r="UZP658" s="613"/>
      <c r="UZQ658" s="613"/>
      <c r="UZR658" s="613"/>
      <c r="UZS658" s="613"/>
      <c r="UZT658" s="613"/>
      <c r="UZU658" s="613"/>
      <c r="UZV658" s="613"/>
      <c r="UZW658" s="613"/>
      <c r="UZX658" s="613"/>
      <c r="UZY658" s="613"/>
      <c r="UZZ658" s="613"/>
      <c r="VAA658" s="613"/>
      <c r="VAB658" s="613"/>
      <c r="VAC658" s="613"/>
      <c r="VAD658" s="613"/>
      <c r="VAE658" s="613"/>
      <c r="VAF658" s="613"/>
      <c r="VAG658" s="613"/>
      <c r="VAH658" s="613"/>
      <c r="VAI658" s="613"/>
      <c r="VAJ658" s="613"/>
      <c r="VAK658" s="613"/>
      <c r="VAL658" s="613"/>
      <c r="VAM658" s="613"/>
      <c r="VAN658" s="613"/>
      <c r="VAO658" s="613"/>
      <c r="VAP658" s="613"/>
      <c r="VAQ658" s="613"/>
      <c r="VAR658" s="613"/>
      <c r="VAS658" s="613"/>
      <c r="VAT658" s="613"/>
      <c r="VAU658" s="613"/>
      <c r="VAV658" s="613"/>
      <c r="VAW658" s="613"/>
      <c r="VAX658" s="613"/>
      <c r="VAY658" s="613"/>
      <c r="VAZ658" s="613"/>
      <c r="VBA658" s="613"/>
      <c r="VBB658" s="613"/>
      <c r="VBC658" s="613"/>
      <c r="VBD658" s="613"/>
      <c r="VBE658" s="613"/>
      <c r="VBF658" s="613"/>
      <c r="VBG658" s="613"/>
      <c r="VBH658" s="613"/>
      <c r="VBI658" s="613"/>
      <c r="VBJ658" s="613"/>
      <c r="VBK658" s="613"/>
      <c r="VBL658" s="613"/>
      <c r="VBM658" s="613"/>
      <c r="VBN658" s="613"/>
      <c r="VBO658" s="613"/>
      <c r="VBP658" s="613"/>
      <c r="VBQ658" s="613"/>
      <c r="VBR658" s="613"/>
      <c r="VBS658" s="613"/>
      <c r="VBT658" s="613"/>
      <c r="VBU658" s="613"/>
      <c r="VBV658" s="613"/>
      <c r="VBW658" s="613"/>
      <c r="VBX658" s="613"/>
      <c r="VBY658" s="613"/>
      <c r="VBZ658" s="613"/>
      <c r="VCA658" s="613"/>
      <c r="VCB658" s="613"/>
      <c r="VCC658" s="613"/>
      <c r="VCD658" s="613"/>
      <c r="VCE658" s="613"/>
      <c r="VCF658" s="613"/>
      <c r="VCG658" s="613"/>
      <c r="VCH658" s="613"/>
      <c r="VCI658" s="613"/>
      <c r="VCJ658" s="613"/>
      <c r="VCK658" s="613"/>
      <c r="VCL658" s="613"/>
      <c r="VCM658" s="613"/>
      <c r="VCN658" s="613"/>
      <c r="VCO658" s="613"/>
      <c r="VCP658" s="613"/>
      <c r="VCQ658" s="613"/>
      <c r="VCR658" s="613"/>
      <c r="VCS658" s="613"/>
      <c r="VCT658" s="613"/>
      <c r="VCU658" s="613"/>
      <c r="VCV658" s="613"/>
      <c r="VCW658" s="613"/>
      <c r="VCX658" s="613"/>
      <c r="VCY658" s="613"/>
      <c r="VCZ658" s="613"/>
      <c r="VDA658" s="613"/>
      <c r="VDB658" s="613"/>
      <c r="VDC658" s="613"/>
      <c r="VDD658" s="613"/>
      <c r="VDE658" s="613"/>
      <c r="VDF658" s="613"/>
      <c r="VDG658" s="613"/>
      <c r="VDH658" s="613"/>
      <c r="VDI658" s="613"/>
      <c r="VDJ658" s="613"/>
      <c r="VDK658" s="613"/>
      <c r="VDL658" s="613"/>
      <c r="VDM658" s="613"/>
      <c r="VDN658" s="613"/>
      <c r="VDO658" s="613"/>
      <c r="VDP658" s="613"/>
      <c r="VDQ658" s="613"/>
      <c r="VDR658" s="613"/>
      <c r="VDS658" s="613"/>
      <c r="VDT658" s="613"/>
      <c r="VDU658" s="613"/>
      <c r="VDV658" s="613"/>
      <c r="VDW658" s="613"/>
      <c r="VDX658" s="613"/>
      <c r="VDY658" s="613"/>
      <c r="VDZ658" s="613"/>
      <c r="VEA658" s="613"/>
      <c r="VEB658" s="613"/>
      <c r="VEC658" s="613"/>
      <c r="VED658" s="613"/>
      <c r="VEE658" s="613"/>
      <c r="VEF658" s="613"/>
      <c r="VEG658" s="613"/>
      <c r="VEH658" s="613"/>
      <c r="VEI658" s="613"/>
      <c r="VEJ658" s="613"/>
      <c r="VEK658" s="613"/>
      <c r="VEL658" s="613"/>
      <c r="VEM658" s="613"/>
      <c r="VEN658" s="613"/>
      <c r="VEO658" s="613"/>
      <c r="VEP658" s="613"/>
      <c r="VEQ658" s="613"/>
      <c r="VER658" s="613"/>
      <c r="VES658" s="613"/>
      <c r="VET658" s="613"/>
      <c r="VEU658" s="613"/>
      <c r="VEV658" s="613"/>
      <c r="VEW658" s="613"/>
      <c r="VEX658" s="613"/>
      <c r="VEY658" s="613"/>
      <c r="VEZ658" s="613"/>
      <c r="VFA658" s="613"/>
      <c r="VFB658" s="613"/>
      <c r="VFC658" s="613"/>
      <c r="VFD658" s="613"/>
      <c r="VFE658" s="613"/>
      <c r="VFF658" s="613"/>
      <c r="VFG658" s="613"/>
      <c r="VFH658" s="613"/>
      <c r="VFI658" s="613"/>
      <c r="VFJ658" s="613"/>
      <c r="VFK658" s="613"/>
      <c r="VFL658" s="613"/>
      <c r="VFM658" s="613"/>
      <c r="VFN658" s="613"/>
      <c r="VFO658" s="613"/>
      <c r="VFP658" s="613"/>
      <c r="VFQ658" s="613"/>
      <c r="VFR658" s="613"/>
      <c r="VFS658" s="613"/>
      <c r="VFT658" s="613"/>
      <c r="VFU658" s="613"/>
      <c r="VFV658" s="613"/>
      <c r="VFW658" s="613"/>
      <c r="VFX658" s="613"/>
      <c r="VFY658" s="613"/>
      <c r="VFZ658" s="613"/>
      <c r="VGA658" s="613"/>
      <c r="VGB658" s="613"/>
      <c r="VGC658" s="613"/>
      <c r="VGD658" s="613"/>
      <c r="VGE658" s="613"/>
      <c r="VGF658" s="613"/>
      <c r="VGG658" s="613"/>
      <c r="VGH658" s="613"/>
      <c r="VGI658" s="613"/>
      <c r="VGJ658" s="613"/>
      <c r="VGK658" s="613"/>
      <c r="VGL658" s="613"/>
      <c r="VGM658" s="613"/>
      <c r="VGN658" s="613"/>
      <c r="VGO658" s="613"/>
      <c r="VGP658" s="613"/>
      <c r="VGQ658" s="613"/>
      <c r="VGR658" s="613"/>
      <c r="VGS658" s="613"/>
      <c r="VGT658" s="613"/>
      <c r="VGU658" s="613"/>
      <c r="VGV658" s="613"/>
      <c r="VGW658" s="613"/>
      <c r="VGX658" s="613"/>
      <c r="VGY658" s="613"/>
      <c r="VGZ658" s="613"/>
      <c r="VHA658" s="613"/>
      <c r="VHB658" s="613"/>
      <c r="VHC658" s="613"/>
      <c r="VHD658" s="613"/>
      <c r="VHE658" s="613"/>
      <c r="VHF658" s="613"/>
      <c r="VHG658" s="613"/>
      <c r="VHH658" s="613"/>
      <c r="VHI658" s="613"/>
      <c r="VHJ658" s="613"/>
      <c r="VHK658" s="613"/>
      <c r="VHL658" s="613"/>
      <c r="VHM658" s="613"/>
      <c r="VHN658" s="613"/>
      <c r="VHO658" s="613"/>
      <c r="VHP658" s="613"/>
      <c r="VHQ658" s="613"/>
      <c r="VHR658" s="613"/>
      <c r="VHS658" s="613"/>
      <c r="VHT658" s="613"/>
      <c r="VHU658" s="613"/>
      <c r="VHV658" s="613"/>
      <c r="VHW658" s="613"/>
      <c r="VHX658" s="613"/>
      <c r="VHY658" s="613"/>
      <c r="VHZ658" s="613"/>
      <c r="VIA658" s="613"/>
      <c r="VIB658" s="613"/>
      <c r="VIC658" s="613"/>
      <c r="VID658" s="613"/>
      <c r="VIE658" s="613"/>
      <c r="VIF658" s="613"/>
      <c r="VIG658" s="613"/>
      <c r="VIH658" s="613"/>
      <c r="VII658" s="613"/>
      <c r="VIJ658" s="613"/>
      <c r="VIK658" s="613"/>
      <c r="VIL658" s="613"/>
      <c r="VIM658" s="613"/>
      <c r="VIN658" s="613"/>
      <c r="VIO658" s="613"/>
      <c r="VIP658" s="613"/>
      <c r="VIQ658" s="613"/>
      <c r="VIR658" s="613"/>
      <c r="VIS658" s="613"/>
      <c r="VIT658" s="613"/>
      <c r="VIU658" s="613"/>
      <c r="VIV658" s="613"/>
      <c r="VIW658" s="613"/>
      <c r="VIX658" s="613"/>
      <c r="VIY658" s="613"/>
      <c r="VIZ658" s="613"/>
      <c r="VJA658" s="613"/>
      <c r="VJB658" s="613"/>
      <c r="VJC658" s="613"/>
      <c r="VJD658" s="613"/>
      <c r="VJE658" s="613"/>
      <c r="VJF658" s="613"/>
      <c r="VJG658" s="613"/>
      <c r="VJH658" s="613"/>
      <c r="VJI658" s="613"/>
      <c r="VJJ658" s="613"/>
      <c r="VJK658" s="613"/>
      <c r="VJL658" s="613"/>
      <c r="VJM658" s="613"/>
      <c r="VJN658" s="613"/>
      <c r="VJO658" s="613"/>
      <c r="VJP658" s="613"/>
      <c r="VJQ658" s="613"/>
      <c r="VJR658" s="613"/>
      <c r="VJS658" s="613"/>
      <c r="VJT658" s="613"/>
      <c r="VJU658" s="613"/>
      <c r="VJV658" s="613"/>
      <c r="VJW658" s="613"/>
      <c r="VJX658" s="613"/>
      <c r="VJY658" s="613"/>
      <c r="VJZ658" s="613"/>
      <c r="VKA658" s="613"/>
      <c r="VKB658" s="613"/>
      <c r="VKC658" s="613"/>
      <c r="VKD658" s="613"/>
      <c r="VKE658" s="613"/>
      <c r="VKF658" s="613"/>
      <c r="VKG658" s="613"/>
      <c r="VKH658" s="613"/>
      <c r="VKI658" s="613"/>
      <c r="VKJ658" s="613"/>
      <c r="VKK658" s="613"/>
      <c r="VKL658" s="613"/>
      <c r="VKM658" s="613"/>
      <c r="VKN658" s="613"/>
      <c r="VKO658" s="613"/>
      <c r="VKP658" s="613"/>
      <c r="VKQ658" s="613"/>
      <c r="VKR658" s="613"/>
      <c r="VKS658" s="613"/>
      <c r="VKT658" s="613"/>
      <c r="VKU658" s="613"/>
      <c r="VKV658" s="613"/>
      <c r="VKW658" s="613"/>
      <c r="VKX658" s="613"/>
      <c r="VKY658" s="613"/>
      <c r="VKZ658" s="613"/>
      <c r="VLA658" s="613"/>
      <c r="VLB658" s="613"/>
      <c r="VLC658" s="613"/>
      <c r="VLD658" s="613"/>
      <c r="VLE658" s="613"/>
      <c r="VLF658" s="613"/>
      <c r="VLG658" s="613"/>
      <c r="VLH658" s="613"/>
      <c r="VLI658" s="613"/>
      <c r="VLJ658" s="613"/>
      <c r="VLK658" s="613"/>
      <c r="VLL658" s="613"/>
      <c r="VLM658" s="613"/>
      <c r="VLN658" s="613"/>
      <c r="VLO658" s="613"/>
      <c r="VLP658" s="613"/>
      <c r="VLQ658" s="613"/>
      <c r="VLR658" s="613"/>
      <c r="VLS658" s="613"/>
      <c r="VLT658" s="613"/>
      <c r="VLU658" s="613"/>
      <c r="VLV658" s="613"/>
      <c r="VLW658" s="613"/>
      <c r="VLX658" s="613"/>
      <c r="VLY658" s="613"/>
      <c r="VLZ658" s="613"/>
      <c r="VMA658" s="613"/>
      <c r="VMB658" s="613"/>
      <c r="VMC658" s="613"/>
      <c r="VMD658" s="613"/>
      <c r="VME658" s="613"/>
      <c r="VMF658" s="613"/>
      <c r="VMG658" s="613"/>
      <c r="VMH658" s="613"/>
      <c r="VMI658" s="613"/>
      <c r="VMJ658" s="613"/>
      <c r="VMK658" s="613"/>
      <c r="VML658" s="613"/>
      <c r="VMM658" s="613"/>
      <c r="VMN658" s="613"/>
      <c r="VMO658" s="613"/>
      <c r="VMP658" s="613"/>
      <c r="VMQ658" s="613"/>
      <c r="VMR658" s="613"/>
      <c r="VMS658" s="613"/>
      <c r="VMT658" s="613"/>
      <c r="VMU658" s="613"/>
      <c r="VMV658" s="613"/>
      <c r="VMW658" s="613"/>
      <c r="VMX658" s="613"/>
      <c r="VMY658" s="613"/>
      <c r="VMZ658" s="613"/>
      <c r="VNA658" s="613"/>
      <c r="VNB658" s="613"/>
      <c r="VNC658" s="613"/>
      <c r="VND658" s="613"/>
      <c r="VNE658" s="613"/>
      <c r="VNF658" s="613"/>
      <c r="VNG658" s="613"/>
      <c r="VNH658" s="613"/>
      <c r="VNI658" s="613"/>
      <c r="VNJ658" s="613"/>
      <c r="VNK658" s="613"/>
      <c r="VNL658" s="613"/>
      <c r="VNM658" s="613"/>
      <c r="VNN658" s="613"/>
      <c r="VNO658" s="613"/>
      <c r="VNP658" s="613"/>
      <c r="VNQ658" s="613"/>
      <c r="VNR658" s="613"/>
      <c r="VNS658" s="613"/>
      <c r="VNT658" s="613"/>
      <c r="VNU658" s="613"/>
      <c r="VNV658" s="613"/>
      <c r="VNW658" s="613"/>
      <c r="VNX658" s="613"/>
      <c r="VNY658" s="613"/>
      <c r="VNZ658" s="613"/>
      <c r="VOA658" s="613"/>
      <c r="VOB658" s="613"/>
      <c r="VOC658" s="613"/>
      <c r="VOD658" s="613"/>
      <c r="VOE658" s="613"/>
      <c r="VOF658" s="613"/>
      <c r="VOG658" s="613"/>
      <c r="VOH658" s="613"/>
      <c r="VOI658" s="613"/>
      <c r="VOJ658" s="613"/>
      <c r="VOK658" s="613"/>
      <c r="VOL658" s="613"/>
      <c r="VOM658" s="613"/>
      <c r="VON658" s="613"/>
      <c r="VOO658" s="613"/>
      <c r="VOP658" s="613"/>
      <c r="VOQ658" s="613"/>
      <c r="VOR658" s="613"/>
      <c r="VOS658" s="613"/>
      <c r="VOT658" s="613"/>
      <c r="VOU658" s="613"/>
      <c r="VOV658" s="613"/>
      <c r="VOW658" s="613"/>
      <c r="VOX658" s="613"/>
      <c r="VOY658" s="613"/>
      <c r="VOZ658" s="613"/>
      <c r="VPA658" s="613"/>
      <c r="VPB658" s="613"/>
      <c r="VPC658" s="613"/>
      <c r="VPD658" s="613"/>
      <c r="VPE658" s="613"/>
      <c r="VPF658" s="613"/>
      <c r="VPG658" s="613"/>
      <c r="VPH658" s="613"/>
      <c r="VPI658" s="613"/>
      <c r="VPJ658" s="613"/>
      <c r="VPK658" s="613"/>
      <c r="VPL658" s="613"/>
      <c r="VPM658" s="613"/>
      <c r="VPN658" s="613"/>
      <c r="VPO658" s="613"/>
      <c r="VPP658" s="613"/>
      <c r="VPQ658" s="613"/>
      <c r="VPR658" s="613"/>
      <c r="VPS658" s="613"/>
      <c r="VPT658" s="613"/>
      <c r="VPU658" s="613"/>
      <c r="VPV658" s="613"/>
      <c r="VPW658" s="613"/>
      <c r="VPX658" s="613"/>
      <c r="VPY658" s="613"/>
      <c r="VPZ658" s="613"/>
      <c r="VQA658" s="613"/>
      <c r="VQB658" s="613"/>
      <c r="VQC658" s="613"/>
      <c r="VQD658" s="613"/>
      <c r="VQE658" s="613"/>
      <c r="VQF658" s="613"/>
      <c r="VQG658" s="613"/>
      <c r="VQH658" s="613"/>
      <c r="VQI658" s="613"/>
      <c r="VQJ658" s="613"/>
      <c r="VQK658" s="613"/>
      <c r="VQL658" s="613"/>
      <c r="VQM658" s="613"/>
      <c r="VQN658" s="613"/>
      <c r="VQO658" s="613"/>
      <c r="VQP658" s="613"/>
      <c r="VQQ658" s="613"/>
      <c r="VQR658" s="613"/>
      <c r="VQS658" s="613"/>
      <c r="VQT658" s="613"/>
      <c r="VQU658" s="613"/>
      <c r="VQV658" s="613"/>
      <c r="VQW658" s="613"/>
      <c r="VQX658" s="613"/>
      <c r="VQY658" s="613"/>
      <c r="VQZ658" s="613"/>
      <c r="VRA658" s="613"/>
      <c r="VRB658" s="613"/>
      <c r="VRC658" s="613"/>
      <c r="VRD658" s="613"/>
      <c r="VRE658" s="613"/>
      <c r="VRF658" s="613"/>
      <c r="VRG658" s="613"/>
      <c r="VRH658" s="613"/>
      <c r="VRI658" s="613"/>
      <c r="VRJ658" s="613"/>
      <c r="VRK658" s="613"/>
      <c r="VRL658" s="613"/>
      <c r="VRM658" s="613"/>
      <c r="VRN658" s="613"/>
      <c r="VRO658" s="613"/>
      <c r="VRP658" s="613"/>
      <c r="VRQ658" s="613"/>
      <c r="VRR658" s="613"/>
      <c r="VRS658" s="613"/>
      <c r="VRT658" s="613"/>
      <c r="VRU658" s="613"/>
      <c r="VRV658" s="613"/>
      <c r="VRW658" s="613"/>
      <c r="VRX658" s="613"/>
      <c r="VRY658" s="613"/>
      <c r="VRZ658" s="613"/>
      <c r="VSA658" s="613"/>
      <c r="VSB658" s="613"/>
      <c r="VSC658" s="613"/>
      <c r="VSD658" s="613"/>
      <c r="VSE658" s="613"/>
      <c r="VSF658" s="613"/>
      <c r="VSG658" s="613"/>
      <c r="VSH658" s="613"/>
      <c r="VSI658" s="613"/>
      <c r="VSJ658" s="613"/>
      <c r="VSK658" s="613"/>
      <c r="VSL658" s="613"/>
      <c r="VSM658" s="613"/>
      <c r="VSN658" s="613"/>
      <c r="VSO658" s="613"/>
      <c r="VSP658" s="613"/>
      <c r="VSQ658" s="613"/>
      <c r="VSR658" s="613"/>
      <c r="VSS658" s="613"/>
      <c r="VST658" s="613"/>
      <c r="VSU658" s="613"/>
      <c r="VSV658" s="613"/>
      <c r="VSW658" s="613"/>
      <c r="VSX658" s="613"/>
      <c r="VSY658" s="613"/>
      <c r="VSZ658" s="613"/>
      <c r="VTA658" s="613"/>
      <c r="VTB658" s="613"/>
      <c r="VTC658" s="613"/>
      <c r="VTD658" s="613"/>
      <c r="VTE658" s="613"/>
      <c r="VTF658" s="613"/>
      <c r="VTG658" s="613"/>
      <c r="VTH658" s="613"/>
      <c r="VTI658" s="613"/>
      <c r="VTJ658" s="613"/>
      <c r="VTK658" s="613"/>
      <c r="VTL658" s="613"/>
      <c r="VTM658" s="613"/>
      <c r="VTN658" s="613"/>
      <c r="VTO658" s="613"/>
      <c r="VTP658" s="613"/>
      <c r="VTQ658" s="613"/>
      <c r="VTR658" s="613"/>
      <c r="VTS658" s="613"/>
      <c r="VTT658" s="613"/>
      <c r="VTU658" s="613"/>
      <c r="VTV658" s="613"/>
      <c r="VTW658" s="613"/>
      <c r="VTX658" s="613"/>
      <c r="VTY658" s="613"/>
      <c r="VTZ658" s="613"/>
      <c r="VUA658" s="613"/>
      <c r="VUB658" s="613"/>
      <c r="VUC658" s="613"/>
      <c r="VUD658" s="613"/>
      <c r="VUE658" s="613"/>
      <c r="VUF658" s="613"/>
      <c r="VUG658" s="613"/>
      <c r="VUH658" s="613"/>
      <c r="VUI658" s="613"/>
      <c r="VUJ658" s="613"/>
      <c r="VUK658" s="613"/>
      <c r="VUL658" s="613"/>
      <c r="VUM658" s="613"/>
      <c r="VUN658" s="613"/>
      <c r="VUO658" s="613"/>
      <c r="VUP658" s="613"/>
      <c r="VUQ658" s="613"/>
      <c r="VUR658" s="613"/>
      <c r="VUS658" s="613"/>
      <c r="VUT658" s="613"/>
      <c r="VUU658" s="613"/>
      <c r="VUV658" s="613"/>
      <c r="VUW658" s="613"/>
      <c r="VUX658" s="613"/>
      <c r="VUY658" s="613"/>
      <c r="VUZ658" s="613"/>
      <c r="VVA658" s="613"/>
      <c r="VVB658" s="613"/>
      <c r="VVC658" s="613"/>
      <c r="VVD658" s="613"/>
      <c r="VVE658" s="613"/>
      <c r="VVF658" s="613"/>
      <c r="VVG658" s="613"/>
      <c r="VVH658" s="613"/>
      <c r="VVI658" s="613"/>
      <c r="VVJ658" s="613"/>
      <c r="VVK658" s="613"/>
      <c r="VVL658" s="613"/>
      <c r="VVM658" s="613"/>
      <c r="VVN658" s="613"/>
      <c r="VVO658" s="613"/>
      <c r="VVP658" s="613"/>
      <c r="VVQ658" s="613"/>
      <c r="VVR658" s="613"/>
      <c r="VVS658" s="613"/>
      <c r="VVT658" s="613"/>
      <c r="VVU658" s="613"/>
      <c r="VVV658" s="613"/>
      <c r="VVW658" s="613"/>
      <c r="VVX658" s="613"/>
      <c r="VVY658" s="613"/>
      <c r="VVZ658" s="613"/>
      <c r="VWA658" s="613"/>
      <c r="VWB658" s="613"/>
      <c r="VWC658" s="613"/>
      <c r="VWD658" s="613"/>
      <c r="VWE658" s="613"/>
      <c r="VWF658" s="613"/>
      <c r="VWG658" s="613"/>
      <c r="VWH658" s="613"/>
      <c r="VWI658" s="613"/>
      <c r="VWJ658" s="613"/>
      <c r="VWK658" s="613"/>
      <c r="VWL658" s="613"/>
      <c r="VWM658" s="613"/>
      <c r="VWN658" s="613"/>
      <c r="VWO658" s="613"/>
      <c r="VWP658" s="613"/>
      <c r="VWQ658" s="613"/>
      <c r="VWR658" s="613"/>
      <c r="VWS658" s="613"/>
      <c r="VWT658" s="613"/>
      <c r="VWU658" s="613"/>
      <c r="VWV658" s="613"/>
      <c r="VWW658" s="613"/>
      <c r="VWX658" s="613"/>
      <c r="VWY658" s="613"/>
      <c r="VWZ658" s="613"/>
      <c r="VXA658" s="613"/>
      <c r="VXB658" s="613"/>
      <c r="VXC658" s="613"/>
      <c r="VXD658" s="613"/>
      <c r="VXE658" s="613"/>
      <c r="VXF658" s="613"/>
      <c r="VXG658" s="613"/>
      <c r="VXH658" s="613"/>
      <c r="VXI658" s="613"/>
      <c r="VXJ658" s="613"/>
      <c r="VXK658" s="613"/>
      <c r="VXL658" s="613"/>
      <c r="VXM658" s="613"/>
      <c r="VXN658" s="613"/>
      <c r="VXO658" s="613"/>
      <c r="VXP658" s="613"/>
      <c r="VXQ658" s="613"/>
      <c r="VXR658" s="613"/>
      <c r="VXS658" s="613"/>
      <c r="VXT658" s="613"/>
      <c r="VXU658" s="613"/>
      <c r="VXV658" s="613"/>
      <c r="VXW658" s="613"/>
      <c r="VXX658" s="613"/>
      <c r="VXY658" s="613"/>
      <c r="VXZ658" s="613"/>
      <c r="VYA658" s="613"/>
      <c r="VYB658" s="613"/>
      <c r="VYC658" s="613"/>
      <c r="VYD658" s="613"/>
      <c r="VYE658" s="613"/>
      <c r="VYF658" s="613"/>
      <c r="VYG658" s="613"/>
      <c r="VYH658" s="613"/>
      <c r="VYI658" s="613"/>
      <c r="VYJ658" s="613"/>
      <c r="VYK658" s="613"/>
      <c r="VYL658" s="613"/>
      <c r="VYM658" s="613"/>
      <c r="VYN658" s="613"/>
      <c r="VYO658" s="613"/>
      <c r="VYP658" s="613"/>
      <c r="VYQ658" s="613"/>
      <c r="VYR658" s="613"/>
      <c r="VYS658" s="613"/>
      <c r="VYT658" s="613"/>
      <c r="VYU658" s="613"/>
      <c r="VYV658" s="613"/>
      <c r="VYW658" s="613"/>
      <c r="VYX658" s="613"/>
      <c r="VYY658" s="613"/>
      <c r="VYZ658" s="613"/>
      <c r="VZA658" s="613"/>
      <c r="VZB658" s="613"/>
      <c r="VZC658" s="613"/>
      <c r="VZD658" s="613"/>
      <c r="VZE658" s="613"/>
      <c r="VZF658" s="613"/>
      <c r="VZG658" s="613"/>
      <c r="VZH658" s="613"/>
      <c r="VZI658" s="613"/>
      <c r="VZJ658" s="613"/>
      <c r="VZK658" s="613"/>
      <c r="VZL658" s="613"/>
      <c r="VZM658" s="613"/>
      <c r="VZN658" s="613"/>
      <c r="VZO658" s="613"/>
      <c r="VZP658" s="613"/>
      <c r="VZQ658" s="613"/>
      <c r="VZR658" s="613"/>
      <c r="VZS658" s="613"/>
      <c r="VZT658" s="613"/>
      <c r="VZU658" s="613"/>
      <c r="VZV658" s="613"/>
      <c r="VZW658" s="613"/>
      <c r="VZX658" s="613"/>
      <c r="VZY658" s="613"/>
      <c r="VZZ658" s="613"/>
      <c r="WAA658" s="613"/>
      <c r="WAB658" s="613"/>
      <c r="WAC658" s="613"/>
      <c r="WAD658" s="613"/>
      <c r="WAE658" s="613"/>
      <c r="WAF658" s="613"/>
      <c r="WAG658" s="613"/>
      <c r="WAH658" s="613"/>
      <c r="WAI658" s="613"/>
      <c r="WAJ658" s="613"/>
      <c r="WAK658" s="613"/>
      <c r="WAL658" s="613"/>
      <c r="WAM658" s="613"/>
      <c r="WAN658" s="613"/>
      <c r="WAO658" s="613"/>
      <c r="WAP658" s="613"/>
      <c r="WAQ658" s="613"/>
      <c r="WAR658" s="613"/>
      <c r="WAS658" s="613"/>
      <c r="WAT658" s="613"/>
      <c r="WAU658" s="613"/>
      <c r="WAV658" s="613"/>
      <c r="WAW658" s="613"/>
      <c r="WAX658" s="613"/>
      <c r="WAY658" s="613"/>
      <c r="WAZ658" s="613"/>
      <c r="WBA658" s="613"/>
      <c r="WBB658" s="613"/>
      <c r="WBC658" s="613"/>
      <c r="WBD658" s="613"/>
      <c r="WBE658" s="613"/>
      <c r="WBF658" s="613"/>
      <c r="WBG658" s="613"/>
      <c r="WBH658" s="613"/>
      <c r="WBI658" s="613"/>
      <c r="WBJ658" s="613"/>
      <c r="WBK658" s="613"/>
      <c r="WBL658" s="613"/>
      <c r="WBM658" s="613"/>
      <c r="WBN658" s="613"/>
      <c r="WBO658" s="613"/>
      <c r="WBP658" s="613"/>
      <c r="WBQ658" s="613"/>
      <c r="WBR658" s="613"/>
      <c r="WBS658" s="613"/>
      <c r="WBT658" s="613"/>
      <c r="WBU658" s="613"/>
      <c r="WBV658" s="613"/>
      <c r="WBW658" s="613"/>
      <c r="WBX658" s="613"/>
      <c r="WBY658" s="613"/>
      <c r="WBZ658" s="613"/>
      <c r="WCA658" s="613"/>
      <c r="WCB658" s="613"/>
      <c r="WCC658" s="613"/>
      <c r="WCD658" s="613"/>
      <c r="WCE658" s="613"/>
      <c r="WCF658" s="613"/>
      <c r="WCG658" s="613"/>
      <c r="WCH658" s="613"/>
      <c r="WCI658" s="613"/>
      <c r="WCJ658" s="613"/>
      <c r="WCK658" s="613"/>
      <c r="WCL658" s="613"/>
      <c r="WCM658" s="613"/>
      <c r="WCN658" s="613"/>
      <c r="WCO658" s="613"/>
      <c r="WCP658" s="613"/>
      <c r="WCQ658" s="613"/>
      <c r="WCR658" s="613"/>
      <c r="WCS658" s="613"/>
      <c r="WCT658" s="613"/>
      <c r="WCU658" s="613"/>
      <c r="WCV658" s="613"/>
      <c r="WCW658" s="613"/>
      <c r="WCX658" s="613"/>
      <c r="WCY658" s="613"/>
      <c r="WCZ658" s="613"/>
      <c r="WDA658" s="613"/>
      <c r="WDB658" s="613"/>
      <c r="WDC658" s="613"/>
      <c r="WDD658" s="613"/>
      <c r="WDE658" s="613"/>
      <c r="WDF658" s="613"/>
      <c r="WDG658" s="613"/>
      <c r="WDH658" s="613"/>
      <c r="WDI658" s="613"/>
      <c r="WDJ658" s="613"/>
      <c r="WDK658" s="613"/>
      <c r="WDL658" s="613"/>
      <c r="WDM658" s="613"/>
      <c r="WDN658" s="613"/>
      <c r="WDO658" s="613"/>
      <c r="WDP658" s="613"/>
      <c r="WDQ658" s="613"/>
      <c r="WDR658" s="613"/>
      <c r="WDS658" s="613"/>
      <c r="WDT658" s="613"/>
      <c r="WDU658" s="613"/>
      <c r="WDV658" s="613"/>
      <c r="WDW658" s="613"/>
      <c r="WDX658" s="613"/>
      <c r="WDY658" s="613"/>
      <c r="WDZ658" s="613"/>
      <c r="WEA658" s="613"/>
      <c r="WEB658" s="613"/>
      <c r="WEC658" s="613"/>
      <c r="WED658" s="613"/>
      <c r="WEE658" s="613"/>
      <c r="WEF658" s="613"/>
      <c r="WEG658" s="613"/>
      <c r="WEH658" s="613"/>
      <c r="WEI658" s="613"/>
      <c r="WEJ658" s="613"/>
      <c r="WEK658" s="613"/>
      <c r="WEL658" s="613"/>
      <c r="WEM658" s="613"/>
      <c r="WEN658" s="613"/>
      <c r="WEO658" s="613"/>
      <c r="WEP658" s="613"/>
      <c r="WEQ658" s="613"/>
      <c r="WER658" s="613"/>
      <c r="WES658" s="613"/>
      <c r="WET658" s="613"/>
      <c r="WEU658" s="613"/>
      <c r="WEV658" s="613"/>
      <c r="WEW658" s="613"/>
      <c r="WEX658" s="613"/>
      <c r="WEY658" s="613"/>
      <c r="WEZ658" s="613"/>
      <c r="WFA658" s="613"/>
      <c r="WFB658" s="613"/>
      <c r="WFC658" s="613"/>
      <c r="WFD658" s="613"/>
      <c r="WFE658" s="613"/>
      <c r="WFF658" s="613"/>
      <c r="WFG658" s="613"/>
      <c r="WFH658" s="613"/>
      <c r="WFI658" s="613"/>
      <c r="WFJ658" s="613"/>
      <c r="WFK658" s="613"/>
      <c r="WFL658" s="613"/>
      <c r="WFM658" s="613"/>
      <c r="WFN658" s="613"/>
      <c r="WFO658" s="613"/>
      <c r="WFP658" s="613"/>
      <c r="WFQ658" s="613"/>
      <c r="WFR658" s="613"/>
      <c r="WFS658" s="613"/>
      <c r="WFT658" s="613"/>
      <c r="WFU658" s="613"/>
      <c r="WFV658" s="613"/>
      <c r="WFW658" s="613"/>
      <c r="WFX658" s="613"/>
      <c r="WFY658" s="613"/>
      <c r="WFZ658" s="613"/>
      <c r="WGA658" s="613"/>
      <c r="WGB658" s="613"/>
      <c r="WGC658" s="613"/>
      <c r="WGD658" s="613"/>
      <c r="WGE658" s="613"/>
      <c r="WGF658" s="613"/>
      <c r="WGG658" s="613"/>
      <c r="WGH658" s="613"/>
      <c r="WGI658" s="613"/>
      <c r="WGJ658" s="613"/>
      <c r="WGK658" s="613"/>
      <c r="WGL658" s="613"/>
      <c r="WGM658" s="613"/>
      <c r="WGN658" s="613"/>
      <c r="WGO658" s="613"/>
      <c r="WGP658" s="613"/>
      <c r="WGQ658" s="613"/>
      <c r="WGR658" s="613"/>
      <c r="WGS658" s="613"/>
      <c r="WGT658" s="613"/>
      <c r="WGU658" s="613"/>
      <c r="WGV658" s="613"/>
      <c r="WGW658" s="613"/>
      <c r="WGX658" s="613"/>
      <c r="WGY658" s="613"/>
      <c r="WGZ658" s="613"/>
      <c r="WHA658" s="613"/>
      <c r="WHB658" s="613"/>
      <c r="WHC658" s="613"/>
      <c r="WHD658" s="613"/>
      <c r="WHE658" s="613"/>
      <c r="WHF658" s="613"/>
      <c r="WHG658" s="613"/>
      <c r="WHH658" s="613"/>
      <c r="WHI658" s="613"/>
      <c r="WHJ658" s="613"/>
      <c r="WHK658" s="613"/>
      <c r="WHL658" s="613"/>
      <c r="WHM658" s="613"/>
      <c r="WHN658" s="613"/>
      <c r="WHO658" s="613"/>
      <c r="WHP658" s="613"/>
      <c r="WHQ658" s="613"/>
      <c r="WHR658" s="613"/>
      <c r="WHS658" s="613"/>
      <c r="WHT658" s="613"/>
      <c r="WHU658" s="613"/>
      <c r="WHV658" s="613"/>
      <c r="WHW658" s="613"/>
      <c r="WHX658" s="613"/>
      <c r="WHY658" s="613"/>
      <c r="WHZ658" s="613"/>
      <c r="WIA658" s="613"/>
      <c r="WIB658" s="613"/>
      <c r="WIC658" s="613"/>
      <c r="WID658" s="613"/>
      <c r="WIE658" s="613"/>
      <c r="WIF658" s="613"/>
      <c r="WIG658" s="613"/>
      <c r="WIH658" s="613"/>
      <c r="WII658" s="613"/>
      <c r="WIJ658" s="613"/>
      <c r="WIK658" s="613"/>
      <c r="WIL658" s="613"/>
      <c r="WIM658" s="613"/>
      <c r="WIN658" s="613"/>
      <c r="WIO658" s="613"/>
      <c r="WIP658" s="613"/>
      <c r="WIQ658" s="613"/>
      <c r="WIR658" s="613"/>
      <c r="WIS658" s="613"/>
      <c r="WIT658" s="613"/>
      <c r="WIU658" s="613"/>
      <c r="WIV658" s="613"/>
      <c r="WIW658" s="613"/>
      <c r="WIX658" s="613"/>
      <c r="WIY658" s="613"/>
      <c r="WIZ658" s="613"/>
      <c r="WJA658" s="613"/>
      <c r="WJB658" s="613"/>
      <c r="WJC658" s="613"/>
      <c r="WJD658" s="613"/>
      <c r="WJE658" s="613"/>
      <c r="WJF658" s="613"/>
      <c r="WJG658" s="613"/>
      <c r="WJH658" s="613"/>
      <c r="WJI658" s="613"/>
      <c r="WJJ658" s="613"/>
      <c r="WJK658" s="613"/>
      <c r="WJL658" s="613"/>
      <c r="WJM658" s="613"/>
      <c r="WJN658" s="613"/>
      <c r="WJO658" s="613"/>
      <c r="WJP658" s="613"/>
      <c r="WJQ658" s="613"/>
      <c r="WJR658" s="613"/>
      <c r="WJS658" s="613"/>
      <c r="WJT658" s="613"/>
      <c r="WJU658" s="613"/>
      <c r="WJV658" s="613"/>
      <c r="WJW658" s="613"/>
      <c r="WJX658" s="613"/>
      <c r="WJY658" s="613"/>
      <c r="WJZ658" s="613"/>
      <c r="WKA658" s="613"/>
      <c r="WKB658" s="613"/>
      <c r="WKC658" s="613"/>
      <c r="WKD658" s="613"/>
      <c r="WKE658" s="613"/>
      <c r="WKF658" s="613"/>
      <c r="WKG658" s="613"/>
      <c r="WKH658" s="613"/>
      <c r="WKI658" s="613"/>
      <c r="WKJ658" s="613"/>
      <c r="WKK658" s="613"/>
      <c r="WKL658" s="613"/>
      <c r="WKM658" s="613"/>
      <c r="WKN658" s="613"/>
      <c r="WKO658" s="613"/>
      <c r="WKP658" s="613"/>
      <c r="WKQ658" s="613"/>
      <c r="WKR658" s="613"/>
      <c r="WKS658" s="613"/>
      <c r="WKT658" s="613"/>
      <c r="WKU658" s="613"/>
      <c r="WKV658" s="613"/>
      <c r="WKW658" s="613"/>
      <c r="WKX658" s="613"/>
      <c r="WKY658" s="613"/>
      <c r="WKZ658" s="613"/>
      <c r="WLA658" s="613"/>
      <c r="WLB658" s="613"/>
      <c r="WLC658" s="613"/>
      <c r="WLD658" s="613"/>
      <c r="WLE658" s="613"/>
      <c r="WLF658" s="613"/>
      <c r="WLG658" s="613"/>
      <c r="WLH658" s="613"/>
      <c r="WLI658" s="613"/>
      <c r="WLJ658" s="613"/>
      <c r="WLK658" s="613"/>
      <c r="WLL658" s="613"/>
      <c r="WLM658" s="613"/>
      <c r="WLN658" s="613"/>
      <c r="WLO658" s="613"/>
      <c r="WLP658" s="613"/>
      <c r="WLQ658" s="613"/>
      <c r="WLR658" s="613"/>
      <c r="WLS658" s="613"/>
      <c r="WLT658" s="613"/>
      <c r="WLU658" s="613"/>
      <c r="WLV658" s="613"/>
      <c r="WLW658" s="613"/>
      <c r="WLX658" s="613"/>
      <c r="WLY658" s="613"/>
      <c r="WLZ658" s="613"/>
      <c r="WMA658" s="613"/>
      <c r="WMB658" s="613"/>
      <c r="WMC658" s="613"/>
      <c r="WMD658" s="613"/>
      <c r="WME658" s="613"/>
      <c r="WMF658" s="613"/>
      <c r="WMG658" s="613"/>
      <c r="WMH658" s="613"/>
      <c r="WMI658" s="613"/>
      <c r="WMJ658" s="613"/>
      <c r="WMK658" s="613"/>
      <c r="WML658" s="613"/>
      <c r="WMM658" s="613"/>
      <c r="WMN658" s="613"/>
      <c r="WMO658" s="613"/>
      <c r="WMP658" s="613"/>
      <c r="WMQ658" s="613"/>
      <c r="WMR658" s="613"/>
      <c r="WMS658" s="613"/>
      <c r="WMT658" s="613"/>
      <c r="WMU658" s="613"/>
      <c r="WMV658" s="613"/>
      <c r="WMW658" s="613"/>
      <c r="WMX658" s="613"/>
      <c r="WMY658" s="613"/>
      <c r="WMZ658" s="613"/>
      <c r="WNA658" s="613"/>
      <c r="WNB658" s="613"/>
      <c r="WNC658" s="613"/>
      <c r="WND658" s="613"/>
      <c r="WNE658" s="613"/>
      <c r="WNF658" s="613"/>
      <c r="WNG658" s="613"/>
      <c r="WNH658" s="613"/>
      <c r="WNI658" s="613"/>
      <c r="WNJ658" s="613"/>
      <c r="WNK658" s="613"/>
      <c r="WNL658" s="613"/>
      <c r="WNM658" s="613"/>
      <c r="WNN658" s="613"/>
      <c r="WNO658" s="613"/>
      <c r="WNP658" s="613"/>
      <c r="WNQ658" s="613"/>
      <c r="WNR658" s="613"/>
      <c r="WNS658" s="613"/>
      <c r="WNT658" s="613"/>
      <c r="WNU658" s="613"/>
      <c r="WNV658" s="613"/>
      <c r="WNW658" s="613"/>
      <c r="WNX658" s="613"/>
      <c r="WNY658" s="613"/>
      <c r="WNZ658" s="613"/>
      <c r="WOA658" s="613"/>
      <c r="WOB658" s="613"/>
      <c r="WOC658" s="613"/>
      <c r="WOD658" s="613"/>
      <c r="WOE658" s="613"/>
      <c r="WOF658" s="613"/>
      <c r="WOG658" s="613"/>
      <c r="WOH658" s="613"/>
      <c r="WOI658" s="613"/>
      <c r="WOJ658" s="613"/>
      <c r="WOK658" s="613"/>
      <c r="WOL658" s="613"/>
      <c r="WOM658" s="613"/>
      <c r="WON658" s="613"/>
      <c r="WOO658" s="613"/>
      <c r="WOP658" s="613"/>
      <c r="WOQ658" s="613"/>
      <c r="WOR658" s="613"/>
      <c r="WOS658" s="613"/>
      <c r="WOT658" s="613"/>
      <c r="WOU658" s="613"/>
      <c r="WOV658" s="613"/>
      <c r="WOW658" s="613"/>
      <c r="WOX658" s="613"/>
      <c r="WOY658" s="613"/>
      <c r="WOZ658" s="613"/>
      <c r="WPA658" s="613"/>
      <c r="WPB658" s="613"/>
      <c r="WPC658" s="613"/>
      <c r="WPD658" s="613"/>
      <c r="WPE658" s="613"/>
      <c r="WPF658" s="613"/>
      <c r="WPG658" s="613"/>
      <c r="WPH658" s="613"/>
      <c r="WPI658" s="613"/>
      <c r="WPJ658" s="613"/>
      <c r="WPK658" s="613"/>
      <c r="WPL658" s="613"/>
      <c r="WPM658" s="613"/>
      <c r="WPN658" s="613"/>
      <c r="WPO658" s="613"/>
      <c r="WPP658" s="613"/>
      <c r="WPQ658" s="613"/>
      <c r="WPR658" s="613"/>
      <c r="WPS658" s="613"/>
      <c r="WPT658" s="613"/>
      <c r="WPU658" s="613"/>
      <c r="WPV658" s="613"/>
      <c r="WPW658" s="613"/>
      <c r="WPX658" s="613"/>
      <c r="WPY658" s="613"/>
      <c r="WPZ658" s="613"/>
      <c r="WQA658" s="613"/>
      <c r="WQB658" s="613"/>
      <c r="WQC658" s="613"/>
      <c r="WQD658" s="613"/>
      <c r="WQE658" s="613"/>
      <c r="WQF658" s="613"/>
      <c r="WQG658" s="613"/>
      <c r="WQH658" s="613"/>
      <c r="WQI658" s="613"/>
      <c r="WQJ658" s="613"/>
      <c r="WQK658" s="613"/>
      <c r="WQL658" s="613"/>
      <c r="WQM658" s="613"/>
      <c r="WQN658" s="613"/>
      <c r="WQO658" s="613"/>
      <c r="WQP658" s="613"/>
      <c r="WQQ658" s="613"/>
      <c r="WQR658" s="613"/>
      <c r="WQS658" s="613"/>
      <c r="WQT658" s="613"/>
      <c r="WQU658" s="613"/>
      <c r="WQV658" s="613"/>
      <c r="WQW658" s="613"/>
      <c r="WQX658" s="613"/>
      <c r="WQY658" s="613"/>
      <c r="WQZ658" s="613"/>
      <c r="WRA658" s="613"/>
      <c r="WRB658" s="613"/>
      <c r="WRC658" s="613"/>
      <c r="WRD658" s="613"/>
      <c r="WRE658" s="613"/>
      <c r="WRF658" s="613"/>
      <c r="WRG658" s="613"/>
      <c r="WRH658" s="613"/>
      <c r="WRI658" s="613"/>
      <c r="WRJ658" s="613"/>
      <c r="WRK658" s="613"/>
      <c r="WRL658" s="613"/>
      <c r="WRM658" s="613"/>
      <c r="WRN658" s="613"/>
      <c r="WRO658" s="613"/>
      <c r="WRP658" s="613"/>
      <c r="WRQ658" s="613"/>
      <c r="WRR658" s="613"/>
      <c r="WRS658" s="613"/>
      <c r="WRT658" s="613"/>
      <c r="WRU658" s="613"/>
      <c r="WRV658" s="613"/>
      <c r="WRW658" s="613"/>
      <c r="WRX658" s="613"/>
      <c r="WRY658" s="613"/>
      <c r="WRZ658" s="613"/>
      <c r="WSA658" s="613"/>
      <c r="WSB658" s="613"/>
      <c r="WSC658" s="613"/>
      <c r="WSD658" s="613"/>
      <c r="WSE658" s="613"/>
      <c r="WSF658" s="613"/>
      <c r="WSG658" s="613"/>
      <c r="WSH658" s="613"/>
      <c r="WSI658" s="613"/>
      <c r="WSJ658" s="613"/>
      <c r="WSK658" s="613"/>
      <c r="WSL658" s="613"/>
      <c r="WSM658" s="613"/>
      <c r="WSN658" s="613"/>
      <c r="WSO658" s="613"/>
      <c r="WSP658" s="613"/>
      <c r="WSQ658" s="613"/>
      <c r="WSR658" s="613"/>
      <c r="WSS658" s="613"/>
      <c r="WST658" s="613"/>
      <c r="WSU658" s="613"/>
      <c r="WSV658" s="613"/>
      <c r="WSW658" s="613"/>
      <c r="WSX658" s="613"/>
      <c r="WSY658" s="613"/>
      <c r="WSZ658" s="613"/>
      <c r="WTA658" s="613"/>
      <c r="WTB658" s="613"/>
      <c r="WTC658" s="613"/>
      <c r="WTD658" s="613"/>
      <c r="WTE658" s="613"/>
      <c r="WTF658" s="613"/>
      <c r="WTG658" s="613"/>
      <c r="WTH658" s="613"/>
      <c r="WTI658" s="613"/>
      <c r="WTJ658" s="613"/>
      <c r="WTK658" s="613"/>
      <c r="WTL658" s="613"/>
      <c r="WTM658" s="613"/>
      <c r="WTN658" s="613"/>
      <c r="WTO658" s="613"/>
      <c r="WTP658" s="613"/>
      <c r="WTQ658" s="613"/>
      <c r="WTR658" s="613"/>
      <c r="WTS658" s="613"/>
      <c r="WTT658" s="613"/>
      <c r="WTU658" s="613"/>
      <c r="WTV658" s="613"/>
      <c r="WTW658" s="613"/>
      <c r="WTX658" s="613"/>
      <c r="WTY658" s="613"/>
      <c r="WTZ658" s="613"/>
      <c r="WUA658" s="613"/>
      <c r="WUB658" s="613"/>
      <c r="WUC658" s="613"/>
      <c r="WUD658" s="613"/>
      <c r="WUE658" s="613"/>
      <c r="WUF658" s="613"/>
      <c r="WUG658" s="613"/>
      <c r="WUH658" s="613"/>
      <c r="WUI658" s="613"/>
      <c r="WUJ658" s="613"/>
      <c r="WUK658" s="613"/>
      <c r="WUL658" s="613"/>
      <c r="WUM658" s="613"/>
      <c r="WUN658" s="613"/>
      <c r="WUO658" s="613"/>
      <c r="WUP658" s="613"/>
      <c r="WUQ658" s="613"/>
      <c r="WUR658" s="613"/>
      <c r="WUS658" s="613"/>
      <c r="WUT658" s="613"/>
      <c r="WUU658" s="613"/>
      <c r="WUV658" s="613"/>
      <c r="WUW658" s="613"/>
      <c r="WUX658" s="613"/>
      <c r="WUY658" s="613"/>
      <c r="WUZ658" s="613"/>
      <c r="WVA658" s="613"/>
      <c r="WVB658" s="613"/>
      <c r="WVC658" s="613"/>
      <c r="WVD658" s="613"/>
      <c r="WVE658" s="613"/>
      <c r="WVF658" s="613"/>
      <c r="WVG658" s="613"/>
      <c r="WVH658" s="613"/>
      <c r="WVI658" s="613"/>
      <c r="WVJ658" s="613"/>
      <c r="WVK658" s="613"/>
      <c r="WVL658" s="613"/>
      <c r="WVM658" s="613"/>
      <c r="WVN658" s="613"/>
      <c r="WVO658" s="613"/>
      <c r="WVP658" s="613"/>
      <c r="WVQ658" s="613"/>
      <c r="WVR658" s="613"/>
      <c r="WVS658" s="613"/>
      <c r="WVT658" s="613"/>
      <c r="WVU658" s="613"/>
      <c r="WVV658" s="613"/>
      <c r="WVW658" s="613"/>
      <c r="WVX658" s="613"/>
      <c r="WVY658" s="613"/>
      <c r="WVZ658" s="613"/>
      <c r="WWA658" s="613"/>
      <c r="WWB658" s="613"/>
      <c r="WWC658" s="613"/>
      <c r="WWD658" s="613"/>
      <c r="WWE658" s="613"/>
      <c r="WWF658" s="613"/>
      <c r="WWG658" s="613"/>
      <c r="WWH658" s="613"/>
      <c r="WWI658" s="613"/>
      <c r="WWJ658" s="613"/>
      <c r="WWK658" s="613"/>
      <c r="WWL658" s="613"/>
      <c r="WWM658" s="613"/>
      <c r="WWN658" s="613"/>
      <c r="WWO658" s="613"/>
      <c r="WWP658" s="613"/>
      <c r="WWQ658" s="613"/>
      <c r="WWR658" s="613"/>
      <c r="WWS658" s="613"/>
      <c r="WWT658" s="613"/>
      <c r="WWU658" s="613"/>
      <c r="WWV658" s="613"/>
      <c r="WWW658" s="613"/>
      <c r="WWX658" s="613"/>
      <c r="WWY658" s="613"/>
      <c r="WWZ658" s="613"/>
      <c r="WXA658" s="613"/>
      <c r="WXB658" s="613"/>
      <c r="WXC658" s="613"/>
      <c r="WXD658" s="613"/>
      <c r="WXE658" s="613"/>
      <c r="WXF658" s="613"/>
      <c r="WXG658" s="613"/>
      <c r="WXH658" s="613"/>
      <c r="WXI658" s="613"/>
      <c r="WXJ658" s="613"/>
      <c r="WXK658" s="613"/>
      <c r="WXL658" s="613"/>
      <c r="WXM658" s="613"/>
      <c r="WXN658" s="613"/>
      <c r="WXO658" s="613"/>
      <c r="WXP658" s="613"/>
      <c r="WXQ658" s="613"/>
      <c r="WXR658" s="613"/>
      <c r="WXS658" s="613"/>
      <c r="WXT658" s="613"/>
      <c r="WXU658" s="613"/>
      <c r="WXV658" s="613"/>
      <c r="WXW658" s="613"/>
      <c r="WXX658" s="613"/>
      <c r="WXY658" s="613"/>
      <c r="WXZ658" s="613"/>
      <c r="WYA658" s="613"/>
      <c r="WYB658" s="613"/>
      <c r="WYC658" s="613"/>
      <c r="WYD658" s="613"/>
      <c r="WYE658" s="613"/>
      <c r="WYF658" s="613"/>
      <c r="WYG658" s="613"/>
      <c r="WYH658" s="613"/>
      <c r="WYI658" s="613"/>
      <c r="WYJ658" s="613"/>
      <c r="WYK658" s="613"/>
      <c r="WYL658" s="613"/>
      <c r="WYM658" s="613"/>
      <c r="WYN658" s="613"/>
      <c r="WYO658" s="613"/>
      <c r="WYP658" s="613"/>
      <c r="WYQ658" s="613"/>
      <c r="WYR658" s="613"/>
      <c r="WYS658" s="613"/>
      <c r="WYT658" s="613"/>
      <c r="WYU658" s="613"/>
      <c r="WYV658" s="613"/>
      <c r="WYW658" s="613"/>
      <c r="WYX658" s="613"/>
      <c r="WYY658" s="613"/>
      <c r="WYZ658" s="613"/>
      <c r="WZA658" s="613"/>
      <c r="WZB658" s="613"/>
      <c r="WZC658" s="613"/>
      <c r="WZD658" s="613"/>
      <c r="WZE658" s="613"/>
      <c r="WZF658" s="613"/>
      <c r="WZG658" s="613"/>
      <c r="WZH658" s="613"/>
      <c r="WZI658" s="613"/>
      <c r="WZJ658" s="613"/>
      <c r="WZK658" s="613"/>
      <c r="WZL658" s="613"/>
      <c r="WZM658" s="613"/>
      <c r="WZN658" s="613"/>
      <c r="WZO658" s="613"/>
      <c r="WZP658" s="613"/>
      <c r="WZQ658" s="613"/>
      <c r="WZR658" s="613"/>
      <c r="WZS658" s="613"/>
      <c r="WZT658" s="613"/>
      <c r="WZU658" s="613"/>
      <c r="WZV658" s="613"/>
      <c r="WZW658" s="613"/>
      <c r="WZX658" s="613"/>
      <c r="WZY658" s="613"/>
      <c r="WZZ658" s="613"/>
      <c r="XAA658" s="613"/>
      <c r="XAB658" s="613"/>
      <c r="XAC658" s="613"/>
      <c r="XAD658" s="613"/>
      <c r="XAE658" s="613"/>
      <c r="XAF658" s="613"/>
      <c r="XAG658" s="613"/>
      <c r="XAH658" s="613"/>
      <c r="XAI658" s="613"/>
      <c r="XAJ658" s="613"/>
      <c r="XAK658" s="613"/>
      <c r="XAL658" s="613"/>
      <c r="XAM658" s="613"/>
      <c r="XAN658" s="613"/>
      <c r="XAO658" s="613"/>
      <c r="XAP658" s="613"/>
      <c r="XAQ658" s="613"/>
      <c r="XAR658" s="613"/>
      <c r="XAS658" s="613"/>
      <c r="XAT658" s="613"/>
      <c r="XAU658" s="613"/>
      <c r="XAV658" s="613"/>
      <c r="XAW658" s="613"/>
      <c r="XAX658" s="613"/>
      <c r="XAY658" s="613"/>
      <c r="XAZ658" s="613"/>
      <c r="XBA658" s="613"/>
      <c r="XBB658" s="613"/>
      <c r="XBC658" s="613"/>
      <c r="XBD658" s="613"/>
      <c r="XBE658" s="613"/>
      <c r="XBF658" s="613"/>
      <c r="XBG658" s="613"/>
      <c r="XBH658" s="613"/>
      <c r="XBI658" s="613"/>
      <c r="XBJ658" s="613"/>
      <c r="XBK658" s="613"/>
      <c r="XBL658" s="613"/>
      <c r="XBM658" s="613"/>
      <c r="XBN658" s="613"/>
      <c r="XBO658" s="613"/>
      <c r="XBP658" s="613"/>
      <c r="XBQ658" s="613"/>
      <c r="XBR658" s="613"/>
      <c r="XBS658" s="613"/>
      <c r="XBT658" s="613"/>
      <c r="XBU658" s="613"/>
      <c r="XBV658" s="613"/>
      <c r="XBW658" s="613"/>
      <c r="XBX658" s="613"/>
      <c r="XBY658" s="613"/>
      <c r="XBZ658" s="613"/>
      <c r="XCA658" s="613"/>
      <c r="XCB658" s="613"/>
      <c r="XCC658" s="613"/>
      <c r="XCD658" s="613"/>
      <c r="XCE658" s="613"/>
      <c r="XCF658" s="613"/>
      <c r="XCG658" s="613"/>
      <c r="XCH658" s="613"/>
      <c r="XCI658" s="613"/>
      <c r="XCJ658" s="613"/>
      <c r="XCK658" s="613"/>
      <c r="XCL658" s="613"/>
      <c r="XCM658" s="613"/>
      <c r="XCN658" s="613"/>
      <c r="XCO658" s="613"/>
      <c r="XCP658" s="613"/>
      <c r="XCQ658" s="613"/>
    </row>
    <row r="659" spans="1:16319" ht="56.1" customHeight="1" x14ac:dyDescent="0.2">
      <c r="A659" s="494"/>
      <c r="B659" s="494"/>
      <c r="C659" s="494"/>
      <c r="D659" s="481">
        <v>218</v>
      </c>
      <c r="E659" s="481"/>
      <c r="F659" s="481" t="s">
        <v>2481</v>
      </c>
      <c r="G659" s="482" t="s">
        <v>53</v>
      </c>
      <c r="H659" s="481" t="s">
        <v>329</v>
      </c>
      <c r="I659" s="654" t="s">
        <v>456</v>
      </c>
      <c r="J659" s="654" t="s">
        <v>369</v>
      </c>
      <c r="K659" s="495" t="s">
        <v>477</v>
      </c>
      <c r="L659" s="621"/>
      <c r="M659" s="484" t="s">
        <v>58</v>
      </c>
      <c r="N659" s="327" t="s">
        <v>1367</v>
      </c>
      <c r="O659" s="484" t="s">
        <v>2996</v>
      </c>
      <c r="P659" s="484" t="s">
        <v>81</v>
      </c>
      <c r="Q659" s="667" t="s">
        <v>334</v>
      </c>
      <c r="R659" s="484" t="s">
        <v>334</v>
      </c>
      <c r="S659" s="484" t="s">
        <v>382</v>
      </c>
      <c r="T659" s="484"/>
      <c r="U659" s="620" t="s">
        <v>63</v>
      </c>
      <c r="V659" s="620" t="s">
        <v>63</v>
      </c>
      <c r="W659" s="723">
        <v>31881</v>
      </c>
      <c r="X659" s="723"/>
      <c r="Y659" s="654" t="s">
        <v>226</v>
      </c>
      <c r="Z659" s="654"/>
      <c r="AA659" s="723">
        <v>31881</v>
      </c>
      <c r="AB659" s="652" t="s">
        <v>82</v>
      </c>
      <c r="AC659" s="652"/>
      <c r="AD659" s="496"/>
      <c r="AE659" s="496"/>
      <c r="AF659" s="496"/>
      <c r="AG659" s="496"/>
      <c r="AH659" s="496"/>
      <c r="AI659" s="496"/>
      <c r="AJ659" s="496"/>
      <c r="AK659" s="487" t="s">
        <v>66</v>
      </c>
      <c r="AL659" s="496"/>
      <c r="AM659" s="496"/>
      <c r="AN659" s="496"/>
      <c r="AO659" s="496"/>
      <c r="AP659" s="496"/>
      <c r="AQ659" s="496"/>
      <c r="AR659" s="496"/>
      <c r="AS659" s="496"/>
      <c r="AT659" s="496"/>
      <c r="AU659" s="487"/>
      <c r="AV659" s="487"/>
      <c r="AW659" s="487"/>
      <c r="AX659" s="487"/>
      <c r="AY659" s="487"/>
      <c r="AZ659" s="487"/>
      <c r="BA659" s="484"/>
      <c r="BB659" s="484" t="s">
        <v>462</v>
      </c>
      <c r="BC659" s="484" t="s">
        <v>3041</v>
      </c>
      <c r="BD659" s="494"/>
      <c r="BE659" s="494"/>
      <c r="BF659" s="613"/>
      <c r="BG659" s="613"/>
      <c r="BH659" s="613"/>
      <c r="BI659" s="613"/>
      <c r="BJ659" s="613"/>
      <c r="BK659" s="613"/>
      <c r="BL659" s="613"/>
      <c r="BM659" s="613"/>
      <c r="BN659" s="613"/>
      <c r="BO659" s="613"/>
      <c r="BP659" s="613"/>
      <c r="BQ659" s="613"/>
      <c r="BR659" s="613"/>
      <c r="BS659" s="613"/>
      <c r="BT659" s="613"/>
      <c r="BU659" s="613"/>
      <c r="BV659" s="613"/>
      <c r="BW659" s="613"/>
      <c r="BX659" s="613"/>
      <c r="BY659" s="613"/>
      <c r="BZ659" s="613"/>
      <c r="CA659" s="613"/>
      <c r="CB659" s="613"/>
      <c r="CC659" s="613"/>
      <c r="CD659" s="613"/>
      <c r="CE659" s="613"/>
      <c r="CF659" s="613"/>
      <c r="CG659" s="613"/>
      <c r="CH659" s="613"/>
      <c r="CI659" s="613"/>
      <c r="CJ659" s="613"/>
      <c r="CK659" s="613"/>
      <c r="CL659" s="613"/>
      <c r="CM659" s="613"/>
      <c r="CN659" s="613"/>
      <c r="CO659" s="613"/>
      <c r="CP659" s="613"/>
      <c r="CQ659" s="613"/>
      <c r="CR659" s="613"/>
      <c r="CS659" s="613"/>
      <c r="CT659" s="613"/>
      <c r="CU659" s="613"/>
      <c r="CV659" s="613"/>
      <c r="CW659" s="613"/>
      <c r="CX659" s="613"/>
      <c r="CY659" s="613"/>
      <c r="CZ659" s="613"/>
      <c r="DA659" s="613"/>
      <c r="DB659" s="613"/>
      <c r="DC659" s="613"/>
      <c r="DD659" s="613"/>
      <c r="DE659" s="613"/>
      <c r="DF659" s="613"/>
      <c r="DG659" s="613"/>
      <c r="DH659" s="613"/>
      <c r="DI659" s="613"/>
      <c r="DJ659" s="613"/>
      <c r="DK659" s="613"/>
      <c r="DL659" s="613"/>
      <c r="DM659" s="613"/>
      <c r="DN659" s="613"/>
      <c r="DO659" s="613"/>
      <c r="DP659" s="613"/>
      <c r="DQ659" s="613"/>
      <c r="DR659" s="613"/>
      <c r="DS659" s="613"/>
      <c r="DT659" s="613"/>
      <c r="DU659" s="613"/>
      <c r="DV659" s="613"/>
      <c r="DW659" s="613"/>
      <c r="DX659" s="613"/>
      <c r="DY659" s="613"/>
      <c r="DZ659" s="613"/>
      <c r="EA659" s="613"/>
      <c r="EB659" s="613"/>
      <c r="EC659" s="613"/>
      <c r="ED659" s="613"/>
      <c r="EE659" s="613"/>
      <c r="EF659" s="613"/>
      <c r="EG659" s="613"/>
      <c r="EH659" s="613"/>
      <c r="EI659" s="613"/>
      <c r="EJ659" s="613"/>
      <c r="EK659" s="613"/>
      <c r="EL659" s="613"/>
      <c r="EM659" s="613"/>
      <c r="EN659" s="613"/>
      <c r="EO659" s="613"/>
      <c r="EP659" s="613"/>
      <c r="EQ659" s="613"/>
      <c r="ER659" s="613"/>
      <c r="ES659" s="613"/>
      <c r="ET659" s="613"/>
      <c r="EU659" s="613"/>
      <c r="EV659" s="613"/>
      <c r="EW659" s="613"/>
      <c r="EX659" s="613"/>
      <c r="EY659" s="613"/>
      <c r="EZ659" s="613"/>
      <c r="FA659" s="613"/>
      <c r="FB659" s="613"/>
      <c r="FC659" s="613"/>
      <c r="FD659" s="613"/>
      <c r="FE659" s="613"/>
      <c r="FF659" s="613"/>
      <c r="FG659" s="613"/>
      <c r="FH659" s="613"/>
      <c r="FI659" s="613"/>
      <c r="FJ659" s="613"/>
      <c r="FK659" s="613"/>
      <c r="FL659" s="613"/>
      <c r="FM659" s="613"/>
      <c r="FN659" s="613"/>
      <c r="FO659" s="613"/>
      <c r="FP659" s="613"/>
      <c r="FQ659" s="613"/>
      <c r="FR659" s="613"/>
      <c r="FS659" s="613"/>
      <c r="FT659" s="613"/>
      <c r="FU659" s="613"/>
      <c r="FV659" s="613"/>
      <c r="FW659" s="613"/>
      <c r="FX659" s="613"/>
      <c r="FY659" s="613"/>
      <c r="FZ659" s="613"/>
      <c r="GA659" s="613"/>
      <c r="GB659" s="613"/>
      <c r="GC659" s="613"/>
      <c r="GD659" s="613"/>
      <c r="GE659" s="613"/>
      <c r="GF659" s="613"/>
      <c r="GG659" s="613"/>
      <c r="GH659" s="613"/>
      <c r="GI659" s="613"/>
      <c r="GJ659" s="613"/>
      <c r="GK659" s="613"/>
      <c r="GL659" s="613"/>
      <c r="GM659" s="613"/>
      <c r="GN659" s="613"/>
      <c r="GO659" s="613"/>
      <c r="GP659" s="613"/>
      <c r="GQ659" s="613"/>
      <c r="GR659" s="613"/>
      <c r="GS659" s="613"/>
      <c r="GT659" s="613"/>
      <c r="GU659" s="613"/>
      <c r="GV659" s="613"/>
      <c r="GW659" s="613"/>
      <c r="GX659" s="613"/>
      <c r="GY659" s="613"/>
      <c r="GZ659" s="613"/>
      <c r="HA659" s="613"/>
      <c r="HB659" s="613"/>
      <c r="HC659" s="613"/>
      <c r="HD659" s="613"/>
      <c r="HE659" s="613"/>
      <c r="HF659" s="613"/>
      <c r="HG659" s="613"/>
      <c r="HH659" s="613"/>
      <c r="HI659" s="613"/>
      <c r="HJ659" s="613"/>
      <c r="HK659" s="613"/>
      <c r="HL659" s="613"/>
      <c r="HM659" s="613"/>
      <c r="HN659" s="613"/>
      <c r="HO659" s="613"/>
      <c r="HP659" s="613"/>
      <c r="HQ659" s="613"/>
      <c r="HR659" s="613"/>
      <c r="HS659" s="613"/>
      <c r="HT659" s="613"/>
      <c r="HU659" s="613"/>
      <c r="HV659" s="613"/>
      <c r="HW659" s="613"/>
      <c r="HX659" s="613"/>
      <c r="HY659" s="613"/>
      <c r="HZ659" s="613"/>
      <c r="IA659" s="613"/>
      <c r="IB659" s="613"/>
      <c r="IC659" s="613"/>
      <c r="ID659" s="613"/>
      <c r="IE659" s="613"/>
      <c r="IF659" s="613"/>
      <c r="IG659" s="613"/>
      <c r="IH659" s="613"/>
      <c r="II659" s="613"/>
      <c r="IJ659" s="613"/>
      <c r="IK659" s="613"/>
      <c r="IL659" s="613"/>
      <c r="IM659" s="613"/>
      <c r="IN659" s="613"/>
      <c r="IO659" s="613"/>
      <c r="IP659" s="613"/>
      <c r="IQ659" s="613"/>
      <c r="IR659" s="613"/>
      <c r="IS659" s="613"/>
      <c r="IT659" s="613"/>
      <c r="IU659" s="613"/>
      <c r="IV659" s="613"/>
      <c r="IW659" s="613"/>
      <c r="IX659" s="613"/>
      <c r="IY659" s="613"/>
      <c r="IZ659" s="613"/>
      <c r="JA659" s="613"/>
      <c r="JB659" s="613"/>
      <c r="JC659" s="613"/>
      <c r="JD659" s="613"/>
      <c r="JE659" s="613"/>
      <c r="JF659" s="613"/>
      <c r="JG659" s="613"/>
      <c r="JH659" s="613"/>
      <c r="JI659" s="613"/>
      <c r="JJ659" s="613"/>
      <c r="JK659" s="613"/>
      <c r="JL659" s="613"/>
      <c r="JM659" s="613"/>
      <c r="JN659" s="613"/>
      <c r="JO659" s="613"/>
      <c r="JP659" s="613"/>
      <c r="JQ659" s="613"/>
      <c r="JR659" s="613"/>
      <c r="JS659" s="613"/>
      <c r="JT659" s="613"/>
      <c r="JU659" s="613"/>
      <c r="JV659" s="613"/>
      <c r="JW659" s="613"/>
      <c r="JX659" s="613"/>
      <c r="JY659" s="613"/>
      <c r="JZ659" s="613"/>
      <c r="KA659" s="613"/>
      <c r="KB659" s="613"/>
      <c r="KC659" s="613"/>
      <c r="KD659" s="613"/>
      <c r="KE659" s="613"/>
      <c r="KF659" s="613"/>
      <c r="KG659" s="613"/>
      <c r="KH659" s="613"/>
      <c r="KI659" s="613"/>
      <c r="KJ659" s="613"/>
      <c r="KK659" s="613"/>
      <c r="KL659" s="613"/>
      <c r="KM659" s="613"/>
      <c r="KN659" s="613"/>
      <c r="KO659" s="613"/>
      <c r="KP659" s="613"/>
      <c r="KQ659" s="613"/>
      <c r="KR659" s="613"/>
      <c r="KS659" s="613"/>
      <c r="KT659" s="613"/>
      <c r="KU659" s="613"/>
      <c r="KV659" s="613"/>
      <c r="KW659" s="613"/>
      <c r="KX659" s="613"/>
      <c r="KY659" s="613"/>
      <c r="KZ659" s="613"/>
      <c r="LA659" s="613"/>
      <c r="LB659" s="613"/>
      <c r="LC659" s="613"/>
      <c r="LD659" s="613"/>
      <c r="LE659" s="613"/>
      <c r="LF659" s="613"/>
      <c r="LG659" s="613"/>
      <c r="LH659" s="613"/>
      <c r="LI659" s="613"/>
      <c r="LJ659" s="613"/>
      <c r="LK659" s="613"/>
      <c r="LL659" s="613"/>
      <c r="LM659" s="613"/>
      <c r="LN659" s="613"/>
      <c r="LO659" s="613"/>
      <c r="LP659" s="613"/>
      <c r="LQ659" s="613"/>
      <c r="LR659" s="613"/>
      <c r="LS659" s="613"/>
      <c r="LT659" s="613"/>
      <c r="LU659" s="613"/>
      <c r="LV659" s="613"/>
      <c r="LW659" s="613"/>
      <c r="LX659" s="613"/>
      <c r="LY659" s="613"/>
      <c r="LZ659" s="613"/>
      <c r="MA659" s="613"/>
      <c r="MB659" s="613"/>
      <c r="MC659" s="613"/>
      <c r="MD659" s="613"/>
      <c r="ME659" s="613"/>
      <c r="MF659" s="613"/>
      <c r="MG659" s="613"/>
      <c r="MH659" s="613"/>
      <c r="MI659" s="613"/>
      <c r="MJ659" s="613"/>
      <c r="MK659" s="613"/>
      <c r="ML659" s="613"/>
      <c r="MM659" s="613"/>
      <c r="MN659" s="613"/>
      <c r="MO659" s="613"/>
      <c r="MP659" s="613"/>
      <c r="MQ659" s="613"/>
      <c r="MR659" s="613"/>
      <c r="MS659" s="613"/>
      <c r="MT659" s="613"/>
      <c r="MU659" s="613"/>
      <c r="MV659" s="613"/>
      <c r="MW659" s="613"/>
      <c r="MX659" s="613"/>
      <c r="MY659" s="613"/>
      <c r="MZ659" s="613"/>
      <c r="NA659" s="613"/>
      <c r="NB659" s="613"/>
      <c r="NC659" s="613"/>
      <c r="ND659" s="613"/>
      <c r="NE659" s="613"/>
      <c r="NF659" s="613"/>
      <c r="NG659" s="613"/>
      <c r="NH659" s="613"/>
      <c r="NI659" s="613"/>
      <c r="NJ659" s="613"/>
      <c r="NK659" s="613"/>
      <c r="NL659" s="613"/>
      <c r="NM659" s="613"/>
      <c r="NN659" s="613"/>
      <c r="NO659" s="613"/>
      <c r="NP659" s="613"/>
      <c r="NQ659" s="613"/>
      <c r="NR659" s="613"/>
      <c r="NS659" s="613"/>
      <c r="NT659" s="613"/>
      <c r="NU659" s="613"/>
      <c r="NV659" s="613"/>
      <c r="NW659" s="613"/>
      <c r="NX659" s="613"/>
      <c r="NY659" s="613"/>
      <c r="NZ659" s="613"/>
      <c r="OA659" s="613"/>
      <c r="OB659" s="613"/>
      <c r="OC659" s="613"/>
      <c r="OD659" s="613"/>
      <c r="OE659" s="613"/>
      <c r="OF659" s="613"/>
      <c r="OG659" s="613"/>
      <c r="OH659" s="613"/>
      <c r="OI659" s="613"/>
      <c r="OJ659" s="613"/>
      <c r="OK659" s="613"/>
      <c r="OL659" s="613"/>
      <c r="OM659" s="613"/>
      <c r="ON659" s="613"/>
      <c r="OO659" s="613"/>
      <c r="OP659" s="613"/>
      <c r="OQ659" s="613"/>
      <c r="OR659" s="613"/>
      <c r="OS659" s="613"/>
      <c r="OT659" s="613"/>
      <c r="OU659" s="613"/>
      <c r="OV659" s="613"/>
      <c r="OW659" s="613"/>
      <c r="OX659" s="613"/>
      <c r="OY659" s="613"/>
      <c r="OZ659" s="613"/>
      <c r="PA659" s="613"/>
      <c r="PB659" s="613"/>
      <c r="PC659" s="613"/>
      <c r="PD659" s="613"/>
      <c r="PE659" s="613"/>
      <c r="PF659" s="613"/>
      <c r="PG659" s="613"/>
      <c r="PH659" s="613"/>
      <c r="PI659" s="613"/>
      <c r="PJ659" s="613"/>
      <c r="PK659" s="613"/>
      <c r="PL659" s="613"/>
      <c r="PM659" s="613"/>
      <c r="PN659" s="613"/>
      <c r="PO659" s="613"/>
      <c r="PP659" s="613"/>
      <c r="PQ659" s="613"/>
      <c r="PR659" s="613"/>
      <c r="PS659" s="613"/>
      <c r="PT659" s="613"/>
      <c r="PU659" s="613"/>
      <c r="PV659" s="613"/>
      <c r="PW659" s="613"/>
      <c r="PX659" s="613"/>
      <c r="PY659" s="613"/>
      <c r="PZ659" s="613"/>
      <c r="QA659" s="613"/>
      <c r="QB659" s="613"/>
      <c r="QC659" s="613"/>
      <c r="QD659" s="613"/>
      <c r="QE659" s="613"/>
      <c r="QF659" s="613"/>
      <c r="QG659" s="613"/>
      <c r="QH659" s="613"/>
      <c r="QI659" s="613"/>
      <c r="QJ659" s="613"/>
      <c r="QK659" s="613"/>
      <c r="QL659" s="613"/>
      <c r="QM659" s="613"/>
      <c r="QN659" s="613"/>
      <c r="QO659" s="613"/>
      <c r="QP659" s="613"/>
      <c r="QQ659" s="613"/>
      <c r="QR659" s="613"/>
      <c r="QS659" s="613"/>
      <c r="QT659" s="613"/>
      <c r="QU659" s="613"/>
      <c r="QV659" s="613"/>
      <c r="QW659" s="613"/>
      <c r="QX659" s="613"/>
      <c r="QY659" s="613"/>
      <c r="QZ659" s="613"/>
      <c r="RA659" s="613"/>
      <c r="RB659" s="613"/>
      <c r="RC659" s="613"/>
      <c r="RD659" s="613"/>
      <c r="RE659" s="613"/>
      <c r="RF659" s="613"/>
      <c r="RG659" s="613"/>
      <c r="RH659" s="613"/>
      <c r="RI659" s="613"/>
      <c r="RJ659" s="613"/>
      <c r="RK659" s="613"/>
      <c r="RL659" s="613"/>
      <c r="RM659" s="613"/>
      <c r="RN659" s="613"/>
      <c r="RO659" s="613"/>
      <c r="RP659" s="613"/>
      <c r="RQ659" s="613"/>
      <c r="RR659" s="613"/>
      <c r="RS659" s="613"/>
      <c r="RT659" s="613"/>
      <c r="RU659" s="613"/>
      <c r="RV659" s="613"/>
      <c r="RW659" s="613"/>
      <c r="RX659" s="613"/>
      <c r="RY659" s="613"/>
      <c r="RZ659" s="613"/>
      <c r="SA659" s="613"/>
      <c r="SB659" s="613"/>
      <c r="SC659" s="613"/>
      <c r="SD659" s="613"/>
      <c r="SE659" s="613"/>
      <c r="SF659" s="613"/>
      <c r="SG659" s="613"/>
      <c r="SH659" s="613"/>
      <c r="SI659" s="613"/>
      <c r="SJ659" s="613"/>
      <c r="SK659" s="613"/>
      <c r="SL659" s="613"/>
      <c r="SM659" s="613"/>
      <c r="SN659" s="613"/>
      <c r="SO659" s="613"/>
      <c r="SP659" s="613"/>
      <c r="SQ659" s="613"/>
      <c r="SR659" s="613"/>
      <c r="SS659" s="613"/>
      <c r="ST659" s="613"/>
      <c r="SU659" s="613"/>
      <c r="SV659" s="613"/>
      <c r="SW659" s="613"/>
      <c r="SX659" s="613"/>
      <c r="SY659" s="613"/>
      <c r="SZ659" s="613"/>
      <c r="TA659" s="613"/>
      <c r="TB659" s="613"/>
      <c r="TC659" s="613"/>
      <c r="TD659" s="613"/>
      <c r="TE659" s="613"/>
      <c r="TF659" s="613"/>
      <c r="TG659" s="613"/>
      <c r="TH659" s="613"/>
      <c r="TI659" s="613"/>
      <c r="TJ659" s="613"/>
      <c r="TK659" s="613"/>
      <c r="TL659" s="613"/>
      <c r="TM659" s="613"/>
      <c r="TN659" s="613"/>
      <c r="TO659" s="613"/>
      <c r="TP659" s="613"/>
      <c r="TQ659" s="613"/>
      <c r="TR659" s="613"/>
      <c r="TS659" s="613"/>
      <c r="TT659" s="613"/>
      <c r="TU659" s="613"/>
      <c r="TV659" s="613"/>
      <c r="TW659" s="613"/>
      <c r="TX659" s="613"/>
      <c r="TY659" s="613"/>
      <c r="TZ659" s="613"/>
      <c r="UA659" s="613"/>
      <c r="UB659" s="613"/>
      <c r="UC659" s="613"/>
      <c r="UD659" s="613"/>
      <c r="UE659" s="613"/>
      <c r="UF659" s="613"/>
      <c r="UG659" s="613"/>
      <c r="UH659" s="613"/>
      <c r="UI659" s="613"/>
      <c r="UJ659" s="613"/>
      <c r="UK659" s="613"/>
      <c r="UL659" s="613"/>
      <c r="UM659" s="613"/>
      <c r="UN659" s="613"/>
      <c r="UO659" s="613"/>
      <c r="UP659" s="613"/>
      <c r="UQ659" s="613"/>
      <c r="UR659" s="613"/>
      <c r="US659" s="613"/>
      <c r="UT659" s="613"/>
      <c r="UU659" s="613"/>
      <c r="UV659" s="613"/>
      <c r="UW659" s="613"/>
      <c r="UX659" s="613"/>
      <c r="UY659" s="613"/>
      <c r="UZ659" s="613"/>
      <c r="VA659" s="613"/>
      <c r="VB659" s="613"/>
      <c r="VC659" s="613"/>
      <c r="VD659" s="613"/>
      <c r="VE659" s="613"/>
      <c r="VF659" s="613"/>
      <c r="VG659" s="613"/>
      <c r="VH659" s="613"/>
      <c r="VI659" s="613"/>
      <c r="VJ659" s="613"/>
      <c r="VK659" s="613"/>
      <c r="VL659" s="613"/>
      <c r="VM659" s="613"/>
      <c r="VN659" s="613"/>
      <c r="VO659" s="613"/>
      <c r="VP659" s="613"/>
      <c r="VQ659" s="613"/>
      <c r="VR659" s="613"/>
      <c r="VS659" s="613"/>
      <c r="VT659" s="613"/>
      <c r="VU659" s="613"/>
      <c r="VV659" s="613"/>
      <c r="VW659" s="613"/>
      <c r="VX659" s="613"/>
      <c r="VY659" s="613"/>
      <c r="VZ659" s="613"/>
      <c r="WA659" s="613"/>
      <c r="WB659" s="613"/>
      <c r="WC659" s="613"/>
      <c r="WD659" s="613"/>
      <c r="WE659" s="613"/>
      <c r="WF659" s="613"/>
      <c r="WG659" s="613"/>
      <c r="WH659" s="613"/>
      <c r="WI659" s="613"/>
      <c r="WJ659" s="613"/>
      <c r="WK659" s="613"/>
      <c r="WL659" s="613"/>
      <c r="WM659" s="613"/>
      <c r="WN659" s="613"/>
      <c r="WO659" s="613"/>
      <c r="WP659" s="613"/>
      <c r="WQ659" s="613"/>
      <c r="WR659" s="613"/>
      <c r="WS659" s="613"/>
      <c r="WT659" s="613"/>
      <c r="WU659" s="613"/>
      <c r="WV659" s="613"/>
      <c r="WW659" s="613"/>
      <c r="WX659" s="613"/>
      <c r="WY659" s="613"/>
      <c r="WZ659" s="613"/>
      <c r="XA659" s="613"/>
      <c r="XB659" s="613"/>
      <c r="XC659" s="613"/>
      <c r="XD659" s="613"/>
      <c r="XE659" s="613"/>
      <c r="XF659" s="613"/>
      <c r="XG659" s="613"/>
      <c r="XH659" s="613"/>
      <c r="XI659" s="613"/>
      <c r="XJ659" s="613"/>
      <c r="XK659" s="613"/>
      <c r="XL659" s="613"/>
      <c r="XM659" s="613"/>
      <c r="XN659" s="613"/>
      <c r="XO659" s="613"/>
      <c r="XP659" s="613"/>
      <c r="XQ659" s="613"/>
      <c r="XR659" s="613"/>
      <c r="XS659" s="613"/>
      <c r="XT659" s="613"/>
      <c r="XU659" s="613"/>
      <c r="XV659" s="613"/>
      <c r="XW659" s="613"/>
      <c r="XX659" s="613"/>
      <c r="XY659" s="613"/>
      <c r="XZ659" s="613"/>
      <c r="YA659" s="613"/>
      <c r="YB659" s="613"/>
      <c r="YC659" s="613"/>
      <c r="YD659" s="613"/>
      <c r="YE659" s="613"/>
      <c r="YF659" s="613"/>
      <c r="YG659" s="613"/>
      <c r="YH659" s="613"/>
      <c r="YI659" s="613"/>
      <c r="YJ659" s="613"/>
      <c r="YK659" s="613"/>
      <c r="YL659" s="613"/>
      <c r="YM659" s="613"/>
      <c r="YN659" s="613"/>
      <c r="YO659" s="613"/>
      <c r="YP659" s="613"/>
      <c r="YQ659" s="613"/>
      <c r="YR659" s="613"/>
      <c r="YS659" s="613"/>
      <c r="YT659" s="613"/>
      <c r="YU659" s="613"/>
      <c r="YV659" s="613"/>
      <c r="YW659" s="613"/>
      <c r="YX659" s="613"/>
      <c r="YY659" s="613"/>
      <c r="YZ659" s="613"/>
      <c r="ZA659" s="613"/>
      <c r="ZB659" s="613"/>
      <c r="ZC659" s="613"/>
      <c r="ZD659" s="613"/>
      <c r="ZE659" s="613"/>
      <c r="ZF659" s="613"/>
      <c r="ZG659" s="613"/>
      <c r="ZH659" s="613"/>
      <c r="ZI659" s="613"/>
      <c r="ZJ659" s="613"/>
      <c r="ZK659" s="613"/>
      <c r="ZL659" s="613"/>
      <c r="ZM659" s="613"/>
      <c r="ZN659" s="613"/>
      <c r="ZO659" s="613"/>
      <c r="ZP659" s="613"/>
      <c r="ZQ659" s="613"/>
      <c r="ZR659" s="613"/>
      <c r="ZS659" s="613"/>
      <c r="ZT659" s="613"/>
      <c r="ZU659" s="613"/>
      <c r="ZV659" s="613"/>
      <c r="ZW659" s="613"/>
      <c r="ZX659" s="613"/>
      <c r="ZY659" s="613"/>
      <c r="ZZ659" s="613"/>
      <c r="AAA659" s="613"/>
      <c r="AAB659" s="613"/>
      <c r="AAC659" s="613"/>
      <c r="AAD659" s="613"/>
      <c r="AAE659" s="613"/>
      <c r="AAF659" s="613"/>
      <c r="AAG659" s="613"/>
      <c r="AAH659" s="613"/>
      <c r="AAI659" s="613"/>
      <c r="AAJ659" s="613"/>
      <c r="AAK659" s="613"/>
      <c r="AAL659" s="613"/>
      <c r="AAM659" s="613"/>
      <c r="AAN659" s="613"/>
      <c r="AAO659" s="613"/>
      <c r="AAP659" s="613"/>
      <c r="AAQ659" s="613"/>
      <c r="AAR659" s="613"/>
      <c r="AAS659" s="613"/>
      <c r="AAT659" s="613"/>
      <c r="AAU659" s="613"/>
      <c r="AAV659" s="613"/>
      <c r="AAW659" s="613"/>
      <c r="AAX659" s="613"/>
      <c r="AAY659" s="613"/>
      <c r="AAZ659" s="613"/>
      <c r="ABA659" s="613"/>
      <c r="ABB659" s="613"/>
      <c r="ABC659" s="613"/>
      <c r="ABD659" s="613"/>
      <c r="ABE659" s="613"/>
      <c r="ABF659" s="613"/>
      <c r="ABG659" s="613"/>
      <c r="ABH659" s="613"/>
      <c r="ABI659" s="613"/>
      <c r="ABJ659" s="613"/>
      <c r="ABK659" s="613"/>
      <c r="ABL659" s="613"/>
      <c r="ABM659" s="613"/>
      <c r="ABN659" s="613"/>
      <c r="ABO659" s="613"/>
      <c r="ABP659" s="613"/>
      <c r="ABQ659" s="613"/>
      <c r="ABR659" s="613"/>
      <c r="ABS659" s="613"/>
      <c r="ABT659" s="613"/>
      <c r="ABU659" s="613"/>
      <c r="ABV659" s="613"/>
      <c r="ABW659" s="613"/>
      <c r="ABX659" s="613"/>
      <c r="ABY659" s="613"/>
      <c r="ABZ659" s="613"/>
      <c r="ACA659" s="613"/>
      <c r="ACB659" s="613"/>
      <c r="ACC659" s="613"/>
      <c r="ACD659" s="613"/>
      <c r="ACE659" s="613"/>
      <c r="ACF659" s="613"/>
      <c r="ACG659" s="613"/>
      <c r="ACH659" s="613"/>
      <c r="ACI659" s="613"/>
      <c r="ACJ659" s="613"/>
      <c r="ACK659" s="613"/>
      <c r="ACL659" s="613"/>
      <c r="ACM659" s="613"/>
      <c r="ACN659" s="613"/>
      <c r="ACO659" s="613"/>
      <c r="ACP659" s="613"/>
      <c r="ACQ659" s="613"/>
      <c r="ACR659" s="613"/>
      <c r="ACS659" s="613"/>
      <c r="ACT659" s="613"/>
      <c r="ACU659" s="613"/>
      <c r="ACV659" s="613"/>
      <c r="ACW659" s="613"/>
      <c r="ACX659" s="613"/>
      <c r="ACY659" s="613"/>
      <c r="ACZ659" s="613"/>
      <c r="ADA659" s="613"/>
      <c r="ADB659" s="613"/>
      <c r="ADC659" s="613"/>
      <c r="ADD659" s="613"/>
      <c r="ADE659" s="613"/>
      <c r="ADF659" s="613"/>
      <c r="ADG659" s="613"/>
      <c r="ADH659" s="613"/>
      <c r="ADI659" s="613"/>
      <c r="ADJ659" s="613"/>
      <c r="ADK659" s="613"/>
      <c r="ADL659" s="613"/>
      <c r="ADM659" s="613"/>
      <c r="ADN659" s="613"/>
      <c r="ADO659" s="613"/>
      <c r="ADP659" s="613"/>
      <c r="ADQ659" s="613"/>
      <c r="ADR659" s="613"/>
      <c r="ADS659" s="613"/>
      <c r="ADT659" s="613"/>
      <c r="ADU659" s="613"/>
      <c r="ADV659" s="613"/>
      <c r="ADW659" s="613"/>
      <c r="ADX659" s="613"/>
      <c r="ADY659" s="613"/>
      <c r="ADZ659" s="613"/>
      <c r="AEA659" s="613"/>
      <c r="AEB659" s="613"/>
      <c r="AEC659" s="613"/>
      <c r="AED659" s="613"/>
      <c r="AEE659" s="613"/>
      <c r="AEF659" s="613"/>
      <c r="AEG659" s="613"/>
      <c r="AEH659" s="613"/>
      <c r="AEI659" s="613"/>
      <c r="AEJ659" s="613"/>
      <c r="AEK659" s="613"/>
      <c r="AEL659" s="613"/>
      <c r="AEM659" s="613"/>
      <c r="AEN659" s="613"/>
      <c r="AEO659" s="613"/>
      <c r="AEP659" s="613"/>
      <c r="AEQ659" s="613"/>
      <c r="AER659" s="613"/>
      <c r="AES659" s="613"/>
      <c r="AET659" s="613"/>
      <c r="AEU659" s="613"/>
      <c r="AEV659" s="613"/>
      <c r="AEW659" s="613"/>
      <c r="AEX659" s="613"/>
      <c r="AEY659" s="613"/>
      <c r="AEZ659" s="613"/>
      <c r="AFA659" s="613"/>
      <c r="AFB659" s="613"/>
      <c r="AFC659" s="613"/>
      <c r="AFD659" s="613"/>
      <c r="AFE659" s="613"/>
      <c r="AFF659" s="613"/>
      <c r="AFG659" s="613"/>
      <c r="AFH659" s="613"/>
      <c r="AFI659" s="613"/>
      <c r="AFJ659" s="613"/>
      <c r="AFK659" s="613"/>
      <c r="AFL659" s="613"/>
      <c r="AFM659" s="613"/>
      <c r="AFN659" s="613"/>
      <c r="AFO659" s="613"/>
      <c r="AFP659" s="613"/>
      <c r="AFQ659" s="613"/>
      <c r="AFR659" s="613"/>
      <c r="AFS659" s="613"/>
      <c r="AFT659" s="613"/>
      <c r="AFU659" s="613"/>
      <c r="AFV659" s="613"/>
      <c r="AFW659" s="613"/>
      <c r="AFX659" s="613"/>
      <c r="AFY659" s="613"/>
      <c r="AFZ659" s="613"/>
      <c r="AGA659" s="613"/>
      <c r="AGB659" s="613"/>
      <c r="AGC659" s="613"/>
      <c r="AGD659" s="613"/>
      <c r="AGE659" s="613"/>
      <c r="AGF659" s="613"/>
      <c r="AGG659" s="613"/>
      <c r="AGH659" s="613"/>
      <c r="AGI659" s="613"/>
      <c r="AGJ659" s="613"/>
      <c r="AGK659" s="613"/>
      <c r="AGL659" s="613"/>
      <c r="AGM659" s="613"/>
      <c r="AGN659" s="613"/>
      <c r="AGO659" s="613"/>
      <c r="AGP659" s="613"/>
      <c r="AGQ659" s="613"/>
      <c r="AGR659" s="613"/>
      <c r="AGS659" s="613"/>
      <c r="AGT659" s="613"/>
      <c r="AGU659" s="613"/>
      <c r="AGV659" s="613"/>
      <c r="AGW659" s="613"/>
      <c r="AGX659" s="613"/>
      <c r="AGY659" s="613"/>
      <c r="AGZ659" s="613"/>
      <c r="AHA659" s="613"/>
      <c r="AHB659" s="613"/>
      <c r="AHC659" s="613"/>
      <c r="AHD659" s="613"/>
      <c r="AHE659" s="613"/>
      <c r="AHF659" s="613"/>
      <c r="AHG659" s="613"/>
      <c r="AHH659" s="613"/>
      <c r="AHI659" s="613"/>
      <c r="AHJ659" s="613"/>
      <c r="AHK659" s="613"/>
      <c r="AHL659" s="613"/>
      <c r="AHM659" s="613"/>
      <c r="AHN659" s="613"/>
      <c r="AHO659" s="613"/>
      <c r="AHP659" s="613"/>
      <c r="AHQ659" s="613"/>
      <c r="AHR659" s="613"/>
      <c r="AHS659" s="613"/>
      <c r="AHT659" s="613"/>
      <c r="AHU659" s="613"/>
      <c r="AHV659" s="613"/>
      <c r="AHW659" s="613"/>
      <c r="AHX659" s="613"/>
      <c r="AHY659" s="613"/>
      <c r="AHZ659" s="613"/>
      <c r="AIA659" s="613"/>
      <c r="AIB659" s="613"/>
      <c r="AIC659" s="613"/>
      <c r="AID659" s="613"/>
      <c r="AIE659" s="613"/>
      <c r="AIF659" s="613"/>
      <c r="AIG659" s="613"/>
      <c r="AIH659" s="613"/>
      <c r="AII659" s="613"/>
      <c r="AIJ659" s="613"/>
      <c r="AIK659" s="613"/>
      <c r="AIL659" s="613"/>
      <c r="AIM659" s="613"/>
      <c r="AIN659" s="613"/>
      <c r="AIO659" s="613"/>
      <c r="AIP659" s="613"/>
      <c r="AIQ659" s="613"/>
      <c r="AIR659" s="613"/>
      <c r="AIS659" s="613"/>
      <c r="AIT659" s="613"/>
      <c r="AIU659" s="613"/>
      <c r="AIV659" s="613"/>
      <c r="AIW659" s="613"/>
      <c r="AIX659" s="613"/>
      <c r="AIY659" s="613"/>
      <c r="AIZ659" s="613"/>
      <c r="AJA659" s="613"/>
      <c r="AJB659" s="613"/>
      <c r="AJC659" s="613"/>
      <c r="AJD659" s="613"/>
      <c r="AJE659" s="613"/>
      <c r="AJF659" s="613"/>
      <c r="AJG659" s="613"/>
      <c r="AJH659" s="613"/>
      <c r="AJI659" s="613"/>
      <c r="AJJ659" s="613"/>
      <c r="AJK659" s="613"/>
      <c r="AJL659" s="613"/>
      <c r="AJM659" s="613"/>
      <c r="AJN659" s="613"/>
      <c r="AJO659" s="613"/>
      <c r="AJP659" s="613"/>
      <c r="AJQ659" s="613"/>
      <c r="AJR659" s="613"/>
      <c r="AJS659" s="613"/>
      <c r="AJT659" s="613"/>
      <c r="AJU659" s="613"/>
      <c r="AJV659" s="613"/>
      <c r="AJW659" s="613"/>
      <c r="AJX659" s="613"/>
      <c r="AJY659" s="613"/>
      <c r="AJZ659" s="613"/>
      <c r="AKA659" s="613"/>
      <c r="AKB659" s="613"/>
      <c r="AKC659" s="613"/>
      <c r="AKD659" s="613"/>
      <c r="AKE659" s="613"/>
      <c r="AKF659" s="613"/>
      <c r="AKG659" s="613"/>
      <c r="AKH659" s="613"/>
      <c r="AKI659" s="613"/>
      <c r="AKJ659" s="613"/>
      <c r="AKK659" s="613"/>
      <c r="AKL659" s="613"/>
      <c r="AKM659" s="613"/>
      <c r="AKN659" s="613"/>
      <c r="AKO659" s="613"/>
      <c r="AKP659" s="613"/>
      <c r="AKQ659" s="613"/>
      <c r="AKR659" s="613"/>
      <c r="AKS659" s="613"/>
      <c r="AKT659" s="613"/>
      <c r="AKU659" s="613"/>
      <c r="AKV659" s="613"/>
      <c r="AKW659" s="613"/>
      <c r="AKX659" s="613"/>
      <c r="AKY659" s="613"/>
      <c r="AKZ659" s="613"/>
      <c r="ALA659" s="613"/>
      <c r="ALB659" s="613"/>
      <c r="ALC659" s="613"/>
      <c r="ALD659" s="613"/>
      <c r="ALE659" s="613"/>
      <c r="ALF659" s="613"/>
      <c r="ALG659" s="613"/>
      <c r="ALH659" s="613"/>
      <c r="ALI659" s="613"/>
      <c r="ALJ659" s="613"/>
      <c r="ALK659" s="613"/>
      <c r="ALL659" s="613"/>
      <c r="ALM659" s="613"/>
      <c r="ALN659" s="613"/>
      <c r="ALO659" s="613"/>
      <c r="ALP659" s="613"/>
      <c r="ALQ659" s="613"/>
      <c r="ALR659" s="613"/>
      <c r="ALS659" s="613"/>
      <c r="ALT659" s="613"/>
      <c r="ALU659" s="613"/>
      <c r="ALV659" s="613"/>
      <c r="ALW659" s="613"/>
      <c r="ALX659" s="613"/>
      <c r="ALY659" s="613"/>
      <c r="ALZ659" s="613"/>
      <c r="AMA659" s="613"/>
      <c r="AMB659" s="613"/>
      <c r="AMC659" s="613"/>
      <c r="AMD659" s="613"/>
      <c r="AME659" s="613"/>
      <c r="AMF659" s="613"/>
      <c r="AMG659" s="613"/>
      <c r="AMH659" s="613"/>
      <c r="AMI659" s="613"/>
      <c r="AMJ659" s="613"/>
      <c r="AMK659" s="613"/>
      <c r="AML659" s="613"/>
      <c r="AMM659" s="613"/>
      <c r="AMN659" s="613"/>
      <c r="AMO659" s="613"/>
      <c r="AMP659" s="613"/>
      <c r="AMQ659" s="613"/>
      <c r="AMR659" s="613"/>
      <c r="AMS659" s="613"/>
      <c r="AMT659" s="613"/>
      <c r="AMU659" s="613"/>
      <c r="AMV659" s="613"/>
      <c r="AMW659" s="613"/>
      <c r="AMX659" s="613"/>
      <c r="AMY659" s="613"/>
      <c r="AMZ659" s="613"/>
      <c r="ANA659" s="613"/>
      <c r="ANB659" s="613"/>
      <c r="ANC659" s="613"/>
      <c r="AND659" s="613"/>
      <c r="ANE659" s="613"/>
      <c r="ANF659" s="613"/>
      <c r="ANG659" s="613"/>
      <c r="ANH659" s="613"/>
      <c r="ANI659" s="613"/>
      <c r="ANJ659" s="613"/>
      <c r="ANK659" s="613"/>
      <c r="ANL659" s="613"/>
      <c r="ANM659" s="613"/>
      <c r="ANN659" s="613"/>
      <c r="ANO659" s="613"/>
      <c r="ANP659" s="613"/>
      <c r="ANQ659" s="613"/>
      <c r="ANR659" s="613"/>
      <c r="ANS659" s="613"/>
      <c r="ANT659" s="613"/>
      <c r="ANU659" s="613"/>
      <c r="ANV659" s="613"/>
      <c r="ANW659" s="613"/>
      <c r="ANX659" s="613"/>
      <c r="ANY659" s="613"/>
      <c r="ANZ659" s="613"/>
      <c r="AOA659" s="613"/>
      <c r="AOB659" s="613"/>
      <c r="AOC659" s="613"/>
      <c r="AOD659" s="613"/>
      <c r="AOE659" s="613"/>
      <c r="AOF659" s="613"/>
      <c r="AOG659" s="613"/>
      <c r="AOH659" s="613"/>
      <c r="AOI659" s="613"/>
      <c r="AOJ659" s="613"/>
      <c r="AOK659" s="613"/>
      <c r="AOL659" s="613"/>
      <c r="AOM659" s="613"/>
      <c r="AON659" s="613"/>
      <c r="AOO659" s="613"/>
      <c r="AOP659" s="613"/>
      <c r="AOQ659" s="613"/>
      <c r="AOR659" s="613"/>
      <c r="AOS659" s="613"/>
      <c r="AOT659" s="613"/>
      <c r="AOU659" s="613"/>
      <c r="AOV659" s="613"/>
      <c r="AOW659" s="613"/>
      <c r="AOX659" s="613"/>
      <c r="AOY659" s="613"/>
      <c r="AOZ659" s="613"/>
      <c r="APA659" s="613"/>
      <c r="APB659" s="613"/>
      <c r="APC659" s="613"/>
      <c r="APD659" s="613"/>
      <c r="APE659" s="613"/>
      <c r="APF659" s="613"/>
      <c r="APG659" s="613"/>
      <c r="APH659" s="613"/>
      <c r="API659" s="613"/>
      <c r="APJ659" s="613"/>
      <c r="APK659" s="613"/>
      <c r="APL659" s="613"/>
      <c r="APM659" s="613"/>
      <c r="APN659" s="613"/>
      <c r="APO659" s="613"/>
      <c r="APP659" s="613"/>
      <c r="APQ659" s="613"/>
      <c r="APR659" s="613"/>
      <c r="APS659" s="613"/>
      <c r="APT659" s="613"/>
      <c r="APU659" s="613"/>
      <c r="APV659" s="613"/>
      <c r="APW659" s="613"/>
      <c r="APX659" s="613"/>
      <c r="APY659" s="613"/>
      <c r="APZ659" s="613"/>
      <c r="AQA659" s="613"/>
      <c r="AQB659" s="613"/>
      <c r="AQC659" s="613"/>
      <c r="AQD659" s="613"/>
      <c r="AQE659" s="613"/>
      <c r="AQF659" s="613"/>
      <c r="AQG659" s="613"/>
      <c r="AQH659" s="613"/>
      <c r="AQI659" s="613"/>
      <c r="AQJ659" s="613"/>
      <c r="AQK659" s="613"/>
      <c r="AQL659" s="613"/>
      <c r="AQM659" s="613"/>
      <c r="AQN659" s="613"/>
      <c r="AQO659" s="613"/>
      <c r="AQP659" s="613"/>
      <c r="AQQ659" s="613"/>
      <c r="AQR659" s="613"/>
      <c r="AQS659" s="613"/>
      <c r="AQT659" s="613"/>
      <c r="AQU659" s="613"/>
      <c r="AQV659" s="613"/>
      <c r="AQW659" s="613"/>
      <c r="AQX659" s="613"/>
      <c r="AQY659" s="613"/>
      <c r="AQZ659" s="613"/>
      <c r="ARA659" s="613"/>
      <c r="ARB659" s="613"/>
      <c r="ARC659" s="613"/>
      <c r="ARD659" s="613"/>
      <c r="ARE659" s="613"/>
      <c r="ARF659" s="613"/>
      <c r="ARG659" s="613"/>
      <c r="ARH659" s="613"/>
      <c r="ARI659" s="613"/>
      <c r="ARJ659" s="613"/>
      <c r="ARK659" s="613"/>
      <c r="ARL659" s="613"/>
      <c r="ARM659" s="613"/>
      <c r="ARN659" s="613"/>
      <c r="ARO659" s="613"/>
      <c r="ARP659" s="613"/>
      <c r="ARQ659" s="613"/>
      <c r="ARR659" s="613"/>
      <c r="ARS659" s="613"/>
      <c r="ART659" s="613"/>
      <c r="ARU659" s="613"/>
      <c r="ARV659" s="613"/>
      <c r="ARW659" s="613"/>
      <c r="ARX659" s="613"/>
      <c r="ARY659" s="613"/>
      <c r="ARZ659" s="613"/>
      <c r="ASA659" s="613"/>
      <c r="ASB659" s="613"/>
      <c r="ASC659" s="613"/>
      <c r="ASD659" s="613"/>
      <c r="ASE659" s="613"/>
      <c r="ASF659" s="613"/>
      <c r="ASG659" s="613"/>
      <c r="ASH659" s="613"/>
      <c r="ASI659" s="613"/>
      <c r="ASJ659" s="613"/>
      <c r="ASK659" s="613"/>
      <c r="ASL659" s="613"/>
      <c r="ASM659" s="613"/>
      <c r="ASN659" s="613"/>
      <c r="ASO659" s="613"/>
      <c r="ASP659" s="613"/>
      <c r="ASQ659" s="613"/>
      <c r="ASR659" s="613"/>
      <c r="ASS659" s="613"/>
      <c r="AST659" s="613"/>
      <c r="ASU659" s="613"/>
      <c r="ASV659" s="613"/>
      <c r="ASW659" s="613"/>
      <c r="ASX659" s="613"/>
      <c r="ASY659" s="613"/>
      <c r="ASZ659" s="613"/>
      <c r="ATA659" s="613"/>
      <c r="ATB659" s="613"/>
      <c r="ATC659" s="613"/>
      <c r="ATD659" s="613"/>
      <c r="ATE659" s="613"/>
      <c r="ATF659" s="613"/>
      <c r="ATG659" s="613"/>
      <c r="ATH659" s="613"/>
      <c r="ATI659" s="613"/>
      <c r="ATJ659" s="613"/>
      <c r="ATK659" s="613"/>
      <c r="ATL659" s="613"/>
      <c r="ATM659" s="613"/>
      <c r="ATN659" s="613"/>
      <c r="ATO659" s="613"/>
      <c r="ATP659" s="613"/>
      <c r="ATQ659" s="613"/>
      <c r="ATR659" s="613"/>
      <c r="ATS659" s="613"/>
      <c r="ATT659" s="613"/>
      <c r="ATU659" s="613"/>
      <c r="ATV659" s="613"/>
      <c r="ATW659" s="613"/>
      <c r="ATX659" s="613"/>
      <c r="ATY659" s="613"/>
      <c r="ATZ659" s="613"/>
      <c r="AUA659" s="613"/>
      <c r="AUB659" s="613"/>
      <c r="AUC659" s="613"/>
      <c r="AUD659" s="613"/>
      <c r="AUE659" s="613"/>
      <c r="AUF659" s="613"/>
      <c r="AUG659" s="613"/>
      <c r="AUH659" s="613"/>
      <c r="AUI659" s="613"/>
      <c r="AUJ659" s="613"/>
      <c r="AUK659" s="613"/>
      <c r="AUL659" s="613"/>
      <c r="AUM659" s="613"/>
      <c r="AUN659" s="613"/>
      <c r="AUO659" s="613"/>
      <c r="AUP659" s="613"/>
      <c r="AUQ659" s="613"/>
      <c r="AUR659" s="613"/>
      <c r="AUS659" s="613"/>
      <c r="AUT659" s="613"/>
      <c r="AUU659" s="613"/>
      <c r="AUV659" s="613"/>
      <c r="AUW659" s="613"/>
      <c r="AUX659" s="613"/>
      <c r="AUY659" s="613"/>
      <c r="AUZ659" s="613"/>
      <c r="AVA659" s="613"/>
      <c r="AVB659" s="613"/>
      <c r="AVC659" s="613"/>
      <c r="AVD659" s="613"/>
      <c r="AVE659" s="613"/>
      <c r="AVF659" s="613"/>
      <c r="AVG659" s="613"/>
      <c r="AVH659" s="613"/>
      <c r="AVI659" s="613"/>
      <c r="AVJ659" s="613"/>
      <c r="AVK659" s="613"/>
      <c r="AVL659" s="613"/>
      <c r="AVM659" s="613"/>
      <c r="AVN659" s="613"/>
      <c r="AVO659" s="613"/>
      <c r="AVP659" s="613"/>
      <c r="AVQ659" s="613"/>
      <c r="AVR659" s="613"/>
      <c r="AVS659" s="613"/>
      <c r="AVT659" s="613"/>
      <c r="AVU659" s="613"/>
      <c r="AVV659" s="613"/>
      <c r="AVW659" s="613"/>
      <c r="AVX659" s="613"/>
      <c r="AVY659" s="613"/>
      <c r="AVZ659" s="613"/>
      <c r="AWA659" s="613"/>
      <c r="AWB659" s="613"/>
      <c r="AWC659" s="613"/>
      <c r="AWD659" s="613"/>
      <c r="AWE659" s="613"/>
      <c r="AWF659" s="613"/>
      <c r="AWG659" s="613"/>
      <c r="AWH659" s="613"/>
      <c r="AWI659" s="613"/>
      <c r="AWJ659" s="613"/>
      <c r="AWK659" s="613"/>
      <c r="AWL659" s="613"/>
      <c r="AWM659" s="613"/>
      <c r="AWN659" s="613"/>
      <c r="AWO659" s="613"/>
      <c r="AWP659" s="613"/>
      <c r="AWQ659" s="613"/>
      <c r="AWR659" s="613"/>
      <c r="AWS659" s="613"/>
      <c r="AWT659" s="613"/>
      <c r="AWU659" s="613"/>
      <c r="AWV659" s="613"/>
      <c r="AWW659" s="613"/>
      <c r="AWX659" s="613"/>
      <c r="AWY659" s="613"/>
      <c r="AWZ659" s="613"/>
      <c r="AXA659" s="613"/>
      <c r="AXB659" s="613"/>
      <c r="AXC659" s="613"/>
      <c r="AXD659" s="613"/>
      <c r="AXE659" s="613"/>
      <c r="AXF659" s="613"/>
      <c r="AXG659" s="613"/>
      <c r="AXH659" s="613"/>
      <c r="AXI659" s="613"/>
      <c r="AXJ659" s="613"/>
      <c r="AXK659" s="613"/>
      <c r="AXL659" s="613"/>
      <c r="AXM659" s="613"/>
      <c r="AXN659" s="613"/>
      <c r="AXO659" s="613"/>
      <c r="AXP659" s="613"/>
      <c r="AXQ659" s="613"/>
      <c r="AXR659" s="613"/>
      <c r="AXS659" s="613"/>
      <c r="AXT659" s="613"/>
      <c r="AXU659" s="613"/>
      <c r="AXV659" s="613"/>
      <c r="AXW659" s="613"/>
      <c r="AXX659" s="613"/>
      <c r="AXY659" s="613"/>
      <c r="AXZ659" s="613"/>
      <c r="AYA659" s="613"/>
      <c r="AYB659" s="613"/>
      <c r="AYC659" s="613"/>
      <c r="AYD659" s="613"/>
      <c r="AYE659" s="613"/>
      <c r="AYF659" s="613"/>
      <c r="AYG659" s="613"/>
      <c r="AYH659" s="613"/>
      <c r="AYI659" s="613"/>
      <c r="AYJ659" s="613"/>
      <c r="AYK659" s="613"/>
      <c r="AYL659" s="613"/>
      <c r="AYM659" s="613"/>
      <c r="AYN659" s="613"/>
      <c r="AYO659" s="613"/>
      <c r="AYP659" s="613"/>
      <c r="AYQ659" s="613"/>
      <c r="AYR659" s="613"/>
      <c r="AYS659" s="613"/>
      <c r="AYT659" s="613"/>
      <c r="AYU659" s="613"/>
      <c r="AYV659" s="613"/>
      <c r="AYW659" s="613"/>
      <c r="AYX659" s="613"/>
      <c r="AYY659" s="613"/>
      <c r="AYZ659" s="613"/>
      <c r="AZA659" s="613"/>
      <c r="AZB659" s="613"/>
      <c r="AZC659" s="613"/>
      <c r="AZD659" s="613"/>
      <c r="AZE659" s="613"/>
      <c r="AZF659" s="613"/>
      <c r="AZG659" s="613"/>
      <c r="AZH659" s="613"/>
      <c r="AZI659" s="613"/>
      <c r="AZJ659" s="613"/>
      <c r="AZK659" s="613"/>
      <c r="AZL659" s="613"/>
      <c r="AZM659" s="613"/>
      <c r="AZN659" s="613"/>
      <c r="AZO659" s="613"/>
      <c r="AZP659" s="613"/>
      <c r="AZQ659" s="613"/>
      <c r="AZR659" s="613"/>
      <c r="AZS659" s="613"/>
      <c r="AZT659" s="613"/>
      <c r="AZU659" s="613"/>
      <c r="AZV659" s="613"/>
      <c r="AZW659" s="613"/>
      <c r="AZX659" s="613"/>
      <c r="AZY659" s="613"/>
      <c r="AZZ659" s="613"/>
      <c r="BAA659" s="613"/>
      <c r="BAB659" s="613"/>
      <c r="BAC659" s="613"/>
      <c r="BAD659" s="613"/>
      <c r="BAE659" s="613"/>
      <c r="BAF659" s="613"/>
      <c r="BAG659" s="613"/>
      <c r="BAH659" s="613"/>
      <c r="BAI659" s="613"/>
      <c r="BAJ659" s="613"/>
      <c r="BAK659" s="613"/>
      <c r="BAL659" s="613"/>
      <c r="BAM659" s="613"/>
      <c r="BAN659" s="613"/>
      <c r="BAO659" s="613"/>
      <c r="BAP659" s="613"/>
      <c r="BAQ659" s="613"/>
      <c r="BAR659" s="613"/>
      <c r="BAS659" s="613"/>
      <c r="BAT659" s="613"/>
      <c r="BAU659" s="613"/>
      <c r="BAV659" s="613"/>
      <c r="BAW659" s="613"/>
      <c r="BAX659" s="613"/>
      <c r="BAY659" s="613"/>
      <c r="BAZ659" s="613"/>
      <c r="BBA659" s="613"/>
      <c r="BBB659" s="613"/>
      <c r="BBC659" s="613"/>
      <c r="BBD659" s="613"/>
      <c r="BBE659" s="613"/>
      <c r="BBF659" s="613"/>
      <c r="BBG659" s="613"/>
      <c r="BBH659" s="613"/>
      <c r="BBI659" s="613"/>
      <c r="BBJ659" s="613"/>
      <c r="BBK659" s="613"/>
      <c r="BBL659" s="613"/>
      <c r="BBM659" s="613"/>
      <c r="BBN659" s="613"/>
      <c r="BBO659" s="613"/>
      <c r="BBP659" s="613"/>
      <c r="BBQ659" s="613"/>
      <c r="BBR659" s="613"/>
      <c r="BBS659" s="613"/>
      <c r="BBT659" s="613"/>
      <c r="BBU659" s="613"/>
      <c r="BBV659" s="613"/>
      <c r="BBW659" s="613"/>
      <c r="BBX659" s="613"/>
      <c r="BBY659" s="613"/>
      <c r="BBZ659" s="613"/>
      <c r="BCA659" s="613"/>
      <c r="BCB659" s="613"/>
      <c r="BCC659" s="613"/>
      <c r="BCD659" s="613"/>
      <c r="BCE659" s="613"/>
      <c r="BCF659" s="613"/>
      <c r="BCG659" s="613"/>
      <c r="BCH659" s="613"/>
      <c r="BCI659" s="613"/>
      <c r="BCJ659" s="613"/>
      <c r="BCK659" s="613"/>
      <c r="BCL659" s="613"/>
      <c r="BCM659" s="613"/>
      <c r="BCN659" s="613"/>
      <c r="BCO659" s="613"/>
      <c r="BCP659" s="613"/>
      <c r="BCQ659" s="613"/>
      <c r="BCR659" s="613"/>
      <c r="BCS659" s="613"/>
      <c r="BCT659" s="613"/>
      <c r="BCU659" s="613"/>
      <c r="BCV659" s="613"/>
      <c r="BCW659" s="613"/>
      <c r="BCX659" s="613"/>
      <c r="BCY659" s="613"/>
      <c r="BCZ659" s="613"/>
      <c r="BDA659" s="613"/>
      <c r="BDB659" s="613"/>
      <c r="BDC659" s="613"/>
      <c r="BDD659" s="613"/>
      <c r="BDE659" s="613"/>
      <c r="BDF659" s="613"/>
      <c r="BDG659" s="613"/>
      <c r="BDH659" s="613"/>
      <c r="BDI659" s="613"/>
      <c r="BDJ659" s="613"/>
      <c r="BDK659" s="613"/>
      <c r="BDL659" s="613"/>
      <c r="BDM659" s="613"/>
      <c r="BDN659" s="613"/>
      <c r="BDO659" s="613"/>
      <c r="BDP659" s="613"/>
      <c r="BDQ659" s="613"/>
      <c r="BDR659" s="613"/>
      <c r="BDS659" s="613"/>
      <c r="BDT659" s="613"/>
      <c r="BDU659" s="613"/>
      <c r="BDV659" s="613"/>
      <c r="BDW659" s="613"/>
      <c r="BDX659" s="613"/>
      <c r="BDY659" s="613"/>
      <c r="BDZ659" s="613"/>
      <c r="BEA659" s="613"/>
      <c r="BEB659" s="613"/>
      <c r="BEC659" s="613"/>
      <c r="BED659" s="613"/>
      <c r="BEE659" s="613"/>
      <c r="BEF659" s="613"/>
      <c r="BEG659" s="613"/>
      <c r="BEH659" s="613"/>
      <c r="BEI659" s="613"/>
      <c r="BEJ659" s="613"/>
      <c r="BEK659" s="613"/>
      <c r="BEL659" s="613"/>
      <c r="BEM659" s="613"/>
      <c r="BEN659" s="613"/>
      <c r="BEO659" s="613"/>
      <c r="BEP659" s="613"/>
      <c r="BEQ659" s="613"/>
      <c r="BER659" s="613"/>
      <c r="BES659" s="613"/>
      <c r="BET659" s="613"/>
      <c r="BEU659" s="613"/>
      <c r="BEV659" s="613"/>
      <c r="BEW659" s="613"/>
      <c r="BEX659" s="613"/>
      <c r="BEY659" s="613"/>
      <c r="BEZ659" s="613"/>
      <c r="BFA659" s="613"/>
      <c r="BFB659" s="613"/>
      <c r="BFC659" s="613"/>
      <c r="BFD659" s="613"/>
      <c r="BFE659" s="613"/>
      <c r="BFF659" s="613"/>
      <c r="BFG659" s="613"/>
      <c r="BFH659" s="613"/>
      <c r="BFI659" s="613"/>
      <c r="BFJ659" s="613"/>
      <c r="BFK659" s="613"/>
      <c r="BFL659" s="613"/>
      <c r="BFM659" s="613"/>
      <c r="BFN659" s="613"/>
      <c r="BFO659" s="613"/>
      <c r="BFP659" s="613"/>
      <c r="BFQ659" s="613"/>
      <c r="BFR659" s="613"/>
      <c r="BFS659" s="613"/>
      <c r="BFT659" s="613"/>
      <c r="BFU659" s="613"/>
      <c r="BFV659" s="613"/>
      <c r="BFW659" s="613"/>
      <c r="BFX659" s="613"/>
      <c r="BFY659" s="613"/>
      <c r="BFZ659" s="613"/>
      <c r="BGA659" s="613"/>
      <c r="BGB659" s="613"/>
      <c r="BGC659" s="613"/>
      <c r="BGD659" s="613"/>
      <c r="BGE659" s="613"/>
      <c r="BGF659" s="613"/>
      <c r="BGG659" s="613"/>
      <c r="BGH659" s="613"/>
      <c r="BGI659" s="613"/>
      <c r="BGJ659" s="613"/>
      <c r="BGK659" s="613"/>
      <c r="BGL659" s="613"/>
      <c r="BGM659" s="613"/>
      <c r="BGN659" s="613"/>
      <c r="BGO659" s="613"/>
      <c r="BGP659" s="613"/>
      <c r="BGQ659" s="613"/>
      <c r="BGR659" s="613"/>
      <c r="BGS659" s="613"/>
      <c r="BGT659" s="613"/>
      <c r="BGU659" s="613"/>
      <c r="BGV659" s="613"/>
      <c r="BGW659" s="613"/>
      <c r="BGX659" s="613"/>
      <c r="BGY659" s="613"/>
      <c r="BGZ659" s="613"/>
      <c r="BHA659" s="613"/>
      <c r="BHB659" s="613"/>
      <c r="BHC659" s="613"/>
      <c r="BHD659" s="613"/>
      <c r="BHE659" s="613"/>
      <c r="BHF659" s="613"/>
      <c r="BHG659" s="613"/>
      <c r="BHH659" s="613"/>
      <c r="BHI659" s="613"/>
      <c r="BHJ659" s="613"/>
      <c r="BHK659" s="613"/>
      <c r="BHL659" s="613"/>
      <c r="BHM659" s="613"/>
      <c r="BHN659" s="613"/>
      <c r="BHO659" s="613"/>
      <c r="BHP659" s="613"/>
      <c r="BHQ659" s="613"/>
      <c r="BHR659" s="613"/>
      <c r="BHS659" s="613"/>
      <c r="BHT659" s="613"/>
      <c r="BHU659" s="613"/>
      <c r="BHV659" s="613"/>
      <c r="BHW659" s="613"/>
      <c r="BHX659" s="613"/>
      <c r="BHY659" s="613"/>
      <c r="BHZ659" s="613"/>
      <c r="BIA659" s="613"/>
      <c r="BIB659" s="613"/>
      <c r="BIC659" s="613"/>
      <c r="BID659" s="613"/>
      <c r="BIE659" s="613"/>
      <c r="BIF659" s="613"/>
      <c r="BIG659" s="613"/>
      <c r="BIH659" s="613"/>
      <c r="BII659" s="613"/>
      <c r="BIJ659" s="613"/>
      <c r="BIK659" s="613"/>
      <c r="BIL659" s="613"/>
      <c r="BIM659" s="613"/>
      <c r="BIN659" s="613"/>
      <c r="BIO659" s="613"/>
      <c r="BIP659" s="613"/>
      <c r="BIQ659" s="613"/>
      <c r="BIR659" s="613"/>
      <c r="BIS659" s="613"/>
      <c r="BIT659" s="613"/>
      <c r="BIU659" s="613"/>
      <c r="BIV659" s="613"/>
      <c r="BIW659" s="613"/>
      <c r="BIX659" s="613"/>
      <c r="BIY659" s="613"/>
      <c r="BIZ659" s="613"/>
      <c r="BJA659" s="613"/>
      <c r="BJB659" s="613"/>
      <c r="BJC659" s="613"/>
      <c r="BJD659" s="613"/>
      <c r="BJE659" s="613"/>
      <c r="BJF659" s="613"/>
      <c r="BJG659" s="613"/>
      <c r="BJH659" s="613"/>
      <c r="BJI659" s="613"/>
      <c r="BJJ659" s="613"/>
      <c r="BJK659" s="613"/>
      <c r="BJL659" s="613"/>
      <c r="BJM659" s="613"/>
      <c r="BJN659" s="613"/>
      <c r="BJO659" s="613"/>
      <c r="BJP659" s="613"/>
      <c r="BJQ659" s="613"/>
      <c r="BJR659" s="613"/>
      <c r="BJS659" s="613"/>
      <c r="BJT659" s="613"/>
      <c r="BJU659" s="613"/>
      <c r="BJV659" s="613"/>
      <c r="BJW659" s="613"/>
      <c r="BJX659" s="613"/>
      <c r="BJY659" s="613"/>
      <c r="BJZ659" s="613"/>
      <c r="BKA659" s="613"/>
      <c r="BKB659" s="613"/>
      <c r="BKC659" s="613"/>
      <c r="BKD659" s="613"/>
      <c r="BKE659" s="613"/>
      <c r="BKF659" s="613"/>
      <c r="BKG659" s="613"/>
      <c r="BKH659" s="613"/>
      <c r="BKI659" s="613"/>
      <c r="BKJ659" s="613"/>
      <c r="BKK659" s="613"/>
      <c r="BKL659" s="613"/>
      <c r="BKM659" s="613"/>
      <c r="BKN659" s="613"/>
      <c r="BKO659" s="613"/>
      <c r="BKP659" s="613"/>
      <c r="BKQ659" s="613"/>
      <c r="BKR659" s="613"/>
      <c r="BKS659" s="613"/>
      <c r="BKT659" s="613"/>
      <c r="BKU659" s="613"/>
      <c r="BKV659" s="613"/>
      <c r="BKW659" s="613"/>
      <c r="BKX659" s="613"/>
      <c r="BKY659" s="613"/>
      <c r="BKZ659" s="613"/>
      <c r="BLA659" s="613"/>
      <c r="BLB659" s="613"/>
      <c r="BLC659" s="613"/>
      <c r="BLD659" s="613"/>
      <c r="BLE659" s="613"/>
      <c r="BLF659" s="613"/>
      <c r="BLG659" s="613"/>
      <c r="BLH659" s="613"/>
      <c r="BLI659" s="613"/>
      <c r="BLJ659" s="613"/>
      <c r="BLK659" s="613"/>
      <c r="BLL659" s="613"/>
      <c r="BLM659" s="613"/>
      <c r="BLN659" s="613"/>
      <c r="BLO659" s="613"/>
      <c r="BLP659" s="613"/>
      <c r="BLQ659" s="613"/>
      <c r="BLR659" s="613"/>
      <c r="BLS659" s="613"/>
      <c r="BLT659" s="613"/>
      <c r="BLU659" s="613"/>
      <c r="BLV659" s="613"/>
      <c r="BLW659" s="613"/>
      <c r="BLX659" s="613"/>
      <c r="BLY659" s="613"/>
      <c r="BLZ659" s="613"/>
      <c r="BMA659" s="613"/>
      <c r="BMB659" s="613"/>
      <c r="BMC659" s="613"/>
      <c r="BMD659" s="613"/>
      <c r="BME659" s="613"/>
      <c r="BMF659" s="613"/>
      <c r="BMG659" s="613"/>
      <c r="BMH659" s="613"/>
      <c r="BMI659" s="613"/>
      <c r="BMJ659" s="613"/>
      <c r="BMK659" s="613"/>
      <c r="BML659" s="613"/>
      <c r="BMM659" s="613"/>
      <c r="BMN659" s="613"/>
      <c r="BMO659" s="613"/>
      <c r="BMP659" s="613"/>
      <c r="BMQ659" s="613"/>
      <c r="BMR659" s="613"/>
      <c r="BMS659" s="613"/>
      <c r="BMT659" s="613"/>
      <c r="BMU659" s="613"/>
      <c r="BMV659" s="613"/>
      <c r="BMW659" s="613"/>
      <c r="BMX659" s="613"/>
      <c r="BMY659" s="613"/>
      <c r="BMZ659" s="613"/>
      <c r="BNA659" s="613"/>
      <c r="BNB659" s="613"/>
      <c r="BNC659" s="613"/>
      <c r="BND659" s="613"/>
      <c r="BNE659" s="613"/>
      <c r="BNF659" s="613"/>
      <c r="BNG659" s="613"/>
      <c r="BNH659" s="613"/>
      <c r="BNI659" s="613"/>
      <c r="BNJ659" s="613"/>
      <c r="BNK659" s="613"/>
      <c r="BNL659" s="613"/>
      <c r="BNM659" s="613"/>
      <c r="BNN659" s="613"/>
      <c r="BNO659" s="613"/>
      <c r="BNP659" s="613"/>
      <c r="BNQ659" s="613"/>
      <c r="BNR659" s="613"/>
      <c r="BNS659" s="613"/>
      <c r="BNT659" s="613"/>
      <c r="BNU659" s="613"/>
      <c r="BNV659" s="613"/>
      <c r="BNW659" s="613"/>
      <c r="BNX659" s="613"/>
      <c r="BNY659" s="613"/>
      <c r="BNZ659" s="613"/>
      <c r="BOA659" s="613"/>
      <c r="BOB659" s="613"/>
      <c r="BOC659" s="613"/>
      <c r="BOD659" s="613"/>
      <c r="BOE659" s="613"/>
      <c r="BOF659" s="613"/>
      <c r="BOG659" s="613"/>
      <c r="BOH659" s="613"/>
      <c r="BOI659" s="613"/>
      <c r="BOJ659" s="613"/>
      <c r="BOK659" s="613"/>
      <c r="BOL659" s="613"/>
      <c r="BOM659" s="613"/>
      <c r="BON659" s="613"/>
      <c r="BOO659" s="613"/>
      <c r="BOP659" s="613"/>
      <c r="BOQ659" s="613"/>
      <c r="BOR659" s="613"/>
      <c r="BOS659" s="613"/>
      <c r="BOT659" s="613"/>
      <c r="BOU659" s="613"/>
      <c r="BOV659" s="613"/>
      <c r="BOW659" s="613"/>
      <c r="BOX659" s="613"/>
      <c r="BOY659" s="613"/>
      <c r="BOZ659" s="613"/>
      <c r="BPA659" s="613"/>
      <c r="BPB659" s="613"/>
      <c r="BPC659" s="613"/>
      <c r="BPD659" s="613"/>
      <c r="BPE659" s="613"/>
      <c r="BPF659" s="613"/>
      <c r="BPG659" s="613"/>
      <c r="BPH659" s="613"/>
      <c r="BPI659" s="613"/>
      <c r="BPJ659" s="613"/>
      <c r="BPK659" s="613"/>
      <c r="BPL659" s="613"/>
      <c r="BPM659" s="613"/>
      <c r="BPN659" s="613"/>
      <c r="BPO659" s="613"/>
      <c r="BPP659" s="613"/>
      <c r="BPQ659" s="613"/>
      <c r="BPR659" s="613"/>
      <c r="BPS659" s="613"/>
      <c r="BPT659" s="613"/>
      <c r="BPU659" s="613"/>
      <c r="BPV659" s="613"/>
      <c r="BPW659" s="613"/>
      <c r="BPX659" s="613"/>
      <c r="BPY659" s="613"/>
      <c r="BPZ659" s="613"/>
      <c r="BQA659" s="613"/>
      <c r="BQB659" s="613"/>
      <c r="BQC659" s="613"/>
      <c r="BQD659" s="613"/>
      <c r="BQE659" s="613"/>
      <c r="BQF659" s="613"/>
      <c r="BQG659" s="613"/>
      <c r="BQH659" s="613"/>
      <c r="BQI659" s="613"/>
      <c r="BQJ659" s="613"/>
      <c r="BQK659" s="613"/>
      <c r="BQL659" s="613"/>
      <c r="BQM659" s="613"/>
      <c r="BQN659" s="613"/>
      <c r="BQO659" s="613"/>
      <c r="BQP659" s="613"/>
      <c r="BQQ659" s="613"/>
      <c r="BQR659" s="613"/>
      <c r="BQS659" s="613"/>
      <c r="BQT659" s="613"/>
      <c r="BQU659" s="613"/>
      <c r="BQV659" s="613"/>
      <c r="BQW659" s="613"/>
      <c r="BQX659" s="613"/>
      <c r="BQY659" s="613"/>
      <c r="BQZ659" s="613"/>
      <c r="BRA659" s="613"/>
      <c r="BRB659" s="613"/>
      <c r="BRC659" s="613"/>
      <c r="BRD659" s="613"/>
      <c r="BRE659" s="613"/>
      <c r="BRF659" s="613"/>
      <c r="BRG659" s="613"/>
      <c r="BRH659" s="613"/>
      <c r="BRI659" s="613"/>
      <c r="BRJ659" s="613"/>
      <c r="BRK659" s="613"/>
      <c r="BRL659" s="613"/>
      <c r="BRM659" s="613"/>
      <c r="BRN659" s="613"/>
      <c r="BRO659" s="613"/>
      <c r="BRP659" s="613"/>
      <c r="BRQ659" s="613"/>
      <c r="BRR659" s="613"/>
      <c r="BRS659" s="613"/>
      <c r="BRT659" s="613"/>
      <c r="BRU659" s="613"/>
      <c r="BRV659" s="613"/>
      <c r="BRW659" s="613"/>
      <c r="BRX659" s="613"/>
      <c r="BRY659" s="613"/>
      <c r="BRZ659" s="613"/>
      <c r="BSA659" s="613"/>
      <c r="BSB659" s="613"/>
      <c r="BSC659" s="613"/>
      <c r="BSD659" s="613"/>
      <c r="BSE659" s="613"/>
      <c r="BSF659" s="613"/>
      <c r="BSG659" s="613"/>
      <c r="BSH659" s="613"/>
      <c r="BSI659" s="613"/>
      <c r="BSJ659" s="613"/>
      <c r="BSK659" s="613"/>
      <c r="BSL659" s="613"/>
      <c r="BSM659" s="613"/>
      <c r="BSN659" s="613"/>
      <c r="BSO659" s="613"/>
      <c r="BSP659" s="613"/>
      <c r="BSQ659" s="613"/>
      <c r="BSR659" s="613"/>
      <c r="BSS659" s="613"/>
      <c r="BST659" s="613"/>
      <c r="BSU659" s="613"/>
      <c r="BSV659" s="613"/>
      <c r="BSW659" s="613"/>
      <c r="BSX659" s="613"/>
      <c r="BSY659" s="613"/>
      <c r="BSZ659" s="613"/>
      <c r="BTA659" s="613"/>
      <c r="BTB659" s="613"/>
      <c r="BTC659" s="613"/>
      <c r="BTD659" s="613"/>
      <c r="BTE659" s="613"/>
      <c r="BTF659" s="613"/>
      <c r="BTG659" s="613"/>
      <c r="BTH659" s="613"/>
      <c r="BTI659" s="613"/>
      <c r="BTJ659" s="613"/>
      <c r="BTK659" s="613"/>
      <c r="BTL659" s="613"/>
      <c r="BTM659" s="613"/>
      <c r="BTN659" s="613"/>
      <c r="BTO659" s="613"/>
      <c r="BTP659" s="613"/>
      <c r="BTQ659" s="613"/>
      <c r="BTR659" s="613"/>
      <c r="BTS659" s="613"/>
      <c r="BTT659" s="613"/>
      <c r="BTU659" s="613"/>
      <c r="BTV659" s="613"/>
      <c r="BTW659" s="613"/>
      <c r="BTX659" s="613"/>
      <c r="BTY659" s="613"/>
      <c r="BTZ659" s="613"/>
      <c r="BUA659" s="613"/>
      <c r="BUB659" s="613"/>
      <c r="BUC659" s="613"/>
      <c r="BUD659" s="613"/>
      <c r="BUE659" s="613"/>
      <c r="BUF659" s="613"/>
      <c r="BUG659" s="613"/>
      <c r="BUH659" s="613"/>
      <c r="BUI659" s="613"/>
      <c r="BUJ659" s="613"/>
      <c r="BUK659" s="613"/>
      <c r="BUL659" s="613"/>
      <c r="BUM659" s="613"/>
      <c r="BUN659" s="613"/>
      <c r="BUO659" s="613"/>
      <c r="BUP659" s="613"/>
      <c r="BUQ659" s="613"/>
      <c r="BUR659" s="613"/>
      <c r="BUS659" s="613"/>
      <c r="BUT659" s="613"/>
      <c r="BUU659" s="613"/>
      <c r="BUV659" s="613"/>
      <c r="BUW659" s="613"/>
      <c r="BUX659" s="613"/>
      <c r="BUY659" s="613"/>
      <c r="BUZ659" s="613"/>
      <c r="BVA659" s="613"/>
      <c r="BVB659" s="613"/>
      <c r="BVC659" s="613"/>
      <c r="BVD659" s="613"/>
      <c r="BVE659" s="613"/>
      <c r="BVF659" s="613"/>
      <c r="BVG659" s="613"/>
      <c r="BVH659" s="613"/>
      <c r="BVI659" s="613"/>
      <c r="BVJ659" s="613"/>
      <c r="BVK659" s="613"/>
      <c r="BVL659" s="613"/>
      <c r="BVM659" s="613"/>
      <c r="BVN659" s="613"/>
      <c r="BVO659" s="613"/>
      <c r="BVP659" s="613"/>
      <c r="BVQ659" s="613"/>
      <c r="BVR659" s="613"/>
      <c r="BVS659" s="613"/>
      <c r="BVT659" s="613"/>
      <c r="BVU659" s="613"/>
      <c r="BVV659" s="613"/>
      <c r="BVW659" s="613"/>
      <c r="BVX659" s="613"/>
      <c r="BVY659" s="613"/>
      <c r="BVZ659" s="613"/>
      <c r="BWA659" s="613"/>
      <c r="BWB659" s="613"/>
      <c r="BWC659" s="613"/>
      <c r="BWD659" s="613"/>
      <c r="BWE659" s="613"/>
      <c r="BWF659" s="613"/>
      <c r="BWG659" s="613"/>
      <c r="BWH659" s="613"/>
      <c r="BWI659" s="613"/>
      <c r="BWJ659" s="613"/>
      <c r="BWK659" s="613"/>
      <c r="BWL659" s="613"/>
      <c r="BWM659" s="613"/>
      <c r="BWN659" s="613"/>
      <c r="BWO659" s="613"/>
      <c r="BWP659" s="613"/>
      <c r="BWQ659" s="613"/>
      <c r="BWR659" s="613"/>
      <c r="BWS659" s="613"/>
      <c r="BWT659" s="613"/>
      <c r="BWU659" s="613"/>
      <c r="BWV659" s="613"/>
      <c r="BWW659" s="613"/>
      <c r="BWX659" s="613"/>
      <c r="BWY659" s="613"/>
      <c r="BWZ659" s="613"/>
      <c r="BXA659" s="613"/>
      <c r="BXB659" s="613"/>
      <c r="BXC659" s="613"/>
      <c r="BXD659" s="613"/>
      <c r="BXE659" s="613"/>
      <c r="BXF659" s="613"/>
      <c r="BXG659" s="613"/>
      <c r="BXH659" s="613"/>
      <c r="BXI659" s="613"/>
      <c r="BXJ659" s="613"/>
      <c r="BXK659" s="613"/>
      <c r="BXL659" s="613"/>
      <c r="BXM659" s="613"/>
      <c r="BXN659" s="613"/>
      <c r="BXO659" s="613"/>
      <c r="BXP659" s="613"/>
      <c r="BXQ659" s="613"/>
      <c r="BXR659" s="613"/>
      <c r="BXS659" s="613"/>
      <c r="BXT659" s="613"/>
      <c r="BXU659" s="613"/>
      <c r="BXV659" s="613"/>
      <c r="BXW659" s="613"/>
      <c r="BXX659" s="613"/>
      <c r="BXY659" s="613"/>
      <c r="BXZ659" s="613"/>
      <c r="BYA659" s="613"/>
      <c r="BYB659" s="613"/>
      <c r="BYC659" s="613"/>
      <c r="BYD659" s="613"/>
      <c r="BYE659" s="613"/>
      <c r="BYF659" s="613"/>
      <c r="BYG659" s="613"/>
      <c r="BYH659" s="613"/>
      <c r="BYI659" s="613"/>
      <c r="BYJ659" s="613"/>
      <c r="BYK659" s="613"/>
      <c r="BYL659" s="613"/>
      <c r="BYM659" s="613"/>
      <c r="BYN659" s="613"/>
      <c r="BYO659" s="613"/>
      <c r="BYP659" s="613"/>
      <c r="BYQ659" s="613"/>
      <c r="BYR659" s="613"/>
      <c r="BYS659" s="613"/>
      <c r="BYT659" s="613"/>
      <c r="BYU659" s="613"/>
      <c r="BYV659" s="613"/>
      <c r="BYW659" s="613"/>
      <c r="BYX659" s="613"/>
      <c r="BYY659" s="613"/>
      <c r="BYZ659" s="613"/>
      <c r="BZA659" s="613"/>
      <c r="BZB659" s="613"/>
      <c r="BZC659" s="613"/>
      <c r="BZD659" s="613"/>
      <c r="BZE659" s="613"/>
      <c r="BZF659" s="613"/>
      <c r="BZG659" s="613"/>
      <c r="BZH659" s="613"/>
      <c r="BZI659" s="613"/>
      <c r="BZJ659" s="613"/>
      <c r="BZK659" s="613"/>
      <c r="BZL659" s="613"/>
      <c r="BZM659" s="613"/>
      <c r="BZN659" s="613"/>
      <c r="BZO659" s="613"/>
      <c r="BZP659" s="613"/>
      <c r="BZQ659" s="613"/>
      <c r="BZR659" s="613"/>
      <c r="BZS659" s="613"/>
      <c r="BZT659" s="613"/>
      <c r="BZU659" s="613"/>
      <c r="BZV659" s="613"/>
      <c r="BZW659" s="613"/>
      <c r="BZX659" s="613"/>
      <c r="BZY659" s="613"/>
      <c r="BZZ659" s="613"/>
      <c r="CAA659" s="613"/>
      <c r="CAB659" s="613"/>
      <c r="CAC659" s="613"/>
      <c r="CAD659" s="613"/>
      <c r="CAE659" s="613"/>
      <c r="CAF659" s="613"/>
      <c r="CAG659" s="613"/>
      <c r="CAH659" s="613"/>
      <c r="CAI659" s="613"/>
      <c r="CAJ659" s="613"/>
      <c r="CAK659" s="613"/>
      <c r="CAL659" s="613"/>
      <c r="CAM659" s="613"/>
      <c r="CAN659" s="613"/>
      <c r="CAO659" s="613"/>
      <c r="CAP659" s="613"/>
      <c r="CAQ659" s="613"/>
      <c r="CAR659" s="613"/>
      <c r="CAS659" s="613"/>
      <c r="CAT659" s="613"/>
      <c r="CAU659" s="613"/>
      <c r="CAV659" s="613"/>
      <c r="CAW659" s="613"/>
      <c r="CAX659" s="613"/>
      <c r="CAY659" s="613"/>
      <c r="CAZ659" s="613"/>
      <c r="CBA659" s="613"/>
      <c r="CBB659" s="613"/>
      <c r="CBC659" s="613"/>
      <c r="CBD659" s="613"/>
      <c r="CBE659" s="613"/>
      <c r="CBF659" s="613"/>
      <c r="CBG659" s="613"/>
      <c r="CBH659" s="613"/>
      <c r="CBI659" s="613"/>
      <c r="CBJ659" s="613"/>
      <c r="CBK659" s="613"/>
      <c r="CBL659" s="613"/>
      <c r="CBM659" s="613"/>
      <c r="CBN659" s="613"/>
      <c r="CBO659" s="613"/>
      <c r="CBP659" s="613"/>
      <c r="CBQ659" s="613"/>
      <c r="CBR659" s="613"/>
      <c r="CBS659" s="613"/>
      <c r="CBT659" s="613"/>
      <c r="CBU659" s="613"/>
      <c r="CBV659" s="613"/>
      <c r="CBW659" s="613"/>
      <c r="CBX659" s="613"/>
      <c r="CBY659" s="613"/>
      <c r="CBZ659" s="613"/>
      <c r="CCA659" s="613"/>
      <c r="CCB659" s="613"/>
      <c r="CCC659" s="613"/>
      <c r="CCD659" s="613"/>
      <c r="CCE659" s="613"/>
      <c r="CCF659" s="613"/>
      <c r="CCG659" s="613"/>
      <c r="CCH659" s="613"/>
      <c r="CCI659" s="613"/>
      <c r="CCJ659" s="613"/>
      <c r="CCK659" s="613"/>
      <c r="CCL659" s="613"/>
      <c r="CCM659" s="613"/>
      <c r="CCN659" s="613"/>
      <c r="CCO659" s="613"/>
      <c r="CCP659" s="613"/>
      <c r="CCQ659" s="613"/>
      <c r="CCR659" s="613"/>
      <c r="CCS659" s="613"/>
      <c r="CCT659" s="613"/>
      <c r="CCU659" s="613"/>
      <c r="CCV659" s="613"/>
      <c r="CCW659" s="613"/>
      <c r="CCX659" s="613"/>
      <c r="CCY659" s="613"/>
      <c r="CCZ659" s="613"/>
      <c r="CDA659" s="613"/>
      <c r="CDB659" s="613"/>
      <c r="CDC659" s="613"/>
      <c r="CDD659" s="613"/>
      <c r="CDE659" s="613"/>
      <c r="CDF659" s="613"/>
      <c r="CDG659" s="613"/>
      <c r="CDH659" s="613"/>
      <c r="CDI659" s="613"/>
      <c r="CDJ659" s="613"/>
      <c r="CDK659" s="613"/>
      <c r="CDL659" s="613"/>
      <c r="CDM659" s="613"/>
      <c r="CDN659" s="613"/>
      <c r="CDO659" s="613"/>
      <c r="CDP659" s="613"/>
      <c r="CDQ659" s="613"/>
      <c r="CDR659" s="613"/>
      <c r="CDS659" s="613"/>
      <c r="CDT659" s="613"/>
      <c r="CDU659" s="613"/>
      <c r="CDV659" s="613"/>
      <c r="CDW659" s="613"/>
      <c r="CDX659" s="613"/>
      <c r="CDY659" s="613"/>
      <c r="CDZ659" s="613"/>
      <c r="CEA659" s="613"/>
      <c r="CEB659" s="613"/>
      <c r="CEC659" s="613"/>
      <c r="CED659" s="613"/>
      <c r="CEE659" s="613"/>
      <c r="CEF659" s="613"/>
      <c r="CEG659" s="613"/>
      <c r="CEH659" s="613"/>
      <c r="CEI659" s="613"/>
      <c r="CEJ659" s="613"/>
      <c r="CEK659" s="613"/>
      <c r="CEL659" s="613"/>
      <c r="CEM659" s="613"/>
      <c r="CEN659" s="613"/>
      <c r="CEO659" s="613"/>
      <c r="CEP659" s="613"/>
      <c r="CEQ659" s="613"/>
      <c r="CER659" s="613"/>
      <c r="CES659" s="613"/>
      <c r="CET659" s="613"/>
      <c r="CEU659" s="613"/>
      <c r="CEV659" s="613"/>
      <c r="CEW659" s="613"/>
      <c r="CEX659" s="613"/>
      <c r="CEY659" s="613"/>
      <c r="CEZ659" s="613"/>
      <c r="CFA659" s="613"/>
      <c r="CFB659" s="613"/>
      <c r="CFC659" s="613"/>
      <c r="CFD659" s="613"/>
      <c r="CFE659" s="613"/>
      <c r="CFF659" s="613"/>
      <c r="CFG659" s="613"/>
      <c r="CFH659" s="613"/>
      <c r="CFI659" s="613"/>
      <c r="CFJ659" s="613"/>
      <c r="CFK659" s="613"/>
      <c r="CFL659" s="613"/>
      <c r="CFM659" s="613"/>
      <c r="CFN659" s="613"/>
      <c r="CFO659" s="613"/>
      <c r="CFP659" s="613"/>
      <c r="CFQ659" s="613"/>
      <c r="CFR659" s="613"/>
      <c r="CFS659" s="613"/>
      <c r="CFT659" s="613"/>
      <c r="CFU659" s="613"/>
      <c r="CFV659" s="613"/>
      <c r="CFW659" s="613"/>
      <c r="CFX659" s="613"/>
      <c r="CFY659" s="613"/>
      <c r="CFZ659" s="613"/>
      <c r="CGA659" s="613"/>
      <c r="CGB659" s="613"/>
      <c r="CGC659" s="613"/>
      <c r="CGD659" s="613"/>
      <c r="CGE659" s="613"/>
      <c r="CGF659" s="613"/>
      <c r="CGG659" s="613"/>
      <c r="CGH659" s="613"/>
      <c r="CGI659" s="613"/>
      <c r="CGJ659" s="613"/>
      <c r="CGK659" s="613"/>
      <c r="CGL659" s="613"/>
      <c r="CGM659" s="613"/>
      <c r="CGN659" s="613"/>
      <c r="CGO659" s="613"/>
      <c r="CGP659" s="613"/>
      <c r="CGQ659" s="613"/>
      <c r="CGR659" s="613"/>
      <c r="CGS659" s="613"/>
      <c r="CGT659" s="613"/>
      <c r="CGU659" s="613"/>
      <c r="CGV659" s="613"/>
      <c r="CGW659" s="613"/>
      <c r="CGX659" s="613"/>
      <c r="CGY659" s="613"/>
      <c r="CGZ659" s="613"/>
      <c r="CHA659" s="613"/>
      <c r="CHB659" s="613"/>
      <c r="CHC659" s="613"/>
      <c r="CHD659" s="613"/>
      <c r="CHE659" s="613"/>
      <c r="CHF659" s="613"/>
      <c r="CHG659" s="613"/>
      <c r="CHH659" s="613"/>
      <c r="CHI659" s="613"/>
      <c r="CHJ659" s="613"/>
      <c r="CHK659" s="613"/>
      <c r="CHL659" s="613"/>
      <c r="CHM659" s="613"/>
      <c r="CHN659" s="613"/>
      <c r="CHO659" s="613"/>
      <c r="CHP659" s="613"/>
      <c r="CHQ659" s="613"/>
      <c r="CHR659" s="613"/>
      <c r="CHS659" s="613"/>
      <c r="CHT659" s="613"/>
      <c r="CHU659" s="613"/>
      <c r="CHV659" s="613"/>
      <c r="CHW659" s="613"/>
      <c r="CHX659" s="613"/>
      <c r="CHY659" s="613"/>
      <c r="CHZ659" s="613"/>
      <c r="CIA659" s="613"/>
      <c r="CIB659" s="613"/>
      <c r="CIC659" s="613"/>
      <c r="CID659" s="613"/>
      <c r="CIE659" s="613"/>
      <c r="CIF659" s="613"/>
      <c r="CIG659" s="613"/>
      <c r="CIH659" s="613"/>
      <c r="CII659" s="613"/>
      <c r="CIJ659" s="613"/>
      <c r="CIK659" s="613"/>
      <c r="CIL659" s="613"/>
      <c r="CIM659" s="613"/>
      <c r="CIN659" s="613"/>
      <c r="CIO659" s="613"/>
      <c r="CIP659" s="613"/>
      <c r="CIQ659" s="613"/>
      <c r="CIR659" s="613"/>
      <c r="CIS659" s="613"/>
      <c r="CIT659" s="613"/>
      <c r="CIU659" s="613"/>
      <c r="CIV659" s="613"/>
      <c r="CIW659" s="613"/>
      <c r="CIX659" s="613"/>
      <c r="CIY659" s="613"/>
      <c r="CIZ659" s="613"/>
      <c r="CJA659" s="613"/>
      <c r="CJB659" s="613"/>
      <c r="CJC659" s="613"/>
      <c r="CJD659" s="613"/>
      <c r="CJE659" s="613"/>
      <c r="CJF659" s="613"/>
      <c r="CJG659" s="613"/>
      <c r="CJH659" s="613"/>
      <c r="CJI659" s="613"/>
      <c r="CJJ659" s="613"/>
      <c r="CJK659" s="613"/>
      <c r="CJL659" s="613"/>
      <c r="CJM659" s="613"/>
      <c r="CJN659" s="613"/>
      <c r="CJO659" s="613"/>
      <c r="CJP659" s="613"/>
      <c r="CJQ659" s="613"/>
      <c r="CJR659" s="613"/>
      <c r="CJS659" s="613"/>
      <c r="CJT659" s="613"/>
      <c r="CJU659" s="613"/>
      <c r="CJV659" s="613"/>
      <c r="CJW659" s="613"/>
      <c r="CJX659" s="613"/>
      <c r="CJY659" s="613"/>
      <c r="CJZ659" s="613"/>
      <c r="CKA659" s="613"/>
      <c r="CKB659" s="613"/>
      <c r="CKC659" s="613"/>
      <c r="CKD659" s="613"/>
      <c r="CKE659" s="613"/>
      <c r="CKF659" s="613"/>
      <c r="CKG659" s="613"/>
      <c r="CKH659" s="613"/>
      <c r="CKI659" s="613"/>
      <c r="CKJ659" s="613"/>
      <c r="CKK659" s="613"/>
      <c r="CKL659" s="613"/>
      <c r="CKM659" s="613"/>
      <c r="CKN659" s="613"/>
      <c r="CKO659" s="613"/>
      <c r="CKP659" s="613"/>
      <c r="CKQ659" s="613"/>
      <c r="CKR659" s="613"/>
      <c r="CKS659" s="613"/>
      <c r="CKT659" s="613"/>
      <c r="CKU659" s="613"/>
      <c r="CKV659" s="613"/>
      <c r="CKW659" s="613"/>
      <c r="CKX659" s="613"/>
      <c r="CKY659" s="613"/>
      <c r="CKZ659" s="613"/>
      <c r="CLA659" s="613"/>
      <c r="CLB659" s="613"/>
      <c r="CLC659" s="613"/>
      <c r="CLD659" s="613"/>
      <c r="CLE659" s="613"/>
      <c r="CLF659" s="613"/>
      <c r="CLG659" s="613"/>
      <c r="CLH659" s="613"/>
      <c r="CLI659" s="613"/>
      <c r="CLJ659" s="613"/>
      <c r="CLK659" s="613"/>
      <c r="CLL659" s="613"/>
      <c r="CLM659" s="613"/>
      <c r="CLN659" s="613"/>
      <c r="CLO659" s="613"/>
      <c r="CLP659" s="613"/>
      <c r="CLQ659" s="613"/>
      <c r="CLR659" s="613"/>
      <c r="CLS659" s="613"/>
      <c r="CLT659" s="613"/>
      <c r="CLU659" s="613"/>
      <c r="CLV659" s="613"/>
      <c r="CLW659" s="613"/>
      <c r="CLX659" s="613"/>
      <c r="CLY659" s="613"/>
      <c r="CLZ659" s="613"/>
      <c r="CMA659" s="613"/>
      <c r="CMB659" s="613"/>
      <c r="CMC659" s="613"/>
      <c r="CMD659" s="613"/>
      <c r="CME659" s="613"/>
      <c r="CMF659" s="613"/>
      <c r="CMG659" s="613"/>
      <c r="CMH659" s="613"/>
      <c r="CMI659" s="613"/>
      <c r="CMJ659" s="613"/>
      <c r="CMK659" s="613"/>
      <c r="CML659" s="613"/>
      <c r="CMM659" s="613"/>
      <c r="CMN659" s="613"/>
      <c r="CMO659" s="613"/>
      <c r="CMP659" s="613"/>
      <c r="CMQ659" s="613"/>
      <c r="CMR659" s="613"/>
      <c r="CMS659" s="613"/>
      <c r="CMT659" s="613"/>
      <c r="CMU659" s="613"/>
      <c r="CMV659" s="613"/>
      <c r="CMW659" s="613"/>
      <c r="CMX659" s="613"/>
      <c r="CMY659" s="613"/>
      <c r="CMZ659" s="613"/>
      <c r="CNA659" s="613"/>
      <c r="CNB659" s="613"/>
      <c r="CNC659" s="613"/>
      <c r="CND659" s="613"/>
      <c r="CNE659" s="613"/>
      <c r="CNF659" s="613"/>
      <c r="CNG659" s="613"/>
      <c r="CNH659" s="613"/>
      <c r="CNI659" s="613"/>
      <c r="CNJ659" s="613"/>
      <c r="CNK659" s="613"/>
      <c r="CNL659" s="613"/>
      <c r="CNM659" s="613"/>
      <c r="CNN659" s="613"/>
      <c r="CNO659" s="613"/>
      <c r="CNP659" s="613"/>
      <c r="CNQ659" s="613"/>
      <c r="CNR659" s="613"/>
      <c r="CNS659" s="613"/>
      <c r="CNT659" s="613"/>
      <c r="CNU659" s="613"/>
      <c r="CNV659" s="613"/>
      <c r="CNW659" s="613"/>
      <c r="CNX659" s="613"/>
      <c r="CNY659" s="613"/>
      <c r="CNZ659" s="613"/>
      <c r="COA659" s="613"/>
      <c r="COB659" s="613"/>
      <c r="COC659" s="613"/>
      <c r="COD659" s="613"/>
      <c r="COE659" s="613"/>
      <c r="COF659" s="613"/>
      <c r="COG659" s="613"/>
      <c r="COH659" s="613"/>
      <c r="COI659" s="613"/>
      <c r="COJ659" s="613"/>
      <c r="COK659" s="613"/>
      <c r="COL659" s="613"/>
      <c r="COM659" s="613"/>
      <c r="CON659" s="613"/>
      <c r="COO659" s="613"/>
      <c r="COP659" s="613"/>
      <c r="COQ659" s="613"/>
      <c r="COR659" s="613"/>
      <c r="COS659" s="613"/>
      <c r="COT659" s="613"/>
      <c r="COU659" s="613"/>
      <c r="COV659" s="613"/>
      <c r="COW659" s="613"/>
      <c r="COX659" s="613"/>
      <c r="COY659" s="613"/>
      <c r="COZ659" s="613"/>
      <c r="CPA659" s="613"/>
      <c r="CPB659" s="613"/>
      <c r="CPC659" s="613"/>
      <c r="CPD659" s="613"/>
      <c r="CPE659" s="613"/>
      <c r="CPF659" s="613"/>
      <c r="CPG659" s="613"/>
      <c r="CPH659" s="613"/>
      <c r="CPI659" s="613"/>
      <c r="CPJ659" s="613"/>
      <c r="CPK659" s="613"/>
      <c r="CPL659" s="613"/>
      <c r="CPM659" s="613"/>
      <c r="CPN659" s="613"/>
      <c r="CPO659" s="613"/>
      <c r="CPP659" s="613"/>
      <c r="CPQ659" s="613"/>
      <c r="CPR659" s="613"/>
      <c r="CPS659" s="613"/>
      <c r="CPT659" s="613"/>
      <c r="CPU659" s="613"/>
      <c r="CPV659" s="613"/>
      <c r="CPW659" s="613"/>
      <c r="CPX659" s="613"/>
      <c r="CPY659" s="613"/>
      <c r="CPZ659" s="613"/>
      <c r="CQA659" s="613"/>
      <c r="CQB659" s="613"/>
      <c r="CQC659" s="613"/>
      <c r="CQD659" s="613"/>
      <c r="CQE659" s="613"/>
      <c r="CQF659" s="613"/>
      <c r="CQG659" s="613"/>
      <c r="CQH659" s="613"/>
      <c r="CQI659" s="613"/>
      <c r="CQJ659" s="613"/>
      <c r="CQK659" s="613"/>
      <c r="CQL659" s="613"/>
      <c r="CQM659" s="613"/>
      <c r="CQN659" s="613"/>
      <c r="CQO659" s="613"/>
      <c r="CQP659" s="613"/>
      <c r="CQQ659" s="613"/>
      <c r="CQR659" s="613"/>
      <c r="CQS659" s="613"/>
      <c r="CQT659" s="613"/>
      <c r="CQU659" s="613"/>
      <c r="CQV659" s="613"/>
      <c r="CQW659" s="613"/>
      <c r="CQX659" s="613"/>
      <c r="CQY659" s="613"/>
      <c r="CQZ659" s="613"/>
      <c r="CRA659" s="613"/>
      <c r="CRB659" s="613"/>
      <c r="CRC659" s="613"/>
      <c r="CRD659" s="613"/>
      <c r="CRE659" s="613"/>
      <c r="CRF659" s="613"/>
      <c r="CRG659" s="613"/>
      <c r="CRH659" s="613"/>
      <c r="CRI659" s="613"/>
      <c r="CRJ659" s="613"/>
      <c r="CRK659" s="613"/>
      <c r="CRL659" s="613"/>
      <c r="CRM659" s="613"/>
      <c r="CRN659" s="613"/>
      <c r="CRO659" s="613"/>
      <c r="CRP659" s="613"/>
      <c r="CRQ659" s="613"/>
      <c r="CRR659" s="613"/>
      <c r="CRS659" s="613"/>
      <c r="CRT659" s="613"/>
      <c r="CRU659" s="613"/>
      <c r="CRV659" s="613"/>
      <c r="CRW659" s="613"/>
      <c r="CRX659" s="613"/>
      <c r="CRY659" s="613"/>
      <c r="CRZ659" s="613"/>
      <c r="CSA659" s="613"/>
      <c r="CSB659" s="613"/>
      <c r="CSC659" s="613"/>
      <c r="CSD659" s="613"/>
      <c r="CSE659" s="613"/>
      <c r="CSF659" s="613"/>
      <c r="CSG659" s="613"/>
      <c r="CSH659" s="613"/>
      <c r="CSI659" s="613"/>
      <c r="CSJ659" s="613"/>
      <c r="CSK659" s="613"/>
      <c r="CSL659" s="613"/>
      <c r="CSM659" s="613"/>
      <c r="CSN659" s="613"/>
      <c r="CSO659" s="613"/>
      <c r="CSP659" s="613"/>
      <c r="CSQ659" s="613"/>
      <c r="CSR659" s="613"/>
      <c r="CSS659" s="613"/>
      <c r="CST659" s="613"/>
      <c r="CSU659" s="613"/>
      <c r="CSV659" s="613"/>
      <c r="CSW659" s="613"/>
      <c r="CSX659" s="613"/>
      <c r="CSY659" s="613"/>
      <c r="CSZ659" s="613"/>
      <c r="CTA659" s="613"/>
      <c r="CTB659" s="613"/>
      <c r="CTC659" s="613"/>
      <c r="CTD659" s="613"/>
      <c r="CTE659" s="613"/>
      <c r="CTF659" s="613"/>
      <c r="CTG659" s="613"/>
      <c r="CTH659" s="613"/>
      <c r="CTI659" s="613"/>
      <c r="CTJ659" s="613"/>
      <c r="CTK659" s="613"/>
      <c r="CTL659" s="613"/>
      <c r="CTM659" s="613"/>
      <c r="CTN659" s="613"/>
      <c r="CTO659" s="613"/>
      <c r="CTP659" s="613"/>
      <c r="CTQ659" s="613"/>
      <c r="CTR659" s="613"/>
      <c r="CTS659" s="613"/>
      <c r="CTT659" s="613"/>
      <c r="CTU659" s="613"/>
      <c r="CTV659" s="613"/>
      <c r="CTW659" s="613"/>
      <c r="CTX659" s="613"/>
      <c r="CTY659" s="613"/>
      <c r="CTZ659" s="613"/>
      <c r="CUA659" s="613"/>
      <c r="CUB659" s="613"/>
      <c r="CUC659" s="613"/>
      <c r="CUD659" s="613"/>
      <c r="CUE659" s="613"/>
      <c r="CUF659" s="613"/>
      <c r="CUG659" s="613"/>
      <c r="CUH659" s="613"/>
      <c r="CUI659" s="613"/>
      <c r="CUJ659" s="613"/>
      <c r="CUK659" s="613"/>
      <c r="CUL659" s="613"/>
      <c r="CUM659" s="613"/>
      <c r="CUN659" s="613"/>
      <c r="CUO659" s="613"/>
      <c r="CUP659" s="613"/>
      <c r="CUQ659" s="613"/>
      <c r="CUR659" s="613"/>
      <c r="CUS659" s="613"/>
      <c r="CUT659" s="613"/>
      <c r="CUU659" s="613"/>
      <c r="CUV659" s="613"/>
      <c r="CUW659" s="613"/>
      <c r="CUX659" s="613"/>
      <c r="CUY659" s="613"/>
      <c r="CUZ659" s="613"/>
      <c r="CVA659" s="613"/>
      <c r="CVB659" s="613"/>
      <c r="CVC659" s="613"/>
      <c r="CVD659" s="613"/>
      <c r="CVE659" s="613"/>
      <c r="CVF659" s="613"/>
      <c r="CVG659" s="613"/>
      <c r="CVH659" s="613"/>
      <c r="CVI659" s="613"/>
      <c r="CVJ659" s="613"/>
      <c r="CVK659" s="613"/>
      <c r="CVL659" s="613"/>
      <c r="CVM659" s="613"/>
      <c r="CVN659" s="613"/>
      <c r="CVO659" s="613"/>
      <c r="CVP659" s="613"/>
      <c r="CVQ659" s="613"/>
      <c r="CVR659" s="613"/>
      <c r="CVS659" s="613"/>
      <c r="CVT659" s="613"/>
      <c r="CVU659" s="613"/>
      <c r="CVV659" s="613"/>
      <c r="CVW659" s="613"/>
      <c r="CVX659" s="613"/>
      <c r="CVY659" s="613"/>
      <c r="CVZ659" s="613"/>
      <c r="CWA659" s="613"/>
      <c r="CWB659" s="613"/>
      <c r="CWC659" s="613"/>
      <c r="CWD659" s="613"/>
      <c r="CWE659" s="613"/>
      <c r="CWF659" s="613"/>
      <c r="CWG659" s="613"/>
      <c r="CWH659" s="613"/>
      <c r="CWI659" s="613"/>
      <c r="CWJ659" s="613"/>
      <c r="CWK659" s="613"/>
      <c r="CWL659" s="613"/>
      <c r="CWM659" s="613"/>
      <c r="CWN659" s="613"/>
      <c r="CWO659" s="613"/>
      <c r="CWP659" s="613"/>
      <c r="CWQ659" s="613"/>
      <c r="CWR659" s="613"/>
      <c r="CWS659" s="613"/>
      <c r="CWT659" s="613"/>
      <c r="CWU659" s="613"/>
      <c r="CWV659" s="613"/>
      <c r="CWW659" s="613"/>
      <c r="CWX659" s="613"/>
      <c r="CWY659" s="613"/>
      <c r="CWZ659" s="613"/>
      <c r="CXA659" s="613"/>
      <c r="CXB659" s="613"/>
      <c r="CXC659" s="613"/>
      <c r="CXD659" s="613"/>
      <c r="CXE659" s="613"/>
      <c r="CXF659" s="613"/>
      <c r="CXG659" s="613"/>
      <c r="CXH659" s="613"/>
      <c r="CXI659" s="613"/>
      <c r="CXJ659" s="613"/>
      <c r="CXK659" s="613"/>
      <c r="CXL659" s="613"/>
      <c r="CXM659" s="613"/>
      <c r="CXN659" s="613"/>
      <c r="CXO659" s="613"/>
      <c r="CXP659" s="613"/>
      <c r="CXQ659" s="613"/>
      <c r="CXR659" s="613"/>
      <c r="CXS659" s="613"/>
      <c r="CXT659" s="613"/>
      <c r="CXU659" s="613"/>
      <c r="CXV659" s="613"/>
      <c r="CXW659" s="613"/>
      <c r="CXX659" s="613"/>
      <c r="CXY659" s="613"/>
      <c r="CXZ659" s="613"/>
      <c r="CYA659" s="613"/>
      <c r="CYB659" s="613"/>
      <c r="CYC659" s="613"/>
      <c r="CYD659" s="613"/>
      <c r="CYE659" s="613"/>
      <c r="CYF659" s="613"/>
      <c r="CYG659" s="613"/>
      <c r="CYH659" s="613"/>
      <c r="CYI659" s="613"/>
      <c r="CYJ659" s="613"/>
      <c r="CYK659" s="613"/>
      <c r="CYL659" s="613"/>
      <c r="CYM659" s="613"/>
      <c r="CYN659" s="613"/>
      <c r="CYO659" s="613"/>
      <c r="CYP659" s="613"/>
      <c r="CYQ659" s="613"/>
      <c r="CYR659" s="613"/>
      <c r="CYS659" s="613"/>
      <c r="CYT659" s="613"/>
      <c r="CYU659" s="613"/>
      <c r="CYV659" s="613"/>
      <c r="CYW659" s="613"/>
      <c r="CYX659" s="613"/>
      <c r="CYY659" s="613"/>
      <c r="CYZ659" s="613"/>
      <c r="CZA659" s="613"/>
      <c r="CZB659" s="613"/>
      <c r="CZC659" s="613"/>
      <c r="CZD659" s="613"/>
      <c r="CZE659" s="613"/>
      <c r="CZF659" s="613"/>
      <c r="CZG659" s="613"/>
      <c r="CZH659" s="613"/>
      <c r="CZI659" s="613"/>
      <c r="CZJ659" s="613"/>
      <c r="CZK659" s="613"/>
      <c r="CZL659" s="613"/>
      <c r="CZM659" s="613"/>
      <c r="CZN659" s="613"/>
      <c r="CZO659" s="613"/>
      <c r="CZP659" s="613"/>
      <c r="CZQ659" s="613"/>
      <c r="CZR659" s="613"/>
      <c r="CZS659" s="613"/>
      <c r="CZT659" s="613"/>
      <c r="CZU659" s="613"/>
      <c r="CZV659" s="613"/>
      <c r="CZW659" s="613"/>
      <c r="CZX659" s="613"/>
      <c r="CZY659" s="613"/>
      <c r="CZZ659" s="613"/>
      <c r="DAA659" s="613"/>
      <c r="DAB659" s="613"/>
      <c r="DAC659" s="613"/>
      <c r="DAD659" s="613"/>
      <c r="DAE659" s="613"/>
      <c r="DAF659" s="613"/>
      <c r="DAG659" s="613"/>
      <c r="DAH659" s="613"/>
      <c r="DAI659" s="613"/>
      <c r="DAJ659" s="613"/>
      <c r="DAK659" s="613"/>
      <c r="DAL659" s="613"/>
      <c r="DAM659" s="613"/>
      <c r="DAN659" s="613"/>
      <c r="DAO659" s="613"/>
      <c r="DAP659" s="613"/>
      <c r="DAQ659" s="613"/>
      <c r="DAR659" s="613"/>
      <c r="DAS659" s="613"/>
      <c r="DAT659" s="613"/>
      <c r="DAU659" s="613"/>
      <c r="DAV659" s="613"/>
      <c r="DAW659" s="613"/>
      <c r="DAX659" s="613"/>
      <c r="DAY659" s="613"/>
      <c r="DAZ659" s="613"/>
      <c r="DBA659" s="613"/>
      <c r="DBB659" s="613"/>
      <c r="DBC659" s="613"/>
      <c r="DBD659" s="613"/>
      <c r="DBE659" s="613"/>
      <c r="DBF659" s="613"/>
      <c r="DBG659" s="613"/>
      <c r="DBH659" s="613"/>
      <c r="DBI659" s="613"/>
      <c r="DBJ659" s="613"/>
      <c r="DBK659" s="613"/>
      <c r="DBL659" s="613"/>
      <c r="DBM659" s="613"/>
      <c r="DBN659" s="613"/>
      <c r="DBO659" s="613"/>
      <c r="DBP659" s="613"/>
      <c r="DBQ659" s="613"/>
      <c r="DBR659" s="613"/>
      <c r="DBS659" s="613"/>
      <c r="DBT659" s="613"/>
      <c r="DBU659" s="613"/>
      <c r="DBV659" s="613"/>
      <c r="DBW659" s="613"/>
      <c r="DBX659" s="613"/>
      <c r="DBY659" s="613"/>
      <c r="DBZ659" s="613"/>
      <c r="DCA659" s="613"/>
      <c r="DCB659" s="613"/>
      <c r="DCC659" s="613"/>
      <c r="DCD659" s="613"/>
      <c r="DCE659" s="613"/>
      <c r="DCF659" s="613"/>
      <c r="DCG659" s="613"/>
      <c r="DCH659" s="613"/>
      <c r="DCI659" s="613"/>
      <c r="DCJ659" s="613"/>
      <c r="DCK659" s="613"/>
      <c r="DCL659" s="613"/>
      <c r="DCM659" s="613"/>
      <c r="DCN659" s="613"/>
      <c r="DCO659" s="613"/>
      <c r="DCP659" s="613"/>
      <c r="DCQ659" s="613"/>
      <c r="DCR659" s="613"/>
      <c r="DCS659" s="613"/>
      <c r="DCT659" s="613"/>
      <c r="DCU659" s="613"/>
      <c r="DCV659" s="613"/>
      <c r="DCW659" s="613"/>
      <c r="DCX659" s="613"/>
      <c r="DCY659" s="613"/>
      <c r="DCZ659" s="613"/>
      <c r="DDA659" s="613"/>
      <c r="DDB659" s="613"/>
      <c r="DDC659" s="613"/>
      <c r="DDD659" s="613"/>
      <c r="DDE659" s="613"/>
      <c r="DDF659" s="613"/>
      <c r="DDG659" s="613"/>
      <c r="DDH659" s="613"/>
      <c r="DDI659" s="613"/>
      <c r="DDJ659" s="613"/>
      <c r="DDK659" s="613"/>
      <c r="DDL659" s="613"/>
      <c r="DDM659" s="613"/>
      <c r="DDN659" s="613"/>
      <c r="DDO659" s="613"/>
      <c r="DDP659" s="613"/>
      <c r="DDQ659" s="613"/>
      <c r="DDR659" s="613"/>
      <c r="DDS659" s="613"/>
      <c r="DDT659" s="613"/>
      <c r="DDU659" s="613"/>
      <c r="DDV659" s="613"/>
      <c r="DDW659" s="613"/>
      <c r="DDX659" s="613"/>
      <c r="DDY659" s="613"/>
      <c r="DDZ659" s="613"/>
      <c r="DEA659" s="613"/>
      <c r="DEB659" s="613"/>
      <c r="DEC659" s="613"/>
      <c r="DED659" s="613"/>
      <c r="DEE659" s="613"/>
      <c r="DEF659" s="613"/>
      <c r="DEG659" s="613"/>
      <c r="DEH659" s="613"/>
      <c r="DEI659" s="613"/>
      <c r="DEJ659" s="613"/>
      <c r="DEK659" s="613"/>
      <c r="DEL659" s="613"/>
      <c r="DEM659" s="613"/>
      <c r="DEN659" s="613"/>
      <c r="DEO659" s="613"/>
      <c r="DEP659" s="613"/>
      <c r="DEQ659" s="613"/>
      <c r="DER659" s="613"/>
      <c r="DES659" s="613"/>
      <c r="DET659" s="613"/>
      <c r="DEU659" s="613"/>
      <c r="DEV659" s="613"/>
      <c r="DEW659" s="613"/>
      <c r="DEX659" s="613"/>
      <c r="DEY659" s="613"/>
      <c r="DEZ659" s="613"/>
      <c r="DFA659" s="613"/>
      <c r="DFB659" s="613"/>
      <c r="DFC659" s="613"/>
      <c r="DFD659" s="613"/>
      <c r="DFE659" s="613"/>
      <c r="DFF659" s="613"/>
      <c r="DFG659" s="613"/>
      <c r="DFH659" s="613"/>
      <c r="DFI659" s="613"/>
      <c r="DFJ659" s="613"/>
      <c r="DFK659" s="613"/>
      <c r="DFL659" s="613"/>
      <c r="DFM659" s="613"/>
      <c r="DFN659" s="613"/>
      <c r="DFO659" s="613"/>
      <c r="DFP659" s="613"/>
      <c r="DFQ659" s="613"/>
      <c r="DFR659" s="613"/>
      <c r="DFS659" s="613"/>
      <c r="DFT659" s="613"/>
      <c r="DFU659" s="613"/>
      <c r="DFV659" s="613"/>
      <c r="DFW659" s="613"/>
      <c r="DFX659" s="613"/>
      <c r="DFY659" s="613"/>
      <c r="DFZ659" s="613"/>
      <c r="DGA659" s="613"/>
      <c r="DGB659" s="613"/>
      <c r="DGC659" s="613"/>
      <c r="DGD659" s="613"/>
      <c r="DGE659" s="613"/>
      <c r="DGF659" s="613"/>
      <c r="DGG659" s="613"/>
      <c r="DGH659" s="613"/>
      <c r="DGI659" s="613"/>
      <c r="DGJ659" s="613"/>
      <c r="DGK659" s="613"/>
      <c r="DGL659" s="613"/>
      <c r="DGM659" s="613"/>
      <c r="DGN659" s="613"/>
      <c r="DGO659" s="613"/>
      <c r="DGP659" s="613"/>
      <c r="DGQ659" s="613"/>
      <c r="DGR659" s="613"/>
      <c r="DGS659" s="613"/>
      <c r="DGT659" s="613"/>
      <c r="DGU659" s="613"/>
      <c r="DGV659" s="613"/>
      <c r="DGW659" s="613"/>
      <c r="DGX659" s="613"/>
      <c r="DGY659" s="613"/>
      <c r="DGZ659" s="613"/>
      <c r="DHA659" s="613"/>
      <c r="DHB659" s="613"/>
      <c r="DHC659" s="613"/>
      <c r="DHD659" s="613"/>
      <c r="DHE659" s="613"/>
      <c r="DHF659" s="613"/>
      <c r="DHG659" s="613"/>
      <c r="DHH659" s="613"/>
      <c r="DHI659" s="613"/>
      <c r="DHJ659" s="613"/>
      <c r="DHK659" s="613"/>
      <c r="DHL659" s="613"/>
      <c r="DHM659" s="613"/>
      <c r="DHN659" s="613"/>
      <c r="DHO659" s="613"/>
      <c r="DHP659" s="613"/>
      <c r="DHQ659" s="613"/>
      <c r="DHR659" s="613"/>
      <c r="DHS659" s="613"/>
      <c r="DHT659" s="613"/>
      <c r="DHU659" s="613"/>
      <c r="DHV659" s="613"/>
      <c r="DHW659" s="613"/>
      <c r="DHX659" s="613"/>
      <c r="DHY659" s="613"/>
      <c r="DHZ659" s="613"/>
      <c r="DIA659" s="613"/>
      <c r="DIB659" s="613"/>
      <c r="DIC659" s="613"/>
      <c r="DID659" s="613"/>
      <c r="DIE659" s="613"/>
      <c r="DIF659" s="613"/>
      <c r="DIG659" s="613"/>
      <c r="DIH659" s="613"/>
      <c r="DII659" s="613"/>
      <c r="DIJ659" s="613"/>
      <c r="DIK659" s="613"/>
      <c r="DIL659" s="613"/>
      <c r="DIM659" s="613"/>
      <c r="DIN659" s="613"/>
      <c r="DIO659" s="613"/>
      <c r="DIP659" s="613"/>
      <c r="DIQ659" s="613"/>
      <c r="DIR659" s="613"/>
      <c r="DIS659" s="613"/>
      <c r="DIT659" s="613"/>
      <c r="DIU659" s="613"/>
      <c r="DIV659" s="613"/>
      <c r="DIW659" s="613"/>
      <c r="DIX659" s="613"/>
      <c r="DIY659" s="613"/>
      <c r="DIZ659" s="613"/>
      <c r="DJA659" s="613"/>
      <c r="DJB659" s="613"/>
      <c r="DJC659" s="613"/>
      <c r="DJD659" s="613"/>
      <c r="DJE659" s="613"/>
      <c r="DJF659" s="613"/>
      <c r="DJG659" s="613"/>
      <c r="DJH659" s="613"/>
      <c r="DJI659" s="613"/>
      <c r="DJJ659" s="613"/>
      <c r="DJK659" s="613"/>
      <c r="DJL659" s="613"/>
      <c r="DJM659" s="613"/>
      <c r="DJN659" s="613"/>
      <c r="DJO659" s="613"/>
      <c r="DJP659" s="613"/>
      <c r="DJQ659" s="613"/>
      <c r="DJR659" s="613"/>
      <c r="DJS659" s="613"/>
      <c r="DJT659" s="613"/>
      <c r="DJU659" s="613"/>
      <c r="DJV659" s="613"/>
      <c r="DJW659" s="613"/>
      <c r="DJX659" s="613"/>
      <c r="DJY659" s="613"/>
      <c r="DJZ659" s="613"/>
      <c r="DKA659" s="613"/>
      <c r="DKB659" s="613"/>
      <c r="DKC659" s="613"/>
      <c r="DKD659" s="613"/>
      <c r="DKE659" s="613"/>
      <c r="DKF659" s="613"/>
      <c r="DKG659" s="613"/>
      <c r="DKH659" s="613"/>
      <c r="DKI659" s="613"/>
      <c r="DKJ659" s="613"/>
      <c r="DKK659" s="613"/>
      <c r="DKL659" s="613"/>
      <c r="DKM659" s="613"/>
      <c r="DKN659" s="613"/>
      <c r="DKO659" s="613"/>
      <c r="DKP659" s="613"/>
      <c r="DKQ659" s="613"/>
      <c r="DKR659" s="613"/>
      <c r="DKS659" s="613"/>
      <c r="DKT659" s="613"/>
      <c r="DKU659" s="613"/>
      <c r="DKV659" s="613"/>
      <c r="DKW659" s="613"/>
      <c r="DKX659" s="613"/>
      <c r="DKY659" s="613"/>
      <c r="DKZ659" s="613"/>
      <c r="DLA659" s="613"/>
      <c r="DLB659" s="613"/>
      <c r="DLC659" s="613"/>
      <c r="DLD659" s="613"/>
      <c r="DLE659" s="613"/>
      <c r="DLF659" s="613"/>
      <c r="DLG659" s="613"/>
      <c r="DLH659" s="613"/>
      <c r="DLI659" s="613"/>
      <c r="DLJ659" s="613"/>
      <c r="DLK659" s="613"/>
      <c r="DLL659" s="613"/>
      <c r="DLM659" s="613"/>
      <c r="DLN659" s="613"/>
      <c r="DLO659" s="613"/>
      <c r="DLP659" s="613"/>
      <c r="DLQ659" s="613"/>
      <c r="DLR659" s="613"/>
      <c r="DLS659" s="613"/>
      <c r="DLT659" s="613"/>
      <c r="DLU659" s="613"/>
      <c r="DLV659" s="613"/>
      <c r="DLW659" s="613"/>
      <c r="DLX659" s="613"/>
      <c r="DLY659" s="613"/>
      <c r="DLZ659" s="613"/>
      <c r="DMA659" s="613"/>
      <c r="DMB659" s="613"/>
      <c r="DMC659" s="613"/>
      <c r="DMD659" s="613"/>
      <c r="DME659" s="613"/>
      <c r="DMF659" s="613"/>
      <c r="DMG659" s="613"/>
      <c r="DMH659" s="613"/>
      <c r="DMI659" s="613"/>
      <c r="DMJ659" s="613"/>
      <c r="DMK659" s="613"/>
      <c r="DML659" s="613"/>
      <c r="DMM659" s="613"/>
      <c r="DMN659" s="613"/>
      <c r="DMO659" s="613"/>
      <c r="DMP659" s="613"/>
      <c r="DMQ659" s="613"/>
      <c r="DMR659" s="613"/>
      <c r="DMS659" s="613"/>
      <c r="DMT659" s="613"/>
      <c r="DMU659" s="613"/>
      <c r="DMV659" s="613"/>
      <c r="DMW659" s="613"/>
      <c r="DMX659" s="613"/>
      <c r="DMY659" s="613"/>
      <c r="DMZ659" s="613"/>
      <c r="DNA659" s="613"/>
      <c r="DNB659" s="613"/>
      <c r="DNC659" s="613"/>
      <c r="DND659" s="613"/>
      <c r="DNE659" s="613"/>
      <c r="DNF659" s="613"/>
      <c r="DNG659" s="613"/>
      <c r="DNH659" s="613"/>
      <c r="DNI659" s="613"/>
      <c r="DNJ659" s="613"/>
      <c r="DNK659" s="613"/>
      <c r="DNL659" s="613"/>
      <c r="DNM659" s="613"/>
      <c r="DNN659" s="613"/>
      <c r="DNO659" s="613"/>
      <c r="DNP659" s="613"/>
      <c r="DNQ659" s="613"/>
      <c r="DNR659" s="613"/>
      <c r="DNS659" s="613"/>
      <c r="DNT659" s="613"/>
      <c r="DNU659" s="613"/>
      <c r="DNV659" s="613"/>
      <c r="DNW659" s="613"/>
      <c r="DNX659" s="613"/>
      <c r="DNY659" s="613"/>
      <c r="DNZ659" s="613"/>
      <c r="DOA659" s="613"/>
      <c r="DOB659" s="613"/>
      <c r="DOC659" s="613"/>
      <c r="DOD659" s="613"/>
      <c r="DOE659" s="613"/>
      <c r="DOF659" s="613"/>
      <c r="DOG659" s="613"/>
      <c r="DOH659" s="613"/>
      <c r="DOI659" s="613"/>
      <c r="DOJ659" s="613"/>
      <c r="DOK659" s="613"/>
      <c r="DOL659" s="613"/>
      <c r="DOM659" s="613"/>
      <c r="DON659" s="613"/>
      <c r="DOO659" s="613"/>
      <c r="DOP659" s="613"/>
      <c r="DOQ659" s="613"/>
      <c r="DOR659" s="613"/>
      <c r="DOS659" s="613"/>
      <c r="DOT659" s="613"/>
      <c r="DOU659" s="613"/>
      <c r="DOV659" s="613"/>
      <c r="DOW659" s="613"/>
      <c r="DOX659" s="613"/>
      <c r="DOY659" s="613"/>
      <c r="DOZ659" s="613"/>
      <c r="DPA659" s="613"/>
      <c r="DPB659" s="613"/>
      <c r="DPC659" s="613"/>
      <c r="DPD659" s="613"/>
      <c r="DPE659" s="613"/>
      <c r="DPF659" s="613"/>
      <c r="DPG659" s="613"/>
      <c r="DPH659" s="613"/>
      <c r="DPI659" s="613"/>
      <c r="DPJ659" s="613"/>
      <c r="DPK659" s="613"/>
      <c r="DPL659" s="613"/>
      <c r="DPM659" s="613"/>
      <c r="DPN659" s="613"/>
      <c r="DPO659" s="613"/>
      <c r="DPP659" s="613"/>
      <c r="DPQ659" s="613"/>
      <c r="DPR659" s="613"/>
      <c r="DPS659" s="613"/>
      <c r="DPT659" s="613"/>
      <c r="DPU659" s="613"/>
      <c r="DPV659" s="613"/>
      <c r="DPW659" s="613"/>
      <c r="DPX659" s="613"/>
      <c r="DPY659" s="613"/>
      <c r="DPZ659" s="613"/>
      <c r="DQA659" s="613"/>
      <c r="DQB659" s="613"/>
      <c r="DQC659" s="613"/>
      <c r="DQD659" s="613"/>
      <c r="DQE659" s="613"/>
      <c r="DQF659" s="613"/>
      <c r="DQG659" s="613"/>
      <c r="DQH659" s="613"/>
      <c r="DQI659" s="613"/>
      <c r="DQJ659" s="613"/>
      <c r="DQK659" s="613"/>
      <c r="DQL659" s="613"/>
      <c r="DQM659" s="613"/>
      <c r="DQN659" s="613"/>
      <c r="DQO659" s="613"/>
      <c r="DQP659" s="613"/>
      <c r="DQQ659" s="613"/>
      <c r="DQR659" s="613"/>
      <c r="DQS659" s="613"/>
      <c r="DQT659" s="613"/>
      <c r="DQU659" s="613"/>
      <c r="DQV659" s="613"/>
      <c r="DQW659" s="613"/>
      <c r="DQX659" s="613"/>
      <c r="DQY659" s="613"/>
      <c r="DQZ659" s="613"/>
      <c r="DRA659" s="613"/>
      <c r="DRB659" s="613"/>
      <c r="DRC659" s="613"/>
      <c r="DRD659" s="613"/>
      <c r="DRE659" s="613"/>
      <c r="DRF659" s="613"/>
      <c r="DRG659" s="613"/>
      <c r="DRH659" s="613"/>
      <c r="DRI659" s="613"/>
      <c r="DRJ659" s="613"/>
      <c r="DRK659" s="613"/>
      <c r="DRL659" s="613"/>
      <c r="DRM659" s="613"/>
      <c r="DRN659" s="613"/>
      <c r="DRO659" s="613"/>
      <c r="DRP659" s="613"/>
      <c r="DRQ659" s="613"/>
      <c r="DRR659" s="613"/>
      <c r="DRS659" s="613"/>
      <c r="DRT659" s="613"/>
      <c r="DRU659" s="613"/>
      <c r="DRV659" s="613"/>
      <c r="DRW659" s="613"/>
      <c r="DRX659" s="613"/>
      <c r="DRY659" s="613"/>
      <c r="DRZ659" s="613"/>
      <c r="DSA659" s="613"/>
      <c r="DSB659" s="613"/>
      <c r="DSC659" s="613"/>
      <c r="DSD659" s="613"/>
      <c r="DSE659" s="613"/>
      <c r="DSF659" s="613"/>
      <c r="DSG659" s="613"/>
      <c r="DSH659" s="613"/>
      <c r="DSI659" s="613"/>
      <c r="DSJ659" s="613"/>
      <c r="DSK659" s="613"/>
      <c r="DSL659" s="613"/>
      <c r="DSM659" s="613"/>
      <c r="DSN659" s="613"/>
      <c r="DSO659" s="613"/>
      <c r="DSP659" s="613"/>
      <c r="DSQ659" s="613"/>
      <c r="DSR659" s="613"/>
      <c r="DSS659" s="613"/>
      <c r="DST659" s="613"/>
      <c r="DSU659" s="613"/>
      <c r="DSV659" s="613"/>
      <c r="DSW659" s="613"/>
      <c r="DSX659" s="613"/>
      <c r="DSY659" s="613"/>
      <c r="DSZ659" s="613"/>
      <c r="DTA659" s="613"/>
      <c r="DTB659" s="613"/>
      <c r="DTC659" s="613"/>
      <c r="DTD659" s="613"/>
      <c r="DTE659" s="613"/>
      <c r="DTF659" s="613"/>
      <c r="DTG659" s="613"/>
      <c r="DTH659" s="613"/>
      <c r="DTI659" s="613"/>
      <c r="DTJ659" s="613"/>
      <c r="DTK659" s="613"/>
      <c r="DTL659" s="613"/>
      <c r="DTM659" s="613"/>
      <c r="DTN659" s="613"/>
      <c r="DTO659" s="613"/>
      <c r="DTP659" s="613"/>
      <c r="DTQ659" s="613"/>
      <c r="DTR659" s="613"/>
      <c r="DTS659" s="613"/>
      <c r="DTT659" s="613"/>
      <c r="DTU659" s="613"/>
      <c r="DTV659" s="613"/>
      <c r="DTW659" s="613"/>
      <c r="DTX659" s="613"/>
      <c r="DTY659" s="613"/>
      <c r="DTZ659" s="613"/>
      <c r="DUA659" s="613"/>
      <c r="DUB659" s="613"/>
      <c r="DUC659" s="613"/>
      <c r="DUD659" s="613"/>
      <c r="DUE659" s="613"/>
      <c r="DUF659" s="613"/>
      <c r="DUG659" s="613"/>
      <c r="DUH659" s="613"/>
      <c r="DUI659" s="613"/>
      <c r="DUJ659" s="613"/>
      <c r="DUK659" s="613"/>
      <c r="DUL659" s="613"/>
      <c r="DUM659" s="613"/>
      <c r="DUN659" s="613"/>
      <c r="DUO659" s="613"/>
      <c r="DUP659" s="613"/>
      <c r="DUQ659" s="613"/>
      <c r="DUR659" s="613"/>
      <c r="DUS659" s="613"/>
      <c r="DUT659" s="613"/>
      <c r="DUU659" s="613"/>
      <c r="DUV659" s="613"/>
      <c r="DUW659" s="613"/>
      <c r="DUX659" s="613"/>
      <c r="DUY659" s="613"/>
      <c r="DUZ659" s="613"/>
      <c r="DVA659" s="613"/>
      <c r="DVB659" s="613"/>
      <c r="DVC659" s="613"/>
      <c r="DVD659" s="613"/>
      <c r="DVE659" s="613"/>
      <c r="DVF659" s="613"/>
      <c r="DVG659" s="613"/>
      <c r="DVH659" s="613"/>
      <c r="DVI659" s="613"/>
      <c r="DVJ659" s="613"/>
      <c r="DVK659" s="613"/>
      <c r="DVL659" s="613"/>
      <c r="DVM659" s="613"/>
      <c r="DVN659" s="613"/>
      <c r="DVO659" s="613"/>
      <c r="DVP659" s="613"/>
      <c r="DVQ659" s="613"/>
      <c r="DVR659" s="613"/>
      <c r="DVS659" s="613"/>
      <c r="DVT659" s="613"/>
      <c r="DVU659" s="613"/>
      <c r="DVV659" s="613"/>
      <c r="DVW659" s="613"/>
      <c r="DVX659" s="613"/>
      <c r="DVY659" s="613"/>
      <c r="DVZ659" s="613"/>
      <c r="DWA659" s="613"/>
      <c r="DWB659" s="613"/>
      <c r="DWC659" s="613"/>
      <c r="DWD659" s="613"/>
      <c r="DWE659" s="613"/>
      <c r="DWF659" s="613"/>
      <c r="DWG659" s="613"/>
      <c r="DWH659" s="613"/>
      <c r="DWI659" s="613"/>
      <c r="DWJ659" s="613"/>
      <c r="DWK659" s="613"/>
      <c r="DWL659" s="613"/>
      <c r="DWM659" s="613"/>
      <c r="DWN659" s="613"/>
      <c r="DWO659" s="613"/>
      <c r="DWP659" s="613"/>
      <c r="DWQ659" s="613"/>
      <c r="DWR659" s="613"/>
      <c r="DWS659" s="613"/>
      <c r="DWT659" s="613"/>
      <c r="DWU659" s="613"/>
      <c r="DWV659" s="613"/>
      <c r="DWW659" s="613"/>
      <c r="DWX659" s="613"/>
      <c r="DWY659" s="613"/>
      <c r="DWZ659" s="613"/>
      <c r="DXA659" s="613"/>
      <c r="DXB659" s="613"/>
      <c r="DXC659" s="613"/>
      <c r="DXD659" s="613"/>
      <c r="DXE659" s="613"/>
      <c r="DXF659" s="613"/>
      <c r="DXG659" s="613"/>
      <c r="DXH659" s="613"/>
      <c r="DXI659" s="613"/>
      <c r="DXJ659" s="613"/>
      <c r="DXK659" s="613"/>
      <c r="DXL659" s="613"/>
      <c r="DXM659" s="613"/>
      <c r="DXN659" s="613"/>
      <c r="DXO659" s="613"/>
      <c r="DXP659" s="613"/>
      <c r="DXQ659" s="613"/>
      <c r="DXR659" s="613"/>
      <c r="DXS659" s="613"/>
      <c r="DXT659" s="613"/>
      <c r="DXU659" s="613"/>
      <c r="DXV659" s="613"/>
      <c r="DXW659" s="613"/>
      <c r="DXX659" s="613"/>
      <c r="DXY659" s="613"/>
      <c r="DXZ659" s="613"/>
      <c r="DYA659" s="613"/>
      <c r="DYB659" s="613"/>
      <c r="DYC659" s="613"/>
      <c r="DYD659" s="613"/>
      <c r="DYE659" s="613"/>
      <c r="DYF659" s="613"/>
      <c r="DYG659" s="613"/>
      <c r="DYH659" s="613"/>
      <c r="DYI659" s="613"/>
      <c r="DYJ659" s="613"/>
      <c r="DYK659" s="613"/>
      <c r="DYL659" s="613"/>
      <c r="DYM659" s="613"/>
      <c r="DYN659" s="613"/>
      <c r="DYO659" s="613"/>
      <c r="DYP659" s="613"/>
      <c r="DYQ659" s="613"/>
      <c r="DYR659" s="613"/>
      <c r="DYS659" s="613"/>
      <c r="DYT659" s="613"/>
      <c r="DYU659" s="613"/>
      <c r="DYV659" s="613"/>
      <c r="DYW659" s="613"/>
      <c r="DYX659" s="613"/>
      <c r="DYY659" s="613"/>
      <c r="DYZ659" s="613"/>
      <c r="DZA659" s="613"/>
      <c r="DZB659" s="613"/>
      <c r="DZC659" s="613"/>
      <c r="DZD659" s="613"/>
      <c r="DZE659" s="613"/>
      <c r="DZF659" s="613"/>
      <c r="DZG659" s="613"/>
      <c r="DZH659" s="613"/>
      <c r="DZI659" s="613"/>
      <c r="DZJ659" s="613"/>
      <c r="DZK659" s="613"/>
      <c r="DZL659" s="613"/>
      <c r="DZM659" s="613"/>
      <c r="DZN659" s="613"/>
      <c r="DZO659" s="613"/>
      <c r="DZP659" s="613"/>
      <c r="DZQ659" s="613"/>
      <c r="DZR659" s="613"/>
      <c r="DZS659" s="613"/>
      <c r="DZT659" s="613"/>
      <c r="DZU659" s="613"/>
      <c r="DZV659" s="613"/>
      <c r="DZW659" s="613"/>
      <c r="DZX659" s="613"/>
      <c r="DZY659" s="613"/>
      <c r="DZZ659" s="613"/>
      <c r="EAA659" s="613"/>
      <c r="EAB659" s="613"/>
      <c r="EAC659" s="613"/>
      <c r="EAD659" s="613"/>
      <c r="EAE659" s="613"/>
      <c r="EAF659" s="613"/>
      <c r="EAG659" s="613"/>
      <c r="EAH659" s="613"/>
      <c r="EAI659" s="613"/>
      <c r="EAJ659" s="613"/>
      <c r="EAK659" s="613"/>
      <c r="EAL659" s="613"/>
      <c r="EAM659" s="613"/>
      <c r="EAN659" s="613"/>
      <c r="EAO659" s="613"/>
      <c r="EAP659" s="613"/>
      <c r="EAQ659" s="613"/>
      <c r="EAR659" s="613"/>
      <c r="EAS659" s="613"/>
      <c r="EAT659" s="613"/>
      <c r="EAU659" s="613"/>
      <c r="EAV659" s="613"/>
      <c r="EAW659" s="613"/>
      <c r="EAX659" s="613"/>
      <c r="EAY659" s="613"/>
      <c r="EAZ659" s="613"/>
      <c r="EBA659" s="613"/>
      <c r="EBB659" s="613"/>
      <c r="EBC659" s="613"/>
      <c r="EBD659" s="613"/>
      <c r="EBE659" s="613"/>
      <c r="EBF659" s="613"/>
      <c r="EBG659" s="613"/>
      <c r="EBH659" s="613"/>
      <c r="EBI659" s="613"/>
      <c r="EBJ659" s="613"/>
      <c r="EBK659" s="613"/>
      <c r="EBL659" s="613"/>
      <c r="EBM659" s="613"/>
      <c r="EBN659" s="613"/>
      <c r="EBO659" s="613"/>
      <c r="EBP659" s="613"/>
      <c r="EBQ659" s="613"/>
      <c r="EBR659" s="613"/>
      <c r="EBS659" s="613"/>
      <c r="EBT659" s="613"/>
      <c r="EBU659" s="613"/>
      <c r="EBV659" s="613"/>
      <c r="EBW659" s="613"/>
      <c r="EBX659" s="613"/>
      <c r="EBY659" s="613"/>
      <c r="EBZ659" s="613"/>
      <c r="ECA659" s="613"/>
      <c r="ECB659" s="613"/>
      <c r="ECC659" s="613"/>
      <c r="ECD659" s="613"/>
      <c r="ECE659" s="613"/>
      <c r="ECF659" s="613"/>
      <c r="ECG659" s="613"/>
      <c r="ECH659" s="613"/>
      <c r="ECI659" s="613"/>
      <c r="ECJ659" s="613"/>
      <c r="ECK659" s="613"/>
      <c r="ECL659" s="613"/>
      <c r="ECM659" s="613"/>
      <c r="ECN659" s="613"/>
      <c r="ECO659" s="613"/>
      <c r="ECP659" s="613"/>
      <c r="ECQ659" s="613"/>
      <c r="ECR659" s="613"/>
      <c r="ECS659" s="613"/>
      <c r="ECT659" s="613"/>
      <c r="ECU659" s="613"/>
      <c r="ECV659" s="613"/>
      <c r="ECW659" s="613"/>
      <c r="ECX659" s="613"/>
      <c r="ECY659" s="613"/>
      <c r="ECZ659" s="613"/>
      <c r="EDA659" s="613"/>
      <c r="EDB659" s="613"/>
      <c r="EDC659" s="613"/>
      <c r="EDD659" s="613"/>
      <c r="EDE659" s="613"/>
      <c r="EDF659" s="613"/>
      <c r="EDG659" s="613"/>
      <c r="EDH659" s="613"/>
      <c r="EDI659" s="613"/>
      <c r="EDJ659" s="613"/>
      <c r="EDK659" s="613"/>
      <c r="EDL659" s="613"/>
      <c r="EDM659" s="613"/>
      <c r="EDN659" s="613"/>
      <c r="EDO659" s="613"/>
      <c r="EDP659" s="613"/>
      <c r="EDQ659" s="613"/>
      <c r="EDR659" s="613"/>
      <c r="EDS659" s="613"/>
      <c r="EDT659" s="613"/>
      <c r="EDU659" s="613"/>
      <c r="EDV659" s="613"/>
      <c r="EDW659" s="613"/>
      <c r="EDX659" s="613"/>
      <c r="EDY659" s="613"/>
      <c r="EDZ659" s="613"/>
      <c r="EEA659" s="613"/>
      <c r="EEB659" s="613"/>
      <c r="EEC659" s="613"/>
      <c r="EED659" s="613"/>
      <c r="EEE659" s="613"/>
      <c r="EEF659" s="613"/>
      <c r="EEG659" s="613"/>
      <c r="EEH659" s="613"/>
      <c r="EEI659" s="613"/>
      <c r="EEJ659" s="613"/>
      <c r="EEK659" s="613"/>
      <c r="EEL659" s="613"/>
      <c r="EEM659" s="613"/>
      <c r="EEN659" s="613"/>
      <c r="EEO659" s="613"/>
      <c r="EEP659" s="613"/>
      <c r="EEQ659" s="613"/>
      <c r="EER659" s="613"/>
      <c r="EES659" s="613"/>
      <c r="EET659" s="613"/>
      <c r="EEU659" s="613"/>
      <c r="EEV659" s="613"/>
      <c r="EEW659" s="613"/>
      <c r="EEX659" s="613"/>
      <c r="EEY659" s="613"/>
      <c r="EEZ659" s="613"/>
      <c r="EFA659" s="613"/>
      <c r="EFB659" s="613"/>
      <c r="EFC659" s="613"/>
      <c r="EFD659" s="613"/>
      <c r="EFE659" s="613"/>
      <c r="EFF659" s="613"/>
      <c r="EFG659" s="613"/>
      <c r="EFH659" s="613"/>
      <c r="EFI659" s="613"/>
      <c r="EFJ659" s="613"/>
      <c r="EFK659" s="613"/>
      <c r="EFL659" s="613"/>
      <c r="EFM659" s="613"/>
      <c r="EFN659" s="613"/>
      <c r="EFO659" s="613"/>
      <c r="EFP659" s="613"/>
      <c r="EFQ659" s="613"/>
      <c r="EFR659" s="613"/>
      <c r="EFS659" s="613"/>
      <c r="EFT659" s="613"/>
      <c r="EFU659" s="613"/>
      <c r="EFV659" s="613"/>
      <c r="EFW659" s="613"/>
      <c r="EFX659" s="613"/>
      <c r="EFY659" s="613"/>
      <c r="EFZ659" s="613"/>
      <c r="EGA659" s="613"/>
      <c r="EGB659" s="613"/>
      <c r="EGC659" s="613"/>
      <c r="EGD659" s="613"/>
      <c r="EGE659" s="613"/>
      <c r="EGF659" s="613"/>
      <c r="EGG659" s="613"/>
      <c r="EGH659" s="613"/>
      <c r="EGI659" s="613"/>
      <c r="EGJ659" s="613"/>
      <c r="EGK659" s="613"/>
      <c r="EGL659" s="613"/>
      <c r="EGM659" s="613"/>
      <c r="EGN659" s="613"/>
      <c r="EGO659" s="613"/>
      <c r="EGP659" s="613"/>
      <c r="EGQ659" s="613"/>
      <c r="EGR659" s="613"/>
      <c r="EGS659" s="613"/>
      <c r="EGT659" s="613"/>
      <c r="EGU659" s="613"/>
      <c r="EGV659" s="613"/>
      <c r="EGW659" s="613"/>
      <c r="EGX659" s="613"/>
      <c r="EGY659" s="613"/>
      <c r="EGZ659" s="613"/>
      <c r="EHA659" s="613"/>
      <c r="EHB659" s="613"/>
      <c r="EHC659" s="613"/>
      <c r="EHD659" s="613"/>
      <c r="EHE659" s="613"/>
      <c r="EHF659" s="613"/>
      <c r="EHG659" s="613"/>
      <c r="EHH659" s="613"/>
      <c r="EHI659" s="613"/>
      <c r="EHJ659" s="613"/>
      <c r="EHK659" s="613"/>
      <c r="EHL659" s="613"/>
      <c r="EHM659" s="613"/>
      <c r="EHN659" s="613"/>
      <c r="EHO659" s="613"/>
      <c r="EHP659" s="613"/>
      <c r="EHQ659" s="613"/>
      <c r="EHR659" s="613"/>
      <c r="EHS659" s="613"/>
      <c r="EHT659" s="613"/>
      <c r="EHU659" s="613"/>
      <c r="EHV659" s="613"/>
      <c r="EHW659" s="613"/>
      <c r="EHX659" s="613"/>
      <c r="EHY659" s="613"/>
      <c r="EHZ659" s="613"/>
      <c r="EIA659" s="613"/>
      <c r="EIB659" s="613"/>
      <c r="EIC659" s="613"/>
      <c r="EID659" s="613"/>
      <c r="EIE659" s="613"/>
      <c r="EIF659" s="613"/>
      <c r="EIG659" s="613"/>
      <c r="EIH659" s="613"/>
      <c r="EII659" s="613"/>
      <c r="EIJ659" s="613"/>
      <c r="EIK659" s="613"/>
      <c r="EIL659" s="613"/>
      <c r="EIM659" s="613"/>
      <c r="EIN659" s="613"/>
      <c r="EIO659" s="613"/>
      <c r="EIP659" s="613"/>
      <c r="EIQ659" s="613"/>
      <c r="EIR659" s="613"/>
      <c r="EIS659" s="613"/>
      <c r="EIT659" s="613"/>
      <c r="EIU659" s="613"/>
      <c r="EIV659" s="613"/>
      <c r="EIW659" s="613"/>
      <c r="EIX659" s="613"/>
      <c r="EIY659" s="613"/>
      <c r="EIZ659" s="613"/>
      <c r="EJA659" s="613"/>
      <c r="EJB659" s="613"/>
      <c r="EJC659" s="613"/>
      <c r="EJD659" s="613"/>
      <c r="EJE659" s="613"/>
      <c r="EJF659" s="613"/>
      <c r="EJG659" s="613"/>
      <c r="EJH659" s="613"/>
      <c r="EJI659" s="613"/>
      <c r="EJJ659" s="613"/>
      <c r="EJK659" s="613"/>
      <c r="EJL659" s="613"/>
      <c r="EJM659" s="613"/>
      <c r="EJN659" s="613"/>
      <c r="EJO659" s="613"/>
      <c r="EJP659" s="613"/>
      <c r="EJQ659" s="613"/>
      <c r="EJR659" s="613"/>
      <c r="EJS659" s="613"/>
      <c r="EJT659" s="613"/>
      <c r="EJU659" s="613"/>
      <c r="EJV659" s="613"/>
      <c r="EJW659" s="613"/>
      <c r="EJX659" s="613"/>
      <c r="EJY659" s="613"/>
      <c r="EJZ659" s="613"/>
      <c r="EKA659" s="613"/>
      <c r="EKB659" s="613"/>
      <c r="EKC659" s="613"/>
      <c r="EKD659" s="613"/>
      <c r="EKE659" s="613"/>
      <c r="EKF659" s="613"/>
      <c r="EKG659" s="613"/>
      <c r="EKH659" s="613"/>
      <c r="EKI659" s="613"/>
      <c r="EKJ659" s="613"/>
      <c r="EKK659" s="613"/>
      <c r="EKL659" s="613"/>
      <c r="EKM659" s="613"/>
      <c r="EKN659" s="613"/>
      <c r="EKO659" s="613"/>
      <c r="EKP659" s="613"/>
      <c r="EKQ659" s="613"/>
      <c r="EKR659" s="613"/>
      <c r="EKS659" s="613"/>
      <c r="EKT659" s="613"/>
      <c r="EKU659" s="613"/>
      <c r="EKV659" s="613"/>
      <c r="EKW659" s="613"/>
      <c r="EKX659" s="613"/>
      <c r="EKY659" s="613"/>
      <c r="EKZ659" s="613"/>
      <c r="ELA659" s="613"/>
      <c r="ELB659" s="613"/>
      <c r="ELC659" s="613"/>
      <c r="ELD659" s="613"/>
      <c r="ELE659" s="613"/>
      <c r="ELF659" s="613"/>
      <c r="ELG659" s="613"/>
      <c r="ELH659" s="613"/>
      <c r="ELI659" s="613"/>
      <c r="ELJ659" s="613"/>
      <c r="ELK659" s="613"/>
      <c r="ELL659" s="613"/>
      <c r="ELM659" s="613"/>
      <c r="ELN659" s="613"/>
      <c r="ELO659" s="613"/>
      <c r="ELP659" s="613"/>
      <c r="ELQ659" s="613"/>
      <c r="ELR659" s="613"/>
      <c r="ELS659" s="613"/>
      <c r="ELT659" s="613"/>
      <c r="ELU659" s="613"/>
      <c r="ELV659" s="613"/>
      <c r="ELW659" s="613"/>
      <c r="ELX659" s="613"/>
      <c r="ELY659" s="613"/>
      <c r="ELZ659" s="613"/>
      <c r="EMA659" s="613"/>
      <c r="EMB659" s="613"/>
      <c r="EMC659" s="613"/>
      <c r="EMD659" s="613"/>
      <c r="EME659" s="613"/>
      <c r="EMF659" s="613"/>
      <c r="EMG659" s="613"/>
      <c r="EMH659" s="613"/>
      <c r="EMI659" s="613"/>
      <c r="EMJ659" s="613"/>
      <c r="EMK659" s="613"/>
      <c r="EML659" s="613"/>
      <c r="EMM659" s="613"/>
      <c r="EMN659" s="613"/>
      <c r="EMO659" s="613"/>
      <c r="EMP659" s="613"/>
      <c r="EMQ659" s="613"/>
      <c r="EMR659" s="613"/>
      <c r="EMS659" s="613"/>
      <c r="EMT659" s="613"/>
      <c r="EMU659" s="613"/>
      <c r="EMV659" s="613"/>
      <c r="EMW659" s="613"/>
      <c r="EMX659" s="613"/>
      <c r="EMY659" s="613"/>
      <c r="EMZ659" s="613"/>
      <c r="ENA659" s="613"/>
      <c r="ENB659" s="613"/>
      <c r="ENC659" s="613"/>
      <c r="END659" s="613"/>
      <c r="ENE659" s="613"/>
      <c r="ENF659" s="613"/>
      <c r="ENG659" s="613"/>
      <c r="ENH659" s="613"/>
      <c r="ENI659" s="613"/>
      <c r="ENJ659" s="613"/>
      <c r="ENK659" s="613"/>
      <c r="ENL659" s="613"/>
      <c r="ENM659" s="613"/>
      <c r="ENN659" s="613"/>
      <c r="ENO659" s="613"/>
      <c r="ENP659" s="613"/>
      <c r="ENQ659" s="613"/>
      <c r="ENR659" s="613"/>
      <c r="ENS659" s="613"/>
      <c r="ENT659" s="613"/>
      <c r="ENU659" s="613"/>
      <c r="ENV659" s="613"/>
      <c r="ENW659" s="613"/>
      <c r="ENX659" s="613"/>
      <c r="ENY659" s="613"/>
      <c r="ENZ659" s="613"/>
      <c r="EOA659" s="613"/>
      <c r="EOB659" s="613"/>
      <c r="EOC659" s="613"/>
      <c r="EOD659" s="613"/>
      <c r="EOE659" s="613"/>
      <c r="EOF659" s="613"/>
      <c r="EOG659" s="613"/>
      <c r="EOH659" s="613"/>
      <c r="EOI659" s="613"/>
      <c r="EOJ659" s="613"/>
      <c r="EOK659" s="613"/>
      <c r="EOL659" s="613"/>
      <c r="EOM659" s="613"/>
      <c r="EON659" s="613"/>
      <c r="EOO659" s="613"/>
      <c r="EOP659" s="613"/>
      <c r="EOQ659" s="613"/>
      <c r="EOR659" s="613"/>
      <c r="EOS659" s="613"/>
      <c r="EOT659" s="613"/>
      <c r="EOU659" s="613"/>
      <c r="EOV659" s="613"/>
      <c r="EOW659" s="613"/>
      <c r="EOX659" s="613"/>
      <c r="EOY659" s="613"/>
      <c r="EOZ659" s="613"/>
      <c r="EPA659" s="613"/>
      <c r="EPB659" s="613"/>
      <c r="EPC659" s="613"/>
      <c r="EPD659" s="613"/>
      <c r="EPE659" s="613"/>
      <c r="EPF659" s="613"/>
      <c r="EPG659" s="613"/>
      <c r="EPH659" s="613"/>
      <c r="EPI659" s="613"/>
      <c r="EPJ659" s="613"/>
      <c r="EPK659" s="613"/>
      <c r="EPL659" s="613"/>
      <c r="EPM659" s="613"/>
      <c r="EPN659" s="613"/>
      <c r="EPO659" s="613"/>
      <c r="EPP659" s="613"/>
      <c r="EPQ659" s="613"/>
      <c r="EPR659" s="613"/>
      <c r="EPS659" s="613"/>
      <c r="EPT659" s="613"/>
      <c r="EPU659" s="613"/>
      <c r="EPV659" s="613"/>
      <c r="EPW659" s="613"/>
      <c r="EPX659" s="613"/>
      <c r="EPY659" s="613"/>
      <c r="EPZ659" s="613"/>
      <c r="EQA659" s="613"/>
      <c r="EQB659" s="613"/>
      <c r="EQC659" s="613"/>
      <c r="EQD659" s="613"/>
      <c r="EQE659" s="613"/>
      <c r="EQF659" s="613"/>
      <c r="EQG659" s="613"/>
      <c r="EQH659" s="613"/>
      <c r="EQI659" s="613"/>
      <c r="EQJ659" s="613"/>
      <c r="EQK659" s="613"/>
      <c r="EQL659" s="613"/>
      <c r="EQM659" s="613"/>
      <c r="EQN659" s="613"/>
      <c r="EQO659" s="613"/>
      <c r="EQP659" s="613"/>
      <c r="EQQ659" s="613"/>
      <c r="EQR659" s="613"/>
      <c r="EQS659" s="613"/>
      <c r="EQT659" s="613"/>
      <c r="EQU659" s="613"/>
      <c r="EQV659" s="613"/>
      <c r="EQW659" s="613"/>
      <c r="EQX659" s="613"/>
      <c r="EQY659" s="613"/>
      <c r="EQZ659" s="613"/>
      <c r="ERA659" s="613"/>
      <c r="ERB659" s="613"/>
      <c r="ERC659" s="613"/>
      <c r="ERD659" s="613"/>
      <c r="ERE659" s="613"/>
      <c r="ERF659" s="613"/>
      <c r="ERG659" s="613"/>
      <c r="ERH659" s="613"/>
      <c r="ERI659" s="613"/>
      <c r="ERJ659" s="613"/>
      <c r="ERK659" s="613"/>
      <c r="ERL659" s="613"/>
      <c r="ERM659" s="613"/>
      <c r="ERN659" s="613"/>
      <c r="ERO659" s="613"/>
      <c r="ERP659" s="613"/>
      <c r="ERQ659" s="613"/>
      <c r="ERR659" s="613"/>
      <c r="ERS659" s="613"/>
      <c r="ERT659" s="613"/>
      <c r="ERU659" s="613"/>
      <c r="ERV659" s="613"/>
      <c r="ERW659" s="613"/>
      <c r="ERX659" s="613"/>
      <c r="ERY659" s="613"/>
      <c r="ERZ659" s="613"/>
      <c r="ESA659" s="613"/>
      <c r="ESB659" s="613"/>
      <c r="ESC659" s="613"/>
      <c r="ESD659" s="613"/>
      <c r="ESE659" s="613"/>
      <c r="ESF659" s="613"/>
      <c r="ESG659" s="613"/>
      <c r="ESH659" s="613"/>
      <c r="ESI659" s="613"/>
      <c r="ESJ659" s="613"/>
      <c r="ESK659" s="613"/>
      <c r="ESL659" s="613"/>
      <c r="ESM659" s="613"/>
      <c r="ESN659" s="613"/>
      <c r="ESO659" s="613"/>
      <c r="ESP659" s="613"/>
      <c r="ESQ659" s="613"/>
      <c r="ESR659" s="613"/>
      <c r="ESS659" s="613"/>
      <c r="EST659" s="613"/>
      <c r="ESU659" s="613"/>
      <c r="ESV659" s="613"/>
      <c r="ESW659" s="613"/>
      <c r="ESX659" s="613"/>
      <c r="ESY659" s="613"/>
      <c r="ESZ659" s="613"/>
      <c r="ETA659" s="613"/>
      <c r="ETB659" s="613"/>
      <c r="ETC659" s="613"/>
      <c r="ETD659" s="613"/>
      <c r="ETE659" s="613"/>
      <c r="ETF659" s="613"/>
      <c r="ETG659" s="613"/>
      <c r="ETH659" s="613"/>
      <c r="ETI659" s="613"/>
      <c r="ETJ659" s="613"/>
      <c r="ETK659" s="613"/>
      <c r="ETL659" s="613"/>
      <c r="ETM659" s="613"/>
      <c r="ETN659" s="613"/>
      <c r="ETO659" s="613"/>
      <c r="ETP659" s="613"/>
      <c r="ETQ659" s="613"/>
      <c r="ETR659" s="613"/>
      <c r="ETS659" s="613"/>
      <c r="ETT659" s="613"/>
      <c r="ETU659" s="613"/>
      <c r="ETV659" s="613"/>
      <c r="ETW659" s="613"/>
      <c r="ETX659" s="613"/>
      <c r="ETY659" s="613"/>
      <c r="ETZ659" s="613"/>
      <c r="EUA659" s="613"/>
      <c r="EUB659" s="613"/>
      <c r="EUC659" s="613"/>
      <c r="EUD659" s="613"/>
      <c r="EUE659" s="613"/>
      <c r="EUF659" s="613"/>
      <c r="EUG659" s="613"/>
      <c r="EUH659" s="613"/>
      <c r="EUI659" s="613"/>
      <c r="EUJ659" s="613"/>
      <c r="EUK659" s="613"/>
      <c r="EUL659" s="613"/>
      <c r="EUM659" s="613"/>
      <c r="EUN659" s="613"/>
      <c r="EUO659" s="613"/>
      <c r="EUP659" s="613"/>
      <c r="EUQ659" s="613"/>
      <c r="EUR659" s="613"/>
      <c r="EUS659" s="613"/>
      <c r="EUT659" s="613"/>
      <c r="EUU659" s="613"/>
      <c r="EUV659" s="613"/>
      <c r="EUW659" s="613"/>
      <c r="EUX659" s="613"/>
      <c r="EUY659" s="613"/>
      <c r="EUZ659" s="613"/>
      <c r="EVA659" s="613"/>
      <c r="EVB659" s="613"/>
      <c r="EVC659" s="613"/>
      <c r="EVD659" s="613"/>
      <c r="EVE659" s="613"/>
      <c r="EVF659" s="613"/>
      <c r="EVG659" s="613"/>
      <c r="EVH659" s="613"/>
      <c r="EVI659" s="613"/>
      <c r="EVJ659" s="613"/>
      <c r="EVK659" s="613"/>
      <c r="EVL659" s="613"/>
      <c r="EVM659" s="613"/>
      <c r="EVN659" s="613"/>
      <c r="EVO659" s="613"/>
      <c r="EVP659" s="613"/>
      <c r="EVQ659" s="613"/>
      <c r="EVR659" s="613"/>
      <c r="EVS659" s="613"/>
      <c r="EVT659" s="613"/>
      <c r="EVU659" s="613"/>
      <c r="EVV659" s="613"/>
      <c r="EVW659" s="613"/>
      <c r="EVX659" s="613"/>
      <c r="EVY659" s="613"/>
      <c r="EVZ659" s="613"/>
      <c r="EWA659" s="613"/>
      <c r="EWB659" s="613"/>
      <c r="EWC659" s="613"/>
      <c r="EWD659" s="613"/>
      <c r="EWE659" s="613"/>
      <c r="EWF659" s="613"/>
      <c r="EWG659" s="613"/>
      <c r="EWH659" s="613"/>
      <c r="EWI659" s="613"/>
      <c r="EWJ659" s="613"/>
      <c r="EWK659" s="613"/>
      <c r="EWL659" s="613"/>
      <c r="EWM659" s="613"/>
      <c r="EWN659" s="613"/>
      <c r="EWO659" s="613"/>
      <c r="EWP659" s="613"/>
      <c r="EWQ659" s="613"/>
      <c r="EWR659" s="613"/>
      <c r="EWS659" s="613"/>
      <c r="EWT659" s="613"/>
      <c r="EWU659" s="613"/>
      <c r="EWV659" s="613"/>
      <c r="EWW659" s="613"/>
      <c r="EWX659" s="613"/>
      <c r="EWY659" s="613"/>
      <c r="EWZ659" s="613"/>
      <c r="EXA659" s="613"/>
      <c r="EXB659" s="613"/>
      <c r="EXC659" s="613"/>
      <c r="EXD659" s="613"/>
      <c r="EXE659" s="613"/>
      <c r="EXF659" s="613"/>
      <c r="EXG659" s="613"/>
      <c r="EXH659" s="613"/>
      <c r="EXI659" s="613"/>
      <c r="EXJ659" s="613"/>
      <c r="EXK659" s="613"/>
      <c r="EXL659" s="613"/>
      <c r="EXM659" s="613"/>
      <c r="EXN659" s="613"/>
      <c r="EXO659" s="613"/>
      <c r="EXP659" s="613"/>
      <c r="EXQ659" s="613"/>
      <c r="EXR659" s="613"/>
      <c r="EXS659" s="613"/>
      <c r="EXT659" s="613"/>
      <c r="EXU659" s="613"/>
      <c r="EXV659" s="613"/>
      <c r="EXW659" s="613"/>
      <c r="EXX659" s="613"/>
      <c r="EXY659" s="613"/>
      <c r="EXZ659" s="613"/>
      <c r="EYA659" s="613"/>
      <c r="EYB659" s="613"/>
      <c r="EYC659" s="613"/>
      <c r="EYD659" s="613"/>
      <c r="EYE659" s="613"/>
      <c r="EYF659" s="613"/>
      <c r="EYG659" s="613"/>
      <c r="EYH659" s="613"/>
      <c r="EYI659" s="613"/>
      <c r="EYJ659" s="613"/>
      <c r="EYK659" s="613"/>
      <c r="EYL659" s="613"/>
      <c r="EYM659" s="613"/>
      <c r="EYN659" s="613"/>
      <c r="EYO659" s="613"/>
      <c r="EYP659" s="613"/>
      <c r="EYQ659" s="613"/>
      <c r="EYR659" s="613"/>
      <c r="EYS659" s="613"/>
      <c r="EYT659" s="613"/>
      <c r="EYU659" s="613"/>
      <c r="EYV659" s="613"/>
      <c r="EYW659" s="613"/>
      <c r="EYX659" s="613"/>
      <c r="EYY659" s="613"/>
      <c r="EYZ659" s="613"/>
      <c r="EZA659" s="613"/>
      <c r="EZB659" s="613"/>
      <c r="EZC659" s="613"/>
      <c r="EZD659" s="613"/>
      <c r="EZE659" s="613"/>
      <c r="EZF659" s="613"/>
      <c r="EZG659" s="613"/>
      <c r="EZH659" s="613"/>
      <c r="EZI659" s="613"/>
      <c r="EZJ659" s="613"/>
      <c r="EZK659" s="613"/>
      <c r="EZL659" s="613"/>
      <c r="EZM659" s="613"/>
      <c r="EZN659" s="613"/>
      <c r="EZO659" s="613"/>
      <c r="EZP659" s="613"/>
      <c r="EZQ659" s="613"/>
      <c r="EZR659" s="613"/>
      <c r="EZS659" s="613"/>
      <c r="EZT659" s="613"/>
      <c r="EZU659" s="613"/>
      <c r="EZV659" s="613"/>
      <c r="EZW659" s="613"/>
      <c r="EZX659" s="613"/>
      <c r="EZY659" s="613"/>
      <c r="EZZ659" s="613"/>
      <c r="FAA659" s="613"/>
      <c r="FAB659" s="613"/>
      <c r="FAC659" s="613"/>
      <c r="FAD659" s="613"/>
      <c r="FAE659" s="613"/>
      <c r="FAF659" s="613"/>
      <c r="FAG659" s="613"/>
      <c r="FAH659" s="613"/>
      <c r="FAI659" s="613"/>
      <c r="FAJ659" s="613"/>
      <c r="FAK659" s="613"/>
      <c r="FAL659" s="613"/>
      <c r="FAM659" s="613"/>
      <c r="FAN659" s="613"/>
      <c r="FAO659" s="613"/>
      <c r="FAP659" s="613"/>
      <c r="FAQ659" s="613"/>
      <c r="FAR659" s="613"/>
      <c r="FAS659" s="613"/>
      <c r="FAT659" s="613"/>
      <c r="FAU659" s="613"/>
      <c r="FAV659" s="613"/>
      <c r="FAW659" s="613"/>
      <c r="FAX659" s="613"/>
      <c r="FAY659" s="613"/>
      <c r="FAZ659" s="613"/>
      <c r="FBA659" s="613"/>
      <c r="FBB659" s="613"/>
      <c r="FBC659" s="613"/>
      <c r="FBD659" s="613"/>
      <c r="FBE659" s="613"/>
      <c r="FBF659" s="613"/>
      <c r="FBG659" s="613"/>
      <c r="FBH659" s="613"/>
      <c r="FBI659" s="613"/>
      <c r="FBJ659" s="613"/>
      <c r="FBK659" s="613"/>
      <c r="FBL659" s="613"/>
      <c r="FBM659" s="613"/>
      <c r="FBN659" s="613"/>
      <c r="FBO659" s="613"/>
      <c r="FBP659" s="613"/>
      <c r="FBQ659" s="613"/>
      <c r="FBR659" s="613"/>
      <c r="FBS659" s="613"/>
      <c r="FBT659" s="613"/>
      <c r="FBU659" s="613"/>
      <c r="FBV659" s="613"/>
      <c r="FBW659" s="613"/>
      <c r="FBX659" s="613"/>
      <c r="FBY659" s="613"/>
      <c r="FBZ659" s="613"/>
      <c r="FCA659" s="613"/>
      <c r="FCB659" s="613"/>
      <c r="FCC659" s="613"/>
      <c r="FCD659" s="613"/>
      <c r="FCE659" s="613"/>
      <c r="FCF659" s="613"/>
      <c r="FCG659" s="613"/>
      <c r="FCH659" s="613"/>
      <c r="FCI659" s="613"/>
      <c r="FCJ659" s="613"/>
      <c r="FCK659" s="613"/>
      <c r="FCL659" s="613"/>
      <c r="FCM659" s="613"/>
      <c r="FCN659" s="613"/>
      <c r="FCO659" s="613"/>
      <c r="FCP659" s="613"/>
      <c r="FCQ659" s="613"/>
      <c r="FCR659" s="613"/>
      <c r="FCS659" s="613"/>
      <c r="FCT659" s="613"/>
      <c r="FCU659" s="613"/>
      <c r="FCV659" s="613"/>
      <c r="FCW659" s="613"/>
      <c r="FCX659" s="613"/>
      <c r="FCY659" s="613"/>
      <c r="FCZ659" s="613"/>
      <c r="FDA659" s="613"/>
      <c r="FDB659" s="613"/>
      <c r="FDC659" s="613"/>
      <c r="FDD659" s="613"/>
      <c r="FDE659" s="613"/>
      <c r="FDF659" s="613"/>
      <c r="FDG659" s="613"/>
      <c r="FDH659" s="613"/>
      <c r="FDI659" s="613"/>
      <c r="FDJ659" s="613"/>
      <c r="FDK659" s="613"/>
      <c r="FDL659" s="613"/>
      <c r="FDM659" s="613"/>
      <c r="FDN659" s="613"/>
      <c r="FDO659" s="613"/>
      <c r="FDP659" s="613"/>
      <c r="FDQ659" s="613"/>
      <c r="FDR659" s="613"/>
      <c r="FDS659" s="613"/>
      <c r="FDT659" s="613"/>
      <c r="FDU659" s="613"/>
      <c r="FDV659" s="613"/>
      <c r="FDW659" s="613"/>
      <c r="FDX659" s="613"/>
      <c r="FDY659" s="613"/>
      <c r="FDZ659" s="613"/>
      <c r="FEA659" s="613"/>
      <c r="FEB659" s="613"/>
      <c r="FEC659" s="613"/>
      <c r="FED659" s="613"/>
      <c r="FEE659" s="613"/>
      <c r="FEF659" s="613"/>
      <c r="FEG659" s="613"/>
      <c r="FEH659" s="613"/>
      <c r="FEI659" s="613"/>
      <c r="FEJ659" s="613"/>
      <c r="FEK659" s="613"/>
      <c r="FEL659" s="613"/>
      <c r="FEM659" s="613"/>
      <c r="FEN659" s="613"/>
      <c r="FEO659" s="613"/>
      <c r="FEP659" s="613"/>
      <c r="FEQ659" s="613"/>
      <c r="FER659" s="613"/>
      <c r="FES659" s="613"/>
      <c r="FET659" s="613"/>
      <c r="FEU659" s="613"/>
      <c r="FEV659" s="613"/>
      <c r="FEW659" s="613"/>
      <c r="FEX659" s="613"/>
      <c r="FEY659" s="613"/>
      <c r="FEZ659" s="613"/>
      <c r="FFA659" s="613"/>
      <c r="FFB659" s="613"/>
      <c r="FFC659" s="613"/>
      <c r="FFD659" s="613"/>
      <c r="FFE659" s="613"/>
      <c r="FFF659" s="613"/>
      <c r="FFG659" s="613"/>
      <c r="FFH659" s="613"/>
      <c r="FFI659" s="613"/>
      <c r="FFJ659" s="613"/>
      <c r="FFK659" s="613"/>
      <c r="FFL659" s="613"/>
      <c r="FFM659" s="613"/>
      <c r="FFN659" s="613"/>
      <c r="FFO659" s="613"/>
      <c r="FFP659" s="613"/>
      <c r="FFQ659" s="613"/>
      <c r="FFR659" s="613"/>
      <c r="FFS659" s="613"/>
      <c r="FFT659" s="613"/>
      <c r="FFU659" s="613"/>
      <c r="FFV659" s="613"/>
      <c r="FFW659" s="613"/>
      <c r="FFX659" s="613"/>
      <c r="FFY659" s="613"/>
      <c r="FFZ659" s="613"/>
      <c r="FGA659" s="613"/>
      <c r="FGB659" s="613"/>
      <c r="FGC659" s="613"/>
      <c r="FGD659" s="613"/>
      <c r="FGE659" s="613"/>
      <c r="FGF659" s="613"/>
      <c r="FGG659" s="613"/>
      <c r="FGH659" s="613"/>
      <c r="FGI659" s="613"/>
      <c r="FGJ659" s="613"/>
      <c r="FGK659" s="613"/>
      <c r="FGL659" s="613"/>
      <c r="FGM659" s="613"/>
      <c r="FGN659" s="613"/>
      <c r="FGO659" s="613"/>
      <c r="FGP659" s="613"/>
      <c r="FGQ659" s="613"/>
      <c r="FGR659" s="613"/>
      <c r="FGS659" s="613"/>
      <c r="FGT659" s="613"/>
      <c r="FGU659" s="613"/>
      <c r="FGV659" s="613"/>
      <c r="FGW659" s="613"/>
      <c r="FGX659" s="613"/>
      <c r="FGY659" s="613"/>
      <c r="FGZ659" s="613"/>
      <c r="FHA659" s="613"/>
      <c r="FHB659" s="613"/>
      <c r="FHC659" s="613"/>
      <c r="FHD659" s="613"/>
      <c r="FHE659" s="613"/>
      <c r="FHF659" s="613"/>
      <c r="FHG659" s="613"/>
      <c r="FHH659" s="613"/>
      <c r="FHI659" s="613"/>
      <c r="FHJ659" s="613"/>
      <c r="FHK659" s="613"/>
      <c r="FHL659" s="613"/>
      <c r="FHM659" s="613"/>
      <c r="FHN659" s="613"/>
      <c r="FHO659" s="613"/>
      <c r="FHP659" s="613"/>
      <c r="FHQ659" s="613"/>
      <c r="FHR659" s="613"/>
      <c r="FHS659" s="613"/>
      <c r="FHT659" s="613"/>
      <c r="FHU659" s="613"/>
      <c r="FHV659" s="613"/>
      <c r="FHW659" s="613"/>
      <c r="FHX659" s="613"/>
      <c r="FHY659" s="613"/>
      <c r="FHZ659" s="613"/>
      <c r="FIA659" s="613"/>
      <c r="FIB659" s="613"/>
      <c r="FIC659" s="613"/>
      <c r="FID659" s="613"/>
      <c r="FIE659" s="613"/>
      <c r="FIF659" s="613"/>
      <c r="FIG659" s="613"/>
      <c r="FIH659" s="613"/>
      <c r="FII659" s="613"/>
      <c r="FIJ659" s="613"/>
      <c r="FIK659" s="613"/>
      <c r="FIL659" s="613"/>
      <c r="FIM659" s="613"/>
      <c r="FIN659" s="613"/>
      <c r="FIO659" s="613"/>
      <c r="FIP659" s="613"/>
      <c r="FIQ659" s="613"/>
      <c r="FIR659" s="613"/>
      <c r="FIS659" s="613"/>
      <c r="FIT659" s="613"/>
      <c r="FIU659" s="613"/>
      <c r="FIV659" s="613"/>
      <c r="FIW659" s="613"/>
      <c r="FIX659" s="613"/>
      <c r="FIY659" s="613"/>
      <c r="FIZ659" s="613"/>
      <c r="FJA659" s="613"/>
      <c r="FJB659" s="613"/>
      <c r="FJC659" s="613"/>
      <c r="FJD659" s="613"/>
      <c r="FJE659" s="613"/>
      <c r="FJF659" s="613"/>
      <c r="FJG659" s="613"/>
      <c r="FJH659" s="613"/>
      <c r="FJI659" s="613"/>
      <c r="FJJ659" s="613"/>
      <c r="FJK659" s="613"/>
      <c r="FJL659" s="613"/>
      <c r="FJM659" s="613"/>
      <c r="FJN659" s="613"/>
      <c r="FJO659" s="613"/>
      <c r="FJP659" s="613"/>
      <c r="FJQ659" s="613"/>
      <c r="FJR659" s="613"/>
      <c r="FJS659" s="613"/>
      <c r="FJT659" s="613"/>
      <c r="FJU659" s="613"/>
      <c r="FJV659" s="613"/>
      <c r="FJW659" s="613"/>
      <c r="FJX659" s="613"/>
      <c r="FJY659" s="613"/>
      <c r="FJZ659" s="613"/>
      <c r="FKA659" s="613"/>
      <c r="FKB659" s="613"/>
      <c r="FKC659" s="613"/>
      <c r="FKD659" s="613"/>
      <c r="FKE659" s="613"/>
      <c r="FKF659" s="613"/>
      <c r="FKG659" s="613"/>
      <c r="FKH659" s="613"/>
      <c r="FKI659" s="613"/>
      <c r="FKJ659" s="613"/>
      <c r="FKK659" s="613"/>
      <c r="FKL659" s="613"/>
      <c r="FKM659" s="613"/>
      <c r="FKN659" s="613"/>
      <c r="FKO659" s="613"/>
      <c r="FKP659" s="613"/>
      <c r="FKQ659" s="613"/>
      <c r="FKR659" s="613"/>
      <c r="FKS659" s="613"/>
      <c r="FKT659" s="613"/>
      <c r="FKU659" s="613"/>
      <c r="FKV659" s="613"/>
      <c r="FKW659" s="613"/>
      <c r="FKX659" s="613"/>
      <c r="FKY659" s="613"/>
      <c r="FKZ659" s="613"/>
      <c r="FLA659" s="613"/>
      <c r="FLB659" s="613"/>
      <c r="FLC659" s="613"/>
      <c r="FLD659" s="613"/>
      <c r="FLE659" s="613"/>
      <c r="FLF659" s="613"/>
      <c r="FLG659" s="613"/>
      <c r="FLH659" s="613"/>
      <c r="FLI659" s="613"/>
      <c r="FLJ659" s="613"/>
      <c r="FLK659" s="613"/>
      <c r="FLL659" s="613"/>
      <c r="FLM659" s="613"/>
      <c r="FLN659" s="613"/>
      <c r="FLO659" s="613"/>
      <c r="FLP659" s="613"/>
      <c r="FLQ659" s="613"/>
      <c r="FLR659" s="613"/>
      <c r="FLS659" s="613"/>
      <c r="FLT659" s="613"/>
      <c r="FLU659" s="613"/>
      <c r="FLV659" s="613"/>
      <c r="FLW659" s="613"/>
      <c r="FLX659" s="613"/>
      <c r="FLY659" s="613"/>
      <c r="FLZ659" s="613"/>
      <c r="FMA659" s="613"/>
      <c r="FMB659" s="613"/>
      <c r="FMC659" s="613"/>
      <c r="FMD659" s="613"/>
      <c r="FME659" s="613"/>
      <c r="FMF659" s="613"/>
      <c r="FMG659" s="613"/>
      <c r="FMH659" s="613"/>
      <c r="FMI659" s="613"/>
      <c r="FMJ659" s="613"/>
      <c r="FMK659" s="613"/>
      <c r="FML659" s="613"/>
      <c r="FMM659" s="613"/>
      <c r="FMN659" s="613"/>
      <c r="FMO659" s="613"/>
      <c r="FMP659" s="613"/>
      <c r="FMQ659" s="613"/>
      <c r="FMR659" s="613"/>
      <c r="FMS659" s="613"/>
      <c r="FMT659" s="613"/>
      <c r="FMU659" s="613"/>
      <c r="FMV659" s="613"/>
      <c r="FMW659" s="613"/>
      <c r="FMX659" s="613"/>
      <c r="FMY659" s="613"/>
      <c r="FMZ659" s="613"/>
      <c r="FNA659" s="613"/>
      <c r="FNB659" s="613"/>
      <c r="FNC659" s="613"/>
      <c r="FND659" s="613"/>
      <c r="FNE659" s="613"/>
      <c r="FNF659" s="613"/>
      <c r="FNG659" s="613"/>
      <c r="FNH659" s="613"/>
      <c r="FNI659" s="613"/>
      <c r="FNJ659" s="613"/>
      <c r="FNK659" s="613"/>
      <c r="FNL659" s="613"/>
      <c r="FNM659" s="613"/>
      <c r="FNN659" s="613"/>
      <c r="FNO659" s="613"/>
      <c r="FNP659" s="613"/>
      <c r="FNQ659" s="613"/>
      <c r="FNR659" s="613"/>
      <c r="FNS659" s="613"/>
      <c r="FNT659" s="613"/>
      <c r="FNU659" s="613"/>
      <c r="FNV659" s="613"/>
      <c r="FNW659" s="613"/>
      <c r="FNX659" s="613"/>
      <c r="FNY659" s="613"/>
      <c r="FNZ659" s="613"/>
      <c r="FOA659" s="613"/>
      <c r="FOB659" s="613"/>
      <c r="FOC659" s="613"/>
      <c r="FOD659" s="613"/>
      <c r="FOE659" s="613"/>
      <c r="FOF659" s="613"/>
      <c r="FOG659" s="613"/>
      <c r="FOH659" s="613"/>
      <c r="FOI659" s="613"/>
      <c r="FOJ659" s="613"/>
      <c r="FOK659" s="613"/>
      <c r="FOL659" s="613"/>
      <c r="FOM659" s="613"/>
      <c r="FON659" s="613"/>
      <c r="FOO659" s="613"/>
      <c r="FOP659" s="613"/>
      <c r="FOQ659" s="613"/>
      <c r="FOR659" s="613"/>
      <c r="FOS659" s="613"/>
      <c r="FOT659" s="613"/>
      <c r="FOU659" s="613"/>
      <c r="FOV659" s="613"/>
      <c r="FOW659" s="613"/>
      <c r="FOX659" s="613"/>
      <c r="FOY659" s="613"/>
      <c r="FOZ659" s="613"/>
      <c r="FPA659" s="613"/>
      <c r="FPB659" s="613"/>
      <c r="FPC659" s="613"/>
      <c r="FPD659" s="613"/>
      <c r="FPE659" s="613"/>
      <c r="FPF659" s="613"/>
      <c r="FPG659" s="613"/>
      <c r="FPH659" s="613"/>
      <c r="FPI659" s="613"/>
      <c r="FPJ659" s="613"/>
      <c r="FPK659" s="613"/>
      <c r="FPL659" s="613"/>
      <c r="FPM659" s="613"/>
      <c r="FPN659" s="613"/>
      <c r="FPO659" s="613"/>
      <c r="FPP659" s="613"/>
      <c r="FPQ659" s="613"/>
      <c r="FPR659" s="613"/>
      <c r="FPS659" s="613"/>
      <c r="FPT659" s="613"/>
      <c r="FPU659" s="613"/>
      <c r="FPV659" s="613"/>
      <c r="FPW659" s="613"/>
      <c r="FPX659" s="613"/>
      <c r="FPY659" s="613"/>
      <c r="FPZ659" s="613"/>
      <c r="FQA659" s="613"/>
      <c r="FQB659" s="613"/>
      <c r="FQC659" s="613"/>
      <c r="FQD659" s="613"/>
      <c r="FQE659" s="613"/>
      <c r="FQF659" s="613"/>
      <c r="FQG659" s="613"/>
      <c r="FQH659" s="613"/>
      <c r="FQI659" s="613"/>
      <c r="FQJ659" s="613"/>
      <c r="FQK659" s="613"/>
      <c r="FQL659" s="613"/>
      <c r="FQM659" s="613"/>
      <c r="FQN659" s="613"/>
      <c r="FQO659" s="613"/>
      <c r="FQP659" s="613"/>
      <c r="FQQ659" s="613"/>
      <c r="FQR659" s="613"/>
      <c r="FQS659" s="613"/>
      <c r="FQT659" s="613"/>
      <c r="FQU659" s="613"/>
      <c r="FQV659" s="613"/>
      <c r="FQW659" s="613"/>
      <c r="FQX659" s="613"/>
      <c r="FQY659" s="613"/>
      <c r="FQZ659" s="613"/>
      <c r="FRA659" s="613"/>
      <c r="FRB659" s="613"/>
      <c r="FRC659" s="613"/>
      <c r="FRD659" s="613"/>
      <c r="FRE659" s="613"/>
      <c r="FRF659" s="613"/>
      <c r="FRG659" s="613"/>
      <c r="FRH659" s="613"/>
      <c r="FRI659" s="613"/>
      <c r="FRJ659" s="613"/>
      <c r="FRK659" s="613"/>
      <c r="FRL659" s="613"/>
      <c r="FRM659" s="613"/>
      <c r="FRN659" s="613"/>
      <c r="FRO659" s="613"/>
      <c r="FRP659" s="613"/>
      <c r="FRQ659" s="613"/>
      <c r="FRR659" s="613"/>
      <c r="FRS659" s="613"/>
      <c r="FRT659" s="613"/>
      <c r="FRU659" s="613"/>
      <c r="FRV659" s="613"/>
      <c r="FRW659" s="613"/>
      <c r="FRX659" s="613"/>
      <c r="FRY659" s="613"/>
      <c r="FRZ659" s="613"/>
      <c r="FSA659" s="613"/>
      <c r="FSB659" s="613"/>
      <c r="FSC659" s="613"/>
      <c r="FSD659" s="613"/>
      <c r="FSE659" s="613"/>
      <c r="FSF659" s="613"/>
      <c r="FSG659" s="613"/>
      <c r="FSH659" s="613"/>
      <c r="FSI659" s="613"/>
      <c r="FSJ659" s="613"/>
      <c r="FSK659" s="613"/>
      <c r="FSL659" s="613"/>
      <c r="FSM659" s="613"/>
      <c r="FSN659" s="613"/>
      <c r="FSO659" s="613"/>
      <c r="FSP659" s="613"/>
      <c r="FSQ659" s="613"/>
      <c r="FSR659" s="613"/>
      <c r="FSS659" s="613"/>
      <c r="FST659" s="613"/>
      <c r="FSU659" s="613"/>
      <c r="FSV659" s="613"/>
      <c r="FSW659" s="613"/>
      <c r="FSX659" s="613"/>
      <c r="FSY659" s="613"/>
      <c r="FSZ659" s="613"/>
      <c r="FTA659" s="613"/>
      <c r="FTB659" s="613"/>
      <c r="FTC659" s="613"/>
      <c r="FTD659" s="613"/>
      <c r="FTE659" s="613"/>
      <c r="FTF659" s="613"/>
      <c r="FTG659" s="613"/>
      <c r="FTH659" s="613"/>
      <c r="FTI659" s="613"/>
      <c r="FTJ659" s="613"/>
      <c r="FTK659" s="613"/>
      <c r="FTL659" s="613"/>
      <c r="FTM659" s="613"/>
      <c r="FTN659" s="613"/>
      <c r="FTO659" s="613"/>
      <c r="FTP659" s="613"/>
      <c r="FTQ659" s="613"/>
      <c r="FTR659" s="613"/>
      <c r="FTS659" s="613"/>
      <c r="FTT659" s="613"/>
      <c r="FTU659" s="613"/>
      <c r="FTV659" s="613"/>
      <c r="FTW659" s="613"/>
      <c r="FTX659" s="613"/>
      <c r="FTY659" s="613"/>
      <c r="FTZ659" s="613"/>
      <c r="FUA659" s="613"/>
      <c r="FUB659" s="613"/>
      <c r="FUC659" s="613"/>
      <c r="FUD659" s="613"/>
      <c r="FUE659" s="613"/>
      <c r="FUF659" s="613"/>
      <c r="FUG659" s="613"/>
      <c r="FUH659" s="613"/>
      <c r="FUI659" s="613"/>
      <c r="FUJ659" s="613"/>
      <c r="FUK659" s="613"/>
      <c r="FUL659" s="613"/>
      <c r="FUM659" s="613"/>
      <c r="FUN659" s="613"/>
      <c r="FUO659" s="613"/>
      <c r="FUP659" s="613"/>
      <c r="FUQ659" s="613"/>
      <c r="FUR659" s="613"/>
      <c r="FUS659" s="613"/>
      <c r="FUT659" s="613"/>
      <c r="FUU659" s="613"/>
      <c r="FUV659" s="613"/>
      <c r="FUW659" s="613"/>
      <c r="FUX659" s="613"/>
      <c r="FUY659" s="613"/>
      <c r="FUZ659" s="613"/>
      <c r="FVA659" s="613"/>
      <c r="FVB659" s="613"/>
      <c r="FVC659" s="613"/>
      <c r="FVD659" s="613"/>
      <c r="FVE659" s="613"/>
      <c r="FVF659" s="613"/>
      <c r="FVG659" s="613"/>
      <c r="FVH659" s="613"/>
      <c r="FVI659" s="613"/>
      <c r="FVJ659" s="613"/>
      <c r="FVK659" s="613"/>
      <c r="FVL659" s="613"/>
      <c r="FVM659" s="613"/>
      <c r="FVN659" s="613"/>
      <c r="FVO659" s="613"/>
      <c r="FVP659" s="613"/>
      <c r="FVQ659" s="613"/>
      <c r="FVR659" s="613"/>
      <c r="FVS659" s="613"/>
      <c r="FVT659" s="613"/>
      <c r="FVU659" s="613"/>
      <c r="FVV659" s="613"/>
      <c r="FVW659" s="613"/>
      <c r="FVX659" s="613"/>
      <c r="FVY659" s="613"/>
      <c r="FVZ659" s="613"/>
      <c r="FWA659" s="613"/>
      <c r="FWB659" s="613"/>
      <c r="FWC659" s="613"/>
      <c r="FWD659" s="613"/>
      <c r="FWE659" s="613"/>
      <c r="FWF659" s="613"/>
      <c r="FWG659" s="613"/>
      <c r="FWH659" s="613"/>
      <c r="FWI659" s="613"/>
      <c r="FWJ659" s="613"/>
      <c r="FWK659" s="613"/>
      <c r="FWL659" s="613"/>
      <c r="FWM659" s="613"/>
      <c r="FWN659" s="613"/>
      <c r="FWO659" s="613"/>
      <c r="FWP659" s="613"/>
      <c r="FWQ659" s="613"/>
      <c r="FWR659" s="613"/>
      <c r="FWS659" s="613"/>
      <c r="FWT659" s="613"/>
      <c r="FWU659" s="613"/>
      <c r="FWV659" s="613"/>
      <c r="FWW659" s="613"/>
      <c r="FWX659" s="613"/>
      <c r="FWY659" s="613"/>
      <c r="FWZ659" s="613"/>
      <c r="FXA659" s="613"/>
      <c r="FXB659" s="613"/>
      <c r="FXC659" s="613"/>
      <c r="FXD659" s="613"/>
      <c r="FXE659" s="613"/>
      <c r="FXF659" s="613"/>
      <c r="FXG659" s="613"/>
      <c r="FXH659" s="613"/>
      <c r="FXI659" s="613"/>
      <c r="FXJ659" s="613"/>
      <c r="FXK659" s="613"/>
      <c r="FXL659" s="613"/>
      <c r="FXM659" s="613"/>
      <c r="FXN659" s="613"/>
      <c r="FXO659" s="613"/>
      <c r="FXP659" s="613"/>
      <c r="FXQ659" s="613"/>
      <c r="FXR659" s="613"/>
      <c r="FXS659" s="613"/>
      <c r="FXT659" s="613"/>
      <c r="FXU659" s="613"/>
      <c r="FXV659" s="613"/>
      <c r="FXW659" s="613"/>
      <c r="FXX659" s="613"/>
      <c r="FXY659" s="613"/>
      <c r="FXZ659" s="613"/>
      <c r="FYA659" s="613"/>
      <c r="FYB659" s="613"/>
      <c r="FYC659" s="613"/>
      <c r="FYD659" s="613"/>
      <c r="FYE659" s="613"/>
      <c r="FYF659" s="613"/>
      <c r="FYG659" s="613"/>
      <c r="FYH659" s="613"/>
      <c r="FYI659" s="613"/>
      <c r="FYJ659" s="613"/>
      <c r="FYK659" s="613"/>
      <c r="FYL659" s="613"/>
      <c r="FYM659" s="613"/>
      <c r="FYN659" s="613"/>
      <c r="FYO659" s="613"/>
      <c r="FYP659" s="613"/>
      <c r="FYQ659" s="613"/>
      <c r="FYR659" s="613"/>
      <c r="FYS659" s="613"/>
      <c r="FYT659" s="613"/>
      <c r="FYU659" s="613"/>
      <c r="FYV659" s="613"/>
      <c r="FYW659" s="613"/>
      <c r="FYX659" s="613"/>
      <c r="FYY659" s="613"/>
      <c r="FYZ659" s="613"/>
      <c r="FZA659" s="613"/>
      <c r="FZB659" s="613"/>
      <c r="FZC659" s="613"/>
      <c r="FZD659" s="613"/>
      <c r="FZE659" s="613"/>
      <c r="FZF659" s="613"/>
      <c r="FZG659" s="613"/>
      <c r="FZH659" s="613"/>
      <c r="FZI659" s="613"/>
      <c r="FZJ659" s="613"/>
      <c r="FZK659" s="613"/>
      <c r="FZL659" s="613"/>
      <c r="FZM659" s="613"/>
      <c r="FZN659" s="613"/>
      <c r="FZO659" s="613"/>
      <c r="FZP659" s="613"/>
      <c r="FZQ659" s="613"/>
      <c r="FZR659" s="613"/>
      <c r="FZS659" s="613"/>
      <c r="FZT659" s="613"/>
      <c r="FZU659" s="613"/>
      <c r="FZV659" s="613"/>
      <c r="FZW659" s="613"/>
      <c r="FZX659" s="613"/>
      <c r="FZY659" s="613"/>
      <c r="FZZ659" s="613"/>
      <c r="GAA659" s="613"/>
      <c r="GAB659" s="613"/>
      <c r="GAC659" s="613"/>
      <c r="GAD659" s="613"/>
      <c r="GAE659" s="613"/>
      <c r="GAF659" s="613"/>
      <c r="GAG659" s="613"/>
      <c r="GAH659" s="613"/>
      <c r="GAI659" s="613"/>
      <c r="GAJ659" s="613"/>
      <c r="GAK659" s="613"/>
      <c r="GAL659" s="613"/>
      <c r="GAM659" s="613"/>
      <c r="GAN659" s="613"/>
      <c r="GAO659" s="613"/>
      <c r="GAP659" s="613"/>
      <c r="GAQ659" s="613"/>
      <c r="GAR659" s="613"/>
      <c r="GAS659" s="613"/>
      <c r="GAT659" s="613"/>
      <c r="GAU659" s="613"/>
      <c r="GAV659" s="613"/>
      <c r="GAW659" s="613"/>
      <c r="GAX659" s="613"/>
      <c r="GAY659" s="613"/>
      <c r="GAZ659" s="613"/>
      <c r="GBA659" s="613"/>
      <c r="GBB659" s="613"/>
      <c r="GBC659" s="613"/>
      <c r="GBD659" s="613"/>
      <c r="GBE659" s="613"/>
      <c r="GBF659" s="613"/>
      <c r="GBG659" s="613"/>
      <c r="GBH659" s="613"/>
      <c r="GBI659" s="613"/>
      <c r="GBJ659" s="613"/>
      <c r="GBK659" s="613"/>
      <c r="GBL659" s="613"/>
      <c r="GBM659" s="613"/>
      <c r="GBN659" s="613"/>
      <c r="GBO659" s="613"/>
      <c r="GBP659" s="613"/>
      <c r="GBQ659" s="613"/>
      <c r="GBR659" s="613"/>
      <c r="GBS659" s="613"/>
      <c r="GBT659" s="613"/>
      <c r="GBU659" s="613"/>
      <c r="GBV659" s="613"/>
      <c r="GBW659" s="613"/>
      <c r="GBX659" s="613"/>
      <c r="GBY659" s="613"/>
      <c r="GBZ659" s="613"/>
      <c r="GCA659" s="613"/>
      <c r="GCB659" s="613"/>
      <c r="GCC659" s="613"/>
      <c r="GCD659" s="613"/>
      <c r="GCE659" s="613"/>
      <c r="GCF659" s="613"/>
      <c r="GCG659" s="613"/>
      <c r="GCH659" s="613"/>
      <c r="GCI659" s="613"/>
      <c r="GCJ659" s="613"/>
      <c r="GCK659" s="613"/>
      <c r="GCL659" s="613"/>
      <c r="GCM659" s="613"/>
      <c r="GCN659" s="613"/>
      <c r="GCO659" s="613"/>
      <c r="GCP659" s="613"/>
      <c r="GCQ659" s="613"/>
      <c r="GCR659" s="613"/>
      <c r="GCS659" s="613"/>
      <c r="GCT659" s="613"/>
      <c r="GCU659" s="613"/>
      <c r="GCV659" s="613"/>
      <c r="GCW659" s="613"/>
      <c r="GCX659" s="613"/>
      <c r="GCY659" s="613"/>
      <c r="GCZ659" s="613"/>
      <c r="GDA659" s="613"/>
      <c r="GDB659" s="613"/>
      <c r="GDC659" s="613"/>
      <c r="GDD659" s="613"/>
      <c r="GDE659" s="613"/>
      <c r="GDF659" s="613"/>
      <c r="GDG659" s="613"/>
      <c r="GDH659" s="613"/>
      <c r="GDI659" s="613"/>
      <c r="GDJ659" s="613"/>
      <c r="GDK659" s="613"/>
      <c r="GDL659" s="613"/>
      <c r="GDM659" s="613"/>
      <c r="GDN659" s="613"/>
      <c r="GDO659" s="613"/>
      <c r="GDP659" s="613"/>
      <c r="GDQ659" s="613"/>
      <c r="GDR659" s="613"/>
      <c r="GDS659" s="613"/>
      <c r="GDT659" s="613"/>
      <c r="GDU659" s="613"/>
      <c r="GDV659" s="613"/>
      <c r="GDW659" s="613"/>
      <c r="GDX659" s="613"/>
      <c r="GDY659" s="613"/>
      <c r="GDZ659" s="613"/>
      <c r="GEA659" s="613"/>
      <c r="GEB659" s="613"/>
      <c r="GEC659" s="613"/>
      <c r="GED659" s="613"/>
      <c r="GEE659" s="613"/>
      <c r="GEF659" s="613"/>
      <c r="GEG659" s="613"/>
      <c r="GEH659" s="613"/>
      <c r="GEI659" s="613"/>
      <c r="GEJ659" s="613"/>
      <c r="GEK659" s="613"/>
      <c r="GEL659" s="613"/>
      <c r="GEM659" s="613"/>
      <c r="GEN659" s="613"/>
      <c r="GEO659" s="613"/>
      <c r="GEP659" s="613"/>
      <c r="GEQ659" s="613"/>
      <c r="GER659" s="613"/>
      <c r="GES659" s="613"/>
      <c r="GET659" s="613"/>
      <c r="GEU659" s="613"/>
      <c r="GEV659" s="613"/>
      <c r="GEW659" s="613"/>
      <c r="GEX659" s="613"/>
      <c r="GEY659" s="613"/>
      <c r="GEZ659" s="613"/>
      <c r="GFA659" s="613"/>
      <c r="GFB659" s="613"/>
      <c r="GFC659" s="613"/>
      <c r="GFD659" s="613"/>
      <c r="GFE659" s="613"/>
      <c r="GFF659" s="613"/>
      <c r="GFG659" s="613"/>
      <c r="GFH659" s="613"/>
      <c r="GFI659" s="613"/>
      <c r="GFJ659" s="613"/>
      <c r="GFK659" s="613"/>
      <c r="GFL659" s="613"/>
      <c r="GFM659" s="613"/>
      <c r="GFN659" s="613"/>
      <c r="GFO659" s="613"/>
      <c r="GFP659" s="613"/>
      <c r="GFQ659" s="613"/>
      <c r="GFR659" s="613"/>
      <c r="GFS659" s="613"/>
      <c r="GFT659" s="613"/>
      <c r="GFU659" s="613"/>
      <c r="GFV659" s="613"/>
      <c r="GFW659" s="613"/>
      <c r="GFX659" s="613"/>
      <c r="GFY659" s="613"/>
      <c r="GFZ659" s="613"/>
      <c r="GGA659" s="613"/>
      <c r="GGB659" s="613"/>
      <c r="GGC659" s="613"/>
      <c r="GGD659" s="613"/>
      <c r="GGE659" s="613"/>
      <c r="GGF659" s="613"/>
      <c r="GGG659" s="613"/>
      <c r="GGH659" s="613"/>
      <c r="GGI659" s="613"/>
      <c r="GGJ659" s="613"/>
      <c r="GGK659" s="613"/>
      <c r="GGL659" s="613"/>
      <c r="GGM659" s="613"/>
      <c r="GGN659" s="613"/>
      <c r="GGO659" s="613"/>
      <c r="GGP659" s="613"/>
      <c r="GGQ659" s="613"/>
      <c r="GGR659" s="613"/>
      <c r="GGS659" s="613"/>
      <c r="GGT659" s="613"/>
      <c r="GGU659" s="613"/>
      <c r="GGV659" s="613"/>
      <c r="GGW659" s="613"/>
      <c r="GGX659" s="613"/>
      <c r="GGY659" s="613"/>
      <c r="GGZ659" s="613"/>
      <c r="GHA659" s="613"/>
      <c r="GHB659" s="613"/>
      <c r="GHC659" s="613"/>
      <c r="GHD659" s="613"/>
      <c r="GHE659" s="613"/>
      <c r="GHF659" s="613"/>
      <c r="GHG659" s="613"/>
      <c r="GHH659" s="613"/>
      <c r="GHI659" s="613"/>
      <c r="GHJ659" s="613"/>
      <c r="GHK659" s="613"/>
      <c r="GHL659" s="613"/>
      <c r="GHM659" s="613"/>
      <c r="GHN659" s="613"/>
      <c r="GHO659" s="613"/>
      <c r="GHP659" s="613"/>
      <c r="GHQ659" s="613"/>
      <c r="GHR659" s="613"/>
      <c r="GHS659" s="613"/>
      <c r="GHT659" s="613"/>
      <c r="GHU659" s="613"/>
      <c r="GHV659" s="613"/>
      <c r="GHW659" s="613"/>
      <c r="GHX659" s="613"/>
      <c r="GHY659" s="613"/>
      <c r="GHZ659" s="613"/>
      <c r="GIA659" s="613"/>
      <c r="GIB659" s="613"/>
      <c r="GIC659" s="613"/>
      <c r="GID659" s="613"/>
      <c r="GIE659" s="613"/>
      <c r="GIF659" s="613"/>
      <c r="GIG659" s="613"/>
      <c r="GIH659" s="613"/>
      <c r="GII659" s="613"/>
      <c r="GIJ659" s="613"/>
      <c r="GIK659" s="613"/>
      <c r="GIL659" s="613"/>
      <c r="GIM659" s="613"/>
      <c r="GIN659" s="613"/>
      <c r="GIO659" s="613"/>
      <c r="GIP659" s="613"/>
      <c r="GIQ659" s="613"/>
      <c r="GIR659" s="613"/>
      <c r="GIS659" s="613"/>
      <c r="GIT659" s="613"/>
      <c r="GIU659" s="613"/>
      <c r="GIV659" s="613"/>
      <c r="GIW659" s="613"/>
      <c r="GIX659" s="613"/>
      <c r="GIY659" s="613"/>
      <c r="GIZ659" s="613"/>
      <c r="GJA659" s="613"/>
      <c r="GJB659" s="613"/>
      <c r="GJC659" s="613"/>
      <c r="GJD659" s="613"/>
      <c r="GJE659" s="613"/>
      <c r="GJF659" s="613"/>
      <c r="GJG659" s="613"/>
      <c r="GJH659" s="613"/>
      <c r="GJI659" s="613"/>
      <c r="GJJ659" s="613"/>
      <c r="GJK659" s="613"/>
      <c r="GJL659" s="613"/>
      <c r="GJM659" s="613"/>
      <c r="GJN659" s="613"/>
      <c r="GJO659" s="613"/>
      <c r="GJP659" s="613"/>
      <c r="GJQ659" s="613"/>
      <c r="GJR659" s="613"/>
      <c r="GJS659" s="613"/>
      <c r="GJT659" s="613"/>
      <c r="GJU659" s="613"/>
      <c r="GJV659" s="613"/>
      <c r="GJW659" s="613"/>
      <c r="GJX659" s="613"/>
      <c r="GJY659" s="613"/>
      <c r="GJZ659" s="613"/>
      <c r="GKA659" s="613"/>
      <c r="GKB659" s="613"/>
      <c r="GKC659" s="613"/>
      <c r="GKD659" s="613"/>
      <c r="GKE659" s="613"/>
      <c r="GKF659" s="613"/>
      <c r="GKG659" s="613"/>
      <c r="GKH659" s="613"/>
      <c r="GKI659" s="613"/>
      <c r="GKJ659" s="613"/>
      <c r="GKK659" s="613"/>
      <c r="GKL659" s="613"/>
      <c r="GKM659" s="613"/>
      <c r="GKN659" s="613"/>
      <c r="GKO659" s="613"/>
      <c r="GKP659" s="613"/>
      <c r="GKQ659" s="613"/>
      <c r="GKR659" s="613"/>
      <c r="GKS659" s="613"/>
      <c r="GKT659" s="613"/>
      <c r="GKU659" s="613"/>
      <c r="GKV659" s="613"/>
      <c r="GKW659" s="613"/>
      <c r="GKX659" s="613"/>
      <c r="GKY659" s="613"/>
      <c r="GKZ659" s="613"/>
      <c r="GLA659" s="613"/>
      <c r="GLB659" s="613"/>
      <c r="GLC659" s="613"/>
      <c r="GLD659" s="613"/>
      <c r="GLE659" s="613"/>
      <c r="GLF659" s="613"/>
      <c r="GLG659" s="613"/>
      <c r="GLH659" s="613"/>
      <c r="GLI659" s="613"/>
      <c r="GLJ659" s="613"/>
      <c r="GLK659" s="613"/>
      <c r="GLL659" s="613"/>
      <c r="GLM659" s="613"/>
      <c r="GLN659" s="613"/>
      <c r="GLO659" s="613"/>
      <c r="GLP659" s="613"/>
      <c r="GLQ659" s="613"/>
      <c r="GLR659" s="613"/>
      <c r="GLS659" s="613"/>
      <c r="GLT659" s="613"/>
      <c r="GLU659" s="613"/>
      <c r="GLV659" s="613"/>
      <c r="GLW659" s="613"/>
      <c r="GLX659" s="613"/>
      <c r="GLY659" s="613"/>
      <c r="GLZ659" s="613"/>
      <c r="GMA659" s="613"/>
      <c r="GMB659" s="613"/>
      <c r="GMC659" s="613"/>
      <c r="GMD659" s="613"/>
      <c r="GME659" s="613"/>
      <c r="GMF659" s="613"/>
      <c r="GMG659" s="613"/>
      <c r="GMH659" s="613"/>
      <c r="GMI659" s="613"/>
      <c r="GMJ659" s="613"/>
      <c r="GMK659" s="613"/>
      <c r="GML659" s="613"/>
      <c r="GMM659" s="613"/>
      <c r="GMN659" s="613"/>
      <c r="GMO659" s="613"/>
      <c r="GMP659" s="613"/>
      <c r="GMQ659" s="613"/>
      <c r="GMR659" s="613"/>
      <c r="GMS659" s="613"/>
      <c r="GMT659" s="613"/>
      <c r="GMU659" s="613"/>
      <c r="GMV659" s="613"/>
      <c r="GMW659" s="613"/>
      <c r="GMX659" s="613"/>
      <c r="GMY659" s="613"/>
      <c r="GMZ659" s="613"/>
      <c r="GNA659" s="613"/>
      <c r="GNB659" s="613"/>
      <c r="GNC659" s="613"/>
      <c r="GND659" s="613"/>
      <c r="GNE659" s="613"/>
      <c r="GNF659" s="613"/>
      <c r="GNG659" s="613"/>
      <c r="GNH659" s="613"/>
      <c r="GNI659" s="613"/>
      <c r="GNJ659" s="613"/>
      <c r="GNK659" s="613"/>
      <c r="GNL659" s="613"/>
      <c r="GNM659" s="613"/>
      <c r="GNN659" s="613"/>
      <c r="GNO659" s="613"/>
      <c r="GNP659" s="613"/>
      <c r="GNQ659" s="613"/>
      <c r="GNR659" s="613"/>
      <c r="GNS659" s="613"/>
      <c r="GNT659" s="613"/>
      <c r="GNU659" s="613"/>
      <c r="GNV659" s="613"/>
      <c r="GNW659" s="613"/>
      <c r="GNX659" s="613"/>
      <c r="GNY659" s="613"/>
      <c r="GNZ659" s="613"/>
      <c r="GOA659" s="613"/>
      <c r="GOB659" s="613"/>
      <c r="GOC659" s="613"/>
      <c r="GOD659" s="613"/>
      <c r="GOE659" s="613"/>
      <c r="GOF659" s="613"/>
      <c r="GOG659" s="613"/>
      <c r="GOH659" s="613"/>
      <c r="GOI659" s="613"/>
      <c r="GOJ659" s="613"/>
      <c r="GOK659" s="613"/>
      <c r="GOL659" s="613"/>
      <c r="GOM659" s="613"/>
      <c r="GON659" s="613"/>
      <c r="GOO659" s="613"/>
      <c r="GOP659" s="613"/>
      <c r="GOQ659" s="613"/>
      <c r="GOR659" s="613"/>
      <c r="GOS659" s="613"/>
      <c r="GOT659" s="613"/>
      <c r="GOU659" s="613"/>
      <c r="GOV659" s="613"/>
      <c r="GOW659" s="613"/>
      <c r="GOX659" s="613"/>
      <c r="GOY659" s="613"/>
      <c r="GOZ659" s="613"/>
      <c r="GPA659" s="613"/>
      <c r="GPB659" s="613"/>
      <c r="GPC659" s="613"/>
      <c r="GPD659" s="613"/>
      <c r="GPE659" s="613"/>
      <c r="GPF659" s="613"/>
      <c r="GPG659" s="613"/>
      <c r="GPH659" s="613"/>
      <c r="GPI659" s="613"/>
      <c r="GPJ659" s="613"/>
      <c r="GPK659" s="613"/>
      <c r="GPL659" s="613"/>
      <c r="GPM659" s="613"/>
      <c r="GPN659" s="613"/>
      <c r="GPO659" s="613"/>
      <c r="GPP659" s="613"/>
      <c r="GPQ659" s="613"/>
      <c r="GPR659" s="613"/>
      <c r="GPS659" s="613"/>
      <c r="GPT659" s="613"/>
      <c r="GPU659" s="613"/>
      <c r="GPV659" s="613"/>
      <c r="GPW659" s="613"/>
      <c r="GPX659" s="613"/>
      <c r="GPY659" s="613"/>
      <c r="GPZ659" s="613"/>
      <c r="GQA659" s="613"/>
      <c r="GQB659" s="613"/>
      <c r="GQC659" s="613"/>
      <c r="GQD659" s="613"/>
      <c r="GQE659" s="613"/>
      <c r="GQF659" s="613"/>
      <c r="GQG659" s="613"/>
      <c r="GQH659" s="613"/>
      <c r="GQI659" s="613"/>
      <c r="GQJ659" s="613"/>
      <c r="GQK659" s="613"/>
      <c r="GQL659" s="613"/>
      <c r="GQM659" s="613"/>
      <c r="GQN659" s="613"/>
      <c r="GQO659" s="613"/>
      <c r="GQP659" s="613"/>
      <c r="GQQ659" s="613"/>
      <c r="GQR659" s="613"/>
      <c r="GQS659" s="613"/>
      <c r="GQT659" s="613"/>
      <c r="GQU659" s="613"/>
      <c r="GQV659" s="613"/>
      <c r="GQW659" s="613"/>
      <c r="GQX659" s="613"/>
      <c r="GQY659" s="613"/>
      <c r="GQZ659" s="613"/>
      <c r="GRA659" s="613"/>
      <c r="GRB659" s="613"/>
      <c r="GRC659" s="613"/>
      <c r="GRD659" s="613"/>
      <c r="GRE659" s="613"/>
      <c r="GRF659" s="613"/>
      <c r="GRG659" s="613"/>
      <c r="GRH659" s="613"/>
      <c r="GRI659" s="613"/>
      <c r="GRJ659" s="613"/>
      <c r="GRK659" s="613"/>
      <c r="GRL659" s="613"/>
      <c r="GRM659" s="613"/>
      <c r="GRN659" s="613"/>
      <c r="GRO659" s="613"/>
      <c r="GRP659" s="613"/>
      <c r="GRQ659" s="613"/>
      <c r="GRR659" s="613"/>
      <c r="GRS659" s="613"/>
      <c r="GRT659" s="613"/>
      <c r="GRU659" s="613"/>
      <c r="GRV659" s="613"/>
      <c r="GRW659" s="613"/>
      <c r="GRX659" s="613"/>
      <c r="GRY659" s="613"/>
      <c r="GRZ659" s="613"/>
      <c r="GSA659" s="613"/>
      <c r="GSB659" s="613"/>
      <c r="GSC659" s="613"/>
      <c r="GSD659" s="613"/>
      <c r="GSE659" s="613"/>
      <c r="GSF659" s="613"/>
      <c r="GSG659" s="613"/>
      <c r="GSH659" s="613"/>
      <c r="GSI659" s="613"/>
      <c r="GSJ659" s="613"/>
      <c r="GSK659" s="613"/>
      <c r="GSL659" s="613"/>
      <c r="GSM659" s="613"/>
      <c r="GSN659" s="613"/>
      <c r="GSO659" s="613"/>
      <c r="GSP659" s="613"/>
      <c r="GSQ659" s="613"/>
      <c r="GSR659" s="613"/>
      <c r="GSS659" s="613"/>
      <c r="GST659" s="613"/>
      <c r="GSU659" s="613"/>
      <c r="GSV659" s="613"/>
      <c r="GSW659" s="613"/>
      <c r="GSX659" s="613"/>
      <c r="GSY659" s="613"/>
      <c r="GSZ659" s="613"/>
      <c r="GTA659" s="613"/>
      <c r="GTB659" s="613"/>
      <c r="GTC659" s="613"/>
      <c r="GTD659" s="613"/>
      <c r="GTE659" s="613"/>
      <c r="GTF659" s="613"/>
      <c r="GTG659" s="613"/>
      <c r="GTH659" s="613"/>
      <c r="GTI659" s="613"/>
      <c r="GTJ659" s="613"/>
      <c r="GTK659" s="613"/>
      <c r="GTL659" s="613"/>
      <c r="GTM659" s="613"/>
      <c r="GTN659" s="613"/>
      <c r="GTO659" s="613"/>
      <c r="GTP659" s="613"/>
      <c r="GTQ659" s="613"/>
      <c r="GTR659" s="613"/>
      <c r="GTS659" s="613"/>
      <c r="GTT659" s="613"/>
      <c r="GTU659" s="613"/>
      <c r="GTV659" s="613"/>
      <c r="GTW659" s="613"/>
      <c r="GTX659" s="613"/>
      <c r="GTY659" s="613"/>
      <c r="GTZ659" s="613"/>
      <c r="GUA659" s="613"/>
      <c r="GUB659" s="613"/>
      <c r="GUC659" s="613"/>
      <c r="GUD659" s="613"/>
      <c r="GUE659" s="613"/>
      <c r="GUF659" s="613"/>
      <c r="GUG659" s="613"/>
      <c r="GUH659" s="613"/>
      <c r="GUI659" s="613"/>
      <c r="GUJ659" s="613"/>
      <c r="GUK659" s="613"/>
      <c r="GUL659" s="613"/>
      <c r="GUM659" s="613"/>
      <c r="GUN659" s="613"/>
      <c r="GUO659" s="613"/>
      <c r="GUP659" s="613"/>
      <c r="GUQ659" s="613"/>
      <c r="GUR659" s="613"/>
      <c r="GUS659" s="613"/>
      <c r="GUT659" s="613"/>
      <c r="GUU659" s="613"/>
      <c r="GUV659" s="613"/>
      <c r="GUW659" s="613"/>
      <c r="GUX659" s="613"/>
      <c r="GUY659" s="613"/>
      <c r="GUZ659" s="613"/>
      <c r="GVA659" s="613"/>
      <c r="GVB659" s="613"/>
      <c r="GVC659" s="613"/>
      <c r="GVD659" s="613"/>
      <c r="GVE659" s="613"/>
      <c r="GVF659" s="613"/>
      <c r="GVG659" s="613"/>
      <c r="GVH659" s="613"/>
      <c r="GVI659" s="613"/>
      <c r="GVJ659" s="613"/>
      <c r="GVK659" s="613"/>
      <c r="GVL659" s="613"/>
      <c r="GVM659" s="613"/>
      <c r="GVN659" s="613"/>
      <c r="GVO659" s="613"/>
      <c r="GVP659" s="613"/>
      <c r="GVQ659" s="613"/>
      <c r="GVR659" s="613"/>
      <c r="GVS659" s="613"/>
      <c r="GVT659" s="613"/>
      <c r="GVU659" s="613"/>
      <c r="GVV659" s="613"/>
      <c r="GVW659" s="613"/>
      <c r="GVX659" s="613"/>
      <c r="GVY659" s="613"/>
      <c r="GVZ659" s="613"/>
      <c r="GWA659" s="613"/>
      <c r="GWB659" s="613"/>
      <c r="GWC659" s="613"/>
      <c r="GWD659" s="613"/>
      <c r="GWE659" s="613"/>
      <c r="GWF659" s="613"/>
      <c r="GWG659" s="613"/>
      <c r="GWH659" s="613"/>
      <c r="GWI659" s="613"/>
      <c r="GWJ659" s="613"/>
      <c r="GWK659" s="613"/>
      <c r="GWL659" s="613"/>
      <c r="GWM659" s="613"/>
      <c r="GWN659" s="613"/>
      <c r="GWO659" s="613"/>
      <c r="GWP659" s="613"/>
      <c r="GWQ659" s="613"/>
      <c r="GWR659" s="613"/>
      <c r="GWS659" s="613"/>
      <c r="GWT659" s="613"/>
      <c r="GWU659" s="613"/>
      <c r="GWV659" s="613"/>
      <c r="GWW659" s="613"/>
      <c r="GWX659" s="613"/>
      <c r="GWY659" s="613"/>
      <c r="GWZ659" s="613"/>
      <c r="GXA659" s="613"/>
      <c r="GXB659" s="613"/>
      <c r="GXC659" s="613"/>
      <c r="GXD659" s="613"/>
      <c r="GXE659" s="613"/>
      <c r="GXF659" s="613"/>
      <c r="GXG659" s="613"/>
      <c r="GXH659" s="613"/>
      <c r="GXI659" s="613"/>
      <c r="GXJ659" s="613"/>
      <c r="GXK659" s="613"/>
      <c r="GXL659" s="613"/>
      <c r="GXM659" s="613"/>
      <c r="GXN659" s="613"/>
      <c r="GXO659" s="613"/>
      <c r="GXP659" s="613"/>
      <c r="GXQ659" s="613"/>
      <c r="GXR659" s="613"/>
      <c r="GXS659" s="613"/>
      <c r="GXT659" s="613"/>
      <c r="GXU659" s="613"/>
      <c r="GXV659" s="613"/>
      <c r="GXW659" s="613"/>
      <c r="GXX659" s="613"/>
      <c r="GXY659" s="613"/>
      <c r="GXZ659" s="613"/>
      <c r="GYA659" s="613"/>
      <c r="GYB659" s="613"/>
      <c r="GYC659" s="613"/>
      <c r="GYD659" s="613"/>
      <c r="GYE659" s="613"/>
      <c r="GYF659" s="613"/>
      <c r="GYG659" s="613"/>
      <c r="GYH659" s="613"/>
      <c r="GYI659" s="613"/>
      <c r="GYJ659" s="613"/>
      <c r="GYK659" s="613"/>
      <c r="GYL659" s="613"/>
      <c r="GYM659" s="613"/>
      <c r="GYN659" s="613"/>
      <c r="GYO659" s="613"/>
      <c r="GYP659" s="613"/>
      <c r="GYQ659" s="613"/>
      <c r="GYR659" s="613"/>
      <c r="GYS659" s="613"/>
      <c r="GYT659" s="613"/>
      <c r="GYU659" s="613"/>
      <c r="GYV659" s="613"/>
      <c r="GYW659" s="613"/>
      <c r="GYX659" s="613"/>
      <c r="GYY659" s="613"/>
      <c r="GYZ659" s="613"/>
      <c r="GZA659" s="613"/>
      <c r="GZB659" s="613"/>
      <c r="GZC659" s="613"/>
      <c r="GZD659" s="613"/>
      <c r="GZE659" s="613"/>
      <c r="GZF659" s="613"/>
      <c r="GZG659" s="613"/>
      <c r="GZH659" s="613"/>
      <c r="GZI659" s="613"/>
      <c r="GZJ659" s="613"/>
      <c r="GZK659" s="613"/>
      <c r="GZL659" s="613"/>
      <c r="GZM659" s="613"/>
      <c r="GZN659" s="613"/>
      <c r="GZO659" s="613"/>
      <c r="GZP659" s="613"/>
      <c r="GZQ659" s="613"/>
      <c r="GZR659" s="613"/>
      <c r="GZS659" s="613"/>
      <c r="GZT659" s="613"/>
      <c r="GZU659" s="613"/>
      <c r="GZV659" s="613"/>
      <c r="GZW659" s="613"/>
      <c r="GZX659" s="613"/>
      <c r="GZY659" s="613"/>
      <c r="GZZ659" s="613"/>
      <c r="HAA659" s="613"/>
      <c r="HAB659" s="613"/>
      <c r="HAC659" s="613"/>
      <c r="HAD659" s="613"/>
      <c r="HAE659" s="613"/>
      <c r="HAF659" s="613"/>
      <c r="HAG659" s="613"/>
      <c r="HAH659" s="613"/>
      <c r="HAI659" s="613"/>
      <c r="HAJ659" s="613"/>
      <c r="HAK659" s="613"/>
      <c r="HAL659" s="613"/>
      <c r="HAM659" s="613"/>
      <c r="HAN659" s="613"/>
      <c r="HAO659" s="613"/>
      <c r="HAP659" s="613"/>
      <c r="HAQ659" s="613"/>
      <c r="HAR659" s="613"/>
      <c r="HAS659" s="613"/>
      <c r="HAT659" s="613"/>
      <c r="HAU659" s="613"/>
      <c r="HAV659" s="613"/>
      <c r="HAW659" s="613"/>
      <c r="HAX659" s="613"/>
      <c r="HAY659" s="613"/>
      <c r="HAZ659" s="613"/>
      <c r="HBA659" s="613"/>
      <c r="HBB659" s="613"/>
      <c r="HBC659" s="613"/>
      <c r="HBD659" s="613"/>
      <c r="HBE659" s="613"/>
      <c r="HBF659" s="613"/>
      <c r="HBG659" s="613"/>
      <c r="HBH659" s="613"/>
      <c r="HBI659" s="613"/>
      <c r="HBJ659" s="613"/>
      <c r="HBK659" s="613"/>
      <c r="HBL659" s="613"/>
      <c r="HBM659" s="613"/>
      <c r="HBN659" s="613"/>
      <c r="HBO659" s="613"/>
      <c r="HBP659" s="613"/>
      <c r="HBQ659" s="613"/>
      <c r="HBR659" s="613"/>
      <c r="HBS659" s="613"/>
      <c r="HBT659" s="613"/>
      <c r="HBU659" s="613"/>
      <c r="HBV659" s="613"/>
      <c r="HBW659" s="613"/>
      <c r="HBX659" s="613"/>
      <c r="HBY659" s="613"/>
      <c r="HBZ659" s="613"/>
      <c r="HCA659" s="613"/>
      <c r="HCB659" s="613"/>
      <c r="HCC659" s="613"/>
      <c r="HCD659" s="613"/>
      <c r="HCE659" s="613"/>
      <c r="HCF659" s="613"/>
      <c r="HCG659" s="613"/>
      <c r="HCH659" s="613"/>
      <c r="HCI659" s="613"/>
      <c r="HCJ659" s="613"/>
      <c r="HCK659" s="613"/>
      <c r="HCL659" s="613"/>
      <c r="HCM659" s="613"/>
      <c r="HCN659" s="613"/>
      <c r="HCO659" s="613"/>
      <c r="HCP659" s="613"/>
      <c r="HCQ659" s="613"/>
      <c r="HCR659" s="613"/>
      <c r="HCS659" s="613"/>
      <c r="HCT659" s="613"/>
      <c r="HCU659" s="613"/>
      <c r="HCV659" s="613"/>
      <c r="HCW659" s="613"/>
      <c r="HCX659" s="613"/>
      <c r="HCY659" s="613"/>
      <c r="HCZ659" s="613"/>
      <c r="HDA659" s="613"/>
      <c r="HDB659" s="613"/>
      <c r="HDC659" s="613"/>
      <c r="HDD659" s="613"/>
      <c r="HDE659" s="613"/>
      <c r="HDF659" s="613"/>
      <c r="HDG659" s="613"/>
      <c r="HDH659" s="613"/>
      <c r="HDI659" s="613"/>
      <c r="HDJ659" s="613"/>
      <c r="HDK659" s="613"/>
      <c r="HDL659" s="613"/>
      <c r="HDM659" s="613"/>
      <c r="HDN659" s="613"/>
      <c r="HDO659" s="613"/>
      <c r="HDP659" s="613"/>
      <c r="HDQ659" s="613"/>
      <c r="HDR659" s="613"/>
      <c r="HDS659" s="613"/>
      <c r="HDT659" s="613"/>
      <c r="HDU659" s="613"/>
      <c r="HDV659" s="613"/>
      <c r="HDW659" s="613"/>
      <c r="HDX659" s="613"/>
      <c r="HDY659" s="613"/>
      <c r="HDZ659" s="613"/>
      <c r="HEA659" s="613"/>
      <c r="HEB659" s="613"/>
      <c r="HEC659" s="613"/>
      <c r="HED659" s="613"/>
      <c r="HEE659" s="613"/>
      <c r="HEF659" s="613"/>
      <c r="HEG659" s="613"/>
      <c r="HEH659" s="613"/>
      <c r="HEI659" s="613"/>
      <c r="HEJ659" s="613"/>
      <c r="HEK659" s="613"/>
      <c r="HEL659" s="613"/>
      <c r="HEM659" s="613"/>
      <c r="HEN659" s="613"/>
      <c r="HEO659" s="613"/>
      <c r="HEP659" s="613"/>
      <c r="HEQ659" s="613"/>
      <c r="HER659" s="613"/>
      <c r="HES659" s="613"/>
      <c r="HET659" s="613"/>
      <c r="HEU659" s="613"/>
      <c r="HEV659" s="613"/>
      <c r="HEW659" s="613"/>
      <c r="HEX659" s="613"/>
      <c r="HEY659" s="613"/>
      <c r="HEZ659" s="613"/>
      <c r="HFA659" s="613"/>
      <c r="HFB659" s="613"/>
      <c r="HFC659" s="613"/>
      <c r="HFD659" s="613"/>
      <c r="HFE659" s="613"/>
      <c r="HFF659" s="613"/>
      <c r="HFG659" s="613"/>
      <c r="HFH659" s="613"/>
      <c r="HFI659" s="613"/>
      <c r="HFJ659" s="613"/>
      <c r="HFK659" s="613"/>
      <c r="HFL659" s="613"/>
      <c r="HFM659" s="613"/>
      <c r="HFN659" s="613"/>
      <c r="HFO659" s="613"/>
      <c r="HFP659" s="613"/>
      <c r="HFQ659" s="613"/>
      <c r="HFR659" s="613"/>
      <c r="HFS659" s="613"/>
      <c r="HFT659" s="613"/>
      <c r="HFU659" s="613"/>
      <c r="HFV659" s="613"/>
      <c r="HFW659" s="613"/>
      <c r="HFX659" s="613"/>
      <c r="HFY659" s="613"/>
      <c r="HFZ659" s="613"/>
      <c r="HGA659" s="613"/>
      <c r="HGB659" s="613"/>
      <c r="HGC659" s="613"/>
      <c r="HGD659" s="613"/>
      <c r="HGE659" s="613"/>
      <c r="HGF659" s="613"/>
      <c r="HGG659" s="613"/>
      <c r="HGH659" s="613"/>
      <c r="HGI659" s="613"/>
      <c r="HGJ659" s="613"/>
      <c r="HGK659" s="613"/>
      <c r="HGL659" s="613"/>
      <c r="HGM659" s="613"/>
      <c r="HGN659" s="613"/>
      <c r="HGO659" s="613"/>
      <c r="HGP659" s="613"/>
      <c r="HGQ659" s="613"/>
      <c r="HGR659" s="613"/>
      <c r="HGS659" s="613"/>
      <c r="HGT659" s="613"/>
      <c r="HGU659" s="613"/>
      <c r="HGV659" s="613"/>
      <c r="HGW659" s="613"/>
      <c r="HGX659" s="613"/>
      <c r="HGY659" s="613"/>
      <c r="HGZ659" s="613"/>
      <c r="HHA659" s="613"/>
      <c r="HHB659" s="613"/>
      <c r="HHC659" s="613"/>
      <c r="HHD659" s="613"/>
      <c r="HHE659" s="613"/>
      <c r="HHF659" s="613"/>
      <c r="HHG659" s="613"/>
      <c r="HHH659" s="613"/>
      <c r="HHI659" s="613"/>
      <c r="HHJ659" s="613"/>
      <c r="HHK659" s="613"/>
      <c r="HHL659" s="613"/>
      <c r="HHM659" s="613"/>
      <c r="HHN659" s="613"/>
      <c r="HHO659" s="613"/>
      <c r="HHP659" s="613"/>
      <c r="HHQ659" s="613"/>
      <c r="HHR659" s="613"/>
      <c r="HHS659" s="613"/>
      <c r="HHT659" s="613"/>
      <c r="HHU659" s="613"/>
      <c r="HHV659" s="613"/>
      <c r="HHW659" s="613"/>
      <c r="HHX659" s="613"/>
      <c r="HHY659" s="613"/>
      <c r="HHZ659" s="613"/>
      <c r="HIA659" s="613"/>
      <c r="HIB659" s="613"/>
      <c r="HIC659" s="613"/>
      <c r="HID659" s="613"/>
      <c r="HIE659" s="613"/>
      <c r="HIF659" s="613"/>
      <c r="HIG659" s="613"/>
      <c r="HIH659" s="613"/>
      <c r="HII659" s="613"/>
      <c r="HIJ659" s="613"/>
      <c r="HIK659" s="613"/>
      <c r="HIL659" s="613"/>
      <c r="HIM659" s="613"/>
      <c r="HIN659" s="613"/>
      <c r="HIO659" s="613"/>
      <c r="HIP659" s="613"/>
      <c r="HIQ659" s="613"/>
      <c r="HIR659" s="613"/>
      <c r="HIS659" s="613"/>
      <c r="HIT659" s="613"/>
      <c r="HIU659" s="613"/>
      <c r="HIV659" s="613"/>
      <c r="HIW659" s="613"/>
      <c r="HIX659" s="613"/>
      <c r="HIY659" s="613"/>
      <c r="HIZ659" s="613"/>
      <c r="HJA659" s="613"/>
      <c r="HJB659" s="613"/>
      <c r="HJC659" s="613"/>
      <c r="HJD659" s="613"/>
      <c r="HJE659" s="613"/>
      <c r="HJF659" s="613"/>
      <c r="HJG659" s="613"/>
      <c r="HJH659" s="613"/>
      <c r="HJI659" s="613"/>
      <c r="HJJ659" s="613"/>
      <c r="HJK659" s="613"/>
      <c r="HJL659" s="613"/>
      <c r="HJM659" s="613"/>
      <c r="HJN659" s="613"/>
      <c r="HJO659" s="613"/>
      <c r="HJP659" s="613"/>
      <c r="HJQ659" s="613"/>
      <c r="HJR659" s="613"/>
      <c r="HJS659" s="613"/>
      <c r="HJT659" s="613"/>
      <c r="HJU659" s="613"/>
      <c r="HJV659" s="613"/>
      <c r="HJW659" s="613"/>
      <c r="HJX659" s="613"/>
      <c r="HJY659" s="613"/>
      <c r="HJZ659" s="613"/>
      <c r="HKA659" s="613"/>
      <c r="HKB659" s="613"/>
      <c r="HKC659" s="613"/>
      <c r="HKD659" s="613"/>
      <c r="HKE659" s="613"/>
      <c r="HKF659" s="613"/>
      <c r="HKG659" s="613"/>
      <c r="HKH659" s="613"/>
      <c r="HKI659" s="613"/>
      <c r="HKJ659" s="613"/>
      <c r="HKK659" s="613"/>
      <c r="HKL659" s="613"/>
      <c r="HKM659" s="613"/>
      <c r="HKN659" s="613"/>
      <c r="HKO659" s="613"/>
      <c r="HKP659" s="613"/>
      <c r="HKQ659" s="613"/>
      <c r="HKR659" s="613"/>
      <c r="HKS659" s="613"/>
      <c r="HKT659" s="613"/>
      <c r="HKU659" s="613"/>
      <c r="HKV659" s="613"/>
      <c r="HKW659" s="613"/>
      <c r="HKX659" s="613"/>
      <c r="HKY659" s="613"/>
      <c r="HKZ659" s="613"/>
      <c r="HLA659" s="613"/>
      <c r="HLB659" s="613"/>
      <c r="HLC659" s="613"/>
      <c r="HLD659" s="613"/>
      <c r="HLE659" s="613"/>
      <c r="HLF659" s="613"/>
      <c r="HLG659" s="613"/>
      <c r="HLH659" s="613"/>
      <c r="HLI659" s="613"/>
      <c r="HLJ659" s="613"/>
      <c r="HLK659" s="613"/>
      <c r="HLL659" s="613"/>
      <c r="HLM659" s="613"/>
      <c r="HLN659" s="613"/>
      <c r="HLO659" s="613"/>
      <c r="HLP659" s="613"/>
      <c r="HLQ659" s="613"/>
      <c r="HLR659" s="613"/>
      <c r="HLS659" s="613"/>
      <c r="HLT659" s="613"/>
      <c r="HLU659" s="613"/>
      <c r="HLV659" s="613"/>
      <c r="HLW659" s="613"/>
      <c r="HLX659" s="613"/>
      <c r="HLY659" s="613"/>
      <c r="HLZ659" s="613"/>
      <c r="HMA659" s="613"/>
      <c r="HMB659" s="613"/>
      <c r="HMC659" s="613"/>
      <c r="HMD659" s="613"/>
      <c r="HME659" s="613"/>
      <c r="HMF659" s="613"/>
      <c r="HMG659" s="613"/>
      <c r="HMH659" s="613"/>
      <c r="HMI659" s="613"/>
      <c r="HMJ659" s="613"/>
      <c r="HMK659" s="613"/>
      <c r="HML659" s="613"/>
      <c r="HMM659" s="613"/>
      <c r="HMN659" s="613"/>
      <c r="HMO659" s="613"/>
      <c r="HMP659" s="613"/>
      <c r="HMQ659" s="613"/>
      <c r="HMR659" s="613"/>
      <c r="HMS659" s="613"/>
      <c r="HMT659" s="613"/>
      <c r="HMU659" s="613"/>
      <c r="HMV659" s="613"/>
      <c r="HMW659" s="613"/>
      <c r="HMX659" s="613"/>
      <c r="HMY659" s="613"/>
      <c r="HMZ659" s="613"/>
      <c r="HNA659" s="613"/>
      <c r="HNB659" s="613"/>
      <c r="HNC659" s="613"/>
      <c r="HND659" s="613"/>
      <c r="HNE659" s="613"/>
      <c r="HNF659" s="613"/>
      <c r="HNG659" s="613"/>
      <c r="HNH659" s="613"/>
      <c r="HNI659" s="613"/>
      <c r="HNJ659" s="613"/>
      <c r="HNK659" s="613"/>
      <c r="HNL659" s="613"/>
      <c r="HNM659" s="613"/>
      <c r="HNN659" s="613"/>
      <c r="HNO659" s="613"/>
      <c r="HNP659" s="613"/>
      <c r="HNQ659" s="613"/>
      <c r="HNR659" s="613"/>
      <c r="HNS659" s="613"/>
      <c r="HNT659" s="613"/>
      <c r="HNU659" s="613"/>
      <c r="HNV659" s="613"/>
      <c r="HNW659" s="613"/>
      <c r="HNX659" s="613"/>
      <c r="HNY659" s="613"/>
      <c r="HNZ659" s="613"/>
      <c r="HOA659" s="613"/>
      <c r="HOB659" s="613"/>
      <c r="HOC659" s="613"/>
      <c r="HOD659" s="613"/>
      <c r="HOE659" s="613"/>
      <c r="HOF659" s="613"/>
      <c r="HOG659" s="613"/>
      <c r="HOH659" s="613"/>
      <c r="HOI659" s="613"/>
      <c r="HOJ659" s="613"/>
      <c r="HOK659" s="613"/>
      <c r="HOL659" s="613"/>
      <c r="HOM659" s="613"/>
      <c r="HON659" s="613"/>
      <c r="HOO659" s="613"/>
      <c r="HOP659" s="613"/>
      <c r="HOQ659" s="613"/>
      <c r="HOR659" s="613"/>
      <c r="HOS659" s="613"/>
      <c r="HOT659" s="613"/>
      <c r="HOU659" s="613"/>
      <c r="HOV659" s="613"/>
      <c r="HOW659" s="613"/>
      <c r="HOX659" s="613"/>
      <c r="HOY659" s="613"/>
      <c r="HOZ659" s="613"/>
      <c r="HPA659" s="613"/>
      <c r="HPB659" s="613"/>
      <c r="HPC659" s="613"/>
      <c r="HPD659" s="613"/>
      <c r="HPE659" s="613"/>
      <c r="HPF659" s="613"/>
      <c r="HPG659" s="613"/>
      <c r="HPH659" s="613"/>
      <c r="HPI659" s="613"/>
      <c r="HPJ659" s="613"/>
      <c r="HPK659" s="613"/>
      <c r="HPL659" s="613"/>
      <c r="HPM659" s="613"/>
      <c r="HPN659" s="613"/>
      <c r="HPO659" s="613"/>
      <c r="HPP659" s="613"/>
      <c r="HPQ659" s="613"/>
      <c r="HPR659" s="613"/>
      <c r="HPS659" s="613"/>
      <c r="HPT659" s="613"/>
      <c r="HPU659" s="613"/>
      <c r="HPV659" s="613"/>
      <c r="HPW659" s="613"/>
      <c r="HPX659" s="613"/>
      <c r="HPY659" s="613"/>
      <c r="HPZ659" s="613"/>
      <c r="HQA659" s="613"/>
      <c r="HQB659" s="613"/>
      <c r="HQC659" s="613"/>
      <c r="HQD659" s="613"/>
      <c r="HQE659" s="613"/>
      <c r="HQF659" s="613"/>
      <c r="HQG659" s="613"/>
      <c r="HQH659" s="613"/>
      <c r="HQI659" s="613"/>
      <c r="HQJ659" s="613"/>
      <c r="HQK659" s="613"/>
      <c r="HQL659" s="613"/>
      <c r="HQM659" s="613"/>
      <c r="HQN659" s="613"/>
      <c r="HQO659" s="613"/>
      <c r="HQP659" s="613"/>
      <c r="HQQ659" s="613"/>
      <c r="HQR659" s="613"/>
      <c r="HQS659" s="613"/>
      <c r="HQT659" s="613"/>
      <c r="HQU659" s="613"/>
      <c r="HQV659" s="613"/>
      <c r="HQW659" s="613"/>
      <c r="HQX659" s="613"/>
      <c r="HQY659" s="613"/>
      <c r="HQZ659" s="613"/>
      <c r="HRA659" s="613"/>
      <c r="HRB659" s="613"/>
      <c r="HRC659" s="613"/>
      <c r="HRD659" s="613"/>
      <c r="HRE659" s="613"/>
      <c r="HRF659" s="613"/>
      <c r="HRG659" s="613"/>
      <c r="HRH659" s="613"/>
      <c r="HRI659" s="613"/>
      <c r="HRJ659" s="613"/>
      <c r="HRK659" s="613"/>
      <c r="HRL659" s="613"/>
      <c r="HRM659" s="613"/>
      <c r="HRN659" s="613"/>
      <c r="HRO659" s="613"/>
      <c r="HRP659" s="613"/>
      <c r="HRQ659" s="613"/>
      <c r="HRR659" s="613"/>
      <c r="HRS659" s="613"/>
      <c r="HRT659" s="613"/>
      <c r="HRU659" s="613"/>
      <c r="HRV659" s="613"/>
      <c r="HRW659" s="613"/>
      <c r="HRX659" s="613"/>
      <c r="HRY659" s="613"/>
      <c r="HRZ659" s="613"/>
      <c r="HSA659" s="613"/>
      <c r="HSB659" s="613"/>
      <c r="HSC659" s="613"/>
      <c r="HSD659" s="613"/>
      <c r="HSE659" s="613"/>
      <c r="HSF659" s="613"/>
      <c r="HSG659" s="613"/>
      <c r="HSH659" s="613"/>
      <c r="HSI659" s="613"/>
      <c r="HSJ659" s="613"/>
      <c r="HSK659" s="613"/>
      <c r="HSL659" s="613"/>
      <c r="HSM659" s="613"/>
      <c r="HSN659" s="613"/>
      <c r="HSO659" s="613"/>
      <c r="HSP659" s="613"/>
      <c r="HSQ659" s="613"/>
      <c r="HSR659" s="613"/>
      <c r="HSS659" s="613"/>
      <c r="HST659" s="613"/>
      <c r="HSU659" s="613"/>
      <c r="HSV659" s="613"/>
      <c r="HSW659" s="613"/>
      <c r="HSX659" s="613"/>
      <c r="HSY659" s="613"/>
      <c r="HSZ659" s="613"/>
      <c r="HTA659" s="613"/>
      <c r="HTB659" s="613"/>
      <c r="HTC659" s="613"/>
      <c r="HTD659" s="613"/>
      <c r="HTE659" s="613"/>
      <c r="HTF659" s="613"/>
      <c r="HTG659" s="613"/>
      <c r="HTH659" s="613"/>
      <c r="HTI659" s="613"/>
      <c r="HTJ659" s="613"/>
      <c r="HTK659" s="613"/>
      <c r="HTL659" s="613"/>
      <c r="HTM659" s="613"/>
      <c r="HTN659" s="613"/>
      <c r="HTO659" s="613"/>
      <c r="HTP659" s="613"/>
      <c r="HTQ659" s="613"/>
      <c r="HTR659" s="613"/>
      <c r="HTS659" s="613"/>
      <c r="HTT659" s="613"/>
      <c r="HTU659" s="613"/>
      <c r="HTV659" s="613"/>
      <c r="HTW659" s="613"/>
      <c r="HTX659" s="613"/>
      <c r="HTY659" s="613"/>
      <c r="HTZ659" s="613"/>
      <c r="HUA659" s="613"/>
      <c r="HUB659" s="613"/>
      <c r="HUC659" s="613"/>
      <c r="HUD659" s="613"/>
      <c r="HUE659" s="613"/>
      <c r="HUF659" s="613"/>
      <c r="HUG659" s="613"/>
      <c r="HUH659" s="613"/>
      <c r="HUI659" s="613"/>
      <c r="HUJ659" s="613"/>
      <c r="HUK659" s="613"/>
      <c r="HUL659" s="613"/>
      <c r="HUM659" s="613"/>
      <c r="HUN659" s="613"/>
      <c r="HUO659" s="613"/>
      <c r="HUP659" s="613"/>
      <c r="HUQ659" s="613"/>
      <c r="HUR659" s="613"/>
      <c r="HUS659" s="613"/>
      <c r="HUT659" s="613"/>
      <c r="HUU659" s="613"/>
      <c r="HUV659" s="613"/>
      <c r="HUW659" s="613"/>
      <c r="HUX659" s="613"/>
      <c r="HUY659" s="613"/>
      <c r="HUZ659" s="613"/>
      <c r="HVA659" s="613"/>
      <c r="HVB659" s="613"/>
      <c r="HVC659" s="613"/>
      <c r="HVD659" s="613"/>
      <c r="HVE659" s="613"/>
      <c r="HVF659" s="613"/>
      <c r="HVG659" s="613"/>
      <c r="HVH659" s="613"/>
      <c r="HVI659" s="613"/>
      <c r="HVJ659" s="613"/>
      <c r="HVK659" s="613"/>
      <c r="HVL659" s="613"/>
      <c r="HVM659" s="613"/>
      <c r="HVN659" s="613"/>
      <c r="HVO659" s="613"/>
      <c r="HVP659" s="613"/>
      <c r="HVQ659" s="613"/>
      <c r="HVR659" s="613"/>
      <c r="HVS659" s="613"/>
      <c r="HVT659" s="613"/>
      <c r="HVU659" s="613"/>
      <c r="HVV659" s="613"/>
      <c r="HVW659" s="613"/>
      <c r="HVX659" s="613"/>
      <c r="HVY659" s="613"/>
      <c r="HVZ659" s="613"/>
      <c r="HWA659" s="613"/>
      <c r="HWB659" s="613"/>
      <c r="HWC659" s="613"/>
      <c r="HWD659" s="613"/>
      <c r="HWE659" s="613"/>
      <c r="HWF659" s="613"/>
      <c r="HWG659" s="613"/>
      <c r="HWH659" s="613"/>
      <c r="HWI659" s="613"/>
      <c r="HWJ659" s="613"/>
      <c r="HWK659" s="613"/>
      <c r="HWL659" s="613"/>
      <c r="HWM659" s="613"/>
      <c r="HWN659" s="613"/>
      <c r="HWO659" s="613"/>
      <c r="HWP659" s="613"/>
      <c r="HWQ659" s="613"/>
      <c r="HWR659" s="613"/>
      <c r="HWS659" s="613"/>
      <c r="HWT659" s="613"/>
      <c r="HWU659" s="613"/>
      <c r="HWV659" s="613"/>
      <c r="HWW659" s="613"/>
      <c r="HWX659" s="613"/>
      <c r="HWY659" s="613"/>
      <c r="HWZ659" s="613"/>
      <c r="HXA659" s="613"/>
      <c r="HXB659" s="613"/>
      <c r="HXC659" s="613"/>
      <c r="HXD659" s="613"/>
      <c r="HXE659" s="613"/>
      <c r="HXF659" s="613"/>
      <c r="HXG659" s="613"/>
      <c r="HXH659" s="613"/>
      <c r="HXI659" s="613"/>
      <c r="HXJ659" s="613"/>
      <c r="HXK659" s="613"/>
      <c r="HXL659" s="613"/>
      <c r="HXM659" s="613"/>
      <c r="HXN659" s="613"/>
      <c r="HXO659" s="613"/>
      <c r="HXP659" s="613"/>
      <c r="HXQ659" s="613"/>
      <c r="HXR659" s="613"/>
      <c r="HXS659" s="613"/>
      <c r="HXT659" s="613"/>
      <c r="HXU659" s="613"/>
      <c r="HXV659" s="613"/>
      <c r="HXW659" s="613"/>
      <c r="HXX659" s="613"/>
      <c r="HXY659" s="613"/>
      <c r="HXZ659" s="613"/>
      <c r="HYA659" s="613"/>
      <c r="HYB659" s="613"/>
      <c r="HYC659" s="613"/>
      <c r="HYD659" s="613"/>
      <c r="HYE659" s="613"/>
      <c r="HYF659" s="613"/>
      <c r="HYG659" s="613"/>
      <c r="HYH659" s="613"/>
      <c r="HYI659" s="613"/>
      <c r="HYJ659" s="613"/>
      <c r="HYK659" s="613"/>
      <c r="HYL659" s="613"/>
      <c r="HYM659" s="613"/>
      <c r="HYN659" s="613"/>
      <c r="HYO659" s="613"/>
      <c r="HYP659" s="613"/>
      <c r="HYQ659" s="613"/>
      <c r="HYR659" s="613"/>
      <c r="HYS659" s="613"/>
      <c r="HYT659" s="613"/>
      <c r="HYU659" s="613"/>
      <c r="HYV659" s="613"/>
      <c r="HYW659" s="613"/>
      <c r="HYX659" s="613"/>
      <c r="HYY659" s="613"/>
      <c r="HYZ659" s="613"/>
      <c r="HZA659" s="613"/>
      <c r="HZB659" s="613"/>
      <c r="HZC659" s="613"/>
      <c r="HZD659" s="613"/>
      <c r="HZE659" s="613"/>
      <c r="HZF659" s="613"/>
      <c r="HZG659" s="613"/>
      <c r="HZH659" s="613"/>
      <c r="HZI659" s="613"/>
      <c r="HZJ659" s="613"/>
      <c r="HZK659" s="613"/>
      <c r="HZL659" s="613"/>
      <c r="HZM659" s="613"/>
      <c r="HZN659" s="613"/>
      <c r="HZO659" s="613"/>
      <c r="HZP659" s="613"/>
      <c r="HZQ659" s="613"/>
      <c r="HZR659" s="613"/>
      <c r="HZS659" s="613"/>
      <c r="HZT659" s="613"/>
      <c r="HZU659" s="613"/>
      <c r="HZV659" s="613"/>
      <c r="HZW659" s="613"/>
      <c r="HZX659" s="613"/>
      <c r="HZY659" s="613"/>
      <c r="HZZ659" s="613"/>
      <c r="IAA659" s="613"/>
      <c r="IAB659" s="613"/>
      <c r="IAC659" s="613"/>
      <c r="IAD659" s="613"/>
      <c r="IAE659" s="613"/>
      <c r="IAF659" s="613"/>
      <c r="IAG659" s="613"/>
      <c r="IAH659" s="613"/>
      <c r="IAI659" s="613"/>
      <c r="IAJ659" s="613"/>
      <c r="IAK659" s="613"/>
      <c r="IAL659" s="613"/>
      <c r="IAM659" s="613"/>
      <c r="IAN659" s="613"/>
      <c r="IAO659" s="613"/>
      <c r="IAP659" s="613"/>
      <c r="IAQ659" s="613"/>
      <c r="IAR659" s="613"/>
      <c r="IAS659" s="613"/>
      <c r="IAT659" s="613"/>
      <c r="IAU659" s="613"/>
      <c r="IAV659" s="613"/>
      <c r="IAW659" s="613"/>
      <c r="IAX659" s="613"/>
      <c r="IAY659" s="613"/>
      <c r="IAZ659" s="613"/>
      <c r="IBA659" s="613"/>
      <c r="IBB659" s="613"/>
      <c r="IBC659" s="613"/>
      <c r="IBD659" s="613"/>
      <c r="IBE659" s="613"/>
      <c r="IBF659" s="613"/>
      <c r="IBG659" s="613"/>
      <c r="IBH659" s="613"/>
      <c r="IBI659" s="613"/>
      <c r="IBJ659" s="613"/>
      <c r="IBK659" s="613"/>
      <c r="IBL659" s="613"/>
      <c r="IBM659" s="613"/>
      <c r="IBN659" s="613"/>
      <c r="IBO659" s="613"/>
      <c r="IBP659" s="613"/>
      <c r="IBQ659" s="613"/>
      <c r="IBR659" s="613"/>
      <c r="IBS659" s="613"/>
      <c r="IBT659" s="613"/>
      <c r="IBU659" s="613"/>
      <c r="IBV659" s="613"/>
      <c r="IBW659" s="613"/>
      <c r="IBX659" s="613"/>
      <c r="IBY659" s="613"/>
      <c r="IBZ659" s="613"/>
      <c r="ICA659" s="613"/>
      <c r="ICB659" s="613"/>
      <c r="ICC659" s="613"/>
      <c r="ICD659" s="613"/>
      <c r="ICE659" s="613"/>
      <c r="ICF659" s="613"/>
      <c r="ICG659" s="613"/>
      <c r="ICH659" s="613"/>
      <c r="ICI659" s="613"/>
      <c r="ICJ659" s="613"/>
      <c r="ICK659" s="613"/>
      <c r="ICL659" s="613"/>
      <c r="ICM659" s="613"/>
      <c r="ICN659" s="613"/>
      <c r="ICO659" s="613"/>
      <c r="ICP659" s="613"/>
      <c r="ICQ659" s="613"/>
      <c r="ICR659" s="613"/>
      <c r="ICS659" s="613"/>
      <c r="ICT659" s="613"/>
      <c r="ICU659" s="613"/>
      <c r="ICV659" s="613"/>
      <c r="ICW659" s="613"/>
      <c r="ICX659" s="613"/>
      <c r="ICY659" s="613"/>
      <c r="ICZ659" s="613"/>
      <c r="IDA659" s="613"/>
      <c r="IDB659" s="613"/>
      <c r="IDC659" s="613"/>
      <c r="IDD659" s="613"/>
      <c r="IDE659" s="613"/>
      <c r="IDF659" s="613"/>
      <c r="IDG659" s="613"/>
      <c r="IDH659" s="613"/>
      <c r="IDI659" s="613"/>
      <c r="IDJ659" s="613"/>
      <c r="IDK659" s="613"/>
      <c r="IDL659" s="613"/>
      <c r="IDM659" s="613"/>
      <c r="IDN659" s="613"/>
      <c r="IDO659" s="613"/>
      <c r="IDP659" s="613"/>
      <c r="IDQ659" s="613"/>
      <c r="IDR659" s="613"/>
      <c r="IDS659" s="613"/>
      <c r="IDT659" s="613"/>
      <c r="IDU659" s="613"/>
      <c r="IDV659" s="613"/>
      <c r="IDW659" s="613"/>
      <c r="IDX659" s="613"/>
      <c r="IDY659" s="613"/>
      <c r="IDZ659" s="613"/>
      <c r="IEA659" s="613"/>
      <c r="IEB659" s="613"/>
      <c r="IEC659" s="613"/>
      <c r="IED659" s="613"/>
      <c r="IEE659" s="613"/>
      <c r="IEF659" s="613"/>
      <c r="IEG659" s="613"/>
      <c r="IEH659" s="613"/>
      <c r="IEI659" s="613"/>
      <c r="IEJ659" s="613"/>
      <c r="IEK659" s="613"/>
      <c r="IEL659" s="613"/>
      <c r="IEM659" s="613"/>
      <c r="IEN659" s="613"/>
      <c r="IEO659" s="613"/>
      <c r="IEP659" s="613"/>
      <c r="IEQ659" s="613"/>
      <c r="IER659" s="613"/>
      <c r="IES659" s="613"/>
      <c r="IET659" s="613"/>
      <c r="IEU659" s="613"/>
      <c r="IEV659" s="613"/>
      <c r="IEW659" s="613"/>
      <c r="IEX659" s="613"/>
      <c r="IEY659" s="613"/>
      <c r="IEZ659" s="613"/>
      <c r="IFA659" s="613"/>
      <c r="IFB659" s="613"/>
      <c r="IFC659" s="613"/>
      <c r="IFD659" s="613"/>
      <c r="IFE659" s="613"/>
      <c r="IFF659" s="613"/>
      <c r="IFG659" s="613"/>
      <c r="IFH659" s="613"/>
      <c r="IFI659" s="613"/>
      <c r="IFJ659" s="613"/>
      <c r="IFK659" s="613"/>
      <c r="IFL659" s="613"/>
      <c r="IFM659" s="613"/>
      <c r="IFN659" s="613"/>
      <c r="IFO659" s="613"/>
      <c r="IFP659" s="613"/>
      <c r="IFQ659" s="613"/>
      <c r="IFR659" s="613"/>
      <c r="IFS659" s="613"/>
      <c r="IFT659" s="613"/>
      <c r="IFU659" s="613"/>
      <c r="IFV659" s="613"/>
      <c r="IFW659" s="613"/>
      <c r="IFX659" s="613"/>
      <c r="IFY659" s="613"/>
      <c r="IFZ659" s="613"/>
      <c r="IGA659" s="613"/>
      <c r="IGB659" s="613"/>
      <c r="IGC659" s="613"/>
      <c r="IGD659" s="613"/>
      <c r="IGE659" s="613"/>
      <c r="IGF659" s="613"/>
      <c r="IGG659" s="613"/>
      <c r="IGH659" s="613"/>
      <c r="IGI659" s="613"/>
      <c r="IGJ659" s="613"/>
      <c r="IGK659" s="613"/>
      <c r="IGL659" s="613"/>
      <c r="IGM659" s="613"/>
      <c r="IGN659" s="613"/>
      <c r="IGO659" s="613"/>
      <c r="IGP659" s="613"/>
      <c r="IGQ659" s="613"/>
      <c r="IGR659" s="613"/>
      <c r="IGS659" s="613"/>
      <c r="IGT659" s="613"/>
      <c r="IGU659" s="613"/>
      <c r="IGV659" s="613"/>
      <c r="IGW659" s="613"/>
      <c r="IGX659" s="613"/>
      <c r="IGY659" s="613"/>
      <c r="IGZ659" s="613"/>
      <c r="IHA659" s="613"/>
      <c r="IHB659" s="613"/>
      <c r="IHC659" s="613"/>
      <c r="IHD659" s="613"/>
      <c r="IHE659" s="613"/>
      <c r="IHF659" s="613"/>
      <c r="IHG659" s="613"/>
      <c r="IHH659" s="613"/>
      <c r="IHI659" s="613"/>
      <c r="IHJ659" s="613"/>
      <c r="IHK659" s="613"/>
      <c r="IHL659" s="613"/>
      <c r="IHM659" s="613"/>
      <c r="IHN659" s="613"/>
      <c r="IHO659" s="613"/>
      <c r="IHP659" s="613"/>
      <c r="IHQ659" s="613"/>
      <c r="IHR659" s="613"/>
      <c r="IHS659" s="613"/>
      <c r="IHT659" s="613"/>
      <c r="IHU659" s="613"/>
      <c r="IHV659" s="613"/>
      <c r="IHW659" s="613"/>
      <c r="IHX659" s="613"/>
      <c r="IHY659" s="613"/>
      <c r="IHZ659" s="613"/>
      <c r="IIA659" s="613"/>
      <c r="IIB659" s="613"/>
      <c r="IIC659" s="613"/>
      <c r="IID659" s="613"/>
      <c r="IIE659" s="613"/>
      <c r="IIF659" s="613"/>
      <c r="IIG659" s="613"/>
      <c r="IIH659" s="613"/>
      <c r="III659" s="613"/>
      <c r="IIJ659" s="613"/>
      <c r="IIK659" s="613"/>
      <c r="IIL659" s="613"/>
      <c r="IIM659" s="613"/>
      <c r="IIN659" s="613"/>
      <c r="IIO659" s="613"/>
      <c r="IIP659" s="613"/>
      <c r="IIQ659" s="613"/>
      <c r="IIR659" s="613"/>
      <c r="IIS659" s="613"/>
      <c r="IIT659" s="613"/>
      <c r="IIU659" s="613"/>
      <c r="IIV659" s="613"/>
      <c r="IIW659" s="613"/>
      <c r="IIX659" s="613"/>
      <c r="IIY659" s="613"/>
      <c r="IIZ659" s="613"/>
      <c r="IJA659" s="613"/>
      <c r="IJB659" s="613"/>
      <c r="IJC659" s="613"/>
      <c r="IJD659" s="613"/>
      <c r="IJE659" s="613"/>
      <c r="IJF659" s="613"/>
      <c r="IJG659" s="613"/>
      <c r="IJH659" s="613"/>
      <c r="IJI659" s="613"/>
      <c r="IJJ659" s="613"/>
      <c r="IJK659" s="613"/>
      <c r="IJL659" s="613"/>
      <c r="IJM659" s="613"/>
      <c r="IJN659" s="613"/>
      <c r="IJO659" s="613"/>
      <c r="IJP659" s="613"/>
      <c r="IJQ659" s="613"/>
      <c r="IJR659" s="613"/>
      <c r="IJS659" s="613"/>
      <c r="IJT659" s="613"/>
      <c r="IJU659" s="613"/>
      <c r="IJV659" s="613"/>
      <c r="IJW659" s="613"/>
      <c r="IJX659" s="613"/>
      <c r="IJY659" s="613"/>
      <c r="IJZ659" s="613"/>
      <c r="IKA659" s="613"/>
      <c r="IKB659" s="613"/>
      <c r="IKC659" s="613"/>
      <c r="IKD659" s="613"/>
      <c r="IKE659" s="613"/>
      <c r="IKF659" s="613"/>
      <c r="IKG659" s="613"/>
      <c r="IKH659" s="613"/>
      <c r="IKI659" s="613"/>
      <c r="IKJ659" s="613"/>
      <c r="IKK659" s="613"/>
      <c r="IKL659" s="613"/>
      <c r="IKM659" s="613"/>
      <c r="IKN659" s="613"/>
      <c r="IKO659" s="613"/>
      <c r="IKP659" s="613"/>
      <c r="IKQ659" s="613"/>
      <c r="IKR659" s="613"/>
      <c r="IKS659" s="613"/>
      <c r="IKT659" s="613"/>
      <c r="IKU659" s="613"/>
      <c r="IKV659" s="613"/>
      <c r="IKW659" s="613"/>
      <c r="IKX659" s="613"/>
      <c r="IKY659" s="613"/>
      <c r="IKZ659" s="613"/>
      <c r="ILA659" s="613"/>
      <c r="ILB659" s="613"/>
      <c r="ILC659" s="613"/>
      <c r="ILD659" s="613"/>
      <c r="ILE659" s="613"/>
      <c r="ILF659" s="613"/>
      <c r="ILG659" s="613"/>
      <c r="ILH659" s="613"/>
      <c r="ILI659" s="613"/>
      <c r="ILJ659" s="613"/>
      <c r="ILK659" s="613"/>
      <c r="ILL659" s="613"/>
      <c r="ILM659" s="613"/>
      <c r="ILN659" s="613"/>
      <c r="ILO659" s="613"/>
      <c r="ILP659" s="613"/>
      <c r="ILQ659" s="613"/>
      <c r="ILR659" s="613"/>
      <c r="ILS659" s="613"/>
      <c r="ILT659" s="613"/>
      <c r="ILU659" s="613"/>
      <c r="ILV659" s="613"/>
      <c r="ILW659" s="613"/>
      <c r="ILX659" s="613"/>
      <c r="ILY659" s="613"/>
      <c r="ILZ659" s="613"/>
      <c r="IMA659" s="613"/>
      <c r="IMB659" s="613"/>
      <c r="IMC659" s="613"/>
      <c r="IMD659" s="613"/>
      <c r="IME659" s="613"/>
      <c r="IMF659" s="613"/>
      <c r="IMG659" s="613"/>
      <c r="IMH659" s="613"/>
      <c r="IMI659" s="613"/>
      <c r="IMJ659" s="613"/>
      <c r="IMK659" s="613"/>
      <c r="IML659" s="613"/>
      <c r="IMM659" s="613"/>
      <c r="IMN659" s="613"/>
      <c r="IMO659" s="613"/>
      <c r="IMP659" s="613"/>
      <c r="IMQ659" s="613"/>
      <c r="IMR659" s="613"/>
      <c r="IMS659" s="613"/>
      <c r="IMT659" s="613"/>
      <c r="IMU659" s="613"/>
      <c r="IMV659" s="613"/>
      <c r="IMW659" s="613"/>
      <c r="IMX659" s="613"/>
      <c r="IMY659" s="613"/>
      <c r="IMZ659" s="613"/>
      <c r="INA659" s="613"/>
      <c r="INB659" s="613"/>
      <c r="INC659" s="613"/>
      <c r="IND659" s="613"/>
      <c r="INE659" s="613"/>
      <c r="INF659" s="613"/>
      <c r="ING659" s="613"/>
      <c r="INH659" s="613"/>
      <c r="INI659" s="613"/>
      <c r="INJ659" s="613"/>
      <c r="INK659" s="613"/>
      <c r="INL659" s="613"/>
      <c r="INM659" s="613"/>
      <c r="INN659" s="613"/>
      <c r="INO659" s="613"/>
      <c r="INP659" s="613"/>
      <c r="INQ659" s="613"/>
      <c r="INR659" s="613"/>
      <c r="INS659" s="613"/>
      <c r="INT659" s="613"/>
      <c r="INU659" s="613"/>
      <c r="INV659" s="613"/>
      <c r="INW659" s="613"/>
      <c r="INX659" s="613"/>
      <c r="INY659" s="613"/>
      <c r="INZ659" s="613"/>
      <c r="IOA659" s="613"/>
      <c r="IOB659" s="613"/>
      <c r="IOC659" s="613"/>
      <c r="IOD659" s="613"/>
      <c r="IOE659" s="613"/>
      <c r="IOF659" s="613"/>
      <c r="IOG659" s="613"/>
      <c r="IOH659" s="613"/>
      <c r="IOI659" s="613"/>
      <c r="IOJ659" s="613"/>
      <c r="IOK659" s="613"/>
      <c r="IOL659" s="613"/>
      <c r="IOM659" s="613"/>
      <c r="ION659" s="613"/>
      <c r="IOO659" s="613"/>
      <c r="IOP659" s="613"/>
      <c r="IOQ659" s="613"/>
      <c r="IOR659" s="613"/>
      <c r="IOS659" s="613"/>
      <c r="IOT659" s="613"/>
      <c r="IOU659" s="613"/>
      <c r="IOV659" s="613"/>
      <c r="IOW659" s="613"/>
      <c r="IOX659" s="613"/>
      <c r="IOY659" s="613"/>
      <c r="IOZ659" s="613"/>
      <c r="IPA659" s="613"/>
      <c r="IPB659" s="613"/>
      <c r="IPC659" s="613"/>
      <c r="IPD659" s="613"/>
      <c r="IPE659" s="613"/>
      <c r="IPF659" s="613"/>
      <c r="IPG659" s="613"/>
      <c r="IPH659" s="613"/>
      <c r="IPI659" s="613"/>
      <c r="IPJ659" s="613"/>
      <c r="IPK659" s="613"/>
      <c r="IPL659" s="613"/>
      <c r="IPM659" s="613"/>
      <c r="IPN659" s="613"/>
      <c r="IPO659" s="613"/>
      <c r="IPP659" s="613"/>
      <c r="IPQ659" s="613"/>
      <c r="IPR659" s="613"/>
      <c r="IPS659" s="613"/>
      <c r="IPT659" s="613"/>
      <c r="IPU659" s="613"/>
      <c r="IPV659" s="613"/>
      <c r="IPW659" s="613"/>
      <c r="IPX659" s="613"/>
      <c r="IPY659" s="613"/>
      <c r="IPZ659" s="613"/>
      <c r="IQA659" s="613"/>
      <c r="IQB659" s="613"/>
      <c r="IQC659" s="613"/>
      <c r="IQD659" s="613"/>
      <c r="IQE659" s="613"/>
      <c r="IQF659" s="613"/>
      <c r="IQG659" s="613"/>
      <c r="IQH659" s="613"/>
      <c r="IQI659" s="613"/>
      <c r="IQJ659" s="613"/>
      <c r="IQK659" s="613"/>
      <c r="IQL659" s="613"/>
      <c r="IQM659" s="613"/>
      <c r="IQN659" s="613"/>
      <c r="IQO659" s="613"/>
      <c r="IQP659" s="613"/>
      <c r="IQQ659" s="613"/>
      <c r="IQR659" s="613"/>
      <c r="IQS659" s="613"/>
      <c r="IQT659" s="613"/>
      <c r="IQU659" s="613"/>
      <c r="IQV659" s="613"/>
      <c r="IQW659" s="613"/>
      <c r="IQX659" s="613"/>
      <c r="IQY659" s="613"/>
      <c r="IQZ659" s="613"/>
      <c r="IRA659" s="613"/>
      <c r="IRB659" s="613"/>
      <c r="IRC659" s="613"/>
      <c r="IRD659" s="613"/>
      <c r="IRE659" s="613"/>
      <c r="IRF659" s="613"/>
      <c r="IRG659" s="613"/>
      <c r="IRH659" s="613"/>
      <c r="IRI659" s="613"/>
      <c r="IRJ659" s="613"/>
      <c r="IRK659" s="613"/>
      <c r="IRL659" s="613"/>
      <c r="IRM659" s="613"/>
      <c r="IRN659" s="613"/>
      <c r="IRO659" s="613"/>
      <c r="IRP659" s="613"/>
      <c r="IRQ659" s="613"/>
      <c r="IRR659" s="613"/>
      <c r="IRS659" s="613"/>
      <c r="IRT659" s="613"/>
      <c r="IRU659" s="613"/>
      <c r="IRV659" s="613"/>
      <c r="IRW659" s="613"/>
      <c r="IRX659" s="613"/>
      <c r="IRY659" s="613"/>
      <c r="IRZ659" s="613"/>
      <c r="ISA659" s="613"/>
      <c r="ISB659" s="613"/>
      <c r="ISC659" s="613"/>
      <c r="ISD659" s="613"/>
      <c r="ISE659" s="613"/>
      <c r="ISF659" s="613"/>
      <c r="ISG659" s="613"/>
      <c r="ISH659" s="613"/>
      <c r="ISI659" s="613"/>
      <c r="ISJ659" s="613"/>
      <c r="ISK659" s="613"/>
      <c r="ISL659" s="613"/>
      <c r="ISM659" s="613"/>
      <c r="ISN659" s="613"/>
      <c r="ISO659" s="613"/>
      <c r="ISP659" s="613"/>
      <c r="ISQ659" s="613"/>
      <c r="ISR659" s="613"/>
      <c r="ISS659" s="613"/>
      <c r="IST659" s="613"/>
      <c r="ISU659" s="613"/>
      <c r="ISV659" s="613"/>
      <c r="ISW659" s="613"/>
      <c r="ISX659" s="613"/>
      <c r="ISY659" s="613"/>
      <c r="ISZ659" s="613"/>
      <c r="ITA659" s="613"/>
      <c r="ITB659" s="613"/>
      <c r="ITC659" s="613"/>
      <c r="ITD659" s="613"/>
      <c r="ITE659" s="613"/>
      <c r="ITF659" s="613"/>
      <c r="ITG659" s="613"/>
      <c r="ITH659" s="613"/>
      <c r="ITI659" s="613"/>
      <c r="ITJ659" s="613"/>
      <c r="ITK659" s="613"/>
      <c r="ITL659" s="613"/>
      <c r="ITM659" s="613"/>
      <c r="ITN659" s="613"/>
      <c r="ITO659" s="613"/>
      <c r="ITP659" s="613"/>
      <c r="ITQ659" s="613"/>
      <c r="ITR659" s="613"/>
      <c r="ITS659" s="613"/>
      <c r="ITT659" s="613"/>
      <c r="ITU659" s="613"/>
      <c r="ITV659" s="613"/>
      <c r="ITW659" s="613"/>
      <c r="ITX659" s="613"/>
      <c r="ITY659" s="613"/>
      <c r="ITZ659" s="613"/>
      <c r="IUA659" s="613"/>
      <c r="IUB659" s="613"/>
      <c r="IUC659" s="613"/>
      <c r="IUD659" s="613"/>
      <c r="IUE659" s="613"/>
      <c r="IUF659" s="613"/>
      <c r="IUG659" s="613"/>
      <c r="IUH659" s="613"/>
      <c r="IUI659" s="613"/>
      <c r="IUJ659" s="613"/>
      <c r="IUK659" s="613"/>
      <c r="IUL659" s="613"/>
      <c r="IUM659" s="613"/>
      <c r="IUN659" s="613"/>
      <c r="IUO659" s="613"/>
      <c r="IUP659" s="613"/>
      <c r="IUQ659" s="613"/>
      <c r="IUR659" s="613"/>
      <c r="IUS659" s="613"/>
      <c r="IUT659" s="613"/>
      <c r="IUU659" s="613"/>
      <c r="IUV659" s="613"/>
      <c r="IUW659" s="613"/>
      <c r="IUX659" s="613"/>
      <c r="IUY659" s="613"/>
      <c r="IUZ659" s="613"/>
      <c r="IVA659" s="613"/>
      <c r="IVB659" s="613"/>
      <c r="IVC659" s="613"/>
      <c r="IVD659" s="613"/>
      <c r="IVE659" s="613"/>
      <c r="IVF659" s="613"/>
      <c r="IVG659" s="613"/>
      <c r="IVH659" s="613"/>
      <c r="IVI659" s="613"/>
      <c r="IVJ659" s="613"/>
      <c r="IVK659" s="613"/>
      <c r="IVL659" s="613"/>
      <c r="IVM659" s="613"/>
      <c r="IVN659" s="613"/>
      <c r="IVO659" s="613"/>
      <c r="IVP659" s="613"/>
      <c r="IVQ659" s="613"/>
      <c r="IVR659" s="613"/>
      <c r="IVS659" s="613"/>
      <c r="IVT659" s="613"/>
      <c r="IVU659" s="613"/>
      <c r="IVV659" s="613"/>
      <c r="IVW659" s="613"/>
      <c r="IVX659" s="613"/>
      <c r="IVY659" s="613"/>
      <c r="IVZ659" s="613"/>
      <c r="IWA659" s="613"/>
      <c r="IWB659" s="613"/>
      <c r="IWC659" s="613"/>
      <c r="IWD659" s="613"/>
      <c r="IWE659" s="613"/>
      <c r="IWF659" s="613"/>
      <c r="IWG659" s="613"/>
      <c r="IWH659" s="613"/>
      <c r="IWI659" s="613"/>
      <c r="IWJ659" s="613"/>
      <c r="IWK659" s="613"/>
      <c r="IWL659" s="613"/>
      <c r="IWM659" s="613"/>
      <c r="IWN659" s="613"/>
      <c r="IWO659" s="613"/>
      <c r="IWP659" s="613"/>
      <c r="IWQ659" s="613"/>
      <c r="IWR659" s="613"/>
      <c r="IWS659" s="613"/>
      <c r="IWT659" s="613"/>
      <c r="IWU659" s="613"/>
      <c r="IWV659" s="613"/>
      <c r="IWW659" s="613"/>
      <c r="IWX659" s="613"/>
      <c r="IWY659" s="613"/>
      <c r="IWZ659" s="613"/>
      <c r="IXA659" s="613"/>
      <c r="IXB659" s="613"/>
      <c r="IXC659" s="613"/>
      <c r="IXD659" s="613"/>
      <c r="IXE659" s="613"/>
      <c r="IXF659" s="613"/>
      <c r="IXG659" s="613"/>
      <c r="IXH659" s="613"/>
      <c r="IXI659" s="613"/>
      <c r="IXJ659" s="613"/>
      <c r="IXK659" s="613"/>
      <c r="IXL659" s="613"/>
      <c r="IXM659" s="613"/>
      <c r="IXN659" s="613"/>
      <c r="IXO659" s="613"/>
      <c r="IXP659" s="613"/>
      <c r="IXQ659" s="613"/>
      <c r="IXR659" s="613"/>
      <c r="IXS659" s="613"/>
      <c r="IXT659" s="613"/>
      <c r="IXU659" s="613"/>
      <c r="IXV659" s="613"/>
      <c r="IXW659" s="613"/>
      <c r="IXX659" s="613"/>
      <c r="IXY659" s="613"/>
      <c r="IXZ659" s="613"/>
      <c r="IYA659" s="613"/>
      <c r="IYB659" s="613"/>
      <c r="IYC659" s="613"/>
      <c r="IYD659" s="613"/>
      <c r="IYE659" s="613"/>
      <c r="IYF659" s="613"/>
      <c r="IYG659" s="613"/>
      <c r="IYH659" s="613"/>
      <c r="IYI659" s="613"/>
      <c r="IYJ659" s="613"/>
      <c r="IYK659" s="613"/>
      <c r="IYL659" s="613"/>
      <c r="IYM659" s="613"/>
      <c r="IYN659" s="613"/>
      <c r="IYO659" s="613"/>
      <c r="IYP659" s="613"/>
      <c r="IYQ659" s="613"/>
      <c r="IYR659" s="613"/>
      <c r="IYS659" s="613"/>
      <c r="IYT659" s="613"/>
      <c r="IYU659" s="613"/>
      <c r="IYV659" s="613"/>
      <c r="IYW659" s="613"/>
      <c r="IYX659" s="613"/>
      <c r="IYY659" s="613"/>
      <c r="IYZ659" s="613"/>
      <c r="IZA659" s="613"/>
      <c r="IZB659" s="613"/>
      <c r="IZC659" s="613"/>
      <c r="IZD659" s="613"/>
      <c r="IZE659" s="613"/>
      <c r="IZF659" s="613"/>
      <c r="IZG659" s="613"/>
      <c r="IZH659" s="613"/>
      <c r="IZI659" s="613"/>
      <c r="IZJ659" s="613"/>
      <c r="IZK659" s="613"/>
      <c r="IZL659" s="613"/>
      <c r="IZM659" s="613"/>
      <c r="IZN659" s="613"/>
      <c r="IZO659" s="613"/>
      <c r="IZP659" s="613"/>
      <c r="IZQ659" s="613"/>
      <c r="IZR659" s="613"/>
      <c r="IZS659" s="613"/>
      <c r="IZT659" s="613"/>
      <c r="IZU659" s="613"/>
      <c r="IZV659" s="613"/>
      <c r="IZW659" s="613"/>
      <c r="IZX659" s="613"/>
      <c r="IZY659" s="613"/>
      <c r="IZZ659" s="613"/>
      <c r="JAA659" s="613"/>
      <c r="JAB659" s="613"/>
      <c r="JAC659" s="613"/>
      <c r="JAD659" s="613"/>
      <c r="JAE659" s="613"/>
      <c r="JAF659" s="613"/>
      <c r="JAG659" s="613"/>
      <c r="JAH659" s="613"/>
      <c r="JAI659" s="613"/>
      <c r="JAJ659" s="613"/>
      <c r="JAK659" s="613"/>
      <c r="JAL659" s="613"/>
      <c r="JAM659" s="613"/>
      <c r="JAN659" s="613"/>
      <c r="JAO659" s="613"/>
      <c r="JAP659" s="613"/>
      <c r="JAQ659" s="613"/>
      <c r="JAR659" s="613"/>
      <c r="JAS659" s="613"/>
      <c r="JAT659" s="613"/>
      <c r="JAU659" s="613"/>
      <c r="JAV659" s="613"/>
      <c r="JAW659" s="613"/>
      <c r="JAX659" s="613"/>
      <c r="JAY659" s="613"/>
      <c r="JAZ659" s="613"/>
      <c r="JBA659" s="613"/>
      <c r="JBB659" s="613"/>
      <c r="JBC659" s="613"/>
      <c r="JBD659" s="613"/>
      <c r="JBE659" s="613"/>
      <c r="JBF659" s="613"/>
      <c r="JBG659" s="613"/>
      <c r="JBH659" s="613"/>
      <c r="JBI659" s="613"/>
      <c r="JBJ659" s="613"/>
      <c r="JBK659" s="613"/>
      <c r="JBL659" s="613"/>
      <c r="JBM659" s="613"/>
      <c r="JBN659" s="613"/>
      <c r="JBO659" s="613"/>
      <c r="JBP659" s="613"/>
      <c r="JBQ659" s="613"/>
      <c r="JBR659" s="613"/>
      <c r="JBS659" s="613"/>
      <c r="JBT659" s="613"/>
      <c r="JBU659" s="613"/>
      <c r="JBV659" s="613"/>
      <c r="JBW659" s="613"/>
      <c r="JBX659" s="613"/>
      <c r="JBY659" s="613"/>
      <c r="JBZ659" s="613"/>
      <c r="JCA659" s="613"/>
      <c r="JCB659" s="613"/>
      <c r="JCC659" s="613"/>
      <c r="JCD659" s="613"/>
      <c r="JCE659" s="613"/>
      <c r="JCF659" s="613"/>
      <c r="JCG659" s="613"/>
      <c r="JCH659" s="613"/>
      <c r="JCI659" s="613"/>
      <c r="JCJ659" s="613"/>
      <c r="JCK659" s="613"/>
      <c r="JCL659" s="613"/>
      <c r="JCM659" s="613"/>
      <c r="JCN659" s="613"/>
      <c r="JCO659" s="613"/>
      <c r="JCP659" s="613"/>
      <c r="JCQ659" s="613"/>
      <c r="JCR659" s="613"/>
      <c r="JCS659" s="613"/>
      <c r="JCT659" s="613"/>
      <c r="JCU659" s="613"/>
      <c r="JCV659" s="613"/>
      <c r="JCW659" s="613"/>
      <c r="JCX659" s="613"/>
      <c r="JCY659" s="613"/>
      <c r="JCZ659" s="613"/>
      <c r="JDA659" s="613"/>
      <c r="JDB659" s="613"/>
      <c r="JDC659" s="613"/>
      <c r="JDD659" s="613"/>
      <c r="JDE659" s="613"/>
      <c r="JDF659" s="613"/>
      <c r="JDG659" s="613"/>
      <c r="JDH659" s="613"/>
      <c r="JDI659" s="613"/>
      <c r="JDJ659" s="613"/>
      <c r="JDK659" s="613"/>
      <c r="JDL659" s="613"/>
      <c r="JDM659" s="613"/>
      <c r="JDN659" s="613"/>
      <c r="JDO659" s="613"/>
      <c r="JDP659" s="613"/>
      <c r="JDQ659" s="613"/>
      <c r="JDR659" s="613"/>
      <c r="JDS659" s="613"/>
      <c r="JDT659" s="613"/>
      <c r="JDU659" s="613"/>
      <c r="JDV659" s="613"/>
      <c r="JDW659" s="613"/>
      <c r="JDX659" s="613"/>
      <c r="JDY659" s="613"/>
      <c r="JDZ659" s="613"/>
      <c r="JEA659" s="613"/>
      <c r="JEB659" s="613"/>
      <c r="JEC659" s="613"/>
      <c r="JED659" s="613"/>
      <c r="JEE659" s="613"/>
      <c r="JEF659" s="613"/>
      <c r="JEG659" s="613"/>
      <c r="JEH659" s="613"/>
      <c r="JEI659" s="613"/>
      <c r="JEJ659" s="613"/>
      <c r="JEK659" s="613"/>
      <c r="JEL659" s="613"/>
      <c r="JEM659" s="613"/>
      <c r="JEN659" s="613"/>
      <c r="JEO659" s="613"/>
      <c r="JEP659" s="613"/>
      <c r="JEQ659" s="613"/>
      <c r="JER659" s="613"/>
      <c r="JES659" s="613"/>
      <c r="JET659" s="613"/>
      <c r="JEU659" s="613"/>
      <c r="JEV659" s="613"/>
      <c r="JEW659" s="613"/>
      <c r="JEX659" s="613"/>
      <c r="JEY659" s="613"/>
      <c r="JEZ659" s="613"/>
      <c r="JFA659" s="613"/>
      <c r="JFB659" s="613"/>
      <c r="JFC659" s="613"/>
      <c r="JFD659" s="613"/>
      <c r="JFE659" s="613"/>
      <c r="JFF659" s="613"/>
      <c r="JFG659" s="613"/>
      <c r="JFH659" s="613"/>
      <c r="JFI659" s="613"/>
      <c r="JFJ659" s="613"/>
      <c r="JFK659" s="613"/>
      <c r="JFL659" s="613"/>
      <c r="JFM659" s="613"/>
      <c r="JFN659" s="613"/>
      <c r="JFO659" s="613"/>
      <c r="JFP659" s="613"/>
      <c r="JFQ659" s="613"/>
      <c r="JFR659" s="613"/>
      <c r="JFS659" s="613"/>
      <c r="JFT659" s="613"/>
      <c r="JFU659" s="613"/>
      <c r="JFV659" s="613"/>
      <c r="JFW659" s="613"/>
      <c r="JFX659" s="613"/>
      <c r="JFY659" s="613"/>
      <c r="JFZ659" s="613"/>
      <c r="JGA659" s="613"/>
      <c r="JGB659" s="613"/>
      <c r="JGC659" s="613"/>
      <c r="JGD659" s="613"/>
      <c r="JGE659" s="613"/>
      <c r="JGF659" s="613"/>
      <c r="JGG659" s="613"/>
      <c r="JGH659" s="613"/>
      <c r="JGI659" s="613"/>
      <c r="JGJ659" s="613"/>
      <c r="JGK659" s="613"/>
      <c r="JGL659" s="613"/>
      <c r="JGM659" s="613"/>
      <c r="JGN659" s="613"/>
      <c r="JGO659" s="613"/>
      <c r="JGP659" s="613"/>
      <c r="JGQ659" s="613"/>
      <c r="JGR659" s="613"/>
      <c r="JGS659" s="613"/>
      <c r="JGT659" s="613"/>
      <c r="JGU659" s="613"/>
      <c r="JGV659" s="613"/>
      <c r="JGW659" s="613"/>
      <c r="JGX659" s="613"/>
      <c r="JGY659" s="613"/>
      <c r="JGZ659" s="613"/>
      <c r="JHA659" s="613"/>
      <c r="JHB659" s="613"/>
      <c r="JHC659" s="613"/>
      <c r="JHD659" s="613"/>
      <c r="JHE659" s="613"/>
      <c r="JHF659" s="613"/>
      <c r="JHG659" s="613"/>
      <c r="JHH659" s="613"/>
      <c r="JHI659" s="613"/>
      <c r="JHJ659" s="613"/>
      <c r="JHK659" s="613"/>
      <c r="JHL659" s="613"/>
      <c r="JHM659" s="613"/>
      <c r="JHN659" s="613"/>
      <c r="JHO659" s="613"/>
      <c r="JHP659" s="613"/>
      <c r="JHQ659" s="613"/>
      <c r="JHR659" s="613"/>
      <c r="JHS659" s="613"/>
      <c r="JHT659" s="613"/>
      <c r="JHU659" s="613"/>
      <c r="JHV659" s="613"/>
      <c r="JHW659" s="613"/>
      <c r="JHX659" s="613"/>
      <c r="JHY659" s="613"/>
      <c r="JHZ659" s="613"/>
      <c r="JIA659" s="613"/>
      <c r="JIB659" s="613"/>
      <c r="JIC659" s="613"/>
      <c r="JID659" s="613"/>
      <c r="JIE659" s="613"/>
      <c r="JIF659" s="613"/>
      <c r="JIG659" s="613"/>
      <c r="JIH659" s="613"/>
      <c r="JII659" s="613"/>
      <c r="JIJ659" s="613"/>
      <c r="JIK659" s="613"/>
      <c r="JIL659" s="613"/>
      <c r="JIM659" s="613"/>
      <c r="JIN659" s="613"/>
      <c r="JIO659" s="613"/>
      <c r="JIP659" s="613"/>
      <c r="JIQ659" s="613"/>
      <c r="JIR659" s="613"/>
      <c r="JIS659" s="613"/>
      <c r="JIT659" s="613"/>
      <c r="JIU659" s="613"/>
      <c r="JIV659" s="613"/>
      <c r="JIW659" s="613"/>
      <c r="JIX659" s="613"/>
      <c r="JIY659" s="613"/>
      <c r="JIZ659" s="613"/>
      <c r="JJA659" s="613"/>
      <c r="JJB659" s="613"/>
      <c r="JJC659" s="613"/>
      <c r="JJD659" s="613"/>
      <c r="JJE659" s="613"/>
      <c r="JJF659" s="613"/>
      <c r="JJG659" s="613"/>
      <c r="JJH659" s="613"/>
      <c r="JJI659" s="613"/>
      <c r="JJJ659" s="613"/>
      <c r="JJK659" s="613"/>
      <c r="JJL659" s="613"/>
      <c r="JJM659" s="613"/>
      <c r="JJN659" s="613"/>
      <c r="JJO659" s="613"/>
      <c r="JJP659" s="613"/>
      <c r="JJQ659" s="613"/>
      <c r="JJR659" s="613"/>
      <c r="JJS659" s="613"/>
      <c r="JJT659" s="613"/>
      <c r="JJU659" s="613"/>
      <c r="JJV659" s="613"/>
      <c r="JJW659" s="613"/>
      <c r="JJX659" s="613"/>
      <c r="JJY659" s="613"/>
      <c r="JJZ659" s="613"/>
      <c r="JKA659" s="613"/>
      <c r="JKB659" s="613"/>
      <c r="JKC659" s="613"/>
      <c r="JKD659" s="613"/>
      <c r="JKE659" s="613"/>
      <c r="JKF659" s="613"/>
      <c r="JKG659" s="613"/>
      <c r="JKH659" s="613"/>
      <c r="JKI659" s="613"/>
      <c r="JKJ659" s="613"/>
      <c r="JKK659" s="613"/>
      <c r="JKL659" s="613"/>
      <c r="JKM659" s="613"/>
      <c r="JKN659" s="613"/>
      <c r="JKO659" s="613"/>
      <c r="JKP659" s="613"/>
      <c r="JKQ659" s="613"/>
      <c r="JKR659" s="613"/>
      <c r="JKS659" s="613"/>
      <c r="JKT659" s="613"/>
      <c r="JKU659" s="613"/>
      <c r="JKV659" s="613"/>
      <c r="JKW659" s="613"/>
      <c r="JKX659" s="613"/>
      <c r="JKY659" s="613"/>
      <c r="JKZ659" s="613"/>
      <c r="JLA659" s="613"/>
      <c r="JLB659" s="613"/>
      <c r="JLC659" s="613"/>
      <c r="JLD659" s="613"/>
      <c r="JLE659" s="613"/>
      <c r="JLF659" s="613"/>
      <c r="JLG659" s="613"/>
      <c r="JLH659" s="613"/>
      <c r="JLI659" s="613"/>
      <c r="JLJ659" s="613"/>
      <c r="JLK659" s="613"/>
      <c r="JLL659" s="613"/>
      <c r="JLM659" s="613"/>
      <c r="JLN659" s="613"/>
      <c r="JLO659" s="613"/>
      <c r="JLP659" s="613"/>
      <c r="JLQ659" s="613"/>
      <c r="JLR659" s="613"/>
      <c r="JLS659" s="613"/>
      <c r="JLT659" s="613"/>
      <c r="JLU659" s="613"/>
      <c r="JLV659" s="613"/>
      <c r="JLW659" s="613"/>
      <c r="JLX659" s="613"/>
      <c r="JLY659" s="613"/>
      <c r="JLZ659" s="613"/>
      <c r="JMA659" s="613"/>
      <c r="JMB659" s="613"/>
      <c r="JMC659" s="613"/>
      <c r="JMD659" s="613"/>
      <c r="JME659" s="613"/>
      <c r="JMF659" s="613"/>
      <c r="JMG659" s="613"/>
      <c r="JMH659" s="613"/>
      <c r="JMI659" s="613"/>
      <c r="JMJ659" s="613"/>
      <c r="JMK659" s="613"/>
      <c r="JML659" s="613"/>
      <c r="JMM659" s="613"/>
      <c r="JMN659" s="613"/>
      <c r="JMO659" s="613"/>
      <c r="JMP659" s="613"/>
      <c r="JMQ659" s="613"/>
      <c r="JMR659" s="613"/>
      <c r="JMS659" s="613"/>
      <c r="JMT659" s="613"/>
      <c r="JMU659" s="613"/>
      <c r="JMV659" s="613"/>
      <c r="JMW659" s="613"/>
      <c r="JMX659" s="613"/>
      <c r="JMY659" s="613"/>
      <c r="JMZ659" s="613"/>
      <c r="JNA659" s="613"/>
      <c r="JNB659" s="613"/>
      <c r="JNC659" s="613"/>
      <c r="JND659" s="613"/>
      <c r="JNE659" s="613"/>
      <c r="JNF659" s="613"/>
      <c r="JNG659" s="613"/>
      <c r="JNH659" s="613"/>
      <c r="JNI659" s="613"/>
      <c r="JNJ659" s="613"/>
      <c r="JNK659" s="613"/>
      <c r="JNL659" s="613"/>
      <c r="JNM659" s="613"/>
      <c r="JNN659" s="613"/>
      <c r="JNO659" s="613"/>
      <c r="JNP659" s="613"/>
      <c r="JNQ659" s="613"/>
      <c r="JNR659" s="613"/>
      <c r="JNS659" s="613"/>
      <c r="JNT659" s="613"/>
      <c r="JNU659" s="613"/>
      <c r="JNV659" s="613"/>
      <c r="JNW659" s="613"/>
      <c r="JNX659" s="613"/>
      <c r="JNY659" s="613"/>
      <c r="JNZ659" s="613"/>
      <c r="JOA659" s="613"/>
      <c r="JOB659" s="613"/>
      <c r="JOC659" s="613"/>
      <c r="JOD659" s="613"/>
      <c r="JOE659" s="613"/>
      <c r="JOF659" s="613"/>
      <c r="JOG659" s="613"/>
      <c r="JOH659" s="613"/>
      <c r="JOI659" s="613"/>
      <c r="JOJ659" s="613"/>
      <c r="JOK659" s="613"/>
      <c r="JOL659" s="613"/>
      <c r="JOM659" s="613"/>
      <c r="JON659" s="613"/>
      <c r="JOO659" s="613"/>
      <c r="JOP659" s="613"/>
      <c r="JOQ659" s="613"/>
      <c r="JOR659" s="613"/>
      <c r="JOS659" s="613"/>
      <c r="JOT659" s="613"/>
      <c r="JOU659" s="613"/>
      <c r="JOV659" s="613"/>
      <c r="JOW659" s="613"/>
      <c r="JOX659" s="613"/>
      <c r="JOY659" s="613"/>
      <c r="JOZ659" s="613"/>
      <c r="JPA659" s="613"/>
      <c r="JPB659" s="613"/>
      <c r="JPC659" s="613"/>
      <c r="JPD659" s="613"/>
      <c r="JPE659" s="613"/>
      <c r="JPF659" s="613"/>
      <c r="JPG659" s="613"/>
      <c r="JPH659" s="613"/>
      <c r="JPI659" s="613"/>
      <c r="JPJ659" s="613"/>
      <c r="JPK659" s="613"/>
      <c r="JPL659" s="613"/>
      <c r="JPM659" s="613"/>
      <c r="JPN659" s="613"/>
      <c r="JPO659" s="613"/>
      <c r="JPP659" s="613"/>
      <c r="JPQ659" s="613"/>
      <c r="JPR659" s="613"/>
      <c r="JPS659" s="613"/>
      <c r="JPT659" s="613"/>
      <c r="JPU659" s="613"/>
      <c r="JPV659" s="613"/>
      <c r="JPW659" s="613"/>
      <c r="JPX659" s="613"/>
      <c r="JPY659" s="613"/>
      <c r="JPZ659" s="613"/>
      <c r="JQA659" s="613"/>
      <c r="JQB659" s="613"/>
      <c r="JQC659" s="613"/>
      <c r="JQD659" s="613"/>
      <c r="JQE659" s="613"/>
      <c r="JQF659" s="613"/>
      <c r="JQG659" s="613"/>
      <c r="JQH659" s="613"/>
      <c r="JQI659" s="613"/>
      <c r="JQJ659" s="613"/>
      <c r="JQK659" s="613"/>
      <c r="JQL659" s="613"/>
      <c r="JQM659" s="613"/>
      <c r="JQN659" s="613"/>
      <c r="JQO659" s="613"/>
      <c r="JQP659" s="613"/>
      <c r="JQQ659" s="613"/>
      <c r="JQR659" s="613"/>
      <c r="JQS659" s="613"/>
      <c r="JQT659" s="613"/>
      <c r="JQU659" s="613"/>
      <c r="JQV659" s="613"/>
      <c r="JQW659" s="613"/>
      <c r="JQX659" s="613"/>
      <c r="JQY659" s="613"/>
      <c r="JQZ659" s="613"/>
      <c r="JRA659" s="613"/>
      <c r="JRB659" s="613"/>
      <c r="JRC659" s="613"/>
      <c r="JRD659" s="613"/>
      <c r="JRE659" s="613"/>
      <c r="JRF659" s="613"/>
      <c r="JRG659" s="613"/>
      <c r="JRH659" s="613"/>
      <c r="JRI659" s="613"/>
      <c r="JRJ659" s="613"/>
      <c r="JRK659" s="613"/>
      <c r="JRL659" s="613"/>
      <c r="JRM659" s="613"/>
      <c r="JRN659" s="613"/>
      <c r="JRO659" s="613"/>
      <c r="JRP659" s="613"/>
      <c r="JRQ659" s="613"/>
      <c r="JRR659" s="613"/>
      <c r="JRS659" s="613"/>
      <c r="JRT659" s="613"/>
      <c r="JRU659" s="613"/>
      <c r="JRV659" s="613"/>
      <c r="JRW659" s="613"/>
      <c r="JRX659" s="613"/>
      <c r="JRY659" s="613"/>
      <c r="JRZ659" s="613"/>
      <c r="JSA659" s="613"/>
      <c r="JSB659" s="613"/>
      <c r="JSC659" s="613"/>
      <c r="JSD659" s="613"/>
      <c r="JSE659" s="613"/>
      <c r="JSF659" s="613"/>
      <c r="JSG659" s="613"/>
      <c r="JSH659" s="613"/>
      <c r="JSI659" s="613"/>
      <c r="JSJ659" s="613"/>
      <c r="JSK659" s="613"/>
      <c r="JSL659" s="613"/>
      <c r="JSM659" s="613"/>
      <c r="JSN659" s="613"/>
      <c r="JSO659" s="613"/>
      <c r="JSP659" s="613"/>
      <c r="JSQ659" s="613"/>
      <c r="JSR659" s="613"/>
      <c r="JSS659" s="613"/>
      <c r="JST659" s="613"/>
      <c r="JSU659" s="613"/>
      <c r="JSV659" s="613"/>
      <c r="JSW659" s="613"/>
      <c r="JSX659" s="613"/>
      <c r="JSY659" s="613"/>
      <c r="JSZ659" s="613"/>
      <c r="JTA659" s="613"/>
      <c r="JTB659" s="613"/>
      <c r="JTC659" s="613"/>
      <c r="JTD659" s="613"/>
      <c r="JTE659" s="613"/>
      <c r="JTF659" s="613"/>
      <c r="JTG659" s="613"/>
      <c r="JTH659" s="613"/>
      <c r="JTI659" s="613"/>
      <c r="JTJ659" s="613"/>
      <c r="JTK659" s="613"/>
      <c r="JTL659" s="613"/>
      <c r="JTM659" s="613"/>
      <c r="JTN659" s="613"/>
      <c r="JTO659" s="613"/>
      <c r="JTP659" s="613"/>
      <c r="JTQ659" s="613"/>
      <c r="JTR659" s="613"/>
      <c r="JTS659" s="613"/>
      <c r="JTT659" s="613"/>
      <c r="JTU659" s="613"/>
      <c r="JTV659" s="613"/>
      <c r="JTW659" s="613"/>
      <c r="JTX659" s="613"/>
      <c r="JTY659" s="613"/>
      <c r="JTZ659" s="613"/>
      <c r="JUA659" s="613"/>
      <c r="JUB659" s="613"/>
      <c r="JUC659" s="613"/>
      <c r="JUD659" s="613"/>
      <c r="JUE659" s="613"/>
      <c r="JUF659" s="613"/>
      <c r="JUG659" s="613"/>
      <c r="JUH659" s="613"/>
      <c r="JUI659" s="613"/>
      <c r="JUJ659" s="613"/>
      <c r="JUK659" s="613"/>
      <c r="JUL659" s="613"/>
      <c r="JUM659" s="613"/>
      <c r="JUN659" s="613"/>
      <c r="JUO659" s="613"/>
      <c r="JUP659" s="613"/>
      <c r="JUQ659" s="613"/>
      <c r="JUR659" s="613"/>
      <c r="JUS659" s="613"/>
      <c r="JUT659" s="613"/>
      <c r="JUU659" s="613"/>
      <c r="JUV659" s="613"/>
      <c r="JUW659" s="613"/>
      <c r="JUX659" s="613"/>
      <c r="JUY659" s="613"/>
      <c r="JUZ659" s="613"/>
      <c r="JVA659" s="613"/>
      <c r="JVB659" s="613"/>
      <c r="JVC659" s="613"/>
      <c r="JVD659" s="613"/>
      <c r="JVE659" s="613"/>
      <c r="JVF659" s="613"/>
      <c r="JVG659" s="613"/>
      <c r="JVH659" s="613"/>
      <c r="JVI659" s="613"/>
      <c r="JVJ659" s="613"/>
      <c r="JVK659" s="613"/>
      <c r="JVL659" s="613"/>
      <c r="JVM659" s="613"/>
      <c r="JVN659" s="613"/>
      <c r="JVO659" s="613"/>
      <c r="JVP659" s="613"/>
      <c r="JVQ659" s="613"/>
      <c r="JVR659" s="613"/>
      <c r="JVS659" s="613"/>
      <c r="JVT659" s="613"/>
      <c r="JVU659" s="613"/>
      <c r="JVV659" s="613"/>
      <c r="JVW659" s="613"/>
      <c r="JVX659" s="613"/>
      <c r="JVY659" s="613"/>
      <c r="JVZ659" s="613"/>
      <c r="JWA659" s="613"/>
      <c r="JWB659" s="613"/>
      <c r="JWC659" s="613"/>
      <c r="JWD659" s="613"/>
      <c r="JWE659" s="613"/>
      <c r="JWF659" s="613"/>
      <c r="JWG659" s="613"/>
      <c r="JWH659" s="613"/>
      <c r="JWI659" s="613"/>
      <c r="JWJ659" s="613"/>
      <c r="JWK659" s="613"/>
      <c r="JWL659" s="613"/>
      <c r="JWM659" s="613"/>
      <c r="JWN659" s="613"/>
      <c r="JWO659" s="613"/>
      <c r="JWP659" s="613"/>
      <c r="JWQ659" s="613"/>
      <c r="JWR659" s="613"/>
      <c r="JWS659" s="613"/>
      <c r="JWT659" s="613"/>
      <c r="JWU659" s="613"/>
      <c r="JWV659" s="613"/>
      <c r="JWW659" s="613"/>
      <c r="JWX659" s="613"/>
      <c r="JWY659" s="613"/>
      <c r="JWZ659" s="613"/>
      <c r="JXA659" s="613"/>
      <c r="JXB659" s="613"/>
      <c r="JXC659" s="613"/>
      <c r="JXD659" s="613"/>
      <c r="JXE659" s="613"/>
      <c r="JXF659" s="613"/>
      <c r="JXG659" s="613"/>
      <c r="JXH659" s="613"/>
      <c r="JXI659" s="613"/>
      <c r="JXJ659" s="613"/>
      <c r="JXK659" s="613"/>
      <c r="JXL659" s="613"/>
      <c r="JXM659" s="613"/>
      <c r="JXN659" s="613"/>
      <c r="JXO659" s="613"/>
      <c r="JXP659" s="613"/>
      <c r="JXQ659" s="613"/>
      <c r="JXR659" s="613"/>
      <c r="JXS659" s="613"/>
      <c r="JXT659" s="613"/>
      <c r="JXU659" s="613"/>
      <c r="JXV659" s="613"/>
      <c r="JXW659" s="613"/>
      <c r="JXX659" s="613"/>
      <c r="JXY659" s="613"/>
      <c r="JXZ659" s="613"/>
      <c r="JYA659" s="613"/>
      <c r="JYB659" s="613"/>
      <c r="JYC659" s="613"/>
      <c r="JYD659" s="613"/>
      <c r="JYE659" s="613"/>
      <c r="JYF659" s="613"/>
      <c r="JYG659" s="613"/>
      <c r="JYH659" s="613"/>
      <c r="JYI659" s="613"/>
      <c r="JYJ659" s="613"/>
      <c r="JYK659" s="613"/>
      <c r="JYL659" s="613"/>
      <c r="JYM659" s="613"/>
      <c r="JYN659" s="613"/>
      <c r="JYO659" s="613"/>
      <c r="JYP659" s="613"/>
      <c r="JYQ659" s="613"/>
      <c r="JYR659" s="613"/>
      <c r="JYS659" s="613"/>
      <c r="JYT659" s="613"/>
      <c r="JYU659" s="613"/>
      <c r="JYV659" s="613"/>
      <c r="JYW659" s="613"/>
      <c r="JYX659" s="613"/>
      <c r="JYY659" s="613"/>
      <c r="JYZ659" s="613"/>
      <c r="JZA659" s="613"/>
      <c r="JZB659" s="613"/>
      <c r="JZC659" s="613"/>
      <c r="JZD659" s="613"/>
      <c r="JZE659" s="613"/>
      <c r="JZF659" s="613"/>
      <c r="JZG659" s="613"/>
      <c r="JZH659" s="613"/>
      <c r="JZI659" s="613"/>
      <c r="JZJ659" s="613"/>
      <c r="JZK659" s="613"/>
      <c r="JZL659" s="613"/>
      <c r="JZM659" s="613"/>
      <c r="JZN659" s="613"/>
      <c r="JZO659" s="613"/>
      <c r="JZP659" s="613"/>
      <c r="JZQ659" s="613"/>
      <c r="JZR659" s="613"/>
      <c r="JZS659" s="613"/>
      <c r="JZT659" s="613"/>
      <c r="JZU659" s="613"/>
      <c r="JZV659" s="613"/>
      <c r="JZW659" s="613"/>
      <c r="JZX659" s="613"/>
      <c r="JZY659" s="613"/>
      <c r="JZZ659" s="613"/>
      <c r="KAA659" s="613"/>
      <c r="KAB659" s="613"/>
      <c r="KAC659" s="613"/>
      <c r="KAD659" s="613"/>
      <c r="KAE659" s="613"/>
      <c r="KAF659" s="613"/>
      <c r="KAG659" s="613"/>
      <c r="KAH659" s="613"/>
      <c r="KAI659" s="613"/>
      <c r="KAJ659" s="613"/>
      <c r="KAK659" s="613"/>
      <c r="KAL659" s="613"/>
      <c r="KAM659" s="613"/>
      <c r="KAN659" s="613"/>
      <c r="KAO659" s="613"/>
      <c r="KAP659" s="613"/>
      <c r="KAQ659" s="613"/>
      <c r="KAR659" s="613"/>
      <c r="KAS659" s="613"/>
      <c r="KAT659" s="613"/>
      <c r="KAU659" s="613"/>
      <c r="KAV659" s="613"/>
      <c r="KAW659" s="613"/>
      <c r="KAX659" s="613"/>
      <c r="KAY659" s="613"/>
      <c r="KAZ659" s="613"/>
      <c r="KBA659" s="613"/>
      <c r="KBB659" s="613"/>
      <c r="KBC659" s="613"/>
      <c r="KBD659" s="613"/>
      <c r="KBE659" s="613"/>
      <c r="KBF659" s="613"/>
      <c r="KBG659" s="613"/>
      <c r="KBH659" s="613"/>
      <c r="KBI659" s="613"/>
      <c r="KBJ659" s="613"/>
      <c r="KBK659" s="613"/>
      <c r="KBL659" s="613"/>
      <c r="KBM659" s="613"/>
      <c r="KBN659" s="613"/>
      <c r="KBO659" s="613"/>
      <c r="KBP659" s="613"/>
      <c r="KBQ659" s="613"/>
      <c r="KBR659" s="613"/>
      <c r="KBS659" s="613"/>
      <c r="KBT659" s="613"/>
      <c r="KBU659" s="613"/>
      <c r="KBV659" s="613"/>
      <c r="KBW659" s="613"/>
      <c r="KBX659" s="613"/>
      <c r="KBY659" s="613"/>
      <c r="KBZ659" s="613"/>
      <c r="KCA659" s="613"/>
      <c r="KCB659" s="613"/>
      <c r="KCC659" s="613"/>
      <c r="KCD659" s="613"/>
      <c r="KCE659" s="613"/>
      <c r="KCF659" s="613"/>
      <c r="KCG659" s="613"/>
      <c r="KCH659" s="613"/>
      <c r="KCI659" s="613"/>
      <c r="KCJ659" s="613"/>
      <c r="KCK659" s="613"/>
      <c r="KCL659" s="613"/>
      <c r="KCM659" s="613"/>
      <c r="KCN659" s="613"/>
      <c r="KCO659" s="613"/>
      <c r="KCP659" s="613"/>
      <c r="KCQ659" s="613"/>
      <c r="KCR659" s="613"/>
      <c r="KCS659" s="613"/>
      <c r="KCT659" s="613"/>
      <c r="KCU659" s="613"/>
      <c r="KCV659" s="613"/>
      <c r="KCW659" s="613"/>
      <c r="KCX659" s="613"/>
      <c r="KCY659" s="613"/>
      <c r="KCZ659" s="613"/>
      <c r="KDA659" s="613"/>
      <c r="KDB659" s="613"/>
      <c r="KDC659" s="613"/>
      <c r="KDD659" s="613"/>
      <c r="KDE659" s="613"/>
      <c r="KDF659" s="613"/>
      <c r="KDG659" s="613"/>
      <c r="KDH659" s="613"/>
      <c r="KDI659" s="613"/>
      <c r="KDJ659" s="613"/>
      <c r="KDK659" s="613"/>
      <c r="KDL659" s="613"/>
      <c r="KDM659" s="613"/>
      <c r="KDN659" s="613"/>
      <c r="KDO659" s="613"/>
      <c r="KDP659" s="613"/>
      <c r="KDQ659" s="613"/>
      <c r="KDR659" s="613"/>
      <c r="KDS659" s="613"/>
      <c r="KDT659" s="613"/>
      <c r="KDU659" s="613"/>
      <c r="KDV659" s="613"/>
      <c r="KDW659" s="613"/>
      <c r="KDX659" s="613"/>
      <c r="KDY659" s="613"/>
      <c r="KDZ659" s="613"/>
      <c r="KEA659" s="613"/>
      <c r="KEB659" s="613"/>
      <c r="KEC659" s="613"/>
      <c r="KED659" s="613"/>
      <c r="KEE659" s="613"/>
      <c r="KEF659" s="613"/>
      <c r="KEG659" s="613"/>
      <c r="KEH659" s="613"/>
      <c r="KEI659" s="613"/>
      <c r="KEJ659" s="613"/>
      <c r="KEK659" s="613"/>
      <c r="KEL659" s="613"/>
      <c r="KEM659" s="613"/>
      <c r="KEN659" s="613"/>
      <c r="KEO659" s="613"/>
      <c r="KEP659" s="613"/>
      <c r="KEQ659" s="613"/>
      <c r="KER659" s="613"/>
      <c r="KES659" s="613"/>
      <c r="KET659" s="613"/>
      <c r="KEU659" s="613"/>
      <c r="KEV659" s="613"/>
      <c r="KEW659" s="613"/>
      <c r="KEX659" s="613"/>
      <c r="KEY659" s="613"/>
      <c r="KEZ659" s="613"/>
      <c r="KFA659" s="613"/>
      <c r="KFB659" s="613"/>
      <c r="KFC659" s="613"/>
      <c r="KFD659" s="613"/>
      <c r="KFE659" s="613"/>
      <c r="KFF659" s="613"/>
      <c r="KFG659" s="613"/>
      <c r="KFH659" s="613"/>
      <c r="KFI659" s="613"/>
      <c r="KFJ659" s="613"/>
      <c r="KFK659" s="613"/>
      <c r="KFL659" s="613"/>
      <c r="KFM659" s="613"/>
      <c r="KFN659" s="613"/>
      <c r="KFO659" s="613"/>
      <c r="KFP659" s="613"/>
      <c r="KFQ659" s="613"/>
      <c r="KFR659" s="613"/>
      <c r="KFS659" s="613"/>
      <c r="KFT659" s="613"/>
      <c r="KFU659" s="613"/>
      <c r="KFV659" s="613"/>
      <c r="KFW659" s="613"/>
      <c r="KFX659" s="613"/>
      <c r="KFY659" s="613"/>
      <c r="KFZ659" s="613"/>
      <c r="KGA659" s="613"/>
      <c r="KGB659" s="613"/>
      <c r="KGC659" s="613"/>
      <c r="KGD659" s="613"/>
      <c r="KGE659" s="613"/>
      <c r="KGF659" s="613"/>
      <c r="KGG659" s="613"/>
      <c r="KGH659" s="613"/>
      <c r="KGI659" s="613"/>
      <c r="KGJ659" s="613"/>
      <c r="KGK659" s="613"/>
      <c r="KGL659" s="613"/>
      <c r="KGM659" s="613"/>
      <c r="KGN659" s="613"/>
      <c r="KGO659" s="613"/>
      <c r="KGP659" s="613"/>
      <c r="KGQ659" s="613"/>
      <c r="KGR659" s="613"/>
      <c r="KGS659" s="613"/>
      <c r="KGT659" s="613"/>
      <c r="KGU659" s="613"/>
      <c r="KGV659" s="613"/>
      <c r="KGW659" s="613"/>
      <c r="KGX659" s="613"/>
      <c r="KGY659" s="613"/>
      <c r="KGZ659" s="613"/>
      <c r="KHA659" s="613"/>
      <c r="KHB659" s="613"/>
      <c r="KHC659" s="613"/>
      <c r="KHD659" s="613"/>
      <c r="KHE659" s="613"/>
      <c r="KHF659" s="613"/>
      <c r="KHG659" s="613"/>
      <c r="KHH659" s="613"/>
      <c r="KHI659" s="613"/>
      <c r="KHJ659" s="613"/>
      <c r="KHK659" s="613"/>
      <c r="KHL659" s="613"/>
      <c r="KHM659" s="613"/>
      <c r="KHN659" s="613"/>
      <c r="KHO659" s="613"/>
      <c r="KHP659" s="613"/>
      <c r="KHQ659" s="613"/>
      <c r="KHR659" s="613"/>
      <c r="KHS659" s="613"/>
      <c r="KHT659" s="613"/>
      <c r="KHU659" s="613"/>
      <c r="KHV659" s="613"/>
      <c r="KHW659" s="613"/>
      <c r="KHX659" s="613"/>
      <c r="KHY659" s="613"/>
      <c r="KHZ659" s="613"/>
      <c r="KIA659" s="613"/>
      <c r="KIB659" s="613"/>
      <c r="KIC659" s="613"/>
      <c r="KID659" s="613"/>
      <c r="KIE659" s="613"/>
      <c r="KIF659" s="613"/>
      <c r="KIG659" s="613"/>
      <c r="KIH659" s="613"/>
      <c r="KII659" s="613"/>
      <c r="KIJ659" s="613"/>
      <c r="KIK659" s="613"/>
      <c r="KIL659" s="613"/>
      <c r="KIM659" s="613"/>
      <c r="KIN659" s="613"/>
      <c r="KIO659" s="613"/>
      <c r="KIP659" s="613"/>
      <c r="KIQ659" s="613"/>
      <c r="KIR659" s="613"/>
      <c r="KIS659" s="613"/>
      <c r="KIT659" s="613"/>
      <c r="KIU659" s="613"/>
      <c r="KIV659" s="613"/>
      <c r="KIW659" s="613"/>
      <c r="KIX659" s="613"/>
      <c r="KIY659" s="613"/>
      <c r="KIZ659" s="613"/>
      <c r="KJA659" s="613"/>
      <c r="KJB659" s="613"/>
      <c r="KJC659" s="613"/>
      <c r="KJD659" s="613"/>
      <c r="KJE659" s="613"/>
      <c r="KJF659" s="613"/>
      <c r="KJG659" s="613"/>
      <c r="KJH659" s="613"/>
      <c r="KJI659" s="613"/>
      <c r="KJJ659" s="613"/>
      <c r="KJK659" s="613"/>
      <c r="KJL659" s="613"/>
      <c r="KJM659" s="613"/>
      <c r="KJN659" s="613"/>
      <c r="KJO659" s="613"/>
      <c r="KJP659" s="613"/>
      <c r="KJQ659" s="613"/>
      <c r="KJR659" s="613"/>
      <c r="KJS659" s="613"/>
      <c r="KJT659" s="613"/>
      <c r="KJU659" s="613"/>
      <c r="KJV659" s="613"/>
      <c r="KJW659" s="613"/>
      <c r="KJX659" s="613"/>
      <c r="KJY659" s="613"/>
      <c r="KJZ659" s="613"/>
      <c r="KKA659" s="613"/>
      <c r="KKB659" s="613"/>
      <c r="KKC659" s="613"/>
      <c r="KKD659" s="613"/>
      <c r="KKE659" s="613"/>
      <c r="KKF659" s="613"/>
      <c r="KKG659" s="613"/>
      <c r="KKH659" s="613"/>
      <c r="KKI659" s="613"/>
      <c r="KKJ659" s="613"/>
      <c r="KKK659" s="613"/>
      <c r="KKL659" s="613"/>
      <c r="KKM659" s="613"/>
      <c r="KKN659" s="613"/>
      <c r="KKO659" s="613"/>
      <c r="KKP659" s="613"/>
      <c r="KKQ659" s="613"/>
      <c r="KKR659" s="613"/>
      <c r="KKS659" s="613"/>
      <c r="KKT659" s="613"/>
      <c r="KKU659" s="613"/>
      <c r="KKV659" s="613"/>
      <c r="KKW659" s="613"/>
      <c r="KKX659" s="613"/>
      <c r="KKY659" s="613"/>
      <c r="KKZ659" s="613"/>
      <c r="KLA659" s="613"/>
      <c r="KLB659" s="613"/>
      <c r="KLC659" s="613"/>
      <c r="KLD659" s="613"/>
      <c r="KLE659" s="613"/>
      <c r="KLF659" s="613"/>
      <c r="KLG659" s="613"/>
      <c r="KLH659" s="613"/>
      <c r="KLI659" s="613"/>
      <c r="KLJ659" s="613"/>
      <c r="KLK659" s="613"/>
      <c r="KLL659" s="613"/>
      <c r="KLM659" s="613"/>
      <c r="KLN659" s="613"/>
      <c r="KLO659" s="613"/>
      <c r="KLP659" s="613"/>
      <c r="KLQ659" s="613"/>
      <c r="KLR659" s="613"/>
      <c r="KLS659" s="613"/>
      <c r="KLT659" s="613"/>
      <c r="KLU659" s="613"/>
      <c r="KLV659" s="613"/>
      <c r="KLW659" s="613"/>
      <c r="KLX659" s="613"/>
      <c r="KLY659" s="613"/>
      <c r="KLZ659" s="613"/>
      <c r="KMA659" s="613"/>
      <c r="KMB659" s="613"/>
      <c r="KMC659" s="613"/>
      <c r="KMD659" s="613"/>
      <c r="KME659" s="613"/>
      <c r="KMF659" s="613"/>
      <c r="KMG659" s="613"/>
      <c r="KMH659" s="613"/>
      <c r="KMI659" s="613"/>
      <c r="KMJ659" s="613"/>
      <c r="KMK659" s="613"/>
      <c r="KML659" s="613"/>
      <c r="KMM659" s="613"/>
      <c r="KMN659" s="613"/>
      <c r="KMO659" s="613"/>
      <c r="KMP659" s="613"/>
      <c r="KMQ659" s="613"/>
      <c r="KMR659" s="613"/>
      <c r="KMS659" s="613"/>
      <c r="KMT659" s="613"/>
      <c r="KMU659" s="613"/>
      <c r="KMV659" s="613"/>
      <c r="KMW659" s="613"/>
      <c r="KMX659" s="613"/>
      <c r="KMY659" s="613"/>
      <c r="KMZ659" s="613"/>
      <c r="KNA659" s="613"/>
      <c r="KNB659" s="613"/>
      <c r="KNC659" s="613"/>
      <c r="KND659" s="613"/>
      <c r="KNE659" s="613"/>
      <c r="KNF659" s="613"/>
      <c r="KNG659" s="613"/>
      <c r="KNH659" s="613"/>
      <c r="KNI659" s="613"/>
      <c r="KNJ659" s="613"/>
      <c r="KNK659" s="613"/>
      <c r="KNL659" s="613"/>
      <c r="KNM659" s="613"/>
      <c r="KNN659" s="613"/>
      <c r="KNO659" s="613"/>
      <c r="KNP659" s="613"/>
      <c r="KNQ659" s="613"/>
      <c r="KNR659" s="613"/>
      <c r="KNS659" s="613"/>
      <c r="KNT659" s="613"/>
      <c r="KNU659" s="613"/>
      <c r="KNV659" s="613"/>
      <c r="KNW659" s="613"/>
      <c r="KNX659" s="613"/>
      <c r="KNY659" s="613"/>
      <c r="KNZ659" s="613"/>
      <c r="KOA659" s="613"/>
      <c r="KOB659" s="613"/>
      <c r="KOC659" s="613"/>
      <c r="KOD659" s="613"/>
      <c r="KOE659" s="613"/>
      <c r="KOF659" s="613"/>
      <c r="KOG659" s="613"/>
      <c r="KOH659" s="613"/>
      <c r="KOI659" s="613"/>
      <c r="KOJ659" s="613"/>
      <c r="KOK659" s="613"/>
      <c r="KOL659" s="613"/>
      <c r="KOM659" s="613"/>
      <c r="KON659" s="613"/>
      <c r="KOO659" s="613"/>
      <c r="KOP659" s="613"/>
      <c r="KOQ659" s="613"/>
      <c r="KOR659" s="613"/>
      <c r="KOS659" s="613"/>
      <c r="KOT659" s="613"/>
      <c r="KOU659" s="613"/>
      <c r="KOV659" s="613"/>
      <c r="KOW659" s="613"/>
      <c r="KOX659" s="613"/>
      <c r="KOY659" s="613"/>
      <c r="KOZ659" s="613"/>
      <c r="KPA659" s="613"/>
      <c r="KPB659" s="613"/>
      <c r="KPC659" s="613"/>
      <c r="KPD659" s="613"/>
      <c r="KPE659" s="613"/>
      <c r="KPF659" s="613"/>
      <c r="KPG659" s="613"/>
      <c r="KPH659" s="613"/>
      <c r="KPI659" s="613"/>
      <c r="KPJ659" s="613"/>
      <c r="KPK659" s="613"/>
      <c r="KPL659" s="613"/>
      <c r="KPM659" s="613"/>
      <c r="KPN659" s="613"/>
      <c r="KPO659" s="613"/>
      <c r="KPP659" s="613"/>
      <c r="KPQ659" s="613"/>
      <c r="KPR659" s="613"/>
      <c r="KPS659" s="613"/>
      <c r="KPT659" s="613"/>
      <c r="KPU659" s="613"/>
      <c r="KPV659" s="613"/>
      <c r="KPW659" s="613"/>
      <c r="KPX659" s="613"/>
      <c r="KPY659" s="613"/>
      <c r="KPZ659" s="613"/>
      <c r="KQA659" s="613"/>
      <c r="KQB659" s="613"/>
      <c r="KQC659" s="613"/>
      <c r="KQD659" s="613"/>
      <c r="KQE659" s="613"/>
      <c r="KQF659" s="613"/>
      <c r="KQG659" s="613"/>
      <c r="KQH659" s="613"/>
      <c r="KQI659" s="613"/>
      <c r="KQJ659" s="613"/>
      <c r="KQK659" s="613"/>
      <c r="KQL659" s="613"/>
      <c r="KQM659" s="613"/>
      <c r="KQN659" s="613"/>
      <c r="KQO659" s="613"/>
      <c r="KQP659" s="613"/>
      <c r="KQQ659" s="613"/>
      <c r="KQR659" s="613"/>
      <c r="KQS659" s="613"/>
      <c r="KQT659" s="613"/>
      <c r="KQU659" s="613"/>
      <c r="KQV659" s="613"/>
      <c r="KQW659" s="613"/>
      <c r="KQX659" s="613"/>
      <c r="KQY659" s="613"/>
      <c r="KQZ659" s="613"/>
      <c r="KRA659" s="613"/>
      <c r="KRB659" s="613"/>
      <c r="KRC659" s="613"/>
      <c r="KRD659" s="613"/>
      <c r="KRE659" s="613"/>
      <c r="KRF659" s="613"/>
      <c r="KRG659" s="613"/>
      <c r="KRH659" s="613"/>
      <c r="KRI659" s="613"/>
      <c r="KRJ659" s="613"/>
      <c r="KRK659" s="613"/>
      <c r="KRL659" s="613"/>
      <c r="KRM659" s="613"/>
      <c r="KRN659" s="613"/>
      <c r="KRO659" s="613"/>
      <c r="KRP659" s="613"/>
      <c r="KRQ659" s="613"/>
      <c r="KRR659" s="613"/>
      <c r="KRS659" s="613"/>
      <c r="KRT659" s="613"/>
      <c r="KRU659" s="613"/>
      <c r="KRV659" s="613"/>
      <c r="KRW659" s="613"/>
      <c r="KRX659" s="613"/>
      <c r="KRY659" s="613"/>
      <c r="KRZ659" s="613"/>
      <c r="KSA659" s="613"/>
      <c r="KSB659" s="613"/>
      <c r="KSC659" s="613"/>
      <c r="KSD659" s="613"/>
      <c r="KSE659" s="613"/>
      <c r="KSF659" s="613"/>
      <c r="KSG659" s="613"/>
      <c r="KSH659" s="613"/>
      <c r="KSI659" s="613"/>
      <c r="KSJ659" s="613"/>
      <c r="KSK659" s="613"/>
      <c r="KSL659" s="613"/>
      <c r="KSM659" s="613"/>
      <c r="KSN659" s="613"/>
      <c r="KSO659" s="613"/>
      <c r="KSP659" s="613"/>
      <c r="KSQ659" s="613"/>
      <c r="KSR659" s="613"/>
      <c r="KSS659" s="613"/>
      <c r="KST659" s="613"/>
      <c r="KSU659" s="613"/>
      <c r="KSV659" s="613"/>
      <c r="KSW659" s="613"/>
      <c r="KSX659" s="613"/>
      <c r="KSY659" s="613"/>
      <c r="KSZ659" s="613"/>
      <c r="KTA659" s="613"/>
      <c r="KTB659" s="613"/>
      <c r="KTC659" s="613"/>
      <c r="KTD659" s="613"/>
      <c r="KTE659" s="613"/>
      <c r="KTF659" s="613"/>
      <c r="KTG659" s="613"/>
      <c r="KTH659" s="613"/>
      <c r="KTI659" s="613"/>
      <c r="KTJ659" s="613"/>
      <c r="KTK659" s="613"/>
      <c r="KTL659" s="613"/>
      <c r="KTM659" s="613"/>
      <c r="KTN659" s="613"/>
      <c r="KTO659" s="613"/>
      <c r="KTP659" s="613"/>
      <c r="KTQ659" s="613"/>
      <c r="KTR659" s="613"/>
      <c r="KTS659" s="613"/>
      <c r="KTT659" s="613"/>
      <c r="KTU659" s="613"/>
      <c r="KTV659" s="613"/>
      <c r="KTW659" s="613"/>
      <c r="KTX659" s="613"/>
      <c r="KTY659" s="613"/>
      <c r="KTZ659" s="613"/>
      <c r="KUA659" s="613"/>
      <c r="KUB659" s="613"/>
      <c r="KUC659" s="613"/>
      <c r="KUD659" s="613"/>
      <c r="KUE659" s="613"/>
      <c r="KUF659" s="613"/>
      <c r="KUG659" s="613"/>
      <c r="KUH659" s="613"/>
      <c r="KUI659" s="613"/>
      <c r="KUJ659" s="613"/>
      <c r="KUK659" s="613"/>
      <c r="KUL659" s="613"/>
      <c r="KUM659" s="613"/>
      <c r="KUN659" s="613"/>
      <c r="KUO659" s="613"/>
      <c r="KUP659" s="613"/>
      <c r="KUQ659" s="613"/>
      <c r="KUR659" s="613"/>
      <c r="KUS659" s="613"/>
      <c r="KUT659" s="613"/>
      <c r="KUU659" s="613"/>
      <c r="KUV659" s="613"/>
      <c r="KUW659" s="613"/>
      <c r="KUX659" s="613"/>
      <c r="KUY659" s="613"/>
      <c r="KUZ659" s="613"/>
      <c r="KVA659" s="613"/>
      <c r="KVB659" s="613"/>
      <c r="KVC659" s="613"/>
      <c r="KVD659" s="613"/>
      <c r="KVE659" s="613"/>
      <c r="KVF659" s="613"/>
      <c r="KVG659" s="613"/>
      <c r="KVH659" s="613"/>
      <c r="KVI659" s="613"/>
      <c r="KVJ659" s="613"/>
      <c r="KVK659" s="613"/>
      <c r="KVL659" s="613"/>
      <c r="KVM659" s="613"/>
      <c r="KVN659" s="613"/>
      <c r="KVO659" s="613"/>
      <c r="KVP659" s="613"/>
      <c r="KVQ659" s="613"/>
      <c r="KVR659" s="613"/>
      <c r="KVS659" s="613"/>
      <c r="KVT659" s="613"/>
      <c r="KVU659" s="613"/>
      <c r="KVV659" s="613"/>
      <c r="KVW659" s="613"/>
      <c r="KVX659" s="613"/>
      <c r="KVY659" s="613"/>
      <c r="KVZ659" s="613"/>
      <c r="KWA659" s="613"/>
      <c r="KWB659" s="613"/>
      <c r="KWC659" s="613"/>
      <c r="KWD659" s="613"/>
      <c r="KWE659" s="613"/>
      <c r="KWF659" s="613"/>
      <c r="KWG659" s="613"/>
      <c r="KWH659" s="613"/>
      <c r="KWI659" s="613"/>
      <c r="KWJ659" s="613"/>
      <c r="KWK659" s="613"/>
      <c r="KWL659" s="613"/>
      <c r="KWM659" s="613"/>
      <c r="KWN659" s="613"/>
      <c r="KWO659" s="613"/>
      <c r="KWP659" s="613"/>
      <c r="KWQ659" s="613"/>
      <c r="KWR659" s="613"/>
      <c r="KWS659" s="613"/>
      <c r="KWT659" s="613"/>
      <c r="KWU659" s="613"/>
      <c r="KWV659" s="613"/>
      <c r="KWW659" s="613"/>
      <c r="KWX659" s="613"/>
      <c r="KWY659" s="613"/>
      <c r="KWZ659" s="613"/>
      <c r="KXA659" s="613"/>
      <c r="KXB659" s="613"/>
      <c r="KXC659" s="613"/>
      <c r="KXD659" s="613"/>
      <c r="KXE659" s="613"/>
      <c r="KXF659" s="613"/>
      <c r="KXG659" s="613"/>
      <c r="KXH659" s="613"/>
      <c r="KXI659" s="613"/>
      <c r="KXJ659" s="613"/>
      <c r="KXK659" s="613"/>
      <c r="KXL659" s="613"/>
      <c r="KXM659" s="613"/>
      <c r="KXN659" s="613"/>
      <c r="KXO659" s="613"/>
      <c r="KXP659" s="613"/>
      <c r="KXQ659" s="613"/>
      <c r="KXR659" s="613"/>
      <c r="KXS659" s="613"/>
      <c r="KXT659" s="613"/>
      <c r="KXU659" s="613"/>
      <c r="KXV659" s="613"/>
      <c r="KXW659" s="613"/>
      <c r="KXX659" s="613"/>
      <c r="KXY659" s="613"/>
      <c r="KXZ659" s="613"/>
      <c r="KYA659" s="613"/>
      <c r="KYB659" s="613"/>
      <c r="KYC659" s="613"/>
      <c r="KYD659" s="613"/>
      <c r="KYE659" s="613"/>
      <c r="KYF659" s="613"/>
      <c r="KYG659" s="613"/>
      <c r="KYH659" s="613"/>
      <c r="KYI659" s="613"/>
      <c r="KYJ659" s="613"/>
      <c r="KYK659" s="613"/>
      <c r="KYL659" s="613"/>
      <c r="KYM659" s="613"/>
      <c r="KYN659" s="613"/>
      <c r="KYO659" s="613"/>
      <c r="KYP659" s="613"/>
      <c r="KYQ659" s="613"/>
      <c r="KYR659" s="613"/>
      <c r="KYS659" s="613"/>
      <c r="KYT659" s="613"/>
      <c r="KYU659" s="613"/>
      <c r="KYV659" s="613"/>
      <c r="KYW659" s="613"/>
      <c r="KYX659" s="613"/>
      <c r="KYY659" s="613"/>
      <c r="KYZ659" s="613"/>
      <c r="KZA659" s="613"/>
      <c r="KZB659" s="613"/>
      <c r="KZC659" s="613"/>
      <c r="KZD659" s="613"/>
      <c r="KZE659" s="613"/>
      <c r="KZF659" s="613"/>
      <c r="KZG659" s="613"/>
      <c r="KZH659" s="613"/>
      <c r="KZI659" s="613"/>
      <c r="KZJ659" s="613"/>
      <c r="KZK659" s="613"/>
      <c r="KZL659" s="613"/>
      <c r="KZM659" s="613"/>
      <c r="KZN659" s="613"/>
      <c r="KZO659" s="613"/>
      <c r="KZP659" s="613"/>
      <c r="KZQ659" s="613"/>
      <c r="KZR659" s="613"/>
      <c r="KZS659" s="613"/>
      <c r="KZT659" s="613"/>
      <c r="KZU659" s="613"/>
      <c r="KZV659" s="613"/>
      <c r="KZW659" s="613"/>
      <c r="KZX659" s="613"/>
      <c r="KZY659" s="613"/>
      <c r="KZZ659" s="613"/>
      <c r="LAA659" s="613"/>
      <c r="LAB659" s="613"/>
      <c r="LAC659" s="613"/>
      <c r="LAD659" s="613"/>
      <c r="LAE659" s="613"/>
      <c r="LAF659" s="613"/>
      <c r="LAG659" s="613"/>
      <c r="LAH659" s="613"/>
      <c r="LAI659" s="613"/>
      <c r="LAJ659" s="613"/>
      <c r="LAK659" s="613"/>
      <c r="LAL659" s="613"/>
      <c r="LAM659" s="613"/>
      <c r="LAN659" s="613"/>
      <c r="LAO659" s="613"/>
      <c r="LAP659" s="613"/>
      <c r="LAQ659" s="613"/>
      <c r="LAR659" s="613"/>
      <c r="LAS659" s="613"/>
      <c r="LAT659" s="613"/>
      <c r="LAU659" s="613"/>
      <c r="LAV659" s="613"/>
      <c r="LAW659" s="613"/>
      <c r="LAX659" s="613"/>
      <c r="LAY659" s="613"/>
      <c r="LAZ659" s="613"/>
      <c r="LBA659" s="613"/>
      <c r="LBB659" s="613"/>
      <c r="LBC659" s="613"/>
      <c r="LBD659" s="613"/>
      <c r="LBE659" s="613"/>
      <c r="LBF659" s="613"/>
      <c r="LBG659" s="613"/>
      <c r="LBH659" s="613"/>
      <c r="LBI659" s="613"/>
      <c r="LBJ659" s="613"/>
      <c r="LBK659" s="613"/>
      <c r="LBL659" s="613"/>
      <c r="LBM659" s="613"/>
      <c r="LBN659" s="613"/>
      <c r="LBO659" s="613"/>
      <c r="LBP659" s="613"/>
      <c r="LBQ659" s="613"/>
      <c r="LBR659" s="613"/>
      <c r="LBS659" s="613"/>
      <c r="LBT659" s="613"/>
      <c r="LBU659" s="613"/>
      <c r="LBV659" s="613"/>
      <c r="LBW659" s="613"/>
      <c r="LBX659" s="613"/>
      <c r="LBY659" s="613"/>
      <c r="LBZ659" s="613"/>
      <c r="LCA659" s="613"/>
      <c r="LCB659" s="613"/>
      <c r="LCC659" s="613"/>
      <c r="LCD659" s="613"/>
      <c r="LCE659" s="613"/>
      <c r="LCF659" s="613"/>
      <c r="LCG659" s="613"/>
      <c r="LCH659" s="613"/>
      <c r="LCI659" s="613"/>
      <c r="LCJ659" s="613"/>
      <c r="LCK659" s="613"/>
      <c r="LCL659" s="613"/>
      <c r="LCM659" s="613"/>
      <c r="LCN659" s="613"/>
      <c r="LCO659" s="613"/>
      <c r="LCP659" s="613"/>
      <c r="LCQ659" s="613"/>
      <c r="LCR659" s="613"/>
      <c r="LCS659" s="613"/>
      <c r="LCT659" s="613"/>
      <c r="LCU659" s="613"/>
      <c r="LCV659" s="613"/>
      <c r="LCW659" s="613"/>
      <c r="LCX659" s="613"/>
      <c r="LCY659" s="613"/>
      <c r="LCZ659" s="613"/>
      <c r="LDA659" s="613"/>
      <c r="LDB659" s="613"/>
      <c r="LDC659" s="613"/>
      <c r="LDD659" s="613"/>
      <c r="LDE659" s="613"/>
      <c r="LDF659" s="613"/>
      <c r="LDG659" s="613"/>
      <c r="LDH659" s="613"/>
      <c r="LDI659" s="613"/>
      <c r="LDJ659" s="613"/>
      <c r="LDK659" s="613"/>
      <c r="LDL659" s="613"/>
      <c r="LDM659" s="613"/>
      <c r="LDN659" s="613"/>
      <c r="LDO659" s="613"/>
      <c r="LDP659" s="613"/>
      <c r="LDQ659" s="613"/>
      <c r="LDR659" s="613"/>
      <c r="LDS659" s="613"/>
      <c r="LDT659" s="613"/>
      <c r="LDU659" s="613"/>
      <c r="LDV659" s="613"/>
      <c r="LDW659" s="613"/>
      <c r="LDX659" s="613"/>
      <c r="LDY659" s="613"/>
      <c r="LDZ659" s="613"/>
      <c r="LEA659" s="613"/>
      <c r="LEB659" s="613"/>
      <c r="LEC659" s="613"/>
      <c r="LED659" s="613"/>
      <c r="LEE659" s="613"/>
      <c r="LEF659" s="613"/>
      <c r="LEG659" s="613"/>
      <c r="LEH659" s="613"/>
      <c r="LEI659" s="613"/>
      <c r="LEJ659" s="613"/>
      <c r="LEK659" s="613"/>
      <c r="LEL659" s="613"/>
      <c r="LEM659" s="613"/>
      <c r="LEN659" s="613"/>
      <c r="LEO659" s="613"/>
      <c r="LEP659" s="613"/>
      <c r="LEQ659" s="613"/>
      <c r="LER659" s="613"/>
      <c r="LES659" s="613"/>
      <c r="LET659" s="613"/>
      <c r="LEU659" s="613"/>
      <c r="LEV659" s="613"/>
      <c r="LEW659" s="613"/>
      <c r="LEX659" s="613"/>
      <c r="LEY659" s="613"/>
      <c r="LEZ659" s="613"/>
      <c r="LFA659" s="613"/>
      <c r="LFB659" s="613"/>
      <c r="LFC659" s="613"/>
      <c r="LFD659" s="613"/>
      <c r="LFE659" s="613"/>
      <c r="LFF659" s="613"/>
      <c r="LFG659" s="613"/>
      <c r="LFH659" s="613"/>
      <c r="LFI659" s="613"/>
      <c r="LFJ659" s="613"/>
      <c r="LFK659" s="613"/>
      <c r="LFL659" s="613"/>
      <c r="LFM659" s="613"/>
      <c r="LFN659" s="613"/>
      <c r="LFO659" s="613"/>
      <c r="LFP659" s="613"/>
      <c r="LFQ659" s="613"/>
      <c r="LFR659" s="613"/>
      <c r="LFS659" s="613"/>
      <c r="LFT659" s="613"/>
      <c r="LFU659" s="613"/>
      <c r="LFV659" s="613"/>
      <c r="LFW659" s="613"/>
      <c r="LFX659" s="613"/>
      <c r="LFY659" s="613"/>
      <c r="LFZ659" s="613"/>
      <c r="LGA659" s="613"/>
      <c r="LGB659" s="613"/>
      <c r="LGC659" s="613"/>
      <c r="LGD659" s="613"/>
      <c r="LGE659" s="613"/>
      <c r="LGF659" s="613"/>
      <c r="LGG659" s="613"/>
      <c r="LGH659" s="613"/>
      <c r="LGI659" s="613"/>
      <c r="LGJ659" s="613"/>
      <c r="LGK659" s="613"/>
      <c r="LGL659" s="613"/>
      <c r="LGM659" s="613"/>
      <c r="LGN659" s="613"/>
      <c r="LGO659" s="613"/>
      <c r="LGP659" s="613"/>
      <c r="LGQ659" s="613"/>
      <c r="LGR659" s="613"/>
      <c r="LGS659" s="613"/>
      <c r="LGT659" s="613"/>
      <c r="LGU659" s="613"/>
      <c r="LGV659" s="613"/>
      <c r="LGW659" s="613"/>
      <c r="LGX659" s="613"/>
      <c r="LGY659" s="613"/>
      <c r="LGZ659" s="613"/>
      <c r="LHA659" s="613"/>
      <c r="LHB659" s="613"/>
      <c r="LHC659" s="613"/>
      <c r="LHD659" s="613"/>
      <c r="LHE659" s="613"/>
      <c r="LHF659" s="613"/>
      <c r="LHG659" s="613"/>
      <c r="LHH659" s="613"/>
      <c r="LHI659" s="613"/>
      <c r="LHJ659" s="613"/>
      <c r="LHK659" s="613"/>
      <c r="LHL659" s="613"/>
      <c r="LHM659" s="613"/>
      <c r="LHN659" s="613"/>
      <c r="LHO659" s="613"/>
      <c r="LHP659" s="613"/>
      <c r="LHQ659" s="613"/>
      <c r="LHR659" s="613"/>
      <c r="LHS659" s="613"/>
      <c r="LHT659" s="613"/>
      <c r="LHU659" s="613"/>
      <c r="LHV659" s="613"/>
      <c r="LHW659" s="613"/>
      <c r="LHX659" s="613"/>
      <c r="LHY659" s="613"/>
      <c r="LHZ659" s="613"/>
      <c r="LIA659" s="613"/>
      <c r="LIB659" s="613"/>
      <c r="LIC659" s="613"/>
      <c r="LID659" s="613"/>
      <c r="LIE659" s="613"/>
      <c r="LIF659" s="613"/>
      <c r="LIG659" s="613"/>
      <c r="LIH659" s="613"/>
      <c r="LII659" s="613"/>
      <c r="LIJ659" s="613"/>
      <c r="LIK659" s="613"/>
      <c r="LIL659" s="613"/>
      <c r="LIM659" s="613"/>
      <c r="LIN659" s="613"/>
      <c r="LIO659" s="613"/>
      <c r="LIP659" s="613"/>
      <c r="LIQ659" s="613"/>
      <c r="LIR659" s="613"/>
      <c r="LIS659" s="613"/>
      <c r="LIT659" s="613"/>
      <c r="LIU659" s="613"/>
      <c r="LIV659" s="613"/>
      <c r="LIW659" s="613"/>
      <c r="LIX659" s="613"/>
      <c r="LIY659" s="613"/>
      <c r="LIZ659" s="613"/>
      <c r="LJA659" s="613"/>
      <c r="LJB659" s="613"/>
      <c r="LJC659" s="613"/>
      <c r="LJD659" s="613"/>
      <c r="LJE659" s="613"/>
      <c r="LJF659" s="613"/>
      <c r="LJG659" s="613"/>
      <c r="LJH659" s="613"/>
      <c r="LJI659" s="613"/>
      <c r="LJJ659" s="613"/>
      <c r="LJK659" s="613"/>
      <c r="LJL659" s="613"/>
      <c r="LJM659" s="613"/>
      <c r="LJN659" s="613"/>
      <c r="LJO659" s="613"/>
      <c r="LJP659" s="613"/>
      <c r="LJQ659" s="613"/>
      <c r="LJR659" s="613"/>
      <c r="LJS659" s="613"/>
      <c r="LJT659" s="613"/>
      <c r="LJU659" s="613"/>
      <c r="LJV659" s="613"/>
      <c r="LJW659" s="613"/>
      <c r="LJX659" s="613"/>
      <c r="LJY659" s="613"/>
      <c r="LJZ659" s="613"/>
      <c r="LKA659" s="613"/>
      <c r="LKB659" s="613"/>
      <c r="LKC659" s="613"/>
      <c r="LKD659" s="613"/>
      <c r="LKE659" s="613"/>
      <c r="LKF659" s="613"/>
      <c r="LKG659" s="613"/>
      <c r="LKH659" s="613"/>
      <c r="LKI659" s="613"/>
      <c r="LKJ659" s="613"/>
      <c r="LKK659" s="613"/>
      <c r="LKL659" s="613"/>
      <c r="LKM659" s="613"/>
      <c r="LKN659" s="613"/>
      <c r="LKO659" s="613"/>
      <c r="LKP659" s="613"/>
      <c r="LKQ659" s="613"/>
      <c r="LKR659" s="613"/>
      <c r="LKS659" s="613"/>
      <c r="LKT659" s="613"/>
      <c r="LKU659" s="613"/>
      <c r="LKV659" s="613"/>
      <c r="LKW659" s="613"/>
      <c r="LKX659" s="613"/>
      <c r="LKY659" s="613"/>
      <c r="LKZ659" s="613"/>
      <c r="LLA659" s="613"/>
      <c r="LLB659" s="613"/>
      <c r="LLC659" s="613"/>
      <c r="LLD659" s="613"/>
      <c r="LLE659" s="613"/>
      <c r="LLF659" s="613"/>
      <c r="LLG659" s="613"/>
      <c r="LLH659" s="613"/>
      <c r="LLI659" s="613"/>
      <c r="LLJ659" s="613"/>
      <c r="LLK659" s="613"/>
      <c r="LLL659" s="613"/>
      <c r="LLM659" s="613"/>
      <c r="LLN659" s="613"/>
      <c r="LLO659" s="613"/>
      <c r="LLP659" s="613"/>
      <c r="LLQ659" s="613"/>
      <c r="LLR659" s="613"/>
      <c r="LLS659" s="613"/>
      <c r="LLT659" s="613"/>
      <c r="LLU659" s="613"/>
      <c r="LLV659" s="613"/>
      <c r="LLW659" s="613"/>
      <c r="LLX659" s="613"/>
      <c r="LLY659" s="613"/>
      <c r="LLZ659" s="613"/>
      <c r="LMA659" s="613"/>
      <c r="LMB659" s="613"/>
      <c r="LMC659" s="613"/>
      <c r="LMD659" s="613"/>
      <c r="LME659" s="613"/>
      <c r="LMF659" s="613"/>
      <c r="LMG659" s="613"/>
      <c r="LMH659" s="613"/>
      <c r="LMI659" s="613"/>
      <c r="LMJ659" s="613"/>
      <c r="LMK659" s="613"/>
      <c r="LML659" s="613"/>
      <c r="LMM659" s="613"/>
      <c r="LMN659" s="613"/>
      <c r="LMO659" s="613"/>
      <c r="LMP659" s="613"/>
      <c r="LMQ659" s="613"/>
      <c r="LMR659" s="613"/>
      <c r="LMS659" s="613"/>
      <c r="LMT659" s="613"/>
      <c r="LMU659" s="613"/>
      <c r="LMV659" s="613"/>
      <c r="LMW659" s="613"/>
      <c r="LMX659" s="613"/>
      <c r="LMY659" s="613"/>
      <c r="LMZ659" s="613"/>
      <c r="LNA659" s="613"/>
      <c r="LNB659" s="613"/>
      <c r="LNC659" s="613"/>
      <c r="LND659" s="613"/>
      <c r="LNE659" s="613"/>
      <c r="LNF659" s="613"/>
      <c r="LNG659" s="613"/>
      <c r="LNH659" s="613"/>
      <c r="LNI659" s="613"/>
      <c r="LNJ659" s="613"/>
      <c r="LNK659" s="613"/>
      <c r="LNL659" s="613"/>
      <c r="LNM659" s="613"/>
      <c r="LNN659" s="613"/>
      <c r="LNO659" s="613"/>
      <c r="LNP659" s="613"/>
      <c r="LNQ659" s="613"/>
      <c r="LNR659" s="613"/>
      <c r="LNS659" s="613"/>
      <c r="LNT659" s="613"/>
      <c r="LNU659" s="613"/>
      <c r="LNV659" s="613"/>
      <c r="LNW659" s="613"/>
      <c r="LNX659" s="613"/>
      <c r="LNY659" s="613"/>
      <c r="LNZ659" s="613"/>
      <c r="LOA659" s="613"/>
      <c r="LOB659" s="613"/>
      <c r="LOC659" s="613"/>
      <c r="LOD659" s="613"/>
      <c r="LOE659" s="613"/>
      <c r="LOF659" s="613"/>
      <c r="LOG659" s="613"/>
      <c r="LOH659" s="613"/>
      <c r="LOI659" s="613"/>
      <c r="LOJ659" s="613"/>
      <c r="LOK659" s="613"/>
      <c r="LOL659" s="613"/>
      <c r="LOM659" s="613"/>
      <c r="LON659" s="613"/>
      <c r="LOO659" s="613"/>
      <c r="LOP659" s="613"/>
      <c r="LOQ659" s="613"/>
      <c r="LOR659" s="613"/>
      <c r="LOS659" s="613"/>
      <c r="LOT659" s="613"/>
      <c r="LOU659" s="613"/>
      <c r="LOV659" s="613"/>
      <c r="LOW659" s="613"/>
      <c r="LOX659" s="613"/>
      <c r="LOY659" s="613"/>
      <c r="LOZ659" s="613"/>
      <c r="LPA659" s="613"/>
      <c r="LPB659" s="613"/>
      <c r="LPC659" s="613"/>
      <c r="LPD659" s="613"/>
      <c r="LPE659" s="613"/>
      <c r="LPF659" s="613"/>
      <c r="LPG659" s="613"/>
      <c r="LPH659" s="613"/>
      <c r="LPI659" s="613"/>
      <c r="LPJ659" s="613"/>
      <c r="LPK659" s="613"/>
      <c r="LPL659" s="613"/>
      <c r="LPM659" s="613"/>
      <c r="LPN659" s="613"/>
      <c r="LPO659" s="613"/>
      <c r="LPP659" s="613"/>
      <c r="LPQ659" s="613"/>
      <c r="LPR659" s="613"/>
      <c r="LPS659" s="613"/>
      <c r="LPT659" s="613"/>
      <c r="LPU659" s="613"/>
      <c r="LPV659" s="613"/>
      <c r="LPW659" s="613"/>
      <c r="LPX659" s="613"/>
      <c r="LPY659" s="613"/>
      <c r="LPZ659" s="613"/>
      <c r="LQA659" s="613"/>
      <c r="LQB659" s="613"/>
      <c r="LQC659" s="613"/>
      <c r="LQD659" s="613"/>
      <c r="LQE659" s="613"/>
      <c r="LQF659" s="613"/>
      <c r="LQG659" s="613"/>
      <c r="LQH659" s="613"/>
      <c r="LQI659" s="613"/>
      <c r="LQJ659" s="613"/>
      <c r="LQK659" s="613"/>
      <c r="LQL659" s="613"/>
      <c r="LQM659" s="613"/>
      <c r="LQN659" s="613"/>
      <c r="LQO659" s="613"/>
      <c r="LQP659" s="613"/>
      <c r="LQQ659" s="613"/>
      <c r="LQR659" s="613"/>
      <c r="LQS659" s="613"/>
      <c r="LQT659" s="613"/>
      <c r="LQU659" s="613"/>
      <c r="LQV659" s="613"/>
      <c r="LQW659" s="613"/>
      <c r="LQX659" s="613"/>
      <c r="LQY659" s="613"/>
      <c r="LQZ659" s="613"/>
      <c r="LRA659" s="613"/>
      <c r="LRB659" s="613"/>
      <c r="LRC659" s="613"/>
      <c r="LRD659" s="613"/>
      <c r="LRE659" s="613"/>
      <c r="LRF659" s="613"/>
      <c r="LRG659" s="613"/>
      <c r="LRH659" s="613"/>
      <c r="LRI659" s="613"/>
      <c r="LRJ659" s="613"/>
      <c r="LRK659" s="613"/>
      <c r="LRL659" s="613"/>
      <c r="LRM659" s="613"/>
      <c r="LRN659" s="613"/>
      <c r="LRO659" s="613"/>
      <c r="LRP659" s="613"/>
      <c r="LRQ659" s="613"/>
      <c r="LRR659" s="613"/>
      <c r="LRS659" s="613"/>
      <c r="LRT659" s="613"/>
      <c r="LRU659" s="613"/>
      <c r="LRV659" s="613"/>
      <c r="LRW659" s="613"/>
      <c r="LRX659" s="613"/>
      <c r="LRY659" s="613"/>
      <c r="LRZ659" s="613"/>
      <c r="LSA659" s="613"/>
      <c r="LSB659" s="613"/>
      <c r="LSC659" s="613"/>
      <c r="LSD659" s="613"/>
      <c r="LSE659" s="613"/>
      <c r="LSF659" s="613"/>
      <c r="LSG659" s="613"/>
      <c r="LSH659" s="613"/>
      <c r="LSI659" s="613"/>
      <c r="LSJ659" s="613"/>
      <c r="LSK659" s="613"/>
      <c r="LSL659" s="613"/>
      <c r="LSM659" s="613"/>
      <c r="LSN659" s="613"/>
      <c r="LSO659" s="613"/>
      <c r="LSP659" s="613"/>
      <c r="LSQ659" s="613"/>
      <c r="LSR659" s="613"/>
      <c r="LSS659" s="613"/>
      <c r="LST659" s="613"/>
      <c r="LSU659" s="613"/>
      <c r="LSV659" s="613"/>
      <c r="LSW659" s="613"/>
      <c r="LSX659" s="613"/>
      <c r="LSY659" s="613"/>
      <c r="LSZ659" s="613"/>
      <c r="LTA659" s="613"/>
      <c r="LTB659" s="613"/>
      <c r="LTC659" s="613"/>
      <c r="LTD659" s="613"/>
      <c r="LTE659" s="613"/>
      <c r="LTF659" s="613"/>
      <c r="LTG659" s="613"/>
      <c r="LTH659" s="613"/>
      <c r="LTI659" s="613"/>
      <c r="LTJ659" s="613"/>
      <c r="LTK659" s="613"/>
      <c r="LTL659" s="613"/>
      <c r="LTM659" s="613"/>
      <c r="LTN659" s="613"/>
      <c r="LTO659" s="613"/>
      <c r="LTP659" s="613"/>
      <c r="LTQ659" s="613"/>
      <c r="LTR659" s="613"/>
      <c r="LTS659" s="613"/>
      <c r="LTT659" s="613"/>
      <c r="LTU659" s="613"/>
      <c r="LTV659" s="613"/>
      <c r="LTW659" s="613"/>
      <c r="LTX659" s="613"/>
      <c r="LTY659" s="613"/>
      <c r="LTZ659" s="613"/>
      <c r="LUA659" s="613"/>
      <c r="LUB659" s="613"/>
      <c r="LUC659" s="613"/>
      <c r="LUD659" s="613"/>
      <c r="LUE659" s="613"/>
      <c r="LUF659" s="613"/>
      <c r="LUG659" s="613"/>
      <c r="LUH659" s="613"/>
      <c r="LUI659" s="613"/>
      <c r="LUJ659" s="613"/>
      <c r="LUK659" s="613"/>
      <c r="LUL659" s="613"/>
      <c r="LUM659" s="613"/>
      <c r="LUN659" s="613"/>
      <c r="LUO659" s="613"/>
      <c r="LUP659" s="613"/>
      <c r="LUQ659" s="613"/>
      <c r="LUR659" s="613"/>
      <c r="LUS659" s="613"/>
      <c r="LUT659" s="613"/>
      <c r="LUU659" s="613"/>
      <c r="LUV659" s="613"/>
      <c r="LUW659" s="613"/>
      <c r="LUX659" s="613"/>
      <c r="LUY659" s="613"/>
      <c r="LUZ659" s="613"/>
      <c r="LVA659" s="613"/>
      <c r="LVB659" s="613"/>
      <c r="LVC659" s="613"/>
      <c r="LVD659" s="613"/>
      <c r="LVE659" s="613"/>
      <c r="LVF659" s="613"/>
      <c r="LVG659" s="613"/>
      <c r="LVH659" s="613"/>
      <c r="LVI659" s="613"/>
      <c r="LVJ659" s="613"/>
      <c r="LVK659" s="613"/>
      <c r="LVL659" s="613"/>
      <c r="LVM659" s="613"/>
      <c r="LVN659" s="613"/>
      <c r="LVO659" s="613"/>
      <c r="LVP659" s="613"/>
      <c r="LVQ659" s="613"/>
      <c r="LVR659" s="613"/>
      <c r="LVS659" s="613"/>
      <c r="LVT659" s="613"/>
      <c r="LVU659" s="613"/>
      <c r="LVV659" s="613"/>
      <c r="LVW659" s="613"/>
      <c r="LVX659" s="613"/>
      <c r="LVY659" s="613"/>
      <c r="LVZ659" s="613"/>
      <c r="LWA659" s="613"/>
      <c r="LWB659" s="613"/>
      <c r="LWC659" s="613"/>
      <c r="LWD659" s="613"/>
      <c r="LWE659" s="613"/>
      <c r="LWF659" s="613"/>
      <c r="LWG659" s="613"/>
      <c r="LWH659" s="613"/>
      <c r="LWI659" s="613"/>
      <c r="LWJ659" s="613"/>
      <c r="LWK659" s="613"/>
      <c r="LWL659" s="613"/>
      <c r="LWM659" s="613"/>
      <c r="LWN659" s="613"/>
      <c r="LWO659" s="613"/>
      <c r="LWP659" s="613"/>
      <c r="LWQ659" s="613"/>
      <c r="LWR659" s="613"/>
      <c r="LWS659" s="613"/>
      <c r="LWT659" s="613"/>
      <c r="LWU659" s="613"/>
      <c r="LWV659" s="613"/>
      <c r="LWW659" s="613"/>
      <c r="LWX659" s="613"/>
      <c r="LWY659" s="613"/>
      <c r="LWZ659" s="613"/>
      <c r="LXA659" s="613"/>
      <c r="LXB659" s="613"/>
      <c r="LXC659" s="613"/>
      <c r="LXD659" s="613"/>
      <c r="LXE659" s="613"/>
      <c r="LXF659" s="613"/>
      <c r="LXG659" s="613"/>
      <c r="LXH659" s="613"/>
      <c r="LXI659" s="613"/>
      <c r="LXJ659" s="613"/>
      <c r="LXK659" s="613"/>
      <c r="LXL659" s="613"/>
      <c r="LXM659" s="613"/>
      <c r="LXN659" s="613"/>
      <c r="LXO659" s="613"/>
      <c r="LXP659" s="613"/>
      <c r="LXQ659" s="613"/>
      <c r="LXR659" s="613"/>
      <c r="LXS659" s="613"/>
      <c r="LXT659" s="613"/>
      <c r="LXU659" s="613"/>
      <c r="LXV659" s="613"/>
      <c r="LXW659" s="613"/>
      <c r="LXX659" s="613"/>
      <c r="LXY659" s="613"/>
      <c r="LXZ659" s="613"/>
      <c r="LYA659" s="613"/>
      <c r="LYB659" s="613"/>
      <c r="LYC659" s="613"/>
      <c r="LYD659" s="613"/>
      <c r="LYE659" s="613"/>
      <c r="LYF659" s="613"/>
      <c r="LYG659" s="613"/>
      <c r="LYH659" s="613"/>
      <c r="LYI659" s="613"/>
      <c r="LYJ659" s="613"/>
      <c r="LYK659" s="613"/>
      <c r="LYL659" s="613"/>
      <c r="LYM659" s="613"/>
      <c r="LYN659" s="613"/>
      <c r="LYO659" s="613"/>
      <c r="LYP659" s="613"/>
      <c r="LYQ659" s="613"/>
      <c r="LYR659" s="613"/>
      <c r="LYS659" s="613"/>
      <c r="LYT659" s="613"/>
      <c r="LYU659" s="613"/>
      <c r="LYV659" s="613"/>
      <c r="LYW659" s="613"/>
      <c r="LYX659" s="613"/>
      <c r="LYY659" s="613"/>
      <c r="LYZ659" s="613"/>
      <c r="LZA659" s="613"/>
      <c r="LZB659" s="613"/>
      <c r="LZC659" s="613"/>
      <c r="LZD659" s="613"/>
      <c r="LZE659" s="613"/>
      <c r="LZF659" s="613"/>
      <c r="LZG659" s="613"/>
      <c r="LZH659" s="613"/>
      <c r="LZI659" s="613"/>
      <c r="LZJ659" s="613"/>
      <c r="LZK659" s="613"/>
      <c r="LZL659" s="613"/>
      <c r="LZM659" s="613"/>
      <c r="LZN659" s="613"/>
      <c r="LZO659" s="613"/>
      <c r="LZP659" s="613"/>
      <c r="LZQ659" s="613"/>
      <c r="LZR659" s="613"/>
      <c r="LZS659" s="613"/>
      <c r="LZT659" s="613"/>
      <c r="LZU659" s="613"/>
      <c r="LZV659" s="613"/>
      <c r="LZW659" s="613"/>
      <c r="LZX659" s="613"/>
      <c r="LZY659" s="613"/>
      <c r="LZZ659" s="613"/>
      <c r="MAA659" s="613"/>
      <c r="MAB659" s="613"/>
      <c r="MAC659" s="613"/>
      <c r="MAD659" s="613"/>
      <c r="MAE659" s="613"/>
      <c r="MAF659" s="613"/>
      <c r="MAG659" s="613"/>
      <c r="MAH659" s="613"/>
      <c r="MAI659" s="613"/>
      <c r="MAJ659" s="613"/>
      <c r="MAK659" s="613"/>
      <c r="MAL659" s="613"/>
      <c r="MAM659" s="613"/>
      <c r="MAN659" s="613"/>
      <c r="MAO659" s="613"/>
      <c r="MAP659" s="613"/>
      <c r="MAQ659" s="613"/>
      <c r="MAR659" s="613"/>
      <c r="MAS659" s="613"/>
      <c r="MAT659" s="613"/>
      <c r="MAU659" s="613"/>
      <c r="MAV659" s="613"/>
      <c r="MAW659" s="613"/>
      <c r="MAX659" s="613"/>
      <c r="MAY659" s="613"/>
      <c r="MAZ659" s="613"/>
      <c r="MBA659" s="613"/>
      <c r="MBB659" s="613"/>
      <c r="MBC659" s="613"/>
      <c r="MBD659" s="613"/>
      <c r="MBE659" s="613"/>
      <c r="MBF659" s="613"/>
      <c r="MBG659" s="613"/>
      <c r="MBH659" s="613"/>
      <c r="MBI659" s="613"/>
      <c r="MBJ659" s="613"/>
      <c r="MBK659" s="613"/>
      <c r="MBL659" s="613"/>
      <c r="MBM659" s="613"/>
      <c r="MBN659" s="613"/>
      <c r="MBO659" s="613"/>
      <c r="MBP659" s="613"/>
      <c r="MBQ659" s="613"/>
      <c r="MBR659" s="613"/>
      <c r="MBS659" s="613"/>
      <c r="MBT659" s="613"/>
      <c r="MBU659" s="613"/>
      <c r="MBV659" s="613"/>
      <c r="MBW659" s="613"/>
      <c r="MBX659" s="613"/>
      <c r="MBY659" s="613"/>
      <c r="MBZ659" s="613"/>
      <c r="MCA659" s="613"/>
      <c r="MCB659" s="613"/>
      <c r="MCC659" s="613"/>
      <c r="MCD659" s="613"/>
      <c r="MCE659" s="613"/>
      <c r="MCF659" s="613"/>
      <c r="MCG659" s="613"/>
      <c r="MCH659" s="613"/>
      <c r="MCI659" s="613"/>
      <c r="MCJ659" s="613"/>
      <c r="MCK659" s="613"/>
      <c r="MCL659" s="613"/>
      <c r="MCM659" s="613"/>
      <c r="MCN659" s="613"/>
      <c r="MCO659" s="613"/>
      <c r="MCP659" s="613"/>
      <c r="MCQ659" s="613"/>
      <c r="MCR659" s="613"/>
      <c r="MCS659" s="613"/>
      <c r="MCT659" s="613"/>
      <c r="MCU659" s="613"/>
      <c r="MCV659" s="613"/>
      <c r="MCW659" s="613"/>
      <c r="MCX659" s="613"/>
      <c r="MCY659" s="613"/>
      <c r="MCZ659" s="613"/>
      <c r="MDA659" s="613"/>
      <c r="MDB659" s="613"/>
      <c r="MDC659" s="613"/>
      <c r="MDD659" s="613"/>
      <c r="MDE659" s="613"/>
      <c r="MDF659" s="613"/>
      <c r="MDG659" s="613"/>
      <c r="MDH659" s="613"/>
      <c r="MDI659" s="613"/>
      <c r="MDJ659" s="613"/>
      <c r="MDK659" s="613"/>
      <c r="MDL659" s="613"/>
      <c r="MDM659" s="613"/>
      <c r="MDN659" s="613"/>
      <c r="MDO659" s="613"/>
      <c r="MDP659" s="613"/>
      <c r="MDQ659" s="613"/>
      <c r="MDR659" s="613"/>
      <c r="MDS659" s="613"/>
      <c r="MDT659" s="613"/>
      <c r="MDU659" s="613"/>
      <c r="MDV659" s="613"/>
      <c r="MDW659" s="613"/>
      <c r="MDX659" s="613"/>
      <c r="MDY659" s="613"/>
      <c r="MDZ659" s="613"/>
      <c r="MEA659" s="613"/>
      <c r="MEB659" s="613"/>
      <c r="MEC659" s="613"/>
      <c r="MED659" s="613"/>
      <c r="MEE659" s="613"/>
      <c r="MEF659" s="613"/>
      <c r="MEG659" s="613"/>
      <c r="MEH659" s="613"/>
      <c r="MEI659" s="613"/>
      <c r="MEJ659" s="613"/>
      <c r="MEK659" s="613"/>
      <c r="MEL659" s="613"/>
      <c r="MEM659" s="613"/>
      <c r="MEN659" s="613"/>
      <c r="MEO659" s="613"/>
      <c r="MEP659" s="613"/>
      <c r="MEQ659" s="613"/>
      <c r="MER659" s="613"/>
      <c r="MES659" s="613"/>
      <c r="MET659" s="613"/>
      <c r="MEU659" s="613"/>
      <c r="MEV659" s="613"/>
      <c r="MEW659" s="613"/>
      <c r="MEX659" s="613"/>
      <c r="MEY659" s="613"/>
      <c r="MEZ659" s="613"/>
      <c r="MFA659" s="613"/>
      <c r="MFB659" s="613"/>
      <c r="MFC659" s="613"/>
      <c r="MFD659" s="613"/>
      <c r="MFE659" s="613"/>
      <c r="MFF659" s="613"/>
      <c r="MFG659" s="613"/>
      <c r="MFH659" s="613"/>
      <c r="MFI659" s="613"/>
      <c r="MFJ659" s="613"/>
      <c r="MFK659" s="613"/>
      <c r="MFL659" s="613"/>
      <c r="MFM659" s="613"/>
      <c r="MFN659" s="613"/>
      <c r="MFO659" s="613"/>
      <c r="MFP659" s="613"/>
      <c r="MFQ659" s="613"/>
      <c r="MFR659" s="613"/>
      <c r="MFS659" s="613"/>
      <c r="MFT659" s="613"/>
      <c r="MFU659" s="613"/>
      <c r="MFV659" s="613"/>
      <c r="MFW659" s="613"/>
      <c r="MFX659" s="613"/>
      <c r="MFY659" s="613"/>
      <c r="MFZ659" s="613"/>
      <c r="MGA659" s="613"/>
      <c r="MGB659" s="613"/>
      <c r="MGC659" s="613"/>
      <c r="MGD659" s="613"/>
      <c r="MGE659" s="613"/>
      <c r="MGF659" s="613"/>
      <c r="MGG659" s="613"/>
      <c r="MGH659" s="613"/>
      <c r="MGI659" s="613"/>
      <c r="MGJ659" s="613"/>
      <c r="MGK659" s="613"/>
      <c r="MGL659" s="613"/>
      <c r="MGM659" s="613"/>
      <c r="MGN659" s="613"/>
      <c r="MGO659" s="613"/>
      <c r="MGP659" s="613"/>
      <c r="MGQ659" s="613"/>
      <c r="MGR659" s="613"/>
      <c r="MGS659" s="613"/>
      <c r="MGT659" s="613"/>
      <c r="MGU659" s="613"/>
      <c r="MGV659" s="613"/>
      <c r="MGW659" s="613"/>
      <c r="MGX659" s="613"/>
      <c r="MGY659" s="613"/>
      <c r="MGZ659" s="613"/>
      <c r="MHA659" s="613"/>
      <c r="MHB659" s="613"/>
      <c r="MHC659" s="613"/>
      <c r="MHD659" s="613"/>
      <c r="MHE659" s="613"/>
      <c r="MHF659" s="613"/>
      <c r="MHG659" s="613"/>
      <c r="MHH659" s="613"/>
      <c r="MHI659" s="613"/>
      <c r="MHJ659" s="613"/>
      <c r="MHK659" s="613"/>
      <c r="MHL659" s="613"/>
      <c r="MHM659" s="613"/>
      <c r="MHN659" s="613"/>
      <c r="MHO659" s="613"/>
      <c r="MHP659" s="613"/>
      <c r="MHQ659" s="613"/>
      <c r="MHR659" s="613"/>
      <c r="MHS659" s="613"/>
      <c r="MHT659" s="613"/>
      <c r="MHU659" s="613"/>
      <c r="MHV659" s="613"/>
      <c r="MHW659" s="613"/>
      <c r="MHX659" s="613"/>
      <c r="MHY659" s="613"/>
      <c r="MHZ659" s="613"/>
      <c r="MIA659" s="613"/>
      <c r="MIB659" s="613"/>
      <c r="MIC659" s="613"/>
      <c r="MID659" s="613"/>
      <c r="MIE659" s="613"/>
      <c r="MIF659" s="613"/>
      <c r="MIG659" s="613"/>
      <c r="MIH659" s="613"/>
      <c r="MII659" s="613"/>
      <c r="MIJ659" s="613"/>
      <c r="MIK659" s="613"/>
      <c r="MIL659" s="613"/>
      <c r="MIM659" s="613"/>
      <c r="MIN659" s="613"/>
      <c r="MIO659" s="613"/>
      <c r="MIP659" s="613"/>
      <c r="MIQ659" s="613"/>
      <c r="MIR659" s="613"/>
      <c r="MIS659" s="613"/>
      <c r="MIT659" s="613"/>
      <c r="MIU659" s="613"/>
      <c r="MIV659" s="613"/>
      <c r="MIW659" s="613"/>
      <c r="MIX659" s="613"/>
      <c r="MIY659" s="613"/>
      <c r="MIZ659" s="613"/>
      <c r="MJA659" s="613"/>
      <c r="MJB659" s="613"/>
      <c r="MJC659" s="613"/>
      <c r="MJD659" s="613"/>
      <c r="MJE659" s="613"/>
      <c r="MJF659" s="613"/>
      <c r="MJG659" s="613"/>
      <c r="MJH659" s="613"/>
      <c r="MJI659" s="613"/>
      <c r="MJJ659" s="613"/>
      <c r="MJK659" s="613"/>
      <c r="MJL659" s="613"/>
      <c r="MJM659" s="613"/>
      <c r="MJN659" s="613"/>
      <c r="MJO659" s="613"/>
      <c r="MJP659" s="613"/>
      <c r="MJQ659" s="613"/>
      <c r="MJR659" s="613"/>
      <c r="MJS659" s="613"/>
      <c r="MJT659" s="613"/>
      <c r="MJU659" s="613"/>
      <c r="MJV659" s="613"/>
      <c r="MJW659" s="613"/>
      <c r="MJX659" s="613"/>
      <c r="MJY659" s="613"/>
      <c r="MJZ659" s="613"/>
      <c r="MKA659" s="613"/>
      <c r="MKB659" s="613"/>
      <c r="MKC659" s="613"/>
      <c r="MKD659" s="613"/>
      <c r="MKE659" s="613"/>
      <c r="MKF659" s="613"/>
      <c r="MKG659" s="613"/>
      <c r="MKH659" s="613"/>
      <c r="MKI659" s="613"/>
      <c r="MKJ659" s="613"/>
      <c r="MKK659" s="613"/>
      <c r="MKL659" s="613"/>
      <c r="MKM659" s="613"/>
      <c r="MKN659" s="613"/>
      <c r="MKO659" s="613"/>
      <c r="MKP659" s="613"/>
      <c r="MKQ659" s="613"/>
      <c r="MKR659" s="613"/>
      <c r="MKS659" s="613"/>
      <c r="MKT659" s="613"/>
      <c r="MKU659" s="613"/>
      <c r="MKV659" s="613"/>
      <c r="MKW659" s="613"/>
      <c r="MKX659" s="613"/>
      <c r="MKY659" s="613"/>
      <c r="MKZ659" s="613"/>
      <c r="MLA659" s="613"/>
      <c r="MLB659" s="613"/>
      <c r="MLC659" s="613"/>
      <c r="MLD659" s="613"/>
      <c r="MLE659" s="613"/>
      <c r="MLF659" s="613"/>
      <c r="MLG659" s="613"/>
      <c r="MLH659" s="613"/>
      <c r="MLI659" s="613"/>
      <c r="MLJ659" s="613"/>
      <c r="MLK659" s="613"/>
      <c r="MLL659" s="613"/>
      <c r="MLM659" s="613"/>
      <c r="MLN659" s="613"/>
      <c r="MLO659" s="613"/>
      <c r="MLP659" s="613"/>
      <c r="MLQ659" s="613"/>
      <c r="MLR659" s="613"/>
      <c r="MLS659" s="613"/>
      <c r="MLT659" s="613"/>
      <c r="MLU659" s="613"/>
      <c r="MLV659" s="613"/>
      <c r="MLW659" s="613"/>
      <c r="MLX659" s="613"/>
      <c r="MLY659" s="613"/>
      <c r="MLZ659" s="613"/>
      <c r="MMA659" s="613"/>
      <c r="MMB659" s="613"/>
      <c r="MMC659" s="613"/>
      <c r="MMD659" s="613"/>
      <c r="MME659" s="613"/>
      <c r="MMF659" s="613"/>
      <c r="MMG659" s="613"/>
      <c r="MMH659" s="613"/>
      <c r="MMI659" s="613"/>
      <c r="MMJ659" s="613"/>
      <c r="MMK659" s="613"/>
      <c r="MML659" s="613"/>
      <c r="MMM659" s="613"/>
      <c r="MMN659" s="613"/>
      <c r="MMO659" s="613"/>
      <c r="MMP659" s="613"/>
      <c r="MMQ659" s="613"/>
      <c r="MMR659" s="613"/>
      <c r="MMS659" s="613"/>
      <c r="MMT659" s="613"/>
      <c r="MMU659" s="613"/>
      <c r="MMV659" s="613"/>
      <c r="MMW659" s="613"/>
      <c r="MMX659" s="613"/>
      <c r="MMY659" s="613"/>
      <c r="MMZ659" s="613"/>
      <c r="MNA659" s="613"/>
      <c r="MNB659" s="613"/>
      <c r="MNC659" s="613"/>
      <c r="MND659" s="613"/>
      <c r="MNE659" s="613"/>
      <c r="MNF659" s="613"/>
      <c r="MNG659" s="613"/>
      <c r="MNH659" s="613"/>
      <c r="MNI659" s="613"/>
      <c r="MNJ659" s="613"/>
      <c r="MNK659" s="613"/>
      <c r="MNL659" s="613"/>
      <c r="MNM659" s="613"/>
      <c r="MNN659" s="613"/>
      <c r="MNO659" s="613"/>
      <c r="MNP659" s="613"/>
      <c r="MNQ659" s="613"/>
      <c r="MNR659" s="613"/>
      <c r="MNS659" s="613"/>
      <c r="MNT659" s="613"/>
      <c r="MNU659" s="613"/>
      <c r="MNV659" s="613"/>
      <c r="MNW659" s="613"/>
      <c r="MNX659" s="613"/>
      <c r="MNY659" s="613"/>
      <c r="MNZ659" s="613"/>
      <c r="MOA659" s="613"/>
      <c r="MOB659" s="613"/>
      <c r="MOC659" s="613"/>
      <c r="MOD659" s="613"/>
      <c r="MOE659" s="613"/>
      <c r="MOF659" s="613"/>
      <c r="MOG659" s="613"/>
      <c r="MOH659" s="613"/>
      <c r="MOI659" s="613"/>
      <c r="MOJ659" s="613"/>
      <c r="MOK659" s="613"/>
      <c r="MOL659" s="613"/>
      <c r="MOM659" s="613"/>
      <c r="MON659" s="613"/>
      <c r="MOO659" s="613"/>
      <c r="MOP659" s="613"/>
      <c r="MOQ659" s="613"/>
      <c r="MOR659" s="613"/>
      <c r="MOS659" s="613"/>
      <c r="MOT659" s="613"/>
      <c r="MOU659" s="613"/>
      <c r="MOV659" s="613"/>
      <c r="MOW659" s="613"/>
      <c r="MOX659" s="613"/>
      <c r="MOY659" s="613"/>
      <c r="MOZ659" s="613"/>
      <c r="MPA659" s="613"/>
      <c r="MPB659" s="613"/>
      <c r="MPC659" s="613"/>
      <c r="MPD659" s="613"/>
      <c r="MPE659" s="613"/>
      <c r="MPF659" s="613"/>
      <c r="MPG659" s="613"/>
      <c r="MPH659" s="613"/>
      <c r="MPI659" s="613"/>
      <c r="MPJ659" s="613"/>
      <c r="MPK659" s="613"/>
      <c r="MPL659" s="613"/>
      <c r="MPM659" s="613"/>
      <c r="MPN659" s="613"/>
      <c r="MPO659" s="613"/>
      <c r="MPP659" s="613"/>
      <c r="MPQ659" s="613"/>
      <c r="MPR659" s="613"/>
      <c r="MPS659" s="613"/>
      <c r="MPT659" s="613"/>
      <c r="MPU659" s="613"/>
      <c r="MPV659" s="613"/>
      <c r="MPW659" s="613"/>
      <c r="MPX659" s="613"/>
      <c r="MPY659" s="613"/>
      <c r="MPZ659" s="613"/>
      <c r="MQA659" s="613"/>
      <c r="MQB659" s="613"/>
      <c r="MQC659" s="613"/>
      <c r="MQD659" s="613"/>
      <c r="MQE659" s="613"/>
      <c r="MQF659" s="613"/>
      <c r="MQG659" s="613"/>
      <c r="MQH659" s="613"/>
      <c r="MQI659" s="613"/>
      <c r="MQJ659" s="613"/>
      <c r="MQK659" s="613"/>
      <c r="MQL659" s="613"/>
      <c r="MQM659" s="613"/>
      <c r="MQN659" s="613"/>
      <c r="MQO659" s="613"/>
      <c r="MQP659" s="613"/>
      <c r="MQQ659" s="613"/>
      <c r="MQR659" s="613"/>
      <c r="MQS659" s="613"/>
      <c r="MQT659" s="613"/>
      <c r="MQU659" s="613"/>
      <c r="MQV659" s="613"/>
      <c r="MQW659" s="613"/>
      <c r="MQX659" s="613"/>
      <c r="MQY659" s="613"/>
      <c r="MQZ659" s="613"/>
      <c r="MRA659" s="613"/>
      <c r="MRB659" s="613"/>
      <c r="MRC659" s="613"/>
      <c r="MRD659" s="613"/>
      <c r="MRE659" s="613"/>
      <c r="MRF659" s="613"/>
      <c r="MRG659" s="613"/>
      <c r="MRH659" s="613"/>
      <c r="MRI659" s="613"/>
      <c r="MRJ659" s="613"/>
      <c r="MRK659" s="613"/>
      <c r="MRL659" s="613"/>
      <c r="MRM659" s="613"/>
      <c r="MRN659" s="613"/>
      <c r="MRO659" s="613"/>
      <c r="MRP659" s="613"/>
      <c r="MRQ659" s="613"/>
      <c r="MRR659" s="613"/>
      <c r="MRS659" s="613"/>
      <c r="MRT659" s="613"/>
      <c r="MRU659" s="613"/>
      <c r="MRV659" s="613"/>
      <c r="MRW659" s="613"/>
      <c r="MRX659" s="613"/>
      <c r="MRY659" s="613"/>
      <c r="MRZ659" s="613"/>
      <c r="MSA659" s="613"/>
      <c r="MSB659" s="613"/>
      <c r="MSC659" s="613"/>
      <c r="MSD659" s="613"/>
      <c r="MSE659" s="613"/>
      <c r="MSF659" s="613"/>
      <c r="MSG659" s="613"/>
      <c r="MSH659" s="613"/>
      <c r="MSI659" s="613"/>
      <c r="MSJ659" s="613"/>
      <c r="MSK659" s="613"/>
      <c r="MSL659" s="613"/>
      <c r="MSM659" s="613"/>
      <c r="MSN659" s="613"/>
      <c r="MSO659" s="613"/>
      <c r="MSP659" s="613"/>
      <c r="MSQ659" s="613"/>
      <c r="MSR659" s="613"/>
      <c r="MSS659" s="613"/>
      <c r="MST659" s="613"/>
      <c r="MSU659" s="613"/>
      <c r="MSV659" s="613"/>
      <c r="MSW659" s="613"/>
      <c r="MSX659" s="613"/>
      <c r="MSY659" s="613"/>
      <c r="MSZ659" s="613"/>
      <c r="MTA659" s="613"/>
      <c r="MTB659" s="613"/>
      <c r="MTC659" s="613"/>
      <c r="MTD659" s="613"/>
      <c r="MTE659" s="613"/>
      <c r="MTF659" s="613"/>
      <c r="MTG659" s="613"/>
      <c r="MTH659" s="613"/>
      <c r="MTI659" s="613"/>
      <c r="MTJ659" s="613"/>
      <c r="MTK659" s="613"/>
      <c r="MTL659" s="613"/>
      <c r="MTM659" s="613"/>
      <c r="MTN659" s="613"/>
      <c r="MTO659" s="613"/>
      <c r="MTP659" s="613"/>
      <c r="MTQ659" s="613"/>
      <c r="MTR659" s="613"/>
      <c r="MTS659" s="613"/>
      <c r="MTT659" s="613"/>
      <c r="MTU659" s="613"/>
      <c r="MTV659" s="613"/>
      <c r="MTW659" s="613"/>
      <c r="MTX659" s="613"/>
      <c r="MTY659" s="613"/>
      <c r="MTZ659" s="613"/>
      <c r="MUA659" s="613"/>
      <c r="MUB659" s="613"/>
      <c r="MUC659" s="613"/>
      <c r="MUD659" s="613"/>
      <c r="MUE659" s="613"/>
      <c r="MUF659" s="613"/>
      <c r="MUG659" s="613"/>
      <c r="MUH659" s="613"/>
      <c r="MUI659" s="613"/>
      <c r="MUJ659" s="613"/>
      <c r="MUK659" s="613"/>
      <c r="MUL659" s="613"/>
      <c r="MUM659" s="613"/>
      <c r="MUN659" s="613"/>
      <c r="MUO659" s="613"/>
      <c r="MUP659" s="613"/>
      <c r="MUQ659" s="613"/>
      <c r="MUR659" s="613"/>
      <c r="MUS659" s="613"/>
      <c r="MUT659" s="613"/>
      <c r="MUU659" s="613"/>
      <c r="MUV659" s="613"/>
      <c r="MUW659" s="613"/>
      <c r="MUX659" s="613"/>
      <c r="MUY659" s="613"/>
      <c r="MUZ659" s="613"/>
      <c r="MVA659" s="613"/>
      <c r="MVB659" s="613"/>
      <c r="MVC659" s="613"/>
      <c r="MVD659" s="613"/>
      <c r="MVE659" s="613"/>
      <c r="MVF659" s="613"/>
      <c r="MVG659" s="613"/>
      <c r="MVH659" s="613"/>
      <c r="MVI659" s="613"/>
      <c r="MVJ659" s="613"/>
      <c r="MVK659" s="613"/>
      <c r="MVL659" s="613"/>
      <c r="MVM659" s="613"/>
      <c r="MVN659" s="613"/>
      <c r="MVO659" s="613"/>
      <c r="MVP659" s="613"/>
      <c r="MVQ659" s="613"/>
      <c r="MVR659" s="613"/>
      <c r="MVS659" s="613"/>
      <c r="MVT659" s="613"/>
      <c r="MVU659" s="613"/>
      <c r="MVV659" s="613"/>
      <c r="MVW659" s="613"/>
      <c r="MVX659" s="613"/>
      <c r="MVY659" s="613"/>
      <c r="MVZ659" s="613"/>
      <c r="MWA659" s="613"/>
      <c r="MWB659" s="613"/>
      <c r="MWC659" s="613"/>
      <c r="MWD659" s="613"/>
      <c r="MWE659" s="613"/>
      <c r="MWF659" s="613"/>
      <c r="MWG659" s="613"/>
      <c r="MWH659" s="613"/>
      <c r="MWI659" s="613"/>
      <c r="MWJ659" s="613"/>
      <c r="MWK659" s="613"/>
      <c r="MWL659" s="613"/>
      <c r="MWM659" s="613"/>
      <c r="MWN659" s="613"/>
      <c r="MWO659" s="613"/>
      <c r="MWP659" s="613"/>
      <c r="MWQ659" s="613"/>
      <c r="MWR659" s="613"/>
      <c r="MWS659" s="613"/>
      <c r="MWT659" s="613"/>
      <c r="MWU659" s="613"/>
      <c r="MWV659" s="613"/>
      <c r="MWW659" s="613"/>
      <c r="MWX659" s="613"/>
      <c r="MWY659" s="613"/>
      <c r="MWZ659" s="613"/>
      <c r="MXA659" s="613"/>
      <c r="MXB659" s="613"/>
      <c r="MXC659" s="613"/>
      <c r="MXD659" s="613"/>
      <c r="MXE659" s="613"/>
      <c r="MXF659" s="613"/>
      <c r="MXG659" s="613"/>
      <c r="MXH659" s="613"/>
      <c r="MXI659" s="613"/>
      <c r="MXJ659" s="613"/>
      <c r="MXK659" s="613"/>
      <c r="MXL659" s="613"/>
      <c r="MXM659" s="613"/>
      <c r="MXN659" s="613"/>
      <c r="MXO659" s="613"/>
      <c r="MXP659" s="613"/>
      <c r="MXQ659" s="613"/>
      <c r="MXR659" s="613"/>
      <c r="MXS659" s="613"/>
      <c r="MXT659" s="613"/>
      <c r="MXU659" s="613"/>
      <c r="MXV659" s="613"/>
      <c r="MXW659" s="613"/>
      <c r="MXX659" s="613"/>
      <c r="MXY659" s="613"/>
      <c r="MXZ659" s="613"/>
      <c r="MYA659" s="613"/>
      <c r="MYB659" s="613"/>
      <c r="MYC659" s="613"/>
      <c r="MYD659" s="613"/>
      <c r="MYE659" s="613"/>
      <c r="MYF659" s="613"/>
      <c r="MYG659" s="613"/>
      <c r="MYH659" s="613"/>
      <c r="MYI659" s="613"/>
      <c r="MYJ659" s="613"/>
      <c r="MYK659" s="613"/>
      <c r="MYL659" s="613"/>
      <c r="MYM659" s="613"/>
      <c r="MYN659" s="613"/>
      <c r="MYO659" s="613"/>
      <c r="MYP659" s="613"/>
      <c r="MYQ659" s="613"/>
      <c r="MYR659" s="613"/>
      <c r="MYS659" s="613"/>
      <c r="MYT659" s="613"/>
      <c r="MYU659" s="613"/>
      <c r="MYV659" s="613"/>
      <c r="MYW659" s="613"/>
      <c r="MYX659" s="613"/>
      <c r="MYY659" s="613"/>
      <c r="MYZ659" s="613"/>
      <c r="MZA659" s="613"/>
      <c r="MZB659" s="613"/>
      <c r="MZC659" s="613"/>
      <c r="MZD659" s="613"/>
      <c r="MZE659" s="613"/>
      <c r="MZF659" s="613"/>
      <c r="MZG659" s="613"/>
      <c r="MZH659" s="613"/>
      <c r="MZI659" s="613"/>
      <c r="MZJ659" s="613"/>
      <c r="MZK659" s="613"/>
      <c r="MZL659" s="613"/>
      <c r="MZM659" s="613"/>
      <c r="MZN659" s="613"/>
      <c r="MZO659" s="613"/>
      <c r="MZP659" s="613"/>
      <c r="MZQ659" s="613"/>
      <c r="MZR659" s="613"/>
      <c r="MZS659" s="613"/>
      <c r="MZT659" s="613"/>
      <c r="MZU659" s="613"/>
      <c r="MZV659" s="613"/>
      <c r="MZW659" s="613"/>
      <c r="MZX659" s="613"/>
      <c r="MZY659" s="613"/>
      <c r="MZZ659" s="613"/>
      <c r="NAA659" s="613"/>
      <c r="NAB659" s="613"/>
      <c r="NAC659" s="613"/>
      <c r="NAD659" s="613"/>
      <c r="NAE659" s="613"/>
      <c r="NAF659" s="613"/>
      <c r="NAG659" s="613"/>
      <c r="NAH659" s="613"/>
      <c r="NAI659" s="613"/>
      <c r="NAJ659" s="613"/>
      <c r="NAK659" s="613"/>
      <c r="NAL659" s="613"/>
      <c r="NAM659" s="613"/>
      <c r="NAN659" s="613"/>
      <c r="NAO659" s="613"/>
      <c r="NAP659" s="613"/>
      <c r="NAQ659" s="613"/>
      <c r="NAR659" s="613"/>
      <c r="NAS659" s="613"/>
      <c r="NAT659" s="613"/>
      <c r="NAU659" s="613"/>
      <c r="NAV659" s="613"/>
      <c r="NAW659" s="613"/>
      <c r="NAX659" s="613"/>
      <c r="NAY659" s="613"/>
      <c r="NAZ659" s="613"/>
      <c r="NBA659" s="613"/>
      <c r="NBB659" s="613"/>
      <c r="NBC659" s="613"/>
      <c r="NBD659" s="613"/>
      <c r="NBE659" s="613"/>
      <c r="NBF659" s="613"/>
      <c r="NBG659" s="613"/>
      <c r="NBH659" s="613"/>
      <c r="NBI659" s="613"/>
      <c r="NBJ659" s="613"/>
      <c r="NBK659" s="613"/>
      <c r="NBL659" s="613"/>
      <c r="NBM659" s="613"/>
      <c r="NBN659" s="613"/>
      <c r="NBO659" s="613"/>
      <c r="NBP659" s="613"/>
      <c r="NBQ659" s="613"/>
      <c r="NBR659" s="613"/>
      <c r="NBS659" s="613"/>
      <c r="NBT659" s="613"/>
      <c r="NBU659" s="613"/>
      <c r="NBV659" s="613"/>
      <c r="NBW659" s="613"/>
      <c r="NBX659" s="613"/>
      <c r="NBY659" s="613"/>
      <c r="NBZ659" s="613"/>
      <c r="NCA659" s="613"/>
      <c r="NCB659" s="613"/>
      <c r="NCC659" s="613"/>
      <c r="NCD659" s="613"/>
      <c r="NCE659" s="613"/>
      <c r="NCF659" s="613"/>
      <c r="NCG659" s="613"/>
      <c r="NCH659" s="613"/>
      <c r="NCI659" s="613"/>
      <c r="NCJ659" s="613"/>
      <c r="NCK659" s="613"/>
      <c r="NCL659" s="613"/>
      <c r="NCM659" s="613"/>
      <c r="NCN659" s="613"/>
      <c r="NCO659" s="613"/>
      <c r="NCP659" s="613"/>
      <c r="NCQ659" s="613"/>
      <c r="NCR659" s="613"/>
      <c r="NCS659" s="613"/>
      <c r="NCT659" s="613"/>
      <c r="NCU659" s="613"/>
      <c r="NCV659" s="613"/>
      <c r="NCW659" s="613"/>
      <c r="NCX659" s="613"/>
      <c r="NCY659" s="613"/>
      <c r="NCZ659" s="613"/>
      <c r="NDA659" s="613"/>
      <c r="NDB659" s="613"/>
      <c r="NDC659" s="613"/>
      <c r="NDD659" s="613"/>
      <c r="NDE659" s="613"/>
      <c r="NDF659" s="613"/>
      <c r="NDG659" s="613"/>
      <c r="NDH659" s="613"/>
      <c r="NDI659" s="613"/>
      <c r="NDJ659" s="613"/>
      <c r="NDK659" s="613"/>
      <c r="NDL659" s="613"/>
      <c r="NDM659" s="613"/>
      <c r="NDN659" s="613"/>
      <c r="NDO659" s="613"/>
      <c r="NDP659" s="613"/>
      <c r="NDQ659" s="613"/>
      <c r="NDR659" s="613"/>
      <c r="NDS659" s="613"/>
      <c r="NDT659" s="613"/>
      <c r="NDU659" s="613"/>
      <c r="NDV659" s="613"/>
      <c r="NDW659" s="613"/>
      <c r="NDX659" s="613"/>
      <c r="NDY659" s="613"/>
      <c r="NDZ659" s="613"/>
      <c r="NEA659" s="613"/>
      <c r="NEB659" s="613"/>
      <c r="NEC659" s="613"/>
      <c r="NED659" s="613"/>
      <c r="NEE659" s="613"/>
      <c r="NEF659" s="613"/>
      <c r="NEG659" s="613"/>
      <c r="NEH659" s="613"/>
      <c r="NEI659" s="613"/>
      <c r="NEJ659" s="613"/>
      <c r="NEK659" s="613"/>
      <c r="NEL659" s="613"/>
      <c r="NEM659" s="613"/>
      <c r="NEN659" s="613"/>
      <c r="NEO659" s="613"/>
      <c r="NEP659" s="613"/>
      <c r="NEQ659" s="613"/>
      <c r="NER659" s="613"/>
      <c r="NES659" s="613"/>
      <c r="NET659" s="613"/>
      <c r="NEU659" s="613"/>
      <c r="NEV659" s="613"/>
      <c r="NEW659" s="613"/>
      <c r="NEX659" s="613"/>
      <c r="NEY659" s="613"/>
      <c r="NEZ659" s="613"/>
      <c r="NFA659" s="613"/>
      <c r="NFB659" s="613"/>
      <c r="NFC659" s="613"/>
      <c r="NFD659" s="613"/>
      <c r="NFE659" s="613"/>
      <c r="NFF659" s="613"/>
      <c r="NFG659" s="613"/>
      <c r="NFH659" s="613"/>
      <c r="NFI659" s="613"/>
      <c r="NFJ659" s="613"/>
      <c r="NFK659" s="613"/>
      <c r="NFL659" s="613"/>
      <c r="NFM659" s="613"/>
      <c r="NFN659" s="613"/>
      <c r="NFO659" s="613"/>
      <c r="NFP659" s="613"/>
      <c r="NFQ659" s="613"/>
      <c r="NFR659" s="613"/>
      <c r="NFS659" s="613"/>
      <c r="NFT659" s="613"/>
      <c r="NFU659" s="613"/>
      <c r="NFV659" s="613"/>
      <c r="NFW659" s="613"/>
      <c r="NFX659" s="613"/>
      <c r="NFY659" s="613"/>
      <c r="NFZ659" s="613"/>
      <c r="NGA659" s="613"/>
      <c r="NGB659" s="613"/>
      <c r="NGC659" s="613"/>
      <c r="NGD659" s="613"/>
      <c r="NGE659" s="613"/>
      <c r="NGF659" s="613"/>
      <c r="NGG659" s="613"/>
      <c r="NGH659" s="613"/>
      <c r="NGI659" s="613"/>
      <c r="NGJ659" s="613"/>
      <c r="NGK659" s="613"/>
      <c r="NGL659" s="613"/>
      <c r="NGM659" s="613"/>
      <c r="NGN659" s="613"/>
      <c r="NGO659" s="613"/>
      <c r="NGP659" s="613"/>
      <c r="NGQ659" s="613"/>
      <c r="NGR659" s="613"/>
      <c r="NGS659" s="613"/>
      <c r="NGT659" s="613"/>
      <c r="NGU659" s="613"/>
      <c r="NGV659" s="613"/>
      <c r="NGW659" s="613"/>
      <c r="NGX659" s="613"/>
      <c r="NGY659" s="613"/>
      <c r="NGZ659" s="613"/>
      <c r="NHA659" s="613"/>
      <c r="NHB659" s="613"/>
      <c r="NHC659" s="613"/>
      <c r="NHD659" s="613"/>
      <c r="NHE659" s="613"/>
      <c r="NHF659" s="613"/>
      <c r="NHG659" s="613"/>
      <c r="NHH659" s="613"/>
      <c r="NHI659" s="613"/>
      <c r="NHJ659" s="613"/>
      <c r="NHK659" s="613"/>
      <c r="NHL659" s="613"/>
      <c r="NHM659" s="613"/>
      <c r="NHN659" s="613"/>
      <c r="NHO659" s="613"/>
      <c r="NHP659" s="613"/>
      <c r="NHQ659" s="613"/>
      <c r="NHR659" s="613"/>
      <c r="NHS659" s="613"/>
      <c r="NHT659" s="613"/>
      <c r="NHU659" s="613"/>
      <c r="NHV659" s="613"/>
      <c r="NHW659" s="613"/>
      <c r="NHX659" s="613"/>
      <c r="NHY659" s="613"/>
      <c r="NHZ659" s="613"/>
      <c r="NIA659" s="613"/>
      <c r="NIB659" s="613"/>
      <c r="NIC659" s="613"/>
      <c r="NID659" s="613"/>
      <c r="NIE659" s="613"/>
      <c r="NIF659" s="613"/>
      <c r="NIG659" s="613"/>
      <c r="NIH659" s="613"/>
      <c r="NII659" s="613"/>
      <c r="NIJ659" s="613"/>
      <c r="NIK659" s="613"/>
      <c r="NIL659" s="613"/>
      <c r="NIM659" s="613"/>
      <c r="NIN659" s="613"/>
      <c r="NIO659" s="613"/>
      <c r="NIP659" s="613"/>
      <c r="NIQ659" s="613"/>
      <c r="NIR659" s="613"/>
      <c r="NIS659" s="613"/>
      <c r="NIT659" s="613"/>
      <c r="NIU659" s="613"/>
      <c r="NIV659" s="613"/>
      <c r="NIW659" s="613"/>
      <c r="NIX659" s="613"/>
      <c r="NIY659" s="613"/>
      <c r="NIZ659" s="613"/>
      <c r="NJA659" s="613"/>
      <c r="NJB659" s="613"/>
      <c r="NJC659" s="613"/>
      <c r="NJD659" s="613"/>
      <c r="NJE659" s="613"/>
      <c r="NJF659" s="613"/>
      <c r="NJG659" s="613"/>
      <c r="NJH659" s="613"/>
      <c r="NJI659" s="613"/>
      <c r="NJJ659" s="613"/>
      <c r="NJK659" s="613"/>
      <c r="NJL659" s="613"/>
      <c r="NJM659" s="613"/>
      <c r="NJN659" s="613"/>
      <c r="NJO659" s="613"/>
      <c r="NJP659" s="613"/>
      <c r="NJQ659" s="613"/>
      <c r="NJR659" s="613"/>
      <c r="NJS659" s="613"/>
      <c r="NJT659" s="613"/>
      <c r="NJU659" s="613"/>
      <c r="NJV659" s="613"/>
      <c r="NJW659" s="613"/>
      <c r="NJX659" s="613"/>
      <c r="NJY659" s="613"/>
      <c r="NJZ659" s="613"/>
      <c r="NKA659" s="613"/>
      <c r="NKB659" s="613"/>
      <c r="NKC659" s="613"/>
      <c r="NKD659" s="613"/>
      <c r="NKE659" s="613"/>
      <c r="NKF659" s="613"/>
      <c r="NKG659" s="613"/>
      <c r="NKH659" s="613"/>
      <c r="NKI659" s="613"/>
      <c r="NKJ659" s="613"/>
      <c r="NKK659" s="613"/>
      <c r="NKL659" s="613"/>
      <c r="NKM659" s="613"/>
      <c r="NKN659" s="613"/>
      <c r="NKO659" s="613"/>
      <c r="NKP659" s="613"/>
      <c r="NKQ659" s="613"/>
      <c r="NKR659" s="613"/>
      <c r="NKS659" s="613"/>
      <c r="NKT659" s="613"/>
      <c r="NKU659" s="613"/>
      <c r="NKV659" s="613"/>
      <c r="NKW659" s="613"/>
      <c r="NKX659" s="613"/>
      <c r="NKY659" s="613"/>
      <c r="NKZ659" s="613"/>
      <c r="NLA659" s="613"/>
      <c r="NLB659" s="613"/>
      <c r="NLC659" s="613"/>
      <c r="NLD659" s="613"/>
      <c r="NLE659" s="613"/>
      <c r="NLF659" s="613"/>
      <c r="NLG659" s="613"/>
      <c r="NLH659" s="613"/>
      <c r="NLI659" s="613"/>
      <c r="NLJ659" s="613"/>
      <c r="NLK659" s="613"/>
      <c r="NLL659" s="613"/>
      <c r="NLM659" s="613"/>
      <c r="NLN659" s="613"/>
      <c r="NLO659" s="613"/>
      <c r="NLP659" s="613"/>
      <c r="NLQ659" s="613"/>
      <c r="NLR659" s="613"/>
      <c r="NLS659" s="613"/>
      <c r="NLT659" s="613"/>
      <c r="NLU659" s="613"/>
      <c r="NLV659" s="613"/>
      <c r="NLW659" s="613"/>
      <c r="NLX659" s="613"/>
      <c r="NLY659" s="613"/>
      <c r="NLZ659" s="613"/>
      <c r="NMA659" s="613"/>
      <c r="NMB659" s="613"/>
      <c r="NMC659" s="613"/>
      <c r="NMD659" s="613"/>
      <c r="NME659" s="613"/>
      <c r="NMF659" s="613"/>
      <c r="NMG659" s="613"/>
      <c r="NMH659" s="613"/>
      <c r="NMI659" s="613"/>
      <c r="NMJ659" s="613"/>
      <c r="NMK659" s="613"/>
      <c r="NML659" s="613"/>
      <c r="NMM659" s="613"/>
      <c r="NMN659" s="613"/>
      <c r="NMO659" s="613"/>
      <c r="NMP659" s="613"/>
      <c r="NMQ659" s="613"/>
      <c r="NMR659" s="613"/>
      <c r="NMS659" s="613"/>
      <c r="NMT659" s="613"/>
      <c r="NMU659" s="613"/>
      <c r="NMV659" s="613"/>
      <c r="NMW659" s="613"/>
      <c r="NMX659" s="613"/>
      <c r="NMY659" s="613"/>
      <c r="NMZ659" s="613"/>
      <c r="NNA659" s="613"/>
      <c r="NNB659" s="613"/>
      <c r="NNC659" s="613"/>
      <c r="NND659" s="613"/>
      <c r="NNE659" s="613"/>
      <c r="NNF659" s="613"/>
      <c r="NNG659" s="613"/>
      <c r="NNH659" s="613"/>
      <c r="NNI659" s="613"/>
      <c r="NNJ659" s="613"/>
      <c r="NNK659" s="613"/>
      <c r="NNL659" s="613"/>
      <c r="NNM659" s="613"/>
      <c r="NNN659" s="613"/>
      <c r="NNO659" s="613"/>
      <c r="NNP659" s="613"/>
      <c r="NNQ659" s="613"/>
      <c r="NNR659" s="613"/>
      <c r="NNS659" s="613"/>
      <c r="NNT659" s="613"/>
      <c r="NNU659" s="613"/>
      <c r="NNV659" s="613"/>
      <c r="NNW659" s="613"/>
      <c r="NNX659" s="613"/>
      <c r="NNY659" s="613"/>
      <c r="NNZ659" s="613"/>
      <c r="NOA659" s="613"/>
      <c r="NOB659" s="613"/>
      <c r="NOC659" s="613"/>
      <c r="NOD659" s="613"/>
      <c r="NOE659" s="613"/>
      <c r="NOF659" s="613"/>
      <c r="NOG659" s="613"/>
      <c r="NOH659" s="613"/>
      <c r="NOI659" s="613"/>
      <c r="NOJ659" s="613"/>
      <c r="NOK659" s="613"/>
      <c r="NOL659" s="613"/>
      <c r="NOM659" s="613"/>
      <c r="NON659" s="613"/>
      <c r="NOO659" s="613"/>
      <c r="NOP659" s="613"/>
      <c r="NOQ659" s="613"/>
      <c r="NOR659" s="613"/>
      <c r="NOS659" s="613"/>
      <c r="NOT659" s="613"/>
      <c r="NOU659" s="613"/>
      <c r="NOV659" s="613"/>
      <c r="NOW659" s="613"/>
      <c r="NOX659" s="613"/>
      <c r="NOY659" s="613"/>
      <c r="NOZ659" s="613"/>
      <c r="NPA659" s="613"/>
      <c r="NPB659" s="613"/>
      <c r="NPC659" s="613"/>
      <c r="NPD659" s="613"/>
      <c r="NPE659" s="613"/>
      <c r="NPF659" s="613"/>
      <c r="NPG659" s="613"/>
      <c r="NPH659" s="613"/>
      <c r="NPI659" s="613"/>
      <c r="NPJ659" s="613"/>
      <c r="NPK659" s="613"/>
      <c r="NPL659" s="613"/>
      <c r="NPM659" s="613"/>
      <c r="NPN659" s="613"/>
      <c r="NPO659" s="613"/>
      <c r="NPP659" s="613"/>
      <c r="NPQ659" s="613"/>
      <c r="NPR659" s="613"/>
      <c r="NPS659" s="613"/>
      <c r="NPT659" s="613"/>
      <c r="NPU659" s="613"/>
      <c r="NPV659" s="613"/>
      <c r="NPW659" s="613"/>
      <c r="NPX659" s="613"/>
      <c r="NPY659" s="613"/>
      <c r="NPZ659" s="613"/>
      <c r="NQA659" s="613"/>
      <c r="NQB659" s="613"/>
      <c r="NQC659" s="613"/>
      <c r="NQD659" s="613"/>
      <c r="NQE659" s="613"/>
      <c r="NQF659" s="613"/>
      <c r="NQG659" s="613"/>
      <c r="NQH659" s="613"/>
      <c r="NQI659" s="613"/>
      <c r="NQJ659" s="613"/>
      <c r="NQK659" s="613"/>
      <c r="NQL659" s="613"/>
      <c r="NQM659" s="613"/>
      <c r="NQN659" s="613"/>
      <c r="NQO659" s="613"/>
      <c r="NQP659" s="613"/>
      <c r="NQQ659" s="613"/>
      <c r="NQR659" s="613"/>
      <c r="NQS659" s="613"/>
      <c r="NQT659" s="613"/>
      <c r="NQU659" s="613"/>
      <c r="NQV659" s="613"/>
      <c r="NQW659" s="613"/>
      <c r="NQX659" s="613"/>
      <c r="NQY659" s="613"/>
      <c r="NQZ659" s="613"/>
      <c r="NRA659" s="613"/>
      <c r="NRB659" s="613"/>
      <c r="NRC659" s="613"/>
      <c r="NRD659" s="613"/>
      <c r="NRE659" s="613"/>
      <c r="NRF659" s="613"/>
      <c r="NRG659" s="613"/>
      <c r="NRH659" s="613"/>
      <c r="NRI659" s="613"/>
      <c r="NRJ659" s="613"/>
      <c r="NRK659" s="613"/>
      <c r="NRL659" s="613"/>
      <c r="NRM659" s="613"/>
      <c r="NRN659" s="613"/>
      <c r="NRO659" s="613"/>
      <c r="NRP659" s="613"/>
      <c r="NRQ659" s="613"/>
      <c r="NRR659" s="613"/>
      <c r="NRS659" s="613"/>
      <c r="NRT659" s="613"/>
      <c r="NRU659" s="613"/>
      <c r="NRV659" s="613"/>
      <c r="NRW659" s="613"/>
      <c r="NRX659" s="613"/>
      <c r="NRY659" s="613"/>
      <c r="NRZ659" s="613"/>
      <c r="NSA659" s="613"/>
      <c r="NSB659" s="613"/>
      <c r="NSC659" s="613"/>
      <c r="NSD659" s="613"/>
      <c r="NSE659" s="613"/>
      <c r="NSF659" s="613"/>
      <c r="NSG659" s="613"/>
      <c r="NSH659" s="613"/>
      <c r="NSI659" s="613"/>
      <c r="NSJ659" s="613"/>
      <c r="NSK659" s="613"/>
      <c r="NSL659" s="613"/>
      <c r="NSM659" s="613"/>
      <c r="NSN659" s="613"/>
      <c r="NSO659" s="613"/>
      <c r="NSP659" s="613"/>
      <c r="NSQ659" s="613"/>
      <c r="NSR659" s="613"/>
      <c r="NSS659" s="613"/>
      <c r="NST659" s="613"/>
      <c r="NSU659" s="613"/>
      <c r="NSV659" s="613"/>
      <c r="NSW659" s="613"/>
      <c r="NSX659" s="613"/>
      <c r="NSY659" s="613"/>
      <c r="NSZ659" s="613"/>
      <c r="NTA659" s="613"/>
      <c r="NTB659" s="613"/>
      <c r="NTC659" s="613"/>
      <c r="NTD659" s="613"/>
      <c r="NTE659" s="613"/>
      <c r="NTF659" s="613"/>
      <c r="NTG659" s="613"/>
      <c r="NTH659" s="613"/>
      <c r="NTI659" s="613"/>
      <c r="NTJ659" s="613"/>
      <c r="NTK659" s="613"/>
      <c r="NTL659" s="613"/>
      <c r="NTM659" s="613"/>
      <c r="NTN659" s="613"/>
      <c r="NTO659" s="613"/>
      <c r="NTP659" s="613"/>
      <c r="NTQ659" s="613"/>
      <c r="NTR659" s="613"/>
      <c r="NTS659" s="613"/>
      <c r="NTT659" s="613"/>
      <c r="NTU659" s="613"/>
      <c r="NTV659" s="613"/>
      <c r="NTW659" s="613"/>
      <c r="NTX659" s="613"/>
      <c r="NTY659" s="613"/>
      <c r="NTZ659" s="613"/>
      <c r="NUA659" s="613"/>
      <c r="NUB659" s="613"/>
      <c r="NUC659" s="613"/>
      <c r="NUD659" s="613"/>
      <c r="NUE659" s="613"/>
      <c r="NUF659" s="613"/>
      <c r="NUG659" s="613"/>
      <c r="NUH659" s="613"/>
      <c r="NUI659" s="613"/>
      <c r="NUJ659" s="613"/>
      <c r="NUK659" s="613"/>
      <c r="NUL659" s="613"/>
      <c r="NUM659" s="613"/>
      <c r="NUN659" s="613"/>
      <c r="NUO659" s="613"/>
      <c r="NUP659" s="613"/>
      <c r="NUQ659" s="613"/>
      <c r="NUR659" s="613"/>
      <c r="NUS659" s="613"/>
      <c r="NUT659" s="613"/>
      <c r="NUU659" s="613"/>
      <c r="NUV659" s="613"/>
      <c r="NUW659" s="613"/>
      <c r="NUX659" s="613"/>
      <c r="NUY659" s="613"/>
      <c r="NUZ659" s="613"/>
      <c r="NVA659" s="613"/>
      <c r="NVB659" s="613"/>
      <c r="NVC659" s="613"/>
      <c r="NVD659" s="613"/>
      <c r="NVE659" s="613"/>
      <c r="NVF659" s="613"/>
      <c r="NVG659" s="613"/>
      <c r="NVH659" s="613"/>
      <c r="NVI659" s="613"/>
      <c r="NVJ659" s="613"/>
      <c r="NVK659" s="613"/>
      <c r="NVL659" s="613"/>
      <c r="NVM659" s="613"/>
      <c r="NVN659" s="613"/>
      <c r="NVO659" s="613"/>
      <c r="NVP659" s="613"/>
      <c r="NVQ659" s="613"/>
      <c r="NVR659" s="613"/>
      <c r="NVS659" s="613"/>
      <c r="NVT659" s="613"/>
      <c r="NVU659" s="613"/>
      <c r="NVV659" s="613"/>
      <c r="NVW659" s="613"/>
      <c r="NVX659" s="613"/>
      <c r="NVY659" s="613"/>
      <c r="NVZ659" s="613"/>
      <c r="NWA659" s="613"/>
      <c r="NWB659" s="613"/>
      <c r="NWC659" s="613"/>
      <c r="NWD659" s="613"/>
      <c r="NWE659" s="613"/>
      <c r="NWF659" s="613"/>
      <c r="NWG659" s="613"/>
      <c r="NWH659" s="613"/>
      <c r="NWI659" s="613"/>
      <c r="NWJ659" s="613"/>
      <c r="NWK659" s="613"/>
      <c r="NWL659" s="613"/>
      <c r="NWM659" s="613"/>
      <c r="NWN659" s="613"/>
      <c r="NWO659" s="613"/>
      <c r="NWP659" s="613"/>
      <c r="NWQ659" s="613"/>
      <c r="NWR659" s="613"/>
      <c r="NWS659" s="613"/>
      <c r="NWT659" s="613"/>
      <c r="NWU659" s="613"/>
      <c r="NWV659" s="613"/>
      <c r="NWW659" s="613"/>
      <c r="NWX659" s="613"/>
      <c r="NWY659" s="613"/>
      <c r="NWZ659" s="613"/>
      <c r="NXA659" s="613"/>
      <c r="NXB659" s="613"/>
      <c r="NXC659" s="613"/>
      <c r="NXD659" s="613"/>
      <c r="NXE659" s="613"/>
      <c r="NXF659" s="613"/>
      <c r="NXG659" s="613"/>
      <c r="NXH659" s="613"/>
      <c r="NXI659" s="613"/>
      <c r="NXJ659" s="613"/>
      <c r="NXK659" s="613"/>
      <c r="NXL659" s="613"/>
      <c r="NXM659" s="613"/>
      <c r="NXN659" s="613"/>
      <c r="NXO659" s="613"/>
      <c r="NXP659" s="613"/>
      <c r="NXQ659" s="613"/>
      <c r="NXR659" s="613"/>
      <c r="NXS659" s="613"/>
      <c r="NXT659" s="613"/>
      <c r="NXU659" s="613"/>
      <c r="NXV659" s="613"/>
      <c r="NXW659" s="613"/>
      <c r="NXX659" s="613"/>
      <c r="NXY659" s="613"/>
      <c r="NXZ659" s="613"/>
      <c r="NYA659" s="613"/>
      <c r="NYB659" s="613"/>
      <c r="NYC659" s="613"/>
      <c r="NYD659" s="613"/>
      <c r="NYE659" s="613"/>
      <c r="NYF659" s="613"/>
      <c r="NYG659" s="613"/>
      <c r="NYH659" s="613"/>
      <c r="NYI659" s="613"/>
      <c r="NYJ659" s="613"/>
      <c r="NYK659" s="613"/>
      <c r="NYL659" s="613"/>
      <c r="NYM659" s="613"/>
      <c r="NYN659" s="613"/>
      <c r="NYO659" s="613"/>
      <c r="NYP659" s="613"/>
      <c r="NYQ659" s="613"/>
      <c r="NYR659" s="613"/>
      <c r="NYS659" s="613"/>
      <c r="NYT659" s="613"/>
      <c r="NYU659" s="613"/>
      <c r="NYV659" s="613"/>
      <c r="NYW659" s="613"/>
      <c r="NYX659" s="613"/>
      <c r="NYY659" s="613"/>
      <c r="NYZ659" s="613"/>
      <c r="NZA659" s="613"/>
      <c r="NZB659" s="613"/>
      <c r="NZC659" s="613"/>
      <c r="NZD659" s="613"/>
      <c r="NZE659" s="613"/>
      <c r="NZF659" s="613"/>
      <c r="NZG659" s="613"/>
      <c r="NZH659" s="613"/>
      <c r="NZI659" s="613"/>
      <c r="NZJ659" s="613"/>
      <c r="NZK659" s="613"/>
      <c r="NZL659" s="613"/>
      <c r="NZM659" s="613"/>
      <c r="NZN659" s="613"/>
      <c r="NZO659" s="613"/>
      <c r="NZP659" s="613"/>
      <c r="NZQ659" s="613"/>
      <c r="NZR659" s="613"/>
      <c r="NZS659" s="613"/>
      <c r="NZT659" s="613"/>
      <c r="NZU659" s="613"/>
      <c r="NZV659" s="613"/>
      <c r="NZW659" s="613"/>
      <c r="NZX659" s="613"/>
      <c r="NZY659" s="613"/>
      <c r="NZZ659" s="613"/>
      <c r="OAA659" s="613"/>
      <c r="OAB659" s="613"/>
      <c r="OAC659" s="613"/>
      <c r="OAD659" s="613"/>
      <c r="OAE659" s="613"/>
      <c r="OAF659" s="613"/>
      <c r="OAG659" s="613"/>
      <c r="OAH659" s="613"/>
      <c r="OAI659" s="613"/>
      <c r="OAJ659" s="613"/>
      <c r="OAK659" s="613"/>
      <c r="OAL659" s="613"/>
      <c r="OAM659" s="613"/>
      <c r="OAN659" s="613"/>
      <c r="OAO659" s="613"/>
      <c r="OAP659" s="613"/>
      <c r="OAQ659" s="613"/>
      <c r="OAR659" s="613"/>
      <c r="OAS659" s="613"/>
      <c r="OAT659" s="613"/>
      <c r="OAU659" s="613"/>
      <c r="OAV659" s="613"/>
      <c r="OAW659" s="613"/>
      <c r="OAX659" s="613"/>
      <c r="OAY659" s="613"/>
      <c r="OAZ659" s="613"/>
      <c r="OBA659" s="613"/>
      <c r="OBB659" s="613"/>
      <c r="OBC659" s="613"/>
      <c r="OBD659" s="613"/>
      <c r="OBE659" s="613"/>
      <c r="OBF659" s="613"/>
      <c r="OBG659" s="613"/>
      <c r="OBH659" s="613"/>
      <c r="OBI659" s="613"/>
      <c r="OBJ659" s="613"/>
      <c r="OBK659" s="613"/>
      <c r="OBL659" s="613"/>
      <c r="OBM659" s="613"/>
      <c r="OBN659" s="613"/>
      <c r="OBO659" s="613"/>
      <c r="OBP659" s="613"/>
      <c r="OBQ659" s="613"/>
      <c r="OBR659" s="613"/>
      <c r="OBS659" s="613"/>
      <c r="OBT659" s="613"/>
      <c r="OBU659" s="613"/>
      <c r="OBV659" s="613"/>
      <c r="OBW659" s="613"/>
      <c r="OBX659" s="613"/>
      <c r="OBY659" s="613"/>
      <c r="OBZ659" s="613"/>
      <c r="OCA659" s="613"/>
      <c r="OCB659" s="613"/>
      <c r="OCC659" s="613"/>
      <c r="OCD659" s="613"/>
      <c r="OCE659" s="613"/>
      <c r="OCF659" s="613"/>
      <c r="OCG659" s="613"/>
      <c r="OCH659" s="613"/>
      <c r="OCI659" s="613"/>
      <c r="OCJ659" s="613"/>
      <c r="OCK659" s="613"/>
      <c r="OCL659" s="613"/>
      <c r="OCM659" s="613"/>
      <c r="OCN659" s="613"/>
      <c r="OCO659" s="613"/>
      <c r="OCP659" s="613"/>
      <c r="OCQ659" s="613"/>
      <c r="OCR659" s="613"/>
      <c r="OCS659" s="613"/>
      <c r="OCT659" s="613"/>
      <c r="OCU659" s="613"/>
      <c r="OCV659" s="613"/>
      <c r="OCW659" s="613"/>
      <c r="OCX659" s="613"/>
      <c r="OCY659" s="613"/>
      <c r="OCZ659" s="613"/>
      <c r="ODA659" s="613"/>
      <c r="ODB659" s="613"/>
      <c r="ODC659" s="613"/>
      <c r="ODD659" s="613"/>
      <c r="ODE659" s="613"/>
      <c r="ODF659" s="613"/>
      <c r="ODG659" s="613"/>
      <c r="ODH659" s="613"/>
      <c r="ODI659" s="613"/>
      <c r="ODJ659" s="613"/>
      <c r="ODK659" s="613"/>
      <c r="ODL659" s="613"/>
      <c r="ODM659" s="613"/>
      <c r="ODN659" s="613"/>
      <c r="ODO659" s="613"/>
      <c r="ODP659" s="613"/>
      <c r="ODQ659" s="613"/>
      <c r="ODR659" s="613"/>
      <c r="ODS659" s="613"/>
      <c r="ODT659" s="613"/>
      <c r="ODU659" s="613"/>
      <c r="ODV659" s="613"/>
      <c r="ODW659" s="613"/>
      <c r="ODX659" s="613"/>
      <c r="ODY659" s="613"/>
      <c r="ODZ659" s="613"/>
      <c r="OEA659" s="613"/>
      <c r="OEB659" s="613"/>
      <c r="OEC659" s="613"/>
      <c r="OED659" s="613"/>
      <c r="OEE659" s="613"/>
      <c r="OEF659" s="613"/>
      <c r="OEG659" s="613"/>
      <c r="OEH659" s="613"/>
      <c r="OEI659" s="613"/>
      <c r="OEJ659" s="613"/>
      <c r="OEK659" s="613"/>
      <c r="OEL659" s="613"/>
      <c r="OEM659" s="613"/>
      <c r="OEN659" s="613"/>
      <c r="OEO659" s="613"/>
      <c r="OEP659" s="613"/>
      <c r="OEQ659" s="613"/>
      <c r="OER659" s="613"/>
      <c r="OES659" s="613"/>
      <c r="OET659" s="613"/>
      <c r="OEU659" s="613"/>
      <c r="OEV659" s="613"/>
      <c r="OEW659" s="613"/>
      <c r="OEX659" s="613"/>
      <c r="OEY659" s="613"/>
      <c r="OEZ659" s="613"/>
      <c r="OFA659" s="613"/>
      <c r="OFB659" s="613"/>
      <c r="OFC659" s="613"/>
      <c r="OFD659" s="613"/>
      <c r="OFE659" s="613"/>
      <c r="OFF659" s="613"/>
      <c r="OFG659" s="613"/>
      <c r="OFH659" s="613"/>
      <c r="OFI659" s="613"/>
      <c r="OFJ659" s="613"/>
      <c r="OFK659" s="613"/>
      <c r="OFL659" s="613"/>
      <c r="OFM659" s="613"/>
      <c r="OFN659" s="613"/>
      <c r="OFO659" s="613"/>
      <c r="OFP659" s="613"/>
      <c r="OFQ659" s="613"/>
      <c r="OFR659" s="613"/>
      <c r="OFS659" s="613"/>
      <c r="OFT659" s="613"/>
      <c r="OFU659" s="613"/>
      <c r="OFV659" s="613"/>
      <c r="OFW659" s="613"/>
      <c r="OFX659" s="613"/>
      <c r="OFY659" s="613"/>
      <c r="OFZ659" s="613"/>
      <c r="OGA659" s="613"/>
      <c r="OGB659" s="613"/>
      <c r="OGC659" s="613"/>
      <c r="OGD659" s="613"/>
      <c r="OGE659" s="613"/>
      <c r="OGF659" s="613"/>
      <c r="OGG659" s="613"/>
      <c r="OGH659" s="613"/>
      <c r="OGI659" s="613"/>
      <c r="OGJ659" s="613"/>
      <c r="OGK659" s="613"/>
      <c r="OGL659" s="613"/>
      <c r="OGM659" s="613"/>
      <c r="OGN659" s="613"/>
      <c r="OGO659" s="613"/>
      <c r="OGP659" s="613"/>
      <c r="OGQ659" s="613"/>
      <c r="OGR659" s="613"/>
      <c r="OGS659" s="613"/>
      <c r="OGT659" s="613"/>
      <c r="OGU659" s="613"/>
      <c r="OGV659" s="613"/>
      <c r="OGW659" s="613"/>
      <c r="OGX659" s="613"/>
      <c r="OGY659" s="613"/>
      <c r="OGZ659" s="613"/>
      <c r="OHA659" s="613"/>
      <c r="OHB659" s="613"/>
      <c r="OHC659" s="613"/>
      <c r="OHD659" s="613"/>
      <c r="OHE659" s="613"/>
      <c r="OHF659" s="613"/>
      <c r="OHG659" s="613"/>
      <c r="OHH659" s="613"/>
      <c r="OHI659" s="613"/>
      <c r="OHJ659" s="613"/>
      <c r="OHK659" s="613"/>
      <c r="OHL659" s="613"/>
      <c r="OHM659" s="613"/>
      <c r="OHN659" s="613"/>
      <c r="OHO659" s="613"/>
      <c r="OHP659" s="613"/>
      <c r="OHQ659" s="613"/>
      <c r="OHR659" s="613"/>
      <c r="OHS659" s="613"/>
      <c r="OHT659" s="613"/>
      <c r="OHU659" s="613"/>
      <c r="OHV659" s="613"/>
      <c r="OHW659" s="613"/>
      <c r="OHX659" s="613"/>
      <c r="OHY659" s="613"/>
      <c r="OHZ659" s="613"/>
      <c r="OIA659" s="613"/>
      <c r="OIB659" s="613"/>
      <c r="OIC659" s="613"/>
      <c r="OID659" s="613"/>
      <c r="OIE659" s="613"/>
      <c r="OIF659" s="613"/>
      <c r="OIG659" s="613"/>
      <c r="OIH659" s="613"/>
      <c r="OII659" s="613"/>
      <c r="OIJ659" s="613"/>
      <c r="OIK659" s="613"/>
      <c r="OIL659" s="613"/>
      <c r="OIM659" s="613"/>
      <c r="OIN659" s="613"/>
      <c r="OIO659" s="613"/>
      <c r="OIP659" s="613"/>
      <c r="OIQ659" s="613"/>
      <c r="OIR659" s="613"/>
      <c r="OIS659" s="613"/>
      <c r="OIT659" s="613"/>
      <c r="OIU659" s="613"/>
      <c r="OIV659" s="613"/>
      <c r="OIW659" s="613"/>
      <c r="OIX659" s="613"/>
      <c r="OIY659" s="613"/>
      <c r="OIZ659" s="613"/>
      <c r="OJA659" s="613"/>
      <c r="OJB659" s="613"/>
      <c r="OJC659" s="613"/>
      <c r="OJD659" s="613"/>
      <c r="OJE659" s="613"/>
      <c r="OJF659" s="613"/>
      <c r="OJG659" s="613"/>
      <c r="OJH659" s="613"/>
      <c r="OJI659" s="613"/>
      <c r="OJJ659" s="613"/>
      <c r="OJK659" s="613"/>
      <c r="OJL659" s="613"/>
      <c r="OJM659" s="613"/>
      <c r="OJN659" s="613"/>
      <c r="OJO659" s="613"/>
      <c r="OJP659" s="613"/>
      <c r="OJQ659" s="613"/>
      <c r="OJR659" s="613"/>
      <c r="OJS659" s="613"/>
      <c r="OJT659" s="613"/>
      <c r="OJU659" s="613"/>
      <c r="OJV659" s="613"/>
      <c r="OJW659" s="613"/>
      <c r="OJX659" s="613"/>
      <c r="OJY659" s="613"/>
      <c r="OJZ659" s="613"/>
      <c r="OKA659" s="613"/>
      <c r="OKB659" s="613"/>
      <c r="OKC659" s="613"/>
      <c r="OKD659" s="613"/>
      <c r="OKE659" s="613"/>
      <c r="OKF659" s="613"/>
      <c r="OKG659" s="613"/>
      <c r="OKH659" s="613"/>
      <c r="OKI659" s="613"/>
      <c r="OKJ659" s="613"/>
      <c r="OKK659" s="613"/>
      <c r="OKL659" s="613"/>
      <c r="OKM659" s="613"/>
      <c r="OKN659" s="613"/>
      <c r="OKO659" s="613"/>
      <c r="OKP659" s="613"/>
      <c r="OKQ659" s="613"/>
      <c r="OKR659" s="613"/>
      <c r="OKS659" s="613"/>
      <c r="OKT659" s="613"/>
      <c r="OKU659" s="613"/>
      <c r="OKV659" s="613"/>
      <c r="OKW659" s="613"/>
      <c r="OKX659" s="613"/>
      <c r="OKY659" s="613"/>
      <c r="OKZ659" s="613"/>
      <c r="OLA659" s="613"/>
      <c r="OLB659" s="613"/>
      <c r="OLC659" s="613"/>
      <c r="OLD659" s="613"/>
      <c r="OLE659" s="613"/>
      <c r="OLF659" s="613"/>
      <c r="OLG659" s="613"/>
      <c r="OLH659" s="613"/>
      <c r="OLI659" s="613"/>
      <c r="OLJ659" s="613"/>
      <c r="OLK659" s="613"/>
      <c r="OLL659" s="613"/>
      <c r="OLM659" s="613"/>
      <c r="OLN659" s="613"/>
      <c r="OLO659" s="613"/>
      <c r="OLP659" s="613"/>
      <c r="OLQ659" s="613"/>
      <c r="OLR659" s="613"/>
      <c r="OLS659" s="613"/>
      <c r="OLT659" s="613"/>
      <c r="OLU659" s="613"/>
      <c r="OLV659" s="613"/>
      <c r="OLW659" s="613"/>
      <c r="OLX659" s="613"/>
      <c r="OLY659" s="613"/>
      <c r="OLZ659" s="613"/>
      <c r="OMA659" s="613"/>
      <c r="OMB659" s="613"/>
      <c r="OMC659" s="613"/>
      <c r="OMD659" s="613"/>
      <c r="OME659" s="613"/>
      <c r="OMF659" s="613"/>
      <c r="OMG659" s="613"/>
      <c r="OMH659" s="613"/>
      <c r="OMI659" s="613"/>
      <c r="OMJ659" s="613"/>
      <c r="OMK659" s="613"/>
      <c r="OML659" s="613"/>
      <c r="OMM659" s="613"/>
      <c r="OMN659" s="613"/>
      <c r="OMO659" s="613"/>
      <c r="OMP659" s="613"/>
      <c r="OMQ659" s="613"/>
      <c r="OMR659" s="613"/>
      <c r="OMS659" s="613"/>
      <c r="OMT659" s="613"/>
      <c r="OMU659" s="613"/>
      <c r="OMV659" s="613"/>
      <c r="OMW659" s="613"/>
      <c r="OMX659" s="613"/>
      <c r="OMY659" s="613"/>
      <c r="OMZ659" s="613"/>
      <c r="ONA659" s="613"/>
      <c r="ONB659" s="613"/>
      <c r="ONC659" s="613"/>
      <c r="OND659" s="613"/>
      <c r="ONE659" s="613"/>
      <c r="ONF659" s="613"/>
      <c r="ONG659" s="613"/>
      <c r="ONH659" s="613"/>
      <c r="ONI659" s="613"/>
      <c r="ONJ659" s="613"/>
      <c r="ONK659" s="613"/>
      <c r="ONL659" s="613"/>
      <c r="ONM659" s="613"/>
      <c r="ONN659" s="613"/>
      <c r="ONO659" s="613"/>
      <c r="ONP659" s="613"/>
      <c r="ONQ659" s="613"/>
      <c r="ONR659" s="613"/>
      <c r="ONS659" s="613"/>
      <c r="ONT659" s="613"/>
      <c r="ONU659" s="613"/>
      <c r="ONV659" s="613"/>
      <c r="ONW659" s="613"/>
      <c r="ONX659" s="613"/>
      <c r="ONY659" s="613"/>
      <c r="ONZ659" s="613"/>
      <c r="OOA659" s="613"/>
      <c r="OOB659" s="613"/>
      <c r="OOC659" s="613"/>
      <c r="OOD659" s="613"/>
      <c r="OOE659" s="613"/>
      <c r="OOF659" s="613"/>
      <c r="OOG659" s="613"/>
      <c r="OOH659" s="613"/>
      <c r="OOI659" s="613"/>
      <c r="OOJ659" s="613"/>
      <c r="OOK659" s="613"/>
      <c r="OOL659" s="613"/>
      <c r="OOM659" s="613"/>
      <c r="OON659" s="613"/>
      <c r="OOO659" s="613"/>
      <c r="OOP659" s="613"/>
      <c r="OOQ659" s="613"/>
      <c r="OOR659" s="613"/>
      <c r="OOS659" s="613"/>
      <c r="OOT659" s="613"/>
      <c r="OOU659" s="613"/>
      <c r="OOV659" s="613"/>
      <c r="OOW659" s="613"/>
      <c r="OOX659" s="613"/>
      <c r="OOY659" s="613"/>
      <c r="OOZ659" s="613"/>
      <c r="OPA659" s="613"/>
      <c r="OPB659" s="613"/>
      <c r="OPC659" s="613"/>
      <c r="OPD659" s="613"/>
      <c r="OPE659" s="613"/>
      <c r="OPF659" s="613"/>
      <c r="OPG659" s="613"/>
      <c r="OPH659" s="613"/>
      <c r="OPI659" s="613"/>
      <c r="OPJ659" s="613"/>
      <c r="OPK659" s="613"/>
      <c r="OPL659" s="613"/>
      <c r="OPM659" s="613"/>
      <c r="OPN659" s="613"/>
      <c r="OPO659" s="613"/>
      <c r="OPP659" s="613"/>
      <c r="OPQ659" s="613"/>
      <c r="OPR659" s="613"/>
      <c r="OPS659" s="613"/>
      <c r="OPT659" s="613"/>
      <c r="OPU659" s="613"/>
      <c r="OPV659" s="613"/>
      <c r="OPW659" s="613"/>
      <c r="OPX659" s="613"/>
      <c r="OPY659" s="613"/>
      <c r="OPZ659" s="613"/>
      <c r="OQA659" s="613"/>
      <c r="OQB659" s="613"/>
      <c r="OQC659" s="613"/>
      <c r="OQD659" s="613"/>
      <c r="OQE659" s="613"/>
      <c r="OQF659" s="613"/>
      <c r="OQG659" s="613"/>
      <c r="OQH659" s="613"/>
      <c r="OQI659" s="613"/>
      <c r="OQJ659" s="613"/>
      <c r="OQK659" s="613"/>
      <c r="OQL659" s="613"/>
      <c r="OQM659" s="613"/>
      <c r="OQN659" s="613"/>
      <c r="OQO659" s="613"/>
      <c r="OQP659" s="613"/>
      <c r="OQQ659" s="613"/>
      <c r="OQR659" s="613"/>
      <c r="OQS659" s="613"/>
      <c r="OQT659" s="613"/>
      <c r="OQU659" s="613"/>
      <c r="OQV659" s="613"/>
      <c r="OQW659" s="613"/>
      <c r="OQX659" s="613"/>
      <c r="OQY659" s="613"/>
      <c r="OQZ659" s="613"/>
      <c r="ORA659" s="613"/>
      <c r="ORB659" s="613"/>
      <c r="ORC659" s="613"/>
      <c r="ORD659" s="613"/>
      <c r="ORE659" s="613"/>
      <c r="ORF659" s="613"/>
      <c r="ORG659" s="613"/>
      <c r="ORH659" s="613"/>
      <c r="ORI659" s="613"/>
      <c r="ORJ659" s="613"/>
      <c r="ORK659" s="613"/>
      <c r="ORL659" s="613"/>
      <c r="ORM659" s="613"/>
      <c r="ORN659" s="613"/>
      <c r="ORO659" s="613"/>
      <c r="ORP659" s="613"/>
      <c r="ORQ659" s="613"/>
      <c r="ORR659" s="613"/>
      <c r="ORS659" s="613"/>
      <c r="ORT659" s="613"/>
      <c r="ORU659" s="613"/>
      <c r="ORV659" s="613"/>
      <c r="ORW659" s="613"/>
      <c r="ORX659" s="613"/>
      <c r="ORY659" s="613"/>
      <c r="ORZ659" s="613"/>
      <c r="OSA659" s="613"/>
      <c r="OSB659" s="613"/>
      <c r="OSC659" s="613"/>
      <c r="OSD659" s="613"/>
      <c r="OSE659" s="613"/>
      <c r="OSF659" s="613"/>
      <c r="OSG659" s="613"/>
      <c r="OSH659" s="613"/>
      <c r="OSI659" s="613"/>
      <c r="OSJ659" s="613"/>
      <c r="OSK659" s="613"/>
      <c r="OSL659" s="613"/>
      <c r="OSM659" s="613"/>
      <c r="OSN659" s="613"/>
      <c r="OSO659" s="613"/>
      <c r="OSP659" s="613"/>
      <c r="OSQ659" s="613"/>
      <c r="OSR659" s="613"/>
      <c r="OSS659" s="613"/>
      <c r="OST659" s="613"/>
      <c r="OSU659" s="613"/>
      <c r="OSV659" s="613"/>
      <c r="OSW659" s="613"/>
      <c r="OSX659" s="613"/>
      <c r="OSY659" s="613"/>
      <c r="OSZ659" s="613"/>
      <c r="OTA659" s="613"/>
      <c r="OTB659" s="613"/>
      <c r="OTC659" s="613"/>
      <c r="OTD659" s="613"/>
      <c r="OTE659" s="613"/>
      <c r="OTF659" s="613"/>
      <c r="OTG659" s="613"/>
      <c r="OTH659" s="613"/>
      <c r="OTI659" s="613"/>
      <c r="OTJ659" s="613"/>
      <c r="OTK659" s="613"/>
      <c r="OTL659" s="613"/>
      <c r="OTM659" s="613"/>
      <c r="OTN659" s="613"/>
      <c r="OTO659" s="613"/>
      <c r="OTP659" s="613"/>
      <c r="OTQ659" s="613"/>
      <c r="OTR659" s="613"/>
      <c r="OTS659" s="613"/>
      <c r="OTT659" s="613"/>
      <c r="OTU659" s="613"/>
      <c r="OTV659" s="613"/>
      <c r="OTW659" s="613"/>
      <c r="OTX659" s="613"/>
      <c r="OTY659" s="613"/>
      <c r="OTZ659" s="613"/>
      <c r="OUA659" s="613"/>
      <c r="OUB659" s="613"/>
      <c r="OUC659" s="613"/>
      <c r="OUD659" s="613"/>
      <c r="OUE659" s="613"/>
      <c r="OUF659" s="613"/>
      <c r="OUG659" s="613"/>
      <c r="OUH659" s="613"/>
      <c r="OUI659" s="613"/>
      <c r="OUJ659" s="613"/>
      <c r="OUK659" s="613"/>
      <c r="OUL659" s="613"/>
      <c r="OUM659" s="613"/>
      <c r="OUN659" s="613"/>
      <c r="OUO659" s="613"/>
      <c r="OUP659" s="613"/>
      <c r="OUQ659" s="613"/>
      <c r="OUR659" s="613"/>
      <c r="OUS659" s="613"/>
      <c r="OUT659" s="613"/>
      <c r="OUU659" s="613"/>
      <c r="OUV659" s="613"/>
      <c r="OUW659" s="613"/>
      <c r="OUX659" s="613"/>
      <c r="OUY659" s="613"/>
      <c r="OUZ659" s="613"/>
      <c r="OVA659" s="613"/>
      <c r="OVB659" s="613"/>
      <c r="OVC659" s="613"/>
      <c r="OVD659" s="613"/>
      <c r="OVE659" s="613"/>
      <c r="OVF659" s="613"/>
      <c r="OVG659" s="613"/>
      <c r="OVH659" s="613"/>
      <c r="OVI659" s="613"/>
      <c r="OVJ659" s="613"/>
      <c r="OVK659" s="613"/>
      <c r="OVL659" s="613"/>
      <c r="OVM659" s="613"/>
      <c r="OVN659" s="613"/>
      <c r="OVO659" s="613"/>
      <c r="OVP659" s="613"/>
      <c r="OVQ659" s="613"/>
      <c r="OVR659" s="613"/>
      <c r="OVS659" s="613"/>
      <c r="OVT659" s="613"/>
      <c r="OVU659" s="613"/>
      <c r="OVV659" s="613"/>
      <c r="OVW659" s="613"/>
      <c r="OVX659" s="613"/>
      <c r="OVY659" s="613"/>
      <c r="OVZ659" s="613"/>
      <c r="OWA659" s="613"/>
      <c r="OWB659" s="613"/>
      <c r="OWC659" s="613"/>
      <c r="OWD659" s="613"/>
      <c r="OWE659" s="613"/>
      <c r="OWF659" s="613"/>
      <c r="OWG659" s="613"/>
      <c r="OWH659" s="613"/>
      <c r="OWI659" s="613"/>
      <c r="OWJ659" s="613"/>
      <c r="OWK659" s="613"/>
      <c r="OWL659" s="613"/>
      <c r="OWM659" s="613"/>
      <c r="OWN659" s="613"/>
      <c r="OWO659" s="613"/>
      <c r="OWP659" s="613"/>
      <c r="OWQ659" s="613"/>
      <c r="OWR659" s="613"/>
      <c r="OWS659" s="613"/>
      <c r="OWT659" s="613"/>
      <c r="OWU659" s="613"/>
      <c r="OWV659" s="613"/>
      <c r="OWW659" s="613"/>
      <c r="OWX659" s="613"/>
      <c r="OWY659" s="613"/>
      <c r="OWZ659" s="613"/>
      <c r="OXA659" s="613"/>
      <c r="OXB659" s="613"/>
      <c r="OXC659" s="613"/>
      <c r="OXD659" s="613"/>
      <c r="OXE659" s="613"/>
      <c r="OXF659" s="613"/>
      <c r="OXG659" s="613"/>
      <c r="OXH659" s="613"/>
      <c r="OXI659" s="613"/>
      <c r="OXJ659" s="613"/>
      <c r="OXK659" s="613"/>
      <c r="OXL659" s="613"/>
      <c r="OXM659" s="613"/>
      <c r="OXN659" s="613"/>
      <c r="OXO659" s="613"/>
      <c r="OXP659" s="613"/>
      <c r="OXQ659" s="613"/>
      <c r="OXR659" s="613"/>
      <c r="OXS659" s="613"/>
      <c r="OXT659" s="613"/>
      <c r="OXU659" s="613"/>
      <c r="OXV659" s="613"/>
      <c r="OXW659" s="613"/>
      <c r="OXX659" s="613"/>
      <c r="OXY659" s="613"/>
      <c r="OXZ659" s="613"/>
      <c r="OYA659" s="613"/>
      <c r="OYB659" s="613"/>
      <c r="OYC659" s="613"/>
      <c r="OYD659" s="613"/>
      <c r="OYE659" s="613"/>
      <c r="OYF659" s="613"/>
      <c r="OYG659" s="613"/>
      <c r="OYH659" s="613"/>
      <c r="OYI659" s="613"/>
      <c r="OYJ659" s="613"/>
      <c r="OYK659" s="613"/>
      <c r="OYL659" s="613"/>
      <c r="OYM659" s="613"/>
      <c r="OYN659" s="613"/>
      <c r="OYO659" s="613"/>
      <c r="OYP659" s="613"/>
      <c r="OYQ659" s="613"/>
      <c r="OYR659" s="613"/>
      <c r="OYS659" s="613"/>
      <c r="OYT659" s="613"/>
      <c r="OYU659" s="613"/>
      <c r="OYV659" s="613"/>
      <c r="OYW659" s="613"/>
      <c r="OYX659" s="613"/>
      <c r="OYY659" s="613"/>
      <c r="OYZ659" s="613"/>
      <c r="OZA659" s="613"/>
      <c r="OZB659" s="613"/>
      <c r="OZC659" s="613"/>
      <c r="OZD659" s="613"/>
      <c r="OZE659" s="613"/>
      <c r="OZF659" s="613"/>
      <c r="OZG659" s="613"/>
      <c r="OZH659" s="613"/>
      <c r="OZI659" s="613"/>
      <c r="OZJ659" s="613"/>
      <c r="OZK659" s="613"/>
      <c r="OZL659" s="613"/>
      <c r="OZM659" s="613"/>
      <c r="OZN659" s="613"/>
      <c r="OZO659" s="613"/>
      <c r="OZP659" s="613"/>
      <c r="OZQ659" s="613"/>
      <c r="OZR659" s="613"/>
      <c r="OZS659" s="613"/>
      <c r="OZT659" s="613"/>
      <c r="OZU659" s="613"/>
      <c r="OZV659" s="613"/>
      <c r="OZW659" s="613"/>
      <c r="OZX659" s="613"/>
      <c r="OZY659" s="613"/>
      <c r="OZZ659" s="613"/>
      <c r="PAA659" s="613"/>
      <c r="PAB659" s="613"/>
      <c r="PAC659" s="613"/>
      <c r="PAD659" s="613"/>
      <c r="PAE659" s="613"/>
      <c r="PAF659" s="613"/>
      <c r="PAG659" s="613"/>
      <c r="PAH659" s="613"/>
      <c r="PAI659" s="613"/>
      <c r="PAJ659" s="613"/>
      <c r="PAK659" s="613"/>
      <c r="PAL659" s="613"/>
      <c r="PAM659" s="613"/>
      <c r="PAN659" s="613"/>
      <c r="PAO659" s="613"/>
      <c r="PAP659" s="613"/>
      <c r="PAQ659" s="613"/>
      <c r="PAR659" s="613"/>
      <c r="PAS659" s="613"/>
      <c r="PAT659" s="613"/>
      <c r="PAU659" s="613"/>
      <c r="PAV659" s="613"/>
      <c r="PAW659" s="613"/>
      <c r="PAX659" s="613"/>
      <c r="PAY659" s="613"/>
      <c r="PAZ659" s="613"/>
      <c r="PBA659" s="613"/>
      <c r="PBB659" s="613"/>
      <c r="PBC659" s="613"/>
      <c r="PBD659" s="613"/>
      <c r="PBE659" s="613"/>
      <c r="PBF659" s="613"/>
      <c r="PBG659" s="613"/>
      <c r="PBH659" s="613"/>
      <c r="PBI659" s="613"/>
      <c r="PBJ659" s="613"/>
      <c r="PBK659" s="613"/>
      <c r="PBL659" s="613"/>
      <c r="PBM659" s="613"/>
      <c r="PBN659" s="613"/>
      <c r="PBO659" s="613"/>
      <c r="PBP659" s="613"/>
      <c r="PBQ659" s="613"/>
      <c r="PBR659" s="613"/>
      <c r="PBS659" s="613"/>
      <c r="PBT659" s="613"/>
      <c r="PBU659" s="613"/>
      <c r="PBV659" s="613"/>
      <c r="PBW659" s="613"/>
      <c r="PBX659" s="613"/>
      <c r="PBY659" s="613"/>
      <c r="PBZ659" s="613"/>
      <c r="PCA659" s="613"/>
      <c r="PCB659" s="613"/>
      <c r="PCC659" s="613"/>
      <c r="PCD659" s="613"/>
      <c r="PCE659" s="613"/>
      <c r="PCF659" s="613"/>
      <c r="PCG659" s="613"/>
      <c r="PCH659" s="613"/>
      <c r="PCI659" s="613"/>
      <c r="PCJ659" s="613"/>
      <c r="PCK659" s="613"/>
      <c r="PCL659" s="613"/>
      <c r="PCM659" s="613"/>
      <c r="PCN659" s="613"/>
      <c r="PCO659" s="613"/>
      <c r="PCP659" s="613"/>
      <c r="PCQ659" s="613"/>
      <c r="PCR659" s="613"/>
      <c r="PCS659" s="613"/>
      <c r="PCT659" s="613"/>
      <c r="PCU659" s="613"/>
      <c r="PCV659" s="613"/>
      <c r="PCW659" s="613"/>
      <c r="PCX659" s="613"/>
      <c r="PCY659" s="613"/>
      <c r="PCZ659" s="613"/>
      <c r="PDA659" s="613"/>
      <c r="PDB659" s="613"/>
      <c r="PDC659" s="613"/>
      <c r="PDD659" s="613"/>
      <c r="PDE659" s="613"/>
      <c r="PDF659" s="613"/>
      <c r="PDG659" s="613"/>
      <c r="PDH659" s="613"/>
      <c r="PDI659" s="613"/>
      <c r="PDJ659" s="613"/>
      <c r="PDK659" s="613"/>
      <c r="PDL659" s="613"/>
      <c r="PDM659" s="613"/>
      <c r="PDN659" s="613"/>
      <c r="PDO659" s="613"/>
      <c r="PDP659" s="613"/>
      <c r="PDQ659" s="613"/>
      <c r="PDR659" s="613"/>
      <c r="PDS659" s="613"/>
      <c r="PDT659" s="613"/>
      <c r="PDU659" s="613"/>
      <c r="PDV659" s="613"/>
      <c r="PDW659" s="613"/>
      <c r="PDX659" s="613"/>
      <c r="PDY659" s="613"/>
      <c r="PDZ659" s="613"/>
      <c r="PEA659" s="613"/>
      <c r="PEB659" s="613"/>
      <c r="PEC659" s="613"/>
      <c r="PED659" s="613"/>
      <c r="PEE659" s="613"/>
      <c r="PEF659" s="613"/>
      <c r="PEG659" s="613"/>
      <c r="PEH659" s="613"/>
      <c r="PEI659" s="613"/>
      <c r="PEJ659" s="613"/>
      <c r="PEK659" s="613"/>
      <c r="PEL659" s="613"/>
      <c r="PEM659" s="613"/>
      <c r="PEN659" s="613"/>
      <c r="PEO659" s="613"/>
      <c r="PEP659" s="613"/>
      <c r="PEQ659" s="613"/>
      <c r="PER659" s="613"/>
      <c r="PES659" s="613"/>
      <c r="PET659" s="613"/>
      <c r="PEU659" s="613"/>
      <c r="PEV659" s="613"/>
      <c r="PEW659" s="613"/>
      <c r="PEX659" s="613"/>
      <c r="PEY659" s="613"/>
      <c r="PEZ659" s="613"/>
      <c r="PFA659" s="613"/>
      <c r="PFB659" s="613"/>
      <c r="PFC659" s="613"/>
      <c r="PFD659" s="613"/>
      <c r="PFE659" s="613"/>
      <c r="PFF659" s="613"/>
      <c r="PFG659" s="613"/>
      <c r="PFH659" s="613"/>
      <c r="PFI659" s="613"/>
      <c r="PFJ659" s="613"/>
      <c r="PFK659" s="613"/>
      <c r="PFL659" s="613"/>
      <c r="PFM659" s="613"/>
      <c r="PFN659" s="613"/>
      <c r="PFO659" s="613"/>
      <c r="PFP659" s="613"/>
      <c r="PFQ659" s="613"/>
      <c r="PFR659" s="613"/>
      <c r="PFS659" s="613"/>
      <c r="PFT659" s="613"/>
      <c r="PFU659" s="613"/>
      <c r="PFV659" s="613"/>
      <c r="PFW659" s="613"/>
      <c r="PFX659" s="613"/>
      <c r="PFY659" s="613"/>
      <c r="PFZ659" s="613"/>
      <c r="PGA659" s="613"/>
      <c r="PGB659" s="613"/>
      <c r="PGC659" s="613"/>
      <c r="PGD659" s="613"/>
      <c r="PGE659" s="613"/>
      <c r="PGF659" s="613"/>
      <c r="PGG659" s="613"/>
      <c r="PGH659" s="613"/>
      <c r="PGI659" s="613"/>
      <c r="PGJ659" s="613"/>
      <c r="PGK659" s="613"/>
      <c r="PGL659" s="613"/>
      <c r="PGM659" s="613"/>
      <c r="PGN659" s="613"/>
      <c r="PGO659" s="613"/>
      <c r="PGP659" s="613"/>
      <c r="PGQ659" s="613"/>
      <c r="PGR659" s="613"/>
      <c r="PGS659" s="613"/>
      <c r="PGT659" s="613"/>
      <c r="PGU659" s="613"/>
      <c r="PGV659" s="613"/>
      <c r="PGW659" s="613"/>
      <c r="PGX659" s="613"/>
      <c r="PGY659" s="613"/>
      <c r="PGZ659" s="613"/>
      <c r="PHA659" s="613"/>
      <c r="PHB659" s="613"/>
      <c r="PHC659" s="613"/>
      <c r="PHD659" s="613"/>
      <c r="PHE659" s="613"/>
      <c r="PHF659" s="613"/>
      <c r="PHG659" s="613"/>
      <c r="PHH659" s="613"/>
      <c r="PHI659" s="613"/>
      <c r="PHJ659" s="613"/>
      <c r="PHK659" s="613"/>
      <c r="PHL659" s="613"/>
      <c r="PHM659" s="613"/>
      <c r="PHN659" s="613"/>
      <c r="PHO659" s="613"/>
      <c r="PHP659" s="613"/>
      <c r="PHQ659" s="613"/>
      <c r="PHR659" s="613"/>
      <c r="PHS659" s="613"/>
      <c r="PHT659" s="613"/>
      <c r="PHU659" s="613"/>
      <c r="PHV659" s="613"/>
      <c r="PHW659" s="613"/>
      <c r="PHX659" s="613"/>
      <c r="PHY659" s="613"/>
      <c r="PHZ659" s="613"/>
      <c r="PIA659" s="613"/>
      <c r="PIB659" s="613"/>
      <c r="PIC659" s="613"/>
      <c r="PID659" s="613"/>
      <c r="PIE659" s="613"/>
      <c r="PIF659" s="613"/>
      <c r="PIG659" s="613"/>
      <c r="PIH659" s="613"/>
      <c r="PII659" s="613"/>
      <c r="PIJ659" s="613"/>
      <c r="PIK659" s="613"/>
      <c r="PIL659" s="613"/>
      <c r="PIM659" s="613"/>
      <c r="PIN659" s="613"/>
      <c r="PIO659" s="613"/>
      <c r="PIP659" s="613"/>
      <c r="PIQ659" s="613"/>
      <c r="PIR659" s="613"/>
      <c r="PIS659" s="613"/>
      <c r="PIT659" s="613"/>
      <c r="PIU659" s="613"/>
      <c r="PIV659" s="613"/>
      <c r="PIW659" s="613"/>
      <c r="PIX659" s="613"/>
      <c r="PIY659" s="613"/>
      <c r="PIZ659" s="613"/>
      <c r="PJA659" s="613"/>
      <c r="PJB659" s="613"/>
      <c r="PJC659" s="613"/>
      <c r="PJD659" s="613"/>
      <c r="PJE659" s="613"/>
      <c r="PJF659" s="613"/>
      <c r="PJG659" s="613"/>
      <c r="PJH659" s="613"/>
      <c r="PJI659" s="613"/>
      <c r="PJJ659" s="613"/>
      <c r="PJK659" s="613"/>
      <c r="PJL659" s="613"/>
      <c r="PJM659" s="613"/>
      <c r="PJN659" s="613"/>
      <c r="PJO659" s="613"/>
      <c r="PJP659" s="613"/>
      <c r="PJQ659" s="613"/>
      <c r="PJR659" s="613"/>
      <c r="PJS659" s="613"/>
      <c r="PJT659" s="613"/>
      <c r="PJU659" s="613"/>
      <c r="PJV659" s="613"/>
      <c r="PJW659" s="613"/>
      <c r="PJX659" s="613"/>
      <c r="PJY659" s="613"/>
      <c r="PJZ659" s="613"/>
      <c r="PKA659" s="613"/>
      <c r="PKB659" s="613"/>
      <c r="PKC659" s="613"/>
      <c r="PKD659" s="613"/>
      <c r="PKE659" s="613"/>
      <c r="PKF659" s="613"/>
      <c r="PKG659" s="613"/>
      <c r="PKH659" s="613"/>
      <c r="PKI659" s="613"/>
      <c r="PKJ659" s="613"/>
      <c r="PKK659" s="613"/>
      <c r="PKL659" s="613"/>
      <c r="PKM659" s="613"/>
      <c r="PKN659" s="613"/>
      <c r="PKO659" s="613"/>
      <c r="PKP659" s="613"/>
      <c r="PKQ659" s="613"/>
      <c r="PKR659" s="613"/>
      <c r="PKS659" s="613"/>
      <c r="PKT659" s="613"/>
      <c r="PKU659" s="613"/>
      <c r="PKV659" s="613"/>
      <c r="PKW659" s="613"/>
      <c r="PKX659" s="613"/>
      <c r="PKY659" s="613"/>
      <c r="PKZ659" s="613"/>
      <c r="PLA659" s="613"/>
      <c r="PLB659" s="613"/>
      <c r="PLC659" s="613"/>
      <c r="PLD659" s="613"/>
      <c r="PLE659" s="613"/>
      <c r="PLF659" s="613"/>
      <c r="PLG659" s="613"/>
      <c r="PLH659" s="613"/>
      <c r="PLI659" s="613"/>
      <c r="PLJ659" s="613"/>
      <c r="PLK659" s="613"/>
      <c r="PLL659" s="613"/>
      <c r="PLM659" s="613"/>
      <c r="PLN659" s="613"/>
      <c r="PLO659" s="613"/>
      <c r="PLP659" s="613"/>
      <c r="PLQ659" s="613"/>
      <c r="PLR659" s="613"/>
      <c r="PLS659" s="613"/>
      <c r="PLT659" s="613"/>
      <c r="PLU659" s="613"/>
      <c r="PLV659" s="613"/>
      <c r="PLW659" s="613"/>
      <c r="PLX659" s="613"/>
      <c r="PLY659" s="613"/>
      <c r="PLZ659" s="613"/>
      <c r="PMA659" s="613"/>
      <c r="PMB659" s="613"/>
      <c r="PMC659" s="613"/>
      <c r="PMD659" s="613"/>
      <c r="PME659" s="613"/>
      <c r="PMF659" s="613"/>
      <c r="PMG659" s="613"/>
      <c r="PMH659" s="613"/>
      <c r="PMI659" s="613"/>
      <c r="PMJ659" s="613"/>
      <c r="PMK659" s="613"/>
      <c r="PML659" s="613"/>
      <c r="PMM659" s="613"/>
      <c r="PMN659" s="613"/>
      <c r="PMO659" s="613"/>
      <c r="PMP659" s="613"/>
      <c r="PMQ659" s="613"/>
      <c r="PMR659" s="613"/>
      <c r="PMS659" s="613"/>
      <c r="PMT659" s="613"/>
      <c r="PMU659" s="613"/>
      <c r="PMV659" s="613"/>
      <c r="PMW659" s="613"/>
      <c r="PMX659" s="613"/>
      <c r="PMY659" s="613"/>
      <c r="PMZ659" s="613"/>
      <c r="PNA659" s="613"/>
      <c r="PNB659" s="613"/>
      <c r="PNC659" s="613"/>
      <c r="PND659" s="613"/>
      <c r="PNE659" s="613"/>
      <c r="PNF659" s="613"/>
      <c r="PNG659" s="613"/>
      <c r="PNH659" s="613"/>
      <c r="PNI659" s="613"/>
      <c r="PNJ659" s="613"/>
      <c r="PNK659" s="613"/>
      <c r="PNL659" s="613"/>
      <c r="PNM659" s="613"/>
      <c r="PNN659" s="613"/>
      <c r="PNO659" s="613"/>
      <c r="PNP659" s="613"/>
      <c r="PNQ659" s="613"/>
      <c r="PNR659" s="613"/>
      <c r="PNS659" s="613"/>
      <c r="PNT659" s="613"/>
      <c r="PNU659" s="613"/>
      <c r="PNV659" s="613"/>
      <c r="PNW659" s="613"/>
      <c r="PNX659" s="613"/>
      <c r="PNY659" s="613"/>
      <c r="PNZ659" s="613"/>
      <c r="POA659" s="613"/>
      <c r="POB659" s="613"/>
      <c r="POC659" s="613"/>
      <c r="POD659" s="613"/>
      <c r="POE659" s="613"/>
      <c r="POF659" s="613"/>
      <c r="POG659" s="613"/>
      <c r="POH659" s="613"/>
      <c r="POI659" s="613"/>
      <c r="POJ659" s="613"/>
      <c r="POK659" s="613"/>
      <c r="POL659" s="613"/>
      <c r="POM659" s="613"/>
      <c r="PON659" s="613"/>
      <c r="POO659" s="613"/>
      <c r="POP659" s="613"/>
      <c r="POQ659" s="613"/>
      <c r="POR659" s="613"/>
      <c r="POS659" s="613"/>
      <c r="POT659" s="613"/>
      <c r="POU659" s="613"/>
      <c r="POV659" s="613"/>
      <c r="POW659" s="613"/>
      <c r="POX659" s="613"/>
      <c r="POY659" s="613"/>
      <c r="POZ659" s="613"/>
      <c r="PPA659" s="613"/>
      <c r="PPB659" s="613"/>
      <c r="PPC659" s="613"/>
      <c r="PPD659" s="613"/>
      <c r="PPE659" s="613"/>
      <c r="PPF659" s="613"/>
      <c r="PPG659" s="613"/>
      <c r="PPH659" s="613"/>
      <c r="PPI659" s="613"/>
      <c r="PPJ659" s="613"/>
      <c r="PPK659" s="613"/>
      <c r="PPL659" s="613"/>
      <c r="PPM659" s="613"/>
      <c r="PPN659" s="613"/>
      <c r="PPO659" s="613"/>
      <c r="PPP659" s="613"/>
      <c r="PPQ659" s="613"/>
      <c r="PPR659" s="613"/>
      <c r="PPS659" s="613"/>
      <c r="PPT659" s="613"/>
      <c r="PPU659" s="613"/>
      <c r="PPV659" s="613"/>
      <c r="PPW659" s="613"/>
      <c r="PPX659" s="613"/>
      <c r="PPY659" s="613"/>
      <c r="PPZ659" s="613"/>
      <c r="PQA659" s="613"/>
      <c r="PQB659" s="613"/>
      <c r="PQC659" s="613"/>
      <c r="PQD659" s="613"/>
      <c r="PQE659" s="613"/>
      <c r="PQF659" s="613"/>
      <c r="PQG659" s="613"/>
      <c r="PQH659" s="613"/>
      <c r="PQI659" s="613"/>
      <c r="PQJ659" s="613"/>
      <c r="PQK659" s="613"/>
      <c r="PQL659" s="613"/>
      <c r="PQM659" s="613"/>
      <c r="PQN659" s="613"/>
      <c r="PQO659" s="613"/>
      <c r="PQP659" s="613"/>
      <c r="PQQ659" s="613"/>
      <c r="PQR659" s="613"/>
      <c r="PQS659" s="613"/>
      <c r="PQT659" s="613"/>
      <c r="PQU659" s="613"/>
      <c r="PQV659" s="613"/>
      <c r="PQW659" s="613"/>
      <c r="PQX659" s="613"/>
      <c r="PQY659" s="613"/>
      <c r="PQZ659" s="613"/>
      <c r="PRA659" s="613"/>
      <c r="PRB659" s="613"/>
      <c r="PRC659" s="613"/>
      <c r="PRD659" s="613"/>
      <c r="PRE659" s="613"/>
      <c r="PRF659" s="613"/>
      <c r="PRG659" s="613"/>
      <c r="PRH659" s="613"/>
      <c r="PRI659" s="613"/>
      <c r="PRJ659" s="613"/>
      <c r="PRK659" s="613"/>
      <c r="PRL659" s="613"/>
      <c r="PRM659" s="613"/>
      <c r="PRN659" s="613"/>
      <c r="PRO659" s="613"/>
      <c r="PRP659" s="613"/>
      <c r="PRQ659" s="613"/>
      <c r="PRR659" s="613"/>
      <c r="PRS659" s="613"/>
      <c r="PRT659" s="613"/>
      <c r="PRU659" s="613"/>
      <c r="PRV659" s="613"/>
      <c r="PRW659" s="613"/>
      <c r="PRX659" s="613"/>
      <c r="PRY659" s="613"/>
      <c r="PRZ659" s="613"/>
      <c r="PSA659" s="613"/>
      <c r="PSB659" s="613"/>
      <c r="PSC659" s="613"/>
      <c r="PSD659" s="613"/>
      <c r="PSE659" s="613"/>
      <c r="PSF659" s="613"/>
      <c r="PSG659" s="613"/>
      <c r="PSH659" s="613"/>
      <c r="PSI659" s="613"/>
      <c r="PSJ659" s="613"/>
      <c r="PSK659" s="613"/>
      <c r="PSL659" s="613"/>
      <c r="PSM659" s="613"/>
      <c r="PSN659" s="613"/>
      <c r="PSO659" s="613"/>
      <c r="PSP659" s="613"/>
      <c r="PSQ659" s="613"/>
      <c r="PSR659" s="613"/>
      <c r="PSS659" s="613"/>
      <c r="PST659" s="613"/>
      <c r="PSU659" s="613"/>
      <c r="PSV659" s="613"/>
      <c r="PSW659" s="613"/>
      <c r="PSX659" s="613"/>
      <c r="PSY659" s="613"/>
      <c r="PSZ659" s="613"/>
      <c r="PTA659" s="613"/>
      <c r="PTB659" s="613"/>
      <c r="PTC659" s="613"/>
      <c r="PTD659" s="613"/>
      <c r="PTE659" s="613"/>
      <c r="PTF659" s="613"/>
      <c r="PTG659" s="613"/>
      <c r="PTH659" s="613"/>
      <c r="PTI659" s="613"/>
      <c r="PTJ659" s="613"/>
      <c r="PTK659" s="613"/>
      <c r="PTL659" s="613"/>
      <c r="PTM659" s="613"/>
      <c r="PTN659" s="613"/>
      <c r="PTO659" s="613"/>
      <c r="PTP659" s="613"/>
      <c r="PTQ659" s="613"/>
      <c r="PTR659" s="613"/>
      <c r="PTS659" s="613"/>
      <c r="PTT659" s="613"/>
      <c r="PTU659" s="613"/>
      <c r="PTV659" s="613"/>
      <c r="PTW659" s="613"/>
      <c r="PTX659" s="613"/>
      <c r="PTY659" s="613"/>
      <c r="PTZ659" s="613"/>
      <c r="PUA659" s="613"/>
      <c r="PUB659" s="613"/>
      <c r="PUC659" s="613"/>
      <c r="PUD659" s="613"/>
      <c r="PUE659" s="613"/>
      <c r="PUF659" s="613"/>
      <c r="PUG659" s="613"/>
      <c r="PUH659" s="613"/>
      <c r="PUI659" s="613"/>
      <c r="PUJ659" s="613"/>
      <c r="PUK659" s="613"/>
      <c r="PUL659" s="613"/>
      <c r="PUM659" s="613"/>
      <c r="PUN659" s="613"/>
      <c r="PUO659" s="613"/>
      <c r="PUP659" s="613"/>
      <c r="PUQ659" s="613"/>
      <c r="PUR659" s="613"/>
      <c r="PUS659" s="613"/>
      <c r="PUT659" s="613"/>
      <c r="PUU659" s="613"/>
      <c r="PUV659" s="613"/>
      <c r="PUW659" s="613"/>
      <c r="PUX659" s="613"/>
      <c r="PUY659" s="613"/>
      <c r="PUZ659" s="613"/>
      <c r="PVA659" s="613"/>
      <c r="PVB659" s="613"/>
      <c r="PVC659" s="613"/>
      <c r="PVD659" s="613"/>
      <c r="PVE659" s="613"/>
      <c r="PVF659" s="613"/>
      <c r="PVG659" s="613"/>
      <c r="PVH659" s="613"/>
      <c r="PVI659" s="613"/>
      <c r="PVJ659" s="613"/>
      <c r="PVK659" s="613"/>
      <c r="PVL659" s="613"/>
      <c r="PVM659" s="613"/>
      <c r="PVN659" s="613"/>
      <c r="PVO659" s="613"/>
      <c r="PVP659" s="613"/>
      <c r="PVQ659" s="613"/>
      <c r="PVR659" s="613"/>
      <c r="PVS659" s="613"/>
      <c r="PVT659" s="613"/>
      <c r="PVU659" s="613"/>
      <c r="PVV659" s="613"/>
      <c r="PVW659" s="613"/>
      <c r="PVX659" s="613"/>
      <c r="PVY659" s="613"/>
      <c r="PVZ659" s="613"/>
      <c r="PWA659" s="613"/>
      <c r="PWB659" s="613"/>
      <c r="PWC659" s="613"/>
      <c r="PWD659" s="613"/>
      <c r="PWE659" s="613"/>
      <c r="PWF659" s="613"/>
      <c r="PWG659" s="613"/>
      <c r="PWH659" s="613"/>
      <c r="PWI659" s="613"/>
      <c r="PWJ659" s="613"/>
      <c r="PWK659" s="613"/>
      <c r="PWL659" s="613"/>
      <c r="PWM659" s="613"/>
      <c r="PWN659" s="613"/>
      <c r="PWO659" s="613"/>
      <c r="PWP659" s="613"/>
      <c r="PWQ659" s="613"/>
      <c r="PWR659" s="613"/>
      <c r="PWS659" s="613"/>
      <c r="PWT659" s="613"/>
      <c r="PWU659" s="613"/>
      <c r="PWV659" s="613"/>
      <c r="PWW659" s="613"/>
      <c r="PWX659" s="613"/>
      <c r="PWY659" s="613"/>
      <c r="PWZ659" s="613"/>
      <c r="PXA659" s="613"/>
      <c r="PXB659" s="613"/>
      <c r="PXC659" s="613"/>
      <c r="PXD659" s="613"/>
      <c r="PXE659" s="613"/>
      <c r="PXF659" s="613"/>
      <c r="PXG659" s="613"/>
      <c r="PXH659" s="613"/>
      <c r="PXI659" s="613"/>
      <c r="PXJ659" s="613"/>
      <c r="PXK659" s="613"/>
      <c r="PXL659" s="613"/>
      <c r="PXM659" s="613"/>
      <c r="PXN659" s="613"/>
      <c r="PXO659" s="613"/>
      <c r="PXP659" s="613"/>
      <c r="PXQ659" s="613"/>
      <c r="PXR659" s="613"/>
      <c r="PXS659" s="613"/>
      <c r="PXT659" s="613"/>
      <c r="PXU659" s="613"/>
      <c r="PXV659" s="613"/>
      <c r="PXW659" s="613"/>
      <c r="PXX659" s="613"/>
      <c r="PXY659" s="613"/>
      <c r="PXZ659" s="613"/>
      <c r="PYA659" s="613"/>
      <c r="PYB659" s="613"/>
      <c r="PYC659" s="613"/>
      <c r="PYD659" s="613"/>
      <c r="PYE659" s="613"/>
      <c r="PYF659" s="613"/>
      <c r="PYG659" s="613"/>
      <c r="PYH659" s="613"/>
      <c r="PYI659" s="613"/>
      <c r="PYJ659" s="613"/>
      <c r="PYK659" s="613"/>
      <c r="PYL659" s="613"/>
      <c r="PYM659" s="613"/>
      <c r="PYN659" s="613"/>
      <c r="PYO659" s="613"/>
      <c r="PYP659" s="613"/>
      <c r="PYQ659" s="613"/>
      <c r="PYR659" s="613"/>
      <c r="PYS659" s="613"/>
      <c r="PYT659" s="613"/>
      <c r="PYU659" s="613"/>
      <c r="PYV659" s="613"/>
      <c r="PYW659" s="613"/>
      <c r="PYX659" s="613"/>
      <c r="PYY659" s="613"/>
      <c r="PYZ659" s="613"/>
      <c r="PZA659" s="613"/>
      <c r="PZB659" s="613"/>
      <c r="PZC659" s="613"/>
      <c r="PZD659" s="613"/>
      <c r="PZE659" s="613"/>
      <c r="PZF659" s="613"/>
      <c r="PZG659" s="613"/>
      <c r="PZH659" s="613"/>
      <c r="PZI659" s="613"/>
      <c r="PZJ659" s="613"/>
      <c r="PZK659" s="613"/>
      <c r="PZL659" s="613"/>
      <c r="PZM659" s="613"/>
      <c r="PZN659" s="613"/>
      <c r="PZO659" s="613"/>
      <c r="PZP659" s="613"/>
      <c r="PZQ659" s="613"/>
      <c r="PZR659" s="613"/>
      <c r="PZS659" s="613"/>
      <c r="PZT659" s="613"/>
      <c r="PZU659" s="613"/>
      <c r="PZV659" s="613"/>
      <c r="PZW659" s="613"/>
      <c r="PZX659" s="613"/>
      <c r="PZY659" s="613"/>
      <c r="PZZ659" s="613"/>
      <c r="QAA659" s="613"/>
      <c r="QAB659" s="613"/>
      <c r="QAC659" s="613"/>
      <c r="QAD659" s="613"/>
      <c r="QAE659" s="613"/>
      <c r="QAF659" s="613"/>
      <c r="QAG659" s="613"/>
      <c r="QAH659" s="613"/>
      <c r="QAI659" s="613"/>
      <c r="QAJ659" s="613"/>
      <c r="QAK659" s="613"/>
      <c r="QAL659" s="613"/>
      <c r="QAM659" s="613"/>
      <c r="QAN659" s="613"/>
      <c r="QAO659" s="613"/>
      <c r="QAP659" s="613"/>
      <c r="QAQ659" s="613"/>
      <c r="QAR659" s="613"/>
      <c r="QAS659" s="613"/>
      <c r="QAT659" s="613"/>
      <c r="QAU659" s="613"/>
      <c r="QAV659" s="613"/>
      <c r="QAW659" s="613"/>
      <c r="QAX659" s="613"/>
      <c r="QAY659" s="613"/>
      <c r="QAZ659" s="613"/>
      <c r="QBA659" s="613"/>
      <c r="QBB659" s="613"/>
      <c r="QBC659" s="613"/>
      <c r="QBD659" s="613"/>
      <c r="QBE659" s="613"/>
      <c r="QBF659" s="613"/>
      <c r="QBG659" s="613"/>
      <c r="QBH659" s="613"/>
      <c r="QBI659" s="613"/>
      <c r="QBJ659" s="613"/>
      <c r="QBK659" s="613"/>
      <c r="QBL659" s="613"/>
      <c r="QBM659" s="613"/>
      <c r="QBN659" s="613"/>
      <c r="QBO659" s="613"/>
      <c r="QBP659" s="613"/>
      <c r="QBQ659" s="613"/>
      <c r="QBR659" s="613"/>
      <c r="QBS659" s="613"/>
      <c r="QBT659" s="613"/>
      <c r="QBU659" s="613"/>
      <c r="QBV659" s="613"/>
      <c r="QBW659" s="613"/>
      <c r="QBX659" s="613"/>
      <c r="QBY659" s="613"/>
      <c r="QBZ659" s="613"/>
      <c r="QCA659" s="613"/>
      <c r="QCB659" s="613"/>
      <c r="QCC659" s="613"/>
      <c r="QCD659" s="613"/>
      <c r="QCE659" s="613"/>
      <c r="QCF659" s="613"/>
      <c r="QCG659" s="613"/>
      <c r="QCH659" s="613"/>
      <c r="QCI659" s="613"/>
      <c r="QCJ659" s="613"/>
      <c r="QCK659" s="613"/>
      <c r="QCL659" s="613"/>
      <c r="QCM659" s="613"/>
      <c r="QCN659" s="613"/>
      <c r="QCO659" s="613"/>
      <c r="QCP659" s="613"/>
      <c r="QCQ659" s="613"/>
      <c r="QCR659" s="613"/>
      <c r="QCS659" s="613"/>
      <c r="QCT659" s="613"/>
      <c r="QCU659" s="613"/>
      <c r="QCV659" s="613"/>
      <c r="QCW659" s="613"/>
      <c r="QCX659" s="613"/>
      <c r="QCY659" s="613"/>
      <c r="QCZ659" s="613"/>
      <c r="QDA659" s="613"/>
      <c r="QDB659" s="613"/>
      <c r="QDC659" s="613"/>
      <c r="QDD659" s="613"/>
      <c r="QDE659" s="613"/>
      <c r="QDF659" s="613"/>
      <c r="QDG659" s="613"/>
      <c r="QDH659" s="613"/>
      <c r="QDI659" s="613"/>
      <c r="QDJ659" s="613"/>
      <c r="QDK659" s="613"/>
      <c r="QDL659" s="613"/>
      <c r="QDM659" s="613"/>
      <c r="QDN659" s="613"/>
      <c r="QDO659" s="613"/>
      <c r="QDP659" s="613"/>
      <c r="QDQ659" s="613"/>
      <c r="QDR659" s="613"/>
      <c r="QDS659" s="613"/>
      <c r="QDT659" s="613"/>
      <c r="QDU659" s="613"/>
      <c r="QDV659" s="613"/>
      <c r="QDW659" s="613"/>
      <c r="QDX659" s="613"/>
      <c r="QDY659" s="613"/>
      <c r="QDZ659" s="613"/>
      <c r="QEA659" s="613"/>
      <c r="QEB659" s="613"/>
      <c r="QEC659" s="613"/>
      <c r="QED659" s="613"/>
      <c r="QEE659" s="613"/>
      <c r="QEF659" s="613"/>
      <c r="QEG659" s="613"/>
      <c r="QEH659" s="613"/>
      <c r="QEI659" s="613"/>
      <c r="QEJ659" s="613"/>
      <c r="QEK659" s="613"/>
      <c r="QEL659" s="613"/>
      <c r="QEM659" s="613"/>
      <c r="QEN659" s="613"/>
      <c r="QEO659" s="613"/>
      <c r="QEP659" s="613"/>
      <c r="QEQ659" s="613"/>
      <c r="QER659" s="613"/>
      <c r="QES659" s="613"/>
      <c r="QET659" s="613"/>
      <c r="QEU659" s="613"/>
      <c r="QEV659" s="613"/>
      <c r="QEW659" s="613"/>
      <c r="QEX659" s="613"/>
      <c r="QEY659" s="613"/>
      <c r="QEZ659" s="613"/>
      <c r="QFA659" s="613"/>
      <c r="QFB659" s="613"/>
      <c r="QFC659" s="613"/>
      <c r="QFD659" s="613"/>
      <c r="QFE659" s="613"/>
      <c r="QFF659" s="613"/>
      <c r="QFG659" s="613"/>
      <c r="QFH659" s="613"/>
      <c r="QFI659" s="613"/>
      <c r="QFJ659" s="613"/>
      <c r="QFK659" s="613"/>
      <c r="QFL659" s="613"/>
      <c r="QFM659" s="613"/>
      <c r="QFN659" s="613"/>
      <c r="QFO659" s="613"/>
      <c r="QFP659" s="613"/>
      <c r="QFQ659" s="613"/>
      <c r="QFR659" s="613"/>
      <c r="QFS659" s="613"/>
      <c r="QFT659" s="613"/>
      <c r="QFU659" s="613"/>
      <c r="QFV659" s="613"/>
      <c r="QFW659" s="613"/>
      <c r="QFX659" s="613"/>
      <c r="QFY659" s="613"/>
      <c r="QFZ659" s="613"/>
      <c r="QGA659" s="613"/>
      <c r="QGB659" s="613"/>
      <c r="QGC659" s="613"/>
      <c r="QGD659" s="613"/>
      <c r="QGE659" s="613"/>
      <c r="QGF659" s="613"/>
      <c r="QGG659" s="613"/>
      <c r="QGH659" s="613"/>
      <c r="QGI659" s="613"/>
      <c r="QGJ659" s="613"/>
      <c r="QGK659" s="613"/>
      <c r="QGL659" s="613"/>
      <c r="QGM659" s="613"/>
      <c r="QGN659" s="613"/>
      <c r="QGO659" s="613"/>
      <c r="QGP659" s="613"/>
      <c r="QGQ659" s="613"/>
      <c r="QGR659" s="613"/>
      <c r="QGS659" s="613"/>
      <c r="QGT659" s="613"/>
      <c r="QGU659" s="613"/>
      <c r="QGV659" s="613"/>
      <c r="QGW659" s="613"/>
      <c r="QGX659" s="613"/>
      <c r="QGY659" s="613"/>
      <c r="QGZ659" s="613"/>
      <c r="QHA659" s="613"/>
      <c r="QHB659" s="613"/>
      <c r="QHC659" s="613"/>
      <c r="QHD659" s="613"/>
      <c r="QHE659" s="613"/>
      <c r="QHF659" s="613"/>
      <c r="QHG659" s="613"/>
      <c r="QHH659" s="613"/>
      <c r="QHI659" s="613"/>
      <c r="QHJ659" s="613"/>
      <c r="QHK659" s="613"/>
      <c r="QHL659" s="613"/>
      <c r="QHM659" s="613"/>
      <c r="QHN659" s="613"/>
      <c r="QHO659" s="613"/>
      <c r="QHP659" s="613"/>
      <c r="QHQ659" s="613"/>
      <c r="QHR659" s="613"/>
      <c r="QHS659" s="613"/>
      <c r="QHT659" s="613"/>
      <c r="QHU659" s="613"/>
      <c r="QHV659" s="613"/>
      <c r="QHW659" s="613"/>
      <c r="QHX659" s="613"/>
      <c r="QHY659" s="613"/>
      <c r="QHZ659" s="613"/>
      <c r="QIA659" s="613"/>
      <c r="QIB659" s="613"/>
      <c r="QIC659" s="613"/>
      <c r="QID659" s="613"/>
      <c r="QIE659" s="613"/>
      <c r="QIF659" s="613"/>
      <c r="QIG659" s="613"/>
      <c r="QIH659" s="613"/>
      <c r="QII659" s="613"/>
      <c r="QIJ659" s="613"/>
      <c r="QIK659" s="613"/>
      <c r="QIL659" s="613"/>
      <c r="QIM659" s="613"/>
      <c r="QIN659" s="613"/>
      <c r="QIO659" s="613"/>
      <c r="QIP659" s="613"/>
      <c r="QIQ659" s="613"/>
      <c r="QIR659" s="613"/>
      <c r="QIS659" s="613"/>
      <c r="QIT659" s="613"/>
      <c r="QIU659" s="613"/>
      <c r="QIV659" s="613"/>
      <c r="QIW659" s="613"/>
      <c r="QIX659" s="613"/>
      <c r="QIY659" s="613"/>
      <c r="QIZ659" s="613"/>
      <c r="QJA659" s="613"/>
      <c r="QJB659" s="613"/>
      <c r="QJC659" s="613"/>
      <c r="QJD659" s="613"/>
      <c r="QJE659" s="613"/>
      <c r="QJF659" s="613"/>
      <c r="QJG659" s="613"/>
      <c r="QJH659" s="613"/>
      <c r="QJI659" s="613"/>
      <c r="QJJ659" s="613"/>
      <c r="QJK659" s="613"/>
      <c r="QJL659" s="613"/>
      <c r="QJM659" s="613"/>
      <c r="QJN659" s="613"/>
      <c r="QJO659" s="613"/>
      <c r="QJP659" s="613"/>
      <c r="QJQ659" s="613"/>
      <c r="QJR659" s="613"/>
      <c r="QJS659" s="613"/>
      <c r="QJT659" s="613"/>
      <c r="QJU659" s="613"/>
      <c r="QJV659" s="613"/>
      <c r="QJW659" s="613"/>
      <c r="QJX659" s="613"/>
      <c r="QJY659" s="613"/>
      <c r="QJZ659" s="613"/>
      <c r="QKA659" s="613"/>
      <c r="QKB659" s="613"/>
      <c r="QKC659" s="613"/>
      <c r="QKD659" s="613"/>
      <c r="QKE659" s="613"/>
      <c r="QKF659" s="613"/>
      <c r="QKG659" s="613"/>
      <c r="QKH659" s="613"/>
      <c r="QKI659" s="613"/>
      <c r="QKJ659" s="613"/>
      <c r="QKK659" s="613"/>
      <c r="QKL659" s="613"/>
      <c r="QKM659" s="613"/>
      <c r="QKN659" s="613"/>
      <c r="QKO659" s="613"/>
      <c r="QKP659" s="613"/>
      <c r="QKQ659" s="613"/>
      <c r="QKR659" s="613"/>
      <c r="QKS659" s="613"/>
      <c r="QKT659" s="613"/>
      <c r="QKU659" s="613"/>
      <c r="QKV659" s="613"/>
      <c r="QKW659" s="613"/>
      <c r="QKX659" s="613"/>
      <c r="QKY659" s="613"/>
      <c r="QKZ659" s="613"/>
      <c r="QLA659" s="613"/>
      <c r="QLB659" s="613"/>
      <c r="QLC659" s="613"/>
      <c r="QLD659" s="613"/>
      <c r="QLE659" s="613"/>
      <c r="QLF659" s="613"/>
      <c r="QLG659" s="613"/>
      <c r="QLH659" s="613"/>
      <c r="QLI659" s="613"/>
      <c r="QLJ659" s="613"/>
      <c r="QLK659" s="613"/>
      <c r="QLL659" s="613"/>
      <c r="QLM659" s="613"/>
      <c r="QLN659" s="613"/>
      <c r="QLO659" s="613"/>
      <c r="QLP659" s="613"/>
      <c r="QLQ659" s="613"/>
      <c r="QLR659" s="613"/>
      <c r="QLS659" s="613"/>
      <c r="QLT659" s="613"/>
      <c r="QLU659" s="613"/>
      <c r="QLV659" s="613"/>
      <c r="QLW659" s="613"/>
      <c r="QLX659" s="613"/>
      <c r="QLY659" s="613"/>
      <c r="QLZ659" s="613"/>
      <c r="QMA659" s="613"/>
      <c r="QMB659" s="613"/>
      <c r="QMC659" s="613"/>
      <c r="QMD659" s="613"/>
      <c r="QME659" s="613"/>
      <c r="QMF659" s="613"/>
      <c r="QMG659" s="613"/>
      <c r="QMH659" s="613"/>
      <c r="QMI659" s="613"/>
      <c r="QMJ659" s="613"/>
      <c r="QMK659" s="613"/>
      <c r="QML659" s="613"/>
      <c r="QMM659" s="613"/>
      <c r="QMN659" s="613"/>
      <c r="QMO659" s="613"/>
      <c r="QMP659" s="613"/>
      <c r="QMQ659" s="613"/>
      <c r="QMR659" s="613"/>
      <c r="QMS659" s="613"/>
      <c r="QMT659" s="613"/>
      <c r="QMU659" s="613"/>
      <c r="QMV659" s="613"/>
      <c r="QMW659" s="613"/>
      <c r="QMX659" s="613"/>
      <c r="QMY659" s="613"/>
      <c r="QMZ659" s="613"/>
      <c r="QNA659" s="613"/>
      <c r="QNB659" s="613"/>
      <c r="QNC659" s="613"/>
      <c r="QND659" s="613"/>
      <c r="QNE659" s="613"/>
      <c r="QNF659" s="613"/>
      <c r="QNG659" s="613"/>
      <c r="QNH659" s="613"/>
      <c r="QNI659" s="613"/>
      <c r="QNJ659" s="613"/>
      <c r="QNK659" s="613"/>
      <c r="QNL659" s="613"/>
      <c r="QNM659" s="613"/>
      <c r="QNN659" s="613"/>
      <c r="QNO659" s="613"/>
      <c r="QNP659" s="613"/>
      <c r="QNQ659" s="613"/>
      <c r="QNR659" s="613"/>
      <c r="QNS659" s="613"/>
      <c r="QNT659" s="613"/>
      <c r="QNU659" s="613"/>
      <c r="QNV659" s="613"/>
      <c r="QNW659" s="613"/>
      <c r="QNX659" s="613"/>
      <c r="QNY659" s="613"/>
      <c r="QNZ659" s="613"/>
      <c r="QOA659" s="613"/>
      <c r="QOB659" s="613"/>
      <c r="QOC659" s="613"/>
      <c r="QOD659" s="613"/>
      <c r="QOE659" s="613"/>
      <c r="QOF659" s="613"/>
      <c r="QOG659" s="613"/>
      <c r="QOH659" s="613"/>
      <c r="QOI659" s="613"/>
      <c r="QOJ659" s="613"/>
      <c r="QOK659" s="613"/>
      <c r="QOL659" s="613"/>
      <c r="QOM659" s="613"/>
      <c r="QON659" s="613"/>
      <c r="QOO659" s="613"/>
      <c r="QOP659" s="613"/>
      <c r="QOQ659" s="613"/>
      <c r="QOR659" s="613"/>
      <c r="QOS659" s="613"/>
      <c r="QOT659" s="613"/>
      <c r="QOU659" s="613"/>
      <c r="QOV659" s="613"/>
      <c r="QOW659" s="613"/>
      <c r="QOX659" s="613"/>
      <c r="QOY659" s="613"/>
      <c r="QOZ659" s="613"/>
      <c r="QPA659" s="613"/>
      <c r="QPB659" s="613"/>
      <c r="QPC659" s="613"/>
      <c r="QPD659" s="613"/>
      <c r="QPE659" s="613"/>
      <c r="QPF659" s="613"/>
      <c r="QPG659" s="613"/>
      <c r="QPH659" s="613"/>
      <c r="QPI659" s="613"/>
      <c r="QPJ659" s="613"/>
      <c r="QPK659" s="613"/>
      <c r="QPL659" s="613"/>
      <c r="QPM659" s="613"/>
      <c r="QPN659" s="613"/>
      <c r="QPO659" s="613"/>
      <c r="QPP659" s="613"/>
      <c r="QPQ659" s="613"/>
      <c r="QPR659" s="613"/>
      <c r="QPS659" s="613"/>
      <c r="QPT659" s="613"/>
      <c r="QPU659" s="613"/>
      <c r="QPV659" s="613"/>
      <c r="QPW659" s="613"/>
      <c r="QPX659" s="613"/>
      <c r="QPY659" s="613"/>
      <c r="QPZ659" s="613"/>
      <c r="QQA659" s="613"/>
      <c r="QQB659" s="613"/>
      <c r="QQC659" s="613"/>
      <c r="QQD659" s="613"/>
      <c r="QQE659" s="613"/>
      <c r="QQF659" s="613"/>
      <c r="QQG659" s="613"/>
      <c r="QQH659" s="613"/>
      <c r="QQI659" s="613"/>
      <c r="QQJ659" s="613"/>
      <c r="QQK659" s="613"/>
      <c r="QQL659" s="613"/>
      <c r="QQM659" s="613"/>
      <c r="QQN659" s="613"/>
      <c r="QQO659" s="613"/>
      <c r="QQP659" s="613"/>
      <c r="QQQ659" s="613"/>
      <c r="QQR659" s="613"/>
      <c r="QQS659" s="613"/>
      <c r="QQT659" s="613"/>
      <c r="QQU659" s="613"/>
      <c r="QQV659" s="613"/>
      <c r="QQW659" s="613"/>
      <c r="QQX659" s="613"/>
      <c r="QQY659" s="613"/>
      <c r="QQZ659" s="613"/>
      <c r="QRA659" s="613"/>
      <c r="QRB659" s="613"/>
      <c r="QRC659" s="613"/>
      <c r="QRD659" s="613"/>
      <c r="QRE659" s="613"/>
      <c r="QRF659" s="613"/>
      <c r="QRG659" s="613"/>
      <c r="QRH659" s="613"/>
      <c r="QRI659" s="613"/>
      <c r="QRJ659" s="613"/>
      <c r="QRK659" s="613"/>
      <c r="QRL659" s="613"/>
      <c r="QRM659" s="613"/>
      <c r="QRN659" s="613"/>
      <c r="QRO659" s="613"/>
      <c r="QRP659" s="613"/>
      <c r="QRQ659" s="613"/>
      <c r="QRR659" s="613"/>
      <c r="QRS659" s="613"/>
      <c r="QRT659" s="613"/>
      <c r="QRU659" s="613"/>
      <c r="QRV659" s="613"/>
      <c r="QRW659" s="613"/>
      <c r="QRX659" s="613"/>
      <c r="QRY659" s="613"/>
      <c r="QRZ659" s="613"/>
      <c r="QSA659" s="613"/>
      <c r="QSB659" s="613"/>
      <c r="QSC659" s="613"/>
      <c r="QSD659" s="613"/>
      <c r="QSE659" s="613"/>
      <c r="QSF659" s="613"/>
      <c r="QSG659" s="613"/>
      <c r="QSH659" s="613"/>
      <c r="QSI659" s="613"/>
      <c r="QSJ659" s="613"/>
      <c r="QSK659" s="613"/>
      <c r="QSL659" s="613"/>
      <c r="QSM659" s="613"/>
      <c r="QSN659" s="613"/>
      <c r="QSO659" s="613"/>
      <c r="QSP659" s="613"/>
      <c r="QSQ659" s="613"/>
      <c r="QSR659" s="613"/>
      <c r="QSS659" s="613"/>
      <c r="QST659" s="613"/>
      <c r="QSU659" s="613"/>
      <c r="QSV659" s="613"/>
      <c r="QSW659" s="613"/>
      <c r="QSX659" s="613"/>
      <c r="QSY659" s="613"/>
      <c r="QSZ659" s="613"/>
      <c r="QTA659" s="613"/>
      <c r="QTB659" s="613"/>
      <c r="QTC659" s="613"/>
      <c r="QTD659" s="613"/>
      <c r="QTE659" s="613"/>
      <c r="QTF659" s="613"/>
      <c r="QTG659" s="613"/>
      <c r="QTH659" s="613"/>
      <c r="QTI659" s="613"/>
      <c r="QTJ659" s="613"/>
      <c r="QTK659" s="613"/>
      <c r="QTL659" s="613"/>
      <c r="QTM659" s="613"/>
      <c r="QTN659" s="613"/>
      <c r="QTO659" s="613"/>
      <c r="QTP659" s="613"/>
      <c r="QTQ659" s="613"/>
      <c r="QTR659" s="613"/>
      <c r="QTS659" s="613"/>
      <c r="QTT659" s="613"/>
      <c r="QTU659" s="613"/>
      <c r="QTV659" s="613"/>
      <c r="QTW659" s="613"/>
      <c r="QTX659" s="613"/>
      <c r="QTY659" s="613"/>
      <c r="QTZ659" s="613"/>
      <c r="QUA659" s="613"/>
      <c r="QUB659" s="613"/>
      <c r="QUC659" s="613"/>
      <c r="QUD659" s="613"/>
      <c r="QUE659" s="613"/>
      <c r="QUF659" s="613"/>
      <c r="QUG659" s="613"/>
      <c r="QUH659" s="613"/>
      <c r="QUI659" s="613"/>
      <c r="QUJ659" s="613"/>
      <c r="QUK659" s="613"/>
      <c r="QUL659" s="613"/>
      <c r="QUM659" s="613"/>
      <c r="QUN659" s="613"/>
      <c r="QUO659" s="613"/>
      <c r="QUP659" s="613"/>
      <c r="QUQ659" s="613"/>
      <c r="QUR659" s="613"/>
      <c r="QUS659" s="613"/>
      <c r="QUT659" s="613"/>
      <c r="QUU659" s="613"/>
      <c r="QUV659" s="613"/>
      <c r="QUW659" s="613"/>
      <c r="QUX659" s="613"/>
      <c r="QUY659" s="613"/>
      <c r="QUZ659" s="613"/>
      <c r="QVA659" s="613"/>
      <c r="QVB659" s="613"/>
      <c r="QVC659" s="613"/>
      <c r="QVD659" s="613"/>
      <c r="QVE659" s="613"/>
      <c r="QVF659" s="613"/>
      <c r="QVG659" s="613"/>
      <c r="QVH659" s="613"/>
      <c r="QVI659" s="613"/>
      <c r="QVJ659" s="613"/>
      <c r="QVK659" s="613"/>
      <c r="QVL659" s="613"/>
      <c r="QVM659" s="613"/>
      <c r="QVN659" s="613"/>
      <c r="QVO659" s="613"/>
      <c r="QVP659" s="613"/>
      <c r="QVQ659" s="613"/>
      <c r="QVR659" s="613"/>
      <c r="QVS659" s="613"/>
      <c r="QVT659" s="613"/>
      <c r="QVU659" s="613"/>
      <c r="QVV659" s="613"/>
      <c r="QVW659" s="613"/>
      <c r="QVX659" s="613"/>
      <c r="QVY659" s="613"/>
      <c r="QVZ659" s="613"/>
      <c r="QWA659" s="613"/>
      <c r="QWB659" s="613"/>
      <c r="QWC659" s="613"/>
      <c r="QWD659" s="613"/>
      <c r="QWE659" s="613"/>
      <c r="QWF659" s="613"/>
      <c r="QWG659" s="613"/>
      <c r="QWH659" s="613"/>
      <c r="QWI659" s="613"/>
      <c r="QWJ659" s="613"/>
      <c r="QWK659" s="613"/>
      <c r="QWL659" s="613"/>
      <c r="QWM659" s="613"/>
      <c r="QWN659" s="613"/>
      <c r="QWO659" s="613"/>
      <c r="QWP659" s="613"/>
      <c r="QWQ659" s="613"/>
      <c r="QWR659" s="613"/>
      <c r="QWS659" s="613"/>
      <c r="QWT659" s="613"/>
      <c r="QWU659" s="613"/>
      <c r="QWV659" s="613"/>
      <c r="QWW659" s="613"/>
      <c r="QWX659" s="613"/>
      <c r="QWY659" s="613"/>
      <c r="QWZ659" s="613"/>
      <c r="QXA659" s="613"/>
      <c r="QXB659" s="613"/>
      <c r="QXC659" s="613"/>
      <c r="QXD659" s="613"/>
      <c r="QXE659" s="613"/>
      <c r="QXF659" s="613"/>
      <c r="QXG659" s="613"/>
      <c r="QXH659" s="613"/>
      <c r="QXI659" s="613"/>
      <c r="QXJ659" s="613"/>
      <c r="QXK659" s="613"/>
      <c r="QXL659" s="613"/>
      <c r="QXM659" s="613"/>
      <c r="QXN659" s="613"/>
      <c r="QXO659" s="613"/>
      <c r="QXP659" s="613"/>
      <c r="QXQ659" s="613"/>
      <c r="QXR659" s="613"/>
      <c r="QXS659" s="613"/>
      <c r="QXT659" s="613"/>
      <c r="QXU659" s="613"/>
      <c r="QXV659" s="613"/>
      <c r="QXW659" s="613"/>
      <c r="QXX659" s="613"/>
      <c r="QXY659" s="613"/>
      <c r="QXZ659" s="613"/>
      <c r="QYA659" s="613"/>
      <c r="QYB659" s="613"/>
      <c r="QYC659" s="613"/>
      <c r="QYD659" s="613"/>
      <c r="QYE659" s="613"/>
      <c r="QYF659" s="613"/>
      <c r="QYG659" s="613"/>
      <c r="QYH659" s="613"/>
      <c r="QYI659" s="613"/>
      <c r="QYJ659" s="613"/>
      <c r="QYK659" s="613"/>
      <c r="QYL659" s="613"/>
      <c r="QYM659" s="613"/>
      <c r="QYN659" s="613"/>
      <c r="QYO659" s="613"/>
      <c r="QYP659" s="613"/>
      <c r="QYQ659" s="613"/>
      <c r="QYR659" s="613"/>
      <c r="QYS659" s="613"/>
      <c r="QYT659" s="613"/>
      <c r="QYU659" s="613"/>
      <c r="QYV659" s="613"/>
      <c r="QYW659" s="613"/>
      <c r="QYX659" s="613"/>
      <c r="QYY659" s="613"/>
      <c r="QYZ659" s="613"/>
      <c r="QZA659" s="613"/>
      <c r="QZB659" s="613"/>
      <c r="QZC659" s="613"/>
      <c r="QZD659" s="613"/>
      <c r="QZE659" s="613"/>
      <c r="QZF659" s="613"/>
      <c r="QZG659" s="613"/>
      <c r="QZH659" s="613"/>
      <c r="QZI659" s="613"/>
      <c r="QZJ659" s="613"/>
      <c r="QZK659" s="613"/>
      <c r="QZL659" s="613"/>
      <c r="QZM659" s="613"/>
      <c r="QZN659" s="613"/>
      <c r="QZO659" s="613"/>
      <c r="QZP659" s="613"/>
      <c r="QZQ659" s="613"/>
      <c r="QZR659" s="613"/>
      <c r="QZS659" s="613"/>
      <c r="QZT659" s="613"/>
      <c r="QZU659" s="613"/>
      <c r="QZV659" s="613"/>
      <c r="QZW659" s="613"/>
      <c r="QZX659" s="613"/>
      <c r="QZY659" s="613"/>
      <c r="QZZ659" s="613"/>
      <c r="RAA659" s="613"/>
      <c r="RAB659" s="613"/>
      <c r="RAC659" s="613"/>
      <c r="RAD659" s="613"/>
      <c r="RAE659" s="613"/>
      <c r="RAF659" s="613"/>
      <c r="RAG659" s="613"/>
      <c r="RAH659" s="613"/>
      <c r="RAI659" s="613"/>
      <c r="RAJ659" s="613"/>
      <c r="RAK659" s="613"/>
      <c r="RAL659" s="613"/>
      <c r="RAM659" s="613"/>
      <c r="RAN659" s="613"/>
      <c r="RAO659" s="613"/>
      <c r="RAP659" s="613"/>
      <c r="RAQ659" s="613"/>
      <c r="RAR659" s="613"/>
      <c r="RAS659" s="613"/>
      <c r="RAT659" s="613"/>
      <c r="RAU659" s="613"/>
      <c r="RAV659" s="613"/>
      <c r="RAW659" s="613"/>
      <c r="RAX659" s="613"/>
      <c r="RAY659" s="613"/>
      <c r="RAZ659" s="613"/>
      <c r="RBA659" s="613"/>
      <c r="RBB659" s="613"/>
      <c r="RBC659" s="613"/>
      <c r="RBD659" s="613"/>
      <c r="RBE659" s="613"/>
      <c r="RBF659" s="613"/>
      <c r="RBG659" s="613"/>
      <c r="RBH659" s="613"/>
      <c r="RBI659" s="613"/>
      <c r="RBJ659" s="613"/>
      <c r="RBK659" s="613"/>
      <c r="RBL659" s="613"/>
      <c r="RBM659" s="613"/>
      <c r="RBN659" s="613"/>
      <c r="RBO659" s="613"/>
      <c r="RBP659" s="613"/>
      <c r="RBQ659" s="613"/>
      <c r="RBR659" s="613"/>
      <c r="RBS659" s="613"/>
      <c r="RBT659" s="613"/>
      <c r="RBU659" s="613"/>
      <c r="RBV659" s="613"/>
      <c r="RBW659" s="613"/>
      <c r="RBX659" s="613"/>
      <c r="RBY659" s="613"/>
      <c r="RBZ659" s="613"/>
      <c r="RCA659" s="613"/>
      <c r="RCB659" s="613"/>
      <c r="RCC659" s="613"/>
      <c r="RCD659" s="613"/>
      <c r="RCE659" s="613"/>
      <c r="RCF659" s="613"/>
      <c r="RCG659" s="613"/>
      <c r="RCH659" s="613"/>
      <c r="RCI659" s="613"/>
      <c r="RCJ659" s="613"/>
      <c r="RCK659" s="613"/>
      <c r="RCL659" s="613"/>
      <c r="RCM659" s="613"/>
      <c r="RCN659" s="613"/>
      <c r="RCO659" s="613"/>
      <c r="RCP659" s="613"/>
      <c r="RCQ659" s="613"/>
      <c r="RCR659" s="613"/>
      <c r="RCS659" s="613"/>
      <c r="RCT659" s="613"/>
      <c r="RCU659" s="613"/>
      <c r="RCV659" s="613"/>
      <c r="RCW659" s="613"/>
      <c r="RCX659" s="613"/>
      <c r="RCY659" s="613"/>
      <c r="RCZ659" s="613"/>
      <c r="RDA659" s="613"/>
      <c r="RDB659" s="613"/>
      <c r="RDC659" s="613"/>
      <c r="RDD659" s="613"/>
      <c r="RDE659" s="613"/>
      <c r="RDF659" s="613"/>
      <c r="RDG659" s="613"/>
      <c r="RDH659" s="613"/>
      <c r="RDI659" s="613"/>
      <c r="RDJ659" s="613"/>
      <c r="RDK659" s="613"/>
      <c r="RDL659" s="613"/>
      <c r="RDM659" s="613"/>
      <c r="RDN659" s="613"/>
      <c r="RDO659" s="613"/>
      <c r="RDP659" s="613"/>
      <c r="RDQ659" s="613"/>
      <c r="RDR659" s="613"/>
      <c r="RDS659" s="613"/>
      <c r="RDT659" s="613"/>
      <c r="RDU659" s="613"/>
      <c r="RDV659" s="613"/>
      <c r="RDW659" s="613"/>
      <c r="RDX659" s="613"/>
      <c r="RDY659" s="613"/>
      <c r="RDZ659" s="613"/>
      <c r="REA659" s="613"/>
      <c r="REB659" s="613"/>
      <c r="REC659" s="613"/>
      <c r="RED659" s="613"/>
      <c r="REE659" s="613"/>
      <c r="REF659" s="613"/>
      <c r="REG659" s="613"/>
      <c r="REH659" s="613"/>
      <c r="REI659" s="613"/>
      <c r="REJ659" s="613"/>
      <c r="REK659" s="613"/>
      <c r="REL659" s="613"/>
      <c r="REM659" s="613"/>
      <c r="REN659" s="613"/>
      <c r="REO659" s="613"/>
      <c r="REP659" s="613"/>
      <c r="REQ659" s="613"/>
      <c r="RER659" s="613"/>
      <c r="RES659" s="613"/>
      <c r="RET659" s="613"/>
      <c r="REU659" s="613"/>
      <c r="REV659" s="613"/>
      <c r="REW659" s="613"/>
      <c r="REX659" s="613"/>
      <c r="REY659" s="613"/>
      <c r="REZ659" s="613"/>
      <c r="RFA659" s="613"/>
      <c r="RFB659" s="613"/>
      <c r="RFC659" s="613"/>
      <c r="RFD659" s="613"/>
      <c r="RFE659" s="613"/>
      <c r="RFF659" s="613"/>
      <c r="RFG659" s="613"/>
      <c r="RFH659" s="613"/>
      <c r="RFI659" s="613"/>
      <c r="RFJ659" s="613"/>
      <c r="RFK659" s="613"/>
      <c r="RFL659" s="613"/>
      <c r="RFM659" s="613"/>
      <c r="RFN659" s="613"/>
      <c r="RFO659" s="613"/>
      <c r="RFP659" s="613"/>
      <c r="RFQ659" s="613"/>
      <c r="RFR659" s="613"/>
      <c r="RFS659" s="613"/>
      <c r="RFT659" s="613"/>
      <c r="RFU659" s="613"/>
      <c r="RFV659" s="613"/>
      <c r="RFW659" s="613"/>
      <c r="RFX659" s="613"/>
      <c r="RFY659" s="613"/>
      <c r="RFZ659" s="613"/>
      <c r="RGA659" s="613"/>
      <c r="RGB659" s="613"/>
      <c r="RGC659" s="613"/>
      <c r="RGD659" s="613"/>
      <c r="RGE659" s="613"/>
      <c r="RGF659" s="613"/>
      <c r="RGG659" s="613"/>
      <c r="RGH659" s="613"/>
      <c r="RGI659" s="613"/>
      <c r="RGJ659" s="613"/>
      <c r="RGK659" s="613"/>
      <c r="RGL659" s="613"/>
      <c r="RGM659" s="613"/>
      <c r="RGN659" s="613"/>
      <c r="RGO659" s="613"/>
      <c r="RGP659" s="613"/>
      <c r="RGQ659" s="613"/>
      <c r="RGR659" s="613"/>
      <c r="RGS659" s="613"/>
      <c r="RGT659" s="613"/>
      <c r="RGU659" s="613"/>
      <c r="RGV659" s="613"/>
      <c r="RGW659" s="613"/>
      <c r="RGX659" s="613"/>
      <c r="RGY659" s="613"/>
      <c r="RGZ659" s="613"/>
      <c r="RHA659" s="613"/>
      <c r="RHB659" s="613"/>
      <c r="RHC659" s="613"/>
      <c r="RHD659" s="613"/>
      <c r="RHE659" s="613"/>
      <c r="RHF659" s="613"/>
      <c r="RHG659" s="613"/>
      <c r="RHH659" s="613"/>
      <c r="RHI659" s="613"/>
      <c r="RHJ659" s="613"/>
      <c r="RHK659" s="613"/>
      <c r="RHL659" s="613"/>
      <c r="RHM659" s="613"/>
      <c r="RHN659" s="613"/>
      <c r="RHO659" s="613"/>
      <c r="RHP659" s="613"/>
      <c r="RHQ659" s="613"/>
      <c r="RHR659" s="613"/>
      <c r="RHS659" s="613"/>
      <c r="RHT659" s="613"/>
      <c r="RHU659" s="613"/>
      <c r="RHV659" s="613"/>
      <c r="RHW659" s="613"/>
      <c r="RHX659" s="613"/>
      <c r="RHY659" s="613"/>
      <c r="RHZ659" s="613"/>
      <c r="RIA659" s="613"/>
      <c r="RIB659" s="613"/>
      <c r="RIC659" s="613"/>
      <c r="RID659" s="613"/>
      <c r="RIE659" s="613"/>
      <c r="RIF659" s="613"/>
      <c r="RIG659" s="613"/>
      <c r="RIH659" s="613"/>
      <c r="RII659" s="613"/>
      <c r="RIJ659" s="613"/>
      <c r="RIK659" s="613"/>
      <c r="RIL659" s="613"/>
      <c r="RIM659" s="613"/>
      <c r="RIN659" s="613"/>
      <c r="RIO659" s="613"/>
      <c r="RIP659" s="613"/>
      <c r="RIQ659" s="613"/>
      <c r="RIR659" s="613"/>
      <c r="RIS659" s="613"/>
      <c r="RIT659" s="613"/>
      <c r="RIU659" s="613"/>
      <c r="RIV659" s="613"/>
      <c r="RIW659" s="613"/>
      <c r="RIX659" s="613"/>
      <c r="RIY659" s="613"/>
      <c r="RIZ659" s="613"/>
      <c r="RJA659" s="613"/>
      <c r="RJB659" s="613"/>
      <c r="RJC659" s="613"/>
      <c r="RJD659" s="613"/>
      <c r="RJE659" s="613"/>
      <c r="RJF659" s="613"/>
      <c r="RJG659" s="613"/>
      <c r="RJH659" s="613"/>
      <c r="RJI659" s="613"/>
      <c r="RJJ659" s="613"/>
      <c r="RJK659" s="613"/>
      <c r="RJL659" s="613"/>
      <c r="RJM659" s="613"/>
      <c r="RJN659" s="613"/>
      <c r="RJO659" s="613"/>
      <c r="RJP659" s="613"/>
      <c r="RJQ659" s="613"/>
      <c r="RJR659" s="613"/>
      <c r="RJS659" s="613"/>
      <c r="RJT659" s="613"/>
      <c r="RJU659" s="613"/>
      <c r="RJV659" s="613"/>
      <c r="RJW659" s="613"/>
      <c r="RJX659" s="613"/>
      <c r="RJY659" s="613"/>
      <c r="RJZ659" s="613"/>
      <c r="RKA659" s="613"/>
      <c r="RKB659" s="613"/>
      <c r="RKC659" s="613"/>
      <c r="RKD659" s="613"/>
      <c r="RKE659" s="613"/>
      <c r="RKF659" s="613"/>
      <c r="RKG659" s="613"/>
      <c r="RKH659" s="613"/>
      <c r="RKI659" s="613"/>
      <c r="RKJ659" s="613"/>
      <c r="RKK659" s="613"/>
      <c r="RKL659" s="613"/>
      <c r="RKM659" s="613"/>
      <c r="RKN659" s="613"/>
      <c r="RKO659" s="613"/>
      <c r="RKP659" s="613"/>
      <c r="RKQ659" s="613"/>
      <c r="RKR659" s="613"/>
      <c r="RKS659" s="613"/>
      <c r="RKT659" s="613"/>
      <c r="RKU659" s="613"/>
      <c r="RKV659" s="613"/>
      <c r="RKW659" s="613"/>
      <c r="RKX659" s="613"/>
      <c r="RKY659" s="613"/>
      <c r="RKZ659" s="613"/>
      <c r="RLA659" s="613"/>
      <c r="RLB659" s="613"/>
      <c r="RLC659" s="613"/>
      <c r="RLD659" s="613"/>
      <c r="RLE659" s="613"/>
      <c r="RLF659" s="613"/>
      <c r="RLG659" s="613"/>
      <c r="RLH659" s="613"/>
      <c r="RLI659" s="613"/>
      <c r="RLJ659" s="613"/>
      <c r="RLK659" s="613"/>
      <c r="RLL659" s="613"/>
      <c r="RLM659" s="613"/>
      <c r="RLN659" s="613"/>
      <c r="RLO659" s="613"/>
      <c r="RLP659" s="613"/>
      <c r="RLQ659" s="613"/>
      <c r="RLR659" s="613"/>
      <c r="RLS659" s="613"/>
      <c r="RLT659" s="613"/>
      <c r="RLU659" s="613"/>
      <c r="RLV659" s="613"/>
      <c r="RLW659" s="613"/>
      <c r="RLX659" s="613"/>
      <c r="RLY659" s="613"/>
      <c r="RLZ659" s="613"/>
      <c r="RMA659" s="613"/>
      <c r="RMB659" s="613"/>
      <c r="RMC659" s="613"/>
      <c r="RMD659" s="613"/>
      <c r="RME659" s="613"/>
      <c r="RMF659" s="613"/>
      <c r="RMG659" s="613"/>
      <c r="RMH659" s="613"/>
      <c r="RMI659" s="613"/>
      <c r="RMJ659" s="613"/>
      <c r="RMK659" s="613"/>
      <c r="RML659" s="613"/>
      <c r="RMM659" s="613"/>
      <c r="RMN659" s="613"/>
      <c r="RMO659" s="613"/>
      <c r="RMP659" s="613"/>
      <c r="RMQ659" s="613"/>
      <c r="RMR659" s="613"/>
      <c r="RMS659" s="613"/>
      <c r="RMT659" s="613"/>
      <c r="RMU659" s="613"/>
      <c r="RMV659" s="613"/>
      <c r="RMW659" s="613"/>
      <c r="RMX659" s="613"/>
      <c r="RMY659" s="613"/>
      <c r="RMZ659" s="613"/>
      <c r="RNA659" s="613"/>
      <c r="RNB659" s="613"/>
      <c r="RNC659" s="613"/>
      <c r="RND659" s="613"/>
      <c r="RNE659" s="613"/>
      <c r="RNF659" s="613"/>
      <c r="RNG659" s="613"/>
      <c r="RNH659" s="613"/>
      <c r="RNI659" s="613"/>
      <c r="RNJ659" s="613"/>
      <c r="RNK659" s="613"/>
      <c r="RNL659" s="613"/>
      <c r="RNM659" s="613"/>
      <c r="RNN659" s="613"/>
      <c r="RNO659" s="613"/>
      <c r="RNP659" s="613"/>
      <c r="RNQ659" s="613"/>
      <c r="RNR659" s="613"/>
      <c r="RNS659" s="613"/>
      <c r="RNT659" s="613"/>
      <c r="RNU659" s="613"/>
      <c r="RNV659" s="613"/>
      <c r="RNW659" s="613"/>
      <c r="RNX659" s="613"/>
      <c r="RNY659" s="613"/>
      <c r="RNZ659" s="613"/>
      <c r="ROA659" s="613"/>
      <c r="ROB659" s="613"/>
      <c r="ROC659" s="613"/>
      <c r="ROD659" s="613"/>
      <c r="ROE659" s="613"/>
      <c r="ROF659" s="613"/>
      <c r="ROG659" s="613"/>
      <c r="ROH659" s="613"/>
      <c r="ROI659" s="613"/>
      <c r="ROJ659" s="613"/>
      <c r="ROK659" s="613"/>
      <c r="ROL659" s="613"/>
      <c r="ROM659" s="613"/>
      <c r="RON659" s="613"/>
      <c r="ROO659" s="613"/>
      <c r="ROP659" s="613"/>
      <c r="ROQ659" s="613"/>
      <c r="ROR659" s="613"/>
      <c r="ROS659" s="613"/>
      <c r="ROT659" s="613"/>
      <c r="ROU659" s="613"/>
      <c r="ROV659" s="613"/>
      <c r="ROW659" s="613"/>
      <c r="ROX659" s="613"/>
      <c r="ROY659" s="613"/>
      <c r="ROZ659" s="613"/>
      <c r="RPA659" s="613"/>
      <c r="RPB659" s="613"/>
      <c r="RPC659" s="613"/>
      <c r="RPD659" s="613"/>
      <c r="RPE659" s="613"/>
      <c r="RPF659" s="613"/>
      <c r="RPG659" s="613"/>
      <c r="RPH659" s="613"/>
      <c r="RPI659" s="613"/>
      <c r="RPJ659" s="613"/>
      <c r="RPK659" s="613"/>
      <c r="RPL659" s="613"/>
      <c r="RPM659" s="613"/>
      <c r="RPN659" s="613"/>
      <c r="RPO659" s="613"/>
      <c r="RPP659" s="613"/>
      <c r="RPQ659" s="613"/>
      <c r="RPR659" s="613"/>
      <c r="RPS659" s="613"/>
      <c r="RPT659" s="613"/>
      <c r="RPU659" s="613"/>
      <c r="RPV659" s="613"/>
      <c r="RPW659" s="613"/>
      <c r="RPX659" s="613"/>
      <c r="RPY659" s="613"/>
      <c r="RPZ659" s="613"/>
      <c r="RQA659" s="613"/>
      <c r="RQB659" s="613"/>
      <c r="RQC659" s="613"/>
      <c r="RQD659" s="613"/>
      <c r="RQE659" s="613"/>
      <c r="RQF659" s="613"/>
      <c r="RQG659" s="613"/>
      <c r="RQH659" s="613"/>
      <c r="RQI659" s="613"/>
      <c r="RQJ659" s="613"/>
      <c r="RQK659" s="613"/>
      <c r="RQL659" s="613"/>
      <c r="RQM659" s="613"/>
      <c r="RQN659" s="613"/>
      <c r="RQO659" s="613"/>
      <c r="RQP659" s="613"/>
      <c r="RQQ659" s="613"/>
      <c r="RQR659" s="613"/>
      <c r="RQS659" s="613"/>
      <c r="RQT659" s="613"/>
      <c r="RQU659" s="613"/>
      <c r="RQV659" s="613"/>
      <c r="RQW659" s="613"/>
      <c r="RQX659" s="613"/>
      <c r="RQY659" s="613"/>
      <c r="RQZ659" s="613"/>
      <c r="RRA659" s="613"/>
      <c r="RRB659" s="613"/>
      <c r="RRC659" s="613"/>
      <c r="RRD659" s="613"/>
      <c r="RRE659" s="613"/>
      <c r="RRF659" s="613"/>
      <c r="RRG659" s="613"/>
      <c r="RRH659" s="613"/>
      <c r="RRI659" s="613"/>
      <c r="RRJ659" s="613"/>
      <c r="RRK659" s="613"/>
      <c r="RRL659" s="613"/>
      <c r="RRM659" s="613"/>
      <c r="RRN659" s="613"/>
      <c r="RRO659" s="613"/>
      <c r="RRP659" s="613"/>
      <c r="RRQ659" s="613"/>
      <c r="RRR659" s="613"/>
      <c r="RRS659" s="613"/>
      <c r="RRT659" s="613"/>
      <c r="RRU659" s="613"/>
      <c r="RRV659" s="613"/>
      <c r="RRW659" s="613"/>
      <c r="RRX659" s="613"/>
      <c r="RRY659" s="613"/>
      <c r="RRZ659" s="613"/>
      <c r="RSA659" s="613"/>
      <c r="RSB659" s="613"/>
      <c r="RSC659" s="613"/>
      <c r="RSD659" s="613"/>
      <c r="RSE659" s="613"/>
      <c r="RSF659" s="613"/>
      <c r="RSG659" s="613"/>
      <c r="RSH659" s="613"/>
      <c r="RSI659" s="613"/>
      <c r="RSJ659" s="613"/>
      <c r="RSK659" s="613"/>
      <c r="RSL659" s="613"/>
      <c r="RSM659" s="613"/>
      <c r="RSN659" s="613"/>
      <c r="RSO659" s="613"/>
      <c r="RSP659" s="613"/>
      <c r="RSQ659" s="613"/>
      <c r="RSR659" s="613"/>
      <c r="RSS659" s="613"/>
      <c r="RST659" s="613"/>
      <c r="RSU659" s="613"/>
      <c r="RSV659" s="613"/>
      <c r="RSW659" s="613"/>
      <c r="RSX659" s="613"/>
      <c r="RSY659" s="613"/>
      <c r="RSZ659" s="613"/>
      <c r="RTA659" s="613"/>
      <c r="RTB659" s="613"/>
      <c r="RTC659" s="613"/>
      <c r="RTD659" s="613"/>
      <c r="RTE659" s="613"/>
      <c r="RTF659" s="613"/>
      <c r="RTG659" s="613"/>
      <c r="RTH659" s="613"/>
      <c r="RTI659" s="613"/>
      <c r="RTJ659" s="613"/>
      <c r="RTK659" s="613"/>
      <c r="RTL659" s="613"/>
      <c r="RTM659" s="613"/>
      <c r="RTN659" s="613"/>
      <c r="RTO659" s="613"/>
      <c r="RTP659" s="613"/>
      <c r="RTQ659" s="613"/>
      <c r="RTR659" s="613"/>
      <c r="RTS659" s="613"/>
      <c r="RTT659" s="613"/>
      <c r="RTU659" s="613"/>
      <c r="RTV659" s="613"/>
      <c r="RTW659" s="613"/>
      <c r="RTX659" s="613"/>
      <c r="RTY659" s="613"/>
      <c r="RTZ659" s="613"/>
      <c r="RUA659" s="613"/>
      <c r="RUB659" s="613"/>
      <c r="RUC659" s="613"/>
      <c r="RUD659" s="613"/>
      <c r="RUE659" s="613"/>
      <c r="RUF659" s="613"/>
      <c r="RUG659" s="613"/>
      <c r="RUH659" s="613"/>
      <c r="RUI659" s="613"/>
      <c r="RUJ659" s="613"/>
      <c r="RUK659" s="613"/>
      <c r="RUL659" s="613"/>
      <c r="RUM659" s="613"/>
      <c r="RUN659" s="613"/>
      <c r="RUO659" s="613"/>
      <c r="RUP659" s="613"/>
      <c r="RUQ659" s="613"/>
      <c r="RUR659" s="613"/>
      <c r="RUS659" s="613"/>
      <c r="RUT659" s="613"/>
      <c r="RUU659" s="613"/>
      <c r="RUV659" s="613"/>
      <c r="RUW659" s="613"/>
      <c r="RUX659" s="613"/>
      <c r="RUY659" s="613"/>
      <c r="RUZ659" s="613"/>
      <c r="RVA659" s="613"/>
      <c r="RVB659" s="613"/>
      <c r="RVC659" s="613"/>
      <c r="RVD659" s="613"/>
      <c r="RVE659" s="613"/>
      <c r="RVF659" s="613"/>
      <c r="RVG659" s="613"/>
      <c r="RVH659" s="613"/>
      <c r="RVI659" s="613"/>
      <c r="RVJ659" s="613"/>
      <c r="RVK659" s="613"/>
      <c r="RVL659" s="613"/>
      <c r="RVM659" s="613"/>
      <c r="RVN659" s="613"/>
      <c r="RVO659" s="613"/>
      <c r="RVP659" s="613"/>
      <c r="RVQ659" s="613"/>
      <c r="RVR659" s="613"/>
      <c r="RVS659" s="613"/>
      <c r="RVT659" s="613"/>
      <c r="RVU659" s="613"/>
      <c r="RVV659" s="613"/>
      <c r="RVW659" s="613"/>
      <c r="RVX659" s="613"/>
      <c r="RVY659" s="613"/>
      <c r="RVZ659" s="613"/>
      <c r="RWA659" s="613"/>
      <c r="RWB659" s="613"/>
      <c r="RWC659" s="613"/>
      <c r="RWD659" s="613"/>
      <c r="RWE659" s="613"/>
      <c r="RWF659" s="613"/>
      <c r="RWG659" s="613"/>
      <c r="RWH659" s="613"/>
      <c r="RWI659" s="613"/>
      <c r="RWJ659" s="613"/>
      <c r="RWK659" s="613"/>
      <c r="RWL659" s="613"/>
      <c r="RWM659" s="613"/>
      <c r="RWN659" s="613"/>
      <c r="RWO659" s="613"/>
      <c r="RWP659" s="613"/>
      <c r="RWQ659" s="613"/>
      <c r="RWR659" s="613"/>
      <c r="RWS659" s="613"/>
      <c r="RWT659" s="613"/>
      <c r="RWU659" s="613"/>
      <c r="RWV659" s="613"/>
      <c r="RWW659" s="613"/>
      <c r="RWX659" s="613"/>
      <c r="RWY659" s="613"/>
      <c r="RWZ659" s="613"/>
      <c r="RXA659" s="613"/>
      <c r="RXB659" s="613"/>
      <c r="RXC659" s="613"/>
      <c r="RXD659" s="613"/>
      <c r="RXE659" s="613"/>
      <c r="RXF659" s="613"/>
      <c r="RXG659" s="613"/>
      <c r="RXH659" s="613"/>
      <c r="RXI659" s="613"/>
      <c r="RXJ659" s="613"/>
      <c r="RXK659" s="613"/>
      <c r="RXL659" s="613"/>
      <c r="RXM659" s="613"/>
      <c r="RXN659" s="613"/>
      <c r="RXO659" s="613"/>
      <c r="RXP659" s="613"/>
      <c r="RXQ659" s="613"/>
      <c r="RXR659" s="613"/>
      <c r="RXS659" s="613"/>
      <c r="RXT659" s="613"/>
      <c r="RXU659" s="613"/>
      <c r="RXV659" s="613"/>
      <c r="RXW659" s="613"/>
      <c r="RXX659" s="613"/>
      <c r="RXY659" s="613"/>
      <c r="RXZ659" s="613"/>
      <c r="RYA659" s="613"/>
      <c r="RYB659" s="613"/>
      <c r="RYC659" s="613"/>
      <c r="RYD659" s="613"/>
      <c r="RYE659" s="613"/>
      <c r="RYF659" s="613"/>
      <c r="RYG659" s="613"/>
      <c r="RYH659" s="613"/>
      <c r="RYI659" s="613"/>
      <c r="RYJ659" s="613"/>
      <c r="RYK659" s="613"/>
      <c r="RYL659" s="613"/>
      <c r="RYM659" s="613"/>
      <c r="RYN659" s="613"/>
      <c r="RYO659" s="613"/>
      <c r="RYP659" s="613"/>
      <c r="RYQ659" s="613"/>
      <c r="RYR659" s="613"/>
      <c r="RYS659" s="613"/>
      <c r="RYT659" s="613"/>
      <c r="RYU659" s="613"/>
      <c r="RYV659" s="613"/>
      <c r="RYW659" s="613"/>
      <c r="RYX659" s="613"/>
      <c r="RYY659" s="613"/>
      <c r="RYZ659" s="613"/>
      <c r="RZA659" s="613"/>
      <c r="RZB659" s="613"/>
      <c r="RZC659" s="613"/>
      <c r="RZD659" s="613"/>
      <c r="RZE659" s="613"/>
      <c r="RZF659" s="613"/>
      <c r="RZG659" s="613"/>
      <c r="RZH659" s="613"/>
      <c r="RZI659" s="613"/>
      <c r="RZJ659" s="613"/>
      <c r="RZK659" s="613"/>
      <c r="RZL659" s="613"/>
      <c r="RZM659" s="613"/>
      <c r="RZN659" s="613"/>
      <c r="RZO659" s="613"/>
      <c r="RZP659" s="613"/>
      <c r="RZQ659" s="613"/>
      <c r="RZR659" s="613"/>
      <c r="RZS659" s="613"/>
      <c r="RZT659" s="613"/>
      <c r="RZU659" s="613"/>
      <c r="RZV659" s="613"/>
      <c r="RZW659" s="613"/>
      <c r="RZX659" s="613"/>
      <c r="RZY659" s="613"/>
      <c r="RZZ659" s="613"/>
      <c r="SAA659" s="613"/>
      <c r="SAB659" s="613"/>
      <c r="SAC659" s="613"/>
      <c r="SAD659" s="613"/>
      <c r="SAE659" s="613"/>
      <c r="SAF659" s="613"/>
      <c r="SAG659" s="613"/>
      <c r="SAH659" s="613"/>
      <c r="SAI659" s="613"/>
      <c r="SAJ659" s="613"/>
      <c r="SAK659" s="613"/>
      <c r="SAL659" s="613"/>
      <c r="SAM659" s="613"/>
      <c r="SAN659" s="613"/>
      <c r="SAO659" s="613"/>
      <c r="SAP659" s="613"/>
      <c r="SAQ659" s="613"/>
      <c r="SAR659" s="613"/>
      <c r="SAS659" s="613"/>
      <c r="SAT659" s="613"/>
      <c r="SAU659" s="613"/>
      <c r="SAV659" s="613"/>
      <c r="SAW659" s="613"/>
      <c r="SAX659" s="613"/>
      <c r="SAY659" s="613"/>
      <c r="SAZ659" s="613"/>
      <c r="SBA659" s="613"/>
      <c r="SBB659" s="613"/>
      <c r="SBC659" s="613"/>
      <c r="SBD659" s="613"/>
      <c r="SBE659" s="613"/>
      <c r="SBF659" s="613"/>
      <c r="SBG659" s="613"/>
      <c r="SBH659" s="613"/>
      <c r="SBI659" s="613"/>
      <c r="SBJ659" s="613"/>
      <c r="SBK659" s="613"/>
      <c r="SBL659" s="613"/>
      <c r="SBM659" s="613"/>
      <c r="SBN659" s="613"/>
      <c r="SBO659" s="613"/>
      <c r="SBP659" s="613"/>
      <c r="SBQ659" s="613"/>
      <c r="SBR659" s="613"/>
      <c r="SBS659" s="613"/>
      <c r="SBT659" s="613"/>
      <c r="SBU659" s="613"/>
      <c r="SBV659" s="613"/>
      <c r="SBW659" s="613"/>
      <c r="SBX659" s="613"/>
      <c r="SBY659" s="613"/>
      <c r="SBZ659" s="613"/>
      <c r="SCA659" s="613"/>
      <c r="SCB659" s="613"/>
      <c r="SCC659" s="613"/>
      <c r="SCD659" s="613"/>
      <c r="SCE659" s="613"/>
      <c r="SCF659" s="613"/>
      <c r="SCG659" s="613"/>
      <c r="SCH659" s="613"/>
      <c r="SCI659" s="613"/>
      <c r="SCJ659" s="613"/>
      <c r="SCK659" s="613"/>
      <c r="SCL659" s="613"/>
      <c r="SCM659" s="613"/>
      <c r="SCN659" s="613"/>
      <c r="SCO659" s="613"/>
      <c r="SCP659" s="613"/>
      <c r="SCQ659" s="613"/>
      <c r="SCR659" s="613"/>
      <c r="SCS659" s="613"/>
      <c r="SCT659" s="613"/>
      <c r="SCU659" s="613"/>
      <c r="SCV659" s="613"/>
      <c r="SCW659" s="613"/>
      <c r="SCX659" s="613"/>
      <c r="SCY659" s="613"/>
      <c r="SCZ659" s="613"/>
      <c r="SDA659" s="613"/>
      <c r="SDB659" s="613"/>
      <c r="SDC659" s="613"/>
      <c r="SDD659" s="613"/>
      <c r="SDE659" s="613"/>
      <c r="SDF659" s="613"/>
      <c r="SDG659" s="613"/>
      <c r="SDH659" s="613"/>
      <c r="SDI659" s="613"/>
      <c r="SDJ659" s="613"/>
      <c r="SDK659" s="613"/>
      <c r="SDL659" s="613"/>
      <c r="SDM659" s="613"/>
      <c r="SDN659" s="613"/>
      <c r="SDO659" s="613"/>
      <c r="SDP659" s="613"/>
      <c r="SDQ659" s="613"/>
      <c r="SDR659" s="613"/>
      <c r="SDS659" s="613"/>
      <c r="SDT659" s="613"/>
      <c r="SDU659" s="613"/>
      <c r="SDV659" s="613"/>
      <c r="SDW659" s="613"/>
      <c r="SDX659" s="613"/>
      <c r="SDY659" s="613"/>
      <c r="SDZ659" s="613"/>
      <c r="SEA659" s="613"/>
      <c r="SEB659" s="613"/>
      <c r="SEC659" s="613"/>
      <c r="SED659" s="613"/>
      <c r="SEE659" s="613"/>
      <c r="SEF659" s="613"/>
      <c r="SEG659" s="613"/>
      <c r="SEH659" s="613"/>
      <c r="SEI659" s="613"/>
      <c r="SEJ659" s="613"/>
      <c r="SEK659" s="613"/>
      <c r="SEL659" s="613"/>
      <c r="SEM659" s="613"/>
      <c r="SEN659" s="613"/>
      <c r="SEO659" s="613"/>
      <c r="SEP659" s="613"/>
      <c r="SEQ659" s="613"/>
      <c r="SER659" s="613"/>
      <c r="SES659" s="613"/>
      <c r="SET659" s="613"/>
      <c r="SEU659" s="613"/>
      <c r="SEV659" s="613"/>
      <c r="SEW659" s="613"/>
      <c r="SEX659" s="613"/>
      <c r="SEY659" s="613"/>
      <c r="SEZ659" s="613"/>
      <c r="SFA659" s="613"/>
      <c r="SFB659" s="613"/>
      <c r="SFC659" s="613"/>
      <c r="SFD659" s="613"/>
      <c r="SFE659" s="613"/>
      <c r="SFF659" s="613"/>
      <c r="SFG659" s="613"/>
      <c r="SFH659" s="613"/>
      <c r="SFI659" s="613"/>
      <c r="SFJ659" s="613"/>
      <c r="SFK659" s="613"/>
      <c r="SFL659" s="613"/>
      <c r="SFM659" s="613"/>
      <c r="SFN659" s="613"/>
      <c r="SFO659" s="613"/>
      <c r="SFP659" s="613"/>
      <c r="SFQ659" s="613"/>
      <c r="SFR659" s="613"/>
      <c r="SFS659" s="613"/>
      <c r="SFT659" s="613"/>
      <c r="SFU659" s="613"/>
      <c r="SFV659" s="613"/>
      <c r="SFW659" s="613"/>
      <c r="SFX659" s="613"/>
      <c r="SFY659" s="613"/>
      <c r="SFZ659" s="613"/>
      <c r="SGA659" s="613"/>
      <c r="SGB659" s="613"/>
      <c r="SGC659" s="613"/>
      <c r="SGD659" s="613"/>
      <c r="SGE659" s="613"/>
      <c r="SGF659" s="613"/>
      <c r="SGG659" s="613"/>
      <c r="SGH659" s="613"/>
      <c r="SGI659" s="613"/>
      <c r="SGJ659" s="613"/>
      <c r="SGK659" s="613"/>
      <c r="SGL659" s="613"/>
      <c r="SGM659" s="613"/>
      <c r="SGN659" s="613"/>
      <c r="SGO659" s="613"/>
      <c r="SGP659" s="613"/>
      <c r="SGQ659" s="613"/>
      <c r="SGR659" s="613"/>
      <c r="SGS659" s="613"/>
      <c r="SGT659" s="613"/>
      <c r="SGU659" s="613"/>
      <c r="SGV659" s="613"/>
      <c r="SGW659" s="613"/>
      <c r="SGX659" s="613"/>
      <c r="SGY659" s="613"/>
      <c r="SGZ659" s="613"/>
      <c r="SHA659" s="613"/>
      <c r="SHB659" s="613"/>
      <c r="SHC659" s="613"/>
      <c r="SHD659" s="613"/>
      <c r="SHE659" s="613"/>
      <c r="SHF659" s="613"/>
      <c r="SHG659" s="613"/>
      <c r="SHH659" s="613"/>
      <c r="SHI659" s="613"/>
      <c r="SHJ659" s="613"/>
      <c r="SHK659" s="613"/>
      <c r="SHL659" s="613"/>
      <c r="SHM659" s="613"/>
      <c r="SHN659" s="613"/>
      <c r="SHO659" s="613"/>
      <c r="SHP659" s="613"/>
      <c r="SHQ659" s="613"/>
      <c r="SHR659" s="613"/>
      <c r="SHS659" s="613"/>
      <c r="SHT659" s="613"/>
      <c r="SHU659" s="613"/>
      <c r="SHV659" s="613"/>
      <c r="SHW659" s="613"/>
      <c r="SHX659" s="613"/>
      <c r="SHY659" s="613"/>
      <c r="SHZ659" s="613"/>
      <c r="SIA659" s="613"/>
      <c r="SIB659" s="613"/>
      <c r="SIC659" s="613"/>
      <c r="SID659" s="613"/>
      <c r="SIE659" s="613"/>
      <c r="SIF659" s="613"/>
      <c r="SIG659" s="613"/>
      <c r="SIH659" s="613"/>
      <c r="SII659" s="613"/>
      <c r="SIJ659" s="613"/>
      <c r="SIK659" s="613"/>
      <c r="SIL659" s="613"/>
      <c r="SIM659" s="613"/>
      <c r="SIN659" s="613"/>
      <c r="SIO659" s="613"/>
      <c r="SIP659" s="613"/>
      <c r="SIQ659" s="613"/>
      <c r="SIR659" s="613"/>
      <c r="SIS659" s="613"/>
      <c r="SIT659" s="613"/>
      <c r="SIU659" s="613"/>
      <c r="SIV659" s="613"/>
      <c r="SIW659" s="613"/>
      <c r="SIX659" s="613"/>
      <c r="SIY659" s="613"/>
      <c r="SIZ659" s="613"/>
      <c r="SJA659" s="613"/>
      <c r="SJB659" s="613"/>
      <c r="SJC659" s="613"/>
      <c r="SJD659" s="613"/>
      <c r="SJE659" s="613"/>
      <c r="SJF659" s="613"/>
      <c r="SJG659" s="613"/>
      <c r="SJH659" s="613"/>
      <c r="SJI659" s="613"/>
      <c r="SJJ659" s="613"/>
      <c r="SJK659" s="613"/>
      <c r="SJL659" s="613"/>
      <c r="SJM659" s="613"/>
      <c r="SJN659" s="613"/>
      <c r="SJO659" s="613"/>
      <c r="SJP659" s="613"/>
      <c r="SJQ659" s="613"/>
      <c r="SJR659" s="613"/>
      <c r="SJS659" s="613"/>
      <c r="SJT659" s="613"/>
      <c r="SJU659" s="613"/>
      <c r="SJV659" s="613"/>
      <c r="SJW659" s="613"/>
      <c r="SJX659" s="613"/>
      <c r="SJY659" s="613"/>
      <c r="SJZ659" s="613"/>
      <c r="SKA659" s="613"/>
      <c r="SKB659" s="613"/>
      <c r="SKC659" s="613"/>
      <c r="SKD659" s="613"/>
      <c r="SKE659" s="613"/>
      <c r="SKF659" s="613"/>
      <c r="SKG659" s="613"/>
      <c r="SKH659" s="613"/>
      <c r="SKI659" s="613"/>
      <c r="SKJ659" s="613"/>
      <c r="SKK659" s="613"/>
      <c r="SKL659" s="613"/>
      <c r="SKM659" s="613"/>
      <c r="SKN659" s="613"/>
      <c r="SKO659" s="613"/>
      <c r="SKP659" s="613"/>
      <c r="SKQ659" s="613"/>
      <c r="SKR659" s="613"/>
      <c r="SKS659" s="613"/>
      <c r="SKT659" s="613"/>
      <c r="SKU659" s="613"/>
      <c r="SKV659" s="613"/>
      <c r="SKW659" s="613"/>
      <c r="SKX659" s="613"/>
      <c r="SKY659" s="613"/>
      <c r="SKZ659" s="613"/>
      <c r="SLA659" s="613"/>
      <c r="SLB659" s="613"/>
      <c r="SLC659" s="613"/>
      <c r="SLD659" s="613"/>
      <c r="SLE659" s="613"/>
      <c r="SLF659" s="613"/>
      <c r="SLG659" s="613"/>
      <c r="SLH659" s="613"/>
      <c r="SLI659" s="613"/>
      <c r="SLJ659" s="613"/>
      <c r="SLK659" s="613"/>
      <c r="SLL659" s="613"/>
      <c r="SLM659" s="613"/>
      <c r="SLN659" s="613"/>
      <c r="SLO659" s="613"/>
      <c r="SLP659" s="613"/>
      <c r="SLQ659" s="613"/>
      <c r="SLR659" s="613"/>
      <c r="SLS659" s="613"/>
      <c r="SLT659" s="613"/>
      <c r="SLU659" s="613"/>
      <c r="SLV659" s="613"/>
      <c r="SLW659" s="613"/>
      <c r="SLX659" s="613"/>
      <c r="SLY659" s="613"/>
      <c r="SLZ659" s="613"/>
      <c r="SMA659" s="613"/>
      <c r="SMB659" s="613"/>
      <c r="SMC659" s="613"/>
      <c r="SMD659" s="613"/>
      <c r="SME659" s="613"/>
      <c r="SMF659" s="613"/>
      <c r="SMG659" s="613"/>
      <c r="SMH659" s="613"/>
      <c r="SMI659" s="613"/>
      <c r="SMJ659" s="613"/>
      <c r="SMK659" s="613"/>
      <c r="SML659" s="613"/>
      <c r="SMM659" s="613"/>
      <c r="SMN659" s="613"/>
      <c r="SMO659" s="613"/>
      <c r="SMP659" s="613"/>
      <c r="SMQ659" s="613"/>
      <c r="SMR659" s="613"/>
      <c r="SMS659" s="613"/>
      <c r="SMT659" s="613"/>
      <c r="SMU659" s="613"/>
      <c r="SMV659" s="613"/>
      <c r="SMW659" s="613"/>
      <c r="SMX659" s="613"/>
      <c r="SMY659" s="613"/>
      <c r="SMZ659" s="613"/>
      <c r="SNA659" s="613"/>
      <c r="SNB659" s="613"/>
      <c r="SNC659" s="613"/>
      <c r="SND659" s="613"/>
      <c r="SNE659" s="613"/>
      <c r="SNF659" s="613"/>
      <c r="SNG659" s="613"/>
      <c r="SNH659" s="613"/>
      <c r="SNI659" s="613"/>
      <c r="SNJ659" s="613"/>
      <c r="SNK659" s="613"/>
      <c r="SNL659" s="613"/>
      <c r="SNM659" s="613"/>
      <c r="SNN659" s="613"/>
      <c r="SNO659" s="613"/>
      <c r="SNP659" s="613"/>
      <c r="SNQ659" s="613"/>
      <c r="SNR659" s="613"/>
      <c r="SNS659" s="613"/>
      <c r="SNT659" s="613"/>
      <c r="SNU659" s="613"/>
      <c r="SNV659" s="613"/>
      <c r="SNW659" s="613"/>
      <c r="SNX659" s="613"/>
      <c r="SNY659" s="613"/>
      <c r="SNZ659" s="613"/>
      <c r="SOA659" s="613"/>
      <c r="SOB659" s="613"/>
      <c r="SOC659" s="613"/>
      <c r="SOD659" s="613"/>
      <c r="SOE659" s="613"/>
      <c r="SOF659" s="613"/>
      <c r="SOG659" s="613"/>
      <c r="SOH659" s="613"/>
      <c r="SOI659" s="613"/>
      <c r="SOJ659" s="613"/>
      <c r="SOK659" s="613"/>
      <c r="SOL659" s="613"/>
      <c r="SOM659" s="613"/>
      <c r="SON659" s="613"/>
      <c r="SOO659" s="613"/>
      <c r="SOP659" s="613"/>
      <c r="SOQ659" s="613"/>
      <c r="SOR659" s="613"/>
      <c r="SOS659" s="613"/>
      <c r="SOT659" s="613"/>
      <c r="SOU659" s="613"/>
      <c r="SOV659" s="613"/>
      <c r="SOW659" s="613"/>
      <c r="SOX659" s="613"/>
      <c r="SOY659" s="613"/>
      <c r="SOZ659" s="613"/>
      <c r="SPA659" s="613"/>
      <c r="SPB659" s="613"/>
      <c r="SPC659" s="613"/>
      <c r="SPD659" s="613"/>
      <c r="SPE659" s="613"/>
      <c r="SPF659" s="613"/>
      <c r="SPG659" s="613"/>
      <c r="SPH659" s="613"/>
      <c r="SPI659" s="613"/>
      <c r="SPJ659" s="613"/>
      <c r="SPK659" s="613"/>
      <c r="SPL659" s="613"/>
      <c r="SPM659" s="613"/>
      <c r="SPN659" s="613"/>
      <c r="SPO659" s="613"/>
      <c r="SPP659" s="613"/>
      <c r="SPQ659" s="613"/>
      <c r="SPR659" s="613"/>
      <c r="SPS659" s="613"/>
      <c r="SPT659" s="613"/>
      <c r="SPU659" s="613"/>
      <c r="SPV659" s="613"/>
      <c r="SPW659" s="613"/>
      <c r="SPX659" s="613"/>
      <c r="SPY659" s="613"/>
      <c r="SPZ659" s="613"/>
      <c r="SQA659" s="613"/>
      <c r="SQB659" s="613"/>
      <c r="SQC659" s="613"/>
      <c r="SQD659" s="613"/>
      <c r="SQE659" s="613"/>
      <c r="SQF659" s="613"/>
      <c r="SQG659" s="613"/>
      <c r="SQH659" s="613"/>
      <c r="SQI659" s="613"/>
      <c r="SQJ659" s="613"/>
      <c r="SQK659" s="613"/>
      <c r="SQL659" s="613"/>
      <c r="SQM659" s="613"/>
      <c r="SQN659" s="613"/>
      <c r="SQO659" s="613"/>
      <c r="SQP659" s="613"/>
      <c r="SQQ659" s="613"/>
      <c r="SQR659" s="613"/>
      <c r="SQS659" s="613"/>
      <c r="SQT659" s="613"/>
      <c r="SQU659" s="613"/>
      <c r="SQV659" s="613"/>
      <c r="SQW659" s="613"/>
      <c r="SQX659" s="613"/>
      <c r="SQY659" s="613"/>
      <c r="SQZ659" s="613"/>
      <c r="SRA659" s="613"/>
      <c r="SRB659" s="613"/>
      <c r="SRC659" s="613"/>
      <c r="SRD659" s="613"/>
      <c r="SRE659" s="613"/>
      <c r="SRF659" s="613"/>
      <c r="SRG659" s="613"/>
      <c r="SRH659" s="613"/>
      <c r="SRI659" s="613"/>
      <c r="SRJ659" s="613"/>
      <c r="SRK659" s="613"/>
      <c r="SRL659" s="613"/>
      <c r="SRM659" s="613"/>
      <c r="SRN659" s="613"/>
      <c r="SRO659" s="613"/>
      <c r="SRP659" s="613"/>
      <c r="SRQ659" s="613"/>
      <c r="SRR659" s="613"/>
      <c r="SRS659" s="613"/>
      <c r="SRT659" s="613"/>
      <c r="SRU659" s="613"/>
      <c r="SRV659" s="613"/>
      <c r="SRW659" s="613"/>
      <c r="SRX659" s="613"/>
      <c r="SRY659" s="613"/>
      <c r="SRZ659" s="613"/>
      <c r="SSA659" s="613"/>
      <c r="SSB659" s="613"/>
      <c r="SSC659" s="613"/>
      <c r="SSD659" s="613"/>
      <c r="SSE659" s="613"/>
      <c r="SSF659" s="613"/>
      <c r="SSG659" s="613"/>
      <c r="SSH659" s="613"/>
      <c r="SSI659" s="613"/>
      <c r="SSJ659" s="613"/>
      <c r="SSK659" s="613"/>
      <c r="SSL659" s="613"/>
      <c r="SSM659" s="613"/>
      <c r="SSN659" s="613"/>
      <c r="SSO659" s="613"/>
      <c r="SSP659" s="613"/>
      <c r="SSQ659" s="613"/>
      <c r="SSR659" s="613"/>
      <c r="SSS659" s="613"/>
      <c r="SST659" s="613"/>
      <c r="SSU659" s="613"/>
      <c r="SSV659" s="613"/>
      <c r="SSW659" s="613"/>
      <c r="SSX659" s="613"/>
      <c r="SSY659" s="613"/>
      <c r="SSZ659" s="613"/>
      <c r="STA659" s="613"/>
      <c r="STB659" s="613"/>
      <c r="STC659" s="613"/>
      <c r="STD659" s="613"/>
      <c r="STE659" s="613"/>
      <c r="STF659" s="613"/>
      <c r="STG659" s="613"/>
      <c r="STH659" s="613"/>
      <c r="STI659" s="613"/>
      <c r="STJ659" s="613"/>
      <c r="STK659" s="613"/>
      <c r="STL659" s="613"/>
      <c r="STM659" s="613"/>
      <c r="STN659" s="613"/>
      <c r="STO659" s="613"/>
      <c r="STP659" s="613"/>
      <c r="STQ659" s="613"/>
      <c r="STR659" s="613"/>
      <c r="STS659" s="613"/>
      <c r="STT659" s="613"/>
      <c r="STU659" s="613"/>
      <c r="STV659" s="613"/>
      <c r="STW659" s="613"/>
      <c r="STX659" s="613"/>
      <c r="STY659" s="613"/>
      <c r="STZ659" s="613"/>
      <c r="SUA659" s="613"/>
      <c r="SUB659" s="613"/>
      <c r="SUC659" s="613"/>
      <c r="SUD659" s="613"/>
      <c r="SUE659" s="613"/>
      <c r="SUF659" s="613"/>
      <c r="SUG659" s="613"/>
      <c r="SUH659" s="613"/>
      <c r="SUI659" s="613"/>
      <c r="SUJ659" s="613"/>
      <c r="SUK659" s="613"/>
      <c r="SUL659" s="613"/>
      <c r="SUM659" s="613"/>
      <c r="SUN659" s="613"/>
      <c r="SUO659" s="613"/>
      <c r="SUP659" s="613"/>
      <c r="SUQ659" s="613"/>
      <c r="SUR659" s="613"/>
      <c r="SUS659" s="613"/>
      <c r="SUT659" s="613"/>
      <c r="SUU659" s="613"/>
      <c r="SUV659" s="613"/>
      <c r="SUW659" s="613"/>
      <c r="SUX659" s="613"/>
      <c r="SUY659" s="613"/>
      <c r="SUZ659" s="613"/>
      <c r="SVA659" s="613"/>
      <c r="SVB659" s="613"/>
      <c r="SVC659" s="613"/>
      <c r="SVD659" s="613"/>
      <c r="SVE659" s="613"/>
      <c r="SVF659" s="613"/>
      <c r="SVG659" s="613"/>
      <c r="SVH659" s="613"/>
      <c r="SVI659" s="613"/>
      <c r="SVJ659" s="613"/>
      <c r="SVK659" s="613"/>
      <c r="SVL659" s="613"/>
      <c r="SVM659" s="613"/>
      <c r="SVN659" s="613"/>
      <c r="SVO659" s="613"/>
      <c r="SVP659" s="613"/>
      <c r="SVQ659" s="613"/>
      <c r="SVR659" s="613"/>
      <c r="SVS659" s="613"/>
      <c r="SVT659" s="613"/>
      <c r="SVU659" s="613"/>
      <c r="SVV659" s="613"/>
      <c r="SVW659" s="613"/>
      <c r="SVX659" s="613"/>
      <c r="SVY659" s="613"/>
      <c r="SVZ659" s="613"/>
      <c r="SWA659" s="613"/>
      <c r="SWB659" s="613"/>
      <c r="SWC659" s="613"/>
      <c r="SWD659" s="613"/>
      <c r="SWE659" s="613"/>
      <c r="SWF659" s="613"/>
      <c r="SWG659" s="613"/>
      <c r="SWH659" s="613"/>
      <c r="SWI659" s="613"/>
      <c r="SWJ659" s="613"/>
      <c r="SWK659" s="613"/>
      <c r="SWL659" s="613"/>
      <c r="SWM659" s="613"/>
      <c r="SWN659" s="613"/>
      <c r="SWO659" s="613"/>
      <c r="SWP659" s="613"/>
      <c r="SWQ659" s="613"/>
      <c r="SWR659" s="613"/>
      <c r="SWS659" s="613"/>
      <c r="SWT659" s="613"/>
      <c r="SWU659" s="613"/>
      <c r="SWV659" s="613"/>
      <c r="SWW659" s="613"/>
      <c r="SWX659" s="613"/>
      <c r="SWY659" s="613"/>
      <c r="SWZ659" s="613"/>
      <c r="SXA659" s="613"/>
      <c r="SXB659" s="613"/>
      <c r="SXC659" s="613"/>
      <c r="SXD659" s="613"/>
      <c r="SXE659" s="613"/>
      <c r="SXF659" s="613"/>
      <c r="SXG659" s="613"/>
      <c r="SXH659" s="613"/>
      <c r="SXI659" s="613"/>
      <c r="SXJ659" s="613"/>
      <c r="SXK659" s="613"/>
      <c r="SXL659" s="613"/>
      <c r="SXM659" s="613"/>
      <c r="SXN659" s="613"/>
      <c r="SXO659" s="613"/>
      <c r="SXP659" s="613"/>
      <c r="SXQ659" s="613"/>
      <c r="SXR659" s="613"/>
      <c r="SXS659" s="613"/>
      <c r="SXT659" s="613"/>
      <c r="SXU659" s="613"/>
      <c r="SXV659" s="613"/>
      <c r="SXW659" s="613"/>
      <c r="SXX659" s="613"/>
      <c r="SXY659" s="613"/>
      <c r="SXZ659" s="613"/>
      <c r="SYA659" s="613"/>
      <c r="SYB659" s="613"/>
      <c r="SYC659" s="613"/>
      <c r="SYD659" s="613"/>
      <c r="SYE659" s="613"/>
      <c r="SYF659" s="613"/>
      <c r="SYG659" s="613"/>
      <c r="SYH659" s="613"/>
      <c r="SYI659" s="613"/>
      <c r="SYJ659" s="613"/>
      <c r="SYK659" s="613"/>
      <c r="SYL659" s="613"/>
      <c r="SYM659" s="613"/>
      <c r="SYN659" s="613"/>
      <c r="SYO659" s="613"/>
      <c r="SYP659" s="613"/>
      <c r="SYQ659" s="613"/>
      <c r="SYR659" s="613"/>
      <c r="SYS659" s="613"/>
      <c r="SYT659" s="613"/>
      <c r="SYU659" s="613"/>
      <c r="SYV659" s="613"/>
      <c r="SYW659" s="613"/>
      <c r="SYX659" s="613"/>
      <c r="SYY659" s="613"/>
      <c r="SYZ659" s="613"/>
      <c r="SZA659" s="613"/>
      <c r="SZB659" s="613"/>
      <c r="SZC659" s="613"/>
      <c r="SZD659" s="613"/>
      <c r="SZE659" s="613"/>
      <c r="SZF659" s="613"/>
      <c r="SZG659" s="613"/>
      <c r="SZH659" s="613"/>
      <c r="SZI659" s="613"/>
      <c r="SZJ659" s="613"/>
      <c r="SZK659" s="613"/>
      <c r="SZL659" s="613"/>
      <c r="SZM659" s="613"/>
      <c r="SZN659" s="613"/>
      <c r="SZO659" s="613"/>
      <c r="SZP659" s="613"/>
      <c r="SZQ659" s="613"/>
      <c r="SZR659" s="613"/>
      <c r="SZS659" s="613"/>
      <c r="SZT659" s="613"/>
      <c r="SZU659" s="613"/>
      <c r="SZV659" s="613"/>
      <c r="SZW659" s="613"/>
      <c r="SZX659" s="613"/>
      <c r="SZY659" s="613"/>
      <c r="SZZ659" s="613"/>
      <c r="TAA659" s="613"/>
      <c r="TAB659" s="613"/>
      <c r="TAC659" s="613"/>
      <c r="TAD659" s="613"/>
      <c r="TAE659" s="613"/>
      <c r="TAF659" s="613"/>
      <c r="TAG659" s="613"/>
      <c r="TAH659" s="613"/>
      <c r="TAI659" s="613"/>
      <c r="TAJ659" s="613"/>
      <c r="TAK659" s="613"/>
      <c r="TAL659" s="613"/>
      <c r="TAM659" s="613"/>
      <c r="TAN659" s="613"/>
      <c r="TAO659" s="613"/>
      <c r="TAP659" s="613"/>
      <c r="TAQ659" s="613"/>
      <c r="TAR659" s="613"/>
      <c r="TAS659" s="613"/>
      <c r="TAT659" s="613"/>
      <c r="TAU659" s="613"/>
      <c r="TAV659" s="613"/>
      <c r="TAW659" s="613"/>
      <c r="TAX659" s="613"/>
      <c r="TAY659" s="613"/>
      <c r="TAZ659" s="613"/>
      <c r="TBA659" s="613"/>
      <c r="TBB659" s="613"/>
      <c r="TBC659" s="613"/>
      <c r="TBD659" s="613"/>
      <c r="TBE659" s="613"/>
      <c r="TBF659" s="613"/>
      <c r="TBG659" s="613"/>
      <c r="TBH659" s="613"/>
      <c r="TBI659" s="613"/>
      <c r="TBJ659" s="613"/>
      <c r="TBK659" s="613"/>
      <c r="TBL659" s="613"/>
      <c r="TBM659" s="613"/>
      <c r="TBN659" s="613"/>
      <c r="TBO659" s="613"/>
      <c r="TBP659" s="613"/>
      <c r="TBQ659" s="613"/>
      <c r="TBR659" s="613"/>
      <c r="TBS659" s="613"/>
      <c r="TBT659" s="613"/>
      <c r="TBU659" s="613"/>
      <c r="TBV659" s="613"/>
      <c r="TBW659" s="613"/>
      <c r="TBX659" s="613"/>
      <c r="TBY659" s="613"/>
      <c r="TBZ659" s="613"/>
      <c r="TCA659" s="613"/>
      <c r="TCB659" s="613"/>
      <c r="TCC659" s="613"/>
      <c r="TCD659" s="613"/>
      <c r="TCE659" s="613"/>
      <c r="TCF659" s="613"/>
      <c r="TCG659" s="613"/>
      <c r="TCH659" s="613"/>
      <c r="TCI659" s="613"/>
      <c r="TCJ659" s="613"/>
      <c r="TCK659" s="613"/>
      <c r="TCL659" s="613"/>
      <c r="TCM659" s="613"/>
      <c r="TCN659" s="613"/>
      <c r="TCO659" s="613"/>
      <c r="TCP659" s="613"/>
      <c r="TCQ659" s="613"/>
      <c r="TCR659" s="613"/>
      <c r="TCS659" s="613"/>
      <c r="TCT659" s="613"/>
      <c r="TCU659" s="613"/>
      <c r="TCV659" s="613"/>
      <c r="TCW659" s="613"/>
      <c r="TCX659" s="613"/>
      <c r="TCY659" s="613"/>
      <c r="TCZ659" s="613"/>
      <c r="TDA659" s="613"/>
      <c r="TDB659" s="613"/>
      <c r="TDC659" s="613"/>
      <c r="TDD659" s="613"/>
      <c r="TDE659" s="613"/>
      <c r="TDF659" s="613"/>
      <c r="TDG659" s="613"/>
      <c r="TDH659" s="613"/>
      <c r="TDI659" s="613"/>
      <c r="TDJ659" s="613"/>
      <c r="TDK659" s="613"/>
      <c r="TDL659" s="613"/>
      <c r="TDM659" s="613"/>
      <c r="TDN659" s="613"/>
      <c r="TDO659" s="613"/>
      <c r="TDP659" s="613"/>
      <c r="TDQ659" s="613"/>
      <c r="TDR659" s="613"/>
      <c r="TDS659" s="613"/>
      <c r="TDT659" s="613"/>
      <c r="TDU659" s="613"/>
      <c r="TDV659" s="613"/>
      <c r="TDW659" s="613"/>
      <c r="TDX659" s="613"/>
      <c r="TDY659" s="613"/>
      <c r="TDZ659" s="613"/>
      <c r="TEA659" s="613"/>
      <c r="TEB659" s="613"/>
      <c r="TEC659" s="613"/>
      <c r="TED659" s="613"/>
      <c r="TEE659" s="613"/>
      <c r="TEF659" s="613"/>
      <c r="TEG659" s="613"/>
      <c r="TEH659" s="613"/>
      <c r="TEI659" s="613"/>
      <c r="TEJ659" s="613"/>
      <c r="TEK659" s="613"/>
      <c r="TEL659" s="613"/>
      <c r="TEM659" s="613"/>
      <c r="TEN659" s="613"/>
      <c r="TEO659" s="613"/>
      <c r="TEP659" s="613"/>
      <c r="TEQ659" s="613"/>
      <c r="TER659" s="613"/>
      <c r="TES659" s="613"/>
      <c r="TET659" s="613"/>
      <c r="TEU659" s="613"/>
      <c r="TEV659" s="613"/>
      <c r="TEW659" s="613"/>
      <c r="TEX659" s="613"/>
      <c r="TEY659" s="613"/>
      <c r="TEZ659" s="613"/>
      <c r="TFA659" s="613"/>
      <c r="TFB659" s="613"/>
      <c r="TFC659" s="613"/>
      <c r="TFD659" s="613"/>
      <c r="TFE659" s="613"/>
      <c r="TFF659" s="613"/>
      <c r="TFG659" s="613"/>
      <c r="TFH659" s="613"/>
      <c r="TFI659" s="613"/>
      <c r="TFJ659" s="613"/>
      <c r="TFK659" s="613"/>
      <c r="TFL659" s="613"/>
      <c r="TFM659" s="613"/>
      <c r="TFN659" s="613"/>
      <c r="TFO659" s="613"/>
      <c r="TFP659" s="613"/>
      <c r="TFQ659" s="613"/>
      <c r="TFR659" s="613"/>
      <c r="TFS659" s="613"/>
      <c r="TFT659" s="613"/>
      <c r="TFU659" s="613"/>
      <c r="TFV659" s="613"/>
      <c r="TFW659" s="613"/>
      <c r="TFX659" s="613"/>
      <c r="TFY659" s="613"/>
      <c r="TFZ659" s="613"/>
      <c r="TGA659" s="613"/>
      <c r="TGB659" s="613"/>
      <c r="TGC659" s="613"/>
      <c r="TGD659" s="613"/>
      <c r="TGE659" s="613"/>
      <c r="TGF659" s="613"/>
      <c r="TGG659" s="613"/>
      <c r="TGH659" s="613"/>
      <c r="TGI659" s="613"/>
      <c r="TGJ659" s="613"/>
      <c r="TGK659" s="613"/>
      <c r="TGL659" s="613"/>
      <c r="TGM659" s="613"/>
      <c r="TGN659" s="613"/>
      <c r="TGO659" s="613"/>
      <c r="TGP659" s="613"/>
      <c r="TGQ659" s="613"/>
      <c r="TGR659" s="613"/>
      <c r="TGS659" s="613"/>
      <c r="TGT659" s="613"/>
      <c r="TGU659" s="613"/>
      <c r="TGV659" s="613"/>
      <c r="TGW659" s="613"/>
      <c r="TGX659" s="613"/>
      <c r="TGY659" s="613"/>
      <c r="TGZ659" s="613"/>
      <c r="THA659" s="613"/>
      <c r="THB659" s="613"/>
      <c r="THC659" s="613"/>
      <c r="THD659" s="613"/>
      <c r="THE659" s="613"/>
      <c r="THF659" s="613"/>
      <c r="THG659" s="613"/>
      <c r="THH659" s="613"/>
      <c r="THI659" s="613"/>
      <c r="THJ659" s="613"/>
      <c r="THK659" s="613"/>
      <c r="THL659" s="613"/>
      <c r="THM659" s="613"/>
      <c r="THN659" s="613"/>
      <c r="THO659" s="613"/>
      <c r="THP659" s="613"/>
      <c r="THQ659" s="613"/>
      <c r="THR659" s="613"/>
      <c r="THS659" s="613"/>
      <c r="THT659" s="613"/>
      <c r="THU659" s="613"/>
      <c r="THV659" s="613"/>
      <c r="THW659" s="613"/>
      <c r="THX659" s="613"/>
      <c r="THY659" s="613"/>
      <c r="THZ659" s="613"/>
      <c r="TIA659" s="613"/>
      <c r="TIB659" s="613"/>
      <c r="TIC659" s="613"/>
      <c r="TID659" s="613"/>
      <c r="TIE659" s="613"/>
      <c r="TIF659" s="613"/>
      <c r="TIG659" s="613"/>
      <c r="TIH659" s="613"/>
      <c r="TII659" s="613"/>
      <c r="TIJ659" s="613"/>
      <c r="TIK659" s="613"/>
      <c r="TIL659" s="613"/>
      <c r="TIM659" s="613"/>
      <c r="TIN659" s="613"/>
      <c r="TIO659" s="613"/>
      <c r="TIP659" s="613"/>
      <c r="TIQ659" s="613"/>
      <c r="TIR659" s="613"/>
      <c r="TIS659" s="613"/>
      <c r="TIT659" s="613"/>
      <c r="TIU659" s="613"/>
      <c r="TIV659" s="613"/>
      <c r="TIW659" s="613"/>
      <c r="TIX659" s="613"/>
      <c r="TIY659" s="613"/>
      <c r="TIZ659" s="613"/>
      <c r="TJA659" s="613"/>
      <c r="TJB659" s="613"/>
      <c r="TJC659" s="613"/>
      <c r="TJD659" s="613"/>
      <c r="TJE659" s="613"/>
      <c r="TJF659" s="613"/>
      <c r="TJG659" s="613"/>
      <c r="TJH659" s="613"/>
      <c r="TJI659" s="613"/>
      <c r="TJJ659" s="613"/>
      <c r="TJK659" s="613"/>
      <c r="TJL659" s="613"/>
      <c r="TJM659" s="613"/>
      <c r="TJN659" s="613"/>
      <c r="TJO659" s="613"/>
      <c r="TJP659" s="613"/>
      <c r="TJQ659" s="613"/>
      <c r="TJR659" s="613"/>
      <c r="TJS659" s="613"/>
      <c r="TJT659" s="613"/>
      <c r="TJU659" s="613"/>
      <c r="TJV659" s="613"/>
      <c r="TJW659" s="613"/>
      <c r="TJX659" s="613"/>
      <c r="TJY659" s="613"/>
      <c r="TJZ659" s="613"/>
      <c r="TKA659" s="613"/>
      <c r="TKB659" s="613"/>
      <c r="TKC659" s="613"/>
      <c r="TKD659" s="613"/>
      <c r="TKE659" s="613"/>
      <c r="TKF659" s="613"/>
      <c r="TKG659" s="613"/>
      <c r="TKH659" s="613"/>
      <c r="TKI659" s="613"/>
      <c r="TKJ659" s="613"/>
      <c r="TKK659" s="613"/>
      <c r="TKL659" s="613"/>
      <c r="TKM659" s="613"/>
      <c r="TKN659" s="613"/>
      <c r="TKO659" s="613"/>
      <c r="TKP659" s="613"/>
      <c r="TKQ659" s="613"/>
      <c r="TKR659" s="613"/>
      <c r="TKS659" s="613"/>
      <c r="TKT659" s="613"/>
      <c r="TKU659" s="613"/>
      <c r="TKV659" s="613"/>
      <c r="TKW659" s="613"/>
      <c r="TKX659" s="613"/>
      <c r="TKY659" s="613"/>
      <c r="TKZ659" s="613"/>
      <c r="TLA659" s="613"/>
      <c r="TLB659" s="613"/>
      <c r="TLC659" s="613"/>
      <c r="TLD659" s="613"/>
      <c r="TLE659" s="613"/>
      <c r="TLF659" s="613"/>
      <c r="TLG659" s="613"/>
      <c r="TLH659" s="613"/>
      <c r="TLI659" s="613"/>
      <c r="TLJ659" s="613"/>
      <c r="TLK659" s="613"/>
      <c r="TLL659" s="613"/>
      <c r="TLM659" s="613"/>
      <c r="TLN659" s="613"/>
      <c r="TLO659" s="613"/>
      <c r="TLP659" s="613"/>
      <c r="TLQ659" s="613"/>
      <c r="TLR659" s="613"/>
      <c r="TLS659" s="613"/>
      <c r="TLT659" s="613"/>
      <c r="TLU659" s="613"/>
      <c r="TLV659" s="613"/>
      <c r="TLW659" s="613"/>
      <c r="TLX659" s="613"/>
      <c r="TLY659" s="613"/>
      <c r="TLZ659" s="613"/>
      <c r="TMA659" s="613"/>
      <c r="TMB659" s="613"/>
      <c r="TMC659" s="613"/>
      <c r="TMD659" s="613"/>
      <c r="TME659" s="613"/>
      <c r="TMF659" s="613"/>
      <c r="TMG659" s="613"/>
      <c r="TMH659" s="613"/>
      <c r="TMI659" s="613"/>
      <c r="TMJ659" s="613"/>
      <c r="TMK659" s="613"/>
      <c r="TML659" s="613"/>
      <c r="TMM659" s="613"/>
      <c r="TMN659" s="613"/>
      <c r="TMO659" s="613"/>
      <c r="TMP659" s="613"/>
      <c r="TMQ659" s="613"/>
      <c r="TMR659" s="613"/>
      <c r="TMS659" s="613"/>
      <c r="TMT659" s="613"/>
      <c r="TMU659" s="613"/>
      <c r="TMV659" s="613"/>
      <c r="TMW659" s="613"/>
      <c r="TMX659" s="613"/>
      <c r="TMY659" s="613"/>
      <c r="TMZ659" s="613"/>
      <c r="TNA659" s="613"/>
      <c r="TNB659" s="613"/>
      <c r="TNC659" s="613"/>
      <c r="TND659" s="613"/>
      <c r="TNE659" s="613"/>
      <c r="TNF659" s="613"/>
      <c r="TNG659" s="613"/>
      <c r="TNH659" s="613"/>
      <c r="TNI659" s="613"/>
      <c r="TNJ659" s="613"/>
      <c r="TNK659" s="613"/>
      <c r="TNL659" s="613"/>
      <c r="TNM659" s="613"/>
      <c r="TNN659" s="613"/>
      <c r="TNO659" s="613"/>
      <c r="TNP659" s="613"/>
      <c r="TNQ659" s="613"/>
      <c r="TNR659" s="613"/>
      <c r="TNS659" s="613"/>
      <c r="TNT659" s="613"/>
      <c r="TNU659" s="613"/>
      <c r="TNV659" s="613"/>
      <c r="TNW659" s="613"/>
      <c r="TNX659" s="613"/>
      <c r="TNY659" s="613"/>
      <c r="TNZ659" s="613"/>
      <c r="TOA659" s="613"/>
      <c r="TOB659" s="613"/>
      <c r="TOC659" s="613"/>
      <c r="TOD659" s="613"/>
      <c r="TOE659" s="613"/>
      <c r="TOF659" s="613"/>
      <c r="TOG659" s="613"/>
      <c r="TOH659" s="613"/>
      <c r="TOI659" s="613"/>
      <c r="TOJ659" s="613"/>
      <c r="TOK659" s="613"/>
      <c r="TOL659" s="613"/>
      <c r="TOM659" s="613"/>
      <c r="TON659" s="613"/>
      <c r="TOO659" s="613"/>
      <c r="TOP659" s="613"/>
      <c r="TOQ659" s="613"/>
      <c r="TOR659" s="613"/>
      <c r="TOS659" s="613"/>
      <c r="TOT659" s="613"/>
      <c r="TOU659" s="613"/>
      <c r="TOV659" s="613"/>
      <c r="TOW659" s="613"/>
      <c r="TOX659" s="613"/>
      <c r="TOY659" s="613"/>
      <c r="TOZ659" s="613"/>
      <c r="TPA659" s="613"/>
      <c r="TPB659" s="613"/>
      <c r="TPC659" s="613"/>
      <c r="TPD659" s="613"/>
      <c r="TPE659" s="613"/>
      <c r="TPF659" s="613"/>
      <c r="TPG659" s="613"/>
      <c r="TPH659" s="613"/>
      <c r="TPI659" s="613"/>
      <c r="TPJ659" s="613"/>
      <c r="TPK659" s="613"/>
      <c r="TPL659" s="613"/>
      <c r="TPM659" s="613"/>
      <c r="TPN659" s="613"/>
      <c r="TPO659" s="613"/>
      <c r="TPP659" s="613"/>
      <c r="TPQ659" s="613"/>
      <c r="TPR659" s="613"/>
      <c r="TPS659" s="613"/>
      <c r="TPT659" s="613"/>
      <c r="TPU659" s="613"/>
      <c r="TPV659" s="613"/>
      <c r="TPW659" s="613"/>
      <c r="TPX659" s="613"/>
      <c r="TPY659" s="613"/>
      <c r="TPZ659" s="613"/>
      <c r="TQA659" s="613"/>
      <c r="TQB659" s="613"/>
      <c r="TQC659" s="613"/>
      <c r="TQD659" s="613"/>
      <c r="TQE659" s="613"/>
      <c r="TQF659" s="613"/>
      <c r="TQG659" s="613"/>
      <c r="TQH659" s="613"/>
      <c r="TQI659" s="613"/>
      <c r="TQJ659" s="613"/>
      <c r="TQK659" s="613"/>
      <c r="TQL659" s="613"/>
      <c r="TQM659" s="613"/>
      <c r="TQN659" s="613"/>
      <c r="TQO659" s="613"/>
      <c r="TQP659" s="613"/>
      <c r="TQQ659" s="613"/>
      <c r="TQR659" s="613"/>
      <c r="TQS659" s="613"/>
      <c r="TQT659" s="613"/>
      <c r="TQU659" s="613"/>
      <c r="TQV659" s="613"/>
      <c r="TQW659" s="613"/>
      <c r="TQX659" s="613"/>
      <c r="TQY659" s="613"/>
      <c r="TQZ659" s="613"/>
      <c r="TRA659" s="613"/>
      <c r="TRB659" s="613"/>
      <c r="TRC659" s="613"/>
      <c r="TRD659" s="613"/>
      <c r="TRE659" s="613"/>
      <c r="TRF659" s="613"/>
      <c r="TRG659" s="613"/>
      <c r="TRH659" s="613"/>
      <c r="TRI659" s="613"/>
      <c r="TRJ659" s="613"/>
      <c r="TRK659" s="613"/>
      <c r="TRL659" s="613"/>
      <c r="TRM659" s="613"/>
      <c r="TRN659" s="613"/>
      <c r="TRO659" s="613"/>
      <c r="TRP659" s="613"/>
      <c r="TRQ659" s="613"/>
      <c r="TRR659" s="613"/>
      <c r="TRS659" s="613"/>
      <c r="TRT659" s="613"/>
      <c r="TRU659" s="613"/>
      <c r="TRV659" s="613"/>
      <c r="TRW659" s="613"/>
      <c r="TRX659" s="613"/>
      <c r="TRY659" s="613"/>
      <c r="TRZ659" s="613"/>
      <c r="TSA659" s="613"/>
      <c r="TSB659" s="613"/>
      <c r="TSC659" s="613"/>
      <c r="TSD659" s="613"/>
      <c r="TSE659" s="613"/>
      <c r="TSF659" s="613"/>
      <c r="TSG659" s="613"/>
      <c r="TSH659" s="613"/>
      <c r="TSI659" s="613"/>
      <c r="TSJ659" s="613"/>
      <c r="TSK659" s="613"/>
      <c r="TSL659" s="613"/>
      <c r="TSM659" s="613"/>
      <c r="TSN659" s="613"/>
      <c r="TSO659" s="613"/>
      <c r="TSP659" s="613"/>
      <c r="TSQ659" s="613"/>
      <c r="TSR659" s="613"/>
      <c r="TSS659" s="613"/>
      <c r="TST659" s="613"/>
      <c r="TSU659" s="613"/>
      <c r="TSV659" s="613"/>
      <c r="TSW659" s="613"/>
      <c r="TSX659" s="613"/>
      <c r="TSY659" s="613"/>
      <c r="TSZ659" s="613"/>
      <c r="TTA659" s="613"/>
      <c r="TTB659" s="613"/>
      <c r="TTC659" s="613"/>
      <c r="TTD659" s="613"/>
      <c r="TTE659" s="613"/>
      <c r="TTF659" s="613"/>
      <c r="TTG659" s="613"/>
      <c r="TTH659" s="613"/>
      <c r="TTI659" s="613"/>
      <c r="TTJ659" s="613"/>
      <c r="TTK659" s="613"/>
      <c r="TTL659" s="613"/>
      <c r="TTM659" s="613"/>
      <c r="TTN659" s="613"/>
      <c r="TTO659" s="613"/>
      <c r="TTP659" s="613"/>
      <c r="TTQ659" s="613"/>
      <c r="TTR659" s="613"/>
      <c r="TTS659" s="613"/>
      <c r="TTT659" s="613"/>
      <c r="TTU659" s="613"/>
      <c r="TTV659" s="613"/>
      <c r="TTW659" s="613"/>
      <c r="TTX659" s="613"/>
      <c r="TTY659" s="613"/>
      <c r="TTZ659" s="613"/>
      <c r="TUA659" s="613"/>
      <c r="TUB659" s="613"/>
      <c r="TUC659" s="613"/>
      <c r="TUD659" s="613"/>
      <c r="TUE659" s="613"/>
      <c r="TUF659" s="613"/>
      <c r="TUG659" s="613"/>
      <c r="TUH659" s="613"/>
      <c r="TUI659" s="613"/>
      <c r="TUJ659" s="613"/>
      <c r="TUK659" s="613"/>
      <c r="TUL659" s="613"/>
      <c r="TUM659" s="613"/>
      <c r="TUN659" s="613"/>
      <c r="TUO659" s="613"/>
      <c r="TUP659" s="613"/>
      <c r="TUQ659" s="613"/>
      <c r="TUR659" s="613"/>
      <c r="TUS659" s="613"/>
      <c r="TUT659" s="613"/>
      <c r="TUU659" s="613"/>
      <c r="TUV659" s="613"/>
      <c r="TUW659" s="613"/>
      <c r="TUX659" s="613"/>
      <c r="TUY659" s="613"/>
      <c r="TUZ659" s="613"/>
      <c r="TVA659" s="613"/>
      <c r="TVB659" s="613"/>
      <c r="TVC659" s="613"/>
      <c r="TVD659" s="613"/>
      <c r="TVE659" s="613"/>
      <c r="TVF659" s="613"/>
      <c r="TVG659" s="613"/>
      <c r="TVH659" s="613"/>
      <c r="TVI659" s="613"/>
      <c r="TVJ659" s="613"/>
      <c r="TVK659" s="613"/>
      <c r="TVL659" s="613"/>
      <c r="TVM659" s="613"/>
      <c r="TVN659" s="613"/>
      <c r="TVO659" s="613"/>
      <c r="TVP659" s="613"/>
      <c r="TVQ659" s="613"/>
      <c r="TVR659" s="613"/>
      <c r="TVS659" s="613"/>
      <c r="TVT659" s="613"/>
      <c r="TVU659" s="613"/>
      <c r="TVV659" s="613"/>
      <c r="TVW659" s="613"/>
      <c r="TVX659" s="613"/>
      <c r="TVY659" s="613"/>
      <c r="TVZ659" s="613"/>
      <c r="TWA659" s="613"/>
      <c r="TWB659" s="613"/>
      <c r="TWC659" s="613"/>
      <c r="TWD659" s="613"/>
      <c r="TWE659" s="613"/>
      <c r="TWF659" s="613"/>
      <c r="TWG659" s="613"/>
      <c r="TWH659" s="613"/>
      <c r="TWI659" s="613"/>
      <c r="TWJ659" s="613"/>
      <c r="TWK659" s="613"/>
      <c r="TWL659" s="613"/>
      <c r="TWM659" s="613"/>
      <c r="TWN659" s="613"/>
      <c r="TWO659" s="613"/>
      <c r="TWP659" s="613"/>
      <c r="TWQ659" s="613"/>
      <c r="TWR659" s="613"/>
      <c r="TWS659" s="613"/>
      <c r="TWT659" s="613"/>
      <c r="TWU659" s="613"/>
      <c r="TWV659" s="613"/>
      <c r="TWW659" s="613"/>
      <c r="TWX659" s="613"/>
      <c r="TWY659" s="613"/>
      <c r="TWZ659" s="613"/>
      <c r="TXA659" s="613"/>
      <c r="TXB659" s="613"/>
      <c r="TXC659" s="613"/>
      <c r="TXD659" s="613"/>
      <c r="TXE659" s="613"/>
      <c r="TXF659" s="613"/>
      <c r="TXG659" s="613"/>
      <c r="TXH659" s="613"/>
      <c r="TXI659" s="613"/>
      <c r="TXJ659" s="613"/>
      <c r="TXK659" s="613"/>
      <c r="TXL659" s="613"/>
      <c r="TXM659" s="613"/>
      <c r="TXN659" s="613"/>
      <c r="TXO659" s="613"/>
      <c r="TXP659" s="613"/>
      <c r="TXQ659" s="613"/>
      <c r="TXR659" s="613"/>
      <c r="TXS659" s="613"/>
      <c r="TXT659" s="613"/>
      <c r="TXU659" s="613"/>
      <c r="TXV659" s="613"/>
      <c r="TXW659" s="613"/>
      <c r="TXX659" s="613"/>
      <c r="TXY659" s="613"/>
      <c r="TXZ659" s="613"/>
      <c r="TYA659" s="613"/>
      <c r="TYB659" s="613"/>
      <c r="TYC659" s="613"/>
      <c r="TYD659" s="613"/>
      <c r="TYE659" s="613"/>
      <c r="TYF659" s="613"/>
      <c r="TYG659" s="613"/>
      <c r="TYH659" s="613"/>
      <c r="TYI659" s="613"/>
      <c r="TYJ659" s="613"/>
      <c r="TYK659" s="613"/>
      <c r="TYL659" s="613"/>
      <c r="TYM659" s="613"/>
      <c r="TYN659" s="613"/>
      <c r="TYO659" s="613"/>
      <c r="TYP659" s="613"/>
      <c r="TYQ659" s="613"/>
      <c r="TYR659" s="613"/>
      <c r="TYS659" s="613"/>
      <c r="TYT659" s="613"/>
      <c r="TYU659" s="613"/>
      <c r="TYV659" s="613"/>
      <c r="TYW659" s="613"/>
      <c r="TYX659" s="613"/>
      <c r="TYY659" s="613"/>
      <c r="TYZ659" s="613"/>
      <c r="TZA659" s="613"/>
      <c r="TZB659" s="613"/>
      <c r="TZC659" s="613"/>
      <c r="TZD659" s="613"/>
      <c r="TZE659" s="613"/>
      <c r="TZF659" s="613"/>
      <c r="TZG659" s="613"/>
      <c r="TZH659" s="613"/>
      <c r="TZI659" s="613"/>
      <c r="TZJ659" s="613"/>
      <c r="TZK659" s="613"/>
      <c r="TZL659" s="613"/>
      <c r="TZM659" s="613"/>
      <c r="TZN659" s="613"/>
      <c r="TZO659" s="613"/>
      <c r="TZP659" s="613"/>
      <c r="TZQ659" s="613"/>
      <c r="TZR659" s="613"/>
      <c r="TZS659" s="613"/>
      <c r="TZT659" s="613"/>
      <c r="TZU659" s="613"/>
      <c r="TZV659" s="613"/>
      <c r="TZW659" s="613"/>
      <c r="TZX659" s="613"/>
      <c r="TZY659" s="613"/>
      <c r="TZZ659" s="613"/>
      <c r="UAA659" s="613"/>
      <c r="UAB659" s="613"/>
      <c r="UAC659" s="613"/>
      <c r="UAD659" s="613"/>
      <c r="UAE659" s="613"/>
      <c r="UAF659" s="613"/>
      <c r="UAG659" s="613"/>
      <c r="UAH659" s="613"/>
      <c r="UAI659" s="613"/>
      <c r="UAJ659" s="613"/>
      <c r="UAK659" s="613"/>
      <c r="UAL659" s="613"/>
      <c r="UAM659" s="613"/>
      <c r="UAN659" s="613"/>
      <c r="UAO659" s="613"/>
      <c r="UAP659" s="613"/>
      <c r="UAQ659" s="613"/>
      <c r="UAR659" s="613"/>
      <c r="UAS659" s="613"/>
      <c r="UAT659" s="613"/>
      <c r="UAU659" s="613"/>
      <c r="UAV659" s="613"/>
      <c r="UAW659" s="613"/>
      <c r="UAX659" s="613"/>
      <c r="UAY659" s="613"/>
      <c r="UAZ659" s="613"/>
      <c r="UBA659" s="613"/>
      <c r="UBB659" s="613"/>
      <c r="UBC659" s="613"/>
      <c r="UBD659" s="613"/>
      <c r="UBE659" s="613"/>
      <c r="UBF659" s="613"/>
      <c r="UBG659" s="613"/>
      <c r="UBH659" s="613"/>
      <c r="UBI659" s="613"/>
      <c r="UBJ659" s="613"/>
      <c r="UBK659" s="613"/>
      <c r="UBL659" s="613"/>
      <c r="UBM659" s="613"/>
      <c r="UBN659" s="613"/>
      <c r="UBO659" s="613"/>
      <c r="UBP659" s="613"/>
      <c r="UBQ659" s="613"/>
      <c r="UBR659" s="613"/>
      <c r="UBS659" s="613"/>
      <c r="UBT659" s="613"/>
      <c r="UBU659" s="613"/>
      <c r="UBV659" s="613"/>
      <c r="UBW659" s="613"/>
      <c r="UBX659" s="613"/>
      <c r="UBY659" s="613"/>
      <c r="UBZ659" s="613"/>
      <c r="UCA659" s="613"/>
      <c r="UCB659" s="613"/>
      <c r="UCC659" s="613"/>
      <c r="UCD659" s="613"/>
      <c r="UCE659" s="613"/>
      <c r="UCF659" s="613"/>
      <c r="UCG659" s="613"/>
      <c r="UCH659" s="613"/>
      <c r="UCI659" s="613"/>
      <c r="UCJ659" s="613"/>
      <c r="UCK659" s="613"/>
      <c r="UCL659" s="613"/>
      <c r="UCM659" s="613"/>
      <c r="UCN659" s="613"/>
      <c r="UCO659" s="613"/>
      <c r="UCP659" s="613"/>
      <c r="UCQ659" s="613"/>
      <c r="UCR659" s="613"/>
      <c r="UCS659" s="613"/>
      <c r="UCT659" s="613"/>
      <c r="UCU659" s="613"/>
      <c r="UCV659" s="613"/>
      <c r="UCW659" s="613"/>
      <c r="UCX659" s="613"/>
      <c r="UCY659" s="613"/>
      <c r="UCZ659" s="613"/>
      <c r="UDA659" s="613"/>
      <c r="UDB659" s="613"/>
      <c r="UDC659" s="613"/>
      <c r="UDD659" s="613"/>
      <c r="UDE659" s="613"/>
      <c r="UDF659" s="613"/>
      <c r="UDG659" s="613"/>
      <c r="UDH659" s="613"/>
      <c r="UDI659" s="613"/>
      <c r="UDJ659" s="613"/>
      <c r="UDK659" s="613"/>
      <c r="UDL659" s="613"/>
      <c r="UDM659" s="613"/>
      <c r="UDN659" s="613"/>
      <c r="UDO659" s="613"/>
      <c r="UDP659" s="613"/>
      <c r="UDQ659" s="613"/>
      <c r="UDR659" s="613"/>
      <c r="UDS659" s="613"/>
      <c r="UDT659" s="613"/>
      <c r="UDU659" s="613"/>
      <c r="UDV659" s="613"/>
      <c r="UDW659" s="613"/>
      <c r="UDX659" s="613"/>
      <c r="UDY659" s="613"/>
      <c r="UDZ659" s="613"/>
      <c r="UEA659" s="613"/>
      <c r="UEB659" s="613"/>
      <c r="UEC659" s="613"/>
      <c r="UED659" s="613"/>
      <c r="UEE659" s="613"/>
      <c r="UEF659" s="613"/>
      <c r="UEG659" s="613"/>
      <c r="UEH659" s="613"/>
      <c r="UEI659" s="613"/>
      <c r="UEJ659" s="613"/>
      <c r="UEK659" s="613"/>
      <c r="UEL659" s="613"/>
      <c r="UEM659" s="613"/>
      <c r="UEN659" s="613"/>
      <c r="UEO659" s="613"/>
      <c r="UEP659" s="613"/>
      <c r="UEQ659" s="613"/>
      <c r="UER659" s="613"/>
      <c r="UES659" s="613"/>
      <c r="UET659" s="613"/>
      <c r="UEU659" s="613"/>
      <c r="UEV659" s="613"/>
      <c r="UEW659" s="613"/>
      <c r="UEX659" s="613"/>
      <c r="UEY659" s="613"/>
      <c r="UEZ659" s="613"/>
      <c r="UFA659" s="613"/>
      <c r="UFB659" s="613"/>
      <c r="UFC659" s="613"/>
      <c r="UFD659" s="613"/>
      <c r="UFE659" s="613"/>
      <c r="UFF659" s="613"/>
      <c r="UFG659" s="613"/>
      <c r="UFH659" s="613"/>
      <c r="UFI659" s="613"/>
      <c r="UFJ659" s="613"/>
      <c r="UFK659" s="613"/>
      <c r="UFL659" s="613"/>
      <c r="UFM659" s="613"/>
      <c r="UFN659" s="613"/>
      <c r="UFO659" s="613"/>
      <c r="UFP659" s="613"/>
      <c r="UFQ659" s="613"/>
      <c r="UFR659" s="613"/>
      <c r="UFS659" s="613"/>
      <c r="UFT659" s="613"/>
      <c r="UFU659" s="613"/>
      <c r="UFV659" s="613"/>
      <c r="UFW659" s="613"/>
      <c r="UFX659" s="613"/>
      <c r="UFY659" s="613"/>
      <c r="UFZ659" s="613"/>
      <c r="UGA659" s="613"/>
      <c r="UGB659" s="613"/>
      <c r="UGC659" s="613"/>
      <c r="UGD659" s="613"/>
      <c r="UGE659" s="613"/>
      <c r="UGF659" s="613"/>
      <c r="UGG659" s="613"/>
      <c r="UGH659" s="613"/>
      <c r="UGI659" s="613"/>
      <c r="UGJ659" s="613"/>
      <c r="UGK659" s="613"/>
      <c r="UGL659" s="613"/>
      <c r="UGM659" s="613"/>
      <c r="UGN659" s="613"/>
      <c r="UGO659" s="613"/>
      <c r="UGP659" s="613"/>
      <c r="UGQ659" s="613"/>
      <c r="UGR659" s="613"/>
      <c r="UGS659" s="613"/>
      <c r="UGT659" s="613"/>
      <c r="UGU659" s="613"/>
      <c r="UGV659" s="613"/>
      <c r="UGW659" s="613"/>
      <c r="UGX659" s="613"/>
      <c r="UGY659" s="613"/>
      <c r="UGZ659" s="613"/>
      <c r="UHA659" s="613"/>
      <c r="UHB659" s="613"/>
      <c r="UHC659" s="613"/>
      <c r="UHD659" s="613"/>
      <c r="UHE659" s="613"/>
      <c r="UHF659" s="613"/>
      <c r="UHG659" s="613"/>
      <c r="UHH659" s="613"/>
      <c r="UHI659" s="613"/>
      <c r="UHJ659" s="613"/>
      <c r="UHK659" s="613"/>
      <c r="UHL659" s="613"/>
      <c r="UHM659" s="613"/>
      <c r="UHN659" s="613"/>
      <c r="UHO659" s="613"/>
      <c r="UHP659" s="613"/>
      <c r="UHQ659" s="613"/>
      <c r="UHR659" s="613"/>
      <c r="UHS659" s="613"/>
      <c r="UHT659" s="613"/>
      <c r="UHU659" s="613"/>
      <c r="UHV659" s="613"/>
      <c r="UHW659" s="613"/>
      <c r="UHX659" s="613"/>
      <c r="UHY659" s="613"/>
      <c r="UHZ659" s="613"/>
      <c r="UIA659" s="613"/>
      <c r="UIB659" s="613"/>
      <c r="UIC659" s="613"/>
      <c r="UID659" s="613"/>
      <c r="UIE659" s="613"/>
      <c r="UIF659" s="613"/>
      <c r="UIG659" s="613"/>
      <c r="UIH659" s="613"/>
      <c r="UII659" s="613"/>
      <c r="UIJ659" s="613"/>
      <c r="UIK659" s="613"/>
      <c r="UIL659" s="613"/>
      <c r="UIM659" s="613"/>
      <c r="UIN659" s="613"/>
      <c r="UIO659" s="613"/>
      <c r="UIP659" s="613"/>
      <c r="UIQ659" s="613"/>
      <c r="UIR659" s="613"/>
      <c r="UIS659" s="613"/>
      <c r="UIT659" s="613"/>
      <c r="UIU659" s="613"/>
      <c r="UIV659" s="613"/>
      <c r="UIW659" s="613"/>
      <c r="UIX659" s="613"/>
      <c r="UIY659" s="613"/>
      <c r="UIZ659" s="613"/>
      <c r="UJA659" s="613"/>
      <c r="UJB659" s="613"/>
      <c r="UJC659" s="613"/>
      <c r="UJD659" s="613"/>
      <c r="UJE659" s="613"/>
      <c r="UJF659" s="613"/>
      <c r="UJG659" s="613"/>
      <c r="UJH659" s="613"/>
      <c r="UJI659" s="613"/>
      <c r="UJJ659" s="613"/>
      <c r="UJK659" s="613"/>
      <c r="UJL659" s="613"/>
      <c r="UJM659" s="613"/>
      <c r="UJN659" s="613"/>
      <c r="UJO659" s="613"/>
      <c r="UJP659" s="613"/>
      <c r="UJQ659" s="613"/>
      <c r="UJR659" s="613"/>
      <c r="UJS659" s="613"/>
      <c r="UJT659" s="613"/>
      <c r="UJU659" s="613"/>
      <c r="UJV659" s="613"/>
      <c r="UJW659" s="613"/>
      <c r="UJX659" s="613"/>
      <c r="UJY659" s="613"/>
      <c r="UJZ659" s="613"/>
      <c r="UKA659" s="613"/>
      <c r="UKB659" s="613"/>
      <c r="UKC659" s="613"/>
      <c r="UKD659" s="613"/>
      <c r="UKE659" s="613"/>
      <c r="UKF659" s="613"/>
      <c r="UKG659" s="613"/>
      <c r="UKH659" s="613"/>
      <c r="UKI659" s="613"/>
      <c r="UKJ659" s="613"/>
      <c r="UKK659" s="613"/>
      <c r="UKL659" s="613"/>
      <c r="UKM659" s="613"/>
      <c r="UKN659" s="613"/>
      <c r="UKO659" s="613"/>
      <c r="UKP659" s="613"/>
      <c r="UKQ659" s="613"/>
      <c r="UKR659" s="613"/>
      <c r="UKS659" s="613"/>
      <c r="UKT659" s="613"/>
      <c r="UKU659" s="613"/>
      <c r="UKV659" s="613"/>
      <c r="UKW659" s="613"/>
      <c r="UKX659" s="613"/>
      <c r="UKY659" s="613"/>
      <c r="UKZ659" s="613"/>
      <c r="ULA659" s="613"/>
      <c r="ULB659" s="613"/>
      <c r="ULC659" s="613"/>
      <c r="ULD659" s="613"/>
      <c r="ULE659" s="613"/>
      <c r="ULF659" s="613"/>
      <c r="ULG659" s="613"/>
      <c r="ULH659" s="613"/>
      <c r="ULI659" s="613"/>
      <c r="ULJ659" s="613"/>
      <c r="ULK659" s="613"/>
      <c r="ULL659" s="613"/>
      <c r="ULM659" s="613"/>
      <c r="ULN659" s="613"/>
      <c r="ULO659" s="613"/>
      <c r="ULP659" s="613"/>
      <c r="ULQ659" s="613"/>
      <c r="ULR659" s="613"/>
      <c r="ULS659" s="613"/>
      <c r="ULT659" s="613"/>
      <c r="ULU659" s="613"/>
      <c r="ULV659" s="613"/>
      <c r="ULW659" s="613"/>
      <c r="ULX659" s="613"/>
      <c r="ULY659" s="613"/>
      <c r="ULZ659" s="613"/>
      <c r="UMA659" s="613"/>
      <c r="UMB659" s="613"/>
      <c r="UMC659" s="613"/>
      <c r="UMD659" s="613"/>
      <c r="UME659" s="613"/>
      <c r="UMF659" s="613"/>
      <c r="UMG659" s="613"/>
      <c r="UMH659" s="613"/>
      <c r="UMI659" s="613"/>
      <c r="UMJ659" s="613"/>
      <c r="UMK659" s="613"/>
      <c r="UML659" s="613"/>
      <c r="UMM659" s="613"/>
      <c r="UMN659" s="613"/>
      <c r="UMO659" s="613"/>
      <c r="UMP659" s="613"/>
      <c r="UMQ659" s="613"/>
      <c r="UMR659" s="613"/>
      <c r="UMS659" s="613"/>
      <c r="UMT659" s="613"/>
      <c r="UMU659" s="613"/>
      <c r="UMV659" s="613"/>
      <c r="UMW659" s="613"/>
      <c r="UMX659" s="613"/>
      <c r="UMY659" s="613"/>
      <c r="UMZ659" s="613"/>
      <c r="UNA659" s="613"/>
      <c r="UNB659" s="613"/>
      <c r="UNC659" s="613"/>
      <c r="UND659" s="613"/>
      <c r="UNE659" s="613"/>
      <c r="UNF659" s="613"/>
      <c r="UNG659" s="613"/>
      <c r="UNH659" s="613"/>
      <c r="UNI659" s="613"/>
      <c r="UNJ659" s="613"/>
      <c r="UNK659" s="613"/>
      <c r="UNL659" s="613"/>
      <c r="UNM659" s="613"/>
      <c r="UNN659" s="613"/>
      <c r="UNO659" s="613"/>
      <c r="UNP659" s="613"/>
      <c r="UNQ659" s="613"/>
      <c r="UNR659" s="613"/>
      <c r="UNS659" s="613"/>
      <c r="UNT659" s="613"/>
      <c r="UNU659" s="613"/>
      <c r="UNV659" s="613"/>
      <c r="UNW659" s="613"/>
      <c r="UNX659" s="613"/>
      <c r="UNY659" s="613"/>
      <c r="UNZ659" s="613"/>
      <c r="UOA659" s="613"/>
      <c r="UOB659" s="613"/>
      <c r="UOC659" s="613"/>
      <c r="UOD659" s="613"/>
      <c r="UOE659" s="613"/>
      <c r="UOF659" s="613"/>
      <c r="UOG659" s="613"/>
      <c r="UOH659" s="613"/>
      <c r="UOI659" s="613"/>
      <c r="UOJ659" s="613"/>
      <c r="UOK659" s="613"/>
      <c r="UOL659" s="613"/>
      <c r="UOM659" s="613"/>
      <c r="UON659" s="613"/>
      <c r="UOO659" s="613"/>
      <c r="UOP659" s="613"/>
      <c r="UOQ659" s="613"/>
      <c r="UOR659" s="613"/>
      <c r="UOS659" s="613"/>
      <c r="UOT659" s="613"/>
      <c r="UOU659" s="613"/>
      <c r="UOV659" s="613"/>
      <c r="UOW659" s="613"/>
      <c r="UOX659" s="613"/>
      <c r="UOY659" s="613"/>
      <c r="UOZ659" s="613"/>
      <c r="UPA659" s="613"/>
      <c r="UPB659" s="613"/>
      <c r="UPC659" s="613"/>
      <c r="UPD659" s="613"/>
      <c r="UPE659" s="613"/>
      <c r="UPF659" s="613"/>
      <c r="UPG659" s="613"/>
      <c r="UPH659" s="613"/>
      <c r="UPI659" s="613"/>
      <c r="UPJ659" s="613"/>
      <c r="UPK659" s="613"/>
      <c r="UPL659" s="613"/>
      <c r="UPM659" s="613"/>
      <c r="UPN659" s="613"/>
      <c r="UPO659" s="613"/>
      <c r="UPP659" s="613"/>
      <c r="UPQ659" s="613"/>
      <c r="UPR659" s="613"/>
      <c r="UPS659" s="613"/>
      <c r="UPT659" s="613"/>
      <c r="UPU659" s="613"/>
      <c r="UPV659" s="613"/>
      <c r="UPW659" s="613"/>
      <c r="UPX659" s="613"/>
      <c r="UPY659" s="613"/>
      <c r="UPZ659" s="613"/>
      <c r="UQA659" s="613"/>
      <c r="UQB659" s="613"/>
      <c r="UQC659" s="613"/>
      <c r="UQD659" s="613"/>
      <c r="UQE659" s="613"/>
      <c r="UQF659" s="613"/>
      <c r="UQG659" s="613"/>
      <c r="UQH659" s="613"/>
      <c r="UQI659" s="613"/>
      <c r="UQJ659" s="613"/>
      <c r="UQK659" s="613"/>
      <c r="UQL659" s="613"/>
      <c r="UQM659" s="613"/>
      <c r="UQN659" s="613"/>
      <c r="UQO659" s="613"/>
      <c r="UQP659" s="613"/>
      <c r="UQQ659" s="613"/>
      <c r="UQR659" s="613"/>
      <c r="UQS659" s="613"/>
      <c r="UQT659" s="613"/>
      <c r="UQU659" s="613"/>
      <c r="UQV659" s="613"/>
      <c r="UQW659" s="613"/>
      <c r="UQX659" s="613"/>
      <c r="UQY659" s="613"/>
      <c r="UQZ659" s="613"/>
      <c r="URA659" s="613"/>
      <c r="URB659" s="613"/>
      <c r="URC659" s="613"/>
      <c r="URD659" s="613"/>
      <c r="URE659" s="613"/>
      <c r="URF659" s="613"/>
      <c r="URG659" s="613"/>
      <c r="URH659" s="613"/>
      <c r="URI659" s="613"/>
      <c r="URJ659" s="613"/>
      <c r="URK659" s="613"/>
      <c r="URL659" s="613"/>
      <c r="URM659" s="613"/>
      <c r="URN659" s="613"/>
      <c r="URO659" s="613"/>
      <c r="URP659" s="613"/>
      <c r="URQ659" s="613"/>
      <c r="URR659" s="613"/>
      <c r="URS659" s="613"/>
      <c r="URT659" s="613"/>
      <c r="URU659" s="613"/>
      <c r="URV659" s="613"/>
      <c r="URW659" s="613"/>
      <c r="URX659" s="613"/>
      <c r="URY659" s="613"/>
      <c r="URZ659" s="613"/>
      <c r="USA659" s="613"/>
      <c r="USB659" s="613"/>
      <c r="USC659" s="613"/>
      <c r="USD659" s="613"/>
      <c r="USE659" s="613"/>
      <c r="USF659" s="613"/>
      <c r="USG659" s="613"/>
      <c r="USH659" s="613"/>
      <c r="USI659" s="613"/>
      <c r="USJ659" s="613"/>
      <c r="USK659" s="613"/>
      <c r="USL659" s="613"/>
      <c r="USM659" s="613"/>
      <c r="USN659" s="613"/>
      <c r="USO659" s="613"/>
      <c r="USP659" s="613"/>
      <c r="USQ659" s="613"/>
      <c r="USR659" s="613"/>
      <c r="USS659" s="613"/>
      <c r="UST659" s="613"/>
      <c r="USU659" s="613"/>
      <c r="USV659" s="613"/>
      <c r="USW659" s="613"/>
      <c r="USX659" s="613"/>
      <c r="USY659" s="613"/>
      <c r="USZ659" s="613"/>
      <c r="UTA659" s="613"/>
      <c r="UTB659" s="613"/>
      <c r="UTC659" s="613"/>
      <c r="UTD659" s="613"/>
      <c r="UTE659" s="613"/>
      <c r="UTF659" s="613"/>
      <c r="UTG659" s="613"/>
      <c r="UTH659" s="613"/>
      <c r="UTI659" s="613"/>
      <c r="UTJ659" s="613"/>
      <c r="UTK659" s="613"/>
      <c r="UTL659" s="613"/>
      <c r="UTM659" s="613"/>
      <c r="UTN659" s="613"/>
      <c r="UTO659" s="613"/>
      <c r="UTP659" s="613"/>
      <c r="UTQ659" s="613"/>
      <c r="UTR659" s="613"/>
      <c r="UTS659" s="613"/>
      <c r="UTT659" s="613"/>
      <c r="UTU659" s="613"/>
      <c r="UTV659" s="613"/>
      <c r="UTW659" s="613"/>
      <c r="UTX659" s="613"/>
      <c r="UTY659" s="613"/>
      <c r="UTZ659" s="613"/>
      <c r="UUA659" s="613"/>
      <c r="UUB659" s="613"/>
      <c r="UUC659" s="613"/>
      <c r="UUD659" s="613"/>
      <c r="UUE659" s="613"/>
      <c r="UUF659" s="613"/>
      <c r="UUG659" s="613"/>
      <c r="UUH659" s="613"/>
      <c r="UUI659" s="613"/>
      <c r="UUJ659" s="613"/>
      <c r="UUK659" s="613"/>
      <c r="UUL659" s="613"/>
      <c r="UUM659" s="613"/>
      <c r="UUN659" s="613"/>
      <c r="UUO659" s="613"/>
      <c r="UUP659" s="613"/>
      <c r="UUQ659" s="613"/>
      <c r="UUR659" s="613"/>
      <c r="UUS659" s="613"/>
      <c r="UUT659" s="613"/>
      <c r="UUU659" s="613"/>
      <c r="UUV659" s="613"/>
      <c r="UUW659" s="613"/>
      <c r="UUX659" s="613"/>
      <c r="UUY659" s="613"/>
      <c r="UUZ659" s="613"/>
      <c r="UVA659" s="613"/>
      <c r="UVB659" s="613"/>
      <c r="UVC659" s="613"/>
      <c r="UVD659" s="613"/>
      <c r="UVE659" s="613"/>
      <c r="UVF659" s="613"/>
      <c r="UVG659" s="613"/>
      <c r="UVH659" s="613"/>
      <c r="UVI659" s="613"/>
      <c r="UVJ659" s="613"/>
      <c r="UVK659" s="613"/>
      <c r="UVL659" s="613"/>
      <c r="UVM659" s="613"/>
      <c r="UVN659" s="613"/>
      <c r="UVO659" s="613"/>
      <c r="UVP659" s="613"/>
      <c r="UVQ659" s="613"/>
      <c r="UVR659" s="613"/>
      <c r="UVS659" s="613"/>
      <c r="UVT659" s="613"/>
      <c r="UVU659" s="613"/>
      <c r="UVV659" s="613"/>
      <c r="UVW659" s="613"/>
      <c r="UVX659" s="613"/>
      <c r="UVY659" s="613"/>
      <c r="UVZ659" s="613"/>
      <c r="UWA659" s="613"/>
      <c r="UWB659" s="613"/>
      <c r="UWC659" s="613"/>
      <c r="UWD659" s="613"/>
      <c r="UWE659" s="613"/>
      <c r="UWF659" s="613"/>
      <c r="UWG659" s="613"/>
      <c r="UWH659" s="613"/>
      <c r="UWI659" s="613"/>
      <c r="UWJ659" s="613"/>
      <c r="UWK659" s="613"/>
      <c r="UWL659" s="613"/>
      <c r="UWM659" s="613"/>
      <c r="UWN659" s="613"/>
      <c r="UWO659" s="613"/>
      <c r="UWP659" s="613"/>
      <c r="UWQ659" s="613"/>
      <c r="UWR659" s="613"/>
      <c r="UWS659" s="613"/>
      <c r="UWT659" s="613"/>
      <c r="UWU659" s="613"/>
      <c r="UWV659" s="613"/>
      <c r="UWW659" s="613"/>
      <c r="UWX659" s="613"/>
      <c r="UWY659" s="613"/>
      <c r="UWZ659" s="613"/>
      <c r="UXA659" s="613"/>
      <c r="UXB659" s="613"/>
      <c r="UXC659" s="613"/>
      <c r="UXD659" s="613"/>
      <c r="UXE659" s="613"/>
      <c r="UXF659" s="613"/>
      <c r="UXG659" s="613"/>
      <c r="UXH659" s="613"/>
      <c r="UXI659" s="613"/>
      <c r="UXJ659" s="613"/>
      <c r="UXK659" s="613"/>
      <c r="UXL659" s="613"/>
      <c r="UXM659" s="613"/>
      <c r="UXN659" s="613"/>
      <c r="UXO659" s="613"/>
      <c r="UXP659" s="613"/>
      <c r="UXQ659" s="613"/>
      <c r="UXR659" s="613"/>
      <c r="UXS659" s="613"/>
      <c r="UXT659" s="613"/>
      <c r="UXU659" s="613"/>
      <c r="UXV659" s="613"/>
      <c r="UXW659" s="613"/>
      <c r="UXX659" s="613"/>
      <c r="UXY659" s="613"/>
      <c r="UXZ659" s="613"/>
      <c r="UYA659" s="613"/>
      <c r="UYB659" s="613"/>
      <c r="UYC659" s="613"/>
      <c r="UYD659" s="613"/>
      <c r="UYE659" s="613"/>
      <c r="UYF659" s="613"/>
      <c r="UYG659" s="613"/>
      <c r="UYH659" s="613"/>
      <c r="UYI659" s="613"/>
      <c r="UYJ659" s="613"/>
      <c r="UYK659" s="613"/>
      <c r="UYL659" s="613"/>
      <c r="UYM659" s="613"/>
      <c r="UYN659" s="613"/>
      <c r="UYO659" s="613"/>
      <c r="UYP659" s="613"/>
      <c r="UYQ659" s="613"/>
      <c r="UYR659" s="613"/>
      <c r="UYS659" s="613"/>
      <c r="UYT659" s="613"/>
      <c r="UYU659" s="613"/>
      <c r="UYV659" s="613"/>
      <c r="UYW659" s="613"/>
      <c r="UYX659" s="613"/>
      <c r="UYY659" s="613"/>
      <c r="UYZ659" s="613"/>
      <c r="UZA659" s="613"/>
      <c r="UZB659" s="613"/>
      <c r="UZC659" s="613"/>
      <c r="UZD659" s="613"/>
      <c r="UZE659" s="613"/>
      <c r="UZF659" s="613"/>
      <c r="UZG659" s="613"/>
      <c r="UZH659" s="613"/>
      <c r="UZI659" s="613"/>
      <c r="UZJ659" s="613"/>
      <c r="UZK659" s="613"/>
      <c r="UZL659" s="613"/>
      <c r="UZM659" s="613"/>
      <c r="UZN659" s="613"/>
      <c r="UZO659" s="613"/>
      <c r="UZP659" s="613"/>
      <c r="UZQ659" s="613"/>
      <c r="UZR659" s="613"/>
      <c r="UZS659" s="613"/>
      <c r="UZT659" s="613"/>
      <c r="UZU659" s="613"/>
      <c r="UZV659" s="613"/>
      <c r="UZW659" s="613"/>
      <c r="UZX659" s="613"/>
      <c r="UZY659" s="613"/>
      <c r="UZZ659" s="613"/>
      <c r="VAA659" s="613"/>
      <c r="VAB659" s="613"/>
      <c r="VAC659" s="613"/>
      <c r="VAD659" s="613"/>
      <c r="VAE659" s="613"/>
      <c r="VAF659" s="613"/>
      <c r="VAG659" s="613"/>
      <c r="VAH659" s="613"/>
      <c r="VAI659" s="613"/>
      <c r="VAJ659" s="613"/>
      <c r="VAK659" s="613"/>
      <c r="VAL659" s="613"/>
      <c r="VAM659" s="613"/>
      <c r="VAN659" s="613"/>
      <c r="VAO659" s="613"/>
      <c r="VAP659" s="613"/>
      <c r="VAQ659" s="613"/>
      <c r="VAR659" s="613"/>
      <c r="VAS659" s="613"/>
      <c r="VAT659" s="613"/>
      <c r="VAU659" s="613"/>
      <c r="VAV659" s="613"/>
      <c r="VAW659" s="613"/>
      <c r="VAX659" s="613"/>
      <c r="VAY659" s="613"/>
      <c r="VAZ659" s="613"/>
      <c r="VBA659" s="613"/>
      <c r="VBB659" s="613"/>
      <c r="VBC659" s="613"/>
      <c r="VBD659" s="613"/>
      <c r="VBE659" s="613"/>
      <c r="VBF659" s="613"/>
      <c r="VBG659" s="613"/>
      <c r="VBH659" s="613"/>
      <c r="VBI659" s="613"/>
      <c r="VBJ659" s="613"/>
      <c r="VBK659" s="613"/>
      <c r="VBL659" s="613"/>
      <c r="VBM659" s="613"/>
      <c r="VBN659" s="613"/>
      <c r="VBO659" s="613"/>
      <c r="VBP659" s="613"/>
      <c r="VBQ659" s="613"/>
      <c r="VBR659" s="613"/>
      <c r="VBS659" s="613"/>
      <c r="VBT659" s="613"/>
      <c r="VBU659" s="613"/>
      <c r="VBV659" s="613"/>
      <c r="VBW659" s="613"/>
      <c r="VBX659" s="613"/>
      <c r="VBY659" s="613"/>
      <c r="VBZ659" s="613"/>
      <c r="VCA659" s="613"/>
      <c r="VCB659" s="613"/>
      <c r="VCC659" s="613"/>
      <c r="VCD659" s="613"/>
      <c r="VCE659" s="613"/>
      <c r="VCF659" s="613"/>
      <c r="VCG659" s="613"/>
      <c r="VCH659" s="613"/>
      <c r="VCI659" s="613"/>
      <c r="VCJ659" s="613"/>
      <c r="VCK659" s="613"/>
      <c r="VCL659" s="613"/>
      <c r="VCM659" s="613"/>
      <c r="VCN659" s="613"/>
      <c r="VCO659" s="613"/>
      <c r="VCP659" s="613"/>
      <c r="VCQ659" s="613"/>
      <c r="VCR659" s="613"/>
      <c r="VCS659" s="613"/>
      <c r="VCT659" s="613"/>
      <c r="VCU659" s="613"/>
      <c r="VCV659" s="613"/>
      <c r="VCW659" s="613"/>
      <c r="VCX659" s="613"/>
      <c r="VCY659" s="613"/>
      <c r="VCZ659" s="613"/>
      <c r="VDA659" s="613"/>
      <c r="VDB659" s="613"/>
      <c r="VDC659" s="613"/>
      <c r="VDD659" s="613"/>
      <c r="VDE659" s="613"/>
      <c r="VDF659" s="613"/>
      <c r="VDG659" s="613"/>
      <c r="VDH659" s="613"/>
      <c r="VDI659" s="613"/>
      <c r="VDJ659" s="613"/>
      <c r="VDK659" s="613"/>
      <c r="VDL659" s="613"/>
      <c r="VDM659" s="613"/>
      <c r="VDN659" s="613"/>
      <c r="VDO659" s="613"/>
      <c r="VDP659" s="613"/>
      <c r="VDQ659" s="613"/>
      <c r="VDR659" s="613"/>
      <c r="VDS659" s="613"/>
      <c r="VDT659" s="613"/>
      <c r="VDU659" s="613"/>
      <c r="VDV659" s="613"/>
      <c r="VDW659" s="613"/>
      <c r="VDX659" s="613"/>
      <c r="VDY659" s="613"/>
      <c r="VDZ659" s="613"/>
      <c r="VEA659" s="613"/>
      <c r="VEB659" s="613"/>
      <c r="VEC659" s="613"/>
      <c r="VED659" s="613"/>
      <c r="VEE659" s="613"/>
      <c r="VEF659" s="613"/>
      <c r="VEG659" s="613"/>
      <c r="VEH659" s="613"/>
      <c r="VEI659" s="613"/>
      <c r="VEJ659" s="613"/>
      <c r="VEK659" s="613"/>
      <c r="VEL659" s="613"/>
      <c r="VEM659" s="613"/>
      <c r="VEN659" s="613"/>
      <c r="VEO659" s="613"/>
      <c r="VEP659" s="613"/>
      <c r="VEQ659" s="613"/>
      <c r="VER659" s="613"/>
      <c r="VES659" s="613"/>
      <c r="VET659" s="613"/>
      <c r="VEU659" s="613"/>
      <c r="VEV659" s="613"/>
      <c r="VEW659" s="613"/>
      <c r="VEX659" s="613"/>
      <c r="VEY659" s="613"/>
      <c r="VEZ659" s="613"/>
      <c r="VFA659" s="613"/>
      <c r="VFB659" s="613"/>
      <c r="VFC659" s="613"/>
      <c r="VFD659" s="613"/>
      <c r="VFE659" s="613"/>
      <c r="VFF659" s="613"/>
      <c r="VFG659" s="613"/>
      <c r="VFH659" s="613"/>
      <c r="VFI659" s="613"/>
      <c r="VFJ659" s="613"/>
      <c r="VFK659" s="613"/>
      <c r="VFL659" s="613"/>
      <c r="VFM659" s="613"/>
      <c r="VFN659" s="613"/>
      <c r="VFO659" s="613"/>
      <c r="VFP659" s="613"/>
      <c r="VFQ659" s="613"/>
      <c r="VFR659" s="613"/>
      <c r="VFS659" s="613"/>
      <c r="VFT659" s="613"/>
      <c r="VFU659" s="613"/>
      <c r="VFV659" s="613"/>
      <c r="VFW659" s="613"/>
      <c r="VFX659" s="613"/>
      <c r="VFY659" s="613"/>
      <c r="VFZ659" s="613"/>
      <c r="VGA659" s="613"/>
      <c r="VGB659" s="613"/>
      <c r="VGC659" s="613"/>
      <c r="VGD659" s="613"/>
      <c r="VGE659" s="613"/>
      <c r="VGF659" s="613"/>
      <c r="VGG659" s="613"/>
      <c r="VGH659" s="613"/>
      <c r="VGI659" s="613"/>
      <c r="VGJ659" s="613"/>
      <c r="VGK659" s="613"/>
      <c r="VGL659" s="613"/>
      <c r="VGM659" s="613"/>
      <c r="VGN659" s="613"/>
      <c r="VGO659" s="613"/>
      <c r="VGP659" s="613"/>
      <c r="VGQ659" s="613"/>
      <c r="VGR659" s="613"/>
      <c r="VGS659" s="613"/>
      <c r="VGT659" s="613"/>
      <c r="VGU659" s="613"/>
      <c r="VGV659" s="613"/>
      <c r="VGW659" s="613"/>
      <c r="VGX659" s="613"/>
      <c r="VGY659" s="613"/>
      <c r="VGZ659" s="613"/>
      <c r="VHA659" s="613"/>
      <c r="VHB659" s="613"/>
      <c r="VHC659" s="613"/>
      <c r="VHD659" s="613"/>
      <c r="VHE659" s="613"/>
      <c r="VHF659" s="613"/>
      <c r="VHG659" s="613"/>
      <c r="VHH659" s="613"/>
      <c r="VHI659" s="613"/>
      <c r="VHJ659" s="613"/>
      <c r="VHK659" s="613"/>
      <c r="VHL659" s="613"/>
      <c r="VHM659" s="613"/>
      <c r="VHN659" s="613"/>
      <c r="VHO659" s="613"/>
      <c r="VHP659" s="613"/>
      <c r="VHQ659" s="613"/>
      <c r="VHR659" s="613"/>
      <c r="VHS659" s="613"/>
      <c r="VHT659" s="613"/>
      <c r="VHU659" s="613"/>
      <c r="VHV659" s="613"/>
      <c r="VHW659" s="613"/>
      <c r="VHX659" s="613"/>
      <c r="VHY659" s="613"/>
      <c r="VHZ659" s="613"/>
      <c r="VIA659" s="613"/>
      <c r="VIB659" s="613"/>
      <c r="VIC659" s="613"/>
      <c r="VID659" s="613"/>
      <c r="VIE659" s="613"/>
      <c r="VIF659" s="613"/>
      <c r="VIG659" s="613"/>
      <c r="VIH659" s="613"/>
      <c r="VII659" s="613"/>
      <c r="VIJ659" s="613"/>
      <c r="VIK659" s="613"/>
      <c r="VIL659" s="613"/>
      <c r="VIM659" s="613"/>
      <c r="VIN659" s="613"/>
      <c r="VIO659" s="613"/>
      <c r="VIP659" s="613"/>
      <c r="VIQ659" s="613"/>
      <c r="VIR659" s="613"/>
      <c r="VIS659" s="613"/>
      <c r="VIT659" s="613"/>
      <c r="VIU659" s="613"/>
      <c r="VIV659" s="613"/>
      <c r="VIW659" s="613"/>
      <c r="VIX659" s="613"/>
      <c r="VIY659" s="613"/>
      <c r="VIZ659" s="613"/>
      <c r="VJA659" s="613"/>
      <c r="VJB659" s="613"/>
      <c r="VJC659" s="613"/>
      <c r="VJD659" s="613"/>
      <c r="VJE659" s="613"/>
      <c r="VJF659" s="613"/>
      <c r="VJG659" s="613"/>
      <c r="VJH659" s="613"/>
      <c r="VJI659" s="613"/>
      <c r="VJJ659" s="613"/>
      <c r="VJK659" s="613"/>
      <c r="VJL659" s="613"/>
      <c r="VJM659" s="613"/>
      <c r="VJN659" s="613"/>
      <c r="VJO659" s="613"/>
      <c r="VJP659" s="613"/>
      <c r="VJQ659" s="613"/>
      <c r="VJR659" s="613"/>
      <c r="VJS659" s="613"/>
      <c r="VJT659" s="613"/>
      <c r="VJU659" s="613"/>
      <c r="VJV659" s="613"/>
      <c r="VJW659" s="613"/>
      <c r="VJX659" s="613"/>
      <c r="VJY659" s="613"/>
      <c r="VJZ659" s="613"/>
      <c r="VKA659" s="613"/>
      <c r="VKB659" s="613"/>
      <c r="VKC659" s="613"/>
      <c r="VKD659" s="613"/>
      <c r="VKE659" s="613"/>
      <c r="VKF659" s="613"/>
      <c r="VKG659" s="613"/>
      <c r="VKH659" s="613"/>
      <c r="VKI659" s="613"/>
      <c r="VKJ659" s="613"/>
      <c r="VKK659" s="613"/>
      <c r="VKL659" s="613"/>
      <c r="VKM659" s="613"/>
      <c r="VKN659" s="613"/>
      <c r="VKO659" s="613"/>
      <c r="VKP659" s="613"/>
      <c r="VKQ659" s="613"/>
      <c r="VKR659" s="613"/>
      <c r="VKS659" s="613"/>
      <c r="VKT659" s="613"/>
      <c r="VKU659" s="613"/>
      <c r="VKV659" s="613"/>
      <c r="VKW659" s="613"/>
      <c r="VKX659" s="613"/>
      <c r="VKY659" s="613"/>
      <c r="VKZ659" s="613"/>
      <c r="VLA659" s="613"/>
      <c r="VLB659" s="613"/>
      <c r="VLC659" s="613"/>
      <c r="VLD659" s="613"/>
      <c r="VLE659" s="613"/>
      <c r="VLF659" s="613"/>
      <c r="VLG659" s="613"/>
      <c r="VLH659" s="613"/>
      <c r="VLI659" s="613"/>
      <c r="VLJ659" s="613"/>
      <c r="VLK659" s="613"/>
      <c r="VLL659" s="613"/>
      <c r="VLM659" s="613"/>
      <c r="VLN659" s="613"/>
      <c r="VLO659" s="613"/>
      <c r="VLP659" s="613"/>
      <c r="VLQ659" s="613"/>
      <c r="VLR659" s="613"/>
      <c r="VLS659" s="613"/>
      <c r="VLT659" s="613"/>
      <c r="VLU659" s="613"/>
      <c r="VLV659" s="613"/>
      <c r="VLW659" s="613"/>
      <c r="VLX659" s="613"/>
      <c r="VLY659" s="613"/>
      <c r="VLZ659" s="613"/>
      <c r="VMA659" s="613"/>
      <c r="VMB659" s="613"/>
      <c r="VMC659" s="613"/>
      <c r="VMD659" s="613"/>
      <c r="VME659" s="613"/>
      <c r="VMF659" s="613"/>
      <c r="VMG659" s="613"/>
      <c r="VMH659" s="613"/>
      <c r="VMI659" s="613"/>
      <c r="VMJ659" s="613"/>
      <c r="VMK659" s="613"/>
      <c r="VML659" s="613"/>
      <c r="VMM659" s="613"/>
      <c r="VMN659" s="613"/>
      <c r="VMO659" s="613"/>
      <c r="VMP659" s="613"/>
      <c r="VMQ659" s="613"/>
      <c r="VMR659" s="613"/>
      <c r="VMS659" s="613"/>
      <c r="VMT659" s="613"/>
      <c r="VMU659" s="613"/>
      <c r="VMV659" s="613"/>
      <c r="VMW659" s="613"/>
      <c r="VMX659" s="613"/>
      <c r="VMY659" s="613"/>
      <c r="VMZ659" s="613"/>
      <c r="VNA659" s="613"/>
      <c r="VNB659" s="613"/>
      <c r="VNC659" s="613"/>
      <c r="VND659" s="613"/>
      <c r="VNE659" s="613"/>
      <c r="VNF659" s="613"/>
      <c r="VNG659" s="613"/>
      <c r="VNH659" s="613"/>
      <c r="VNI659" s="613"/>
      <c r="VNJ659" s="613"/>
      <c r="VNK659" s="613"/>
      <c r="VNL659" s="613"/>
      <c r="VNM659" s="613"/>
      <c r="VNN659" s="613"/>
      <c r="VNO659" s="613"/>
      <c r="VNP659" s="613"/>
      <c r="VNQ659" s="613"/>
      <c r="VNR659" s="613"/>
      <c r="VNS659" s="613"/>
      <c r="VNT659" s="613"/>
      <c r="VNU659" s="613"/>
      <c r="VNV659" s="613"/>
      <c r="VNW659" s="613"/>
      <c r="VNX659" s="613"/>
      <c r="VNY659" s="613"/>
      <c r="VNZ659" s="613"/>
      <c r="VOA659" s="613"/>
      <c r="VOB659" s="613"/>
      <c r="VOC659" s="613"/>
      <c r="VOD659" s="613"/>
      <c r="VOE659" s="613"/>
      <c r="VOF659" s="613"/>
      <c r="VOG659" s="613"/>
      <c r="VOH659" s="613"/>
      <c r="VOI659" s="613"/>
      <c r="VOJ659" s="613"/>
      <c r="VOK659" s="613"/>
      <c r="VOL659" s="613"/>
      <c r="VOM659" s="613"/>
      <c r="VON659" s="613"/>
      <c r="VOO659" s="613"/>
      <c r="VOP659" s="613"/>
      <c r="VOQ659" s="613"/>
      <c r="VOR659" s="613"/>
      <c r="VOS659" s="613"/>
      <c r="VOT659" s="613"/>
      <c r="VOU659" s="613"/>
      <c r="VOV659" s="613"/>
      <c r="VOW659" s="613"/>
      <c r="VOX659" s="613"/>
      <c r="VOY659" s="613"/>
      <c r="VOZ659" s="613"/>
      <c r="VPA659" s="613"/>
      <c r="VPB659" s="613"/>
      <c r="VPC659" s="613"/>
      <c r="VPD659" s="613"/>
      <c r="VPE659" s="613"/>
      <c r="VPF659" s="613"/>
      <c r="VPG659" s="613"/>
      <c r="VPH659" s="613"/>
      <c r="VPI659" s="613"/>
      <c r="VPJ659" s="613"/>
      <c r="VPK659" s="613"/>
      <c r="VPL659" s="613"/>
      <c r="VPM659" s="613"/>
      <c r="VPN659" s="613"/>
      <c r="VPO659" s="613"/>
      <c r="VPP659" s="613"/>
      <c r="VPQ659" s="613"/>
      <c r="VPR659" s="613"/>
      <c r="VPS659" s="613"/>
      <c r="VPT659" s="613"/>
      <c r="VPU659" s="613"/>
      <c r="VPV659" s="613"/>
      <c r="VPW659" s="613"/>
      <c r="VPX659" s="613"/>
      <c r="VPY659" s="613"/>
      <c r="VPZ659" s="613"/>
      <c r="VQA659" s="613"/>
      <c r="VQB659" s="613"/>
      <c r="VQC659" s="613"/>
      <c r="VQD659" s="613"/>
      <c r="VQE659" s="613"/>
      <c r="VQF659" s="613"/>
      <c r="VQG659" s="613"/>
      <c r="VQH659" s="613"/>
      <c r="VQI659" s="613"/>
      <c r="VQJ659" s="613"/>
      <c r="VQK659" s="613"/>
      <c r="VQL659" s="613"/>
      <c r="VQM659" s="613"/>
      <c r="VQN659" s="613"/>
      <c r="VQO659" s="613"/>
      <c r="VQP659" s="613"/>
      <c r="VQQ659" s="613"/>
      <c r="VQR659" s="613"/>
      <c r="VQS659" s="613"/>
      <c r="VQT659" s="613"/>
      <c r="VQU659" s="613"/>
      <c r="VQV659" s="613"/>
      <c r="VQW659" s="613"/>
      <c r="VQX659" s="613"/>
      <c r="VQY659" s="613"/>
      <c r="VQZ659" s="613"/>
      <c r="VRA659" s="613"/>
      <c r="VRB659" s="613"/>
      <c r="VRC659" s="613"/>
      <c r="VRD659" s="613"/>
      <c r="VRE659" s="613"/>
      <c r="VRF659" s="613"/>
      <c r="VRG659" s="613"/>
      <c r="VRH659" s="613"/>
      <c r="VRI659" s="613"/>
      <c r="VRJ659" s="613"/>
      <c r="VRK659" s="613"/>
      <c r="VRL659" s="613"/>
      <c r="VRM659" s="613"/>
      <c r="VRN659" s="613"/>
      <c r="VRO659" s="613"/>
      <c r="VRP659" s="613"/>
      <c r="VRQ659" s="613"/>
      <c r="VRR659" s="613"/>
      <c r="VRS659" s="613"/>
      <c r="VRT659" s="613"/>
      <c r="VRU659" s="613"/>
      <c r="VRV659" s="613"/>
      <c r="VRW659" s="613"/>
      <c r="VRX659" s="613"/>
      <c r="VRY659" s="613"/>
      <c r="VRZ659" s="613"/>
      <c r="VSA659" s="613"/>
      <c r="VSB659" s="613"/>
      <c r="VSC659" s="613"/>
      <c r="VSD659" s="613"/>
      <c r="VSE659" s="613"/>
      <c r="VSF659" s="613"/>
      <c r="VSG659" s="613"/>
      <c r="VSH659" s="613"/>
      <c r="VSI659" s="613"/>
      <c r="VSJ659" s="613"/>
      <c r="VSK659" s="613"/>
      <c r="VSL659" s="613"/>
      <c r="VSM659" s="613"/>
      <c r="VSN659" s="613"/>
      <c r="VSO659" s="613"/>
      <c r="VSP659" s="613"/>
      <c r="VSQ659" s="613"/>
      <c r="VSR659" s="613"/>
      <c r="VSS659" s="613"/>
      <c r="VST659" s="613"/>
      <c r="VSU659" s="613"/>
      <c r="VSV659" s="613"/>
      <c r="VSW659" s="613"/>
      <c r="VSX659" s="613"/>
      <c r="VSY659" s="613"/>
      <c r="VSZ659" s="613"/>
      <c r="VTA659" s="613"/>
      <c r="VTB659" s="613"/>
      <c r="VTC659" s="613"/>
      <c r="VTD659" s="613"/>
      <c r="VTE659" s="613"/>
      <c r="VTF659" s="613"/>
      <c r="VTG659" s="613"/>
      <c r="VTH659" s="613"/>
      <c r="VTI659" s="613"/>
      <c r="VTJ659" s="613"/>
      <c r="VTK659" s="613"/>
      <c r="VTL659" s="613"/>
      <c r="VTM659" s="613"/>
      <c r="VTN659" s="613"/>
      <c r="VTO659" s="613"/>
      <c r="VTP659" s="613"/>
      <c r="VTQ659" s="613"/>
      <c r="VTR659" s="613"/>
      <c r="VTS659" s="613"/>
      <c r="VTT659" s="613"/>
      <c r="VTU659" s="613"/>
      <c r="VTV659" s="613"/>
      <c r="VTW659" s="613"/>
      <c r="VTX659" s="613"/>
      <c r="VTY659" s="613"/>
      <c r="VTZ659" s="613"/>
      <c r="VUA659" s="613"/>
      <c r="VUB659" s="613"/>
      <c r="VUC659" s="613"/>
      <c r="VUD659" s="613"/>
      <c r="VUE659" s="613"/>
      <c r="VUF659" s="613"/>
      <c r="VUG659" s="613"/>
      <c r="VUH659" s="613"/>
      <c r="VUI659" s="613"/>
      <c r="VUJ659" s="613"/>
      <c r="VUK659" s="613"/>
      <c r="VUL659" s="613"/>
      <c r="VUM659" s="613"/>
      <c r="VUN659" s="613"/>
      <c r="VUO659" s="613"/>
      <c r="VUP659" s="613"/>
      <c r="VUQ659" s="613"/>
      <c r="VUR659" s="613"/>
      <c r="VUS659" s="613"/>
      <c r="VUT659" s="613"/>
      <c r="VUU659" s="613"/>
      <c r="VUV659" s="613"/>
      <c r="VUW659" s="613"/>
      <c r="VUX659" s="613"/>
      <c r="VUY659" s="613"/>
      <c r="VUZ659" s="613"/>
      <c r="VVA659" s="613"/>
      <c r="VVB659" s="613"/>
      <c r="VVC659" s="613"/>
      <c r="VVD659" s="613"/>
      <c r="VVE659" s="613"/>
      <c r="VVF659" s="613"/>
      <c r="VVG659" s="613"/>
      <c r="VVH659" s="613"/>
      <c r="VVI659" s="613"/>
      <c r="VVJ659" s="613"/>
      <c r="VVK659" s="613"/>
      <c r="VVL659" s="613"/>
      <c r="VVM659" s="613"/>
      <c r="VVN659" s="613"/>
      <c r="VVO659" s="613"/>
      <c r="VVP659" s="613"/>
      <c r="VVQ659" s="613"/>
      <c r="VVR659" s="613"/>
      <c r="VVS659" s="613"/>
      <c r="VVT659" s="613"/>
      <c r="VVU659" s="613"/>
      <c r="VVV659" s="613"/>
      <c r="VVW659" s="613"/>
      <c r="VVX659" s="613"/>
      <c r="VVY659" s="613"/>
      <c r="VVZ659" s="613"/>
      <c r="VWA659" s="613"/>
      <c r="VWB659" s="613"/>
      <c r="VWC659" s="613"/>
      <c r="VWD659" s="613"/>
      <c r="VWE659" s="613"/>
      <c r="VWF659" s="613"/>
      <c r="VWG659" s="613"/>
      <c r="VWH659" s="613"/>
      <c r="VWI659" s="613"/>
      <c r="VWJ659" s="613"/>
      <c r="VWK659" s="613"/>
      <c r="VWL659" s="613"/>
      <c r="VWM659" s="613"/>
      <c r="VWN659" s="613"/>
      <c r="VWO659" s="613"/>
      <c r="VWP659" s="613"/>
      <c r="VWQ659" s="613"/>
      <c r="VWR659" s="613"/>
      <c r="VWS659" s="613"/>
      <c r="VWT659" s="613"/>
      <c r="VWU659" s="613"/>
      <c r="VWV659" s="613"/>
      <c r="VWW659" s="613"/>
      <c r="VWX659" s="613"/>
      <c r="VWY659" s="613"/>
      <c r="VWZ659" s="613"/>
      <c r="VXA659" s="613"/>
      <c r="VXB659" s="613"/>
      <c r="VXC659" s="613"/>
      <c r="VXD659" s="613"/>
      <c r="VXE659" s="613"/>
      <c r="VXF659" s="613"/>
      <c r="VXG659" s="613"/>
      <c r="VXH659" s="613"/>
      <c r="VXI659" s="613"/>
      <c r="VXJ659" s="613"/>
      <c r="VXK659" s="613"/>
      <c r="VXL659" s="613"/>
      <c r="VXM659" s="613"/>
      <c r="VXN659" s="613"/>
      <c r="VXO659" s="613"/>
      <c r="VXP659" s="613"/>
      <c r="VXQ659" s="613"/>
      <c r="VXR659" s="613"/>
      <c r="VXS659" s="613"/>
      <c r="VXT659" s="613"/>
      <c r="VXU659" s="613"/>
      <c r="VXV659" s="613"/>
      <c r="VXW659" s="613"/>
      <c r="VXX659" s="613"/>
      <c r="VXY659" s="613"/>
      <c r="VXZ659" s="613"/>
      <c r="VYA659" s="613"/>
      <c r="VYB659" s="613"/>
      <c r="VYC659" s="613"/>
      <c r="VYD659" s="613"/>
      <c r="VYE659" s="613"/>
      <c r="VYF659" s="613"/>
      <c r="VYG659" s="613"/>
      <c r="VYH659" s="613"/>
      <c r="VYI659" s="613"/>
      <c r="VYJ659" s="613"/>
      <c r="VYK659" s="613"/>
      <c r="VYL659" s="613"/>
      <c r="VYM659" s="613"/>
      <c r="VYN659" s="613"/>
      <c r="VYO659" s="613"/>
      <c r="VYP659" s="613"/>
      <c r="VYQ659" s="613"/>
      <c r="VYR659" s="613"/>
      <c r="VYS659" s="613"/>
      <c r="VYT659" s="613"/>
      <c r="VYU659" s="613"/>
      <c r="VYV659" s="613"/>
      <c r="VYW659" s="613"/>
      <c r="VYX659" s="613"/>
      <c r="VYY659" s="613"/>
      <c r="VYZ659" s="613"/>
      <c r="VZA659" s="613"/>
      <c r="VZB659" s="613"/>
      <c r="VZC659" s="613"/>
      <c r="VZD659" s="613"/>
      <c r="VZE659" s="613"/>
      <c r="VZF659" s="613"/>
      <c r="VZG659" s="613"/>
      <c r="VZH659" s="613"/>
      <c r="VZI659" s="613"/>
      <c r="VZJ659" s="613"/>
      <c r="VZK659" s="613"/>
      <c r="VZL659" s="613"/>
      <c r="VZM659" s="613"/>
      <c r="VZN659" s="613"/>
      <c r="VZO659" s="613"/>
      <c r="VZP659" s="613"/>
      <c r="VZQ659" s="613"/>
      <c r="VZR659" s="613"/>
      <c r="VZS659" s="613"/>
      <c r="VZT659" s="613"/>
      <c r="VZU659" s="613"/>
      <c r="VZV659" s="613"/>
      <c r="VZW659" s="613"/>
      <c r="VZX659" s="613"/>
      <c r="VZY659" s="613"/>
      <c r="VZZ659" s="613"/>
      <c r="WAA659" s="613"/>
      <c r="WAB659" s="613"/>
      <c r="WAC659" s="613"/>
      <c r="WAD659" s="613"/>
      <c r="WAE659" s="613"/>
      <c r="WAF659" s="613"/>
      <c r="WAG659" s="613"/>
      <c r="WAH659" s="613"/>
      <c r="WAI659" s="613"/>
      <c r="WAJ659" s="613"/>
      <c r="WAK659" s="613"/>
      <c r="WAL659" s="613"/>
      <c r="WAM659" s="613"/>
      <c r="WAN659" s="613"/>
      <c r="WAO659" s="613"/>
      <c r="WAP659" s="613"/>
      <c r="WAQ659" s="613"/>
      <c r="WAR659" s="613"/>
      <c r="WAS659" s="613"/>
      <c r="WAT659" s="613"/>
      <c r="WAU659" s="613"/>
      <c r="WAV659" s="613"/>
      <c r="WAW659" s="613"/>
      <c r="WAX659" s="613"/>
      <c r="WAY659" s="613"/>
      <c r="WAZ659" s="613"/>
      <c r="WBA659" s="613"/>
      <c r="WBB659" s="613"/>
      <c r="WBC659" s="613"/>
      <c r="WBD659" s="613"/>
      <c r="WBE659" s="613"/>
      <c r="WBF659" s="613"/>
      <c r="WBG659" s="613"/>
      <c r="WBH659" s="613"/>
      <c r="WBI659" s="613"/>
      <c r="WBJ659" s="613"/>
      <c r="WBK659" s="613"/>
      <c r="WBL659" s="613"/>
      <c r="WBM659" s="613"/>
      <c r="WBN659" s="613"/>
      <c r="WBO659" s="613"/>
      <c r="WBP659" s="613"/>
      <c r="WBQ659" s="613"/>
      <c r="WBR659" s="613"/>
      <c r="WBS659" s="613"/>
      <c r="WBT659" s="613"/>
      <c r="WBU659" s="613"/>
      <c r="WBV659" s="613"/>
      <c r="WBW659" s="613"/>
      <c r="WBX659" s="613"/>
      <c r="WBY659" s="613"/>
      <c r="WBZ659" s="613"/>
      <c r="WCA659" s="613"/>
      <c r="WCB659" s="613"/>
      <c r="WCC659" s="613"/>
      <c r="WCD659" s="613"/>
      <c r="WCE659" s="613"/>
      <c r="WCF659" s="613"/>
      <c r="WCG659" s="613"/>
      <c r="WCH659" s="613"/>
      <c r="WCI659" s="613"/>
      <c r="WCJ659" s="613"/>
      <c r="WCK659" s="613"/>
      <c r="WCL659" s="613"/>
      <c r="WCM659" s="613"/>
      <c r="WCN659" s="613"/>
      <c r="WCO659" s="613"/>
      <c r="WCP659" s="613"/>
      <c r="WCQ659" s="613"/>
      <c r="WCR659" s="613"/>
      <c r="WCS659" s="613"/>
      <c r="WCT659" s="613"/>
      <c r="WCU659" s="613"/>
      <c r="WCV659" s="613"/>
      <c r="WCW659" s="613"/>
      <c r="WCX659" s="613"/>
      <c r="WCY659" s="613"/>
      <c r="WCZ659" s="613"/>
      <c r="WDA659" s="613"/>
      <c r="WDB659" s="613"/>
      <c r="WDC659" s="613"/>
      <c r="WDD659" s="613"/>
      <c r="WDE659" s="613"/>
      <c r="WDF659" s="613"/>
      <c r="WDG659" s="613"/>
      <c r="WDH659" s="613"/>
      <c r="WDI659" s="613"/>
      <c r="WDJ659" s="613"/>
      <c r="WDK659" s="613"/>
      <c r="WDL659" s="613"/>
      <c r="WDM659" s="613"/>
      <c r="WDN659" s="613"/>
      <c r="WDO659" s="613"/>
      <c r="WDP659" s="613"/>
      <c r="WDQ659" s="613"/>
      <c r="WDR659" s="613"/>
      <c r="WDS659" s="613"/>
      <c r="WDT659" s="613"/>
      <c r="WDU659" s="613"/>
      <c r="WDV659" s="613"/>
      <c r="WDW659" s="613"/>
      <c r="WDX659" s="613"/>
      <c r="WDY659" s="613"/>
      <c r="WDZ659" s="613"/>
      <c r="WEA659" s="613"/>
      <c r="WEB659" s="613"/>
      <c r="WEC659" s="613"/>
      <c r="WED659" s="613"/>
      <c r="WEE659" s="613"/>
      <c r="WEF659" s="613"/>
      <c r="WEG659" s="613"/>
      <c r="WEH659" s="613"/>
      <c r="WEI659" s="613"/>
      <c r="WEJ659" s="613"/>
      <c r="WEK659" s="613"/>
      <c r="WEL659" s="613"/>
      <c r="WEM659" s="613"/>
      <c r="WEN659" s="613"/>
      <c r="WEO659" s="613"/>
      <c r="WEP659" s="613"/>
      <c r="WEQ659" s="613"/>
      <c r="WER659" s="613"/>
      <c r="WES659" s="613"/>
      <c r="WET659" s="613"/>
      <c r="WEU659" s="613"/>
      <c r="WEV659" s="613"/>
      <c r="WEW659" s="613"/>
      <c r="WEX659" s="613"/>
      <c r="WEY659" s="613"/>
      <c r="WEZ659" s="613"/>
      <c r="WFA659" s="613"/>
      <c r="WFB659" s="613"/>
      <c r="WFC659" s="613"/>
      <c r="WFD659" s="613"/>
      <c r="WFE659" s="613"/>
      <c r="WFF659" s="613"/>
      <c r="WFG659" s="613"/>
      <c r="WFH659" s="613"/>
      <c r="WFI659" s="613"/>
      <c r="WFJ659" s="613"/>
      <c r="WFK659" s="613"/>
      <c r="WFL659" s="613"/>
      <c r="WFM659" s="613"/>
      <c r="WFN659" s="613"/>
      <c r="WFO659" s="613"/>
      <c r="WFP659" s="613"/>
      <c r="WFQ659" s="613"/>
      <c r="WFR659" s="613"/>
      <c r="WFS659" s="613"/>
      <c r="WFT659" s="613"/>
      <c r="WFU659" s="613"/>
      <c r="WFV659" s="613"/>
      <c r="WFW659" s="613"/>
      <c r="WFX659" s="613"/>
      <c r="WFY659" s="613"/>
      <c r="WFZ659" s="613"/>
      <c r="WGA659" s="613"/>
      <c r="WGB659" s="613"/>
      <c r="WGC659" s="613"/>
      <c r="WGD659" s="613"/>
      <c r="WGE659" s="613"/>
      <c r="WGF659" s="613"/>
      <c r="WGG659" s="613"/>
      <c r="WGH659" s="613"/>
      <c r="WGI659" s="613"/>
      <c r="WGJ659" s="613"/>
      <c r="WGK659" s="613"/>
      <c r="WGL659" s="613"/>
      <c r="WGM659" s="613"/>
      <c r="WGN659" s="613"/>
      <c r="WGO659" s="613"/>
      <c r="WGP659" s="613"/>
      <c r="WGQ659" s="613"/>
      <c r="WGR659" s="613"/>
      <c r="WGS659" s="613"/>
      <c r="WGT659" s="613"/>
      <c r="WGU659" s="613"/>
      <c r="WGV659" s="613"/>
      <c r="WGW659" s="613"/>
      <c r="WGX659" s="613"/>
      <c r="WGY659" s="613"/>
      <c r="WGZ659" s="613"/>
      <c r="WHA659" s="613"/>
      <c r="WHB659" s="613"/>
      <c r="WHC659" s="613"/>
      <c r="WHD659" s="613"/>
      <c r="WHE659" s="613"/>
      <c r="WHF659" s="613"/>
      <c r="WHG659" s="613"/>
      <c r="WHH659" s="613"/>
      <c r="WHI659" s="613"/>
      <c r="WHJ659" s="613"/>
      <c r="WHK659" s="613"/>
      <c r="WHL659" s="613"/>
      <c r="WHM659" s="613"/>
      <c r="WHN659" s="613"/>
      <c r="WHO659" s="613"/>
      <c r="WHP659" s="613"/>
      <c r="WHQ659" s="613"/>
      <c r="WHR659" s="613"/>
      <c r="WHS659" s="613"/>
      <c r="WHT659" s="613"/>
      <c r="WHU659" s="613"/>
      <c r="WHV659" s="613"/>
      <c r="WHW659" s="613"/>
      <c r="WHX659" s="613"/>
      <c r="WHY659" s="613"/>
      <c r="WHZ659" s="613"/>
      <c r="WIA659" s="613"/>
      <c r="WIB659" s="613"/>
      <c r="WIC659" s="613"/>
      <c r="WID659" s="613"/>
      <c r="WIE659" s="613"/>
      <c r="WIF659" s="613"/>
      <c r="WIG659" s="613"/>
      <c r="WIH659" s="613"/>
      <c r="WII659" s="613"/>
      <c r="WIJ659" s="613"/>
      <c r="WIK659" s="613"/>
      <c r="WIL659" s="613"/>
      <c r="WIM659" s="613"/>
      <c r="WIN659" s="613"/>
      <c r="WIO659" s="613"/>
      <c r="WIP659" s="613"/>
      <c r="WIQ659" s="613"/>
      <c r="WIR659" s="613"/>
      <c r="WIS659" s="613"/>
      <c r="WIT659" s="613"/>
      <c r="WIU659" s="613"/>
      <c r="WIV659" s="613"/>
      <c r="WIW659" s="613"/>
      <c r="WIX659" s="613"/>
      <c r="WIY659" s="613"/>
      <c r="WIZ659" s="613"/>
      <c r="WJA659" s="613"/>
      <c r="WJB659" s="613"/>
      <c r="WJC659" s="613"/>
      <c r="WJD659" s="613"/>
      <c r="WJE659" s="613"/>
      <c r="WJF659" s="613"/>
      <c r="WJG659" s="613"/>
      <c r="WJH659" s="613"/>
      <c r="WJI659" s="613"/>
      <c r="WJJ659" s="613"/>
      <c r="WJK659" s="613"/>
      <c r="WJL659" s="613"/>
      <c r="WJM659" s="613"/>
      <c r="WJN659" s="613"/>
      <c r="WJO659" s="613"/>
      <c r="WJP659" s="613"/>
      <c r="WJQ659" s="613"/>
      <c r="WJR659" s="613"/>
      <c r="WJS659" s="613"/>
      <c r="WJT659" s="613"/>
      <c r="WJU659" s="613"/>
      <c r="WJV659" s="613"/>
      <c r="WJW659" s="613"/>
      <c r="WJX659" s="613"/>
      <c r="WJY659" s="613"/>
      <c r="WJZ659" s="613"/>
      <c r="WKA659" s="613"/>
      <c r="WKB659" s="613"/>
      <c r="WKC659" s="613"/>
      <c r="WKD659" s="613"/>
      <c r="WKE659" s="613"/>
      <c r="WKF659" s="613"/>
      <c r="WKG659" s="613"/>
      <c r="WKH659" s="613"/>
      <c r="WKI659" s="613"/>
      <c r="WKJ659" s="613"/>
      <c r="WKK659" s="613"/>
      <c r="WKL659" s="613"/>
      <c r="WKM659" s="613"/>
      <c r="WKN659" s="613"/>
      <c r="WKO659" s="613"/>
      <c r="WKP659" s="613"/>
      <c r="WKQ659" s="613"/>
      <c r="WKR659" s="613"/>
      <c r="WKS659" s="613"/>
      <c r="WKT659" s="613"/>
      <c r="WKU659" s="613"/>
      <c r="WKV659" s="613"/>
      <c r="WKW659" s="613"/>
      <c r="WKX659" s="613"/>
      <c r="WKY659" s="613"/>
      <c r="WKZ659" s="613"/>
      <c r="WLA659" s="613"/>
      <c r="WLB659" s="613"/>
      <c r="WLC659" s="613"/>
      <c r="WLD659" s="613"/>
      <c r="WLE659" s="613"/>
      <c r="WLF659" s="613"/>
      <c r="WLG659" s="613"/>
      <c r="WLH659" s="613"/>
      <c r="WLI659" s="613"/>
      <c r="WLJ659" s="613"/>
      <c r="WLK659" s="613"/>
      <c r="WLL659" s="613"/>
      <c r="WLM659" s="613"/>
      <c r="WLN659" s="613"/>
      <c r="WLO659" s="613"/>
      <c r="WLP659" s="613"/>
      <c r="WLQ659" s="613"/>
      <c r="WLR659" s="613"/>
      <c r="WLS659" s="613"/>
      <c r="WLT659" s="613"/>
      <c r="WLU659" s="613"/>
      <c r="WLV659" s="613"/>
      <c r="WLW659" s="613"/>
      <c r="WLX659" s="613"/>
      <c r="WLY659" s="613"/>
      <c r="WLZ659" s="613"/>
      <c r="WMA659" s="613"/>
      <c r="WMB659" s="613"/>
      <c r="WMC659" s="613"/>
      <c r="WMD659" s="613"/>
      <c r="WME659" s="613"/>
      <c r="WMF659" s="613"/>
      <c r="WMG659" s="613"/>
      <c r="WMH659" s="613"/>
      <c r="WMI659" s="613"/>
      <c r="WMJ659" s="613"/>
      <c r="WMK659" s="613"/>
      <c r="WML659" s="613"/>
      <c r="WMM659" s="613"/>
      <c r="WMN659" s="613"/>
      <c r="WMO659" s="613"/>
      <c r="WMP659" s="613"/>
      <c r="WMQ659" s="613"/>
      <c r="WMR659" s="613"/>
      <c r="WMS659" s="613"/>
      <c r="WMT659" s="613"/>
      <c r="WMU659" s="613"/>
      <c r="WMV659" s="613"/>
      <c r="WMW659" s="613"/>
      <c r="WMX659" s="613"/>
      <c r="WMY659" s="613"/>
      <c r="WMZ659" s="613"/>
      <c r="WNA659" s="613"/>
      <c r="WNB659" s="613"/>
      <c r="WNC659" s="613"/>
      <c r="WND659" s="613"/>
      <c r="WNE659" s="613"/>
      <c r="WNF659" s="613"/>
      <c r="WNG659" s="613"/>
      <c r="WNH659" s="613"/>
      <c r="WNI659" s="613"/>
      <c r="WNJ659" s="613"/>
      <c r="WNK659" s="613"/>
      <c r="WNL659" s="613"/>
      <c r="WNM659" s="613"/>
      <c r="WNN659" s="613"/>
      <c r="WNO659" s="613"/>
      <c r="WNP659" s="613"/>
      <c r="WNQ659" s="613"/>
      <c r="WNR659" s="613"/>
      <c r="WNS659" s="613"/>
      <c r="WNT659" s="613"/>
      <c r="WNU659" s="613"/>
      <c r="WNV659" s="613"/>
      <c r="WNW659" s="613"/>
      <c r="WNX659" s="613"/>
      <c r="WNY659" s="613"/>
      <c r="WNZ659" s="613"/>
      <c r="WOA659" s="613"/>
      <c r="WOB659" s="613"/>
      <c r="WOC659" s="613"/>
      <c r="WOD659" s="613"/>
      <c r="WOE659" s="613"/>
      <c r="WOF659" s="613"/>
      <c r="WOG659" s="613"/>
      <c r="WOH659" s="613"/>
      <c r="WOI659" s="613"/>
      <c r="WOJ659" s="613"/>
      <c r="WOK659" s="613"/>
      <c r="WOL659" s="613"/>
      <c r="WOM659" s="613"/>
      <c r="WON659" s="613"/>
      <c r="WOO659" s="613"/>
      <c r="WOP659" s="613"/>
      <c r="WOQ659" s="613"/>
      <c r="WOR659" s="613"/>
      <c r="WOS659" s="613"/>
      <c r="WOT659" s="613"/>
      <c r="WOU659" s="613"/>
      <c r="WOV659" s="613"/>
      <c r="WOW659" s="613"/>
      <c r="WOX659" s="613"/>
      <c r="WOY659" s="613"/>
      <c r="WOZ659" s="613"/>
      <c r="WPA659" s="613"/>
      <c r="WPB659" s="613"/>
      <c r="WPC659" s="613"/>
      <c r="WPD659" s="613"/>
      <c r="WPE659" s="613"/>
      <c r="WPF659" s="613"/>
      <c r="WPG659" s="613"/>
      <c r="WPH659" s="613"/>
      <c r="WPI659" s="613"/>
      <c r="WPJ659" s="613"/>
      <c r="WPK659" s="613"/>
      <c r="WPL659" s="613"/>
      <c r="WPM659" s="613"/>
      <c r="WPN659" s="613"/>
      <c r="WPO659" s="613"/>
      <c r="WPP659" s="613"/>
      <c r="WPQ659" s="613"/>
      <c r="WPR659" s="613"/>
      <c r="WPS659" s="613"/>
      <c r="WPT659" s="613"/>
      <c r="WPU659" s="613"/>
      <c r="WPV659" s="613"/>
      <c r="WPW659" s="613"/>
      <c r="WPX659" s="613"/>
      <c r="WPY659" s="613"/>
      <c r="WPZ659" s="613"/>
      <c r="WQA659" s="613"/>
      <c r="WQB659" s="613"/>
      <c r="WQC659" s="613"/>
      <c r="WQD659" s="613"/>
      <c r="WQE659" s="613"/>
      <c r="WQF659" s="613"/>
      <c r="WQG659" s="613"/>
      <c r="WQH659" s="613"/>
      <c r="WQI659" s="613"/>
      <c r="WQJ659" s="613"/>
      <c r="WQK659" s="613"/>
      <c r="WQL659" s="613"/>
      <c r="WQM659" s="613"/>
      <c r="WQN659" s="613"/>
      <c r="WQO659" s="613"/>
      <c r="WQP659" s="613"/>
      <c r="WQQ659" s="613"/>
      <c r="WQR659" s="613"/>
      <c r="WQS659" s="613"/>
      <c r="WQT659" s="613"/>
      <c r="WQU659" s="613"/>
      <c r="WQV659" s="613"/>
      <c r="WQW659" s="613"/>
      <c r="WQX659" s="613"/>
      <c r="WQY659" s="613"/>
      <c r="WQZ659" s="613"/>
      <c r="WRA659" s="613"/>
      <c r="WRB659" s="613"/>
      <c r="WRC659" s="613"/>
      <c r="WRD659" s="613"/>
      <c r="WRE659" s="613"/>
      <c r="WRF659" s="613"/>
      <c r="WRG659" s="613"/>
      <c r="WRH659" s="613"/>
      <c r="WRI659" s="613"/>
      <c r="WRJ659" s="613"/>
      <c r="WRK659" s="613"/>
      <c r="WRL659" s="613"/>
      <c r="WRM659" s="613"/>
      <c r="WRN659" s="613"/>
      <c r="WRO659" s="613"/>
      <c r="WRP659" s="613"/>
      <c r="WRQ659" s="613"/>
      <c r="WRR659" s="613"/>
      <c r="WRS659" s="613"/>
      <c r="WRT659" s="613"/>
      <c r="WRU659" s="613"/>
      <c r="WRV659" s="613"/>
      <c r="WRW659" s="613"/>
      <c r="WRX659" s="613"/>
      <c r="WRY659" s="613"/>
      <c r="WRZ659" s="613"/>
      <c r="WSA659" s="613"/>
      <c r="WSB659" s="613"/>
      <c r="WSC659" s="613"/>
      <c r="WSD659" s="613"/>
      <c r="WSE659" s="613"/>
      <c r="WSF659" s="613"/>
      <c r="WSG659" s="613"/>
      <c r="WSH659" s="613"/>
      <c r="WSI659" s="613"/>
      <c r="WSJ659" s="613"/>
      <c r="WSK659" s="613"/>
      <c r="WSL659" s="613"/>
      <c r="WSM659" s="613"/>
      <c r="WSN659" s="613"/>
      <c r="WSO659" s="613"/>
      <c r="WSP659" s="613"/>
      <c r="WSQ659" s="613"/>
      <c r="WSR659" s="613"/>
      <c r="WSS659" s="613"/>
      <c r="WST659" s="613"/>
      <c r="WSU659" s="613"/>
      <c r="WSV659" s="613"/>
      <c r="WSW659" s="613"/>
      <c r="WSX659" s="613"/>
      <c r="WSY659" s="613"/>
      <c r="WSZ659" s="613"/>
      <c r="WTA659" s="613"/>
      <c r="WTB659" s="613"/>
      <c r="WTC659" s="613"/>
      <c r="WTD659" s="613"/>
      <c r="WTE659" s="613"/>
      <c r="WTF659" s="613"/>
      <c r="WTG659" s="613"/>
      <c r="WTH659" s="613"/>
      <c r="WTI659" s="613"/>
      <c r="WTJ659" s="613"/>
      <c r="WTK659" s="613"/>
      <c r="WTL659" s="613"/>
      <c r="WTM659" s="613"/>
      <c r="WTN659" s="613"/>
      <c r="WTO659" s="613"/>
      <c r="WTP659" s="613"/>
      <c r="WTQ659" s="613"/>
      <c r="WTR659" s="613"/>
      <c r="WTS659" s="613"/>
      <c r="WTT659" s="613"/>
      <c r="WTU659" s="613"/>
      <c r="WTV659" s="613"/>
      <c r="WTW659" s="613"/>
      <c r="WTX659" s="613"/>
      <c r="WTY659" s="613"/>
      <c r="WTZ659" s="613"/>
      <c r="WUA659" s="613"/>
      <c r="WUB659" s="613"/>
      <c r="WUC659" s="613"/>
      <c r="WUD659" s="613"/>
      <c r="WUE659" s="613"/>
      <c r="WUF659" s="613"/>
      <c r="WUG659" s="613"/>
      <c r="WUH659" s="613"/>
      <c r="WUI659" s="613"/>
      <c r="WUJ659" s="613"/>
      <c r="WUK659" s="613"/>
      <c r="WUL659" s="613"/>
      <c r="WUM659" s="613"/>
      <c r="WUN659" s="613"/>
      <c r="WUO659" s="613"/>
      <c r="WUP659" s="613"/>
      <c r="WUQ659" s="613"/>
      <c r="WUR659" s="613"/>
      <c r="WUS659" s="613"/>
      <c r="WUT659" s="613"/>
      <c r="WUU659" s="613"/>
      <c r="WUV659" s="613"/>
      <c r="WUW659" s="613"/>
      <c r="WUX659" s="613"/>
      <c r="WUY659" s="613"/>
      <c r="WUZ659" s="613"/>
      <c r="WVA659" s="613"/>
      <c r="WVB659" s="613"/>
      <c r="WVC659" s="613"/>
      <c r="WVD659" s="613"/>
      <c r="WVE659" s="613"/>
      <c r="WVF659" s="613"/>
      <c r="WVG659" s="613"/>
      <c r="WVH659" s="613"/>
      <c r="WVI659" s="613"/>
      <c r="WVJ659" s="613"/>
      <c r="WVK659" s="613"/>
      <c r="WVL659" s="613"/>
      <c r="WVM659" s="613"/>
      <c r="WVN659" s="613"/>
      <c r="WVO659" s="613"/>
      <c r="WVP659" s="613"/>
      <c r="WVQ659" s="613"/>
      <c r="WVR659" s="613"/>
      <c r="WVS659" s="613"/>
      <c r="WVT659" s="613"/>
      <c r="WVU659" s="613"/>
      <c r="WVV659" s="613"/>
      <c r="WVW659" s="613"/>
      <c r="WVX659" s="613"/>
      <c r="WVY659" s="613"/>
      <c r="WVZ659" s="613"/>
      <c r="WWA659" s="613"/>
      <c r="WWB659" s="613"/>
      <c r="WWC659" s="613"/>
      <c r="WWD659" s="613"/>
      <c r="WWE659" s="613"/>
      <c r="WWF659" s="613"/>
      <c r="WWG659" s="613"/>
      <c r="WWH659" s="613"/>
      <c r="WWI659" s="613"/>
      <c r="WWJ659" s="613"/>
      <c r="WWK659" s="613"/>
      <c r="WWL659" s="613"/>
      <c r="WWM659" s="613"/>
      <c r="WWN659" s="613"/>
      <c r="WWO659" s="613"/>
      <c r="WWP659" s="613"/>
      <c r="WWQ659" s="613"/>
      <c r="WWR659" s="613"/>
      <c r="WWS659" s="613"/>
      <c r="WWT659" s="613"/>
      <c r="WWU659" s="613"/>
      <c r="WWV659" s="613"/>
      <c r="WWW659" s="613"/>
      <c r="WWX659" s="613"/>
      <c r="WWY659" s="613"/>
      <c r="WWZ659" s="613"/>
      <c r="WXA659" s="613"/>
      <c r="WXB659" s="613"/>
      <c r="WXC659" s="613"/>
      <c r="WXD659" s="613"/>
      <c r="WXE659" s="613"/>
      <c r="WXF659" s="613"/>
      <c r="WXG659" s="613"/>
      <c r="WXH659" s="613"/>
      <c r="WXI659" s="613"/>
      <c r="WXJ659" s="613"/>
      <c r="WXK659" s="613"/>
      <c r="WXL659" s="613"/>
      <c r="WXM659" s="613"/>
      <c r="WXN659" s="613"/>
      <c r="WXO659" s="613"/>
      <c r="WXP659" s="613"/>
      <c r="WXQ659" s="613"/>
      <c r="WXR659" s="613"/>
      <c r="WXS659" s="613"/>
      <c r="WXT659" s="613"/>
      <c r="WXU659" s="613"/>
      <c r="WXV659" s="613"/>
      <c r="WXW659" s="613"/>
      <c r="WXX659" s="613"/>
      <c r="WXY659" s="613"/>
      <c r="WXZ659" s="613"/>
      <c r="WYA659" s="613"/>
      <c r="WYB659" s="613"/>
      <c r="WYC659" s="613"/>
      <c r="WYD659" s="613"/>
      <c r="WYE659" s="613"/>
      <c r="WYF659" s="613"/>
      <c r="WYG659" s="613"/>
      <c r="WYH659" s="613"/>
      <c r="WYI659" s="613"/>
      <c r="WYJ659" s="613"/>
      <c r="WYK659" s="613"/>
      <c r="WYL659" s="613"/>
      <c r="WYM659" s="613"/>
      <c r="WYN659" s="613"/>
      <c r="WYO659" s="613"/>
      <c r="WYP659" s="613"/>
      <c r="WYQ659" s="613"/>
      <c r="WYR659" s="613"/>
      <c r="WYS659" s="613"/>
      <c r="WYT659" s="613"/>
      <c r="WYU659" s="613"/>
      <c r="WYV659" s="613"/>
      <c r="WYW659" s="613"/>
      <c r="WYX659" s="613"/>
      <c r="WYY659" s="613"/>
      <c r="WYZ659" s="613"/>
      <c r="WZA659" s="613"/>
      <c r="WZB659" s="613"/>
      <c r="WZC659" s="613"/>
      <c r="WZD659" s="613"/>
      <c r="WZE659" s="613"/>
      <c r="WZF659" s="613"/>
      <c r="WZG659" s="613"/>
      <c r="WZH659" s="613"/>
      <c r="WZI659" s="613"/>
      <c r="WZJ659" s="613"/>
      <c r="WZK659" s="613"/>
      <c r="WZL659" s="613"/>
      <c r="WZM659" s="613"/>
      <c r="WZN659" s="613"/>
      <c r="WZO659" s="613"/>
      <c r="WZP659" s="613"/>
      <c r="WZQ659" s="613"/>
      <c r="WZR659" s="613"/>
      <c r="WZS659" s="613"/>
      <c r="WZT659" s="613"/>
      <c r="WZU659" s="613"/>
      <c r="WZV659" s="613"/>
      <c r="WZW659" s="613"/>
      <c r="WZX659" s="613"/>
      <c r="WZY659" s="613"/>
      <c r="WZZ659" s="613"/>
      <c r="XAA659" s="613"/>
      <c r="XAB659" s="613"/>
      <c r="XAC659" s="613"/>
      <c r="XAD659" s="613"/>
      <c r="XAE659" s="613"/>
      <c r="XAF659" s="613"/>
      <c r="XAG659" s="613"/>
      <c r="XAH659" s="613"/>
      <c r="XAI659" s="613"/>
      <c r="XAJ659" s="613"/>
      <c r="XAK659" s="613"/>
      <c r="XAL659" s="613"/>
      <c r="XAM659" s="613"/>
      <c r="XAN659" s="613"/>
      <c r="XAO659" s="613"/>
      <c r="XAP659" s="613"/>
      <c r="XAQ659" s="613"/>
      <c r="XAR659" s="613"/>
      <c r="XAS659" s="613"/>
      <c r="XAT659" s="613"/>
      <c r="XAU659" s="613"/>
      <c r="XAV659" s="613"/>
      <c r="XAW659" s="613"/>
      <c r="XAX659" s="613"/>
      <c r="XAY659" s="613"/>
      <c r="XAZ659" s="613"/>
      <c r="XBA659" s="613"/>
      <c r="XBB659" s="613"/>
      <c r="XBC659" s="613"/>
      <c r="XBD659" s="613"/>
      <c r="XBE659" s="613"/>
      <c r="XBF659" s="613"/>
      <c r="XBG659" s="613"/>
      <c r="XBH659" s="613"/>
      <c r="XBI659" s="613"/>
      <c r="XBJ659" s="613"/>
      <c r="XBK659" s="613"/>
      <c r="XBL659" s="613"/>
      <c r="XBM659" s="613"/>
      <c r="XBN659" s="613"/>
      <c r="XBO659" s="613"/>
      <c r="XBP659" s="613"/>
      <c r="XBQ659" s="613"/>
      <c r="XBR659" s="613"/>
      <c r="XBS659" s="613"/>
      <c r="XBT659" s="613"/>
      <c r="XBU659" s="613"/>
      <c r="XBV659" s="613"/>
      <c r="XBW659" s="613"/>
      <c r="XBX659" s="613"/>
      <c r="XBY659" s="613"/>
      <c r="XBZ659" s="613"/>
      <c r="XCA659" s="613"/>
      <c r="XCB659" s="613"/>
      <c r="XCC659" s="613"/>
      <c r="XCD659" s="613"/>
      <c r="XCE659" s="613"/>
      <c r="XCF659" s="613"/>
      <c r="XCG659" s="613"/>
      <c r="XCH659" s="613"/>
      <c r="XCI659" s="613"/>
      <c r="XCJ659" s="613"/>
      <c r="XCK659" s="613"/>
      <c r="XCL659" s="613"/>
      <c r="XCM659" s="613"/>
      <c r="XCN659" s="613"/>
      <c r="XCO659" s="613"/>
      <c r="XCP659" s="613"/>
      <c r="XCQ659" s="613"/>
    </row>
    <row r="660" spans="1:16319" ht="56.1" customHeight="1" x14ac:dyDescent="0.2">
      <c r="A660" s="494"/>
      <c r="B660" s="499"/>
      <c r="C660" s="494"/>
      <c r="D660" s="481">
        <v>213</v>
      </c>
      <c r="E660" s="481"/>
      <c r="F660" s="481" t="s">
        <v>2481</v>
      </c>
      <c r="G660" s="482" t="s">
        <v>53</v>
      </c>
      <c r="H660" s="481" t="s">
        <v>329</v>
      </c>
      <c r="I660" s="654" t="s">
        <v>456</v>
      </c>
      <c r="J660" s="654" t="s">
        <v>369</v>
      </c>
      <c r="K660" s="495" t="s">
        <v>475</v>
      </c>
      <c r="L660" s="621"/>
      <c r="M660" s="484" t="s">
        <v>58</v>
      </c>
      <c r="N660" s="328" t="s">
        <v>1362</v>
      </c>
      <c r="O660" s="484" t="s">
        <v>2996</v>
      </c>
      <c r="P660" s="484" t="s">
        <v>81</v>
      </c>
      <c r="Q660" s="667" t="s">
        <v>334</v>
      </c>
      <c r="R660" s="484" t="s">
        <v>334</v>
      </c>
      <c r="S660" s="484" t="s">
        <v>181</v>
      </c>
      <c r="T660" s="484"/>
      <c r="U660" s="620" t="s">
        <v>63</v>
      </c>
      <c r="V660" s="620" t="s">
        <v>63</v>
      </c>
      <c r="W660" s="723">
        <v>36788</v>
      </c>
      <c r="X660" s="723"/>
      <c r="Y660" s="654" t="s">
        <v>226</v>
      </c>
      <c r="Z660" s="654"/>
      <c r="AA660" s="723">
        <v>36788</v>
      </c>
      <c r="AB660" s="652" t="s">
        <v>82</v>
      </c>
      <c r="AC660" s="652"/>
      <c r="AD660" s="496"/>
      <c r="AE660" s="496"/>
      <c r="AF660" s="487" t="s">
        <v>66</v>
      </c>
      <c r="AG660" s="496"/>
      <c r="AH660" s="496"/>
      <c r="AI660" s="496"/>
      <c r="AJ660" s="496"/>
      <c r="AK660" s="496"/>
      <c r="AL660" s="496"/>
      <c r="AM660" s="496"/>
      <c r="AN660" s="496"/>
      <c r="AO660" s="496"/>
      <c r="AP660" s="496"/>
      <c r="AQ660" s="496"/>
      <c r="AR660" s="496"/>
      <c r="AS660" s="496"/>
      <c r="AT660" s="496"/>
      <c r="AU660" s="487"/>
      <c r="AV660" s="487"/>
      <c r="AW660" s="487"/>
      <c r="AX660" s="487"/>
      <c r="AY660" s="487"/>
      <c r="AZ660" s="487"/>
      <c r="BA660" s="484"/>
      <c r="BB660" s="484" t="s">
        <v>462</v>
      </c>
      <c r="BC660" s="484" t="s">
        <v>3041</v>
      </c>
      <c r="BD660" s="494"/>
      <c r="BE660" s="494"/>
      <c r="BF660" s="613"/>
      <c r="BG660" s="613"/>
      <c r="BH660" s="613"/>
      <c r="BI660" s="613"/>
      <c r="BJ660" s="613"/>
      <c r="BK660" s="613"/>
      <c r="BL660" s="613"/>
      <c r="BM660" s="613"/>
      <c r="BN660" s="613"/>
      <c r="BO660" s="613"/>
      <c r="BP660" s="613"/>
      <c r="BQ660" s="613"/>
      <c r="BR660" s="613"/>
      <c r="BS660" s="613"/>
      <c r="BT660" s="613"/>
      <c r="BU660" s="613"/>
      <c r="BV660" s="613"/>
      <c r="BW660" s="613"/>
      <c r="BX660" s="613"/>
      <c r="BY660" s="613"/>
      <c r="BZ660" s="613"/>
      <c r="CA660" s="613"/>
      <c r="CB660" s="613"/>
      <c r="CC660" s="613"/>
      <c r="CD660" s="613"/>
      <c r="CE660" s="613"/>
      <c r="CF660" s="613"/>
      <c r="CG660" s="613"/>
      <c r="CH660" s="613"/>
      <c r="CI660" s="613"/>
      <c r="CJ660" s="613"/>
      <c r="CK660" s="613"/>
      <c r="CL660" s="613"/>
      <c r="CM660" s="613"/>
      <c r="CN660" s="613"/>
      <c r="CO660" s="613"/>
      <c r="CP660" s="613"/>
      <c r="CQ660" s="613"/>
      <c r="CR660" s="613"/>
      <c r="CS660" s="613"/>
      <c r="CT660" s="613"/>
      <c r="CU660" s="613"/>
      <c r="CV660" s="613"/>
      <c r="CW660" s="613"/>
      <c r="CX660" s="613"/>
      <c r="CY660" s="613"/>
      <c r="CZ660" s="613"/>
      <c r="DA660" s="613"/>
      <c r="DB660" s="613"/>
      <c r="DC660" s="613"/>
      <c r="DD660" s="613"/>
      <c r="DE660" s="613"/>
      <c r="DF660" s="613"/>
      <c r="DG660" s="613"/>
      <c r="DH660" s="613"/>
      <c r="DI660" s="613"/>
      <c r="DJ660" s="613"/>
      <c r="DK660" s="613"/>
      <c r="DL660" s="613"/>
      <c r="DM660" s="613"/>
      <c r="DN660" s="613"/>
      <c r="DO660" s="613"/>
      <c r="DP660" s="613"/>
      <c r="DQ660" s="613"/>
      <c r="DR660" s="613"/>
      <c r="DS660" s="613"/>
      <c r="DT660" s="613"/>
      <c r="DU660" s="613"/>
      <c r="DV660" s="613"/>
      <c r="DW660" s="613"/>
      <c r="DX660" s="613"/>
      <c r="DY660" s="613"/>
      <c r="DZ660" s="613"/>
      <c r="EA660" s="613"/>
      <c r="EB660" s="613"/>
      <c r="EC660" s="613"/>
      <c r="ED660" s="613"/>
      <c r="EE660" s="613"/>
      <c r="EF660" s="613"/>
      <c r="EG660" s="613"/>
      <c r="EH660" s="613"/>
      <c r="EI660" s="613"/>
      <c r="EJ660" s="613"/>
      <c r="EK660" s="613"/>
      <c r="EL660" s="613"/>
      <c r="EM660" s="613"/>
      <c r="EN660" s="613"/>
      <c r="EO660" s="613"/>
      <c r="EP660" s="613"/>
      <c r="EQ660" s="613"/>
      <c r="ER660" s="613"/>
      <c r="ES660" s="613"/>
      <c r="ET660" s="613"/>
      <c r="EU660" s="613"/>
      <c r="EV660" s="613"/>
      <c r="EW660" s="613"/>
      <c r="EX660" s="613"/>
      <c r="EY660" s="613"/>
      <c r="EZ660" s="613"/>
      <c r="FA660" s="613"/>
      <c r="FB660" s="613"/>
      <c r="FC660" s="613"/>
      <c r="FD660" s="613"/>
      <c r="FE660" s="613"/>
      <c r="FF660" s="613"/>
      <c r="FG660" s="613"/>
      <c r="FH660" s="613"/>
      <c r="FI660" s="613"/>
      <c r="FJ660" s="613"/>
      <c r="FK660" s="613"/>
      <c r="FL660" s="613"/>
      <c r="FM660" s="613"/>
      <c r="FN660" s="613"/>
      <c r="FO660" s="613"/>
      <c r="FP660" s="613"/>
      <c r="FQ660" s="613"/>
      <c r="FR660" s="613"/>
      <c r="FS660" s="613"/>
      <c r="FT660" s="613"/>
      <c r="FU660" s="613"/>
      <c r="FV660" s="613"/>
      <c r="FW660" s="613"/>
      <c r="FX660" s="613"/>
      <c r="FY660" s="613"/>
      <c r="FZ660" s="613"/>
      <c r="GA660" s="613"/>
      <c r="GB660" s="613"/>
      <c r="GC660" s="613"/>
      <c r="GD660" s="613"/>
      <c r="GE660" s="613"/>
      <c r="GF660" s="613"/>
      <c r="GG660" s="613"/>
      <c r="GH660" s="613"/>
      <c r="GI660" s="613"/>
      <c r="GJ660" s="613"/>
      <c r="GK660" s="613"/>
      <c r="GL660" s="613"/>
      <c r="GM660" s="613"/>
      <c r="GN660" s="613"/>
      <c r="GO660" s="613"/>
      <c r="GP660" s="613"/>
      <c r="GQ660" s="613"/>
      <c r="GR660" s="613"/>
      <c r="GS660" s="613"/>
      <c r="GT660" s="613"/>
      <c r="GU660" s="613"/>
      <c r="GV660" s="613"/>
      <c r="GW660" s="613"/>
      <c r="GX660" s="613"/>
      <c r="GY660" s="613"/>
      <c r="GZ660" s="613"/>
      <c r="HA660" s="613"/>
      <c r="HB660" s="613"/>
      <c r="HC660" s="613"/>
      <c r="HD660" s="613"/>
      <c r="HE660" s="613"/>
      <c r="HF660" s="613"/>
      <c r="HG660" s="613"/>
      <c r="HH660" s="613"/>
      <c r="HI660" s="613"/>
      <c r="HJ660" s="613"/>
      <c r="HK660" s="613"/>
      <c r="HL660" s="613"/>
      <c r="HM660" s="613"/>
      <c r="HN660" s="613"/>
      <c r="HO660" s="613"/>
      <c r="HP660" s="613"/>
      <c r="HQ660" s="613"/>
      <c r="HR660" s="613"/>
      <c r="HS660" s="613"/>
      <c r="HT660" s="613"/>
      <c r="HU660" s="613"/>
      <c r="HV660" s="613"/>
      <c r="HW660" s="613"/>
      <c r="HX660" s="613"/>
      <c r="HY660" s="613"/>
      <c r="HZ660" s="613"/>
      <c r="IA660" s="613"/>
      <c r="IB660" s="613"/>
      <c r="IC660" s="613"/>
      <c r="ID660" s="613"/>
      <c r="IE660" s="613"/>
      <c r="IF660" s="613"/>
      <c r="IG660" s="613"/>
      <c r="IH660" s="613"/>
      <c r="II660" s="613"/>
      <c r="IJ660" s="613"/>
      <c r="IK660" s="613"/>
      <c r="IL660" s="613"/>
      <c r="IM660" s="613"/>
      <c r="IN660" s="613"/>
      <c r="IO660" s="613"/>
      <c r="IP660" s="613"/>
      <c r="IQ660" s="613"/>
      <c r="IR660" s="613"/>
      <c r="IS660" s="613"/>
      <c r="IT660" s="613"/>
      <c r="IU660" s="613"/>
      <c r="IV660" s="613"/>
      <c r="IW660" s="613"/>
      <c r="IX660" s="613"/>
      <c r="IY660" s="613"/>
      <c r="IZ660" s="613"/>
      <c r="JA660" s="613"/>
      <c r="JB660" s="613"/>
      <c r="JC660" s="613"/>
      <c r="JD660" s="613"/>
      <c r="JE660" s="613"/>
      <c r="JF660" s="613"/>
      <c r="JG660" s="613"/>
      <c r="JH660" s="613"/>
      <c r="JI660" s="613"/>
      <c r="JJ660" s="613"/>
      <c r="JK660" s="613"/>
      <c r="JL660" s="613"/>
      <c r="JM660" s="613"/>
      <c r="JN660" s="613"/>
      <c r="JO660" s="613"/>
      <c r="JP660" s="613"/>
      <c r="JQ660" s="613"/>
      <c r="JR660" s="613"/>
      <c r="JS660" s="613"/>
      <c r="JT660" s="613"/>
      <c r="JU660" s="613"/>
      <c r="JV660" s="613"/>
      <c r="JW660" s="613"/>
      <c r="JX660" s="613"/>
      <c r="JY660" s="613"/>
      <c r="JZ660" s="613"/>
      <c r="KA660" s="613"/>
      <c r="KB660" s="613"/>
      <c r="KC660" s="613"/>
      <c r="KD660" s="613"/>
      <c r="KE660" s="613"/>
      <c r="KF660" s="613"/>
      <c r="KG660" s="613"/>
      <c r="KH660" s="613"/>
      <c r="KI660" s="613"/>
      <c r="KJ660" s="613"/>
      <c r="KK660" s="613"/>
      <c r="KL660" s="613"/>
      <c r="KM660" s="613"/>
      <c r="KN660" s="613"/>
      <c r="KO660" s="613"/>
      <c r="KP660" s="613"/>
      <c r="KQ660" s="613"/>
      <c r="KR660" s="613"/>
      <c r="KS660" s="613"/>
      <c r="KT660" s="613"/>
      <c r="KU660" s="613"/>
      <c r="KV660" s="613"/>
      <c r="KW660" s="613"/>
      <c r="KX660" s="613"/>
      <c r="KY660" s="613"/>
      <c r="KZ660" s="613"/>
      <c r="LA660" s="613"/>
      <c r="LB660" s="613"/>
      <c r="LC660" s="613"/>
      <c r="LD660" s="613"/>
      <c r="LE660" s="613"/>
      <c r="LF660" s="613"/>
      <c r="LG660" s="613"/>
      <c r="LH660" s="613"/>
      <c r="LI660" s="613"/>
      <c r="LJ660" s="613"/>
      <c r="LK660" s="613"/>
      <c r="LL660" s="613"/>
      <c r="LM660" s="613"/>
      <c r="LN660" s="613"/>
      <c r="LO660" s="613"/>
      <c r="LP660" s="613"/>
      <c r="LQ660" s="613"/>
      <c r="LR660" s="613"/>
      <c r="LS660" s="613"/>
      <c r="LT660" s="613"/>
      <c r="LU660" s="613"/>
      <c r="LV660" s="613"/>
      <c r="LW660" s="613"/>
      <c r="LX660" s="613"/>
      <c r="LY660" s="613"/>
      <c r="LZ660" s="613"/>
      <c r="MA660" s="613"/>
      <c r="MB660" s="613"/>
      <c r="MC660" s="613"/>
      <c r="MD660" s="613"/>
      <c r="ME660" s="613"/>
      <c r="MF660" s="613"/>
      <c r="MG660" s="613"/>
      <c r="MH660" s="613"/>
      <c r="MI660" s="613"/>
      <c r="MJ660" s="613"/>
      <c r="MK660" s="613"/>
      <c r="ML660" s="613"/>
      <c r="MM660" s="613"/>
      <c r="MN660" s="613"/>
      <c r="MO660" s="613"/>
      <c r="MP660" s="613"/>
      <c r="MQ660" s="613"/>
      <c r="MR660" s="613"/>
      <c r="MS660" s="613"/>
      <c r="MT660" s="613"/>
      <c r="MU660" s="613"/>
      <c r="MV660" s="613"/>
      <c r="MW660" s="613"/>
      <c r="MX660" s="613"/>
      <c r="MY660" s="613"/>
      <c r="MZ660" s="613"/>
      <c r="NA660" s="613"/>
      <c r="NB660" s="613"/>
      <c r="NC660" s="613"/>
      <c r="ND660" s="613"/>
      <c r="NE660" s="613"/>
      <c r="NF660" s="613"/>
      <c r="NG660" s="613"/>
      <c r="NH660" s="613"/>
      <c r="NI660" s="613"/>
      <c r="NJ660" s="613"/>
      <c r="NK660" s="613"/>
      <c r="NL660" s="613"/>
      <c r="NM660" s="613"/>
      <c r="NN660" s="613"/>
      <c r="NO660" s="613"/>
      <c r="NP660" s="613"/>
      <c r="NQ660" s="613"/>
      <c r="NR660" s="613"/>
      <c r="NS660" s="613"/>
      <c r="NT660" s="613"/>
      <c r="NU660" s="613"/>
      <c r="NV660" s="613"/>
      <c r="NW660" s="613"/>
      <c r="NX660" s="613"/>
      <c r="NY660" s="613"/>
      <c r="NZ660" s="613"/>
      <c r="OA660" s="613"/>
      <c r="OB660" s="613"/>
      <c r="OC660" s="613"/>
      <c r="OD660" s="613"/>
      <c r="OE660" s="613"/>
      <c r="OF660" s="613"/>
      <c r="OG660" s="613"/>
      <c r="OH660" s="613"/>
      <c r="OI660" s="613"/>
      <c r="OJ660" s="613"/>
      <c r="OK660" s="613"/>
      <c r="OL660" s="613"/>
      <c r="OM660" s="613"/>
      <c r="ON660" s="613"/>
      <c r="OO660" s="613"/>
      <c r="OP660" s="613"/>
      <c r="OQ660" s="613"/>
      <c r="OR660" s="613"/>
      <c r="OS660" s="613"/>
      <c r="OT660" s="613"/>
      <c r="OU660" s="613"/>
      <c r="OV660" s="613"/>
      <c r="OW660" s="613"/>
      <c r="OX660" s="613"/>
      <c r="OY660" s="613"/>
      <c r="OZ660" s="613"/>
      <c r="PA660" s="613"/>
      <c r="PB660" s="613"/>
      <c r="PC660" s="613"/>
      <c r="PD660" s="613"/>
      <c r="PE660" s="613"/>
      <c r="PF660" s="613"/>
      <c r="PG660" s="613"/>
      <c r="PH660" s="613"/>
      <c r="PI660" s="613"/>
      <c r="PJ660" s="613"/>
      <c r="PK660" s="613"/>
      <c r="PL660" s="613"/>
      <c r="PM660" s="613"/>
      <c r="PN660" s="613"/>
      <c r="PO660" s="613"/>
      <c r="PP660" s="613"/>
      <c r="PQ660" s="613"/>
      <c r="PR660" s="613"/>
      <c r="PS660" s="613"/>
      <c r="PT660" s="613"/>
      <c r="PU660" s="613"/>
      <c r="PV660" s="613"/>
      <c r="PW660" s="613"/>
      <c r="PX660" s="613"/>
      <c r="PY660" s="613"/>
      <c r="PZ660" s="613"/>
      <c r="QA660" s="613"/>
      <c r="QB660" s="613"/>
      <c r="QC660" s="613"/>
      <c r="QD660" s="613"/>
      <c r="QE660" s="613"/>
      <c r="QF660" s="613"/>
      <c r="QG660" s="613"/>
      <c r="QH660" s="613"/>
      <c r="QI660" s="613"/>
      <c r="QJ660" s="613"/>
      <c r="QK660" s="613"/>
      <c r="QL660" s="613"/>
      <c r="QM660" s="613"/>
      <c r="QN660" s="613"/>
      <c r="QO660" s="613"/>
      <c r="QP660" s="613"/>
      <c r="QQ660" s="613"/>
      <c r="QR660" s="613"/>
      <c r="QS660" s="613"/>
      <c r="QT660" s="613"/>
      <c r="QU660" s="613"/>
      <c r="QV660" s="613"/>
      <c r="QW660" s="613"/>
      <c r="QX660" s="613"/>
      <c r="QY660" s="613"/>
      <c r="QZ660" s="613"/>
      <c r="RA660" s="613"/>
      <c r="RB660" s="613"/>
      <c r="RC660" s="613"/>
      <c r="RD660" s="613"/>
      <c r="RE660" s="613"/>
      <c r="RF660" s="613"/>
      <c r="RG660" s="613"/>
      <c r="RH660" s="613"/>
      <c r="RI660" s="613"/>
      <c r="RJ660" s="613"/>
      <c r="RK660" s="613"/>
      <c r="RL660" s="613"/>
      <c r="RM660" s="613"/>
      <c r="RN660" s="613"/>
      <c r="RO660" s="613"/>
      <c r="RP660" s="613"/>
      <c r="RQ660" s="613"/>
      <c r="RR660" s="613"/>
      <c r="RS660" s="613"/>
      <c r="RT660" s="613"/>
      <c r="RU660" s="613"/>
      <c r="RV660" s="613"/>
      <c r="RW660" s="613"/>
      <c r="RX660" s="613"/>
      <c r="RY660" s="613"/>
      <c r="RZ660" s="613"/>
      <c r="SA660" s="613"/>
      <c r="SB660" s="613"/>
      <c r="SC660" s="613"/>
      <c r="SD660" s="613"/>
      <c r="SE660" s="613"/>
      <c r="SF660" s="613"/>
      <c r="SG660" s="613"/>
      <c r="SH660" s="613"/>
      <c r="SI660" s="613"/>
      <c r="SJ660" s="613"/>
      <c r="SK660" s="613"/>
      <c r="SL660" s="613"/>
      <c r="SM660" s="613"/>
      <c r="SN660" s="613"/>
      <c r="SO660" s="613"/>
      <c r="SP660" s="613"/>
      <c r="SQ660" s="613"/>
      <c r="SR660" s="613"/>
      <c r="SS660" s="613"/>
      <c r="ST660" s="613"/>
      <c r="SU660" s="613"/>
      <c r="SV660" s="613"/>
      <c r="SW660" s="613"/>
      <c r="SX660" s="613"/>
      <c r="SY660" s="613"/>
      <c r="SZ660" s="613"/>
      <c r="TA660" s="613"/>
      <c r="TB660" s="613"/>
      <c r="TC660" s="613"/>
      <c r="TD660" s="613"/>
      <c r="TE660" s="613"/>
      <c r="TF660" s="613"/>
      <c r="TG660" s="613"/>
      <c r="TH660" s="613"/>
      <c r="TI660" s="613"/>
      <c r="TJ660" s="613"/>
      <c r="TK660" s="613"/>
      <c r="TL660" s="613"/>
      <c r="TM660" s="613"/>
      <c r="TN660" s="613"/>
      <c r="TO660" s="613"/>
      <c r="TP660" s="613"/>
      <c r="TQ660" s="613"/>
      <c r="TR660" s="613"/>
      <c r="TS660" s="613"/>
      <c r="TT660" s="613"/>
      <c r="TU660" s="613"/>
      <c r="TV660" s="613"/>
      <c r="TW660" s="613"/>
      <c r="TX660" s="613"/>
      <c r="TY660" s="613"/>
      <c r="TZ660" s="613"/>
      <c r="UA660" s="613"/>
      <c r="UB660" s="613"/>
      <c r="UC660" s="613"/>
      <c r="UD660" s="613"/>
      <c r="UE660" s="613"/>
      <c r="UF660" s="613"/>
      <c r="UG660" s="613"/>
      <c r="UH660" s="613"/>
      <c r="UI660" s="613"/>
      <c r="UJ660" s="613"/>
      <c r="UK660" s="613"/>
      <c r="UL660" s="613"/>
      <c r="UM660" s="613"/>
      <c r="UN660" s="613"/>
      <c r="UO660" s="613"/>
      <c r="UP660" s="613"/>
      <c r="UQ660" s="613"/>
      <c r="UR660" s="613"/>
      <c r="US660" s="613"/>
      <c r="UT660" s="613"/>
      <c r="UU660" s="613"/>
      <c r="UV660" s="613"/>
      <c r="UW660" s="613"/>
      <c r="UX660" s="613"/>
      <c r="UY660" s="613"/>
      <c r="UZ660" s="613"/>
      <c r="VA660" s="613"/>
      <c r="VB660" s="613"/>
      <c r="VC660" s="613"/>
      <c r="VD660" s="613"/>
      <c r="VE660" s="613"/>
      <c r="VF660" s="613"/>
      <c r="VG660" s="613"/>
      <c r="VH660" s="613"/>
      <c r="VI660" s="613"/>
      <c r="VJ660" s="613"/>
      <c r="VK660" s="613"/>
      <c r="VL660" s="613"/>
      <c r="VM660" s="613"/>
      <c r="VN660" s="613"/>
      <c r="VO660" s="613"/>
      <c r="VP660" s="613"/>
      <c r="VQ660" s="613"/>
      <c r="VR660" s="613"/>
      <c r="VS660" s="613"/>
      <c r="VT660" s="613"/>
      <c r="VU660" s="613"/>
      <c r="VV660" s="613"/>
      <c r="VW660" s="613"/>
      <c r="VX660" s="613"/>
      <c r="VY660" s="613"/>
      <c r="VZ660" s="613"/>
      <c r="WA660" s="613"/>
      <c r="WB660" s="613"/>
      <c r="WC660" s="613"/>
      <c r="WD660" s="613"/>
      <c r="WE660" s="613"/>
      <c r="WF660" s="613"/>
      <c r="WG660" s="613"/>
      <c r="WH660" s="613"/>
      <c r="WI660" s="613"/>
      <c r="WJ660" s="613"/>
      <c r="WK660" s="613"/>
      <c r="WL660" s="613"/>
      <c r="WM660" s="613"/>
      <c r="WN660" s="613"/>
      <c r="WO660" s="613"/>
      <c r="WP660" s="613"/>
      <c r="WQ660" s="613"/>
      <c r="WR660" s="613"/>
      <c r="WS660" s="613"/>
      <c r="WT660" s="613"/>
      <c r="WU660" s="613"/>
      <c r="WV660" s="613"/>
      <c r="WW660" s="613"/>
      <c r="WX660" s="613"/>
      <c r="WY660" s="613"/>
      <c r="WZ660" s="613"/>
      <c r="XA660" s="613"/>
      <c r="XB660" s="613"/>
      <c r="XC660" s="613"/>
      <c r="XD660" s="613"/>
      <c r="XE660" s="613"/>
      <c r="XF660" s="613"/>
      <c r="XG660" s="613"/>
      <c r="XH660" s="613"/>
      <c r="XI660" s="613"/>
      <c r="XJ660" s="613"/>
      <c r="XK660" s="613"/>
      <c r="XL660" s="613"/>
      <c r="XM660" s="613"/>
      <c r="XN660" s="613"/>
      <c r="XO660" s="613"/>
      <c r="XP660" s="613"/>
      <c r="XQ660" s="613"/>
      <c r="XR660" s="613"/>
      <c r="XS660" s="613"/>
      <c r="XT660" s="613"/>
      <c r="XU660" s="613"/>
      <c r="XV660" s="613"/>
      <c r="XW660" s="613"/>
      <c r="XX660" s="613"/>
      <c r="XY660" s="613"/>
      <c r="XZ660" s="613"/>
      <c r="YA660" s="613"/>
      <c r="YB660" s="613"/>
      <c r="YC660" s="613"/>
      <c r="YD660" s="613"/>
      <c r="YE660" s="613"/>
      <c r="YF660" s="613"/>
      <c r="YG660" s="613"/>
      <c r="YH660" s="613"/>
      <c r="YI660" s="613"/>
      <c r="YJ660" s="613"/>
      <c r="YK660" s="613"/>
      <c r="YL660" s="613"/>
      <c r="YM660" s="613"/>
      <c r="YN660" s="613"/>
      <c r="YO660" s="613"/>
      <c r="YP660" s="613"/>
      <c r="YQ660" s="613"/>
      <c r="YR660" s="613"/>
      <c r="YS660" s="613"/>
      <c r="YT660" s="613"/>
      <c r="YU660" s="613"/>
      <c r="YV660" s="613"/>
      <c r="YW660" s="613"/>
      <c r="YX660" s="613"/>
      <c r="YY660" s="613"/>
      <c r="YZ660" s="613"/>
      <c r="ZA660" s="613"/>
      <c r="ZB660" s="613"/>
      <c r="ZC660" s="613"/>
      <c r="ZD660" s="613"/>
      <c r="ZE660" s="613"/>
      <c r="ZF660" s="613"/>
      <c r="ZG660" s="613"/>
      <c r="ZH660" s="613"/>
      <c r="ZI660" s="613"/>
      <c r="ZJ660" s="613"/>
      <c r="ZK660" s="613"/>
      <c r="ZL660" s="613"/>
      <c r="ZM660" s="613"/>
      <c r="ZN660" s="613"/>
      <c r="ZO660" s="613"/>
      <c r="ZP660" s="613"/>
      <c r="ZQ660" s="613"/>
      <c r="ZR660" s="613"/>
      <c r="ZS660" s="613"/>
      <c r="ZT660" s="613"/>
      <c r="ZU660" s="613"/>
      <c r="ZV660" s="613"/>
      <c r="ZW660" s="613"/>
      <c r="ZX660" s="613"/>
      <c r="ZY660" s="613"/>
      <c r="ZZ660" s="613"/>
      <c r="AAA660" s="613"/>
      <c r="AAB660" s="613"/>
      <c r="AAC660" s="613"/>
      <c r="AAD660" s="613"/>
      <c r="AAE660" s="613"/>
      <c r="AAF660" s="613"/>
      <c r="AAG660" s="613"/>
      <c r="AAH660" s="613"/>
      <c r="AAI660" s="613"/>
      <c r="AAJ660" s="613"/>
      <c r="AAK660" s="613"/>
      <c r="AAL660" s="613"/>
      <c r="AAM660" s="613"/>
      <c r="AAN660" s="613"/>
      <c r="AAO660" s="613"/>
      <c r="AAP660" s="613"/>
      <c r="AAQ660" s="613"/>
      <c r="AAR660" s="613"/>
      <c r="AAS660" s="613"/>
      <c r="AAT660" s="613"/>
      <c r="AAU660" s="613"/>
      <c r="AAV660" s="613"/>
      <c r="AAW660" s="613"/>
      <c r="AAX660" s="613"/>
      <c r="AAY660" s="613"/>
      <c r="AAZ660" s="613"/>
      <c r="ABA660" s="613"/>
      <c r="ABB660" s="613"/>
      <c r="ABC660" s="613"/>
      <c r="ABD660" s="613"/>
      <c r="ABE660" s="613"/>
      <c r="ABF660" s="613"/>
      <c r="ABG660" s="613"/>
      <c r="ABH660" s="613"/>
      <c r="ABI660" s="613"/>
      <c r="ABJ660" s="613"/>
      <c r="ABK660" s="613"/>
      <c r="ABL660" s="613"/>
      <c r="ABM660" s="613"/>
      <c r="ABN660" s="613"/>
      <c r="ABO660" s="613"/>
      <c r="ABP660" s="613"/>
      <c r="ABQ660" s="613"/>
      <c r="ABR660" s="613"/>
      <c r="ABS660" s="613"/>
      <c r="ABT660" s="613"/>
      <c r="ABU660" s="613"/>
      <c r="ABV660" s="613"/>
      <c r="ABW660" s="613"/>
      <c r="ABX660" s="613"/>
      <c r="ABY660" s="613"/>
      <c r="ABZ660" s="613"/>
      <c r="ACA660" s="613"/>
      <c r="ACB660" s="613"/>
      <c r="ACC660" s="613"/>
      <c r="ACD660" s="613"/>
      <c r="ACE660" s="613"/>
      <c r="ACF660" s="613"/>
      <c r="ACG660" s="613"/>
      <c r="ACH660" s="613"/>
      <c r="ACI660" s="613"/>
      <c r="ACJ660" s="613"/>
      <c r="ACK660" s="613"/>
      <c r="ACL660" s="613"/>
      <c r="ACM660" s="613"/>
      <c r="ACN660" s="613"/>
      <c r="ACO660" s="613"/>
      <c r="ACP660" s="613"/>
      <c r="ACQ660" s="613"/>
      <c r="ACR660" s="613"/>
      <c r="ACS660" s="613"/>
      <c r="ACT660" s="613"/>
      <c r="ACU660" s="613"/>
      <c r="ACV660" s="613"/>
      <c r="ACW660" s="613"/>
      <c r="ACX660" s="613"/>
      <c r="ACY660" s="613"/>
      <c r="ACZ660" s="613"/>
      <c r="ADA660" s="613"/>
      <c r="ADB660" s="613"/>
      <c r="ADC660" s="613"/>
      <c r="ADD660" s="613"/>
      <c r="ADE660" s="613"/>
      <c r="ADF660" s="613"/>
      <c r="ADG660" s="613"/>
      <c r="ADH660" s="613"/>
      <c r="ADI660" s="613"/>
      <c r="ADJ660" s="613"/>
      <c r="ADK660" s="613"/>
      <c r="ADL660" s="613"/>
      <c r="ADM660" s="613"/>
      <c r="ADN660" s="613"/>
      <c r="ADO660" s="613"/>
      <c r="ADP660" s="613"/>
      <c r="ADQ660" s="613"/>
      <c r="ADR660" s="613"/>
      <c r="ADS660" s="613"/>
      <c r="ADT660" s="613"/>
      <c r="ADU660" s="613"/>
      <c r="ADV660" s="613"/>
      <c r="ADW660" s="613"/>
      <c r="ADX660" s="613"/>
      <c r="ADY660" s="613"/>
      <c r="ADZ660" s="613"/>
      <c r="AEA660" s="613"/>
      <c r="AEB660" s="613"/>
      <c r="AEC660" s="613"/>
      <c r="AED660" s="613"/>
      <c r="AEE660" s="613"/>
      <c r="AEF660" s="613"/>
      <c r="AEG660" s="613"/>
      <c r="AEH660" s="613"/>
      <c r="AEI660" s="613"/>
      <c r="AEJ660" s="613"/>
      <c r="AEK660" s="613"/>
      <c r="AEL660" s="613"/>
      <c r="AEM660" s="613"/>
      <c r="AEN660" s="613"/>
      <c r="AEO660" s="613"/>
      <c r="AEP660" s="613"/>
      <c r="AEQ660" s="613"/>
      <c r="AER660" s="613"/>
      <c r="AES660" s="613"/>
      <c r="AET660" s="613"/>
      <c r="AEU660" s="613"/>
      <c r="AEV660" s="613"/>
      <c r="AEW660" s="613"/>
      <c r="AEX660" s="613"/>
      <c r="AEY660" s="613"/>
      <c r="AEZ660" s="613"/>
      <c r="AFA660" s="613"/>
      <c r="AFB660" s="613"/>
      <c r="AFC660" s="613"/>
      <c r="AFD660" s="613"/>
      <c r="AFE660" s="613"/>
      <c r="AFF660" s="613"/>
      <c r="AFG660" s="613"/>
      <c r="AFH660" s="613"/>
      <c r="AFI660" s="613"/>
      <c r="AFJ660" s="613"/>
      <c r="AFK660" s="613"/>
      <c r="AFL660" s="613"/>
      <c r="AFM660" s="613"/>
      <c r="AFN660" s="613"/>
      <c r="AFO660" s="613"/>
      <c r="AFP660" s="613"/>
      <c r="AFQ660" s="613"/>
      <c r="AFR660" s="613"/>
      <c r="AFS660" s="613"/>
      <c r="AFT660" s="613"/>
      <c r="AFU660" s="613"/>
      <c r="AFV660" s="613"/>
      <c r="AFW660" s="613"/>
      <c r="AFX660" s="613"/>
      <c r="AFY660" s="613"/>
      <c r="AFZ660" s="613"/>
      <c r="AGA660" s="613"/>
      <c r="AGB660" s="613"/>
      <c r="AGC660" s="613"/>
      <c r="AGD660" s="613"/>
      <c r="AGE660" s="613"/>
      <c r="AGF660" s="613"/>
      <c r="AGG660" s="613"/>
      <c r="AGH660" s="613"/>
      <c r="AGI660" s="613"/>
      <c r="AGJ660" s="613"/>
      <c r="AGK660" s="613"/>
      <c r="AGL660" s="613"/>
      <c r="AGM660" s="613"/>
      <c r="AGN660" s="613"/>
      <c r="AGO660" s="613"/>
      <c r="AGP660" s="613"/>
      <c r="AGQ660" s="613"/>
      <c r="AGR660" s="613"/>
      <c r="AGS660" s="613"/>
      <c r="AGT660" s="613"/>
      <c r="AGU660" s="613"/>
      <c r="AGV660" s="613"/>
      <c r="AGW660" s="613"/>
      <c r="AGX660" s="613"/>
      <c r="AGY660" s="613"/>
      <c r="AGZ660" s="613"/>
      <c r="AHA660" s="613"/>
      <c r="AHB660" s="613"/>
      <c r="AHC660" s="613"/>
      <c r="AHD660" s="613"/>
      <c r="AHE660" s="613"/>
      <c r="AHF660" s="613"/>
      <c r="AHG660" s="613"/>
      <c r="AHH660" s="613"/>
      <c r="AHI660" s="613"/>
      <c r="AHJ660" s="613"/>
      <c r="AHK660" s="613"/>
      <c r="AHL660" s="613"/>
      <c r="AHM660" s="613"/>
      <c r="AHN660" s="613"/>
      <c r="AHO660" s="613"/>
      <c r="AHP660" s="613"/>
      <c r="AHQ660" s="613"/>
      <c r="AHR660" s="613"/>
      <c r="AHS660" s="613"/>
      <c r="AHT660" s="613"/>
      <c r="AHU660" s="613"/>
      <c r="AHV660" s="613"/>
      <c r="AHW660" s="613"/>
      <c r="AHX660" s="613"/>
      <c r="AHY660" s="613"/>
      <c r="AHZ660" s="613"/>
      <c r="AIA660" s="613"/>
      <c r="AIB660" s="613"/>
      <c r="AIC660" s="613"/>
      <c r="AID660" s="613"/>
      <c r="AIE660" s="613"/>
      <c r="AIF660" s="613"/>
      <c r="AIG660" s="613"/>
      <c r="AIH660" s="613"/>
      <c r="AII660" s="613"/>
      <c r="AIJ660" s="613"/>
      <c r="AIK660" s="613"/>
      <c r="AIL660" s="613"/>
      <c r="AIM660" s="613"/>
      <c r="AIN660" s="613"/>
      <c r="AIO660" s="613"/>
      <c r="AIP660" s="613"/>
      <c r="AIQ660" s="613"/>
      <c r="AIR660" s="613"/>
      <c r="AIS660" s="613"/>
      <c r="AIT660" s="613"/>
      <c r="AIU660" s="613"/>
      <c r="AIV660" s="613"/>
      <c r="AIW660" s="613"/>
      <c r="AIX660" s="613"/>
      <c r="AIY660" s="613"/>
      <c r="AIZ660" s="613"/>
      <c r="AJA660" s="613"/>
      <c r="AJB660" s="613"/>
      <c r="AJC660" s="613"/>
      <c r="AJD660" s="613"/>
      <c r="AJE660" s="613"/>
      <c r="AJF660" s="613"/>
      <c r="AJG660" s="613"/>
      <c r="AJH660" s="613"/>
      <c r="AJI660" s="613"/>
      <c r="AJJ660" s="613"/>
      <c r="AJK660" s="613"/>
      <c r="AJL660" s="613"/>
      <c r="AJM660" s="613"/>
      <c r="AJN660" s="613"/>
      <c r="AJO660" s="613"/>
      <c r="AJP660" s="613"/>
      <c r="AJQ660" s="613"/>
      <c r="AJR660" s="613"/>
      <c r="AJS660" s="613"/>
      <c r="AJT660" s="613"/>
      <c r="AJU660" s="613"/>
      <c r="AJV660" s="613"/>
      <c r="AJW660" s="613"/>
      <c r="AJX660" s="613"/>
      <c r="AJY660" s="613"/>
      <c r="AJZ660" s="613"/>
      <c r="AKA660" s="613"/>
      <c r="AKB660" s="613"/>
      <c r="AKC660" s="613"/>
      <c r="AKD660" s="613"/>
      <c r="AKE660" s="613"/>
      <c r="AKF660" s="613"/>
      <c r="AKG660" s="613"/>
      <c r="AKH660" s="613"/>
      <c r="AKI660" s="613"/>
      <c r="AKJ660" s="613"/>
      <c r="AKK660" s="613"/>
      <c r="AKL660" s="613"/>
      <c r="AKM660" s="613"/>
      <c r="AKN660" s="613"/>
      <c r="AKO660" s="613"/>
      <c r="AKP660" s="613"/>
      <c r="AKQ660" s="613"/>
      <c r="AKR660" s="613"/>
      <c r="AKS660" s="613"/>
      <c r="AKT660" s="613"/>
      <c r="AKU660" s="613"/>
      <c r="AKV660" s="613"/>
      <c r="AKW660" s="613"/>
      <c r="AKX660" s="613"/>
      <c r="AKY660" s="613"/>
      <c r="AKZ660" s="613"/>
      <c r="ALA660" s="613"/>
      <c r="ALB660" s="613"/>
      <c r="ALC660" s="613"/>
      <c r="ALD660" s="613"/>
      <c r="ALE660" s="613"/>
      <c r="ALF660" s="613"/>
      <c r="ALG660" s="613"/>
      <c r="ALH660" s="613"/>
      <c r="ALI660" s="613"/>
      <c r="ALJ660" s="613"/>
      <c r="ALK660" s="613"/>
      <c r="ALL660" s="613"/>
      <c r="ALM660" s="613"/>
      <c r="ALN660" s="613"/>
      <c r="ALO660" s="613"/>
      <c r="ALP660" s="613"/>
      <c r="ALQ660" s="613"/>
      <c r="ALR660" s="613"/>
      <c r="ALS660" s="613"/>
      <c r="ALT660" s="613"/>
      <c r="ALU660" s="613"/>
      <c r="ALV660" s="613"/>
      <c r="ALW660" s="613"/>
      <c r="ALX660" s="613"/>
      <c r="ALY660" s="613"/>
      <c r="ALZ660" s="613"/>
      <c r="AMA660" s="613"/>
      <c r="AMB660" s="613"/>
      <c r="AMC660" s="613"/>
      <c r="AMD660" s="613"/>
      <c r="AME660" s="613"/>
      <c r="AMF660" s="613"/>
      <c r="AMG660" s="613"/>
      <c r="AMH660" s="613"/>
      <c r="AMI660" s="613"/>
      <c r="AMJ660" s="613"/>
      <c r="AMK660" s="613"/>
      <c r="AML660" s="613"/>
      <c r="AMM660" s="613"/>
      <c r="AMN660" s="613"/>
      <c r="AMO660" s="613"/>
      <c r="AMP660" s="613"/>
      <c r="AMQ660" s="613"/>
      <c r="AMR660" s="613"/>
      <c r="AMS660" s="613"/>
      <c r="AMT660" s="613"/>
      <c r="AMU660" s="613"/>
      <c r="AMV660" s="613"/>
      <c r="AMW660" s="613"/>
      <c r="AMX660" s="613"/>
      <c r="AMY660" s="613"/>
      <c r="AMZ660" s="613"/>
      <c r="ANA660" s="613"/>
      <c r="ANB660" s="613"/>
      <c r="ANC660" s="613"/>
      <c r="AND660" s="613"/>
      <c r="ANE660" s="613"/>
      <c r="ANF660" s="613"/>
      <c r="ANG660" s="613"/>
      <c r="ANH660" s="613"/>
      <c r="ANI660" s="613"/>
      <c r="ANJ660" s="613"/>
      <c r="ANK660" s="613"/>
      <c r="ANL660" s="613"/>
      <c r="ANM660" s="613"/>
      <c r="ANN660" s="613"/>
      <c r="ANO660" s="613"/>
      <c r="ANP660" s="613"/>
      <c r="ANQ660" s="613"/>
      <c r="ANR660" s="613"/>
      <c r="ANS660" s="613"/>
      <c r="ANT660" s="613"/>
      <c r="ANU660" s="613"/>
      <c r="ANV660" s="613"/>
      <c r="ANW660" s="613"/>
      <c r="ANX660" s="613"/>
      <c r="ANY660" s="613"/>
      <c r="ANZ660" s="613"/>
      <c r="AOA660" s="613"/>
      <c r="AOB660" s="613"/>
      <c r="AOC660" s="613"/>
      <c r="AOD660" s="613"/>
      <c r="AOE660" s="613"/>
      <c r="AOF660" s="613"/>
      <c r="AOG660" s="613"/>
      <c r="AOH660" s="613"/>
      <c r="AOI660" s="613"/>
      <c r="AOJ660" s="613"/>
      <c r="AOK660" s="613"/>
      <c r="AOL660" s="613"/>
      <c r="AOM660" s="613"/>
      <c r="AON660" s="613"/>
      <c r="AOO660" s="613"/>
      <c r="AOP660" s="613"/>
      <c r="AOQ660" s="613"/>
      <c r="AOR660" s="613"/>
      <c r="AOS660" s="613"/>
      <c r="AOT660" s="613"/>
      <c r="AOU660" s="613"/>
      <c r="AOV660" s="613"/>
      <c r="AOW660" s="613"/>
      <c r="AOX660" s="613"/>
      <c r="AOY660" s="613"/>
      <c r="AOZ660" s="613"/>
      <c r="APA660" s="613"/>
      <c r="APB660" s="613"/>
      <c r="APC660" s="613"/>
      <c r="APD660" s="613"/>
      <c r="APE660" s="613"/>
      <c r="APF660" s="613"/>
      <c r="APG660" s="613"/>
      <c r="APH660" s="613"/>
      <c r="API660" s="613"/>
      <c r="APJ660" s="613"/>
      <c r="APK660" s="613"/>
      <c r="APL660" s="613"/>
      <c r="APM660" s="613"/>
      <c r="APN660" s="613"/>
      <c r="APO660" s="613"/>
      <c r="APP660" s="613"/>
      <c r="APQ660" s="613"/>
      <c r="APR660" s="613"/>
      <c r="APS660" s="613"/>
      <c r="APT660" s="613"/>
      <c r="APU660" s="613"/>
      <c r="APV660" s="613"/>
      <c r="APW660" s="613"/>
      <c r="APX660" s="613"/>
      <c r="APY660" s="613"/>
      <c r="APZ660" s="613"/>
      <c r="AQA660" s="613"/>
      <c r="AQB660" s="613"/>
      <c r="AQC660" s="613"/>
      <c r="AQD660" s="613"/>
      <c r="AQE660" s="613"/>
      <c r="AQF660" s="613"/>
      <c r="AQG660" s="613"/>
      <c r="AQH660" s="613"/>
      <c r="AQI660" s="613"/>
      <c r="AQJ660" s="613"/>
      <c r="AQK660" s="613"/>
      <c r="AQL660" s="613"/>
      <c r="AQM660" s="613"/>
      <c r="AQN660" s="613"/>
      <c r="AQO660" s="613"/>
      <c r="AQP660" s="613"/>
      <c r="AQQ660" s="613"/>
      <c r="AQR660" s="613"/>
      <c r="AQS660" s="613"/>
      <c r="AQT660" s="613"/>
      <c r="AQU660" s="613"/>
      <c r="AQV660" s="613"/>
      <c r="AQW660" s="613"/>
      <c r="AQX660" s="613"/>
      <c r="AQY660" s="613"/>
      <c r="AQZ660" s="613"/>
      <c r="ARA660" s="613"/>
      <c r="ARB660" s="613"/>
      <c r="ARC660" s="613"/>
      <c r="ARD660" s="613"/>
      <c r="ARE660" s="613"/>
      <c r="ARF660" s="613"/>
      <c r="ARG660" s="613"/>
      <c r="ARH660" s="613"/>
      <c r="ARI660" s="613"/>
      <c r="ARJ660" s="613"/>
      <c r="ARK660" s="613"/>
      <c r="ARL660" s="613"/>
      <c r="ARM660" s="613"/>
      <c r="ARN660" s="613"/>
      <c r="ARO660" s="613"/>
      <c r="ARP660" s="613"/>
      <c r="ARQ660" s="613"/>
      <c r="ARR660" s="613"/>
      <c r="ARS660" s="613"/>
      <c r="ART660" s="613"/>
      <c r="ARU660" s="613"/>
      <c r="ARV660" s="613"/>
      <c r="ARW660" s="613"/>
      <c r="ARX660" s="613"/>
      <c r="ARY660" s="613"/>
      <c r="ARZ660" s="613"/>
      <c r="ASA660" s="613"/>
      <c r="ASB660" s="613"/>
      <c r="ASC660" s="613"/>
      <c r="ASD660" s="613"/>
      <c r="ASE660" s="613"/>
      <c r="ASF660" s="613"/>
      <c r="ASG660" s="613"/>
      <c r="ASH660" s="613"/>
      <c r="ASI660" s="613"/>
      <c r="ASJ660" s="613"/>
      <c r="ASK660" s="613"/>
      <c r="ASL660" s="613"/>
      <c r="ASM660" s="613"/>
      <c r="ASN660" s="613"/>
      <c r="ASO660" s="613"/>
      <c r="ASP660" s="613"/>
      <c r="ASQ660" s="613"/>
      <c r="ASR660" s="613"/>
      <c r="ASS660" s="613"/>
      <c r="AST660" s="613"/>
      <c r="ASU660" s="613"/>
      <c r="ASV660" s="613"/>
      <c r="ASW660" s="613"/>
      <c r="ASX660" s="613"/>
      <c r="ASY660" s="613"/>
      <c r="ASZ660" s="613"/>
      <c r="ATA660" s="613"/>
      <c r="ATB660" s="613"/>
      <c r="ATC660" s="613"/>
      <c r="ATD660" s="613"/>
      <c r="ATE660" s="613"/>
      <c r="ATF660" s="613"/>
      <c r="ATG660" s="613"/>
      <c r="ATH660" s="613"/>
      <c r="ATI660" s="613"/>
      <c r="ATJ660" s="613"/>
      <c r="ATK660" s="613"/>
      <c r="ATL660" s="613"/>
      <c r="ATM660" s="613"/>
      <c r="ATN660" s="613"/>
      <c r="ATO660" s="613"/>
      <c r="ATP660" s="613"/>
      <c r="ATQ660" s="613"/>
      <c r="ATR660" s="613"/>
      <c r="ATS660" s="613"/>
      <c r="ATT660" s="613"/>
      <c r="ATU660" s="613"/>
      <c r="ATV660" s="613"/>
      <c r="ATW660" s="613"/>
      <c r="ATX660" s="613"/>
      <c r="ATY660" s="613"/>
      <c r="ATZ660" s="613"/>
      <c r="AUA660" s="613"/>
      <c r="AUB660" s="613"/>
      <c r="AUC660" s="613"/>
      <c r="AUD660" s="613"/>
      <c r="AUE660" s="613"/>
      <c r="AUF660" s="613"/>
      <c r="AUG660" s="613"/>
      <c r="AUH660" s="613"/>
      <c r="AUI660" s="613"/>
      <c r="AUJ660" s="613"/>
      <c r="AUK660" s="613"/>
      <c r="AUL660" s="613"/>
      <c r="AUM660" s="613"/>
      <c r="AUN660" s="613"/>
      <c r="AUO660" s="613"/>
      <c r="AUP660" s="613"/>
      <c r="AUQ660" s="613"/>
      <c r="AUR660" s="613"/>
      <c r="AUS660" s="613"/>
      <c r="AUT660" s="613"/>
      <c r="AUU660" s="613"/>
      <c r="AUV660" s="613"/>
      <c r="AUW660" s="613"/>
      <c r="AUX660" s="613"/>
      <c r="AUY660" s="613"/>
      <c r="AUZ660" s="613"/>
      <c r="AVA660" s="613"/>
      <c r="AVB660" s="613"/>
      <c r="AVC660" s="613"/>
      <c r="AVD660" s="613"/>
      <c r="AVE660" s="613"/>
      <c r="AVF660" s="613"/>
      <c r="AVG660" s="613"/>
      <c r="AVH660" s="613"/>
      <c r="AVI660" s="613"/>
      <c r="AVJ660" s="613"/>
      <c r="AVK660" s="613"/>
      <c r="AVL660" s="613"/>
      <c r="AVM660" s="613"/>
      <c r="AVN660" s="613"/>
      <c r="AVO660" s="613"/>
      <c r="AVP660" s="613"/>
      <c r="AVQ660" s="613"/>
      <c r="AVR660" s="613"/>
      <c r="AVS660" s="613"/>
      <c r="AVT660" s="613"/>
      <c r="AVU660" s="613"/>
      <c r="AVV660" s="613"/>
      <c r="AVW660" s="613"/>
      <c r="AVX660" s="613"/>
      <c r="AVY660" s="613"/>
      <c r="AVZ660" s="613"/>
      <c r="AWA660" s="613"/>
      <c r="AWB660" s="613"/>
      <c r="AWC660" s="613"/>
      <c r="AWD660" s="613"/>
      <c r="AWE660" s="613"/>
      <c r="AWF660" s="613"/>
      <c r="AWG660" s="613"/>
      <c r="AWH660" s="613"/>
      <c r="AWI660" s="613"/>
      <c r="AWJ660" s="613"/>
      <c r="AWK660" s="613"/>
      <c r="AWL660" s="613"/>
      <c r="AWM660" s="613"/>
      <c r="AWN660" s="613"/>
      <c r="AWO660" s="613"/>
      <c r="AWP660" s="613"/>
      <c r="AWQ660" s="613"/>
      <c r="AWR660" s="613"/>
      <c r="AWS660" s="613"/>
      <c r="AWT660" s="613"/>
      <c r="AWU660" s="613"/>
      <c r="AWV660" s="613"/>
      <c r="AWW660" s="613"/>
      <c r="AWX660" s="613"/>
      <c r="AWY660" s="613"/>
      <c r="AWZ660" s="613"/>
      <c r="AXA660" s="613"/>
      <c r="AXB660" s="613"/>
      <c r="AXC660" s="613"/>
      <c r="AXD660" s="613"/>
      <c r="AXE660" s="613"/>
      <c r="AXF660" s="613"/>
      <c r="AXG660" s="613"/>
      <c r="AXH660" s="613"/>
      <c r="AXI660" s="613"/>
      <c r="AXJ660" s="613"/>
      <c r="AXK660" s="613"/>
      <c r="AXL660" s="613"/>
      <c r="AXM660" s="613"/>
      <c r="AXN660" s="613"/>
      <c r="AXO660" s="613"/>
      <c r="AXP660" s="613"/>
      <c r="AXQ660" s="613"/>
      <c r="AXR660" s="613"/>
      <c r="AXS660" s="613"/>
      <c r="AXT660" s="613"/>
      <c r="AXU660" s="613"/>
      <c r="AXV660" s="613"/>
      <c r="AXW660" s="613"/>
      <c r="AXX660" s="613"/>
      <c r="AXY660" s="613"/>
      <c r="AXZ660" s="613"/>
      <c r="AYA660" s="613"/>
      <c r="AYB660" s="613"/>
      <c r="AYC660" s="613"/>
      <c r="AYD660" s="613"/>
      <c r="AYE660" s="613"/>
      <c r="AYF660" s="613"/>
      <c r="AYG660" s="613"/>
      <c r="AYH660" s="613"/>
      <c r="AYI660" s="613"/>
      <c r="AYJ660" s="613"/>
      <c r="AYK660" s="613"/>
      <c r="AYL660" s="613"/>
      <c r="AYM660" s="613"/>
      <c r="AYN660" s="613"/>
      <c r="AYO660" s="613"/>
      <c r="AYP660" s="613"/>
      <c r="AYQ660" s="613"/>
      <c r="AYR660" s="613"/>
      <c r="AYS660" s="613"/>
      <c r="AYT660" s="613"/>
      <c r="AYU660" s="613"/>
      <c r="AYV660" s="613"/>
      <c r="AYW660" s="613"/>
      <c r="AYX660" s="613"/>
      <c r="AYY660" s="613"/>
      <c r="AYZ660" s="613"/>
      <c r="AZA660" s="613"/>
      <c r="AZB660" s="613"/>
      <c r="AZC660" s="613"/>
      <c r="AZD660" s="613"/>
      <c r="AZE660" s="613"/>
      <c r="AZF660" s="613"/>
      <c r="AZG660" s="613"/>
      <c r="AZH660" s="613"/>
      <c r="AZI660" s="613"/>
      <c r="AZJ660" s="613"/>
      <c r="AZK660" s="613"/>
      <c r="AZL660" s="613"/>
      <c r="AZM660" s="613"/>
      <c r="AZN660" s="613"/>
      <c r="AZO660" s="613"/>
      <c r="AZP660" s="613"/>
      <c r="AZQ660" s="613"/>
      <c r="AZR660" s="613"/>
      <c r="AZS660" s="613"/>
      <c r="AZT660" s="613"/>
      <c r="AZU660" s="613"/>
      <c r="AZV660" s="613"/>
      <c r="AZW660" s="613"/>
      <c r="AZX660" s="613"/>
      <c r="AZY660" s="613"/>
      <c r="AZZ660" s="613"/>
      <c r="BAA660" s="613"/>
      <c r="BAB660" s="613"/>
      <c r="BAC660" s="613"/>
      <c r="BAD660" s="613"/>
      <c r="BAE660" s="613"/>
      <c r="BAF660" s="613"/>
      <c r="BAG660" s="613"/>
      <c r="BAH660" s="613"/>
      <c r="BAI660" s="613"/>
      <c r="BAJ660" s="613"/>
      <c r="BAK660" s="613"/>
      <c r="BAL660" s="613"/>
      <c r="BAM660" s="613"/>
      <c r="BAN660" s="613"/>
      <c r="BAO660" s="613"/>
      <c r="BAP660" s="613"/>
      <c r="BAQ660" s="613"/>
      <c r="BAR660" s="613"/>
      <c r="BAS660" s="613"/>
      <c r="BAT660" s="613"/>
      <c r="BAU660" s="613"/>
      <c r="BAV660" s="613"/>
      <c r="BAW660" s="613"/>
      <c r="BAX660" s="613"/>
      <c r="BAY660" s="613"/>
      <c r="BAZ660" s="613"/>
      <c r="BBA660" s="613"/>
      <c r="BBB660" s="613"/>
      <c r="BBC660" s="613"/>
      <c r="BBD660" s="613"/>
      <c r="BBE660" s="613"/>
      <c r="BBF660" s="613"/>
      <c r="BBG660" s="613"/>
      <c r="BBH660" s="613"/>
      <c r="BBI660" s="613"/>
      <c r="BBJ660" s="613"/>
      <c r="BBK660" s="613"/>
      <c r="BBL660" s="613"/>
      <c r="BBM660" s="613"/>
      <c r="BBN660" s="613"/>
      <c r="BBO660" s="613"/>
      <c r="BBP660" s="613"/>
      <c r="BBQ660" s="613"/>
      <c r="BBR660" s="613"/>
      <c r="BBS660" s="613"/>
      <c r="BBT660" s="613"/>
      <c r="BBU660" s="613"/>
      <c r="BBV660" s="613"/>
      <c r="BBW660" s="613"/>
      <c r="BBX660" s="613"/>
      <c r="BBY660" s="613"/>
      <c r="BBZ660" s="613"/>
      <c r="BCA660" s="613"/>
      <c r="BCB660" s="613"/>
      <c r="BCC660" s="613"/>
      <c r="BCD660" s="613"/>
      <c r="BCE660" s="613"/>
      <c r="BCF660" s="613"/>
      <c r="BCG660" s="613"/>
      <c r="BCH660" s="613"/>
      <c r="BCI660" s="613"/>
      <c r="BCJ660" s="613"/>
      <c r="BCK660" s="613"/>
      <c r="BCL660" s="613"/>
      <c r="BCM660" s="613"/>
      <c r="BCN660" s="613"/>
      <c r="BCO660" s="613"/>
      <c r="BCP660" s="613"/>
      <c r="BCQ660" s="613"/>
      <c r="BCR660" s="613"/>
      <c r="BCS660" s="613"/>
      <c r="BCT660" s="613"/>
      <c r="BCU660" s="613"/>
      <c r="BCV660" s="613"/>
      <c r="BCW660" s="613"/>
      <c r="BCX660" s="613"/>
      <c r="BCY660" s="613"/>
      <c r="BCZ660" s="613"/>
      <c r="BDA660" s="613"/>
      <c r="BDB660" s="613"/>
      <c r="BDC660" s="613"/>
      <c r="BDD660" s="613"/>
      <c r="BDE660" s="613"/>
      <c r="BDF660" s="613"/>
      <c r="BDG660" s="613"/>
      <c r="BDH660" s="613"/>
      <c r="BDI660" s="613"/>
      <c r="BDJ660" s="613"/>
      <c r="BDK660" s="613"/>
      <c r="BDL660" s="613"/>
      <c r="BDM660" s="613"/>
      <c r="BDN660" s="613"/>
      <c r="BDO660" s="613"/>
      <c r="BDP660" s="613"/>
      <c r="BDQ660" s="613"/>
      <c r="BDR660" s="613"/>
      <c r="BDS660" s="613"/>
      <c r="BDT660" s="613"/>
      <c r="BDU660" s="613"/>
      <c r="BDV660" s="613"/>
      <c r="BDW660" s="613"/>
      <c r="BDX660" s="613"/>
      <c r="BDY660" s="613"/>
      <c r="BDZ660" s="613"/>
      <c r="BEA660" s="613"/>
      <c r="BEB660" s="613"/>
      <c r="BEC660" s="613"/>
      <c r="BED660" s="613"/>
      <c r="BEE660" s="613"/>
      <c r="BEF660" s="613"/>
      <c r="BEG660" s="613"/>
      <c r="BEH660" s="613"/>
      <c r="BEI660" s="613"/>
      <c r="BEJ660" s="613"/>
      <c r="BEK660" s="613"/>
      <c r="BEL660" s="613"/>
      <c r="BEM660" s="613"/>
      <c r="BEN660" s="613"/>
      <c r="BEO660" s="613"/>
      <c r="BEP660" s="613"/>
      <c r="BEQ660" s="613"/>
      <c r="BER660" s="613"/>
      <c r="BES660" s="613"/>
      <c r="BET660" s="613"/>
      <c r="BEU660" s="613"/>
      <c r="BEV660" s="613"/>
      <c r="BEW660" s="613"/>
      <c r="BEX660" s="613"/>
      <c r="BEY660" s="613"/>
      <c r="BEZ660" s="613"/>
      <c r="BFA660" s="613"/>
      <c r="BFB660" s="613"/>
      <c r="BFC660" s="613"/>
      <c r="BFD660" s="613"/>
      <c r="BFE660" s="613"/>
      <c r="BFF660" s="613"/>
      <c r="BFG660" s="613"/>
      <c r="BFH660" s="613"/>
      <c r="BFI660" s="613"/>
      <c r="BFJ660" s="613"/>
      <c r="BFK660" s="613"/>
      <c r="BFL660" s="613"/>
      <c r="BFM660" s="613"/>
      <c r="BFN660" s="613"/>
      <c r="BFO660" s="613"/>
      <c r="BFP660" s="613"/>
      <c r="BFQ660" s="613"/>
      <c r="BFR660" s="613"/>
      <c r="BFS660" s="613"/>
      <c r="BFT660" s="613"/>
      <c r="BFU660" s="613"/>
      <c r="BFV660" s="613"/>
      <c r="BFW660" s="613"/>
      <c r="BFX660" s="613"/>
      <c r="BFY660" s="613"/>
      <c r="BFZ660" s="613"/>
      <c r="BGA660" s="613"/>
      <c r="BGB660" s="613"/>
      <c r="BGC660" s="613"/>
      <c r="BGD660" s="613"/>
      <c r="BGE660" s="613"/>
      <c r="BGF660" s="613"/>
      <c r="BGG660" s="613"/>
      <c r="BGH660" s="613"/>
      <c r="BGI660" s="613"/>
      <c r="BGJ660" s="613"/>
      <c r="BGK660" s="613"/>
      <c r="BGL660" s="613"/>
      <c r="BGM660" s="613"/>
      <c r="BGN660" s="613"/>
      <c r="BGO660" s="613"/>
      <c r="BGP660" s="613"/>
      <c r="BGQ660" s="613"/>
      <c r="BGR660" s="613"/>
      <c r="BGS660" s="613"/>
      <c r="BGT660" s="613"/>
      <c r="BGU660" s="613"/>
      <c r="BGV660" s="613"/>
      <c r="BGW660" s="613"/>
      <c r="BGX660" s="613"/>
      <c r="BGY660" s="613"/>
      <c r="BGZ660" s="613"/>
      <c r="BHA660" s="613"/>
      <c r="BHB660" s="613"/>
      <c r="BHC660" s="613"/>
      <c r="BHD660" s="613"/>
      <c r="BHE660" s="613"/>
      <c r="BHF660" s="613"/>
      <c r="BHG660" s="613"/>
      <c r="BHH660" s="613"/>
      <c r="BHI660" s="613"/>
      <c r="BHJ660" s="613"/>
      <c r="BHK660" s="613"/>
      <c r="BHL660" s="613"/>
      <c r="BHM660" s="613"/>
      <c r="BHN660" s="613"/>
      <c r="BHO660" s="613"/>
      <c r="BHP660" s="613"/>
      <c r="BHQ660" s="613"/>
      <c r="BHR660" s="613"/>
      <c r="BHS660" s="613"/>
      <c r="BHT660" s="613"/>
      <c r="BHU660" s="613"/>
      <c r="BHV660" s="613"/>
      <c r="BHW660" s="613"/>
      <c r="BHX660" s="613"/>
      <c r="BHY660" s="613"/>
      <c r="BHZ660" s="613"/>
      <c r="BIA660" s="613"/>
      <c r="BIB660" s="613"/>
      <c r="BIC660" s="613"/>
      <c r="BID660" s="613"/>
      <c r="BIE660" s="613"/>
      <c r="BIF660" s="613"/>
      <c r="BIG660" s="613"/>
      <c r="BIH660" s="613"/>
      <c r="BII660" s="613"/>
      <c r="BIJ660" s="613"/>
      <c r="BIK660" s="613"/>
      <c r="BIL660" s="613"/>
      <c r="BIM660" s="613"/>
      <c r="BIN660" s="613"/>
      <c r="BIO660" s="613"/>
      <c r="BIP660" s="613"/>
      <c r="BIQ660" s="613"/>
      <c r="BIR660" s="613"/>
      <c r="BIS660" s="613"/>
      <c r="BIT660" s="613"/>
      <c r="BIU660" s="613"/>
      <c r="BIV660" s="613"/>
      <c r="BIW660" s="613"/>
      <c r="BIX660" s="613"/>
      <c r="BIY660" s="613"/>
      <c r="BIZ660" s="613"/>
      <c r="BJA660" s="613"/>
      <c r="BJB660" s="613"/>
      <c r="BJC660" s="613"/>
      <c r="BJD660" s="613"/>
      <c r="BJE660" s="613"/>
      <c r="BJF660" s="613"/>
      <c r="BJG660" s="613"/>
      <c r="BJH660" s="613"/>
      <c r="BJI660" s="613"/>
      <c r="BJJ660" s="613"/>
      <c r="BJK660" s="613"/>
      <c r="BJL660" s="613"/>
      <c r="BJM660" s="613"/>
      <c r="BJN660" s="613"/>
      <c r="BJO660" s="613"/>
      <c r="BJP660" s="613"/>
      <c r="BJQ660" s="613"/>
      <c r="BJR660" s="613"/>
      <c r="BJS660" s="613"/>
      <c r="BJT660" s="613"/>
      <c r="BJU660" s="613"/>
      <c r="BJV660" s="613"/>
      <c r="BJW660" s="613"/>
      <c r="BJX660" s="613"/>
      <c r="BJY660" s="613"/>
      <c r="BJZ660" s="613"/>
      <c r="BKA660" s="613"/>
      <c r="BKB660" s="613"/>
      <c r="BKC660" s="613"/>
      <c r="BKD660" s="613"/>
      <c r="BKE660" s="613"/>
      <c r="BKF660" s="613"/>
      <c r="BKG660" s="613"/>
      <c r="BKH660" s="613"/>
      <c r="BKI660" s="613"/>
      <c r="BKJ660" s="613"/>
      <c r="BKK660" s="613"/>
      <c r="BKL660" s="613"/>
      <c r="BKM660" s="613"/>
      <c r="BKN660" s="613"/>
      <c r="BKO660" s="613"/>
      <c r="BKP660" s="613"/>
      <c r="BKQ660" s="613"/>
      <c r="BKR660" s="613"/>
      <c r="BKS660" s="613"/>
      <c r="BKT660" s="613"/>
      <c r="BKU660" s="613"/>
      <c r="BKV660" s="613"/>
      <c r="BKW660" s="613"/>
      <c r="BKX660" s="613"/>
      <c r="BKY660" s="613"/>
      <c r="BKZ660" s="613"/>
      <c r="BLA660" s="613"/>
      <c r="BLB660" s="613"/>
      <c r="BLC660" s="613"/>
      <c r="BLD660" s="613"/>
      <c r="BLE660" s="613"/>
      <c r="BLF660" s="613"/>
      <c r="BLG660" s="613"/>
      <c r="BLH660" s="613"/>
      <c r="BLI660" s="613"/>
      <c r="BLJ660" s="613"/>
      <c r="BLK660" s="613"/>
      <c r="BLL660" s="613"/>
      <c r="BLM660" s="613"/>
      <c r="BLN660" s="613"/>
      <c r="BLO660" s="613"/>
      <c r="BLP660" s="613"/>
      <c r="BLQ660" s="613"/>
      <c r="BLR660" s="613"/>
      <c r="BLS660" s="613"/>
      <c r="BLT660" s="613"/>
      <c r="BLU660" s="613"/>
      <c r="BLV660" s="613"/>
      <c r="BLW660" s="613"/>
      <c r="BLX660" s="613"/>
      <c r="BLY660" s="613"/>
      <c r="BLZ660" s="613"/>
      <c r="BMA660" s="613"/>
      <c r="BMB660" s="613"/>
      <c r="BMC660" s="613"/>
      <c r="BMD660" s="613"/>
      <c r="BME660" s="613"/>
      <c r="BMF660" s="613"/>
      <c r="BMG660" s="613"/>
      <c r="BMH660" s="613"/>
      <c r="BMI660" s="613"/>
      <c r="BMJ660" s="613"/>
      <c r="BMK660" s="613"/>
      <c r="BML660" s="613"/>
      <c r="BMM660" s="613"/>
      <c r="BMN660" s="613"/>
      <c r="BMO660" s="613"/>
      <c r="BMP660" s="613"/>
      <c r="BMQ660" s="613"/>
      <c r="BMR660" s="613"/>
      <c r="BMS660" s="613"/>
      <c r="BMT660" s="613"/>
      <c r="BMU660" s="613"/>
      <c r="BMV660" s="613"/>
      <c r="BMW660" s="613"/>
      <c r="BMX660" s="613"/>
      <c r="BMY660" s="613"/>
      <c r="BMZ660" s="613"/>
      <c r="BNA660" s="613"/>
      <c r="BNB660" s="613"/>
      <c r="BNC660" s="613"/>
      <c r="BND660" s="613"/>
      <c r="BNE660" s="613"/>
      <c r="BNF660" s="613"/>
      <c r="BNG660" s="613"/>
      <c r="BNH660" s="613"/>
      <c r="BNI660" s="613"/>
      <c r="BNJ660" s="613"/>
      <c r="BNK660" s="613"/>
      <c r="BNL660" s="613"/>
      <c r="BNM660" s="613"/>
      <c r="BNN660" s="613"/>
      <c r="BNO660" s="613"/>
      <c r="BNP660" s="613"/>
      <c r="BNQ660" s="613"/>
      <c r="BNR660" s="613"/>
      <c r="BNS660" s="613"/>
      <c r="BNT660" s="613"/>
      <c r="BNU660" s="613"/>
      <c r="BNV660" s="613"/>
      <c r="BNW660" s="613"/>
      <c r="BNX660" s="613"/>
      <c r="BNY660" s="613"/>
      <c r="BNZ660" s="613"/>
      <c r="BOA660" s="613"/>
      <c r="BOB660" s="613"/>
      <c r="BOC660" s="613"/>
      <c r="BOD660" s="613"/>
      <c r="BOE660" s="613"/>
      <c r="BOF660" s="613"/>
      <c r="BOG660" s="613"/>
      <c r="BOH660" s="613"/>
      <c r="BOI660" s="613"/>
      <c r="BOJ660" s="613"/>
      <c r="BOK660" s="613"/>
      <c r="BOL660" s="613"/>
      <c r="BOM660" s="613"/>
      <c r="BON660" s="613"/>
      <c r="BOO660" s="613"/>
      <c r="BOP660" s="613"/>
      <c r="BOQ660" s="613"/>
      <c r="BOR660" s="613"/>
      <c r="BOS660" s="613"/>
      <c r="BOT660" s="613"/>
      <c r="BOU660" s="613"/>
      <c r="BOV660" s="613"/>
      <c r="BOW660" s="613"/>
      <c r="BOX660" s="613"/>
      <c r="BOY660" s="613"/>
      <c r="BOZ660" s="613"/>
      <c r="BPA660" s="613"/>
      <c r="BPB660" s="613"/>
      <c r="BPC660" s="613"/>
      <c r="BPD660" s="613"/>
      <c r="BPE660" s="613"/>
      <c r="BPF660" s="613"/>
      <c r="BPG660" s="613"/>
      <c r="BPH660" s="613"/>
      <c r="BPI660" s="613"/>
      <c r="BPJ660" s="613"/>
      <c r="BPK660" s="613"/>
      <c r="BPL660" s="613"/>
      <c r="BPM660" s="613"/>
      <c r="BPN660" s="613"/>
      <c r="BPO660" s="613"/>
      <c r="BPP660" s="613"/>
      <c r="BPQ660" s="613"/>
      <c r="BPR660" s="613"/>
      <c r="BPS660" s="613"/>
      <c r="BPT660" s="613"/>
      <c r="BPU660" s="613"/>
      <c r="BPV660" s="613"/>
      <c r="BPW660" s="613"/>
      <c r="BPX660" s="613"/>
      <c r="BPY660" s="613"/>
      <c r="BPZ660" s="613"/>
      <c r="BQA660" s="613"/>
      <c r="BQB660" s="613"/>
      <c r="BQC660" s="613"/>
      <c r="BQD660" s="613"/>
      <c r="BQE660" s="613"/>
      <c r="BQF660" s="613"/>
      <c r="BQG660" s="613"/>
      <c r="BQH660" s="613"/>
      <c r="BQI660" s="613"/>
      <c r="BQJ660" s="613"/>
      <c r="BQK660" s="613"/>
      <c r="BQL660" s="613"/>
      <c r="BQM660" s="613"/>
      <c r="BQN660" s="613"/>
      <c r="BQO660" s="613"/>
      <c r="BQP660" s="613"/>
      <c r="BQQ660" s="613"/>
      <c r="BQR660" s="613"/>
      <c r="BQS660" s="613"/>
      <c r="BQT660" s="613"/>
      <c r="BQU660" s="613"/>
      <c r="BQV660" s="613"/>
      <c r="BQW660" s="613"/>
      <c r="BQX660" s="613"/>
      <c r="BQY660" s="613"/>
      <c r="BQZ660" s="613"/>
      <c r="BRA660" s="613"/>
      <c r="BRB660" s="613"/>
      <c r="BRC660" s="613"/>
      <c r="BRD660" s="613"/>
      <c r="BRE660" s="613"/>
      <c r="BRF660" s="613"/>
      <c r="BRG660" s="613"/>
      <c r="BRH660" s="613"/>
      <c r="BRI660" s="613"/>
      <c r="BRJ660" s="613"/>
      <c r="BRK660" s="613"/>
      <c r="BRL660" s="613"/>
      <c r="BRM660" s="613"/>
      <c r="BRN660" s="613"/>
      <c r="BRO660" s="613"/>
      <c r="BRP660" s="613"/>
      <c r="BRQ660" s="613"/>
      <c r="BRR660" s="613"/>
      <c r="BRS660" s="613"/>
      <c r="BRT660" s="613"/>
      <c r="BRU660" s="613"/>
      <c r="BRV660" s="613"/>
      <c r="BRW660" s="613"/>
      <c r="BRX660" s="613"/>
      <c r="BRY660" s="613"/>
      <c r="BRZ660" s="613"/>
      <c r="BSA660" s="613"/>
      <c r="BSB660" s="613"/>
      <c r="BSC660" s="613"/>
      <c r="BSD660" s="613"/>
      <c r="BSE660" s="613"/>
      <c r="BSF660" s="613"/>
      <c r="BSG660" s="613"/>
      <c r="BSH660" s="613"/>
      <c r="BSI660" s="613"/>
      <c r="BSJ660" s="613"/>
      <c r="BSK660" s="613"/>
      <c r="BSL660" s="613"/>
      <c r="BSM660" s="613"/>
      <c r="BSN660" s="613"/>
      <c r="BSO660" s="613"/>
      <c r="BSP660" s="613"/>
      <c r="BSQ660" s="613"/>
      <c r="BSR660" s="613"/>
      <c r="BSS660" s="613"/>
      <c r="BST660" s="613"/>
      <c r="BSU660" s="613"/>
      <c r="BSV660" s="613"/>
      <c r="BSW660" s="613"/>
      <c r="BSX660" s="613"/>
      <c r="BSY660" s="613"/>
      <c r="BSZ660" s="613"/>
      <c r="BTA660" s="613"/>
      <c r="BTB660" s="613"/>
      <c r="BTC660" s="613"/>
      <c r="BTD660" s="613"/>
      <c r="BTE660" s="613"/>
      <c r="BTF660" s="613"/>
      <c r="BTG660" s="613"/>
      <c r="BTH660" s="613"/>
      <c r="BTI660" s="613"/>
      <c r="BTJ660" s="613"/>
      <c r="BTK660" s="613"/>
      <c r="BTL660" s="613"/>
      <c r="BTM660" s="613"/>
      <c r="BTN660" s="613"/>
      <c r="BTO660" s="613"/>
      <c r="BTP660" s="613"/>
      <c r="BTQ660" s="613"/>
      <c r="BTR660" s="613"/>
      <c r="BTS660" s="613"/>
      <c r="BTT660" s="613"/>
      <c r="BTU660" s="613"/>
      <c r="BTV660" s="613"/>
      <c r="BTW660" s="613"/>
      <c r="BTX660" s="613"/>
      <c r="BTY660" s="613"/>
      <c r="BTZ660" s="613"/>
      <c r="BUA660" s="613"/>
      <c r="BUB660" s="613"/>
      <c r="BUC660" s="613"/>
      <c r="BUD660" s="613"/>
      <c r="BUE660" s="613"/>
      <c r="BUF660" s="613"/>
      <c r="BUG660" s="613"/>
      <c r="BUH660" s="613"/>
      <c r="BUI660" s="613"/>
      <c r="BUJ660" s="613"/>
      <c r="BUK660" s="613"/>
      <c r="BUL660" s="613"/>
      <c r="BUM660" s="613"/>
      <c r="BUN660" s="613"/>
      <c r="BUO660" s="613"/>
      <c r="BUP660" s="613"/>
      <c r="BUQ660" s="613"/>
      <c r="BUR660" s="613"/>
      <c r="BUS660" s="613"/>
      <c r="BUT660" s="613"/>
      <c r="BUU660" s="613"/>
      <c r="BUV660" s="613"/>
      <c r="BUW660" s="613"/>
      <c r="BUX660" s="613"/>
      <c r="BUY660" s="613"/>
      <c r="BUZ660" s="613"/>
      <c r="BVA660" s="613"/>
      <c r="BVB660" s="613"/>
      <c r="BVC660" s="613"/>
      <c r="BVD660" s="613"/>
      <c r="BVE660" s="613"/>
      <c r="BVF660" s="613"/>
      <c r="BVG660" s="613"/>
      <c r="BVH660" s="613"/>
      <c r="BVI660" s="613"/>
      <c r="BVJ660" s="613"/>
      <c r="BVK660" s="613"/>
      <c r="BVL660" s="613"/>
      <c r="BVM660" s="613"/>
      <c r="BVN660" s="613"/>
      <c r="BVO660" s="613"/>
      <c r="BVP660" s="613"/>
      <c r="BVQ660" s="613"/>
      <c r="BVR660" s="613"/>
      <c r="BVS660" s="613"/>
      <c r="BVT660" s="613"/>
      <c r="BVU660" s="613"/>
      <c r="BVV660" s="613"/>
      <c r="BVW660" s="613"/>
      <c r="BVX660" s="613"/>
      <c r="BVY660" s="613"/>
      <c r="BVZ660" s="613"/>
      <c r="BWA660" s="613"/>
      <c r="BWB660" s="613"/>
      <c r="BWC660" s="613"/>
      <c r="BWD660" s="613"/>
      <c r="BWE660" s="613"/>
      <c r="BWF660" s="613"/>
      <c r="BWG660" s="613"/>
      <c r="BWH660" s="613"/>
      <c r="BWI660" s="613"/>
      <c r="BWJ660" s="613"/>
      <c r="BWK660" s="613"/>
      <c r="BWL660" s="613"/>
      <c r="BWM660" s="613"/>
      <c r="BWN660" s="613"/>
      <c r="BWO660" s="613"/>
      <c r="BWP660" s="613"/>
      <c r="BWQ660" s="613"/>
      <c r="BWR660" s="613"/>
      <c r="BWS660" s="613"/>
      <c r="BWT660" s="613"/>
      <c r="BWU660" s="613"/>
      <c r="BWV660" s="613"/>
      <c r="BWW660" s="613"/>
      <c r="BWX660" s="613"/>
      <c r="BWY660" s="613"/>
      <c r="BWZ660" s="613"/>
      <c r="BXA660" s="613"/>
      <c r="BXB660" s="613"/>
      <c r="BXC660" s="613"/>
      <c r="BXD660" s="613"/>
      <c r="BXE660" s="613"/>
      <c r="BXF660" s="613"/>
      <c r="BXG660" s="613"/>
      <c r="BXH660" s="613"/>
      <c r="BXI660" s="613"/>
      <c r="BXJ660" s="613"/>
      <c r="BXK660" s="613"/>
      <c r="BXL660" s="613"/>
      <c r="BXM660" s="613"/>
      <c r="BXN660" s="613"/>
      <c r="BXO660" s="613"/>
      <c r="BXP660" s="613"/>
      <c r="BXQ660" s="613"/>
      <c r="BXR660" s="613"/>
      <c r="BXS660" s="613"/>
      <c r="BXT660" s="613"/>
      <c r="BXU660" s="613"/>
      <c r="BXV660" s="613"/>
      <c r="BXW660" s="613"/>
      <c r="BXX660" s="613"/>
      <c r="BXY660" s="613"/>
      <c r="BXZ660" s="613"/>
      <c r="BYA660" s="613"/>
      <c r="BYB660" s="613"/>
      <c r="BYC660" s="613"/>
      <c r="BYD660" s="613"/>
      <c r="BYE660" s="613"/>
      <c r="BYF660" s="613"/>
      <c r="BYG660" s="613"/>
      <c r="BYH660" s="613"/>
      <c r="BYI660" s="613"/>
      <c r="BYJ660" s="613"/>
      <c r="BYK660" s="613"/>
      <c r="BYL660" s="613"/>
      <c r="BYM660" s="613"/>
      <c r="BYN660" s="613"/>
      <c r="BYO660" s="613"/>
      <c r="BYP660" s="613"/>
      <c r="BYQ660" s="613"/>
      <c r="BYR660" s="613"/>
      <c r="BYS660" s="613"/>
      <c r="BYT660" s="613"/>
      <c r="BYU660" s="613"/>
      <c r="BYV660" s="613"/>
      <c r="BYW660" s="613"/>
      <c r="BYX660" s="613"/>
      <c r="BYY660" s="613"/>
      <c r="BYZ660" s="613"/>
      <c r="BZA660" s="613"/>
      <c r="BZB660" s="613"/>
      <c r="BZC660" s="613"/>
      <c r="BZD660" s="613"/>
      <c r="BZE660" s="613"/>
      <c r="BZF660" s="613"/>
      <c r="BZG660" s="613"/>
      <c r="BZH660" s="613"/>
      <c r="BZI660" s="613"/>
      <c r="BZJ660" s="613"/>
      <c r="BZK660" s="613"/>
      <c r="BZL660" s="613"/>
      <c r="BZM660" s="613"/>
      <c r="BZN660" s="613"/>
      <c r="BZO660" s="613"/>
      <c r="BZP660" s="613"/>
      <c r="BZQ660" s="613"/>
      <c r="BZR660" s="613"/>
      <c r="BZS660" s="613"/>
      <c r="BZT660" s="613"/>
      <c r="BZU660" s="613"/>
      <c r="BZV660" s="613"/>
      <c r="BZW660" s="613"/>
      <c r="BZX660" s="613"/>
      <c r="BZY660" s="613"/>
      <c r="BZZ660" s="613"/>
      <c r="CAA660" s="613"/>
      <c r="CAB660" s="613"/>
      <c r="CAC660" s="613"/>
      <c r="CAD660" s="613"/>
      <c r="CAE660" s="613"/>
      <c r="CAF660" s="613"/>
      <c r="CAG660" s="613"/>
      <c r="CAH660" s="613"/>
      <c r="CAI660" s="613"/>
      <c r="CAJ660" s="613"/>
      <c r="CAK660" s="613"/>
      <c r="CAL660" s="613"/>
      <c r="CAM660" s="613"/>
      <c r="CAN660" s="613"/>
      <c r="CAO660" s="613"/>
      <c r="CAP660" s="613"/>
      <c r="CAQ660" s="613"/>
      <c r="CAR660" s="613"/>
      <c r="CAS660" s="613"/>
      <c r="CAT660" s="613"/>
      <c r="CAU660" s="613"/>
      <c r="CAV660" s="613"/>
      <c r="CAW660" s="613"/>
      <c r="CAX660" s="613"/>
      <c r="CAY660" s="613"/>
      <c r="CAZ660" s="613"/>
      <c r="CBA660" s="613"/>
      <c r="CBB660" s="613"/>
      <c r="CBC660" s="613"/>
      <c r="CBD660" s="613"/>
      <c r="CBE660" s="613"/>
      <c r="CBF660" s="613"/>
      <c r="CBG660" s="613"/>
      <c r="CBH660" s="613"/>
      <c r="CBI660" s="613"/>
      <c r="CBJ660" s="613"/>
      <c r="CBK660" s="613"/>
      <c r="CBL660" s="613"/>
      <c r="CBM660" s="613"/>
      <c r="CBN660" s="613"/>
      <c r="CBO660" s="613"/>
      <c r="CBP660" s="613"/>
      <c r="CBQ660" s="613"/>
      <c r="CBR660" s="613"/>
      <c r="CBS660" s="613"/>
      <c r="CBT660" s="613"/>
      <c r="CBU660" s="613"/>
      <c r="CBV660" s="613"/>
      <c r="CBW660" s="613"/>
      <c r="CBX660" s="613"/>
      <c r="CBY660" s="613"/>
      <c r="CBZ660" s="613"/>
      <c r="CCA660" s="613"/>
      <c r="CCB660" s="613"/>
      <c r="CCC660" s="613"/>
      <c r="CCD660" s="613"/>
      <c r="CCE660" s="613"/>
      <c r="CCF660" s="613"/>
      <c r="CCG660" s="613"/>
      <c r="CCH660" s="613"/>
      <c r="CCI660" s="613"/>
      <c r="CCJ660" s="613"/>
      <c r="CCK660" s="613"/>
      <c r="CCL660" s="613"/>
      <c r="CCM660" s="613"/>
      <c r="CCN660" s="613"/>
      <c r="CCO660" s="613"/>
      <c r="CCP660" s="613"/>
      <c r="CCQ660" s="613"/>
      <c r="CCR660" s="613"/>
      <c r="CCS660" s="613"/>
      <c r="CCT660" s="613"/>
      <c r="CCU660" s="613"/>
      <c r="CCV660" s="613"/>
      <c r="CCW660" s="613"/>
      <c r="CCX660" s="613"/>
      <c r="CCY660" s="613"/>
      <c r="CCZ660" s="613"/>
      <c r="CDA660" s="613"/>
      <c r="CDB660" s="613"/>
      <c r="CDC660" s="613"/>
      <c r="CDD660" s="613"/>
      <c r="CDE660" s="613"/>
      <c r="CDF660" s="613"/>
      <c r="CDG660" s="613"/>
      <c r="CDH660" s="613"/>
      <c r="CDI660" s="613"/>
      <c r="CDJ660" s="613"/>
      <c r="CDK660" s="613"/>
      <c r="CDL660" s="613"/>
      <c r="CDM660" s="613"/>
      <c r="CDN660" s="613"/>
      <c r="CDO660" s="613"/>
      <c r="CDP660" s="613"/>
      <c r="CDQ660" s="613"/>
      <c r="CDR660" s="613"/>
      <c r="CDS660" s="613"/>
      <c r="CDT660" s="613"/>
      <c r="CDU660" s="613"/>
      <c r="CDV660" s="613"/>
      <c r="CDW660" s="613"/>
      <c r="CDX660" s="613"/>
      <c r="CDY660" s="613"/>
      <c r="CDZ660" s="613"/>
      <c r="CEA660" s="613"/>
      <c r="CEB660" s="613"/>
      <c r="CEC660" s="613"/>
      <c r="CED660" s="613"/>
      <c r="CEE660" s="613"/>
      <c r="CEF660" s="613"/>
      <c r="CEG660" s="613"/>
      <c r="CEH660" s="613"/>
      <c r="CEI660" s="613"/>
      <c r="CEJ660" s="613"/>
      <c r="CEK660" s="613"/>
      <c r="CEL660" s="613"/>
      <c r="CEM660" s="613"/>
      <c r="CEN660" s="613"/>
      <c r="CEO660" s="613"/>
      <c r="CEP660" s="613"/>
      <c r="CEQ660" s="613"/>
      <c r="CER660" s="613"/>
      <c r="CES660" s="613"/>
      <c r="CET660" s="613"/>
      <c r="CEU660" s="613"/>
      <c r="CEV660" s="613"/>
      <c r="CEW660" s="613"/>
      <c r="CEX660" s="613"/>
      <c r="CEY660" s="613"/>
      <c r="CEZ660" s="613"/>
      <c r="CFA660" s="613"/>
      <c r="CFB660" s="613"/>
      <c r="CFC660" s="613"/>
      <c r="CFD660" s="613"/>
      <c r="CFE660" s="613"/>
      <c r="CFF660" s="613"/>
      <c r="CFG660" s="613"/>
      <c r="CFH660" s="613"/>
      <c r="CFI660" s="613"/>
      <c r="CFJ660" s="613"/>
      <c r="CFK660" s="613"/>
      <c r="CFL660" s="613"/>
      <c r="CFM660" s="613"/>
      <c r="CFN660" s="613"/>
      <c r="CFO660" s="613"/>
      <c r="CFP660" s="613"/>
      <c r="CFQ660" s="613"/>
      <c r="CFR660" s="613"/>
      <c r="CFS660" s="613"/>
      <c r="CFT660" s="613"/>
      <c r="CFU660" s="613"/>
      <c r="CFV660" s="613"/>
      <c r="CFW660" s="613"/>
      <c r="CFX660" s="613"/>
      <c r="CFY660" s="613"/>
      <c r="CFZ660" s="613"/>
      <c r="CGA660" s="613"/>
      <c r="CGB660" s="613"/>
      <c r="CGC660" s="613"/>
      <c r="CGD660" s="613"/>
      <c r="CGE660" s="613"/>
      <c r="CGF660" s="613"/>
      <c r="CGG660" s="613"/>
      <c r="CGH660" s="613"/>
      <c r="CGI660" s="613"/>
      <c r="CGJ660" s="613"/>
      <c r="CGK660" s="613"/>
      <c r="CGL660" s="613"/>
      <c r="CGM660" s="613"/>
      <c r="CGN660" s="613"/>
      <c r="CGO660" s="613"/>
      <c r="CGP660" s="613"/>
      <c r="CGQ660" s="613"/>
      <c r="CGR660" s="613"/>
      <c r="CGS660" s="613"/>
      <c r="CGT660" s="613"/>
      <c r="CGU660" s="613"/>
      <c r="CGV660" s="613"/>
      <c r="CGW660" s="613"/>
      <c r="CGX660" s="613"/>
      <c r="CGY660" s="613"/>
      <c r="CGZ660" s="613"/>
      <c r="CHA660" s="613"/>
      <c r="CHB660" s="613"/>
      <c r="CHC660" s="613"/>
      <c r="CHD660" s="613"/>
      <c r="CHE660" s="613"/>
      <c r="CHF660" s="613"/>
      <c r="CHG660" s="613"/>
      <c r="CHH660" s="613"/>
      <c r="CHI660" s="613"/>
      <c r="CHJ660" s="613"/>
      <c r="CHK660" s="613"/>
      <c r="CHL660" s="613"/>
      <c r="CHM660" s="613"/>
      <c r="CHN660" s="613"/>
      <c r="CHO660" s="613"/>
      <c r="CHP660" s="613"/>
      <c r="CHQ660" s="613"/>
      <c r="CHR660" s="613"/>
      <c r="CHS660" s="613"/>
      <c r="CHT660" s="613"/>
      <c r="CHU660" s="613"/>
      <c r="CHV660" s="613"/>
      <c r="CHW660" s="613"/>
      <c r="CHX660" s="613"/>
      <c r="CHY660" s="613"/>
      <c r="CHZ660" s="613"/>
      <c r="CIA660" s="613"/>
      <c r="CIB660" s="613"/>
      <c r="CIC660" s="613"/>
      <c r="CID660" s="613"/>
      <c r="CIE660" s="613"/>
      <c r="CIF660" s="613"/>
      <c r="CIG660" s="613"/>
      <c r="CIH660" s="613"/>
      <c r="CII660" s="613"/>
      <c r="CIJ660" s="613"/>
      <c r="CIK660" s="613"/>
      <c r="CIL660" s="613"/>
      <c r="CIM660" s="613"/>
      <c r="CIN660" s="613"/>
      <c r="CIO660" s="613"/>
      <c r="CIP660" s="613"/>
      <c r="CIQ660" s="613"/>
      <c r="CIR660" s="613"/>
      <c r="CIS660" s="613"/>
      <c r="CIT660" s="613"/>
      <c r="CIU660" s="613"/>
      <c r="CIV660" s="613"/>
      <c r="CIW660" s="613"/>
      <c r="CIX660" s="613"/>
      <c r="CIY660" s="613"/>
      <c r="CIZ660" s="613"/>
      <c r="CJA660" s="613"/>
      <c r="CJB660" s="613"/>
      <c r="CJC660" s="613"/>
      <c r="CJD660" s="613"/>
      <c r="CJE660" s="613"/>
      <c r="CJF660" s="613"/>
      <c r="CJG660" s="613"/>
      <c r="CJH660" s="613"/>
      <c r="CJI660" s="613"/>
      <c r="CJJ660" s="613"/>
      <c r="CJK660" s="613"/>
      <c r="CJL660" s="613"/>
      <c r="CJM660" s="613"/>
      <c r="CJN660" s="613"/>
      <c r="CJO660" s="613"/>
      <c r="CJP660" s="613"/>
      <c r="CJQ660" s="613"/>
      <c r="CJR660" s="613"/>
      <c r="CJS660" s="613"/>
      <c r="CJT660" s="613"/>
      <c r="CJU660" s="613"/>
      <c r="CJV660" s="613"/>
      <c r="CJW660" s="613"/>
      <c r="CJX660" s="613"/>
      <c r="CJY660" s="613"/>
      <c r="CJZ660" s="613"/>
      <c r="CKA660" s="613"/>
      <c r="CKB660" s="613"/>
      <c r="CKC660" s="613"/>
      <c r="CKD660" s="613"/>
      <c r="CKE660" s="613"/>
      <c r="CKF660" s="613"/>
      <c r="CKG660" s="613"/>
      <c r="CKH660" s="613"/>
      <c r="CKI660" s="613"/>
      <c r="CKJ660" s="613"/>
      <c r="CKK660" s="613"/>
      <c r="CKL660" s="613"/>
      <c r="CKM660" s="613"/>
      <c r="CKN660" s="613"/>
      <c r="CKO660" s="613"/>
      <c r="CKP660" s="613"/>
      <c r="CKQ660" s="613"/>
      <c r="CKR660" s="613"/>
      <c r="CKS660" s="613"/>
      <c r="CKT660" s="613"/>
      <c r="CKU660" s="613"/>
      <c r="CKV660" s="613"/>
      <c r="CKW660" s="613"/>
      <c r="CKX660" s="613"/>
      <c r="CKY660" s="613"/>
      <c r="CKZ660" s="613"/>
      <c r="CLA660" s="613"/>
      <c r="CLB660" s="613"/>
      <c r="CLC660" s="613"/>
      <c r="CLD660" s="613"/>
      <c r="CLE660" s="613"/>
      <c r="CLF660" s="613"/>
      <c r="CLG660" s="613"/>
      <c r="CLH660" s="613"/>
      <c r="CLI660" s="613"/>
      <c r="CLJ660" s="613"/>
      <c r="CLK660" s="613"/>
      <c r="CLL660" s="613"/>
      <c r="CLM660" s="613"/>
      <c r="CLN660" s="613"/>
      <c r="CLO660" s="613"/>
      <c r="CLP660" s="613"/>
      <c r="CLQ660" s="613"/>
      <c r="CLR660" s="613"/>
      <c r="CLS660" s="613"/>
      <c r="CLT660" s="613"/>
      <c r="CLU660" s="613"/>
      <c r="CLV660" s="613"/>
      <c r="CLW660" s="613"/>
      <c r="CLX660" s="613"/>
      <c r="CLY660" s="613"/>
      <c r="CLZ660" s="613"/>
      <c r="CMA660" s="613"/>
      <c r="CMB660" s="613"/>
      <c r="CMC660" s="613"/>
      <c r="CMD660" s="613"/>
      <c r="CME660" s="613"/>
      <c r="CMF660" s="613"/>
      <c r="CMG660" s="613"/>
      <c r="CMH660" s="613"/>
      <c r="CMI660" s="613"/>
      <c r="CMJ660" s="613"/>
      <c r="CMK660" s="613"/>
      <c r="CML660" s="613"/>
      <c r="CMM660" s="613"/>
      <c r="CMN660" s="613"/>
      <c r="CMO660" s="613"/>
      <c r="CMP660" s="613"/>
      <c r="CMQ660" s="613"/>
      <c r="CMR660" s="613"/>
      <c r="CMS660" s="613"/>
      <c r="CMT660" s="613"/>
      <c r="CMU660" s="613"/>
      <c r="CMV660" s="613"/>
      <c r="CMW660" s="613"/>
      <c r="CMX660" s="613"/>
      <c r="CMY660" s="613"/>
      <c r="CMZ660" s="613"/>
      <c r="CNA660" s="613"/>
      <c r="CNB660" s="613"/>
      <c r="CNC660" s="613"/>
      <c r="CND660" s="613"/>
      <c r="CNE660" s="613"/>
      <c r="CNF660" s="613"/>
      <c r="CNG660" s="613"/>
      <c r="CNH660" s="613"/>
      <c r="CNI660" s="613"/>
      <c r="CNJ660" s="613"/>
      <c r="CNK660" s="613"/>
      <c r="CNL660" s="613"/>
      <c r="CNM660" s="613"/>
      <c r="CNN660" s="613"/>
      <c r="CNO660" s="613"/>
      <c r="CNP660" s="613"/>
      <c r="CNQ660" s="613"/>
      <c r="CNR660" s="613"/>
      <c r="CNS660" s="613"/>
      <c r="CNT660" s="613"/>
      <c r="CNU660" s="613"/>
      <c r="CNV660" s="613"/>
      <c r="CNW660" s="613"/>
      <c r="CNX660" s="613"/>
      <c r="CNY660" s="613"/>
      <c r="CNZ660" s="613"/>
      <c r="COA660" s="613"/>
      <c r="COB660" s="613"/>
      <c r="COC660" s="613"/>
      <c r="COD660" s="613"/>
      <c r="COE660" s="613"/>
      <c r="COF660" s="613"/>
      <c r="COG660" s="613"/>
      <c r="COH660" s="613"/>
      <c r="COI660" s="613"/>
      <c r="COJ660" s="613"/>
      <c r="COK660" s="613"/>
      <c r="COL660" s="613"/>
      <c r="COM660" s="613"/>
      <c r="CON660" s="613"/>
      <c r="COO660" s="613"/>
      <c r="COP660" s="613"/>
      <c r="COQ660" s="613"/>
      <c r="COR660" s="613"/>
      <c r="COS660" s="613"/>
      <c r="COT660" s="613"/>
      <c r="COU660" s="613"/>
      <c r="COV660" s="613"/>
      <c r="COW660" s="613"/>
      <c r="COX660" s="613"/>
      <c r="COY660" s="613"/>
      <c r="COZ660" s="613"/>
      <c r="CPA660" s="613"/>
      <c r="CPB660" s="613"/>
      <c r="CPC660" s="613"/>
      <c r="CPD660" s="613"/>
      <c r="CPE660" s="613"/>
      <c r="CPF660" s="613"/>
      <c r="CPG660" s="613"/>
      <c r="CPH660" s="613"/>
      <c r="CPI660" s="613"/>
      <c r="CPJ660" s="613"/>
      <c r="CPK660" s="613"/>
      <c r="CPL660" s="613"/>
      <c r="CPM660" s="613"/>
      <c r="CPN660" s="613"/>
      <c r="CPO660" s="613"/>
      <c r="CPP660" s="613"/>
      <c r="CPQ660" s="613"/>
      <c r="CPR660" s="613"/>
      <c r="CPS660" s="613"/>
      <c r="CPT660" s="613"/>
      <c r="CPU660" s="613"/>
      <c r="CPV660" s="613"/>
      <c r="CPW660" s="613"/>
      <c r="CPX660" s="613"/>
      <c r="CPY660" s="613"/>
      <c r="CPZ660" s="613"/>
      <c r="CQA660" s="613"/>
      <c r="CQB660" s="613"/>
      <c r="CQC660" s="613"/>
      <c r="CQD660" s="613"/>
      <c r="CQE660" s="613"/>
      <c r="CQF660" s="613"/>
      <c r="CQG660" s="613"/>
      <c r="CQH660" s="613"/>
      <c r="CQI660" s="613"/>
      <c r="CQJ660" s="613"/>
      <c r="CQK660" s="613"/>
      <c r="CQL660" s="613"/>
      <c r="CQM660" s="613"/>
      <c r="CQN660" s="613"/>
      <c r="CQO660" s="613"/>
      <c r="CQP660" s="613"/>
      <c r="CQQ660" s="613"/>
      <c r="CQR660" s="613"/>
      <c r="CQS660" s="613"/>
      <c r="CQT660" s="613"/>
      <c r="CQU660" s="613"/>
      <c r="CQV660" s="613"/>
      <c r="CQW660" s="613"/>
      <c r="CQX660" s="613"/>
      <c r="CQY660" s="613"/>
      <c r="CQZ660" s="613"/>
      <c r="CRA660" s="613"/>
      <c r="CRB660" s="613"/>
      <c r="CRC660" s="613"/>
      <c r="CRD660" s="613"/>
      <c r="CRE660" s="613"/>
      <c r="CRF660" s="613"/>
      <c r="CRG660" s="613"/>
      <c r="CRH660" s="613"/>
      <c r="CRI660" s="613"/>
      <c r="CRJ660" s="613"/>
      <c r="CRK660" s="613"/>
      <c r="CRL660" s="613"/>
      <c r="CRM660" s="613"/>
      <c r="CRN660" s="613"/>
      <c r="CRO660" s="613"/>
      <c r="CRP660" s="613"/>
      <c r="CRQ660" s="613"/>
      <c r="CRR660" s="613"/>
      <c r="CRS660" s="613"/>
      <c r="CRT660" s="613"/>
      <c r="CRU660" s="613"/>
      <c r="CRV660" s="613"/>
      <c r="CRW660" s="613"/>
      <c r="CRX660" s="613"/>
      <c r="CRY660" s="613"/>
      <c r="CRZ660" s="613"/>
      <c r="CSA660" s="613"/>
      <c r="CSB660" s="613"/>
      <c r="CSC660" s="613"/>
      <c r="CSD660" s="613"/>
      <c r="CSE660" s="613"/>
      <c r="CSF660" s="613"/>
      <c r="CSG660" s="613"/>
      <c r="CSH660" s="613"/>
      <c r="CSI660" s="613"/>
      <c r="CSJ660" s="613"/>
      <c r="CSK660" s="613"/>
      <c r="CSL660" s="613"/>
      <c r="CSM660" s="613"/>
      <c r="CSN660" s="613"/>
      <c r="CSO660" s="613"/>
      <c r="CSP660" s="613"/>
      <c r="CSQ660" s="613"/>
      <c r="CSR660" s="613"/>
      <c r="CSS660" s="613"/>
      <c r="CST660" s="613"/>
      <c r="CSU660" s="613"/>
      <c r="CSV660" s="613"/>
      <c r="CSW660" s="613"/>
      <c r="CSX660" s="613"/>
      <c r="CSY660" s="613"/>
      <c r="CSZ660" s="613"/>
      <c r="CTA660" s="613"/>
      <c r="CTB660" s="613"/>
      <c r="CTC660" s="613"/>
      <c r="CTD660" s="613"/>
      <c r="CTE660" s="613"/>
      <c r="CTF660" s="613"/>
      <c r="CTG660" s="613"/>
      <c r="CTH660" s="613"/>
      <c r="CTI660" s="613"/>
      <c r="CTJ660" s="613"/>
      <c r="CTK660" s="613"/>
      <c r="CTL660" s="613"/>
      <c r="CTM660" s="613"/>
      <c r="CTN660" s="613"/>
      <c r="CTO660" s="613"/>
      <c r="CTP660" s="613"/>
      <c r="CTQ660" s="613"/>
      <c r="CTR660" s="613"/>
      <c r="CTS660" s="613"/>
      <c r="CTT660" s="613"/>
      <c r="CTU660" s="613"/>
      <c r="CTV660" s="613"/>
      <c r="CTW660" s="613"/>
      <c r="CTX660" s="613"/>
      <c r="CTY660" s="613"/>
      <c r="CTZ660" s="613"/>
      <c r="CUA660" s="613"/>
      <c r="CUB660" s="613"/>
      <c r="CUC660" s="613"/>
      <c r="CUD660" s="613"/>
      <c r="CUE660" s="613"/>
      <c r="CUF660" s="613"/>
      <c r="CUG660" s="613"/>
      <c r="CUH660" s="613"/>
      <c r="CUI660" s="613"/>
      <c r="CUJ660" s="613"/>
      <c r="CUK660" s="613"/>
      <c r="CUL660" s="613"/>
      <c r="CUM660" s="613"/>
      <c r="CUN660" s="613"/>
      <c r="CUO660" s="613"/>
      <c r="CUP660" s="613"/>
      <c r="CUQ660" s="613"/>
      <c r="CUR660" s="613"/>
      <c r="CUS660" s="613"/>
      <c r="CUT660" s="613"/>
      <c r="CUU660" s="613"/>
      <c r="CUV660" s="613"/>
      <c r="CUW660" s="613"/>
      <c r="CUX660" s="613"/>
      <c r="CUY660" s="613"/>
      <c r="CUZ660" s="613"/>
      <c r="CVA660" s="613"/>
      <c r="CVB660" s="613"/>
      <c r="CVC660" s="613"/>
      <c r="CVD660" s="613"/>
      <c r="CVE660" s="613"/>
      <c r="CVF660" s="613"/>
      <c r="CVG660" s="613"/>
      <c r="CVH660" s="613"/>
      <c r="CVI660" s="613"/>
      <c r="CVJ660" s="613"/>
      <c r="CVK660" s="613"/>
      <c r="CVL660" s="613"/>
      <c r="CVM660" s="613"/>
      <c r="CVN660" s="613"/>
      <c r="CVO660" s="613"/>
      <c r="CVP660" s="613"/>
      <c r="CVQ660" s="613"/>
      <c r="CVR660" s="613"/>
      <c r="CVS660" s="613"/>
      <c r="CVT660" s="613"/>
      <c r="CVU660" s="613"/>
      <c r="CVV660" s="613"/>
      <c r="CVW660" s="613"/>
      <c r="CVX660" s="613"/>
      <c r="CVY660" s="613"/>
      <c r="CVZ660" s="613"/>
      <c r="CWA660" s="613"/>
      <c r="CWB660" s="613"/>
      <c r="CWC660" s="613"/>
      <c r="CWD660" s="613"/>
      <c r="CWE660" s="613"/>
      <c r="CWF660" s="613"/>
      <c r="CWG660" s="613"/>
      <c r="CWH660" s="613"/>
      <c r="CWI660" s="613"/>
      <c r="CWJ660" s="613"/>
      <c r="CWK660" s="613"/>
      <c r="CWL660" s="613"/>
      <c r="CWM660" s="613"/>
      <c r="CWN660" s="613"/>
      <c r="CWO660" s="613"/>
      <c r="CWP660" s="613"/>
      <c r="CWQ660" s="613"/>
      <c r="CWR660" s="613"/>
      <c r="CWS660" s="613"/>
      <c r="CWT660" s="613"/>
      <c r="CWU660" s="613"/>
      <c r="CWV660" s="613"/>
      <c r="CWW660" s="613"/>
      <c r="CWX660" s="613"/>
      <c r="CWY660" s="613"/>
      <c r="CWZ660" s="613"/>
      <c r="CXA660" s="613"/>
      <c r="CXB660" s="613"/>
      <c r="CXC660" s="613"/>
      <c r="CXD660" s="613"/>
      <c r="CXE660" s="613"/>
      <c r="CXF660" s="613"/>
      <c r="CXG660" s="613"/>
      <c r="CXH660" s="613"/>
      <c r="CXI660" s="613"/>
      <c r="CXJ660" s="613"/>
      <c r="CXK660" s="613"/>
      <c r="CXL660" s="613"/>
      <c r="CXM660" s="613"/>
      <c r="CXN660" s="613"/>
      <c r="CXO660" s="613"/>
      <c r="CXP660" s="613"/>
      <c r="CXQ660" s="613"/>
      <c r="CXR660" s="613"/>
      <c r="CXS660" s="613"/>
      <c r="CXT660" s="613"/>
      <c r="CXU660" s="613"/>
      <c r="CXV660" s="613"/>
      <c r="CXW660" s="613"/>
      <c r="CXX660" s="613"/>
      <c r="CXY660" s="613"/>
      <c r="CXZ660" s="613"/>
      <c r="CYA660" s="613"/>
      <c r="CYB660" s="613"/>
      <c r="CYC660" s="613"/>
      <c r="CYD660" s="613"/>
      <c r="CYE660" s="613"/>
      <c r="CYF660" s="613"/>
      <c r="CYG660" s="613"/>
      <c r="CYH660" s="613"/>
      <c r="CYI660" s="613"/>
      <c r="CYJ660" s="613"/>
      <c r="CYK660" s="613"/>
      <c r="CYL660" s="613"/>
      <c r="CYM660" s="613"/>
      <c r="CYN660" s="613"/>
      <c r="CYO660" s="613"/>
      <c r="CYP660" s="613"/>
      <c r="CYQ660" s="613"/>
      <c r="CYR660" s="613"/>
      <c r="CYS660" s="613"/>
      <c r="CYT660" s="613"/>
      <c r="CYU660" s="613"/>
      <c r="CYV660" s="613"/>
      <c r="CYW660" s="613"/>
      <c r="CYX660" s="613"/>
      <c r="CYY660" s="613"/>
      <c r="CYZ660" s="613"/>
      <c r="CZA660" s="613"/>
      <c r="CZB660" s="613"/>
      <c r="CZC660" s="613"/>
      <c r="CZD660" s="613"/>
      <c r="CZE660" s="613"/>
      <c r="CZF660" s="613"/>
      <c r="CZG660" s="613"/>
      <c r="CZH660" s="613"/>
      <c r="CZI660" s="613"/>
      <c r="CZJ660" s="613"/>
      <c r="CZK660" s="613"/>
      <c r="CZL660" s="613"/>
      <c r="CZM660" s="613"/>
      <c r="CZN660" s="613"/>
      <c r="CZO660" s="613"/>
      <c r="CZP660" s="613"/>
      <c r="CZQ660" s="613"/>
      <c r="CZR660" s="613"/>
      <c r="CZS660" s="613"/>
      <c r="CZT660" s="613"/>
      <c r="CZU660" s="613"/>
      <c r="CZV660" s="613"/>
      <c r="CZW660" s="613"/>
      <c r="CZX660" s="613"/>
      <c r="CZY660" s="613"/>
      <c r="CZZ660" s="613"/>
      <c r="DAA660" s="613"/>
      <c r="DAB660" s="613"/>
      <c r="DAC660" s="613"/>
      <c r="DAD660" s="613"/>
      <c r="DAE660" s="613"/>
      <c r="DAF660" s="613"/>
      <c r="DAG660" s="613"/>
      <c r="DAH660" s="613"/>
      <c r="DAI660" s="613"/>
      <c r="DAJ660" s="613"/>
      <c r="DAK660" s="613"/>
      <c r="DAL660" s="613"/>
      <c r="DAM660" s="613"/>
      <c r="DAN660" s="613"/>
      <c r="DAO660" s="613"/>
      <c r="DAP660" s="613"/>
      <c r="DAQ660" s="613"/>
      <c r="DAR660" s="613"/>
      <c r="DAS660" s="613"/>
      <c r="DAT660" s="613"/>
      <c r="DAU660" s="613"/>
      <c r="DAV660" s="613"/>
      <c r="DAW660" s="613"/>
      <c r="DAX660" s="613"/>
      <c r="DAY660" s="613"/>
      <c r="DAZ660" s="613"/>
      <c r="DBA660" s="613"/>
      <c r="DBB660" s="613"/>
      <c r="DBC660" s="613"/>
      <c r="DBD660" s="613"/>
      <c r="DBE660" s="613"/>
      <c r="DBF660" s="613"/>
      <c r="DBG660" s="613"/>
      <c r="DBH660" s="613"/>
      <c r="DBI660" s="613"/>
      <c r="DBJ660" s="613"/>
      <c r="DBK660" s="613"/>
      <c r="DBL660" s="613"/>
      <c r="DBM660" s="613"/>
      <c r="DBN660" s="613"/>
      <c r="DBO660" s="613"/>
      <c r="DBP660" s="613"/>
      <c r="DBQ660" s="613"/>
      <c r="DBR660" s="613"/>
      <c r="DBS660" s="613"/>
      <c r="DBT660" s="613"/>
      <c r="DBU660" s="613"/>
      <c r="DBV660" s="613"/>
      <c r="DBW660" s="613"/>
      <c r="DBX660" s="613"/>
      <c r="DBY660" s="613"/>
      <c r="DBZ660" s="613"/>
      <c r="DCA660" s="613"/>
      <c r="DCB660" s="613"/>
      <c r="DCC660" s="613"/>
      <c r="DCD660" s="613"/>
      <c r="DCE660" s="613"/>
      <c r="DCF660" s="613"/>
      <c r="DCG660" s="613"/>
      <c r="DCH660" s="613"/>
      <c r="DCI660" s="613"/>
      <c r="DCJ660" s="613"/>
      <c r="DCK660" s="613"/>
      <c r="DCL660" s="613"/>
      <c r="DCM660" s="613"/>
      <c r="DCN660" s="613"/>
      <c r="DCO660" s="613"/>
      <c r="DCP660" s="613"/>
      <c r="DCQ660" s="613"/>
      <c r="DCR660" s="613"/>
      <c r="DCS660" s="613"/>
      <c r="DCT660" s="613"/>
      <c r="DCU660" s="613"/>
      <c r="DCV660" s="613"/>
      <c r="DCW660" s="613"/>
      <c r="DCX660" s="613"/>
      <c r="DCY660" s="613"/>
      <c r="DCZ660" s="613"/>
      <c r="DDA660" s="613"/>
      <c r="DDB660" s="613"/>
      <c r="DDC660" s="613"/>
      <c r="DDD660" s="613"/>
      <c r="DDE660" s="613"/>
      <c r="DDF660" s="613"/>
      <c r="DDG660" s="613"/>
      <c r="DDH660" s="613"/>
      <c r="DDI660" s="613"/>
      <c r="DDJ660" s="613"/>
      <c r="DDK660" s="613"/>
      <c r="DDL660" s="613"/>
      <c r="DDM660" s="613"/>
      <c r="DDN660" s="613"/>
      <c r="DDO660" s="613"/>
      <c r="DDP660" s="613"/>
      <c r="DDQ660" s="613"/>
      <c r="DDR660" s="613"/>
      <c r="DDS660" s="613"/>
      <c r="DDT660" s="613"/>
      <c r="DDU660" s="613"/>
      <c r="DDV660" s="613"/>
      <c r="DDW660" s="613"/>
      <c r="DDX660" s="613"/>
      <c r="DDY660" s="613"/>
      <c r="DDZ660" s="613"/>
      <c r="DEA660" s="613"/>
      <c r="DEB660" s="613"/>
      <c r="DEC660" s="613"/>
      <c r="DED660" s="613"/>
      <c r="DEE660" s="613"/>
      <c r="DEF660" s="613"/>
      <c r="DEG660" s="613"/>
      <c r="DEH660" s="613"/>
      <c r="DEI660" s="613"/>
      <c r="DEJ660" s="613"/>
      <c r="DEK660" s="613"/>
      <c r="DEL660" s="613"/>
      <c r="DEM660" s="613"/>
      <c r="DEN660" s="613"/>
      <c r="DEO660" s="613"/>
      <c r="DEP660" s="613"/>
      <c r="DEQ660" s="613"/>
      <c r="DER660" s="613"/>
      <c r="DES660" s="613"/>
      <c r="DET660" s="613"/>
      <c r="DEU660" s="613"/>
      <c r="DEV660" s="613"/>
      <c r="DEW660" s="613"/>
      <c r="DEX660" s="613"/>
      <c r="DEY660" s="613"/>
      <c r="DEZ660" s="613"/>
      <c r="DFA660" s="613"/>
      <c r="DFB660" s="613"/>
      <c r="DFC660" s="613"/>
      <c r="DFD660" s="613"/>
      <c r="DFE660" s="613"/>
      <c r="DFF660" s="613"/>
      <c r="DFG660" s="613"/>
      <c r="DFH660" s="613"/>
      <c r="DFI660" s="613"/>
      <c r="DFJ660" s="613"/>
      <c r="DFK660" s="613"/>
      <c r="DFL660" s="613"/>
      <c r="DFM660" s="613"/>
      <c r="DFN660" s="613"/>
      <c r="DFO660" s="613"/>
      <c r="DFP660" s="613"/>
      <c r="DFQ660" s="613"/>
      <c r="DFR660" s="613"/>
      <c r="DFS660" s="613"/>
      <c r="DFT660" s="613"/>
      <c r="DFU660" s="613"/>
      <c r="DFV660" s="613"/>
      <c r="DFW660" s="613"/>
      <c r="DFX660" s="613"/>
      <c r="DFY660" s="613"/>
      <c r="DFZ660" s="613"/>
      <c r="DGA660" s="613"/>
      <c r="DGB660" s="613"/>
      <c r="DGC660" s="613"/>
      <c r="DGD660" s="613"/>
      <c r="DGE660" s="613"/>
      <c r="DGF660" s="613"/>
      <c r="DGG660" s="613"/>
      <c r="DGH660" s="613"/>
      <c r="DGI660" s="613"/>
      <c r="DGJ660" s="613"/>
      <c r="DGK660" s="613"/>
      <c r="DGL660" s="613"/>
      <c r="DGM660" s="613"/>
      <c r="DGN660" s="613"/>
      <c r="DGO660" s="613"/>
      <c r="DGP660" s="613"/>
      <c r="DGQ660" s="613"/>
      <c r="DGR660" s="613"/>
      <c r="DGS660" s="613"/>
      <c r="DGT660" s="613"/>
      <c r="DGU660" s="613"/>
      <c r="DGV660" s="613"/>
      <c r="DGW660" s="613"/>
      <c r="DGX660" s="613"/>
      <c r="DGY660" s="613"/>
      <c r="DGZ660" s="613"/>
      <c r="DHA660" s="613"/>
      <c r="DHB660" s="613"/>
      <c r="DHC660" s="613"/>
      <c r="DHD660" s="613"/>
      <c r="DHE660" s="613"/>
      <c r="DHF660" s="613"/>
      <c r="DHG660" s="613"/>
      <c r="DHH660" s="613"/>
      <c r="DHI660" s="613"/>
      <c r="DHJ660" s="613"/>
      <c r="DHK660" s="613"/>
      <c r="DHL660" s="613"/>
      <c r="DHM660" s="613"/>
      <c r="DHN660" s="613"/>
      <c r="DHO660" s="613"/>
      <c r="DHP660" s="613"/>
      <c r="DHQ660" s="613"/>
      <c r="DHR660" s="613"/>
      <c r="DHS660" s="613"/>
      <c r="DHT660" s="613"/>
      <c r="DHU660" s="613"/>
      <c r="DHV660" s="613"/>
      <c r="DHW660" s="613"/>
      <c r="DHX660" s="613"/>
      <c r="DHY660" s="613"/>
      <c r="DHZ660" s="613"/>
      <c r="DIA660" s="613"/>
      <c r="DIB660" s="613"/>
      <c r="DIC660" s="613"/>
      <c r="DID660" s="613"/>
      <c r="DIE660" s="613"/>
      <c r="DIF660" s="613"/>
      <c r="DIG660" s="613"/>
      <c r="DIH660" s="613"/>
      <c r="DII660" s="613"/>
      <c r="DIJ660" s="613"/>
      <c r="DIK660" s="613"/>
      <c r="DIL660" s="613"/>
      <c r="DIM660" s="613"/>
      <c r="DIN660" s="613"/>
      <c r="DIO660" s="613"/>
      <c r="DIP660" s="613"/>
      <c r="DIQ660" s="613"/>
      <c r="DIR660" s="613"/>
      <c r="DIS660" s="613"/>
      <c r="DIT660" s="613"/>
      <c r="DIU660" s="613"/>
      <c r="DIV660" s="613"/>
      <c r="DIW660" s="613"/>
      <c r="DIX660" s="613"/>
      <c r="DIY660" s="613"/>
      <c r="DIZ660" s="613"/>
      <c r="DJA660" s="613"/>
      <c r="DJB660" s="613"/>
      <c r="DJC660" s="613"/>
      <c r="DJD660" s="613"/>
      <c r="DJE660" s="613"/>
      <c r="DJF660" s="613"/>
      <c r="DJG660" s="613"/>
      <c r="DJH660" s="613"/>
      <c r="DJI660" s="613"/>
      <c r="DJJ660" s="613"/>
      <c r="DJK660" s="613"/>
      <c r="DJL660" s="613"/>
      <c r="DJM660" s="613"/>
      <c r="DJN660" s="613"/>
      <c r="DJO660" s="613"/>
      <c r="DJP660" s="613"/>
      <c r="DJQ660" s="613"/>
      <c r="DJR660" s="613"/>
      <c r="DJS660" s="613"/>
      <c r="DJT660" s="613"/>
      <c r="DJU660" s="613"/>
      <c r="DJV660" s="613"/>
      <c r="DJW660" s="613"/>
      <c r="DJX660" s="613"/>
      <c r="DJY660" s="613"/>
      <c r="DJZ660" s="613"/>
      <c r="DKA660" s="613"/>
      <c r="DKB660" s="613"/>
      <c r="DKC660" s="613"/>
      <c r="DKD660" s="613"/>
      <c r="DKE660" s="613"/>
      <c r="DKF660" s="613"/>
      <c r="DKG660" s="613"/>
      <c r="DKH660" s="613"/>
      <c r="DKI660" s="613"/>
      <c r="DKJ660" s="613"/>
      <c r="DKK660" s="613"/>
      <c r="DKL660" s="613"/>
      <c r="DKM660" s="613"/>
      <c r="DKN660" s="613"/>
      <c r="DKO660" s="613"/>
      <c r="DKP660" s="613"/>
      <c r="DKQ660" s="613"/>
      <c r="DKR660" s="613"/>
      <c r="DKS660" s="613"/>
      <c r="DKT660" s="613"/>
      <c r="DKU660" s="613"/>
      <c r="DKV660" s="613"/>
      <c r="DKW660" s="613"/>
      <c r="DKX660" s="613"/>
      <c r="DKY660" s="613"/>
      <c r="DKZ660" s="613"/>
      <c r="DLA660" s="613"/>
      <c r="DLB660" s="613"/>
      <c r="DLC660" s="613"/>
      <c r="DLD660" s="613"/>
      <c r="DLE660" s="613"/>
      <c r="DLF660" s="613"/>
      <c r="DLG660" s="613"/>
      <c r="DLH660" s="613"/>
      <c r="DLI660" s="613"/>
      <c r="DLJ660" s="613"/>
      <c r="DLK660" s="613"/>
      <c r="DLL660" s="613"/>
      <c r="DLM660" s="613"/>
      <c r="DLN660" s="613"/>
      <c r="DLO660" s="613"/>
      <c r="DLP660" s="613"/>
      <c r="DLQ660" s="613"/>
      <c r="DLR660" s="613"/>
      <c r="DLS660" s="613"/>
      <c r="DLT660" s="613"/>
      <c r="DLU660" s="613"/>
      <c r="DLV660" s="613"/>
      <c r="DLW660" s="613"/>
      <c r="DLX660" s="613"/>
      <c r="DLY660" s="613"/>
      <c r="DLZ660" s="613"/>
      <c r="DMA660" s="613"/>
      <c r="DMB660" s="613"/>
      <c r="DMC660" s="613"/>
      <c r="DMD660" s="613"/>
      <c r="DME660" s="613"/>
      <c r="DMF660" s="613"/>
      <c r="DMG660" s="613"/>
      <c r="DMH660" s="613"/>
      <c r="DMI660" s="613"/>
      <c r="DMJ660" s="613"/>
      <c r="DMK660" s="613"/>
      <c r="DML660" s="613"/>
      <c r="DMM660" s="613"/>
      <c r="DMN660" s="613"/>
      <c r="DMO660" s="613"/>
      <c r="DMP660" s="613"/>
      <c r="DMQ660" s="613"/>
      <c r="DMR660" s="613"/>
      <c r="DMS660" s="613"/>
      <c r="DMT660" s="613"/>
      <c r="DMU660" s="613"/>
      <c r="DMV660" s="613"/>
      <c r="DMW660" s="613"/>
      <c r="DMX660" s="613"/>
      <c r="DMY660" s="613"/>
      <c r="DMZ660" s="613"/>
      <c r="DNA660" s="613"/>
      <c r="DNB660" s="613"/>
      <c r="DNC660" s="613"/>
      <c r="DND660" s="613"/>
      <c r="DNE660" s="613"/>
      <c r="DNF660" s="613"/>
      <c r="DNG660" s="613"/>
      <c r="DNH660" s="613"/>
      <c r="DNI660" s="613"/>
      <c r="DNJ660" s="613"/>
      <c r="DNK660" s="613"/>
      <c r="DNL660" s="613"/>
      <c r="DNM660" s="613"/>
      <c r="DNN660" s="613"/>
      <c r="DNO660" s="613"/>
      <c r="DNP660" s="613"/>
      <c r="DNQ660" s="613"/>
      <c r="DNR660" s="613"/>
      <c r="DNS660" s="613"/>
      <c r="DNT660" s="613"/>
      <c r="DNU660" s="613"/>
      <c r="DNV660" s="613"/>
      <c r="DNW660" s="613"/>
      <c r="DNX660" s="613"/>
      <c r="DNY660" s="613"/>
      <c r="DNZ660" s="613"/>
      <c r="DOA660" s="613"/>
      <c r="DOB660" s="613"/>
      <c r="DOC660" s="613"/>
      <c r="DOD660" s="613"/>
      <c r="DOE660" s="613"/>
      <c r="DOF660" s="613"/>
      <c r="DOG660" s="613"/>
      <c r="DOH660" s="613"/>
      <c r="DOI660" s="613"/>
      <c r="DOJ660" s="613"/>
      <c r="DOK660" s="613"/>
      <c r="DOL660" s="613"/>
      <c r="DOM660" s="613"/>
      <c r="DON660" s="613"/>
      <c r="DOO660" s="613"/>
      <c r="DOP660" s="613"/>
      <c r="DOQ660" s="613"/>
      <c r="DOR660" s="613"/>
      <c r="DOS660" s="613"/>
      <c r="DOT660" s="613"/>
      <c r="DOU660" s="613"/>
      <c r="DOV660" s="613"/>
      <c r="DOW660" s="613"/>
      <c r="DOX660" s="613"/>
      <c r="DOY660" s="613"/>
      <c r="DOZ660" s="613"/>
      <c r="DPA660" s="613"/>
      <c r="DPB660" s="613"/>
      <c r="DPC660" s="613"/>
      <c r="DPD660" s="613"/>
      <c r="DPE660" s="613"/>
      <c r="DPF660" s="613"/>
      <c r="DPG660" s="613"/>
      <c r="DPH660" s="613"/>
      <c r="DPI660" s="613"/>
      <c r="DPJ660" s="613"/>
      <c r="DPK660" s="613"/>
      <c r="DPL660" s="613"/>
      <c r="DPM660" s="613"/>
      <c r="DPN660" s="613"/>
      <c r="DPO660" s="613"/>
      <c r="DPP660" s="613"/>
      <c r="DPQ660" s="613"/>
      <c r="DPR660" s="613"/>
      <c r="DPS660" s="613"/>
      <c r="DPT660" s="613"/>
      <c r="DPU660" s="613"/>
      <c r="DPV660" s="613"/>
      <c r="DPW660" s="613"/>
      <c r="DPX660" s="613"/>
      <c r="DPY660" s="613"/>
      <c r="DPZ660" s="613"/>
      <c r="DQA660" s="613"/>
      <c r="DQB660" s="613"/>
      <c r="DQC660" s="613"/>
      <c r="DQD660" s="613"/>
      <c r="DQE660" s="613"/>
      <c r="DQF660" s="613"/>
      <c r="DQG660" s="613"/>
      <c r="DQH660" s="613"/>
      <c r="DQI660" s="613"/>
      <c r="DQJ660" s="613"/>
      <c r="DQK660" s="613"/>
      <c r="DQL660" s="613"/>
      <c r="DQM660" s="613"/>
      <c r="DQN660" s="613"/>
      <c r="DQO660" s="613"/>
      <c r="DQP660" s="613"/>
      <c r="DQQ660" s="613"/>
      <c r="DQR660" s="613"/>
      <c r="DQS660" s="613"/>
      <c r="DQT660" s="613"/>
      <c r="DQU660" s="613"/>
      <c r="DQV660" s="613"/>
      <c r="DQW660" s="613"/>
      <c r="DQX660" s="613"/>
      <c r="DQY660" s="613"/>
      <c r="DQZ660" s="613"/>
      <c r="DRA660" s="613"/>
      <c r="DRB660" s="613"/>
      <c r="DRC660" s="613"/>
      <c r="DRD660" s="613"/>
      <c r="DRE660" s="613"/>
      <c r="DRF660" s="613"/>
      <c r="DRG660" s="613"/>
      <c r="DRH660" s="613"/>
      <c r="DRI660" s="613"/>
      <c r="DRJ660" s="613"/>
      <c r="DRK660" s="613"/>
      <c r="DRL660" s="613"/>
      <c r="DRM660" s="613"/>
      <c r="DRN660" s="613"/>
      <c r="DRO660" s="613"/>
      <c r="DRP660" s="613"/>
      <c r="DRQ660" s="613"/>
      <c r="DRR660" s="613"/>
      <c r="DRS660" s="613"/>
      <c r="DRT660" s="613"/>
      <c r="DRU660" s="613"/>
      <c r="DRV660" s="613"/>
      <c r="DRW660" s="613"/>
      <c r="DRX660" s="613"/>
      <c r="DRY660" s="613"/>
      <c r="DRZ660" s="613"/>
      <c r="DSA660" s="613"/>
      <c r="DSB660" s="613"/>
      <c r="DSC660" s="613"/>
      <c r="DSD660" s="613"/>
      <c r="DSE660" s="613"/>
      <c r="DSF660" s="613"/>
      <c r="DSG660" s="613"/>
      <c r="DSH660" s="613"/>
      <c r="DSI660" s="613"/>
      <c r="DSJ660" s="613"/>
      <c r="DSK660" s="613"/>
      <c r="DSL660" s="613"/>
      <c r="DSM660" s="613"/>
      <c r="DSN660" s="613"/>
      <c r="DSO660" s="613"/>
      <c r="DSP660" s="613"/>
      <c r="DSQ660" s="613"/>
      <c r="DSR660" s="613"/>
      <c r="DSS660" s="613"/>
      <c r="DST660" s="613"/>
      <c r="DSU660" s="613"/>
      <c r="DSV660" s="613"/>
      <c r="DSW660" s="613"/>
      <c r="DSX660" s="613"/>
      <c r="DSY660" s="613"/>
      <c r="DSZ660" s="613"/>
      <c r="DTA660" s="613"/>
      <c r="DTB660" s="613"/>
      <c r="DTC660" s="613"/>
      <c r="DTD660" s="613"/>
      <c r="DTE660" s="613"/>
      <c r="DTF660" s="613"/>
      <c r="DTG660" s="613"/>
      <c r="DTH660" s="613"/>
      <c r="DTI660" s="613"/>
      <c r="DTJ660" s="613"/>
      <c r="DTK660" s="613"/>
      <c r="DTL660" s="613"/>
      <c r="DTM660" s="613"/>
      <c r="DTN660" s="613"/>
      <c r="DTO660" s="613"/>
      <c r="DTP660" s="613"/>
      <c r="DTQ660" s="613"/>
      <c r="DTR660" s="613"/>
      <c r="DTS660" s="613"/>
      <c r="DTT660" s="613"/>
      <c r="DTU660" s="613"/>
      <c r="DTV660" s="613"/>
      <c r="DTW660" s="613"/>
      <c r="DTX660" s="613"/>
      <c r="DTY660" s="613"/>
      <c r="DTZ660" s="613"/>
      <c r="DUA660" s="613"/>
      <c r="DUB660" s="613"/>
      <c r="DUC660" s="613"/>
      <c r="DUD660" s="613"/>
      <c r="DUE660" s="613"/>
      <c r="DUF660" s="613"/>
      <c r="DUG660" s="613"/>
      <c r="DUH660" s="613"/>
      <c r="DUI660" s="613"/>
      <c r="DUJ660" s="613"/>
      <c r="DUK660" s="613"/>
      <c r="DUL660" s="613"/>
      <c r="DUM660" s="613"/>
      <c r="DUN660" s="613"/>
      <c r="DUO660" s="613"/>
      <c r="DUP660" s="613"/>
      <c r="DUQ660" s="613"/>
      <c r="DUR660" s="613"/>
      <c r="DUS660" s="613"/>
      <c r="DUT660" s="613"/>
      <c r="DUU660" s="613"/>
      <c r="DUV660" s="613"/>
      <c r="DUW660" s="613"/>
      <c r="DUX660" s="613"/>
      <c r="DUY660" s="613"/>
      <c r="DUZ660" s="613"/>
      <c r="DVA660" s="613"/>
      <c r="DVB660" s="613"/>
      <c r="DVC660" s="613"/>
      <c r="DVD660" s="613"/>
      <c r="DVE660" s="613"/>
      <c r="DVF660" s="613"/>
      <c r="DVG660" s="613"/>
      <c r="DVH660" s="613"/>
      <c r="DVI660" s="613"/>
      <c r="DVJ660" s="613"/>
      <c r="DVK660" s="613"/>
      <c r="DVL660" s="613"/>
      <c r="DVM660" s="613"/>
      <c r="DVN660" s="613"/>
      <c r="DVO660" s="613"/>
      <c r="DVP660" s="613"/>
      <c r="DVQ660" s="613"/>
      <c r="DVR660" s="613"/>
      <c r="DVS660" s="613"/>
      <c r="DVT660" s="613"/>
      <c r="DVU660" s="613"/>
      <c r="DVV660" s="613"/>
      <c r="DVW660" s="613"/>
      <c r="DVX660" s="613"/>
      <c r="DVY660" s="613"/>
      <c r="DVZ660" s="613"/>
      <c r="DWA660" s="613"/>
      <c r="DWB660" s="613"/>
      <c r="DWC660" s="613"/>
      <c r="DWD660" s="613"/>
      <c r="DWE660" s="613"/>
      <c r="DWF660" s="613"/>
      <c r="DWG660" s="613"/>
      <c r="DWH660" s="613"/>
      <c r="DWI660" s="613"/>
      <c r="DWJ660" s="613"/>
      <c r="DWK660" s="613"/>
      <c r="DWL660" s="613"/>
      <c r="DWM660" s="613"/>
      <c r="DWN660" s="613"/>
      <c r="DWO660" s="613"/>
      <c r="DWP660" s="613"/>
      <c r="DWQ660" s="613"/>
      <c r="DWR660" s="613"/>
      <c r="DWS660" s="613"/>
      <c r="DWT660" s="613"/>
      <c r="DWU660" s="613"/>
      <c r="DWV660" s="613"/>
      <c r="DWW660" s="613"/>
      <c r="DWX660" s="613"/>
      <c r="DWY660" s="613"/>
      <c r="DWZ660" s="613"/>
      <c r="DXA660" s="613"/>
      <c r="DXB660" s="613"/>
      <c r="DXC660" s="613"/>
      <c r="DXD660" s="613"/>
      <c r="DXE660" s="613"/>
      <c r="DXF660" s="613"/>
      <c r="DXG660" s="613"/>
      <c r="DXH660" s="613"/>
      <c r="DXI660" s="613"/>
      <c r="DXJ660" s="613"/>
      <c r="DXK660" s="613"/>
      <c r="DXL660" s="613"/>
      <c r="DXM660" s="613"/>
      <c r="DXN660" s="613"/>
      <c r="DXO660" s="613"/>
      <c r="DXP660" s="613"/>
      <c r="DXQ660" s="613"/>
      <c r="DXR660" s="613"/>
      <c r="DXS660" s="613"/>
      <c r="DXT660" s="613"/>
      <c r="DXU660" s="613"/>
      <c r="DXV660" s="613"/>
      <c r="DXW660" s="613"/>
      <c r="DXX660" s="613"/>
      <c r="DXY660" s="613"/>
      <c r="DXZ660" s="613"/>
      <c r="DYA660" s="613"/>
      <c r="DYB660" s="613"/>
      <c r="DYC660" s="613"/>
      <c r="DYD660" s="613"/>
      <c r="DYE660" s="613"/>
      <c r="DYF660" s="613"/>
      <c r="DYG660" s="613"/>
      <c r="DYH660" s="613"/>
      <c r="DYI660" s="613"/>
      <c r="DYJ660" s="613"/>
      <c r="DYK660" s="613"/>
      <c r="DYL660" s="613"/>
      <c r="DYM660" s="613"/>
      <c r="DYN660" s="613"/>
      <c r="DYO660" s="613"/>
      <c r="DYP660" s="613"/>
      <c r="DYQ660" s="613"/>
      <c r="DYR660" s="613"/>
      <c r="DYS660" s="613"/>
      <c r="DYT660" s="613"/>
      <c r="DYU660" s="613"/>
      <c r="DYV660" s="613"/>
      <c r="DYW660" s="613"/>
      <c r="DYX660" s="613"/>
      <c r="DYY660" s="613"/>
      <c r="DYZ660" s="613"/>
      <c r="DZA660" s="613"/>
      <c r="DZB660" s="613"/>
      <c r="DZC660" s="613"/>
      <c r="DZD660" s="613"/>
      <c r="DZE660" s="613"/>
      <c r="DZF660" s="613"/>
      <c r="DZG660" s="613"/>
      <c r="DZH660" s="613"/>
      <c r="DZI660" s="613"/>
      <c r="DZJ660" s="613"/>
      <c r="DZK660" s="613"/>
      <c r="DZL660" s="613"/>
      <c r="DZM660" s="613"/>
      <c r="DZN660" s="613"/>
      <c r="DZO660" s="613"/>
      <c r="DZP660" s="613"/>
      <c r="DZQ660" s="613"/>
      <c r="DZR660" s="613"/>
      <c r="DZS660" s="613"/>
      <c r="DZT660" s="613"/>
      <c r="DZU660" s="613"/>
      <c r="DZV660" s="613"/>
      <c r="DZW660" s="613"/>
      <c r="DZX660" s="613"/>
      <c r="DZY660" s="613"/>
      <c r="DZZ660" s="613"/>
      <c r="EAA660" s="613"/>
      <c r="EAB660" s="613"/>
      <c r="EAC660" s="613"/>
      <c r="EAD660" s="613"/>
      <c r="EAE660" s="613"/>
      <c r="EAF660" s="613"/>
      <c r="EAG660" s="613"/>
      <c r="EAH660" s="613"/>
      <c r="EAI660" s="613"/>
      <c r="EAJ660" s="613"/>
      <c r="EAK660" s="613"/>
      <c r="EAL660" s="613"/>
      <c r="EAM660" s="613"/>
      <c r="EAN660" s="613"/>
      <c r="EAO660" s="613"/>
      <c r="EAP660" s="613"/>
      <c r="EAQ660" s="613"/>
      <c r="EAR660" s="613"/>
      <c r="EAS660" s="613"/>
      <c r="EAT660" s="613"/>
      <c r="EAU660" s="613"/>
      <c r="EAV660" s="613"/>
      <c r="EAW660" s="613"/>
      <c r="EAX660" s="613"/>
      <c r="EAY660" s="613"/>
      <c r="EAZ660" s="613"/>
      <c r="EBA660" s="613"/>
      <c r="EBB660" s="613"/>
      <c r="EBC660" s="613"/>
      <c r="EBD660" s="613"/>
      <c r="EBE660" s="613"/>
      <c r="EBF660" s="613"/>
      <c r="EBG660" s="613"/>
      <c r="EBH660" s="613"/>
      <c r="EBI660" s="613"/>
      <c r="EBJ660" s="613"/>
      <c r="EBK660" s="613"/>
      <c r="EBL660" s="613"/>
      <c r="EBM660" s="613"/>
      <c r="EBN660" s="613"/>
      <c r="EBO660" s="613"/>
      <c r="EBP660" s="613"/>
      <c r="EBQ660" s="613"/>
      <c r="EBR660" s="613"/>
      <c r="EBS660" s="613"/>
      <c r="EBT660" s="613"/>
      <c r="EBU660" s="613"/>
      <c r="EBV660" s="613"/>
      <c r="EBW660" s="613"/>
      <c r="EBX660" s="613"/>
      <c r="EBY660" s="613"/>
      <c r="EBZ660" s="613"/>
      <c r="ECA660" s="613"/>
      <c r="ECB660" s="613"/>
      <c r="ECC660" s="613"/>
      <c r="ECD660" s="613"/>
      <c r="ECE660" s="613"/>
      <c r="ECF660" s="613"/>
      <c r="ECG660" s="613"/>
      <c r="ECH660" s="613"/>
      <c r="ECI660" s="613"/>
      <c r="ECJ660" s="613"/>
      <c r="ECK660" s="613"/>
      <c r="ECL660" s="613"/>
      <c r="ECM660" s="613"/>
      <c r="ECN660" s="613"/>
      <c r="ECO660" s="613"/>
      <c r="ECP660" s="613"/>
      <c r="ECQ660" s="613"/>
      <c r="ECR660" s="613"/>
      <c r="ECS660" s="613"/>
      <c r="ECT660" s="613"/>
      <c r="ECU660" s="613"/>
      <c r="ECV660" s="613"/>
      <c r="ECW660" s="613"/>
      <c r="ECX660" s="613"/>
      <c r="ECY660" s="613"/>
      <c r="ECZ660" s="613"/>
      <c r="EDA660" s="613"/>
      <c r="EDB660" s="613"/>
      <c r="EDC660" s="613"/>
      <c r="EDD660" s="613"/>
      <c r="EDE660" s="613"/>
      <c r="EDF660" s="613"/>
      <c r="EDG660" s="613"/>
      <c r="EDH660" s="613"/>
      <c r="EDI660" s="613"/>
      <c r="EDJ660" s="613"/>
      <c r="EDK660" s="613"/>
      <c r="EDL660" s="613"/>
      <c r="EDM660" s="613"/>
      <c r="EDN660" s="613"/>
      <c r="EDO660" s="613"/>
      <c r="EDP660" s="613"/>
      <c r="EDQ660" s="613"/>
      <c r="EDR660" s="613"/>
      <c r="EDS660" s="613"/>
      <c r="EDT660" s="613"/>
      <c r="EDU660" s="613"/>
      <c r="EDV660" s="613"/>
      <c r="EDW660" s="613"/>
      <c r="EDX660" s="613"/>
      <c r="EDY660" s="613"/>
      <c r="EDZ660" s="613"/>
      <c r="EEA660" s="613"/>
      <c r="EEB660" s="613"/>
      <c r="EEC660" s="613"/>
      <c r="EED660" s="613"/>
      <c r="EEE660" s="613"/>
      <c r="EEF660" s="613"/>
      <c r="EEG660" s="613"/>
      <c r="EEH660" s="613"/>
      <c r="EEI660" s="613"/>
      <c r="EEJ660" s="613"/>
      <c r="EEK660" s="613"/>
      <c r="EEL660" s="613"/>
      <c r="EEM660" s="613"/>
      <c r="EEN660" s="613"/>
      <c r="EEO660" s="613"/>
      <c r="EEP660" s="613"/>
      <c r="EEQ660" s="613"/>
      <c r="EER660" s="613"/>
      <c r="EES660" s="613"/>
      <c r="EET660" s="613"/>
      <c r="EEU660" s="613"/>
      <c r="EEV660" s="613"/>
      <c r="EEW660" s="613"/>
      <c r="EEX660" s="613"/>
      <c r="EEY660" s="613"/>
      <c r="EEZ660" s="613"/>
      <c r="EFA660" s="613"/>
      <c r="EFB660" s="613"/>
      <c r="EFC660" s="613"/>
      <c r="EFD660" s="613"/>
      <c r="EFE660" s="613"/>
      <c r="EFF660" s="613"/>
      <c r="EFG660" s="613"/>
      <c r="EFH660" s="613"/>
      <c r="EFI660" s="613"/>
      <c r="EFJ660" s="613"/>
      <c r="EFK660" s="613"/>
      <c r="EFL660" s="613"/>
      <c r="EFM660" s="613"/>
      <c r="EFN660" s="613"/>
      <c r="EFO660" s="613"/>
      <c r="EFP660" s="613"/>
      <c r="EFQ660" s="613"/>
      <c r="EFR660" s="613"/>
      <c r="EFS660" s="613"/>
      <c r="EFT660" s="613"/>
      <c r="EFU660" s="613"/>
      <c r="EFV660" s="613"/>
      <c r="EFW660" s="613"/>
      <c r="EFX660" s="613"/>
      <c r="EFY660" s="613"/>
      <c r="EFZ660" s="613"/>
      <c r="EGA660" s="613"/>
      <c r="EGB660" s="613"/>
      <c r="EGC660" s="613"/>
      <c r="EGD660" s="613"/>
      <c r="EGE660" s="613"/>
      <c r="EGF660" s="613"/>
      <c r="EGG660" s="613"/>
      <c r="EGH660" s="613"/>
      <c r="EGI660" s="613"/>
      <c r="EGJ660" s="613"/>
      <c r="EGK660" s="613"/>
      <c r="EGL660" s="613"/>
      <c r="EGM660" s="613"/>
      <c r="EGN660" s="613"/>
      <c r="EGO660" s="613"/>
      <c r="EGP660" s="613"/>
      <c r="EGQ660" s="613"/>
      <c r="EGR660" s="613"/>
      <c r="EGS660" s="613"/>
      <c r="EGT660" s="613"/>
      <c r="EGU660" s="613"/>
      <c r="EGV660" s="613"/>
      <c r="EGW660" s="613"/>
      <c r="EGX660" s="613"/>
      <c r="EGY660" s="613"/>
      <c r="EGZ660" s="613"/>
      <c r="EHA660" s="613"/>
      <c r="EHB660" s="613"/>
      <c r="EHC660" s="613"/>
      <c r="EHD660" s="613"/>
      <c r="EHE660" s="613"/>
      <c r="EHF660" s="613"/>
      <c r="EHG660" s="613"/>
      <c r="EHH660" s="613"/>
      <c r="EHI660" s="613"/>
      <c r="EHJ660" s="613"/>
      <c r="EHK660" s="613"/>
      <c r="EHL660" s="613"/>
      <c r="EHM660" s="613"/>
      <c r="EHN660" s="613"/>
      <c r="EHO660" s="613"/>
      <c r="EHP660" s="613"/>
      <c r="EHQ660" s="613"/>
      <c r="EHR660" s="613"/>
      <c r="EHS660" s="613"/>
      <c r="EHT660" s="613"/>
      <c r="EHU660" s="613"/>
      <c r="EHV660" s="613"/>
      <c r="EHW660" s="613"/>
      <c r="EHX660" s="613"/>
      <c r="EHY660" s="613"/>
      <c r="EHZ660" s="613"/>
      <c r="EIA660" s="613"/>
      <c r="EIB660" s="613"/>
      <c r="EIC660" s="613"/>
      <c r="EID660" s="613"/>
      <c r="EIE660" s="613"/>
      <c r="EIF660" s="613"/>
      <c r="EIG660" s="613"/>
      <c r="EIH660" s="613"/>
      <c r="EII660" s="613"/>
      <c r="EIJ660" s="613"/>
      <c r="EIK660" s="613"/>
      <c r="EIL660" s="613"/>
      <c r="EIM660" s="613"/>
      <c r="EIN660" s="613"/>
      <c r="EIO660" s="613"/>
      <c r="EIP660" s="613"/>
      <c r="EIQ660" s="613"/>
      <c r="EIR660" s="613"/>
      <c r="EIS660" s="613"/>
      <c r="EIT660" s="613"/>
      <c r="EIU660" s="613"/>
      <c r="EIV660" s="613"/>
      <c r="EIW660" s="613"/>
      <c r="EIX660" s="613"/>
      <c r="EIY660" s="613"/>
      <c r="EIZ660" s="613"/>
      <c r="EJA660" s="613"/>
      <c r="EJB660" s="613"/>
      <c r="EJC660" s="613"/>
      <c r="EJD660" s="613"/>
      <c r="EJE660" s="613"/>
      <c r="EJF660" s="613"/>
      <c r="EJG660" s="613"/>
      <c r="EJH660" s="613"/>
      <c r="EJI660" s="613"/>
      <c r="EJJ660" s="613"/>
      <c r="EJK660" s="613"/>
      <c r="EJL660" s="613"/>
      <c r="EJM660" s="613"/>
      <c r="EJN660" s="613"/>
      <c r="EJO660" s="613"/>
      <c r="EJP660" s="613"/>
      <c r="EJQ660" s="613"/>
      <c r="EJR660" s="613"/>
      <c r="EJS660" s="613"/>
      <c r="EJT660" s="613"/>
      <c r="EJU660" s="613"/>
      <c r="EJV660" s="613"/>
      <c r="EJW660" s="613"/>
      <c r="EJX660" s="613"/>
      <c r="EJY660" s="613"/>
      <c r="EJZ660" s="613"/>
      <c r="EKA660" s="613"/>
      <c r="EKB660" s="613"/>
      <c r="EKC660" s="613"/>
      <c r="EKD660" s="613"/>
      <c r="EKE660" s="613"/>
      <c r="EKF660" s="613"/>
      <c r="EKG660" s="613"/>
      <c r="EKH660" s="613"/>
      <c r="EKI660" s="613"/>
      <c r="EKJ660" s="613"/>
      <c r="EKK660" s="613"/>
      <c r="EKL660" s="613"/>
      <c r="EKM660" s="613"/>
      <c r="EKN660" s="613"/>
      <c r="EKO660" s="613"/>
      <c r="EKP660" s="613"/>
      <c r="EKQ660" s="613"/>
      <c r="EKR660" s="613"/>
      <c r="EKS660" s="613"/>
      <c r="EKT660" s="613"/>
      <c r="EKU660" s="613"/>
      <c r="EKV660" s="613"/>
      <c r="EKW660" s="613"/>
      <c r="EKX660" s="613"/>
      <c r="EKY660" s="613"/>
      <c r="EKZ660" s="613"/>
      <c r="ELA660" s="613"/>
      <c r="ELB660" s="613"/>
      <c r="ELC660" s="613"/>
      <c r="ELD660" s="613"/>
      <c r="ELE660" s="613"/>
      <c r="ELF660" s="613"/>
      <c r="ELG660" s="613"/>
      <c r="ELH660" s="613"/>
      <c r="ELI660" s="613"/>
      <c r="ELJ660" s="613"/>
      <c r="ELK660" s="613"/>
      <c r="ELL660" s="613"/>
      <c r="ELM660" s="613"/>
      <c r="ELN660" s="613"/>
      <c r="ELO660" s="613"/>
      <c r="ELP660" s="613"/>
      <c r="ELQ660" s="613"/>
      <c r="ELR660" s="613"/>
      <c r="ELS660" s="613"/>
      <c r="ELT660" s="613"/>
      <c r="ELU660" s="613"/>
      <c r="ELV660" s="613"/>
      <c r="ELW660" s="613"/>
      <c r="ELX660" s="613"/>
      <c r="ELY660" s="613"/>
      <c r="ELZ660" s="613"/>
      <c r="EMA660" s="613"/>
      <c r="EMB660" s="613"/>
      <c r="EMC660" s="613"/>
      <c r="EMD660" s="613"/>
      <c r="EME660" s="613"/>
      <c r="EMF660" s="613"/>
      <c r="EMG660" s="613"/>
      <c r="EMH660" s="613"/>
      <c r="EMI660" s="613"/>
      <c r="EMJ660" s="613"/>
      <c r="EMK660" s="613"/>
      <c r="EML660" s="613"/>
      <c r="EMM660" s="613"/>
      <c r="EMN660" s="613"/>
      <c r="EMO660" s="613"/>
      <c r="EMP660" s="613"/>
      <c r="EMQ660" s="613"/>
      <c r="EMR660" s="613"/>
      <c r="EMS660" s="613"/>
      <c r="EMT660" s="613"/>
      <c r="EMU660" s="613"/>
      <c r="EMV660" s="613"/>
      <c r="EMW660" s="613"/>
      <c r="EMX660" s="613"/>
      <c r="EMY660" s="613"/>
      <c r="EMZ660" s="613"/>
      <c r="ENA660" s="613"/>
      <c r="ENB660" s="613"/>
      <c r="ENC660" s="613"/>
      <c r="END660" s="613"/>
      <c r="ENE660" s="613"/>
      <c r="ENF660" s="613"/>
      <c r="ENG660" s="613"/>
      <c r="ENH660" s="613"/>
      <c r="ENI660" s="613"/>
      <c r="ENJ660" s="613"/>
      <c r="ENK660" s="613"/>
      <c r="ENL660" s="613"/>
      <c r="ENM660" s="613"/>
      <c r="ENN660" s="613"/>
      <c r="ENO660" s="613"/>
      <c r="ENP660" s="613"/>
      <c r="ENQ660" s="613"/>
      <c r="ENR660" s="613"/>
      <c r="ENS660" s="613"/>
      <c r="ENT660" s="613"/>
      <c r="ENU660" s="613"/>
      <c r="ENV660" s="613"/>
      <c r="ENW660" s="613"/>
      <c r="ENX660" s="613"/>
      <c r="ENY660" s="613"/>
      <c r="ENZ660" s="613"/>
      <c r="EOA660" s="613"/>
      <c r="EOB660" s="613"/>
      <c r="EOC660" s="613"/>
      <c r="EOD660" s="613"/>
      <c r="EOE660" s="613"/>
      <c r="EOF660" s="613"/>
      <c r="EOG660" s="613"/>
      <c r="EOH660" s="613"/>
      <c r="EOI660" s="613"/>
      <c r="EOJ660" s="613"/>
      <c r="EOK660" s="613"/>
      <c r="EOL660" s="613"/>
      <c r="EOM660" s="613"/>
      <c r="EON660" s="613"/>
      <c r="EOO660" s="613"/>
      <c r="EOP660" s="613"/>
      <c r="EOQ660" s="613"/>
      <c r="EOR660" s="613"/>
      <c r="EOS660" s="613"/>
      <c r="EOT660" s="613"/>
      <c r="EOU660" s="613"/>
      <c r="EOV660" s="613"/>
      <c r="EOW660" s="613"/>
      <c r="EOX660" s="613"/>
      <c r="EOY660" s="613"/>
      <c r="EOZ660" s="613"/>
      <c r="EPA660" s="613"/>
      <c r="EPB660" s="613"/>
      <c r="EPC660" s="613"/>
      <c r="EPD660" s="613"/>
      <c r="EPE660" s="613"/>
      <c r="EPF660" s="613"/>
      <c r="EPG660" s="613"/>
      <c r="EPH660" s="613"/>
      <c r="EPI660" s="613"/>
      <c r="EPJ660" s="613"/>
      <c r="EPK660" s="613"/>
      <c r="EPL660" s="613"/>
      <c r="EPM660" s="613"/>
      <c r="EPN660" s="613"/>
      <c r="EPO660" s="613"/>
      <c r="EPP660" s="613"/>
      <c r="EPQ660" s="613"/>
      <c r="EPR660" s="613"/>
      <c r="EPS660" s="613"/>
      <c r="EPT660" s="613"/>
      <c r="EPU660" s="613"/>
      <c r="EPV660" s="613"/>
      <c r="EPW660" s="613"/>
      <c r="EPX660" s="613"/>
      <c r="EPY660" s="613"/>
      <c r="EPZ660" s="613"/>
      <c r="EQA660" s="613"/>
      <c r="EQB660" s="613"/>
      <c r="EQC660" s="613"/>
      <c r="EQD660" s="613"/>
      <c r="EQE660" s="613"/>
      <c r="EQF660" s="613"/>
      <c r="EQG660" s="613"/>
      <c r="EQH660" s="613"/>
      <c r="EQI660" s="613"/>
      <c r="EQJ660" s="613"/>
      <c r="EQK660" s="613"/>
      <c r="EQL660" s="613"/>
      <c r="EQM660" s="613"/>
      <c r="EQN660" s="613"/>
      <c r="EQO660" s="613"/>
      <c r="EQP660" s="613"/>
      <c r="EQQ660" s="613"/>
      <c r="EQR660" s="613"/>
      <c r="EQS660" s="613"/>
      <c r="EQT660" s="613"/>
      <c r="EQU660" s="613"/>
      <c r="EQV660" s="613"/>
      <c r="EQW660" s="613"/>
      <c r="EQX660" s="613"/>
      <c r="EQY660" s="613"/>
      <c r="EQZ660" s="613"/>
      <c r="ERA660" s="613"/>
      <c r="ERB660" s="613"/>
      <c r="ERC660" s="613"/>
      <c r="ERD660" s="613"/>
      <c r="ERE660" s="613"/>
      <c r="ERF660" s="613"/>
      <c r="ERG660" s="613"/>
      <c r="ERH660" s="613"/>
      <c r="ERI660" s="613"/>
      <c r="ERJ660" s="613"/>
      <c r="ERK660" s="613"/>
      <c r="ERL660" s="613"/>
      <c r="ERM660" s="613"/>
      <c r="ERN660" s="613"/>
      <c r="ERO660" s="613"/>
      <c r="ERP660" s="613"/>
      <c r="ERQ660" s="613"/>
      <c r="ERR660" s="613"/>
      <c r="ERS660" s="613"/>
      <c r="ERT660" s="613"/>
      <c r="ERU660" s="613"/>
      <c r="ERV660" s="613"/>
      <c r="ERW660" s="613"/>
      <c r="ERX660" s="613"/>
      <c r="ERY660" s="613"/>
      <c r="ERZ660" s="613"/>
      <c r="ESA660" s="613"/>
      <c r="ESB660" s="613"/>
      <c r="ESC660" s="613"/>
      <c r="ESD660" s="613"/>
      <c r="ESE660" s="613"/>
      <c r="ESF660" s="613"/>
      <c r="ESG660" s="613"/>
      <c r="ESH660" s="613"/>
      <c r="ESI660" s="613"/>
      <c r="ESJ660" s="613"/>
      <c r="ESK660" s="613"/>
      <c r="ESL660" s="613"/>
      <c r="ESM660" s="613"/>
      <c r="ESN660" s="613"/>
      <c r="ESO660" s="613"/>
      <c r="ESP660" s="613"/>
      <c r="ESQ660" s="613"/>
      <c r="ESR660" s="613"/>
      <c r="ESS660" s="613"/>
      <c r="EST660" s="613"/>
      <c r="ESU660" s="613"/>
      <c r="ESV660" s="613"/>
      <c r="ESW660" s="613"/>
      <c r="ESX660" s="613"/>
      <c r="ESY660" s="613"/>
      <c r="ESZ660" s="613"/>
      <c r="ETA660" s="613"/>
      <c r="ETB660" s="613"/>
      <c r="ETC660" s="613"/>
      <c r="ETD660" s="613"/>
      <c r="ETE660" s="613"/>
      <c r="ETF660" s="613"/>
      <c r="ETG660" s="613"/>
      <c r="ETH660" s="613"/>
      <c r="ETI660" s="613"/>
      <c r="ETJ660" s="613"/>
      <c r="ETK660" s="613"/>
      <c r="ETL660" s="613"/>
      <c r="ETM660" s="613"/>
      <c r="ETN660" s="613"/>
      <c r="ETO660" s="613"/>
      <c r="ETP660" s="613"/>
      <c r="ETQ660" s="613"/>
      <c r="ETR660" s="613"/>
      <c r="ETS660" s="613"/>
      <c r="ETT660" s="613"/>
      <c r="ETU660" s="613"/>
      <c r="ETV660" s="613"/>
      <c r="ETW660" s="613"/>
      <c r="ETX660" s="613"/>
      <c r="ETY660" s="613"/>
      <c r="ETZ660" s="613"/>
      <c r="EUA660" s="613"/>
      <c r="EUB660" s="613"/>
      <c r="EUC660" s="613"/>
      <c r="EUD660" s="613"/>
      <c r="EUE660" s="613"/>
      <c r="EUF660" s="613"/>
      <c r="EUG660" s="613"/>
      <c r="EUH660" s="613"/>
      <c r="EUI660" s="613"/>
      <c r="EUJ660" s="613"/>
      <c r="EUK660" s="613"/>
      <c r="EUL660" s="613"/>
      <c r="EUM660" s="613"/>
      <c r="EUN660" s="613"/>
      <c r="EUO660" s="613"/>
      <c r="EUP660" s="613"/>
      <c r="EUQ660" s="613"/>
      <c r="EUR660" s="613"/>
      <c r="EUS660" s="613"/>
      <c r="EUT660" s="613"/>
      <c r="EUU660" s="613"/>
      <c r="EUV660" s="613"/>
      <c r="EUW660" s="613"/>
      <c r="EUX660" s="613"/>
      <c r="EUY660" s="613"/>
      <c r="EUZ660" s="613"/>
      <c r="EVA660" s="613"/>
      <c r="EVB660" s="613"/>
      <c r="EVC660" s="613"/>
      <c r="EVD660" s="613"/>
      <c r="EVE660" s="613"/>
      <c r="EVF660" s="613"/>
      <c r="EVG660" s="613"/>
      <c r="EVH660" s="613"/>
      <c r="EVI660" s="613"/>
      <c r="EVJ660" s="613"/>
      <c r="EVK660" s="613"/>
      <c r="EVL660" s="613"/>
      <c r="EVM660" s="613"/>
      <c r="EVN660" s="613"/>
      <c r="EVO660" s="613"/>
      <c r="EVP660" s="613"/>
      <c r="EVQ660" s="613"/>
      <c r="EVR660" s="613"/>
      <c r="EVS660" s="613"/>
      <c r="EVT660" s="613"/>
      <c r="EVU660" s="613"/>
      <c r="EVV660" s="613"/>
      <c r="EVW660" s="613"/>
      <c r="EVX660" s="613"/>
      <c r="EVY660" s="613"/>
      <c r="EVZ660" s="613"/>
      <c r="EWA660" s="613"/>
      <c r="EWB660" s="613"/>
      <c r="EWC660" s="613"/>
      <c r="EWD660" s="613"/>
      <c r="EWE660" s="613"/>
      <c r="EWF660" s="613"/>
      <c r="EWG660" s="613"/>
      <c r="EWH660" s="613"/>
      <c r="EWI660" s="613"/>
      <c r="EWJ660" s="613"/>
      <c r="EWK660" s="613"/>
      <c r="EWL660" s="613"/>
      <c r="EWM660" s="613"/>
      <c r="EWN660" s="613"/>
      <c r="EWO660" s="613"/>
      <c r="EWP660" s="613"/>
      <c r="EWQ660" s="613"/>
      <c r="EWR660" s="613"/>
      <c r="EWS660" s="613"/>
      <c r="EWT660" s="613"/>
      <c r="EWU660" s="613"/>
      <c r="EWV660" s="613"/>
      <c r="EWW660" s="613"/>
      <c r="EWX660" s="613"/>
      <c r="EWY660" s="613"/>
      <c r="EWZ660" s="613"/>
      <c r="EXA660" s="613"/>
      <c r="EXB660" s="613"/>
      <c r="EXC660" s="613"/>
      <c r="EXD660" s="613"/>
      <c r="EXE660" s="613"/>
      <c r="EXF660" s="613"/>
      <c r="EXG660" s="613"/>
      <c r="EXH660" s="613"/>
      <c r="EXI660" s="613"/>
      <c r="EXJ660" s="613"/>
      <c r="EXK660" s="613"/>
      <c r="EXL660" s="613"/>
      <c r="EXM660" s="613"/>
      <c r="EXN660" s="613"/>
      <c r="EXO660" s="613"/>
      <c r="EXP660" s="613"/>
      <c r="EXQ660" s="613"/>
      <c r="EXR660" s="613"/>
      <c r="EXS660" s="613"/>
      <c r="EXT660" s="613"/>
      <c r="EXU660" s="613"/>
      <c r="EXV660" s="613"/>
      <c r="EXW660" s="613"/>
      <c r="EXX660" s="613"/>
      <c r="EXY660" s="613"/>
      <c r="EXZ660" s="613"/>
      <c r="EYA660" s="613"/>
      <c r="EYB660" s="613"/>
      <c r="EYC660" s="613"/>
      <c r="EYD660" s="613"/>
      <c r="EYE660" s="613"/>
      <c r="EYF660" s="613"/>
      <c r="EYG660" s="613"/>
      <c r="EYH660" s="613"/>
      <c r="EYI660" s="613"/>
      <c r="EYJ660" s="613"/>
      <c r="EYK660" s="613"/>
      <c r="EYL660" s="613"/>
      <c r="EYM660" s="613"/>
      <c r="EYN660" s="613"/>
      <c r="EYO660" s="613"/>
      <c r="EYP660" s="613"/>
      <c r="EYQ660" s="613"/>
      <c r="EYR660" s="613"/>
      <c r="EYS660" s="613"/>
      <c r="EYT660" s="613"/>
      <c r="EYU660" s="613"/>
      <c r="EYV660" s="613"/>
      <c r="EYW660" s="613"/>
      <c r="EYX660" s="613"/>
      <c r="EYY660" s="613"/>
      <c r="EYZ660" s="613"/>
      <c r="EZA660" s="613"/>
      <c r="EZB660" s="613"/>
      <c r="EZC660" s="613"/>
      <c r="EZD660" s="613"/>
      <c r="EZE660" s="613"/>
      <c r="EZF660" s="613"/>
      <c r="EZG660" s="613"/>
      <c r="EZH660" s="613"/>
      <c r="EZI660" s="613"/>
      <c r="EZJ660" s="613"/>
      <c r="EZK660" s="613"/>
      <c r="EZL660" s="613"/>
      <c r="EZM660" s="613"/>
      <c r="EZN660" s="613"/>
      <c r="EZO660" s="613"/>
      <c r="EZP660" s="613"/>
      <c r="EZQ660" s="613"/>
      <c r="EZR660" s="613"/>
      <c r="EZS660" s="613"/>
      <c r="EZT660" s="613"/>
      <c r="EZU660" s="613"/>
      <c r="EZV660" s="613"/>
      <c r="EZW660" s="613"/>
      <c r="EZX660" s="613"/>
      <c r="EZY660" s="613"/>
      <c r="EZZ660" s="613"/>
      <c r="FAA660" s="613"/>
      <c r="FAB660" s="613"/>
      <c r="FAC660" s="613"/>
      <c r="FAD660" s="613"/>
      <c r="FAE660" s="613"/>
      <c r="FAF660" s="613"/>
      <c r="FAG660" s="613"/>
      <c r="FAH660" s="613"/>
      <c r="FAI660" s="613"/>
      <c r="FAJ660" s="613"/>
      <c r="FAK660" s="613"/>
      <c r="FAL660" s="613"/>
      <c r="FAM660" s="613"/>
      <c r="FAN660" s="613"/>
      <c r="FAO660" s="613"/>
      <c r="FAP660" s="613"/>
      <c r="FAQ660" s="613"/>
      <c r="FAR660" s="613"/>
      <c r="FAS660" s="613"/>
      <c r="FAT660" s="613"/>
      <c r="FAU660" s="613"/>
      <c r="FAV660" s="613"/>
      <c r="FAW660" s="613"/>
      <c r="FAX660" s="613"/>
      <c r="FAY660" s="613"/>
      <c r="FAZ660" s="613"/>
      <c r="FBA660" s="613"/>
      <c r="FBB660" s="613"/>
      <c r="FBC660" s="613"/>
      <c r="FBD660" s="613"/>
      <c r="FBE660" s="613"/>
      <c r="FBF660" s="613"/>
      <c r="FBG660" s="613"/>
      <c r="FBH660" s="613"/>
      <c r="FBI660" s="613"/>
      <c r="FBJ660" s="613"/>
      <c r="FBK660" s="613"/>
      <c r="FBL660" s="613"/>
      <c r="FBM660" s="613"/>
      <c r="FBN660" s="613"/>
      <c r="FBO660" s="613"/>
      <c r="FBP660" s="613"/>
      <c r="FBQ660" s="613"/>
      <c r="FBR660" s="613"/>
      <c r="FBS660" s="613"/>
      <c r="FBT660" s="613"/>
      <c r="FBU660" s="613"/>
      <c r="FBV660" s="613"/>
      <c r="FBW660" s="613"/>
      <c r="FBX660" s="613"/>
      <c r="FBY660" s="613"/>
      <c r="FBZ660" s="613"/>
      <c r="FCA660" s="613"/>
      <c r="FCB660" s="613"/>
      <c r="FCC660" s="613"/>
      <c r="FCD660" s="613"/>
      <c r="FCE660" s="613"/>
      <c r="FCF660" s="613"/>
      <c r="FCG660" s="613"/>
      <c r="FCH660" s="613"/>
      <c r="FCI660" s="613"/>
      <c r="FCJ660" s="613"/>
      <c r="FCK660" s="613"/>
      <c r="FCL660" s="613"/>
      <c r="FCM660" s="613"/>
      <c r="FCN660" s="613"/>
      <c r="FCO660" s="613"/>
      <c r="FCP660" s="613"/>
      <c r="FCQ660" s="613"/>
      <c r="FCR660" s="613"/>
      <c r="FCS660" s="613"/>
      <c r="FCT660" s="613"/>
      <c r="FCU660" s="613"/>
      <c r="FCV660" s="613"/>
      <c r="FCW660" s="613"/>
      <c r="FCX660" s="613"/>
      <c r="FCY660" s="613"/>
      <c r="FCZ660" s="613"/>
      <c r="FDA660" s="613"/>
      <c r="FDB660" s="613"/>
      <c r="FDC660" s="613"/>
      <c r="FDD660" s="613"/>
      <c r="FDE660" s="613"/>
      <c r="FDF660" s="613"/>
      <c r="FDG660" s="613"/>
      <c r="FDH660" s="613"/>
      <c r="FDI660" s="613"/>
      <c r="FDJ660" s="613"/>
      <c r="FDK660" s="613"/>
      <c r="FDL660" s="613"/>
      <c r="FDM660" s="613"/>
      <c r="FDN660" s="613"/>
      <c r="FDO660" s="613"/>
      <c r="FDP660" s="613"/>
      <c r="FDQ660" s="613"/>
      <c r="FDR660" s="613"/>
      <c r="FDS660" s="613"/>
      <c r="FDT660" s="613"/>
      <c r="FDU660" s="613"/>
      <c r="FDV660" s="613"/>
      <c r="FDW660" s="613"/>
      <c r="FDX660" s="613"/>
      <c r="FDY660" s="613"/>
      <c r="FDZ660" s="613"/>
      <c r="FEA660" s="613"/>
      <c r="FEB660" s="613"/>
      <c r="FEC660" s="613"/>
      <c r="FED660" s="613"/>
      <c r="FEE660" s="613"/>
      <c r="FEF660" s="613"/>
      <c r="FEG660" s="613"/>
      <c r="FEH660" s="613"/>
      <c r="FEI660" s="613"/>
      <c r="FEJ660" s="613"/>
      <c r="FEK660" s="613"/>
      <c r="FEL660" s="613"/>
      <c r="FEM660" s="613"/>
      <c r="FEN660" s="613"/>
      <c r="FEO660" s="613"/>
      <c r="FEP660" s="613"/>
      <c r="FEQ660" s="613"/>
      <c r="FER660" s="613"/>
      <c r="FES660" s="613"/>
      <c r="FET660" s="613"/>
      <c r="FEU660" s="613"/>
      <c r="FEV660" s="613"/>
      <c r="FEW660" s="613"/>
      <c r="FEX660" s="613"/>
      <c r="FEY660" s="613"/>
      <c r="FEZ660" s="613"/>
      <c r="FFA660" s="613"/>
      <c r="FFB660" s="613"/>
      <c r="FFC660" s="613"/>
      <c r="FFD660" s="613"/>
      <c r="FFE660" s="613"/>
      <c r="FFF660" s="613"/>
      <c r="FFG660" s="613"/>
      <c r="FFH660" s="613"/>
      <c r="FFI660" s="613"/>
      <c r="FFJ660" s="613"/>
      <c r="FFK660" s="613"/>
      <c r="FFL660" s="613"/>
      <c r="FFM660" s="613"/>
      <c r="FFN660" s="613"/>
      <c r="FFO660" s="613"/>
      <c r="FFP660" s="613"/>
      <c r="FFQ660" s="613"/>
      <c r="FFR660" s="613"/>
      <c r="FFS660" s="613"/>
      <c r="FFT660" s="613"/>
      <c r="FFU660" s="613"/>
      <c r="FFV660" s="613"/>
      <c r="FFW660" s="613"/>
      <c r="FFX660" s="613"/>
      <c r="FFY660" s="613"/>
      <c r="FFZ660" s="613"/>
      <c r="FGA660" s="613"/>
      <c r="FGB660" s="613"/>
      <c r="FGC660" s="613"/>
      <c r="FGD660" s="613"/>
      <c r="FGE660" s="613"/>
      <c r="FGF660" s="613"/>
      <c r="FGG660" s="613"/>
      <c r="FGH660" s="613"/>
      <c r="FGI660" s="613"/>
      <c r="FGJ660" s="613"/>
      <c r="FGK660" s="613"/>
      <c r="FGL660" s="613"/>
      <c r="FGM660" s="613"/>
      <c r="FGN660" s="613"/>
      <c r="FGO660" s="613"/>
      <c r="FGP660" s="613"/>
      <c r="FGQ660" s="613"/>
      <c r="FGR660" s="613"/>
      <c r="FGS660" s="613"/>
      <c r="FGT660" s="613"/>
      <c r="FGU660" s="613"/>
      <c r="FGV660" s="613"/>
      <c r="FGW660" s="613"/>
      <c r="FGX660" s="613"/>
      <c r="FGY660" s="613"/>
      <c r="FGZ660" s="613"/>
      <c r="FHA660" s="613"/>
      <c r="FHB660" s="613"/>
      <c r="FHC660" s="613"/>
      <c r="FHD660" s="613"/>
      <c r="FHE660" s="613"/>
      <c r="FHF660" s="613"/>
      <c r="FHG660" s="613"/>
      <c r="FHH660" s="613"/>
      <c r="FHI660" s="613"/>
      <c r="FHJ660" s="613"/>
      <c r="FHK660" s="613"/>
      <c r="FHL660" s="613"/>
      <c r="FHM660" s="613"/>
      <c r="FHN660" s="613"/>
      <c r="FHO660" s="613"/>
      <c r="FHP660" s="613"/>
      <c r="FHQ660" s="613"/>
      <c r="FHR660" s="613"/>
      <c r="FHS660" s="613"/>
      <c r="FHT660" s="613"/>
      <c r="FHU660" s="613"/>
      <c r="FHV660" s="613"/>
      <c r="FHW660" s="613"/>
      <c r="FHX660" s="613"/>
      <c r="FHY660" s="613"/>
      <c r="FHZ660" s="613"/>
      <c r="FIA660" s="613"/>
      <c r="FIB660" s="613"/>
      <c r="FIC660" s="613"/>
      <c r="FID660" s="613"/>
      <c r="FIE660" s="613"/>
      <c r="FIF660" s="613"/>
      <c r="FIG660" s="613"/>
      <c r="FIH660" s="613"/>
      <c r="FII660" s="613"/>
      <c r="FIJ660" s="613"/>
      <c r="FIK660" s="613"/>
      <c r="FIL660" s="613"/>
      <c r="FIM660" s="613"/>
      <c r="FIN660" s="613"/>
      <c r="FIO660" s="613"/>
      <c r="FIP660" s="613"/>
      <c r="FIQ660" s="613"/>
      <c r="FIR660" s="613"/>
      <c r="FIS660" s="613"/>
      <c r="FIT660" s="613"/>
      <c r="FIU660" s="613"/>
      <c r="FIV660" s="613"/>
      <c r="FIW660" s="613"/>
      <c r="FIX660" s="613"/>
      <c r="FIY660" s="613"/>
      <c r="FIZ660" s="613"/>
      <c r="FJA660" s="613"/>
      <c r="FJB660" s="613"/>
      <c r="FJC660" s="613"/>
      <c r="FJD660" s="613"/>
      <c r="FJE660" s="613"/>
      <c r="FJF660" s="613"/>
      <c r="FJG660" s="613"/>
      <c r="FJH660" s="613"/>
      <c r="FJI660" s="613"/>
      <c r="FJJ660" s="613"/>
      <c r="FJK660" s="613"/>
      <c r="FJL660" s="613"/>
      <c r="FJM660" s="613"/>
      <c r="FJN660" s="613"/>
      <c r="FJO660" s="613"/>
      <c r="FJP660" s="613"/>
      <c r="FJQ660" s="613"/>
      <c r="FJR660" s="613"/>
      <c r="FJS660" s="613"/>
      <c r="FJT660" s="613"/>
      <c r="FJU660" s="613"/>
      <c r="FJV660" s="613"/>
      <c r="FJW660" s="613"/>
      <c r="FJX660" s="613"/>
      <c r="FJY660" s="613"/>
      <c r="FJZ660" s="613"/>
      <c r="FKA660" s="613"/>
      <c r="FKB660" s="613"/>
      <c r="FKC660" s="613"/>
      <c r="FKD660" s="613"/>
      <c r="FKE660" s="613"/>
      <c r="FKF660" s="613"/>
      <c r="FKG660" s="613"/>
      <c r="FKH660" s="613"/>
      <c r="FKI660" s="613"/>
      <c r="FKJ660" s="613"/>
      <c r="FKK660" s="613"/>
      <c r="FKL660" s="613"/>
      <c r="FKM660" s="613"/>
      <c r="FKN660" s="613"/>
      <c r="FKO660" s="613"/>
      <c r="FKP660" s="613"/>
      <c r="FKQ660" s="613"/>
      <c r="FKR660" s="613"/>
      <c r="FKS660" s="613"/>
      <c r="FKT660" s="613"/>
      <c r="FKU660" s="613"/>
      <c r="FKV660" s="613"/>
      <c r="FKW660" s="613"/>
      <c r="FKX660" s="613"/>
      <c r="FKY660" s="613"/>
      <c r="FKZ660" s="613"/>
      <c r="FLA660" s="613"/>
      <c r="FLB660" s="613"/>
      <c r="FLC660" s="613"/>
      <c r="FLD660" s="613"/>
      <c r="FLE660" s="613"/>
      <c r="FLF660" s="613"/>
      <c r="FLG660" s="613"/>
      <c r="FLH660" s="613"/>
      <c r="FLI660" s="613"/>
      <c r="FLJ660" s="613"/>
      <c r="FLK660" s="613"/>
      <c r="FLL660" s="613"/>
      <c r="FLM660" s="613"/>
      <c r="FLN660" s="613"/>
      <c r="FLO660" s="613"/>
      <c r="FLP660" s="613"/>
      <c r="FLQ660" s="613"/>
      <c r="FLR660" s="613"/>
      <c r="FLS660" s="613"/>
      <c r="FLT660" s="613"/>
      <c r="FLU660" s="613"/>
      <c r="FLV660" s="613"/>
      <c r="FLW660" s="613"/>
      <c r="FLX660" s="613"/>
      <c r="FLY660" s="613"/>
      <c r="FLZ660" s="613"/>
      <c r="FMA660" s="613"/>
      <c r="FMB660" s="613"/>
      <c r="FMC660" s="613"/>
      <c r="FMD660" s="613"/>
      <c r="FME660" s="613"/>
      <c r="FMF660" s="613"/>
      <c r="FMG660" s="613"/>
      <c r="FMH660" s="613"/>
      <c r="FMI660" s="613"/>
      <c r="FMJ660" s="613"/>
      <c r="FMK660" s="613"/>
      <c r="FML660" s="613"/>
      <c r="FMM660" s="613"/>
      <c r="FMN660" s="613"/>
      <c r="FMO660" s="613"/>
      <c r="FMP660" s="613"/>
      <c r="FMQ660" s="613"/>
      <c r="FMR660" s="613"/>
      <c r="FMS660" s="613"/>
      <c r="FMT660" s="613"/>
      <c r="FMU660" s="613"/>
      <c r="FMV660" s="613"/>
      <c r="FMW660" s="613"/>
      <c r="FMX660" s="613"/>
      <c r="FMY660" s="613"/>
      <c r="FMZ660" s="613"/>
      <c r="FNA660" s="613"/>
      <c r="FNB660" s="613"/>
      <c r="FNC660" s="613"/>
      <c r="FND660" s="613"/>
      <c r="FNE660" s="613"/>
      <c r="FNF660" s="613"/>
      <c r="FNG660" s="613"/>
      <c r="FNH660" s="613"/>
      <c r="FNI660" s="613"/>
      <c r="FNJ660" s="613"/>
      <c r="FNK660" s="613"/>
      <c r="FNL660" s="613"/>
      <c r="FNM660" s="613"/>
      <c r="FNN660" s="613"/>
      <c r="FNO660" s="613"/>
      <c r="FNP660" s="613"/>
      <c r="FNQ660" s="613"/>
      <c r="FNR660" s="613"/>
      <c r="FNS660" s="613"/>
      <c r="FNT660" s="613"/>
      <c r="FNU660" s="613"/>
      <c r="FNV660" s="613"/>
      <c r="FNW660" s="613"/>
      <c r="FNX660" s="613"/>
      <c r="FNY660" s="613"/>
      <c r="FNZ660" s="613"/>
      <c r="FOA660" s="613"/>
      <c r="FOB660" s="613"/>
      <c r="FOC660" s="613"/>
      <c r="FOD660" s="613"/>
      <c r="FOE660" s="613"/>
      <c r="FOF660" s="613"/>
      <c r="FOG660" s="613"/>
      <c r="FOH660" s="613"/>
      <c r="FOI660" s="613"/>
      <c r="FOJ660" s="613"/>
      <c r="FOK660" s="613"/>
      <c r="FOL660" s="613"/>
      <c r="FOM660" s="613"/>
      <c r="FON660" s="613"/>
      <c r="FOO660" s="613"/>
      <c r="FOP660" s="613"/>
      <c r="FOQ660" s="613"/>
      <c r="FOR660" s="613"/>
      <c r="FOS660" s="613"/>
      <c r="FOT660" s="613"/>
      <c r="FOU660" s="613"/>
      <c r="FOV660" s="613"/>
      <c r="FOW660" s="613"/>
      <c r="FOX660" s="613"/>
      <c r="FOY660" s="613"/>
      <c r="FOZ660" s="613"/>
      <c r="FPA660" s="613"/>
      <c r="FPB660" s="613"/>
      <c r="FPC660" s="613"/>
      <c r="FPD660" s="613"/>
      <c r="FPE660" s="613"/>
      <c r="FPF660" s="613"/>
      <c r="FPG660" s="613"/>
      <c r="FPH660" s="613"/>
      <c r="FPI660" s="613"/>
      <c r="FPJ660" s="613"/>
      <c r="FPK660" s="613"/>
      <c r="FPL660" s="613"/>
      <c r="FPM660" s="613"/>
      <c r="FPN660" s="613"/>
      <c r="FPO660" s="613"/>
      <c r="FPP660" s="613"/>
      <c r="FPQ660" s="613"/>
      <c r="FPR660" s="613"/>
      <c r="FPS660" s="613"/>
      <c r="FPT660" s="613"/>
      <c r="FPU660" s="613"/>
      <c r="FPV660" s="613"/>
      <c r="FPW660" s="613"/>
      <c r="FPX660" s="613"/>
      <c r="FPY660" s="613"/>
      <c r="FPZ660" s="613"/>
      <c r="FQA660" s="613"/>
      <c r="FQB660" s="613"/>
      <c r="FQC660" s="613"/>
      <c r="FQD660" s="613"/>
      <c r="FQE660" s="613"/>
      <c r="FQF660" s="613"/>
      <c r="FQG660" s="613"/>
      <c r="FQH660" s="613"/>
      <c r="FQI660" s="613"/>
      <c r="FQJ660" s="613"/>
      <c r="FQK660" s="613"/>
      <c r="FQL660" s="613"/>
      <c r="FQM660" s="613"/>
      <c r="FQN660" s="613"/>
      <c r="FQO660" s="613"/>
      <c r="FQP660" s="613"/>
      <c r="FQQ660" s="613"/>
      <c r="FQR660" s="613"/>
      <c r="FQS660" s="613"/>
      <c r="FQT660" s="613"/>
      <c r="FQU660" s="613"/>
      <c r="FQV660" s="613"/>
      <c r="FQW660" s="613"/>
      <c r="FQX660" s="613"/>
      <c r="FQY660" s="613"/>
      <c r="FQZ660" s="613"/>
      <c r="FRA660" s="613"/>
      <c r="FRB660" s="613"/>
      <c r="FRC660" s="613"/>
      <c r="FRD660" s="613"/>
      <c r="FRE660" s="613"/>
      <c r="FRF660" s="613"/>
      <c r="FRG660" s="613"/>
      <c r="FRH660" s="613"/>
      <c r="FRI660" s="613"/>
      <c r="FRJ660" s="613"/>
      <c r="FRK660" s="613"/>
      <c r="FRL660" s="613"/>
      <c r="FRM660" s="613"/>
      <c r="FRN660" s="613"/>
      <c r="FRO660" s="613"/>
      <c r="FRP660" s="613"/>
      <c r="FRQ660" s="613"/>
      <c r="FRR660" s="613"/>
      <c r="FRS660" s="613"/>
      <c r="FRT660" s="613"/>
      <c r="FRU660" s="613"/>
      <c r="FRV660" s="613"/>
      <c r="FRW660" s="613"/>
      <c r="FRX660" s="613"/>
      <c r="FRY660" s="613"/>
      <c r="FRZ660" s="613"/>
      <c r="FSA660" s="613"/>
      <c r="FSB660" s="613"/>
      <c r="FSC660" s="613"/>
      <c r="FSD660" s="613"/>
      <c r="FSE660" s="613"/>
      <c r="FSF660" s="613"/>
      <c r="FSG660" s="613"/>
      <c r="FSH660" s="613"/>
      <c r="FSI660" s="613"/>
      <c r="FSJ660" s="613"/>
      <c r="FSK660" s="613"/>
      <c r="FSL660" s="613"/>
      <c r="FSM660" s="613"/>
      <c r="FSN660" s="613"/>
      <c r="FSO660" s="613"/>
      <c r="FSP660" s="613"/>
      <c r="FSQ660" s="613"/>
      <c r="FSR660" s="613"/>
      <c r="FSS660" s="613"/>
      <c r="FST660" s="613"/>
      <c r="FSU660" s="613"/>
      <c r="FSV660" s="613"/>
      <c r="FSW660" s="613"/>
      <c r="FSX660" s="613"/>
      <c r="FSY660" s="613"/>
      <c r="FSZ660" s="613"/>
      <c r="FTA660" s="613"/>
      <c r="FTB660" s="613"/>
      <c r="FTC660" s="613"/>
      <c r="FTD660" s="613"/>
      <c r="FTE660" s="613"/>
      <c r="FTF660" s="613"/>
      <c r="FTG660" s="613"/>
      <c r="FTH660" s="613"/>
      <c r="FTI660" s="613"/>
      <c r="FTJ660" s="613"/>
      <c r="FTK660" s="613"/>
      <c r="FTL660" s="613"/>
      <c r="FTM660" s="613"/>
      <c r="FTN660" s="613"/>
      <c r="FTO660" s="613"/>
      <c r="FTP660" s="613"/>
      <c r="FTQ660" s="613"/>
      <c r="FTR660" s="613"/>
      <c r="FTS660" s="613"/>
      <c r="FTT660" s="613"/>
      <c r="FTU660" s="613"/>
      <c r="FTV660" s="613"/>
      <c r="FTW660" s="613"/>
      <c r="FTX660" s="613"/>
      <c r="FTY660" s="613"/>
      <c r="FTZ660" s="613"/>
      <c r="FUA660" s="613"/>
      <c r="FUB660" s="613"/>
      <c r="FUC660" s="613"/>
      <c r="FUD660" s="613"/>
      <c r="FUE660" s="613"/>
      <c r="FUF660" s="613"/>
      <c r="FUG660" s="613"/>
      <c r="FUH660" s="613"/>
      <c r="FUI660" s="613"/>
      <c r="FUJ660" s="613"/>
      <c r="FUK660" s="613"/>
      <c r="FUL660" s="613"/>
      <c r="FUM660" s="613"/>
      <c r="FUN660" s="613"/>
      <c r="FUO660" s="613"/>
      <c r="FUP660" s="613"/>
      <c r="FUQ660" s="613"/>
      <c r="FUR660" s="613"/>
      <c r="FUS660" s="613"/>
      <c r="FUT660" s="613"/>
      <c r="FUU660" s="613"/>
      <c r="FUV660" s="613"/>
      <c r="FUW660" s="613"/>
      <c r="FUX660" s="613"/>
      <c r="FUY660" s="613"/>
      <c r="FUZ660" s="613"/>
      <c r="FVA660" s="613"/>
      <c r="FVB660" s="613"/>
      <c r="FVC660" s="613"/>
      <c r="FVD660" s="613"/>
      <c r="FVE660" s="613"/>
      <c r="FVF660" s="613"/>
      <c r="FVG660" s="613"/>
      <c r="FVH660" s="613"/>
      <c r="FVI660" s="613"/>
      <c r="FVJ660" s="613"/>
      <c r="FVK660" s="613"/>
      <c r="FVL660" s="613"/>
      <c r="FVM660" s="613"/>
      <c r="FVN660" s="613"/>
      <c r="FVO660" s="613"/>
      <c r="FVP660" s="613"/>
      <c r="FVQ660" s="613"/>
      <c r="FVR660" s="613"/>
      <c r="FVS660" s="613"/>
      <c r="FVT660" s="613"/>
      <c r="FVU660" s="613"/>
      <c r="FVV660" s="613"/>
      <c r="FVW660" s="613"/>
      <c r="FVX660" s="613"/>
      <c r="FVY660" s="613"/>
      <c r="FVZ660" s="613"/>
      <c r="FWA660" s="613"/>
      <c r="FWB660" s="613"/>
      <c r="FWC660" s="613"/>
      <c r="FWD660" s="613"/>
      <c r="FWE660" s="613"/>
      <c r="FWF660" s="613"/>
      <c r="FWG660" s="613"/>
      <c r="FWH660" s="613"/>
      <c r="FWI660" s="613"/>
      <c r="FWJ660" s="613"/>
      <c r="FWK660" s="613"/>
      <c r="FWL660" s="613"/>
      <c r="FWM660" s="613"/>
      <c r="FWN660" s="613"/>
      <c r="FWO660" s="613"/>
      <c r="FWP660" s="613"/>
      <c r="FWQ660" s="613"/>
      <c r="FWR660" s="613"/>
      <c r="FWS660" s="613"/>
      <c r="FWT660" s="613"/>
      <c r="FWU660" s="613"/>
      <c r="FWV660" s="613"/>
      <c r="FWW660" s="613"/>
      <c r="FWX660" s="613"/>
      <c r="FWY660" s="613"/>
      <c r="FWZ660" s="613"/>
      <c r="FXA660" s="613"/>
      <c r="FXB660" s="613"/>
      <c r="FXC660" s="613"/>
      <c r="FXD660" s="613"/>
      <c r="FXE660" s="613"/>
      <c r="FXF660" s="613"/>
      <c r="FXG660" s="613"/>
      <c r="FXH660" s="613"/>
      <c r="FXI660" s="613"/>
      <c r="FXJ660" s="613"/>
      <c r="FXK660" s="613"/>
      <c r="FXL660" s="613"/>
      <c r="FXM660" s="613"/>
      <c r="FXN660" s="613"/>
      <c r="FXO660" s="613"/>
      <c r="FXP660" s="613"/>
      <c r="FXQ660" s="613"/>
      <c r="FXR660" s="613"/>
      <c r="FXS660" s="613"/>
      <c r="FXT660" s="613"/>
      <c r="FXU660" s="613"/>
      <c r="FXV660" s="613"/>
      <c r="FXW660" s="613"/>
      <c r="FXX660" s="613"/>
      <c r="FXY660" s="613"/>
      <c r="FXZ660" s="613"/>
      <c r="FYA660" s="613"/>
      <c r="FYB660" s="613"/>
      <c r="FYC660" s="613"/>
      <c r="FYD660" s="613"/>
      <c r="FYE660" s="613"/>
      <c r="FYF660" s="613"/>
      <c r="FYG660" s="613"/>
      <c r="FYH660" s="613"/>
      <c r="FYI660" s="613"/>
      <c r="FYJ660" s="613"/>
      <c r="FYK660" s="613"/>
      <c r="FYL660" s="613"/>
      <c r="FYM660" s="613"/>
      <c r="FYN660" s="613"/>
      <c r="FYO660" s="613"/>
      <c r="FYP660" s="613"/>
      <c r="FYQ660" s="613"/>
      <c r="FYR660" s="613"/>
      <c r="FYS660" s="613"/>
      <c r="FYT660" s="613"/>
      <c r="FYU660" s="613"/>
      <c r="FYV660" s="613"/>
      <c r="FYW660" s="613"/>
      <c r="FYX660" s="613"/>
      <c r="FYY660" s="613"/>
      <c r="FYZ660" s="613"/>
      <c r="FZA660" s="613"/>
      <c r="FZB660" s="613"/>
      <c r="FZC660" s="613"/>
      <c r="FZD660" s="613"/>
      <c r="FZE660" s="613"/>
      <c r="FZF660" s="613"/>
      <c r="FZG660" s="613"/>
      <c r="FZH660" s="613"/>
      <c r="FZI660" s="613"/>
      <c r="FZJ660" s="613"/>
      <c r="FZK660" s="613"/>
      <c r="FZL660" s="613"/>
      <c r="FZM660" s="613"/>
      <c r="FZN660" s="613"/>
      <c r="FZO660" s="613"/>
      <c r="FZP660" s="613"/>
      <c r="FZQ660" s="613"/>
      <c r="FZR660" s="613"/>
      <c r="FZS660" s="613"/>
      <c r="FZT660" s="613"/>
      <c r="FZU660" s="613"/>
      <c r="FZV660" s="613"/>
      <c r="FZW660" s="613"/>
      <c r="FZX660" s="613"/>
      <c r="FZY660" s="613"/>
      <c r="FZZ660" s="613"/>
      <c r="GAA660" s="613"/>
      <c r="GAB660" s="613"/>
      <c r="GAC660" s="613"/>
      <c r="GAD660" s="613"/>
      <c r="GAE660" s="613"/>
      <c r="GAF660" s="613"/>
      <c r="GAG660" s="613"/>
      <c r="GAH660" s="613"/>
      <c r="GAI660" s="613"/>
      <c r="GAJ660" s="613"/>
      <c r="GAK660" s="613"/>
      <c r="GAL660" s="613"/>
      <c r="GAM660" s="613"/>
      <c r="GAN660" s="613"/>
      <c r="GAO660" s="613"/>
      <c r="GAP660" s="613"/>
      <c r="GAQ660" s="613"/>
      <c r="GAR660" s="613"/>
      <c r="GAS660" s="613"/>
      <c r="GAT660" s="613"/>
      <c r="GAU660" s="613"/>
      <c r="GAV660" s="613"/>
      <c r="GAW660" s="613"/>
      <c r="GAX660" s="613"/>
      <c r="GAY660" s="613"/>
      <c r="GAZ660" s="613"/>
      <c r="GBA660" s="613"/>
      <c r="GBB660" s="613"/>
      <c r="GBC660" s="613"/>
      <c r="GBD660" s="613"/>
      <c r="GBE660" s="613"/>
      <c r="GBF660" s="613"/>
      <c r="GBG660" s="613"/>
      <c r="GBH660" s="613"/>
      <c r="GBI660" s="613"/>
      <c r="GBJ660" s="613"/>
      <c r="GBK660" s="613"/>
      <c r="GBL660" s="613"/>
      <c r="GBM660" s="613"/>
      <c r="GBN660" s="613"/>
      <c r="GBO660" s="613"/>
      <c r="GBP660" s="613"/>
      <c r="GBQ660" s="613"/>
      <c r="GBR660" s="613"/>
      <c r="GBS660" s="613"/>
      <c r="GBT660" s="613"/>
      <c r="GBU660" s="613"/>
      <c r="GBV660" s="613"/>
      <c r="GBW660" s="613"/>
      <c r="GBX660" s="613"/>
      <c r="GBY660" s="613"/>
      <c r="GBZ660" s="613"/>
      <c r="GCA660" s="613"/>
      <c r="GCB660" s="613"/>
      <c r="GCC660" s="613"/>
      <c r="GCD660" s="613"/>
      <c r="GCE660" s="613"/>
      <c r="GCF660" s="613"/>
      <c r="GCG660" s="613"/>
      <c r="GCH660" s="613"/>
      <c r="GCI660" s="613"/>
      <c r="GCJ660" s="613"/>
      <c r="GCK660" s="613"/>
      <c r="GCL660" s="613"/>
      <c r="GCM660" s="613"/>
      <c r="GCN660" s="613"/>
      <c r="GCO660" s="613"/>
      <c r="GCP660" s="613"/>
      <c r="GCQ660" s="613"/>
      <c r="GCR660" s="613"/>
      <c r="GCS660" s="613"/>
      <c r="GCT660" s="613"/>
      <c r="GCU660" s="613"/>
      <c r="GCV660" s="613"/>
      <c r="GCW660" s="613"/>
      <c r="GCX660" s="613"/>
      <c r="GCY660" s="613"/>
      <c r="GCZ660" s="613"/>
      <c r="GDA660" s="613"/>
      <c r="GDB660" s="613"/>
      <c r="GDC660" s="613"/>
      <c r="GDD660" s="613"/>
      <c r="GDE660" s="613"/>
      <c r="GDF660" s="613"/>
      <c r="GDG660" s="613"/>
      <c r="GDH660" s="613"/>
      <c r="GDI660" s="613"/>
      <c r="GDJ660" s="613"/>
      <c r="GDK660" s="613"/>
      <c r="GDL660" s="613"/>
      <c r="GDM660" s="613"/>
      <c r="GDN660" s="613"/>
      <c r="GDO660" s="613"/>
      <c r="GDP660" s="613"/>
      <c r="GDQ660" s="613"/>
      <c r="GDR660" s="613"/>
      <c r="GDS660" s="613"/>
      <c r="GDT660" s="613"/>
      <c r="GDU660" s="613"/>
      <c r="GDV660" s="613"/>
      <c r="GDW660" s="613"/>
      <c r="GDX660" s="613"/>
      <c r="GDY660" s="613"/>
      <c r="GDZ660" s="613"/>
      <c r="GEA660" s="613"/>
      <c r="GEB660" s="613"/>
      <c r="GEC660" s="613"/>
      <c r="GED660" s="613"/>
      <c r="GEE660" s="613"/>
      <c r="GEF660" s="613"/>
      <c r="GEG660" s="613"/>
      <c r="GEH660" s="613"/>
      <c r="GEI660" s="613"/>
      <c r="GEJ660" s="613"/>
      <c r="GEK660" s="613"/>
      <c r="GEL660" s="613"/>
      <c r="GEM660" s="613"/>
      <c r="GEN660" s="613"/>
      <c r="GEO660" s="613"/>
      <c r="GEP660" s="613"/>
      <c r="GEQ660" s="613"/>
      <c r="GER660" s="613"/>
      <c r="GES660" s="613"/>
      <c r="GET660" s="613"/>
      <c r="GEU660" s="613"/>
      <c r="GEV660" s="613"/>
      <c r="GEW660" s="613"/>
      <c r="GEX660" s="613"/>
      <c r="GEY660" s="613"/>
      <c r="GEZ660" s="613"/>
      <c r="GFA660" s="613"/>
      <c r="GFB660" s="613"/>
      <c r="GFC660" s="613"/>
      <c r="GFD660" s="613"/>
      <c r="GFE660" s="613"/>
      <c r="GFF660" s="613"/>
      <c r="GFG660" s="613"/>
      <c r="GFH660" s="613"/>
      <c r="GFI660" s="613"/>
      <c r="GFJ660" s="613"/>
      <c r="GFK660" s="613"/>
      <c r="GFL660" s="613"/>
      <c r="GFM660" s="613"/>
      <c r="GFN660" s="613"/>
      <c r="GFO660" s="613"/>
      <c r="GFP660" s="613"/>
      <c r="GFQ660" s="613"/>
      <c r="GFR660" s="613"/>
      <c r="GFS660" s="613"/>
      <c r="GFT660" s="613"/>
      <c r="GFU660" s="613"/>
      <c r="GFV660" s="613"/>
      <c r="GFW660" s="613"/>
      <c r="GFX660" s="613"/>
      <c r="GFY660" s="613"/>
      <c r="GFZ660" s="613"/>
      <c r="GGA660" s="613"/>
      <c r="GGB660" s="613"/>
      <c r="GGC660" s="613"/>
      <c r="GGD660" s="613"/>
      <c r="GGE660" s="613"/>
      <c r="GGF660" s="613"/>
      <c r="GGG660" s="613"/>
      <c r="GGH660" s="613"/>
      <c r="GGI660" s="613"/>
      <c r="GGJ660" s="613"/>
      <c r="GGK660" s="613"/>
      <c r="GGL660" s="613"/>
      <c r="GGM660" s="613"/>
      <c r="GGN660" s="613"/>
      <c r="GGO660" s="613"/>
      <c r="GGP660" s="613"/>
      <c r="GGQ660" s="613"/>
      <c r="GGR660" s="613"/>
      <c r="GGS660" s="613"/>
      <c r="GGT660" s="613"/>
      <c r="GGU660" s="613"/>
      <c r="GGV660" s="613"/>
      <c r="GGW660" s="613"/>
      <c r="GGX660" s="613"/>
      <c r="GGY660" s="613"/>
      <c r="GGZ660" s="613"/>
      <c r="GHA660" s="613"/>
      <c r="GHB660" s="613"/>
      <c r="GHC660" s="613"/>
      <c r="GHD660" s="613"/>
      <c r="GHE660" s="613"/>
      <c r="GHF660" s="613"/>
      <c r="GHG660" s="613"/>
      <c r="GHH660" s="613"/>
      <c r="GHI660" s="613"/>
      <c r="GHJ660" s="613"/>
      <c r="GHK660" s="613"/>
      <c r="GHL660" s="613"/>
      <c r="GHM660" s="613"/>
      <c r="GHN660" s="613"/>
      <c r="GHO660" s="613"/>
      <c r="GHP660" s="613"/>
      <c r="GHQ660" s="613"/>
      <c r="GHR660" s="613"/>
      <c r="GHS660" s="613"/>
      <c r="GHT660" s="613"/>
      <c r="GHU660" s="613"/>
      <c r="GHV660" s="613"/>
      <c r="GHW660" s="613"/>
      <c r="GHX660" s="613"/>
      <c r="GHY660" s="613"/>
      <c r="GHZ660" s="613"/>
      <c r="GIA660" s="613"/>
      <c r="GIB660" s="613"/>
      <c r="GIC660" s="613"/>
      <c r="GID660" s="613"/>
      <c r="GIE660" s="613"/>
      <c r="GIF660" s="613"/>
      <c r="GIG660" s="613"/>
      <c r="GIH660" s="613"/>
      <c r="GII660" s="613"/>
      <c r="GIJ660" s="613"/>
      <c r="GIK660" s="613"/>
      <c r="GIL660" s="613"/>
      <c r="GIM660" s="613"/>
      <c r="GIN660" s="613"/>
      <c r="GIO660" s="613"/>
      <c r="GIP660" s="613"/>
      <c r="GIQ660" s="613"/>
      <c r="GIR660" s="613"/>
      <c r="GIS660" s="613"/>
      <c r="GIT660" s="613"/>
      <c r="GIU660" s="613"/>
      <c r="GIV660" s="613"/>
      <c r="GIW660" s="613"/>
      <c r="GIX660" s="613"/>
      <c r="GIY660" s="613"/>
      <c r="GIZ660" s="613"/>
      <c r="GJA660" s="613"/>
      <c r="GJB660" s="613"/>
      <c r="GJC660" s="613"/>
      <c r="GJD660" s="613"/>
      <c r="GJE660" s="613"/>
      <c r="GJF660" s="613"/>
      <c r="GJG660" s="613"/>
      <c r="GJH660" s="613"/>
      <c r="GJI660" s="613"/>
      <c r="GJJ660" s="613"/>
      <c r="GJK660" s="613"/>
      <c r="GJL660" s="613"/>
      <c r="GJM660" s="613"/>
      <c r="GJN660" s="613"/>
      <c r="GJO660" s="613"/>
      <c r="GJP660" s="613"/>
      <c r="GJQ660" s="613"/>
      <c r="GJR660" s="613"/>
      <c r="GJS660" s="613"/>
      <c r="GJT660" s="613"/>
      <c r="GJU660" s="613"/>
      <c r="GJV660" s="613"/>
      <c r="GJW660" s="613"/>
      <c r="GJX660" s="613"/>
      <c r="GJY660" s="613"/>
      <c r="GJZ660" s="613"/>
      <c r="GKA660" s="613"/>
      <c r="GKB660" s="613"/>
      <c r="GKC660" s="613"/>
      <c r="GKD660" s="613"/>
      <c r="GKE660" s="613"/>
      <c r="GKF660" s="613"/>
      <c r="GKG660" s="613"/>
      <c r="GKH660" s="613"/>
      <c r="GKI660" s="613"/>
      <c r="GKJ660" s="613"/>
      <c r="GKK660" s="613"/>
      <c r="GKL660" s="613"/>
      <c r="GKM660" s="613"/>
      <c r="GKN660" s="613"/>
      <c r="GKO660" s="613"/>
      <c r="GKP660" s="613"/>
      <c r="GKQ660" s="613"/>
      <c r="GKR660" s="613"/>
      <c r="GKS660" s="613"/>
      <c r="GKT660" s="613"/>
      <c r="GKU660" s="613"/>
      <c r="GKV660" s="613"/>
      <c r="GKW660" s="613"/>
      <c r="GKX660" s="613"/>
      <c r="GKY660" s="613"/>
      <c r="GKZ660" s="613"/>
      <c r="GLA660" s="613"/>
      <c r="GLB660" s="613"/>
      <c r="GLC660" s="613"/>
      <c r="GLD660" s="613"/>
      <c r="GLE660" s="613"/>
      <c r="GLF660" s="613"/>
      <c r="GLG660" s="613"/>
      <c r="GLH660" s="613"/>
      <c r="GLI660" s="613"/>
      <c r="GLJ660" s="613"/>
      <c r="GLK660" s="613"/>
      <c r="GLL660" s="613"/>
      <c r="GLM660" s="613"/>
      <c r="GLN660" s="613"/>
      <c r="GLO660" s="613"/>
      <c r="GLP660" s="613"/>
      <c r="GLQ660" s="613"/>
      <c r="GLR660" s="613"/>
      <c r="GLS660" s="613"/>
      <c r="GLT660" s="613"/>
      <c r="GLU660" s="613"/>
      <c r="GLV660" s="613"/>
      <c r="GLW660" s="613"/>
      <c r="GLX660" s="613"/>
      <c r="GLY660" s="613"/>
      <c r="GLZ660" s="613"/>
      <c r="GMA660" s="613"/>
      <c r="GMB660" s="613"/>
      <c r="GMC660" s="613"/>
      <c r="GMD660" s="613"/>
      <c r="GME660" s="613"/>
      <c r="GMF660" s="613"/>
      <c r="GMG660" s="613"/>
      <c r="GMH660" s="613"/>
      <c r="GMI660" s="613"/>
      <c r="GMJ660" s="613"/>
      <c r="GMK660" s="613"/>
      <c r="GML660" s="613"/>
      <c r="GMM660" s="613"/>
      <c r="GMN660" s="613"/>
      <c r="GMO660" s="613"/>
      <c r="GMP660" s="613"/>
      <c r="GMQ660" s="613"/>
      <c r="GMR660" s="613"/>
      <c r="GMS660" s="613"/>
      <c r="GMT660" s="613"/>
      <c r="GMU660" s="613"/>
      <c r="GMV660" s="613"/>
      <c r="GMW660" s="613"/>
      <c r="GMX660" s="613"/>
      <c r="GMY660" s="613"/>
      <c r="GMZ660" s="613"/>
      <c r="GNA660" s="613"/>
      <c r="GNB660" s="613"/>
      <c r="GNC660" s="613"/>
      <c r="GND660" s="613"/>
      <c r="GNE660" s="613"/>
      <c r="GNF660" s="613"/>
      <c r="GNG660" s="613"/>
      <c r="GNH660" s="613"/>
      <c r="GNI660" s="613"/>
      <c r="GNJ660" s="613"/>
      <c r="GNK660" s="613"/>
      <c r="GNL660" s="613"/>
      <c r="GNM660" s="613"/>
      <c r="GNN660" s="613"/>
      <c r="GNO660" s="613"/>
      <c r="GNP660" s="613"/>
      <c r="GNQ660" s="613"/>
      <c r="GNR660" s="613"/>
      <c r="GNS660" s="613"/>
      <c r="GNT660" s="613"/>
      <c r="GNU660" s="613"/>
      <c r="GNV660" s="613"/>
      <c r="GNW660" s="613"/>
      <c r="GNX660" s="613"/>
      <c r="GNY660" s="613"/>
      <c r="GNZ660" s="613"/>
      <c r="GOA660" s="613"/>
      <c r="GOB660" s="613"/>
      <c r="GOC660" s="613"/>
      <c r="GOD660" s="613"/>
      <c r="GOE660" s="613"/>
      <c r="GOF660" s="613"/>
      <c r="GOG660" s="613"/>
      <c r="GOH660" s="613"/>
      <c r="GOI660" s="613"/>
      <c r="GOJ660" s="613"/>
      <c r="GOK660" s="613"/>
      <c r="GOL660" s="613"/>
      <c r="GOM660" s="613"/>
      <c r="GON660" s="613"/>
      <c r="GOO660" s="613"/>
      <c r="GOP660" s="613"/>
      <c r="GOQ660" s="613"/>
      <c r="GOR660" s="613"/>
      <c r="GOS660" s="613"/>
      <c r="GOT660" s="613"/>
      <c r="GOU660" s="613"/>
      <c r="GOV660" s="613"/>
      <c r="GOW660" s="613"/>
      <c r="GOX660" s="613"/>
      <c r="GOY660" s="613"/>
      <c r="GOZ660" s="613"/>
      <c r="GPA660" s="613"/>
      <c r="GPB660" s="613"/>
      <c r="GPC660" s="613"/>
      <c r="GPD660" s="613"/>
      <c r="GPE660" s="613"/>
      <c r="GPF660" s="613"/>
      <c r="GPG660" s="613"/>
      <c r="GPH660" s="613"/>
      <c r="GPI660" s="613"/>
      <c r="GPJ660" s="613"/>
      <c r="GPK660" s="613"/>
      <c r="GPL660" s="613"/>
      <c r="GPM660" s="613"/>
      <c r="GPN660" s="613"/>
      <c r="GPO660" s="613"/>
      <c r="GPP660" s="613"/>
      <c r="GPQ660" s="613"/>
      <c r="GPR660" s="613"/>
      <c r="GPS660" s="613"/>
      <c r="GPT660" s="613"/>
      <c r="GPU660" s="613"/>
      <c r="GPV660" s="613"/>
      <c r="GPW660" s="613"/>
      <c r="GPX660" s="613"/>
      <c r="GPY660" s="613"/>
      <c r="GPZ660" s="613"/>
      <c r="GQA660" s="613"/>
      <c r="GQB660" s="613"/>
      <c r="GQC660" s="613"/>
      <c r="GQD660" s="613"/>
      <c r="GQE660" s="613"/>
      <c r="GQF660" s="613"/>
      <c r="GQG660" s="613"/>
      <c r="GQH660" s="613"/>
      <c r="GQI660" s="613"/>
      <c r="GQJ660" s="613"/>
      <c r="GQK660" s="613"/>
      <c r="GQL660" s="613"/>
      <c r="GQM660" s="613"/>
      <c r="GQN660" s="613"/>
      <c r="GQO660" s="613"/>
      <c r="GQP660" s="613"/>
      <c r="GQQ660" s="613"/>
      <c r="GQR660" s="613"/>
      <c r="GQS660" s="613"/>
      <c r="GQT660" s="613"/>
      <c r="GQU660" s="613"/>
      <c r="GQV660" s="613"/>
      <c r="GQW660" s="613"/>
      <c r="GQX660" s="613"/>
      <c r="GQY660" s="613"/>
      <c r="GQZ660" s="613"/>
      <c r="GRA660" s="613"/>
      <c r="GRB660" s="613"/>
      <c r="GRC660" s="613"/>
      <c r="GRD660" s="613"/>
      <c r="GRE660" s="613"/>
      <c r="GRF660" s="613"/>
      <c r="GRG660" s="613"/>
      <c r="GRH660" s="613"/>
      <c r="GRI660" s="613"/>
      <c r="GRJ660" s="613"/>
      <c r="GRK660" s="613"/>
      <c r="GRL660" s="613"/>
      <c r="GRM660" s="613"/>
      <c r="GRN660" s="613"/>
      <c r="GRO660" s="613"/>
      <c r="GRP660" s="613"/>
      <c r="GRQ660" s="613"/>
      <c r="GRR660" s="613"/>
      <c r="GRS660" s="613"/>
      <c r="GRT660" s="613"/>
      <c r="GRU660" s="613"/>
      <c r="GRV660" s="613"/>
      <c r="GRW660" s="613"/>
      <c r="GRX660" s="613"/>
      <c r="GRY660" s="613"/>
      <c r="GRZ660" s="613"/>
      <c r="GSA660" s="613"/>
      <c r="GSB660" s="613"/>
      <c r="GSC660" s="613"/>
      <c r="GSD660" s="613"/>
      <c r="GSE660" s="613"/>
      <c r="GSF660" s="613"/>
      <c r="GSG660" s="613"/>
      <c r="GSH660" s="613"/>
      <c r="GSI660" s="613"/>
      <c r="GSJ660" s="613"/>
      <c r="GSK660" s="613"/>
      <c r="GSL660" s="613"/>
      <c r="GSM660" s="613"/>
      <c r="GSN660" s="613"/>
      <c r="GSO660" s="613"/>
      <c r="GSP660" s="613"/>
      <c r="GSQ660" s="613"/>
      <c r="GSR660" s="613"/>
      <c r="GSS660" s="613"/>
      <c r="GST660" s="613"/>
      <c r="GSU660" s="613"/>
      <c r="GSV660" s="613"/>
      <c r="GSW660" s="613"/>
      <c r="GSX660" s="613"/>
      <c r="GSY660" s="613"/>
      <c r="GSZ660" s="613"/>
      <c r="GTA660" s="613"/>
      <c r="GTB660" s="613"/>
      <c r="GTC660" s="613"/>
      <c r="GTD660" s="613"/>
      <c r="GTE660" s="613"/>
      <c r="GTF660" s="613"/>
      <c r="GTG660" s="613"/>
      <c r="GTH660" s="613"/>
      <c r="GTI660" s="613"/>
      <c r="GTJ660" s="613"/>
      <c r="GTK660" s="613"/>
      <c r="GTL660" s="613"/>
      <c r="GTM660" s="613"/>
      <c r="GTN660" s="613"/>
      <c r="GTO660" s="613"/>
      <c r="GTP660" s="613"/>
      <c r="GTQ660" s="613"/>
      <c r="GTR660" s="613"/>
      <c r="GTS660" s="613"/>
      <c r="GTT660" s="613"/>
      <c r="GTU660" s="613"/>
      <c r="GTV660" s="613"/>
      <c r="GTW660" s="613"/>
      <c r="GTX660" s="613"/>
      <c r="GTY660" s="613"/>
      <c r="GTZ660" s="613"/>
      <c r="GUA660" s="613"/>
      <c r="GUB660" s="613"/>
      <c r="GUC660" s="613"/>
      <c r="GUD660" s="613"/>
      <c r="GUE660" s="613"/>
      <c r="GUF660" s="613"/>
      <c r="GUG660" s="613"/>
      <c r="GUH660" s="613"/>
      <c r="GUI660" s="613"/>
      <c r="GUJ660" s="613"/>
      <c r="GUK660" s="613"/>
      <c r="GUL660" s="613"/>
      <c r="GUM660" s="613"/>
      <c r="GUN660" s="613"/>
      <c r="GUO660" s="613"/>
      <c r="GUP660" s="613"/>
      <c r="GUQ660" s="613"/>
      <c r="GUR660" s="613"/>
      <c r="GUS660" s="613"/>
      <c r="GUT660" s="613"/>
      <c r="GUU660" s="613"/>
      <c r="GUV660" s="613"/>
      <c r="GUW660" s="613"/>
      <c r="GUX660" s="613"/>
      <c r="GUY660" s="613"/>
      <c r="GUZ660" s="613"/>
      <c r="GVA660" s="613"/>
      <c r="GVB660" s="613"/>
      <c r="GVC660" s="613"/>
      <c r="GVD660" s="613"/>
      <c r="GVE660" s="613"/>
      <c r="GVF660" s="613"/>
      <c r="GVG660" s="613"/>
      <c r="GVH660" s="613"/>
      <c r="GVI660" s="613"/>
      <c r="GVJ660" s="613"/>
      <c r="GVK660" s="613"/>
      <c r="GVL660" s="613"/>
      <c r="GVM660" s="613"/>
      <c r="GVN660" s="613"/>
      <c r="GVO660" s="613"/>
      <c r="GVP660" s="613"/>
      <c r="GVQ660" s="613"/>
      <c r="GVR660" s="613"/>
      <c r="GVS660" s="613"/>
      <c r="GVT660" s="613"/>
      <c r="GVU660" s="613"/>
      <c r="GVV660" s="613"/>
      <c r="GVW660" s="613"/>
      <c r="GVX660" s="613"/>
      <c r="GVY660" s="613"/>
      <c r="GVZ660" s="613"/>
      <c r="GWA660" s="613"/>
      <c r="GWB660" s="613"/>
      <c r="GWC660" s="613"/>
      <c r="GWD660" s="613"/>
      <c r="GWE660" s="613"/>
      <c r="GWF660" s="613"/>
      <c r="GWG660" s="613"/>
      <c r="GWH660" s="613"/>
      <c r="GWI660" s="613"/>
      <c r="GWJ660" s="613"/>
      <c r="GWK660" s="613"/>
      <c r="GWL660" s="613"/>
      <c r="GWM660" s="613"/>
      <c r="GWN660" s="613"/>
      <c r="GWO660" s="613"/>
      <c r="GWP660" s="613"/>
      <c r="GWQ660" s="613"/>
      <c r="GWR660" s="613"/>
      <c r="GWS660" s="613"/>
      <c r="GWT660" s="613"/>
      <c r="GWU660" s="613"/>
      <c r="GWV660" s="613"/>
      <c r="GWW660" s="613"/>
      <c r="GWX660" s="613"/>
      <c r="GWY660" s="613"/>
      <c r="GWZ660" s="613"/>
      <c r="GXA660" s="613"/>
      <c r="GXB660" s="613"/>
      <c r="GXC660" s="613"/>
      <c r="GXD660" s="613"/>
      <c r="GXE660" s="613"/>
      <c r="GXF660" s="613"/>
      <c r="GXG660" s="613"/>
      <c r="GXH660" s="613"/>
      <c r="GXI660" s="613"/>
      <c r="GXJ660" s="613"/>
      <c r="GXK660" s="613"/>
      <c r="GXL660" s="613"/>
      <c r="GXM660" s="613"/>
      <c r="GXN660" s="613"/>
      <c r="GXO660" s="613"/>
      <c r="GXP660" s="613"/>
      <c r="GXQ660" s="613"/>
      <c r="GXR660" s="613"/>
      <c r="GXS660" s="613"/>
      <c r="GXT660" s="613"/>
      <c r="GXU660" s="613"/>
      <c r="GXV660" s="613"/>
      <c r="GXW660" s="613"/>
      <c r="GXX660" s="613"/>
      <c r="GXY660" s="613"/>
      <c r="GXZ660" s="613"/>
      <c r="GYA660" s="613"/>
      <c r="GYB660" s="613"/>
      <c r="GYC660" s="613"/>
      <c r="GYD660" s="613"/>
      <c r="GYE660" s="613"/>
      <c r="GYF660" s="613"/>
      <c r="GYG660" s="613"/>
      <c r="GYH660" s="613"/>
      <c r="GYI660" s="613"/>
      <c r="GYJ660" s="613"/>
      <c r="GYK660" s="613"/>
      <c r="GYL660" s="613"/>
      <c r="GYM660" s="613"/>
      <c r="GYN660" s="613"/>
      <c r="GYO660" s="613"/>
      <c r="GYP660" s="613"/>
      <c r="GYQ660" s="613"/>
      <c r="GYR660" s="613"/>
      <c r="GYS660" s="613"/>
      <c r="GYT660" s="613"/>
      <c r="GYU660" s="613"/>
      <c r="GYV660" s="613"/>
      <c r="GYW660" s="613"/>
      <c r="GYX660" s="613"/>
      <c r="GYY660" s="613"/>
      <c r="GYZ660" s="613"/>
      <c r="GZA660" s="613"/>
      <c r="GZB660" s="613"/>
      <c r="GZC660" s="613"/>
      <c r="GZD660" s="613"/>
      <c r="GZE660" s="613"/>
      <c r="GZF660" s="613"/>
      <c r="GZG660" s="613"/>
      <c r="GZH660" s="613"/>
      <c r="GZI660" s="613"/>
      <c r="GZJ660" s="613"/>
      <c r="GZK660" s="613"/>
      <c r="GZL660" s="613"/>
      <c r="GZM660" s="613"/>
      <c r="GZN660" s="613"/>
      <c r="GZO660" s="613"/>
      <c r="GZP660" s="613"/>
      <c r="GZQ660" s="613"/>
      <c r="GZR660" s="613"/>
      <c r="GZS660" s="613"/>
      <c r="GZT660" s="613"/>
      <c r="GZU660" s="613"/>
      <c r="GZV660" s="613"/>
      <c r="GZW660" s="613"/>
      <c r="GZX660" s="613"/>
      <c r="GZY660" s="613"/>
      <c r="GZZ660" s="613"/>
      <c r="HAA660" s="613"/>
      <c r="HAB660" s="613"/>
      <c r="HAC660" s="613"/>
      <c r="HAD660" s="613"/>
      <c r="HAE660" s="613"/>
      <c r="HAF660" s="613"/>
      <c r="HAG660" s="613"/>
      <c r="HAH660" s="613"/>
      <c r="HAI660" s="613"/>
      <c r="HAJ660" s="613"/>
      <c r="HAK660" s="613"/>
      <c r="HAL660" s="613"/>
      <c r="HAM660" s="613"/>
      <c r="HAN660" s="613"/>
      <c r="HAO660" s="613"/>
      <c r="HAP660" s="613"/>
      <c r="HAQ660" s="613"/>
      <c r="HAR660" s="613"/>
      <c r="HAS660" s="613"/>
      <c r="HAT660" s="613"/>
      <c r="HAU660" s="613"/>
      <c r="HAV660" s="613"/>
      <c r="HAW660" s="613"/>
      <c r="HAX660" s="613"/>
      <c r="HAY660" s="613"/>
      <c r="HAZ660" s="613"/>
      <c r="HBA660" s="613"/>
      <c r="HBB660" s="613"/>
      <c r="HBC660" s="613"/>
      <c r="HBD660" s="613"/>
      <c r="HBE660" s="613"/>
      <c r="HBF660" s="613"/>
      <c r="HBG660" s="613"/>
      <c r="HBH660" s="613"/>
      <c r="HBI660" s="613"/>
      <c r="HBJ660" s="613"/>
      <c r="HBK660" s="613"/>
      <c r="HBL660" s="613"/>
      <c r="HBM660" s="613"/>
      <c r="HBN660" s="613"/>
      <c r="HBO660" s="613"/>
      <c r="HBP660" s="613"/>
      <c r="HBQ660" s="613"/>
      <c r="HBR660" s="613"/>
      <c r="HBS660" s="613"/>
      <c r="HBT660" s="613"/>
      <c r="HBU660" s="613"/>
      <c r="HBV660" s="613"/>
      <c r="HBW660" s="613"/>
      <c r="HBX660" s="613"/>
      <c r="HBY660" s="613"/>
      <c r="HBZ660" s="613"/>
      <c r="HCA660" s="613"/>
      <c r="HCB660" s="613"/>
      <c r="HCC660" s="613"/>
      <c r="HCD660" s="613"/>
      <c r="HCE660" s="613"/>
      <c r="HCF660" s="613"/>
      <c r="HCG660" s="613"/>
      <c r="HCH660" s="613"/>
      <c r="HCI660" s="613"/>
      <c r="HCJ660" s="613"/>
      <c r="HCK660" s="613"/>
      <c r="HCL660" s="613"/>
      <c r="HCM660" s="613"/>
      <c r="HCN660" s="613"/>
      <c r="HCO660" s="613"/>
      <c r="HCP660" s="613"/>
      <c r="HCQ660" s="613"/>
      <c r="HCR660" s="613"/>
      <c r="HCS660" s="613"/>
      <c r="HCT660" s="613"/>
      <c r="HCU660" s="613"/>
      <c r="HCV660" s="613"/>
      <c r="HCW660" s="613"/>
      <c r="HCX660" s="613"/>
      <c r="HCY660" s="613"/>
      <c r="HCZ660" s="613"/>
      <c r="HDA660" s="613"/>
      <c r="HDB660" s="613"/>
      <c r="HDC660" s="613"/>
      <c r="HDD660" s="613"/>
      <c r="HDE660" s="613"/>
      <c r="HDF660" s="613"/>
      <c r="HDG660" s="613"/>
      <c r="HDH660" s="613"/>
      <c r="HDI660" s="613"/>
      <c r="HDJ660" s="613"/>
      <c r="HDK660" s="613"/>
      <c r="HDL660" s="613"/>
      <c r="HDM660" s="613"/>
      <c r="HDN660" s="613"/>
      <c r="HDO660" s="613"/>
      <c r="HDP660" s="613"/>
      <c r="HDQ660" s="613"/>
      <c r="HDR660" s="613"/>
      <c r="HDS660" s="613"/>
      <c r="HDT660" s="613"/>
      <c r="HDU660" s="613"/>
      <c r="HDV660" s="613"/>
      <c r="HDW660" s="613"/>
      <c r="HDX660" s="613"/>
      <c r="HDY660" s="613"/>
      <c r="HDZ660" s="613"/>
      <c r="HEA660" s="613"/>
      <c r="HEB660" s="613"/>
      <c r="HEC660" s="613"/>
      <c r="HED660" s="613"/>
      <c r="HEE660" s="613"/>
      <c r="HEF660" s="613"/>
      <c r="HEG660" s="613"/>
      <c r="HEH660" s="613"/>
      <c r="HEI660" s="613"/>
      <c r="HEJ660" s="613"/>
      <c r="HEK660" s="613"/>
      <c r="HEL660" s="613"/>
      <c r="HEM660" s="613"/>
      <c r="HEN660" s="613"/>
      <c r="HEO660" s="613"/>
      <c r="HEP660" s="613"/>
      <c r="HEQ660" s="613"/>
      <c r="HER660" s="613"/>
      <c r="HES660" s="613"/>
      <c r="HET660" s="613"/>
      <c r="HEU660" s="613"/>
      <c r="HEV660" s="613"/>
      <c r="HEW660" s="613"/>
      <c r="HEX660" s="613"/>
      <c r="HEY660" s="613"/>
      <c r="HEZ660" s="613"/>
      <c r="HFA660" s="613"/>
      <c r="HFB660" s="613"/>
      <c r="HFC660" s="613"/>
      <c r="HFD660" s="613"/>
      <c r="HFE660" s="613"/>
      <c r="HFF660" s="613"/>
      <c r="HFG660" s="613"/>
      <c r="HFH660" s="613"/>
      <c r="HFI660" s="613"/>
      <c r="HFJ660" s="613"/>
      <c r="HFK660" s="613"/>
      <c r="HFL660" s="613"/>
      <c r="HFM660" s="613"/>
      <c r="HFN660" s="613"/>
      <c r="HFO660" s="613"/>
      <c r="HFP660" s="613"/>
      <c r="HFQ660" s="613"/>
      <c r="HFR660" s="613"/>
      <c r="HFS660" s="613"/>
      <c r="HFT660" s="613"/>
      <c r="HFU660" s="613"/>
      <c r="HFV660" s="613"/>
      <c r="HFW660" s="613"/>
      <c r="HFX660" s="613"/>
      <c r="HFY660" s="613"/>
      <c r="HFZ660" s="613"/>
      <c r="HGA660" s="613"/>
      <c r="HGB660" s="613"/>
      <c r="HGC660" s="613"/>
      <c r="HGD660" s="613"/>
      <c r="HGE660" s="613"/>
      <c r="HGF660" s="613"/>
      <c r="HGG660" s="613"/>
      <c r="HGH660" s="613"/>
      <c r="HGI660" s="613"/>
      <c r="HGJ660" s="613"/>
      <c r="HGK660" s="613"/>
      <c r="HGL660" s="613"/>
      <c r="HGM660" s="613"/>
      <c r="HGN660" s="613"/>
      <c r="HGO660" s="613"/>
      <c r="HGP660" s="613"/>
      <c r="HGQ660" s="613"/>
      <c r="HGR660" s="613"/>
      <c r="HGS660" s="613"/>
      <c r="HGT660" s="613"/>
      <c r="HGU660" s="613"/>
      <c r="HGV660" s="613"/>
      <c r="HGW660" s="613"/>
      <c r="HGX660" s="613"/>
      <c r="HGY660" s="613"/>
      <c r="HGZ660" s="613"/>
      <c r="HHA660" s="613"/>
      <c r="HHB660" s="613"/>
      <c r="HHC660" s="613"/>
      <c r="HHD660" s="613"/>
      <c r="HHE660" s="613"/>
      <c r="HHF660" s="613"/>
      <c r="HHG660" s="613"/>
      <c r="HHH660" s="613"/>
      <c r="HHI660" s="613"/>
      <c r="HHJ660" s="613"/>
      <c r="HHK660" s="613"/>
      <c r="HHL660" s="613"/>
      <c r="HHM660" s="613"/>
      <c r="HHN660" s="613"/>
      <c r="HHO660" s="613"/>
      <c r="HHP660" s="613"/>
      <c r="HHQ660" s="613"/>
      <c r="HHR660" s="613"/>
      <c r="HHS660" s="613"/>
      <c r="HHT660" s="613"/>
      <c r="HHU660" s="613"/>
      <c r="HHV660" s="613"/>
      <c r="HHW660" s="613"/>
      <c r="HHX660" s="613"/>
      <c r="HHY660" s="613"/>
      <c r="HHZ660" s="613"/>
      <c r="HIA660" s="613"/>
      <c r="HIB660" s="613"/>
      <c r="HIC660" s="613"/>
      <c r="HID660" s="613"/>
      <c r="HIE660" s="613"/>
      <c r="HIF660" s="613"/>
      <c r="HIG660" s="613"/>
      <c r="HIH660" s="613"/>
      <c r="HII660" s="613"/>
      <c r="HIJ660" s="613"/>
      <c r="HIK660" s="613"/>
      <c r="HIL660" s="613"/>
      <c r="HIM660" s="613"/>
      <c r="HIN660" s="613"/>
      <c r="HIO660" s="613"/>
      <c r="HIP660" s="613"/>
      <c r="HIQ660" s="613"/>
      <c r="HIR660" s="613"/>
      <c r="HIS660" s="613"/>
      <c r="HIT660" s="613"/>
      <c r="HIU660" s="613"/>
      <c r="HIV660" s="613"/>
      <c r="HIW660" s="613"/>
      <c r="HIX660" s="613"/>
      <c r="HIY660" s="613"/>
      <c r="HIZ660" s="613"/>
      <c r="HJA660" s="613"/>
      <c r="HJB660" s="613"/>
      <c r="HJC660" s="613"/>
      <c r="HJD660" s="613"/>
      <c r="HJE660" s="613"/>
      <c r="HJF660" s="613"/>
      <c r="HJG660" s="613"/>
      <c r="HJH660" s="613"/>
      <c r="HJI660" s="613"/>
      <c r="HJJ660" s="613"/>
      <c r="HJK660" s="613"/>
      <c r="HJL660" s="613"/>
      <c r="HJM660" s="613"/>
      <c r="HJN660" s="613"/>
      <c r="HJO660" s="613"/>
      <c r="HJP660" s="613"/>
      <c r="HJQ660" s="613"/>
      <c r="HJR660" s="613"/>
      <c r="HJS660" s="613"/>
      <c r="HJT660" s="613"/>
      <c r="HJU660" s="613"/>
      <c r="HJV660" s="613"/>
      <c r="HJW660" s="613"/>
      <c r="HJX660" s="613"/>
      <c r="HJY660" s="613"/>
      <c r="HJZ660" s="613"/>
      <c r="HKA660" s="613"/>
      <c r="HKB660" s="613"/>
      <c r="HKC660" s="613"/>
      <c r="HKD660" s="613"/>
      <c r="HKE660" s="613"/>
      <c r="HKF660" s="613"/>
      <c r="HKG660" s="613"/>
      <c r="HKH660" s="613"/>
      <c r="HKI660" s="613"/>
      <c r="HKJ660" s="613"/>
      <c r="HKK660" s="613"/>
      <c r="HKL660" s="613"/>
      <c r="HKM660" s="613"/>
      <c r="HKN660" s="613"/>
      <c r="HKO660" s="613"/>
      <c r="HKP660" s="613"/>
      <c r="HKQ660" s="613"/>
      <c r="HKR660" s="613"/>
      <c r="HKS660" s="613"/>
      <c r="HKT660" s="613"/>
      <c r="HKU660" s="613"/>
      <c r="HKV660" s="613"/>
      <c r="HKW660" s="613"/>
      <c r="HKX660" s="613"/>
      <c r="HKY660" s="613"/>
      <c r="HKZ660" s="613"/>
      <c r="HLA660" s="613"/>
      <c r="HLB660" s="613"/>
      <c r="HLC660" s="613"/>
      <c r="HLD660" s="613"/>
      <c r="HLE660" s="613"/>
      <c r="HLF660" s="613"/>
      <c r="HLG660" s="613"/>
      <c r="HLH660" s="613"/>
      <c r="HLI660" s="613"/>
      <c r="HLJ660" s="613"/>
      <c r="HLK660" s="613"/>
      <c r="HLL660" s="613"/>
      <c r="HLM660" s="613"/>
      <c r="HLN660" s="613"/>
      <c r="HLO660" s="613"/>
      <c r="HLP660" s="613"/>
      <c r="HLQ660" s="613"/>
      <c r="HLR660" s="613"/>
      <c r="HLS660" s="613"/>
      <c r="HLT660" s="613"/>
      <c r="HLU660" s="613"/>
      <c r="HLV660" s="613"/>
      <c r="HLW660" s="613"/>
      <c r="HLX660" s="613"/>
      <c r="HLY660" s="613"/>
      <c r="HLZ660" s="613"/>
      <c r="HMA660" s="613"/>
      <c r="HMB660" s="613"/>
      <c r="HMC660" s="613"/>
      <c r="HMD660" s="613"/>
      <c r="HME660" s="613"/>
      <c r="HMF660" s="613"/>
      <c r="HMG660" s="613"/>
      <c r="HMH660" s="613"/>
      <c r="HMI660" s="613"/>
      <c r="HMJ660" s="613"/>
      <c r="HMK660" s="613"/>
      <c r="HML660" s="613"/>
      <c r="HMM660" s="613"/>
      <c r="HMN660" s="613"/>
      <c r="HMO660" s="613"/>
      <c r="HMP660" s="613"/>
      <c r="HMQ660" s="613"/>
      <c r="HMR660" s="613"/>
      <c r="HMS660" s="613"/>
      <c r="HMT660" s="613"/>
      <c r="HMU660" s="613"/>
      <c r="HMV660" s="613"/>
      <c r="HMW660" s="613"/>
      <c r="HMX660" s="613"/>
      <c r="HMY660" s="613"/>
      <c r="HMZ660" s="613"/>
      <c r="HNA660" s="613"/>
      <c r="HNB660" s="613"/>
      <c r="HNC660" s="613"/>
      <c r="HND660" s="613"/>
      <c r="HNE660" s="613"/>
      <c r="HNF660" s="613"/>
      <c r="HNG660" s="613"/>
      <c r="HNH660" s="613"/>
      <c r="HNI660" s="613"/>
      <c r="HNJ660" s="613"/>
      <c r="HNK660" s="613"/>
      <c r="HNL660" s="613"/>
      <c r="HNM660" s="613"/>
      <c r="HNN660" s="613"/>
      <c r="HNO660" s="613"/>
      <c r="HNP660" s="613"/>
      <c r="HNQ660" s="613"/>
      <c r="HNR660" s="613"/>
      <c r="HNS660" s="613"/>
      <c r="HNT660" s="613"/>
      <c r="HNU660" s="613"/>
      <c r="HNV660" s="613"/>
      <c r="HNW660" s="613"/>
      <c r="HNX660" s="613"/>
      <c r="HNY660" s="613"/>
      <c r="HNZ660" s="613"/>
      <c r="HOA660" s="613"/>
      <c r="HOB660" s="613"/>
      <c r="HOC660" s="613"/>
      <c r="HOD660" s="613"/>
      <c r="HOE660" s="613"/>
      <c r="HOF660" s="613"/>
      <c r="HOG660" s="613"/>
      <c r="HOH660" s="613"/>
      <c r="HOI660" s="613"/>
      <c r="HOJ660" s="613"/>
      <c r="HOK660" s="613"/>
      <c r="HOL660" s="613"/>
      <c r="HOM660" s="613"/>
      <c r="HON660" s="613"/>
      <c r="HOO660" s="613"/>
      <c r="HOP660" s="613"/>
      <c r="HOQ660" s="613"/>
      <c r="HOR660" s="613"/>
      <c r="HOS660" s="613"/>
      <c r="HOT660" s="613"/>
      <c r="HOU660" s="613"/>
      <c r="HOV660" s="613"/>
      <c r="HOW660" s="613"/>
      <c r="HOX660" s="613"/>
      <c r="HOY660" s="613"/>
      <c r="HOZ660" s="613"/>
      <c r="HPA660" s="613"/>
      <c r="HPB660" s="613"/>
      <c r="HPC660" s="613"/>
      <c r="HPD660" s="613"/>
      <c r="HPE660" s="613"/>
      <c r="HPF660" s="613"/>
      <c r="HPG660" s="613"/>
      <c r="HPH660" s="613"/>
      <c r="HPI660" s="613"/>
      <c r="HPJ660" s="613"/>
      <c r="HPK660" s="613"/>
      <c r="HPL660" s="613"/>
      <c r="HPM660" s="613"/>
      <c r="HPN660" s="613"/>
      <c r="HPO660" s="613"/>
      <c r="HPP660" s="613"/>
      <c r="HPQ660" s="613"/>
      <c r="HPR660" s="613"/>
      <c r="HPS660" s="613"/>
      <c r="HPT660" s="613"/>
      <c r="HPU660" s="613"/>
      <c r="HPV660" s="613"/>
      <c r="HPW660" s="613"/>
      <c r="HPX660" s="613"/>
      <c r="HPY660" s="613"/>
      <c r="HPZ660" s="613"/>
      <c r="HQA660" s="613"/>
      <c r="HQB660" s="613"/>
      <c r="HQC660" s="613"/>
      <c r="HQD660" s="613"/>
      <c r="HQE660" s="613"/>
      <c r="HQF660" s="613"/>
      <c r="HQG660" s="613"/>
      <c r="HQH660" s="613"/>
      <c r="HQI660" s="613"/>
      <c r="HQJ660" s="613"/>
      <c r="HQK660" s="613"/>
      <c r="HQL660" s="613"/>
      <c r="HQM660" s="613"/>
      <c r="HQN660" s="613"/>
      <c r="HQO660" s="613"/>
      <c r="HQP660" s="613"/>
      <c r="HQQ660" s="613"/>
      <c r="HQR660" s="613"/>
      <c r="HQS660" s="613"/>
      <c r="HQT660" s="613"/>
      <c r="HQU660" s="613"/>
      <c r="HQV660" s="613"/>
      <c r="HQW660" s="613"/>
      <c r="HQX660" s="613"/>
      <c r="HQY660" s="613"/>
      <c r="HQZ660" s="613"/>
      <c r="HRA660" s="613"/>
      <c r="HRB660" s="613"/>
      <c r="HRC660" s="613"/>
      <c r="HRD660" s="613"/>
      <c r="HRE660" s="613"/>
      <c r="HRF660" s="613"/>
      <c r="HRG660" s="613"/>
      <c r="HRH660" s="613"/>
      <c r="HRI660" s="613"/>
      <c r="HRJ660" s="613"/>
      <c r="HRK660" s="613"/>
      <c r="HRL660" s="613"/>
      <c r="HRM660" s="613"/>
      <c r="HRN660" s="613"/>
      <c r="HRO660" s="613"/>
      <c r="HRP660" s="613"/>
      <c r="HRQ660" s="613"/>
      <c r="HRR660" s="613"/>
      <c r="HRS660" s="613"/>
      <c r="HRT660" s="613"/>
      <c r="HRU660" s="613"/>
      <c r="HRV660" s="613"/>
      <c r="HRW660" s="613"/>
      <c r="HRX660" s="613"/>
      <c r="HRY660" s="613"/>
      <c r="HRZ660" s="613"/>
      <c r="HSA660" s="613"/>
      <c r="HSB660" s="613"/>
      <c r="HSC660" s="613"/>
      <c r="HSD660" s="613"/>
      <c r="HSE660" s="613"/>
      <c r="HSF660" s="613"/>
      <c r="HSG660" s="613"/>
      <c r="HSH660" s="613"/>
      <c r="HSI660" s="613"/>
      <c r="HSJ660" s="613"/>
      <c r="HSK660" s="613"/>
      <c r="HSL660" s="613"/>
      <c r="HSM660" s="613"/>
      <c r="HSN660" s="613"/>
      <c r="HSO660" s="613"/>
      <c r="HSP660" s="613"/>
      <c r="HSQ660" s="613"/>
      <c r="HSR660" s="613"/>
      <c r="HSS660" s="613"/>
      <c r="HST660" s="613"/>
      <c r="HSU660" s="613"/>
      <c r="HSV660" s="613"/>
      <c r="HSW660" s="613"/>
      <c r="HSX660" s="613"/>
      <c r="HSY660" s="613"/>
      <c r="HSZ660" s="613"/>
      <c r="HTA660" s="613"/>
      <c r="HTB660" s="613"/>
      <c r="HTC660" s="613"/>
      <c r="HTD660" s="613"/>
      <c r="HTE660" s="613"/>
      <c r="HTF660" s="613"/>
      <c r="HTG660" s="613"/>
      <c r="HTH660" s="613"/>
      <c r="HTI660" s="613"/>
      <c r="HTJ660" s="613"/>
      <c r="HTK660" s="613"/>
      <c r="HTL660" s="613"/>
      <c r="HTM660" s="613"/>
      <c r="HTN660" s="613"/>
      <c r="HTO660" s="613"/>
      <c r="HTP660" s="613"/>
      <c r="HTQ660" s="613"/>
      <c r="HTR660" s="613"/>
      <c r="HTS660" s="613"/>
      <c r="HTT660" s="613"/>
      <c r="HTU660" s="613"/>
      <c r="HTV660" s="613"/>
      <c r="HTW660" s="613"/>
      <c r="HTX660" s="613"/>
      <c r="HTY660" s="613"/>
      <c r="HTZ660" s="613"/>
      <c r="HUA660" s="613"/>
      <c r="HUB660" s="613"/>
      <c r="HUC660" s="613"/>
      <c r="HUD660" s="613"/>
      <c r="HUE660" s="613"/>
      <c r="HUF660" s="613"/>
      <c r="HUG660" s="613"/>
      <c r="HUH660" s="613"/>
      <c r="HUI660" s="613"/>
      <c r="HUJ660" s="613"/>
      <c r="HUK660" s="613"/>
      <c r="HUL660" s="613"/>
      <c r="HUM660" s="613"/>
      <c r="HUN660" s="613"/>
      <c r="HUO660" s="613"/>
      <c r="HUP660" s="613"/>
      <c r="HUQ660" s="613"/>
      <c r="HUR660" s="613"/>
      <c r="HUS660" s="613"/>
      <c r="HUT660" s="613"/>
      <c r="HUU660" s="613"/>
      <c r="HUV660" s="613"/>
      <c r="HUW660" s="613"/>
      <c r="HUX660" s="613"/>
      <c r="HUY660" s="613"/>
      <c r="HUZ660" s="613"/>
      <c r="HVA660" s="613"/>
      <c r="HVB660" s="613"/>
      <c r="HVC660" s="613"/>
      <c r="HVD660" s="613"/>
      <c r="HVE660" s="613"/>
      <c r="HVF660" s="613"/>
      <c r="HVG660" s="613"/>
      <c r="HVH660" s="613"/>
      <c r="HVI660" s="613"/>
      <c r="HVJ660" s="613"/>
      <c r="HVK660" s="613"/>
      <c r="HVL660" s="613"/>
      <c r="HVM660" s="613"/>
      <c r="HVN660" s="613"/>
      <c r="HVO660" s="613"/>
      <c r="HVP660" s="613"/>
      <c r="HVQ660" s="613"/>
      <c r="HVR660" s="613"/>
      <c r="HVS660" s="613"/>
      <c r="HVT660" s="613"/>
      <c r="HVU660" s="613"/>
      <c r="HVV660" s="613"/>
      <c r="HVW660" s="613"/>
      <c r="HVX660" s="613"/>
      <c r="HVY660" s="613"/>
      <c r="HVZ660" s="613"/>
      <c r="HWA660" s="613"/>
      <c r="HWB660" s="613"/>
      <c r="HWC660" s="613"/>
      <c r="HWD660" s="613"/>
      <c r="HWE660" s="613"/>
      <c r="HWF660" s="613"/>
      <c r="HWG660" s="613"/>
      <c r="HWH660" s="613"/>
      <c r="HWI660" s="613"/>
      <c r="HWJ660" s="613"/>
      <c r="HWK660" s="613"/>
      <c r="HWL660" s="613"/>
      <c r="HWM660" s="613"/>
      <c r="HWN660" s="613"/>
      <c r="HWO660" s="613"/>
      <c r="HWP660" s="613"/>
      <c r="HWQ660" s="613"/>
      <c r="HWR660" s="613"/>
      <c r="HWS660" s="613"/>
      <c r="HWT660" s="613"/>
      <c r="HWU660" s="613"/>
      <c r="HWV660" s="613"/>
      <c r="HWW660" s="613"/>
      <c r="HWX660" s="613"/>
      <c r="HWY660" s="613"/>
      <c r="HWZ660" s="613"/>
      <c r="HXA660" s="613"/>
      <c r="HXB660" s="613"/>
      <c r="HXC660" s="613"/>
      <c r="HXD660" s="613"/>
      <c r="HXE660" s="613"/>
      <c r="HXF660" s="613"/>
      <c r="HXG660" s="613"/>
      <c r="HXH660" s="613"/>
      <c r="HXI660" s="613"/>
      <c r="HXJ660" s="613"/>
      <c r="HXK660" s="613"/>
      <c r="HXL660" s="613"/>
      <c r="HXM660" s="613"/>
      <c r="HXN660" s="613"/>
      <c r="HXO660" s="613"/>
      <c r="HXP660" s="613"/>
      <c r="HXQ660" s="613"/>
      <c r="HXR660" s="613"/>
      <c r="HXS660" s="613"/>
      <c r="HXT660" s="613"/>
      <c r="HXU660" s="613"/>
      <c r="HXV660" s="613"/>
      <c r="HXW660" s="613"/>
      <c r="HXX660" s="613"/>
      <c r="HXY660" s="613"/>
      <c r="HXZ660" s="613"/>
      <c r="HYA660" s="613"/>
      <c r="HYB660" s="613"/>
      <c r="HYC660" s="613"/>
      <c r="HYD660" s="613"/>
      <c r="HYE660" s="613"/>
      <c r="HYF660" s="613"/>
      <c r="HYG660" s="613"/>
      <c r="HYH660" s="613"/>
      <c r="HYI660" s="613"/>
      <c r="HYJ660" s="613"/>
      <c r="HYK660" s="613"/>
      <c r="HYL660" s="613"/>
      <c r="HYM660" s="613"/>
      <c r="HYN660" s="613"/>
      <c r="HYO660" s="613"/>
      <c r="HYP660" s="613"/>
      <c r="HYQ660" s="613"/>
      <c r="HYR660" s="613"/>
      <c r="HYS660" s="613"/>
      <c r="HYT660" s="613"/>
      <c r="HYU660" s="613"/>
      <c r="HYV660" s="613"/>
      <c r="HYW660" s="613"/>
      <c r="HYX660" s="613"/>
      <c r="HYY660" s="613"/>
      <c r="HYZ660" s="613"/>
      <c r="HZA660" s="613"/>
      <c r="HZB660" s="613"/>
      <c r="HZC660" s="613"/>
      <c r="HZD660" s="613"/>
      <c r="HZE660" s="613"/>
      <c r="HZF660" s="613"/>
      <c r="HZG660" s="613"/>
      <c r="HZH660" s="613"/>
      <c r="HZI660" s="613"/>
      <c r="HZJ660" s="613"/>
      <c r="HZK660" s="613"/>
      <c r="HZL660" s="613"/>
      <c r="HZM660" s="613"/>
      <c r="HZN660" s="613"/>
      <c r="HZO660" s="613"/>
      <c r="HZP660" s="613"/>
      <c r="HZQ660" s="613"/>
      <c r="HZR660" s="613"/>
      <c r="HZS660" s="613"/>
      <c r="HZT660" s="613"/>
      <c r="HZU660" s="613"/>
      <c r="HZV660" s="613"/>
      <c r="HZW660" s="613"/>
      <c r="HZX660" s="613"/>
      <c r="HZY660" s="613"/>
      <c r="HZZ660" s="613"/>
      <c r="IAA660" s="613"/>
      <c r="IAB660" s="613"/>
      <c r="IAC660" s="613"/>
      <c r="IAD660" s="613"/>
      <c r="IAE660" s="613"/>
      <c r="IAF660" s="613"/>
      <c r="IAG660" s="613"/>
      <c r="IAH660" s="613"/>
      <c r="IAI660" s="613"/>
      <c r="IAJ660" s="613"/>
      <c r="IAK660" s="613"/>
      <c r="IAL660" s="613"/>
      <c r="IAM660" s="613"/>
      <c r="IAN660" s="613"/>
      <c r="IAO660" s="613"/>
      <c r="IAP660" s="613"/>
      <c r="IAQ660" s="613"/>
      <c r="IAR660" s="613"/>
      <c r="IAS660" s="613"/>
      <c r="IAT660" s="613"/>
      <c r="IAU660" s="613"/>
      <c r="IAV660" s="613"/>
      <c r="IAW660" s="613"/>
      <c r="IAX660" s="613"/>
      <c r="IAY660" s="613"/>
      <c r="IAZ660" s="613"/>
      <c r="IBA660" s="613"/>
      <c r="IBB660" s="613"/>
      <c r="IBC660" s="613"/>
      <c r="IBD660" s="613"/>
      <c r="IBE660" s="613"/>
      <c r="IBF660" s="613"/>
      <c r="IBG660" s="613"/>
      <c r="IBH660" s="613"/>
      <c r="IBI660" s="613"/>
      <c r="IBJ660" s="613"/>
      <c r="IBK660" s="613"/>
      <c r="IBL660" s="613"/>
      <c r="IBM660" s="613"/>
      <c r="IBN660" s="613"/>
      <c r="IBO660" s="613"/>
      <c r="IBP660" s="613"/>
      <c r="IBQ660" s="613"/>
      <c r="IBR660" s="613"/>
      <c r="IBS660" s="613"/>
      <c r="IBT660" s="613"/>
      <c r="IBU660" s="613"/>
      <c r="IBV660" s="613"/>
      <c r="IBW660" s="613"/>
      <c r="IBX660" s="613"/>
      <c r="IBY660" s="613"/>
      <c r="IBZ660" s="613"/>
      <c r="ICA660" s="613"/>
      <c r="ICB660" s="613"/>
      <c r="ICC660" s="613"/>
      <c r="ICD660" s="613"/>
      <c r="ICE660" s="613"/>
      <c r="ICF660" s="613"/>
      <c r="ICG660" s="613"/>
      <c r="ICH660" s="613"/>
      <c r="ICI660" s="613"/>
      <c r="ICJ660" s="613"/>
      <c r="ICK660" s="613"/>
      <c r="ICL660" s="613"/>
      <c r="ICM660" s="613"/>
      <c r="ICN660" s="613"/>
      <c r="ICO660" s="613"/>
      <c r="ICP660" s="613"/>
      <c r="ICQ660" s="613"/>
      <c r="ICR660" s="613"/>
      <c r="ICS660" s="613"/>
      <c r="ICT660" s="613"/>
      <c r="ICU660" s="613"/>
      <c r="ICV660" s="613"/>
      <c r="ICW660" s="613"/>
      <c r="ICX660" s="613"/>
      <c r="ICY660" s="613"/>
      <c r="ICZ660" s="613"/>
      <c r="IDA660" s="613"/>
      <c r="IDB660" s="613"/>
      <c r="IDC660" s="613"/>
      <c r="IDD660" s="613"/>
      <c r="IDE660" s="613"/>
      <c r="IDF660" s="613"/>
      <c r="IDG660" s="613"/>
      <c r="IDH660" s="613"/>
      <c r="IDI660" s="613"/>
      <c r="IDJ660" s="613"/>
      <c r="IDK660" s="613"/>
      <c r="IDL660" s="613"/>
      <c r="IDM660" s="613"/>
      <c r="IDN660" s="613"/>
      <c r="IDO660" s="613"/>
      <c r="IDP660" s="613"/>
      <c r="IDQ660" s="613"/>
      <c r="IDR660" s="613"/>
      <c r="IDS660" s="613"/>
      <c r="IDT660" s="613"/>
      <c r="IDU660" s="613"/>
      <c r="IDV660" s="613"/>
      <c r="IDW660" s="613"/>
      <c r="IDX660" s="613"/>
      <c r="IDY660" s="613"/>
      <c r="IDZ660" s="613"/>
      <c r="IEA660" s="613"/>
      <c r="IEB660" s="613"/>
      <c r="IEC660" s="613"/>
      <c r="IED660" s="613"/>
      <c r="IEE660" s="613"/>
      <c r="IEF660" s="613"/>
      <c r="IEG660" s="613"/>
      <c r="IEH660" s="613"/>
      <c r="IEI660" s="613"/>
      <c r="IEJ660" s="613"/>
      <c r="IEK660" s="613"/>
      <c r="IEL660" s="613"/>
      <c r="IEM660" s="613"/>
      <c r="IEN660" s="613"/>
      <c r="IEO660" s="613"/>
      <c r="IEP660" s="613"/>
      <c r="IEQ660" s="613"/>
      <c r="IER660" s="613"/>
      <c r="IES660" s="613"/>
      <c r="IET660" s="613"/>
      <c r="IEU660" s="613"/>
      <c r="IEV660" s="613"/>
      <c r="IEW660" s="613"/>
      <c r="IEX660" s="613"/>
      <c r="IEY660" s="613"/>
      <c r="IEZ660" s="613"/>
      <c r="IFA660" s="613"/>
      <c r="IFB660" s="613"/>
      <c r="IFC660" s="613"/>
      <c r="IFD660" s="613"/>
      <c r="IFE660" s="613"/>
      <c r="IFF660" s="613"/>
      <c r="IFG660" s="613"/>
      <c r="IFH660" s="613"/>
      <c r="IFI660" s="613"/>
      <c r="IFJ660" s="613"/>
      <c r="IFK660" s="613"/>
      <c r="IFL660" s="613"/>
      <c r="IFM660" s="613"/>
      <c r="IFN660" s="613"/>
      <c r="IFO660" s="613"/>
      <c r="IFP660" s="613"/>
      <c r="IFQ660" s="613"/>
      <c r="IFR660" s="613"/>
      <c r="IFS660" s="613"/>
      <c r="IFT660" s="613"/>
      <c r="IFU660" s="613"/>
      <c r="IFV660" s="613"/>
      <c r="IFW660" s="613"/>
      <c r="IFX660" s="613"/>
      <c r="IFY660" s="613"/>
      <c r="IFZ660" s="613"/>
      <c r="IGA660" s="613"/>
      <c r="IGB660" s="613"/>
      <c r="IGC660" s="613"/>
      <c r="IGD660" s="613"/>
      <c r="IGE660" s="613"/>
      <c r="IGF660" s="613"/>
      <c r="IGG660" s="613"/>
      <c r="IGH660" s="613"/>
      <c r="IGI660" s="613"/>
      <c r="IGJ660" s="613"/>
      <c r="IGK660" s="613"/>
      <c r="IGL660" s="613"/>
      <c r="IGM660" s="613"/>
      <c r="IGN660" s="613"/>
      <c r="IGO660" s="613"/>
      <c r="IGP660" s="613"/>
      <c r="IGQ660" s="613"/>
      <c r="IGR660" s="613"/>
      <c r="IGS660" s="613"/>
      <c r="IGT660" s="613"/>
      <c r="IGU660" s="613"/>
      <c r="IGV660" s="613"/>
      <c r="IGW660" s="613"/>
      <c r="IGX660" s="613"/>
      <c r="IGY660" s="613"/>
      <c r="IGZ660" s="613"/>
      <c r="IHA660" s="613"/>
      <c r="IHB660" s="613"/>
      <c r="IHC660" s="613"/>
      <c r="IHD660" s="613"/>
      <c r="IHE660" s="613"/>
      <c r="IHF660" s="613"/>
      <c r="IHG660" s="613"/>
      <c r="IHH660" s="613"/>
      <c r="IHI660" s="613"/>
      <c r="IHJ660" s="613"/>
      <c r="IHK660" s="613"/>
      <c r="IHL660" s="613"/>
      <c r="IHM660" s="613"/>
      <c r="IHN660" s="613"/>
      <c r="IHO660" s="613"/>
      <c r="IHP660" s="613"/>
      <c r="IHQ660" s="613"/>
      <c r="IHR660" s="613"/>
      <c r="IHS660" s="613"/>
      <c r="IHT660" s="613"/>
      <c r="IHU660" s="613"/>
      <c r="IHV660" s="613"/>
      <c r="IHW660" s="613"/>
      <c r="IHX660" s="613"/>
      <c r="IHY660" s="613"/>
      <c r="IHZ660" s="613"/>
      <c r="IIA660" s="613"/>
      <c r="IIB660" s="613"/>
      <c r="IIC660" s="613"/>
      <c r="IID660" s="613"/>
      <c r="IIE660" s="613"/>
      <c r="IIF660" s="613"/>
      <c r="IIG660" s="613"/>
      <c r="IIH660" s="613"/>
      <c r="III660" s="613"/>
      <c r="IIJ660" s="613"/>
      <c r="IIK660" s="613"/>
      <c r="IIL660" s="613"/>
      <c r="IIM660" s="613"/>
      <c r="IIN660" s="613"/>
      <c r="IIO660" s="613"/>
      <c r="IIP660" s="613"/>
      <c r="IIQ660" s="613"/>
      <c r="IIR660" s="613"/>
      <c r="IIS660" s="613"/>
      <c r="IIT660" s="613"/>
      <c r="IIU660" s="613"/>
      <c r="IIV660" s="613"/>
      <c r="IIW660" s="613"/>
      <c r="IIX660" s="613"/>
      <c r="IIY660" s="613"/>
      <c r="IIZ660" s="613"/>
      <c r="IJA660" s="613"/>
      <c r="IJB660" s="613"/>
      <c r="IJC660" s="613"/>
      <c r="IJD660" s="613"/>
      <c r="IJE660" s="613"/>
      <c r="IJF660" s="613"/>
      <c r="IJG660" s="613"/>
      <c r="IJH660" s="613"/>
      <c r="IJI660" s="613"/>
      <c r="IJJ660" s="613"/>
      <c r="IJK660" s="613"/>
      <c r="IJL660" s="613"/>
      <c r="IJM660" s="613"/>
      <c r="IJN660" s="613"/>
      <c r="IJO660" s="613"/>
      <c r="IJP660" s="613"/>
      <c r="IJQ660" s="613"/>
      <c r="IJR660" s="613"/>
      <c r="IJS660" s="613"/>
      <c r="IJT660" s="613"/>
      <c r="IJU660" s="613"/>
      <c r="IJV660" s="613"/>
      <c r="IJW660" s="613"/>
      <c r="IJX660" s="613"/>
      <c r="IJY660" s="613"/>
      <c r="IJZ660" s="613"/>
      <c r="IKA660" s="613"/>
      <c r="IKB660" s="613"/>
      <c r="IKC660" s="613"/>
      <c r="IKD660" s="613"/>
      <c r="IKE660" s="613"/>
      <c r="IKF660" s="613"/>
      <c r="IKG660" s="613"/>
      <c r="IKH660" s="613"/>
      <c r="IKI660" s="613"/>
      <c r="IKJ660" s="613"/>
      <c r="IKK660" s="613"/>
      <c r="IKL660" s="613"/>
      <c r="IKM660" s="613"/>
      <c r="IKN660" s="613"/>
      <c r="IKO660" s="613"/>
      <c r="IKP660" s="613"/>
      <c r="IKQ660" s="613"/>
      <c r="IKR660" s="613"/>
      <c r="IKS660" s="613"/>
      <c r="IKT660" s="613"/>
      <c r="IKU660" s="613"/>
      <c r="IKV660" s="613"/>
      <c r="IKW660" s="613"/>
      <c r="IKX660" s="613"/>
      <c r="IKY660" s="613"/>
      <c r="IKZ660" s="613"/>
      <c r="ILA660" s="613"/>
      <c r="ILB660" s="613"/>
      <c r="ILC660" s="613"/>
      <c r="ILD660" s="613"/>
      <c r="ILE660" s="613"/>
      <c r="ILF660" s="613"/>
      <c r="ILG660" s="613"/>
      <c r="ILH660" s="613"/>
      <c r="ILI660" s="613"/>
      <c r="ILJ660" s="613"/>
      <c r="ILK660" s="613"/>
      <c r="ILL660" s="613"/>
      <c r="ILM660" s="613"/>
      <c r="ILN660" s="613"/>
      <c r="ILO660" s="613"/>
      <c r="ILP660" s="613"/>
      <c r="ILQ660" s="613"/>
      <c r="ILR660" s="613"/>
      <c r="ILS660" s="613"/>
      <c r="ILT660" s="613"/>
      <c r="ILU660" s="613"/>
      <c r="ILV660" s="613"/>
      <c r="ILW660" s="613"/>
      <c r="ILX660" s="613"/>
      <c r="ILY660" s="613"/>
      <c r="ILZ660" s="613"/>
      <c r="IMA660" s="613"/>
      <c r="IMB660" s="613"/>
      <c r="IMC660" s="613"/>
      <c r="IMD660" s="613"/>
      <c r="IME660" s="613"/>
      <c r="IMF660" s="613"/>
      <c r="IMG660" s="613"/>
      <c r="IMH660" s="613"/>
      <c r="IMI660" s="613"/>
      <c r="IMJ660" s="613"/>
      <c r="IMK660" s="613"/>
      <c r="IML660" s="613"/>
      <c r="IMM660" s="613"/>
      <c r="IMN660" s="613"/>
      <c r="IMO660" s="613"/>
      <c r="IMP660" s="613"/>
      <c r="IMQ660" s="613"/>
      <c r="IMR660" s="613"/>
      <c r="IMS660" s="613"/>
      <c r="IMT660" s="613"/>
      <c r="IMU660" s="613"/>
      <c r="IMV660" s="613"/>
      <c r="IMW660" s="613"/>
      <c r="IMX660" s="613"/>
      <c r="IMY660" s="613"/>
      <c r="IMZ660" s="613"/>
      <c r="INA660" s="613"/>
      <c r="INB660" s="613"/>
      <c r="INC660" s="613"/>
      <c r="IND660" s="613"/>
      <c r="INE660" s="613"/>
      <c r="INF660" s="613"/>
      <c r="ING660" s="613"/>
      <c r="INH660" s="613"/>
      <c r="INI660" s="613"/>
      <c r="INJ660" s="613"/>
      <c r="INK660" s="613"/>
      <c r="INL660" s="613"/>
      <c r="INM660" s="613"/>
      <c r="INN660" s="613"/>
      <c r="INO660" s="613"/>
      <c r="INP660" s="613"/>
      <c r="INQ660" s="613"/>
      <c r="INR660" s="613"/>
      <c r="INS660" s="613"/>
      <c r="INT660" s="613"/>
      <c r="INU660" s="613"/>
      <c r="INV660" s="613"/>
      <c r="INW660" s="613"/>
      <c r="INX660" s="613"/>
      <c r="INY660" s="613"/>
      <c r="INZ660" s="613"/>
      <c r="IOA660" s="613"/>
      <c r="IOB660" s="613"/>
      <c r="IOC660" s="613"/>
      <c r="IOD660" s="613"/>
      <c r="IOE660" s="613"/>
      <c r="IOF660" s="613"/>
      <c r="IOG660" s="613"/>
      <c r="IOH660" s="613"/>
      <c r="IOI660" s="613"/>
      <c r="IOJ660" s="613"/>
      <c r="IOK660" s="613"/>
      <c r="IOL660" s="613"/>
      <c r="IOM660" s="613"/>
      <c r="ION660" s="613"/>
      <c r="IOO660" s="613"/>
      <c r="IOP660" s="613"/>
      <c r="IOQ660" s="613"/>
      <c r="IOR660" s="613"/>
      <c r="IOS660" s="613"/>
      <c r="IOT660" s="613"/>
      <c r="IOU660" s="613"/>
      <c r="IOV660" s="613"/>
      <c r="IOW660" s="613"/>
      <c r="IOX660" s="613"/>
      <c r="IOY660" s="613"/>
      <c r="IOZ660" s="613"/>
      <c r="IPA660" s="613"/>
      <c r="IPB660" s="613"/>
      <c r="IPC660" s="613"/>
      <c r="IPD660" s="613"/>
      <c r="IPE660" s="613"/>
      <c r="IPF660" s="613"/>
      <c r="IPG660" s="613"/>
      <c r="IPH660" s="613"/>
      <c r="IPI660" s="613"/>
      <c r="IPJ660" s="613"/>
      <c r="IPK660" s="613"/>
      <c r="IPL660" s="613"/>
      <c r="IPM660" s="613"/>
      <c r="IPN660" s="613"/>
      <c r="IPO660" s="613"/>
      <c r="IPP660" s="613"/>
      <c r="IPQ660" s="613"/>
      <c r="IPR660" s="613"/>
      <c r="IPS660" s="613"/>
      <c r="IPT660" s="613"/>
      <c r="IPU660" s="613"/>
      <c r="IPV660" s="613"/>
      <c r="IPW660" s="613"/>
      <c r="IPX660" s="613"/>
      <c r="IPY660" s="613"/>
      <c r="IPZ660" s="613"/>
      <c r="IQA660" s="613"/>
      <c r="IQB660" s="613"/>
      <c r="IQC660" s="613"/>
      <c r="IQD660" s="613"/>
      <c r="IQE660" s="613"/>
      <c r="IQF660" s="613"/>
      <c r="IQG660" s="613"/>
      <c r="IQH660" s="613"/>
      <c r="IQI660" s="613"/>
      <c r="IQJ660" s="613"/>
      <c r="IQK660" s="613"/>
      <c r="IQL660" s="613"/>
      <c r="IQM660" s="613"/>
      <c r="IQN660" s="613"/>
      <c r="IQO660" s="613"/>
      <c r="IQP660" s="613"/>
      <c r="IQQ660" s="613"/>
      <c r="IQR660" s="613"/>
      <c r="IQS660" s="613"/>
      <c r="IQT660" s="613"/>
      <c r="IQU660" s="613"/>
      <c r="IQV660" s="613"/>
      <c r="IQW660" s="613"/>
      <c r="IQX660" s="613"/>
      <c r="IQY660" s="613"/>
      <c r="IQZ660" s="613"/>
      <c r="IRA660" s="613"/>
      <c r="IRB660" s="613"/>
      <c r="IRC660" s="613"/>
      <c r="IRD660" s="613"/>
      <c r="IRE660" s="613"/>
      <c r="IRF660" s="613"/>
      <c r="IRG660" s="613"/>
      <c r="IRH660" s="613"/>
      <c r="IRI660" s="613"/>
      <c r="IRJ660" s="613"/>
      <c r="IRK660" s="613"/>
      <c r="IRL660" s="613"/>
      <c r="IRM660" s="613"/>
      <c r="IRN660" s="613"/>
      <c r="IRO660" s="613"/>
      <c r="IRP660" s="613"/>
      <c r="IRQ660" s="613"/>
      <c r="IRR660" s="613"/>
      <c r="IRS660" s="613"/>
      <c r="IRT660" s="613"/>
      <c r="IRU660" s="613"/>
      <c r="IRV660" s="613"/>
      <c r="IRW660" s="613"/>
      <c r="IRX660" s="613"/>
      <c r="IRY660" s="613"/>
      <c r="IRZ660" s="613"/>
      <c r="ISA660" s="613"/>
      <c r="ISB660" s="613"/>
      <c r="ISC660" s="613"/>
      <c r="ISD660" s="613"/>
      <c r="ISE660" s="613"/>
      <c r="ISF660" s="613"/>
      <c r="ISG660" s="613"/>
      <c r="ISH660" s="613"/>
      <c r="ISI660" s="613"/>
      <c r="ISJ660" s="613"/>
      <c r="ISK660" s="613"/>
      <c r="ISL660" s="613"/>
      <c r="ISM660" s="613"/>
      <c r="ISN660" s="613"/>
      <c r="ISO660" s="613"/>
      <c r="ISP660" s="613"/>
      <c r="ISQ660" s="613"/>
      <c r="ISR660" s="613"/>
      <c r="ISS660" s="613"/>
      <c r="IST660" s="613"/>
      <c r="ISU660" s="613"/>
      <c r="ISV660" s="613"/>
      <c r="ISW660" s="613"/>
      <c r="ISX660" s="613"/>
      <c r="ISY660" s="613"/>
      <c r="ISZ660" s="613"/>
      <c r="ITA660" s="613"/>
      <c r="ITB660" s="613"/>
      <c r="ITC660" s="613"/>
      <c r="ITD660" s="613"/>
      <c r="ITE660" s="613"/>
      <c r="ITF660" s="613"/>
      <c r="ITG660" s="613"/>
      <c r="ITH660" s="613"/>
      <c r="ITI660" s="613"/>
      <c r="ITJ660" s="613"/>
      <c r="ITK660" s="613"/>
      <c r="ITL660" s="613"/>
      <c r="ITM660" s="613"/>
      <c r="ITN660" s="613"/>
      <c r="ITO660" s="613"/>
      <c r="ITP660" s="613"/>
      <c r="ITQ660" s="613"/>
      <c r="ITR660" s="613"/>
      <c r="ITS660" s="613"/>
      <c r="ITT660" s="613"/>
      <c r="ITU660" s="613"/>
      <c r="ITV660" s="613"/>
      <c r="ITW660" s="613"/>
      <c r="ITX660" s="613"/>
      <c r="ITY660" s="613"/>
      <c r="ITZ660" s="613"/>
      <c r="IUA660" s="613"/>
      <c r="IUB660" s="613"/>
      <c r="IUC660" s="613"/>
      <c r="IUD660" s="613"/>
      <c r="IUE660" s="613"/>
      <c r="IUF660" s="613"/>
      <c r="IUG660" s="613"/>
      <c r="IUH660" s="613"/>
      <c r="IUI660" s="613"/>
      <c r="IUJ660" s="613"/>
      <c r="IUK660" s="613"/>
      <c r="IUL660" s="613"/>
      <c r="IUM660" s="613"/>
      <c r="IUN660" s="613"/>
      <c r="IUO660" s="613"/>
      <c r="IUP660" s="613"/>
      <c r="IUQ660" s="613"/>
      <c r="IUR660" s="613"/>
      <c r="IUS660" s="613"/>
      <c r="IUT660" s="613"/>
      <c r="IUU660" s="613"/>
      <c r="IUV660" s="613"/>
      <c r="IUW660" s="613"/>
      <c r="IUX660" s="613"/>
      <c r="IUY660" s="613"/>
      <c r="IUZ660" s="613"/>
      <c r="IVA660" s="613"/>
      <c r="IVB660" s="613"/>
      <c r="IVC660" s="613"/>
      <c r="IVD660" s="613"/>
      <c r="IVE660" s="613"/>
      <c r="IVF660" s="613"/>
      <c r="IVG660" s="613"/>
      <c r="IVH660" s="613"/>
      <c r="IVI660" s="613"/>
      <c r="IVJ660" s="613"/>
      <c r="IVK660" s="613"/>
      <c r="IVL660" s="613"/>
      <c r="IVM660" s="613"/>
      <c r="IVN660" s="613"/>
      <c r="IVO660" s="613"/>
      <c r="IVP660" s="613"/>
      <c r="IVQ660" s="613"/>
      <c r="IVR660" s="613"/>
      <c r="IVS660" s="613"/>
      <c r="IVT660" s="613"/>
      <c r="IVU660" s="613"/>
      <c r="IVV660" s="613"/>
      <c r="IVW660" s="613"/>
      <c r="IVX660" s="613"/>
      <c r="IVY660" s="613"/>
      <c r="IVZ660" s="613"/>
      <c r="IWA660" s="613"/>
      <c r="IWB660" s="613"/>
      <c r="IWC660" s="613"/>
      <c r="IWD660" s="613"/>
      <c r="IWE660" s="613"/>
      <c r="IWF660" s="613"/>
      <c r="IWG660" s="613"/>
      <c r="IWH660" s="613"/>
      <c r="IWI660" s="613"/>
      <c r="IWJ660" s="613"/>
      <c r="IWK660" s="613"/>
      <c r="IWL660" s="613"/>
      <c r="IWM660" s="613"/>
      <c r="IWN660" s="613"/>
      <c r="IWO660" s="613"/>
      <c r="IWP660" s="613"/>
      <c r="IWQ660" s="613"/>
      <c r="IWR660" s="613"/>
      <c r="IWS660" s="613"/>
      <c r="IWT660" s="613"/>
      <c r="IWU660" s="613"/>
      <c r="IWV660" s="613"/>
      <c r="IWW660" s="613"/>
      <c r="IWX660" s="613"/>
      <c r="IWY660" s="613"/>
      <c r="IWZ660" s="613"/>
      <c r="IXA660" s="613"/>
      <c r="IXB660" s="613"/>
      <c r="IXC660" s="613"/>
      <c r="IXD660" s="613"/>
      <c r="IXE660" s="613"/>
      <c r="IXF660" s="613"/>
      <c r="IXG660" s="613"/>
      <c r="IXH660" s="613"/>
      <c r="IXI660" s="613"/>
      <c r="IXJ660" s="613"/>
      <c r="IXK660" s="613"/>
      <c r="IXL660" s="613"/>
      <c r="IXM660" s="613"/>
      <c r="IXN660" s="613"/>
      <c r="IXO660" s="613"/>
      <c r="IXP660" s="613"/>
      <c r="IXQ660" s="613"/>
      <c r="IXR660" s="613"/>
      <c r="IXS660" s="613"/>
      <c r="IXT660" s="613"/>
      <c r="IXU660" s="613"/>
      <c r="IXV660" s="613"/>
      <c r="IXW660" s="613"/>
      <c r="IXX660" s="613"/>
      <c r="IXY660" s="613"/>
      <c r="IXZ660" s="613"/>
      <c r="IYA660" s="613"/>
      <c r="IYB660" s="613"/>
      <c r="IYC660" s="613"/>
      <c r="IYD660" s="613"/>
      <c r="IYE660" s="613"/>
      <c r="IYF660" s="613"/>
      <c r="IYG660" s="613"/>
      <c r="IYH660" s="613"/>
      <c r="IYI660" s="613"/>
      <c r="IYJ660" s="613"/>
      <c r="IYK660" s="613"/>
      <c r="IYL660" s="613"/>
      <c r="IYM660" s="613"/>
      <c r="IYN660" s="613"/>
      <c r="IYO660" s="613"/>
      <c r="IYP660" s="613"/>
      <c r="IYQ660" s="613"/>
      <c r="IYR660" s="613"/>
      <c r="IYS660" s="613"/>
      <c r="IYT660" s="613"/>
      <c r="IYU660" s="613"/>
      <c r="IYV660" s="613"/>
      <c r="IYW660" s="613"/>
      <c r="IYX660" s="613"/>
      <c r="IYY660" s="613"/>
      <c r="IYZ660" s="613"/>
      <c r="IZA660" s="613"/>
      <c r="IZB660" s="613"/>
      <c r="IZC660" s="613"/>
      <c r="IZD660" s="613"/>
      <c r="IZE660" s="613"/>
      <c r="IZF660" s="613"/>
      <c r="IZG660" s="613"/>
      <c r="IZH660" s="613"/>
      <c r="IZI660" s="613"/>
      <c r="IZJ660" s="613"/>
      <c r="IZK660" s="613"/>
      <c r="IZL660" s="613"/>
      <c r="IZM660" s="613"/>
      <c r="IZN660" s="613"/>
      <c r="IZO660" s="613"/>
      <c r="IZP660" s="613"/>
      <c r="IZQ660" s="613"/>
      <c r="IZR660" s="613"/>
      <c r="IZS660" s="613"/>
      <c r="IZT660" s="613"/>
      <c r="IZU660" s="613"/>
      <c r="IZV660" s="613"/>
      <c r="IZW660" s="613"/>
      <c r="IZX660" s="613"/>
      <c r="IZY660" s="613"/>
      <c r="IZZ660" s="613"/>
      <c r="JAA660" s="613"/>
      <c r="JAB660" s="613"/>
      <c r="JAC660" s="613"/>
      <c r="JAD660" s="613"/>
      <c r="JAE660" s="613"/>
      <c r="JAF660" s="613"/>
      <c r="JAG660" s="613"/>
      <c r="JAH660" s="613"/>
      <c r="JAI660" s="613"/>
      <c r="JAJ660" s="613"/>
      <c r="JAK660" s="613"/>
      <c r="JAL660" s="613"/>
      <c r="JAM660" s="613"/>
      <c r="JAN660" s="613"/>
      <c r="JAO660" s="613"/>
      <c r="JAP660" s="613"/>
      <c r="JAQ660" s="613"/>
      <c r="JAR660" s="613"/>
      <c r="JAS660" s="613"/>
      <c r="JAT660" s="613"/>
      <c r="JAU660" s="613"/>
      <c r="JAV660" s="613"/>
      <c r="JAW660" s="613"/>
      <c r="JAX660" s="613"/>
      <c r="JAY660" s="613"/>
      <c r="JAZ660" s="613"/>
      <c r="JBA660" s="613"/>
      <c r="JBB660" s="613"/>
      <c r="JBC660" s="613"/>
      <c r="JBD660" s="613"/>
      <c r="JBE660" s="613"/>
      <c r="JBF660" s="613"/>
      <c r="JBG660" s="613"/>
      <c r="JBH660" s="613"/>
      <c r="JBI660" s="613"/>
      <c r="JBJ660" s="613"/>
      <c r="JBK660" s="613"/>
      <c r="JBL660" s="613"/>
      <c r="JBM660" s="613"/>
      <c r="JBN660" s="613"/>
      <c r="JBO660" s="613"/>
      <c r="JBP660" s="613"/>
      <c r="JBQ660" s="613"/>
      <c r="JBR660" s="613"/>
      <c r="JBS660" s="613"/>
      <c r="JBT660" s="613"/>
      <c r="JBU660" s="613"/>
      <c r="JBV660" s="613"/>
      <c r="JBW660" s="613"/>
      <c r="JBX660" s="613"/>
      <c r="JBY660" s="613"/>
      <c r="JBZ660" s="613"/>
      <c r="JCA660" s="613"/>
      <c r="JCB660" s="613"/>
      <c r="JCC660" s="613"/>
      <c r="JCD660" s="613"/>
      <c r="JCE660" s="613"/>
      <c r="JCF660" s="613"/>
      <c r="JCG660" s="613"/>
      <c r="JCH660" s="613"/>
      <c r="JCI660" s="613"/>
      <c r="JCJ660" s="613"/>
      <c r="JCK660" s="613"/>
      <c r="JCL660" s="613"/>
      <c r="JCM660" s="613"/>
      <c r="JCN660" s="613"/>
      <c r="JCO660" s="613"/>
      <c r="JCP660" s="613"/>
      <c r="JCQ660" s="613"/>
      <c r="JCR660" s="613"/>
      <c r="JCS660" s="613"/>
      <c r="JCT660" s="613"/>
      <c r="JCU660" s="613"/>
      <c r="JCV660" s="613"/>
      <c r="JCW660" s="613"/>
      <c r="JCX660" s="613"/>
      <c r="JCY660" s="613"/>
      <c r="JCZ660" s="613"/>
      <c r="JDA660" s="613"/>
      <c r="JDB660" s="613"/>
      <c r="JDC660" s="613"/>
      <c r="JDD660" s="613"/>
      <c r="JDE660" s="613"/>
      <c r="JDF660" s="613"/>
      <c r="JDG660" s="613"/>
      <c r="JDH660" s="613"/>
      <c r="JDI660" s="613"/>
      <c r="JDJ660" s="613"/>
      <c r="JDK660" s="613"/>
      <c r="JDL660" s="613"/>
      <c r="JDM660" s="613"/>
      <c r="JDN660" s="613"/>
      <c r="JDO660" s="613"/>
      <c r="JDP660" s="613"/>
      <c r="JDQ660" s="613"/>
      <c r="JDR660" s="613"/>
      <c r="JDS660" s="613"/>
      <c r="JDT660" s="613"/>
      <c r="JDU660" s="613"/>
      <c r="JDV660" s="613"/>
      <c r="JDW660" s="613"/>
      <c r="JDX660" s="613"/>
      <c r="JDY660" s="613"/>
      <c r="JDZ660" s="613"/>
      <c r="JEA660" s="613"/>
      <c r="JEB660" s="613"/>
      <c r="JEC660" s="613"/>
      <c r="JED660" s="613"/>
      <c r="JEE660" s="613"/>
      <c r="JEF660" s="613"/>
      <c r="JEG660" s="613"/>
      <c r="JEH660" s="613"/>
      <c r="JEI660" s="613"/>
      <c r="JEJ660" s="613"/>
      <c r="JEK660" s="613"/>
      <c r="JEL660" s="613"/>
      <c r="JEM660" s="613"/>
      <c r="JEN660" s="613"/>
      <c r="JEO660" s="613"/>
      <c r="JEP660" s="613"/>
      <c r="JEQ660" s="613"/>
      <c r="JER660" s="613"/>
      <c r="JES660" s="613"/>
      <c r="JET660" s="613"/>
      <c r="JEU660" s="613"/>
      <c r="JEV660" s="613"/>
      <c r="JEW660" s="613"/>
      <c r="JEX660" s="613"/>
      <c r="JEY660" s="613"/>
      <c r="JEZ660" s="613"/>
      <c r="JFA660" s="613"/>
      <c r="JFB660" s="613"/>
      <c r="JFC660" s="613"/>
      <c r="JFD660" s="613"/>
      <c r="JFE660" s="613"/>
      <c r="JFF660" s="613"/>
      <c r="JFG660" s="613"/>
      <c r="JFH660" s="613"/>
      <c r="JFI660" s="613"/>
      <c r="JFJ660" s="613"/>
      <c r="JFK660" s="613"/>
      <c r="JFL660" s="613"/>
      <c r="JFM660" s="613"/>
      <c r="JFN660" s="613"/>
      <c r="JFO660" s="613"/>
      <c r="JFP660" s="613"/>
      <c r="JFQ660" s="613"/>
      <c r="JFR660" s="613"/>
      <c r="JFS660" s="613"/>
      <c r="JFT660" s="613"/>
      <c r="JFU660" s="613"/>
      <c r="JFV660" s="613"/>
      <c r="JFW660" s="613"/>
      <c r="JFX660" s="613"/>
      <c r="JFY660" s="613"/>
      <c r="JFZ660" s="613"/>
      <c r="JGA660" s="613"/>
      <c r="JGB660" s="613"/>
      <c r="JGC660" s="613"/>
      <c r="JGD660" s="613"/>
      <c r="JGE660" s="613"/>
      <c r="JGF660" s="613"/>
      <c r="JGG660" s="613"/>
      <c r="JGH660" s="613"/>
      <c r="JGI660" s="613"/>
      <c r="JGJ660" s="613"/>
      <c r="JGK660" s="613"/>
      <c r="JGL660" s="613"/>
      <c r="JGM660" s="613"/>
      <c r="JGN660" s="613"/>
      <c r="JGO660" s="613"/>
      <c r="JGP660" s="613"/>
      <c r="JGQ660" s="613"/>
      <c r="JGR660" s="613"/>
      <c r="JGS660" s="613"/>
      <c r="JGT660" s="613"/>
      <c r="JGU660" s="613"/>
      <c r="JGV660" s="613"/>
      <c r="JGW660" s="613"/>
      <c r="JGX660" s="613"/>
      <c r="JGY660" s="613"/>
      <c r="JGZ660" s="613"/>
      <c r="JHA660" s="613"/>
      <c r="JHB660" s="613"/>
      <c r="JHC660" s="613"/>
      <c r="JHD660" s="613"/>
      <c r="JHE660" s="613"/>
      <c r="JHF660" s="613"/>
      <c r="JHG660" s="613"/>
      <c r="JHH660" s="613"/>
      <c r="JHI660" s="613"/>
      <c r="JHJ660" s="613"/>
      <c r="JHK660" s="613"/>
      <c r="JHL660" s="613"/>
      <c r="JHM660" s="613"/>
      <c r="JHN660" s="613"/>
      <c r="JHO660" s="613"/>
      <c r="JHP660" s="613"/>
      <c r="JHQ660" s="613"/>
      <c r="JHR660" s="613"/>
      <c r="JHS660" s="613"/>
      <c r="JHT660" s="613"/>
      <c r="JHU660" s="613"/>
      <c r="JHV660" s="613"/>
      <c r="JHW660" s="613"/>
      <c r="JHX660" s="613"/>
      <c r="JHY660" s="613"/>
      <c r="JHZ660" s="613"/>
      <c r="JIA660" s="613"/>
      <c r="JIB660" s="613"/>
      <c r="JIC660" s="613"/>
      <c r="JID660" s="613"/>
      <c r="JIE660" s="613"/>
      <c r="JIF660" s="613"/>
      <c r="JIG660" s="613"/>
      <c r="JIH660" s="613"/>
      <c r="JII660" s="613"/>
      <c r="JIJ660" s="613"/>
      <c r="JIK660" s="613"/>
      <c r="JIL660" s="613"/>
      <c r="JIM660" s="613"/>
      <c r="JIN660" s="613"/>
      <c r="JIO660" s="613"/>
      <c r="JIP660" s="613"/>
      <c r="JIQ660" s="613"/>
      <c r="JIR660" s="613"/>
      <c r="JIS660" s="613"/>
      <c r="JIT660" s="613"/>
      <c r="JIU660" s="613"/>
      <c r="JIV660" s="613"/>
      <c r="JIW660" s="613"/>
      <c r="JIX660" s="613"/>
      <c r="JIY660" s="613"/>
      <c r="JIZ660" s="613"/>
      <c r="JJA660" s="613"/>
      <c r="JJB660" s="613"/>
      <c r="JJC660" s="613"/>
      <c r="JJD660" s="613"/>
      <c r="JJE660" s="613"/>
      <c r="JJF660" s="613"/>
      <c r="JJG660" s="613"/>
      <c r="JJH660" s="613"/>
      <c r="JJI660" s="613"/>
      <c r="JJJ660" s="613"/>
      <c r="JJK660" s="613"/>
      <c r="JJL660" s="613"/>
      <c r="JJM660" s="613"/>
      <c r="JJN660" s="613"/>
      <c r="JJO660" s="613"/>
      <c r="JJP660" s="613"/>
      <c r="JJQ660" s="613"/>
      <c r="JJR660" s="613"/>
      <c r="JJS660" s="613"/>
      <c r="JJT660" s="613"/>
      <c r="JJU660" s="613"/>
      <c r="JJV660" s="613"/>
      <c r="JJW660" s="613"/>
      <c r="JJX660" s="613"/>
      <c r="JJY660" s="613"/>
      <c r="JJZ660" s="613"/>
      <c r="JKA660" s="613"/>
      <c r="JKB660" s="613"/>
      <c r="JKC660" s="613"/>
      <c r="JKD660" s="613"/>
      <c r="JKE660" s="613"/>
      <c r="JKF660" s="613"/>
      <c r="JKG660" s="613"/>
      <c r="JKH660" s="613"/>
      <c r="JKI660" s="613"/>
      <c r="JKJ660" s="613"/>
      <c r="JKK660" s="613"/>
      <c r="JKL660" s="613"/>
      <c r="JKM660" s="613"/>
      <c r="JKN660" s="613"/>
      <c r="JKO660" s="613"/>
      <c r="JKP660" s="613"/>
      <c r="JKQ660" s="613"/>
      <c r="JKR660" s="613"/>
      <c r="JKS660" s="613"/>
      <c r="JKT660" s="613"/>
      <c r="JKU660" s="613"/>
      <c r="JKV660" s="613"/>
      <c r="JKW660" s="613"/>
      <c r="JKX660" s="613"/>
      <c r="JKY660" s="613"/>
      <c r="JKZ660" s="613"/>
      <c r="JLA660" s="613"/>
      <c r="JLB660" s="613"/>
      <c r="JLC660" s="613"/>
      <c r="JLD660" s="613"/>
      <c r="JLE660" s="613"/>
      <c r="JLF660" s="613"/>
      <c r="JLG660" s="613"/>
      <c r="JLH660" s="613"/>
      <c r="JLI660" s="613"/>
      <c r="JLJ660" s="613"/>
      <c r="JLK660" s="613"/>
      <c r="JLL660" s="613"/>
      <c r="JLM660" s="613"/>
      <c r="JLN660" s="613"/>
      <c r="JLO660" s="613"/>
      <c r="JLP660" s="613"/>
      <c r="JLQ660" s="613"/>
      <c r="JLR660" s="613"/>
      <c r="JLS660" s="613"/>
      <c r="JLT660" s="613"/>
      <c r="JLU660" s="613"/>
      <c r="JLV660" s="613"/>
      <c r="JLW660" s="613"/>
      <c r="JLX660" s="613"/>
      <c r="JLY660" s="613"/>
      <c r="JLZ660" s="613"/>
      <c r="JMA660" s="613"/>
      <c r="JMB660" s="613"/>
      <c r="JMC660" s="613"/>
      <c r="JMD660" s="613"/>
      <c r="JME660" s="613"/>
      <c r="JMF660" s="613"/>
      <c r="JMG660" s="613"/>
      <c r="JMH660" s="613"/>
      <c r="JMI660" s="613"/>
      <c r="JMJ660" s="613"/>
      <c r="JMK660" s="613"/>
      <c r="JML660" s="613"/>
      <c r="JMM660" s="613"/>
      <c r="JMN660" s="613"/>
      <c r="JMO660" s="613"/>
      <c r="JMP660" s="613"/>
      <c r="JMQ660" s="613"/>
      <c r="JMR660" s="613"/>
      <c r="JMS660" s="613"/>
      <c r="JMT660" s="613"/>
      <c r="JMU660" s="613"/>
      <c r="JMV660" s="613"/>
      <c r="JMW660" s="613"/>
      <c r="JMX660" s="613"/>
      <c r="JMY660" s="613"/>
      <c r="JMZ660" s="613"/>
      <c r="JNA660" s="613"/>
      <c r="JNB660" s="613"/>
      <c r="JNC660" s="613"/>
      <c r="JND660" s="613"/>
      <c r="JNE660" s="613"/>
      <c r="JNF660" s="613"/>
      <c r="JNG660" s="613"/>
      <c r="JNH660" s="613"/>
      <c r="JNI660" s="613"/>
      <c r="JNJ660" s="613"/>
      <c r="JNK660" s="613"/>
      <c r="JNL660" s="613"/>
      <c r="JNM660" s="613"/>
      <c r="JNN660" s="613"/>
      <c r="JNO660" s="613"/>
      <c r="JNP660" s="613"/>
      <c r="JNQ660" s="613"/>
      <c r="JNR660" s="613"/>
      <c r="JNS660" s="613"/>
      <c r="JNT660" s="613"/>
      <c r="JNU660" s="613"/>
      <c r="JNV660" s="613"/>
      <c r="JNW660" s="613"/>
      <c r="JNX660" s="613"/>
      <c r="JNY660" s="613"/>
      <c r="JNZ660" s="613"/>
      <c r="JOA660" s="613"/>
      <c r="JOB660" s="613"/>
      <c r="JOC660" s="613"/>
      <c r="JOD660" s="613"/>
      <c r="JOE660" s="613"/>
      <c r="JOF660" s="613"/>
      <c r="JOG660" s="613"/>
      <c r="JOH660" s="613"/>
      <c r="JOI660" s="613"/>
      <c r="JOJ660" s="613"/>
      <c r="JOK660" s="613"/>
      <c r="JOL660" s="613"/>
      <c r="JOM660" s="613"/>
      <c r="JON660" s="613"/>
      <c r="JOO660" s="613"/>
      <c r="JOP660" s="613"/>
      <c r="JOQ660" s="613"/>
      <c r="JOR660" s="613"/>
      <c r="JOS660" s="613"/>
      <c r="JOT660" s="613"/>
      <c r="JOU660" s="613"/>
      <c r="JOV660" s="613"/>
      <c r="JOW660" s="613"/>
      <c r="JOX660" s="613"/>
      <c r="JOY660" s="613"/>
      <c r="JOZ660" s="613"/>
      <c r="JPA660" s="613"/>
      <c r="JPB660" s="613"/>
      <c r="JPC660" s="613"/>
      <c r="JPD660" s="613"/>
      <c r="JPE660" s="613"/>
      <c r="JPF660" s="613"/>
      <c r="JPG660" s="613"/>
      <c r="JPH660" s="613"/>
      <c r="JPI660" s="613"/>
      <c r="JPJ660" s="613"/>
      <c r="JPK660" s="613"/>
      <c r="JPL660" s="613"/>
      <c r="JPM660" s="613"/>
      <c r="JPN660" s="613"/>
      <c r="JPO660" s="613"/>
      <c r="JPP660" s="613"/>
      <c r="JPQ660" s="613"/>
      <c r="JPR660" s="613"/>
      <c r="JPS660" s="613"/>
      <c r="JPT660" s="613"/>
      <c r="JPU660" s="613"/>
      <c r="JPV660" s="613"/>
      <c r="JPW660" s="613"/>
      <c r="JPX660" s="613"/>
      <c r="JPY660" s="613"/>
      <c r="JPZ660" s="613"/>
      <c r="JQA660" s="613"/>
      <c r="JQB660" s="613"/>
      <c r="JQC660" s="613"/>
      <c r="JQD660" s="613"/>
      <c r="JQE660" s="613"/>
      <c r="JQF660" s="613"/>
      <c r="JQG660" s="613"/>
      <c r="JQH660" s="613"/>
      <c r="JQI660" s="613"/>
      <c r="JQJ660" s="613"/>
      <c r="JQK660" s="613"/>
      <c r="JQL660" s="613"/>
      <c r="JQM660" s="613"/>
      <c r="JQN660" s="613"/>
      <c r="JQO660" s="613"/>
      <c r="JQP660" s="613"/>
      <c r="JQQ660" s="613"/>
      <c r="JQR660" s="613"/>
      <c r="JQS660" s="613"/>
      <c r="JQT660" s="613"/>
      <c r="JQU660" s="613"/>
      <c r="JQV660" s="613"/>
      <c r="JQW660" s="613"/>
      <c r="JQX660" s="613"/>
      <c r="JQY660" s="613"/>
      <c r="JQZ660" s="613"/>
      <c r="JRA660" s="613"/>
      <c r="JRB660" s="613"/>
      <c r="JRC660" s="613"/>
      <c r="JRD660" s="613"/>
      <c r="JRE660" s="613"/>
      <c r="JRF660" s="613"/>
      <c r="JRG660" s="613"/>
      <c r="JRH660" s="613"/>
      <c r="JRI660" s="613"/>
      <c r="JRJ660" s="613"/>
      <c r="JRK660" s="613"/>
      <c r="JRL660" s="613"/>
      <c r="JRM660" s="613"/>
      <c r="JRN660" s="613"/>
      <c r="JRO660" s="613"/>
      <c r="JRP660" s="613"/>
      <c r="JRQ660" s="613"/>
      <c r="JRR660" s="613"/>
      <c r="JRS660" s="613"/>
      <c r="JRT660" s="613"/>
      <c r="JRU660" s="613"/>
      <c r="JRV660" s="613"/>
      <c r="JRW660" s="613"/>
      <c r="JRX660" s="613"/>
      <c r="JRY660" s="613"/>
      <c r="JRZ660" s="613"/>
      <c r="JSA660" s="613"/>
      <c r="JSB660" s="613"/>
      <c r="JSC660" s="613"/>
      <c r="JSD660" s="613"/>
      <c r="JSE660" s="613"/>
      <c r="JSF660" s="613"/>
      <c r="JSG660" s="613"/>
      <c r="JSH660" s="613"/>
      <c r="JSI660" s="613"/>
      <c r="JSJ660" s="613"/>
      <c r="JSK660" s="613"/>
      <c r="JSL660" s="613"/>
      <c r="JSM660" s="613"/>
      <c r="JSN660" s="613"/>
      <c r="JSO660" s="613"/>
      <c r="JSP660" s="613"/>
      <c r="JSQ660" s="613"/>
      <c r="JSR660" s="613"/>
      <c r="JSS660" s="613"/>
      <c r="JST660" s="613"/>
      <c r="JSU660" s="613"/>
      <c r="JSV660" s="613"/>
      <c r="JSW660" s="613"/>
      <c r="JSX660" s="613"/>
      <c r="JSY660" s="613"/>
      <c r="JSZ660" s="613"/>
      <c r="JTA660" s="613"/>
      <c r="JTB660" s="613"/>
      <c r="JTC660" s="613"/>
      <c r="JTD660" s="613"/>
      <c r="JTE660" s="613"/>
      <c r="JTF660" s="613"/>
      <c r="JTG660" s="613"/>
      <c r="JTH660" s="613"/>
      <c r="JTI660" s="613"/>
      <c r="JTJ660" s="613"/>
      <c r="JTK660" s="613"/>
      <c r="JTL660" s="613"/>
      <c r="JTM660" s="613"/>
      <c r="JTN660" s="613"/>
      <c r="JTO660" s="613"/>
      <c r="JTP660" s="613"/>
      <c r="JTQ660" s="613"/>
      <c r="JTR660" s="613"/>
      <c r="JTS660" s="613"/>
      <c r="JTT660" s="613"/>
      <c r="JTU660" s="613"/>
      <c r="JTV660" s="613"/>
      <c r="JTW660" s="613"/>
      <c r="JTX660" s="613"/>
      <c r="JTY660" s="613"/>
      <c r="JTZ660" s="613"/>
      <c r="JUA660" s="613"/>
      <c r="JUB660" s="613"/>
      <c r="JUC660" s="613"/>
      <c r="JUD660" s="613"/>
      <c r="JUE660" s="613"/>
      <c r="JUF660" s="613"/>
      <c r="JUG660" s="613"/>
      <c r="JUH660" s="613"/>
      <c r="JUI660" s="613"/>
      <c r="JUJ660" s="613"/>
      <c r="JUK660" s="613"/>
      <c r="JUL660" s="613"/>
      <c r="JUM660" s="613"/>
      <c r="JUN660" s="613"/>
      <c r="JUO660" s="613"/>
      <c r="JUP660" s="613"/>
      <c r="JUQ660" s="613"/>
      <c r="JUR660" s="613"/>
      <c r="JUS660" s="613"/>
      <c r="JUT660" s="613"/>
      <c r="JUU660" s="613"/>
      <c r="JUV660" s="613"/>
      <c r="JUW660" s="613"/>
      <c r="JUX660" s="613"/>
      <c r="JUY660" s="613"/>
      <c r="JUZ660" s="613"/>
      <c r="JVA660" s="613"/>
      <c r="JVB660" s="613"/>
      <c r="JVC660" s="613"/>
      <c r="JVD660" s="613"/>
      <c r="JVE660" s="613"/>
      <c r="JVF660" s="613"/>
      <c r="JVG660" s="613"/>
      <c r="JVH660" s="613"/>
      <c r="JVI660" s="613"/>
      <c r="JVJ660" s="613"/>
      <c r="JVK660" s="613"/>
      <c r="JVL660" s="613"/>
      <c r="JVM660" s="613"/>
      <c r="JVN660" s="613"/>
      <c r="JVO660" s="613"/>
      <c r="JVP660" s="613"/>
      <c r="JVQ660" s="613"/>
      <c r="JVR660" s="613"/>
      <c r="JVS660" s="613"/>
      <c r="JVT660" s="613"/>
      <c r="JVU660" s="613"/>
      <c r="JVV660" s="613"/>
      <c r="JVW660" s="613"/>
      <c r="JVX660" s="613"/>
      <c r="JVY660" s="613"/>
      <c r="JVZ660" s="613"/>
      <c r="JWA660" s="613"/>
      <c r="JWB660" s="613"/>
      <c r="JWC660" s="613"/>
      <c r="JWD660" s="613"/>
      <c r="JWE660" s="613"/>
      <c r="JWF660" s="613"/>
      <c r="JWG660" s="613"/>
      <c r="JWH660" s="613"/>
      <c r="JWI660" s="613"/>
      <c r="JWJ660" s="613"/>
      <c r="JWK660" s="613"/>
      <c r="JWL660" s="613"/>
      <c r="JWM660" s="613"/>
      <c r="JWN660" s="613"/>
      <c r="JWO660" s="613"/>
      <c r="JWP660" s="613"/>
      <c r="JWQ660" s="613"/>
      <c r="JWR660" s="613"/>
      <c r="JWS660" s="613"/>
      <c r="JWT660" s="613"/>
      <c r="JWU660" s="613"/>
      <c r="JWV660" s="613"/>
      <c r="JWW660" s="613"/>
      <c r="JWX660" s="613"/>
      <c r="JWY660" s="613"/>
      <c r="JWZ660" s="613"/>
      <c r="JXA660" s="613"/>
      <c r="JXB660" s="613"/>
      <c r="JXC660" s="613"/>
      <c r="JXD660" s="613"/>
      <c r="JXE660" s="613"/>
      <c r="JXF660" s="613"/>
      <c r="JXG660" s="613"/>
      <c r="JXH660" s="613"/>
      <c r="JXI660" s="613"/>
      <c r="JXJ660" s="613"/>
      <c r="JXK660" s="613"/>
      <c r="JXL660" s="613"/>
      <c r="JXM660" s="613"/>
      <c r="JXN660" s="613"/>
      <c r="JXO660" s="613"/>
      <c r="JXP660" s="613"/>
      <c r="JXQ660" s="613"/>
      <c r="JXR660" s="613"/>
      <c r="JXS660" s="613"/>
      <c r="JXT660" s="613"/>
      <c r="JXU660" s="613"/>
      <c r="JXV660" s="613"/>
      <c r="JXW660" s="613"/>
      <c r="JXX660" s="613"/>
      <c r="JXY660" s="613"/>
      <c r="JXZ660" s="613"/>
      <c r="JYA660" s="613"/>
      <c r="JYB660" s="613"/>
      <c r="JYC660" s="613"/>
      <c r="JYD660" s="613"/>
      <c r="JYE660" s="613"/>
      <c r="JYF660" s="613"/>
      <c r="JYG660" s="613"/>
      <c r="JYH660" s="613"/>
      <c r="JYI660" s="613"/>
      <c r="JYJ660" s="613"/>
      <c r="JYK660" s="613"/>
      <c r="JYL660" s="613"/>
      <c r="JYM660" s="613"/>
      <c r="JYN660" s="613"/>
      <c r="JYO660" s="613"/>
      <c r="JYP660" s="613"/>
      <c r="JYQ660" s="613"/>
      <c r="JYR660" s="613"/>
      <c r="JYS660" s="613"/>
      <c r="JYT660" s="613"/>
      <c r="JYU660" s="613"/>
      <c r="JYV660" s="613"/>
      <c r="JYW660" s="613"/>
      <c r="JYX660" s="613"/>
      <c r="JYY660" s="613"/>
      <c r="JYZ660" s="613"/>
      <c r="JZA660" s="613"/>
      <c r="JZB660" s="613"/>
      <c r="JZC660" s="613"/>
      <c r="JZD660" s="613"/>
      <c r="JZE660" s="613"/>
      <c r="JZF660" s="613"/>
      <c r="JZG660" s="613"/>
      <c r="JZH660" s="613"/>
      <c r="JZI660" s="613"/>
      <c r="JZJ660" s="613"/>
      <c r="JZK660" s="613"/>
      <c r="JZL660" s="613"/>
      <c r="JZM660" s="613"/>
      <c r="JZN660" s="613"/>
      <c r="JZO660" s="613"/>
      <c r="JZP660" s="613"/>
      <c r="JZQ660" s="613"/>
      <c r="JZR660" s="613"/>
      <c r="JZS660" s="613"/>
      <c r="JZT660" s="613"/>
      <c r="JZU660" s="613"/>
      <c r="JZV660" s="613"/>
      <c r="JZW660" s="613"/>
      <c r="JZX660" s="613"/>
      <c r="JZY660" s="613"/>
      <c r="JZZ660" s="613"/>
      <c r="KAA660" s="613"/>
      <c r="KAB660" s="613"/>
      <c r="KAC660" s="613"/>
      <c r="KAD660" s="613"/>
      <c r="KAE660" s="613"/>
      <c r="KAF660" s="613"/>
      <c r="KAG660" s="613"/>
      <c r="KAH660" s="613"/>
      <c r="KAI660" s="613"/>
      <c r="KAJ660" s="613"/>
      <c r="KAK660" s="613"/>
      <c r="KAL660" s="613"/>
      <c r="KAM660" s="613"/>
      <c r="KAN660" s="613"/>
      <c r="KAO660" s="613"/>
      <c r="KAP660" s="613"/>
      <c r="KAQ660" s="613"/>
      <c r="KAR660" s="613"/>
      <c r="KAS660" s="613"/>
      <c r="KAT660" s="613"/>
      <c r="KAU660" s="613"/>
      <c r="KAV660" s="613"/>
      <c r="KAW660" s="613"/>
      <c r="KAX660" s="613"/>
      <c r="KAY660" s="613"/>
      <c r="KAZ660" s="613"/>
      <c r="KBA660" s="613"/>
      <c r="KBB660" s="613"/>
      <c r="KBC660" s="613"/>
      <c r="KBD660" s="613"/>
      <c r="KBE660" s="613"/>
      <c r="KBF660" s="613"/>
      <c r="KBG660" s="613"/>
      <c r="KBH660" s="613"/>
      <c r="KBI660" s="613"/>
      <c r="KBJ660" s="613"/>
      <c r="KBK660" s="613"/>
      <c r="KBL660" s="613"/>
      <c r="KBM660" s="613"/>
      <c r="KBN660" s="613"/>
      <c r="KBO660" s="613"/>
      <c r="KBP660" s="613"/>
      <c r="KBQ660" s="613"/>
      <c r="KBR660" s="613"/>
      <c r="KBS660" s="613"/>
      <c r="KBT660" s="613"/>
      <c r="KBU660" s="613"/>
      <c r="KBV660" s="613"/>
      <c r="KBW660" s="613"/>
      <c r="KBX660" s="613"/>
      <c r="KBY660" s="613"/>
      <c r="KBZ660" s="613"/>
      <c r="KCA660" s="613"/>
      <c r="KCB660" s="613"/>
      <c r="KCC660" s="613"/>
      <c r="KCD660" s="613"/>
      <c r="KCE660" s="613"/>
      <c r="KCF660" s="613"/>
      <c r="KCG660" s="613"/>
      <c r="KCH660" s="613"/>
      <c r="KCI660" s="613"/>
      <c r="KCJ660" s="613"/>
      <c r="KCK660" s="613"/>
      <c r="KCL660" s="613"/>
      <c r="KCM660" s="613"/>
      <c r="KCN660" s="613"/>
      <c r="KCO660" s="613"/>
      <c r="KCP660" s="613"/>
      <c r="KCQ660" s="613"/>
      <c r="KCR660" s="613"/>
      <c r="KCS660" s="613"/>
      <c r="KCT660" s="613"/>
      <c r="KCU660" s="613"/>
      <c r="KCV660" s="613"/>
      <c r="KCW660" s="613"/>
      <c r="KCX660" s="613"/>
      <c r="KCY660" s="613"/>
      <c r="KCZ660" s="613"/>
      <c r="KDA660" s="613"/>
      <c r="KDB660" s="613"/>
      <c r="KDC660" s="613"/>
      <c r="KDD660" s="613"/>
      <c r="KDE660" s="613"/>
      <c r="KDF660" s="613"/>
      <c r="KDG660" s="613"/>
      <c r="KDH660" s="613"/>
      <c r="KDI660" s="613"/>
      <c r="KDJ660" s="613"/>
      <c r="KDK660" s="613"/>
      <c r="KDL660" s="613"/>
      <c r="KDM660" s="613"/>
      <c r="KDN660" s="613"/>
      <c r="KDO660" s="613"/>
      <c r="KDP660" s="613"/>
      <c r="KDQ660" s="613"/>
      <c r="KDR660" s="613"/>
      <c r="KDS660" s="613"/>
      <c r="KDT660" s="613"/>
      <c r="KDU660" s="613"/>
      <c r="KDV660" s="613"/>
      <c r="KDW660" s="613"/>
      <c r="KDX660" s="613"/>
      <c r="KDY660" s="613"/>
      <c r="KDZ660" s="613"/>
      <c r="KEA660" s="613"/>
      <c r="KEB660" s="613"/>
      <c r="KEC660" s="613"/>
      <c r="KED660" s="613"/>
      <c r="KEE660" s="613"/>
      <c r="KEF660" s="613"/>
      <c r="KEG660" s="613"/>
      <c r="KEH660" s="613"/>
      <c r="KEI660" s="613"/>
      <c r="KEJ660" s="613"/>
      <c r="KEK660" s="613"/>
      <c r="KEL660" s="613"/>
      <c r="KEM660" s="613"/>
      <c r="KEN660" s="613"/>
      <c r="KEO660" s="613"/>
      <c r="KEP660" s="613"/>
      <c r="KEQ660" s="613"/>
      <c r="KER660" s="613"/>
      <c r="KES660" s="613"/>
      <c r="KET660" s="613"/>
      <c r="KEU660" s="613"/>
      <c r="KEV660" s="613"/>
      <c r="KEW660" s="613"/>
      <c r="KEX660" s="613"/>
      <c r="KEY660" s="613"/>
      <c r="KEZ660" s="613"/>
      <c r="KFA660" s="613"/>
      <c r="KFB660" s="613"/>
      <c r="KFC660" s="613"/>
      <c r="KFD660" s="613"/>
      <c r="KFE660" s="613"/>
      <c r="KFF660" s="613"/>
      <c r="KFG660" s="613"/>
      <c r="KFH660" s="613"/>
      <c r="KFI660" s="613"/>
      <c r="KFJ660" s="613"/>
      <c r="KFK660" s="613"/>
      <c r="KFL660" s="613"/>
      <c r="KFM660" s="613"/>
      <c r="KFN660" s="613"/>
      <c r="KFO660" s="613"/>
      <c r="KFP660" s="613"/>
      <c r="KFQ660" s="613"/>
      <c r="KFR660" s="613"/>
      <c r="KFS660" s="613"/>
      <c r="KFT660" s="613"/>
      <c r="KFU660" s="613"/>
      <c r="KFV660" s="613"/>
      <c r="KFW660" s="613"/>
      <c r="KFX660" s="613"/>
      <c r="KFY660" s="613"/>
      <c r="KFZ660" s="613"/>
      <c r="KGA660" s="613"/>
      <c r="KGB660" s="613"/>
      <c r="KGC660" s="613"/>
      <c r="KGD660" s="613"/>
      <c r="KGE660" s="613"/>
      <c r="KGF660" s="613"/>
      <c r="KGG660" s="613"/>
      <c r="KGH660" s="613"/>
      <c r="KGI660" s="613"/>
      <c r="KGJ660" s="613"/>
      <c r="KGK660" s="613"/>
      <c r="KGL660" s="613"/>
      <c r="KGM660" s="613"/>
      <c r="KGN660" s="613"/>
      <c r="KGO660" s="613"/>
      <c r="KGP660" s="613"/>
      <c r="KGQ660" s="613"/>
      <c r="KGR660" s="613"/>
      <c r="KGS660" s="613"/>
      <c r="KGT660" s="613"/>
      <c r="KGU660" s="613"/>
      <c r="KGV660" s="613"/>
      <c r="KGW660" s="613"/>
      <c r="KGX660" s="613"/>
      <c r="KGY660" s="613"/>
      <c r="KGZ660" s="613"/>
      <c r="KHA660" s="613"/>
      <c r="KHB660" s="613"/>
      <c r="KHC660" s="613"/>
      <c r="KHD660" s="613"/>
      <c r="KHE660" s="613"/>
      <c r="KHF660" s="613"/>
      <c r="KHG660" s="613"/>
      <c r="KHH660" s="613"/>
      <c r="KHI660" s="613"/>
      <c r="KHJ660" s="613"/>
      <c r="KHK660" s="613"/>
      <c r="KHL660" s="613"/>
      <c r="KHM660" s="613"/>
      <c r="KHN660" s="613"/>
      <c r="KHO660" s="613"/>
      <c r="KHP660" s="613"/>
      <c r="KHQ660" s="613"/>
      <c r="KHR660" s="613"/>
      <c r="KHS660" s="613"/>
      <c r="KHT660" s="613"/>
      <c r="KHU660" s="613"/>
      <c r="KHV660" s="613"/>
      <c r="KHW660" s="613"/>
      <c r="KHX660" s="613"/>
      <c r="KHY660" s="613"/>
      <c r="KHZ660" s="613"/>
      <c r="KIA660" s="613"/>
      <c r="KIB660" s="613"/>
      <c r="KIC660" s="613"/>
      <c r="KID660" s="613"/>
      <c r="KIE660" s="613"/>
      <c r="KIF660" s="613"/>
      <c r="KIG660" s="613"/>
      <c r="KIH660" s="613"/>
      <c r="KII660" s="613"/>
      <c r="KIJ660" s="613"/>
      <c r="KIK660" s="613"/>
      <c r="KIL660" s="613"/>
      <c r="KIM660" s="613"/>
      <c r="KIN660" s="613"/>
      <c r="KIO660" s="613"/>
      <c r="KIP660" s="613"/>
      <c r="KIQ660" s="613"/>
      <c r="KIR660" s="613"/>
      <c r="KIS660" s="613"/>
      <c r="KIT660" s="613"/>
      <c r="KIU660" s="613"/>
      <c r="KIV660" s="613"/>
      <c r="KIW660" s="613"/>
      <c r="KIX660" s="613"/>
      <c r="KIY660" s="613"/>
      <c r="KIZ660" s="613"/>
      <c r="KJA660" s="613"/>
      <c r="KJB660" s="613"/>
      <c r="KJC660" s="613"/>
      <c r="KJD660" s="613"/>
      <c r="KJE660" s="613"/>
      <c r="KJF660" s="613"/>
      <c r="KJG660" s="613"/>
      <c r="KJH660" s="613"/>
      <c r="KJI660" s="613"/>
      <c r="KJJ660" s="613"/>
      <c r="KJK660" s="613"/>
      <c r="KJL660" s="613"/>
      <c r="KJM660" s="613"/>
      <c r="KJN660" s="613"/>
      <c r="KJO660" s="613"/>
      <c r="KJP660" s="613"/>
      <c r="KJQ660" s="613"/>
      <c r="KJR660" s="613"/>
      <c r="KJS660" s="613"/>
      <c r="KJT660" s="613"/>
      <c r="KJU660" s="613"/>
      <c r="KJV660" s="613"/>
      <c r="KJW660" s="613"/>
      <c r="KJX660" s="613"/>
      <c r="KJY660" s="613"/>
      <c r="KJZ660" s="613"/>
      <c r="KKA660" s="613"/>
      <c r="KKB660" s="613"/>
      <c r="KKC660" s="613"/>
      <c r="KKD660" s="613"/>
      <c r="KKE660" s="613"/>
      <c r="KKF660" s="613"/>
      <c r="KKG660" s="613"/>
      <c r="KKH660" s="613"/>
      <c r="KKI660" s="613"/>
      <c r="KKJ660" s="613"/>
      <c r="KKK660" s="613"/>
      <c r="KKL660" s="613"/>
      <c r="KKM660" s="613"/>
      <c r="KKN660" s="613"/>
      <c r="KKO660" s="613"/>
      <c r="KKP660" s="613"/>
      <c r="KKQ660" s="613"/>
      <c r="KKR660" s="613"/>
      <c r="KKS660" s="613"/>
      <c r="KKT660" s="613"/>
      <c r="KKU660" s="613"/>
      <c r="KKV660" s="613"/>
      <c r="KKW660" s="613"/>
      <c r="KKX660" s="613"/>
      <c r="KKY660" s="613"/>
      <c r="KKZ660" s="613"/>
      <c r="KLA660" s="613"/>
      <c r="KLB660" s="613"/>
      <c r="KLC660" s="613"/>
      <c r="KLD660" s="613"/>
      <c r="KLE660" s="613"/>
      <c r="KLF660" s="613"/>
      <c r="KLG660" s="613"/>
      <c r="KLH660" s="613"/>
      <c r="KLI660" s="613"/>
      <c r="KLJ660" s="613"/>
      <c r="KLK660" s="613"/>
      <c r="KLL660" s="613"/>
      <c r="KLM660" s="613"/>
      <c r="KLN660" s="613"/>
      <c r="KLO660" s="613"/>
      <c r="KLP660" s="613"/>
      <c r="KLQ660" s="613"/>
      <c r="KLR660" s="613"/>
      <c r="KLS660" s="613"/>
      <c r="KLT660" s="613"/>
      <c r="KLU660" s="613"/>
      <c r="KLV660" s="613"/>
      <c r="KLW660" s="613"/>
      <c r="KLX660" s="613"/>
      <c r="KLY660" s="613"/>
      <c r="KLZ660" s="613"/>
      <c r="KMA660" s="613"/>
      <c r="KMB660" s="613"/>
      <c r="KMC660" s="613"/>
      <c r="KMD660" s="613"/>
      <c r="KME660" s="613"/>
      <c r="KMF660" s="613"/>
      <c r="KMG660" s="613"/>
      <c r="KMH660" s="613"/>
      <c r="KMI660" s="613"/>
      <c r="KMJ660" s="613"/>
      <c r="KMK660" s="613"/>
      <c r="KML660" s="613"/>
      <c r="KMM660" s="613"/>
      <c r="KMN660" s="613"/>
      <c r="KMO660" s="613"/>
      <c r="KMP660" s="613"/>
      <c r="KMQ660" s="613"/>
      <c r="KMR660" s="613"/>
      <c r="KMS660" s="613"/>
      <c r="KMT660" s="613"/>
      <c r="KMU660" s="613"/>
      <c r="KMV660" s="613"/>
      <c r="KMW660" s="613"/>
      <c r="KMX660" s="613"/>
      <c r="KMY660" s="613"/>
      <c r="KMZ660" s="613"/>
      <c r="KNA660" s="613"/>
      <c r="KNB660" s="613"/>
      <c r="KNC660" s="613"/>
      <c r="KND660" s="613"/>
      <c r="KNE660" s="613"/>
      <c r="KNF660" s="613"/>
      <c r="KNG660" s="613"/>
      <c r="KNH660" s="613"/>
      <c r="KNI660" s="613"/>
      <c r="KNJ660" s="613"/>
      <c r="KNK660" s="613"/>
      <c r="KNL660" s="613"/>
      <c r="KNM660" s="613"/>
      <c r="KNN660" s="613"/>
      <c r="KNO660" s="613"/>
      <c r="KNP660" s="613"/>
      <c r="KNQ660" s="613"/>
      <c r="KNR660" s="613"/>
      <c r="KNS660" s="613"/>
      <c r="KNT660" s="613"/>
      <c r="KNU660" s="613"/>
      <c r="KNV660" s="613"/>
      <c r="KNW660" s="613"/>
      <c r="KNX660" s="613"/>
      <c r="KNY660" s="613"/>
      <c r="KNZ660" s="613"/>
      <c r="KOA660" s="613"/>
      <c r="KOB660" s="613"/>
      <c r="KOC660" s="613"/>
      <c r="KOD660" s="613"/>
      <c r="KOE660" s="613"/>
      <c r="KOF660" s="613"/>
      <c r="KOG660" s="613"/>
      <c r="KOH660" s="613"/>
      <c r="KOI660" s="613"/>
      <c r="KOJ660" s="613"/>
      <c r="KOK660" s="613"/>
      <c r="KOL660" s="613"/>
      <c r="KOM660" s="613"/>
      <c r="KON660" s="613"/>
      <c r="KOO660" s="613"/>
      <c r="KOP660" s="613"/>
      <c r="KOQ660" s="613"/>
      <c r="KOR660" s="613"/>
      <c r="KOS660" s="613"/>
      <c r="KOT660" s="613"/>
      <c r="KOU660" s="613"/>
      <c r="KOV660" s="613"/>
      <c r="KOW660" s="613"/>
      <c r="KOX660" s="613"/>
      <c r="KOY660" s="613"/>
      <c r="KOZ660" s="613"/>
      <c r="KPA660" s="613"/>
      <c r="KPB660" s="613"/>
      <c r="KPC660" s="613"/>
      <c r="KPD660" s="613"/>
      <c r="KPE660" s="613"/>
      <c r="KPF660" s="613"/>
      <c r="KPG660" s="613"/>
      <c r="KPH660" s="613"/>
      <c r="KPI660" s="613"/>
      <c r="KPJ660" s="613"/>
      <c r="KPK660" s="613"/>
      <c r="KPL660" s="613"/>
      <c r="KPM660" s="613"/>
      <c r="KPN660" s="613"/>
      <c r="KPO660" s="613"/>
      <c r="KPP660" s="613"/>
      <c r="KPQ660" s="613"/>
      <c r="KPR660" s="613"/>
      <c r="KPS660" s="613"/>
      <c r="KPT660" s="613"/>
      <c r="KPU660" s="613"/>
      <c r="KPV660" s="613"/>
      <c r="KPW660" s="613"/>
      <c r="KPX660" s="613"/>
      <c r="KPY660" s="613"/>
      <c r="KPZ660" s="613"/>
      <c r="KQA660" s="613"/>
      <c r="KQB660" s="613"/>
      <c r="KQC660" s="613"/>
      <c r="KQD660" s="613"/>
      <c r="KQE660" s="613"/>
      <c r="KQF660" s="613"/>
      <c r="KQG660" s="613"/>
      <c r="KQH660" s="613"/>
      <c r="KQI660" s="613"/>
      <c r="KQJ660" s="613"/>
      <c r="KQK660" s="613"/>
      <c r="KQL660" s="613"/>
      <c r="KQM660" s="613"/>
      <c r="KQN660" s="613"/>
      <c r="KQO660" s="613"/>
      <c r="KQP660" s="613"/>
      <c r="KQQ660" s="613"/>
      <c r="KQR660" s="613"/>
      <c r="KQS660" s="613"/>
      <c r="KQT660" s="613"/>
      <c r="KQU660" s="613"/>
      <c r="KQV660" s="613"/>
      <c r="KQW660" s="613"/>
      <c r="KQX660" s="613"/>
      <c r="KQY660" s="613"/>
      <c r="KQZ660" s="613"/>
      <c r="KRA660" s="613"/>
      <c r="KRB660" s="613"/>
      <c r="KRC660" s="613"/>
      <c r="KRD660" s="613"/>
      <c r="KRE660" s="613"/>
      <c r="KRF660" s="613"/>
      <c r="KRG660" s="613"/>
      <c r="KRH660" s="613"/>
      <c r="KRI660" s="613"/>
      <c r="KRJ660" s="613"/>
      <c r="KRK660" s="613"/>
      <c r="KRL660" s="613"/>
      <c r="KRM660" s="613"/>
      <c r="KRN660" s="613"/>
      <c r="KRO660" s="613"/>
      <c r="KRP660" s="613"/>
      <c r="KRQ660" s="613"/>
      <c r="KRR660" s="613"/>
      <c r="KRS660" s="613"/>
      <c r="KRT660" s="613"/>
      <c r="KRU660" s="613"/>
      <c r="KRV660" s="613"/>
      <c r="KRW660" s="613"/>
      <c r="KRX660" s="613"/>
      <c r="KRY660" s="613"/>
      <c r="KRZ660" s="613"/>
      <c r="KSA660" s="613"/>
      <c r="KSB660" s="613"/>
      <c r="KSC660" s="613"/>
      <c r="KSD660" s="613"/>
      <c r="KSE660" s="613"/>
      <c r="KSF660" s="613"/>
      <c r="KSG660" s="613"/>
      <c r="KSH660" s="613"/>
      <c r="KSI660" s="613"/>
      <c r="KSJ660" s="613"/>
      <c r="KSK660" s="613"/>
      <c r="KSL660" s="613"/>
      <c r="KSM660" s="613"/>
      <c r="KSN660" s="613"/>
      <c r="KSO660" s="613"/>
      <c r="KSP660" s="613"/>
      <c r="KSQ660" s="613"/>
      <c r="KSR660" s="613"/>
      <c r="KSS660" s="613"/>
      <c r="KST660" s="613"/>
      <c r="KSU660" s="613"/>
      <c r="KSV660" s="613"/>
      <c r="KSW660" s="613"/>
      <c r="KSX660" s="613"/>
      <c r="KSY660" s="613"/>
      <c r="KSZ660" s="613"/>
      <c r="KTA660" s="613"/>
      <c r="KTB660" s="613"/>
      <c r="KTC660" s="613"/>
      <c r="KTD660" s="613"/>
      <c r="KTE660" s="613"/>
      <c r="KTF660" s="613"/>
      <c r="KTG660" s="613"/>
      <c r="KTH660" s="613"/>
      <c r="KTI660" s="613"/>
      <c r="KTJ660" s="613"/>
      <c r="KTK660" s="613"/>
      <c r="KTL660" s="613"/>
      <c r="KTM660" s="613"/>
      <c r="KTN660" s="613"/>
      <c r="KTO660" s="613"/>
      <c r="KTP660" s="613"/>
      <c r="KTQ660" s="613"/>
      <c r="KTR660" s="613"/>
      <c r="KTS660" s="613"/>
      <c r="KTT660" s="613"/>
      <c r="KTU660" s="613"/>
      <c r="KTV660" s="613"/>
      <c r="KTW660" s="613"/>
      <c r="KTX660" s="613"/>
      <c r="KTY660" s="613"/>
      <c r="KTZ660" s="613"/>
      <c r="KUA660" s="613"/>
      <c r="KUB660" s="613"/>
      <c r="KUC660" s="613"/>
      <c r="KUD660" s="613"/>
      <c r="KUE660" s="613"/>
      <c r="KUF660" s="613"/>
      <c r="KUG660" s="613"/>
      <c r="KUH660" s="613"/>
      <c r="KUI660" s="613"/>
      <c r="KUJ660" s="613"/>
      <c r="KUK660" s="613"/>
      <c r="KUL660" s="613"/>
      <c r="KUM660" s="613"/>
      <c r="KUN660" s="613"/>
      <c r="KUO660" s="613"/>
      <c r="KUP660" s="613"/>
      <c r="KUQ660" s="613"/>
      <c r="KUR660" s="613"/>
      <c r="KUS660" s="613"/>
      <c r="KUT660" s="613"/>
      <c r="KUU660" s="613"/>
      <c r="KUV660" s="613"/>
      <c r="KUW660" s="613"/>
      <c r="KUX660" s="613"/>
      <c r="KUY660" s="613"/>
      <c r="KUZ660" s="613"/>
      <c r="KVA660" s="613"/>
      <c r="KVB660" s="613"/>
      <c r="KVC660" s="613"/>
      <c r="KVD660" s="613"/>
      <c r="KVE660" s="613"/>
      <c r="KVF660" s="613"/>
      <c r="KVG660" s="613"/>
      <c r="KVH660" s="613"/>
      <c r="KVI660" s="613"/>
      <c r="KVJ660" s="613"/>
      <c r="KVK660" s="613"/>
      <c r="KVL660" s="613"/>
      <c r="KVM660" s="613"/>
      <c r="KVN660" s="613"/>
      <c r="KVO660" s="613"/>
      <c r="KVP660" s="613"/>
      <c r="KVQ660" s="613"/>
      <c r="KVR660" s="613"/>
      <c r="KVS660" s="613"/>
      <c r="KVT660" s="613"/>
      <c r="KVU660" s="613"/>
      <c r="KVV660" s="613"/>
      <c r="KVW660" s="613"/>
      <c r="KVX660" s="613"/>
      <c r="KVY660" s="613"/>
      <c r="KVZ660" s="613"/>
      <c r="KWA660" s="613"/>
      <c r="KWB660" s="613"/>
      <c r="KWC660" s="613"/>
      <c r="KWD660" s="613"/>
      <c r="KWE660" s="613"/>
      <c r="KWF660" s="613"/>
      <c r="KWG660" s="613"/>
      <c r="KWH660" s="613"/>
      <c r="KWI660" s="613"/>
      <c r="KWJ660" s="613"/>
      <c r="KWK660" s="613"/>
      <c r="KWL660" s="613"/>
      <c r="KWM660" s="613"/>
      <c r="KWN660" s="613"/>
      <c r="KWO660" s="613"/>
      <c r="KWP660" s="613"/>
      <c r="KWQ660" s="613"/>
      <c r="KWR660" s="613"/>
      <c r="KWS660" s="613"/>
      <c r="KWT660" s="613"/>
      <c r="KWU660" s="613"/>
      <c r="KWV660" s="613"/>
      <c r="KWW660" s="613"/>
      <c r="KWX660" s="613"/>
      <c r="KWY660" s="613"/>
      <c r="KWZ660" s="613"/>
      <c r="KXA660" s="613"/>
      <c r="KXB660" s="613"/>
      <c r="KXC660" s="613"/>
      <c r="KXD660" s="613"/>
      <c r="KXE660" s="613"/>
      <c r="KXF660" s="613"/>
      <c r="KXG660" s="613"/>
      <c r="KXH660" s="613"/>
      <c r="KXI660" s="613"/>
      <c r="KXJ660" s="613"/>
      <c r="KXK660" s="613"/>
      <c r="KXL660" s="613"/>
      <c r="KXM660" s="613"/>
      <c r="KXN660" s="613"/>
      <c r="KXO660" s="613"/>
      <c r="KXP660" s="613"/>
      <c r="KXQ660" s="613"/>
      <c r="KXR660" s="613"/>
      <c r="KXS660" s="613"/>
      <c r="KXT660" s="613"/>
      <c r="KXU660" s="613"/>
      <c r="KXV660" s="613"/>
      <c r="KXW660" s="613"/>
      <c r="KXX660" s="613"/>
      <c r="KXY660" s="613"/>
      <c r="KXZ660" s="613"/>
      <c r="KYA660" s="613"/>
      <c r="KYB660" s="613"/>
      <c r="KYC660" s="613"/>
      <c r="KYD660" s="613"/>
      <c r="KYE660" s="613"/>
      <c r="KYF660" s="613"/>
      <c r="KYG660" s="613"/>
      <c r="KYH660" s="613"/>
      <c r="KYI660" s="613"/>
      <c r="KYJ660" s="613"/>
      <c r="KYK660" s="613"/>
      <c r="KYL660" s="613"/>
      <c r="KYM660" s="613"/>
      <c r="KYN660" s="613"/>
      <c r="KYO660" s="613"/>
      <c r="KYP660" s="613"/>
      <c r="KYQ660" s="613"/>
      <c r="KYR660" s="613"/>
      <c r="KYS660" s="613"/>
      <c r="KYT660" s="613"/>
      <c r="KYU660" s="613"/>
      <c r="KYV660" s="613"/>
      <c r="KYW660" s="613"/>
      <c r="KYX660" s="613"/>
      <c r="KYY660" s="613"/>
      <c r="KYZ660" s="613"/>
      <c r="KZA660" s="613"/>
      <c r="KZB660" s="613"/>
      <c r="KZC660" s="613"/>
      <c r="KZD660" s="613"/>
      <c r="KZE660" s="613"/>
      <c r="KZF660" s="613"/>
      <c r="KZG660" s="613"/>
      <c r="KZH660" s="613"/>
      <c r="KZI660" s="613"/>
      <c r="KZJ660" s="613"/>
      <c r="KZK660" s="613"/>
      <c r="KZL660" s="613"/>
      <c r="KZM660" s="613"/>
      <c r="KZN660" s="613"/>
      <c r="KZO660" s="613"/>
      <c r="KZP660" s="613"/>
      <c r="KZQ660" s="613"/>
      <c r="KZR660" s="613"/>
      <c r="KZS660" s="613"/>
      <c r="KZT660" s="613"/>
      <c r="KZU660" s="613"/>
      <c r="KZV660" s="613"/>
      <c r="KZW660" s="613"/>
      <c r="KZX660" s="613"/>
      <c r="KZY660" s="613"/>
      <c r="KZZ660" s="613"/>
      <c r="LAA660" s="613"/>
      <c r="LAB660" s="613"/>
      <c r="LAC660" s="613"/>
      <c r="LAD660" s="613"/>
      <c r="LAE660" s="613"/>
      <c r="LAF660" s="613"/>
      <c r="LAG660" s="613"/>
      <c r="LAH660" s="613"/>
      <c r="LAI660" s="613"/>
      <c r="LAJ660" s="613"/>
      <c r="LAK660" s="613"/>
      <c r="LAL660" s="613"/>
      <c r="LAM660" s="613"/>
      <c r="LAN660" s="613"/>
      <c r="LAO660" s="613"/>
      <c r="LAP660" s="613"/>
      <c r="LAQ660" s="613"/>
      <c r="LAR660" s="613"/>
      <c r="LAS660" s="613"/>
      <c r="LAT660" s="613"/>
      <c r="LAU660" s="613"/>
      <c r="LAV660" s="613"/>
      <c r="LAW660" s="613"/>
      <c r="LAX660" s="613"/>
      <c r="LAY660" s="613"/>
      <c r="LAZ660" s="613"/>
      <c r="LBA660" s="613"/>
      <c r="LBB660" s="613"/>
      <c r="LBC660" s="613"/>
      <c r="LBD660" s="613"/>
      <c r="LBE660" s="613"/>
      <c r="LBF660" s="613"/>
      <c r="LBG660" s="613"/>
      <c r="LBH660" s="613"/>
      <c r="LBI660" s="613"/>
      <c r="LBJ660" s="613"/>
      <c r="LBK660" s="613"/>
      <c r="LBL660" s="613"/>
      <c r="LBM660" s="613"/>
      <c r="LBN660" s="613"/>
      <c r="LBO660" s="613"/>
      <c r="LBP660" s="613"/>
      <c r="LBQ660" s="613"/>
      <c r="LBR660" s="613"/>
      <c r="LBS660" s="613"/>
      <c r="LBT660" s="613"/>
      <c r="LBU660" s="613"/>
      <c r="LBV660" s="613"/>
      <c r="LBW660" s="613"/>
      <c r="LBX660" s="613"/>
      <c r="LBY660" s="613"/>
      <c r="LBZ660" s="613"/>
      <c r="LCA660" s="613"/>
      <c r="LCB660" s="613"/>
      <c r="LCC660" s="613"/>
      <c r="LCD660" s="613"/>
      <c r="LCE660" s="613"/>
      <c r="LCF660" s="613"/>
      <c r="LCG660" s="613"/>
      <c r="LCH660" s="613"/>
      <c r="LCI660" s="613"/>
      <c r="LCJ660" s="613"/>
      <c r="LCK660" s="613"/>
      <c r="LCL660" s="613"/>
      <c r="LCM660" s="613"/>
      <c r="LCN660" s="613"/>
      <c r="LCO660" s="613"/>
      <c r="LCP660" s="613"/>
      <c r="LCQ660" s="613"/>
      <c r="LCR660" s="613"/>
      <c r="LCS660" s="613"/>
      <c r="LCT660" s="613"/>
      <c r="LCU660" s="613"/>
      <c r="LCV660" s="613"/>
      <c r="LCW660" s="613"/>
      <c r="LCX660" s="613"/>
      <c r="LCY660" s="613"/>
      <c r="LCZ660" s="613"/>
      <c r="LDA660" s="613"/>
      <c r="LDB660" s="613"/>
      <c r="LDC660" s="613"/>
      <c r="LDD660" s="613"/>
      <c r="LDE660" s="613"/>
      <c r="LDF660" s="613"/>
      <c r="LDG660" s="613"/>
      <c r="LDH660" s="613"/>
      <c r="LDI660" s="613"/>
      <c r="LDJ660" s="613"/>
      <c r="LDK660" s="613"/>
      <c r="LDL660" s="613"/>
      <c r="LDM660" s="613"/>
      <c r="LDN660" s="613"/>
      <c r="LDO660" s="613"/>
      <c r="LDP660" s="613"/>
      <c r="LDQ660" s="613"/>
      <c r="LDR660" s="613"/>
      <c r="LDS660" s="613"/>
      <c r="LDT660" s="613"/>
      <c r="LDU660" s="613"/>
      <c r="LDV660" s="613"/>
      <c r="LDW660" s="613"/>
      <c r="LDX660" s="613"/>
      <c r="LDY660" s="613"/>
      <c r="LDZ660" s="613"/>
      <c r="LEA660" s="613"/>
      <c r="LEB660" s="613"/>
      <c r="LEC660" s="613"/>
      <c r="LED660" s="613"/>
      <c r="LEE660" s="613"/>
      <c r="LEF660" s="613"/>
      <c r="LEG660" s="613"/>
      <c r="LEH660" s="613"/>
      <c r="LEI660" s="613"/>
      <c r="LEJ660" s="613"/>
      <c r="LEK660" s="613"/>
      <c r="LEL660" s="613"/>
      <c r="LEM660" s="613"/>
      <c r="LEN660" s="613"/>
      <c r="LEO660" s="613"/>
      <c r="LEP660" s="613"/>
      <c r="LEQ660" s="613"/>
      <c r="LER660" s="613"/>
      <c r="LES660" s="613"/>
      <c r="LET660" s="613"/>
      <c r="LEU660" s="613"/>
      <c r="LEV660" s="613"/>
      <c r="LEW660" s="613"/>
      <c r="LEX660" s="613"/>
      <c r="LEY660" s="613"/>
      <c r="LEZ660" s="613"/>
      <c r="LFA660" s="613"/>
      <c r="LFB660" s="613"/>
      <c r="LFC660" s="613"/>
      <c r="LFD660" s="613"/>
      <c r="LFE660" s="613"/>
      <c r="LFF660" s="613"/>
      <c r="LFG660" s="613"/>
      <c r="LFH660" s="613"/>
      <c r="LFI660" s="613"/>
      <c r="LFJ660" s="613"/>
      <c r="LFK660" s="613"/>
      <c r="LFL660" s="613"/>
      <c r="LFM660" s="613"/>
      <c r="LFN660" s="613"/>
      <c r="LFO660" s="613"/>
      <c r="LFP660" s="613"/>
      <c r="LFQ660" s="613"/>
      <c r="LFR660" s="613"/>
      <c r="LFS660" s="613"/>
      <c r="LFT660" s="613"/>
      <c r="LFU660" s="613"/>
      <c r="LFV660" s="613"/>
      <c r="LFW660" s="613"/>
      <c r="LFX660" s="613"/>
      <c r="LFY660" s="613"/>
      <c r="LFZ660" s="613"/>
      <c r="LGA660" s="613"/>
      <c r="LGB660" s="613"/>
      <c r="LGC660" s="613"/>
      <c r="LGD660" s="613"/>
      <c r="LGE660" s="613"/>
      <c r="LGF660" s="613"/>
      <c r="LGG660" s="613"/>
      <c r="LGH660" s="613"/>
      <c r="LGI660" s="613"/>
      <c r="LGJ660" s="613"/>
      <c r="LGK660" s="613"/>
      <c r="LGL660" s="613"/>
      <c r="LGM660" s="613"/>
      <c r="LGN660" s="613"/>
      <c r="LGO660" s="613"/>
      <c r="LGP660" s="613"/>
      <c r="LGQ660" s="613"/>
      <c r="LGR660" s="613"/>
      <c r="LGS660" s="613"/>
      <c r="LGT660" s="613"/>
      <c r="LGU660" s="613"/>
      <c r="LGV660" s="613"/>
      <c r="LGW660" s="613"/>
      <c r="LGX660" s="613"/>
      <c r="LGY660" s="613"/>
      <c r="LGZ660" s="613"/>
      <c r="LHA660" s="613"/>
      <c r="LHB660" s="613"/>
      <c r="LHC660" s="613"/>
      <c r="LHD660" s="613"/>
      <c r="LHE660" s="613"/>
      <c r="LHF660" s="613"/>
      <c r="LHG660" s="613"/>
      <c r="LHH660" s="613"/>
      <c r="LHI660" s="613"/>
      <c r="LHJ660" s="613"/>
      <c r="LHK660" s="613"/>
      <c r="LHL660" s="613"/>
      <c r="LHM660" s="613"/>
      <c r="LHN660" s="613"/>
      <c r="LHO660" s="613"/>
      <c r="LHP660" s="613"/>
      <c r="LHQ660" s="613"/>
      <c r="LHR660" s="613"/>
      <c r="LHS660" s="613"/>
      <c r="LHT660" s="613"/>
      <c r="LHU660" s="613"/>
      <c r="LHV660" s="613"/>
      <c r="LHW660" s="613"/>
      <c r="LHX660" s="613"/>
      <c r="LHY660" s="613"/>
      <c r="LHZ660" s="613"/>
      <c r="LIA660" s="613"/>
      <c r="LIB660" s="613"/>
      <c r="LIC660" s="613"/>
      <c r="LID660" s="613"/>
      <c r="LIE660" s="613"/>
      <c r="LIF660" s="613"/>
      <c r="LIG660" s="613"/>
      <c r="LIH660" s="613"/>
      <c r="LII660" s="613"/>
      <c r="LIJ660" s="613"/>
      <c r="LIK660" s="613"/>
      <c r="LIL660" s="613"/>
      <c r="LIM660" s="613"/>
      <c r="LIN660" s="613"/>
      <c r="LIO660" s="613"/>
      <c r="LIP660" s="613"/>
      <c r="LIQ660" s="613"/>
      <c r="LIR660" s="613"/>
      <c r="LIS660" s="613"/>
      <c r="LIT660" s="613"/>
      <c r="LIU660" s="613"/>
      <c r="LIV660" s="613"/>
      <c r="LIW660" s="613"/>
      <c r="LIX660" s="613"/>
      <c r="LIY660" s="613"/>
      <c r="LIZ660" s="613"/>
      <c r="LJA660" s="613"/>
      <c r="LJB660" s="613"/>
      <c r="LJC660" s="613"/>
      <c r="LJD660" s="613"/>
      <c r="LJE660" s="613"/>
      <c r="LJF660" s="613"/>
      <c r="LJG660" s="613"/>
      <c r="LJH660" s="613"/>
      <c r="LJI660" s="613"/>
      <c r="LJJ660" s="613"/>
      <c r="LJK660" s="613"/>
      <c r="LJL660" s="613"/>
      <c r="LJM660" s="613"/>
      <c r="LJN660" s="613"/>
      <c r="LJO660" s="613"/>
      <c r="LJP660" s="613"/>
      <c r="LJQ660" s="613"/>
      <c r="LJR660" s="613"/>
      <c r="LJS660" s="613"/>
      <c r="LJT660" s="613"/>
      <c r="LJU660" s="613"/>
      <c r="LJV660" s="613"/>
      <c r="LJW660" s="613"/>
      <c r="LJX660" s="613"/>
      <c r="LJY660" s="613"/>
      <c r="LJZ660" s="613"/>
      <c r="LKA660" s="613"/>
      <c r="LKB660" s="613"/>
      <c r="LKC660" s="613"/>
      <c r="LKD660" s="613"/>
      <c r="LKE660" s="613"/>
      <c r="LKF660" s="613"/>
      <c r="LKG660" s="613"/>
      <c r="LKH660" s="613"/>
      <c r="LKI660" s="613"/>
      <c r="LKJ660" s="613"/>
      <c r="LKK660" s="613"/>
      <c r="LKL660" s="613"/>
      <c r="LKM660" s="613"/>
      <c r="LKN660" s="613"/>
      <c r="LKO660" s="613"/>
      <c r="LKP660" s="613"/>
      <c r="LKQ660" s="613"/>
      <c r="LKR660" s="613"/>
      <c r="LKS660" s="613"/>
      <c r="LKT660" s="613"/>
      <c r="LKU660" s="613"/>
      <c r="LKV660" s="613"/>
      <c r="LKW660" s="613"/>
      <c r="LKX660" s="613"/>
      <c r="LKY660" s="613"/>
      <c r="LKZ660" s="613"/>
      <c r="LLA660" s="613"/>
      <c r="LLB660" s="613"/>
      <c r="LLC660" s="613"/>
      <c r="LLD660" s="613"/>
      <c r="LLE660" s="613"/>
      <c r="LLF660" s="613"/>
      <c r="LLG660" s="613"/>
      <c r="LLH660" s="613"/>
      <c r="LLI660" s="613"/>
      <c r="LLJ660" s="613"/>
      <c r="LLK660" s="613"/>
      <c r="LLL660" s="613"/>
      <c r="LLM660" s="613"/>
      <c r="LLN660" s="613"/>
      <c r="LLO660" s="613"/>
      <c r="LLP660" s="613"/>
      <c r="LLQ660" s="613"/>
      <c r="LLR660" s="613"/>
      <c r="LLS660" s="613"/>
      <c r="LLT660" s="613"/>
      <c r="LLU660" s="613"/>
      <c r="LLV660" s="613"/>
      <c r="LLW660" s="613"/>
      <c r="LLX660" s="613"/>
      <c r="LLY660" s="613"/>
      <c r="LLZ660" s="613"/>
      <c r="LMA660" s="613"/>
      <c r="LMB660" s="613"/>
      <c r="LMC660" s="613"/>
      <c r="LMD660" s="613"/>
      <c r="LME660" s="613"/>
      <c r="LMF660" s="613"/>
      <c r="LMG660" s="613"/>
      <c r="LMH660" s="613"/>
      <c r="LMI660" s="613"/>
      <c r="LMJ660" s="613"/>
      <c r="LMK660" s="613"/>
      <c r="LML660" s="613"/>
      <c r="LMM660" s="613"/>
      <c r="LMN660" s="613"/>
      <c r="LMO660" s="613"/>
      <c r="LMP660" s="613"/>
      <c r="LMQ660" s="613"/>
      <c r="LMR660" s="613"/>
      <c r="LMS660" s="613"/>
      <c r="LMT660" s="613"/>
      <c r="LMU660" s="613"/>
      <c r="LMV660" s="613"/>
      <c r="LMW660" s="613"/>
      <c r="LMX660" s="613"/>
      <c r="LMY660" s="613"/>
      <c r="LMZ660" s="613"/>
      <c r="LNA660" s="613"/>
      <c r="LNB660" s="613"/>
      <c r="LNC660" s="613"/>
      <c r="LND660" s="613"/>
      <c r="LNE660" s="613"/>
      <c r="LNF660" s="613"/>
      <c r="LNG660" s="613"/>
      <c r="LNH660" s="613"/>
      <c r="LNI660" s="613"/>
      <c r="LNJ660" s="613"/>
      <c r="LNK660" s="613"/>
      <c r="LNL660" s="613"/>
      <c r="LNM660" s="613"/>
      <c r="LNN660" s="613"/>
      <c r="LNO660" s="613"/>
      <c r="LNP660" s="613"/>
      <c r="LNQ660" s="613"/>
      <c r="LNR660" s="613"/>
      <c r="LNS660" s="613"/>
      <c r="LNT660" s="613"/>
      <c r="LNU660" s="613"/>
      <c r="LNV660" s="613"/>
      <c r="LNW660" s="613"/>
      <c r="LNX660" s="613"/>
      <c r="LNY660" s="613"/>
      <c r="LNZ660" s="613"/>
      <c r="LOA660" s="613"/>
      <c r="LOB660" s="613"/>
      <c r="LOC660" s="613"/>
      <c r="LOD660" s="613"/>
      <c r="LOE660" s="613"/>
      <c r="LOF660" s="613"/>
      <c r="LOG660" s="613"/>
      <c r="LOH660" s="613"/>
      <c r="LOI660" s="613"/>
      <c r="LOJ660" s="613"/>
      <c r="LOK660" s="613"/>
      <c r="LOL660" s="613"/>
      <c r="LOM660" s="613"/>
      <c r="LON660" s="613"/>
      <c r="LOO660" s="613"/>
      <c r="LOP660" s="613"/>
      <c r="LOQ660" s="613"/>
      <c r="LOR660" s="613"/>
      <c r="LOS660" s="613"/>
      <c r="LOT660" s="613"/>
      <c r="LOU660" s="613"/>
      <c r="LOV660" s="613"/>
      <c r="LOW660" s="613"/>
      <c r="LOX660" s="613"/>
      <c r="LOY660" s="613"/>
      <c r="LOZ660" s="613"/>
      <c r="LPA660" s="613"/>
      <c r="LPB660" s="613"/>
      <c r="LPC660" s="613"/>
      <c r="LPD660" s="613"/>
      <c r="LPE660" s="613"/>
      <c r="LPF660" s="613"/>
      <c r="LPG660" s="613"/>
      <c r="LPH660" s="613"/>
      <c r="LPI660" s="613"/>
      <c r="LPJ660" s="613"/>
      <c r="LPK660" s="613"/>
      <c r="LPL660" s="613"/>
      <c r="LPM660" s="613"/>
      <c r="LPN660" s="613"/>
      <c r="LPO660" s="613"/>
      <c r="LPP660" s="613"/>
      <c r="LPQ660" s="613"/>
      <c r="LPR660" s="613"/>
      <c r="LPS660" s="613"/>
      <c r="LPT660" s="613"/>
      <c r="LPU660" s="613"/>
      <c r="LPV660" s="613"/>
      <c r="LPW660" s="613"/>
      <c r="LPX660" s="613"/>
      <c r="LPY660" s="613"/>
      <c r="LPZ660" s="613"/>
      <c r="LQA660" s="613"/>
      <c r="LQB660" s="613"/>
      <c r="LQC660" s="613"/>
      <c r="LQD660" s="613"/>
      <c r="LQE660" s="613"/>
      <c r="LQF660" s="613"/>
      <c r="LQG660" s="613"/>
      <c r="LQH660" s="613"/>
      <c r="LQI660" s="613"/>
      <c r="LQJ660" s="613"/>
      <c r="LQK660" s="613"/>
      <c r="LQL660" s="613"/>
      <c r="LQM660" s="613"/>
      <c r="LQN660" s="613"/>
      <c r="LQO660" s="613"/>
      <c r="LQP660" s="613"/>
      <c r="LQQ660" s="613"/>
      <c r="LQR660" s="613"/>
      <c r="LQS660" s="613"/>
      <c r="LQT660" s="613"/>
      <c r="LQU660" s="613"/>
      <c r="LQV660" s="613"/>
      <c r="LQW660" s="613"/>
      <c r="LQX660" s="613"/>
      <c r="LQY660" s="613"/>
      <c r="LQZ660" s="613"/>
      <c r="LRA660" s="613"/>
      <c r="LRB660" s="613"/>
      <c r="LRC660" s="613"/>
      <c r="LRD660" s="613"/>
      <c r="LRE660" s="613"/>
      <c r="LRF660" s="613"/>
      <c r="LRG660" s="613"/>
      <c r="LRH660" s="613"/>
      <c r="LRI660" s="613"/>
      <c r="LRJ660" s="613"/>
      <c r="LRK660" s="613"/>
      <c r="LRL660" s="613"/>
      <c r="LRM660" s="613"/>
      <c r="LRN660" s="613"/>
      <c r="LRO660" s="613"/>
      <c r="LRP660" s="613"/>
      <c r="LRQ660" s="613"/>
      <c r="LRR660" s="613"/>
      <c r="LRS660" s="613"/>
      <c r="LRT660" s="613"/>
      <c r="LRU660" s="613"/>
      <c r="LRV660" s="613"/>
      <c r="LRW660" s="613"/>
      <c r="LRX660" s="613"/>
      <c r="LRY660" s="613"/>
      <c r="LRZ660" s="613"/>
      <c r="LSA660" s="613"/>
      <c r="LSB660" s="613"/>
      <c r="LSC660" s="613"/>
      <c r="LSD660" s="613"/>
      <c r="LSE660" s="613"/>
      <c r="LSF660" s="613"/>
      <c r="LSG660" s="613"/>
      <c r="LSH660" s="613"/>
      <c r="LSI660" s="613"/>
      <c r="LSJ660" s="613"/>
      <c r="LSK660" s="613"/>
      <c r="LSL660" s="613"/>
      <c r="LSM660" s="613"/>
      <c r="LSN660" s="613"/>
      <c r="LSO660" s="613"/>
      <c r="LSP660" s="613"/>
      <c r="LSQ660" s="613"/>
      <c r="LSR660" s="613"/>
      <c r="LSS660" s="613"/>
      <c r="LST660" s="613"/>
      <c r="LSU660" s="613"/>
      <c r="LSV660" s="613"/>
      <c r="LSW660" s="613"/>
      <c r="LSX660" s="613"/>
      <c r="LSY660" s="613"/>
      <c r="LSZ660" s="613"/>
      <c r="LTA660" s="613"/>
      <c r="LTB660" s="613"/>
      <c r="LTC660" s="613"/>
      <c r="LTD660" s="613"/>
      <c r="LTE660" s="613"/>
      <c r="LTF660" s="613"/>
      <c r="LTG660" s="613"/>
      <c r="LTH660" s="613"/>
      <c r="LTI660" s="613"/>
      <c r="LTJ660" s="613"/>
      <c r="LTK660" s="613"/>
      <c r="LTL660" s="613"/>
      <c r="LTM660" s="613"/>
      <c r="LTN660" s="613"/>
      <c r="LTO660" s="613"/>
      <c r="LTP660" s="613"/>
      <c r="LTQ660" s="613"/>
      <c r="LTR660" s="613"/>
      <c r="LTS660" s="613"/>
      <c r="LTT660" s="613"/>
      <c r="LTU660" s="613"/>
      <c r="LTV660" s="613"/>
      <c r="LTW660" s="613"/>
      <c r="LTX660" s="613"/>
      <c r="LTY660" s="613"/>
      <c r="LTZ660" s="613"/>
      <c r="LUA660" s="613"/>
      <c r="LUB660" s="613"/>
      <c r="LUC660" s="613"/>
      <c r="LUD660" s="613"/>
      <c r="LUE660" s="613"/>
      <c r="LUF660" s="613"/>
      <c r="LUG660" s="613"/>
      <c r="LUH660" s="613"/>
      <c r="LUI660" s="613"/>
      <c r="LUJ660" s="613"/>
      <c r="LUK660" s="613"/>
      <c r="LUL660" s="613"/>
      <c r="LUM660" s="613"/>
      <c r="LUN660" s="613"/>
      <c r="LUO660" s="613"/>
      <c r="LUP660" s="613"/>
      <c r="LUQ660" s="613"/>
      <c r="LUR660" s="613"/>
      <c r="LUS660" s="613"/>
      <c r="LUT660" s="613"/>
      <c r="LUU660" s="613"/>
      <c r="LUV660" s="613"/>
      <c r="LUW660" s="613"/>
      <c r="LUX660" s="613"/>
      <c r="LUY660" s="613"/>
      <c r="LUZ660" s="613"/>
      <c r="LVA660" s="613"/>
      <c r="LVB660" s="613"/>
      <c r="LVC660" s="613"/>
      <c r="LVD660" s="613"/>
      <c r="LVE660" s="613"/>
      <c r="LVF660" s="613"/>
      <c r="LVG660" s="613"/>
      <c r="LVH660" s="613"/>
      <c r="LVI660" s="613"/>
      <c r="LVJ660" s="613"/>
      <c r="LVK660" s="613"/>
      <c r="LVL660" s="613"/>
      <c r="LVM660" s="613"/>
      <c r="LVN660" s="613"/>
      <c r="LVO660" s="613"/>
      <c r="LVP660" s="613"/>
      <c r="LVQ660" s="613"/>
      <c r="LVR660" s="613"/>
      <c r="LVS660" s="613"/>
      <c r="LVT660" s="613"/>
      <c r="LVU660" s="613"/>
      <c r="LVV660" s="613"/>
      <c r="LVW660" s="613"/>
      <c r="LVX660" s="613"/>
      <c r="LVY660" s="613"/>
      <c r="LVZ660" s="613"/>
      <c r="LWA660" s="613"/>
      <c r="LWB660" s="613"/>
      <c r="LWC660" s="613"/>
      <c r="LWD660" s="613"/>
      <c r="LWE660" s="613"/>
      <c r="LWF660" s="613"/>
      <c r="LWG660" s="613"/>
      <c r="LWH660" s="613"/>
      <c r="LWI660" s="613"/>
      <c r="LWJ660" s="613"/>
      <c r="LWK660" s="613"/>
      <c r="LWL660" s="613"/>
      <c r="LWM660" s="613"/>
      <c r="LWN660" s="613"/>
      <c r="LWO660" s="613"/>
      <c r="LWP660" s="613"/>
      <c r="LWQ660" s="613"/>
      <c r="LWR660" s="613"/>
      <c r="LWS660" s="613"/>
      <c r="LWT660" s="613"/>
      <c r="LWU660" s="613"/>
      <c r="LWV660" s="613"/>
      <c r="LWW660" s="613"/>
      <c r="LWX660" s="613"/>
      <c r="LWY660" s="613"/>
      <c r="LWZ660" s="613"/>
      <c r="LXA660" s="613"/>
      <c r="LXB660" s="613"/>
      <c r="LXC660" s="613"/>
      <c r="LXD660" s="613"/>
      <c r="LXE660" s="613"/>
      <c r="LXF660" s="613"/>
      <c r="LXG660" s="613"/>
      <c r="LXH660" s="613"/>
      <c r="LXI660" s="613"/>
      <c r="LXJ660" s="613"/>
      <c r="LXK660" s="613"/>
      <c r="LXL660" s="613"/>
      <c r="LXM660" s="613"/>
      <c r="LXN660" s="613"/>
      <c r="LXO660" s="613"/>
      <c r="LXP660" s="613"/>
      <c r="LXQ660" s="613"/>
      <c r="LXR660" s="613"/>
      <c r="LXS660" s="613"/>
      <c r="LXT660" s="613"/>
      <c r="LXU660" s="613"/>
      <c r="LXV660" s="613"/>
      <c r="LXW660" s="613"/>
      <c r="LXX660" s="613"/>
      <c r="LXY660" s="613"/>
      <c r="LXZ660" s="613"/>
      <c r="LYA660" s="613"/>
      <c r="LYB660" s="613"/>
      <c r="LYC660" s="613"/>
      <c r="LYD660" s="613"/>
      <c r="LYE660" s="613"/>
      <c r="LYF660" s="613"/>
      <c r="LYG660" s="613"/>
      <c r="LYH660" s="613"/>
      <c r="LYI660" s="613"/>
      <c r="LYJ660" s="613"/>
      <c r="LYK660" s="613"/>
      <c r="LYL660" s="613"/>
      <c r="LYM660" s="613"/>
      <c r="LYN660" s="613"/>
      <c r="LYO660" s="613"/>
      <c r="LYP660" s="613"/>
      <c r="LYQ660" s="613"/>
      <c r="LYR660" s="613"/>
      <c r="LYS660" s="613"/>
      <c r="LYT660" s="613"/>
      <c r="LYU660" s="613"/>
      <c r="LYV660" s="613"/>
      <c r="LYW660" s="613"/>
      <c r="LYX660" s="613"/>
      <c r="LYY660" s="613"/>
      <c r="LYZ660" s="613"/>
      <c r="LZA660" s="613"/>
      <c r="LZB660" s="613"/>
      <c r="LZC660" s="613"/>
      <c r="LZD660" s="613"/>
      <c r="LZE660" s="613"/>
      <c r="LZF660" s="613"/>
      <c r="LZG660" s="613"/>
      <c r="LZH660" s="613"/>
      <c r="LZI660" s="613"/>
      <c r="LZJ660" s="613"/>
      <c r="LZK660" s="613"/>
      <c r="LZL660" s="613"/>
      <c r="LZM660" s="613"/>
      <c r="LZN660" s="613"/>
      <c r="LZO660" s="613"/>
      <c r="LZP660" s="613"/>
      <c r="LZQ660" s="613"/>
      <c r="LZR660" s="613"/>
      <c r="LZS660" s="613"/>
      <c r="LZT660" s="613"/>
      <c r="LZU660" s="613"/>
      <c r="LZV660" s="613"/>
      <c r="LZW660" s="613"/>
      <c r="LZX660" s="613"/>
      <c r="LZY660" s="613"/>
      <c r="LZZ660" s="613"/>
      <c r="MAA660" s="613"/>
      <c r="MAB660" s="613"/>
      <c r="MAC660" s="613"/>
      <c r="MAD660" s="613"/>
      <c r="MAE660" s="613"/>
      <c r="MAF660" s="613"/>
      <c r="MAG660" s="613"/>
      <c r="MAH660" s="613"/>
      <c r="MAI660" s="613"/>
      <c r="MAJ660" s="613"/>
      <c r="MAK660" s="613"/>
      <c r="MAL660" s="613"/>
      <c r="MAM660" s="613"/>
      <c r="MAN660" s="613"/>
      <c r="MAO660" s="613"/>
      <c r="MAP660" s="613"/>
      <c r="MAQ660" s="613"/>
      <c r="MAR660" s="613"/>
      <c r="MAS660" s="613"/>
      <c r="MAT660" s="613"/>
      <c r="MAU660" s="613"/>
      <c r="MAV660" s="613"/>
      <c r="MAW660" s="613"/>
      <c r="MAX660" s="613"/>
      <c r="MAY660" s="613"/>
      <c r="MAZ660" s="613"/>
      <c r="MBA660" s="613"/>
      <c r="MBB660" s="613"/>
      <c r="MBC660" s="613"/>
      <c r="MBD660" s="613"/>
      <c r="MBE660" s="613"/>
      <c r="MBF660" s="613"/>
      <c r="MBG660" s="613"/>
      <c r="MBH660" s="613"/>
      <c r="MBI660" s="613"/>
      <c r="MBJ660" s="613"/>
      <c r="MBK660" s="613"/>
      <c r="MBL660" s="613"/>
      <c r="MBM660" s="613"/>
      <c r="MBN660" s="613"/>
      <c r="MBO660" s="613"/>
      <c r="MBP660" s="613"/>
      <c r="MBQ660" s="613"/>
      <c r="MBR660" s="613"/>
      <c r="MBS660" s="613"/>
      <c r="MBT660" s="613"/>
      <c r="MBU660" s="613"/>
      <c r="MBV660" s="613"/>
      <c r="MBW660" s="613"/>
      <c r="MBX660" s="613"/>
      <c r="MBY660" s="613"/>
      <c r="MBZ660" s="613"/>
      <c r="MCA660" s="613"/>
      <c r="MCB660" s="613"/>
      <c r="MCC660" s="613"/>
      <c r="MCD660" s="613"/>
      <c r="MCE660" s="613"/>
      <c r="MCF660" s="613"/>
      <c r="MCG660" s="613"/>
      <c r="MCH660" s="613"/>
      <c r="MCI660" s="613"/>
      <c r="MCJ660" s="613"/>
      <c r="MCK660" s="613"/>
      <c r="MCL660" s="613"/>
      <c r="MCM660" s="613"/>
      <c r="MCN660" s="613"/>
      <c r="MCO660" s="613"/>
      <c r="MCP660" s="613"/>
      <c r="MCQ660" s="613"/>
      <c r="MCR660" s="613"/>
      <c r="MCS660" s="613"/>
      <c r="MCT660" s="613"/>
      <c r="MCU660" s="613"/>
      <c r="MCV660" s="613"/>
      <c r="MCW660" s="613"/>
      <c r="MCX660" s="613"/>
      <c r="MCY660" s="613"/>
      <c r="MCZ660" s="613"/>
      <c r="MDA660" s="613"/>
      <c r="MDB660" s="613"/>
      <c r="MDC660" s="613"/>
      <c r="MDD660" s="613"/>
      <c r="MDE660" s="613"/>
      <c r="MDF660" s="613"/>
      <c r="MDG660" s="613"/>
      <c r="MDH660" s="613"/>
      <c r="MDI660" s="613"/>
      <c r="MDJ660" s="613"/>
      <c r="MDK660" s="613"/>
      <c r="MDL660" s="613"/>
      <c r="MDM660" s="613"/>
      <c r="MDN660" s="613"/>
      <c r="MDO660" s="613"/>
      <c r="MDP660" s="613"/>
      <c r="MDQ660" s="613"/>
      <c r="MDR660" s="613"/>
      <c r="MDS660" s="613"/>
      <c r="MDT660" s="613"/>
      <c r="MDU660" s="613"/>
      <c r="MDV660" s="613"/>
      <c r="MDW660" s="613"/>
      <c r="MDX660" s="613"/>
      <c r="MDY660" s="613"/>
      <c r="MDZ660" s="613"/>
      <c r="MEA660" s="613"/>
      <c r="MEB660" s="613"/>
      <c r="MEC660" s="613"/>
      <c r="MED660" s="613"/>
      <c r="MEE660" s="613"/>
      <c r="MEF660" s="613"/>
      <c r="MEG660" s="613"/>
      <c r="MEH660" s="613"/>
      <c r="MEI660" s="613"/>
      <c r="MEJ660" s="613"/>
      <c r="MEK660" s="613"/>
      <c r="MEL660" s="613"/>
      <c r="MEM660" s="613"/>
      <c r="MEN660" s="613"/>
      <c r="MEO660" s="613"/>
      <c r="MEP660" s="613"/>
      <c r="MEQ660" s="613"/>
      <c r="MER660" s="613"/>
      <c r="MES660" s="613"/>
      <c r="MET660" s="613"/>
      <c r="MEU660" s="613"/>
      <c r="MEV660" s="613"/>
      <c r="MEW660" s="613"/>
      <c r="MEX660" s="613"/>
      <c r="MEY660" s="613"/>
      <c r="MEZ660" s="613"/>
      <c r="MFA660" s="613"/>
      <c r="MFB660" s="613"/>
      <c r="MFC660" s="613"/>
      <c r="MFD660" s="613"/>
      <c r="MFE660" s="613"/>
      <c r="MFF660" s="613"/>
      <c r="MFG660" s="613"/>
      <c r="MFH660" s="613"/>
      <c r="MFI660" s="613"/>
      <c r="MFJ660" s="613"/>
      <c r="MFK660" s="613"/>
      <c r="MFL660" s="613"/>
      <c r="MFM660" s="613"/>
      <c r="MFN660" s="613"/>
      <c r="MFO660" s="613"/>
      <c r="MFP660" s="613"/>
      <c r="MFQ660" s="613"/>
      <c r="MFR660" s="613"/>
      <c r="MFS660" s="613"/>
      <c r="MFT660" s="613"/>
      <c r="MFU660" s="613"/>
      <c r="MFV660" s="613"/>
      <c r="MFW660" s="613"/>
      <c r="MFX660" s="613"/>
      <c r="MFY660" s="613"/>
      <c r="MFZ660" s="613"/>
      <c r="MGA660" s="613"/>
      <c r="MGB660" s="613"/>
      <c r="MGC660" s="613"/>
      <c r="MGD660" s="613"/>
      <c r="MGE660" s="613"/>
      <c r="MGF660" s="613"/>
      <c r="MGG660" s="613"/>
      <c r="MGH660" s="613"/>
      <c r="MGI660" s="613"/>
      <c r="MGJ660" s="613"/>
      <c r="MGK660" s="613"/>
      <c r="MGL660" s="613"/>
      <c r="MGM660" s="613"/>
      <c r="MGN660" s="613"/>
      <c r="MGO660" s="613"/>
      <c r="MGP660" s="613"/>
      <c r="MGQ660" s="613"/>
      <c r="MGR660" s="613"/>
      <c r="MGS660" s="613"/>
      <c r="MGT660" s="613"/>
      <c r="MGU660" s="613"/>
      <c r="MGV660" s="613"/>
      <c r="MGW660" s="613"/>
      <c r="MGX660" s="613"/>
      <c r="MGY660" s="613"/>
      <c r="MGZ660" s="613"/>
      <c r="MHA660" s="613"/>
      <c r="MHB660" s="613"/>
      <c r="MHC660" s="613"/>
      <c r="MHD660" s="613"/>
      <c r="MHE660" s="613"/>
      <c r="MHF660" s="613"/>
      <c r="MHG660" s="613"/>
      <c r="MHH660" s="613"/>
      <c r="MHI660" s="613"/>
      <c r="MHJ660" s="613"/>
      <c r="MHK660" s="613"/>
      <c r="MHL660" s="613"/>
      <c r="MHM660" s="613"/>
      <c r="MHN660" s="613"/>
      <c r="MHO660" s="613"/>
      <c r="MHP660" s="613"/>
      <c r="MHQ660" s="613"/>
      <c r="MHR660" s="613"/>
      <c r="MHS660" s="613"/>
      <c r="MHT660" s="613"/>
      <c r="MHU660" s="613"/>
      <c r="MHV660" s="613"/>
      <c r="MHW660" s="613"/>
      <c r="MHX660" s="613"/>
      <c r="MHY660" s="613"/>
      <c r="MHZ660" s="613"/>
      <c r="MIA660" s="613"/>
      <c r="MIB660" s="613"/>
      <c r="MIC660" s="613"/>
      <c r="MID660" s="613"/>
      <c r="MIE660" s="613"/>
      <c r="MIF660" s="613"/>
      <c r="MIG660" s="613"/>
      <c r="MIH660" s="613"/>
      <c r="MII660" s="613"/>
      <c r="MIJ660" s="613"/>
      <c r="MIK660" s="613"/>
      <c r="MIL660" s="613"/>
      <c r="MIM660" s="613"/>
      <c r="MIN660" s="613"/>
      <c r="MIO660" s="613"/>
      <c r="MIP660" s="613"/>
      <c r="MIQ660" s="613"/>
      <c r="MIR660" s="613"/>
      <c r="MIS660" s="613"/>
      <c r="MIT660" s="613"/>
      <c r="MIU660" s="613"/>
      <c r="MIV660" s="613"/>
      <c r="MIW660" s="613"/>
      <c r="MIX660" s="613"/>
      <c r="MIY660" s="613"/>
      <c r="MIZ660" s="613"/>
      <c r="MJA660" s="613"/>
      <c r="MJB660" s="613"/>
      <c r="MJC660" s="613"/>
      <c r="MJD660" s="613"/>
      <c r="MJE660" s="613"/>
      <c r="MJF660" s="613"/>
      <c r="MJG660" s="613"/>
      <c r="MJH660" s="613"/>
      <c r="MJI660" s="613"/>
      <c r="MJJ660" s="613"/>
      <c r="MJK660" s="613"/>
      <c r="MJL660" s="613"/>
      <c r="MJM660" s="613"/>
      <c r="MJN660" s="613"/>
      <c r="MJO660" s="613"/>
      <c r="MJP660" s="613"/>
      <c r="MJQ660" s="613"/>
      <c r="MJR660" s="613"/>
      <c r="MJS660" s="613"/>
      <c r="MJT660" s="613"/>
      <c r="MJU660" s="613"/>
      <c r="MJV660" s="613"/>
      <c r="MJW660" s="613"/>
      <c r="MJX660" s="613"/>
      <c r="MJY660" s="613"/>
      <c r="MJZ660" s="613"/>
      <c r="MKA660" s="613"/>
      <c r="MKB660" s="613"/>
      <c r="MKC660" s="613"/>
      <c r="MKD660" s="613"/>
      <c r="MKE660" s="613"/>
      <c r="MKF660" s="613"/>
      <c r="MKG660" s="613"/>
      <c r="MKH660" s="613"/>
      <c r="MKI660" s="613"/>
      <c r="MKJ660" s="613"/>
      <c r="MKK660" s="613"/>
      <c r="MKL660" s="613"/>
      <c r="MKM660" s="613"/>
      <c r="MKN660" s="613"/>
      <c r="MKO660" s="613"/>
      <c r="MKP660" s="613"/>
      <c r="MKQ660" s="613"/>
      <c r="MKR660" s="613"/>
      <c r="MKS660" s="613"/>
      <c r="MKT660" s="613"/>
      <c r="MKU660" s="613"/>
      <c r="MKV660" s="613"/>
      <c r="MKW660" s="613"/>
      <c r="MKX660" s="613"/>
      <c r="MKY660" s="613"/>
      <c r="MKZ660" s="613"/>
      <c r="MLA660" s="613"/>
      <c r="MLB660" s="613"/>
      <c r="MLC660" s="613"/>
      <c r="MLD660" s="613"/>
      <c r="MLE660" s="613"/>
      <c r="MLF660" s="613"/>
      <c r="MLG660" s="613"/>
      <c r="MLH660" s="613"/>
      <c r="MLI660" s="613"/>
      <c r="MLJ660" s="613"/>
      <c r="MLK660" s="613"/>
      <c r="MLL660" s="613"/>
      <c r="MLM660" s="613"/>
      <c r="MLN660" s="613"/>
      <c r="MLO660" s="613"/>
      <c r="MLP660" s="613"/>
      <c r="MLQ660" s="613"/>
      <c r="MLR660" s="613"/>
      <c r="MLS660" s="613"/>
      <c r="MLT660" s="613"/>
      <c r="MLU660" s="613"/>
      <c r="MLV660" s="613"/>
      <c r="MLW660" s="613"/>
      <c r="MLX660" s="613"/>
      <c r="MLY660" s="613"/>
      <c r="MLZ660" s="613"/>
      <c r="MMA660" s="613"/>
      <c r="MMB660" s="613"/>
      <c r="MMC660" s="613"/>
      <c r="MMD660" s="613"/>
      <c r="MME660" s="613"/>
      <c r="MMF660" s="613"/>
      <c r="MMG660" s="613"/>
      <c r="MMH660" s="613"/>
      <c r="MMI660" s="613"/>
      <c r="MMJ660" s="613"/>
      <c r="MMK660" s="613"/>
      <c r="MML660" s="613"/>
      <c r="MMM660" s="613"/>
      <c r="MMN660" s="613"/>
      <c r="MMO660" s="613"/>
      <c r="MMP660" s="613"/>
      <c r="MMQ660" s="613"/>
      <c r="MMR660" s="613"/>
      <c r="MMS660" s="613"/>
      <c r="MMT660" s="613"/>
      <c r="MMU660" s="613"/>
      <c r="MMV660" s="613"/>
      <c r="MMW660" s="613"/>
      <c r="MMX660" s="613"/>
      <c r="MMY660" s="613"/>
      <c r="MMZ660" s="613"/>
      <c r="MNA660" s="613"/>
      <c r="MNB660" s="613"/>
      <c r="MNC660" s="613"/>
      <c r="MND660" s="613"/>
      <c r="MNE660" s="613"/>
      <c r="MNF660" s="613"/>
      <c r="MNG660" s="613"/>
      <c r="MNH660" s="613"/>
      <c r="MNI660" s="613"/>
      <c r="MNJ660" s="613"/>
      <c r="MNK660" s="613"/>
      <c r="MNL660" s="613"/>
      <c r="MNM660" s="613"/>
      <c r="MNN660" s="613"/>
      <c r="MNO660" s="613"/>
      <c r="MNP660" s="613"/>
      <c r="MNQ660" s="613"/>
      <c r="MNR660" s="613"/>
      <c r="MNS660" s="613"/>
      <c r="MNT660" s="613"/>
      <c r="MNU660" s="613"/>
      <c r="MNV660" s="613"/>
      <c r="MNW660" s="613"/>
      <c r="MNX660" s="613"/>
      <c r="MNY660" s="613"/>
      <c r="MNZ660" s="613"/>
      <c r="MOA660" s="613"/>
      <c r="MOB660" s="613"/>
      <c r="MOC660" s="613"/>
      <c r="MOD660" s="613"/>
      <c r="MOE660" s="613"/>
      <c r="MOF660" s="613"/>
      <c r="MOG660" s="613"/>
      <c r="MOH660" s="613"/>
      <c r="MOI660" s="613"/>
      <c r="MOJ660" s="613"/>
      <c r="MOK660" s="613"/>
      <c r="MOL660" s="613"/>
      <c r="MOM660" s="613"/>
      <c r="MON660" s="613"/>
      <c r="MOO660" s="613"/>
      <c r="MOP660" s="613"/>
      <c r="MOQ660" s="613"/>
      <c r="MOR660" s="613"/>
      <c r="MOS660" s="613"/>
      <c r="MOT660" s="613"/>
      <c r="MOU660" s="613"/>
      <c r="MOV660" s="613"/>
      <c r="MOW660" s="613"/>
      <c r="MOX660" s="613"/>
      <c r="MOY660" s="613"/>
      <c r="MOZ660" s="613"/>
      <c r="MPA660" s="613"/>
      <c r="MPB660" s="613"/>
      <c r="MPC660" s="613"/>
      <c r="MPD660" s="613"/>
      <c r="MPE660" s="613"/>
      <c r="MPF660" s="613"/>
      <c r="MPG660" s="613"/>
      <c r="MPH660" s="613"/>
      <c r="MPI660" s="613"/>
      <c r="MPJ660" s="613"/>
      <c r="MPK660" s="613"/>
      <c r="MPL660" s="613"/>
      <c r="MPM660" s="613"/>
      <c r="MPN660" s="613"/>
      <c r="MPO660" s="613"/>
      <c r="MPP660" s="613"/>
      <c r="MPQ660" s="613"/>
      <c r="MPR660" s="613"/>
      <c r="MPS660" s="613"/>
      <c r="MPT660" s="613"/>
      <c r="MPU660" s="613"/>
      <c r="MPV660" s="613"/>
      <c r="MPW660" s="613"/>
      <c r="MPX660" s="613"/>
      <c r="MPY660" s="613"/>
      <c r="MPZ660" s="613"/>
      <c r="MQA660" s="613"/>
      <c r="MQB660" s="613"/>
      <c r="MQC660" s="613"/>
      <c r="MQD660" s="613"/>
      <c r="MQE660" s="613"/>
      <c r="MQF660" s="613"/>
      <c r="MQG660" s="613"/>
      <c r="MQH660" s="613"/>
      <c r="MQI660" s="613"/>
      <c r="MQJ660" s="613"/>
      <c r="MQK660" s="613"/>
      <c r="MQL660" s="613"/>
      <c r="MQM660" s="613"/>
      <c r="MQN660" s="613"/>
      <c r="MQO660" s="613"/>
      <c r="MQP660" s="613"/>
      <c r="MQQ660" s="613"/>
      <c r="MQR660" s="613"/>
      <c r="MQS660" s="613"/>
      <c r="MQT660" s="613"/>
      <c r="MQU660" s="613"/>
      <c r="MQV660" s="613"/>
      <c r="MQW660" s="613"/>
      <c r="MQX660" s="613"/>
      <c r="MQY660" s="613"/>
      <c r="MQZ660" s="613"/>
      <c r="MRA660" s="613"/>
      <c r="MRB660" s="613"/>
      <c r="MRC660" s="613"/>
      <c r="MRD660" s="613"/>
      <c r="MRE660" s="613"/>
      <c r="MRF660" s="613"/>
      <c r="MRG660" s="613"/>
      <c r="MRH660" s="613"/>
      <c r="MRI660" s="613"/>
      <c r="MRJ660" s="613"/>
      <c r="MRK660" s="613"/>
      <c r="MRL660" s="613"/>
      <c r="MRM660" s="613"/>
      <c r="MRN660" s="613"/>
      <c r="MRO660" s="613"/>
      <c r="MRP660" s="613"/>
      <c r="MRQ660" s="613"/>
      <c r="MRR660" s="613"/>
      <c r="MRS660" s="613"/>
      <c r="MRT660" s="613"/>
      <c r="MRU660" s="613"/>
      <c r="MRV660" s="613"/>
      <c r="MRW660" s="613"/>
      <c r="MRX660" s="613"/>
      <c r="MRY660" s="613"/>
      <c r="MRZ660" s="613"/>
      <c r="MSA660" s="613"/>
      <c r="MSB660" s="613"/>
      <c r="MSC660" s="613"/>
      <c r="MSD660" s="613"/>
      <c r="MSE660" s="613"/>
      <c r="MSF660" s="613"/>
      <c r="MSG660" s="613"/>
      <c r="MSH660" s="613"/>
      <c r="MSI660" s="613"/>
      <c r="MSJ660" s="613"/>
      <c r="MSK660" s="613"/>
      <c r="MSL660" s="613"/>
      <c r="MSM660" s="613"/>
      <c r="MSN660" s="613"/>
      <c r="MSO660" s="613"/>
      <c r="MSP660" s="613"/>
      <c r="MSQ660" s="613"/>
      <c r="MSR660" s="613"/>
      <c r="MSS660" s="613"/>
      <c r="MST660" s="613"/>
      <c r="MSU660" s="613"/>
      <c r="MSV660" s="613"/>
      <c r="MSW660" s="613"/>
      <c r="MSX660" s="613"/>
      <c r="MSY660" s="613"/>
      <c r="MSZ660" s="613"/>
      <c r="MTA660" s="613"/>
      <c r="MTB660" s="613"/>
      <c r="MTC660" s="613"/>
      <c r="MTD660" s="613"/>
      <c r="MTE660" s="613"/>
      <c r="MTF660" s="613"/>
      <c r="MTG660" s="613"/>
      <c r="MTH660" s="613"/>
      <c r="MTI660" s="613"/>
      <c r="MTJ660" s="613"/>
      <c r="MTK660" s="613"/>
      <c r="MTL660" s="613"/>
      <c r="MTM660" s="613"/>
      <c r="MTN660" s="613"/>
      <c r="MTO660" s="613"/>
      <c r="MTP660" s="613"/>
      <c r="MTQ660" s="613"/>
      <c r="MTR660" s="613"/>
      <c r="MTS660" s="613"/>
      <c r="MTT660" s="613"/>
      <c r="MTU660" s="613"/>
      <c r="MTV660" s="613"/>
      <c r="MTW660" s="613"/>
      <c r="MTX660" s="613"/>
      <c r="MTY660" s="613"/>
      <c r="MTZ660" s="613"/>
      <c r="MUA660" s="613"/>
      <c r="MUB660" s="613"/>
      <c r="MUC660" s="613"/>
      <c r="MUD660" s="613"/>
      <c r="MUE660" s="613"/>
      <c r="MUF660" s="613"/>
      <c r="MUG660" s="613"/>
      <c r="MUH660" s="613"/>
      <c r="MUI660" s="613"/>
      <c r="MUJ660" s="613"/>
      <c r="MUK660" s="613"/>
      <c r="MUL660" s="613"/>
      <c r="MUM660" s="613"/>
      <c r="MUN660" s="613"/>
      <c r="MUO660" s="613"/>
      <c r="MUP660" s="613"/>
      <c r="MUQ660" s="613"/>
      <c r="MUR660" s="613"/>
      <c r="MUS660" s="613"/>
      <c r="MUT660" s="613"/>
      <c r="MUU660" s="613"/>
      <c r="MUV660" s="613"/>
      <c r="MUW660" s="613"/>
      <c r="MUX660" s="613"/>
      <c r="MUY660" s="613"/>
      <c r="MUZ660" s="613"/>
      <c r="MVA660" s="613"/>
      <c r="MVB660" s="613"/>
      <c r="MVC660" s="613"/>
      <c r="MVD660" s="613"/>
      <c r="MVE660" s="613"/>
      <c r="MVF660" s="613"/>
      <c r="MVG660" s="613"/>
      <c r="MVH660" s="613"/>
      <c r="MVI660" s="613"/>
      <c r="MVJ660" s="613"/>
      <c r="MVK660" s="613"/>
      <c r="MVL660" s="613"/>
      <c r="MVM660" s="613"/>
      <c r="MVN660" s="613"/>
      <c r="MVO660" s="613"/>
      <c r="MVP660" s="613"/>
      <c r="MVQ660" s="613"/>
      <c r="MVR660" s="613"/>
      <c r="MVS660" s="613"/>
      <c r="MVT660" s="613"/>
      <c r="MVU660" s="613"/>
      <c r="MVV660" s="613"/>
      <c r="MVW660" s="613"/>
      <c r="MVX660" s="613"/>
      <c r="MVY660" s="613"/>
      <c r="MVZ660" s="613"/>
      <c r="MWA660" s="613"/>
      <c r="MWB660" s="613"/>
      <c r="MWC660" s="613"/>
      <c r="MWD660" s="613"/>
      <c r="MWE660" s="613"/>
      <c r="MWF660" s="613"/>
      <c r="MWG660" s="613"/>
      <c r="MWH660" s="613"/>
      <c r="MWI660" s="613"/>
      <c r="MWJ660" s="613"/>
      <c r="MWK660" s="613"/>
      <c r="MWL660" s="613"/>
      <c r="MWM660" s="613"/>
      <c r="MWN660" s="613"/>
      <c r="MWO660" s="613"/>
      <c r="MWP660" s="613"/>
      <c r="MWQ660" s="613"/>
      <c r="MWR660" s="613"/>
      <c r="MWS660" s="613"/>
      <c r="MWT660" s="613"/>
      <c r="MWU660" s="613"/>
      <c r="MWV660" s="613"/>
      <c r="MWW660" s="613"/>
      <c r="MWX660" s="613"/>
      <c r="MWY660" s="613"/>
      <c r="MWZ660" s="613"/>
      <c r="MXA660" s="613"/>
      <c r="MXB660" s="613"/>
      <c r="MXC660" s="613"/>
      <c r="MXD660" s="613"/>
      <c r="MXE660" s="613"/>
      <c r="MXF660" s="613"/>
      <c r="MXG660" s="613"/>
      <c r="MXH660" s="613"/>
      <c r="MXI660" s="613"/>
      <c r="MXJ660" s="613"/>
      <c r="MXK660" s="613"/>
      <c r="MXL660" s="613"/>
      <c r="MXM660" s="613"/>
      <c r="MXN660" s="613"/>
      <c r="MXO660" s="613"/>
      <c r="MXP660" s="613"/>
      <c r="MXQ660" s="613"/>
      <c r="MXR660" s="613"/>
      <c r="MXS660" s="613"/>
      <c r="MXT660" s="613"/>
      <c r="MXU660" s="613"/>
      <c r="MXV660" s="613"/>
      <c r="MXW660" s="613"/>
      <c r="MXX660" s="613"/>
      <c r="MXY660" s="613"/>
      <c r="MXZ660" s="613"/>
      <c r="MYA660" s="613"/>
      <c r="MYB660" s="613"/>
      <c r="MYC660" s="613"/>
      <c r="MYD660" s="613"/>
      <c r="MYE660" s="613"/>
      <c r="MYF660" s="613"/>
      <c r="MYG660" s="613"/>
      <c r="MYH660" s="613"/>
      <c r="MYI660" s="613"/>
      <c r="MYJ660" s="613"/>
      <c r="MYK660" s="613"/>
      <c r="MYL660" s="613"/>
      <c r="MYM660" s="613"/>
      <c r="MYN660" s="613"/>
      <c r="MYO660" s="613"/>
      <c r="MYP660" s="613"/>
      <c r="MYQ660" s="613"/>
      <c r="MYR660" s="613"/>
      <c r="MYS660" s="613"/>
      <c r="MYT660" s="613"/>
      <c r="MYU660" s="613"/>
      <c r="MYV660" s="613"/>
      <c r="MYW660" s="613"/>
      <c r="MYX660" s="613"/>
      <c r="MYY660" s="613"/>
      <c r="MYZ660" s="613"/>
      <c r="MZA660" s="613"/>
      <c r="MZB660" s="613"/>
      <c r="MZC660" s="613"/>
      <c r="MZD660" s="613"/>
      <c r="MZE660" s="613"/>
      <c r="MZF660" s="613"/>
      <c r="MZG660" s="613"/>
      <c r="MZH660" s="613"/>
      <c r="MZI660" s="613"/>
      <c r="MZJ660" s="613"/>
      <c r="MZK660" s="613"/>
      <c r="MZL660" s="613"/>
      <c r="MZM660" s="613"/>
      <c r="MZN660" s="613"/>
      <c r="MZO660" s="613"/>
      <c r="MZP660" s="613"/>
      <c r="MZQ660" s="613"/>
      <c r="MZR660" s="613"/>
      <c r="MZS660" s="613"/>
      <c r="MZT660" s="613"/>
      <c r="MZU660" s="613"/>
      <c r="MZV660" s="613"/>
      <c r="MZW660" s="613"/>
      <c r="MZX660" s="613"/>
      <c r="MZY660" s="613"/>
      <c r="MZZ660" s="613"/>
      <c r="NAA660" s="613"/>
      <c r="NAB660" s="613"/>
      <c r="NAC660" s="613"/>
      <c r="NAD660" s="613"/>
      <c r="NAE660" s="613"/>
      <c r="NAF660" s="613"/>
      <c r="NAG660" s="613"/>
      <c r="NAH660" s="613"/>
      <c r="NAI660" s="613"/>
      <c r="NAJ660" s="613"/>
      <c r="NAK660" s="613"/>
      <c r="NAL660" s="613"/>
      <c r="NAM660" s="613"/>
      <c r="NAN660" s="613"/>
      <c r="NAO660" s="613"/>
      <c r="NAP660" s="613"/>
      <c r="NAQ660" s="613"/>
      <c r="NAR660" s="613"/>
      <c r="NAS660" s="613"/>
      <c r="NAT660" s="613"/>
      <c r="NAU660" s="613"/>
      <c r="NAV660" s="613"/>
      <c r="NAW660" s="613"/>
      <c r="NAX660" s="613"/>
      <c r="NAY660" s="613"/>
      <c r="NAZ660" s="613"/>
      <c r="NBA660" s="613"/>
      <c r="NBB660" s="613"/>
      <c r="NBC660" s="613"/>
      <c r="NBD660" s="613"/>
      <c r="NBE660" s="613"/>
      <c r="NBF660" s="613"/>
      <c r="NBG660" s="613"/>
      <c r="NBH660" s="613"/>
      <c r="NBI660" s="613"/>
      <c r="NBJ660" s="613"/>
      <c r="NBK660" s="613"/>
      <c r="NBL660" s="613"/>
      <c r="NBM660" s="613"/>
      <c r="NBN660" s="613"/>
      <c r="NBO660" s="613"/>
      <c r="NBP660" s="613"/>
      <c r="NBQ660" s="613"/>
      <c r="NBR660" s="613"/>
      <c r="NBS660" s="613"/>
      <c r="NBT660" s="613"/>
      <c r="NBU660" s="613"/>
      <c r="NBV660" s="613"/>
      <c r="NBW660" s="613"/>
      <c r="NBX660" s="613"/>
      <c r="NBY660" s="613"/>
      <c r="NBZ660" s="613"/>
      <c r="NCA660" s="613"/>
      <c r="NCB660" s="613"/>
      <c r="NCC660" s="613"/>
      <c r="NCD660" s="613"/>
      <c r="NCE660" s="613"/>
      <c r="NCF660" s="613"/>
      <c r="NCG660" s="613"/>
      <c r="NCH660" s="613"/>
      <c r="NCI660" s="613"/>
      <c r="NCJ660" s="613"/>
      <c r="NCK660" s="613"/>
      <c r="NCL660" s="613"/>
      <c r="NCM660" s="613"/>
      <c r="NCN660" s="613"/>
      <c r="NCO660" s="613"/>
      <c r="NCP660" s="613"/>
      <c r="NCQ660" s="613"/>
      <c r="NCR660" s="613"/>
      <c r="NCS660" s="613"/>
      <c r="NCT660" s="613"/>
      <c r="NCU660" s="613"/>
      <c r="NCV660" s="613"/>
      <c r="NCW660" s="613"/>
      <c r="NCX660" s="613"/>
      <c r="NCY660" s="613"/>
      <c r="NCZ660" s="613"/>
      <c r="NDA660" s="613"/>
      <c r="NDB660" s="613"/>
      <c r="NDC660" s="613"/>
      <c r="NDD660" s="613"/>
      <c r="NDE660" s="613"/>
      <c r="NDF660" s="613"/>
      <c r="NDG660" s="613"/>
      <c r="NDH660" s="613"/>
      <c r="NDI660" s="613"/>
      <c r="NDJ660" s="613"/>
      <c r="NDK660" s="613"/>
      <c r="NDL660" s="613"/>
      <c r="NDM660" s="613"/>
      <c r="NDN660" s="613"/>
      <c r="NDO660" s="613"/>
      <c r="NDP660" s="613"/>
      <c r="NDQ660" s="613"/>
      <c r="NDR660" s="613"/>
      <c r="NDS660" s="613"/>
      <c r="NDT660" s="613"/>
      <c r="NDU660" s="613"/>
      <c r="NDV660" s="613"/>
      <c r="NDW660" s="613"/>
      <c r="NDX660" s="613"/>
      <c r="NDY660" s="613"/>
      <c r="NDZ660" s="613"/>
      <c r="NEA660" s="613"/>
      <c r="NEB660" s="613"/>
      <c r="NEC660" s="613"/>
      <c r="NED660" s="613"/>
      <c r="NEE660" s="613"/>
      <c r="NEF660" s="613"/>
      <c r="NEG660" s="613"/>
      <c r="NEH660" s="613"/>
      <c r="NEI660" s="613"/>
      <c r="NEJ660" s="613"/>
      <c r="NEK660" s="613"/>
      <c r="NEL660" s="613"/>
      <c r="NEM660" s="613"/>
      <c r="NEN660" s="613"/>
      <c r="NEO660" s="613"/>
      <c r="NEP660" s="613"/>
      <c r="NEQ660" s="613"/>
      <c r="NER660" s="613"/>
      <c r="NES660" s="613"/>
      <c r="NET660" s="613"/>
      <c r="NEU660" s="613"/>
      <c r="NEV660" s="613"/>
      <c r="NEW660" s="613"/>
      <c r="NEX660" s="613"/>
      <c r="NEY660" s="613"/>
      <c r="NEZ660" s="613"/>
      <c r="NFA660" s="613"/>
      <c r="NFB660" s="613"/>
      <c r="NFC660" s="613"/>
      <c r="NFD660" s="613"/>
      <c r="NFE660" s="613"/>
      <c r="NFF660" s="613"/>
      <c r="NFG660" s="613"/>
      <c r="NFH660" s="613"/>
      <c r="NFI660" s="613"/>
      <c r="NFJ660" s="613"/>
      <c r="NFK660" s="613"/>
      <c r="NFL660" s="613"/>
      <c r="NFM660" s="613"/>
      <c r="NFN660" s="613"/>
      <c r="NFO660" s="613"/>
      <c r="NFP660" s="613"/>
      <c r="NFQ660" s="613"/>
      <c r="NFR660" s="613"/>
      <c r="NFS660" s="613"/>
      <c r="NFT660" s="613"/>
      <c r="NFU660" s="613"/>
      <c r="NFV660" s="613"/>
      <c r="NFW660" s="613"/>
      <c r="NFX660" s="613"/>
      <c r="NFY660" s="613"/>
      <c r="NFZ660" s="613"/>
      <c r="NGA660" s="613"/>
      <c r="NGB660" s="613"/>
      <c r="NGC660" s="613"/>
      <c r="NGD660" s="613"/>
      <c r="NGE660" s="613"/>
      <c r="NGF660" s="613"/>
      <c r="NGG660" s="613"/>
      <c r="NGH660" s="613"/>
      <c r="NGI660" s="613"/>
      <c r="NGJ660" s="613"/>
      <c r="NGK660" s="613"/>
      <c r="NGL660" s="613"/>
      <c r="NGM660" s="613"/>
      <c r="NGN660" s="613"/>
      <c r="NGO660" s="613"/>
      <c r="NGP660" s="613"/>
      <c r="NGQ660" s="613"/>
      <c r="NGR660" s="613"/>
      <c r="NGS660" s="613"/>
      <c r="NGT660" s="613"/>
      <c r="NGU660" s="613"/>
      <c r="NGV660" s="613"/>
      <c r="NGW660" s="613"/>
      <c r="NGX660" s="613"/>
      <c r="NGY660" s="613"/>
      <c r="NGZ660" s="613"/>
      <c r="NHA660" s="613"/>
      <c r="NHB660" s="613"/>
      <c r="NHC660" s="613"/>
      <c r="NHD660" s="613"/>
      <c r="NHE660" s="613"/>
      <c r="NHF660" s="613"/>
      <c r="NHG660" s="613"/>
      <c r="NHH660" s="613"/>
      <c r="NHI660" s="613"/>
      <c r="NHJ660" s="613"/>
      <c r="NHK660" s="613"/>
      <c r="NHL660" s="613"/>
      <c r="NHM660" s="613"/>
      <c r="NHN660" s="613"/>
      <c r="NHO660" s="613"/>
      <c r="NHP660" s="613"/>
      <c r="NHQ660" s="613"/>
      <c r="NHR660" s="613"/>
      <c r="NHS660" s="613"/>
      <c r="NHT660" s="613"/>
      <c r="NHU660" s="613"/>
      <c r="NHV660" s="613"/>
      <c r="NHW660" s="613"/>
      <c r="NHX660" s="613"/>
      <c r="NHY660" s="613"/>
      <c r="NHZ660" s="613"/>
      <c r="NIA660" s="613"/>
      <c r="NIB660" s="613"/>
      <c r="NIC660" s="613"/>
      <c r="NID660" s="613"/>
      <c r="NIE660" s="613"/>
      <c r="NIF660" s="613"/>
      <c r="NIG660" s="613"/>
      <c r="NIH660" s="613"/>
      <c r="NII660" s="613"/>
      <c r="NIJ660" s="613"/>
      <c r="NIK660" s="613"/>
      <c r="NIL660" s="613"/>
      <c r="NIM660" s="613"/>
      <c r="NIN660" s="613"/>
      <c r="NIO660" s="613"/>
      <c r="NIP660" s="613"/>
      <c r="NIQ660" s="613"/>
      <c r="NIR660" s="613"/>
      <c r="NIS660" s="613"/>
      <c r="NIT660" s="613"/>
      <c r="NIU660" s="613"/>
      <c r="NIV660" s="613"/>
      <c r="NIW660" s="613"/>
      <c r="NIX660" s="613"/>
      <c r="NIY660" s="613"/>
      <c r="NIZ660" s="613"/>
      <c r="NJA660" s="613"/>
      <c r="NJB660" s="613"/>
      <c r="NJC660" s="613"/>
      <c r="NJD660" s="613"/>
      <c r="NJE660" s="613"/>
      <c r="NJF660" s="613"/>
      <c r="NJG660" s="613"/>
      <c r="NJH660" s="613"/>
      <c r="NJI660" s="613"/>
      <c r="NJJ660" s="613"/>
      <c r="NJK660" s="613"/>
      <c r="NJL660" s="613"/>
      <c r="NJM660" s="613"/>
      <c r="NJN660" s="613"/>
      <c r="NJO660" s="613"/>
      <c r="NJP660" s="613"/>
      <c r="NJQ660" s="613"/>
      <c r="NJR660" s="613"/>
      <c r="NJS660" s="613"/>
      <c r="NJT660" s="613"/>
      <c r="NJU660" s="613"/>
      <c r="NJV660" s="613"/>
      <c r="NJW660" s="613"/>
      <c r="NJX660" s="613"/>
      <c r="NJY660" s="613"/>
      <c r="NJZ660" s="613"/>
      <c r="NKA660" s="613"/>
      <c r="NKB660" s="613"/>
      <c r="NKC660" s="613"/>
      <c r="NKD660" s="613"/>
      <c r="NKE660" s="613"/>
      <c r="NKF660" s="613"/>
      <c r="NKG660" s="613"/>
      <c r="NKH660" s="613"/>
      <c r="NKI660" s="613"/>
      <c r="NKJ660" s="613"/>
      <c r="NKK660" s="613"/>
      <c r="NKL660" s="613"/>
      <c r="NKM660" s="613"/>
      <c r="NKN660" s="613"/>
      <c r="NKO660" s="613"/>
      <c r="NKP660" s="613"/>
      <c r="NKQ660" s="613"/>
      <c r="NKR660" s="613"/>
      <c r="NKS660" s="613"/>
      <c r="NKT660" s="613"/>
      <c r="NKU660" s="613"/>
      <c r="NKV660" s="613"/>
      <c r="NKW660" s="613"/>
      <c r="NKX660" s="613"/>
      <c r="NKY660" s="613"/>
      <c r="NKZ660" s="613"/>
      <c r="NLA660" s="613"/>
      <c r="NLB660" s="613"/>
      <c r="NLC660" s="613"/>
      <c r="NLD660" s="613"/>
      <c r="NLE660" s="613"/>
      <c r="NLF660" s="613"/>
      <c r="NLG660" s="613"/>
      <c r="NLH660" s="613"/>
      <c r="NLI660" s="613"/>
      <c r="NLJ660" s="613"/>
      <c r="NLK660" s="613"/>
      <c r="NLL660" s="613"/>
      <c r="NLM660" s="613"/>
      <c r="NLN660" s="613"/>
      <c r="NLO660" s="613"/>
      <c r="NLP660" s="613"/>
      <c r="NLQ660" s="613"/>
      <c r="NLR660" s="613"/>
      <c r="NLS660" s="613"/>
      <c r="NLT660" s="613"/>
      <c r="NLU660" s="613"/>
      <c r="NLV660" s="613"/>
      <c r="NLW660" s="613"/>
      <c r="NLX660" s="613"/>
      <c r="NLY660" s="613"/>
      <c r="NLZ660" s="613"/>
      <c r="NMA660" s="613"/>
      <c r="NMB660" s="613"/>
      <c r="NMC660" s="613"/>
      <c r="NMD660" s="613"/>
      <c r="NME660" s="613"/>
      <c r="NMF660" s="613"/>
      <c r="NMG660" s="613"/>
      <c r="NMH660" s="613"/>
      <c r="NMI660" s="613"/>
      <c r="NMJ660" s="613"/>
      <c r="NMK660" s="613"/>
      <c r="NML660" s="613"/>
      <c r="NMM660" s="613"/>
      <c r="NMN660" s="613"/>
      <c r="NMO660" s="613"/>
      <c r="NMP660" s="613"/>
      <c r="NMQ660" s="613"/>
      <c r="NMR660" s="613"/>
      <c r="NMS660" s="613"/>
      <c r="NMT660" s="613"/>
      <c r="NMU660" s="613"/>
      <c r="NMV660" s="613"/>
      <c r="NMW660" s="613"/>
      <c r="NMX660" s="613"/>
      <c r="NMY660" s="613"/>
      <c r="NMZ660" s="613"/>
      <c r="NNA660" s="613"/>
      <c r="NNB660" s="613"/>
      <c r="NNC660" s="613"/>
      <c r="NND660" s="613"/>
      <c r="NNE660" s="613"/>
      <c r="NNF660" s="613"/>
      <c r="NNG660" s="613"/>
      <c r="NNH660" s="613"/>
      <c r="NNI660" s="613"/>
      <c r="NNJ660" s="613"/>
      <c r="NNK660" s="613"/>
      <c r="NNL660" s="613"/>
      <c r="NNM660" s="613"/>
      <c r="NNN660" s="613"/>
      <c r="NNO660" s="613"/>
      <c r="NNP660" s="613"/>
      <c r="NNQ660" s="613"/>
      <c r="NNR660" s="613"/>
      <c r="NNS660" s="613"/>
      <c r="NNT660" s="613"/>
      <c r="NNU660" s="613"/>
      <c r="NNV660" s="613"/>
      <c r="NNW660" s="613"/>
      <c r="NNX660" s="613"/>
      <c r="NNY660" s="613"/>
      <c r="NNZ660" s="613"/>
      <c r="NOA660" s="613"/>
      <c r="NOB660" s="613"/>
      <c r="NOC660" s="613"/>
      <c r="NOD660" s="613"/>
      <c r="NOE660" s="613"/>
      <c r="NOF660" s="613"/>
      <c r="NOG660" s="613"/>
      <c r="NOH660" s="613"/>
      <c r="NOI660" s="613"/>
      <c r="NOJ660" s="613"/>
      <c r="NOK660" s="613"/>
      <c r="NOL660" s="613"/>
      <c r="NOM660" s="613"/>
      <c r="NON660" s="613"/>
      <c r="NOO660" s="613"/>
      <c r="NOP660" s="613"/>
      <c r="NOQ660" s="613"/>
      <c r="NOR660" s="613"/>
      <c r="NOS660" s="613"/>
      <c r="NOT660" s="613"/>
      <c r="NOU660" s="613"/>
      <c r="NOV660" s="613"/>
      <c r="NOW660" s="613"/>
      <c r="NOX660" s="613"/>
      <c r="NOY660" s="613"/>
      <c r="NOZ660" s="613"/>
      <c r="NPA660" s="613"/>
      <c r="NPB660" s="613"/>
      <c r="NPC660" s="613"/>
      <c r="NPD660" s="613"/>
      <c r="NPE660" s="613"/>
      <c r="NPF660" s="613"/>
      <c r="NPG660" s="613"/>
      <c r="NPH660" s="613"/>
      <c r="NPI660" s="613"/>
      <c r="NPJ660" s="613"/>
      <c r="NPK660" s="613"/>
      <c r="NPL660" s="613"/>
      <c r="NPM660" s="613"/>
      <c r="NPN660" s="613"/>
      <c r="NPO660" s="613"/>
      <c r="NPP660" s="613"/>
      <c r="NPQ660" s="613"/>
      <c r="NPR660" s="613"/>
      <c r="NPS660" s="613"/>
      <c r="NPT660" s="613"/>
      <c r="NPU660" s="613"/>
      <c r="NPV660" s="613"/>
      <c r="NPW660" s="613"/>
      <c r="NPX660" s="613"/>
      <c r="NPY660" s="613"/>
      <c r="NPZ660" s="613"/>
      <c r="NQA660" s="613"/>
      <c r="NQB660" s="613"/>
      <c r="NQC660" s="613"/>
      <c r="NQD660" s="613"/>
      <c r="NQE660" s="613"/>
      <c r="NQF660" s="613"/>
      <c r="NQG660" s="613"/>
      <c r="NQH660" s="613"/>
      <c r="NQI660" s="613"/>
      <c r="NQJ660" s="613"/>
      <c r="NQK660" s="613"/>
      <c r="NQL660" s="613"/>
      <c r="NQM660" s="613"/>
      <c r="NQN660" s="613"/>
      <c r="NQO660" s="613"/>
      <c r="NQP660" s="613"/>
      <c r="NQQ660" s="613"/>
      <c r="NQR660" s="613"/>
      <c r="NQS660" s="613"/>
      <c r="NQT660" s="613"/>
      <c r="NQU660" s="613"/>
      <c r="NQV660" s="613"/>
      <c r="NQW660" s="613"/>
      <c r="NQX660" s="613"/>
      <c r="NQY660" s="613"/>
      <c r="NQZ660" s="613"/>
      <c r="NRA660" s="613"/>
      <c r="NRB660" s="613"/>
      <c r="NRC660" s="613"/>
      <c r="NRD660" s="613"/>
      <c r="NRE660" s="613"/>
      <c r="NRF660" s="613"/>
      <c r="NRG660" s="613"/>
      <c r="NRH660" s="613"/>
      <c r="NRI660" s="613"/>
      <c r="NRJ660" s="613"/>
      <c r="NRK660" s="613"/>
      <c r="NRL660" s="613"/>
      <c r="NRM660" s="613"/>
      <c r="NRN660" s="613"/>
      <c r="NRO660" s="613"/>
      <c r="NRP660" s="613"/>
      <c r="NRQ660" s="613"/>
      <c r="NRR660" s="613"/>
      <c r="NRS660" s="613"/>
      <c r="NRT660" s="613"/>
      <c r="NRU660" s="613"/>
      <c r="NRV660" s="613"/>
      <c r="NRW660" s="613"/>
      <c r="NRX660" s="613"/>
      <c r="NRY660" s="613"/>
      <c r="NRZ660" s="613"/>
      <c r="NSA660" s="613"/>
      <c r="NSB660" s="613"/>
      <c r="NSC660" s="613"/>
      <c r="NSD660" s="613"/>
      <c r="NSE660" s="613"/>
      <c r="NSF660" s="613"/>
      <c r="NSG660" s="613"/>
      <c r="NSH660" s="613"/>
      <c r="NSI660" s="613"/>
      <c r="NSJ660" s="613"/>
      <c r="NSK660" s="613"/>
      <c r="NSL660" s="613"/>
      <c r="NSM660" s="613"/>
      <c r="NSN660" s="613"/>
      <c r="NSO660" s="613"/>
      <c r="NSP660" s="613"/>
      <c r="NSQ660" s="613"/>
      <c r="NSR660" s="613"/>
      <c r="NSS660" s="613"/>
      <c r="NST660" s="613"/>
      <c r="NSU660" s="613"/>
      <c r="NSV660" s="613"/>
      <c r="NSW660" s="613"/>
      <c r="NSX660" s="613"/>
      <c r="NSY660" s="613"/>
      <c r="NSZ660" s="613"/>
      <c r="NTA660" s="613"/>
      <c r="NTB660" s="613"/>
      <c r="NTC660" s="613"/>
      <c r="NTD660" s="613"/>
      <c r="NTE660" s="613"/>
      <c r="NTF660" s="613"/>
      <c r="NTG660" s="613"/>
      <c r="NTH660" s="613"/>
      <c r="NTI660" s="613"/>
      <c r="NTJ660" s="613"/>
      <c r="NTK660" s="613"/>
      <c r="NTL660" s="613"/>
      <c r="NTM660" s="613"/>
      <c r="NTN660" s="613"/>
      <c r="NTO660" s="613"/>
      <c r="NTP660" s="613"/>
      <c r="NTQ660" s="613"/>
      <c r="NTR660" s="613"/>
      <c r="NTS660" s="613"/>
      <c r="NTT660" s="613"/>
      <c r="NTU660" s="613"/>
      <c r="NTV660" s="613"/>
      <c r="NTW660" s="613"/>
      <c r="NTX660" s="613"/>
      <c r="NTY660" s="613"/>
      <c r="NTZ660" s="613"/>
      <c r="NUA660" s="613"/>
      <c r="NUB660" s="613"/>
      <c r="NUC660" s="613"/>
      <c r="NUD660" s="613"/>
      <c r="NUE660" s="613"/>
      <c r="NUF660" s="613"/>
      <c r="NUG660" s="613"/>
      <c r="NUH660" s="613"/>
      <c r="NUI660" s="613"/>
      <c r="NUJ660" s="613"/>
      <c r="NUK660" s="613"/>
      <c r="NUL660" s="613"/>
      <c r="NUM660" s="613"/>
      <c r="NUN660" s="613"/>
      <c r="NUO660" s="613"/>
      <c r="NUP660" s="613"/>
      <c r="NUQ660" s="613"/>
      <c r="NUR660" s="613"/>
      <c r="NUS660" s="613"/>
      <c r="NUT660" s="613"/>
      <c r="NUU660" s="613"/>
      <c r="NUV660" s="613"/>
      <c r="NUW660" s="613"/>
      <c r="NUX660" s="613"/>
      <c r="NUY660" s="613"/>
      <c r="NUZ660" s="613"/>
      <c r="NVA660" s="613"/>
      <c r="NVB660" s="613"/>
      <c r="NVC660" s="613"/>
      <c r="NVD660" s="613"/>
      <c r="NVE660" s="613"/>
      <c r="NVF660" s="613"/>
      <c r="NVG660" s="613"/>
      <c r="NVH660" s="613"/>
      <c r="NVI660" s="613"/>
      <c r="NVJ660" s="613"/>
      <c r="NVK660" s="613"/>
      <c r="NVL660" s="613"/>
      <c r="NVM660" s="613"/>
      <c r="NVN660" s="613"/>
      <c r="NVO660" s="613"/>
      <c r="NVP660" s="613"/>
      <c r="NVQ660" s="613"/>
      <c r="NVR660" s="613"/>
      <c r="NVS660" s="613"/>
      <c r="NVT660" s="613"/>
      <c r="NVU660" s="613"/>
      <c r="NVV660" s="613"/>
      <c r="NVW660" s="613"/>
      <c r="NVX660" s="613"/>
      <c r="NVY660" s="613"/>
      <c r="NVZ660" s="613"/>
      <c r="NWA660" s="613"/>
      <c r="NWB660" s="613"/>
      <c r="NWC660" s="613"/>
      <c r="NWD660" s="613"/>
      <c r="NWE660" s="613"/>
      <c r="NWF660" s="613"/>
      <c r="NWG660" s="613"/>
      <c r="NWH660" s="613"/>
      <c r="NWI660" s="613"/>
      <c r="NWJ660" s="613"/>
      <c r="NWK660" s="613"/>
      <c r="NWL660" s="613"/>
      <c r="NWM660" s="613"/>
      <c r="NWN660" s="613"/>
      <c r="NWO660" s="613"/>
      <c r="NWP660" s="613"/>
      <c r="NWQ660" s="613"/>
      <c r="NWR660" s="613"/>
      <c r="NWS660" s="613"/>
      <c r="NWT660" s="613"/>
      <c r="NWU660" s="613"/>
      <c r="NWV660" s="613"/>
      <c r="NWW660" s="613"/>
      <c r="NWX660" s="613"/>
      <c r="NWY660" s="613"/>
      <c r="NWZ660" s="613"/>
      <c r="NXA660" s="613"/>
      <c r="NXB660" s="613"/>
      <c r="NXC660" s="613"/>
      <c r="NXD660" s="613"/>
      <c r="NXE660" s="613"/>
      <c r="NXF660" s="613"/>
      <c r="NXG660" s="613"/>
      <c r="NXH660" s="613"/>
      <c r="NXI660" s="613"/>
      <c r="NXJ660" s="613"/>
      <c r="NXK660" s="613"/>
      <c r="NXL660" s="613"/>
      <c r="NXM660" s="613"/>
      <c r="NXN660" s="613"/>
      <c r="NXO660" s="613"/>
      <c r="NXP660" s="613"/>
      <c r="NXQ660" s="613"/>
      <c r="NXR660" s="613"/>
      <c r="NXS660" s="613"/>
      <c r="NXT660" s="613"/>
      <c r="NXU660" s="613"/>
      <c r="NXV660" s="613"/>
      <c r="NXW660" s="613"/>
      <c r="NXX660" s="613"/>
      <c r="NXY660" s="613"/>
      <c r="NXZ660" s="613"/>
      <c r="NYA660" s="613"/>
      <c r="NYB660" s="613"/>
      <c r="NYC660" s="613"/>
      <c r="NYD660" s="613"/>
      <c r="NYE660" s="613"/>
      <c r="NYF660" s="613"/>
      <c r="NYG660" s="613"/>
      <c r="NYH660" s="613"/>
      <c r="NYI660" s="613"/>
      <c r="NYJ660" s="613"/>
      <c r="NYK660" s="613"/>
      <c r="NYL660" s="613"/>
      <c r="NYM660" s="613"/>
      <c r="NYN660" s="613"/>
      <c r="NYO660" s="613"/>
      <c r="NYP660" s="613"/>
      <c r="NYQ660" s="613"/>
      <c r="NYR660" s="613"/>
      <c r="NYS660" s="613"/>
      <c r="NYT660" s="613"/>
      <c r="NYU660" s="613"/>
      <c r="NYV660" s="613"/>
      <c r="NYW660" s="613"/>
      <c r="NYX660" s="613"/>
      <c r="NYY660" s="613"/>
      <c r="NYZ660" s="613"/>
      <c r="NZA660" s="613"/>
      <c r="NZB660" s="613"/>
      <c r="NZC660" s="613"/>
      <c r="NZD660" s="613"/>
      <c r="NZE660" s="613"/>
      <c r="NZF660" s="613"/>
      <c r="NZG660" s="613"/>
      <c r="NZH660" s="613"/>
      <c r="NZI660" s="613"/>
      <c r="NZJ660" s="613"/>
      <c r="NZK660" s="613"/>
      <c r="NZL660" s="613"/>
      <c r="NZM660" s="613"/>
      <c r="NZN660" s="613"/>
      <c r="NZO660" s="613"/>
      <c r="NZP660" s="613"/>
      <c r="NZQ660" s="613"/>
      <c r="NZR660" s="613"/>
      <c r="NZS660" s="613"/>
      <c r="NZT660" s="613"/>
      <c r="NZU660" s="613"/>
      <c r="NZV660" s="613"/>
      <c r="NZW660" s="613"/>
      <c r="NZX660" s="613"/>
      <c r="NZY660" s="613"/>
      <c r="NZZ660" s="613"/>
      <c r="OAA660" s="613"/>
      <c r="OAB660" s="613"/>
      <c r="OAC660" s="613"/>
      <c r="OAD660" s="613"/>
      <c r="OAE660" s="613"/>
      <c r="OAF660" s="613"/>
      <c r="OAG660" s="613"/>
      <c r="OAH660" s="613"/>
      <c r="OAI660" s="613"/>
      <c r="OAJ660" s="613"/>
      <c r="OAK660" s="613"/>
      <c r="OAL660" s="613"/>
      <c r="OAM660" s="613"/>
      <c r="OAN660" s="613"/>
      <c r="OAO660" s="613"/>
      <c r="OAP660" s="613"/>
      <c r="OAQ660" s="613"/>
      <c r="OAR660" s="613"/>
      <c r="OAS660" s="613"/>
      <c r="OAT660" s="613"/>
      <c r="OAU660" s="613"/>
      <c r="OAV660" s="613"/>
      <c r="OAW660" s="613"/>
      <c r="OAX660" s="613"/>
      <c r="OAY660" s="613"/>
      <c r="OAZ660" s="613"/>
      <c r="OBA660" s="613"/>
      <c r="OBB660" s="613"/>
      <c r="OBC660" s="613"/>
      <c r="OBD660" s="613"/>
      <c r="OBE660" s="613"/>
      <c r="OBF660" s="613"/>
      <c r="OBG660" s="613"/>
      <c r="OBH660" s="613"/>
      <c r="OBI660" s="613"/>
      <c r="OBJ660" s="613"/>
      <c r="OBK660" s="613"/>
      <c r="OBL660" s="613"/>
      <c r="OBM660" s="613"/>
      <c r="OBN660" s="613"/>
      <c r="OBO660" s="613"/>
      <c r="OBP660" s="613"/>
      <c r="OBQ660" s="613"/>
      <c r="OBR660" s="613"/>
      <c r="OBS660" s="613"/>
      <c r="OBT660" s="613"/>
      <c r="OBU660" s="613"/>
      <c r="OBV660" s="613"/>
      <c r="OBW660" s="613"/>
      <c r="OBX660" s="613"/>
      <c r="OBY660" s="613"/>
      <c r="OBZ660" s="613"/>
      <c r="OCA660" s="613"/>
      <c r="OCB660" s="613"/>
      <c r="OCC660" s="613"/>
      <c r="OCD660" s="613"/>
      <c r="OCE660" s="613"/>
      <c r="OCF660" s="613"/>
      <c r="OCG660" s="613"/>
      <c r="OCH660" s="613"/>
      <c r="OCI660" s="613"/>
      <c r="OCJ660" s="613"/>
      <c r="OCK660" s="613"/>
      <c r="OCL660" s="613"/>
      <c r="OCM660" s="613"/>
      <c r="OCN660" s="613"/>
      <c r="OCO660" s="613"/>
      <c r="OCP660" s="613"/>
      <c r="OCQ660" s="613"/>
      <c r="OCR660" s="613"/>
      <c r="OCS660" s="613"/>
      <c r="OCT660" s="613"/>
      <c r="OCU660" s="613"/>
      <c r="OCV660" s="613"/>
      <c r="OCW660" s="613"/>
      <c r="OCX660" s="613"/>
      <c r="OCY660" s="613"/>
      <c r="OCZ660" s="613"/>
      <c r="ODA660" s="613"/>
      <c r="ODB660" s="613"/>
      <c r="ODC660" s="613"/>
      <c r="ODD660" s="613"/>
      <c r="ODE660" s="613"/>
      <c r="ODF660" s="613"/>
      <c r="ODG660" s="613"/>
      <c r="ODH660" s="613"/>
      <c r="ODI660" s="613"/>
      <c r="ODJ660" s="613"/>
      <c r="ODK660" s="613"/>
      <c r="ODL660" s="613"/>
      <c r="ODM660" s="613"/>
      <c r="ODN660" s="613"/>
      <c r="ODO660" s="613"/>
      <c r="ODP660" s="613"/>
      <c r="ODQ660" s="613"/>
      <c r="ODR660" s="613"/>
      <c r="ODS660" s="613"/>
      <c r="ODT660" s="613"/>
      <c r="ODU660" s="613"/>
      <c r="ODV660" s="613"/>
      <c r="ODW660" s="613"/>
      <c r="ODX660" s="613"/>
      <c r="ODY660" s="613"/>
      <c r="ODZ660" s="613"/>
      <c r="OEA660" s="613"/>
      <c r="OEB660" s="613"/>
      <c r="OEC660" s="613"/>
      <c r="OED660" s="613"/>
      <c r="OEE660" s="613"/>
      <c r="OEF660" s="613"/>
      <c r="OEG660" s="613"/>
      <c r="OEH660" s="613"/>
      <c r="OEI660" s="613"/>
      <c r="OEJ660" s="613"/>
      <c r="OEK660" s="613"/>
      <c r="OEL660" s="613"/>
      <c r="OEM660" s="613"/>
      <c r="OEN660" s="613"/>
      <c r="OEO660" s="613"/>
      <c r="OEP660" s="613"/>
      <c r="OEQ660" s="613"/>
      <c r="OER660" s="613"/>
      <c r="OES660" s="613"/>
      <c r="OET660" s="613"/>
      <c r="OEU660" s="613"/>
      <c r="OEV660" s="613"/>
      <c r="OEW660" s="613"/>
      <c r="OEX660" s="613"/>
      <c r="OEY660" s="613"/>
      <c r="OEZ660" s="613"/>
      <c r="OFA660" s="613"/>
      <c r="OFB660" s="613"/>
      <c r="OFC660" s="613"/>
      <c r="OFD660" s="613"/>
      <c r="OFE660" s="613"/>
      <c r="OFF660" s="613"/>
      <c r="OFG660" s="613"/>
      <c r="OFH660" s="613"/>
      <c r="OFI660" s="613"/>
      <c r="OFJ660" s="613"/>
      <c r="OFK660" s="613"/>
      <c r="OFL660" s="613"/>
      <c r="OFM660" s="613"/>
      <c r="OFN660" s="613"/>
      <c r="OFO660" s="613"/>
      <c r="OFP660" s="613"/>
      <c r="OFQ660" s="613"/>
      <c r="OFR660" s="613"/>
      <c r="OFS660" s="613"/>
      <c r="OFT660" s="613"/>
      <c r="OFU660" s="613"/>
      <c r="OFV660" s="613"/>
      <c r="OFW660" s="613"/>
      <c r="OFX660" s="613"/>
      <c r="OFY660" s="613"/>
      <c r="OFZ660" s="613"/>
      <c r="OGA660" s="613"/>
      <c r="OGB660" s="613"/>
      <c r="OGC660" s="613"/>
      <c r="OGD660" s="613"/>
      <c r="OGE660" s="613"/>
      <c r="OGF660" s="613"/>
      <c r="OGG660" s="613"/>
      <c r="OGH660" s="613"/>
      <c r="OGI660" s="613"/>
      <c r="OGJ660" s="613"/>
      <c r="OGK660" s="613"/>
      <c r="OGL660" s="613"/>
      <c r="OGM660" s="613"/>
      <c r="OGN660" s="613"/>
      <c r="OGO660" s="613"/>
      <c r="OGP660" s="613"/>
      <c r="OGQ660" s="613"/>
      <c r="OGR660" s="613"/>
      <c r="OGS660" s="613"/>
      <c r="OGT660" s="613"/>
      <c r="OGU660" s="613"/>
      <c r="OGV660" s="613"/>
      <c r="OGW660" s="613"/>
      <c r="OGX660" s="613"/>
      <c r="OGY660" s="613"/>
      <c r="OGZ660" s="613"/>
      <c r="OHA660" s="613"/>
      <c r="OHB660" s="613"/>
      <c r="OHC660" s="613"/>
      <c r="OHD660" s="613"/>
      <c r="OHE660" s="613"/>
      <c r="OHF660" s="613"/>
      <c r="OHG660" s="613"/>
      <c r="OHH660" s="613"/>
      <c r="OHI660" s="613"/>
      <c r="OHJ660" s="613"/>
      <c r="OHK660" s="613"/>
      <c r="OHL660" s="613"/>
      <c r="OHM660" s="613"/>
      <c r="OHN660" s="613"/>
      <c r="OHO660" s="613"/>
      <c r="OHP660" s="613"/>
      <c r="OHQ660" s="613"/>
      <c r="OHR660" s="613"/>
      <c r="OHS660" s="613"/>
      <c r="OHT660" s="613"/>
      <c r="OHU660" s="613"/>
      <c r="OHV660" s="613"/>
      <c r="OHW660" s="613"/>
      <c r="OHX660" s="613"/>
      <c r="OHY660" s="613"/>
      <c r="OHZ660" s="613"/>
      <c r="OIA660" s="613"/>
      <c r="OIB660" s="613"/>
      <c r="OIC660" s="613"/>
      <c r="OID660" s="613"/>
      <c r="OIE660" s="613"/>
      <c r="OIF660" s="613"/>
      <c r="OIG660" s="613"/>
      <c r="OIH660" s="613"/>
      <c r="OII660" s="613"/>
      <c r="OIJ660" s="613"/>
      <c r="OIK660" s="613"/>
      <c r="OIL660" s="613"/>
      <c r="OIM660" s="613"/>
      <c r="OIN660" s="613"/>
      <c r="OIO660" s="613"/>
      <c r="OIP660" s="613"/>
      <c r="OIQ660" s="613"/>
      <c r="OIR660" s="613"/>
      <c r="OIS660" s="613"/>
      <c r="OIT660" s="613"/>
      <c r="OIU660" s="613"/>
      <c r="OIV660" s="613"/>
      <c r="OIW660" s="613"/>
      <c r="OIX660" s="613"/>
      <c r="OIY660" s="613"/>
      <c r="OIZ660" s="613"/>
      <c r="OJA660" s="613"/>
      <c r="OJB660" s="613"/>
      <c r="OJC660" s="613"/>
      <c r="OJD660" s="613"/>
      <c r="OJE660" s="613"/>
      <c r="OJF660" s="613"/>
      <c r="OJG660" s="613"/>
      <c r="OJH660" s="613"/>
      <c r="OJI660" s="613"/>
      <c r="OJJ660" s="613"/>
      <c r="OJK660" s="613"/>
      <c r="OJL660" s="613"/>
      <c r="OJM660" s="613"/>
      <c r="OJN660" s="613"/>
      <c r="OJO660" s="613"/>
      <c r="OJP660" s="613"/>
      <c r="OJQ660" s="613"/>
      <c r="OJR660" s="613"/>
      <c r="OJS660" s="613"/>
      <c r="OJT660" s="613"/>
      <c r="OJU660" s="613"/>
      <c r="OJV660" s="613"/>
      <c r="OJW660" s="613"/>
      <c r="OJX660" s="613"/>
      <c r="OJY660" s="613"/>
      <c r="OJZ660" s="613"/>
      <c r="OKA660" s="613"/>
      <c r="OKB660" s="613"/>
      <c r="OKC660" s="613"/>
      <c r="OKD660" s="613"/>
      <c r="OKE660" s="613"/>
      <c r="OKF660" s="613"/>
      <c r="OKG660" s="613"/>
      <c r="OKH660" s="613"/>
      <c r="OKI660" s="613"/>
      <c r="OKJ660" s="613"/>
      <c r="OKK660" s="613"/>
      <c r="OKL660" s="613"/>
      <c r="OKM660" s="613"/>
      <c r="OKN660" s="613"/>
      <c r="OKO660" s="613"/>
      <c r="OKP660" s="613"/>
      <c r="OKQ660" s="613"/>
      <c r="OKR660" s="613"/>
      <c r="OKS660" s="613"/>
      <c r="OKT660" s="613"/>
      <c r="OKU660" s="613"/>
      <c r="OKV660" s="613"/>
      <c r="OKW660" s="613"/>
      <c r="OKX660" s="613"/>
      <c r="OKY660" s="613"/>
      <c r="OKZ660" s="613"/>
      <c r="OLA660" s="613"/>
      <c r="OLB660" s="613"/>
      <c r="OLC660" s="613"/>
      <c r="OLD660" s="613"/>
      <c r="OLE660" s="613"/>
      <c r="OLF660" s="613"/>
      <c r="OLG660" s="613"/>
      <c r="OLH660" s="613"/>
      <c r="OLI660" s="613"/>
      <c r="OLJ660" s="613"/>
      <c r="OLK660" s="613"/>
      <c r="OLL660" s="613"/>
      <c r="OLM660" s="613"/>
      <c r="OLN660" s="613"/>
      <c r="OLO660" s="613"/>
      <c r="OLP660" s="613"/>
      <c r="OLQ660" s="613"/>
      <c r="OLR660" s="613"/>
      <c r="OLS660" s="613"/>
      <c r="OLT660" s="613"/>
      <c r="OLU660" s="613"/>
      <c r="OLV660" s="613"/>
      <c r="OLW660" s="613"/>
      <c r="OLX660" s="613"/>
      <c r="OLY660" s="613"/>
      <c r="OLZ660" s="613"/>
      <c r="OMA660" s="613"/>
      <c r="OMB660" s="613"/>
      <c r="OMC660" s="613"/>
      <c r="OMD660" s="613"/>
      <c r="OME660" s="613"/>
      <c r="OMF660" s="613"/>
      <c r="OMG660" s="613"/>
      <c r="OMH660" s="613"/>
      <c r="OMI660" s="613"/>
      <c r="OMJ660" s="613"/>
      <c r="OMK660" s="613"/>
      <c r="OML660" s="613"/>
      <c r="OMM660" s="613"/>
      <c r="OMN660" s="613"/>
      <c r="OMO660" s="613"/>
      <c r="OMP660" s="613"/>
      <c r="OMQ660" s="613"/>
      <c r="OMR660" s="613"/>
      <c r="OMS660" s="613"/>
      <c r="OMT660" s="613"/>
      <c r="OMU660" s="613"/>
      <c r="OMV660" s="613"/>
      <c r="OMW660" s="613"/>
      <c r="OMX660" s="613"/>
      <c r="OMY660" s="613"/>
      <c r="OMZ660" s="613"/>
      <c r="ONA660" s="613"/>
      <c r="ONB660" s="613"/>
      <c r="ONC660" s="613"/>
      <c r="OND660" s="613"/>
      <c r="ONE660" s="613"/>
      <c r="ONF660" s="613"/>
      <c r="ONG660" s="613"/>
      <c r="ONH660" s="613"/>
      <c r="ONI660" s="613"/>
      <c r="ONJ660" s="613"/>
      <c r="ONK660" s="613"/>
      <c r="ONL660" s="613"/>
      <c r="ONM660" s="613"/>
      <c r="ONN660" s="613"/>
      <c r="ONO660" s="613"/>
      <c r="ONP660" s="613"/>
      <c r="ONQ660" s="613"/>
      <c r="ONR660" s="613"/>
      <c r="ONS660" s="613"/>
      <c r="ONT660" s="613"/>
      <c r="ONU660" s="613"/>
      <c r="ONV660" s="613"/>
      <c r="ONW660" s="613"/>
      <c r="ONX660" s="613"/>
      <c r="ONY660" s="613"/>
      <c r="ONZ660" s="613"/>
      <c r="OOA660" s="613"/>
      <c r="OOB660" s="613"/>
      <c r="OOC660" s="613"/>
      <c r="OOD660" s="613"/>
      <c r="OOE660" s="613"/>
      <c r="OOF660" s="613"/>
      <c r="OOG660" s="613"/>
      <c r="OOH660" s="613"/>
      <c r="OOI660" s="613"/>
      <c r="OOJ660" s="613"/>
      <c r="OOK660" s="613"/>
      <c r="OOL660" s="613"/>
      <c r="OOM660" s="613"/>
      <c r="OON660" s="613"/>
      <c r="OOO660" s="613"/>
      <c r="OOP660" s="613"/>
      <c r="OOQ660" s="613"/>
      <c r="OOR660" s="613"/>
      <c r="OOS660" s="613"/>
      <c r="OOT660" s="613"/>
      <c r="OOU660" s="613"/>
      <c r="OOV660" s="613"/>
      <c r="OOW660" s="613"/>
      <c r="OOX660" s="613"/>
      <c r="OOY660" s="613"/>
      <c r="OOZ660" s="613"/>
      <c r="OPA660" s="613"/>
      <c r="OPB660" s="613"/>
      <c r="OPC660" s="613"/>
      <c r="OPD660" s="613"/>
      <c r="OPE660" s="613"/>
      <c r="OPF660" s="613"/>
      <c r="OPG660" s="613"/>
      <c r="OPH660" s="613"/>
      <c r="OPI660" s="613"/>
      <c r="OPJ660" s="613"/>
      <c r="OPK660" s="613"/>
      <c r="OPL660" s="613"/>
      <c r="OPM660" s="613"/>
      <c r="OPN660" s="613"/>
      <c r="OPO660" s="613"/>
      <c r="OPP660" s="613"/>
      <c r="OPQ660" s="613"/>
      <c r="OPR660" s="613"/>
      <c r="OPS660" s="613"/>
      <c r="OPT660" s="613"/>
      <c r="OPU660" s="613"/>
      <c r="OPV660" s="613"/>
      <c r="OPW660" s="613"/>
      <c r="OPX660" s="613"/>
      <c r="OPY660" s="613"/>
      <c r="OPZ660" s="613"/>
      <c r="OQA660" s="613"/>
      <c r="OQB660" s="613"/>
      <c r="OQC660" s="613"/>
      <c r="OQD660" s="613"/>
      <c r="OQE660" s="613"/>
      <c r="OQF660" s="613"/>
      <c r="OQG660" s="613"/>
      <c r="OQH660" s="613"/>
      <c r="OQI660" s="613"/>
      <c r="OQJ660" s="613"/>
      <c r="OQK660" s="613"/>
      <c r="OQL660" s="613"/>
      <c r="OQM660" s="613"/>
      <c r="OQN660" s="613"/>
      <c r="OQO660" s="613"/>
      <c r="OQP660" s="613"/>
      <c r="OQQ660" s="613"/>
      <c r="OQR660" s="613"/>
      <c r="OQS660" s="613"/>
      <c r="OQT660" s="613"/>
      <c r="OQU660" s="613"/>
      <c r="OQV660" s="613"/>
      <c r="OQW660" s="613"/>
      <c r="OQX660" s="613"/>
      <c r="OQY660" s="613"/>
      <c r="OQZ660" s="613"/>
      <c r="ORA660" s="613"/>
      <c r="ORB660" s="613"/>
      <c r="ORC660" s="613"/>
      <c r="ORD660" s="613"/>
      <c r="ORE660" s="613"/>
      <c r="ORF660" s="613"/>
      <c r="ORG660" s="613"/>
      <c r="ORH660" s="613"/>
      <c r="ORI660" s="613"/>
      <c r="ORJ660" s="613"/>
      <c r="ORK660" s="613"/>
      <c r="ORL660" s="613"/>
      <c r="ORM660" s="613"/>
      <c r="ORN660" s="613"/>
      <c r="ORO660" s="613"/>
      <c r="ORP660" s="613"/>
      <c r="ORQ660" s="613"/>
      <c r="ORR660" s="613"/>
      <c r="ORS660" s="613"/>
      <c r="ORT660" s="613"/>
      <c r="ORU660" s="613"/>
      <c r="ORV660" s="613"/>
      <c r="ORW660" s="613"/>
      <c r="ORX660" s="613"/>
      <c r="ORY660" s="613"/>
      <c r="ORZ660" s="613"/>
      <c r="OSA660" s="613"/>
      <c r="OSB660" s="613"/>
      <c r="OSC660" s="613"/>
      <c r="OSD660" s="613"/>
      <c r="OSE660" s="613"/>
      <c r="OSF660" s="613"/>
      <c r="OSG660" s="613"/>
      <c r="OSH660" s="613"/>
      <c r="OSI660" s="613"/>
      <c r="OSJ660" s="613"/>
      <c r="OSK660" s="613"/>
      <c r="OSL660" s="613"/>
      <c r="OSM660" s="613"/>
      <c r="OSN660" s="613"/>
      <c r="OSO660" s="613"/>
      <c r="OSP660" s="613"/>
      <c r="OSQ660" s="613"/>
      <c r="OSR660" s="613"/>
      <c r="OSS660" s="613"/>
      <c r="OST660" s="613"/>
      <c r="OSU660" s="613"/>
      <c r="OSV660" s="613"/>
      <c r="OSW660" s="613"/>
      <c r="OSX660" s="613"/>
      <c r="OSY660" s="613"/>
      <c r="OSZ660" s="613"/>
      <c r="OTA660" s="613"/>
      <c r="OTB660" s="613"/>
      <c r="OTC660" s="613"/>
      <c r="OTD660" s="613"/>
      <c r="OTE660" s="613"/>
      <c r="OTF660" s="613"/>
      <c r="OTG660" s="613"/>
      <c r="OTH660" s="613"/>
      <c r="OTI660" s="613"/>
      <c r="OTJ660" s="613"/>
      <c r="OTK660" s="613"/>
      <c r="OTL660" s="613"/>
      <c r="OTM660" s="613"/>
      <c r="OTN660" s="613"/>
      <c r="OTO660" s="613"/>
      <c r="OTP660" s="613"/>
      <c r="OTQ660" s="613"/>
      <c r="OTR660" s="613"/>
      <c r="OTS660" s="613"/>
      <c r="OTT660" s="613"/>
      <c r="OTU660" s="613"/>
      <c r="OTV660" s="613"/>
      <c r="OTW660" s="613"/>
      <c r="OTX660" s="613"/>
      <c r="OTY660" s="613"/>
      <c r="OTZ660" s="613"/>
      <c r="OUA660" s="613"/>
      <c r="OUB660" s="613"/>
      <c r="OUC660" s="613"/>
      <c r="OUD660" s="613"/>
      <c r="OUE660" s="613"/>
      <c r="OUF660" s="613"/>
      <c r="OUG660" s="613"/>
      <c r="OUH660" s="613"/>
      <c r="OUI660" s="613"/>
      <c r="OUJ660" s="613"/>
      <c r="OUK660" s="613"/>
      <c r="OUL660" s="613"/>
      <c r="OUM660" s="613"/>
      <c r="OUN660" s="613"/>
      <c r="OUO660" s="613"/>
      <c r="OUP660" s="613"/>
      <c r="OUQ660" s="613"/>
      <c r="OUR660" s="613"/>
      <c r="OUS660" s="613"/>
      <c r="OUT660" s="613"/>
      <c r="OUU660" s="613"/>
      <c r="OUV660" s="613"/>
      <c r="OUW660" s="613"/>
      <c r="OUX660" s="613"/>
      <c r="OUY660" s="613"/>
      <c r="OUZ660" s="613"/>
      <c r="OVA660" s="613"/>
      <c r="OVB660" s="613"/>
      <c r="OVC660" s="613"/>
      <c r="OVD660" s="613"/>
      <c r="OVE660" s="613"/>
      <c r="OVF660" s="613"/>
      <c r="OVG660" s="613"/>
      <c r="OVH660" s="613"/>
      <c r="OVI660" s="613"/>
      <c r="OVJ660" s="613"/>
      <c r="OVK660" s="613"/>
      <c r="OVL660" s="613"/>
      <c r="OVM660" s="613"/>
      <c r="OVN660" s="613"/>
      <c r="OVO660" s="613"/>
      <c r="OVP660" s="613"/>
      <c r="OVQ660" s="613"/>
      <c r="OVR660" s="613"/>
      <c r="OVS660" s="613"/>
      <c r="OVT660" s="613"/>
      <c r="OVU660" s="613"/>
      <c r="OVV660" s="613"/>
      <c r="OVW660" s="613"/>
      <c r="OVX660" s="613"/>
      <c r="OVY660" s="613"/>
      <c r="OVZ660" s="613"/>
      <c r="OWA660" s="613"/>
      <c r="OWB660" s="613"/>
      <c r="OWC660" s="613"/>
      <c r="OWD660" s="613"/>
      <c r="OWE660" s="613"/>
      <c r="OWF660" s="613"/>
      <c r="OWG660" s="613"/>
      <c r="OWH660" s="613"/>
      <c r="OWI660" s="613"/>
      <c r="OWJ660" s="613"/>
      <c r="OWK660" s="613"/>
      <c r="OWL660" s="613"/>
      <c r="OWM660" s="613"/>
      <c r="OWN660" s="613"/>
      <c r="OWO660" s="613"/>
      <c r="OWP660" s="613"/>
      <c r="OWQ660" s="613"/>
      <c r="OWR660" s="613"/>
      <c r="OWS660" s="613"/>
      <c r="OWT660" s="613"/>
      <c r="OWU660" s="613"/>
      <c r="OWV660" s="613"/>
      <c r="OWW660" s="613"/>
      <c r="OWX660" s="613"/>
      <c r="OWY660" s="613"/>
      <c r="OWZ660" s="613"/>
      <c r="OXA660" s="613"/>
      <c r="OXB660" s="613"/>
      <c r="OXC660" s="613"/>
      <c r="OXD660" s="613"/>
      <c r="OXE660" s="613"/>
      <c r="OXF660" s="613"/>
      <c r="OXG660" s="613"/>
      <c r="OXH660" s="613"/>
      <c r="OXI660" s="613"/>
      <c r="OXJ660" s="613"/>
      <c r="OXK660" s="613"/>
      <c r="OXL660" s="613"/>
      <c r="OXM660" s="613"/>
      <c r="OXN660" s="613"/>
      <c r="OXO660" s="613"/>
      <c r="OXP660" s="613"/>
      <c r="OXQ660" s="613"/>
      <c r="OXR660" s="613"/>
      <c r="OXS660" s="613"/>
      <c r="OXT660" s="613"/>
      <c r="OXU660" s="613"/>
      <c r="OXV660" s="613"/>
      <c r="OXW660" s="613"/>
      <c r="OXX660" s="613"/>
      <c r="OXY660" s="613"/>
      <c r="OXZ660" s="613"/>
      <c r="OYA660" s="613"/>
      <c r="OYB660" s="613"/>
      <c r="OYC660" s="613"/>
      <c r="OYD660" s="613"/>
      <c r="OYE660" s="613"/>
      <c r="OYF660" s="613"/>
      <c r="OYG660" s="613"/>
      <c r="OYH660" s="613"/>
      <c r="OYI660" s="613"/>
      <c r="OYJ660" s="613"/>
      <c r="OYK660" s="613"/>
      <c r="OYL660" s="613"/>
      <c r="OYM660" s="613"/>
      <c r="OYN660" s="613"/>
      <c r="OYO660" s="613"/>
      <c r="OYP660" s="613"/>
      <c r="OYQ660" s="613"/>
      <c r="OYR660" s="613"/>
      <c r="OYS660" s="613"/>
      <c r="OYT660" s="613"/>
      <c r="OYU660" s="613"/>
      <c r="OYV660" s="613"/>
      <c r="OYW660" s="613"/>
      <c r="OYX660" s="613"/>
      <c r="OYY660" s="613"/>
      <c r="OYZ660" s="613"/>
      <c r="OZA660" s="613"/>
      <c r="OZB660" s="613"/>
      <c r="OZC660" s="613"/>
      <c r="OZD660" s="613"/>
      <c r="OZE660" s="613"/>
      <c r="OZF660" s="613"/>
      <c r="OZG660" s="613"/>
      <c r="OZH660" s="613"/>
      <c r="OZI660" s="613"/>
      <c r="OZJ660" s="613"/>
      <c r="OZK660" s="613"/>
      <c r="OZL660" s="613"/>
      <c r="OZM660" s="613"/>
      <c r="OZN660" s="613"/>
      <c r="OZO660" s="613"/>
      <c r="OZP660" s="613"/>
      <c r="OZQ660" s="613"/>
      <c r="OZR660" s="613"/>
      <c r="OZS660" s="613"/>
      <c r="OZT660" s="613"/>
      <c r="OZU660" s="613"/>
      <c r="OZV660" s="613"/>
      <c r="OZW660" s="613"/>
      <c r="OZX660" s="613"/>
      <c r="OZY660" s="613"/>
      <c r="OZZ660" s="613"/>
      <c r="PAA660" s="613"/>
      <c r="PAB660" s="613"/>
      <c r="PAC660" s="613"/>
      <c r="PAD660" s="613"/>
      <c r="PAE660" s="613"/>
      <c r="PAF660" s="613"/>
      <c r="PAG660" s="613"/>
      <c r="PAH660" s="613"/>
      <c r="PAI660" s="613"/>
      <c r="PAJ660" s="613"/>
      <c r="PAK660" s="613"/>
      <c r="PAL660" s="613"/>
      <c r="PAM660" s="613"/>
      <c r="PAN660" s="613"/>
      <c r="PAO660" s="613"/>
      <c r="PAP660" s="613"/>
      <c r="PAQ660" s="613"/>
      <c r="PAR660" s="613"/>
      <c r="PAS660" s="613"/>
      <c r="PAT660" s="613"/>
      <c r="PAU660" s="613"/>
      <c r="PAV660" s="613"/>
      <c r="PAW660" s="613"/>
      <c r="PAX660" s="613"/>
      <c r="PAY660" s="613"/>
      <c r="PAZ660" s="613"/>
      <c r="PBA660" s="613"/>
      <c r="PBB660" s="613"/>
      <c r="PBC660" s="613"/>
      <c r="PBD660" s="613"/>
      <c r="PBE660" s="613"/>
      <c r="PBF660" s="613"/>
      <c r="PBG660" s="613"/>
      <c r="PBH660" s="613"/>
      <c r="PBI660" s="613"/>
      <c r="PBJ660" s="613"/>
      <c r="PBK660" s="613"/>
      <c r="PBL660" s="613"/>
      <c r="PBM660" s="613"/>
      <c r="PBN660" s="613"/>
      <c r="PBO660" s="613"/>
      <c r="PBP660" s="613"/>
      <c r="PBQ660" s="613"/>
      <c r="PBR660" s="613"/>
      <c r="PBS660" s="613"/>
      <c r="PBT660" s="613"/>
      <c r="PBU660" s="613"/>
      <c r="PBV660" s="613"/>
      <c r="PBW660" s="613"/>
      <c r="PBX660" s="613"/>
      <c r="PBY660" s="613"/>
      <c r="PBZ660" s="613"/>
      <c r="PCA660" s="613"/>
      <c r="PCB660" s="613"/>
      <c r="PCC660" s="613"/>
      <c r="PCD660" s="613"/>
      <c r="PCE660" s="613"/>
      <c r="PCF660" s="613"/>
      <c r="PCG660" s="613"/>
      <c r="PCH660" s="613"/>
      <c r="PCI660" s="613"/>
      <c r="PCJ660" s="613"/>
      <c r="PCK660" s="613"/>
      <c r="PCL660" s="613"/>
      <c r="PCM660" s="613"/>
      <c r="PCN660" s="613"/>
      <c r="PCO660" s="613"/>
      <c r="PCP660" s="613"/>
      <c r="PCQ660" s="613"/>
      <c r="PCR660" s="613"/>
      <c r="PCS660" s="613"/>
      <c r="PCT660" s="613"/>
      <c r="PCU660" s="613"/>
      <c r="PCV660" s="613"/>
      <c r="PCW660" s="613"/>
      <c r="PCX660" s="613"/>
      <c r="PCY660" s="613"/>
      <c r="PCZ660" s="613"/>
      <c r="PDA660" s="613"/>
      <c r="PDB660" s="613"/>
      <c r="PDC660" s="613"/>
      <c r="PDD660" s="613"/>
      <c r="PDE660" s="613"/>
      <c r="PDF660" s="613"/>
      <c r="PDG660" s="613"/>
      <c r="PDH660" s="613"/>
      <c r="PDI660" s="613"/>
      <c r="PDJ660" s="613"/>
      <c r="PDK660" s="613"/>
      <c r="PDL660" s="613"/>
      <c r="PDM660" s="613"/>
      <c r="PDN660" s="613"/>
      <c r="PDO660" s="613"/>
      <c r="PDP660" s="613"/>
      <c r="PDQ660" s="613"/>
      <c r="PDR660" s="613"/>
      <c r="PDS660" s="613"/>
      <c r="PDT660" s="613"/>
      <c r="PDU660" s="613"/>
      <c r="PDV660" s="613"/>
      <c r="PDW660" s="613"/>
      <c r="PDX660" s="613"/>
      <c r="PDY660" s="613"/>
      <c r="PDZ660" s="613"/>
      <c r="PEA660" s="613"/>
      <c r="PEB660" s="613"/>
      <c r="PEC660" s="613"/>
      <c r="PED660" s="613"/>
      <c r="PEE660" s="613"/>
      <c r="PEF660" s="613"/>
      <c r="PEG660" s="613"/>
      <c r="PEH660" s="613"/>
      <c r="PEI660" s="613"/>
      <c r="PEJ660" s="613"/>
      <c r="PEK660" s="613"/>
      <c r="PEL660" s="613"/>
      <c r="PEM660" s="613"/>
      <c r="PEN660" s="613"/>
      <c r="PEO660" s="613"/>
      <c r="PEP660" s="613"/>
      <c r="PEQ660" s="613"/>
      <c r="PER660" s="613"/>
      <c r="PES660" s="613"/>
      <c r="PET660" s="613"/>
      <c r="PEU660" s="613"/>
      <c r="PEV660" s="613"/>
      <c r="PEW660" s="613"/>
      <c r="PEX660" s="613"/>
      <c r="PEY660" s="613"/>
      <c r="PEZ660" s="613"/>
      <c r="PFA660" s="613"/>
      <c r="PFB660" s="613"/>
      <c r="PFC660" s="613"/>
      <c r="PFD660" s="613"/>
      <c r="PFE660" s="613"/>
      <c r="PFF660" s="613"/>
      <c r="PFG660" s="613"/>
      <c r="PFH660" s="613"/>
      <c r="PFI660" s="613"/>
      <c r="PFJ660" s="613"/>
      <c r="PFK660" s="613"/>
      <c r="PFL660" s="613"/>
      <c r="PFM660" s="613"/>
      <c r="PFN660" s="613"/>
      <c r="PFO660" s="613"/>
      <c r="PFP660" s="613"/>
      <c r="PFQ660" s="613"/>
      <c r="PFR660" s="613"/>
      <c r="PFS660" s="613"/>
      <c r="PFT660" s="613"/>
      <c r="PFU660" s="613"/>
      <c r="PFV660" s="613"/>
      <c r="PFW660" s="613"/>
      <c r="PFX660" s="613"/>
      <c r="PFY660" s="613"/>
      <c r="PFZ660" s="613"/>
      <c r="PGA660" s="613"/>
      <c r="PGB660" s="613"/>
      <c r="PGC660" s="613"/>
      <c r="PGD660" s="613"/>
      <c r="PGE660" s="613"/>
      <c r="PGF660" s="613"/>
      <c r="PGG660" s="613"/>
      <c r="PGH660" s="613"/>
      <c r="PGI660" s="613"/>
      <c r="PGJ660" s="613"/>
      <c r="PGK660" s="613"/>
      <c r="PGL660" s="613"/>
      <c r="PGM660" s="613"/>
      <c r="PGN660" s="613"/>
      <c r="PGO660" s="613"/>
      <c r="PGP660" s="613"/>
      <c r="PGQ660" s="613"/>
      <c r="PGR660" s="613"/>
      <c r="PGS660" s="613"/>
      <c r="PGT660" s="613"/>
      <c r="PGU660" s="613"/>
      <c r="PGV660" s="613"/>
      <c r="PGW660" s="613"/>
      <c r="PGX660" s="613"/>
      <c r="PGY660" s="613"/>
      <c r="PGZ660" s="613"/>
      <c r="PHA660" s="613"/>
      <c r="PHB660" s="613"/>
      <c r="PHC660" s="613"/>
      <c r="PHD660" s="613"/>
      <c r="PHE660" s="613"/>
      <c r="PHF660" s="613"/>
      <c r="PHG660" s="613"/>
      <c r="PHH660" s="613"/>
      <c r="PHI660" s="613"/>
      <c r="PHJ660" s="613"/>
      <c r="PHK660" s="613"/>
      <c r="PHL660" s="613"/>
      <c r="PHM660" s="613"/>
      <c r="PHN660" s="613"/>
      <c r="PHO660" s="613"/>
      <c r="PHP660" s="613"/>
      <c r="PHQ660" s="613"/>
      <c r="PHR660" s="613"/>
      <c r="PHS660" s="613"/>
      <c r="PHT660" s="613"/>
      <c r="PHU660" s="613"/>
      <c r="PHV660" s="613"/>
      <c r="PHW660" s="613"/>
      <c r="PHX660" s="613"/>
      <c r="PHY660" s="613"/>
      <c r="PHZ660" s="613"/>
      <c r="PIA660" s="613"/>
      <c r="PIB660" s="613"/>
      <c r="PIC660" s="613"/>
      <c r="PID660" s="613"/>
      <c r="PIE660" s="613"/>
      <c r="PIF660" s="613"/>
      <c r="PIG660" s="613"/>
      <c r="PIH660" s="613"/>
      <c r="PII660" s="613"/>
      <c r="PIJ660" s="613"/>
      <c r="PIK660" s="613"/>
      <c r="PIL660" s="613"/>
      <c r="PIM660" s="613"/>
      <c r="PIN660" s="613"/>
      <c r="PIO660" s="613"/>
      <c r="PIP660" s="613"/>
      <c r="PIQ660" s="613"/>
      <c r="PIR660" s="613"/>
      <c r="PIS660" s="613"/>
      <c r="PIT660" s="613"/>
      <c r="PIU660" s="613"/>
      <c r="PIV660" s="613"/>
      <c r="PIW660" s="613"/>
      <c r="PIX660" s="613"/>
      <c r="PIY660" s="613"/>
      <c r="PIZ660" s="613"/>
      <c r="PJA660" s="613"/>
      <c r="PJB660" s="613"/>
      <c r="PJC660" s="613"/>
      <c r="PJD660" s="613"/>
      <c r="PJE660" s="613"/>
      <c r="PJF660" s="613"/>
      <c r="PJG660" s="613"/>
      <c r="PJH660" s="613"/>
      <c r="PJI660" s="613"/>
      <c r="PJJ660" s="613"/>
      <c r="PJK660" s="613"/>
      <c r="PJL660" s="613"/>
      <c r="PJM660" s="613"/>
      <c r="PJN660" s="613"/>
      <c r="PJO660" s="613"/>
      <c r="PJP660" s="613"/>
      <c r="PJQ660" s="613"/>
      <c r="PJR660" s="613"/>
      <c r="PJS660" s="613"/>
      <c r="PJT660" s="613"/>
      <c r="PJU660" s="613"/>
      <c r="PJV660" s="613"/>
      <c r="PJW660" s="613"/>
      <c r="PJX660" s="613"/>
      <c r="PJY660" s="613"/>
      <c r="PJZ660" s="613"/>
      <c r="PKA660" s="613"/>
      <c r="PKB660" s="613"/>
      <c r="PKC660" s="613"/>
      <c r="PKD660" s="613"/>
      <c r="PKE660" s="613"/>
      <c r="PKF660" s="613"/>
      <c r="PKG660" s="613"/>
      <c r="PKH660" s="613"/>
      <c r="PKI660" s="613"/>
      <c r="PKJ660" s="613"/>
      <c r="PKK660" s="613"/>
      <c r="PKL660" s="613"/>
      <c r="PKM660" s="613"/>
      <c r="PKN660" s="613"/>
      <c r="PKO660" s="613"/>
      <c r="PKP660" s="613"/>
      <c r="PKQ660" s="613"/>
      <c r="PKR660" s="613"/>
      <c r="PKS660" s="613"/>
      <c r="PKT660" s="613"/>
      <c r="PKU660" s="613"/>
      <c r="PKV660" s="613"/>
      <c r="PKW660" s="613"/>
      <c r="PKX660" s="613"/>
      <c r="PKY660" s="613"/>
      <c r="PKZ660" s="613"/>
      <c r="PLA660" s="613"/>
      <c r="PLB660" s="613"/>
      <c r="PLC660" s="613"/>
      <c r="PLD660" s="613"/>
      <c r="PLE660" s="613"/>
      <c r="PLF660" s="613"/>
      <c r="PLG660" s="613"/>
      <c r="PLH660" s="613"/>
      <c r="PLI660" s="613"/>
      <c r="PLJ660" s="613"/>
      <c r="PLK660" s="613"/>
      <c r="PLL660" s="613"/>
      <c r="PLM660" s="613"/>
      <c r="PLN660" s="613"/>
      <c r="PLO660" s="613"/>
      <c r="PLP660" s="613"/>
      <c r="PLQ660" s="613"/>
      <c r="PLR660" s="613"/>
      <c r="PLS660" s="613"/>
      <c r="PLT660" s="613"/>
      <c r="PLU660" s="613"/>
      <c r="PLV660" s="613"/>
      <c r="PLW660" s="613"/>
      <c r="PLX660" s="613"/>
      <c r="PLY660" s="613"/>
      <c r="PLZ660" s="613"/>
      <c r="PMA660" s="613"/>
      <c r="PMB660" s="613"/>
      <c r="PMC660" s="613"/>
      <c r="PMD660" s="613"/>
      <c r="PME660" s="613"/>
      <c r="PMF660" s="613"/>
      <c r="PMG660" s="613"/>
      <c r="PMH660" s="613"/>
      <c r="PMI660" s="613"/>
      <c r="PMJ660" s="613"/>
      <c r="PMK660" s="613"/>
      <c r="PML660" s="613"/>
      <c r="PMM660" s="613"/>
      <c r="PMN660" s="613"/>
      <c r="PMO660" s="613"/>
      <c r="PMP660" s="613"/>
      <c r="PMQ660" s="613"/>
      <c r="PMR660" s="613"/>
      <c r="PMS660" s="613"/>
      <c r="PMT660" s="613"/>
      <c r="PMU660" s="613"/>
      <c r="PMV660" s="613"/>
      <c r="PMW660" s="613"/>
      <c r="PMX660" s="613"/>
      <c r="PMY660" s="613"/>
      <c r="PMZ660" s="613"/>
      <c r="PNA660" s="613"/>
      <c r="PNB660" s="613"/>
      <c r="PNC660" s="613"/>
      <c r="PND660" s="613"/>
      <c r="PNE660" s="613"/>
      <c r="PNF660" s="613"/>
      <c r="PNG660" s="613"/>
      <c r="PNH660" s="613"/>
      <c r="PNI660" s="613"/>
      <c r="PNJ660" s="613"/>
      <c r="PNK660" s="613"/>
      <c r="PNL660" s="613"/>
      <c r="PNM660" s="613"/>
      <c r="PNN660" s="613"/>
      <c r="PNO660" s="613"/>
      <c r="PNP660" s="613"/>
      <c r="PNQ660" s="613"/>
      <c r="PNR660" s="613"/>
      <c r="PNS660" s="613"/>
      <c r="PNT660" s="613"/>
      <c r="PNU660" s="613"/>
      <c r="PNV660" s="613"/>
      <c r="PNW660" s="613"/>
      <c r="PNX660" s="613"/>
      <c r="PNY660" s="613"/>
      <c r="PNZ660" s="613"/>
      <c r="POA660" s="613"/>
      <c r="POB660" s="613"/>
      <c r="POC660" s="613"/>
      <c r="POD660" s="613"/>
      <c r="POE660" s="613"/>
      <c r="POF660" s="613"/>
      <c r="POG660" s="613"/>
      <c r="POH660" s="613"/>
      <c r="POI660" s="613"/>
      <c r="POJ660" s="613"/>
      <c r="POK660" s="613"/>
      <c r="POL660" s="613"/>
      <c r="POM660" s="613"/>
      <c r="PON660" s="613"/>
      <c r="POO660" s="613"/>
      <c r="POP660" s="613"/>
      <c r="POQ660" s="613"/>
      <c r="POR660" s="613"/>
      <c r="POS660" s="613"/>
      <c r="POT660" s="613"/>
      <c r="POU660" s="613"/>
      <c r="POV660" s="613"/>
      <c r="POW660" s="613"/>
      <c r="POX660" s="613"/>
      <c r="POY660" s="613"/>
      <c r="POZ660" s="613"/>
      <c r="PPA660" s="613"/>
      <c r="PPB660" s="613"/>
      <c r="PPC660" s="613"/>
      <c r="PPD660" s="613"/>
      <c r="PPE660" s="613"/>
      <c r="PPF660" s="613"/>
      <c r="PPG660" s="613"/>
      <c r="PPH660" s="613"/>
      <c r="PPI660" s="613"/>
      <c r="PPJ660" s="613"/>
      <c r="PPK660" s="613"/>
      <c r="PPL660" s="613"/>
      <c r="PPM660" s="613"/>
      <c r="PPN660" s="613"/>
      <c r="PPO660" s="613"/>
      <c r="PPP660" s="613"/>
      <c r="PPQ660" s="613"/>
      <c r="PPR660" s="613"/>
      <c r="PPS660" s="613"/>
      <c r="PPT660" s="613"/>
      <c r="PPU660" s="613"/>
      <c r="PPV660" s="613"/>
      <c r="PPW660" s="613"/>
      <c r="PPX660" s="613"/>
      <c r="PPY660" s="613"/>
      <c r="PPZ660" s="613"/>
      <c r="PQA660" s="613"/>
      <c r="PQB660" s="613"/>
      <c r="PQC660" s="613"/>
      <c r="PQD660" s="613"/>
      <c r="PQE660" s="613"/>
      <c r="PQF660" s="613"/>
      <c r="PQG660" s="613"/>
      <c r="PQH660" s="613"/>
      <c r="PQI660" s="613"/>
      <c r="PQJ660" s="613"/>
      <c r="PQK660" s="613"/>
      <c r="PQL660" s="613"/>
      <c r="PQM660" s="613"/>
      <c r="PQN660" s="613"/>
      <c r="PQO660" s="613"/>
      <c r="PQP660" s="613"/>
      <c r="PQQ660" s="613"/>
      <c r="PQR660" s="613"/>
      <c r="PQS660" s="613"/>
      <c r="PQT660" s="613"/>
      <c r="PQU660" s="613"/>
      <c r="PQV660" s="613"/>
      <c r="PQW660" s="613"/>
      <c r="PQX660" s="613"/>
      <c r="PQY660" s="613"/>
      <c r="PQZ660" s="613"/>
      <c r="PRA660" s="613"/>
      <c r="PRB660" s="613"/>
      <c r="PRC660" s="613"/>
      <c r="PRD660" s="613"/>
      <c r="PRE660" s="613"/>
      <c r="PRF660" s="613"/>
      <c r="PRG660" s="613"/>
      <c r="PRH660" s="613"/>
      <c r="PRI660" s="613"/>
      <c r="PRJ660" s="613"/>
      <c r="PRK660" s="613"/>
      <c r="PRL660" s="613"/>
      <c r="PRM660" s="613"/>
      <c r="PRN660" s="613"/>
      <c r="PRO660" s="613"/>
      <c r="PRP660" s="613"/>
      <c r="PRQ660" s="613"/>
      <c r="PRR660" s="613"/>
      <c r="PRS660" s="613"/>
      <c r="PRT660" s="613"/>
      <c r="PRU660" s="613"/>
      <c r="PRV660" s="613"/>
      <c r="PRW660" s="613"/>
      <c r="PRX660" s="613"/>
      <c r="PRY660" s="613"/>
      <c r="PRZ660" s="613"/>
      <c r="PSA660" s="613"/>
      <c r="PSB660" s="613"/>
      <c r="PSC660" s="613"/>
      <c r="PSD660" s="613"/>
      <c r="PSE660" s="613"/>
      <c r="PSF660" s="613"/>
      <c r="PSG660" s="613"/>
      <c r="PSH660" s="613"/>
      <c r="PSI660" s="613"/>
      <c r="PSJ660" s="613"/>
      <c r="PSK660" s="613"/>
      <c r="PSL660" s="613"/>
      <c r="PSM660" s="613"/>
      <c r="PSN660" s="613"/>
      <c r="PSO660" s="613"/>
      <c r="PSP660" s="613"/>
      <c r="PSQ660" s="613"/>
      <c r="PSR660" s="613"/>
      <c r="PSS660" s="613"/>
      <c r="PST660" s="613"/>
      <c r="PSU660" s="613"/>
      <c r="PSV660" s="613"/>
      <c r="PSW660" s="613"/>
      <c r="PSX660" s="613"/>
      <c r="PSY660" s="613"/>
      <c r="PSZ660" s="613"/>
      <c r="PTA660" s="613"/>
      <c r="PTB660" s="613"/>
      <c r="PTC660" s="613"/>
      <c r="PTD660" s="613"/>
      <c r="PTE660" s="613"/>
      <c r="PTF660" s="613"/>
      <c r="PTG660" s="613"/>
      <c r="PTH660" s="613"/>
      <c r="PTI660" s="613"/>
      <c r="PTJ660" s="613"/>
      <c r="PTK660" s="613"/>
      <c r="PTL660" s="613"/>
      <c r="PTM660" s="613"/>
      <c r="PTN660" s="613"/>
      <c r="PTO660" s="613"/>
      <c r="PTP660" s="613"/>
      <c r="PTQ660" s="613"/>
      <c r="PTR660" s="613"/>
      <c r="PTS660" s="613"/>
      <c r="PTT660" s="613"/>
      <c r="PTU660" s="613"/>
      <c r="PTV660" s="613"/>
      <c r="PTW660" s="613"/>
      <c r="PTX660" s="613"/>
      <c r="PTY660" s="613"/>
      <c r="PTZ660" s="613"/>
      <c r="PUA660" s="613"/>
      <c r="PUB660" s="613"/>
      <c r="PUC660" s="613"/>
      <c r="PUD660" s="613"/>
      <c r="PUE660" s="613"/>
      <c r="PUF660" s="613"/>
      <c r="PUG660" s="613"/>
      <c r="PUH660" s="613"/>
      <c r="PUI660" s="613"/>
      <c r="PUJ660" s="613"/>
      <c r="PUK660" s="613"/>
      <c r="PUL660" s="613"/>
      <c r="PUM660" s="613"/>
      <c r="PUN660" s="613"/>
      <c r="PUO660" s="613"/>
      <c r="PUP660" s="613"/>
      <c r="PUQ660" s="613"/>
      <c r="PUR660" s="613"/>
      <c r="PUS660" s="613"/>
      <c r="PUT660" s="613"/>
      <c r="PUU660" s="613"/>
      <c r="PUV660" s="613"/>
      <c r="PUW660" s="613"/>
      <c r="PUX660" s="613"/>
      <c r="PUY660" s="613"/>
      <c r="PUZ660" s="613"/>
      <c r="PVA660" s="613"/>
      <c r="PVB660" s="613"/>
      <c r="PVC660" s="613"/>
      <c r="PVD660" s="613"/>
      <c r="PVE660" s="613"/>
      <c r="PVF660" s="613"/>
      <c r="PVG660" s="613"/>
      <c r="PVH660" s="613"/>
      <c r="PVI660" s="613"/>
      <c r="PVJ660" s="613"/>
      <c r="PVK660" s="613"/>
      <c r="PVL660" s="613"/>
      <c r="PVM660" s="613"/>
      <c r="PVN660" s="613"/>
      <c r="PVO660" s="613"/>
      <c r="PVP660" s="613"/>
      <c r="PVQ660" s="613"/>
      <c r="PVR660" s="613"/>
      <c r="PVS660" s="613"/>
      <c r="PVT660" s="613"/>
      <c r="PVU660" s="613"/>
      <c r="PVV660" s="613"/>
      <c r="PVW660" s="613"/>
      <c r="PVX660" s="613"/>
      <c r="PVY660" s="613"/>
      <c r="PVZ660" s="613"/>
      <c r="PWA660" s="613"/>
      <c r="PWB660" s="613"/>
      <c r="PWC660" s="613"/>
      <c r="PWD660" s="613"/>
      <c r="PWE660" s="613"/>
      <c r="PWF660" s="613"/>
      <c r="PWG660" s="613"/>
      <c r="PWH660" s="613"/>
      <c r="PWI660" s="613"/>
      <c r="PWJ660" s="613"/>
      <c r="PWK660" s="613"/>
      <c r="PWL660" s="613"/>
      <c r="PWM660" s="613"/>
      <c r="PWN660" s="613"/>
      <c r="PWO660" s="613"/>
      <c r="PWP660" s="613"/>
      <c r="PWQ660" s="613"/>
      <c r="PWR660" s="613"/>
      <c r="PWS660" s="613"/>
      <c r="PWT660" s="613"/>
      <c r="PWU660" s="613"/>
      <c r="PWV660" s="613"/>
      <c r="PWW660" s="613"/>
      <c r="PWX660" s="613"/>
      <c r="PWY660" s="613"/>
      <c r="PWZ660" s="613"/>
      <c r="PXA660" s="613"/>
      <c r="PXB660" s="613"/>
      <c r="PXC660" s="613"/>
      <c r="PXD660" s="613"/>
      <c r="PXE660" s="613"/>
      <c r="PXF660" s="613"/>
      <c r="PXG660" s="613"/>
      <c r="PXH660" s="613"/>
      <c r="PXI660" s="613"/>
      <c r="PXJ660" s="613"/>
      <c r="PXK660" s="613"/>
      <c r="PXL660" s="613"/>
      <c r="PXM660" s="613"/>
      <c r="PXN660" s="613"/>
      <c r="PXO660" s="613"/>
      <c r="PXP660" s="613"/>
      <c r="PXQ660" s="613"/>
      <c r="PXR660" s="613"/>
      <c r="PXS660" s="613"/>
      <c r="PXT660" s="613"/>
      <c r="PXU660" s="613"/>
      <c r="PXV660" s="613"/>
      <c r="PXW660" s="613"/>
      <c r="PXX660" s="613"/>
      <c r="PXY660" s="613"/>
      <c r="PXZ660" s="613"/>
      <c r="PYA660" s="613"/>
      <c r="PYB660" s="613"/>
      <c r="PYC660" s="613"/>
      <c r="PYD660" s="613"/>
      <c r="PYE660" s="613"/>
      <c r="PYF660" s="613"/>
      <c r="PYG660" s="613"/>
      <c r="PYH660" s="613"/>
      <c r="PYI660" s="613"/>
      <c r="PYJ660" s="613"/>
      <c r="PYK660" s="613"/>
      <c r="PYL660" s="613"/>
      <c r="PYM660" s="613"/>
      <c r="PYN660" s="613"/>
      <c r="PYO660" s="613"/>
      <c r="PYP660" s="613"/>
      <c r="PYQ660" s="613"/>
      <c r="PYR660" s="613"/>
      <c r="PYS660" s="613"/>
      <c r="PYT660" s="613"/>
      <c r="PYU660" s="613"/>
      <c r="PYV660" s="613"/>
      <c r="PYW660" s="613"/>
      <c r="PYX660" s="613"/>
      <c r="PYY660" s="613"/>
      <c r="PYZ660" s="613"/>
      <c r="PZA660" s="613"/>
      <c r="PZB660" s="613"/>
      <c r="PZC660" s="613"/>
      <c r="PZD660" s="613"/>
      <c r="PZE660" s="613"/>
      <c r="PZF660" s="613"/>
      <c r="PZG660" s="613"/>
      <c r="PZH660" s="613"/>
      <c r="PZI660" s="613"/>
      <c r="PZJ660" s="613"/>
      <c r="PZK660" s="613"/>
      <c r="PZL660" s="613"/>
      <c r="PZM660" s="613"/>
      <c r="PZN660" s="613"/>
      <c r="PZO660" s="613"/>
      <c r="PZP660" s="613"/>
      <c r="PZQ660" s="613"/>
      <c r="PZR660" s="613"/>
      <c r="PZS660" s="613"/>
      <c r="PZT660" s="613"/>
      <c r="PZU660" s="613"/>
      <c r="PZV660" s="613"/>
      <c r="PZW660" s="613"/>
      <c r="PZX660" s="613"/>
      <c r="PZY660" s="613"/>
      <c r="PZZ660" s="613"/>
      <c r="QAA660" s="613"/>
      <c r="QAB660" s="613"/>
      <c r="QAC660" s="613"/>
      <c r="QAD660" s="613"/>
      <c r="QAE660" s="613"/>
      <c r="QAF660" s="613"/>
      <c r="QAG660" s="613"/>
      <c r="QAH660" s="613"/>
      <c r="QAI660" s="613"/>
      <c r="QAJ660" s="613"/>
      <c r="QAK660" s="613"/>
      <c r="QAL660" s="613"/>
      <c r="QAM660" s="613"/>
      <c r="QAN660" s="613"/>
      <c r="QAO660" s="613"/>
      <c r="QAP660" s="613"/>
      <c r="QAQ660" s="613"/>
      <c r="QAR660" s="613"/>
      <c r="QAS660" s="613"/>
      <c r="QAT660" s="613"/>
      <c r="QAU660" s="613"/>
      <c r="QAV660" s="613"/>
      <c r="QAW660" s="613"/>
      <c r="QAX660" s="613"/>
      <c r="QAY660" s="613"/>
      <c r="QAZ660" s="613"/>
      <c r="QBA660" s="613"/>
      <c r="QBB660" s="613"/>
      <c r="QBC660" s="613"/>
      <c r="QBD660" s="613"/>
      <c r="QBE660" s="613"/>
      <c r="QBF660" s="613"/>
      <c r="QBG660" s="613"/>
      <c r="QBH660" s="613"/>
      <c r="QBI660" s="613"/>
      <c r="QBJ660" s="613"/>
      <c r="QBK660" s="613"/>
      <c r="QBL660" s="613"/>
      <c r="QBM660" s="613"/>
      <c r="QBN660" s="613"/>
      <c r="QBO660" s="613"/>
      <c r="QBP660" s="613"/>
      <c r="QBQ660" s="613"/>
      <c r="QBR660" s="613"/>
      <c r="QBS660" s="613"/>
      <c r="QBT660" s="613"/>
      <c r="QBU660" s="613"/>
      <c r="QBV660" s="613"/>
      <c r="QBW660" s="613"/>
      <c r="QBX660" s="613"/>
      <c r="QBY660" s="613"/>
      <c r="QBZ660" s="613"/>
      <c r="QCA660" s="613"/>
      <c r="QCB660" s="613"/>
      <c r="QCC660" s="613"/>
      <c r="QCD660" s="613"/>
      <c r="QCE660" s="613"/>
      <c r="QCF660" s="613"/>
      <c r="QCG660" s="613"/>
      <c r="QCH660" s="613"/>
      <c r="QCI660" s="613"/>
      <c r="QCJ660" s="613"/>
      <c r="QCK660" s="613"/>
      <c r="QCL660" s="613"/>
      <c r="QCM660" s="613"/>
      <c r="QCN660" s="613"/>
      <c r="QCO660" s="613"/>
      <c r="QCP660" s="613"/>
      <c r="QCQ660" s="613"/>
      <c r="QCR660" s="613"/>
      <c r="QCS660" s="613"/>
      <c r="QCT660" s="613"/>
      <c r="QCU660" s="613"/>
      <c r="QCV660" s="613"/>
      <c r="QCW660" s="613"/>
      <c r="QCX660" s="613"/>
      <c r="QCY660" s="613"/>
      <c r="QCZ660" s="613"/>
      <c r="QDA660" s="613"/>
      <c r="QDB660" s="613"/>
      <c r="QDC660" s="613"/>
      <c r="QDD660" s="613"/>
      <c r="QDE660" s="613"/>
      <c r="QDF660" s="613"/>
      <c r="QDG660" s="613"/>
      <c r="QDH660" s="613"/>
      <c r="QDI660" s="613"/>
      <c r="QDJ660" s="613"/>
      <c r="QDK660" s="613"/>
      <c r="QDL660" s="613"/>
      <c r="QDM660" s="613"/>
      <c r="QDN660" s="613"/>
      <c r="QDO660" s="613"/>
      <c r="QDP660" s="613"/>
      <c r="QDQ660" s="613"/>
      <c r="QDR660" s="613"/>
      <c r="QDS660" s="613"/>
      <c r="QDT660" s="613"/>
      <c r="QDU660" s="613"/>
      <c r="QDV660" s="613"/>
      <c r="QDW660" s="613"/>
      <c r="QDX660" s="613"/>
      <c r="QDY660" s="613"/>
      <c r="QDZ660" s="613"/>
      <c r="QEA660" s="613"/>
      <c r="QEB660" s="613"/>
      <c r="QEC660" s="613"/>
      <c r="QED660" s="613"/>
      <c r="QEE660" s="613"/>
      <c r="QEF660" s="613"/>
      <c r="QEG660" s="613"/>
      <c r="QEH660" s="613"/>
      <c r="QEI660" s="613"/>
      <c r="QEJ660" s="613"/>
      <c r="QEK660" s="613"/>
      <c r="QEL660" s="613"/>
      <c r="QEM660" s="613"/>
      <c r="QEN660" s="613"/>
      <c r="QEO660" s="613"/>
      <c r="QEP660" s="613"/>
      <c r="QEQ660" s="613"/>
      <c r="QER660" s="613"/>
      <c r="QES660" s="613"/>
      <c r="QET660" s="613"/>
      <c r="QEU660" s="613"/>
      <c r="QEV660" s="613"/>
      <c r="QEW660" s="613"/>
      <c r="QEX660" s="613"/>
      <c r="QEY660" s="613"/>
      <c r="QEZ660" s="613"/>
      <c r="QFA660" s="613"/>
      <c r="QFB660" s="613"/>
      <c r="QFC660" s="613"/>
      <c r="QFD660" s="613"/>
      <c r="QFE660" s="613"/>
      <c r="QFF660" s="613"/>
      <c r="QFG660" s="613"/>
      <c r="QFH660" s="613"/>
      <c r="QFI660" s="613"/>
      <c r="QFJ660" s="613"/>
      <c r="QFK660" s="613"/>
      <c r="QFL660" s="613"/>
      <c r="QFM660" s="613"/>
      <c r="QFN660" s="613"/>
      <c r="QFO660" s="613"/>
      <c r="QFP660" s="613"/>
      <c r="QFQ660" s="613"/>
      <c r="QFR660" s="613"/>
      <c r="QFS660" s="613"/>
      <c r="QFT660" s="613"/>
      <c r="QFU660" s="613"/>
      <c r="QFV660" s="613"/>
      <c r="QFW660" s="613"/>
      <c r="QFX660" s="613"/>
      <c r="QFY660" s="613"/>
      <c r="QFZ660" s="613"/>
      <c r="QGA660" s="613"/>
      <c r="QGB660" s="613"/>
      <c r="QGC660" s="613"/>
      <c r="QGD660" s="613"/>
      <c r="QGE660" s="613"/>
      <c r="QGF660" s="613"/>
      <c r="QGG660" s="613"/>
      <c r="QGH660" s="613"/>
      <c r="QGI660" s="613"/>
      <c r="QGJ660" s="613"/>
      <c r="QGK660" s="613"/>
      <c r="QGL660" s="613"/>
      <c r="QGM660" s="613"/>
      <c r="QGN660" s="613"/>
      <c r="QGO660" s="613"/>
      <c r="QGP660" s="613"/>
      <c r="QGQ660" s="613"/>
      <c r="QGR660" s="613"/>
      <c r="QGS660" s="613"/>
      <c r="QGT660" s="613"/>
      <c r="QGU660" s="613"/>
      <c r="QGV660" s="613"/>
      <c r="QGW660" s="613"/>
      <c r="QGX660" s="613"/>
      <c r="QGY660" s="613"/>
      <c r="QGZ660" s="613"/>
      <c r="QHA660" s="613"/>
      <c r="QHB660" s="613"/>
      <c r="QHC660" s="613"/>
      <c r="QHD660" s="613"/>
      <c r="QHE660" s="613"/>
      <c r="QHF660" s="613"/>
      <c r="QHG660" s="613"/>
      <c r="QHH660" s="613"/>
      <c r="QHI660" s="613"/>
      <c r="QHJ660" s="613"/>
      <c r="QHK660" s="613"/>
      <c r="QHL660" s="613"/>
      <c r="QHM660" s="613"/>
      <c r="QHN660" s="613"/>
      <c r="QHO660" s="613"/>
      <c r="QHP660" s="613"/>
      <c r="QHQ660" s="613"/>
      <c r="QHR660" s="613"/>
      <c r="QHS660" s="613"/>
      <c r="QHT660" s="613"/>
      <c r="QHU660" s="613"/>
      <c r="QHV660" s="613"/>
      <c r="QHW660" s="613"/>
      <c r="QHX660" s="613"/>
      <c r="QHY660" s="613"/>
      <c r="QHZ660" s="613"/>
      <c r="QIA660" s="613"/>
      <c r="QIB660" s="613"/>
      <c r="QIC660" s="613"/>
      <c r="QID660" s="613"/>
      <c r="QIE660" s="613"/>
      <c r="QIF660" s="613"/>
      <c r="QIG660" s="613"/>
      <c r="QIH660" s="613"/>
      <c r="QII660" s="613"/>
      <c r="QIJ660" s="613"/>
      <c r="QIK660" s="613"/>
      <c r="QIL660" s="613"/>
      <c r="QIM660" s="613"/>
      <c r="QIN660" s="613"/>
      <c r="QIO660" s="613"/>
      <c r="QIP660" s="613"/>
      <c r="QIQ660" s="613"/>
      <c r="QIR660" s="613"/>
      <c r="QIS660" s="613"/>
      <c r="QIT660" s="613"/>
      <c r="QIU660" s="613"/>
      <c r="QIV660" s="613"/>
      <c r="QIW660" s="613"/>
      <c r="QIX660" s="613"/>
      <c r="QIY660" s="613"/>
      <c r="QIZ660" s="613"/>
      <c r="QJA660" s="613"/>
      <c r="QJB660" s="613"/>
      <c r="QJC660" s="613"/>
      <c r="QJD660" s="613"/>
      <c r="QJE660" s="613"/>
      <c r="QJF660" s="613"/>
      <c r="QJG660" s="613"/>
      <c r="QJH660" s="613"/>
      <c r="QJI660" s="613"/>
      <c r="QJJ660" s="613"/>
      <c r="QJK660" s="613"/>
      <c r="QJL660" s="613"/>
      <c r="QJM660" s="613"/>
      <c r="QJN660" s="613"/>
      <c r="QJO660" s="613"/>
      <c r="QJP660" s="613"/>
      <c r="QJQ660" s="613"/>
      <c r="QJR660" s="613"/>
      <c r="QJS660" s="613"/>
      <c r="QJT660" s="613"/>
      <c r="QJU660" s="613"/>
      <c r="QJV660" s="613"/>
      <c r="QJW660" s="613"/>
      <c r="QJX660" s="613"/>
      <c r="QJY660" s="613"/>
      <c r="QJZ660" s="613"/>
      <c r="QKA660" s="613"/>
      <c r="QKB660" s="613"/>
      <c r="QKC660" s="613"/>
      <c r="QKD660" s="613"/>
      <c r="QKE660" s="613"/>
      <c r="QKF660" s="613"/>
      <c r="QKG660" s="613"/>
      <c r="QKH660" s="613"/>
      <c r="QKI660" s="613"/>
      <c r="QKJ660" s="613"/>
      <c r="QKK660" s="613"/>
      <c r="QKL660" s="613"/>
      <c r="QKM660" s="613"/>
      <c r="QKN660" s="613"/>
      <c r="QKO660" s="613"/>
      <c r="QKP660" s="613"/>
      <c r="QKQ660" s="613"/>
      <c r="QKR660" s="613"/>
      <c r="QKS660" s="613"/>
      <c r="QKT660" s="613"/>
      <c r="QKU660" s="613"/>
      <c r="QKV660" s="613"/>
      <c r="QKW660" s="613"/>
      <c r="QKX660" s="613"/>
      <c r="QKY660" s="613"/>
      <c r="QKZ660" s="613"/>
      <c r="QLA660" s="613"/>
      <c r="QLB660" s="613"/>
      <c r="QLC660" s="613"/>
      <c r="QLD660" s="613"/>
      <c r="QLE660" s="613"/>
      <c r="QLF660" s="613"/>
      <c r="QLG660" s="613"/>
      <c r="QLH660" s="613"/>
      <c r="QLI660" s="613"/>
      <c r="QLJ660" s="613"/>
      <c r="QLK660" s="613"/>
      <c r="QLL660" s="613"/>
      <c r="QLM660" s="613"/>
      <c r="QLN660" s="613"/>
      <c r="QLO660" s="613"/>
      <c r="QLP660" s="613"/>
      <c r="QLQ660" s="613"/>
      <c r="QLR660" s="613"/>
      <c r="QLS660" s="613"/>
      <c r="QLT660" s="613"/>
      <c r="QLU660" s="613"/>
      <c r="QLV660" s="613"/>
      <c r="QLW660" s="613"/>
      <c r="QLX660" s="613"/>
      <c r="QLY660" s="613"/>
      <c r="QLZ660" s="613"/>
      <c r="QMA660" s="613"/>
      <c r="QMB660" s="613"/>
      <c r="QMC660" s="613"/>
      <c r="QMD660" s="613"/>
      <c r="QME660" s="613"/>
      <c r="QMF660" s="613"/>
      <c r="QMG660" s="613"/>
      <c r="QMH660" s="613"/>
      <c r="QMI660" s="613"/>
      <c r="QMJ660" s="613"/>
      <c r="QMK660" s="613"/>
      <c r="QML660" s="613"/>
      <c r="QMM660" s="613"/>
      <c r="QMN660" s="613"/>
      <c r="QMO660" s="613"/>
      <c r="QMP660" s="613"/>
      <c r="QMQ660" s="613"/>
      <c r="QMR660" s="613"/>
      <c r="QMS660" s="613"/>
      <c r="QMT660" s="613"/>
      <c r="QMU660" s="613"/>
      <c r="QMV660" s="613"/>
      <c r="QMW660" s="613"/>
      <c r="QMX660" s="613"/>
      <c r="QMY660" s="613"/>
      <c r="QMZ660" s="613"/>
      <c r="QNA660" s="613"/>
      <c r="QNB660" s="613"/>
      <c r="QNC660" s="613"/>
      <c r="QND660" s="613"/>
      <c r="QNE660" s="613"/>
      <c r="QNF660" s="613"/>
      <c r="QNG660" s="613"/>
      <c r="QNH660" s="613"/>
      <c r="QNI660" s="613"/>
      <c r="QNJ660" s="613"/>
      <c r="QNK660" s="613"/>
      <c r="QNL660" s="613"/>
      <c r="QNM660" s="613"/>
      <c r="QNN660" s="613"/>
      <c r="QNO660" s="613"/>
      <c r="QNP660" s="613"/>
      <c r="QNQ660" s="613"/>
      <c r="QNR660" s="613"/>
      <c r="QNS660" s="613"/>
      <c r="QNT660" s="613"/>
      <c r="QNU660" s="613"/>
      <c r="QNV660" s="613"/>
      <c r="QNW660" s="613"/>
      <c r="QNX660" s="613"/>
      <c r="QNY660" s="613"/>
      <c r="QNZ660" s="613"/>
      <c r="QOA660" s="613"/>
      <c r="QOB660" s="613"/>
      <c r="QOC660" s="613"/>
      <c r="QOD660" s="613"/>
      <c r="QOE660" s="613"/>
      <c r="QOF660" s="613"/>
      <c r="QOG660" s="613"/>
      <c r="QOH660" s="613"/>
      <c r="QOI660" s="613"/>
      <c r="QOJ660" s="613"/>
      <c r="QOK660" s="613"/>
      <c r="QOL660" s="613"/>
      <c r="QOM660" s="613"/>
      <c r="QON660" s="613"/>
      <c r="QOO660" s="613"/>
      <c r="QOP660" s="613"/>
      <c r="QOQ660" s="613"/>
      <c r="QOR660" s="613"/>
      <c r="QOS660" s="613"/>
      <c r="QOT660" s="613"/>
      <c r="QOU660" s="613"/>
      <c r="QOV660" s="613"/>
      <c r="QOW660" s="613"/>
      <c r="QOX660" s="613"/>
      <c r="QOY660" s="613"/>
      <c r="QOZ660" s="613"/>
      <c r="QPA660" s="613"/>
      <c r="QPB660" s="613"/>
      <c r="QPC660" s="613"/>
      <c r="QPD660" s="613"/>
      <c r="QPE660" s="613"/>
      <c r="QPF660" s="613"/>
      <c r="QPG660" s="613"/>
      <c r="QPH660" s="613"/>
      <c r="QPI660" s="613"/>
      <c r="QPJ660" s="613"/>
      <c r="QPK660" s="613"/>
      <c r="QPL660" s="613"/>
      <c r="QPM660" s="613"/>
      <c r="QPN660" s="613"/>
      <c r="QPO660" s="613"/>
      <c r="QPP660" s="613"/>
      <c r="QPQ660" s="613"/>
      <c r="QPR660" s="613"/>
      <c r="QPS660" s="613"/>
      <c r="QPT660" s="613"/>
      <c r="QPU660" s="613"/>
      <c r="QPV660" s="613"/>
      <c r="QPW660" s="613"/>
      <c r="QPX660" s="613"/>
      <c r="QPY660" s="613"/>
      <c r="QPZ660" s="613"/>
      <c r="QQA660" s="613"/>
      <c r="QQB660" s="613"/>
      <c r="QQC660" s="613"/>
      <c r="QQD660" s="613"/>
      <c r="QQE660" s="613"/>
      <c r="QQF660" s="613"/>
      <c r="QQG660" s="613"/>
      <c r="QQH660" s="613"/>
      <c r="QQI660" s="613"/>
      <c r="QQJ660" s="613"/>
      <c r="QQK660" s="613"/>
      <c r="QQL660" s="613"/>
      <c r="QQM660" s="613"/>
      <c r="QQN660" s="613"/>
      <c r="QQO660" s="613"/>
      <c r="QQP660" s="613"/>
      <c r="QQQ660" s="613"/>
      <c r="QQR660" s="613"/>
      <c r="QQS660" s="613"/>
      <c r="QQT660" s="613"/>
      <c r="QQU660" s="613"/>
      <c r="QQV660" s="613"/>
      <c r="QQW660" s="613"/>
      <c r="QQX660" s="613"/>
      <c r="QQY660" s="613"/>
      <c r="QQZ660" s="613"/>
      <c r="QRA660" s="613"/>
      <c r="QRB660" s="613"/>
      <c r="QRC660" s="613"/>
      <c r="QRD660" s="613"/>
      <c r="QRE660" s="613"/>
      <c r="QRF660" s="613"/>
      <c r="QRG660" s="613"/>
      <c r="QRH660" s="613"/>
      <c r="QRI660" s="613"/>
      <c r="QRJ660" s="613"/>
      <c r="QRK660" s="613"/>
      <c r="QRL660" s="613"/>
      <c r="QRM660" s="613"/>
      <c r="QRN660" s="613"/>
      <c r="QRO660" s="613"/>
      <c r="QRP660" s="613"/>
      <c r="QRQ660" s="613"/>
      <c r="QRR660" s="613"/>
      <c r="QRS660" s="613"/>
      <c r="QRT660" s="613"/>
      <c r="QRU660" s="613"/>
      <c r="QRV660" s="613"/>
      <c r="QRW660" s="613"/>
      <c r="QRX660" s="613"/>
      <c r="QRY660" s="613"/>
      <c r="QRZ660" s="613"/>
      <c r="QSA660" s="613"/>
      <c r="QSB660" s="613"/>
      <c r="QSC660" s="613"/>
      <c r="QSD660" s="613"/>
      <c r="QSE660" s="613"/>
      <c r="QSF660" s="613"/>
      <c r="QSG660" s="613"/>
      <c r="QSH660" s="613"/>
      <c r="QSI660" s="613"/>
      <c r="QSJ660" s="613"/>
      <c r="QSK660" s="613"/>
      <c r="QSL660" s="613"/>
      <c r="QSM660" s="613"/>
      <c r="QSN660" s="613"/>
      <c r="QSO660" s="613"/>
      <c r="QSP660" s="613"/>
      <c r="QSQ660" s="613"/>
      <c r="QSR660" s="613"/>
      <c r="QSS660" s="613"/>
      <c r="QST660" s="613"/>
      <c r="QSU660" s="613"/>
      <c r="QSV660" s="613"/>
      <c r="QSW660" s="613"/>
      <c r="QSX660" s="613"/>
      <c r="QSY660" s="613"/>
      <c r="QSZ660" s="613"/>
      <c r="QTA660" s="613"/>
      <c r="QTB660" s="613"/>
      <c r="QTC660" s="613"/>
      <c r="QTD660" s="613"/>
      <c r="QTE660" s="613"/>
      <c r="QTF660" s="613"/>
      <c r="QTG660" s="613"/>
      <c r="QTH660" s="613"/>
      <c r="QTI660" s="613"/>
      <c r="QTJ660" s="613"/>
      <c r="QTK660" s="613"/>
      <c r="QTL660" s="613"/>
      <c r="QTM660" s="613"/>
      <c r="QTN660" s="613"/>
      <c r="QTO660" s="613"/>
      <c r="QTP660" s="613"/>
      <c r="QTQ660" s="613"/>
      <c r="QTR660" s="613"/>
      <c r="QTS660" s="613"/>
      <c r="QTT660" s="613"/>
      <c r="QTU660" s="613"/>
      <c r="QTV660" s="613"/>
      <c r="QTW660" s="613"/>
      <c r="QTX660" s="613"/>
      <c r="QTY660" s="613"/>
      <c r="QTZ660" s="613"/>
      <c r="QUA660" s="613"/>
      <c r="QUB660" s="613"/>
      <c r="QUC660" s="613"/>
      <c r="QUD660" s="613"/>
      <c r="QUE660" s="613"/>
      <c r="QUF660" s="613"/>
      <c r="QUG660" s="613"/>
      <c r="QUH660" s="613"/>
      <c r="QUI660" s="613"/>
      <c r="QUJ660" s="613"/>
      <c r="QUK660" s="613"/>
      <c r="QUL660" s="613"/>
      <c r="QUM660" s="613"/>
      <c r="QUN660" s="613"/>
      <c r="QUO660" s="613"/>
      <c r="QUP660" s="613"/>
      <c r="QUQ660" s="613"/>
      <c r="QUR660" s="613"/>
      <c r="QUS660" s="613"/>
      <c r="QUT660" s="613"/>
      <c r="QUU660" s="613"/>
      <c r="QUV660" s="613"/>
      <c r="QUW660" s="613"/>
      <c r="QUX660" s="613"/>
      <c r="QUY660" s="613"/>
      <c r="QUZ660" s="613"/>
      <c r="QVA660" s="613"/>
      <c r="QVB660" s="613"/>
      <c r="QVC660" s="613"/>
      <c r="QVD660" s="613"/>
      <c r="QVE660" s="613"/>
      <c r="QVF660" s="613"/>
      <c r="QVG660" s="613"/>
      <c r="QVH660" s="613"/>
      <c r="QVI660" s="613"/>
      <c r="QVJ660" s="613"/>
      <c r="QVK660" s="613"/>
      <c r="QVL660" s="613"/>
      <c r="QVM660" s="613"/>
      <c r="QVN660" s="613"/>
      <c r="QVO660" s="613"/>
      <c r="QVP660" s="613"/>
      <c r="QVQ660" s="613"/>
      <c r="QVR660" s="613"/>
      <c r="QVS660" s="613"/>
      <c r="QVT660" s="613"/>
      <c r="QVU660" s="613"/>
      <c r="QVV660" s="613"/>
      <c r="QVW660" s="613"/>
      <c r="QVX660" s="613"/>
      <c r="QVY660" s="613"/>
      <c r="QVZ660" s="613"/>
      <c r="QWA660" s="613"/>
      <c r="QWB660" s="613"/>
      <c r="QWC660" s="613"/>
      <c r="QWD660" s="613"/>
      <c r="QWE660" s="613"/>
      <c r="QWF660" s="613"/>
      <c r="QWG660" s="613"/>
      <c r="QWH660" s="613"/>
      <c r="QWI660" s="613"/>
      <c r="QWJ660" s="613"/>
      <c r="QWK660" s="613"/>
      <c r="QWL660" s="613"/>
      <c r="QWM660" s="613"/>
      <c r="QWN660" s="613"/>
      <c r="QWO660" s="613"/>
      <c r="QWP660" s="613"/>
      <c r="QWQ660" s="613"/>
      <c r="QWR660" s="613"/>
      <c r="QWS660" s="613"/>
      <c r="QWT660" s="613"/>
      <c r="QWU660" s="613"/>
      <c r="QWV660" s="613"/>
      <c r="QWW660" s="613"/>
      <c r="QWX660" s="613"/>
      <c r="QWY660" s="613"/>
      <c r="QWZ660" s="613"/>
      <c r="QXA660" s="613"/>
      <c r="QXB660" s="613"/>
      <c r="QXC660" s="613"/>
      <c r="QXD660" s="613"/>
      <c r="QXE660" s="613"/>
      <c r="QXF660" s="613"/>
      <c r="QXG660" s="613"/>
      <c r="QXH660" s="613"/>
      <c r="QXI660" s="613"/>
      <c r="QXJ660" s="613"/>
      <c r="QXK660" s="613"/>
      <c r="QXL660" s="613"/>
      <c r="QXM660" s="613"/>
      <c r="QXN660" s="613"/>
      <c r="QXO660" s="613"/>
      <c r="QXP660" s="613"/>
      <c r="QXQ660" s="613"/>
      <c r="QXR660" s="613"/>
      <c r="QXS660" s="613"/>
      <c r="QXT660" s="613"/>
      <c r="QXU660" s="613"/>
      <c r="QXV660" s="613"/>
      <c r="QXW660" s="613"/>
      <c r="QXX660" s="613"/>
      <c r="QXY660" s="613"/>
      <c r="QXZ660" s="613"/>
      <c r="QYA660" s="613"/>
      <c r="QYB660" s="613"/>
      <c r="QYC660" s="613"/>
      <c r="QYD660" s="613"/>
      <c r="QYE660" s="613"/>
      <c r="QYF660" s="613"/>
      <c r="QYG660" s="613"/>
      <c r="QYH660" s="613"/>
      <c r="QYI660" s="613"/>
      <c r="QYJ660" s="613"/>
      <c r="QYK660" s="613"/>
      <c r="QYL660" s="613"/>
      <c r="QYM660" s="613"/>
      <c r="QYN660" s="613"/>
      <c r="QYO660" s="613"/>
      <c r="QYP660" s="613"/>
      <c r="QYQ660" s="613"/>
      <c r="QYR660" s="613"/>
      <c r="QYS660" s="613"/>
      <c r="QYT660" s="613"/>
      <c r="QYU660" s="613"/>
      <c r="QYV660" s="613"/>
      <c r="QYW660" s="613"/>
      <c r="QYX660" s="613"/>
      <c r="QYY660" s="613"/>
      <c r="QYZ660" s="613"/>
      <c r="QZA660" s="613"/>
      <c r="QZB660" s="613"/>
      <c r="QZC660" s="613"/>
      <c r="QZD660" s="613"/>
      <c r="QZE660" s="613"/>
      <c r="QZF660" s="613"/>
      <c r="QZG660" s="613"/>
      <c r="QZH660" s="613"/>
      <c r="QZI660" s="613"/>
      <c r="QZJ660" s="613"/>
      <c r="QZK660" s="613"/>
      <c r="QZL660" s="613"/>
      <c r="QZM660" s="613"/>
      <c r="QZN660" s="613"/>
      <c r="QZO660" s="613"/>
      <c r="QZP660" s="613"/>
      <c r="QZQ660" s="613"/>
      <c r="QZR660" s="613"/>
      <c r="QZS660" s="613"/>
      <c r="QZT660" s="613"/>
      <c r="QZU660" s="613"/>
      <c r="QZV660" s="613"/>
      <c r="QZW660" s="613"/>
      <c r="QZX660" s="613"/>
      <c r="QZY660" s="613"/>
      <c r="QZZ660" s="613"/>
      <c r="RAA660" s="613"/>
      <c r="RAB660" s="613"/>
      <c r="RAC660" s="613"/>
      <c r="RAD660" s="613"/>
      <c r="RAE660" s="613"/>
      <c r="RAF660" s="613"/>
      <c r="RAG660" s="613"/>
      <c r="RAH660" s="613"/>
      <c r="RAI660" s="613"/>
      <c r="RAJ660" s="613"/>
      <c r="RAK660" s="613"/>
      <c r="RAL660" s="613"/>
      <c r="RAM660" s="613"/>
      <c r="RAN660" s="613"/>
      <c r="RAO660" s="613"/>
      <c r="RAP660" s="613"/>
      <c r="RAQ660" s="613"/>
      <c r="RAR660" s="613"/>
      <c r="RAS660" s="613"/>
      <c r="RAT660" s="613"/>
      <c r="RAU660" s="613"/>
      <c r="RAV660" s="613"/>
      <c r="RAW660" s="613"/>
      <c r="RAX660" s="613"/>
      <c r="RAY660" s="613"/>
      <c r="RAZ660" s="613"/>
      <c r="RBA660" s="613"/>
      <c r="RBB660" s="613"/>
      <c r="RBC660" s="613"/>
      <c r="RBD660" s="613"/>
      <c r="RBE660" s="613"/>
      <c r="RBF660" s="613"/>
      <c r="RBG660" s="613"/>
      <c r="RBH660" s="613"/>
      <c r="RBI660" s="613"/>
      <c r="RBJ660" s="613"/>
      <c r="RBK660" s="613"/>
      <c r="RBL660" s="613"/>
      <c r="RBM660" s="613"/>
      <c r="RBN660" s="613"/>
      <c r="RBO660" s="613"/>
      <c r="RBP660" s="613"/>
      <c r="RBQ660" s="613"/>
      <c r="RBR660" s="613"/>
      <c r="RBS660" s="613"/>
      <c r="RBT660" s="613"/>
      <c r="RBU660" s="613"/>
      <c r="RBV660" s="613"/>
      <c r="RBW660" s="613"/>
      <c r="RBX660" s="613"/>
      <c r="RBY660" s="613"/>
      <c r="RBZ660" s="613"/>
      <c r="RCA660" s="613"/>
      <c r="RCB660" s="613"/>
      <c r="RCC660" s="613"/>
      <c r="RCD660" s="613"/>
      <c r="RCE660" s="613"/>
      <c r="RCF660" s="613"/>
      <c r="RCG660" s="613"/>
      <c r="RCH660" s="613"/>
      <c r="RCI660" s="613"/>
      <c r="RCJ660" s="613"/>
      <c r="RCK660" s="613"/>
      <c r="RCL660" s="613"/>
      <c r="RCM660" s="613"/>
      <c r="RCN660" s="613"/>
      <c r="RCO660" s="613"/>
      <c r="RCP660" s="613"/>
      <c r="RCQ660" s="613"/>
      <c r="RCR660" s="613"/>
      <c r="RCS660" s="613"/>
      <c r="RCT660" s="613"/>
      <c r="RCU660" s="613"/>
      <c r="RCV660" s="613"/>
      <c r="RCW660" s="613"/>
      <c r="RCX660" s="613"/>
      <c r="RCY660" s="613"/>
      <c r="RCZ660" s="613"/>
      <c r="RDA660" s="613"/>
      <c r="RDB660" s="613"/>
      <c r="RDC660" s="613"/>
      <c r="RDD660" s="613"/>
      <c r="RDE660" s="613"/>
      <c r="RDF660" s="613"/>
      <c r="RDG660" s="613"/>
      <c r="RDH660" s="613"/>
      <c r="RDI660" s="613"/>
      <c r="RDJ660" s="613"/>
      <c r="RDK660" s="613"/>
      <c r="RDL660" s="613"/>
      <c r="RDM660" s="613"/>
      <c r="RDN660" s="613"/>
      <c r="RDO660" s="613"/>
      <c r="RDP660" s="613"/>
      <c r="RDQ660" s="613"/>
      <c r="RDR660" s="613"/>
      <c r="RDS660" s="613"/>
      <c r="RDT660" s="613"/>
      <c r="RDU660" s="613"/>
      <c r="RDV660" s="613"/>
      <c r="RDW660" s="613"/>
      <c r="RDX660" s="613"/>
      <c r="RDY660" s="613"/>
      <c r="RDZ660" s="613"/>
      <c r="REA660" s="613"/>
      <c r="REB660" s="613"/>
      <c r="REC660" s="613"/>
      <c r="RED660" s="613"/>
      <c r="REE660" s="613"/>
      <c r="REF660" s="613"/>
      <c r="REG660" s="613"/>
      <c r="REH660" s="613"/>
      <c r="REI660" s="613"/>
      <c r="REJ660" s="613"/>
      <c r="REK660" s="613"/>
      <c r="REL660" s="613"/>
      <c r="REM660" s="613"/>
      <c r="REN660" s="613"/>
      <c r="REO660" s="613"/>
      <c r="REP660" s="613"/>
      <c r="REQ660" s="613"/>
      <c r="RER660" s="613"/>
      <c r="RES660" s="613"/>
      <c r="RET660" s="613"/>
      <c r="REU660" s="613"/>
      <c r="REV660" s="613"/>
      <c r="REW660" s="613"/>
      <c r="REX660" s="613"/>
      <c r="REY660" s="613"/>
      <c r="REZ660" s="613"/>
      <c r="RFA660" s="613"/>
      <c r="RFB660" s="613"/>
      <c r="RFC660" s="613"/>
      <c r="RFD660" s="613"/>
      <c r="RFE660" s="613"/>
      <c r="RFF660" s="613"/>
      <c r="RFG660" s="613"/>
      <c r="RFH660" s="613"/>
      <c r="RFI660" s="613"/>
      <c r="RFJ660" s="613"/>
      <c r="RFK660" s="613"/>
      <c r="RFL660" s="613"/>
      <c r="RFM660" s="613"/>
      <c r="RFN660" s="613"/>
      <c r="RFO660" s="613"/>
      <c r="RFP660" s="613"/>
      <c r="RFQ660" s="613"/>
      <c r="RFR660" s="613"/>
      <c r="RFS660" s="613"/>
      <c r="RFT660" s="613"/>
      <c r="RFU660" s="613"/>
      <c r="RFV660" s="613"/>
      <c r="RFW660" s="613"/>
      <c r="RFX660" s="613"/>
      <c r="RFY660" s="613"/>
      <c r="RFZ660" s="613"/>
      <c r="RGA660" s="613"/>
      <c r="RGB660" s="613"/>
      <c r="RGC660" s="613"/>
      <c r="RGD660" s="613"/>
      <c r="RGE660" s="613"/>
      <c r="RGF660" s="613"/>
      <c r="RGG660" s="613"/>
      <c r="RGH660" s="613"/>
      <c r="RGI660" s="613"/>
      <c r="RGJ660" s="613"/>
      <c r="RGK660" s="613"/>
      <c r="RGL660" s="613"/>
      <c r="RGM660" s="613"/>
      <c r="RGN660" s="613"/>
      <c r="RGO660" s="613"/>
      <c r="RGP660" s="613"/>
      <c r="RGQ660" s="613"/>
      <c r="RGR660" s="613"/>
      <c r="RGS660" s="613"/>
      <c r="RGT660" s="613"/>
      <c r="RGU660" s="613"/>
      <c r="RGV660" s="613"/>
      <c r="RGW660" s="613"/>
      <c r="RGX660" s="613"/>
      <c r="RGY660" s="613"/>
      <c r="RGZ660" s="613"/>
      <c r="RHA660" s="613"/>
      <c r="RHB660" s="613"/>
      <c r="RHC660" s="613"/>
      <c r="RHD660" s="613"/>
      <c r="RHE660" s="613"/>
      <c r="RHF660" s="613"/>
      <c r="RHG660" s="613"/>
      <c r="RHH660" s="613"/>
      <c r="RHI660" s="613"/>
      <c r="RHJ660" s="613"/>
      <c r="RHK660" s="613"/>
      <c r="RHL660" s="613"/>
      <c r="RHM660" s="613"/>
      <c r="RHN660" s="613"/>
      <c r="RHO660" s="613"/>
      <c r="RHP660" s="613"/>
      <c r="RHQ660" s="613"/>
      <c r="RHR660" s="613"/>
      <c r="RHS660" s="613"/>
      <c r="RHT660" s="613"/>
      <c r="RHU660" s="613"/>
      <c r="RHV660" s="613"/>
      <c r="RHW660" s="613"/>
      <c r="RHX660" s="613"/>
      <c r="RHY660" s="613"/>
      <c r="RHZ660" s="613"/>
      <c r="RIA660" s="613"/>
      <c r="RIB660" s="613"/>
      <c r="RIC660" s="613"/>
      <c r="RID660" s="613"/>
      <c r="RIE660" s="613"/>
      <c r="RIF660" s="613"/>
      <c r="RIG660" s="613"/>
      <c r="RIH660" s="613"/>
      <c r="RII660" s="613"/>
      <c r="RIJ660" s="613"/>
      <c r="RIK660" s="613"/>
      <c r="RIL660" s="613"/>
      <c r="RIM660" s="613"/>
      <c r="RIN660" s="613"/>
      <c r="RIO660" s="613"/>
      <c r="RIP660" s="613"/>
      <c r="RIQ660" s="613"/>
      <c r="RIR660" s="613"/>
      <c r="RIS660" s="613"/>
      <c r="RIT660" s="613"/>
      <c r="RIU660" s="613"/>
      <c r="RIV660" s="613"/>
      <c r="RIW660" s="613"/>
      <c r="RIX660" s="613"/>
      <c r="RIY660" s="613"/>
      <c r="RIZ660" s="613"/>
      <c r="RJA660" s="613"/>
      <c r="RJB660" s="613"/>
      <c r="RJC660" s="613"/>
      <c r="RJD660" s="613"/>
      <c r="RJE660" s="613"/>
      <c r="RJF660" s="613"/>
      <c r="RJG660" s="613"/>
      <c r="RJH660" s="613"/>
      <c r="RJI660" s="613"/>
      <c r="RJJ660" s="613"/>
      <c r="RJK660" s="613"/>
      <c r="RJL660" s="613"/>
      <c r="RJM660" s="613"/>
      <c r="RJN660" s="613"/>
      <c r="RJO660" s="613"/>
      <c r="RJP660" s="613"/>
      <c r="RJQ660" s="613"/>
      <c r="RJR660" s="613"/>
      <c r="RJS660" s="613"/>
      <c r="RJT660" s="613"/>
      <c r="RJU660" s="613"/>
      <c r="RJV660" s="613"/>
      <c r="RJW660" s="613"/>
      <c r="RJX660" s="613"/>
      <c r="RJY660" s="613"/>
      <c r="RJZ660" s="613"/>
      <c r="RKA660" s="613"/>
      <c r="RKB660" s="613"/>
      <c r="RKC660" s="613"/>
      <c r="RKD660" s="613"/>
      <c r="RKE660" s="613"/>
      <c r="RKF660" s="613"/>
      <c r="RKG660" s="613"/>
      <c r="RKH660" s="613"/>
      <c r="RKI660" s="613"/>
      <c r="RKJ660" s="613"/>
      <c r="RKK660" s="613"/>
      <c r="RKL660" s="613"/>
      <c r="RKM660" s="613"/>
      <c r="RKN660" s="613"/>
      <c r="RKO660" s="613"/>
      <c r="RKP660" s="613"/>
      <c r="RKQ660" s="613"/>
      <c r="RKR660" s="613"/>
      <c r="RKS660" s="613"/>
      <c r="RKT660" s="613"/>
      <c r="RKU660" s="613"/>
      <c r="RKV660" s="613"/>
      <c r="RKW660" s="613"/>
      <c r="RKX660" s="613"/>
      <c r="RKY660" s="613"/>
      <c r="RKZ660" s="613"/>
      <c r="RLA660" s="613"/>
      <c r="RLB660" s="613"/>
      <c r="RLC660" s="613"/>
      <c r="RLD660" s="613"/>
      <c r="RLE660" s="613"/>
      <c r="RLF660" s="613"/>
      <c r="RLG660" s="613"/>
      <c r="RLH660" s="613"/>
      <c r="RLI660" s="613"/>
      <c r="RLJ660" s="613"/>
      <c r="RLK660" s="613"/>
      <c r="RLL660" s="613"/>
      <c r="RLM660" s="613"/>
      <c r="RLN660" s="613"/>
      <c r="RLO660" s="613"/>
      <c r="RLP660" s="613"/>
      <c r="RLQ660" s="613"/>
      <c r="RLR660" s="613"/>
      <c r="RLS660" s="613"/>
      <c r="RLT660" s="613"/>
      <c r="RLU660" s="613"/>
      <c r="RLV660" s="613"/>
      <c r="RLW660" s="613"/>
      <c r="RLX660" s="613"/>
      <c r="RLY660" s="613"/>
      <c r="RLZ660" s="613"/>
      <c r="RMA660" s="613"/>
      <c r="RMB660" s="613"/>
      <c r="RMC660" s="613"/>
      <c r="RMD660" s="613"/>
      <c r="RME660" s="613"/>
      <c r="RMF660" s="613"/>
      <c r="RMG660" s="613"/>
      <c r="RMH660" s="613"/>
      <c r="RMI660" s="613"/>
      <c r="RMJ660" s="613"/>
      <c r="RMK660" s="613"/>
      <c r="RML660" s="613"/>
      <c r="RMM660" s="613"/>
      <c r="RMN660" s="613"/>
      <c r="RMO660" s="613"/>
      <c r="RMP660" s="613"/>
      <c r="RMQ660" s="613"/>
      <c r="RMR660" s="613"/>
      <c r="RMS660" s="613"/>
      <c r="RMT660" s="613"/>
      <c r="RMU660" s="613"/>
      <c r="RMV660" s="613"/>
      <c r="RMW660" s="613"/>
      <c r="RMX660" s="613"/>
      <c r="RMY660" s="613"/>
      <c r="RMZ660" s="613"/>
      <c r="RNA660" s="613"/>
      <c r="RNB660" s="613"/>
      <c r="RNC660" s="613"/>
      <c r="RND660" s="613"/>
      <c r="RNE660" s="613"/>
      <c r="RNF660" s="613"/>
      <c r="RNG660" s="613"/>
      <c r="RNH660" s="613"/>
      <c r="RNI660" s="613"/>
      <c r="RNJ660" s="613"/>
      <c r="RNK660" s="613"/>
      <c r="RNL660" s="613"/>
      <c r="RNM660" s="613"/>
      <c r="RNN660" s="613"/>
      <c r="RNO660" s="613"/>
      <c r="RNP660" s="613"/>
      <c r="RNQ660" s="613"/>
      <c r="RNR660" s="613"/>
      <c r="RNS660" s="613"/>
      <c r="RNT660" s="613"/>
      <c r="RNU660" s="613"/>
      <c r="RNV660" s="613"/>
      <c r="RNW660" s="613"/>
      <c r="RNX660" s="613"/>
      <c r="RNY660" s="613"/>
      <c r="RNZ660" s="613"/>
      <c r="ROA660" s="613"/>
      <c r="ROB660" s="613"/>
      <c r="ROC660" s="613"/>
      <c r="ROD660" s="613"/>
      <c r="ROE660" s="613"/>
      <c r="ROF660" s="613"/>
      <c r="ROG660" s="613"/>
      <c r="ROH660" s="613"/>
      <c r="ROI660" s="613"/>
      <c r="ROJ660" s="613"/>
      <c r="ROK660" s="613"/>
      <c r="ROL660" s="613"/>
      <c r="ROM660" s="613"/>
      <c r="RON660" s="613"/>
      <c r="ROO660" s="613"/>
      <c r="ROP660" s="613"/>
      <c r="ROQ660" s="613"/>
      <c r="ROR660" s="613"/>
      <c r="ROS660" s="613"/>
      <c r="ROT660" s="613"/>
      <c r="ROU660" s="613"/>
      <c r="ROV660" s="613"/>
      <c r="ROW660" s="613"/>
      <c r="ROX660" s="613"/>
      <c r="ROY660" s="613"/>
      <c r="ROZ660" s="613"/>
      <c r="RPA660" s="613"/>
      <c r="RPB660" s="613"/>
      <c r="RPC660" s="613"/>
      <c r="RPD660" s="613"/>
      <c r="RPE660" s="613"/>
      <c r="RPF660" s="613"/>
      <c r="RPG660" s="613"/>
      <c r="RPH660" s="613"/>
      <c r="RPI660" s="613"/>
      <c r="RPJ660" s="613"/>
      <c r="RPK660" s="613"/>
      <c r="RPL660" s="613"/>
      <c r="RPM660" s="613"/>
      <c r="RPN660" s="613"/>
      <c r="RPO660" s="613"/>
      <c r="RPP660" s="613"/>
      <c r="RPQ660" s="613"/>
      <c r="RPR660" s="613"/>
      <c r="RPS660" s="613"/>
      <c r="RPT660" s="613"/>
      <c r="RPU660" s="613"/>
      <c r="RPV660" s="613"/>
      <c r="RPW660" s="613"/>
      <c r="RPX660" s="613"/>
      <c r="RPY660" s="613"/>
      <c r="RPZ660" s="613"/>
      <c r="RQA660" s="613"/>
      <c r="RQB660" s="613"/>
      <c r="RQC660" s="613"/>
      <c r="RQD660" s="613"/>
      <c r="RQE660" s="613"/>
      <c r="RQF660" s="613"/>
      <c r="RQG660" s="613"/>
      <c r="RQH660" s="613"/>
      <c r="RQI660" s="613"/>
      <c r="RQJ660" s="613"/>
      <c r="RQK660" s="613"/>
      <c r="RQL660" s="613"/>
      <c r="RQM660" s="613"/>
      <c r="RQN660" s="613"/>
      <c r="RQO660" s="613"/>
      <c r="RQP660" s="613"/>
      <c r="RQQ660" s="613"/>
      <c r="RQR660" s="613"/>
      <c r="RQS660" s="613"/>
      <c r="RQT660" s="613"/>
      <c r="RQU660" s="613"/>
      <c r="RQV660" s="613"/>
      <c r="RQW660" s="613"/>
      <c r="RQX660" s="613"/>
      <c r="RQY660" s="613"/>
      <c r="RQZ660" s="613"/>
      <c r="RRA660" s="613"/>
      <c r="RRB660" s="613"/>
      <c r="RRC660" s="613"/>
      <c r="RRD660" s="613"/>
      <c r="RRE660" s="613"/>
      <c r="RRF660" s="613"/>
      <c r="RRG660" s="613"/>
      <c r="RRH660" s="613"/>
      <c r="RRI660" s="613"/>
      <c r="RRJ660" s="613"/>
      <c r="RRK660" s="613"/>
      <c r="RRL660" s="613"/>
      <c r="RRM660" s="613"/>
      <c r="RRN660" s="613"/>
      <c r="RRO660" s="613"/>
      <c r="RRP660" s="613"/>
      <c r="RRQ660" s="613"/>
      <c r="RRR660" s="613"/>
      <c r="RRS660" s="613"/>
      <c r="RRT660" s="613"/>
      <c r="RRU660" s="613"/>
      <c r="RRV660" s="613"/>
      <c r="RRW660" s="613"/>
      <c r="RRX660" s="613"/>
      <c r="RRY660" s="613"/>
      <c r="RRZ660" s="613"/>
      <c r="RSA660" s="613"/>
      <c r="RSB660" s="613"/>
      <c r="RSC660" s="613"/>
      <c r="RSD660" s="613"/>
      <c r="RSE660" s="613"/>
      <c r="RSF660" s="613"/>
      <c r="RSG660" s="613"/>
      <c r="RSH660" s="613"/>
      <c r="RSI660" s="613"/>
      <c r="RSJ660" s="613"/>
      <c r="RSK660" s="613"/>
      <c r="RSL660" s="613"/>
      <c r="RSM660" s="613"/>
      <c r="RSN660" s="613"/>
      <c r="RSO660" s="613"/>
      <c r="RSP660" s="613"/>
      <c r="RSQ660" s="613"/>
      <c r="RSR660" s="613"/>
      <c r="RSS660" s="613"/>
      <c r="RST660" s="613"/>
      <c r="RSU660" s="613"/>
      <c r="RSV660" s="613"/>
      <c r="RSW660" s="613"/>
      <c r="RSX660" s="613"/>
      <c r="RSY660" s="613"/>
      <c r="RSZ660" s="613"/>
      <c r="RTA660" s="613"/>
      <c r="RTB660" s="613"/>
      <c r="RTC660" s="613"/>
      <c r="RTD660" s="613"/>
      <c r="RTE660" s="613"/>
      <c r="RTF660" s="613"/>
      <c r="RTG660" s="613"/>
      <c r="RTH660" s="613"/>
      <c r="RTI660" s="613"/>
      <c r="RTJ660" s="613"/>
      <c r="RTK660" s="613"/>
      <c r="RTL660" s="613"/>
      <c r="RTM660" s="613"/>
      <c r="RTN660" s="613"/>
      <c r="RTO660" s="613"/>
      <c r="RTP660" s="613"/>
      <c r="RTQ660" s="613"/>
      <c r="RTR660" s="613"/>
      <c r="RTS660" s="613"/>
      <c r="RTT660" s="613"/>
      <c r="RTU660" s="613"/>
      <c r="RTV660" s="613"/>
      <c r="RTW660" s="613"/>
      <c r="RTX660" s="613"/>
      <c r="RTY660" s="613"/>
      <c r="RTZ660" s="613"/>
      <c r="RUA660" s="613"/>
      <c r="RUB660" s="613"/>
      <c r="RUC660" s="613"/>
      <c r="RUD660" s="613"/>
      <c r="RUE660" s="613"/>
      <c r="RUF660" s="613"/>
      <c r="RUG660" s="613"/>
      <c r="RUH660" s="613"/>
      <c r="RUI660" s="613"/>
      <c r="RUJ660" s="613"/>
      <c r="RUK660" s="613"/>
      <c r="RUL660" s="613"/>
      <c r="RUM660" s="613"/>
      <c r="RUN660" s="613"/>
      <c r="RUO660" s="613"/>
      <c r="RUP660" s="613"/>
      <c r="RUQ660" s="613"/>
      <c r="RUR660" s="613"/>
      <c r="RUS660" s="613"/>
      <c r="RUT660" s="613"/>
      <c r="RUU660" s="613"/>
      <c r="RUV660" s="613"/>
      <c r="RUW660" s="613"/>
      <c r="RUX660" s="613"/>
      <c r="RUY660" s="613"/>
      <c r="RUZ660" s="613"/>
      <c r="RVA660" s="613"/>
      <c r="RVB660" s="613"/>
      <c r="RVC660" s="613"/>
      <c r="RVD660" s="613"/>
      <c r="RVE660" s="613"/>
      <c r="RVF660" s="613"/>
      <c r="RVG660" s="613"/>
      <c r="RVH660" s="613"/>
      <c r="RVI660" s="613"/>
      <c r="RVJ660" s="613"/>
      <c r="RVK660" s="613"/>
      <c r="RVL660" s="613"/>
      <c r="RVM660" s="613"/>
      <c r="RVN660" s="613"/>
      <c r="RVO660" s="613"/>
      <c r="RVP660" s="613"/>
      <c r="RVQ660" s="613"/>
      <c r="RVR660" s="613"/>
      <c r="RVS660" s="613"/>
      <c r="RVT660" s="613"/>
      <c r="RVU660" s="613"/>
      <c r="RVV660" s="613"/>
      <c r="RVW660" s="613"/>
      <c r="RVX660" s="613"/>
      <c r="RVY660" s="613"/>
      <c r="RVZ660" s="613"/>
      <c r="RWA660" s="613"/>
      <c r="RWB660" s="613"/>
      <c r="RWC660" s="613"/>
      <c r="RWD660" s="613"/>
      <c r="RWE660" s="613"/>
      <c r="RWF660" s="613"/>
      <c r="RWG660" s="613"/>
      <c r="RWH660" s="613"/>
      <c r="RWI660" s="613"/>
      <c r="RWJ660" s="613"/>
      <c r="RWK660" s="613"/>
      <c r="RWL660" s="613"/>
      <c r="RWM660" s="613"/>
      <c r="RWN660" s="613"/>
      <c r="RWO660" s="613"/>
      <c r="RWP660" s="613"/>
      <c r="RWQ660" s="613"/>
      <c r="RWR660" s="613"/>
      <c r="RWS660" s="613"/>
      <c r="RWT660" s="613"/>
      <c r="RWU660" s="613"/>
      <c r="RWV660" s="613"/>
      <c r="RWW660" s="613"/>
      <c r="RWX660" s="613"/>
      <c r="RWY660" s="613"/>
      <c r="RWZ660" s="613"/>
      <c r="RXA660" s="613"/>
      <c r="RXB660" s="613"/>
      <c r="RXC660" s="613"/>
      <c r="RXD660" s="613"/>
      <c r="RXE660" s="613"/>
      <c r="RXF660" s="613"/>
      <c r="RXG660" s="613"/>
      <c r="RXH660" s="613"/>
      <c r="RXI660" s="613"/>
      <c r="RXJ660" s="613"/>
      <c r="RXK660" s="613"/>
      <c r="RXL660" s="613"/>
      <c r="RXM660" s="613"/>
      <c r="RXN660" s="613"/>
      <c r="RXO660" s="613"/>
      <c r="RXP660" s="613"/>
      <c r="RXQ660" s="613"/>
      <c r="RXR660" s="613"/>
      <c r="RXS660" s="613"/>
      <c r="RXT660" s="613"/>
      <c r="RXU660" s="613"/>
      <c r="RXV660" s="613"/>
      <c r="RXW660" s="613"/>
      <c r="RXX660" s="613"/>
      <c r="RXY660" s="613"/>
      <c r="RXZ660" s="613"/>
      <c r="RYA660" s="613"/>
      <c r="RYB660" s="613"/>
      <c r="RYC660" s="613"/>
      <c r="RYD660" s="613"/>
      <c r="RYE660" s="613"/>
      <c r="RYF660" s="613"/>
      <c r="RYG660" s="613"/>
      <c r="RYH660" s="613"/>
      <c r="RYI660" s="613"/>
      <c r="RYJ660" s="613"/>
      <c r="RYK660" s="613"/>
      <c r="RYL660" s="613"/>
      <c r="RYM660" s="613"/>
      <c r="RYN660" s="613"/>
      <c r="RYO660" s="613"/>
      <c r="RYP660" s="613"/>
      <c r="RYQ660" s="613"/>
      <c r="RYR660" s="613"/>
      <c r="RYS660" s="613"/>
      <c r="RYT660" s="613"/>
      <c r="RYU660" s="613"/>
      <c r="RYV660" s="613"/>
      <c r="RYW660" s="613"/>
      <c r="RYX660" s="613"/>
      <c r="RYY660" s="613"/>
      <c r="RYZ660" s="613"/>
      <c r="RZA660" s="613"/>
      <c r="RZB660" s="613"/>
      <c r="RZC660" s="613"/>
      <c r="RZD660" s="613"/>
      <c r="RZE660" s="613"/>
      <c r="RZF660" s="613"/>
      <c r="RZG660" s="613"/>
      <c r="RZH660" s="613"/>
      <c r="RZI660" s="613"/>
      <c r="RZJ660" s="613"/>
      <c r="RZK660" s="613"/>
      <c r="RZL660" s="613"/>
      <c r="RZM660" s="613"/>
      <c r="RZN660" s="613"/>
      <c r="RZO660" s="613"/>
      <c r="RZP660" s="613"/>
      <c r="RZQ660" s="613"/>
      <c r="RZR660" s="613"/>
      <c r="RZS660" s="613"/>
      <c r="RZT660" s="613"/>
      <c r="RZU660" s="613"/>
      <c r="RZV660" s="613"/>
      <c r="RZW660" s="613"/>
      <c r="RZX660" s="613"/>
      <c r="RZY660" s="613"/>
      <c r="RZZ660" s="613"/>
      <c r="SAA660" s="613"/>
      <c r="SAB660" s="613"/>
      <c r="SAC660" s="613"/>
      <c r="SAD660" s="613"/>
      <c r="SAE660" s="613"/>
      <c r="SAF660" s="613"/>
      <c r="SAG660" s="613"/>
      <c r="SAH660" s="613"/>
      <c r="SAI660" s="613"/>
      <c r="SAJ660" s="613"/>
      <c r="SAK660" s="613"/>
      <c r="SAL660" s="613"/>
      <c r="SAM660" s="613"/>
      <c r="SAN660" s="613"/>
      <c r="SAO660" s="613"/>
      <c r="SAP660" s="613"/>
      <c r="SAQ660" s="613"/>
      <c r="SAR660" s="613"/>
      <c r="SAS660" s="613"/>
      <c r="SAT660" s="613"/>
      <c r="SAU660" s="613"/>
      <c r="SAV660" s="613"/>
      <c r="SAW660" s="613"/>
      <c r="SAX660" s="613"/>
      <c r="SAY660" s="613"/>
      <c r="SAZ660" s="613"/>
      <c r="SBA660" s="613"/>
      <c r="SBB660" s="613"/>
      <c r="SBC660" s="613"/>
      <c r="SBD660" s="613"/>
      <c r="SBE660" s="613"/>
      <c r="SBF660" s="613"/>
      <c r="SBG660" s="613"/>
      <c r="SBH660" s="613"/>
      <c r="SBI660" s="613"/>
      <c r="SBJ660" s="613"/>
      <c r="SBK660" s="613"/>
      <c r="SBL660" s="613"/>
      <c r="SBM660" s="613"/>
      <c r="SBN660" s="613"/>
      <c r="SBO660" s="613"/>
      <c r="SBP660" s="613"/>
      <c r="SBQ660" s="613"/>
      <c r="SBR660" s="613"/>
      <c r="SBS660" s="613"/>
      <c r="SBT660" s="613"/>
      <c r="SBU660" s="613"/>
      <c r="SBV660" s="613"/>
      <c r="SBW660" s="613"/>
      <c r="SBX660" s="613"/>
      <c r="SBY660" s="613"/>
      <c r="SBZ660" s="613"/>
      <c r="SCA660" s="613"/>
      <c r="SCB660" s="613"/>
      <c r="SCC660" s="613"/>
      <c r="SCD660" s="613"/>
      <c r="SCE660" s="613"/>
      <c r="SCF660" s="613"/>
      <c r="SCG660" s="613"/>
      <c r="SCH660" s="613"/>
      <c r="SCI660" s="613"/>
      <c r="SCJ660" s="613"/>
      <c r="SCK660" s="613"/>
      <c r="SCL660" s="613"/>
      <c r="SCM660" s="613"/>
      <c r="SCN660" s="613"/>
      <c r="SCO660" s="613"/>
      <c r="SCP660" s="613"/>
      <c r="SCQ660" s="613"/>
      <c r="SCR660" s="613"/>
      <c r="SCS660" s="613"/>
      <c r="SCT660" s="613"/>
      <c r="SCU660" s="613"/>
      <c r="SCV660" s="613"/>
      <c r="SCW660" s="613"/>
      <c r="SCX660" s="613"/>
      <c r="SCY660" s="613"/>
      <c r="SCZ660" s="613"/>
      <c r="SDA660" s="613"/>
      <c r="SDB660" s="613"/>
      <c r="SDC660" s="613"/>
      <c r="SDD660" s="613"/>
      <c r="SDE660" s="613"/>
      <c r="SDF660" s="613"/>
      <c r="SDG660" s="613"/>
      <c r="SDH660" s="613"/>
      <c r="SDI660" s="613"/>
      <c r="SDJ660" s="613"/>
      <c r="SDK660" s="613"/>
      <c r="SDL660" s="613"/>
      <c r="SDM660" s="613"/>
      <c r="SDN660" s="613"/>
      <c r="SDO660" s="613"/>
      <c r="SDP660" s="613"/>
      <c r="SDQ660" s="613"/>
      <c r="SDR660" s="613"/>
      <c r="SDS660" s="613"/>
      <c r="SDT660" s="613"/>
      <c r="SDU660" s="613"/>
      <c r="SDV660" s="613"/>
      <c r="SDW660" s="613"/>
      <c r="SDX660" s="613"/>
      <c r="SDY660" s="613"/>
      <c r="SDZ660" s="613"/>
      <c r="SEA660" s="613"/>
      <c r="SEB660" s="613"/>
      <c r="SEC660" s="613"/>
      <c r="SED660" s="613"/>
      <c r="SEE660" s="613"/>
      <c r="SEF660" s="613"/>
      <c r="SEG660" s="613"/>
      <c r="SEH660" s="613"/>
      <c r="SEI660" s="613"/>
      <c r="SEJ660" s="613"/>
      <c r="SEK660" s="613"/>
      <c r="SEL660" s="613"/>
      <c r="SEM660" s="613"/>
      <c r="SEN660" s="613"/>
      <c r="SEO660" s="613"/>
      <c r="SEP660" s="613"/>
      <c r="SEQ660" s="613"/>
      <c r="SER660" s="613"/>
      <c r="SES660" s="613"/>
      <c r="SET660" s="613"/>
      <c r="SEU660" s="613"/>
      <c r="SEV660" s="613"/>
      <c r="SEW660" s="613"/>
      <c r="SEX660" s="613"/>
      <c r="SEY660" s="613"/>
      <c r="SEZ660" s="613"/>
      <c r="SFA660" s="613"/>
      <c r="SFB660" s="613"/>
      <c r="SFC660" s="613"/>
      <c r="SFD660" s="613"/>
      <c r="SFE660" s="613"/>
      <c r="SFF660" s="613"/>
      <c r="SFG660" s="613"/>
      <c r="SFH660" s="613"/>
      <c r="SFI660" s="613"/>
      <c r="SFJ660" s="613"/>
      <c r="SFK660" s="613"/>
      <c r="SFL660" s="613"/>
      <c r="SFM660" s="613"/>
      <c r="SFN660" s="613"/>
      <c r="SFO660" s="613"/>
      <c r="SFP660" s="613"/>
      <c r="SFQ660" s="613"/>
      <c r="SFR660" s="613"/>
      <c r="SFS660" s="613"/>
      <c r="SFT660" s="613"/>
      <c r="SFU660" s="613"/>
      <c r="SFV660" s="613"/>
      <c r="SFW660" s="613"/>
      <c r="SFX660" s="613"/>
      <c r="SFY660" s="613"/>
      <c r="SFZ660" s="613"/>
      <c r="SGA660" s="613"/>
      <c r="SGB660" s="613"/>
      <c r="SGC660" s="613"/>
      <c r="SGD660" s="613"/>
      <c r="SGE660" s="613"/>
      <c r="SGF660" s="613"/>
      <c r="SGG660" s="613"/>
      <c r="SGH660" s="613"/>
      <c r="SGI660" s="613"/>
      <c r="SGJ660" s="613"/>
      <c r="SGK660" s="613"/>
      <c r="SGL660" s="613"/>
      <c r="SGM660" s="613"/>
      <c r="SGN660" s="613"/>
      <c r="SGO660" s="613"/>
      <c r="SGP660" s="613"/>
      <c r="SGQ660" s="613"/>
      <c r="SGR660" s="613"/>
      <c r="SGS660" s="613"/>
      <c r="SGT660" s="613"/>
      <c r="SGU660" s="613"/>
      <c r="SGV660" s="613"/>
      <c r="SGW660" s="613"/>
      <c r="SGX660" s="613"/>
      <c r="SGY660" s="613"/>
      <c r="SGZ660" s="613"/>
      <c r="SHA660" s="613"/>
      <c r="SHB660" s="613"/>
      <c r="SHC660" s="613"/>
      <c r="SHD660" s="613"/>
      <c r="SHE660" s="613"/>
      <c r="SHF660" s="613"/>
      <c r="SHG660" s="613"/>
      <c r="SHH660" s="613"/>
      <c r="SHI660" s="613"/>
      <c r="SHJ660" s="613"/>
      <c r="SHK660" s="613"/>
      <c r="SHL660" s="613"/>
      <c r="SHM660" s="613"/>
      <c r="SHN660" s="613"/>
      <c r="SHO660" s="613"/>
      <c r="SHP660" s="613"/>
      <c r="SHQ660" s="613"/>
      <c r="SHR660" s="613"/>
      <c r="SHS660" s="613"/>
      <c r="SHT660" s="613"/>
      <c r="SHU660" s="613"/>
      <c r="SHV660" s="613"/>
      <c r="SHW660" s="613"/>
      <c r="SHX660" s="613"/>
      <c r="SHY660" s="613"/>
      <c r="SHZ660" s="613"/>
      <c r="SIA660" s="613"/>
      <c r="SIB660" s="613"/>
      <c r="SIC660" s="613"/>
      <c r="SID660" s="613"/>
      <c r="SIE660" s="613"/>
      <c r="SIF660" s="613"/>
      <c r="SIG660" s="613"/>
      <c r="SIH660" s="613"/>
      <c r="SII660" s="613"/>
      <c r="SIJ660" s="613"/>
      <c r="SIK660" s="613"/>
      <c r="SIL660" s="613"/>
      <c r="SIM660" s="613"/>
      <c r="SIN660" s="613"/>
      <c r="SIO660" s="613"/>
      <c r="SIP660" s="613"/>
      <c r="SIQ660" s="613"/>
      <c r="SIR660" s="613"/>
      <c r="SIS660" s="613"/>
      <c r="SIT660" s="613"/>
      <c r="SIU660" s="613"/>
      <c r="SIV660" s="613"/>
      <c r="SIW660" s="613"/>
      <c r="SIX660" s="613"/>
      <c r="SIY660" s="613"/>
      <c r="SIZ660" s="613"/>
      <c r="SJA660" s="613"/>
      <c r="SJB660" s="613"/>
      <c r="SJC660" s="613"/>
      <c r="SJD660" s="613"/>
      <c r="SJE660" s="613"/>
      <c r="SJF660" s="613"/>
      <c r="SJG660" s="613"/>
      <c r="SJH660" s="613"/>
      <c r="SJI660" s="613"/>
      <c r="SJJ660" s="613"/>
      <c r="SJK660" s="613"/>
      <c r="SJL660" s="613"/>
      <c r="SJM660" s="613"/>
      <c r="SJN660" s="613"/>
      <c r="SJO660" s="613"/>
      <c r="SJP660" s="613"/>
      <c r="SJQ660" s="613"/>
      <c r="SJR660" s="613"/>
      <c r="SJS660" s="613"/>
      <c r="SJT660" s="613"/>
      <c r="SJU660" s="613"/>
      <c r="SJV660" s="613"/>
      <c r="SJW660" s="613"/>
      <c r="SJX660" s="613"/>
      <c r="SJY660" s="613"/>
      <c r="SJZ660" s="613"/>
      <c r="SKA660" s="613"/>
      <c r="SKB660" s="613"/>
      <c r="SKC660" s="613"/>
      <c r="SKD660" s="613"/>
      <c r="SKE660" s="613"/>
      <c r="SKF660" s="613"/>
      <c r="SKG660" s="613"/>
      <c r="SKH660" s="613"/>
      <c r="SKI660" s="613"/>
      <c r="SKJ660" s="613"/>
      <c r="SKK660" s="613"/>
      <c r="SKL660" s="613"/>
      <c r="SKM660" s="613"/>
      <c r="SKN660" s="613"/>
      <c r="SKO660" s="613"/>
      <c r="SKP660" s="613"/>
      <c r="SKQ660" s="613"/>
      <c r="SKR660" s="613"/>
      <c r="SKS660" s="613"/>
      <c r="SKT660" s="613"/>
      <c r="SKU660" s="613"/>
      <c r="SKV660" s="613"/>
      <c r="SKW660" s="613"/>
      <c r="SKX660" s="613"/>
      <c r="SKY660" s="613"/>
      <c r="SKZ660" s="613"/>
      <c r="SLA660" s="613"/>
      <c r="SLB660" s="613"/>
      <c r="SLC660" s="613"/>
      <c r="SLD660" s="613"/>
      <c r="SLE660" s="613"/>
      <c r="SLF660" s="613"/>
      <c r="SLG660" s="613"/>
      <c r="SLH660" s="613"/>
      <c r="SLI660" s="613"/>
      <c r="SLJ660" s="613"/>
      <c r="SLK660" s="613"/>
      <c r="SLL660" s="613"/>
      <c r="SLM660" s="613"/>
      <c r="SLN660" s="613"/>
      <c r="SLO660" s="613"/>
      <c r="SLP660" s="613"/>
      <c r="SLQ660" s="613"/>
      <c r="SLR660" s="613"/>
      <c r="SLS660" s="613"/>
      <c r="SLT660" s="613"/>
      <c r="SLU660" s="613"/>
      <c r="SLV660" s="613"/>
      <c r="SLW660" s="613"/>
      <c r="SLX660" s="613"/>
      <c r="SLY660" s="613"/>
      <c r="SLZ660" s="613"/>
      <c r="SMA660" s="613"/>
      <c r="SMB660" s="613"/>
      <c r="SMC660" s="613"/>
      <c r="SMD660" s="613"/>
      <c r="SME660" s="613"/>
      <c r="SMF660" s="613"/>
      <c r="SMG660" s="613"/>
      <c r="SMH660" s="613"/>
      <c r="SMI660" s="613"/>
      <c r="SMJ660" s="613"/>
      <c r="SMK660" s="613"/>
      <c r="SML660" s="613"/>
      <c r="SMM660" s="613"/>
      <c r="SMN660" s="613"/>
      <c r="SMO660" s="613"/>
      <c r="SMP660" s="613"/>
      <c r="SMQ660" s="613"/>
      <c r="SMR660" s="613"/>
      <c r="SMS660" s="613"/>
      <c r="SMT660" s="613"/>
      <c r="SMU660" s="613"/>
      <c r="SMV660" s="613"/>
      <c r="SMW660" s="613"/>
      <c r="SMX660" s="613"/>
      <c r="SMY660" s="613"/>
      <c r="SMZ660" s="613"/>
      <c r="SNA660" s="613"/>
      <c r="SNB660" s="613"/>
      <c r="SNC660" s="613"/>
      <c r="SND660" s="613"/>
      <c r="SNE660" s="613"/>
      <c r="SNF660" s="613"/>
      <c r="SNG660" s="613"/>
      <c r="SNH660" s="613"/>
      <c r="SNI660" s="613"/>
      <c r="SNJ660" s="613"/>
      <c r="SNK660" s="613"/>
      <c r="SNL660" s="613"/>
      <c r="SNM660" s="613"/>
      <c r="SNN660" s="613"/>
      <c r="SNO660" s="613"/>
      <c r="SNP660" s="613"/>
      <c r="SNQ660" s="613"/>
      <c r="SNR660" s="613"/>
      <c r="SNS660" s="613"/>
      <c r="SNT660" s="613"/>
      <c r="SNU660" s="613"/>
      <c r="SNV660" s="613"/>
      <c r="SNW660" s="613"/>
      <c r="SNX660" s="613"/>
      <c r="SNY660" s="613"/>
      <c r="SNZ660" s="613"/>
      <c r="SOA660" s="613"/>
      <c r="SOB660" s="613"/>
      <c r="SOC660" s="613"/>
      <c r="SOD660" s="613"/>
      <c r="SOE660" s="613"/>
      <c r="SOF660" s="613"/>
      <c r="SOG660" s="613"/>
      <c r="SOH660" s="613"/>
      <c r="SOI660" s="613"/>
      <c r="SOJ660" s="613"/>
      <c r="SOK660" s="613"/>
      <c r="SOL660" s="613"/>
      <c r="SOM660" s="613"/>
      <c r="SON660" s="613"/>
      <c r="SOO660" s="613"/>
      <c r="SOP660" s="613"/>
      <c r="SOQ660" s="613"/>
      <c r="SOR660" s="613"/>
      <c r="SOS660" s="613"/>
      <c r="SOT660" s="613"/>
      <c r="SOU660" s="613"/>
      <c r="SOV660" s="613"/>
      <c r="SOW660" s="613"/>
      <c r="SOX660" s="613"/>
      <c r="SOY660" s="613"/>
      <c r="SOZ660" s="613"/>
      <c r="SPA660" s="613"/>
      <c r="SPB660" s="613"/>
      <c r="SPC660" s="613"/>
      <c r="SPD660" s="613"/>
      <c r="SPE660" s="613"/>
      <c r="SPF660" s="613"/>
      <c r="SPG660" s="613"/>
      <c r="SPH660" s="613"/>
      <c r="SPI660" s="613"/>
      <c r="SPJ660" s="613"/>
      <c r="SPK660" s="613"/>
      <c r="SPL660" s="613"/>
      <c r="SPM660" s="613"/>
      <c r="SPN660" s="613"/>
      <c r="SPO660" s="613"/>
      <c r="SPP660" s="613"/>
      <c r="SPQ660" s="613"/>
      <c r="SPR660" s="613"/>
      <c r="SPS660" s="613"/>
      <c r="SPT660" s="613"/>
      <c r="SPU660" s="613"/>
      <c r="SPV660" s="613"/>
      <c r="SPW660" s="613"/>
      <c r="SPX660" s="613"/>
      <c r="SPY660" s="613"/>
      <c r="SPZ660" s="613"/>
      <c r="SQA660" s="613"/>
      <c r="SQB660" s="613"/>
      <c r="SQC660" s="613"/>
      <c r="SQD660" s="613"/>
      <c r="SQE660" s="613"/>
      <c r="SQF660" s="613"/>
      <c r="SQG660" s="613"/>
      <c r="SQH660" s="613"/>
      <c r="SQI660" s="613"/>
      <c r="SQJ660" s="613"/>
      <c r="SQK660" s="613"/>
      <c r="SQL660" s="613"/>
      <c r="SQM660" s="613"/>
      <c r="SQN660" s="613"/>
      <c r="SQO660" s="613"/>
      <c r="SQP660" s="613"/>
      <c r="SQQ660" s="613"/>
      <c r="SQR660" s="613"/>
      <c r="SQS660" s="613"/>
      <c r="SQT660" s="613"/>
      <c r="SQU660" s="613"/>
      <c r="SQV660" s="613"/>
      <c r="SQW660" s="613"/>
      <c r="SQX660" s="613"/>
      <c r="SQY660" s="613"/>
      <c r="SQZ660" s="613"/>
      <c r="SRA660" s="613"/>
      <c r="SRB660" s="613"/>
      <c r="SRC660" s="613"/>
      <c r="SRD660" s="613"/>
      <c r="SRE660" s="613"/>
      <c r="SRF660" s="613"/>
      <c r="SRG660" s="613"/>
      <c r="SRH660" s="613"/>
      <c r="SRI660" s="613"/>
      <c r="SRJ660" s="613"/>
      <c r="SRK660" s="613"/>
      <c r="SRL660" s="613"/>
      <c r="SRM660" s="613"/>
      <c r="SRN660" s="613"/>
      <c r="SRO660" s="613"/>
      <c r="SRP660" s="613"/>
      <c r="SRQ660" s="613"/>
      <c r="SRR660" s="613"/>
      <c r="SRS660" s="613"/>
      <c r="SRT660" s="613"/>
      <c r="SRU660" s="613"/>
      <c r="SRV660" s="613"/>
      <c r="SRW660" s="613"/>
      <c r="SRX660" s="613"/>
      <c r="SRY660" s="613"/>
      <c r="SRZ660" s="613"/>
      <c r="SSA660" s="613"/>
      <c r="SSB660" s="613"/>
      <c r="SSC660" s="613"/>
      <c r="SSD660" s="613"/>
      <c r="SSE660" s="613"/>
      <c r="SSF660" s="613"/>
      <c r="SSG660" s="613"/>
      <c r="SSH660" s="613"/>
      <c r="SSI660" s="613"/>
      <c r="SSJ660" s="613"/>
      <c r="SSK660" s="613"/>
      <c r="SSL660" s="613"/>
      <c r="SSM660" s="613"/>
      <c r="SSN660" s="613"/>
      <c r="SSO660" s="613"/>
      <c r="SSP660" s="613"/>
      <c r="SSQ660" s="613"/>
      <c r="SSR660" s="613"/>
      <c r="SSS660" s="613"/>
      <c r="SST660" s="613"/>
      <c r="SSU660" s="613"/>
      <c r="SSV660" s="613"/>
      <c r="SSW660" s="613"/>
      <c r="SSX660" s="613"/>
      <c r="SSY660" s="613"/>
      <c r="SSZ660" s="613"/>
      <c r="STA660" s="613"/>
      <c r="STB660" s="613"/>
      <c r="STC660" s="613"/>
      <c r="STD660" s="613"/>
      <c r="STE660" s="613"/>
      <c r="STF660" s="613"/>
      <c r="STG660" s="613"/>
      <c r="STH660" s="613"/>
      <c r="STI660" s="613"/>
      <c r="STJ660" s="613"/>
      <c r="STK660" s="613"/>
      <c r="STL660" s="613"/>
      <c r="STM660" s="613"/>
      <c r="STN660" s="613"/>
      <c r="STO660" s="613"/>
      <c r="STP660" s="613"/>
      <c r="STQ660" s="613"/>
      <c r="STR660" s="613"/>
      <c r="STS660" s="613"/>
      <c r="STT660" s="613"/>
      <c r="STU660" s="613"/>
      <c r="STV660" s="613"/>
      <c r="STW660" s="613"/>
      <c r="STX660" s="613"/>
      <c r="STY660" s="613"/>
      <c r="STZ660" s="613"/>
      <c r="SUA660" s="613"/>
      <c r="SUB660" s="613"/>
      <c r="SUC660" s="613"/>
      <c r="SUD660" s="613"/>
      <c r="SUE660" s="613"/>
      <c r="SUF660" s="613"/>
      <c r="SUG660" s="613"/>
      <c r="SUH660" s="613"/>
      <c r="SUI660" s="613"/>
      <c r="SUJ660" s="613"/>
      <c r="SUK660" s="613"/>
      <c r="SUL660" s="613"/>
      <c r="SUM660" s="613"/>
      <c r="SUN660" s="613"/>
      <c r="SUO660" s="613"/>
      <c r="SUP660" s="613"/>
      <c r="SUQ660" s="613"/>
      <c r="SUR660" s="613"/>
      <c r="SUS660" s="613"/>
      <c r="SUT660" s="613"/>
      <c r="SUU660" s="613"/>
      <c r="SUV660" s="613"/>
      <c r="SUW660" s="613"/>
      <c r="SUX660" s="613"/>
      <c r="SUY660" s="613"/>
      <c r="SUZ660" s="613"/>
      <c r="SVA660" s="613"/>
      <c r="SVB660" s="613"/>
      <c r="SVC660" s="613"/>
      <c r="SVD660" s="613"/>
      <c r="SVE660" s="613"/>
      <c r="SVF660" s="613"/>
      <c r="SVG660" s="613"/>
      <c r="SVH660" s="613"/>
      <c r="SVI660" s="613"/>
      <c r="SVJ660" s="613"/>
      <c r="SVK660" s="613"/>
      <c r="SVL660" s="613"/>
      <c r="SVM660" s="613"/>
      <c r="SVN660" s="613"/>
      <c r="SVO660" s="613"/>
      <c r="SVP660" s="613"/>
      <c r="SVQ660" s="613"/>
      <c r="SVR660" s="613"/>
      <c r="SVS660" s="613"/>
      <c r="SVT660" s="613"/>
      <c r="SVU660" s="613"/>
      <c r="SVV660" s="613"/>
      <c r="SVW660" s="613"/>
      <c r="SVX660" s="613"/>
      <c r="SVY660" s="613"/>
      <c r="SVZ660" s="613"/>
      <c r="SWA660" s="613"/>
      <c r="SWB660" s="613"/>
      <c r="SWC660" s="613"/>
      <c r="SWD660" s="613"/>
      <c r="SWE660" s="613"/>
      <c r="SWF660" s="613"/>
      <c r="SWG660" s="613"/>
      <c r="SWH660" s="613"/>
      <c r="SWI660" s="613"/>
      <c r="SWJ660" s="613"/>
      <c r="SWK660" s="613"/>
      <c r="SWL660" s="613"/>
      <c r="SWM660" s="613"/>
      <c r="SWN660" s="613"/>
      <c r="SWO660" s="613"/>
      <c r="SWP660" s="613"/>
      <c r="SWQ660" s="613"/>
      <c r="SWR660" s="613"/>
      <c r="SWS660" s="613"/>
      <c r="SWT660" s="613"/>
      <c r="SWU660" s="613"/>
      <c r="SWV660" s="613"/>
      <c r="SWW660" s="613"/>
      <c r="SWX660" s="613"/>
      <c r="SWY660" s="613"/>
      <c r="SWZ660" s="613"/>
      <c r="SXA660" s="613"/>
      <c r="SXB660" s="613"/>
      <c r="SXC660" s="613"/>
      <c r="SXD660" s="613"/>
      <c r="SXE660" s="613"/>
      <c r="SXF660" s="613"/>
      <c r="SXG660" s="613"/>
      <c r="SXH660" s="613"/>
      <c r="SXI660" s="613"/>
      <c r="SXJ660" s="613"/>
      <c r="SXK660" s="613"/>
      <c r="SXL660" s="613"/>
      <c r="SXM660" s="613"/>
      <c r="SXN660" s="613"/>
      <c r="SXO660" s="613"/>
      <c r="SXP660" s="613"/>
      <c r="SXQ660" s="613"/>
      <c r="SXR660" s="613"/>
      <c r="SXS660" s="613"/>
      <c r="SXT660" s="613"/>
      <c r="SXU660" s="613"/>
      <c r="SXV660" s="613"/>
      <c r="SXW660" s="613"/>
      <c r="SXX660" s="613"/>
      <c r="SXY660" s="613"/>
      <c r="SXZ660" s="613"/>
      <c r="SYA660" s="613"/>
      <c r="SYB660" s="613"/>
      <c r="SYC660" s="613"/>
      <c r="SYD660" s="613"/>
      <c r="SYE660" s="613"/>
      <c r="SYF660" s="613"/>
      <c r="SYG660" s="613"/>
      <c r="SYH660" s="613"/>
      <c r="SYI660" s="613"/>
      <c r="SYJ660" s="613"/>
      <c r="SYK660" s="613"/>
      <c r="SYL660" s="613"/>
      <c r="SYM660" s="613"/>
      <c r="SYN660" s="613"/>
      <c r="SYO660" s="613"/>
      <c r="SYP660" s="613"/>
      <c r="SYQ660" s="613"/>
      <c r="SYR660" s="613"/>
      <c r="SYS660" s="613"/>
      <c r="SYT660" s="613"/>
      <c r="SYU660" s="613"/>
      <c r="SYV660" s="613"/>
      <c r="SYW660" s="613"/>
      <c r="SYX660" s="613"/>
      <c r="SYY660" s="613"/>
      <c r="SYZ660" s="613"/>
      <c r="SZA660" s="613"/>
      <c r="SZB660" s="613"/>
      <c r="SZC660" s="613"/>
      <c r="SZD660" s="613"/>
      <c r="SZE660" s="613"/>
      <c r="SZF660" s="613"/>
      <c r="SZG660" s="613"/>
      <c r="SZH660" s="613"/>
      <c r="SZI660" s="613"/>
      <c r="SZJ660" s="613"/>
      <c r="SZK660" s="613"/>
      <c r="SZL660" s="613"/>
      <c r="SZM660" s="613"/>
      <c r="SZN660" s="613"/>
      <c r="SZO660" s="613"/>
      <c r="SZP660" s="613"/>
      <c r="SZQ660" s="613"/>
      <c r="SZR660" s="613"/>
      <c r="SZS660" s="613"/>
      <c r="SZT660" s="613"/>
      <c r="SZU660" s="613"/>
      <c r="SZV660" s="613"/>
      <c r="SZW660" s="613"/>
      <c r="SZX660" s="613"/>
      <c r="SZY660" s="613"/>
      <c r="SZZ660" s="613"/>
      <c r="TAA660" s="613"/>
      <c r="TAB660" s="613"/>
      <c r="TAC660" s="613"/>
      <c r="TAD660" s="613"/>
      <c r="TAE660" s="613"/>
      <c r="TAF660" s="613"/>
      <c r="TAG660" s="613"/>
      <c r="TAH660" s="613"/>
      <c r="TAI660" s="613"/>
      <c r="TAJ660" s="613"/>
      <c r="TAK660" s="613"/>
      <c r="TAL660" s="613"/>
      <c r="TAM660" s="613"/>
      <c r="TAN660" s="613"/>
      <c r="TAO660" s="613"/>
      <c r="TAP660" s="613"/>
      <c r="TAQ660" s="613"/>
      <c r="TAR660" s="613"/>
      <c r="TAS660" s="613"/>
      <c r="TAT660" s="613"/>
      <c r="TAU660" s="613"/>
      <c r="TAV660" s="613"/>
      <c r="TAW660" s="613"/>
      <c r="TAX660" s="613"/>
      <c r="TAY660" s="613"/>
      <c r="TAZ660" s="613"/>
      <c r="TBA660" s="613"/>
      <c r="TBB660" s="613"/>
      <c r="TBC660" s="613"/>
      <c r="TBD660" s="613"/>
      <c r="TBE660" s="613"/>
      <c r="TBF660" s="613"/>
      <c r="TBG660" s="613"/>
      <c r="TBH660" s="613"/>
      <c r="TBI660" s="613"/>
      <c r="TBJ660" s="613"/>
      <c r="TBK660" s="613"/>
      <c r="TBL660" s="613"/>
      <c r="TBM660" s="613"/>
      <c r="TBN660" s="613"/>
      <c r="TBO660" s="613"/>
      <c r="TBP660" s="613"/>
      <c r="TBQ660" s="613"/>
      <c r="TBR660" s="613"/>
      <c r="TBS660" s="613"/>
      <c r="TBT660" s="613"/>
      <c r="TBU660" s="613"/>
      <c r="TBV660" s="613"/>
      <c r="TBW660" s="613"/>
      <c r="TBX660" s="613"/>
      <c r="TBY660" s="613"/>
      <c r="TBZ660" s="613"/>
      <c r="TCA660" s="613"/>
      <c r="TCB660" s="613"/>
      <c r="TCC660" s="613"/>
      <c r="TCD660" s="613"/>
      <c r="TCE660" s="613"/>
      <c r="TCF660" s="613"/>
      <c r="TCG660" s="613"/>
      <c r="TCH660" s="613"/>
      <c r="TCI660" s="613"/>
      <c r="TCJ660" s="613"/>
      <c r="TCK660" s="613"/>
      <c r="TCL660" s="613"/>
      <c r="TCM660" s="613"/>
      <c r="TCN660" s="613"/>
      <c r="TCO660" s="613"/>
      <c r="TCP660" s="613"/>
      <c r="TCQ660" s="613"/>
      <c r="TCR660" s="613"/>
      <c r="TCS660" s="613"/>
      <c r="TCT660" s="613"/>
      <c r="TCU660" s="613"/>
      <c r="TCV660" s="613"/>
      <c r="TCW660" s="613"/>
      <c r="TCX660" s="613"/>
      <c r="TCY660" s="613"/>
      <c r="TCZ660" s="613"/>
      <c r="TDA660" s="613"/>
      <c r="TDB660" s="613"/>
      <c r="TDC660" s="613"/>
      <c r="TDD660" s="613"/>
      <c r="TDE660" s="613"/>
      <c r="TDF660" s="613"/>
      <c r="TDG660" s="613"/>
      <c r="TDH660" s="613"/>
      <c r="TDI660" s="613"/>
      <c r="TDJ660" s="613"/>
      <c r="TDK660" s="613"/>
      <c r="TDL660" s="613"/>
      <c r="TDM660" s="613"/>
      <c r="TDN660" s="613"/>
      <c r="TDO660" s="613"/>
      <c r="TDP660" s="613"/>
      <c r="TDQ660" s="613"/>
      <c r="TDR660" s="613"/>
      <c r="TDS660" s="613"/>
      <c r="TDT660" s="613"/>
      <c r="TDU660" s="613"/>
      <c r="TDV660" s="613"/>
      <c r="TDW660" s="613"/>
      <c r="TDX660" s="613"/>
      <c r="TDY660" s="613"/>
      <c r="TDZ660" s="613"/>
      <c r="TEA660" s="613"/>
      <c r="TEB660" s="613"/>
      <c r="TEC660" s="613"/>
      <c r="TED660" s="613"/>
      <c r="TEE660" s="613"/>
      <c r="TEF660" s="613"/>
      <c r="TEG660" s="613"/>
      <c r="TEH660" s="613"/>
      <c r="TEI660" s="613"/>
      <c r="TEJ660" s="613"/>
      <c r="TEK660" s="613"/>
      <c r="TEL660" s="613"/>
      <c r="TEM660" s="613"/>
      <c r="TEN660" s="613"/>
      <c r="TEO660" s="613"/>
      <c r="TEP660" s="613"/>
      <c r="TEQ660" s="613"/>
      <c r="TER660" s="613"/>
      <c r="TES660" s="613"/>
      <c r="TET660" s="613"/>
      <c r="TEU660" s="613"/>
      <c r="TEV660" s="613"/>
      <c r="TEW660" s="613"/>
      <c r="TEX660" s="613"/>
      <c r="TEY660" s="613"/>
      <c r="TEZ660" s="613"/>
      <c r="TFA660" s="613"/>
      <c r="TFB660" s="613"/>
      <c r="TFC660" s="613"/>
      <c r="TFD660" s="613"/>
      <c r="TFE660" s="613"/>
      <c r="TFF660" s="613"/>
      <c r="TFG660" s="613"/>
      <c r="TFH660" s="613"/>
      <c r="TFI660" s="613"/>
      <c r="TFJ660" s="613"/>
      <c r="TFK660" s="613"/>
      <c r="TFL660" s="613"/>
      <c r="TFM660" s="613"/>
      <c r="TFN660" s="613"/>
      <c r="TFO660" s="613"/>
      <c r="TFP660" s="613"/>
      <c r="TFQ660" s="613"/>
      <c r="TFR660" s="613"/>
      <c r="TFS660" s="613"/>
      <c r="TFT660" s="613"/>
      <c r="TFU660" s="613"/>
      <c r="TFV660" s="613"/>
      <c r="TFW660" s="613"/>
      <c r="TFX660" s="613"/>
      <c r="TFY660" s="613"/>
      <c r="TFZ660" s="613"/>
      <c r="TGA660" s="613"/>
      <c r="TGB660" s="613"/>
      <c r="TGC660" s="613"/>
      <c r="TGD660" s="613"/>
      <c r="TGE660" s="613"/>
      <c r="TGF660" s="613"/>
      <c r="TGG660" s="613"/>
      <c r="TGH660" s="613"/>
      <c r="TGI660" s="613"/>
      <c r="TGJ660" s="613"/>
      <c r="TGK660" s="613"/>
      <c r="TGL660" s="613"/>
      <c r="TGM660" s="613"/>
      <c r="TGN660" s="613"/>
      <c r="TGO660" s="613"/>
      <c r="TGP660" s="613"/>
      <c r="TGQ660" s="613"/>
      <c r="TGR660" s="613"/>
      <c r="TGS660" s="613"/>
      <c r="TGT660" s="613"/>
      <c r="TGU660" s="613"/>
      <c r="TGV660" s="613"/>
      <c r="TGW660" s="613"/>
      <c r="TGX660" s="613"/>
      <c r="TGY660" s="613"/>
      <c r="TGZ660" s="613"/>
      <c r="THA660" s="613"/>
      <c r="THB660" s="613"/>
      <c r="THC660" s="613"/>
      <c r="THD660" s="613"/>
      <c r="THE660" s="613"/>
      <c r="THF660" s="613"/>
      <c r="THG660" s="613"/>
      <c r="THH660" s="613"/>
      <c r="THI660" s="613"/>
      <c r="THJ660" s="613"/>
      <c r="THK660" s="613"/>
      <c r="THL660" s="613"/>
      <c r="THM660" s="613"/>
      <c r="THN660" s="613"/>
      <c r="THO660" s="613"/>
      <c r="THP660" s="613"/>
      <c r="THQ660" s="613"/>
      <c r="THR660" s="613"/>
      <c r="THS660" s="613"/>
      <c r="THT660" s="613"/>
      <c r="THU660" s="613"/>
      <c r="THV660" s="613"/>
      <c r="THW660" s="613"/>
      <c r="THX660" s="613"/>
      <c r="THY660" s="613"/>
      <c r="THZ660" s="613"/>
      <c r="TIA660" s="613"/>
      <c r="TIB660" s="613"/>
      <c r="TIC660" s="613"/>
      <c r="TID660" s="613"/>
      <c r="TIE660" s="613"/>
      <c r="TIF660" s="613"/>
      <c r="TIG660" s="613"/>
      <c r="TIH660" s="613"/>
      <c r="TII660" s="613"/>
      <c r="TIJ660" s="613"/>
      <c r="TIK660" s="613"/>
      <c r="TIL660" s="613"/>
      <c r="TIM660" s="613"/>
      <c r="TIN660" s="613"/>
      <c r="TIO660" s="613"/>
      <c r="TIP660" s="613"/>
      <c r="TIQ660" s="613"/>
      <c r="TIR660" s="613"/>
      <c r="TIS660" s="613"/>
      <c r="TIT660" s="613"/>
      <c r="TIU660" s="613"/>
      <c r="TIV660" s="613"/>
      <c r="TIW660" s="613"/>
      <c r="TIX660" s="613"/>
      <c r="TIY660" s="613"/>
      <c r="TIZ660" s="613"/>
      <c r="TJA660" s="613"/>
      <c r="TJB660" s="613"/>
      <c r="TJC660" s="613"/>
      <c r="TJD660" s="613"/>
      <c r="TJE660" s="613"/>
      <c r="TJF660" s="613"/>
      <c r="TJG660" s="613"/>
      <c r="TJH660" s="613"/>
      <c r="TJI660" s="613"/>
      <c r="TJJ660" s="613"/>
      <c r="TJK660" s="613"/>
      <c r="TJL660" s="613"/>
      <c r="TJM660" s="613"/>
      <c r="TJN660" s="613"/>
      <c r="TJO660" s="613"/>
      <c r="TJP660" s="613"/>
      <c r="TJQ660" s="613"/>
      <c r="TJR660" s="613"/>
      <c r="TJS660" s="613"/>
      <c r="TJT660" s="613"/>
      <c r="TJU660" s="613"/>
      <c r="TJV660" s="613"/>
      <c r="TJW660" s="613"/>
      <c r="TJX660" s="613"/>
      <c r="TJY660" s="613"/>
      <c r="TJZ660" s="613"/>
      <c r="TKA660" s="613"/>
      <c r="TKB660" s="613"/>
      <c r="TKC660" s="613"/>
      <c r="TKD660" s="613"/>
      <c r="TKE660" s="613"/>
      <c r="TKF660" s="613"/>
      <c r="TKG660" s="613"/>
      <c r="TKH660" s="613"/>
      <c r="TKI660" s="613"/>
      <c r="TKJ660" s="613"/>
      <c r="TKK660" s="613"/>
      <c r="TKL660" s="613"/>
      <c r="TKM660" s="613"/>
      <c r="TKN660" s="613"/>
      <c r="TKO660" s="613"/>
      <c r="TKP660" s="613"/>
      <c r="TKQ660" s="613"/>
      <c r="TKR660" s="613"/>
      <c r="TKS660" s="613"/>
      <c r="TKT660" s="613"/>
      <c r="TKU660" s="613"/>
      <c r="TKV660" s="613"/>
      <c r="TKW660" s="613"/>
      <c r="TKX660" s="613"/>
      <c r="TKY660" s="613"/>
      <c r="TKZ660" s="613"/>
      <c r="TLA660" s="613"/>
      <c r="TLB660" s="613"/>
      <c r="TLC660" s="613"/>
      <c r="TLD660" s="613"/>
      <c r="TLE660" s="613"/>
      <c r="TLF660" s="613"/>
      <c r="TLG660" s="613"/>
      <c r="TLH660" s="613"/>
      <c r="TLI660" s="613"/>
      <c r="TLJ660" s="613"/>
      <c r="TLK660" s="613"/>
      <c r="TLL660" s="613"/>
      <c r="TLM660" s="613"/>
      <c r="TLN660" s="613"/>
      <c r="TLO660" s="613"/>
      <c r="TLP660" s="613"/>
      <c r="TLQ660" s="613"/>
      <c r="TLR660" s="613"/>
      <c r="TLS660" s="613"/>
      <c r="TLT660" s="613"/>
      <c r="TLU660" s="613"/>
      <c r="TLV660" s="613"/>
      <c r="TLW660" s="613"/>
      <c r="TLX660" s="613"/>
      <c r="TLY660" s="613"/>
      <c r="TLZ660" s="613"/>
      <c r="TMA660" s="613"/>
      <c r="TMB660" s="613"/>
      <c r="TMC660" s="613"/>
      <c r="TMD660" s="613"/>
      <c r="TME660" s="613"/>
      <c r="TMF660" s="613"/>
      <c r="TMG660" s="613"/>
      <c r="TMH660" s="613"/>
      <c r="TMI660" s="613"/>
      <c r="TMJ660" s="613"/>
      <c r="TMK660" s="613"/>
      <c r="TML660" s="613"/>
      <c r="TMM660" s="613"/>
      <c r="TMN660" s="613"/>
      <c r="TMO660" s="613"/>
      <c r="TMP660" s="613"/>
      <c r="TMQ660" s="613"/>
      <c r="TMR660" s="613"/>
      <c r="TMS660" s="613"/>
      <c r="TMT660" s="613"/>
      <c r="TMU660" s="613"/>
      <c r="TMV660" s="613"/>
      <c r="TMW660" s="613"/>
      <c r="TMX660" s="613"/>
      <c r="TMY660" s="613"/>
      <c r="TMZ660" s="613"/>
      <c r="TNA660" s="613"/>
      <c r="TNB660" s="613"/>
      <c r="TNC660" s="613"/>
      <c r="TND660" s="613"/>
      <c r="TNE660" s="613"/>
      <c r="TNF660" s="613"/>
      <c r="TNG660" s="613"/>
      <c r="TNH660" s="613"/>
      <c r="TNI660" s="613"/>
      <c r="TNJ660" s="613"/>
      <c r="TNK660" s="613"/>
      <c r="TNL660" s="613"/>
      <c r="TNM660" s="613"/>
      <c r="TNN660" s="613"/>
      <c r="TNO660" s="613"/>
      <c r="TNP660" s="613"/>
      <c r="TNQ660" s="613"/>
      <c r="TNR660" s="613"/>
      <c r="TNS660" s="613"/>
      <c r="TNT660" s="613"/>
      <c r="TNU660" s="613"/>
      <c r="TNV660" s="613"/>
      <c r="TNW660" s="613"/>
      <c r="TNX660" s="613"/>
      <c r="TNY660" s="613"/>
      <c r="TNZ660" s="613"/>
      <c r="TOA660" s="613"/>
      <c r="TOB660" s="613"/>
      <c r="TOC660" s="613"/>
      <c r="TOD660" s="613"/>
      <c r="TOE660" s="613"/>
      <c r="TOF660" s="613"/>
      <c r="TOG660" s="613"/>
      <c r="TOH660" s="613"/>
      <c r="TOI660" s="613"/>
      <c r="TOJ660" s="613"/>
      <c r="TOK660" s="613"/>
      <c r="TOL660" s="613"/>
      <c r="TOM660" s="613"/>
      <c r="TON660" s="613"/>
      <c r="TOO660" s="613"/>
      <c r="TOP660" s="613"/>
      <c r="TOQ660" s="613"/>
      <c r="TOR660" s="613"/>
      <c r="TOS660" s="613"/>
      <c r="TOT660" s="613"/>
      <c r="TOU660" s="613"/>
      <c r="TOV660" s="613"/>
      <c r="TOW660" s="613"/>
      <c r="TOX660" s="613"/>
      <c r="TOY660" s="613"/>
      <c r="TOZ660" s="613"/>
      <c r="TPA660" s="613"/>
      <c r="TPB660" s="613"/>
      <c r="TPC660" s="613"/>
      <c r="TPD660" s="613"/>
      <c r="TPE660" s="613"/>
      <c r="TPF660" s="613"/>
      <c r="TPG660" s="613"/>
      <c r="TPH660" s="613"/>
      <c r="TPI660" s="613"/>
      <c r="TPJ660" s="613"/>
      <c r="TPK660" s="613"/>
      <c r="TPL660" s="613"/>
      <c r="TPM660" s="613"/>
      <c r="TPN660" s="613"/>
      <c r="TPO660" s="613"/>
      <c r="TPP660" s="613"/>
      <c r="TPQ660" s="613"/>
      <c r="TPR660" s="613"/>
      <c r="TPS660" s="613"/>
      <c r="TPT660" s="613"/>
      <c r="TPU660" s="613"/>
      <c r="TPV660" s="613"/>
      <c r="TPW660" s="613"/>
      <c r="TPX660" s="613"/>
      <c r="TPY660" s="613"/>
      <c r="TPZ660" s="613"/>
      <c r="TQA660" s="613"/>
      <c r="TQB660" s="613"/>
      <c r="TQC660" s="613"/>
      <c r="TQD660" s="613"/>
      <c r="TQE660" s="613"/>
      <c r="TQF660" s="613"/>
      <c r="TQG660" s="613"/>
      <c r="TQH660" s="613"/>
      <c r="TQI660" s="613"/>
      <c r="TQJ660" s="613"/>
      <c r="TQK660" s="613"/>
      <c r="TQL660" s="613"/>
      <c r="TQM660" s="613"/>
      <c r="TQN660" s="613"/>
      <c r="TQO660" s="613"/>
      <c r="TQP660" s="613"/>
      <c r="TQQ660" s="613"/>
      <c r="TQR660" s="613"/>
      <c r="TQS660" s="613"/>
      <c r="TQT660" s="613"/>
      <c r="TQU660" s="613"/>
      <c r="TQV660" s="613"/>
      <c r="TQW660" s="613"/>
      <c r="TQX660" s="613"/>
      <c r="TQY660" s="613"/>
      <c r="TQZ660" s="613"/>
      <c r="TRA660" s="613"/>
      <c r="TRB660" s="613"/>
      <c r="TRC660" s="613"/>
      <c r="TRD660" s="613"/>
      <c r="TRE660" s="613"/>
      <c r="TRF660" s="613"/>
      <c r="TRG660" s="613"/>
      <c r="TRH660" s="613"/>
      <c r="TRI660" s="613"/>
      <c r="TRJ660" s="613"/>
      <c r="TRK660" s="613"/>
      <c r="TRL660" s="613"/>
      <c r="TRM660" s="613"/>
      <c r="TRN660" s="613"/>
      <c r="TRO660" s="613"/>
      <c r="TRP660" s="613"/>
      <c r="TRQ660" s="613"/>
      <c r="TRR660" s="613"/>
      <c r="TRS660" s="613"/>
      <c r="TRT660" s="613"/>
      <c r="TRU660" s="613"/>
      <c r="TRV660" s="613"/>
      <c r="TRW660" s="613"/>
      <c r="TRX660" s="613"/>
      <c r="TRY660" s="613"/>
      <c r="TRZ660" s="613"/>
      <c r="TSA660" s="613"/>
      <c r="TSB660" s="613"/>
      <c r="TSC660" s="613"/>
      <c r="TSD660" s="613"/>
      <c r="TSE660" s="613"/>
      <c r="TSF660" s="613"/>
      <c r="TSG660" s="613"/>
      <c r="TSH660" s="613"/>
      <c r="TSI660" s="613"/>
      <c r="TSJ660" s="613"/>
      <c r="TSK660" s="613"/>
      <c r="TSL660" s="613"/>
      <c r="TSM660" s="613"/>
      <c r="TSN660" s="613"/>
      <c r="TSO660" s="613"/>
      <c r="TSP660" s="613"/>
      <c r="TSQ660" s="613"/>
      <c r="TSR660" s="613"/>
      <c r="TSS660" s="613"/>
      <c r="TST660" s="613"/>
      <c r="TSU660" s="613"/>
      <c r="TSV660" s="613"/>
      <c r="TSW660" s="613"/>
      <c r="TSX660" s="613"/>
      <c r="TSY660" s="613"/>
      <c r="TSZ660" s="613"/>
      <c r="TTA660" s="613"/>
      <c r="TTB660" s="613"/>
      <c r="TTC660" s="613"/>
      <c r="TTD660" s="613"/>
      <c r="TTE660" s="613"/>
      <c r="TTF660" s="613"/>
      <c r="TTG660" s="613"/>
      <c r="TTH660" s="613"/>
      <c r="TTI660" s="613"/>
      <c r="TTJ660" s="613"/>
      <c r="TTK660" s="613"/>
      <c r="TTL660" s="613"/>
      <c r="TTM660" s="613"/>
      <c r="TTN660" s="613"/>
      <c r="TTO660" s="613"/>
      <c r="TTP660" s="613"/>
      <c r="TTQ660" s="613"/>
      <c r="TTR660" s="613"/>
      <c r="TTS660" s="613"/>
      <c r="TTT660" s="613"/>
      <c r="TTU660" s="613"/>
      <c r="TTV660" s="613"/>
      <c r="TTW660" s="613"/>
      <c r="TTX660" s="613"/>
      <c r="TTY660" s="613"/>
      <c r="TTZ660" s="613"/>
      <c r="TUA660" s="613"/>
      <c r="TUB660" s="613"/>
      <c r="TUC660" s="613"/>
      <c r="TUD660" s="613"/>
      <c r="TUE660" s="613"/>
      <c r="TUF660" s="613"/>
      <c r="TUG660" s="613"/>
      <c r="TUH660" s="613"/>
      <c r="TUI660" s="613"/>
      <c r="TUJ660" s="613"/>
      <c r="TUK660" s="613"/>
      <c r="TUL660" s="613"/>
      <c r="TUM660" s="613"/>
      <c r="TUN660" s="613"/>
      <c r="TUO660" s="613"/>
      <c r="TUP660" s="613"/>
      <c r="TUQ660" s="613"/>
      <c r="TUR660" s="613"/>
      <c r="TUS660" s="613"/>
      <c r="TUT660" s="613"/>
      <c r="TUU660" s="613"/>
      <c r="TUV660" s="613"/>
      <c r="TUW660" s="613"/>
      <c r="TUX660" s="613"/>
      <c r="TUY660" s="613"/>
      <c r="TUZ660" s="613"/>
      <c r="TVA660" s="613"/>
      <c r="TVB660" s="613"/>
      <c r="TVC660" s="613"/>
      <c r="TVD660" s="613"/>
      <c r="TVE660" s="613"/>
      <c r="TVF660" s="613"/>
      <c r="TVG660" s="613"/>
      <c r="TVH660" s="613"/>
      <c r="TVI660" s="613"/>
      <c r="TVJ660" s="613"/>
      <c r="TVK660" s="613"/>
      <c r="TVL660" s="613"/>
      <c r="TVM660" s="613"/>
      <c r="TVN660" s="613"/>
      <c r="TVO660" s="613"/>
      <c r="TVP660" s="613"/>
      <c r="TVQ660" s="613"/>
      <c r="TVR660" s="613"/>
      <c r="TVS660" s="613"/>
      <c r="TVT660" s="613"/>
      <c r="TVU660" s="613"/>
      <c r="TVV660" s="613"/>
      <c r="TVW660" s="613"/>
      <c r="TVX660" s="613"/>
      <c r="TVY660" s="613"/>
      <c r="TVZ660" s="613"/>
      <c r="TWA660" s="613"/>
      <c r="TWB660" s="613"/>
      <c r="TWC660" s="613"/>
      <c r="TWD660" s="613"/>
      <c r="TWE660" s="613"/>
      <c r="TWF660" s="613"/>
      <c r="TWG660" s="613"/>
      <c r="TWH660" s="613"/>
      <c r="TWI660" s="613"/>
      <c r="TWJ660" s="613"/>
      <c r="TWK660" s="613"/>
      <c r="TWL660" s="613"/>
      <c r="TWM660" s="613"/>
      <c r="TWN660" s="613"/>
      <c r="TWO660" s="613"/>
      <c r="TWP660" s="613"/>
      <c r="TWQ660" s="613"/>
      <c r="TWR660" s="613"/>
      <c r="TWS660" s="613"/>
      <c r="TWT660" s="613"/>
      <c r="TWU660" s="613"/>
      <c r="TWV660" s="613"/>
      <c r="TWW660" s="613"/>
      <c r="TWX660" s="613"/>
      <c r="TWY660" s="613"/>
      <c r="TWZ660" s="613"/>
      <c r="TXA660" s="613"/>
      <c r="TXB660" s="613"/>
      <c r="TXC660" s="613"/>
      <c r="TXD660" s="613"/>
      <c r="TXE660" s="613"/>
      <c r="TXF660" s="613"/>
      <c r="TXG660" s="613"/>
      <c r="TXH660" s="613"/>
      <c r="TXI660" s="613"/>
      <c r="TXJ660" s="613"/>
      <c r="TXK660" s="613"/>
      <c r="TXL660" s="613"/>
      <c r="TXM660" s="613"/>
      <c r="TXN660" s="613"/>
      <c r="TXO660" s="613"/>
      <c r="TXP660" s="613"/>
      <c r="TXQ660" s="613"/>
      <c r="TXR660" s="613"/>
      <c r="TXS660" s="613"/>
      <c r="TXT660" s="613"/>
      <c r="TXU660" s="613"/>
      <c r="TXV660" s="613"/>
      <c r="TXW660" s="613"/>
      <c r="TXX660" s="613"/>
      <c r="TXY660" s="613"/>
      <c r="TXZ660" s="613"/>
      <c r="TYA660" s="613"/>
      <c r="TYB660" s="613"/>
      <c r="TYC660" s="613"/>
      <c r="TYD660" s="613"/>
      <c r="TYE660" s="613"/>
      <c r="TYF660" s="613"/>
      <c r="TYG660" s="613"/>
      <c r="TYH660" s="613"/>
      <c r="TYI660" s="613"/>
      <c r="TYJ660" s="613"/>
      <c r="TYK660" s="613"/>
      <c r="TYL660" s="613"/>
      <c r="TYM660" s="613"/>
      <c r="TYN660" s="613"/>
      <c r="TYO660" s="613"/>
      <c r="TYP660" s="613"/>
      <c r="TYQ660" s="613"/>
      <c r="TYR660" s="613"/>
      <c r="TYS660" s="613"/>
      <c r="TYT660" s="613"/>
      <c r="TYU660" s="613"/>
      <c r="TYV660" s="613"/>
      <c r="TYW660" s="613"/>
      <c r="TYX660" s="613"/>
      <c r="TYY660" s="613"/>
      <c r="TYZ660" s="613"/>
      <c r="TZA660" s="613"/>
      <c r="TZB660" s="613"/>
      <c r="TZC660" s="613"/>
      <c r="TZD660" s="613"/>
      <c r="TZE660" s="613"/>
      <c r="TZF660" s="613"/>
      <c r="TZG660" s="613"/>
      <c r="TZH660" s="613"/>
      <c r="TZI660" s="613"/>
      <c r="TZJ660" s="613"/>
      <c r="TZK660" s="613"/>
      <c r="TZL660" s="613"/>
      <c r="TZM660" s="613"/>
      <c r="TZN660" s="613"/>
      <c r="TZO660" s="613"/>
      <c r="TZP660" s="613"/>
      <c r="TZQ660" s="613"/>
      <c r="TZR660" s="613"/>
      <c r="TZS660" s="613"/>
      <c r="TZT660" s="613"/>
      <c r="TZU660" s="613"/>
      <c r="TZV660" s="613"/>
      <c r="TZW660" s="613"/>
      <c r="TZX660" s="613"/>
      <c r="TZY660" s="613"/>
      <c r="TZZ660" s="613"/>
      <c r="UAA660" s="613"/>
      <c r="UAB660" s="613"/>
      <c r="UAC660" s="613"/>
      <c r="UAD660" s="613"/>
      <c r="UAE660" s="613"/>
      <c r="UAF660" s="613"/>
      <c r="UAG660" s="613"/>
      <c r="UAH660" s="613"/>
      <c r="UAI660" s="613"/>
      <c r="UAJ660" s="613"/>
      <c r="UAK660" s="613"/>
      <c r="UAL660" s="613"/>
      <c r="UAM660" s="613"/>
      <c r="UAN660" s="613"/>
      <c r="UAO660" s="613"/>
      <c r="UAP660" s="613"/>
      <c r="UAQ660" s="613"/>
      <c r="UAR660" s="613"/>
      <c r="UAS660" s="613"/>
      <c r="UAT660" s="613"/>
      <c r="UAU660" s="613"/>
      <c r="UAV660" s="613"/>
      <c r="UAW660" s="613"/>
      <c r="UAX660" s="613"/>
      <c r="UAY660" s="613"/>
      <c r="UAZ660" s="613"/>
      <c r="UBA660" s="613"/>
      <c r="UBB660" s="613"/>
      <c r="UBC660" s="613"/>
      <c r="UBD660" s="613"/>
      <c r="UBE660" s="613"/>
      <c r="UBF660" s="613"/>
      <c r="UBG660" s="613"/>
      <c r="UBH660" s="613"/>
      <c r="UBI660" s="613"/>
      <c r="UBJ660" s="613"/>
      <c r="UBK660" s="613"/>
      <c r="UBL660" s="613"/>
      <c r="UBM660" s="613"/>
      <c r="UBN660" s="613"/>
      <c r="UBO660" s="613"/>
      <c r="UBP660" s="613"/>
      <c r="UBQ660" s="613"/>
      <c r="UBR660" s="613"/>
      <c r="UBS660" s="613"/>
      <c r="UBT660" s="613"/>
      <c r="UBU660" s="613"/>
      <c r="UBV660" s="613"/>
      <c r="UBW660" s="613"/>
      <c r="UBX660" s="613"/>
      <c r="UBY660" s="613"/>
      <c r="UBZ660" s="613"/>
      <c r="UCA660" s="613"/>
      <c r="UCB660" s="613"/>
      <c r="UCC660" s="613"/>
      <c r="UCD660" s="613"/>
      <c r="UCE660" s="613"/>
      <c r="UCF660" s="613"/>
      <c r="UCG660" s="613"/>
      <c r="UCH660" s="613"/>
      <c r="UCI660" s="613"/>
      <c r="UCJ660" s="613"/>
      <c r="UCK660" s="613"/>
      <c r="UCL660" s="613"/>
      <c r="UCM660" s="613"/>
      <c r="UCN660" s="613"/>
      <c r="UCO660" s="613"/>
      <c r="UCP660" s="613"/>
      <c r="UCQ660" s="613"/>
      <c r="UCR660" s="613"/>
      <c r="UCS660" s="613"/>
      <c r="UCT660" s="613"/>
      <c r="UCU660" s="613"/>
      <c r="UCV660" s="613"/>
      <c r="UCW660" s="613"/>
      <c r="UCX660" s="613"/>
      <c r="UCY660" s="613"/>
      <c r="UCZ660" s="613"/>
      <c r="UDA660" s="613"/>
      <c r="UDB660" s="613"/>
      <c r="UDC660" s="613"/>
      <c r="UDD660" s="613"/>
      <c r="UDE660" s="613"/>
      <c r="UDF660" s="613"/>
      <c r="UDG660" s="613"/>
      <c r="UDH660" s="613"/>
      <c r="UDI660" s="613"/>
      <c r="UDJ660" s="613"/>
      <c r="UDK660" s="613"/>
      <c r="UDL660" s="613"/>
      <c r="UDM660" s="613"/>
      <c r="UDN660" s="613"/>
      <c r="UDO660" s="613"/>
      <c r="UDP660" s="613"/>
      <c r="UDQ660" s="613"/>
      <c r="UDR660" s="613"/>
      <c r="UDS660" s="613"/>
      <c r="UDT660" s="613"/>
      <c r="UDU660" s="613"/>
      <c r="UDV660" s="613"/>
      <c r="UDW660" s="613"/>
      <c r="UDX660" s="613"/>
      <c r="UDY660" s="613"/>
      <c r="UDZ660" s="613"/>
      <c r="UEA660" s="613"/>
      <c r="UEB660" s="613"/>
      <c r="UEC660" s="613"/>
      <c r="UED660" s="613"/>
      <c r="UEE660" s="613"/>
      <c r="UEF660" s="613"/>
      <c r="UEG660" s="613"/>
      <c r="UEH660" s="613"/>
      <c r="UEI660" s="613"/>
      <c r="UEJ660" s="613"/>
      <c r="UEK660" s="613"/>
      <c r="UEL660" s="613"/>
      <c r="UEM660" s="613"/>
      <c r="UEN660" s="613"/>
      <c r="UEO660" s="613"/>
      <c r="UEP660" s="613"/>
      <c r="UEQ660" s="613"/>
      <c r="UER660" s="613"/>
      <c r="UES660" s="613"/>
      <c r="UET660" s="613"/>
      <c r="UEU660" s="613"/>
      <c r="UEV660" s="613"/>
      <c r="UEW660" s="613"/>
      <c r="UEX660" s="613"/>
      <c r="UEY660" s="613"/>
      <c r="UEZ660" s="613"/>
      <c r="UFA660" s="613"/>
      <c r="UFB660" s="613"/>
      <c r="UFC660" s="613"/>
      <c r="UFD660" s="613"/>
      <c r="UFE660" s="613"/>
      <c r="UFF660" s="613"/>
      <c r="UFG660" s="613"/>
      <c r="UFH660" s="613"/>
      <c r="UFI660" s="613"/>
      <c r="UFJ660" s="613"/>
      <c r="UFK660" s="613"/>
      <c r="UFL660" s="613"/>
      <c r="UFM660" s="613"/>
      <c r="UFN660" s="613"/>
      <c r="UFO660" s="613"/>
      <c r="UFP660" s="613"/>
      <c r="UFQ660" s="613"/>
      <c r="UFR660" s="613"/>
      <c r="UFS660" s="613"/>
      <c r="UFT660" s="613"/>
      <c r="UFU660" s="613"/>
      <c r="UFV660" s="613"/>
      <c r="UFW660" s="613"/>
      <c r="UFX660" s="613"/>
      <c r="UFY660" s="613"/>
      <c r="UFZ660" s="613"/>
      <c r="UGA660" s="613"/>
      <c r="UGB660" s="613"/>
      <c r="UGC660" s="613"/>
      <c r="UGD660" s="613"/>
      <c r="UGE660" s="613"/>
      <c r="UGF660" s="613"/>
      <c r="UGG660" s="613"/>
      <c r="UGH660" s="613"/>
      <c r="UGI660" s="613"/>
      <c r="UGJ660" s="613"/>
      <c r="UGK660" s="613"/>
      <c r="UGL660" s="613"/>
      <c r="UGM660" s="613"/>
      <c r="UGN660" s="613"/>
      <c r="UGO660" s="613"/>
      <c r="UGP660" s="613"/>
      <c r="UGQ660" s="613"/>
      <c r="UGR660" s="613"/>
      <c r="UGS660" s="613"/>
      <c r="UGT660" s="613"/>
      <c r="UGU660" s="613"/>
      <c r="UGV660" s="613"/>
      <c r="UGW660" s="613"/>
      <c r="UGX660" s="613"/>
      <c r="UGY660" s="613"/>
      <c r="UGZ660" s="613"/>
      <c r="UHA660" s="613"/>
      <c r="UHB660" s="613"/>
      <c r="UHC660" s="613"/>
      <c r="UHD660" s="613"/>
      <c r="UHE660" s="613"/>
      <c r="UHF660" s="613"/>
      <c r="UHG660" s="613"/>
      <c r="UHH660" s="613"/>
      <c r="UHI660" s="613"/>
      <c r="UHJ660" s="613"/>
      <c r="UHK660" s="613"/>
      <c r="UHL660" s="613"/>
      <c r="UHM660" s="613"/>
      <c r="UHN660" s="613"/>
      <c r="UHO660" s="613"/>
      <c r="UHP660" s="613"/>
      <c r="UHQ660" s="613"/>
      <c r="UHR660" s="613"/>
      <c r="UHS660" s="613"/>
      <c r="UHT660" s="613"/>
      <c r="UHU660" s="613"/>
      <c r="UHV660" s="613"/>
      <c r="UHW660" s="613"/>
      <c r="UHX660" s="613"/>
      <c r="UHY660" s="613"/>
      <c r="UHZ660" s="613"/>
      <c r="UIA660" s="613"/>
      <c r="UIB660" s="613"/>
      <c r="UIC660" s="613"/>
      <c r="UID660" s="613"/>
      <c r="UIE660" s="613"/>
      <c r="UIF660" s="613"/>
      <c r="UIG660" s="613"/>
      <c r="UIH660" s="613"/>
      <c r="UII660" s="613"/>
      <c r="UIJ660" s="613"/>
      <c r="UIK660" s="613"/>
      <c r="UIL660" s="613"/>
      <c r="UIM660" s="613"/>
      <c r="UIN660" s="613"/>
      <c r="UIO660" s="613"/>
      <c r="UIP660" s="613"/>
      <c r="UIQ660" s="613"/>
      <c r="UIR660" s="613"/>
      <c r="UIS660" s="613"/>
      <c r="UIT660" s="613"/>
      <c r="UIU660" s="613"/>
      <c r="UIV660" s="613"/>
      <c r="UIW660" s="613"/>
      <c r="UIX660" s="613"/>
      <c r="UIY660" s="613"/>
      <c r="UIZ660" s="613"/>
      <c r="UJA660" s="613"/>
      <c r="UJB660" s="613"/>
      <c r="UJC660" s="613"/>
      <c r="UJD660" s="613"/>
      <c r="UJE660" s="613"/>
      <c r="UJF660" s="613"/>
      <c r="UJG660" s="613"/>
      <c r="UJH660" s="613"/>
      <c r="UJI660" s="613"/>
      <c r="UJJ660" s="613"/>
      <c r="UJK660" s="613"/>
      <c r="UJL660" s="613"/>
      <c r="UJM660" s="613"/>
      <c r="UJN660" s="613"/>
      <c r="UJO660" s="613"/>
      <c r="UJP660" s="613"/>
      <c r="UJQ660" s="613"/>
      <c r="UJR660" s="613"/>
      <c r="UJS660" s="613"/>
      <c r="UJT660" s="613"/>
      <c r="UJU660" s="613"/>
      <c r="UJV660" s="613"/>
      <c r="UJW660" s="613"/>
      <c r="UJX660" s="613"/>
      <c r="UJY660" s="613"/>
      <c r="UJZ660" s="613"/>
      <c r="UKA660" s="613"/>
      <c r="UKB660" s="613"/>
      <c r="UKC660" s="613"/>
      <c r="UKD660" s="613"/>
      <c r="UKE660" s="613"/>
      <c r="UKF660" s="613"/>
      <c r="UKG660" s="613"/>
      <c r="UKH660" s="613"/>
      <c r="UKI660" s="613"/>
      <c r="UKJ660" s="613"/>
      <c r="UKK660" s="613"/>
      <c r="UKL660" s="613"/>
      <c r="UKM660" s="613"/>
      <c r="UKN660" s="613"/>
      <c r="UKO660" s="613"/>
      <c r="UKP660" s="613"/>
      <c r="UKQ660" s="613"/>
      <c r="UKR660" s="613"/>
      <c r="UKS660" s="613"/>
      <c r="UKT660" s="613"/>
      <c r="UKU660" s="613"/>
      <c r="UKV660" s="613"/>
      <c r="UKW660" s="613"/>
      <c r="UKX660" s="613"/>
      <c r="UKY660" s="613"/>
      <c r="UKZ660" s="613"/>
      <c r="ULA660" s="613"/>
      <c r="ULB660" s="613"/>
      <c r="ULC660" s="613"/>
      <c r="ULD660" s="613"/>
      <c r="ULE660" s="613"/>
      <c r="ULF660" s="613"/>
      <c r="ULG660" s="613"/>
      <c r="ULH660" s="613"/>
      <c r="ULI660" s="613"/>
      <c r="ULJ660" s="613"/>
      <c r="ULK660" s="613"/>
      <c r="ULL660" s="613"/>
      <c r="ULM660" s="613"/>
      <c r="ULN660" s="613"/>
      <c r="ULO660" s="613"/>
      <c r="ULP660" s="613"/>
      <c r="ULQ660" s="613"/>
      <c r="ULR660" s="613"/>
      <c r="ULS660" s="613"/>
      <c r="ULT660" s="613"/>
      <c r="ULU660" s="613"/>
      <c r="ULV660" s="613"/>
      <c r="ULW660" s="613"/>
      <c r="ULX660" s="613"/>
      <c r="ULY660" s="613"/>
      <c r="ULZ660" s="613"/>
      <c r="UMA660" s="613"/>
      <c r="UMB660" s="613"/>
      <c r="UMC660" s="613"/>
      <c r="UMD660" s="613"/>
      <c r="UME660" s="613"/>
      <c r="UMF660" s="613"/>
      <c r="UMG660" s="613"/>
      <c r="UMH660" s="613"/>
      <c r="UMI660" s="613"/>
      <c r="UMJ660" s="613"/>
      <c r="UMK660" s="613"/>
      <c r="UML660" s="613"/>
      <c r="UMM660" s="613"/>
      <c r="UMN660" s="613"/>
      <c r="UMO660" s="613"/>
      <c r="UMP660" s="613"/>
      <c r="UMQ660" s="613"/>
      <c r="UMR660" s="613"/>
      <c r="UMS660" s="613"/>
      <c r="UMT660" s="613"/>
      <c r="UMU660" s="613"/>
      <c r="UMV660" s="613"/>
      <c r="UMW660" s="613"/>
      <c r="UMX660" s="613"/>
      <c r="UMY660" s="613"/>
      <c r="UMZ660" s="613"/>
      <c r="UNA660" s="613"/>
      <c r="UNB660" s="613"/>
      <c r="UNC660" s="613"/>
      <c r="UND660" s="613"/>
      <c r="UNE660" s="613"/>
      <c r="UNF660" s="613"/>
      <c r="UNG660" s="613"/>
      <c r="UNH660" s="613"/>
      <c r="UNI660" s="613"/>
      <c r="UNJ660" s="613"/>
      <c r="UNK660" s="613"/>
      <c r="UNL660" s="613"/>
      <c r="UNM660" s="613"/>
      <c r="UNN660" s="613"/>
      <c r="UNO660" s="613"/>
      <c r="UNP660" s="613"/>
      <c r="UNQ660" s="613"/>
      <c r="UNR660" s="613"/>
      <c r="UNS660" s="613"/>
      <c r="UNT660" s="613"/>
      <c r="UNU660" s="613"/>
      <c r="UNV660" s="613"/>
      <c r="UNW660" s="613"/>
      <c r="UNX660" s="613"/>
      <c r="UNY660" s="613"/>
      <c r="UNZ660" s="613"/>
      <c r="UOA660" s="613"/>
      <c r="UOB660" s="613"/>
      <c r="UOC660" s="613"/>
      <c r="UOD660" s="613"/>
      <c r="UOE660" s="613"/>
      <c r="UOF660" s="613"/>
      <c r="UOG660" s="613"/>
      <c r="UOH660" s="613"/>
      <c r="UOI660" s="613"/>
      <c r="UOJ660" s="613"/>
      <c r="UOK660" s="613"/>
      <c r="UOL660" s="613"/>
      <c r="UOM660" s="613"/>
      <c r="UON660" s="613"/>
      <c r="UOO660" s="613"/>
      <c r="UOP660" s="613"/>
      <c r="UOQ660" s="613"/>
      <c r="UOR660" s="613"/>
      <c r="UOS660" s="613"/>
      <c r="UOT660" s="613"/>
      <c r="UOU660" s="613"/>
      <c r="UOV660" s="613"/>
      <c r="UOW660" s="613"/>
      <c r="UOX660" s="613"/>
      <c r="UOY660" s="613"/>
      <c r="UOZ660" s="613"/>
      <c r="UPA660" s="613"/>
      <c r="UPB660" s="613"/>
      <c r="UPC660" s="613"/>
      <c r="UPD660" s="613"/>
      <c r="UPE660" s="613"/>
      <c r="UPF660" s="613"/>
      <c r="UPG660" s="613"/>
      <c r="UPH660" s="613"/>
      <c r="UPI660" s="613"/>
      <c r="UPJ660" s="613"/>
      <c r="UPK660" s="613"/>
      <c r="UPL660" s="613"/>
      <c r="UPM660" s="613"/>
      <c r="UPN660" s="613"/>
      <c r="UPO660" s="613"/>
      <c r="UPP660" s="613"/>
      <c r="UPQ660" s="613"/>
      <c r="UPR660" s="613"/>
      <c r="UPS660" s="613"/>
      <c r="UPT660" s="613"/>
      <c r="UPU660" s="613"/>
      <c r="UPV660" s="613"/>
      <c r="UPW660" s="613"/>
      <c r="UPX660" s="613"/>
      <c r="UPY660" s="613"/>
      <c r="UPZ660" s="613"/>
      <c r="UQA660" s="613"/>
      <c r="UQB660" s="613"/>
      <c r="UQC660" s="613"/>
      <c r="UQD660" s="613"/>
      <c r="UQE660" s="613"/>
      <c r="UQF660" s="613"/>
      <c r="UQG660" s="613"/>
      <c r="UQH660" s="613"/>
      <c r="UQI660" s="613"/>
      <c r="UQJ660" s="613"/>
      <c r="UQK660" s="613"/>
      <c r="UQL660" s="613"/>
      <c r="UQM660" s="613"/>
      <c r="UQN660" s="613"/>
      <c r="UQO660" s="613"/>
      <c r="UQP660" s="613"/>
      <c r="UQQ660" s="613"/>
      <c r="UQR660" s="613"/>
      <c r="UQS660" s="613"/>
      <c r="UQT660" s="613"/>
      <c r="UQU660" s="613"/>
      <c r="UQV660" s="613"/>
      <c r="UQW660" s="613"/>
      <c r="UQX660" s="613"/>
      <c r="UQY660" s="613"/>
      <c r="UQZ660" s="613"/>
      <c r="URA660" s="613"/>
      <c r="URB660" s="613"/>
      <c r="URC660" s="613"/>
      <c r="URD660" s="613"/>
      <c r="URE660" s="613"/>
      <c r="URF660" s="613"/>
      <c r="URG660" s="613"/>
      <c r="URH660" s="613"/>
      <c r="URI660" s="613"/>
      <c r="URJ660" s="613"/>
      <c r="URK660" s="613"/>
      <c r="URL660" s="613"/>
      <c r="URM660" s="613"/>
      <c r="URN660" s="613"/>
      <c r="URO660" s="613"/>
      <c r="URP660" s="613"/>
      <c r="URQ660" s="613"/>
      <c r="URR660" s="613"/>
      <c r="URS660" s="613"/>
      <c r="URT660" s="613"/>
      <c r="URU660" s="613"/>
      <c r="URV660" s="613"/>
      <c r="URW660" s="613"/>
      <c r="URX660" s="613"/>
      <c r="URY660" s="613"/>
      <c r="URZ660" s="613"/>
      <c r="USA660" s="613"/>
      <c r="USB660" s="613"/>
      <c r="USC660" s="613"/>
      <c r="USD660" s="613"/>
      <c r="USE660" s="613"/>
      <c r="USF660" s="613"/>
      <c r="USG660" s="613"/>
      <c r="USH660" s="613"/>
      <c r="USI660" s="613"/>
      <c r="USJ660" s="613"/>
      <c r="USK660" s="613"/>
      <c r="USL660" s="613"/>
      <c r="USM660" s="613"/>
      <c r="USN660" s="613"/>
      <c r="USO660" s="613"/>
      <c r="USP660" s="613"/>
      <c r="USQ660" s="613"/>
      <c r="USR660" s="613"/>
      <c r="USS660" s="613"/>
      <c r="UST660" s="613"/>
      <c r="USU660" s="613"/>
      <c r="USV660" s="613"/>
      <c r="USW660" s="613"/>
      <c r="USX660" s="613"/>
      <c r="USY660" s="613"/>
      <c r="USZ660" s="613"/>
      <c r="UTA660" s="613"/>
      <c r="UTB660" s="613"/>
      <c r="UTC660" s="613"/>
      <c r="UTD660" s="613"/>
      <c r="UTE660" s="613"/>
      <c r="UTF660" s="613"/>
      <c r="UTG660" s="613"/>
      <c r="UTH660" s="613"/>
      <c r="UTI660" s="613"/>
      <c r="UTJ660" s="613"/>
      <c r="UTK660" s="613"/>
      <c r="UTL660" s="613"/>
      <c r="UTM660" s="613"/>
      <c r="UTN660" s="613"/>
      <c r="UTO660" s="613"/>
      <c r="UTP660" s="613"/>
      <c r="UTQ660" s="613"/>
      <c r="UTR660" s="613"/>
      <c r="UTS660" s="613"/>
      <c r="UTT660" s="613"/>
      <c r="UTU660" s="613"/>
      <c r="UTV660" s="613"/>
      <c r="UTW660" s="613"/>
      <c r="UTX660" s="613"/>
      <c r="UTY660" s="613"/>
      <c r="UTZ660" s="613"/>
      <c r="UUA660" s="613"/>
      <c r="UUB660" s="613"/>
      <c r="UUC660" s="613"/>
      <c r="UUD660" s="613"/>
      <c r="UUE660" s="613"/>
      <c r="UUF660" s="613"/>
      <c r="UUG660" s="613"/>
      <c r="UUH660" s="613"/>
      <c r="UUI660" s="613"/>
      <c r="UUJ660" s="613"/>
      <c r="UUK660" s="613"/>
      <c r="UUL660" s="613"/>
      <c r="UUM660" s="613"/>
      <c r="UUN660" s="613"/>
      <c r="UUO660" s="613"/>
      <c r="UUP660" s="613"/>
      <c r="UUQ660" s="613"/>
      <c r="UUR660" s="613"/>
      <c r="UUS660" s="613"/>
      <c r="UUT660" s="613"/>
      <c r="UUU660" s="613"/>
      <c r="UUV660" s="613"/>
      <c r="UUW660" s="613"/>
      <c r="UUX660" s="613"/>
      <c r="UUY660" s="613"/>
      <c r="UUZ660" s="613"/>
      <c r="UVA660" s="613"/>
      <c r="UVB660" s="613"/>
      <c r="UVC660" s="613"/>
      <c r="UVD660" s="613"/>
      <c r="UVE660" s="613"/>
      <c r="UVF660" s="613"/>
      <c r="UVG660" s="613"/>
      <c r="UVH660" s="613"/>
      <c r="UVI660" s="613"/>
      <c r="UVJ660" s="613"/>
      <c r="UVK660" s="613"/>
      <c r="UVL660" s="613"/>
      <c r="UVM660" s="613"/>
      <c r="UVN660" s="613"/>
      <c r="UVO660" s="613"/>
      <c r="UVP660" s="613"/>
      <c r="UVQ660" s="613"/>
      <c r="UVR660" s="613"/>
      <c r="UVS660" s="613"/>
      <c r="UVT660" s="613"/>
      <c r="UVU660" s="613"/>
      <c r="UVV660" s="613"/>
      <c r="UVW660" s="613"/>
      <c r="UVX660" s="613"/>
      <c r="UVY660" s="613"/>
      <c r="UVZ660" s="613"/>
      <c r="UWA660" s="613"/>
      <c r="UWB660" s="613"/>
      <c r="UWC660" s="613"/>
      <c r="UWD660" s="613"/>
      <c r="UWE660" s="613"/>
      <c r="UWF660" s="613"/>
      <c r="UWG660" s="613"/>
      <c r="UWH660" s="613"/>
      <c r="UWI660" s="613"/>
      <c r="UWJ660" s="613"/>
      <c r="UWK660" s="613"/>
      <c r="UWL660" s="613"/>
      <c r="UWM660" s="613"/>
      <c r="UWN660" s="613"/>
      <c r="UWO660" s="613"/>
      <c r="UWP660" s="613"/>
      <c r="UWQ660" s="613"/>
      <c r="UWR660" s="613"/>
      <c r="UWS660" s="613"/>
      <c r="UWT660" s="613"/>
      <c r="UWU660" s="613"/>
      <c r="UWV660" s="613"/>
      <c r="UWW660" s="613"/>
      <c r="UWX660" s="613"/>
      <c r="UWY660" s="613"/>
      <c r="UWZ660" s="613"/>
      <c r="UXA660" s="613"/>
      <c r="UXB660" s="613"/>
      <c r="UXC660" s="613"/>
      <c r="UXD660" s="613"/>
      <c r="UXE660" s="613"/>
      <c r="UXF660" s="613"/>
      <c r="UXG660" s="613"/>
      <c r="UXH660" s="613"/>
      <c r="UXI660" s="613"/>
      <c r="UXJ660" s="613"/>
      <c r="UXK660" s="613"/>
      <c r="UXL660" s="613"/>
      <c r="UXM660" s="613"/>
      <c r="UXN660" s="613"/>
      <c r="UXO660" s="613"/>
      <c r="UXP660" s="613"/>
      <c r="UXQ660" s="613"/>
      <c r="UXR660" s="613"/>
      <c r="UXS660" s="613"/>
      <c r="UXT660" s="613"/>
      <c r="UXU660" s="613"/>
      <c r="UXV660" s="613"/>
      <c r="UXW660" s="613"/>
      <c r="UXX660" s="613"/>
      <c r="UXY660" s="613"/>
      <c r="UXZ660" s="613"/>
      <c r="UYA660" s="613"/>
      <c r="UYB660" s="613"/>
      <c r="UYC660" s="613"/>
      <c r="UYD660" s="613"/>
      <c r="UYE660" s="613"/>
      <c r="UYF660" s="613"/>
      <c r="UYG660" s="613"/>
      <c r="UYH660" s="613"/>
      <c r="UYI660" s="613"/>
      <c r="UYJ660" s="613"/>
      <c r="UYK660" s="613"/>
      <c r="UYL660" s="613"/>
      <c r="UYM660" s="613"/>
      <c r="UYN660" s="613"/>
      <c r="UYO660" s="613"/>
      <c r="UYP660" s="613"/>
      <c r="UYQ660" s="613"/>
      <c r="UYR660" s="613"/>
      <c r="UYS660" s="613"/>
      <c r="UYT660" s="613"/>
      <c r="UYU660" s="613"/>
      <c r="UYV660" s="613"/>
      <c r="UYW660" s="613"/>
      <c r="UYX660" s="613"/>
      <c r="UYY660" s="613"/>
      <c r="UYZ660" s="613"/>
      <c r="UZA660" s="613"/>
      <c r="UZB660" s="613"/>
      <c r="UZC660" s="613"/>
      <c r="UZD660" s="613"/>
      <c r="UZE660" s="613"/>
      <c r="UZF660" s="613"/>
      <c r="UZG660" s="613"/>
      <c r="UZH660" s="613"/>
      <c r="UZI660" s="613"/>
      <c r="UZJ660" s="613"/>
      <c r="UZK660" s="613"/>
      <c r="UZL660" s="613"/>
      <c r="UZM660" s="613"/>
      <c r="UZN660" s="613"/>
      <c r="UZO660" s="613"/>
      <c r="UZP660" s="613"/>
      <c r="UZQ660" s="613"/>
      <c r="UZR660" s="613"/>
      <c r="UZS660" s="613"/>
      <c r="UZT660" s="613"/>
      <c r="UZU660" s="613"/>
      <c r="UZV660" s="613"/>
      <c r="UZW660" s="613"/>
      <c r="UZX660" s="613"/>
      <c r="UZY660" s="613"/>
      <c r="UZZ660" s="613"/>
      <c r="VAA660" s="613"/>
      <c r="VAB660" s="613"/>
      <c r="VAC660" s="613"/>
      <c r="VAD660" s="613"/>
      <c r="VAE660" s="613"/>
      <c r="VAF660" s="613"/>
      <c r="VAG660" s="613"/>
      <c r="VAH660" s="613"/>
      <c r="VAI660" s="613"/>
      <c r="VAJ660" s="613"/>
      <c r="VAK660" s="613"/>
      <c r="VAL660" s="613"/>
      <c r="VAM660" s="613"/>
      <c r="VAN660" s="613"/>
      <c r="VAO660" s="613"/>
      <c r="VAP660" s="613"/>
      <c r="VAQ660" s="613"/>
      <c r="VAR660" s="613"/>
      <c r="VAS660" s="613"/>
      <c r="VAT660" s="613"/>
      <c r="VAU660" s="613"/>
      <c r="VAV660" s="613"/>
      <c r="VAW660" s="613"/>
      <c r="VAX660" s="613"/>
      <c r="VAY660" s="613"/>
      <c r="VAZ660" s="613"/>
      <c r="VBA660" s="613"/>
      <c r="VBB660" s="613"/>
      <c r="VBC660" s="613"/>
      <c r="VBD660" s="613"/>
      <c r="VBE660" s="613"/>
      <c r="VBF660" s="613"/>
      <c r="VBG660" s="613"/>
      <c r="VBH660" s="613"/>
      <c r="VBI660" s="613"/>
      <c r="VBJ660" s="613"/>
      <c r="VBK660" s="613"/>
      <c r="VBL660" s="613"/>
      <c r="VBM660" s="613"/>
      <c r="VBN660" s="613"/>
      <c r="VBO660" s="613"/>
      <c r="VBP660" s="613"/>
      <c r="VBQ660" s="613"/>
      <c r="VBR660" s="613"/>
      <c r="VBS660" s="613"/>
      <c r="VBT660" s="613"/>
      <c r="VBU660" s="613"/>
      <c r="VBV660" s="613"/>
      <c r="VBW660" s="613"/>
      <c r="VBX660" s="613"/>
      <c r="VBY660" s="613"/>
      <c r="VBZ660" s="613"/>
      <c r="VCA660" s="613"/>
      <c r="VCB660" s="613"/>
      <c r="VCC660" s="613"/>
      <c r="VCD660" s="613"/>
      <c r="VCE660" s="613"/>
      <c r="VCF660" s="613"/>
      <c r="VCG660" s="613"/>
      <c r="VCH660" s="613"/>
      <c r="VCI660" s="613"/>
      <c r="VCJ660" s="613"/>
      <c r="VCK660" s="613"/>
      <c r="VCL660" s="613"/>
      <c r="VCM660" s="613"/>
      <c r="VCN660" s="613"/>
      <c r="VCO660" s="613"/>
      <c r="VCP660" s="613"/>
      <c r="VCQ660" s="613"/>
      <c r="VCR660" s="613"/>
      <c r="VCS660" s="613"/>
      <c r="VCT660" s="613"/>
      <c r="VCU660" s="613"/>
      <c r="VCV660" s="613"/>
      <c r="VCW660" s="613"/>
      <c r="VCX660" s="613"/>
      <c r="VCY660" s="613"/>
      <c r="VCZ660" s="613"/>
      <c r="VDA660" s="613"/>
      <c r="VDB660" s="613"/>
      <c r="VDC660" s="613"/>
      <c r="VDD660" s="613"/>
      <c r="VDE660" s="613"/>
      <c r="VDF660" s="613"/>
      <c r="VDG660" s="613"/>
      <c r="VDH660" s="613"/>
      <c r="VDI660" s="613"/>
      <c r="VDJ660" s="613"/>
      <c r="VDK660" s="613"/>
      <c r="VDL660" s="613"/>
      <c r="VDM660" s="613"/>
      <c r="VDN660" s="613"/>
      <c r="VDO660" s="613"/>
      <c r="VDP660" s="613"/>
      <c r="VDQ660" s="613"/>
      <c r="VDR660" s="613"/>
      <c r="VDS660" s="613"/>
      <c r="VDT660" s="613"/>
      <c r="VDU660" s="613"/>
      <c r="VDV660" s="613"/>
      <c r="VDW660" s="613"/>
      <c r="VDX660" s="613"/>
      <c r="VDY660" s="613"/>
      <c r="VDZ660" s="613"/>
      <c r="VEA660" s="613"/>
      <c r="VEB660" s="613"/>
      <c r="VEC660" s="613"/>
      <c r="VED660" s="613"/>
      <c r="VEE660" s="613"/>
      <c r="VEF660" s="613"/>
      <c r="VEG660" s="613"/>
      <c r="VEH660" s="613"/>
      <c r="VEI660" s="613"/>
      <c r="VEJ660" s="613"/>
      <c r="VEK660" s="613"/>
      <c r="VEL660" s="613"/>
      <c r="VEM660" s="613"/>
      <c r="VEN660" s="613"/>
      <c r="VEO660" s="613"/>
      <c r="VEP660" s="613"/>
      <c r="VEQ660" s="613"/>
      <c r="VER660" s="613"/>
      <c r="VES660" s="613"/>
      <c r="VET660" s="613"/>
      <c r="VEU660" s="613"/>
      <c r="VEV660" s="613"/>
      <c r="VEW660" s="613"/>
      <c r="VEX660" s="613"/>
      <c r="VEY660" s="613"/>
      <c r="VEZ660" s="613"/>
      <c r="VFA660" s="613"/>
      <c r="VFB660" s="613"/>
      <c r="VFC660" s="613"/>
      <c r="VFD660" s="613"/>
      <c r="VFE660" s="613"/>
      <c r="VFF660" s="613"/>
      <c r="VFG660" s="613"/>
      <c r="VFH660" s="613"/>
      <c r="VFI660" s="613"/>
      <c r="VFJ660" s="613"/>
      <c r="VFK660" s="613"/>
      <c r="VFL660" s="613"/>
      <c r="VFM660" s="613"/>
      <c r="VFN660" s="613"/>
      <c r="VFO660" s="613"/>
      <c r="VFP660" s="613"/>
      <c r="VFQ660" s="613"/>
      <c r="VFR660" s="613"/>
      <c r="VFS660" s="613"/>
      <c r="VFT660" s="613"/>
      <c r="VFU660" s="613"/>
      <c r="VFV660" s="613"/>
      <c r="VFW660" s="613"/>
      <c r="VFX660" s="613"/>
      <c r="VFY660" s="613"/>
      <c r="VFZ660" s="613"/>
      <c r="VGA660" s="613"/>
      <c r="VGB660" s="613"/>
      <c r="VGC660" s="613"/>
      <c r="VGD660" s="613"/>
      <c r="VGE660" s="613"/>
      <c r="VGF660" s="613"/>
      <c r="VGG660" s="613"/>
      <c r="VGH660" s="613"/>
      <c r="VGI660" s="613"/>
      <c r="VGJ660" s="613"/>
      <c r="VGK660" s="613"/>
      <c r="VGL660" s="613"/>
      <c r="VGM660" s="613"/>
      <c r="VGN660" s="613"/>
      <c r="VGO660" s="613"/>
      <c r="VGP660" s="613"/>
      <c r="VGQ660" s="613"/>
      <c r="VGR660" s="613"/>
      <c r="VGS660" s="613"/>
      <c r="VGT660" s="613"/>
      <c r="VGU660" s="613"/>
      <c r="VGV660" s="613"/>
      <c r="VGW660" s="613"/>
      <c r="VGX660" s="613"/>
      <c r="VGY660" s="613"/>
      <c r="VGZ660" s="613"/>
      <c r="VHA660" s="613"/>
      <c r="VHB660" s="613"/>
      <c r="VHC660" s="613"/>
      <c r="VHD660" s="613"/>
      <c r="VHE660" s="613"/>
      <c r="VHF660" s="613"/>
      <c r="VHG660" s="613"/>
      <c r="VHH660" s="613"/>
      <c r="VHI660" s="613"/>
      <c r="VHJ660" s="613"/>
      <c r="VHK660" s="613"/>
      <c r="VHL660" s="613"/>
      <c r="VHM660" s="613"/>
      <c r="VHN660" s="613"/>
      <c r="VHO660" s="613"/>
      <c r="VHP660" s="613"/>
      <c r="VHQ660" s="613"/>
      <c r="VHR660" s="613"/>
      <c r="VHS660" s="613"/>
      <c r="VHT660" s="613"/>
      <c r="VHU660" s="613"/>
      <c r="VHV660" s="613"/>
      <c r="VHW660" s="613"/>
      <c r="VHX660" s="613"/>
      <c r="VHY660" s="613"/>
      <c r="VHZ660" s="613"/>
      <c r="VIA660" s="613"/>
      <c r="VIB660" s="613"/>
      <c r="VIC660" s="613"/>
      <c r="VID660" s="613"/>
      <c r="VIE660" s="613"/>
      <c r="VIF660" s="613"/>
      <c r="VIG660" s="613"/>
      <c r="VIH660" s="613"/>
      <c r="VII660" s="613"/>
      <c r="VIJ660" s="613"/>
      <c r="VIK660" s="613"/>
      <c r="VIL660" s="613"/>
      <c r="VIM660" s="613"/>
      <c r="VIN660" s="613"/>
      <c r="VIO660" s="613"/>
      <c r="VIP660" s="613"/>
      <c r="VIQ660" s="613"/>
      <c r="VIR660" s="613"/>
      <c r="VIS660" s="613"/>
      <c r="VIT660" s="613"/>
      <c r="VIU660" s="613"/>
      <c r="VIV660" s="613"/>
      <c r="VIW660" s="613"/>
      <c r="VIX660" s="613"/>
      <c r="VIY660" s="613"/>
      <c r="VIZ660" s="613"/>
      <c r="VJA660" s="613"/>
      <c r="VJB660" s="613"/>
      <c r="VJC660" s="613"/>
      <c r="VJD660" s="613"/>
      <c r="VJE660" s="613"/>
      <c r="VJF660" s="613"/>
      <c r="VJG660" s="613"/>
      <c r="VJH660" s="613"/>
      <c r="VJI660" s="613"/>
      <c r="VJJ660" s="613"/>
      <c r="VJK660" s="613"/>
      <c r="VJL660" s="613"/>
      <c r="VJM660" s="613"/>
      <c r="VJN660" s="613"/>
      <c r="VJO660" s="613"/>
      <c r="VJP660" s="613"/>
      <c r="VJQ660" s="613"/>
      <c r="VJR660" s="613"/>
      <c r="VJS660" s="613"/>
      <c r="VJT660" s="613"/>
      <c r="VJU660" s="613"/>
      <c r="VJV660" s="613"/>
      <c r="VJW660" s="613"/>
      <c r="VJX660" s="613"/>
      <c r="VJY660" s="613"/>
      <c r="VJZ660" s="613"/>
      <c r="VKA660" s="613"/>
      <c r="VKB660" s="613"/>
      <c r="VKC660" s="613"/>
      <c r="VKD660" s="613"/>
      <c r="VKE660" s="613"/>
      <c r="VKF660" s="613"/>
      <c r="VKG660" s="613"/>
      <c r="VKH660" s="613"/>
      <c r="VKI660" s="613"/>
      <c r="VKJ660" s="613"/>
      <c r="VKK660" s="613"/>
      <c r="VKL660" s="613"/>
      <c r="VKM660" s="613"/>
      <c r="VKN660" s="613"/>
      <c r="VKO660" s="613"/>
      <c r="VKP660" s="613"/>
      <c r="VKQ660" s="613"/>
      <c r="VKR660" s="613"/>
      <c r="VKS660" s="613"/>
      <c r="VKT660" s="613"/>
      <c r="VKU660" s="613"/>
      <c r="VKV660" s="613"/>
      <c r="VKW660" s="613"/>
      <c r="VKX660" s="613"/>
      <c r="VKY660" s="613"/>
      <c r="VKZ660" s="613"/>
      <c r="VLA660" s="613"/>
      <c r="VLB660" s="613"/>
      <c r="VLC660" s="613"/>
      <c r="VLD660" s="613"/>
      <c r="VLE660" s="613"/>
      <c r="VLF660" s="613"/>
      <c r="VLG660" s="613"/>
      <c r="VLH660" s="613"/>
      <c r="VLI660" s="613"/>
      <c r="VLJ660" s="613"/>
      <c r="VLK660" s="613"/>
      <c r="VLL660" s="613"/>
      <c r="VLM660" s="613"/>
      <c r="VLN660" s="613"/>
      <c r="VLO660" s="613"/>
      <c r="VLP660" s="613"/>
      <c r="VLQ660" s="613"/>
      <c r="VLR660" s="613"/>
      <c r="VLS660" s="613"/>
      <c r="VLT660" s="613"/>
      <c r="VLU660" s="613"/>
      <c r="VLV660" s="613"/>
      <c r="VLW660" s="613"/>
      <c r="VLX660" s="613"/>
      <c r="VLY660" s="613"/>
      <c r="VLZ660" s="613"/>
      <c r="VMA660" s="613"/>
      <c r="VMB660" s="613"/>
      <c r="VMC660" s="613"/>
      <c r="VMD660" s="613"/>
      <c r="VME660" s="613"/>
      <c r="VMF660" s="613"/>
      <c r="VMG660" s="613"/>
      <c r="VMH660" s="613"/>
      <c r="VMI660" s="613"/>
      <c r="VMJ660" s="613"/>
      <c r="VMK660" s="613"/>
      <c r="VML660" s="613"/>
      <c r="VMM660" s="613"/>
      <c r="VMN660" s="613"/>
      <c r="VMO660" s="613"/>
      <c r="VMP660" s="613"/>
      <c r="VMQ660" s="613"/>
      <c r="VMR660" s="613"/>
      <c r="VMS660" s="613"/>
      <c r="VMT660" s="613"/>
      <c r="VMU660" s="613"/>
      <c r="VMV660" s="613"/>
      <c r="VMW660" s="613"/>
      <c r="VMX660" s="613"/>
      <c r="VMY660" s="613"/>
      <c r="VMZ660" s="613"/>
      <c r="VNA660" s="613"/>
      <c r="VNB660" s="613"/>
      <c r="VNC660" s="613"/>
      <c r="VND660" s="613"/>
      <c r="VNE660" s="613"/>
      <c r="VNF660" s="613"/>
      <c r="VNG660" s="613"/>
      <c r="VNH660" s="613"/>
      <c r="VNI660" s="613"/>
      <c r="VNJ660" s="613"/>
      <c r="VNK660" s="613"/>
      <c r="VNL660" s="613"/>
      <c r="VNM660" s="613"/>
      <c r="VNN660" s="613"/>
      <c r="VNO660" s="613"/>
      <c r="VNP660" s="613"/>
      <c r="VNQ660" s="613"/>
      <c r="VNR660" s="613"/>
      <c r="VNS660" s="613"/>
      <c r="VNT660" s="613"/>
      <c r="VNU660" s="613"/>
      <c r="VNV660" s="613"/>
      <c r="VNW660" s="613"/>
      <c r="VNX660" s="613"/>
      <c r="VNY660" s="613"/>
      <c r="VNZ660" s="613"/>
      <c r="VOA660" s="613"/>
      <c r="VOB660" s="613"/>
      <c r="VOC660" s="613"/>
      <c r="VOD660" s="613"/>
      <c r="VOE660" s="613"/>
      <c r="VOF660" s="613"/>
      <c r="VOG660" s="613"/>
      <c r="VOH660" s="613"/>
      <c r="VOI660" s="613"/>
      <c r="VOJ660" s="613"/>
      <c r="VOK660" s="613"/>
      <c r="VOL660" s="613"/>
      <c r="VOM660" s="613"/>
      <c r="VON660" s="613"/>
      <c r="VOO660" s="613"/>
      <c r="VOP660" s="613"/>
      <c r="VOQ660" s="613"/>
      <c r="VOR660" s="613"/>
      <c r="VOS660" s="613"/>
      <c r="VOT660" s="613"/>
      <c r="VOU660" s="613"/>
      <c r="VOV660" s="613"/>
      <c r="VOW660" s="613"/>
      <c r="VOX660" s="613"/>
      <c r="VOY660" s="613"/>
      <c r="VOZ660" s="613"/>
      <c r="VPA660" s="613"/>
      <c r="VPB660" s="613"/>
      <c r="VPC660" s="613"/>
      <c r="VPD660" s="613"/>
      <c r="VPE660" s="613"/>
      <c r="VPF660" s="613"/>
      <c r="VPG660" s="613"/>
      <c r="VPH660" s="613"/>
      <c r="VPI660" s="613"/>
      <c r="VPJ660" s="613"/>
      <c r="VPK660" s="613"/>
      <c r="VPL660" s="613"/>
      <c r="VPM660" s="613"/>
      <c r="VPN660" s="613"/>
      <c r="VPO660" s="613"/>
      <c r="VPP660" s="613"/>
      <c r="VPQ660" s="613"/>
      <c r="VPR660" s="613"/>
      <c r="VPS660" s="613"/>
      <c r="VPT660" s="613"/>
      <c r="VPU660" s="613"/>
      <c r="VPV660" s="613"/>
      <c r="VPW660" s="613"/>
      <c r="VPX660" s="613"/>
      <c r="VPY660" s="613"/>
      <c r="VPZ660" s="613"/>
      <c r="VQA660" s="613"/>
      <c r="VQB660" s="613"/>
      <c r="VQC660" s="613"/>
      <c r="VQD660" s="613"/>
      <c r="VQE660" s="613"/>
      <c r="VQF660" s="613"/>
      <c r="VQG660" s="613"/>
      <c r="VQH660" s="613"/>
      <c r="VQI660" s="613"/>
      <c r="VQJ660" s="613"/>
      <c r="VQK660" s="613"/>
      <c r="VQL660" s="613"/>
      <c r="VQM660" s="613"/>
      <c r="VQN660" s="613"/>
      <c r="VQO660" s="613"/>
      <c r="VQP660" s="613"/>
      <c r="VQQ660" s="613"/>
      <c r="VQR660" s="613"/>
      <c r="VQS660" s="613"/>
      <c r="VQT660" s="613"/>
      <c r="VQU660" s="613"/>
      <c r="VQV660" s="613"/>
      <c r="VQW660" s="613"/>
      <c r="VQX660" s="613"/>
      <c r="VQY660" s="613"/>
      <c r="VQZ660" s="613"/>
      <c r="VRA660" s="613"/>
      <c r="VRB660" s="613"/>
      <c r="VRC660" s="613"/>
      <c r="VRD660" s="613"/>
      <c r="VRE660" s="613"/>
      <c r="VRF660" s="613"/>
      <c r="VRG660" s="613"/>
      <c r="VRH660" s="613"/>
      <c r="VRI660" s="613"/>
      <c r="VRJ660" s="613"/>
      <c r="VRK660" s="613"/>
      <c r="VRL660" s="613"/>
      <c r="VRM660" s="613"/>
      <c r="VRN660" s="613"/>
      <c r="VRO660" s="613"/>
      <c r="VRP660" s="613"/>
      <c r="VRQ660" s="613"/>
      <c r="VRR660" s="613"/>
      <c r="VRS660" s="613"/>
      <c r="VRT660" s="613"/>
      <c r="VRU660" s="613"/>
      <c r="VRV660" s="613"/>
      <c r="VRW660" s="613"/>
      <c r="VRX660" s="613"/>
      <c r="VRY660" s="613"/>
      <c r="VRZ660" s="613"/>
      <c r="VSA660" s="613"/>
      <c r="VSB660" s="613"/>
      <c r="VSC660" s="613"/>
      <c r="VSD660" s="613"/>
      <c r="VSE660" s="613"/>
      <c r="VSF660" s="613"/>
      <c r="VSG660" s="613"/>
      <c r="VSH660" s="613"/>
      <c r="VSI660" s="613"/>
      <c r="VSJ660" s="613"/>
      <c r="VSK660" s="613"/>
      <c r="VSL660" s="613"/>
      <c r="VSM660" s="613"/>
      <c r="VSN660" s="613"/>
      <c r="VSO660" s="613"/>
      <c r="VSP660" s="613"/>
      <c r="VSQ660" s="613"/>
      <c r="VSR660" s="613"/>
      <c r="VSS660" s="613"/>
      <c r="VST660" s="613"/>
      <c r="VSU660" s="613"/>
      <c r="VSV660" s="613"/>
      <c r="VSW660" s="613"/>
      <c r="VSX660" s="613"/>
      <c r="VSY660" s="613"/>
      <c r="VSZ660" s="613"/>
      <c r="VTA660" s="613"/>
      <c r="VTB660" s="613"/>
      <c r="VTC660" s="613"/>
      <c r="VTD660" s="613"/>
      <c r="VTE660" s="613"/>
      <c r="VTF660" s="613"/>
      <c r="VTG660" s="613"/>
      <c r="VTH660" s="613"/>
      <c r="VTI660" s="613"/>
      <c r="VTJ660" s="613"/>
      <c r="VTK660" s="613"/>
      <c r="VTL660" s="613"/>
      <c r="VTM660" s="613"/>
      <c r="VTN660" s="613"/>
      <c r="VTO660" s="613"/>
      <c r="VTP660" s="613"/>
      <c r="VTQ660" s="613"/>
      <c r="VTR660" s="613"/>
      <c r="VTS660" s="613"/>
      <c r="VTT660" s="613"/>
      <c r="VTU660" s="613"/>
      <c r="VTV660" s="613"/>
      <c r="VTW660" s="613"/>
      <c r="VTX660" s="613"/>
      <c r="VTY660" s="613"/>
      <c r="VTZ660" s="613"/>
      <c r="VUA660" s="613"/>
      <c r="VUB660" s="613"/>
      <c r="VUC660" s="613"/>
      <c r="VUD660" s="613"/>
      <c r="VUE660" s="613"/>
      <c r="VUF660" s="613"/>
      <c r="VUG660" s="613"/>
      <c r="VUH660" s="613"/>
      <c r="VUI660" s="613"/>
      <c r="VUJ660" s="613"/>
      <c r="VUK660" s="613"/>
      <c r="VUL660" s="613"/>
      <c r="VUM660" s="613"/>
      <c r="VUN660" s="613"/>
      <c r="VUO660" s="613"/>
      <c r="VUP660" s="613"/>
      <c r="VUQ660" s="613"/>
      <c r="VUR660" s="613"/>
      <c r="VUS660" s="613"/>
      <c r="VUT660" s="613"/>
      <c r="VUU660" s="613"/>
      <c r="VUV660" s="613"/>
      <c r="VUW660" s="613"/>
      <c r="VUX660" s="613"/>
      <c r="VUY660" s="613"/>
      <c r="VUZ660" s="613"/>
      <c r="VVA660" s="613"/>
      <c r="VVB660" s="613"/>
      <c r="VVC660" s="613"/>
      <c r="VVD660" s="613"/>
      <c r="VVE660" s="613"/>
      <c r="VVF660" s="613"/>
      <c r="VVG660" s="613"/>
      <c r="VVH660" s="613"/>
      <c r="VVI660" s="613"/>
      <c r="VVJ660" s="613"/>
      <c r="VVK660" s="613"/>
      <c r="VVL660" s="613"/>
      <c r="VVM660" s="613"/>
      <c r="VVN660" s="613"/>
      <c r="VVO660" s="613"/>
      <c r="VVP660" s="613"/>
      <c r="VVQ660" s="613"/>
      <c r="VVR660" s="613"/>
      <c r="VVS660" s="613"/>
      <c r="VVT660" s="613"/>
      <c r="VVU660" s="613"/>
      <c r="VVV660" s="613"/>
      <c r="VVW660" s="613"/>
      <c r="VVX660" s="613"/>
      <c r="VVY660" s="613"/>
      <c r="VVZ660" s="613"/>
      <c r="VWA660" s="613"/>
      <c r="VWB660" s="613"/>
      <c r="VWC660" s="613"/>
      <c r="VWD660" s="613"/>
      <c r="VWE660" s="613"/>
      <c r="VWF660" s="613"/>
      <c r="VWG660" s="613"/>
      <c r="VWH660" s="613"/>
      <c r="VWI660" s="613"/>
      <c r="VWJ660" s="613"/>
      <c r="VWK660" s="613"/>
      <c r="VWL660" s="613"/>
      <c r="VWM660" s="613"/>
      <c r="VWN660" s="613"/>
      <c r="VWO660" s="613"/>
      <c r="VWP660" s="613"/>
      <c r="VWQ660" s="613"/>
      <c r="VWR660" s="613"/>
      <c r="VWS660" s="613"/>
      <c r="VWT660" s="613"/>
      <c r="VWU660" s="613"/>
      <c r="VWV660" s="613"/>
      <c r="VWW660" s="613"/>
      <c r="VWX660" s="613"/>
      <c r="VWY660" s="613"/>
      <c r="VWZ660" s="613"/>
      <c r="VXA660" s="613"/>
      <c r="VXB660" s="613"/>
      <c r="VXC660" s="613"/>
      <c r="VXD660" s="613"/>
      <c r="VXE660" s="613"/>
      <c r="VXF660" s="613"/>
      <c r="VXG660" s="613"/>
      <c r="VXH660" s="613"/>
      <c r="VXI660" s="613"/>
      <c r="VXJ660" s="613"/>
      <c r="VXK660" s="613"/>
      <c r="VXL660" s="613"/>
      <c r="VXM660" s="613"/>
      <c r="VXN660" s="613"/>
      <c r="VXO660" s="613"/>
      <c r="VXP660" s="613"/>
      <c r="VXQ660" s="613"/>
      <c r="VXR660" s="613"/>
      <c r="VXS660" s="613"/>
      <c r="VXT660" s="613"/>
      <c r="VXU660" s="613"/>
      <c r="VXV660" s="613"/>
      <c r="VXW660" s="613"/>
      <c r="VXX660" s="613"/>
      <c r="VXY660" s="613"/>
      <c r="VXZ660" s="613"/>
      <c r="VYA660" s="613"/>
      <c r="VYB660" s="613"/>
      <c r="VYC660" s="613"/>
      <c r="VYD660" s="613"/>
      <c r="VYE660" s="613"/>
      <c r="VYF660" s="613"/>
      <c r="VYG660" s="613"/>
      <c r="VYH660" s="613"/>
      <c r="VYI660" s="613"/>
      <c r="VYJ660" s="613"/>
      <c r="VYK660" s="613"/>
      <c r="VYL660" s="613"/>
      <c r="VYM660" s="613"/>
      <c r="VYN660" s="613"/>
      <c r="VYO660" s="613"/>
      <c r="VYP660" s="613"/>
      <c r="VYQ660" s="613"/>
      <c r="VYR660" s="613"/>
      <c r="VYS660" s="613"/>
      <c r="VYT660" s="613"/>
      <c r="VYU660" s="613"/>
      <c r="VYV660" s="613"/>
      <c r="VYW660" s="613"/>
      <c r="VYX660" s="613"/>
      <c r="VYY660" s="613"/>
      <c r="VYZ660" s="613"/>
      <c r="VZA660" s="613"/>
      <c r="VZB660" s="613"/>
      <c r="VZC660" s="613"/>
      <c r="VZD660" s="613"/>
      <c r="VZE660" s="613"/>
      <c r="VZF660" s="613"/>
      <c r="VZG660" s="613"/>
      <c r="VZH660" s="613"/>
      <c r="VZI660" s="613"/>
      <c r="VZJ660" s="613"/>
      <c r="VZK660" s="613"/>
      <c r="VZL660" s="613"/>
      <c r="VZM660" s="613"/>
      <c r="VZN660" s="613"/>
      <c r="VZO660" s="613"/>
      <c r="VZP660" s="613"/>
      <c r="VZQ660" s="613"/>
      <c r="VZR660" s="613"/>
      <c r="VZS660" s="613"/>
      <c r="VZT660" s="613"/>
      <c r="VZU660" s="613"/>
      <c r="VZV660" s="613"/>
      <c r="VZW660" s="613"/>
      <c r="VZX660" s="613"/>
      <c r="VZY660" s="613"/>
      <c r="VZZ660" s="613"/>
      <c r="WAA660" s="613"/>
      <c r="WAB660" s="613"/>
      <c r="WAC660" s="613"/>
      <c r="WAD660" s="613"/>
      <c r="WAE660" s="613"/>
      <c r="WAF660" s="613"/>
      <c r="WAG660" s="613"/>
      <c r="WAH660" s="613"/>
      <c r="WAI660" s="613"/>
      <c r="WAJ660" s="613"/>
      <c r="WAK660" s="613"/>
      <c r="WAL660" s="613"/>
      <c r="WAM660" s="613"/>
      <c r="WAN660" s="613"/>
      <c r="WAO660" s="613"/>
      <c r="WAP660" s="613"/>
      <c r="WAQ660" s="613"/>
      <c r="WAR660" s="613"/>
      <c r="WAS660" s="613"/>
      <c r="WAT660" s="613"/>
      <c r="WAU660" s="613"/>
      <c r="WAV660" s="613"/>
      <c r="WAW660" s="613"/>
      <c r="WAX660" s="613"/>
      <c r="WAY660" s="613"/>
      <c r="WAZ660" s="613"/>
      <c r="WBA660" s="613"/>
      <c r="WBB660" s="613"/>
      <c r="WBC660" s="613"/>
      <c r="WBD660" s="613"/>
      <c r="WBE660" s="613"/>
      <c r="WBF660" s="613"/>
      <c r="WBG660" s="613"/>
      <c r="WBH660" s="613"/>
      <c r="WBI660" s="613"/>
      <c r="WBJ660" s="613"/>
      <c r="WBK660" s="613"/>
      <c r="WBL660" s="613"/>
      <c r="WBM660" s="613"/>
      <c r="WBN660" s="613"/>
      <c r="WBO660" s="613"/>
      <c r="WBP660" s="613"/>
      <c r="WBQ660" s="613"/>
      <c r="WBR660" s="613"/>
      <c r="WBS660" s="613"/>
      <c r="WBT660" s="613"/>
      <c r="WBU660" s="613"/>
      <c r="WBV660" s="613"/>
      <c r="WBW660" s="613"/>
      <c r="WBX660" s="613"/>
      <c r="WBY660" s="613"/>
      <c r="WBZ660" s="613"/>
      <c r="WCA660" s="613"/>
      <c r="WCB660" s="613"/>
      <c r="WCC660" s="613"/>
      <c r="WCD660" s="613"/>
      <c r="WCE660" s="613"/>
      <c r="WCF660" s="613"/>
      <c r="WCG660" s="613"/>
      <c r="WCH660" s="613"/>
      <c r="WCI660" s="613"/>
      <c r="WCJ660" s="613"/>
      <c r="WCK660" s="613"/>
      <c r="WCL660" s="613"/>
      <c r="WCM660" s="613"/>
      <c r="WCN660" s="613"/>
      <c r="WCO660" s="613"/>
      <c r="WCP660" s="613"/>
      <c r="WCQ660" s="613"/>
      <c r="WCR660" s="613"/>
      <c r="WCS660" s="613"/>
      <c r="WCT660" s="613"/>
      <c r="WCU660" s="613"/>
      <c r="WCV660" s="613"/>
      <c r="WCW660" s="613"/>
      <c r="WCX660" s="613"/>
      <c r="WCY660" s="613"/>
      <c r="WCZ660" s="613"/>
      <c r="WDA660" s="613"/>
      <c r="WDB660" s="613"/>
      <c r="WDC660" s="613"/>
      <c r="WDD660" s="613"/>
      <c r="WDE660" s="613"/>
      <c r="WDF660" s="613"/>
      <c r="WDG660" s="613"/>
      <c r="WDH660" s="613"/>
      <c r="WDI660" s="613"/>
      <c r="WDJ660" s="613"/>
      <c r="WDK660" s="613"/>
      <c r="WDL660" s="613"/>
      <c r="WDM660" s="613"/>
      <c r="WDN660" s="613"/>
      <c r="WDO660" s="613"/>
      <c r="WDP660" s="613"/>
      <c r="WDQ660" s="613"/>
      <c r="WDR660" s="613"/>
      <c r="WDS660" s="613"/>
      <c r="WDT660" s="613"/>
      <c r="WDU660" s="613"/>
      <c r="WDV660" s="613"/>
      <c r="WDW660" s="613"/>
      <c r="WDX660" s="613"/>
      <c r="WDY660" s="613"/>
      <c r="WDZ660" s="613"/>
      <c r="WEA660" s="613"/>
      <c r="WEB660" s="613"/>
      <c r="WEC660" s="613"/>
      <c r="WED660" s="613"/>
      <c r="WEE660" s="613"/>
      <c r="WEF660" s="613"/>
      <c r="WEG660" s="613"/>
      <c r="WEH660" s="613"/>
      <c r="WEI660" s="613"/>
      <c r="WEJ660" s="613"/>
      <c r="WEK660" s="613"/>
      <c r="WEL660" s="613"/>
      <c r="WEM660" s="613"/>
      <c r="WEN660" s="613"/>
      <c r="WEO660" s="613"/>
      <c r="WEP660" s="613"/>
      <c r="WEQ660" s="613"/>
      <c r="WER660" s="613"/>
      <c r="WES660" s="613"/>
      <c r="WET660" s="613"/>
      <c r="WEU660" s="613"/>
      <c r="WEV660" s="613"/>
      <c r="WEW660" s="613"/>
      <c r="WEX660" s="613"/>
      <c r="WEY660" s="613"/>
      <c r="WEZ660" s="613"/>
      <c r="WFA660" s="613"/>
      <c r="WFB660" s="613"/>
      <c r="WFC660" s="613"/>
      <c r="WFD660" s="613"/>
      <c r="WFE660" s="613"/>
      <c r="WFF660" s="613"/>
      <c r="WFG660" s="613"/>
      <c r="WFH660" s="613"/>
      <c r="WFI660" s="613"/>
      <c r="WFJ660" s="613"/>
      <c r="WFK660" s="613"/>
      <c r="WFL660" s="613"/>
      <c r="WFM660" s="613"/>
      <c r="WFN660" s="613"/>
      <c r="WFO660" s="613"/>
      <c r="WFP660" s="613"/>
      <c r="WFQ660" s="613"/>
      <c r="WFR660" s="613"/>
      <c r="WFS660" s="613"/>
      <c r="WFT660" s="613"/>
      <c r="WFU660" s="613"/>
      <c r="WFV660" s="613"/>
      <c r="WFW660" s="613"/>
      <c r="WFX660" s="613"/>
      <c r="WFY660" s="613"/>
      <c r="WFZ660" s="613"/>
      <c r="WGA660" s="613"/>
      <c r="WGB660" s="613"/>
      <c r="WGC660" s="613"/>
      <c r="WGD660" s="613"/>
      <c r="WGE660" s="613"/>
      <c r="WGF660" s="613"/>
      <c r="WGG660" s="613"/>
      <c r="WGH660" s="613"/>
      <c r="WGI660" s="613"/>
      <c r="WGJ660" s="613"/>
      <c r="WGK660" s="613"/>
      <c r="WGL660" s="613"/>
      <c r="WGM660" s="613"/>
      <c r="WGN660" s="613"/>
      <c r="WGO660" s="613"/>
      <c r="WGP660" s="613"/>
      <c r="WGQ660" s="613"/>
      <c r="WGR660" s="613"/>
      <c r="WGS660" s="613"/>
      <c r="WGT660" s="613"/>
      <c r="WGU660" s="613"/>
      <c r="WGV660" s="613"/>
      <c r="WGW660" s="613"/>
      <c r="WGX660" s="613"/>
      <c r="WGY660" s="613"/>
      <c r="WGZ660" s="613"/>
      <c r="WHA660" s="613"/>
      <c r="WHB660" s="613"/>
      <c r="WHC660" s="613"/>
      <c r="WHD660" s="613"/>
      <c r="WHE660" s="613"/>
      <c r="WHF660" s="613"/>
      <c r="WHG660" s="613"/>
      <c r="WHH660" s="613"/>
      <c r="WHI660" s="613"/>
      <c r="WHJ660" s="613"/>
      <c r="WHK660" s="613"/>
      <c r="WHL660" s="613"/>
      <c r="WHM660" s="613"/>
      <c r="WHN660" s="613"/>
      <c r="WHO660" s="613"/>
      <c r="WHP660" s="613"/>
      <c r="WHQ660" s="613"/>
      <c r="WHR660" s="613"/>
      <c r="WHS660" s="613"/>
      <c r="WHT660" s="613"/>
      <c r="WHU660" s="613"/>
      <c r="WHV660" s="613"/>
      <c r="WHW660" s="613"/>
      <c r="WHX660" s="613"/>
      <c r="WHY660" s="613"/>
      <c r="WHZ660" s="613"/>
      <c r="WIA660" s="613"/>
      <c r="WIB660" s="613"/>
      <c r="WIC660" s="613"/>
      <c r="WID660" s="613"/>
      <c r="WIE660" s="613"/>
      <c r="WIF660" s="613"/>
      <c r="WIG660" s="613"/>
      <c r="WIH660" s="613"/>
      <c r="WII660" s="613"/>
      <c r="WIJ660" s="613"/>
      <c r="WIK660" s="613"/>
      <c r="WIL660" s="613"/>
      <c r="WIM660" s="613"/>
      <c r="WIN660" s="613"/>
      <c r="WIO660" s="613"/>
      <c r="WIP660" s="613"/>
      <c r="WIQ660" s="613"/>
      <c r="WIR660" s="613"/>
      <c r="WIS660" s="613"/>
      <c r="WIT660" s="613"/>
      <c r="WIU660" s="613"/>
      <c r="WIV660" s="613"/>
      <c r="WIW660" s="613"/>
      <c r="WIX660" s="613"/>
      <c r="WIY660" s="613"/>
      <c r="WIZ660" s="613"/>
      <c r="WJA660" s="613"/>
      <c r="WJB660" s="613"/>
      <c r="WJC660" s="613"/>
      <c r="WJD660" s="613"/>
      <c r="WJE660" s="613"/>
      <c r="WJF660" s="613"/>
      <c r="WJG660" s="613"/>
      <c r="WJH660" s="613"/>
      <c r="WJI660" s="613"/>
      <c r="WJJ660" s="613"/>
      <c r="WJK660" s="613"/>
      <c r="WJL660" s="613"/>
      <c r="WJM660" s="613"/>
      <c r="WJN660" s="613"/>
      <c r="WJO660" s="613"/>
      <c r="WJP660" s="613"/>
      <c r="WJQ660" s="613"/>
      <c r="WJR660" s="613"/>
      <c r="WJS660" s="613"/>
      <c r="WJT660" s="613"/>
      <c r="WJU660" s="613"/>
      <c r="WJV660" s="613"/>
      <c r="WJW660" s="613"/>
      <c r="WJX660" s="613"/>
      <c r="WJY660" s="613"/>
      <c r="WJZ660" s="613"/>
      <c r="WKA660" s="613"/>
      <c r="WKB660" s="613"/>
      <c r="WKC660" s="613"/>
      <c r="WKD660" s="613"/>
      <c r="WKE660" s="613"/>
      <c r="WKF660" s="613"/>
      <c r="WKG660" s="613"/>
      <c r="WKH660" s="613"/>
      <c r="WKI660" s="613"/>
      <c r="WKJ660" s="613"/>
      <c r="WKK660" s="613"/>
      <c r="WKL660" s="613"/>
      <c r="WKM660" s="613"/>
      <c r="WKN660" s="613"/>
      <c r="WKO660" s="613"/>
      <c r="WKP660" s="613"/>
      <c r="WKQ660" s="613"/>
      <c r="WKR660" s="613"/>
      <c r="WKS660" s="613"/>
      <c r="WKT660" s="613"/>
      <c r="WKU660" s="613"/>
      <c r="WKV660" s="613"/>
      <c r="WKW660" s="613"/>
      <c r="WKX660" s="613"/>
      <c r="WKY660" s="613"/>
      <c r="WKZ660" s="613"/>
      <c r="WLA660" s="613"/>
      <c r="WLB660" s="613"/>
      <c r="WLC660" s="613"/>
      <c r="WLD660" s="613"/>
      <c r="WLE660" s="613"/>
      <c r="WLF660" s="613"/>
      <c r="WLG660" s="613"/>
      <c r="WLH660" s="613"/>
      <c r="WLI660" s="613"/>
      <c r="WLJ660" s="613"/>
      <c r="WLK660" s="613"/>
      <c r="WLL660" s="613"/>
      <c r="WLM660" s="613"/>
      <c r="WLN660" s="613"/>
      <c r="WLO660" s="613"/>
      <c r="WLP660" s="613"/>
      <c r="WLQ660" s="613"/>
      <c r="WLR660" s="613"/>
      <c r="WLS660" s="613"/>
      <c r="WLT660" s="613"/>
      <c r="WLU660" s="613"/>
      <c r="WLV660" s="613"/>
      <c r="WLW660" s="613"/>
      <c r="WLX660" s="613"/>
      <c r="WLY660" s="613"/>
      <c r="WLZ660" s="613"/>
      <c r="WMA660" s="613"/>
      <c r="WMB660" s="613"/>
      <c r="WMC660" s="613"/>
      <c r="WMD660" s="613"/>
      <c r="WME660" s="613"/>
      <c r="WMF660" s="613"/>
      <c r="WMG660" s="613"/>
      <c r="WMH660" s="613"/>
      <c r="WMI660" s="613"/>
      <c r="WMJ660" s="613"/>
      <c r="WMK660" s="613"/>
      <c r="WML660" s="613"/>
      <c r="WMM660" s="613"/>
      <c r="WMN660" s="613"/>
      <c r="WMO660" s="613"/>
      <c r="WMP660" s="613"/>
      <c r="WMQ660" s="613"/>
      <c r="WMR660" s="613"/>
      <c r="WMS660" s="613"/>
      <c r="WMT660" s="613"/>
      <c r="WMU660" s="613"/>
      <c r="WMV660" s="613"/>
      <c r="WMW660" s="613"/>
      <c r="WMX660" s="613"/>
      <c r="WMY660" s="613"/>
      <c r="WMZ660" s="613"/>
      <c r="WNA660" s="613"/>
      <c r="WNB660" s="613"/>
      <c r="WNC660" s="613"/>
      <c r="WND660" s="613"/>
      <c r="WNE660" s="613"/>
      <c r="WNF660" s="613"/>
      <c r="WNG660" s="613"/>
      <c r="WNH660" s="613"/>
      <c r="WNI660" s="613"/>
      <c r="WNJ660" s="613"/>
      <c r="WNK660" s="613"/>
      <c r="WNL660" s="613"/>
      <c r="WNM660" s="613"/>
      <c r="WNN660" s="613"/>
      <c r="WNO660" s="613"/>
      <c r="WNP660" s="613"/>
      <c r="WNQ660" s="613"/>
      <c r="WNR660" s="613"/>
      <c r="WNS660" s="613"/>
      <c r="WNT660" s="613"/>
      <c r="WNU660" s="613"/>
      <c r="WNV660" s="613"/>
      <c r="WNW660" s="613"/>
      <c r="WNX660" s="613"/>
      <c r="WNY660" s="613"/>
      <c r="WNZ660" s="613"/>
      <c r="WOA660" s="613"/>
      <c r="WOB660" s="613"/>
      <c r="WOC660" s="613"/>
      <c r="WOD660" s="613"/>
      <c r="WOE660" s="613"/>
      <c r="WOF660" s="613"/>
      <c r="WOG660" s="613"/>
      <c r="WOH660" s="613"/>
      <c r="WOI660" s="613"/>
      <c r="WOJ660" s="613"/>
      <c r="WOK660" s="613"/>
      <c r="WOL660" s="613"/>
      <c r="WOM660" s="613"/>
      <c r="WON660" s="613"/>
      <c r="WOO660" s="613"/>
      <c r="WOP660" s="613"/>
      <c r="WOQ660" s="613"/>
      <c r="WOR660" s="613"/>
      <c r="WOS660" s="613"/>
      <c r="WOT660" s="613"/>
      <c r="WOU660" s="613"/>
      <c r="WOV660" s="613"/>
      <c r="WOW660" s="613"/>
      <c r="WOX660" s="613"/>
      <c r="WOY660" s="613"/>
      <c r="WOZ660" s="613"/>
      <c r="WPA660" s="613"/>
      <c r="WPB660" s="613"/>
      <c r="WPC660" s="613"/>
      <c r="WPD660" s="613"/>
      <c r="WPE660" s="613"/>
      <c r="WPF660" s="613"/>
      <c r="WPG660" s="613"/>
      <c r="WPH660" s="613"/>
      <c r="WPI660" s="613"/>
      <c r="WPJ660" s="613"/>
      <c r="WPK660" s="613"/>
      <c r="WPL660" s="613"/>
      <c r="WPM660" s="613"/>
      <c r="WPN660" s="613"/>
      <c r="WPO660" s="613"/>
      <c r="WPP660" s="613"/>
      <c r="WPQ660" s="613"/>
      <c r="WPR660" s="613"/>
      <c r="WPS660" s="613"/>
      <c r="WPT660" s="613"/>
      <c r="WPU660" s="613"/>
      <c r="WPV660" s="613"/>
      <c r="WPW660" s="613"/>
      <c r="WPX660" s="613"/>
      <c r="WPY660" s="613"/>
      <c r="WPZ660" s="613"/>
      <c r="WQA660" s="613"/>
      <c r="WQB660" s="613"/>
      <c r="WQC660" s="613"/>
      <c r="WQD660" s="613"/>
      <c r="WQE660" s="613"/>
      <c r="WQF660" s="613"/>
      <c r="WQG660" s="613"/>
      <c r="WQH660" s="613"/>
      <c r="WQI660" s="613"/>
      <c r="WQJ660" s="613"/>
      <c r="WQK660" s="613"/>
      <c r="WQL660" s="613"/>
      <c r="WQM660" s="613"/>
      <c r="WQN660" s="613"/>
      <c r="WQO660" s="613"/>
      <c r="WQP660" s="613"/>
      <c r="WQQ660" s="613"/>
      <c r="WQR660" s="613"/>
      <c r="WQS660" s="613"/>
      <c r="WQT660" s="613"/>
      <c r="WQU660" s="613"/>
      <c r="WQV660" s="613"/>
      <c r="WQW660" s="613"/>
      <c r="WQX660" s="613"/>
      <c r="WQY660" s="613"/>
      <c r="WQZ660" s="613"/>
      <c r="WRA660" s="613"/>
      <c r="WRB660" s="613"/>
      <c r="WRC660" s="613"/>
      <c r="WRD660" s="613"/>
      <c r="WRE660" s="613"/>
      <c r="WRF660" s="613"/>
      <c r="WRG660" s="613"/>
      <c r="WRH660" s="613"/>
      <c r="WRI660" s="613"/>
      <c r="WRJ660" s="613"/>
      <c r="WRK660" s="613"/>
      <c r="WRL660" s="613"/>
      <c r="WRM660" s="613"/>
      <c r="WRN660" s="613"/>
      <c r="WRO660" s="613"/>
      <c r="WRP660" s="613"/>
      <c r="WRQ660" s="613"/>
      <c r="WRR660" s="613"/>
      <c r="WRS660" s="613"/>
      <c r="WRT660" s="613"/>
      <c r="WRU660" s="613"/>
      <c r="WRV660" s="613"/>
      <c r="WRW660" s="613"/>
      <c r="WRX660" s="613"/>
      <c r="WRY660" s="613"/>
      <c r="WRZ660" s="613"/>
      <c r="WSA660" s="613"/>
      <c r="WSB660" s="613"/>
      <c r="WSC660" s="613"/>
      <c r="WSD660" s="613"/>
      <c r="WSE660" s="613"/>
      <c r="WSF660" s="613"/>
      <c r="WSG660" s="613"/>
      <c r="WSH660" s="613"/>
      <c r="WSI660" s="613"/>
      <c r="WSJ660" s="613"/>
      <c r="WSK660" s="613"/>
      <c r="WSL660" s="613"/>
      <c r="WSM660" s="613"/>
      <c r="WSN660" s="613"/>
      <c r="WSO660" s="613"/>
      <c r="WSP660" s="613"/>
      <c r="WSQ660" s="613"/>
      <c r="WSR660" s="613"/>
      <c r="WSS660" s="613"/>
      <c r="WST660" s="613"/>
      <c r="WSU660" s="613"/>
      <c r="WSV660" s="613"/>
      <c r="WSW660" s="613"/>
      <c r="WSX660" s="613"/>
      <c r="WSY660" s="613"/>
      <c r="WSZ660" s="613"/>
      <c r="WTA660" s="613"/>
      <c r="WTB660" s="613"/>
      <c r="WTC660" s="613"/>
      <c r="WTD660" s="613"/>
      <c r="WTE660" s="613"/>
      <c r="WTF660" s="613"/>
      <c r="WTG660" s="613"/>
      <c r="WTH660" s="613"/>
      <c r="WTI660" s="613"/>
      <c r="WTJ660" s="613"/>
      <c r="WTK660" s="613"/>
      <c r="WTL660" s="613"/>
      <c r="WTM660" s="613"/>
      <c r="WTN660" s="613"/>
      <c r="WTO660" s="613"/>
      <c r="WTP660" s="613"/>
      <c r="WTQ660" s="613"/>
      <c r="WTR660" s="613"/>
      <c r="WTS660" s="613"/>
      <c r="WTT660" s="613"/>
      <c r="WTU660" s="613"/>
      <c r="WTV660" s="613"/>
      <c r="WTW660" s="613"/>
      <c r="WTX660" s="613"/>
      <c r="WTY660" s="613"/>
      <c r="WTZ660" s="613"/>
      <c r="WUA660" s="613"/>
      <c r="WUB660" s="613"/>
      <c r="WUC660" s="613"/>
      <c r="WUD660" s="613"/>
      <c r="WUE660" s="613"/>
      <c r="WUF660" s="613"/>
      <c r="WUG660" s="613"/>
      <c r="WUH660" s="613"/>
      <c r="WUI660" s="613"/>
      <c r="WUJ660" s="613"/>
      <c r="WUK660" s="613"/>
      <c r="WUL660" s="613"/>
      <c r="WUM660" s="613"/>
      <c r="WUN660" s="613"/>
      <c r="WUO660" s="613"/>
      <c r="WUP660" s="613"/>
      <c r="WUQ660" s="613"/>
      <c r="WUR660" s="613"/>
      <c r="WUS660" s="613"/>
      <c r="WUT660" s="613"/>
      <c r="WUU660" s="613"/>
      <c r="WUV660" s="613"/>
      <c r="WUW660" s="613"/>
      <c r="WUX660" s="613"/>
      <c r="WUY660" s="613"/>
      <c r="WUZ660" s="613"/>
      <c r="WVA660" s="613"/>
      <c r="WVB660" s="613"/>
      <c r="WVC660" s="613"/>
      <c r="WVD660" s="613"/>
      <c r="WVE660" s="613"/>
      <c r="WVF660" s="613"/>
      <c r="WVG660" s="613"/>
      <c r="WVH660" s="613"/>
      <c r="WVI660" s="613"/>
      <c r="WVJ660" s="613"/>
      <c r="WVK660" s="613"/>
      <c r="WVL660" s="613"/>
      <c r="WVM660" s="613"/>
      <c r="WVN660" s="613"/>
      <c r="WVO660" s="613"/>
      <c r="WVP660" s="613"/>
      <c r="WVQ660" s="613"/>
      <c r="WVR660" s="613"/>
      <c r="WVS660" s="613"/>
      <c r="WVT660" s="613"/>
      <c r="WVU660" s="613"/>
      <c r="WVV660" s="613"/>
      <c r="WVW660" s="613"/>
      <c r="WVX660" s="613"/>
      <c r="WVY660" s="613"/>
      <c r="WVZ660" s="613"/>
      <c r="WWA660" s="613"/>
      <c r="WWB660" s="613"/>
      <c r="WWC660" s="613"/>
      <c r="WWD660" s="613"/>
      <c r="WWE660" s="613"/>
      <c r="WWF660" s="613"/>
      <c r="WWG660" s="613"/>
      <c r="WWH660" s="613"/>
      <c r="WWI660" s="613"/>
      <c r="WWJ660" s="613"/>
      <c r="WWK660" s="613"/>
      <c r="WWL660" s="613"/>
      <c r="WWM660" s="613"/>
      <c r="WWN660" s="613"/>
      <c r="WWO660" s="613"/>
      <c r="WWP660" s="613"/>
      <c r="WWQ660" s="613"/>
      <c r="WWR660" s="613"/>
      <c r="WWS660" s="613"/>
      <c r="WWT660" s="613"/>
      <c r="WWU660" s="613"/>
      <c r="WWV660" s="613"/>
      <c r="WWW660" s="613"/>
      <c r="WWX660" s="613"/>
      <c r="WWY660" s="613"/>
      <c r="WWZ660" s="613"/>
      <c r="WXA660" s="613"/>
      <c r="WXB660" s="613"/>
      <c r="WXC660" s="613"/>
      <c r="WXD660" s="613"/>
      <c r="WXE660" s="613"/>
      <c r="WXF660" s="613"/>
      <c r="WXG660" s="613"/>
      <c r="WXH660" s="613"/>
      <c r="WXI660" s="613"/>
      <c r="WXJ660" s="613"/>
      <c r="WXK660" s="613"/>
      <c r="WXL660" s="613"/>
      <c r="WXM660" s="613"/>
      <c r="WXN660" s="613"/>
      <c r="WXO660" s="613"/>
      <c r="WXP660" s="613"/>
      <c r="WXQ660" s="613"/>
      <c r="WXR660" s="613"/>
      <c r="WXS660" s="613"/>
      <c r="WXT660" s="613"/>
      <c r="WXU660" s="613"/>
      <c r="WXV660" s="613"/>
      <c r="WXW660" s="613"/>
      <c r="WXX660" s="613"/>
      <c r="WXY660" s="613"/>
      <c r="WXZ660" s="613"/>
      <c r="WYA660" s="613"/>
      <c r="WYB660" s="613"/>
      <c r="WYC660" s="613"/>
      <c r="WYD660" s="613"/>
      <c r="WYE660" s="613"/>
      <c r="WYF660" s="613"/>
      <c r="WYG660" s="613"/>
      <c r="WYH660" s="613"/>
      <c r="WYI660" s="613"/>
      <c r="WYJ660" s="613"/>
      <c r="WYK660" s="613"/>
      <c r="WYL660" s="613"/>
      <c r="WYM660" s="613"/>
      <c r="WYN660" s="613"/>
      <c r="WYO660" s="613"/>
      <c r="WYP660" s="613"/>
      <c r="WYQ660" s="613"/>
      <c r="WYR660" s="613"/>
      <c r="WYS660" s="613"/>
      <c r="WYT660" s="613"/>
      <c r="WYU660" s="613"/>
      <c r="WYV660" s="613"/>
      <c r="WYW660" s="613"/>
      <c r="WYX660" s="613"/>
      <c r="WYY660" s="613"/>
      <c r="WYZ660" s="613"/>
      <c r="WZA660" s="613"/>
      <c r="WZB660" s="613"/>
      <c r="WZC660" s="613"/>
      <c r="WZD660" s="613"/>
      <c r="WZE660" s="613"/>
      <c r="WZF660" s="613"/>
      <c r="WZG660" s="613"/>
      <c r="WZH660" s="613"/>
      <c r="WZI660" s="613"/>
      <c r="WZJ660" s="613"/>
      <c r="WZK660" s="613"/>
      <c r="WZL660" s="613"/>
      <c r="WZM660" s="613"/>
      <c r="WZN660" s="613"/>
      <c r="WZO660" s="613"/>
      <c r="WZP660" s="613"/>
      <c r="WZQ660" s="613"/>
      <c r="WZR660" s="613"/>
      <c r="WZS660" s="613"/>
      <c r="WZT660" s="613"/>
      <c r="WZU660" s="613"/>
      <c r="WZV660" s="613"/>
      <c r="WZW660" s="613"/>
      <c r="WZX660" s="613"/>
      <c r="WZY660" s="613"/>
      <c r="WZZ660" s="613"/>
      <c r="XAA660" s="613"/>
      <c r="XAB660" s="613"/>
      <c r="XAC660" s="613"/>
      <c r="XAD660" s="613"/>
      <c r="XAE660" s="613"/>
      <c r="XAF660" s="613"/>
      <c r="XAG660" s="613"/>
      <c r="XAH660" s="613"/>
      <c r="XAI660" s="613"/>
      <c r="XAJ660" s="613"/>
      <c r="XAK660" s="613"/>
      <c r="XAL660" s="613"/>
      <c r="XAM660" s="613"/>
      <c r="XAN660" s="613"/>
      <c r="XAO660" s="613"/>
      <c r="XAP660" s="613"/>
      <c r="XAQ660" s="613"/>
      <c r="XAR660" s="613"/>
      <c r="XAS660" s="613"/>
      <c r="XAT660" s="613"/>
      <c r="XAU660" s="613"/>
      <c r="XAV660" s="613"/>
      <c r="XAW660" s="613"/>
      <c r="XAX660" s="613"/>
      <c r="XAY660" s="613"/>
      <c r="XAZ660" s="613"/>
      <c r="XBA660" s="613"/>
      <c r="XBB660" s="613"/>
      <c r="XBC660" s="613"/>
      <c r="XBD660" s="613"/>
      <c r="XBE660" s="613"/>
      <c r="XBF660" s="613"/>
      <c r="XBG660" s="613"/>
      <c r="XBH660" s="613"/>
      <c r="XBI660" s="613"/>
      <c r="XBJ660" s="613"/>
      <c r="XBK660" s="613"/>
      <c r="XBL660" s="613"/>
      <c r="XBM660" s="613"/>
      <c r="XBN660" s="613"/>
      <c r="XBO660" s="613"/>
      <c r="XBP660" s="613"/>
      <c r="XBQ660" s="613"/>
      <c r="XBR660" s="613"/>
      <c r="XBS660" s="613"/>
      <c r="XBT660" s="613"/>
      <c r="XBU660" s="613"/>
      <c r="XBV660" s="613"/>
      <c r="XBW660" s="613"/>
      <c r="XBX660" s="613"/>
      <c r="XBY660" s="613"/>
      <c r="XBZ660" s="613"/>
      <c r="XCA660" s="613"/>
      <c r="XCB660" s="613"/>
      <c r="XCC660" s="613"/>
      <c r="XCD660" s="613"/>
      <c r="XCE660" s="613"/>
      <c r="XCF660" s="613"/>
      <c r="XCG660" s="613"/>
      <c r="XCH660" s="613"/>
      <c r="XCI660" s="613"/>
      <c r="XCJ660" s="613"/>
      <c r="XCK660" s="613"/>
      <c r="XCL660" s="613"/>
      <c r="XCM660" s="613"/>
      <c r="XCN660" s="613"/>
      <c r="XCO660" s="613"/>
      <c r="XCP660" s="613"/>
      <c r="XCQ660" s="613"/>
    </row>
    <row r="661" spans="1:16319" ht="56.1" customHeight="1" x14ac:dyDescent="0.2">
      <c r="A661" s="494"/>
      <c r="B661" s="494"/>
      <c r="C661" s="494"/>
      <c r="D661" s="481">
        <v>224</v>
      </c>
      <c r="E661" s="481"/>
      <c r="F661" s="481" t="s">
        <v>2481</v>
      </c>
      <c r="G661" s="482" t="s">
        <v>53</v>
      </c>
      <c r="H661" s="481" t="s">
        <v>329</v>
      </c>
      <c r="I661" s="654" t="s">
        <v>456</v>
      </c>
      <c r="J661" s="654" t="s">
        <v>369</v>
      </c>
      <c r="K661" s="495" t="s">
        <v>476</v>
      </c>
      <c r="L661" s="621"/>
      <c r="M661" s="484" t="s">
        <v>58</v>
      </c>
      <c r="N661" s="327" t="s">
        <v>2609</v>
      </c>
      <c r="O661" s="484" t="s">
        <v>2996</v>
      </c>
      <c r="P661" s="484" t="s">
        <v>81</v>
      </c>
      <c r="Q661" s="667" t="s">
        <v>334</v>
      </c>
      <c r="R661" s="484" t="s">
        <v>334</v>
      </c>
      <c r="S661" s="484" t="s">
        <v>187</v>
      </c>
      <c r="T661" s="484"/>
      <c r="U661" s="620" t="s">
        <v>63</v>
      </c>
      <c r="V661" s="620" t="s">
        <v>63</v>
      </c>
      <c r="W661" s="723">
        <v>28614.409958917553</v>
      </c>
      <c r="X661" s="723"/>
      <c r="Y661" s="654" t="s">
        <v>226</v>
      </c>
      <c r="Z661" s="654"/>
      <c r="AA661" s="723">
        <v>28614.409958917553</v>
      </c>
      <c r="AB661" s="652" t="s">
        <v>82</v>
      </c>
      <c r="AC661" s="652"/>
      <c r="AD661" s="496"/>
      <c r="AE661" s="496"/>
      <c r="AF661" s="496"/>
      <c r="AG661" s="496"/>
      <c r="AH661" s="496"/>
      <c r="AI661" s="487"/>
      <c r="AJ661" s="496"/>
      <c r="AK661" s="496"/>
      <c r="AL661" s="496"/>
      <c r="AM661" s="496"/>
      <c r="AN661" s="496"/>
      <c r="AO661" s="496"/>
      <c r="AP661" s="496"/>
      <c r="AQ661" s="496" t="s">
        <v>66</v>
      </c>
      <c r="AR661" s="496"/>
      <c r="AS661" s="496"/>
      <c r="AT661" s="496"/>
      <c r="AU661" s="487"/>
      <c r="AV661" s="487"/>
      <c r="AW661" s="487"/>
      <c r="AX661" s="487"/>
      <c r="AY661" s="487"/>
      <c r="AZ661" s="487"/>
      <c r="BA661" s="484"/>
      <c r="BB661" s="484"/>
      <c r="BC661" s="484"/>
      <c r="BD661" s="494"/>
      <c r="BE661" s="494"/>
      <c r="BF661" s="613"/>
      <c r="BG661" s="613"/>
      <c r="BH661" s="613"/>
      <c r="BI661" s="613"/>
      <c r="BJ661" s="613"/>
      <c r="BK661" s="613"/>
      <c r="BL661" s="613"/>
      <c r="BM661" s="613"/>
      <c r="BN661" s="613"/>
      <c r="BO661" s="613"/>
      <c r="BP661" s="613"/>
      <c r="BQ661" s="613"/>
      <c r="BR661" s="613"/>
      <c r="BS661" s="613"/>
      <c r="BT661" s="613"/>
      <c r="BU661" s="613"/>
      <c r="BV661" s="613"/>
      <c r="BW661" s="613"/>
      <c r="BX661" s="613"/>
      <c r="BY661" s="613"/>
      <c r="BZ661" s="613"/>
      <c r="CA661" s="613"/>
      <c r="CB661" s="613"/>
      <c r="CC661" s="613"/>
      <c r="CD661" s="613"/>
      <c r="CE661" s="613"/>
      <c r="CF661" s="613"/>
      <c r="CG661" s="613"/>
      <c r="CH661" s="613"/>
      <c r="CI661" s="613"/>
      <c r="CJ661" s="613"/>
      <c r="CK661" s="613"/>
      <c r="CL661" s="613"/>
      <c r="CM661" s="613"/>
      <c r="CN661" s="613"/>
      <c r="CO661" s="613"/>
      <c r="CP661" s="613"/>
      <c r="CQ661" s="613"/>
      <c r="CR661" s="613"/>
      <c r="CS661" s="613"/>
      <c r="CT661" s="613"/>
      <c r="CU661" s="613"/>
      <c r="CV661" s="613"/>
      <c r="CW661" s="613"/>
      <c r="CX661" s="613"/>
      <c r="CY661" s="613"/>
      <c r="CZ661" s="613"/>
      <c r="DA661" s="613"/>
      <c r="DB661" s="613"/>
      <c r="DC661" s="613"/>
      <c r="DD661" s="613"/>
      <c r="DE661" s="613"/>
      <c r="DF661" s="613"/>
      <c r="DG661" s="613"/>
      <c r="DH661" s="613"/>
      <c r="DI661" s="613"/>
      <c r="DJ661" s="613"/>
      <c r="DK661" s="613"/>
      <c r="DL661" s="613"/>
      <c r="DM661" s="613"/>
      <c r="DN661" s="613"/>
      <c r="DO661" s="613"/>
      <c r="DP661" s="613"/>
      <c r="DQ661" s="613"/>
      <c r="DR661" s="613"/>
      <c r="DS661" s="613"/>
      <c r="DT661" s="613"/>
      <c r="DU661" s="613"/>
      <c r="DV661" s="613"/>
      <c r="DW661" s="613"/>
      <c r="DX661" s="613"/>
      <c r="DY661" s="613"/>
      <c r="DZ661" s="613"/>
      <c r="EA661" s="613"/>
      <c r="EB661" s="613"/>
      <c r="EC661" s="613"/>
      <c r="ED661" s="613"/>
      <c r="EE661" s="613"/>
      <c r="EF661" s="613"/>
      <c r="EG661" s="613"/>
      <c r="EH661" s="613"/>
      <c r="EI661" s="613"/>
      <c r="EJ661" s="613"/>
      <c r="EK661" s="613"/>
      <c r="EL661" s="613"/>
      <c r="EM661" s="613"/>
      <c r="EN661" s="613"/>
      <c r="EO661" s="613"/>
      <c r="EP661" s="613"/>
      <c r="EQ661" s="613"/>
      <c r="ER661" s="613"/>
      <c r="ES661" s="613"/>
      <c r="ET661" s="613"/>
      <c r="EU661" s="613"/>
      <c r="EV661" s="613"/>
      <c r="EW661" s="613"/>
      <c r="EX661" s="613"/>
      <c r="EY661" s="613"/>
      <c r="EZ661" s="613"/>
      <c r="FA661" s="613"/>
      <c r="FB661" s="613"/>
      <c r="FC661" s="613"/>
      <c r="FD661" s="613"/>
      <c r="FE661" s="613"/>
      <c r="FF661" s="613"/>
      <c r="FG661" s="613"/>
      <c r="FH661" s="613"/>
      <c r="FI661" s="613"/>
      <c r="FJ661" s="613"/>
      <c r="FK661" s="613"/>
      <c r="FL661" s="613"/>
      <c r="FM661" s="613"/>
      <c r="FN661" s="613"/>
      <c r="FO661" s="613"/>
      <c r="FP661" s="613"/>
      <c r="FQ661" s="613"/>
      <c r="FR661" s="613"/>
      <c r="FS661" s="613"/>
      <c r="FT661" s="613"/>
      <c r="FU661" s="613"/>
      <c r="FV661" s="613"/>
      <c r="FW661" s="613"/>
      <c r="FX661" s="613"/>
      <c r="FY661" s="613"/>
      <c r="FZ661" s="613"/>
      <c r="GA661" s="613"/>
      <c r="GB661" s="613"/>
      <c r="GC661" s="613"/>
      <c r="GD661" s="613"/>
      <c r="GE661" s="613"/>
      <c r="GF661" s="613"/>
      <c r="GG661" s="613"/>
      <c r="GH661" s="613"/>
      <c r="GI661" s="613"/>
      <c r="GJ661" s="613"/>
      <c r="GK661" s="613"/>
      <c r="GL661" s="613"/>
      <c r="GM661" s="613"/>
      <c r="GN661" s="613"/>
      <c r="GO661" s="613"/>
      <c r="GP661" s="613"/>
      <c r="GQ661" s="613"/>
      <c r="GR661" s="613"/>
      <c r="GS661" s="613"/>
      <c r="GT661" s="613"/>
      <c r="GU661" s="613"/>
      <c r="GV661" s="613"/>
      <c r="GW661" s="613"/>
      <c r="GX661" s="613"/>
      <c r="GY661" s="613"/>
      <c r="GZ661" s="613"/>
      <c r="HA661" s="613"/>
      <c r="HB661" s="613"/>
      <c r="HC661" s="613"/>
      <c r="HD661" s="613"/>
      <c r="HE661" s="613"/>
      <c r="HF661" s="613"/>
      <c r="HG661" s="613"/>
      <c r="HH661" s="613"/>
      <c r="HI661" s="613"/>
      <c r="HJ661" s="613"/>
      <c r="HK661" s="613"/>
      <c r="HL661" s="613"/>
      <c r="HM661" s="613"/>
      <c r="HN661" s="613"/>
      <c r="HO661" s="613"/>
      <c r="HP661" s="613"/>
      <c r="HQ661" s="613"/>
      <c r="HR661" s="613"/>
      <c r="HS661" s="613"/>
      <c r="HT661" s="613"/>
      <c r="HU661" s="613"/>
      <c r="HV661" s="613"/>
      <c r="HW661" s="613"/>
      <c r="HX661" s="613"/>
      <c r="HY661" s="613"/>
      <c r="HZ661" s="613"/>
      <c r="IA661" s="613"/>
      <c r="IB661" s="613"/>
      <c r="IC661" s="613"/>
      <c r="ID661" s="613"/>
      <c r="IE661" s="613"/>
      <c r="IF661" s="613"/>
      <c r="IG661" s="613"/>
      <c r="IH661" s="613"/>
      <c r="II661" s="613"/>
      <c r="IJ661" s="613"/>
      <c r="IK661" s="613"/>
      <c r="IL661" s="613"/>
      <c r="IM661" s="613"/>
      <c r="IN661" s="613"/>
      <c r="IO661" s="613"/>
      <c r="IP661" s="613"/>
      <c r="IQ661" s="613"/>
      <c r="IR661" s="613"/>
      <c r="IS661" s="613"/>
      <c r="IT661" s="613"/>
      <c r="IU661" s="613"/>
      <c r="IV661" s="613"/>
      <c r="IW661" s="613"/>
      <c r="IX661" s="613"/>
      <c r="IY661" s="613"/>
      <c r="IZ661" s="613"/>
      <c r="JA661" s="613"/>
      <c r="JB661" s="613"/>
      <c r="JC661" s="613"/>
      <c r="JD661" s="613"/>
      <c r="JE661" s="613"/>
      <c r="JF661" s="613"/>
      <c r="JG661" s="613"/>
      <c r="JH661" s="613"/>
      <c r="JI661" s="613"/>
      <c r="JJ661" s="613"/>
      <c r="JK661" s="613"/>
      <c r="JL661" s="613"/>
      <c r="JM661" s="613"/>
      <c r="JN661" s="613"/>
      <c r="JO661" s="613"/>
      <c r="JP661" s="613"/>
      <c r="JQ661" s="613"/>
      <c r="JR661" s="613"/>
      <c r="JS661" s="613"/>
      <c r="JT661" s="613"/>
      <c r="JU661" s="613"/>
      <c r="JV661" s="613"/>
      <c r="JW661" s="613"/>
      <c r="JX661" s="613"/>
      <c r="JY661" s="613"/>
      <c r="JZ661" s="613"/>
      <c r="KA661" s="613"/>
      <c r="KB661" s="613"/>
      <c r="KC661" s="613"/>
      <c r="KD661" s="613"/>
      <c r="KE661" s="613"/>
      <c r="KF661" s="613"/>
      <c r="KG661" s="613"/>
      <c r="KH661" s="613"/>
      <c r="KI661" s="613"/>
      <c r="KJ661" s="613"/>
      <c r="KK661" s="613"/>
      <c r="KL661" s="613"/>
      <c r="KM661" s="613"/>
      <c r="KN661" s="613"/>
      <c r="KO661" s="613"/>
      <c r="KP661" s="613"/>
      <c r="KQ661" s="613"/>
      <c r="KR661" s="613"/>
      <c r="KS661" s="613"/>
      <c r="KT661" s="613"/>
      <c r="KU661" s="613"/>
      <c r="KV661" s="613"/>
      <c r="KW661" s="613"/>
      <c r="KX661" s="613"/>
      <c r="KY661" s="613"/>
      <c r="KZ661" s="613"/>
      <c r="LA661" s="613"/>
      <c r="LB661" s="613"/>
      <c r="LC661" s="613"/>
      <c r="LD661" s="613"/>
      <c r="LE661" s="613"/>
      <c r="LF661" s="613"/>
      <c r="LG661" s="613"/>
      <c r="LH661" s="613"/>
      <c r="LI661" s="613"/>
      <c r="LJ661" s="613"/>
      <c r="LK661" s="613"/>
      <c r="LL661" s="613"/>
      <c r="LM661" s="613"/>
      <c r="LN661" s="613"/>
      <c r="LO661" s="613"/>
      <c r="LP661" s="613"/>
      <c r="LQ661" s="613"/>
      <c r="LR661" s="613"/>
      <c r="LS661" s="613"/>
      <c r="LT661" s="613"/>
      <c r="LU661" s="613"/>
      <c r="LV661" s="613"/>
      <c r="LW661" s="613"/>
      <c r="LX661" s="613"/>
      <c r="LY661" s="613"/>
      <c r="LZ661" s="613"/>
      <c r="MA661" s="613"/>
      <c r="MB661" s="613"/>
      <c r="MC661" s="613"/>
      <c r="MD661" s="613"/>
      <c r="ME661" s="613"/>
      <c r="MF661" s="613"/>
      <c r="MG661" s="613"/>
      <c r="MH661" s="613"/>
      <c r="MI661" s="613"/>
      <c r="MJ661" s="613"/>
      <c r="MK661" s="613"/>
      <c r="ML661" s="613"/>
      <c r="MM661" s="613"/>
      <c r="MN661" s="613"/>
      <c r="MO661" s="613"/>
      <c r="MP661" s="613"/>
      <c r="MQ661" s="613"/>
      <c r="MR661" s="613"/>
      <c r="MS661" s="613"/>
      <c r="MT661" s="613"/>
      <c r="MU661" s="613"/>
      <c r="MV661" s="613"/>
      <c r="MW661" s="613"/>
      <c r="MX661" s="613"/>
      <c r="MY661" s="613"/>
      <c r="MZ661" s="613"/>
      <c r="NA661" s="613"/>
      <c r="NB661" s="613"/>
      <c r="NC661" s="613"/>
      <c r="ND661" s="613"/>
      <c r="NE661" s="613"/>
      <c r="NF661" s="613"/>
      <c r="NG661" s="613"/>
      <c r="NH661" s="613"/>
      <c r="NI661" s="613"/>
      <c r="NJ661" s="613"/>
      <c r="NK661" s="613"/>
      <c r="NL661" s="613"/>
      <c r="NM661" s="613"/>
      <c r="NN661" s="613"/>
      <c r="NO661" s="613"/>
      <c r="NP661" s="613"/>
      <c r="NQ661" s="613"/>
      <c r="NR661" s="613"/>
      <c r="NS661" s="613"/>
      <c r="NT661" s="613"/>
      <c r="NU661" s="613"/>
      <c r="NV661" s="613"/>
      <c r="NW661" s="613"/>
      <c r="NX661" s="613"/>
      <c r="NY661" s="613"/>
      <c r="NZ661" s="613"/>
      <c r="OA661" s="613"/>
      <c r="OB661" s="613"/>
      <c r="OC661" s="613"/>
      <c r="OD661" s="613"/>
      <c r="OE661" s="613"/>
      <c r="OF661" s="613"/>
      <c r="OG661" s="613"/>
      <c r="OH661" s="613"/>
      <c r="OI661" s="613"/>
      <c r="OJ661" s="613"/>
      <c r="OK661" s="613"/>
      <c r="OL661" s="613"/>
      <c r="OM661" s="613"/>
      <c r="ON661" s="613"/>
      <c r="OO661" s="613"/>
      <c r="OP661" s="613"/>
      <c r="OQ661" s="613"/>
      <c r="OR661" s="613"/>
      <c r="OS661" s="613"/>
      <c r="OT661" s="613"/>
      <c r="OU661" s="613"/>
      <c r="OV661" s="613"/>
      <c r="OW661" s="613"/>
      <c r="OX661" s="613"/>
      <c r="OY661" s="613"/>
      <c r="OZ661" s="613"/>
      <c r="PA661" s="613"/>
      <c r="PB661" s="613"/>
      <c r="PC661" s="613"/>
      <c r="PD661" s="613"/>
      <c r="PE661" s="613"/>
      <c r="PF661" s="613"/>
      <c r="PG661" s="613"/>
      <c r="PH661" s="613"/>
      <c r="PI661" s="613"/>
      <c r="PJ661" s="613"/>
      <c r="PK661" s="613"/>
      <c r="PL661" s="613"/>
      <c r="PM661" s="613"/>
      <c r="PN661" s="613"/>
      <c r="PO661" s="613"/>
      <c r="PP661" s="613"/>
      <c r="PQ661" s="613"/>
      <c r="PR661" s="613"/>
      <c r="PS661" s="613"/>
      <c r="PT661" s="613"/>
      <c r="PU661" s="613"/>
      <c r="PV661" s="613"/>
      <c r="PW661" s="613"/>
      <c r="PX661" s="613"/>
      <c r="PY661" s="613"/>
      <c r="PZ661" s="613"/>
      <c r="QA661" s="613"/>
      <c r="QB661" s="613"/>
      <c r="QC661" s="613"/>
      <c r="QD661" s="613"/>
      <c r="QE661" s="613"/>
      <c r="QF661" s="613"/>
      <c r="QG661" s="613"/>
      <c r="QH661" s="613"/>
      <c r="QI661" s="613"/>
      <c r="QJ661" s="613"/>
      <c r="QK661" s="613"/>
      <c r="QL661" s="613"/>
      <c r="QM661" s="613"/>
      <c r="QN661" s="613"/>
      <c r="QO661" s="613"/>
      <c r="QP661" s="613"/>
      <c r="QQ661" s="613"/>
      <c r="QR661" s="613"/>
      <c r="QS661" s="613"/>
      <c r="QT661" s="613"/>
      <c r="QU661" s="613"/>
      <c r="QV661" s="613"/>
      <c r="QW661" s="613"/>
      <c r="QX661" s="613"/>
      <c r="QY661" s="613"/>
      <c r="QZ661" s="613"/>
      <c r="RA661" s="613"/>
      <c r="RB661" s="613"/>
      <c r="RC661" s="613"/>
      <c r="RD661" s="613"/>
      <c r="RE661" s="613"/>
      <c r="RF661" s="613"/>
      <c r="RG661" s="613"/>
      <c r="RH661" s="613"/>
      <c r="RI661" s="613"/>
      <c r="RJ661" s="613"/>
      <c r="RK661" s="613"/>
      <c r="RL661" s="613"/>
      <c r="RM661" s="613"/>
      <c r="RN661" s="613"/>
      <c r="RO661" s="613"/>
      <c r="RP661" s="613"/>
      <c r="RQ661" s="613"/>
      <c r="RR661" s="613"/>
      <c r="RS661" s="613"/>
      <c r="RT661" s="613"/>
      <c r="RU661" s="613"/>
      <c r="RV661" s="613"/>
      <c r="RW661" s="613"/>
      <c r="RX661" s="613"/>
      <c r="RY661" s="613"/>
      <c r="RZ661" s="613"/>
      <c r="SA661" s="613"/>
      <c r="SB661" s="613"/>
      <c r="SC661" s="613"/>
      <c r="SD661" s="613"/>
      <c r="SE661" s="613"/>
      <c r="SF661" s="613"/>
      <c r="SG661" s="613"/>
      <c r="SH661" s="613"/>
      <c r="SI661" s="613"/>
      <c r="SJ661" s="613"/>
      <c r="SK661" s="613"/>
      <c r="SL661" s="613"/>
      <c r="SM661" s="613"/>
      <c r="SN661" s="613"/>
      <c r="SO661" s="613"/>
      <c r="SP661" s="613"/>
      <c r="SQ661" s="613"/>
      <c r="SR661" s="613"/>
      <c r="SS661" s="613"/>
      <c r="ST661" s="613"/>
      <c r="SU661" s="613"/>
      <c r="SV661" s="613"/>
      <c r="SW661" s="613"/>
      <c r="SX661" s="613"/>
      <c r="SY661" s="613"/>
      <c r="SZ661" s="613"/>
      <c r="TA661" s="613"/>
      <c r="TB661" s="613"/>
      <c r="TC661" s="613"/>
      <c r="TD661" s="613"/>
      <c r="TE661" s="613"/>
      <c r="TF661" s="613"/>
      <c r="TG661" s="613"/>
      <c r="TH661" s="613"/>
      <c r="TI661" s="613"/>
      <c r="TJ661" s="613"/>
      <c r="TK661" s="613"/>
      <c r="TL661" s="613"/>
      <c r="TM661" s="613"/>
      <c r="TN661" s="613"/>
      <c r="TO661" s="613"/>
      <c r="TP661" s="613"/>
      <c r="TQ661" s="613"/>
      <c r="TR661" s="613"/>
      <c r="TS661" s="613"/>
      <c r="TT661" s="613"/>
      <c r="TU661" s="613"/>
      <c r="TV661" s="613"/>
      <c r="TW661" s="613"/>
      <c r="TX661" s="613"/>
      <c r="TY661" s="613"/>
      <c r="TZ661" s="613"/>
      <c r="UA661" s="613"/>
      <c r="UB661" s="613"/>
      <c r="UC661" s="613"/>
      <c r="UD661" s="613"/>
      <c r="UE661" s="613"/>
      <c r="UF661" s="613"/>
      <c r="UG661" s="613"/>
      <c r="UH661" s="613"/>
      <c r="UI661" s="613"/>
      <c r="UJ661" s="613"/>
      <c r="UK661" s="613"/>
      <c r="UL661" s="613"/>
      <c r="UM661" s="613"/>
      <c r="UN661" s="613"/>
      <c r="UO661" s="613"/>
      <c r="UP661" s="613"/>
      <c r="UQ661" s="613"/>
      <c r="UR661" s="613"/>
      <c r="US661" s="613"/>
      <c r="UT661" s="613"/>
      <c r="UU661" s="613"/>
      <c r="UV661" s="613"/>
      <c r="UW661" s="613"/>
      <c r="UX661" s="613"/>
      <c r="UY661" s="613"/>
      <c r="UZ661" s="613"/>
      <c r="VA661" s="613"/>
      <c r="VB661" s="613"/>
      <c r="VC661" s="613"/>
      <c r="VD661" s="613"/>
      <c r="VE661" s="613"/>
      <c r="VF661" s="613"/>
      <c r="VG661" s="613"/>
      <c r="VH661" s="613"/>
      <c r="VI661" s="613"/>
      <c r="VJ661" s="613"/>
      <c r="VK661" s="613"/>
      <c r="VL661" s="613"/>
      <c r="VM661" s="613"/>
      <c r="VN661" s="613"/>
      <c r="VO661" s="613"/>
      <c r="VP661" s="613"/>
      <c r="VQ661" s="613"/>
      <c r="VR661" s="613"/>
      <c r="VS661" s="613"/>
      <c r="VT661" s="613"/>
      <c r="VU661" s="613"/>
      <c r="VV661" s="613"/>
      <c r="VW661" s="613"/>
      <c r="VX661" s="613"/>
      <c r="VY661" s="613"/>
      <c r="VZ661" s="613"/>
      <c r="WA661" s="613"/>
      <c r="WB661" s="613"/>
      <c r="WC661" s="613"/>
      <c r="WD661" s="613"/>
      <c r="WE661" s="613"/>
      <c r="WF661" s="613"/>
      <c r="WG661" s="613"/>
      <c r="WH661" s="613"/>
      <c r="WI661" s="613"/>
      <c r="WJ661" s="613"/>
      <c r="WK661" s="613"/>
      <c r="WL661" s="613"/>
      <c r="WM661" s="613"/>
      <c r="WN661" s="613"/>
      <c r="WO661" s="613"/>
      <c r="WP661" s="613"/>
      <c r="WQ661" s="613"/>
      <c r="WR661" s="613"/>
      <c r="WS661" s="613"/>
      <c r="WT661" s="613"/>
      <c r="WU661" s="613"/>
      <c r="WV661" s="613"/>
      <c r="WW661" s="613"/>
      <c r="WX661" s="613"/>
      <c r="WY661" s="613"/>
      <c r="WZ661" s="613"/>
      <c r="XA661" s="613"/>
      <c r="XB661" s="613"/>
      <c r="XC661" s="613"/>
      <c r="XD661" s="613"/>
      <c r="XE661" s="613"/>
      <c r="XF661" s="613"/>
      <c r="XG661" s="613"/>
      <c r="XH661" s="613"/>
      <c r="XI661" s="613"/>
      <c r="XJ661" s="613"/>
      <c r="XK661" s="613"/>
      <c r="XL661" s="613"/>
      <c r="XM661" s="613"/>
      <c r="XN661" s="613"/>
      <c r="XO661" s="613"/>
      <c r="XP661" s="613"/>
      <c r="XQ661" s="613"/>
      <c r="XR661" s="613"/>
      <c r="XS661" s="613"/>
      <c r="XT661" s="613"/>
      <c r="XU661" s="613"/>
      <c r="XV661" s="613"/>
      <c r="XW661" s="613"/>
      <c r="XX661" s="613"/>
      <c r="XY661" s="613"/>
      <c r="XZ661" s="613"/>
      <c r="YA661" s="613"/>
      <c r="YB661" s="613"/>
      <c r="YC661" s="613"/>
      <c r="YD661" s="613"/>
      <c r="YE661" s="613"/>
      <c r="YF661" s="613"/>
      <c r="YG661" s="613"/>
      <c r="YH661" s="613"/>
      <c r="YI661" s="613"/>
      <c r="YJ661" s="613"/>
      <c r="YK661" s="613"/>
      <c r="YL661" s="613"/>
      <c r="YM661" s="613"/>
      <c r="YN661" s="613"/>
      <c r="YO661" s="613"/>
      <c r="YP661" s="613"/>
      <c r="YQ661" s="613"/>
      <c r="YR661" s="613"/>
      <c r="YS661" s="613"/>
      <c r="YT661" s="613"/>
      <c r="YU661" s="613"/>
      <c r="YV661" s="613"/>
      <c r="YW661" s="613"/>
      <c r="YX661" s="613"/>
      <c r="YY661" s="613"/>
      <c r="YZ661" s="613"/>
      <c r="ZA661" s="613"/>
      <c r="ZB661" s="613"/>
      <c r="ZC661" s="613"/>
      <c r="ZD661" s="613"/>
      <c r="ZE661" s="613"/>
      <c r="ZF661" s="613"/>
      <c r="ZG661" s="613"/>
      <c r="ZH661" s="613"/>
      <c r="ZI661" s="613"/>
      <c r="ZJ661" s="613"/>
      <c r="ZK661" s="613"/>
      <c r="ZL661" s="613"/>
      <c r="ZM661" s="613"/>
      <c r="ZN661" s="613"/>
      <c r="ZO661" s="613"/>
      <c r="ZP661" s="613"/>
      <c r="ZQ661" s="613"/>
      <c r="ZR661" s="613"/>
      <c r="ZS661" s="613"/>
      <c r="ZT661" s="613"/>
      <c r="ZU661" s="613"/>
      <c r="ZV661" s="613"/>
      <c r="ZW661" s="613"/>
      <c r="ZX661" s="613"/>
      <c r="ZY661" s="613"/>
      <c r="ZZ661" s="613"/>
      <c r="AAA661" s="613"/>
      <c r="AAB661" s="613"/>
      <c r="AAC661" s="613"/>
      <c r="AAD661" s="613"/>
      <c r="AAE661" s="613"/>
      <c r="AAF661" s="613"/>
      <c r="AAG661" s="613"/>
      <c r="AAH661" s="613"/>
      <c r="AAI661" s="613"/>
      <c r="AAJ661" s="613"/>
      <c r="AAK661" s="613"/>
      <c r="AAL661" s="613"/>
      <c r="AAM661" s="613"/>
      <c r="AAN661" s="613"/>
      <c r="AAO661" s="613"/>
      <c r="AAP661" s="613"/>
      <c r="AAQ661" s="613"/>
      <c r="AAR661" s="613"/>
      <c r="AAS661" s="613"/>
      <c r="AAT661" s="613"/>
      <c r="AAU661" s="613"/>
      <c r="AAV661" s="613"/>
      <c r="AAW661" s="613"/>
      <c r="AAX661" s="613"/>
      <c r="AAY661" s="613"/>
      <c r="AAZ661" s="613"/>
      <c r="ABA661" s="613"/>
      <c r="ABB661" s="613"/>
      <c r="ABC661" s="613"/>
      <c r="ABD661" s="613"/>
      <c r="ABE661" s="613"/>
      <c r="ABF661" s="613"/>
      <c r="ABG661" s="613"/>
      <c r="ABH661" s="613"/>
      <c r="ABI661" s="613"/>
      <c r="ABJ661" s="613"/>
      <c r="ABK661" s="613"/>
      <c r="ABL661" s="613"/>
      <c r="ABM661" s="613"/>
      <c r="ABN661" s="613"/>
      <c r="ABO661" s="613"/>
      <c r="ABP661" s="613"/>
      <c r="ABQ661" s="613"/>
      <c r="ABR661" s="613"/>
      <c r="ABS661" s="613"/>
      <c r="ABT661" s="613"/>
      <c r="ABU661" s="613"/>
      <c r="ABV661" s="613"/>
      <c r="ABW661" s="613"/>
      <c r="ABX661" s="613"/>
      <c r="ABY661" s="613"/>
      <c r="ABZ661" s="613"/>
      <c r="ACA661" s="613"/>
      <c r="ACB661" s="613"/>
      <c r="ACC661" s="613"/>
      <c r="ACD661" s="613"/>
      <c r="ACE661" s="613"/>
      <c r="ACF661" s="613"/>
      <c r="ACG661" s="613"/>
      <c r="ACH661" s="613"/>
      <c r="ACI661" s="613"/>
      <c r="ACJ661" s="613"/>
      <c r="ACK661" s="613"/>
      <c r="ACL661" s="613"/>
      <c r="ACM661" s="613"/>
      <c r="ACN661" s="613"/>
      <c r="ACO661" s="613"/>
      <c r="ACP661" s="613"/>
      <c r="ACQ661" s="613"/>
      <c r="ACR661" s="613"/>
      <c r="ACS661" s="613"/>
      <c r="ACT661" s="613"/>
      <c r="ACU661" s="613"/>
      <c r="ACV661" s="613"/>
      <c r="ACW661" s="613"/>
      <c r="ACX661" s="613"/>
      <c r="ACY661" s="613"/>
      <c r="ACZ661" s="613"/>
      <c r="ADA661" s="613"/>
      <c r="ADB661" s="613"/>
      <c r="ADC661" s="613"/>
      <c r="ADD661" s="613"/>
      <c r="ADE661" s="613"/>
      <c r="ADF661" s="613"/>
      <c r="ADG661" s="613"/>
      <c r="ADH661" s="613"/>
      <c r="ADI661" s="613"/>
      <c r="ADJ661" s="613"/>
      <c r="ADK661" s="613"/>
      <c r="ADL661" s="613"/>
      <c r="ADM661" s="613"/>
      <c r="ADN661" s="613"/>
      <c r="ADO661" s="613"/>
      <c r="ADP661" s="613"/>
      <c r="ADQ661" s="613"/>
      <c r="ADR661" s="613"/>
      <c r="ADS661" s="613"/>
      <c r="ADT661" s="613"/>
      <c r="ADU661" s="613"/>
      <c r="ADV661" s="613"/>
      <c r="ADW661" s="613"/>
      <c r="ADX661" s="613"/>
      <c r="ADY661" s="613"/>
      <c r="ADZ661" s="613"/>
      <c r="AEA661" s="613"/>
      <c r="AEB661" s="613"/>
      <c r="AEC661" s="613"/>
      <c r="AED661" s="613"/>
      <c r="AEE661" s="613"/>
      <c r="AEF661" s="613"/>
      <c r="AEG661" s="613"/>
      <c r="AEH661" s="613"/>
      <c r="AEI661" s="613"/>
      <c r="AEJ661" s="613"/>
      <c r="AEK661" s="613"/>
      <c r="AEL661" s="613"/>
      <c r="AEM661" s="613"/>
      <c r="AEN661" s="613"/>
      <c r="AEO661" s="613"/>
      <c r="AEP661" s="613"/>
      <c r="AEQ661" s="613"/>
      <c r="AER661" s="613"/>
      <c r="AES661" s="613"/>
      <c r="AET661" s="613"/>
      <c r="AEU661" s="613"/>
      <c r="AEV661" s="613"/>
      <c r="AEW661" s="613"/>
      <c r="AEX661" s="613"/>
      <c r="AEY661" s="613"/>
      <c r="AEZ661" s="613"/>
      <c r="AFA661" s="613"/>
      <c r="AFB661" s="613"/>
      <c r="AFC661" s="613"/>
      <c r="AFD661" s="613"/>
      <c r="AFE661" s="613"/>
      <c r="AFF661" s="613"/>
      <c r="AFG661" s="613"/>
      <c r="AFH661" s="613"/>
      <c r="AFI661" s="613"/>
      <c r="AFJ661" s="613"/>
      <c r="AFK661" s="613"/>
      <c r="AFL661" s="613"/>
      <c r="AFM661" s="613"/>
      <c r="AFN661" s="613"/>
      <c r="AFO661" s="613"/>
      <c r="AFP661" s="613"/>
      <c r="AFQ661" s="613"/>
      <c r="AFR661" s="613"/>
      <c r="AFS661" s="613"/>
      <c r="AFT661" s="613"/>
      <c r="AFU661" s="613"/>
      <c r="AFV661" s="613"/>
      <c r="AFW661" s="613"/>
      <c r="AFX661" s="613"/>
      <c r="AFY661" s="613"/>
      <c r="AFZ661" s="613"/>
      <c r="AGA661" s="613"/>
      <c r="AGB661" s="613"/>
      <c r="AGC661" s="613"/>
      <c r="AGD661" s="613"/>
      <c r="AGE661" s="613"/>
      <c r="AGF661" s="613"/>
      <c r="AGG661" s="613"/>
      <c r="AGH661" s="613"/>
      <c r="AGI661" s="613"/>
      <c r="AGJ661" s="613"/>
      <c r="AGK661" s="613"/>
      <c r="AGL661" s="613"/>
      <c r="AGM661" s="613"/>
      <c r="AGN661" s="613"/>
      <c r="AGO661" s="613"/>
      <c r="AGP661" s="613"/>
      <c r="AGQ661" s="613"/>
      <c r="AGR661" s="613"/>
      <c r="AGS661" s="613"/>
      <c r="AGT661" s="613"/>
      <c r="AGU661" s="613"/>
      <c r="AGV661" s="613"/>
      <c r="AGW661" s="613"/>
      <c r="AGX661" s="613"/>
      <c r="AGY661" s="613"/>
      <c r="AGZ661" s="613"/>
      <c r="AHA661" s="613"/>
      <c r="AHB661" s="613"/>
      <c r="AHC661" s="613"/>
      <c r="AHD661" s="613"/>
      <c r="AHE661" s="613"/>
      <c r="AHF661" s="613"/>
      <c r="AHG661" s="613"/>
      <c r="AHH661" s="613"/>
      <c r="AHI661" s="613"/>
      <c r="AHJ661" s="613"/>
      <c r="AHK661" s="613"/>
      <c r="AHL661" s="613"/>
      <c r="AHM661" s="613"/>
      <c r="AHN661" s="613"/>
      <c r="AHO661" s="613"/>
      <c r="AHP661" s="613"/>
      <c r="AHQ661" s="613"/>
      <c r="AHR661" s="613"/>
      <c r="AHS661" s="613"/>
      <c r="AHT661" s="613"/>
      <c r="AHU661" s="613"/>
      <c r="AHV661" s="613"/>
      <c r="AHW661" s="613"/>
      <c r="AHX661" s="613"/>
      <c r="AHY661" s="613"/>
      <c r="AHZ661" s="613"/>
      <c r="AIA661" s="613"/>
      <c r="AIB661" s="613"/>
      <c r="AIC661" s="613"/>
      <c r="AID661" s="613"/>
      <c r="AIE661" s="613"/>
      <c r="AIF661" s="613"/>
      <c r="AIG661" s="613"/>
      <c r="AIH661" s="613"/>
      <c r="AII661" s="613"/>
      <c r="AIJ661" s="613"/>
      <c r="AIK661" s="613"/>
      <c r="AIL661" s="613"/>
      <c r="AIM661" s="613"/>
      <c r="AIN661" s="613"/>
      <c r="AIO661" s="613"/>
      <c r="AIP661" s="613"/>
      <c r="AIQ661" s="613"/>
      <c r="AIR661" s="613"/>
      <c r="AIS661" s="613"/>
      <c r="AIT661" s="613"/>
      <c r="AIU661" s="613"/>
      <c r="AIV661" s="613"/>
      <c r="AIW661" s="613"/>
      <c r="AIX661" s="613"/>
      <c r="AIY661" s="613"/>
      <c r="AIZ661" s="613"/>
      <c r="AJA661" s="613"/>
      <c r="AJB661" s="613"/>
      <c r="AJC661" s="613"/>
      <c r="AJD661" s="613"/>
      <c r="AJE661" s="613"/>
      <c r="AJF661" s="613"/>
      <c r="AJG661" s="613"/>
      <c r="AJH661" s="613"/>
      <c r="AJI661" s="613"/>
      <c r="AJJ661" s="613"/>
      <c r="AJK661" s="613"/>
      <c r="AJL661" s="613"/>
      <c r="AJM661" s="613"/>
      <c r="AJN661" s="613"/>
      <c r="AJO661" s="613"/>
      <c r="AJP661" s="613"/>
      <c r="AJQ661" s="613"/>
      <c r="AJR661" s="613"/>
      <c r="AJS661" s="613"/>
      <c r="AJT661" s="613"/>
      <c r="AJU661" s="613"/>
      <c r="AJV661" s="613"/>
      <c r="AJW661" s="613"/>
      <c r="AJX661" s="613"/>
      <c r="AJY661" s="613"/>
      <c r="AJZ661" s="613"/>
      <c r="AKA661" s="613"/>
      <c r="AKB661" s="613"/>
      <c r="AKC661" s="613"/>
      <c r="AKD661" s="613"/>
      <c r="AKE661" s="613"/>
      <c r="AKF661" s="613"/>
      <c r="AKG661" s="613"/>
      <c r="AKH661" s="613"/>
      <c r="AKI661" s="613"/>
      <c r="AKJ661" s="613"/>
      <c r="AKK661" s="613"/>
      <c r="AKL661" s="613"/>
      <c r="AKM661" s="613"/>
      <c r="AKN661" s="613"/>
      <c r="AKO661" s="613"/>
      <c r="AKP661" s="613"/>
      <c r="AKQ661" s="613"/>
      <c r="AKR661" s="613"/>
      <c r="AKS661" s="613"/>
      <c r="AKT661" s="613"/>
      <c r="AKU661" s="613"/>
      <c r="AKV661" s="613"/>
      <c r="AKW661" s="613"/>
      <c r="AKX661" s="613"/>
      <c r="AKY661" s="613"/>
      <c r="AKZ661" s="613"/>
      <c r="ALA661" s="613"/>
      <c r="ALB661" s="613"/>
      <c r="ALC661" s="613"/>
      <c r="ALD661" s="613"/>
      <c r="ALE661" s="613"/>
      <c r="ALF661" s="613"/>
      <c r="ALG661" s="613"/>
      <c r="ALH661" s="613"/>
      <c r="ALI661" s="613"/>
      <c r="ALJ661" s="613"/>
      <c r="ALK661" s="613"/>
      <c r="ALL661" s="613"/>
      <c r="ALM661" s="613"/>
      <c r="ALN661" s="613"/>
      <c r="ALO661" s="613"/>
      <c r="ALP661" s="613"/>
      <c r="ALQ661" s="613"/>
      <c r="ALR661" s="613"/>
      <c r="ALS661" s="613"/>
      <c r="ALT661" s="613"/>
      <c r="ALU661" s="613"/>
      <c r="ALV661" s="613"/>
      <c r="ALW661" s="613"/>
      <c r="ALX661" s="613"/>
      <c r="ALY661" s="613"/>
      <c r="ALZ661" s="613"/>
      <c r="AMA661" s="613"/>
      <c r="AMB661" s="613"/>
      <c r="AMC661" s="613"/>
      <c r="AMD661" s="613"/>
      <c r="AME661" s="613"/>
      <c r="AMF661" s="613"/>
      <c r="AMG661" s="613"/>
      <c r="AMH661" s="613"/>
      <c r="AMI661" s="613"/>
      <c r="AMJ661" s="613"/>
      <c r="AMK661" s="613"/>
      <c r="AML661" s="613"/>
      <c r="AMM661" s="613"/>
      <c r="AMN661" s="613"/>
      <c r="AMO661" s="613"/>
      <c r="AMP661" s="613"/>
      <c r="AMQ661" s="613"/>
      <c r="AMR661" s="613"/>
      <c r="AMS661" s="613"/>
      <c r="AMT661" s="613"/>
      <c r="AMU661" s="613"/>
      <c r="AMV661" s="613"/>
      <c r="AMW661" s="613"/>
      <c r="AMX661" s="613"/>
      <c r="AMY661" s="613"/>
      <c r="AMZ661" s="613"/>
      <c r="ANA661" s="613"/>
      <c r="ANB661" s="613"/>
      <c r="ANC661" s="613"/>
      <c r="AND661" s="613"/>
      <c r="ANE661" s="613"/>
      <c r="ANF661" s="613"/>
      <c r="ANG661" s="613"/>
      <c r="ANH661" s="613"/>
      <c r="ANI661" s="613"/>
      <c r="ANJ661" s="613"/>
      <c r="ANK661" s="613"/>
      <c r="ANL661" s="613"/>
      <c r="ANM661" s="613"/>
      <c r="ANN661" s="613"/>
      <c r="ANO661" s="613"/>
      <c r="ANP661" s="613"/>
      <c r="ANQ661" s="613"/>
      <c r="ANR661" s="613"/>
      <c r="ANS661" s="613"/>
      <c r="ANT661" s="613"/>
      <c r="ANU661" s="613"/>
      <c r="ANV661" s="613"/>
      <c r="ANW661" s="613"/>
      <c r="ANX661" s="613"/>
      <c r="ANY661" s="613"/>
      <c r="ANZ661" s="613"/>
      <c r="AOA661" s="613"/>
      <c r="AOB661" s="613"/>
      <c r="AOC661" s="613"/>
      <c r="AOD661" s="613"/>
      <c r="AOE661" s="613"/>
      <c r="AOF661" s="613"/>
      <c r="AOG661" s="613"/>
      <c r="AOH661" s="613"/>
      <c r="AOI661" s="613"/>
      <c r="AOJ661" s="613"/>
      <c r="AOK661" s="613"/>
      <c r="AOL661" s="613"/>
      <c r="AOM661" s="613"/>
      <c r="AON661" s="613"/>
      <c r="AOO661" s="613"/>
      <c r="AOP661" s="613"/>
      <c r="AOQ661" s="613"/>
      <c r="AOR661" s="613"/>
      <c r="AOS661" s="613"/>
      <c r="AOT661" s="613"/>
      <c r="AOU661" s="613"/>
      <c r="AOV661" s="613"/>
      <c r="AOW661" s="613"/>
      <c r="AOX661" s="613"/>
      <c r="AOY661" s="613"/>
      <c r="AOZ661" s="613"/>
      <c r="APA661" s="613"/>
      <c r="APB661" s="613"/>
      <c r="APC661" s="613"/>
      <c r="APD661" s="613"/>
      <c r="APE661" s="613"/>
      <c r="APF661" s="613"/>
      <c r="APG661" s="613"/>
      <c r="APH661" s="613"/>
      <c r="API661" s="613"/>
      <c r="APJ661" s="613"/>
      <c r="APK661" s="613"/>
      <c r="APL661" s="613"/>
      <c r="APM661" s="613"/>
      <c r="APN661" s="613"/>
      <c r="APO661" s="613"/>
      <c r="APP661" s="613"/>
      <c r="APQ661" s="613"/>
      <c r="APR661" s="613"/>
      <c r="APS661" s="613"/>
      <c r="APT661" s="613"/>
      <c r="APU661" s="613"/>
      <c r="APV661" s="613"/>
      <c r="APW661" s="613"/>
      <c r="APX661" s="613"/>
      <c r="APY661" s="613"/>
      <c r="APZ661" s="613"/>
      <c r="AQA661" s="613"/>
      <c r="AQB661" s="613"/>
      <c r="AQC661" s="613"/>
      <c r="AQD661" s="613"/>
      <c r="AQE661" s="613"/>
      <c r="AQF661" s="613"/>
      <c r="AQG661" s="613"/>
      <c r="AQH661" s="613"/>
      <c r="AQI661" s="613"/>
      <c r="AQJ661" s="613"/>
      <c r="AQK661" s="613"/>
      <c r="AQL661" s="613"/>
      <c r="AQM661" s="613"/>
      <c r="AQN661" s="613"/>
      <c r="AQO661" s="613"/>
      <c r="AQP661" s="613"/>
      <c r="AQQ661" s="613"/>
      <c r="AQR661" s="613"/>
      <c r="AQS661" s="613"/>
      <c r="AQT661" s="613"/>
      <c r="AQU661" s="613"/>
      <c r="AQV661" s="613"/>
      <c r="AQW661" s="613"/>
      <c r="AQX661" s="613"/>
      <c r="AQY661" s="613"/>
      <c r="AQZ661" s="613"/>
      <c r="ARA661" s="613"/>
      <c r="ARB661" s="613"/>
      <c r="ARC661" s="613"/>
      <c r="ARD661" s="613"/>
      <c r="ARE661" s="613"/>
      <c r="ARF661" s="613"/>
      <c r="ARG661" s="613"/>
      <c r="ARH661" s="613"/>
      <c r="ARI661" s="613"/>
      <c r="ARJ661" s="613"/>
      <c r="ARK661" s="613"/>
      <c r="ARL661" s="613"/>
      <c r="ARM661" s="613"/>
      <c r="ARN661" s="613"/>
      <c r="ARO661" s="613"/>
      <c r="ARP661" s="613"/>
      <c r="ARQ661" s="613"/>
      <c r="ARR661" s="613"/>
      <c r="ARS661" s="613"/>
      <c r="ART661" s="613"/>
      <c r="ARU661" s="613"/>
      <c r="ARV661" s="613"/>
      <c r="ARW661" s="613"/>
      <c r="ARX661" s="613"/>
      <c r="ARY661" s="613"/>
      <c r="ARZ661" s="613"/>
      <c r="ASA661" s="613"/>
      <c r="ASB661" s="613"/>
      <c r="ASC661" s="613"/>
      <c r="ASD661" s="613"/>
      <c r="ASE661" s="613"/>
      <c r="ASF661" s="613"/>
      <c r="ASG661" s="613"/>
      <c r="ASH661" s="613"/>
      <c r="ASI661" s="613"/>
      <c r="ASJ661" s="613"/>
      <c r="ASK661" s="613"/>
      <c r="ASL661" s="613"/>
      <c r="ASM661" s="613"/>
      <c r="ASN661" s="613"/>
      <c r="ASO661" s="613"/>
      <c r="ASP661" s="613"/>
      <c r="ASQ661" s="613"/>
      <c r="ASR661" s="613"/>
      <c r="ASS661" s="613"/>
      <c r="AST661" s="613"/>
      <c r="ASU661" s="613"/>
      <c r="ASV661" s="613"/>
      <c r="ASW661" s="613"/>
      <c r="ASX661" s="613"/>
      <c r="ASY661" s="613"/>
      <c r="ASZ661" s="613"/>
      <c r="ATA661" s="613"/>
      <c r="ATB661" s="613"/>
      <c r="ATC661" s="613"/>
      <c r="ATD661" s="613"/>
      <c r="ATE661" s="613"/>
      <c r="ATF661" s="613"/>
      <c r="ATG661" s="613"/>
      <c r="ATH661" s="613"/>
      <c r="ATI661" s="613"/>
      <c r="ATJ661" s="613"/>
      <c r="ATK661" s="613"/>
      <c r="ATL661" s="613"/>
      <c r="ATM661" s="613"/>
      <c r="ATN661" s="613"/>
      <c r="ATO661" s="613"/>
      <c r="ATP661" s="613"/>
      <c r="ATQ661" s="613"/>
      <c r="ATR661" s="613"/>
      <c r="ATS661" s="613"/>
      <c r="ATT661" s="613"/>
      <c r="ATU661" s="613"/>
      <c r="ATV661" s="613"/>
      <c r="ATW661" s="613"/>
      <c r="ATX661" s="613"/>
      <c r="ATY661" s="613"/>
      <c r="ATZ661" s="613"/>
      <c r="AUA661" s="613"/>
      <c r="AUB661" s="613"/>
      <c r="AUC661" s="613"/>
      <c r="AUD661" s="613"/>
      <c r="AUE661" s="613"/>
      <c r="AUF661" s="613"/>
      <c r="AUG661" s="613"/>
      <c r="AUH661" s="613"/>
      <c r="AUI661" s="613"/>
      <c r="AUJ661" s="613"/>
      <c r="AUK661" s="613"/>
      <c r="AUL661" s="613"/>
      <c r="AUM661" s="613"/>
      <c r="AUN661" s="613"/>
      <c r="AUO661" s="613"/>
      <c r="AUP661" s="613"/>
      <c r="AUQ661" s="613"/>
      <c r="AUR661" s="613"/>
      <c r="AUS661" s="613"/>
      <c r="AUT661" s="613"/>
      <c r="AUU661" s="613"/>
      <c r="AUV661" s="613"/>
      <c r="AUW661" s="613"/>
      <c r="AUX661" s="613"/>
      <c r="AUY661" s="613"/>
      <c r="AUZ661" s="613"/>
      <c r="AVA661" s="613"/>
      <c r="AVB661" s="613"/>
      <c r="AVC661" s="613"/>
      <c r="AVD661" s="613"/>
      <c r="AVE661" s="613"/>
      <c r="AVF661" s="613"/>
      <c r="AVG661" s="613"/>
      <c r="AVH661" s="613"/>
      <c r="AVI661" s="613"/>
      <c r="AVJ661" s="613"/>
      <c r="AVK661" s="613"/>
      <c r="AVL661" s="613"/>
      <c r="AVM661" s="613"/>
      <c r="AVN661" s="613"/>
      <c r="AVO661" s="613"/>
      <c r="AVP661" s="613"/>
      <c r="AVQ661" s="613"/>
      <c r="AVR661" s="613"/>
      <c r="AVS661" s="613"/>
      <c r="AVT661" s="613"/>
      <c r="AVU661" s="613"/>
      <c r="AVV661" s="613"/>
      <c r="AVW661" s="613"/>
      <c r="AVX661" s="613"/>
      <c r="AVY661" s="613"/>
      <c r="AVZ661" s="613"/>
      <c r="AWA661" s="613"/>
      <c r="AWB661" s="613"/>
      <c r="AWC661" s="613"/>
      <c r="AWD661" s="613"/>
      <c r="AWE661" s="613"/>
      <c r="AWF661" s="613"/>
      <c r="AWG661" s="613"/>
      <c r="AWH661" s="613"/>
      <c r="AWI661" s="613"/>
      <c r="AWJ661" s="613"/>
      <c r="AWK661" s="613"/>
      <c r="AWL661" s="613"/>
      <c r="AWM661" s="613"/>
      <c r="AWN661" s="613"/>
      <c r="AWO661" s="613"/>
      <c r="AWP661" s="613"/>
      <c r="AWQ661" s="613"/>
      <c r="AWR661" s="613"/>
      <c r="AWS661" s="613"/>
      <c r="AWT661" s="613"/>
      <c r="AWU661" s="613"/>
      <c r="AWV661" s="613"/>
      <c r="AWW661" s="613"/>
      <c r="AWX661" s="613"/>
      <c r="AWY661" s="613"/>
      <c r="AWZ661" s="613"/>
      <c r="AXA661" s="613"/>
      <c r="AXB661" s="613"/>
      <c r="AXC661" s="613"/>
      <c r="AXD661" s="613"/>
      <c r="AXE661" s="613"/>
      <c r="AXF661" s="613"/>
      <c r="AXG661" s="613"/>
      <c r="AXH661" s="613"/>
      <c r="AXI661" s="613"/>
      <c r="AXJ661" s="613"/>
      <c r="AXK661" s="613"/>
      <c r="AXL661" s="613"/>
      <c r="AXM661" s="613"/>
      <c r="AXN661" s="613"/>
      <c r="AXO661" s="613"/>
      <c r="AXP661" s="613"/>
      <c r="AXQ661" s="613"/>
      <c r="AXR661" s="613"/>
      <c r="AXS661" s="613"/>
      <c r="AXT661" s="613"/>
      <c r="AXU661" s="613"/>
      <c r="AXV661" s="613"/>
      <c r="AXW661" s="613"/>
      <c r="AXX661" s="613"/>
      <c r="AXY661" s="613"/>
      <c r="AXZ661" s="613"/>
      <c r="AYA661" s="613"/>
      <c r="AYB661" s="613"/>
      <c r="AYC661" s="613"/>
      <c r="AYD661" s="613"/>
      <c r="AYE661" s="613"/>
      <c r="AYF661" s="613"/>
      <c r="AYG661" s="613"/>
      <c r="AYH661" s="613"/>
      <c r="AYI661" s="613"/>
      <c r="AYJ661" s="613"/>
      <c r="AYK661" s="613"/>
      <c r="AYL661" s="613"/>
      <c r="AYM661" s="613"/>
      <c r="AYN661" s="613"/>
      <c r="AYO661" s="613"/>
      <c r="AYP661" s="613"/>
      <c r="AYQ661" s="613"/>
      <c r="AYR661" s="613"/>
      <c r="AYS661" s="613"/>
      <c r="AYT661" s="613"/>
      <c r="AYU661" s="613"/>
      <c r="AYV661" s="613"/>
      <c r="AYW661" s="613"/>
      <c r="AYX661" s="613"/>
      <c r="AYY661" s="613"/>
      <c r="AYZ661" s="613"/>
      <c r="AZA661" s="613"/>
      <c r="AZB661" s="613"/>
      <c r="AZC661" s="613"/>
      <c r="AZD661" s="613"/>
      <c r="AZE661" s="613"/>
      <c r="AZF661" s="613"/>
      <c r="AZG661" s="613"/>
      <c r="AZH661" s="613"/>
      <c r="AZI661" s="613"/>
      <c r="AZJ661" s="613"/>
      <c r="AZK661" s="613"/>
      <c r="AZL661" s="613"/>
      <c r="AZM661" s="613"/>
      <c r="AZN661" s="613"/>
      <c r="AZO661" s="613"/>
      <c r="AZP661" s="613"/>
      <c r="AZQ661" s="613"/>
      <c r="AZR661" s="613"/>
      <c r="AZS661" s="613"/>
      <c r="AZT661" s="613"/>
      <c r="AZU661" s="613"/>
      <c r="AZV661" s="613"/>
      <c r="AZW661" s="613"/>
      <c r="AZX661" s="613"/>
      <c r="AZY661" s="613"/>
      <c r="AZZ661" s="613"/>
      <c r="BAA661" s="613"/>
      <c r="BAB661" s="613"/>
      <c r="BAC661" s="613"/>
      <c r="BAD661" s="613"/>
      <c r="BAE661" s="613"/>
      <c r="BAF661" s="613"/>
      <c r="BAG661" s="613"/>
      <c r="BAH661" s="613"/>
      <c r="BAI661" s="613"/>
      <c r="BAJ661" s="613"/>
      <c r="BAK661" s="613"/>
      <c r="BAL661" s="613"/>
      <c r="BAM661" s="613"/>
      <c r="BAN661" s="613"/>
      <c r="BAO661" s="613"/>
      <c r="BAP661" s="613"/>
      <c r="BAQ661" s="613"/>
      <c r="BAR661" s="613"/>
      <c r="BAS661" s="613"/>
      <c r="BAT661" s="613"/>
      <c r="BAU661" s="613"/>
      <c r="BAV661" s="613"/>
      <c r="BAW661" s="613"/>
      <c r="BAX661" s="613"/>
      <c r="BAY661" s="613"/>
      <c r="BAZ661" s="613"/>
      <c r="BBA661" s="613"/>
      <c r="BBB661" s="613"/>
      <c r="BBC661" s="613"/>
      <c r="BBD661" s="613"/>
      <c r="BBE661" s="613"/>
      <c r="BBF661" s="613"/>
      <c r="BBG661" s="613"/>
      <c r="BBH661" s="613"/>
      <c r="BBI661" s="613"/>
      <c r="BBJ661" s="613"/>
      <c r="BBK661" s="613"/>
      <c r="BBL661" s="613"/>
      <c r="BBM661" s="613"/>
      <c r="BBN661" s="613"/>
      <c r="BBO661" s="613"/>
      <c r="BBP661" s="613"/>
      <c r="BBQ661" s="613"/>
      <c r="BBR661" s="613"/>
      <c r="BBS661" s="613"/>
      <c r="BBT661" s="613"/>
      <c r="BBU661" s="613"/>
      <c r="BBV661" s="613"/>
      <c r="BBW661" s="613"/>
      <c r="BBX661" s="613"/>
      <c r="BBY661" s="613"/>
      <c r="BBZ661" s="613"/>
      <c r="BCA661" s="613"/>
      <c r="BCB661" s="613"/>
      <c r="BCC661" s="613"/>
      <c r="BCD661" s="613"/>
      <c r="BCE661" s="613"/>
      <c r="BCF661" s="613"/>
      <c r="BCG661" s="613"/>
      <c r="BCH661" s="613"/>
      <c r="BCI661" s="613"/>
      <c r="BCJ661" s="613"/>
      <c r="BCK661" s="613"/>
      <c r="BCL661" s="613"/>
      <c r="BCM661" s="613"/>
      <c r="BCN661" s="613"/>
      <c r="BCO661" s="613"/>
      <c r="BCP661" s="613"/>
      <c r="BCQ661" s="613"/>
      <c r="BCR661" s="613"/>
      <c r="BCS661" s="613"/>
      <c r="BCT661" s="613"/>
      <c r="BCU661" s="613"/>
      <c r="BCV661" s="613"/>
      <c r="BCW661" s="613"/>
      <c r="BCX661" s="613"/>
      <c r="BCY661" s="613"/>
      <c r="BCZ661" s="613"/>
      <c r="BDA661" s="613"/>
      <c r="BDB661" s="613"/>
      <c r="BDC661" s="613"/>
      <c r="BDD661" s="613"/>
      <c r="BDE661" s="613"/>
      <c r="BDF661" s="613"/>
      <c r="BDG661" s="613"/>
      <c r="BDH661" s="613"/>
      <c r="BDI661" s="613"/>
      <c r="BDJ661" s="613"/>
      <c r="BDK661" s="613"/>
      <c r="BDL661" s="613"/>
      <c r="BDM661" s="613"/>
      <c r="BDN661" s="613"/>
      <c r="BDO661" s="613"/>
      <c r="BDP661" s="613"/>
      <c r="BDQ661" s="613"/>
      <c r="BDR661" s="613"/>
      <c r="BDS661" s="613"/>
      <c r="BDT661" s="613"/>
      <c r="BDU661" s="613"/>
      <c r="BDV661" s="613"/>
      <c r="BDW661" s="613"/>
      <c r="BDX661" s="613"/>
      <c r="BDY661" s="613"/>
      <c r="BDZ661" s="613"/>
      <c r="BEA661" s="613"/>
      <c r="BEB661" s="613"/>
      <c r="BEC661" s="613"/>
      <c r="BED661" s="613"/>
      <c r="BEE661" s="613"/>
      <c r="BEF661" s="613"/>
      <c r="BEG661" s="613"/>
      <c r="BEH661" s="613"/>
      <c r="BEI661" s="613"/>
      <c r="BEJ661" s="613"/>
      <c r="BEK661" s="613"/>
      <c r="BEL661" s="613"/>
      <c r="BEM661" s="613"/>
      <c r="BEN661" s="613"/>
      <c r="BEO661" s="613"/>
      <c r="BEP661" s="613"/>
      <c r="BEQ661" s="613"/>
      <c r="BER661" s="613"/>
      <c r="BES661" s="613"/>
      <c r="BET661" s="613"/>
      <c r="BEU661" s="613"/>
      <c r="BEV661" s="613"/>
      <c r="BEW661" s="613"/>
      <c r="BEX661" s="613"/>
      <c r="BEY661" s="613"/>
      <c r="BEZ661" s="613"/>
      <c r="BFA661" s="613"/>
      <c r="BFB661" s="613"/>
      <c r="BFC661" s="613"/>
      <c r="BFD661" s="613"/>
      <c r="BFE661" s="613"/>
      <c r="BFF661" s="613"/>
      <c r="BFG661" s="613"/>
      <c r="BFH661" s="613"/>
      <c r="BFI661" s="613"/>
      <c r="BFJ661" s="613"/>
      <c r="BFK661" s="613"/>
      <c r="BFL661" s="613"/>
      <c r="BFM661" s="613"/>
      <c r="BFN661" s="613"/>
      <c r="BFO661" s="613"/>
      <c r="BFP661" s="613"/>
      <c r="BFQ661" s="613"/>
      <c r="BFR661" s="613"/>
      <c r="BFS661" s="613"/>
      <c r="BFT661" s="613"/>
      <c r="BFU661" s="613"/>
      <c r="BFV661" s="613"/>
      <c r="BFW661" s="613"/>
      <c r="BFX661" s="613"/>
      <c r="BFY661" s="613"/>
      <c r="BFZ661" s="613"/>
      <c r="BGA661" s="613"/>
      <c r="BGB661" s="613"/>
      <c r="BGC661" s="613"/>
      <c r="BGD661" s="613"/>
      <c r="BGE661" s="613"/>
      <c r="BGF661" s="613"/>
      <c r="BGG661" s="613"/>
      <c r="BGH661" s="613"/>
      <c r="BGI661" s="613"/>
      <c r="BGJ661" s="613"/>
      <c r="BGK661" s="613"/>
      <c r="BGL661" s="613"/>
      <c r="BGM661" s="613"/>
      <c r="BGN661" s="613"/>
      <c r="BGO661" s="613"/>
      <c r="BGP661" s="613"/>
      <c r="BGQ661" s="613"/>
      <c r="BGR661" s="613"/>
      <c r="BGS661" s="613"/>
      <c r="BGT661" s="613"/>
      <c r="BGU661" s="613"/>
      <c r="BGV661" s="613"/>
      <c r="BGW661" s="613"/>
      <c r="BGX661" s="613"/>
      <c r="BGY661" s="613"/>
      <c r="BGZ661" s="613"/>
      <c r="BHA661" s="613"/>
      <c r="BHB661" s="613"/>
      <c r="BHC661" s="613"/>
      <c r="BHD661" s="613"/>
      <c r="BHE661" s="613"/>
      <c r="BHF661" s="613"/>
      <c r="BHG661" s="613"/>
      <c r="BHH661" s="613"/>
      <c r="BHI661" s="613"/>
      <c r="BHJ661" s="613"/>
      <c r="BHK661" s="613"/>
      <c r="BHL661" s="613"/>
      <c r="BHM661" s="613"/>
      <c r="BHN661" s="613"/>
      <c r="BHO661" s="613"/>
      <c r="BHP661" s="613"/>
      <c r="BHQ661" s="613"/>
      <c r="BHR661" s="613"/>
      <c r="BHS661" s="613"/>
      <c r="BHT661" s="613"/>
      <c r="BHU661" s="613"/>
      <c r="BHV661" s="613"/>
      <c r="BHW661" s="613"/>
      <c r="BHX661" s="613"/>
      <c r="BHY661" s="613"/>
      <c r="BHZ661" s="613"/>
      <c r="BIA661" s="613"/>
      <c r="BIB661" s="613"/>
      <c r="BIC661" s="613"/>
      <c r="BID661" s="613"/>
      <c r="BIE661" s="613"/>
      <c r="BIF661" s="613"/>
      <c r="BIG661" s="613"/>
      <c r="BIH661" s="613"/>
      <c r="BII661" s="613"/>
      <c r="BIJ661" s="613"/>
      <c r="BIK661" s="613"/>
      <c r="BIL661" s="613"/>
      <c r="BIM661" s="613"/>
      <c r="BIN661" s="613"/>
      <c r="BIO661" s="613"/>
      <c r="BIP661" s="613"/>
      <c r="BIQ661" s="613"/>
      <c r="BIR661" s="613"/>
      <c r="BIS661" s="613"/>
      <c r="BIT661" s="613"/>
      <c r="BIU661" s="613"/>
      <c r="BIV661" s="613"/>
      <c r="BIW661" s="613"/>
      <c r="BIX661" s="613"/>
      <c r="BIY661" s="613"/>
      <c r="BIZ661" s="613"/>
      <c r="BJA661" s="613"/>
      <c r="BJB661" s="613"/>
      <c r="BJC661" s="613"/>
      <c r="BJD661" s="613"/>
      <c r="BJE661" s="613"/>
      <c r="BJF661" s="613"/>
      <c r="BJG661" s="613"/>
      <c r="BJH661" s="613"/>
      <c r="BJI661" s="613"/>
      <c r="BJJ661" s="613"/>
      <c r="BJK661" s="613"/>
      <c r="BJL661" s="613"/>
      <c r="BJM661" s="613"/>
      <c r="BJN661" s="613"/>
      <c r="BJO661" s="613"/>
      <c r="BJP661" s="613"/>
      <c r="BJQ661" s="613"/>
      <c r="BJR661" s="613"/>
      <c r="BJS661" s="613"/>
      <c r="BJT661" s="613"/>
      <c r="BJU661" s="613"/>
      <c r="BJV661" s="613"/>
      <c r="BJW661" s="613"/>
      <c r="BJX661" s="613"/>
      <c r="BJY661" s="613"/>
      <c r="BJZ661" s="613"/>
      <c r="BKA661" s="613"/>
      <c r="BKB661" s="613"/>
      <c r="BKC661" s="613"/>
      <c r="BKD661" s="613"/>
      <c r="BKE661" s="613"/>
      <c r="BKF661" s="613"/>
      <c r="BKG661" s="613"/>
      <c r="BKH661" s="613"/>
      <c r="BKI661" s="613"/>
      <c r="BKJ661" s="613"/>
      <c r="BKK661" s="613"/>
      <c r="BKL661" s="613"/>
      <c r="BKM661" s="613"/>
      <c r="BKN661" s="613"/>
      <c r="BKO661" s="613"/>
      <c r="BKP661" s="613"/>
      <c r="BKQ661" s="613"/>
      <c r="BKR661" s="613"/>
      <c r="BKS661" s="613"/>
      <c r="BKT661" s="613"/>
      <c r="BKU661" s="613"/>
      <c r="BKV661" s="613"/>
      <c r="BKW661" s="613"/>
      <c r="BKX661" s="613"/>
      <c r="BKY661" s="613"/>
      <c r="BKZ661" s="613"/>
      <c r="BLA661" s="613"/>
      <c r="BLB661" s="613"/>
      <c r="BLC661" s="613"/>
      <c r="BLD661" s="613"/>
      <c r="BLE661" s="613"/>
      <c r="BLF661" s="613"/>
      <c r="BLG661" s="613"/>
      <c r="BLH661" s="613"/>
      <c r="BLI661" s="613"/>
      <c r="BLJ661" s="613"/>
      <c r="BLK661" s="613"/>
      <c r="BLL661" s="613"/>
      <c r="BLM661" s="613"/>
      <c r="BLN661" s="613"/>
      <c r="BLO661" s="613"/>
      <c r="BLP661" s="613"/>
      <c r="BLQ661" s="613"/>
      <c r="BLR661" s="613"/>
      <c r="BLS661" s="613"/>
      <c r="BLT661" s="613"/>
      <c r="BLU661" s="613"/>
      <c r="BLV661" s="613"/>
      <c r="BLW661" s="613"/>
      <c r="BLX661" s="613"/>
      <c r="BLY661" s="613"/>
      <c r="BLZ661" s="613"/>
      <c r="BMA661" s="613"/>
      <c r="BMB661" s="613"/>
      <c r="BMC661" s="613"/>
      <c r="BMD661" s="613"/>
      <c r="BME661" s="613"/>
      <c r="BMF661" s="613"/>
      <c r="BMG661" s="613"/>
      <c r="BMH661" s="613"/>
      <c r="BMI661" s="613"/>
      <c r="BMJ661" s="613"/>
      <c r="BMK661" s="613"/>
      <c r="BML661" s="613"/>
      <c r="BMM661" s="613"/>
      <c r="BMN661" s="613"/>
      <c r="BMO661" s="613"/>
      <c r="BMP661" s="613"/>
      <c r="BMQ661" s="613"/>
      <c r="BMR661" s="613"/>
      <c r="BMS661" s="613"/>
      <c r="BMT661" s="613"/>
      <c r="BMU661" s="613"/>
      <c r="BMV661" s="613"/>
      <c r="BMW661" s="613"/>
      <c r="BMX661" s="613"/>
      <c r="BMY661" s="613"/>
      <c r="BMZ661" s="613"/>
      <c r="BNA661" s="613"/>
      <c r="BNB661" s="613"/>
      <c r="BNC661" s="613"/>
      <c r="BND661" s="613"/>
      <c r="BNE661" s="613"/>
      <c r="BNF661" s="613"/>
      <c r="BNG661" s="613"/>
      <c r="BNH661" s="613"/>
      <c r="BNI661" s="613"/>
      <c r="BNJ661" s="613"/>
      <c r="BNK661" s="613"/>
      <c r="BNL661" s="613"/>
      <c r="BNM661" s="613"/>
      <c r="BNN661" s="613"/>
      <c r="BNO661" s="613"/>
      <c r="BNP661" s="613"/>
      <c r="BNQ661" s="613"/>
      <c r="BNR661" s="613"/>
      <c r="BNS661" s="613"/>
      <c r="BNT661" s="613"/>
      <c r="BNU661" s="613"/>
      <c r="BNV661" s="613"/>
      <c r="BNW661" s="613"/>
      <c r="BNX661" s="613"/>
      <c r="BNY661" s="613"/>
      <c r="BNZ661" s="613"/>
      <c r="BOA661" s="613"/>
      <c r="BOB661" s="613"/>
      <c r="BOC661" s="613"/>
      <c r="BOD661" s="613"/>
      <c r="BOE661" s="613"/>
      <c r="BOF661" s="613"/>
      <c r="BOG661" s="613"/>
      <c r="BOH661" s="613"/>
      <c r="BOI661" s="613"/>
      <c r="BOJ661" s="613"/>
      <c r="BOK661" s="613"/>
      <c r="BOL661" s="613"/>
      <c r="BOM661" s="613"/>
      <c r="BON661" s="613"/>
      <c r="BOO661" s="613"/>
      <c r="BOP661" s="613"/>
      <c r="BOQ661" s="613"/>
      <c r="BOR661" s="613"/>
      <c r="BOS661" s="613"/>
      <c r="BOT661" s="613"/>
      <c r="BOU661" s="613"/>
      <c r="BOV661" s="613"/>
      <c r="BOW661" s="613"/>
      <c r="BOX661" s="613"/>
      <c r="BOY661" s="613"/>
      <c r="BOZ661" s="613"/>
      <c r="BPA661" s="613"/>
      <c r="BPB661" s="613"/>
      <c r="BPC661" s="613"/>
      <c r="BPD661" s="613"/>
      <c r="BPE661" s="613"/>
      <c r="BPF661" s="613"/>
      <c r="BPG661" s="613"/>
      <c r="BPH661" s="613"/>
      <c r="BPI661" s="613"/>
      <c r="BPJ661" s="613"/>
      <c r="BPK661" s="613"/>
      <c r="BPL661" s="613"/>
      <c r="BPM661" s="613"/>
      <c r="BPN661" s="613"/>
      <c r="BPO661" s="613"/>
      <c r="BPP661" s="613"/>
      <c r="BPQ661" s="613"/>
      <c r="BPR661" s="613"/>
      <c r="BPS661" s="613"/>
      <c r="BPT661" s="613"/>
      <c r="BPU661" s="613"/>
      <c r="BPV661" s="613"/>
      <c r="BPW661" s="613"/>
      <c r="BPX661" s="613"/>
      <c r="BPY661" s="613"/>
      <c r="BPZ661" s="613"/>
      <c r="BQA661" s="613"/>
      <c r="BQB661" s="613"/>
      <c r="BQC661" s="613"/>
      <c r="BQD661" s="613"/>
      <c r="BQE661" s="613"/>
      <c r="BQF661" s="613"/>
      <c r="BQG661" s="613"/>
      <c r="BQH661" s="613"/>
      <c r="BQI661" s="613"/>
      <c r="BQJ661" s="613"/>
      <c r="BQK661" s="613"/>
      <c r="BQL661" s="613"/>
      <c r="BQM661" s="613"/>
      <c r="BQN661" s="613"/>
      <c r="BQO661" s="613"/>
      <c r="BQP661" s="613"/>
      <c r="BQQ661" s="613"/>
      <c r="BQR661" s="613"/>
      <c r="BQS661" s="613"/>
      <c r="BQT661" s="613"/>
      <c r="BQU661" s="613"/>
      <c r="BQV661" s="613"/>
      <c r="BQW661" s="613"/>
      <c r="BQX661" s="613"/>
      <c r="BQY661" s="613"/>
      <c r="BQZ661" s="613"/>
      <c r="BRA661" s="613"/>
      <c r="BRB661" s="613"/>
      <c r="BRC661" s="613"/>
      <c r="BRD661" s="613"/>
      <c r="BRE661" s="613"/>
      <c r="BRF661" s="613"/>
      <c r="BRG661" s="613"/>
      <c r="BRH661" s="613"/>
      <c r="BRI661" s="613"/>
      <c r="BRJ661" s="613"/>
      <c r="BRK661" s="613"/>
      <c r="BRL661" s="613"/>
      <c r="BRM661" s="613"/>
      <c r="BRN661" s="613"/>
      <c r="BRO661" s="613"/>
      <c r="BRP661" s="613"/>
      <c r="BRQ661" s="613"/>
      <c r="BRR661" s="613"/>
      <c r="BRS661" s="613"/>
      <c r="BRT661" s="613"/>
      <c r="BRU661" s="613"/>
      <c r="BRV661" s="613"/>
      <c r="BRW661" s="613"/>
      <c r="BRX661" s="613"/>
      <c r="BRY661" s="613"/>
      <c r="BRZ661" s="613"/>
      <c r="BSA661" s="613"/>
      <c r="BSB661" s="613"/>
      <c r="BSC661" s="613"/>
      <c r="BSD661" s="613"/>
      <c r="BSE661" s="613"/>
      <c r="BSF661" s="613"/>
      <c r="BSG661" s="613"/>
      <c r="BSH661" s="613"/>
      <c r="BSI661" s="613"/>
      <c r="BSJ661" s="613"/>
      <c r="BSK661" s="613"/>
      <c r="BSL661" s="613"/>
      <c r="BSM661" s="613"/>
      <c r="BSN661" s="613"/>
      <c r="BSO661" s="613"/>
      <c r="BSP661" s="613"/>
      <c r="BSQ661" s="613"/>
      <c r="BSR661" s="613"/>
      <c r="BSS661" s="613"/>
      <c r="BST661" s="613"/>
      <c r="BSU661" s="613"/>
      <c r="BSV661" s="613"/>
      <c r="BSW661" s="613"/>
      <c r="BSX661" s="613"/>
      <c r="BSY661" s="613"/>
      <c r="BSZ661" s="613"/>
      <c r="BTA661" s="613"/>
      <c r="BTB661" s="613"/>
      <c r="BTC661" s="613"/>
      <c r="BTD661" s="613"/>
      <c r="BTE661" s="613"/>
      <c r="BTF661" s="613"/>
      <c r="BTG661" s="613"/>
      <c r="BTH661" s="613"/>
      <c r="BTI661" s="613"/>
      <c r="BTJ661" s="613"/>
      <c r="BTK661" s="613"/>
      <c r="BTL661" s="613"/>
      <c r="BTM661" s="613"/>
      <c r="BTN661" s="613"/>
      <c r="BTO661" s="613"/>
      <c r="BTP661" s="613"/>
      <c r="BTQ661" s="613"/>
      <c r="BTR661" s="613"/>
      <c r="BTS661" s="613"/>
      <c r="BTT661" s="613"/>
      <c r="BTU661" s="613"/>
      <c r="BTV661" s="613"/>
      <c r="BTW661" s="613"/>
      <c r="BTX661" s="613"/>
      <c r="BTY661" s="613"/>
      <c r="BTZ661" s="613"/>
      <c r="BUA661" s="613"/>
      <c r="BUB661" s="613"/>
      <c r="BUC661" s="613"/>
      <c r="BUD661" s="613"/>
      <c r="BUE661" s="613"/>
      <c r="BUF661" s="613"/>
      <c r="BUG661" s="613"/>
      <c r="BUH661" s="613"/>
      <c r="BUI661" s="613"/>
      <c r="BUJ661" s="613"/>
      <c r="BUK661" s="613"/>
      <c r="BUL661" s="613"/>
      <c r="BUM661" s="613"/>
      <c r="BUN661" s="613"/>
      <c r="BUO661" s="613"/>
      <c r="BUP661" s="613"/>
      <c r="BUQ661" s="613"/>
      <c r="BUR661" s="613"/>
      <c r="BUS661" s="613"/>
      <c r="BUT661" s="613"/>
      <c r="BUU661" s="613"/>
      <c r="BUV661" s="613"/>
      <c r="BUW661" s="613"/>
      <c r="BUX661" s="613"/>
      <c r="BUY661" s="613"/>
      <c r="BUZ661" s="613"/>
      <c r="BVA661" s="613"/>
      <c r="BVB661" s="613"/>
      <c r="BVC661" s="613"/>
      <c r="BVD661" s="613"/>
      <c r="BVE661" s="613"/>
      <c r="BVF661" s="613"/>
      <c r="BVG661" s="613"/>
      <c r="BVH661" s="613"/>
      <c r="BVI661" s="613"/>
      <c r="BVJ661" s="613"/>
      <c r="BVK661" s="613"/>
      <c r="BVL661" s="613"/>
      <c r="BVM661" s="613"/>
      <c r="BVN661" s="613"/>
      <c r="BVO661" s="613"/>
      <c r="BVP661" s="613"/>
      <c r="BVQ661" s="613"/>
      <c r="BVR661" s="613"/>
      <c r="BVS661" s="613"/>
      <c r="BVT661" s="613"/>
      <c r="BVU661" s="613"/>
      <c r="BVV661" s="613"/>
      <c r="BVW661" s="613"/>
      <c r="BVX661" s="613"/>
      <c r="BVY661" s="613"/>
      <c r="BVZ661" s="613"/>
      <c r="BWA661" s="613"/>
      <c r="BWB661" s="613"/>
      <c r="BWC661" s="613"/>
      <c r="BWD661" s="613"/>
      <c r="BWE661" s="613"/>
      <c r="BWF661" s="613"/>
      <c r="BWG661" s="613"/>
      <c r="BWH661" s="613"/>
      <c r="BWI661" s="613"/>
      <c r="BWJ661" s="613"/>
      <c r="BWK661" s="613"/>
      <c r="BWL661" s="613"/>
      <c r="BWM661" s="613"/>
      <c r="BWN661" s="613"/>
      <c r="BWO661" s="613"/>
      <c r="BWP661" s="613"/>
      <c r="BWQ661" s="613"/>
      <c r="BWR661" s="613"/>
      <c r="BWS661" s="613"/>
      <c r="BWT661" s="613"/>
      <c r="BWU661" s="613"/>
      <c r="BWV661" s="613"/>
      <c r="BWW661" s="613"/>
      <c r="BWX661" s="613"/>
      <c r="BWY661" s="613"/>
      <c r="BWZ661" s="613"/>
      <c r="BXA661" s="613"/>
      <c r="BXB661" s="613"/>
      <c r="BXC661" s="613"/>
      <c r="BXD661" s="613"/>
      <c r="BXE661" s="613"/>
      <c r="BXF661" s="613"/>
      <c r="BXG661" s="613"/>
      <c r="BXH661" s="613"/>
      <c r="BXI661" s="613"/>
      <c r="BXJ661" s="613"/>
      <c r="BXK661" s="613"/>
      <c r="BXL661" s="613"/>
      <c r="BXM661" s="613"/>
      <c r="BXN661" s="613"/>
      <c r="BXO661" s="613"/>
      <c r="BXP661" s="613"/>
      <c r="BXQ661" s="613"/>
      <c r="BXR661" s="613"/>
      <c r="BXS661" s="613"/>
      <c r="BXT661" s="613"/>
      <c r="BXU661" s="613"/>
      <c r="BXV661" s="613"/>
      <c r="BXW661" s="613"/>
      <c r="BXX661" s="613"/>
      <c r="BXY661" s="613"/>
      <c r="BXZ661" s="613"/>
      <c r="BYA661" s="613"/>
      <c r="BYB661" s="613"/>
      <c r="BYC661" s="613"/>
      <c r="BYD661" s="613"/>
      <c r="BYE661" s="613"/>
      <c r="BYF661" s="613"/>
      <c r="BYG661" s="613"/>
      <c r="BYH661" s="613"/>
      <c r="BYI661" s="613"/>
      <c r="BYJ661" s="613"/>
      <c r="BYK661" s="613"/>
      <c r="BYL661" s="613"/>
      <c r="BYM661" s="613"/>
      <c r="BYN661" s="613"/>
      <c r="BYO661" s="613"/>
      <c r="BYP661" s="613"/>
      <c r="BYQ661" s="613"/>
      <c r="BYR661" s="613"/>
      <c r="BYS661" s="613"/>
      <c r="BYT661" s="613"/>
      <c r="BYU661" s="613"/>
      <c r="BYV661" s="613"/>
      <c r="BYW661" s="613"/>
      <c r="BYX661" s="613"/>
      <c r="BYY661" s="613"/>
      <c r="BYZ661" s="613"/>
      <c r="BZA661" s="613"/>
      <c r="BZB661" s="613"/>
      <c r="BZC661" s="613"/>
      <c r="BZD661" s="613"/>
      <c r="BZE661" s="613"/>
      <c r="BZF661" s="613"/>
      <c r="BZG661" s="613"/>
      <c r="BZH661" s="613"/>
      <c r="BZI661" s="613"/>
      <c r="BZJ661" s="613"/>
      <c r="BZK661" s="613"/>
      <c r="BZL661" s="613"/>
      <c r="BZM661" s="613"/>
      <c r="BZN661" s="613"/>
      <c r="BZO661" s="613"/>
      <c r="BZP661" s="613"/>
      <c r="BZQ661" s="613"/>
      <c r="BZR661" s="613"/>
      <c r="BZS661" s="613"/>
      <c r="BZT661" s="613"/>
      <c r="BZU661" s="613"/>
      <c r="BZV661" s="613"/>
      <c r="BZW661" s="613"/>
      <c r="BZX661" s="613"/>
      <c r="BZY661" s="613"/>
      <c r="BZZ661" s="613"/>
      <c r="CAA661" s="613"/>
      <c r="CAB661" s="613"/>
      <c r="CAC661" s="613"/>
      <c r="CAD661" s="613"/>
      <c r="CAE661" s="613"/>
      <c r="CAF661" s="613"/>
      <c r="CAG661" s="613"/>
      <c r="CAH661" s="613"/>
      <c r="CAI661" s="613"/>
      <c r="CAJ661" s="613"/>
      <c r="CAK661" s="613"/>
      <c r="CAL661" s="613"/>
      <c r="CAM661" s="613"/>
      <c r="CAN661" s="613"/>
      <c r="CAO661" s="613"/>
      <c r="CAP661" s="613"/>
      <c r="CAQ661" s="613"/>
      <c r="CAR661" s="613"/>
      <c r="CAS661" s="613"/>
      <c r="CAT661" s="613"/>
      <c r="CAU661" s="613"/>
      <c r="CAV661" s="613"/>
      <c r="CAW661" s="613"/>
      <c r="CAX661" s="613"/>
      <c r="CAY661" s="613"/>
      <c r="CAZ661" s="613"/>
      <c r="CBA661" s="613"/>
      <c r="CBB661" s="613"/>
      <c r="CBC661" s="613"/>
      <c r="CBD661" s="613"/>
      <c r="CBE661" s="613"/>
      <c r="CBF661" s="613"/>
      <c r="CBG661" s="613"/>
      <c r="CBH661" s="613"/>
      <c r="CBI661" s="613"/>
      <c r="CBJ661" s="613"/>
      <c r="CBK661" s="613"/>
      <c r="CBL661" s="613"/>
      <c r="CBM661" s="613"/>
      <c r="CBN661" s="613"/>
      <c r="CBO661" s="613"/>
      <c r="CBP661" s="613"/>
      <c r="CBQ661" s="613"/>
      <c r="CBR661" s="613"/>
      <c r="CBS661" s="613"/>
      <c r="CBT661" s="613"/>
      <c r="CBU661" s="613"/>
      <c r="CBV661" s="613"/>
      <c r="CBW661" s="613"/>
      <c r="CBX661" s="613"/>
      <c r="CBY661" s="613"/>
      <c r="CBZ661" s="613"/>
      <c r="CCA661" s="613"/>
      <c r="CCB661" s="613"/>
      <c r="CCC661" s="613"/>
      <c r="CCD661" s="613"/>
      <c r="CCE661" s="613"/>
      <c r="CCF661" s="613"/>
      <c r="CCG661" s="613"/>
      <c r="CCH661" s="613"/>
      <c r="CCI661" s="613"/>
      <c r="CCJ661" s="613"/>
      <c r="CCK661" s="613"/>
      <c r="CCL661" s="613"/>
      <c r="CCM661" s="613"/>
      <c r="CCN661" s="613"/>
      <c r="CCO661" s="613"/>
      <c r="CCP661" s="613"/>
      <c r="CCQ661" s="613"/>
      <c r="CCR661" s="613"/>
      <c r="CCS661" s="613"/>
      <c r="CCT661" s="613"/>
      <c r="CCU661" s="613"/>
      <c r="CCV661" s="613"/>
      <c r="CCW661" s="613"/>
      <c r="CCX661" s="613"/>
      <c r="CCY661" s="613"/>
      <c r="CCZ661" s="613"/>
      <c r="CDA661" s="613"/>
      <c r="CDB661" s="613"/>
      <c r="CDC661" s="613"/>
      <c r="CDD661" s="613"/>
      <c r="CDE661" s="613"/>
      <c r="CDF661" s="613"/>
      <c r="CDG661" s="613"/>
      <c r="CDH661" s="613"/>
      <c r="CDI661" s="613"/>
      <c r="CDJ661" s="613"/>
      <c r="CDK661" s="613"/>
      <c r="CDL661" s="613"/>
      <c r="CDM661" s="613"/>
      <c r="CDN661" s="613"/>
      <c r="CDO661" s="613"/>
      <c r="CDP661" s="613"/>
      <c r="CDQ661" s="613"/>
      <c r="CDR661" s="613"/>
      <c r="CDS661" s="613"/>
      <c r="CDT661" s="613"/>
      <c r="CDU661" s="613"/>
      <c r="CDV661" s="613"/>
      <c r="CDW661" s="613"/>
      <c r="CDX661" s="613"/>
      <c r="CDY661" s="613"/>
      <c r="CDZ661" s="613"/>
      <c r="CEA661" s="613"/>
      <c r="CEB661" s="613"/>
      <c r="CEC661" s="613"/>
      <c r="CED661" s="613"/>
      <c r="CEE661" s="613"/>
      <c r="CEF661" s="613"/>
      <c r="CEG661" s="613"/>
      <c r="CEH661" s="613"/>
      <c r="CEI661" s="613"/>
      <c r="CEJ661" s="613"/>
      <c r="CEK661" s="613"/>
      <c r="CEL661" s="613"/>
      <c r="CEM661" s="613"/>
      <c r="CEN661" s="613"/>
      <c r="CEO661" s="613"/>
      <c r="CEP661" s="613"/>
      <c r="CEQ661" s="613"/>
      <c r="CER661" s="613"/>
      <c r="CES661" s="613"/>
      <c r="CET661" s="613"/>
      <c r="CEU661" s="613"/>
      <c r="CEV661" s="613"/>
      <c r="CEW661" s="613"/>
      <c r="CEX661" s="613"/>
      <c r="CEY661" s="613"/>
      <c r="CEZ661" s="613"/>
      <c r="CFA661" s="613"/>
      <c r="CFB661" s="613"/>
      <c r="CFC661" s="613"/>
      <c r="CFD661" s="613"/>
      <c r="CFE661" s="613"/>
      <c r="CFF661" s="613"/>
      <c r="CFG661" s="613"/>
      <c r="CFH661" s="613"/>
      <c r="CFI661" s="613"/>
      <c r="CFJ661" s="613"/>
      <c r="CFK661" s="613"/>
      <c r="CFL661" s="613"/>
      <c r="CFM661" s="613"/>
      <c r="CFN661" s="613"/>
      <c r="CFO661" s="613"/>
      <c r="CFP661" s="613"/>
      <c r="CFQ661" s="613"/>
      <c r="CFR661" s="613"/>
      <c r="CFS661" s="613"/>
      <c r="CFT661" s="613"/>
      <c r="CFU661" s="613"/>
      <c r="CFV661" s="613"/>
      <c r="CFW661" s="613"/>
      <c r="CFX661" s="613"/>
      <c r="CFY661" s="613"/>
      <c r="CFZ661" s="613"/>
      <c r="CGA661" s="613"/>
      <c r="CGB661" s="613"/>
      <c r="CGC661" s="613"/>
      <c r="CGD661" s="613"/>
      <c r="CGE661" s="613"/>
      <c r="CGF661" s="613"/>
      <c r="CGG661" s="613"/>
      <c r="CGH661" s="613"/>
      <c r="CGI661" s="613"/>
      <c r="CGJ661" s="613"/>
      <c r="CGK661" s="613"/>
      <c r="CGL661" s="613"/>
      <c r="CGM661" s="613"/>
      <c r="CGN661" s="613"/>
      <c r="CGO661" s="613"/>
      <c r="CGP661" s="613"/>
      <c r="CGQ661" s="613"/>
      <c r="CGR661" s="613"/>
      <c r="CGS661" s="613"/>
      <c r="CGT661" s="613"/>
      <c r="CGU661" s="613"/>
      <c r="CGV661" s="613"/>
      <c r="CGW661" s="613"/>
      <c r="CGX661" s="613"/>
      <c r="CGY661" s="613"/>
      <c r="CGZ661" s="613"/>
      <c r="CHA661" s="613"/>
      <c r="CHB661" s="613"/>
      <c r="CHC661" s="613"/>
      <c r="CHD661" s="613"/>
      <c r="CHE661" s="613"/>
      <c r="CHF661" s="613"/>
      <c r="CHG661" s="613"/>
      <c r="CHH661" s="613"/>
      <c r="CHI661" s="613"/>
      <c r="CHJ661" s="613"/>
      <c r="CHK661" s="613"/>
      <c r="CHL661" s="613"/>
      <c r="CHM661" s="613"/>
      <c r="CHN661" s="613"/>
      <c r="CHO661" s="613"/>
      <c r="CHP661" s="613"/>
      <c r="CHQ661" s="613"/>
      <c r="CHR661" s="613"/>
      <c r="CHS661" s="613"/>
      <c r="CHT661" s="613"/>
      <c r="CHU661" s="613"/>
      <c r="CHV661" s="613"/>
      <c r="CHW661" s="613"/>
      <c r="CHX661" s="613"/>
      <c r="CHY661" s="613"/>
      <c r="CHZ661" s="613"/>
      <c r="CIA661" s="613"/>
      <c r="CIB661" s="613"/>
      <c r="CIC661" s="613"/>
      <c r="CID661" s="613"/>
      <c r="CIE661" s="613"/>
      <c r="CIF661" s="613"/>
      <c r="CIG661" s="613"/>
      <c r="CIH661" s="613"/>
      <c r="CII661" s="613"/>
      <c r="CIJ661" s="613"/>
      <c r="CIK661" s="613"/>
      <c r="CIL661" s="613"/>
      <c r="CIM661" s="613"/>
      <c r="CIN661" s="613"/>
      <c r="CIO661" s="613"/>
      <c r="CIP661" s="613"/>
      <c r="CIQ661" s="613"/>
      <c r="CIR661" s="613"/>
      <c r="CIS661" s="613"/>
      <c r="CIT661" s="613"/>
      <c r="CIU661" s="613"/>
      <c r="CIV661" s="613"/>
      <c r="CIW661" s="613"/>
      <c r="CIX661" s="613"/>
      <c r="CIY661" s="613"/>
      <c r="CIZ661" s="613"/>
      <c r="CJA661" s="613"/>
      <c r="CJB661" s="613"/>
      <c r="CJC661" s="613"/>
      <c r="CJD661" s="613"/>
      <c r="CJE661" s="613"/>
      <c r="CJF661" s="613"/>
      <c r="CJG661" s="613"/>
      <c r="CJH661" s="613"/>
      <c r="CJI661" s="613"/>
      <c r="CJJ661" s="613"/>
      <c r="CJK661" s="613"/>
      <c r="CJL661" s="613"/>
      <c r="CJM661" s="613"/>
      <c r="CJN661" s="613"/>
      <c r="CJO661" s="613"/>
      <c r="CJP661" s="613"/>
      <c r="CJQ661" s="613"/>
      <c r="CJR661" s="613"/>
      <c r="CJS661" s="613"/>
      <c r="CJT661" s="613"/>
      <c r="CJU661" s="613"/>
      <c r="CJV661" s="613"/>
      <c r="CJW661" s="613"/>
      <c r="CJX661" s="613"/>
      <c r="CJY661" s="613"/>
      <c r="CJZ661" s="613"/>
      <c r="CKA661" s="613"/>
      <c r="CKB661" s="613"/>
      <c r="CKC661" s="613"/>
      <c r="CKD661" s="613"/>
      <c r="CKE661" s="613"/>
      <c r="CKF661" s="613"/>
      <c r="CKG661" s="613"/>
      <c r="CKH661" s="613"/>
      <c r="CKI661" s="613"/>
      <c r="CKJ661" s="613"/>
      <c r="CKK661" s="613"/>
      <c r="CKL661" s="613"/>
      <c r="CKM661" s="613"/>
      <c r="CKN661" s="613"/>
      <c r="CKO661" s="613"/>
      <c r="CKP661" s="613"/>
      <c r="CKQ661" s="613"/>
      <c r="CKR661" s="613"/>
      <c r="CKS661" s="613"/>
      <c r="CKT661" s="613"/>
      <c r="CKU661" s="613"/>
      <c r="CKV661" s="613"/>
      <c r="CKW661" s="613"/>
      <c r="CKX661" s="613"/>
      <c r="CKY661" s="613"/>
      <c r="CKZ661" s="613"/>
      <c r="CLA661" s="613"/>
      <c r="CLB661" s="613"/>
      <c r="CLC661" s="613"/>
      <c r="CLD661" s="613"/>
      <c r="CLE661" s="613"/>
      <c r="CLF661" s="613"/>
      <c r="CLG661" s="613"/>
      <c r="CLH661" s="613"/>
      <c r="CLI661" s="613"/>
      <c r="CLJ661" s="613"/>
      <c r="CLK661" s="613"/>
      <c r="CLL661" s="613"/>
      <c r="CLM661" s="613"/>
      <c r="CLN661" s="613"/>
      <c r="CLO661" s="613"/>
      <c r="CLP661" s="613"/>
      <c r="CLQ661" s="613"/>
      <c r="CLR661" s="613"/>
      <c r="CLS661" s="613"/>
      <c r="CLT661" s="613"/>
      <c r="CLU661" s="613"/>
      <c r="CLV661" s="613"/>
      <c r="CLW661" s="613"/>
      <c r="CLX661" s="613"/>
      <c r="CLY661" s="613"/>
      <c r="CLZ661" s="613"/>
      <c r="CMA661" s="613"/>
      <c r="CMB661" s="613"/>
      <c r="CMC661" s="613"/>
      <c r="CMD661" s="613"/>
      <c r="CME661" s="613"/>
      <c r="CMF661" s="613"/>
      <c r="CMG661" s="613"/>
      <c r="CMH661" s="613"/>
      <c r="CMI661" s="613"/>
      <c r="CMJ661" s="613"/>
      <c r="CMK661" s="613"/>
      <c r="CML661" s="613"/>
      <c r="CMM661" s="613"/>
      <c r="CMN661" s="613"/>
      <c r="CMO661" s="613"/>
      <c r="CMP661" s="613"/>
      <c r="CMQ661" s="613"/>
      <c r="CMR661" s="613"/>
      <c r="CMS661" s="613"/>
      <c r="CMT661" s="613"/>
      <c r="CMU661" s="613"/>
      <c r="CMV661" s="613"/>
      <c r="CMW661" s="613"/>
      <c r="CMX661" s="613"/>
      <c r="CMY661" s="613"/>
      <c r="CMZ661" s="613"/>
      <c r="CNA661" s="613"/>
      <c r="CNB661" s="613"/>
      <c r="CNC661" s="613"/>
      <c r="CND661" s="613"/>
      <c r="CNE661" s="613"/>
      <c r="CNF661" s="613"/>
      <c r="CNG661" s="613"/>
      <c r="CNH661" s="613"/>
      <c r="CNI661" s="613"/>
      <c r="CNJ661" s="613"/>
      <c r="CNK661" s="613"/>
      <c r="CNL661" s="613"/>
      <c r="CNM661" s="613"/>
      <c r="CNN661" s="613"/>
      <c r="CNO661" s="613"/>
      <c r="CNP661" s="613"/>
      <c r="CNQ661" s="613"/>
      <c r="CNR661" s="613"/>
      <c r="CNS661" s="613"/>
      <c r="CNT661" s="613"/>
      <c r="CNU661" s="613"/>
      <c r="CNV661" s="613"/>
      <c r="CNW661" s="613"/>
      <c r="CNX661" s="613"/>
      <c r="CNY661" s="613"/>
      <c r="CNZ661" s="613"/>
      <c r="COA661" s="613"/>
      <c r="COB661" s="613"/>
      <c r="COC661" s="613"/>
      <c r="COD661" s="613"/>
      <c r="COE661" s="613"/>
      <c r="COF661" s="613"/>
      <c r="COG661" s="613"/>
      <c r="COH661" s="613"/>
      <c r="COI661" s="613"/>
      <c r="COJ661" s="613"/>
      <c r="COK661" s="613"/>
      <c r="COL661" s="613"/>
      <c r="COM661" s="613"/>
      <c r="CON661" s="613"/>
      <c r="COO661" s="613"/>
      <c r="COP661" s="613"/>
      <c r="COQ661" s="613"/>
      <c r="COR661" s="613"/>
      <c r="COS661" s="613"/>
      <c r="COT661" s="613"/>
      <c r="COU661" s="613"/>
      <c r="COV661" s="613"/>
      <c r="COW661" s="613"/>
      <c r="COX661" s="613"/>
      <c r="COY661" s="613"/>
      <c r="COZ661" s="613"/>
      <c r="CPA661" s="613"/>
      <c r="CPB661" s="613"/>
      <c r="CPC661" s="613"/>
      <c r="CPD661" s="613"/>
      <c r="CPE661" s="613"/>
      <c r="CPF661" s="613"/>
      <c r="CPG661" s="613"/>
      <c r="CPH661" s="613"/>
      <c r="CPI661" s="613"/>
      <c r="CPJ661" s="613"/>
      <c r="CPK661" s="613"/>
      <c r="CPL661" s="613"/>
      <c r="CPM661" s="613"/>
      <c r="CPN661" s="613"/>
      <c r="CPO661" s="613"/>
      <c r="CPP661" s="613"/>
      <c r="CPQ661" s="613"/>
      <c r="CPR661" s="613"/>
      <c r="CPS661" s="613"/>
      <c r="CPT661" s="613"/>
      <c r="CPU661" s="613"/>
      <c r="CPV661" s="613"/>
      <c r="CPW661" s="613"/>
      <c r="CPX661" s="613"/>
      <c r="CPY661" s="613"/>
      <c r="CPZ661" s="613"/>
      <c r="CQA661" s="613"/>
      <c r="CQB661" s="613"/>
      <c r="CQC661" s="613"/>
      <c r="CQD661" s="613"/>
      <c r="CQE661" s="613"/>
      <c r="CQF661" s="613"/>
      <c r="CQG661" s="613"/>
      <c r="CQH661" s="613"/>
      <c r="CQI661" s="613"/>
      <c r="CQJ661" s="613"/>
      <c r="CQK661" s="613"/>
      <c r="CQL661" s="613"/>
      <c r="CQM661" s="613"/>
      <c r="CQN661" s="613"/>
      <c r="CQO661" s="613"/>
      <c r="CQP661" s="613"/>
      <c r="CQQ661" s="613"/>
      <c r="CQR661" s="613"/>
      <c r="CQS661" s="613"/>
      <c r="CQT661" s="613"/>
      <c r="CQU661" s="613"/>
      <c r="CQV661" s="613"/>
      <c r="CQW661" s="613"/>
      <c r="CQX661" s="613"/>
      <c r="CQY661" s="613"/>
      <c r="CQZ661" s="613"/>
      <c r="CRA661" s="613"/>
      <c r="CRB661" s="613"/>
      <c r="CRC661" s="613"/>
      <c r="CRD661" s="613"/>
      <c r="CRE661" s="613"/>
      <c r="CRF661" s="613"/>
      <c r="CRG661" s="613"/>
      <c r="CRH661" s="613"/>
      <c r="CRI661" s="613"/>
      <c r="CRJ661" s="613"/>
      <c r="CRK661" s="613"/>
      <c r="CRL661" s="613"/>
      <c r="CRM661" s="613"/>
      <c r="CRN661" s="613"/>
      <c r="CRO661" s="613"/>
      <c r="CRP661" s="613"/>
      <c r="CRQ661" s="613"/>
      <c r="CRR661" s="613"/>
      <c r="CRS661" s="613"/>
      <c r="CRT661" s="613"/>
      <c r="CRU661" s="613"/>
      <c r="CRV661" s="613"/>
      <c r="CRW661" s="613"/>
      <c r="CRX661" s="613"/>
      <c r="CRY661" s="613"/>
      <c r="CRZ661" s="613"/>
      <c r="CSA661" s="613"/>
      <c r="CSB661" s="613"/>
      <c r="CSC661" s="613"/>
      <c r="CSD661" s="613"/>
      <c r="CSE661" s="613"/>
      <c r="CSF661" s="613"/>
      <c r="CSG661" s="613"/>
      <c r="CSH661" s="613"/>
      <c r="CSI661" s="613"/>
      <c r="CSJ661" s="613"/>
      <c r="CSK661" s="613"/>
      <c r="CSL661" s="613"/>
      <c r="CSM661" s="613"/>
      <c r="CSN661" s="613"/>
      <c r="CSO661" s="613"/>
      <c r="CSP661" s="613"/>
      <c r="CSQ661" s="613"/>
      <c r="CSR661" s="613"/>
      <c r="CSS661" s="613"/>
      <c r="CST661" s="613"/>
      <c r="CSU661" s="613"/>
      <c r="CSV661" s="613"/>
      <c r="CSW661" s="613"/>
      <c r="CSX661" s="613"/>
      <c r="CSY661" s="613"/>
      <c r="CSZ661" s="613"/>
      <c r="CTA661" s="613"/>
      <c r="CTB661" s="613"/>
      <c r="CTC661" s="613"/>
      <c r="CTD661" s="613"/>
      <c r="CTE661" s="613"/>
      <c r="CTF661" s="613"/>
      <c r="CTG661" s="613"/>
      <c r="CTH661" s="613"/>
      <c r="CTI661" s="613"/>
      <c r="CTJ661" s="613"/>
      <c r="CTK661" s="613"/>
      <c r="CTL661" s="613"/>
      <c r="CTM661" s="613"/>
      <c r="CTN661" s="613"/>
      <c r="CTO661" s="613"/>
      <c r="CTP661" s="613"/>
      <c r="CTQ661" s="613"/>
      <c r="CTR661" s="613"/>
      <c r="CTS661" s="613"/>
      <c r="CTT661" s="613"/>
      <c r="CTU661" s="613"/>
      <c r="CTV661" s="613"/>
      <c r="CTW661" s="613"/>
      <c r="CTX661" s="613"/>
      <c r="CTY661" s="613"/>
      <c r="CTZ661" s="613"/>
      <c r="CUA661" s="613"/>
      <c r="CUB661" s="613"/>
      <c r="CUC661" s="613"/>
      <c r="CUD661" s="613"/>
      <c r="CUE661" s="613"/>
      <c r="CUF661" s="613"/>
      <c r="CUG661" s="613"/>
      <c r="CUH661" s="613"/>
      <c r="CUI661" s="613"/>
      <c r="CUJ661" s="613"/>
      <c r="CUK661" s="613"/>
      <c r="CUL661" s="613"/>
      <c r="CUM661" s="613"/>
      <c r="CUN661" s="613"/>
      <c r="CUO661" s="613"/>
      <c r="CUP661" s="613"/>
      <c r="CUQ661" s="613"/>
      <c r="CUR661" s="613"/>
      <c r="CUS661" s="613"/>
      <c r="CUT661" s="613"/>
      <c r="CUU661" s="613"/>
      <c r="CUV661" s="613"/>
      <c r="CUW661" s="613"/>
      <c r="CUX661" s="613"/>
      <c r="CUY661" s="613"/>
      <c r="CUZ661" s="613"/>
      <c r="CVA661" s="613"/>
      <c r="CVB661" s="613"/>
      <c r="CVC661" s="613"/>
      <c r="CVD661" s="613"/>
      <c r="CVE661" s="613"/>
      <c r="CVF661" s="613"/>
      <c r="CVG661" s="613"/>
      <c r="CVH661" s="613"/>
      <c r="CVI661" s="613"/>
      <c r="CVJ661" s="613"/>
      <c r="CVK661" s="613"/>
      <c r="CVL661" s="613"/>
      <c r="CVM661" s="613"/>
      <c r="CVN661" s="613"/>
      <c r="CVO661" s="613"/>
      <c r="CVP661" s="613"/>
      <c r="CVQ661" s="613"/>
      <c r="CVR661" s="613"/>
      <c r="CVS661" s="613"/>
      <c r="CVT661" s="613"/>
      <c r="CVU661" s="613"/>
      <c r="CVV661" s="613"/>
      <c r="CVW661" s="613"/>
      <c r="CVX661" s="613"/>
      <c r="CVY661" s="613"/>
      <c r="CVZ661" s="613"/>
      <c r="CWA661" s="613"/>
      <c r="CWB661" s="613"/>
      <c r="CWC661" s="613"/>
      <c r="CWD661" s="613"/>
      <c r="CWE661" s="613"/>
      <c r="CWF661" s="613"/>
      <c r="CWG661" s="613"/>
      <c r="CWH661" s="613"/>
      <c r="CWI661" s="613"/>
      <c r="CWJ661" s="613"/>
      <c r="CWK661" s="613"/>
      <c r="CWL661" s="613"/>
      <c r="CWM661" s="613"/>
      <c r="CWN661" s="613"/>
      <c r="CWO661" s="613"/>
      <c r="CWP661" s="613"/>
      <c r="CWQ661" s="613"/>
      <c r="CWR661" s="613"/>
      <c r="CWS661" s="613"/>
      <c r="CWT661" s="613"/>
      <c r="CWU661" s="613"/>
      <c r="CWV661" s="613"/>
      <c r="CWW661" s="613"/>
      <c r="CWX661" s="613"/>
      <c r="CWY661" s="613"/>
      <c r="CWZ661" s="613"/>
      <c r="CXA661" s="613"/>
      <c r="CXB661" s="613"/>
      <c r="CXC661" s="613"/>
      <c r="CXD661" s="613"/>
      <c r="CXE661" s="613"/>
      <c r="CXF661" s="613"/>
      <c r="CXG661" s="613"/>
      <c r="CXH661" s="613"/>
      <c r="CXI661" s="613"/>
      <c r="CXJ661" s="613"/>
      <c r="CXK661" s="613"/>
      <c r="CXL661" s="613"/>
      <c r="CXM661" s="613"/>
      <c r="CXN661" s="613"/>
      <c r="CXO661" s="613"/>
      <c r="CXP661" s="613"/>
      <c r="CXQ661" s="613"/>
      <c r="CXR661" s="613"/>
      <c r="CXS661" s="613"/>
      <c r="CXT661" s="613"/>
      <c r="CXU661" s="613"/>
      <c r="CXV661" s="613"/>
      <c r="CXW661" s="613"/>
      <c r="CXX661" s="613"/>
      <c r="CXY661" s="613"/>
      <c r="CXZ661" s="613"/>
      <c r="CYA661" s="613"/>
      <c r="CYB661" s="613"/>
      <c r="CYC661" s="613"/>
      <c r="CYD661" s="613"/>
      <c r="CYE661" s="613"/>
      <c r="CYF661" s="613"/>
      <c r="CYG661" s="613"/>
      <c r="CYH661" s="613"/>
      <c r="CYI661" s="613"/>
      <c r="CYJ661" s="613"/>
      <c r="CYK661" s="613"/>
      <c r="CYL661" s="613"/>
      <c r="CYM661" s="613"/>
      <c r="CYN661" s="613"/>
      <c r="CYO661" s="613"/>
      <c r="CYP661" s="613"/>
      <c r="CYQ661" s="613"/>
      <c r="CYR661" s="613"/>
      <c r="CYS661" s="613"/>
      <c r="CYT661" s="613"/>
      <c r="CYU661" s="613"/>
      <c r="CYV661" s="613"/>
      <c r="CYW661" s="613"/>
      <c r="CYX661" s="613"/>
      <c r="CYY661" s="613"/>
      <c r="CYZ661" s="613"/>
      <c r="CZA661" s="613"/>
      <c r="CZB661" s="613"/>
      <c r="CZC661" s="613"/>
      <c r="CZD661" s="613"/>
      <c r="CZE661" s="613"/>
      <c r="CZF661" s="613"/>
      <c r="CZG661" s="613"/>
      <c r="CZH661" s="613"/>
      <c r="CZI661" s="613"/>
      <c r="CZJ661" s="613"/>
      <c r="CZK661" s="613"/>
      <c r="CZL661" s="613"/>
      <c r="CZM661" s="613"/>
      <c r="CZN661" s="613"/>
      <c r="CZO661" s="613"/>
      <c r="CZP661" s="613"/>
      <c r="CZQ661" s="613"/>
      <c r="CZR661" s="613"/>
      <c r="CZS661" s="613"/>
      <c r="CZT661" s="613"/>
      <c r="CZU661" s="613"/>
      <c r="CZV661" s="613"/>
      <c r="CZW661" s="613"/>
      <c r="CZX661" s="613"/>
      <c r="CZY661" s="613"/>
      <c r="CZZ661" s="613"/>
      <c r="DAA661" s="613"/>
      <c r="DAB661" s="613"/>
      <c r="DAC661" s="613"/>
      <c r="DAD661" s="613"/>
      <c r="DAE661" s="613"/>
      <c r="DAF661" s="613"/>
      <c r="DAG661" s="613"/>
      <c r="DAH661" s="613"/>
      <c r="DAI661" s="613"/>
      <c r="DAJ661" s="613"/>
      <c r="DAK661" s="613"/>
      <c r="DAL661" s="613"/>
      <c r="DAM661" s="613"/>
      <c r="DAN661" s="613"/>
      <c r="DAO661" s="613"/>
      <c r="DAP661" s="613"/>
      <c r="DAQ661" s="613"/>
      <c r="DAR661" s="613"/>
      <c r="DAS661" s="613"/>
      <c r="DAT661" s="613"/>
      <c r="DAU661" s="613"/>
      <c r="DAV661" s="613"/>
      <c r="DAW661" s="613"/>
      <c r="DAX661" s="613"/>
      <c r="DAY661" s="613"/>
      <c r="DAZ661" s="613"/>
      <c r="DBA661" s="613"/>
      <c r="DBB661" s="613"/>
      <c r="DBC661" s="613"/>
      <c r="DBD661" s="613"/>
      <c r="DBE661" s="613"/>
      <c r="DBF661" s="613"/>
      <c r="DBG661" s="613"/>
      <c r="DBH661" s="613"/>
      <c r="DBI661" s="613"/>
      <c r="DBJ661" s="613"/>
      <c r="DBK661" s="613"/>
      <c r="DBL661" s="613"/>
      <c r="DBM661" s="613"/>
      <c r="DBN661" s="613"/>
      <c r="DBO661" s="613"/>
      <c r="DBP661" s="613"/>
      <c r="DBQ661" s="613"/>
      <c r="DBR661" s="613"/>
      <c r="DBS661" s="613"/>
      <c r="DBT661" s="613"/>
      <c r="DBU661" s="613"/>
      <c r="DBV661" s="613"/>
      <c r="DBW661" s="613"/>
      <c r="DBX661" s="613"/>
      <c r="DBY661" s="613"/>
      <c r="DBZ661" s="613"/>
      <c r="DCA661" s="613"/>
      <c r="DCB661" s="613"/>
      <c r="DCC661" s="613"/>
      <c r="DCD661" s="613"/>
      <c r="DCE661" s="613"/>
      <c r="DCF661" s="613"/>
      <c r="DCG661" s="613"/>
      <c r="DCH661" s="613"/>
      <c r="DCI661" s="613"/>
      <c r="DCJ661" s="613"/>
      <c r="DCK661" s="613"/>
      <c r="DCL661" s="613"/>
      <c r="DCM661" s="613"/>
      <c r="DCN661" s="613"/>
      <c r="DCO661" s="613"/>
      <c r="DCP661" s="613"/>
      <c r="DCQ661" s="613"/>
      <c r="DCR661" s="613"/>
      <c r="DCS661" s="613"/>
      <c r="DCT661" s="613"/>
      <c r="DCU661" s="613"/>
      <c r="DCV661" s="613"/>
      <c r="DCW661" s="613"/>
      <c r="DCX661" s="613"/>
      <c r="DCY661" s="613"/>
      <c r="DCZ661" s="613"/>
      <c r="DDA661" s="613"/>
      <c r="DDB661" s="613"/>
      <c r="DDC661" s="613"/>
      <c r="DDD661" s="613"/>
      <c r="DDE661" s="613"/>
      <c r="DDF661" s="613"/>
      <c r="DDG661" s="613"/>
      <c r="DDH661" s="613"/>
      <c r="DDI661" s="613"/>
      <c r="DDJ661" s="613"/>
      <c r="DDK661" s="613"/>
      <c r="DDL661" s="613"/>
      <c r="DDM661" s="613"/>
      <c r="DDN661" s="613"/>
      <c r="DDO661" s="613"/>
      <c r="DDP661" s="613"/>
      <c r="DDQ661" s="613"/>
      <c r="DDR661" s="613"/>
      <c r="DDS661" s="613"/>
      <c r="DDT661" s="613"/>
      <c r="DDU661" s="613"/>
      <c r="DDV661" s="613"/>
      <c r="DDW661" s="613"/>
      <c r="DDX661" s="613"/>
      <c r="DDY661" s="613"/>
      <c r="DDZ661" s="613"/>
      <c r="DEA661" s="613"/>
      <c r="DEB661" s="613"/>
      <c r="DEC661" s="613"/>
      <c r="DED661" s="613"/>
      <c r="DEE661" s="613"/>
      <c r="DEF661" s="613"/>
      <c r="DEG661" s="613"/>
      <c r="DEH661" s="613"/>
      <c r="DEI661" s="613"/>
      <c r="DEJ661" s="613"/>
      <c r="DEK661" s="613"/>
      <c r="DEL661" s="613"/>
      <c r="DEM661" s="613"/>
      <c r="DEN661" s="613"/>
      <c r="DEO661" s="613"/>
      <c r="DEP661" s="613"/>
      <c r="DEQ661" s="613"/>
      <c r="DER661" s="613"/>
      <c r="DES661" s="613"/>
      <c r="DET661" s="613"/>
      <c r="DEU661" s="613"/>
      <c r="DEV661" s="613"/>
      <c r="DEW661" s="613"/>
      <c r="DEX661" s="613"/>
      <c r="DEY661" s="613"/>
      <c r="DEZ661" s="613"/>
      <c r="DFA661" s="613"/>
      <c r="DFB661" s="613"/>
      <c r="DFC661" s="613"/>
      <c r="DFD661" s="613"/>
      <c r="DFE661" s="613"/>
      <c r="DFF661" s="613"/>
      <c r="DFG661" s="613"/>
      <c r="DFH661" s="613"/>
      <c r="DFI661" s="613"/>
      <c r="DFJ661" s="613"/>
      <c r="DFK661" s="613"/>
      <c r="DFL661" s="613"/>
      <c r="DFM661" s="613"/>
      <c r="DFN661" s="613"/>
      <c r="DFO661" s="613"/>
      <c r="DFP661" s="613"/>
      <c r="DFQ661" s="613"/>
      <c r="DFR661" s="613"/>
      <c r="DFS661" s="613"/>
      <c r="DFT661" s="613"/>
      <c r="DFU661" s="613"/>
      <c r="DFV661" s="613"/>
      <c r="DFW661" s="613"/>
      <c r="DFX661" s="613"/>
      <c r="DFY661" s="613"/>
      <c r="DFZ661" s="613"/>
      <c r="DGA661" s="613"/>
      <c r="DGB661" s="613"/>
      <c r="DGC661" s="613"/>
      <c r="DGD661" s="613"/>
      <c r="DGE661" s="613"/>
      <c r="DGF661" s="613"/>
      <c r="DGG661" s="613"/>
      <c r="DGH661" s="613"/>
      <c r="DGI661" s="613"/>
      <c r="DGJ661" s="613"/>
      <c r="DGK661" s="613"/>
      <c r="DGL661" s="613"/>
      <c r="DGM661" s="613"/>
      <c r="DGN661" s="613"/>
      <c r="DGO661" s="613"/>
      <c r="DGP661" s="613"/>
      <c r="DGQ661" s="613"/>
      <c r="DGR661" s="613"/>
      <c r="DGS661" s="613"/>
      <c r="DGT661" s="613"/>
      <c r="DGU661" s="613"/>
      <c r="DGV661" s="613"/>
      <c r="DGW661" s="613"/>
      <c r="DGX661" s="613"/>
      <c r="DGY661" s="613"/>
      <c r="DGZ661" s="613"/>
      <c r="DHA661" s="613"/>
      <c r="DHB661" s="613"/>
      <c r="DHC661" s="613"/>
      <c r="DHD661" s="613"/>
      <c r="DHE661" s="613"/>
      <c r="DHF661" s="613"/>
      <c r="DHG661" s="613"/>
      <c r="DHH661" s="613"/>
      <c r="DHI661" s="613"/>
      <c r="DHJ661" s="613"/>
      <c r="DHK661" s="613"/>
      <c r="DHL661" s="613"/>
      <c r="DHM661" s="613"/>
      <c r="DHN661" s="613"/>
      <c r="DHO661" s="613"/>
      <c r="DHP661" s="613"/>
      <c r="DHQ661" s="613"/>
      <c r="DHR661" s="613"/>
      <c r="DHS661" s="613"/>
      <c r="DHT661" s="613"/>
      <c r="DHU661" s="613"/>
      <c r="DHV661" s="613"/>
      <c r="DHW661" s="613"/>
      <c r="DHX661" s="613"/>
      <c r="DHY661" s="613"/>
      <c r="DHZ661" s="613"/>
      <c r="DIA661" s="613"/>
      <c r="DIB661" s="613"/>
      <c r="DIC661" s="613"/>
      <c r="DID661" s="613"/>
      <c r="DIE661" s="613"/>
      <c r="DIF661" s="613"/>
      <c r="DIG661" s="613"/>
      <c r="DIH661" s="613"/>
      <c r="DII661" s="613"/>
      <c r="DIJ661" s="613"/>
      <c r="DIK661" s="613"/>
      <c r="DIL661" s="613"/>
      <c r="DIM661" s="613"/>
      <c r="DIN661" s="613"/>
      <c r="DIO661" s="613"/>
      <c r="DIP661" s="613"/>
      <c r="DIQ661" s="613"/>
      <c r="DIR661" s="613"/>
      <c r="DIS661" s="613"/>
      <c r="DIT661" s="613"/>
      <c r="DIU661" s="613"/>
      <c r="DIV661" s="613"/>
      <c r="DIW661" s="613"/>
      <c r="DIX661" s="613"/>
      <c r="DIY661" s="613"/>
      <c r="DIZ661" s="613"/>
      <c r="DJA661" s="613"/>
      <c r="DJB661" s="613"/>
      <c r="DJC661" s="613"/>
      <c r="DJD661" s="613"/>
      <c r="DJE661" s="613"/>
      <c r="DJF661" s="613"/>
      <c r="DJG661" s="613"/>
      <c r="DJH661" s="613"/>
      <c r="DJI661" s="613"/>
      <c r="DJJ661" s="613"/>
      <c r="DJK661" s="613"/>
      <c r="DJL661" s="613"/>
      <c r="DJM661" s="613"/>
      <c r="DJN661" s="613"/>
      <c r="DJO661" s="613"/>
      <c r="DJP661" s="613"/>
      <c r="DJQ661" s="613"/>
      <c r="DJR661" s="613"/>
      <c r="DJS661" s="613"/>
      <c r="DJT661" s="613"/>
      <c r="DJU661" s="613"/>
      <c r="DJV661" s="613"/>
      <c r="DJW661" s="613"/>
      <c r="DJX661" s="613"/>
      <c r="DJY661" s="613"/>
      <c r="DJZ661" s="613"/>
      <c r="DKA661" s="613"/>
      <c r="DKB661" s="613"/>
      <c r="DKC661" s="613"/>
      <c r="DKD661" s="613"/>
      <c r="DKE661" s="613"/>
      <c r="DKF661" s="613"/>
      <c r="DKG661" s="613"/>
      <c r="DKH661" s="613"/>
      <c r="DKI661" s="613"/>
      <c r="DKJ661" s="613"/>
      <c r="DKK661" s="613"/>
      <c r="DKL661" s="613"/>
      <c r="DKM661" s="613"/>
      <c r="DKN661" s="613"/>
      <c r="DKO661" s="613"/>
      <c r="DKP661" s="613"/>
      <c r="DKQ661" s="613"/>
      <c r="DKR661" s="613"/>
      <c r="DKS661" s="613"/>
      <c r="DKT661" s="613"/>
      <c r="DKU661" s="613"/>
      <c r="DKV661" s="613"/>
      <c r="DKW661" s="613"/>
      <c r="DKX661" s="613"/>
      <c r="DKY661" s="613"/>
      <c r="DKZ661" s="613"/>
      <c r="DLA661" s="613"/>
      <c r="DLB661" s="613"/>
      <c r="DLC661" s="613"/>
      <c r="DLD661" s="613"/>
      <c r="DLE661" s="613"/>
      <c r="DLF661" s="613"/>
      <c r="DLG661" s="613"/>
      <c r="DLH661" s="613"/>
      <c r="DLI661" s="613"/>
      <c r="DLJ661" s="613"/>
      <c r="DLK661" s="613"/>
      <c r="DLL661" s="613"/>
      <c r="DLM661" s="613"/>
      <c r="DLN661" s="613"/>
      <c r="DLO661" s="613"/>
      <c r="DLP661" s="613"/>
      <c r="DLQ661" s="613"/>
      <c r="DLR661" s="613"/>
      <c r="DLS661" s="613"/>
      <c r="DLT661" s="613"/>
      <c r="DLU661" s="613"/>
      <c r="DLV661" s="613"/>
      <c r="DLW661" s="613"/>
      <c r="DLX661" s="613"/>
      <c r="DLY661" s="613"/>
      <c r="DLZ661" s="613"/>
      <c r="DMA661" s="613"/>
      <c r="DMB661" s="613"/>
      <c r="DMC661" s="613"/>
      <c r="DMD661" s="613"/>
      <c r="DME661" s="613"/>
      <c r="DMF661" s="613"/>
      <c r="DMG661" s="613"/>
      <c r="DMH661" s="613"/>
      <c r="DMI661" s="613"/>
      <c r="DMJ661" s="613"/>
      <c r="DMK661" s="613"/>
      <c r="DML661" s="613"/>
      <c r="DMM661" s="613"/>
      <c r="DMN661" s="613"/>
      <c r="DMO661" s="613"/>
      <c r="DMP661" s="613"/>
      <c r="DMQ661" s="613"/>
      <c r="DMR661" s="613"/>
      <c r="DMS661" s="613"/>
      <c r="DMT661" s="613"/>
      <c r="DMU661" s="613"/>
      <c r="DMV661" s="613"/>
      <c r="DMW661" s="613"/>
      <c r="DMX661" s="613"/>
      <c r="DMY661" s="613"/>
      <c r="DMZ661" s="613"/>
      <c r="DNA661" s="613"/>
      <c r="DNB661" s="613"/>
      <c r="DNC661" s="613"/>
      <c r="DND661" s="613"/>
      <c r="DNE661" s="613"/>
      <c r="DNF661" s="613"/>
      <c r="DNG661" s="613"/>
      <c r="DNH661" s="613"/>
      <c r="DNI661" s="613"/>
      <c r="DNJ661" s="613"/>
      <c r="DNK661" s="613"/>
      <c r="DNL661" s="613"/>
      <c r="DNM661" s="613"/>
      <c r="DNN661" s="613"/>
      <c r="DNO661" s="613"/>
      <c r="DNP661" s="613"/>
      <c r="DNQ661" s="613"/>
      <c r="DNR661" s="613"/>
      <c r="DNS661" s="613"/>
      <c r="DNT661" s="613"/>
      <c r="DNU661" s="613"/>
      <c r="DNV661" s="613"/>
      <c r="DNW661" s="613"/>
      <c r="DNX661" s="613"/>
      <c r="DNY661" s="613"/>
      <c r="DNZ661" s="613"/>
      <c r="DOA661" s="613"/>
      <c r="DOB661" s="613"/>
      <c r="DOC661" s="613"/>
      <c r="DOD661" s="613"/>
      <c r="DOE661" s="613"/>
      <c r="DOF661" s="613"/>
      <c r="DOG661" s="613"/>
      <c r="DOH661" s="613"/>
      <c r="DOI661" s="613"/>
      <c r="DOJ661" s="613"/>
      <c r="DOK661" s="613"/>
      <c r="DOL661" s="613"/>
      <c r="DOM661" s="613"/>
      <c r="DON661" s="613"/>
      <c r="DOO661" s="613"/>
      <c r="DOP661" s="613"/>
      <c r="DOQ661" s="613"/>
      <c r="DOR661" s="613"/>
      <c r="DOS661" s="613"/>
      <c r="DOT661" s="613"/>
      <c r="DOU661" s="613"/>
      <c r="DOV661" s="613"/>
      <c r="DOW661" s="613"/>
      <c r="DOX661" s="613"/>
      <c r="DOY661" s="613"/>
      <c r="DOZ661" s="613"/>
      <c r="DPA661" s="613"/>
      <c r="DPB661" s="613"/>
      <c r="DPC661" s="613"/>
      <c r="DPD661" s="613"/>
      <c r="DPE661" s="613"/>
      <c r="DPF661" s="613"/>
      <c r="DPG661" s="613"/>
      <c r="DPH661" s="613"/>
      <c r="DPI661" s="613"/>
      <c r="DPJ661" s="613"/>
      <c r="DPK661" s="613"/>
      <c r="DPL661" s="613"/>
      <c r="DPM661" s="613"/>
      <c r="DPN661" s="613"/>
      <c r="DPO661" s="613"/>
      <c r="DPP661" s="613"/>
      <c r="DPQ661" s="613"/>
      <c r="DPR661" s="613"/>
      <c r="DPS661" s="613"/>
      <c r="DPT661" s="613"/>
      <c r="DPU661" s="613"/>
      <c r="DPV661" s="613"/>
      <c r="DPW661" s="613"/>
      <c r="DPX661" s="613"/>
      <c r="DPY661" s="613"/>
      <c r="DPZ661" s="613"/>
      <c r="DQA661" s="613"/>
      <c r="DQB661" s="613"/>
      <c r="DQC661" s="613"/>
      <c r="DQD661" s="613"/>
      <c r="DQE661" s="613"/>
      <c r="DQF661" s="613"/>
      <c r="DQG661" s="613"/>
      <c r="DQH661" s="613"/>
      <c r="DQI661" s="613"/>
      <c r="DQJ661" s="613"/>
      <c r="DQK661" s="613"/>
      <c r="DQL661" s="613"/>
      <c r="DQM661" s="613"/>
      <c r="DQN661" s="613"/>
      <c r="DQO661" s="613"/>
      <c r="DQP661" s="613"/>
      <c r="DQQ661" s="613"/>
      <c r="DQR661" s="613"/>
      <c r="DQS661" s="613"/>
      <c r="DQT661" s="613"/>
      <c r="DQU661" s="613"/>
      <c r="DQV661" s="613"/>
      <c r="DQW661" s="613"/>
      <c r="DQX661" s="613"/>
      <c r="DQY661" s="613"/>
      <c r="DQZ661" s="613"/>
      <c r="DRA661" s="613"/>
      <c r="DRB661" s="613"/>
      <c r="DRC661" s="613"/>
      <c r="DRD661" s="613"/>
      <c r="DRE661" s="613"/>
      <c r="DRF661" s="613"/>
      <c r="DRG661" s="613"/>
      <c r="DRH661" s="613"/>
      <c r="DRI661" s="613"/>
      <c r="DRJ661" s="613"/>
      <c r="DRK661" s="613"/>
      <c r="DRL661" s="613"/>
      <c r="DRM661" s="613"/>
      <c r="DRN661" s="613"/>
      <c r="DRO661" s="613"/>
      <c r="DRP661" s="613"/>
      <c r="DRQ661" s="613"/>
      <c r="DRR661" s="613"/>
      <c r="DRS661" s="613"/>
      <c r="DRT661" s="613"/>
      <c r="DRU661" s="613"/>
      <c r="DRV661" s="613"/>
      <c r="DRW661" s="613"/>
      <c r="DRX661" s="613"/>
      <c r="DRY661" s="613"/>
      <c r="DRZ661" s="613"/>
      <c r="DSA661" s="613"/>
      <c r="DSB661" s="613"/>
      <c r="DSC661" s="613"/>
      <c r="DSD661" s="613"/>
      <c r="DSE661" s="613"/>
      <c r="DSF661" s="613"/>
      <c r="DSG661" s="613"/>
      <c r="DSH661" s="613"/>
      <c r="DSI661" s="613"/>
      <c r="DSJ661" s="613"/>
      <c r="DSK661" s="613"/>
      <c r="DSL661" s="613"/>
      <c r="DSM661" s="613"/>
      <c r="DSN661" s="613"/>
      <c r="DSO661" s="613"/>
      <c r="DSP661" s="613"/>
      <c r="DSQ661" s="613"/>
      <c r="DSR661" s="613"/>
      <c r="DSS661" s="613"/>
      <c r="DST661" s="613"/>
      <c r="DSU661" s="613"/>
      <c r="DSV661" s="613"/>
      <c r="DSW661" s="613"/>
      <c r="DSX661" s="613"/>
      <c r="DSY661" s="613"/>
      <c r="DSZ661" s="613"/>
      <c r="DTA661" s="613"/>
      <c r="DTB661" s="613"/>
      <c r="DTC661" s="613"/>
      <c r="DTD661" s="613"/>
      <c r="DTE661" s="613"/>
      <c r="DTF661" s="613"/>
      <c r="DTG661" s="613"/>
      <c r="DTH661" s="613"/>
      <c r="DTI661" s="613"/>
      <c r="DTJ661" s="613"/>
      <c r="DTK661" s="613"/>
      <c r="DTL661" s="613"/>
      <c r="DTM661" s="613"/>
      <c r="DTN661" s="613"/>
      <c r="DTO661" s="613"/>
      <c r="DTP661" s="613"/>
      <c r="DTQ661" s="613"/>
      <c r="DTR661" s="613"/>
      <c r="DTS661" s="613"/>
      <c r="DTT661" s="613"/>
      <c r="DTU661" s="613"/>
      <c r="DTV661" s="613"/>
      <c r="DTW661" s="613"/>
      <c r="DTX661" s="613"/>
      <c r="DTY661" s="613"/>
      <c r="DTZ661" s="613"/>
      <c r="DUA661" s="613"/>
      <c r="DUB661" s="613"/>
      <c r="DUC661" s="613"/>
      <c r="DUD661" s="613"/>
      <c r="DUE661" s="613"/>
      <c r="DUF661" s="613"/>
      <c r="DUG661" s="613"/>
      <c r="DUH661" s="613"/>
      <c r="DUI661" s="613"/>
      <c r="DUJ661" s="613"/>
      <c r="DUK661" s="613"/>
      <c r="DUL661" s="613"/>
      <c r="DUM661" s="613"/>
      <c r="DUN661" s="613"/>
      <c r="DUO661" s="613"/>
      <c r="DUP661" s="613"/>
      <c r="DUQ661" s="613"/>
      <c r="DUR661" s="613"/>
      <c r="DUS661" s="613"/>
      <c r="DUT661" s="613"/>
      <c r="DUU661" s="613"/>
      <c r="DUV661" s="613"/>
      <c r="DUW661" s="613"/>
      <c r="DUX661" s="613"/>
      <c r="DUY661" s="613"/>
      <c r="DUZ661" s="613"/>
      <c r="DVA661" s="613"/>
      <c r="DVB661" s="613"/>
      <c r="DVC661" s="613"/>
      <c r="DVD661" s="613"/>
      <c r="DVE661" s="613"/>
      <c r="DVF661" s="613"/>
      <c r="DVG661" s="613"/>
      <c r="DVH661" s="613"/>
      <c r="DVI661" s="613"/>
      <c r="DVJ661" s="613"/>
      <c r="DVK661" s="613"/>
      <c r="DVL661" s="613"/>
      <c r="DVM661" s="613"/>
      <c r="DVN661" s="613"/>
      <c r="DVO661" s="613"/>
      <c r="DVP661" s="613"/>
      <c r="DVQ661" s="613"/>
      <c r="DVR661" s="613"/>
      <c r="DVS661" s="613"/>
      <c r="DVT661" s="613"/>
      <c r="DVU661" s="613"/>
      <c r="DVV661" s="613"/>
      <c r="DVW661" s="613"/>
      <c r="DVX661" s="613"/>
      <c r="DVY661" s="613"/>
      <c r="DVZ661" s="613"/>
      <c r="DWA661" s="613"/>
      <c r="DWB661" s="613"/>
      <c r="DWC661" s="613"/>
      <c r="DWD661" s="613"/>
      <c r="DWE661" s="613"/>
      <c r="DWF661" s="613"/>
      <c r="DWG661" s="613"/>
      <c r="DWH661" s="613"/>
      <c r="DWI661" s="613"/>
      <c r="DWJ661" s="613"/>
      <c r="DWK661" s="613"/>
      <c r="DWL661" s="613"/>
      <c r="DWM661" s="613"/>
      <c r="DWN661" s="613"/>
      <c r="DWO661" s="613"/>
      <c r="DWP661" s="613"/>
      <c r="DWQ661" s="613"/>
      <c r="DWR661" s="613"/>
      <c r="DWS661" s="613"/>
      <c r="DWT661" s="613"/>
      <c r="DWU661" s="613"/>
      <c r="DWV661" s="613"/>
      <c r="DWW661" s="613"/>
      <c r="DWX661" s="613"/>
      <c r="DWY661" s="613"/>
      <c r="DWZ661" s="613"/>
      <c r="DXA661" s="613"/>
      <c r="DXB661" s="613"/>
      <c r="DXC661" s="613"/>
      <c r="DXD661" s="613"/>
      <c r="DXE661" s="613"/>
      <c r="DXF661" s="613"/>
      <c r="DXG661" s="613"/>
      <c r="DXH661" s="613"/>
      <c r="DXI661" s="613"/>
      <c r="DXJ661" s="613"/>
      <c r="DXK661" s="613"/>
      <c r="DXL661" s="613"/>
      <c r="DXM661" s="613"/>
      <c r="DXN661" s="613"/>
      <c r="DXO661" s="613"/>
      <c r="DXP661" s="613"/>
      <c r="DXQ661" s="613"/>
      <c r="DXR661" s="613"/>
      <c r="DXS661" s="613"/>
      <c r="DXT661" s="613"/>
      <c r="DXU661" s="613"/>
      <c r="DXV661" s="613"/>
      <c r="DXW661" s="613"/>
      <c r="DXX661" s="613"/>
      <c r="DXY661" s="613"/>
      <c r="DXZ661" s="613"/>
      <c r="DYA661" s="613"/>
      <c r="DYB661" s="613"/>
      <c r="DYC661" s="613"/>
      <c r="DYD661" s="613"/>
      <c r="DYE661" s="613"/>
      <c r="DYF661" s="613"/>
      <c r="DYG661" s="613"/>
      <c r="DYH661" s="613"/>
      <c r="DYI661" s="613"/>
      <c r="DYJ661" s="613"/>
      <c r="DYK661" s="613"/>
      <c r="DYL661" s="613"/>
      <c r="DYM661" s="613"/>
      <c r="DYN661" s="613"/>
      <c r="DYO661" s="613"/>
      <c r="DYP661" s="613"/>
      <c r="DYQ661" s="613"/>
      <c r="DYR661" s="613"/>
      <c r="DYS661" s="613"/>
      <c r="DYT661" s="613"/>
      <c r="DYU661" s="613"/>
      <c r="DYV661" s="613"/>
      <c r="DYW661" s="613"/>
      <c r="DYX661" s="613"/>
      <c r="DYY661" s="613"/>
      <c r="DYZ661" s="613"/>
      <c r="DZA661" s="613"/>
      <c r="DZB661" s="613"/>
      <c r="DZC661" s="613"/>
      <c r="DZD661" s="613"/>
      <c r="DZE661" s="613"/>
      <c r="DZF661" s="613"/>
      <c r="DZG661" s="613"/>
      <c r="DZH661" s="613"/>
      <c r="DZI661" s="613"/>
      <c r="DZJ661" s="613"/>
      <c r="DZK661" s="613"/>
      <c r="DZL661" s="613"/>
      <c r="DZM661" s="613"/>
      <c r="DZN661" s="613"/>
      <c r="DZO661" s="613"/>
      <c r="DZP661" s="613"/>
      <c r="DZQ661" s="613"/>
      <c r="DZR661" s="613"/>
      <c r="DZS661" s="613"/>
      <c r="DZT661" s="613"/>
      <c r="DZU661" s="613"/>
      <c r="DZV661" s="613"/>
      <c r="DZW661" s="613"/>
      <c r="DZX661" s="613"/>
      <c r="DZY661" s="613"/>
      <c r="DZZ661" s="613"/>
      <c r="EAA661" s="613"/>
      <c r="EAB661" s="613"/>
      <c r="EAC661" s="613"/>
      <c r="EAD661" s="613"/>
      <c r="EAE661" s="613"/>
      <c r="EAF661" s="613"/>
      <c r="EAG661" s="613"/>
      <c r="EAH661" s="613"/>
      <c r="EAI661" s="613"/>
      <c r="EAJ661" s="613"/>
      <c r="EAK661" s="613"/>
      <c r="EAL661" s="613"/>
      <c r="EAM661" s="613"/>
      <c r="EAN661" s="613"/>
      <c r="EAO661" s="613"/>
      <c r="EAP661" s="613"/>
      <c r="EAQ661" s="613"/>
      <c r="EAR661" s="613"/>
      <c r="EAS661" s="613"/>
      <c r="EAT661" s="613"/>
      <c r="EAU661" s="613"/>
      <c r="EAV661" s="613"/>
      <c r="EAW661" s="613"/>
      <c r="EAX661" s="613"/>
      <c r="EAY661" s="613"/>
      <c r="EAZ661" s="613"/>
      <c r="EBA661" s="613"/>
      <c r="EBB661" s="613"/>
      <c r="EBC661" s="613"/>
      <c r="EBD661" s="613"/>
      <c r="EBE661" s="613"/>
      <c r="EBF661" s="613"/>
      <c r="EBG661" s="613"/>
      <c r="EBH661" s="613"/>
      <c r="EBI661" s="613"/>
      <c r="EBJ661" s="613"/>
      <c r="EBK661" s="613"/>
      <c r="EBL661" s="613"/>
      <c r="EBM661" s="613"/>
      <c r="EBN661" s="613"/>
      <c r="EBO661" s="613"/>
      <c r="EBP661" s="613"/>
      <c r="EBQ661" s="613"/>
      <c r="EBR661" s="613"/>
      <c r="EBS661" s="613"/>
      <c r="EBT661" s="613"/>
      <c r="EBU661" s="613"/>
      <c r="EBV661" s="613"/>
      <c r="EBW661" s="613"/>
      <c r="EBX661" s="613"/>
      <c r="EBY661" s="613"/>
      <c r="EBZ661" s="613"/>
      <c r="ECA661" s="613"/>
      <c r="ECB661" s="613"/>
      <c r="ECC661" s="613"/>
      <c r="ECD661" s="613"/>
      <c r="ECE661" s="613"/>
      <c r="ECF661" s="613"/>
      <c r="ECG661" s="613"/>
      <c r="ECH661" s="613"/>
      <c r="ECI661" s="613"/>
      <c r="ECJ661" s="613"/>
      <c r="ECK661" s="613"/>
      <c r="ECL661" s="613"/>
      <c r="ECM661" s="613"/>
      <c r="ECN661" s="613"/>
      <c r="ECO661" s="613"/>
      <c r="ECP661" s="613"/>
      <c r="ECQ661" s="613"/>
      <c r="ECR661" s="613"/>
      <c r="ECS661" s="613"/>
      <c r="ECT661" s="613"/>
      <c r="ECU661" s="613"/>
      <c r="ECV661" s="613"/>
      <c r="ECW661" s="613"/>
      <c r="ECX661" s="613"/>
      <c r="ECY661" s="613"/>
      <c r="ECZ661" s="613"/>
      <c r="EDA661" s="613"/>
      <c r="EDB661" s="613"/>
      <c r="EDC661" s="613"/>
      <c r="EDD661" s="613"/>
      <c r="EDE661" s="613"/>
      <c r="EDF661" s="613"/>
      <c r="EDG661" s="613"/>
      <c r="EDH661" s="613"/>
      <c r="EDI661" s="613"/>
      <c r="EDJ661" s="613"/>
      <c r="EDK661" s="613"/>
      <c r="EDL661" s="613"/>
      <c r="EDM661" s="613"/>
      <c r="EDN661" s="613"/>
      <c r="EDO661" s="613"/>
      <c r="EDP661" s="613"/>
      <c r="EDQ661" s="613"/>
      <c r="EDR661" s="613"/>
      <c r="EDS661" s="613"/>
      <c r="EDT661" s="613"/>
      <c r="EDU661" s="613"/>
      <c r="EDV661" s="613"/>
      <c r="EDW661" s="613"/>
      <c r="EDX661" s="613"/>
      <c r="EDY661" s="613"/>
      <c r="EDZ661" s="613"/>
      <c r="EEA661" s="613"/>
      <c r="EEB661" s="613"/>
      <c r="EEC661" s="613"/>
      <c r="EED661" s="613"/>
      <c r="EEE661" s="613"/>
      <c r="EEF661" s="613"/>
      <c r="EEG661" s="613"/>
      <c r="EEH661" s="613"/>
      <c r="EEI661" s="613"/>
      <c r="EEJ661" s="613"/>
      <c r="EEK661" s="613"/>
      <c r="EEL661" s="613"/>
      <c r="EEM661" s="613"/>
      <c r="EEN661" s="613"/>
      <c r="EEO661" s="613"/>
      <c r="EEP661" s="613"/>
      <c r="EEQ661" s="613"/>
      <c r="EER661" s="613"/>
      <c r="EES661" s="613"/>
      <c r="EET661" s="613"/>
      <c r="EEU661" s="613"/>
      <c r="EEV661" s="613"/>
      <c r="EEW661" s="613"/>
      <c r="EEX661" s="613"/>
      <c r="EEY661" s="613"/>
      <c r="EEZ661" s="613"/>
      <c r="EFA661" s="613"/>
      <c r="EFB661" s="613"/>
      <c r="EFC661" s="613"/>
      <c r="EFD661" s="613"/>
      <c r="EFE661" s="613"/>
      <c r="EFF661" s="613"/>
      <c r="EFG661" s="613"/>
      <c r="EFH661" s="613"/>
      <c r="EFI661" s="613"/>
      <c r="EFJ661" s="613"/>
      <c r="EFK661" s="613"/>
      <c r="EFL661" s="613"/>
      <c r="EFM661" s="613"/>
      <c r="EFN661" s="613"/>
      <c r="EFO661" s="613"/>
      <c r="EFP661" s="613"/>
      <c r="EFQ661" s="613"/>
      <c r="EFR661" s="613"/>
      <c r="EFS661" s="613"/>
      <c r="EFT661" s="613"/>
      <c r="EFU661" s="613"/>
      <c r="EFV661" s="613"/>
      <c r="EFW661" s="613"/>
      <c r="EFX661" s="613"/>
      <c r="EFY661" s="613"/>
      <c r="EFZ661" s="613"/>
      <c r="EGA661" s="613"/>
      <c r="EGB661" s="613"/>
      <c r="EGC661" s="613"/>
      <c r="EGD661" s="613"/>
      <c r="EGE661" s="613"/>
      <c r="EGF661" s="613"/>
      <c r="EGG661" s="613"/>
      <c r="EGH661" s="613"/>
      <c r="EGI661" s="613"/>
      <c r="EGJ661" s="613"/>
      <c r="EGK661" s="613"/>
      <c r="EGL661" s="613"/>
      <c r="EGM661" s="613"/>
      <c r="EGN661" s="613"/>
      <c r="EGO661" s="613"/>
      <c r="EGP661" s="613"/>
      <c r="EGQ661" s="613"/>
      <c r="EGR661" s="613"/>
      <c r="EGS661" s="613"/>
      <c r="EGT661" s="613"/>
      <c r="EGU661" s="613"/>
      <c r="EGV661" s="613"/>
      <c r="EGW661" s="613"/>
      <c r="EGX661" s="613"/>
      <c r="EGY661" s="613"/>
      <c r="EGZ661" s="613"/>
      <c r="EHA661" s="613"/>
      <c r="EHB661" s="613"/>
      <c r="EHC661" s="613"/>
      <c r="EHD661" s="613"/>
      <c r="EHE661" s="613"/>
      <c r="EHF661" s="613"/>
      <c r="EHG661" s="613"/>
      <c r="EHH661" s="613"/>
      <c r="EHI661" s="613"/>
      <c r="EHJ661" s="613"/>
      <c r="EHK661" s="613"/>
      <c r="EHL661" s="613"/>
      <c r="EHM661" s="613"/>
      <c r="EHN661" s="613"/>
      <c r="EHO661" s="613"/>
      <c r="EHP661" s="613"/>
      <c r="EHQ661" s="613"/>
      <c r="EHR661" s="613"/>
      <c r="EHS661" s="613"/>
      <c r="EHT661" s="613"/>
      <c r="EHU661" s="613"/>
      <c r="EHV661" s="613"/>
      <c r="EHW661" s="613"/>
      <c r="EHX661" s="613"/>
      <c r="EHY661" s="613"/>
      <c r="EHZ661" s="613"/>
      <c r="EIA661" s="613"/>
      <c r="EIB661" s="613"/>
      <c r="EIC661" s="613"/>
      <c r="EID661" s="613"/>
      <c r="EIE661" s="613"/>
      <c r="EIF661" s="613"/>
      <c r="EIG661" s="613"/>
      <c r="EIH661" s="613"/>
      <c r="EII661" s="613"/>
      <c r="EIJ661" s="613"/>
      <c r="EIK661" s="613"/>
      <c r="EIL661" s="613"/>
      <c r="EIM661" s="613"/>
      <c r="EIN661" s="613"/>
      <c r="EIO661" s="613"/>
      <c r="EIP661" s="613"/>
      <c r="EIQ661" s="613"/>
      <c r="EIR661" s="613"/>
      <c r="EIS661" s="613"/>
      <c r="EIT661" s="613"/>
      <c r="EIU661" s="613"/>
      <c r="EIV661" s="613"/>
      <c r="EIW661" s="613"/>
      <c r="EIX661" s="613"/>
      <c r="EIY661" s="613"/>
      <c r="EIZ661" s="613"/>
      <c r="EJA661" s="613"/>
      <c r="EJB661" s="613"/>
      <c r="EJC661" s="613"/>
      <c r="EJD661" s="613"/>
      <c r="EJE661" s="613"/>
      <c r="EJF661" s="613"/>
      <c r="EJG661" s="613"/>
      <c r="EJH661" s="613"/>
      <c r="EJI661" s="613"/>
      <c r="EJJ661" s="613"/>
      <c r="EJK661" s="613"/>
      <c r="EJL661" s="613"/>
      <c r="EJM661" s="613"/>
      <c r="EJN661" s="613"/>
      <c r="EJO661" s="613"/>
      <c r="EJP661" s="613"/>
      <c r="EJQ661" s="613"/>
      <c r="EJR661" s="613"/>
      <c r="EJS661" s="613"/>
      <c r="EJT661" s="613"/>
      <c r="EJU661" s="613"/>
      <c r="EJV661" s="613"/>
      <c r="EJW661" s="613"/>
      <c r="EJX661" s="613"/>
      <c r="EJY661" s="613"/>
      <c r="EJZ661" s="613"/>
      <c r="EKA661" s="613"/>
      <c r="EKB661" s="613"/>
      <c r="EKC661" s="613"/>
      <c r="EKD661" s="613"/>
      <c r="EKE661" s="613"/>
      <c r="EKF661" s="613"/>
      <c r="EKG661" s="613"/>
      <c r="EKH661" s="613"/>
      <c r="EKI661" s="613"/>
      <c r="EKJ661" s="613"/>
      <c r="EKK661" s="613"/>
      <c r="EKL661" s="613"/>
      <c r="EKM661" s="613"/>
      <c r="EKN661" s="613"/>
      <c r="EKO661" s="613"/>
      <c r="EKP661" s="613"/>
      <c r="EKQ661" s="613"/>
      <c r="EKR661" s="613"/>
      <c r="EKS661" s="613"/>
      <c r="EKT661" s="613"/>
      <c r="EKU661" s="613"/>
      <c r="EKV661" s="613"/>
      <c r="EKW661" s="613"/>
      <c r="EKX661" s="613"/>
      <c r="EKY661" s="613"/>
      <c r="EKZ661" s="613"/>
      <c r="ELA661" s="613"/>
      <c r="ELB661" s="613"/>
      <c r="ELC661" s="613"/>
      <c r="ELD661" s="613"/>
      <c r="ELE661" s="613"/>
      <c r="ELF661" s="613"/>
      <c r="ELG661" s="613"/>
      <c r="ELH661" s="613"/>
      <c r="ELI661" s="613"/>
      <c r="ELJ661" s="613"/>
      <c r="ELK661" s="613"/>
      <c r="ELL661" s="613"/>
      <c r="ELM661" s="613"/>
      <c r="ELN661" s="613"/>
      <c r="ELO661" s="613"/>
      <c r="ELP661" s="613"/>
      <c r="ELQ661" s="613"/>
      <c r="ELR661" s="613"/>
      <c r="ELS661" s="613"/>
      <c r="ELT661" s="613"/>
      <c r="ELU661" s="613"/>
      <c r="ELV661" s="613"/>
      <c r="ELW661" s="613"/>
      <c r="ELX661" s="613"/>
      <c r="ELY661" s="613"/>
      <c r="ELZ661" s="613"/>
      <c r="EMA661" s="613"/>
      <c r="EMB661" s="613"/>
      <c r="EMC661" s="613"/>
      <c r="EMD661" s="613"/>
      <c r="EME661" s="613"/>
      <c r="EMF661" s="613"/>
      <c r="EMG661" s="613"/>
      <c r="EMH661" s="613"/>
      <c r="EMI661" s="613"/>
      <c r="EMJ661" s="613"/>
      <c r="EMK661" s="613"/>
      <c r="EML661" s="613"/>
      <c r="EMM661" s="613"/>
      <c r="EMN661" s="613"/>
      <c r="EMO661" s="613"/>
      <c r="EMP661" s="613"/>
      <c r="EMQ661" s="613"/>
      <c r="EMR661" s="613"/>
      <c r="EMS661" s="613"/>
      <c r="EMT661" s="613"/>
      <c r="EMU661" s="613"/>
      <c r="EMV661" s="613"/>
      <c r="EMW661" s="613"/>
      <c r="EMX661" s="613"/>
      <c r="EMY661" s="613"/>
      <c r="EMZ661" s="613"/>
      <c r="ENA661" s="613"/>
      <c r="ENB661" s="613"/>
      <c r="ENC661" s="613"/>
      <c r="END661" s="613"/>
      <c r="ENE661" s="613"/>
      <c r="ENF661" s="613"/>
      <c r="ENG661" s="613"/>
      <c r="ENH661" s="613"/>
      <c r="ENI661" s="613"/>
      <c r="ENJ661" s="613"/>
      <c r="ENK661" s="613"/>
      <c r="ENL661" s="613"/>
      <c r="ENM661" s="613"/>
      <c r="ENN661" s="613"/>
      <c r="ENO661" s="613"/>
      <c r="ENP661" s="613"/>
      <c r="ENQ661" s="613"/>
      <c r="ENR661" s="613"/>
      <c r="ENS661" s="613"/>
      <c r="ENT661" s="613"/>
      <c r="ENU661" s="613"/>
      <c r="ENV661" s="613"/>
      <c r="ENW661" s="613"/>
      <c r="ENX661" s="613"/>
      <c r="ENY661" s="613"/>
      <c r="ENZ661" s="613"/>
      <c r="EOA661" s="613"/>
      <c r="EOB661" s="613"/>
      <c r="EOC661" s="613"/>
      <c r="EOD661" s="613"/>
      <c r="EOE661" s="613"/>
      <c r="EOF661" s="613"/>
      <c r="EOG661" s="613"/>
      <c r="EOH661" s="613"/>
      <c r="EOI661" s="613"/>
      <c r="EOJ661" s="613"/>
      <c r="EOK661" s="613"/>
      <c r="EOL661" s="613"/>
      <c r="EOM661" s="613"/>
      <c r="EON661" s="613"/>
      <c r="EOO661" s="613"/>
      <c r="EOP661" s="613"/>
      <c r="EOQ661" s="613"/>
      <c r="EOR661" s="613"/>
      <c r="EOS661" s="613"/>
      <c r="EOT661" s="613"/>
      <c r="EOU661" s="613"/>
      <c r="EOV661" s="613"/>
      <c r="EOW661" s="613"/>
      <c r="EOX661" s="613"/>
      <c r="EOY661" s="613"/>
      <c r="EOZ661" s="613"/>
      <c r="EPA661" s="613"/>
      <c r="EPB661" s="613"/>
      <c r="EPC661" s="613"/>
      <c r="EPD661" s="613"/>
      <c r="EPE661" s="613"/>
      <c r="EPF661" s="613"/>
      <c r="EPG661" s="613"/>
      <c r="EPH661" s="613"/>
      <c r="EPI661" s="613"/>
      <c r="EPJ661" s="613"/>
      <c r="EPK661" s="613"/>
      <c r="EPL661" s="613"/>
      <c r="EPM661" s="613"/>
      <c r="EPN661" s="613"/>
      <c r="EPO661" s="613"/>
      <c r="EPP661" s="613"/>
      <c r="EPQ661" s="613"/>
      <c r="EPR661" s="613"/>
      <c r="EPS661" s="613"/>
      <c r="EPT661" s="613"/>
      <c r="EPU661" s="613"/>
      <c r="EPV661" s="613"/>
      <c r="EPW661" s="613"/>
      <c r="EPX661" s="613"/>
      <c r="EPY661" s="613"/>
      <c r="EPZ661" s="613"/>
      <c r="EQA661" s="613"/>
      <c r="EQB661" s="613"/>
      <c r="EQC661" s="613"/>
      <c r="EQD661" s="613"/>
      <c r="EQE661" s="613"/>
      <c r="EQF661" s="613"/>
      <c r="EQG661" s="613"/>
      <c r="EQH661" s="613"/>
      <c r="EQI661" s="613"/>
      <c r="EQJ661" s="613"/>
      <c r="EQK661" s="613"/>
      <c r="EQL661" s="613"/>
      <c r="EQM661" s="613"/>
      <c r="EQN661" s="613"/>
      <c r="EQO661" s="613"/>
      <c r="EQP661" s="613"/>
      <c r="EQQ661" s="613"/>
      <c r="EQR661" s="613"/>
      <c r="EQS661" s="613"/>
      <c r="EQT661" s="613"/>
      <c r="EQU661" s="613"/>
      <c r="EQV661" s="613"/>
      <c r="EQW661" s="613"/>
      <c r="EQX661" s="613"/>
      <c r="EQY661" s="613"/>
      <c r="EQZ661" s="613"/>
      <c r="ERA661" s="613"/>
      <c r="ERB661" s="613"/>
      <c r="ERC661" s="613"/>
      <c r="ERD661" s="613"/>
      <c r="ERE661" s="613"/>
      <c r="ERF661" s="613"/>
      <c r="ERG661" s="613"/>
      <c r="ERH661" s="613"/>
      <c r="ERI661" s="613"/>
      <c r="ERJ661" s="613"/>
      <c r="ERK661" s="613"/>
      <c r="ERL661" s="613"/>
      <c r="ERM661" s="613"/>
      <c r="ERN661" s="613"/>
      <c r="ERO661" s="613"/>
      <c r="ERP661" s="613"/>
      <c r="ERQ661" s="613"/>
      <c r="ERR661" s="613"/>
      <c r="ERS661" s="613"/>
      <c r="ERT661" s="613"/>
      <c r="ERU661" s="613"/>
      <c r="ERV661" s="613"/>
      <c r="ERW661" s="613"/>
      <c r="ERX661" s="613"/>
      <c r="ERY661" s="613"/>
      <c r="ERZ661" s="613"/>
      <c r="ESA661" s="613"/>
      <c r="ESB661" s="613"/>
      <c r="ESC661" s="613"/>
      <c r="ESD661" s="613"/>
      <c r="ESE661" s="613"/>
      <c r="ESF661" s="613"/>
      <c r="ESG661" s="613"/>
      <c r="ESH661" s="613"/>
      <c r="ESI661" s="613"/>
      <c r="ESJ661" s="613"/>
      <c r="ESK661" s="613"/>
      <c r="ESL661" s="613"/>
      <c r="ESM661" s="613"/>
      <c r="ESN661" s="613"/>
      <c r="ESO661" s="613"/>
      <c r="ESP661" s="613"/>
      <c r="ESQ661" s="613"/>
      <c r="ESR661" s="613"/>
      <c r="ESS661" s="613"/>
      <c r="EST661" s="613"/>
      <c r="ESU661" s="613"/>
      <c r="ESV661" s="613"/>
      <c r="ESW661" s="613"/>
      <c r="ESX661" s="613"/>
      <c r="ESY661" s="613"/>
      <c r="ESZ661" s="613"/>
      <c r="ETA661" s="613"/>
      <c r="ETB661" s="613"/>
      <c r="ETC661" s="613"/>
      <c r="ETD661" s="613"/>
      <c r="ETE661" s="613"/>
      <c r="ETF661" s="613"/>
      <c r="ETG661" s="613"/>
      <c r="ETH661" s="613"/>
      <c r="ETI661" s="613"/>
      <c r="ETJ661" s="613"/>
      <c r="ETK661" s="613"/>
      <c r="ETL661" s="613"/>
      <c r="ETM661" s="613"/>
      <c r="ETN661" s="613"/>
      <c r="ETO661" s="613"/>
      <c r="ETP661" s="613"/>
      <c r="ETQ661" s="613"/>
      <c r="ETR661" s="613"/>
      <c r="ETS661" s="613"/>
      <c r="ETT661" s="613"/>
      <c r="ETU661" s="613"/>
      <c r="ETV661" s="613"/>
      <c r="ETW661" s="613"/>
      <c r="ETX661" s="613"/>
      <c r="ETY661" s="613"/>
      <c r="ETZ661" s="613"/>
      <c r="EUA661" s="613"/>
      <c r="EUB661" s="613"/>
      <c r="EUC661" s="613"/>
      <c r="EUD661" s="613"/>
      <c r="EUE661" s="613"/>
      <c r="EUF661" s="613"/>
      <c r="EUG661" s="613"/>
      <c r="EUH661" s="613"/>
      <c r="EUI661" s="613"/>
      <c r="EUJ661" s="613"/>
      <c r="EUK661" s="613"/>
      <c r="EUL661" s="613"/>
      <c r="EUM661" s="613"/>
      <c r="EUN661" s="613"/>
      <c r="EUO661" s="613"/>
      <c r="EUP661" s="613"/>
      <c r="EUQ661" s="613"/>
      <c r="EUR661" s="613"/>
      <c r="EUS661" s="613"/>
      <c r="EUT661" s="613"/>
      <c r="EUU661" s="613"/>
      <c r="EUV661" s="613"/>
      <c r="EUW661" s="613"/>
      <c r="EUX661" s="613"/>
      <c r="EUY661" s="613"/>
      <c r="EUZ661" s="613"/>
      <c r="EVA661" s="613"/>
      <c r="EVB661" s="613"/>
      <c r="EVC661" s="613"/>
      <c r="EVD661" s="613"/>
      <c r="EVE661" s="613"/>
      <c r="EVF661" s="613"/>
      <c r="EVG661" s="613"/>
      <c r="EVH661" s="613"/>
      <c r="EVI661" s="613"/>
      <c r="EVJ661" s="613"/>
      <c r="EVK661" s="613"/>
      <c r="EVL661" s="613"/>
      <c r="EVM661" s="613"/>
      <c r="EVN661" s="613"/>
      <c r="EVO661" s="613"/>
      <c r="EVP661" s="613"/>
      <c r="EVQ661" s="613"/>
      <c r="EVR661" s="613"/>
      <c r="EVS661" s="613"/>
      <c r="EVT661" s="613"/>
      <c r="EVU661" s="613"/>
      <c r="EVV661" s="613"/>
      <c r="EVW661" s="613"/>
      <c r="EVX661" s="613"/>
      <c r="EVY661" s="613"/>
      <c r="EVZ661" s="613"/>
      <c r="EWA661" s="613"/>
      <c r="EWB661" s="613"/>
      <c r="EWC661" s="613"/>
      <c r="EWD661" s="613"/>
      <c r="EWE661" s="613"/>
      <c r="EWF661" s="613"/>
      <c r="EWG661" s="613"/>
      <c r="EWH661" s="613"/>
      <c r="EWI661" s="613"/>
      <c r="EWJ661" s="613"/>
      <c r="EWK661" s="613"/>
      <c r="EWL661" s="613"/>
      <c r="EWM661" s="613"/>
      <c r="EWN661" s="613"/>
      <c r="EWO661" s="613"/>
      <c r="EWP661" s="613"/>
      <c r="EWQ661" s="613"/>
      <c r="EWR661" s="613"/>
      <c r="EWS661" s="613"/>
      <c r="EWT661" s="613"/>
      <c r="EWU661" s="613"/>
      <c r="EWV661" s="613"/>
      <c r="EWW661" s="613"/>
      <c r="EWX661" s="613"/>
      <c r="EWY661" s="613"/>
      <c r="EWZ661" s="613"/>
      <c r="EXA661" s="613"/>
      <c r="EXB661" s="613"/>
      <c r="EXC661" s="613"/>
      <c r="EXD661" s="613"/>
      <c r="EXE661" s="613"/>
      <c r="EXF661" s="613"/>
      <c r="EXG661" s="613"/>
      <c r="EXH661" s="613"/>
      <c r="EXI661" s="613"/>
      <c r="EXJ661" s="613"/>
      <c r="EXK661" s="613"/>
      <c r="EXL661" s="613"/>
      <c r="EXM661" s="613"/>
      <c r="EXN661" s="613"/>
      <c r="EXO661" s="613"/>
      <c r="EXP661" s="613"/>
      <c r="EXQ661" s="613"/>
      <c r="EXR661" s="613"/>
      <c r="EXS661" s="613"/>
      <c r="EXT661" s="613"/>
      <c r="EXU661" s="613"/>
      <c r="EXV661" s="613"/>
      <c r="EXW661" s="613"/>
      <c r="EXX661" s="613"/>
      <c r="EXY661" s="613"/>
      <c r="EXZ661" s="613"/>
      <c r="EYA661" s="613"/>
      <c r="EYB661" s="613"/>
      <c r="EYC661" s="613"/>
      <c r="EYD661" s="613"/>
      <c r="EYE661" s="613"/>
      <c r="EYF661" s="613"/>
      <c r="EYG661" s="613"/>
      <c r="EYH661" s="613"/>
      <c r="EYI661" s="613"/>
      <c r="EYJ661" s="613"/>
      <c r="EYK661" s="613"/>
      <c r="EYL661" s="613"/>
      <c r="EYM661" s="613"/>
      <c r="EYN661" s="613"/>
      <c r="EYO661" s="613"/>
      <c r="EYP661" s="613"/>
      <c r="EYQ661" s="613"/>
      <c r="EYR661" s="613"/>
      <c r="EYS661" s="613"/>
      <c r="EYT661" s="613"/>
      <c r="EYU661" s="613"/>
      <c r="EYV661" s="613"/>
      <c r="EYW661" s="613"/>
      <c r="EYX661" s="613"/>
      <c r="EYY661" s="613"/>
      <c r="EYZ661" s="613"/>
      <c r="EZA661" s="613"/>
      <c r="EZB661" s="613"/>
      <c r="EZC661" s="613"/>
      <c r="EZD661" s="613"/>
      <c r="EZE661" s="613"/>
      <c r="EZF661" s="613"/>
      <c r="EZG661" s="613"/>
      <c r="EZH661" s="613"/>
      <c r="EZI661" s="613"/>
      <c r="EZJ661" s="613"/>
      <c r="EZK661" s="613"/>
      <c r="EZL661" s="613"/>
      <c r="EZM661" s="613"/>
      <c r="EZN661" s="613"/>
      <c r="EZO661" s="613"/>
      <c r="EZP661" s="613"/>
      <c r="EZQ661" s="613"/>
      <c r="EZR661" s="613"/>
      <c r="EZS661" s="613"/>
      <c r="EZT661" s="613"/>
      <c r="EZU661" s="613"/>
      <c r="EZV661" s="613"/>
      <c r="EZW661" s="613"/>
      <c r="EZX661" s="613"/>
      <c r="EZY661" s="613"/>
      <c r="EZZ661" s="613"/>
      <c r="FAA661" s="613"/>
      <c r="FAB661" s="613"/>
      <c r="FAC661" s="613"/>
      <c r="FAD661" s="613"/>
      <c r="FAE661" s="613"/>
      <c r="FAF661" s="613"/>
      <c r="FAG661" s="613"/>
      <c r="FAH661" s="613"/>
      <c r="FAI661" s="613"/>
      <c r="FAJ661" s="613"/>
      <c r="FAK661" s="613"/>
      <c r="FAL661" s="613"/>
      <c r="FAM661" s="613"/>
      <c r="FAN661" s="613"/>
      <c r="FAO661" s="613"/>
      <c r="FAP661" s="613"/>
      <c r="FAQ661" s="613"/>
      <c r="FAR661" s="613"/>
      <c r="FAS661" s="613"/>
      <c r="FAT661" s="613"/>
      <c r="FAU661" s="613"/>
      <c r="FAV661" s="613"/>
      <c r="FAW661" s="613"/>
      <c r="FAX661" s="613"/>
      <c r="FAY661" s="613"/>
      <c r="FAZ661" s="613"/>
      <c r="FBA661" s="613"/>
      <c r="FBB661" s="613"/>
      <c r="FBC661" s="613"/>
      <c r="FBD661" s="613"/>
      <c r="FBE661" s="613"/>
      <c r="FBF661" s="613"/>
      <c r="FBG661" s="613"/>
      <c r="FBH661" s="613"/>
      <c r="FBI661" s="613"/>
      <c r="FBJ661" s="613"/>
      <c r="FBK661" s="613"/>
      <c r="FBL661" s="613"/>
      <c r="FBM661" s="613"/>
      <c r="FBN661" s="613"/>
      <c r="FBO661" s="613"/>
      <c r="FBP661" s="613"/>
      <c r="FBQ661" s="613"/>
      <c r="FBR661" s="613"/>
      <c r="FBS661" s="613"/>
      <c r="FBT661" s="613"/>
      <c r="FBU661" s="613"/>
      <c r="FBV661" s="613"/>
      <c r="FBW661" s="613"/>
      <c r="FBX661" s="613"/>
      <c r="FBY661" s="613"/>
      <c r="FBZ661" s="613"/>
      <c r="FCA661" s="613"/>
      <c r="FCB661" s="613"/>
      <c r="FCC661" s="613"/>
      <c r="FCD661" s="613"/>
      <c r="FCE661" s="613"/>
      <c r="FCF661" s="613"/>
      <c r="FCG661" s="613"/>
      <c r="FCH661" s="613"/>
      <c r="FCI661" s="613"/>
      <c r="FCJ661" s="613"/>
      <c r="FCK661" s="613"/>
      <c r="FCL661" s="613"/>
      <c r="FCM661" s="613"/>
      <c r="FCN661" s="613"/>
      <c r="FCO661" s="613"/>
      <c r="FCP661" s="613"/>
      <c r="FCQ661" s="613"/>
      <c r="FCR661" s="613"/>
      <c r="FCS661" s="613"/>
      <c r="FCT661" s="613"/>
      <c r="FCU661" s="613"/>
      <c r="FCV661" s="613"/>
      <c r="FCW661" s="613"/>
      <c r="FCX661" s="613"/>
      <c r="FCY661" s="613"/>
      <c r="FCZ661" s="613"/>
      <c r="FDA661" s="613"/>
      <c r="FDB661" s="613"/>
      <c r="FDC661" s="613"/>
      <c r="FDD661" s="613"/>
      <c r="FDE661" s="613"/>
      <c r="FDF661" s="613"/>
      <c r="FDG661" s="613"/>
      <c r="FDH661" s="613"/>
      <c r="FDI661" s="613"/>
      <c r="FDJ661" s="613"/>
      <c r="FDK661" s="613"/>
      <c r="FDL661" s="613"/>
      <c r="FDM661" s="613"/>
      <c r="FDN661" s="613"/>
      <c r="FDO661" s="613"/>
      <c r="FDP661" s="613"/>
      <c r="FDQ661" s="613"/>
      <c r="FDR661" s="613"/>
      <c r="FDS661" s="613"/>
      <c r="FDT661" s="613"/>
      <c r="FDU661" s="613"/>
      <c r="FDV661" s="613"/>
      <c r="FDW661" s="613"/>
      <c r="FDX661" s="613"/>
      <c r="FDY661" s="613"/>
      <c r="FDZ661" s="613"/>
      <c r="FEA661" s="613"/>
      <c r="FEB661" s="613"/>
      <c r="FEC661" s="613"/>
      <c r="FED661" s="613"/>
      <c r="FEE661" s="613"/>
      <c r="FEF661" s="613"/>
      <c r="FEG661" s="613"/>
      <c r="FEH661" s="613"/>
      <c r="FEI661" s="613"/>
      <c r="FEJ661" s="613"/>
      <c r="FEK661" s="613"/>
      <c r="FEL661" s="613"/>
      <c r="FEM661" s="613"/>
      <c r="FEN661" s="613"/>
      <c r="FEO661" s="613"/>
      <c r="FEP661" s="613"/>
      <c r="FEQ661" s="613"/>
      <c r="FER661" s="613"/>
      <c r="FES661" s="613"/>
      <c r="FET661" s="613"/>
      <c r="FEU661" s="613"/>
      <c r="FEV661" s="613"/>
      <c r="FEW661" s="613"/>
      <c r="FEX661" s="613"/>
      <c r="FEY661" s="613"/>
      <c r="FEZ661" s="613"/>
      <c r="FFA661" s="613"/>
      <c r="FFB661" s="613"/>
      <c r="FFC661" s="613"/>
      <c r="FFD661" s="613"/>
      <c r="FFE661" s="613"/>
      <c r="FFF661" s="613"/>
      <c r="FFG661" s="613"/>
      <c r="FFH661" s="613"/>
      <c r="FFI661" s="613"/>
      <c r="FFJ661" s="613"/>
      <c r="FFK661" s="613"/>
      <c r="FFL661" s="613"/>
      <c r="FFM661" s="613"/>
      <c r="FFN661" s="613"/>
      <c r="FFO661" s="613"/>
      <c r="FFP661" s="613"/>
      <c r="FFQ661" s="613"/>
      <c r="FFR661" s="613"/>
      <c r="FFS661" s="613"/>
      <c r="FFT661" s="613"/>
      <c r="FFU661" s="613"/>
      <c r="FFV661" s="613"/>
      <c r="FFW661" s="613"/>
      <c r="FFX661" s="613"/>
      <c r="FFY661" s="613"/>
      <c r="FFZ661" s="613"/>
      <c r="FGA661" s="613"/>
      <c r="FGB661" s="613"/>
      <c r="FGC661" s="613"/>
      <c r="FGD661" s="613"/>
      <c r="FGE661" s="613"/>
      <c r="FGF661" s="613"/>
      <c r="FGG661" s="613"/>
      <c r="FGH661" s="613"/>
      <c r="FGI661" s="613"/>
      <c r="FGJ661" s="613"/>
      <c r="FGK661" s="613"/>
      <c r="FGL661" s="613"/>
      <c r="FGM661" s="613"/>
      <c r="FGN661" s="613"/>
      <c r="FGO661" s="613"/>
      <c r="FGP661" s="613"/>
      <c r="FGQ661" s="613"/>
      <c r="FGR661" s="613"/>
      <c r="FGS661" s="613"/>
      <c r="FGT661" s="613"/>
      <c r="FGU661" s="613"/>
      <c r="FGV661" s="613"/>
      <c r="FGW661" s="613"/>
      <c r="FGX661" s="613"/>
      <c r="FGY661" s="613"/>
      <c r="FGZ661" s="613"/>
      <c r="FHA661" s="613"/>
      <c r="FHB661" s="613"/>
      <c r="FHC661" s="613"/>
      <c r="FHD661" s="613"/>
      <c r="FHE661" s="613"/>
      <c r="FHF661" s="613"/>
      <c r="FHG661" s="613"/>
      <c r="FHH661" s="613"/>
      <c r="FHI661" s="613"/>
      <c r="FHJ661" s="613"/>
      <c r="FHK661" s="613"/>
      <c r="FHL661" s="613"/>
      <c r="FHM661" s="613"/>
      <c r="FHN661" s="613"/>
      <c r="FHO661" s="613"/>
      <c r="FHP661" s="613"/>
      <c r="FHQ661" s="613"/>
      <c r="FHR661" s="613"/>
      <c r="FHS661" s="613"/>
      <c r="FHT661" s="613"/>
      <c r="FHU661" s="613"/>
      <c r="FHV661" s="613"/>
      <c r="FHW661" s="613"/>
      <c r="FHX661" s="613"/>
      <c r="FHY661" s="613"/>
      <c r="FHZ661" s="613"/>
      <c r="FIA661" s="613"/>
      <c r="FIB661" s="613"/>
      <c r="FIC661" s="613"/>
      <c r="FID661" s="613"/>
      <c r="FIE661" s="613"/>
      <c r="FIF661" s="613"/>
      <c r="FIG661" s="613"/>
      <c r="FIH661" s="613"/>
      <c r="FII661" s="613"/>
      <c r="FIJ661" s="613"/>
      <c r="FIK661" s="613"/>
      <c r="FIL661" s="613"/>
      <c r="FIM661" s="613"/>
      <c r="FIN661" s="613"/>
      <c r="FIO661" s="613"/>
      <c r="FIP661" s="613"/>
      <c r="FIQ661" s="613"/>
      <c r="FIR661" s="613"/>
      <c r="FIS661" s="613"/>
      <c r="FIT661" s="613"/>
      <c r="FIU661" s="613"/>
      <c r="FIV661" s="613"/>
      <c r="FIW661" s="613"/>
      <c r="FIX661" s="613"/>
      <c r="FIY661" s="613"/>
      <c r="FIZ661" s="613"/>
      <c r="FJA661" s="613"/>
      <c r="FJB661" s="613"/>
      <c r="FJC661" s="613"/>
      <c r="FJD661" s="613"/>
      <c r="FJE661" s="613"/>
      <c r="FJF661" s="613"/>
      <c r="FJG661" s="613"/>
      <c r="FJH661" s="613"/>
      <c r="FJI661" s="613"/>
      <c r="FJJ661" s="613"/>
      <c r="FJK661" s="613"/>
      <c r="FJL661" s="613"/>
      <c r="FJM661" s="613"/>
      <c r="FJN661" s="613"/>
      <c r="FJO661" s="613"/>
      <c r="FJP661" s="613"/>
      <c r="FJQ661" s="613"/>
      <c r="FJR661" s="613"/>
      <c r="FJS661" s="613"/>
      <c r="FJT661" s="613"/>
      <c r="FJU661" s="613"/>
      <c r="FJV661" s="613"/>
      <c r="FJW661" s="613"/>
      <c r="FJX661" s="613"/>
      <c r="FJY661" s="613"/>
      <c r="FJZ661" s="613"/>
      <c r="FKA661" s="613"/>
      <c r="FKB661" s="613"/>
      <c r="FKC661" s="613"/>
      <c r="FKD661" s="613"/>
      <c r="FKE661" s="613"/>
      <c r="FKF661" s="613"/>
      <c r="FKG661" s="613"/>
      <c r="FKH661" s="613"/>
      <c r="FKI661" s="613"/>
      <c r="FKJ661" s="613"/>
      <c r="FKK661" s="613"/>
      <c r="FKL661" s="613"/>
      <c r="FKM661" s="613"/>
      <c r="FKN661" s="613"/>
      <c r="FKO661" s="613"/>
      <c r="FKP661" s="613"/>
      <c r="FKQ661" s="613"/>
      <c r="FKR661" s="613"/>
      <c r="FKS661" s="613"/>
      <c r="FKT661" s="613"/>
      <c r="FKU661" s="613"/>
      <c r="FKV661" s="613"/>
      <c r="FKW661" s="613"/>
      <c r="FKX661" s="613"/>
      <c r="FKY661" s="613"/>
      <c r="FKZ661" s="613"/>
      <c r="FLA661" s="613"/>
      <c r="FLB661" s="613"/>
      <c r="FLC661" s="613"/>
      <c r="FLD661" s="613"/>
      <c r="FLE661" s="613"/>
      <c r="FLF661" s="613"/>
      <c r="FLG661" s="613"/>
      <c r="FLH661" s="613"/>
      <c r="FLI661" s="613"/>
      <c r="FLJ661" s="613"/>
      <c r="FLK661" s="613"/>
      <c r="FLL661" s="613"/>
      <c r="FLM661" s="613"/>
      <c r="FLN661" s="613"/>
      <c r="FLO661" s="613"/>
      <c r="FLP661" s="613"/>
      <c r="FLQ661" s="613"/>
      <c r="FLR661" s="613"/>
      <c r="FLS661" s="613"/>
      <c r="FLT661" s="613"/>
      <c r="FLU661" s="613"/>
      <c r="FLV661" s="613"/>
      <c r="FLW661" s="613"/>
      <c r="FLX661" s="613"/>
      <c r="FLY661" s="613"/>
      <c r="FLZ661" s="613"/>
      <c r="FMA661" s="613"/>
      <c r="FMB661" s="613"/>
      <c r="FMC661" s="613"/>
      <c r="FMD661" s="613"/>
      <c r="FME661" s="613"/>
      <c r="FMF661" s="613"/>
      <c r="FMG661" s="613"/>
      <c r="FMH661" s="613"/>
      <c r="FMI661" s="613"/>
      <c r="FMJ661" s="613"/>
      <c r="FMK661" s="613"/>
      <c r="FML661" s="613"/>
      <c r="FMM661" s="613"/>
      <c r="FMN661" s="613"/>
      <c r="FMO661" s="613"/>
      <c r="FMP661" s="613"/>
      <c r="FMQ661" s="613"/>
      <c r="FMR661" s="613"/>
      <c r="FMS661" s="613"/>
      <c r="FMT661" s="613"/>
      <c r="FMU661" s="613"/>
      <c r="FMV661" s="613"/>
      <c r="FMW661" s="613"/>
      <c r="FMX661" s="613"/>
      <c r="FMY661" s="613"/>
      <c r="FMZ661" s="613"/>
      <c r="FNA661" s="613"/>
      <c r="FNB661" s="613"/>
      <c r="FNC661" s="613"/>
      <c r="FND661" s="613"/>
      <c r="FNE661" s="613"/>
      <c r="FNF661" s="613"/>
      <c r="FNG661" s="613"/>
      <c r="FNH661" s="613"/>
      <c r="FNI661" s="613"/>
      <c r="FNJ661" s="613"/>
      <c r="FNK661" s="613"/>
      <c r="FNL661" s="613"/>
      <c r="FNM661" s="613"/>
      <c r="FNN661" s="613"/>
      <c r="FNO661" s="613"/>
      <c r="FNP661" s="613"/>
      <c r="FNQ661" s="613"/>
      <c r="FNR661" s="613"/>
      <c r="FNS661" s="613"/>
      <c r="FNT661" s="613"/>
      <c r="FNU661" s="613"/>
      <c r="FNV661" s="613"/>
      <c r="FNW661" s="613"/>
      <c r="FNX661" s="613"/>
      <c r="FNY661" s="613"/>
      <c r="FNZ661" s="613"/>
      <c r="FOA661" s="613"/>
      <c r="FOB661" s="613"/>
      <c r="FOC661" s="613"/>
      <c r="FOD661" s="613"/>
      <c r="FOE661" s="613"/>
      <c r="FOF661" s="613"/>
      <c r="FOG661" s="613"/>
      <c r="FOH661" s="613"/>
      <c r="FOI661" s="613"/>
      <c r="FOJ661" s="613"/>
      <c r="FOK661" s="613"/>
      <c r="FOL661" s="613"/>
      <c r="FOM661" s="613"/>
      <c r="FON661" s="613"/>
      <c r="FOO661" s="613"/>
      <c r="FOP661" s="613"/>
      <c r="FOQ661" s="613"/>
      <c r="FOR661" s="613"/>
      <c r="FOS661" s="613"/>
      <c r="FOT661" s="613"/>
      <c r="FOU661" s="613"/>
      <c r="FOV661" s="613"/>
      <c r="FOW661" s="613"/>
      <c r="FOX661" s="613"/>
      <c r="FOY661" s="613"/>
      <c r="FOZ661" s="613"/>
      <c r="FPA661" s="613"/>
      <c r="FPB661" s="613"/>
      <c r="FPC661" s="613"/>
      <c r="FPD661" s="613"/>
      <c r="FPE661" s="613"/>
      <c r="FPF661" s="613"/>
      <c r="FPG661" s="613"/>
      <c r="FPH661" s="613"/>
      <c r="FPI661" s="613"/>
      <c r="FPJ661" s="613"/>
      <c r="FPK661" s="613"/>
      <c r="FPL661" s="613"/>
      <c r="FPM661" s="613"/>
      <c r="FPN661" s="613"/>
      <c r="FPO661" s="613"/>
      <c r="FPP661" s="613"/>
      <c r="FPQ661" s="613"/>
      <c r="FPR661" s="613"/>
      <c r="FPS661" s="613"/>
      <c r="FPT661" s="613"/>
      <c r="FPU661" s="613"/>
      <c r="FPV661" s="613"/>
      <c r="FPW661" s="613"/>
      <c r="FPX661" s="613"/>
      <c r="FPY661" s="613"/>
      <c r="FPZ661" s="613"/>
      <c r="FQA661" s="613"/>
      <c r="FQB661" s="613"/>
      <c r="FQC661" s="613"/>
      <c r="FQD661" s="613"/>
      <c r="FQE661" s="613"/>
      <c r="FQF661" s="613"/>
      <c r="FQG661" s="613"/>
      <c r="FQH661" s="613"/>
      <c r="FQI661" s="613"/>
      <c r="FQJ661" s="613"/>
      <c r="FQK661" s="613"/>
      <c r="FQL661" s="613"/>
      <c r="FQM661" s="613"/>
      <c r="FQN661" s="613"/>
      <c r="FQO661" s="613"/>
      <c r="FQP661" s="613"/>
      <c r="FQQ661" s="613"/>
      <c r="FQR661" s="613"/>
      <c r="FQS661" s="613"/>
      <c r="FQT661" s="613"/>
      <c r="FQU661" s="613"/>
      <c r="FQV661" s="613"/>
      <c r="FQW661" s="613"/>
      <c r="FQX661" s="613"/>
      <c r="FQY661" s="613"/>
      <c r="FQZ661" s="613"/>
      <c r="FRA661" s="613"/>
      <c r="FRB661" s="613"/>
      <c r="FRC661" s="613"/>
      <c r="FRD661" s="613"/>
      <c r="FRE661" s="613"/>
      <c r="FRF661" s="613"/>
      <c r="FRG661" s="613"/>
      <c r="FRH661" s="613"/>
      <c r="FRI661" s="613"/>
      <c r="FRJ661" s="613"/>
      <c r="FRK661" s="613"/>
      <c r="FRL661" s="613"/>
      <c r="FRM661" s="613"/>
      <c r="FRN661" s="613"/>
      <c r="FRO661" s="613"/>
      <c r="FRP661" s="613"/>
      <c r="FRQ661" s="613"/>
      <c r="FRR661" s="613"/>
      <c r="FRS661" s="613"/>
      <c r="FRT661" s="613"/>
      <c r="FRU661" s="613"/>
      <c r="FRV661" s="613"/>
      <c r="FRW661" s="613"/>
      <c r="FRX661" s="613"/>
      <c r="FRY661" s="613"/>
      <c r="FRZ661" s="613"/>
      <c r="FSA661" s="613"/>
      <c r="FSB661" s="613"/>
      <c r="FSC661" s="613"/>
      <c r="FSD661" s="613"/>
      <c r="FSE661" s="613"/>
      <c r="FSF661" s="613"/>
      <c r="FSG661" s="613"/>
      <c r="FSH661" s="613"/>
      <c r="FSI661" s="613"/>
      <c r="FSJ661" s="613"/>
      <c r="FSK661" s="613"/>
      <c r="FSL661" s="613"/>
      <c r="FSM661" s="613"/>
      <c r="FSN661" s="613"/>
      <c r="FSO661" s="613"/>
      <c r="FSP661" s="613"/>
      <c r="FSQ661" s="613"/>
      <c r="FSR661" s="613"/>
      <c r="FSS661" s="613"/>
      <c r="FST661" s="613"/>
      <c r="FSU661" s="613"/>
      <c r="FSV661" s="613"/>
      <c r="FSW661" s="613"/>
      <c r="FSX661" s="613"/>
      <c r="FSY661" s="613"/>
      <c r="FSZ661" s="613"/>
      <c r="FTA661" s="613"/>
      <c r="FTB661" s="613"/>
      <c r="FTC661" s="613"/>
      <c r="FTD661" s="613"/>
      <c r="FTE661" s="613"/>
      <c r="FTF661" s="613"/>
      <c r="FTG661" s="613"/>
      <c r="FTH661" s="613"/>
      <c r="FTI661" s="613"/>
      <c r="FTJ661" s="613"/>
      <c r="FTK661" s="613"/>
      <c r="FTL661" s="613"/>
      <c r="FTM661" s="613"/>
      <c r="FTN661" s="613"/>
      <c r="FTO661" s="613"/>
      <c r="FTP661" s="613"/>
      <c r="FTQ661" s="613"/>
      <c r="FTR661" s="613"/>
      <c r="FTS661" s="613"/>
      <c r="FTT661" s="613"/>
      <c r="FTU661" s="613"/>
      <c r="FTV661" s="613"/>
      <c r="FTW661" s="613"/>
      <c r="FTX661" s="613"/>
      <c r="FTY661" s="613"/>
      <c r="FTZ661" s="613"/>
      <c r="FUA661" s="613"/>
      <c r="FUB661" s="613"/>
      <c r="FUC661" s="613"/>
      <c r="FUD661" s="613"/>
      <c r="FUE661" s="613"/>
      <c r="FUF661" s="613"/>
      <c r="FUG661" s="613"/>
      <c r="FUH661" s="613"/>
      <c r="FUI661" s="613"/>
      <c r="FUJ661" s="613"/>
      <c r="FUK661" s="613"/>
      <c r="FUL661" s="613"/>
      <c r="FUM661" s="613"/>
      <c r="FUN661" s="613"/>
      <c r="FUO661" s="613"/>
      <c r="FUP661" s="613"/>
      <c r="FUQ661" s="613"/>
      <c r="FUR661" s="613"/>
      <c r="FUS661" s="613"/>
      <c r="FUT661" s="613"/>
      <c r="FUU661" s="613"/>
      <c r="FUV661" s="613"/>
      <c r="FUW661" s="613"/>
      <c r="FUX661" s="613"/>
      <c r="FUY661" s="613"/>
      <c r="FUZ661" s="613"/>
      <c r="FVA661" s="613"/>
      <c r="FVB661" s="613"/>
      <c r="FVC661" s="613"/>
      <c r="FVD661" s="613"/>
      <c r="FVE661" s="613"/>
      <c r="FVF661" s="613"/>
      <c r="FVG661" s="613"/>
      <c r="FVH661" s="613"/>
      <c r="FVI661" s="613"/>
      <c r="FVJ661" s="613"/>
      <c r="FVK661" s="613"/>
      <c r="FVL661" s="613"/>
      <c r="FVM661" s="613"/>
      <c r="FVN661" s="613"/>
      <c r="FVO661" s="613"/>
      <c r="FVP661" s="613"/>
      <c r="FVQ661" s="613"/>
      <c r="FVR661" s="613"/>
      <c r="FVS661" s="613"/>
      <c r="FVT661" s="613"/>
      <c r="FVU661" s="613"/>
      <c r="FVV661" s="613"/>
      <c r="FVW661" s="613"/>
      <c r="FVX661" s="613"/>
      <c r="FVY661" s="613"/>
      <c r="FVZ661" s="613"/>
      <c r="FWA661" s="613"/>
      <c r="FWB661" s="613"/>
      <c r="FWC661" s="613"/>
      <c r="FWD661" s="613"/>
      <c r="FWE661" s="613"/>
      <c r="FWF661" s="613"/>
      <c r="FWG661" s="613"/>
      <c r="FWH661" s="613"/>
      <c r="FWI661" s="613"/>
      <c r="FWJ661" s="613"/>
      <c r="FWK661" s="613"/>
      <c r="FWL661" s="613"/>
      <c r="FWM661" s="613"/>
      <c r="FWN661" s="613"/>
      <c r="FWO661" s="613"/>
      <c r="FWP661" s="613"/>
      <c r="FWQ661" s="613"/>
      <c r="FWR661" s="613"/>
      <c r="FWS661" s="613"/>
      <c r="FWT661" s="613"/>
      <c r="FWU661" s="613"/>
      <c r="FWV661" s="613"/>
      <c r="FWW661" s="613"/>
      <c r="FWX661" s="613"/>
      <c r="FWY661" s="613"/>
      <c r="FWZ661" s="613"/>
      <c r="FXA661" s="613"/>
      <c r="FXB661" s="613"/>
      <c r="FXC661" s="613"/>
      <c r="FXD661" s="613"/>
      <c r="FXE661" s="613"/>
      <c r="FXF661" s="613"/>
      <c r="FXG661" s="613"/>
      <c r="FXH661" s="613"/>
      <c r="FXI661" s="613"/>
      <c r="FXJ661" s="613"/>
      <c r="FXK661" s="613"/>
      <c r="FXL661" s="613"/>
      <c r="FXM661" s="613"/>
      <c r="FXN661" s="613"/>
      <c r="FXO661" s="613"/>
      <c r="FXP661" s="613"/>
      <c r="FXQ661" s="613"/>
      <c r="FXR661" s="613"/>
      <c r="FXS661" s="613"/>
      <c r="FXT661" s="613"/>
      <c r="FXU661" s="613"/>
      <c r="FXV661" s="613"/>
      <c r="FXW661" s="613"/>
      <c r="FXX661" s="613"/>
      <c r="FXY661" s="613"/>
      <c r="FXZ661" s="613"/>
      <c r="FYA661" s="613"/>
      <c r="FYB661" s="613"/>
      <c r="FYC661" s="613"/>
      <c r="FYD661" s="613"/>
      <c r="FYE661" s="613"/>
      <c r="FYF661" s="613"/>
      <c r="FYG661" s="613"/>
      <c r="FYH661" s="613"/>
      <c r="FYI661" s="613"/>
      <c r="FYJ661" s="613"/>
      <c r="FYK661" s="613"/>
      <c r="FYL661" s="613"/>
      <c r="FYM661" s="613"/>
      <c r="FYN661" s="613"/>
      <c r="FYO661" s="613"/>
      <c r="FYP661" s="613"/>
      <c r="FYQ661" s="613"/>
      <c r="FYR661" s="613"/>
      <c r="FYS661" s="613"/>
      <c r="FYT661" s="613"/>
      <c r="FYU661" s="613"/>
      <c r="FYV661" s="613"/>
      <c r="FYW661" s="613"/>
      <c r="FYX661" s="613"/>
      <c r="FYY661" s="613"/>
      <c r="FYZ661" s="613"/>
      <c r="FZA661" s="613"/>
      <c r="FZB661" s="613"/>
      <c r="FZC661" s="613"/>
      <c r="FZD661" s="613"/>
      <c r="FZE661" s="613"/>
      <c r="FZF661" s="613"/>
      <c r="FZG661" s="613"/>
      <c r="FZH661" s="613"/>
      <c r="FZI661" s="613"/>
      <c r="FZJ661" s="613"/>
      <c r="FZK661" s="613"/>
      <c r="FZL661" s="613"/>
      <c r="FZM661" s="613"/>
      <c r="FZN661" s="613"/>
      <c r="FZO661" s="613"/>
      <c r="FZP661" s="613"/>
      <c r="FZQ661" s="613"/>
      <c r="FZR661" s="613"/>
      <c r="FZS661" s="613"/>
      <c r="FZT661" s="613"/>
      <c r="FZU661" s="613"/>
      <c r="FZV661" s="613"/>
      <c r="FZW661" s="613"/>
      <c r="FZX661" s="613"/>
      <c r="FZY661" s="613"/>
      <c r="FZZ661" s="613"/>
      <c r="GAA661" s="613"/>
      <c r="GAB661" s="613"/>
      <c r="GAC661" s="613"/>
      <c r="GAD661" s="613"/>
      <c r="GAE661" s="613"/>
      <c r="GAF661" s="613"/>
      <c r="GAG661" s="613"/>
      <c r="GAH661" s="613"/>
      <c r="GAI661" s="613"/>
      <c r="GAJ661" s="613"/>
      <c r="GAK661" s="613"/>
      <c r="GAL661" s="613"/>
      <c r="GAM661" s="613"/>
      <c r="GAN661" s="613"/>
      <c r="GAO661" s="613"/>
      <c r="GAP661" s="613"/>
      <c r="GAQ661" s="613"/>
      <c r="GAR661" s="613"/>
      <c r="GAS661" s="613"/>
      <c r="GAT661" s="613"/>
      <c r="GAU661" s="613"/>
      <c r="GAV661" s="613"/>
      <c r="GAW661" s="613"/>
      <c r="GAX661" s="613"/>
      <c r="GAY661" s="613"/>
      <c r="GAZ661" s="613"/>
      <c r="GBA661" s="613"/>
      <c r="GBB661" s="613"/>
      <c r="GBC661" s="613"/>
      <c r="GBD661" s="613"/>
      <c r="GBE661" s="613"/>
      <c r="GBF661" s="613"/>
      <c r="GBG661" s="613"/>
      <c r="GBH661" s="613"/>
      <c r="GBI661" s="613"/>
      <c r="GBJ661" s="613"/>
      <c r="GBK661" s="613"/>
      <c r="GBL661" s="613"/>
      <c r="GBM661" s="613"/>
      <c r="GBN661" s="613"/>
      <c r="GBO661" s="613"/>
      <c r="GBP661" s="613"/>
      <c r="GBQ661" s="613"/>
      <c r="GBR661" s="613"/>
      <c r="GBS661" s="613"/>
      <c r="GBT661" s="613"/>
      <c r="GBU661" s="613"/>
      <c r="GBV661" s="613"/>
      <c r="GBW661" s="613"/>
      <c r="GBX661" s="613"/>
      <c r="GBY661" s="613"/>
      <c r="GBZ661" s="613"/>
      <c r="GCA661" s="613"/>
      <c r="GCB661" s="613"/>
      <c r="GCC661" s="613"/>
      <c r="GCD661" s="613"/>
      <c r="GCE661" s="613"/>
      <c r="GCF661" s="613"/>
      <c r="GCG661" s="613"/>
      <c r="GCH661" s="613"/>
      <c r="GCI661" s="613"/>
      <c r="GCJ661" s="613"/>
      <c r="GCK661" s="613"/>
      <c r="GCL661" s="613"/>
      <c r="GCM661" s="613"/>
      <c r="GCN661" s="613"/>
      <c r="GCO661" s="613"/>
      <c r="GCP661" s="613"/>
      <c r="GCQ661" s="613"/>
      <c r="GCR661" s="613"/>
      <c r="GCS661" s="613"/>
      <c r="GCT661" s="613"/>
      <c r="GCU661" s="613"/>
      <c r="GCV661" s="613"/>
      <c r="GCW661" s="613"/>
      <c r="GCX661" s="613"/>
      <c r="GCY661" s="613"/>
      <c r="GCZ661" s="613"/>
      <c r="GDA661" s="613"/>
      <c r="GDB661" s="613"/>
      <c r="GDC661" s="613"/>
      <c r="GDD661" s="613"/>
      <c r="GDE661" s="613"/>
      <c r="GDF661" s="613"/>
      <c r="GDG661" s="613"/>
      <c r="GDH661" s="613"/>
      <c r="GDI661" s="613"/>
      <c r="GDJ661" s="613"/>
      <c r="GDK661" s="613"/>
      <c r="GDL661" s="613"/>
      <c r="GDM661" s="613"/>
      <c r="GDN661" s="613"/>
      <c r="GDO661" s="613"/>
      <c r="GDP661" s="613"/>
      <c r="GDQ661" s="613"/>
      <c r="GDR661" s="613"/>
      <c r="GDS661" s="613"/>
      <c r="GDT661" s="613"/>
      <c r="GDU661" s="613"/>
      <c r="GDV661" s="613"/>
      <c r="GDW661" s="613"/>
      <c r="GDX661" s="613"/>
      <c r="GDY661" s="613"/>
      <c r="GDZ661" s="613"/>
      <c r="GEA661" s="613"/>
      <c r="GEB661" s="613"/>
      <c r="GEC661" s="613"/>
      <c r="GED661" s="613"/>
      <c r="GEE661" s="613"/>
      <c r="GEF661" s="613"/>
      <c r="GEG661" s="613"/>
      <c r="GEH661" s="613"/>
      <c r="GEI661" s="613"/>
      <c r="GEJ661" s="613"/>
      <c r="GEK661" s="613"/>
      <c r="GEL661" s="613"/>
      <c r="GEM661" s="613"/>
      <c r="GEN661" s="613"/>
      <c r="GEO661" s="613"/>
      <c r="GEP661" s="613"/>
      <c r="GEQ661" s="613"/>
      <c r="GER661" s="613"/>
      <c r="GES661" s="613"/>
      <c r="GET661" s="613"/>
      <c r="GEU661" s="613"/>
      <c r="GEV661" s="613"/>
      <c r="GEW661" s="613"/>
      <c r="GEX661" s="613"/>
      <c r="GEY661" s="613"/>
      <c r="GEZ661" s="613"/>
      <c r="GFA661" s="613"/>
      <c r="GFB661" s="613"/>
      <c r="GFC661" s="613"/>
      <c r="GFD661" s="613"/>
      <c r="GFE661" s="613"/>
      <c r="GFF661" s="613"/>
      <c r="GFG661" s="613"/>
      <c r="GFH661" s="613"/>
      <c r="GFI661" s="613"/>
      <c r="GFJ661" s="613"/>
      <c r="GFK661" s="613"/>
      <c r="GFL661" s="613"/>
      <c r="GFM661" s="613"/>
      <c r="GFN661" s="613"/>
      <c r="GFO661" s="613"/>
      <c r="GFP661" s="613"/>
      <c r="GFQ661" s="613"/>
      <c r="GFR661" s="613"/>
      <c r="GFS661" s="613"/>
      <c r="GFT661" s="613"/>
      <c r="GFU661" s="613"/>
      <c r="GFV661" s="613"/>
      <c r="GFW661" s="613"/>
      <c r="GFX661" s="613"/>
      <c r="GFY661" s="613"/>
      <c r="GFZ661" s="613"/>
      <c r="GGA661" s="613"/>
      <c r="GGB661" s="613"/>
      <c r="GGC661" s="613"/>
      <c r="GGD661" s="613"/>
      <c r="GGE661" s="613"/>
      <c r="GGF661" s="613"/>
      <c r="GGG661" s="613"/>
      <c r="GGH661" s="613"/>
      <c r="GGI661" s="613"/>
      <c r="GGJ661" s="613"/>
      <c r="GGK661" s="613"/>
      <c r="GGL661" s="613"/>
      <c r="GGM661" s="613"/>
      <c r="GGN661" s="613"/>
      <c r="GGO661" s="613"/>
      <c r="GGP661" s="613"/>
      <c r="GGQ661" s="613"/>
      <c r="GGR661" s="613"/>
      <c r="GGS661" s="613"/>
      <c r="GGT661" s="613"/>
      <c r="GGU661" s="613"/>
      <c r="GGV661" s="613"/>
      <c r="GGW661" s="613"/>
      <c r="GGX661" s="613"/>
      <c r="GGY661" s="613"/>
      <c r="GGZ661" s="613"/>
      <c r="GHA661" s="613"/>
      <c r="GHB661" s="613"/>
      <c r="GHC661" s="613"/>
      <c r="GHD661" s="613"/>
      <c r="GHE661" s="613"/>
      <c r="GHF661" s="613"/>
      <c r="GHG661" s="613"/>
      <c r="GHH661" s="613"/>
      <c r="GHI661" s="613"/>
      <c r="GHJ661" s="613"/>
      <c r="GHK661" s="613"/>
      <c r="GHL661" s="613"/>
      <c r="GHM661" s="613"/>
      <c r="GHN661" s="613"/>
      <c r="GHO661" s="613"/>
      <c r="GHP661" s="613"/>
      <c r="GHQ661" s="613"/>
      <c r="GHR661" s="613"/>
      <c r="GHS661" s="613"/>
      <c r="GHT661" s="613"/>
      <c r="GHU661" s="613"/>
      <c r="GHV661" s="613"/>
      <c r="GHW661" s="613"/>
      <c r="GHX661" s="613"/>
      <c r="GHY661" s="613"/>
      <c r="GHZ661" s="613"/>
      <c r="GIA661" s="613"/>
      <c r="GIB661" s="613"/>
      <c r="GIC661" s="613"/>
      <c r="GID661" s="613"/>
      <c r="GIE661" s="613"/>
      <c r="GIF661" s="613"/>
      <c r="GIG661" s="613"/>
      <c r="GIH661" s="613"/>
      <c r="GII661" s="613"/>
      <c r="GIJ661" s="613"/>
      <c r="GIK661" s="613"/>
      <c r="GIL661" s="613"/>
      <c r="GIM661" s="613"/>
      <c r="GIN661" s="613"/>
      <c r="GIO661" s="613"/>
      <c r="GIP661" s="613"/>
      <c r="GIQ661" s="613"/>
      <c r="GIR661" s="613"/>
      <c r="GIS661" s="613"/>
      <c r="GIT661" s="613"/>
      <c r="GIU661" s="613"/>
      <c r="GIV661" s="613"/>
      <c r="GIW661" s="613"/>
      <c r="GIX661" s="613"/>
      <c r="GIY661" s="613"/>
      <c r="GIZ661" s="613"/>
      <c r="GJA661" s="613"/>
      <c r="GJB661" s="613"/>
      <c r="GJC661" s="613"/>
      <c r="GJD661" s="613"/>
      <c r="GJE661" s="613"/>
      <c r="GJF661" s="613"/>
      <c r="GJG661" s="613"/>
      <c r="GJH661" s="613"/>
      <c r="GJI661" s="613"/>
      <c r="GJJ661" s="613"/>
      <c r="GJK661" s="613"/>
      <c r="GJL661" s="613"/>
      <c r="GJM661" s="613"/>
      <c r="GJN661" s="613"/>
      <c r="GJO661" s="613"/>
      <c r="GJP661" s="613"/>
      <c r="GJQ661" s="613"/>
      <c r="GJR661" s="613"/>
      <c r="GJS661" s="613"/>
      <c r="GJT661" s="613"/>
      <c r="GJU661" s="613"/>
      <c r="GJV661" s="613"/>
      <c r="GJW661" s="613"/>
      <c r="GJX661" s="613"/>
      <c r="GJY661" s="613"/>
      <c r="GJZ661" s="613"/>
      <c r="GKA661" s="613"/>
      <c r="GKB661" s="613"/>
      <c r="GKC661" s="613"/>
      <c r="GKD661" s="613"/>
      <c r="GKE661" s="613"/>
      <c r="GKF661" s="613"/>
      <c r="GKG661" s="613"/>
      <c r="GKH661" s="613"/>
      <c r="GKI661" s="613"/>
      <c r="GKJ661" s="613"/>
      <c r="GKK661" s="613"/>
      <c r="GKL661" s="613"/>
      <c r="GKM661" s="613"/>
      <c r="GKN661" s="613"/>
      <c r="GKO661" s="613"/>
      <c r="GKP661" s="613"/>
      <c r="GKQ661" s="613"/>
      <c r="GKR661" s="613"/>
      <c r="GKS661" s="613"/>
      <c r="GKT661" s="613"/>
      <c r="GKU661" s="613"/>
      <c r="GKV661" s="613"/>
      <c r="GKW661" s="613"/>
      <c r="GKX661" s="613"/>
      <c r="GKY661" s="613"/>
      <c r="GKZ661" s="613"/>
      <c r="GLA661" s="613"/>
      <c r="GLB661" s="613"/>
      <c r="GLC661" s="613"/>
      <c r="GLD661" s="613"/>
      <c r="GLE661" s="613"/>
      <c r="GLF661" s="613"/>
      <c r="GLG661" s="613"/>
      <c r="GLH661" s="613"/>
      <c r="GLI661" s="613"/>
      <c r="GLJ661" s="613"/>
      <c r="GLK661" s="613"/>
      <c r="GLL661" s="613"/>
      <c r="GLM661" s="613"/>
      <c r="GLN661" s="613"/>
      <c r="GLO661" s="613"/>
      <c r="GLP661" s="613"/>
      <c r="GLQ661" s="613"/>
      <c r="GLR661" s="613"/>
      <c r="GLS661" s="613"/>
      <c r="GLT661" s="613"/>
      <c r="GLU661" s="613"/>
      <c r="GLV661" s="613"/>
      <c r="GLW661" s="613"/>
      <c r="GLX661" s="613"/>
      <c r="GLY661" s="613"/>
      <c r="GLZ661" s="613"/>
      <c r="GMA661" s="613"/>
      <c r="GMB661" s="613"/>
      <c r="GMC661" s="613"/>
      <c r="GMD661" s="613"/>
      <c r="GME661" s="613"/>
      <c r="GMF661" s="613"/>
      <c r="GMG661" s="613"/>
      <c r="GMH661" s="613"/>
      <c r="GMI661" s="613"/>
      <c r="GMJ661" s="613"/>
      <c r="GMK661" s="613"/>
      <c r="GML661" s="613"/>
      <c r="GMM661" s="613"/>
      <c r="GMN661" s="613"/>
      <c r="GMO661" s="613"/>
      <c r="GMP661" s="613"/>
      <c r="GMQ661" s="613"/>
      <c r="GMR661" s="613"/>
      <c r="GMS661" s="613"/>
      <c r="GMT661" s="613"/>
      <c r="GMU661" s="613"/>
      <c r="GMV661" s="613"/>
      <c r="GMW661" s="613"/>
      <c r="GMX661" s="613"/>
      <c r="GMY661" s="613"/>
      <c r="GMZ661" s="613"/>
      <c r="GNA661" s="613"/>
      <c r="GNB661" s="613"/>
      <c r="GNC661" s="613"/>
      <c r="GND661" s="613"/>
      <c r="GNE661" s="613"/>
      <c r="GNF661" s="613"/>
      <c r="GNG661" s="613"/>
      <c r="GNH661" s="613"/>
      <c r="GNI661" s="613"/>
      <c r="GNJ661" s="613"/>
      <c r="GNK661" s="613"/>
      <c r="GNL661" s="613"/>
      <c r="GNM661" s="613"/>
      <c r="GNN661" s="613"/>
      <c r="GNO661" s="613"/>
      <c r="GNP661" s="613"/>
      <c r="GNQ661" s="613"/>
      <c r="GNR661" s="613"/>
      <c r="GNS661" s="613"/>
      <c r="GNT661" s="613"/>
      <c r="GNU661" s="613"/>
      <c r="GNV661" s="613"/>
      <c r="GNW661" s="613"/>
      <c r="GNX661" s="613"/>
      <c r="GNY661" s="613"/>
      <c r="GNZ661" s="613"/>
      <c r="GOA661" s="613"/>
      <c r="GOB661" s="613"/>
      <c r="GOC661" s="613"/>
      <c r="GOD661" s="613"/>
      <c r="GOE661" s="613"/>
      <c r="GOF661" s="613"/>
      <c r="GOG661" s="613"/>
      <c r="GOH661" s="613"/>
      <c r="GOI661" s="613"/>
      <c r="GOJ661" s="613"/>
      <c r="GOK661" s="613"/>
      <c r="GOL661" s="613"/>
      <c r="GOM661" s="613"/>
      <c r="GON661" s="613"/>
      <c r="GOO661" s="613"/>
      <c r="GOP661" s="613"/>
      <c r="GOQ661" s="613"/>
      <c r="GOR661" s="613"/>
      <c r="GOS661" s="613"/>
      <c r="GOT661" s="613"/>
      <c r="GOU661" s="613"/>
      <c r="GOV661" s="613"/>
      <c r="GOW661" s="613"/>
      <c r="GOX661" s="613"/>
      <c r="GOY661" s="613"/>
      <c r="GOZ661" s="613"/>
      <c r="GPA661" s="613"/>
      <c r="GPB661" s="613"/>
      <c r="GPC661" s="613"/>
      <c r="GPD661" s="613"/>
      <c r="GPE661" s="613"/>
      <c r="GPF661" s="613"/>
      <c r="GPG661" s="613"/>
      <c r="GPH661" s="613"/>
      <c r="GPI661" s="613"/>
      <c r="GPJ661" s="613"/>
      <c r="GPK661" s="613"/>
      <c r="GPL661" s="613"/>
      <c r="GPM661" s="613"/>
      <c r="GPN661" s="613"/>
      <c r="GPO661" s="613"/>
      <c r="GPP661" s="613"/>
      <c r="GPQ661" s="613"/>
      <c r="GPR661" s="613"/>
      <c r="GPS661" s="613"/>
      <c r="GPT661" s="613"/>
      <c r="GPU661" s="613"/>
      <c r="GPV661" s="613"/>
      <c r="GPW661" s="613"/>
      <c r="GPX661" s="613"/>
      <c r="GPY661" s="613"/>
      <c r="GPZ661" s="613"/>
      <c r="GQA661" s="613"/>
      <c r="GQB661" s="613"/>
      <c r="GQC661" s="613"/>
      <c r="GQD661" s="613"/>
      <c r="GQE661" s="613"/>
      <c r="GQF661" s="613"/>
      <c r="GQG661" s="613"/>
      <c r="GQH661" s="613"/>
      <c r="GQI661" s="613"/>
      <c r="GQJ661" s="613"/>
      <c r="GQK661" s="613"/>
      <c r="GQL661" s="613"/>
      <c r="GQM661" s="613"/>
      <c r="GQN661" s="613"/>
      <c r="GQO661" s="613"/>
      <c r="GQP661" s="613"/>
      <c r="GQQ661" s="613"/>
      <c r="GQR661" s="613"/>
      <c r="GQS661" s="613"/>
      <c r="GQT661" s="613"/>
      <c r="GQU661" s="613"/>
      <c r="GQV661" s="613"/>
      <c r="GQW661" s="613"/>
      <c r="GQX661" s="613"/>
      <c r="GQY661" s="613"/>
      <c r="GQZ661" s="613"/>
      <c r="GRA661" s="613"/>
      <c r="GRB661" s="613"/>
      <c r="GRC661" s="613"/>
      <c r="GRD661" s="613"/>
      <c r="GRE661" s="613"/>
      <c r="GRF661" s="613"/>
      <c r="GRG661" s="613"/>
      <c r="GRH661" s="613"/>
      <c r="GRI661" s="613"/>
      <c r="GRJ661" s="613"/>
      <c r="GRK661" s="613"/>
      <c r="GRL661" s="613"/>
      <c r="GRM661" s="613"/>
      <c r="GRN661" s="613"/>
      <c r="GRO661" s="613"/>
      <c r="GRP661" s="613"/>
      <c r="GRQ661" s="613"/>
      <c r="GRR661" s="613"/>
      <c r="GRS661" s="613"/>
      <c r="GRT661" s="613"/>
      <c r="GRU661" s="613"/>
      <c r="GRV661" s="613"/>
      <c r="GRW661" s="613"/>
      <c r="GRX661" s="613"/>
      <c r="GRY661" s="613"/>
      <c r="GRZ661" s="613"/>
      <c r="GSA661" s="613"/>
      <c r="GSB661" s="613"/>
      <c r="GSC661" s="613"/>
      <c r="GSD661" s="613"/>
      <c r="GSE661" s="613"/>
      <c r="GSF661" s="613"/>
      <c r="GSG661" s="613"/>
      <c r="GSH661" s="613"/>
      <c r="GSI661" s="613"/>
      <c r="GSJ661" s="613"/>
      <c r="GSK661" s="613"/>
      <c r="GSL661" s="613"/>
      <c r="GSM661" s="613"/>
      <c r="GSN661" s="613"/>
      <c r="GSO661" s="613"/>
      <c r="GSP661" s="613"/>
      <c r="GSQ661" s="613"/>
      <c r="GSR661" s="613"/>
      <c r="GSS661" s="613"/>
      <c r="GST661" s="613"/>
      <c r="GSU661" s="613"/>
      <c r="GSV661" s="613"/>
      <c r="GSW661" s="613"/>
      <c r="GSX661" s="613"/>
      <c r="GSY661" s="613"/>
      <c r="GSZ661" s="613"/>
      <c r="GTA661" s="613"/>
      <c r="GTB661" s="613"/>
      <c r="GTC661" s="613"/>
      <c r="GTD661" s="613"/>
      <c r="GTE661" s="613"/>
      <c r="GTF661" s="613"/>
      <c r="GTG661" s="613"/>
      <c r="GTH661" s="613"/>
      <c r="GTI661" s="613"/>
      <c r="GTJ661" s="613"/>
      <c r="GTK661" s="613"/>
      <c r="GTL661" s="613"/>
      <c r="GTM661" s="613"/>
      <c r="GTN661" s="613"/>
      <c r="GTO661" s="613"/>
      <c r="GTP661" s="613"/>
      <c r="GTQ661" s="613"/>
      <c r="GTR661" s="613"/>
      <c r="GTS661" s="613"/>
      <c r="GTT661" s="613"/>
      <c r="GTU661" s="613"/>
      <c r="GTV661" s="613"/>
      <c r="GTW661" s="613"/>
      <c r="GTX661" s="613"/>
      <c r="GTY661" s="613"/>
      <c r="GTZ661" s="613"/>
      <c r="GUA661" s="613"/>
      <c r="GUB661" s="613"/>
      <c r="GUC661" s="613"/>
      <c r="GUD661" s="613"/>
      <c r="GUE661" s="613"/>
      <c r="GUF661" s="613"/>
      <c r="GUG661" s="613"/>
      <c r="GUH661" s="613"/>
      <c r="GUI661" s="613"/>
      <c r="GUJ661" s="613"/>
      <c r="GUK661" s="613"/>
      <c r="GUL661" s="613"/>
      <c r="GUM661" s="613"/>
      <c r="GUN661" s="613"/>
      <c r="GUO661" s="613"/>
      <c r="GUP661" s="613"/>
      <c r="GUQ661" s="613"/>
      <c r="GUR661" s="613"/>
      <c r="GUS661" s="613"/>
      <c r="GUT661" s="613"/>
      <c r="GUU661" s="613"/>
      <c r="GUV661" s="613"/>
      <c r="GUW661" s="613"/>
      <c r="GUX661" s="613"/>
      <c r="GUY661" s="613"/>
      <c r="GUZ661" s="613"/>
      <c r="GVA661" s="613"/>
      <c r="GVB661" s="613"/>
      <c r="GVC661" s="613"/>
      <c r="GVD661" s="613"/>
      <c r="GVE661" s="613"/>
      <c r="GVF661" s="613"/>
      <c r="GVG661" s="613"/>
      <c r="GVH661" s="613"/>
      <c r="GVI661" s="613"/>
      <c r="GVJ661" s="613"/>
      <c r="GVK661" s="613"/>
      <c r="GVL661" s="613"/>
      <c r="GVM661" s="613"/>
      <c r="GVN661" s="613"/>
      <c r="GVO661" s="613"/>
      <c r="GVP661" s="613"/>
      <c r="GVQ661" s="613"/>
      <c r="GVR661" s="613"/>
      <c r="GVS661" s="613"/>
      <c r="GVT661" s="613"/>
      <c r="GVU661" s="613"/>
      <c r="GVV661" s="613"/>
      <c r="GVW661" s="613"/>
      <c r="GVX661" s="613"/>
      <c r="GVY661" s="613"/>
      <c r="GVZ661" s="613"/>
      <c r="GWA661" s="613"/>
      <c r="GWB661" s="613"/>
      <c r="GWC661" s="613"/>
      <c r="GWD661" s="613"/>
      <c r="GWE661" s="613"/>
      <c r="GWF661" s="613"/>
      <c r="GWG661" s="613"/>
      <c r="GWH661" s="613"/>
      <c r="GWI661" s="613"/>
      <c r="GWJ661" s="613"/>
      <c r="GWK661" s="613"/>
      <c r="GWL661" s="613"/>
      <c r="GWM661" s="613"/>
      <c r="GWN661" s="613"/>
      <c r="GWO661" s="613"/>
      <c r="GWP661" s="613"/>
      <c r="GWQ661" s="613"/>
      <c r="GWR661" s="613"/>
      <c r="GWS661" s="613"/>
      <c r="GWT661" s="613"/>
      <c r="GWU661" s="613"/>
      <c r="GWV661" s="613"/>
      <c r="GWW661" s="613"/>
      <c r="GWX661" s="613"/>
      <c r="GWY661" s="613"/>
      <c r="GWZ661" s="613"/>
      <c r="GXA661" s="613"/>
      <c r="GXB661" s="613"/>
      <c r="GXC661" s="613"/>
      <c r="GXD661" s="613"/>
      <c r="GXE661" s="613"/>
      <c r="GXF661" s="613"/>
      <c r="GXG661" s="613"/>
      <c r="GXH661" s="613"/>
      <c r="GXI661" s="613"/>
      <c r="GXJ661" s="613"/>
      <c r="GXK661" s="613"/>
      <c r="GXL661" s="613"/>
      <c r="GXM661" s="613"/>
      <c r="GXN661" s="613"/>
      <c r="GXO661" s="613"/>
      <c r="GXP661" s="613"/>
      <c r="GXQ661" s="613"/>
      <c r="GXR661" s="613"/>
      <c r="GXS661" s="613"/>
      <c r="GXT661" s="613"/>
      <c r="GXU661" s="613"/>
      <c r="GXV661" s="613"/>
      <c r="GXW661" s="613"/>
      <c r="GXX661" s="613"/>
      <c r="GXY661" s="613"/>
      <c r="GXZ661" s="613"/>
      <c r="GYA661" s="613"/>
      <c r="GYB661" s="613"/>
      <c r="GYC661" s="613"/>
      <c r="GYD661" s="613"/>
      <c r="GYE661" s="613"/>
      <c r="GYF661" s="613"/>
      <c r="GYG661" s="613"/>
      <c r="GYH661" s="613"/>
      <c r="GYI661" s="613"/>
      <c r="GYJ661" s="613"/>
      <c r="GYK661" s="613"/>
      <c r="GYL661" s="613"/>
      <c r="GYM661" s="613"/>
      <c r="GYN661" s="613"/>
      <c r="GYO661" s="613"/>
      <c r="GYP661" s="613"/>
      <c r="GYQ661" s="613"/>
      <c r="GYR661" s="613"/>
      <c r="GYS661" s="613"/>
      <c r="GYT661" s="613"/>
      <c r="GYU661" s="613"/>
      <c r="GYV661" s="613"/>
      <c r="GYW661" s="613"/>
      <c r="GYX661" s="613"/>
      <c r="GYY661" s="613"/>
      <c r="GYZ661" s="613"/>
      <c r="GZA661" s="613"/>
      <c r="GZB661" s="613"/>
      <c r="GZC661" s="613"/>
      <c r="GZD661" s="613"/>
      <c r="GZE661" s="613"/>
      <c r="GZF661" s="613"/>
      <c r="GZG661" s="613"/>
      <c r="GZH661" s="613"/>
      <c r="GZI661" s="613"/>
      <c r="GZJ661" s="613"/>
      <c r="GZK661" s="613"/>
      <c r="GZL661" s="613"/>
      <c r="GZM661" s="613"/>
      <c r="GZN661" s="613"/>
      <c r="GZO661" s="613"/>
      <c r="GZP661" s="613"/>
      <c r="GZQ661" s="613"/>
      <c r="GZR661" s="613"/>
      <c r="GZS661" s="613"/>
      <c r="GZT661" s="613"/>
      <c r="GZU661" s="613"/>
      <c r="GZV661" s="613"/>
      <c r="GZW661" s="613"/>
      <c r="GZX661" s="613"/>
      <c r="GZY661" s="613"/>
      <c r="GZZ661" s="613"/>
      <c r="HAA661" s="613"/>
      <c r="HAB661" s="613"/>
      <c r="HAC661" s="613"/>
      <c r="HAD661" s="613"/>
      <c r="HAE661" s="613"/>
      <c r="HAF661" s="613"/>
      <c r="HAG661" s="613"/>
      <c r="HAH661" s="613"/>
      <c r="HAI661" s="613"/>
      <c r="HAJ661" s="613"/>
      <c r="HAK661" s="613"/>
      <c r="HAL661" s="613"/>
      <c r="HAM661" s="613"/>
      <c r="HAN661" s="613"/>
      <c r="HAO661" s="613"/>
      <c r="HAP661" s="613"/>
      <c r="HAQ661" s="613"/>
      <c r="HAR661" s="613"/>
      <c r="HAS661" s="613"/>
      <c r="HAT661" s="613"/>
      <c r="HAU661" s="613"/>
      <c r="HAV661" s="613"/>
      <c r="HAW661" s="613"/>
      <c r="HAX661" s="613"/>
      <c r="HAY661" s="613"/>
      <c r="HAZ661" s="613"/>
      <c r="HBA661" s="613"/>
      <c r="HBB661" s="613"/>
      <c r="HBC661" s="613"/>
      <c r="HBD661" s="613"/>
      <c r="HBE661" s="613"/>
      <c r="HBF661" s="613"/>
      <c r="HBG661" s="613"/>
      <c r="HBH661" s="613"/>
      <c r="HBI661" s="613"/>
      <c r="HBJ661" s="613"/>
      <c r="HBK661" s="613"/>
      <c r="HBL661" s="613"/>
      <c r="HBM661" s="613"/>
      <c r="HBN661" s="613"/>
      <c r="HBO661" s="613"/>
      <c r="HBP661" s="613"/>
      <c r="HBQ661" s="613"/>
      <c r="HBR661" s="613"/>
      <c r="HBS661" s="613"/>
      <c r="HBT661" s="613"/>
      <c r="HBU661" s="613"/>
      <c r="HBV661" s="613"/>
      <c r="HBW661" s="613"/>
      <c r="HBX661" s="613"/>
      <c r="HBY661" s="613"/>
      <c r="HBZ661" s="613"/>
      <c r="HCA661" s="613"/>
      <c r="HCB661" s="613"/>
      <c r="HCC661" s="613"/>
      <c r="HCD661" s="613"/>
      <c r="HCE661" s="613"/>
      <c r="HCF661" s="613"/>
      <c r="HCG661" s="613"/>
      <c r="HCH661" s="613"/>
      <c r="HCI661" s="613"/>
      <c r="HCJ661" s="613"/>
      <c r="HCK661" s="613"/>
      <c r="HCL661" s="613"/>
      <c r="HCM661" s="613"/>
      <c r="HCN661" s="613"/>
      <c r="HCO661" s="613"/>
      <c r="HCP661" s="613"/>
      <c r="HCQ661" s="613"/>
      <c r="HCR661" s="613"/>
      <c r="HCS661" s="613"/>
      <c r="HCT661" s="613"/>
      <c r="HCU661" s="613"/>
      <c r="HCV661" s="613"/>
      <c r="HCW661" s="613"/>
      <c r="HCX661" s="613"/>
      <c r="HCY661" s="613"/>
      <c r="HCZ661" s="613"/>
      <c r="HDA661" s="613"/>
      <c r="HDB661" s="613"/>
      <c r="HDC661" s="613"/>
      <c r="HDD661" s="613"/>
      <c r="HDE661" s="613"/>
      <c r="HDF661" s="613"/>
      <c r="HDG661" s="613"/>
      <c r="HDH661" s="613"/>
      <c r="HDI661" s="613"/>
      <c r="HDJ661" s="613"/>
      <c r="HDK661" s="613"/>
      <c r="HDL661" s="613"/>
      <c r="HDM661" s="613"/>
      <c r="HDN661" s="613"/>
      <c r="HDO661" s="613"/>
      <c r="HDP661" s="613"/>
      <c r="HDQ661" s="613"/>
      <c r="HDR661" s="613"/>
      <c r="HDS661" s="613"/>
      <c r="HDT661" s="613"/>
      <c r="HDU661" s="613"/>
      <c r="HDV661" s="613"/>
      <c r="HDW661" s="613"/>
      <c r="HDX661" s="613"/>
      <c r="HDY661" s="613"/>
      <c r="HDZ661" s="613"/>
      <c r="HEA661" s="613"/>
      <c r="HEB661" s="613"/>
      <c r="HEC661" s="613"/>
      <c r="HED661" s="613"/>
      <c r="HEE661" s="613"/>
      <c r="HEF661" s="613"/>
      <c r="HEG661" s="613"/>
      <c r="HEH661" s="613"/>
      <c r="HEI661" s="613"/>
      <c r="HEJ661" s="613"/>
      <c r="HEK661" s="613"/>
      <c r="HEL661" s="613"/>
      <c r="HEM661" s="613"/>
      <c r="HEN661" s="613"/>
      <c r="HEO661" s="613"/>
      <c r="HEP661" s="613"/>
      <c r="HEQ661" s="613"/>
      <c r="HER661" s="613"/>
      <c r="HES661" s="613"/>
      <c r="HET661" s="613"/>
      <c r="HEU661" s="613"/>
      <c r="HEV661" s="613"/>
      <c r="HEW661" s="613"/>
      <c r="HEX661" s="613"/>
      <c r="HEY661" s="613"/>
      <c r="HEZ661" s="613"/>
      <c r="HFA661" s="613"/>
      <c r="HFB661" s="613"/>
      <c r="HFC661" s="613"/>
      <c r="HFD661" s="613"/>
      <c r="HFE661" s="613"/>
      <c r="HFF661" s="613"/>
      <c r="HFG661" s="613"/>
      <c r="HFH661" s="613"/>
      <c r="HFI661" s="613"/>
      <c r="HFJ661" s="613"/>
      <c r="HFK661" s="613"/>
      <c r="HFL661" s="613"/>
      <c r="HFM661" s="613"/>
      <c r="HFN661" s="613"/>
      <c r="HFO661" s="613"/>
      <c r="HFP661" s="613"/>
      <c r="HFQ661" s="613"/>
      <c r="HFR661" s="613"/>
      <c r="HFS661" s="613"/>
      <c r="HFT661" s="613"/>
      <c r="HFU661" s="613"/>
      <c r="HFV661" s="613"/>
      <c r="HFW661" s="613"/>
      <c r="HFX661" s="613"/>
      <c r="HFY661" s="613"/>
      <c r="HFZ661" s="613"/>
      <c r="HGA661" s="613"/>
      <c r="HGB661" s="613"/>
      <c r="HGC661" s="613"/>
      <c r="HGD661" s="613"/>
      <c r="HGE661" s="613"/>
      <c r="HGF661" s="613"/>
      <c r="HGG661" s="613"/>
      <c r="HGH661" s="613"/>
      <c r="HGI661" s="613"/>
      <c r="HGJ661" s="613"/>
      <c r="HGK661" s="613"/>
      <c r="HGL661" s="613"/>
      <c r="HGM661" s="613"/>
      <c r="HGN661" s="613"/>
      <c r="HGO661" s="613"/>
      <c r="HGP661" s="613"/>
      <c r="HGQ661" s="613"/>
      <c r="HGR661" s="613"/>
      <c r="HGS661" s="613"/>
      <c r="HGT661" s="613"/>
      <c r="HGU661" s="613"/>
      <c r="HGV661" s="613"/>
      <c r="HGW661" s="613"/>
      <c r="HGX661" s="613"/>
      <c r="HGY661" s="613"/>
      <c r="HGZ661" s="613"/>
      <c r="HHA661" s="613"/>
      <c r="HHB661" s="613"/>
      <c r="HHC661" s="613"/>
      <c r="HHD661" s="613"/>
      <c r="HHE661" s="613"/>
      <c r="HHF661" s="613"/>
      <c r="HHG661" s="613"/>
      <c r="HHH661" s="613"/>
      <c r="HHI661" s="613"/>
      <c r="HHJ661" s="613"/>
      <c r="HHK661" s="613"/>
      <c r="HHL661" s="613"/>
      <c r="HHM661" s="613"/>
      <c r="HHN661" s="613"/>
      <c r="HHO661" s="613"/>
      <c r="HHP661" s="613"/>
      <c r="HHQ661" s="613"/>
      <c r="HHR661" s="613"/>
      <c r="HHS661" s="613"/>
      <c r="HHT661" s="613"/>
      <c r="HHU661" s="613"/>
      <c r="HHV661" s="613"/>
      <c r="HHW661" s="613"/>
      <c r="HHX661" s="613"/>
      <c r="HHY661" s="613"/>
      <c r="HHZ661" s="613"/>
      <c r="HIA661" s="613"/>
      <c r="HIB661" s="613"/>
      <c r="HIC661" s="613"/>
      <c r="HID661" s="613"/>
      <c r="HIE661" s="613"/>
      <c r="HIF661" s="613"/>
      <c r="HIG661" s="613"/>
      <c r="HIH661" s="613"/>
      <c r="HII661" s="613"/>
      <c r="HIJ661" s="613"/>
      <c r="HIK661" s="613"/>
      <c r="HIL661" s="613"/>
      <c r="HIM661" s="613"/>
      <c r="HIN661" s="613"/>
      <c r="HIO661" s="613"/>
      <c r="HIP661" s="613"/>
      <c r="HIQ661" s="613"/>
      <c r="HIR661" s="613"/>
      <c r="HIS661" s="613"/>
      <c r="HIT661" s="613"/>
      <c r="HIU661" s="613"/>
      <c r="HIV661" s="613"/>
      <c r="HIW661" s="613"/>
      <c r="HIX661" s="613"/>
      <c r="HIY661" s="613"/>
      <c r="HIZ661" s="613"/>
      <c r="HJA661" s="613"/>
      <c r="HJB661" s="613"/>
      <c r="HJC661" s="613"/>
      <c r="HJD661" s="613"/>
      <c r="HJE661" s="613"/>
      <c r="HJF661" s="613"/>
      <c r="HJG661" s="613"/>
      <c r="HJH661" s="613"/>
      <c r="HJI661" s="613"/>
      <c r="HJJ661" s="613"/>
      <c r="HJK661" s="613"/>
      <c r="HJL661" s="613"/>
      <c r="HJM661" s="613"/>
      <c r="HJN661" s="613"/>
      <c r="HJO661" s="613"/>
      <c r="HJP661" s="613"/>
      <c r="HJQ661" s="613"/>
      <c r="HJR661" s="613"/>
      <c r="HJS661" s="613"/>
      <c r="HJT661" s="613"/>
      <c r="HJU661" s="613"/>
      <c r="HJV661" s="613"/>
      <c r="HJW661" s="613"/>
      <c r="HJX661" s="613"/>
      <c r="HJY661" s="613"/>
      <c r="HJZ661" s="613"/>
      <c r="HKA661" s="613"/>
      <c r="HKB661" s="613"/>
      <c r="HKC661" s="613"/>
      <c r="HKD661" s="613"/>
      <c r="HKE661" s="613"/>
      <c r="HKF661" s="613"/>
      <c r="HKG661" s="613"/>
      <c r="HKH661" s="613"/>
      <c r="HKI661" s="613"/>
      <c r="HKJ661" s="613"/>
      <c r="HKK661" s="613"/>
      <c r="HKL661" s="613"/>
      <c r="HKM661" s="613"/>
      <c r="HKN661" s="613"/>
      <c r="HKO661" s="613"/>
      <c r="HKP661" s="613"/>
      <c r="HKQ661" s="613"/>
      <c r="HKR661" s="613"/>
      <c r="HKS661" s="613"/>
      <c r="HKT661" s="613"/>
      <c r="HKU661" s="613"/>
      <c r="HKV661" s="613"/>
      <c r="HKW661" s="613"/>
      <c r="HKX661" s="613"/>
      <c r="HKY661" s="613"/>
      <c r="HKZ661" s="613"/>
      <c r="HLA661" s="613"/>
      <c r="HLB661" s="613"/>
      <c r="HLC661" s="613"/>
      <c r="HLD661" s="613"/>
      <c r="HLE661" s="613"/>
      <c r="HLF661" s="613"/>
      <c r="HLG661" s="613"/>
      <c r="HLH661" s="613"/>
      <c r="HLI661" s="613"/>
      <c r="HLJ661" s="613"/>
      <c r="HLK661" s="613"/>
      <c r="HLL661" s="613"/>
      <c r="HLM661" s="613"/>
      <c r="HLN661" s="613"/>
      <c r="HLO661" s="613"/>
      <c r="HLP661" s="613"/>
      <c r="HLQ661" s="613"/>
      <c r="HLR661" s="613"/>
      <c r="HLS661" s="613"/>
      <c r="HLT661" s="613"/>
      <c r="HLU661" s="613"/>
      <c r="HLV661" s="613"/>
      <c r="HLW661" s="613"/>
      <c r="HLX661" s="613"/>
      <c r="HLY661" s="613"/>
      <c r="HLZ661" s="613"/>
      <c r="HMA661" s="613"/>
      <c r="HMB661" s="613"/>
      <c r="HMC661" s="613"/>
      <c r="HMD661" s="613"/>
      <c r="HME661" s="613"/>
      <c r="HMF661" s="613"/>
      <c r="HMG661" s="613"/>
      <c r="HMH661" s="613"/>
      <c r="HMI661" s="613"/>
      <c r="HMJ661" s="613"/>
      <c r="HMK661" s="613"/>
      <c r="HML661" s="613"/>
      <c r="HMM661" s="613"/>
      <c r="HMN661" s="613"/>
      <c r="HMO661" s="613"/>
      <c r="HMP661" s="613"/>
      <c r="HMQ661" s="613"/>
      <c r="HMR661" s="613"/>
      <c r="HMS661" s="613"/>
      <c r="HMT661" s="613"/>
      <c r="HMU661" s="613"/>
      <c r="HMV661" s="613"/>
      <c r="HMW661" s="613"/>
      <c r="HMX661" s="613"/>
      <c r="HMY661" s="613"/>
      <c r="HMZ661" s="613"/>
      <c r="HNA661" s="613"/>
      <c r="HNB661" s="613"/>
      <c r="HNC661" s="613"/>
      <c r="HND661" s="613"/>
      <c r="HNE661" s="613"/>
      <c r="HNF661" s="613"/>
      <c r="HNG661" s="613"/>
      <c r="HNH661" s="613"/>
      <c r="HNI661" s="613"/>
      <c r="HNJ661" s="613"/>
      <c r="HNK661" s="613"/>
      <c r="HNL661" s="613"/>
      <c r="HNM661" s="613"/>
      <c r="HNN661" s="613"/>
      <c r="HNO661" s="613"/>
      <c r="HNP661" s="613"/>
      <c r="HNQ661" s="613"/>
      <c r="HNR661" s="613"/>
      <c r="HNS661" s="613"/>
      <c r="HNT661" s="613"/>
      <c r="HNU661" s="613"/>
      <c r="HNV661" s="613"/>
      <c r="HNW661" s="613"/>
      <c r="HNX661" s="613"/>
      <c r="HNY661" s="613"/>
      <c r="HNZ661" s="613"/>
      <c r="HOA661" s="613"/>
      <c r="HOB661" s="613"/>
      <c r="HOC661" s="613"/>
      <c r="HOD661" s="613"/>
      <c r="HOE661" s="613"/>
      <c r="HOF661" s="613"/>
      <c r="HOG661" s="613"/>
      <c r="HOH661" s="613"/>
      <c r="HOI661" s="613"/>
      <c r="HOJ661" s="613"/>
      <c r="HOK661" s="613"/>
      <c r="HOL661" s="613"/>
      <c r="HOM661" s="613"/>
      <c r="HON661" s="613"/>
      <c r="HOO661" s="613"/>
      <c r="HOP661" s="613"/>
      <c r="HOQ661" s="613"/>
      <c r="HOR661" s="613"/>
      <c r="HOS661" s="613"/>
      <c r="HOT661" s="613"/>
      <c r="HOU661" s="613"/>
      <c r="HOV661" s="613"/>
      <c r="HOW661" s="613"/>
      <c r="HOX661" s="613"/>
      <c r="HOY661" s="613"/>
      <c r="HOZ661" s="613"/>
      <c r="HPA661" s="613"/>
      <c r="HPB661" s="613"/>
      <c r="HPC661" s="613"/>
      <c r="HPD661" s="613"/>
      <c r="HPE661" s="613"/>
      <c r="HPF661" s="613"/>
      <c r="HPG661" s="613"/>
      <c r="HPH661" s="613"/>
      <c r="HPI661" s="613"/>
      <c r="HPJ661" s="613"/>
      <c r="HPK661" s="613"/>
      <c r="HPL661" s="613"/>
      <c r="HPM661" s="613"/>
      <c r="HPN661" s="613"/>
      <c r="HPO661" s="613"/>
      <c r="HPP661" s="613"/>
      <c r="HPQ661" s="613"/>
      <c r="HPR661" s="613"/>
      <c r="HPS661" s="613"/>
      <c r="HPT661" s="613"/>
      <c r="HPU661" s="613"/>
      <c r="HPV661" s="613"/>
      <c r="HPW661" s="613"/>
      <c r="HPX661" s="613"/>
      <c r="HPY661" s="613"/>
      <c r="HPZ661" s="613"/>
      <c r="HQA661" s="613"/>
      <c r="HQB661" s="613"/>
      <c r="HQC661" s="613"/>
      <c r="HQD661" s="613"/>
      <c r="HQE661" s="613"/>
      <c r="HQF661" s="613"/>
      <c r="HQG661" s="613"/>
      <c r="HQH661" s="613"/>
      <c r="HQI661" s="613"/>
      <c r="HQJ661" s="613"/>
      <c r="HQK661" s="613"/>
      <c r="HQL661" s="613"/>
      <c r="HQM661" s="613"/>
      <c r="HQN661" s="613"/>
      <c r="HQO661" s="613"/>
      <c r="HQP661" s="613"/>
      <c r="HQQ661" s="613"/>
      <c r="HQR661" s="613"/>
      <c r="HQS661" s="613"/>
      <c r="HQT661" s="613"/>
      <c r="HQU661" s="613"/>
      <c r="HQV661" s="613"/>
      <c r="HQW661" s="613"/>
      <c r="HQX661" s="613"/>
      <c r="HQY661" s="613"/>
      <c r="HQZ661" s="613"/>
      <c r="HRA661" s="613"/>
      <c r="HRB661" s="613"/>
      <c r="HRC661" s="613"/>
      <c r="HRD661" s="613"/>
      <c r="HRE661" s="613"/>
      <c r="HRF661" s="613"/>
      <c r="HRG661" s="613"/>
      <c r="HRH661" s="613"/>
      <c r="HRI661" s="613"/>
      <c r="HRJ661" s="613"/>
      <c r="HRK661" s="613"/>
      <c r="HRL661" s="613"/>
      <c r="HRM661" s="613"/>
      <c r="HRN661" s="613"/>
      <c r="HRO661" s="613"/>
      <c r="HRP661" s="613"/>
      <c r="HRQ661" s="613"/>
      <c r="HRR661" s="613"/>
      <c r="HRS661" s="613"/>
      <c r="HRT661" s="613"/>
      <c r="HRU661" s="613"/>
      <c r="HRV661" s="613"/>
      <c r="HRW661" s="613"/>
      <c r="HRX661" s="613"/>
      <c r="HRY661" s="613"/>
      <c r="HRZ661" s="613"/>
      <c r="HSA661" s="613"/>
      <c r="HSB661" s="613"/>
      <c r="HSC661" s="613"/>
      <c r="HSD661" s="613"/>
      <c r="HSE661" s="613"/>
      <c r="HSF661" s="613"/>
      <c r="HSG661" s="613"/>
      <c r="HSH661" s="613"/>
      <c r="HSI661" s="613"/>
      <c r="HSJ661" s="613"/>
      <c r="HSK661" s="613"/>
      <c r="HSL661" s="613"/>
      <c r="HSM661" s="613"/>
      <c r="HSN661" s="613"/>
      <c r="HSO661" s="613"/>
      <c r="HSP661" s="613"/>
      <c r="HSQ661" s="613"/>
      <c r="HSR661" s="613"/>
      <c r="HSS661" s="613"/>
      <c r="HST661" s="613"/>
      <c r="HSU661" s="613"/>
      <c r="HSV661" s="613"/>
      <c r="HSW661" s="613"/>
      <c r="HSX661" s="613"/>
      <c r="HSY661" s="613"/>
      <c r="HSZ661" s="613"/>
      <c r="HTA661" s="613"/>
      <c r="HTB661" s="613"/>
      <c r="HTC661" s="613"/>
      <c r="HTD661" s="613"/>
      <c r="HTE661" s="613"/>
      <c r="HTF661" s="613"/>
      <c r="HTG661" s="613"/>
      <c r="HTH661" s="613"/>
      <c r="HTI661" s="613"/>
      <c r="HTJ661" s="613"/>
      <c r="HTK661" s="613"/>
      <c r="HTL661" s="613"/>
      <c r="HTM661" s="613"/>
      <c r="HTN661" s="613"/>
      <c r="HTO661" s="613"/>
      <c r="HTP661" s="613"/>
      <c r="HTQ661" s="613"/>
      <c r="HTR661" s="613"/>
      <c r="HTS661" s="613"/>
      <c r="HTT661" s="613"/>
      <c r="HTU661" s="613"/>
      <c r="HTV661" s="613"/>
      <c r="HTW661" s="613"/>
      <c r="HTX661" s="613"/>
      <c r="HTY661" s="613"/>
      <c r="HTZ661" s="613"/>
      <c r="HUA661" s="613"/>
      <c r="HUB661" s="613"/>
      <c r="HUC661" s="613"/>
      <c r="HUD661" s="613"/>
      <c r="HUE661" s="613"/>
      <c r="HUF661" s="613"/>
      <c r="HUG661" s="613"/>
      <c r="HUH661" s="613"/>
      <c r="HUI661" s="613"/>
      <c r="HUJ661" s="613"/>
      <c r="HUK661" s="613"/>
      <c r="HUL661" s="613"/>
      <c r="HUM661" s="613"/>
      <c r="HUN661" s="613"/>
      <c r="HUO661" s="613"/>
      <c r="HUP661" s="613"/>
      <c r="HUQ661" s="613"/>
      <c r="HUR661" s="613"/>
      <c r="HUS661" s="613"/>
      <c r="HUT661" s="613"/>
      <c r="HUU661" s="613"/>
      <c r="HUV661" s="613"/>
      <c r="HUW661" s="613"/>
      <c r="HUX661" s="613"/>
      <c r="HUY661" s="613"/>
      <c r="HUZ661" s="613"/>
      <c r="HVA661" s="613"/>
      <c r="HVB661" s="613"/>
      <c r="HVC661" s="613"/>
      <c r="HVD661" s="613"/>
      <c r="HVE661" s="613"/>
      <c r="HVF661" s="613"/>
      <c r="HVG661" s="613"/>
      <c r="HVH661" s="613"/>
      <c r="HVI661" s="613"/>
      <c r="HVJ661" s="613"/>
      <c r="HVK661" s="613"/>
      <c r="HVL661" s="613"/>
      <c r="HVM661" s="613"/>
      <c r="HVN661" s="613"/>
      <c r="HVO661" s="613"/>
      <c r="HVP661" s="613"/>
      <c r="HVQ661" s="613"/>
      <c r="HVR661" s="613"/>
      <c r="HVS661" s="613"/>
      <c r="HVT661" s="613"/>
      <c r="HVU661" s="613"/>
      <c r="HVV661" s="613"/>
      <c r="HVW661" s="613"/>
      <c r="HVX661" s="613"/>
      <c r="HVY661" s="613"/>
      <c r="HVZ661" s="613"/>
      <c r="HWA661" s="613"/>
      <c r="HWB661" s="613"/>
      <c r="HWC661" s="613"/>
      <c r="HWD661" s="613"/>
      <c r="HWE661" s="613"/>
      <c r="HWF661" s="613"/>
      <c r="HWG661" s="613"/>
      <c r="HWH661" s="613"/>
      <c r="HWI661" s="613"/>
      <c r="HWJ661" s="613"/>
      <c r="HWK661" s="613"/>
      <c r="HWL661" s="613"/>
      <c r="HWM661" s="613"/>
      <c r="HWN661" s="613"/>
      <c r="HWO661" s="613"/>
      <c r="HWP661" s="613"/>
      <c r="HWQ661" s="613"/>
      <c r="HWR661" s="613"/>
      <c r="HWS661" s="613"/>
      <c r="HWT661" s="613"/>
      <c r="HWU661" s="613"/>
      <c r="HWV661" s="613"/>
      <c r="HWW661" s="613"/>
      <c r="HWX661" s="613"/>
      <c r="HWY661" s="613"/>
      <c r="HWZ661" s="613"/>
      <c r="HXA661" s="613"/>
      <c r="HXB661" s="613"/>
      <c r="HXC661" s="613"/>
      <c r="HXD661" s="613"/>
      <c r="HXE661" s="613"/>
      <c r="HXF661" s="613"/>
      <c r="HXG661" s="613"/>
      <c r="HXH661" s="613"/>
      <c r="HXI661" s="613"/>
      <c r="HXJ661" s="613"/>
      <c r="HXK661" s="613"/>
      <c r="HXL661" s="613"/>
      <c r="HXM661" s="613"/>
      <c r="HXN661" s="613"/>
      <c r="HXO661" s="613"/>
      <c r="HXP661" s="613"/>
      <c r="HXQ661" s="613"/>
      <c r="HXR661" s="613"/>
      <c r="HXS661" s="613"/>
      <c r="HXT661" s="613"/>
      <c r="HXU661" s="613"/>
      <c r="HXV661" s="613"/>
      <c r="HXW661" s="613"/>
      <c r="HXX661" s="613"/>
      <c r="HXY661" s="613"/>
      <c r="HXZ661" s="613"/>
      <c r="HYA661" s="613"/>
      <c r="HYB661" s="613"/>
      <c r="HYC661" s="613"/>
      <c r="HYD661" s="613"/>
      <c r="HYE661" s="613"/>
      <c r="HYF661" s="613"/>
      <c r="HYG661" s="613"/>
      <c r="HYH661" s="613"/>
      <c r="HYI661" s="613"/>
      <c r="HYJ661" s="613"/>
      <c r="HYK661" s="613"/>
      <c r="HYL661" s="613"/>
      <c r="HYM661" s="613"/>
      <c r="HYN661" s="613"/>
      <c r="HYO661" s="613"/>
      <c r="HYP661" s="613"/>
      <c r="HYQ661" s="613"/>
      <c r="HYR661" s="613"/>
      <c r="HYS661" s="613"/>
      <c r="HYT661" s="613"/>
      <c r="HYU661" s="613"/>
      <c r="HYV661" s="613"/>
      <c r="HYW661" s="613"/>
      <c r="HYX661" s="613"/>
      <c r="HYY661" s="613"/>
      <c r="HYZ661" s="613"/>
      <c r="HZA661" s="613"/>
      <c r="HZB661" s="613"/>
      <c r="HZC661" s="613"/>
      <c r="HZD661" s="613"/>
      <c r="HZE661" s="613"/>
      <c r="HZF661" s="613"/>
      <c r="HZG661" s="613"/>
      <c r="HZH661" s="613"/>
      <c r="HZI661" s="613"/>
      <c r="HZJ661" s="613"/>
      <c r="HZK661" s="613"/>
      <c r="HZL661" s="613"/>
      <c r="HZM661" s="613"/>
      <c r="HZN661" s="613"/>
      <c r="HZO661" s="613"/>
      <c r="HZP661" s="613"/>
      <c r="HZQ661" s="613"/>
      <c r="HZR661" s="613"/>
      <c r="HZS661" s="613"/>
      <c r="HZT661" s="613"/>
      <c r="HZU661" s="613"/>
      <c r="HZV661" s="613"/>
      <c r="HZW661" s="613"/>
      <c r="HZX661" s="613"/>
      <c r="HZY661" s="613"/>
      <c r="HZZ661" s="613"/>
      <c r="IAA661" s="613"/>
      <c r="IAB661" s="613"/>
      <c r="IAC661" s="613"/>
      <c r="IAD661" s="613"/>
      <c r="IAE661" s="613"/>
      <c r="IAF661" s="613"/>
      <c r="IAG661" s="613"/>
      <c r="IAH661" s="613"/>
      <c r="IAI661" s="613"/>
      <c r="IAJ661" s="613"/>
      <c r="IAK661" s="613"/>
      <c r="IAL661" s="613"/>
      <c r="IAM661" s="613"/>
      <c r="IAN661" s="613"/>
      <c r="IAO661" s="613"/>
      <c r="IAP661" s="613"/>
      <c r="IAQ661" s="613"/>
      <c r="IAR661" s="613"/>
      <c r="IAS661" s="613"/>
      <c r="IAT661" s="613"/>
      <c r="IAU661" s="613"/>
      <c r="IAV661" s="613"/>
      <c r="IAW661" s="613"/>
      <c r="IAX661" s="613"/>
      <c r="IAY661" s="613"/>
      <c r="IAZ661" s="613"/>
      <c r="IBA661" s="613"/>
      <c r="IBB661" s="613"/>
      <c r="IBC661" s="613"/>
      <c r="IBD661" s="613"/>
      <c r="IBE661" s="613"/>
      <c r="IBF661" s="613"/>
      <c r="IBG661" s="613"/>
      <c r="IBH661" s="613"/>
      <c r="IBI661" s="613"/>
      <c r="IBJ661" s="613"/>
      <c r="IBK661" s="613"/>
      <c r="IBL661" s="613"/>
      <c r="IBM661" s="613"/>
      <c r="IBN661" s="613"/>
      <c r="IBO661" s="613"/>
      <c r="IBP661" s="613"/>
      <c r="IBQ661" s="613"/>
      <c r="IBR661" s="613"/>
      <c r="IBS661" s="613"/>
      <c r="IBT661" s="613"/>
      <c r="IBU661" s="613"/>
      <c r="IBV661" s="613"/>
      <c r="IBW661" s="613"/>
      <c r="IBX661" s="613"/>
      <c r="IBY661" s="613"/>
      <c r="IBZ661" s="613"/>
      <c r="ICA661" s="613"/>
      <c r="ICB661" s="613"/>
      <c r="ICC661" s="613"/>
      <c r="ICD661" s="613"/>
      <c r="ICE661" s="613"/>
      <c r="ICF661" s="613"/>
      <c r="ICG661" s="613"/>
      <c r="ICH661" s="613"/>
      <c r="ICI661" s="613"/>
      <c r="ICJ661" s="613"/>
      <c r="ICK661" s="613"/>
      <c r="ICL661" s="613"/>
      <c r="ICM661" s="613"/>
      <c r="ICN661" s="613"/>
      <c r="ICO661" s="613"/>
      <c r="ICP661" s="613"/>
      <c r="ICQ661" s="613"/>
      <c r="ICR661" s="613"/>
      <c r="ICS661" s="613"/>
      <c r="ICT661" s="613"/>
      <c r="ICU661" s="613"/>
      <c r="ICV661" s="613"/>
      <c r="ICW661" s="613"/>
      <c r="ICX661" s="613"/>
      <c r="ICY661" s="613"/>
      <c r="ICZ661" s="613"/>
      <c r="IDA661" s="613"/>
      <c r="IDB661" s="613"/>
      <c r="IDC661" s="613"/>
      <c r="IDD661" s="613"/>
      <c r="IDE661" s="613"/>
      <c r="IDF661" s="613"/>
      <c r="IDG661" s="613"/>
      <c r="IDH661" s="613"/>
      <c r="IDI661" s="613"/>
      <c r="IDJ661" s="613"/>
      <c r="IDK661" s="613"/>
      <c r="IDL661" s="613"/>
      <c r="IDM661" s="613"/>
      <c r="IDN661" s="613"/>
      <c r="IDO661" s="613"/>
      <c r="IDP661" s="613"/>
      <c r="IDQ661" s="613"/>
      <c r="IDR661" s="613"/>
      <c r="IDS661" s="613"/>
      <c r="IDT661" s="613"/>
      <c r="IDU661" s="613"/>
      <c r="IDV661" s="613"/>
      <c r="IDW661" s="613"/>
      <c r="IDX661" s="613"/>
      <c r="IDY661" s="613"/>
      <c r="IDZ661" s="613"/>
      <c r="IEA661" s="613"/>
      <c r="IEB661" s="613"/>
      <c r="IEC661" s="613"/>
      <c r="IED661" s="613"/>
      <c r="IEE661" s="613"/>
      <c r="IEF661" s="613"/>
      <c r="IEG661" s="613"/>
      <c r="IEH661" s="613"/>
      <c r="IEI661" s="613"/>
      <c r="IEJ661" s="613"/>
      <c r="IEK661" s="613"/>
      <c r="IEL661" s="613"/>
      <c r="IEM661" s="613"/>
      <c r="IEN661" s="613"/>
      <c r="IEO661" s="613"/>
      <c r="IEP661" s="613"/>
      <c r="IEQ661" s="613"/>
      <c r="IER661" s="613"/>
      <c r="IES661" s="613"/>
      <c r="IET661" s="613"/>
      <c r="IEU661" s="613"/>
      <c r="IEV661" s="613"/>
      <c r="IEW661" s="613"/>
      <c r="IEX661" s="613"/>
      <c r="IEY661" s="613"/>
      <c r="IEZ661" s="613"/>
      <c r="IFA661" s="613"/>
      <c r="IFB661" s="613"/>
      <c r="IFC661" s="613"/>
      <c r="IFD661" s="613"/>
      <c r="IFE661" s="613"/>
      <c r="IFF661" s="613"/>
      <c r="IFG661" s="613"/>
      <c r="IFH661" s="613"/>
      <c r="IFI661" s="613"/>
      <c r="IFJ661" s="613"/>
      <c r="IFK661" s="613"/>
      <c r="IFL661" s="613"/>
      <c r="IFM661" s="613"/>
      <c r="IFN661" s="613"/>
      <c r="IFO661" s="613"/>
      <c r="IFP661" s="613"/>
      <c r="IFQ661" s="613"/>
      <c r="IFR661" s="613"/>
      <c r="IFS661" s="613"/>
      <c r="IFT661" s="613"/>
      <c r="IFU661" s="613"/>
      <c r="IFV661" s="613"/>
      <c r="IFW661" s="613"/>
      <c r="IFX661" s="613"/>
      <c r="IFY661" s="613"/>
      <c r="IFZ661" s="613"/>
      <c r="IGA661" s="613"/>
      <c r="IGB661" s="613"/>
      <c r="IGC661" s="613"/>
      <c r="IGD661" s="613"/>
      <c r="IGE661" s="613"/>
      <c r="IGF661" s="613"/>
      <c r="IGG661" s="613"/>
      <c r="IGH661" s="613"/>
      <c r="IGI661" s="613"/>
      <c r="IGJ661" s="613"/>
      <c r="IGK661" s="613"/>
      <c r="IGL661" s="613"/>
      <c r="IGM661" s="613"/>
      <c r="IGN661" s="613"/>
      <c r="IGO661" s="613"/>
      <c r="IGP661" s="613"/>
      <c r="IGQ661" s="613"/>
      <c r="IGR661" s="613"/>
      <c r="IGS661" s="613"/>
      <c r="IGT661" s="613"/>
      <c r="IGU661" s="613"/>
      <c r="IGV661" s="613"/>
      <c r="IGW661" s="613"/>
      <c r="IGX661" s="613"/>
      <c r="IGY661" s="613"/>
      <c r="IGZ661" s="613"/>
      <c r="IHA661" s="613"/>
      <c r="IHB661" s="613"/>
      <c r="IHC661" s="613"/>
      <c r="IHD661" s="613"/>
      <c r="IHE661" s="613"/>
      <c r="IHF661" s="613"/>
      <c r="IHG661" s="613"/>
      <c r="IHH661" s="613"/>
      <c r="IHI661" s="613"/>
      <c r="IHJ661" s="613"/>
      <c r="IHK661" s="613"/>
      <c r="IHL661" s="613"/>
      <c r="IHM661" s="613"/>
      <c r="IHN661" s="613"/>
      <c r="IHO661" s="613"/>
      <c r="IHP661" s="613"/>
      <c r="IHQ661" s="613"/>
      <c r="IHR661" s="613"/>
      <c r="IHS661" s="613"/>
      <c r="IHT661" s="613"/>
      <c r="IHU661" s="613"/>
      <c r="IHV661" s="613"/>
      <c r="IHW661" s="613"/>
      <c r="IHX661" s="613"/>
      <c r="IHY661" s="613"/>
      <c r="IHZ661" s="613"/>
      <c r="IIA661" s="613"/>
      <c r="IIB661" s="613"/>
      <c r="IIC661" s="613"/>
      <c r="IID661" s="613"/>
      <c r="IIE661" s="613"/>
      <c r="IIF661" s="613"/>
      <c r="IIG661" s="613"/>
      <c r="IIH661" s="613"/>
      <c r="III661" s="613"/>
      <c r="IIJ661" s="613"/>
      <c r="IIK661" s="613"/>
      <c r="IIL661" s="613"/>
      <c r="IIM661" s="613"/>
      <c r="IIN661" s="613"/>
      <c r="IIO661" s="613"/>
      <c r="IIP661" s="613"/>
      <c r="IIQ661" s="613"/>
      <c r="IIR661" s="613"/>
      <c r="IIS661" s="613"/>
      <c r="IIT661" s="613"/>
      <c r="IIU661" s="613"/>
      <c r="IIV661" s="613"/>
      <c r="IIW661" s="613"/>
      <c r="IIX661" s="613"/>
      <c r="IIY661" s="613"/>
      <c r="IIZ661" s="613"/>
      <c r="IJA661" s="613"/>
      <c r="IJB661" s="613"/>
      <c r="IJC661" s="613"/>
      <c r="IJD661" s="613"/>
      <c r="IJE661" s="613"/>
      <c r="IJF661" s="613"/>
      <c r="IJG661" s="613"/>
      <c r="IJH661" s="613"/>
      <c r="IJI661" s="613"/>
      <c r="IJJ661" s="613"/>
      <c r="IJK661" s="613"/>
      <c r="IJL661" s="613"/>
      <c r="IJM661" s="613"/>
      <c r="IJN661" s="613"/>
      <c r="IJO661" s="613"/>
      <c r="IJP661" s="613"/>
      <c r="IJQ661" s="613"/>
      <c r="IJR661" s="613"/>
      <c r="IJS661" s="613"/>
      <c r="IJT661" s="613"/>
      <c r="IJU661" s="613"/>
      <c r="IJV661" s="613"/>
      <c r="IJW661" s="613"/>
      <c r="IJX661" s="613"/>
      <c r="IJY661" s="613"/>
      <c r="IJZ661" s="613"/>
      <c r="IKA661" s="613"/>
      <c r="IKB661" s="613"/>
      <c r="IKC661" s="613"/>
      <c r="IKD661" s="613"/>
      <c r="IKE661" s="613"/>
      <c r="IKF661" s="613"/>
      <c r="IKG661" s="613"/>
      <c r="IKH661" s="613"/>
      <c r="IKI661" s="613"/>
      <c r="IKJ661" s="613"/>
      <c r="IKK661" s="613"/>
      <c r="IKL661" s="613"/>
      <c r="IKM661" s="613"/>
      <c r="IKN661" s="613"/>
      <c r="IKO661" s="613"/>
      <c r="IKP661" s="613"/>
      <c r="IKQ661" s="613"/>
      <c r="IKR661" s="613"/>
      <c r="IKS661" s="613"/>
      <c r="IKT661" s="613"/>
      <c r="IKU661" s="613"/>
      <c r="IKV661" s="613"/>
      <c r="IKW661" s="613"/>
      <c r="IKX661" s="613"/>
      <c r="IKY661" s="613"/>
      <c r="IKZ661" s="613"/>
      <c r="ILA661" s="613"/>
      <c r="ILB661" s="613"/>
      <c r="ILC661" s="613"/>
      <c r="ILD661" s="613"/>
      <c r="ILE661" s="613"/>
      <c r="ILF661" s="613"/>
      <c r="ILG661" s="613"/>
      <c r="ILH661" s="613"/>
      <c r="ILI661" s="613"/>
      <c r="ILJ661" s="613"/>
      <c r="ILK661" s="613"/>
      <c r="ILL661" s="613"/>
      <c r="ILM661" s="613"/>
      <c r="ILN661" s="613"/>
      <c r="ILO661" s="613"/>
      <c r="ILP661" s="613"/>
      <c r="ILQ661" s="613"/>
      <c r="ILR661" s="613"/>
      <c r="ILS661" s="613"/>
      <c r="ILT661" s="613"/>
      <c r="ILU661" s="613"/>
      <c r="ILV661" s="613"/>
      <c r="ILW661" s="613"/>
      <c r="ILX661" s="613"/>
      <c r="ILY661" s="613"/>
      <c r="ILZ661" s="613"/>
      <c r="IMA661" s="613"/>
      <c r="IMB661" s="613"/>
      <c r="IMC661" s="613"/>
      <c r="IMD661" s="613"/>
      <c r="IME661" s="613"/>
      <c r="IMF661" s="613"/>
      <c r="IMG661" s="613"/>
      <c r="IMH661" s="613"/>
      <c r="IMI661" s="613"/>
      <c r="IMJ661" s="613"/>
      <c r="IMK661" s="613"/>
      <c r="IML661" s="613"/>
      <c r="IMM661" s="613"/>
      <c r="IMN661" s="613"/>
      <c r="IMO661" s="613"/>
      <c r="IMP661" s="613"/>
      <c r="IMQ661" s="613"/>
      <c r="IMR661" s="613"/>
      <c r="IMS661" s="613"/>
      <c r="IMT661" s="613"/>
      <c r="IMU661" s="613"/>
      <c r="IMV661" s="613"/>
      <c r="IMW661" s="613"/>
      <c r="IMX661" s="613"/>
      <c r="IMY661" s="613"/>
      <c r="IMZ661" s="613"/>
      <c r="INA661" s="613"/>
      <c r="INB661" s="613"/>
      <c r="INC661" s="613"/>
      <c r="IND661" s="613"/>
      <c r="INE661" s="613"/>
      <c r="INF661" s="613"/>
      <c r="ING661" s="613"/>
      <c r="INH661" s="613"/>
      <c r="INI661" s="613"/>
      <c r="INJ661" s="613"/>
      <c r="INK661" s="613"/>
      <c r="INL661" s="613"/>
      <c r="INM661" s="613"/>
      <c r="INN661" s="613"/>
      <c r="INO661" s="613"/>
      <c r="INP661" s="613"/>
      <c r="INQ661" s="613"/>
      <c r="INR661" s="613"/>
      <c r="INS661" s="613"/>
      <c r="INT661" s="613"/>
      <c r="INU661" s="613"/>
      <c r="INV661" s="613"/>
      <c r="INW661" s="613"/>
      <c r="INX661" s="613"/>
      <c r="INY661" s="613"/>
      <c r="INZ661" s="613"/>
      <c r="IOA661" s="613"/>
      <c r="IOB661" s="613"/>
      <c r="IOC661" s="613"/>
      <c r="IOD661" s="613"/>
      <c r="IOE661" s="613"/>
      <c r="IOF661" s="613"/>
      <c r="IOG661" s="613"/>
      <c r="IOH661" s="613"/>
      <c r="IOI661" s="613"/>
      <c r="IOJ661" s="613"/>
      <c r="IOK661" s="613"/>
      <c r="IOL661" s="613"/>
      <c r="IOM661" s="613"/>
      <c r="ION661" s="613"/>
      <c r="IOO661" s="613"/>
      <c r="IOP661" s="613"/>
      <c r="IOQ661" s="613"/>
      <c r="IOR661" s="613"/>
      <c r="IOS661" s="613"/>
      <c r="IOT661" s="613"/>
      <c r="IOU661" s="613"/>
      <c r="IOV661" s="613"/>
      <c r="IOW661" s="613"/>
      <c r="IOX661" s="613"/>
      <c r="IOY661" s="613"/>
      <c r="IOZ661" s="613"/>
      <c r="IPA661" s="613"/>
      <c r="IPB661" s="613"/>
      <c r="IPC661" s="613"/>
      <c r="IPD661" s="613"/>
      <c r="IPE661" s="613"/>
      <c r="IPF661" s="613"/>
      <c r="IPG661" s="613"/>
      <c r="IPH661" s="613"/>
      <c r="IPI661" s="613"/>
      <c r="IPJ661" s="613"/>
      <c r="IPK661" s="613"/>
      <c r="IPL661" s="613"/>
      <c r="IPM661" s="613"/>
      <c r="IPN661" s="613"/>
      <c r="IPO661" s="613"/>
      <c r="IPP661" s="613"/>
      <c r="IPQ661" s="613"/>
      <c r="IPR661" s="613"/>
      <c r="IPS661" s="613"/>
      <c r="IPT661" s="613"/>
      <c r="IPU661" s="613"/>
      <c r="IPV661" s="613"/>
      <c r="IPW661" s="613"/>
      <c r="IPX661" s="613"/>
      <c r="IPY661" s="613"/>
      <c r="IPZ661" s="613"/>
      <c r="IQA661" s="613"/>
      <c r="IQB661" s="613"/>
      <c r="IQC661" s="613"/>
      <c r="IQD661" s="613"/>
      <c r="IQE661" s="613"/>
      <c r="IQF661" s="613"/>
      <c r="IQG661" s="613"/>
      <c r="IQH661" s="613"/>
      <c r="IQI661" s="613"/>
      <c r="IQJ661" s="613"/>
      <c r="IQK661" s="613"/>
      <c r="IQL661" s="613"/>
      <c r="IQM661" s="613"/>
      <c r="IQN661" s="613"/>
      <c r="IQO661" s="613"/>
      <c r="IQP661" s="613"/>
      <c r="IQQ661" s="613"/>
      <c r="IQR661" s="613"/>
      <c r="IQS661" s="613"/>
      <c r="IQT661" s="613"/>
      <c r="IQU661" s="613"/>
      <c r="IQV661" s="613"/>
      <c r="IQW661" s="613"/>
      <c r="IQX661" s="613"/>
      <c r="IQY661" s="613"/>
      <c r="IQZ661" s="613"/>
      <c r="IRA661" s="613"/>
      <c r="IRB661" s="613"/>
      <c r="IRC661" s="613"/>
      <c r="IRD661" s="613"/>
      <c r="IRE661" s="613"/>
      <c r="IRF661" s="613"/>
      <c r="IRG661" s="613"/>
      <c r="IRH661" s="613"/>
      <c r="IRI661" s="613"/>
      <c r="IRJ661" s="613"/>
      <c r="IRK661" s="613"/>
      <c r="IRL661" s="613"/>
      <c r="IRM661" s="613"/>
      <c r="IRN661" s="613"/>
      <c r="IRO661" s="613"/>
      <c r="IRP661" s="613"/>
      <c r="IRQ661" s="613"/>
      <c r="IRR661" s="613"/>
      <c r="IRS661" s="613"/>
      <c r="IRT661" s="613"/>
      <c r="IRU661" s="613"/>
      <c r="IRV661" s="613"/>
      <c r="IRW661" s="613"/>
      <c r="IRX661" s="613"/>
      <c r="IRY661" s="613"/>
      <c r="IRZ661" s="613"/>
      <c r="ISA661" s="613"/>
      <c r="ISB661" s="613"/>
      <c r="ISC661" s="613"/>
      <c r="ISD661" s="613"/>
      <c r="ISE661" s="613"/>
      <c r="ISF661" s="613"/>
      <c r="ISG661" s="613"/>
      <c r="ISH661" s="613"/>
      <c r="ISI661" s="613"/>
      <c r="ISJ661" s="613"/>
      <c r="ISK661" s="613"/>
      <c r="ISL661" s="613"/>
      <c r="ISM661" s="613"/>
      <c r="ISN661" s="613"/>
      <c r="ISO661" s="613"/>
      <c r="ISP661" s="613"/>
      <c r="ISQ661" s="613"/>
      <c r="ISR661" s="613"/>
      <c r="ISS661" s="613"/>
      <c r="IST661" s="613"/>
      <c r="ISU661" s="613"/>
      <c r="ISV661" s="613"/>
      <c r="ISW661" s="613"/>
      <c r="ISX661" s="613"/>
      <c r="ISY661" s="613"/>
      <c r="ISZ661" s="613"/>
      <c r="ITA661" s="613"/>
      <c r="ITB661" s="613"/>
      <c r="ITC661" s="613"/>
      <c r="ITD661" s="613"/>
      <c r="ITE661" s="613"/>
      <c r="ITF661" s="613"/>
      <c r="ITG661" s="613"/>
      <c r="ITH661" s="613"/>
      <c r="ITI661" s="613"/>
      <c r="ITJ661" s="613"/>
      <c r="ITK661" s="613"/>
      <c r="ITL661" s="613"/>
      <c r="ITM661" s="613"/>
      <c r="ITN661" s="613"/>
      <c r="ITO661" s="613"/>
      <c r="ITP661" s="613"/>
      <c r="ITQ661" s="613"/>
      <c r="ITR661" s="613"/>
      <c r="ITS661" s="613"/>
      <c r="ITT661" s="613"/>
      <c r="ITU661" s="613"/>
      <c r="ITV661" s="613"/>
      <c r="ITW661" s="613"/>
      <c r="ITX661" s="613"/>
      <c r="ITY661" s="613"/>
      <c r="ITZ661" s="613"/>
      <c r="IUA661" s="613"/>
      <c r="IUB661" s="613"/>
      <c r="IUC661" s="613"/>
      <c r="IUD661" s="613"/>
      <c r="IUE661" s="613"/>
      <c r="IUF661" s="613"/>
      <c r="IUG661" s="613"/>
      <c r="IUH661" s="613"/>
      <c r="IUI661" s="613"/>
      <c r="IUJ661" s="613"/>
      <c r="IUK661" s="613"/>
      <c r="IUL661" s="613"/>
      <c r="IUM661" s="613"/>
      <c r="IUN661" s="613"/>
      <c r="IUO661" s="613"/>
      <c r="IUP661" s="613"/>
      <c r="IUQ661" s="613"/>
      <c r="IUR661" s="613"/>
      <c r="IUS661" s="613"/>
      <c r="IUT661" s="613"/>
      <c r="IUU661" s="613"/>
      <c r="IUV661" s="613"/>
      <c r="IUW661" s="613"/>
      <c r="IUX661" s="613"/>
      <c r="IUY661" s="613"/>
      <c r="IUZ661" s="613"/>
      <c r="IVA661" s="613"/>
      <c r="IVB661" s="613"/>
      <c r="IVC661" s="613"/>
      <c r="IVD661" s="613"/>
      <c r="IVE661" s="613"/>
      <c r="IVF661" s="613"/>
      <c r="IVG661" s="613"/>
      <c r="IVH661" s="613"/>
      <c r="IVI661" s="613"/>
      <c r="IVJ661" s="613"/>
      <c r="IVK661" s="613"/>
      <c r="IVL661" s="613"/>
      <c r="IVM661" s="613"/>
      <c r="IVN661" s="613"/>
      <c r="IVO661" s="613"/>
      <c r="IVP661" s="613"/>
      <c r="IVQ661" s="613"/>
      <c r="IVR661" s="613"/>
      <c r="IVS661" s="613"/>
      <c r="IVT661" s="613"/>
      <c r="IVU661" s="613"/>
      <c r="IVV661" s="613"/>
      <c r="IVW661" s="613"/>
      <c r="IVX661" s="613"/>
      <c r="IVY661" s="613"/>
      <c r="IVZ661" s="613"/>
      <c r="IWA661" s="613"/>
      <c r="IWB661" s="613"/>
      <c r="IWC661" s="613"/>
      <c r="IWD661" s="613"/>
      <c r="IWE661" s="613"/>
      <c r="IWF661" s="613"/>
      <c r="IWG661" s="613"/>
      <c r="IWH661" s="613"/>
      <c r="IWI661" s="613"/>
      <c r="IWJ661" s="613"/>
      <c r="IWK661" s="613"/>
      <c r="IWL661" s="613"/>
      <c r="IWM661" s="613"/>
      <c r="IWN661" s="613"/>
      <c r="IWO661" s="613"/>
      <c r="IWP661" s="613"/>
      <c r="IWQ661" s="613"/>
      <c r="IWR661" s="613"/>
      <c r="IWS661" s="613"/>
      <c r="IWT661" s="613"/>
      <c r="IWU661" s="613"/>
      <c r="IWV661" s="613"/>
      <c r="IWW661" s="613"/>
      <c r="IWX661" s="613"/>
      <c r="IWY661" s="613"/>
      <c r="IWZ661" s="613"/>
      <c r="IXA661" s="613"/>
      <c r="IXB661" s="613"/>
      <c r="IXC661" s="613"/>
      <c r="IXD661" s="613"/>
      <c r="IXE661" s="613"/>
      <c r="IXF661" s="613"/>
      <c r="IXG661" s="613"/>
      <c r="IXH661" s="613"/>
      <c r="IXI661" s="613"/>
      <c r="IXJ661" s="613"/>
      <c r="IXK661" s="613"/>
      <c r="IXL661" s="613"/>
      <c r="IXM661" s="613"/>
      <c r="IXN661" s="613"/>
      <c r="IXO661" s="613"/>
      <c r="IXP661" s="613"/>
      <c r="IXQ661" s="613"/>
      <c r="IXR661" s="613"/>
      <c r="IXS661" s="613"/>
      <c r="IXT661" s="613"/>
      <c r="IXU661" s="613"/>
      <c r="IXV661" s="613"/>
      <c r="IXW661" s="613"/>
      <c r="IXX661" s="613"/>
      <c r="IXY661" s="613"/>
      <c r="IXZ661" s="613"/>
      <c r="IYA661" s="613"/>
      <c r="IYB661" s="613"/>
      <c r="IYC661" s="613"/>
      <c r="IYD661" s="613"/>
      <c r="IYE661" s="613"/>
      <c r="IYF661" s="613"/>
      <c r="IYG661" s="613"/>
      <c r="IYH661" s="613"/>
      <c r="IYI661" s="613"/>
      <c r="IYJ661" s="613"/>
      <c r="IYK661" s="613"/>
      <c r="IYL661" s="613"/>
      <c r="IYM661" s="613"/>
      <c r="IYN661" s="613"/>
      <c r="IYO661" s="613"/>
      <c r="IYP661" s="613"/>
      <c r="IYQ661" s="613"/>
      <c r="IYR661" s="613"/>
      <c r="IYS661" s="613"/>
      <c r="IYT661" s="613"/>
      <c r="IYU661" s="613"/>
      <c r="IYV661" s="613"/>
      <c r="IYW661" s="613"/>
      <c r="IYX661" s="613"/>
      <c r="IYY661" s="613"/>
      <c r="IYZ661" s="613"/>
      <c r="IZA661" s="613"/>
      <c r="IZB661" s="613"/>
      <c r="IZC661" s="613"/>
      <c r="IZD661" s="613"/>
      <c r="IZE661" s="613"/>
      <c r="IZF661" s="613"/>
      <c r="IZG661" s="613"/>
      <c r="IZH661" s="613"/>
      <c r="IZI661" s="613"/>
      <c r="IZJ661" s="613"/>
      <c r="IZK661" s="613"/>
      <c r="IZL661" s="613"/>
      <c r="IZM661" s="613"/>
      <c r="IZN661" s="613"/>
      <c r="IZO661" s="613"/>
      <c r="IZP661" s="613"/>
      <c r="IZQ661" s="613"/>
      <c r="IZR661" s="613"/>
      <c r="IZS661" s="613"/>
      <c r="IZT661" s="613"/>
      <c r="IZU661" s="613"/>
      <c r="IZV661" s="613"/>
      <c r="IZW661" s="613"/>
      <c r="IZX661" s="613"/>
      <c r="IZY661" s="613"/>
      <c r="IZZ661" s="613"/>
      <c r="JAA661" s="613"/>
      <c r="JAB661" s="613"/>
      <c r="JAC661" s="613"/>
      <c r="JAD661" s="613"/>
      <c r="JAE661" s="613"/>
      <c r="JAF661" s="613"/>
      <c r="JAG661" s="613"/>
      <c r="JAH661" s="613"/>
      <c r="JAI661" s="613"/>
      <c r="JAJ661" s="613"/>
      <c r="JAK661" s="613"/>
      <c r="JAL661" s="613"/>
      <c r="JAM661" s="613"/>
      <c r="JAN661" s="613"/>
      <c r="JAO661" s="613"/>
      <c r="JAP661" s="613"/>
      <c r="JAQ661" s="613"/>
      <c r="JAR661" s="613"/>
      <c r="JAS661" s="613"/>
      <c r="JAT661" s="613"/>
      <c r="JAU661" s="613"/>
      <c r="JAV661" s="613"/>
      <c r="JAW661" s="613"/>
      <c r="JAX661" s="613"/>
      <c r="JAY661" s="613"/>
      <c r="JAZ661" s="613"/>
      <c r="JBA661" s="613"/>
      <c r="JBB661" s="613"/>
      <c r="JBC661" s="613"/>
      <c r="JBD661" s="613"/>
      <c r="JBE661" s="613"/>
      <c r="JBF661" s="613"/>
      <c r="JBG661" s="613"/>
      <c r="JBH661" s="613"/>
      <c r="JBI661" s="613"/>
      <c r="JBJ661" s="613"/>
      <c r="JBK661" s="613"/>
      <c r="JBL661" s="613"/>
      <c r="JBM661" s="613"/>
      <c r="JBN661" s="613"/>
      <c r="JBO661" s="613"/>
      <c r="JBP661" s="613"/>
      <c r="JBQ661" s="613"/>
      <c r="JBR661" s="613"/>
      <c r="JBS661" s="613"/>
      <c r="JBT661" s="613"/>
      <c r="JBU661" s="613"/>
      <c r="JBV661" s="613"/>
      <c r="JBW661" s="613"/>
      <c r="JBX661" s="613"/>
      <c r="JBY661" s="613"/>
      <c r="JBZ661" s="613"/>
      <c r="JCA661" s="613"/>
      <c r="JCB661" s="613"/>
      <c r="JCC661" s="613"/>
      <c r="JCD661" s="613"/>
      <c r="JCE661" s="613"/>
      <c r="JCF661" s="613"/>
      <c r="JCG661" s="613"/>
      <c r="JCH661" s="613"/>
      <c r="JCI661" s="613"/>
      <c r="JCJ661" s="613"/>
      <c r="JCK661" s="613"/>
      <c r="JCL661" s="613"/>
      <c r="JCM661" s="613"/>
      <c r="JCN661" s="613"/>
      <c r="JCO661" s="613"/>
      <c r="JCP661" s="613"/>
      <c r="JCQ661" s="613"/>
      <c r="JCR661" s="613"/>
      <c r="JCS661" s="613"/>
      <c r="JCT661" s="613"/>
      <c r="JCU661" s="613"/>
      <c r="JCV661" s="613"/>
      <c r="JCW661" s="613"/>
      <c r="JCX661" s="613"/>
      <c r="JCY661" s="613"/>
      <c r="JCZ661" s="613"/>
      <c r="JDA661" s="613"/>
      <c r="JDB661" s="613"/>
      <c r="JDC661" s="613"/>
      <c r="JDD661" s="613"/>
      <c r="JDE661" s="613"/>
      <c r="JDF661" s="613"/>
      <c r="JDG661" s="613"/>
      <c r="JDH661" s="613"/>
      <c r="JDI661" s="613"/>
      <c r="JDJ661" s="613"/>
      <c r="JDK661" s="613"/>
      <c r="JDL661" s="613"/>
      <c r="JDM661" s="613"/>
      <c r="JDN661" s="613"/>
      <c r="JDO661" s="613"/>
      <c r="JDP661" s="613"/>
      <c r="JDQ661" s="613"/>
      <c r="JDR661" s="613"/>
      <c r="JDS661" s="613"/>
      <c r="JDT661" s="613"/>
      <c r="JDU661" s="613"/>
      <c r="JDV661" s="613"/>
      <c r="JDW661" s="613"/>
      <c r="JDX661" s="613"/>
      <c r="JDY661" s="613"/>
      <c r="JDZ661" s="613"/>
      <c r="JEA661" s="613"/>
      <c r="JEB661" s="613"/>
      <c r="JEC661" s="613"/>
      <c r="JED661" s="613"/>
      <c r="JEE661" s="613"/>
      <c r="JEF661" s="613"/>
      <c r="JEG661" s="613"/>
      <c r="JEH661" s="613"/>
      <c r="JEI661" s="613"/>
      <c r="JEJ661" s="613"/>
      <c r="JEK661" s="613"/>
      <c r="JEL661" s="613"/>
      <c r="JEM661" s="613"/>
      <c r="JEN661" s="613"/>
      <c r="JEO661" s="613"/>
      <c r="JEP661" s="613"/>
      <c r="JEQ661" s="613"/>
      <c r="JER661" s="613"/>
      <c r="JES661" s="613"/>
      <c r="JET661" s="613"/>
      <c r="JEU661" s="613"/>
      <c r="JEV661" s="613"/>
      <c r="JEW661" s="613"/>
      <c r="JEX661" s="613"/>
      <c r="JEY661" s="613"/>
      <c r="JEZ661" s="613"/>
      <c r="JFA661" s="613"/>
      <c r="JFB661" s="613"/>
      <c r="JFC661" s="613"/>
      <c r="JFD661" s="613"/>
      <c r="JFE661" s="613"/>
      <c r="JFF661" s="613"/>
      <c r="JFG661" s="613"/>
      <c r="JFH661" s="613"/>
      <c r="JFI661" s="613"/>
      <c r="JFJ661" s="613"/>
      <c r="JFK661" s="613"/>
      <c r="JFL661" s="613"/>
      <c r="JFM661" s="613"/>
      <c r="JFN661" s="613"/>
      <c r="JFO661" s="613"/>
      <c r="JFP661" s="613"/>
      <c r="JFQ661" s="613"/>
      <c r="JFR661" s="613"/>
      <c r="JFS661" s="613"/>
      <c r="JFT661" s="613"/>
      <c r="JFU661" s="613"/>
      <c r="JFV661" s="613"/>
      <c r="JFW661" s="613"/>
      <c r="JFX661" s="613"/>
      <c r="JFY661" s="613"/>
      <c r="JFZ661" s="613"/>
      <c r="JGA661" s="613"/>
      <c r="JGB661" s="613"/>
      <c r="JGC661" s="613"/>
      <c r="JGD661" s="613"/>
      <c r="JGE661" s="613"/>
      <c r="JGF661" s="613"/>
      <c r="JGG661" s="613"/>
      <c r="JGH661" s="613"/>
      <c r="JGI661" s="613"/>
      <c r="JGJ661" s="613"/>
      <c r="JGK661" s="613"/>
      <c r="JGL661" s="613"/>
      <c r="JGM661" s="613"/>
      <c r="JGN661" s="613"/>
      <c r="JGO661" s="613"/>
      <c r="JGP661" s="613"/>
      <c r="JGQ661" s="613"/>
      <c r="JGR661" s="613"/>
      <c r="JGS661" s="613"/>
      <c r="JGT661" s="613"/>
      <c r="JGU661" s="613"/>
      <c r="JGV661" s="613"/>
      <c r="JGW661" s="613"/>
      <c r="JGX661" s="613"/>
      <c r="JGY661" s="613"/>
      <c r="JGZ661" s="613"/>
      <c r="JHA661" s="613"/>
      <c r="JHB661" s="613"/>
      <c r="JHC661" s="613"/>
      <c r="JHD661" s="613"/>
      <c r="JHE661" s="613"/>
      <c r="JHF661" s="613"/>
      <c r="JHG661" s="613"/>
      <c r="JHH661" s="613"/>
      <c r="JHI661" s="613"/>
      <c r="JHJ661" s="613"/>
      <c r="JHK661" s="613"/>
      <c r="JHL661" s="613"/>
      <c r="JHM661" s="613"/>
      <c r="JHN661" s="613"/>
      <c r="JHO661" s="613"/>
      <c r="JHP661" s="613"/>
      <c r="JHQ661" s="613"/>
      <c r="JHR661" s="613"/>
      <c r="JHS661" s="613"/>
      <c r="JHT661" s="613"/>
      <c r="JHU661" s="613"/>
      <c r="JHV661" s="613"/>
      <c r="JHW661" s="613"/>
      <c r="JHX661" s="613"/>
      <c r="JHY661" s="613"/>
      <c r="JHZ661" s="613"/>
      <c r="JIA661" s="613"/>
      <c r="JIB661" s="613"/>
      <c r="JIC661" s="613"/>
      <c r="JID661" s="613"/>
      <c r="JIE661" s="613"/>
      <c r="JIF661" s="613"/>
      <c r="JIG661" s="613"/>
      <c r="JIH661" s="613"/>
      <c r="JII661" s="613"/>
      <c r="JIJ661" s="613"/>
      <c r="JIK661" s="613"/>
      <c r="JIL661" s="613"/>
      <c r="JIM661" s="613"/>
      <c r="JIN661" s="613"/>
      <c r="JIO661" s="613"/>
      <c r="JIP661" s="613"/>
      <c r="JIQ661" s="613"/>
      <c r="JIR661" s="613"/>
      <c r="JIS661" s="613"/>
      <c r="JIT661" s="613"/>
      <c r="JIU661" s="613"/>
      <c r="JIV661" s="613"/>
      <c r="JIW661" s="613"/>
      <c r="JIX661" s="613"/>
      <c r="JIY661" s="613"/>
      <c r="JIZ661" s="613"/>
      <c r="JJA661" s="613"/>
      <c r="JJB661" s="613"/>
      <c r="JJC661" s="613"/>
      <c r="JJD661" s="613"/>
      <c r="JJE661" s="613"/>
      <c r="JJF661" s="613"/>
      <c r="JJG661" s="613"/>
      <c r="JJH661" s="613"/>
      <c r="JJI661" s="613"/>
      <c r="JJJ661" s="613"/>
      <c r="JJK661" s="613"/>
      <c r="JJL661" s="613"/>
      <c r="JJM661" s="613"/>
      <c r="JJN661" s="613"/>
      <c r="JJO661" s="613"/>
      <c r="JJP661" s="613"/>
      <c r="JJQ661" s="613"/>
      <c r="JJR661" s="613"/>
      <c r="JJS661" s="613"/>
      <c r="JJT661" s="613"/>
      <c r="JJU661" s="613"/>
      <c r="JJV661" s="613"/>
      <c r="JJW661" s="613"/>
      <c r="JJX661" s="613"/>
      <c r="JJY661" s="613"/>
      <c r="JJZ661" s="613"/>
      <c r="JKA661" s="613"/>
      <c r="JKB661" s="613"/>
      <c r="JKC661" s="613"/>
      <c r="JKD661" s="613"/>
      <c r="JKE661" s="613"/>
      <c r="JKF661" s="613"/>
      <c r="JKG661" s="613"/>
      <c r="JKH661" s="613"/>
      <c r="JKI661" s="613"/>
      <c r="JKJ661" s="613"/>
      <c r="JKK661" s="613"/>
      <c r="JKL661" s="613"/>
      <c r="JKM661" s="613"/>
      <c r="JKN661" s="613"/>
      <c r="JKO661" s="613"/>
      <c r="JKP661" s="613"/>
      <c r="JKQ661" s="613"/>
      <c r="JKR661" s="613"/>
      <c r="JKS661" s="613"/>
      <c r="JKT661" s="613"/>
      <c r="JKU661" s="613"/>
      <c r="JKV661" s="613"/>
      <c r="JKW661" s="613"/>
      <c r="JKX661" s="613"/>
      <c r="JKY661" s="613"/>
      <c r="JKZ661" s="613"/>
      <c r="JLA661" s="613"/>
      <c r="JLB661" s="613"/>
      <c r="JLC661" s="613"/>
      <c r="JLD661" s="613"/>
      <c r="JLE661" s="613"/>
      <c r="JLF661" s="613"/>
      <c r="JLG661" s="613"/>
      <c r="JLH661" s="613"/>
      <c r="JLI661" s="613"/>
      <c r="JLJ661" s="613"/>
      <c r="JLK661" s="613"/>
      <c r="JLL661" s="613"/>
      <c r="JLM661" s="613"/>
      <c r="JLN661" s="613"/>
      <c r="JLO661" s="613"/>
      <c r="JLP661" s="613"/>
      <c r="JLQ661" s="613"/>
      <c r="JLR661" s="613"/>
      <c r="JLS661" s="613"/>
      <c r="JLT661" s="613"/>
      <c r="JLU661" s="613"/>
      <c r="JLV661" s="613"/>
      <c r="JLW661" s="613"/>
      <c r="JLX661" s="613"/>
      <c r="JLY661" s="613"/>
      <c r="JLZ661" s="613"/>
      <c r="JMA661" s="613"/>
      <c r="JMB661" s="613"/>
      <c r="JMC661" s="613"/>
      <c r="JMD661" s="613"/>
      <c r="JME661" s="613"/>
      <c r="JMF661" s="613"/>
      <c r="JMG661" s="613"/>
      <c r="JMH661" s="613"/>
      <c r="JMI661" s="613"/>
      <c r="JMJ661" s="613"/>
      <c r="JMK661" s="613"/>
      <c r="JML661" s="613"/>
      <c r="JMM661" s="613"/>
      <c r="JMN661" s="613"/>
      <c r="JMO661" s="613"/>
      <c r="JMP661" s="613"/>
      <c r="JMQ661" s="613"/>
      <c r="JMR661" s="613"/>
      <c r="JMS661" s="613"/>
      <c r="JMT661" s="613"/>
      <c r="JMU661" s="613"/>
      <c r="JMV661" s="613"/>
      <c r="JMW661" s="613"/>
      <c r="JMX661" s="613"/>
      <c r="JMY661" s="613"/>
      <c r="JMZ661" s="613"/>
      <c r="JNA661" s="613"/>
      <c r="JNB661" s="613"/>
      <c r="JNC661" s="613"/>
      <c r="JND661" s="613"/>
      <c r="JNE661" s="613"/>
      <c r="JNF661" s="613"/>
      <c r="JNG661" s="613"/>
      <c r="JNH661" s="613"/>
      <c r="JNI661" s="613"/>
      <c r="JNJ661" s="613"/>
      <c r="JNK661" s="613"/>
      <c r="JNL661" s="613"/>
      <c r="JNM661" s="613"/>
      <c r="JNN661" s="613"/>
      <c r="JNO661" s="613"/>
      <c r="JNP661" s="613"/>
      <c r="JNQ661" s="613"/>
      <c r="JNR661" s="613"/>
      <c r="JNS661" s="613"/>
      <c r="JNT661" s="613"/>
      <c r="JNU661" s="613"/>
      <c r="JNV661" s="613"/>
      <c r="JNW661" s="613"/>
      <c r="JNX661" s="613"/>
      <c r="JNY661" s="613"/>
      <c r="JNZ661" s="613"/>
      <c r="JOA661" s="613"/>
      <c r="JOB661" s="613"/>
      <c r="JOC661" s="613"/>
      <c r="JOD661" s="613"/>
      <c r="JOE661" s="613"/>
      <c r="JOF661" s="613"/>
      <c r="JOG661" s="613"/>
      <c r="JOH661" s="613"/>
      <c r="JOI661" s="613"/>
      <c r="JOJ661" s="613"/>
      <c r="JOK661" s="613"/>
      <c r="JOL661" s="613"/>
      <c r="JOM661" s="613"/>
      <c r="JON661" s="613"/>
      <c r="JOO661" s="613"/>
      <c r="JOP661" s="613"/>
      <c r="JOQ661" s="613"/>
      <c r="JOR661" s="613"/>
      <c r="JOS661" s="613"/>
      <c r="JOT661" s="613"/>
      <c r="JOU661" s="613"/>
      <c r="JOV661" s="613"/>
      <c r="JOW661" s="613"/>
      <c r="JOX661" s="613"/>
      <c r="JOY661" s="613"/>
      <c r="JOZ661" s="613"/>
      <c r="JPA661" s="613"/>
      <c r="JPB661" s="613"/>
      <c r="JPC661" s="613"/>
      <c r="JPD661" s="613"/>
      <c r="JPE661" s="613"/>
      <c r="JPF661" s="613"/>
      <c r="JPG661" s="613"/>
      <c r="JPH661" s="613"/>
      <c r="JPI661" s="613"/>
      <c r="JPJ661" s="613"/>
      <c r="JPK661" s="613"/>
      <c r="JPL661" s="613"/>
      <c r="JPM661" s="613"/>
      <c r="JPN661" s="613"/>
      <c r="JPO661" s="613"/>
      <c r="JPP661" s="613"/>
      <c r="JPQ661" s="613"/>
      <c r="JPR661" s="613"/>
      <c r="JPS661" s="613"/>
      <c r="JPT661" s="613"/>
      <c r="JPU661" s="613"/>
      <c r="JPV661" s="613"/>
      <c r="JPW661" s="613"/>
      <c r="JPX661" s="613"/>
      <c r="JPY661" s="613"/>
      <c r="JPZ661" s="613"/>
      <c r="JQA661" s="613"/>
      <c r="JQB661" s="613"/>
      <c r="JQC661" s="613"/>
      <c r="JQD661" s="613"/>
      <c r="JQE661" s="613"/>
      <c r="JQF661" s="613"/>
      <c r="JQG661" s="613"/>
      <c r="JQH661" s="613"/>
      <c r="JQI661" s="613"/>
      <c r="JQJ661" s="613"/>
      <c r="JQK661" s="613"/>
      <c r="JQL661" s="613"/>
      <c r="JQM661" s="613"/>
      <c r="JQN661" s="613"/>
      <c r="JQO661" s="613"/>
      <c r="JQP661" s="613"/>
      <c r="JQQ661" s="613"/>
      <c r="JQR661" s="613"/>
      <c r="JQS661" s="613"/>
      <c r="JQT661" s="613"/>
      <c r="JQU661" s="613"/>
      <c r="JQV661" s="613"/>
      <c r="JQW661" s="613"/>
      <c r="JQX661" s="613"/>
      <c r="JQY661" s="613"/>
      <c r="JQZ661" s="613"/>
      <c r="JRA661" s="613"/>
      <c r="JRB661" s="613"/>
      <c r="JRC661" s="613"/>
      <c r="JRD661" s="613"/>
      <c r="JRE661" s="613"/>
      <c r="JRF661" s="613"/>
      <c r="JRG661" s="613"/>
      <c r="JRH661" s="613"/>
      <c r="JRI661" s="613"/>
      <c r="JRJ661" s="613"/>
      <c r="JRK661" s="613"/>
      <c r="JRL661" s="613"/>
      <c r="JRM661" s="613"/>
      <c r="JRN661" s="613"/>
      <c r="JRO661" s="613"/>
      <c r="JRP661" s="613"/>
      <c r="JRQ661" s="613"/>
      <c r="JRR661" s="613"/>
      <c r="JRS661" s="613"/>
      <c r="JRT661" s="613"/>
      <c r="JRU661" s="613"/>
      <c r="JRV661" s="613"/>
      <c r="JRW661" s="613"/>
      <c r="JRX661" s="613"/>
      <c r="JRY661" s="613"/>
      <c r="JRZ661" s="613"/>
      <c r="JSA661" s="613"/>
      <c r="JSB661" s="613"/>
      <c r="JSC661" s="613"/>
      <c r="JSD661" s="613"/>
      <c r="JSE661" s="613"/>
      <c r="JSF661" s="613"/>
      <c r="JSG661" s="613"/>
      <c r="JSH661" s="613"/>
      <c r="JSI661" s="613"/>
      <c r="JSJ661" s="613"/>
      <c r="JSK661" s="613"/>
      <c r="JSL661" s="613"/>
      <c r="JSM661" s="613"/>
      <c r="JSN661" s="613"/>
      <c r="JSO661" s="613"/>
      <c r="JSP661" s="613"/>
      <c r="JSQ661" s="613"/>
      <c r="JSR661" s="613"/>
      <c r="JSS661" s="613"/>
      <c r="JST661" s="613"/>
      <c r="JSU661" s="613"/>
      <c r="JSV661" s="613"/>
      <c r="JSW661" s="613"/>
      <c r="JSX661" s="613"/>
      <c r="JSY661" s="613"/>
      <c r="JSZ661" s="613"/>
      <c r="JTA661" s="613"/>
      <c r="JTB661" s="613"/>
      <c r="JTC661" s="613"/>
      <c r="JTD661" s="613"/>
      <c r="JTE661" s="613"/>
      <c r="JTF661" s="613"/>
      <c r="JTG661" s="613"/>
      <c r="JTH661" s="613"/>
      <c r="JTI661" s="613"/>
      <c r="JTJ661" s="613"/>
      <c r="JTK661" s="613"/>
      <c r="JTL661" s="613"/>
      <c r="JTM661" s="613"/>
      <c r="JTN661" s="613"/>
      <c r="JTO661" s="613"/>
      <c r="JTP661" s="613"/>
      <c r="JTQ661" s="613"/>
      <c r="JTR661" s="613"/>
      <c r="JTS661" s="613"/>
      <c r="JTT661" s="613"/>
      <c r="JTU661" s="613"/>
      <c r="JTV661" s="613"/>
      <c r="JTW661" s="613"/>
      <c r="JTX661" s="613"/>
      <c r="JTY661" s="613"/>
      <c r="JTZ661" s="613"/>
      <c r="JUA661" s="613"/>
      <c r="JUB661" s="613"/>
      <c r="JUC661" s="613"/>
      <c r="JUD661" s="613"/>
      <c r="JUE661" s="613"/>
      <c r="JUF661" s="613"/>
      <c r="JUG661" s="613"/>
      <c r="JUH661" s="613"/>
      <c r="JUI661" s="613"/>
      <c r="JUJ661" s="613"/>
      <c r="JUK661" s="613"/>
      <c r="JUL661" s="613"/>
      <c r="JUM661" s="613"/>
      <c r="JUN661" s="613"/>
      <c r="JUO661" s="613"/>
      <c r="JUP661" s="613"/>
      <c r="JUQ661" s="613"/>
      <c r="JUR661" s="613"/>
      <c r="JUS661" s="613"/>
      <c r="JUT661" s="613"/>
      <c r="JUU661" s="613"/>
      <c r="JUV661" s="613"/>
      <c r="JUW661" s="613"/>
      <c r="JUX661" s="613"/>
      <c r="JUY661" s="613"/>
      <c r="JUZ661" s="613"/>
      <c r="JVA661" s="613"/>
      <c r="JVB661" s="613"/>
      <c r="JVC661" s="613"/>
      <c r="JVD661" s="613"/>
      <c r="JVE661" s="613"/>
      <c r="JVF661" s="613"/>
      <c r="JVG661" s="613"/>
      <c r="JVH661" s="613"/>
      <c r="JVI661" s="613"/>
      <c r="JVJ661" s="613"/>
      <c r="JVK661" s="613"/>
      <c r="JVL661" s="613"/>
      <c r="JVM661" s="613"/>
      <c r="JVN661" s="613"/>
      <c r="JVO661" s="613"/>
      <c r="JVP661" s="613"/>
      <c r="JVQ661" s="613"/>
      <c r="JVR661" s="613"/>
      <c r="JVS661" s="613"/>
      <c r="JVT661" s="613"/>
      <c r="JVU661" s="613"/>
      <c r="JVV661" s="613"/>
      <c r="JVW661" s="613"/>
      <c r="JVX661" s="613"/>
      <c r="JVY661" s="613"/>
      <c r="JVZ661" s="613"/>
      <c r="JWA661" s="613"/>
      <c r="JWB661" s="613"/>
      <c r="JWC661" s="613"/>
      <c r="JWD661" s="613"/>
      <c r="JWE661" s="613"/>
      <c r="JWF661" s="613"/>
      <c r="JWG661" s="613"/>
      <c r="JWH661" s="613"/>
      <c r="JWI661" s="613"/>
      <c r="JWJ661" s="613"/>
      <c r="JWK661" s="613"/>
      <c r="JWL661" s="613"/>
      <c r="JWM661" s="613"/>
      <c r="JWN661" s="613"/>
      <c r="JWO661" s="613"/>
      <c r="JWP661" s="613"/>
      <c r="JWQ661" s="613"/>
      <c r="JWR661" s="613"/>
      <c r="JWS661" s="613"/>
      <c r="JWT661" s="613"/>
      <c r="JWU661" s="613"/>
      <c r="JWV661" s="613"/>
      <c r="JWW661" s="613"/>
      <c r="JWX661" s="613"/>
      <c r="JWY661" s="613"/>
      <c r="JWZ661" s="613"/>
      <c r="JXA661" s="613"/>
      <c r="JXB661" s="613"/>
      <c r="JXC661" s="613"/>
      <c r="JXD661" s="613"/>
      <c r="JXE661" s="613"/>
      <c r="JXF661" s="613"/>
      <c r="JXG661" s="613"/>
      <c r="JXH661" s="613"/>
      <c r="JXI661" s="613"/>
      <c r="JXJ661" s="613"/>
      <c r="JXK661" s="613"/>
      <c r="JXL661" s="613"/>
      <c r="JXM661" s="613"/>
      <c r="JXN661" s="613"/>
      <c r="JXO661" s="613"/>
      <c r="JXP661" s="613"/>
      <c r="JXQ661" s="613"/>
      <c r="JXR661" s="613"/>
      <c r="JXS661" s="613"/>
      <c r="JXT661" s="613"/>
      <c r="JXU661" s="613"/>
      <c r="JXV661" s="613"/>
      <c r="JXW661" s="613"/>
      <c r="JXX661" s="613"/>
      <c r="JXY661" s="613"/>
      <c r="JXZ661" s="613"/>
      <c r="JYA661" s="613"/>
      <c r="JYB661" s="613"/>
      <c r="JYC661" s="613"/>
      <c r="JYD661" s="613"/>
      <c r="JYE661" s="613"/>
      <c r="JYF661" s="613"/>
      <c r="JYG661" s="613"/>
      <c r="JYH661" s="613"/>
      <c r="JYI661" s="613"/>
      <c r="JYJ661" s="613"/>
      <c r="JYK661" s="613"/>
      <c r="JYL661" s="613"/>
      <c r="JYM661" s="613"/>
      <c r="JYN661" s="613"/>
      <c r="JYO661" s="613"/>
      <c r="JYP661" s="613"/>
      <c r="JYQ661" s="613"/>
      <c r="JYR661" s="613"/>
      <c r="JYS661" s="613"/>
      <c r="JYT661" s="613"/>
      <c r="JYU661" s="613"/>
      <c r="JYV661" s="613"/>
      <c r="JYW661" s="613"/>
      <c r="JYX661" s="613"/>
      <c r="JYY661" s="613"/>
      <c r="JYZ661" s="613"/>
      <c r="JZA661" s="613"/>
      <c r="JZB661" s="613"/>
      <c r="JZC661" s="613"/>
      <c r="JZD661" s="613"/>
      <c r="JZE661" s="613"/>
      <c r="JZF661" s="613"/>
      <c r="JZG661" s="613"/>
      <c r="JZH661" s="613"/>
      <c r="JZI661" s="613"/>
      <c r="JZJ661" s="613"/>
      <c r="JZK661" s="613"/>
      <c r="JZL661" s="613"/>
      <c r="JZM661" s="613"/>
      <c r="JZN661" s="613"/>
      <c r="JZO661" s="613"/>
      <c r="JZP661" s="613"/>
      <c r="JZQ661" s="613"/>
      <c r="JZR661" s="613"/>
      <c r="JZS661" s="613"/>
      <c r="JZT661" s="613"/>
      <c r="JZU661" s="613"/>
      <c r="JZV661" s="613"/>
      <c r="JZW661" s="613"/>
      <c r="JZX661" s="613"/>
      <c r="JZY661" s="613"/>
      <c r="JZZ661" s="613"/>
      <c r="KAA661" s="613"/>
      <c r="KAB661" s="613"/>
      <c r="KAC661" s="613"/>
      <c r="KAD661" s="613"/>
      <c r="KAE661" s="613"/>
      <c r="KAF661" s="613"/>
      <c r="KAG661" s="613"/>
      <c r="KAH661" s="613"/>
      <c r="KAI661" s="613"/>
      <c r="KAJ661" s="613"/>
      <c r="KAK661" s="613"/>
      <c r="KAL661" s="613"/>
      <c r="KAM661" s="613"/>
      <c r="KAN661" s="613"/>
      <c r="KAO661" s="613"/>
      <c r="KAP661" s="613"/>
      <c r="KAQ661" s="613"/>
      <c r="KAR661" s="613"/>
      <c r="KAS661" s="613"/>
      <c r="KAT661" s="613"/>
      <c r="KAU661" s="613"/>
      <c r="KAV661" s="613"/>
      <c r="KAW661" s="613"/>
      <c r="KAX661" s="613"/>
      <c r="KAY661" s="613"/>
      <c r="KAZ661" s="613"/>
      <c r="KBA661" s="613"/>
      <c r="KBB661" s="613"/>
      <c r="KBC661" s="613"/>
      <c r="KBD661" s="613"/>
      <c r="KBE661" s="613"/>
      <c r="KBF661" s="613"/>
      <c r="KBG661" s="613"/>
      <c r="KBH661" s="613"/>
      <c r="KBI661" s="613"/>
      <c r="KBJ661" s="613"/>
      <c r="KBK661" s="613"/>
      <c r="KBL661" s="613"/>
      <c r="KBM661" s="613"/>
      <c r="KBN661" s="613"/>
      <c r="KBO661" s="613"/>
      <c r="KBP661" s="613"/>
      <c r="KBQ661" s="613"/>
      <c r="KBR661" s="613"/>
      <c r="KBS661" s="613"/>
      <c r="KBT661" s="613"/>
      <c r="KBU661" s="613"/>
      <c r="KBV661" s="613"/>
      <c r="KBW661" s="613"/>
      <c r="KBX661" s="613"/>
      <c r="KBY661" s="613"/>
      <c r="KBZ661" s="613"/>
      <c r="KCA661" s="613"/>
      <c r="KCB661" s="613"/>
      <c r="KCC661" s="613"/>
      <c r="KCD661" s="613"/>
      <c r="KCE661" s="613"/>
      <c r="KCF661" s="613"/>
      <c r="KCG661" s="613"/>
      <c r="KCH661" s="613"/>
      <c r="KCI661" s="613"/>
      <c r="KCJ661" s="613"/>
      <c r="KCK661" s="613"/>
      <c r="KCL661" s="613"/>
      <c r="KCM661" s="613"/>
      <c r="KCN661" s="613"/>
      <c r="KCO661" s="613"/>
      <c r="KCP661" s="613"/>
      <c r="KCQ661" s="613"/>
      <c r="KCR661" s="613"/>
      <c r="KCS661" s="613"/>
      <c r="KCT661" s="613"/>
      <c r="KCU661" s="613"/>
      <c r="KCV661" s="613"/>
      <c r="KCW661" s="613"/>
      <c r="KCX661" s="613"/>
      <c r="KCY661" s="613"/>
      <c r="KCZ661" s="613"/>
      <c r="KDA661" s="613"/>
      <c r="KDB661" s="613"/>
      <c r="KDC661" s="613"/>
      <c r="KDD661" s="613"/>
      <c r="KDE661" s="613"/>
      <c r="KDF661" s="613"/>
      <c r="KDG661" s="613"/>
      <c r="KDH661" s="613"/>
      <c r="KDI661" s="613"/>
      <c r="KDJ661" s="613"/>
      <c r="KDK661" s="613"/>
      <c r="KDL661" s="613"/>
      <c r="KDM661" s="613"/>
      <c r="KDN661" s="613"/>
      <c r="KDO661" s="613"/>
      <c r="KDP661" s="613"/>
      <c r="KDQ661" s="613"/>
      <c r="KDR661" s="613"/>
      <c r="KDS661" s="613"/>
      <c r="KDT661" s="613"/>
      <c r="KDU661" s="613"/>
      <c r="KDV661" s="613"/>
      <c r="KDW661" s="613"/>
      <c r="KDX661" s="613"/>
      <c r="KDY661" s="613"/>
      <c r="KDZ661" s="613"/>
      <c r="KEA661" s="613"/>
      <c r="KEB661" s="613"/>
      <c r="KEC661" s="613"/>
      <c r="KED661" s="613"/>
      <c r="KEE661" s="613"/>
      <c r="KEF661" s="613"/>
      <c r="KEG661" s="613"/>
      <c r="KEH661" s="613"/>
      <c r="KEI661" s="613"/>
      <c r="KEJ661" s="613"/>
      <c r="KEK661" s="613"/>
      <c r="KEL661" s="613"/>
      <c r="KEM661" s="613"/>
      <c r="KEN661" s="613"/>
      <c r="KEO661" s="613"/>
      <c r="KEP661" s="613"/>
      <c r="KEQ661" s="613"/>
      <c r="KER661" s="613"/>
      <c r="KES661" s="613"/>
      <c r="KET661" s="613"/>
      <c r="KEU661" s="613"/>
      <c r="KEV661" s="613"/>
      <c r="KEW661" s="613"/>
      <c r="KEX661" s="613"/>
      <c r="KEY661" s="613"/>
      <c r="KEZ661" s="613"/>
      <c r="KFA661" s="613"/>
      <c r="KFB661" s="613"/>
      <c r="KFC661" s="613"/>
      <c r="KFD661" s="613"/>
      <c r="KFE661" s="613"/>
      <c r="KFF661" s="613"/>
      <c r="KFG661" s="613"/>
      <c r="KFH661" s="613"/>
      <c r="KFI661" s="613"/>
      <c r="KFJ661" s="613"/>
      <c r="KFK661" s="613"/>
      <c r="KFL661" s="613"/>
      <c r="KFM661" s="613"/>
      <c r="KFN661" s="613"/>
      <c r="KFO661" s="613"/>
      <c r="KFP661" s="613"/>
      <c r="KFQ661" s="613"/>
      <c r="KFR661" s="613"/>
      <c r="KFS661" s="613"/>
      <c r="KFT661" s="613"/>
      <c r="KFU661" s="613"/>
      <c r="KFV661" s="613"/>
      <c r="KFW661" s="613"/>
      <c r="KFX661" s="613"/>
      <c r="KFY661" s="613"/>
      <c r="KFZ661" s="613"/>
      <c r="KGA661" s="613"/>
      <c r="KGB661" s="613"/>
      <c r="KGC661" s="613"/>
      <c r="KGD661" s="613"/>
      <c r="KGE661" s="613"/>
      <c r="KGF661" s="613"/>
      <c r="KGG661" s="613"/>
      <c r="KGH661" s="613"/>
      <c r="KGI661" s="613"/>
      <c r="KGJ661" s="613"/>
      <c r="KGK661" s="613"/>
      <c r="KGL661" s="613"/>
      <c r="KGM661" s="613"/>
      <c r="KGN661" s="613"/>
      <c r="KGO661" s="613"/>
      <c r="KGP661" s="613"/>
      <c r="KGQ661" s="613"/>
      <c r="KGR661" s="613"/>
      <c r="KGS661" s="613"/>
      <c r="KGT661" s="613"/>
      <c r="KGU661" s="613"/>
      <c r="KGV661" s="613"/>
      <c r="KGW661" s="613"/>
      <c r="KGX661" s="613"/>
      <c r="KGY661" s="613"/>
      <c r="KGZ661" s="613"/>
      <c r="KHA661" s="613"/>
      <c r="KHB661" s="613"/>
      <c r="KHC661" s="613"/>
      <c r="KHD661" s="613"/>
      <c r="KHE661" s="613"/>
      <c r="KHF661" s="613"/>
      <c r="KHG661" s="613"/>
      <c r="KHH661" s="613"/>
      <c r="KHI661" s="613"/>
      <c r="KHJ661" s="613"/>
      <c r="KHK661" s="613"/>
      <c r="KHL661" s="613"/>
      <c r="KHM661" s="613"/>
      <c r="KHN661" s="613"/>
      <c r="KHO661" s="613"/>
      <c r="KHP661" s="613"/>
      <c r="KHQ661" s="613"/>
      <c r="KHR661" s="613"/>
      <c r="KHS661" s="613"/>
      <c r="KHT661" s="613"/>
      <c r="KHU661" s="613"/>
      <c r="KHV661" s="613"/>
      <c r="KHW661" s="613"/>
      <c r="KHX661" s="613"/>
      <c r="KHY661" s="613"/>
      <c r="KHZ661" s="613"/>
      <c r="KIA661" s="613"/>
      <c r="KIB661" s="613"/>
      <c r="KIC661" s="613"/>
      <c r="KID661" s="613"/>
      <c r="KIE661" s="613"/>
      <c r="KIF661" s="613"/>
      <c r="KIG661" s="613"/>
      <c r="KIH661" s="613"/>
      <c r="KII661" s="613"/>
      <c r="KIJ661" s="613"/>
      <c r="KIK661" s="613"/>
      <c r="KIL661" s="613"/>
      <c r="KIM661" s="613"/>
      <c r="KIN661" s="613"/>
      <c r="KIO661" s="613"/>
      <c r="KIP661" s="613"/>
      <c r="KIQ661" s="613"/>
      <c r="KIR661" s="613"/>
      <c r="KIS661" s="613"/>
      <c r="KIT661" s="613"/>
      <c r="KIU661" s="613"/>
      <c r="KIV661" s="613"/>
      <c r="KIW661" s="613"/>
      <c r="KIX661" s="613"/>
      <c r="KIY661" s="613"/>
      <c r="KIZ661" s="613"/>
      <c r="KJA661" s="613"/>
      <c r="KJB661" s="613"/>
      <c r="KJC661" s="613"/>
      <c r="KJD661" s="613"/>
      <c r="KJE661" s="613"/>
      <c r="KJF661" s="613"/>
      <c r="KJG661" s="613"/>
      <c r="KJH661" s="613"/>
      <c r="KJI661" s="613"/>
      <c r="KJJ661" s="613"/>
      <c r="KJK661" s="613"/>
      <c r="KJL661" s="613"/>
      <c r="KJM661" s="613"/>
      <c r="KJN661" s="613"/>
      <c r="KJO661" s="613"/>
      <c r="KJP661" s="613"/>
      <c r="KJQ661" s="613"/>
      <c r="KJR661" s="613"/>
      <c r="KJS661" s="613"/>
      <c r="KJT661" s="613"/>
      <c r="KJU661" s="613"/>
      <c r="KJV661" s="613"/>
      <c r="KJW661" s="613"/>
      <c r="KJX661" s="613"/>
      <c r="KJY661" s="613"/>
      <c r="KJZ661" s="613"/>
      <c r="KKA661" s="613"/>
      <c r="KKB661" s="613"/>
      <c r="KKC661" s="613"/>
      <c r="KKD661" s="613"/>
      <c r="KKE661" s="613"/>
      <c r="KKF661" s="613"/>
      <c r="KKG661" s="613"/>
      <c r="KKH661" s="613"/>
      <c r="KKI661" s="613"/>
      <c r="KKJ661" s="613"/>
      <c r="KKK661" s="613"/>
      <c r="KKL661" s="613"/>
      <c r="KKM661" s="613"/>
      <c r="KKN661" s="613"/>
      <c r="KKO661" s="613"/>
      <c r="KKP661" s="613"/>
      <c r="KKQ661" s="613"/>
      <c r="KKR661" s="613"/>
      <c r="KKS661" s="613"/>
      <c r="KKT661" s="613"/>
      <c r="KKU661" s="613"/>
      <c r="KKV661" s="613"/>
      <c r="KKW661" s="613"/>
      <c r="KKX661" s="613"/>
      <c r="KKY661" s="613"/>
      <c r="KKZ661" s="613"/>
      <c r="KLA661" s="613"/>
      <c r="KLB661" s="613"/>
      <c r="KLC661" s="613"/>
      <c r="KLD661" s="613"/>
      <c r="KLE661" s="613"/>
      <c r="KLF661" s="613"/>
      <c r="KLG661" s="613"/>
      <c r="KLH661" s="613"/>
      <c r="KLI661" s="613"/>
      <c r="KLJ661" s="613"/>
      <c r="KLK661" s="613"/>
      <c r="KLL661" s="613"/>
      <c r="KLM661" s="613"/>
      <c r="KLN661" s="613"/>
      <c r="KLO661" s="613"/>
      <c r="KLP661" s="613"/>
      <c r="KLQ661" s="613"/>
      <c r="KLR661" s="613"/>
      <c r="KLS661" s="613"/>
      <c r="KLT661" s="613"/>
      <c r="KLU661" s="613"/>
      <c r="KLV661" s="613"/>
      <c r="KLW661" s="613"/>
      <c r="KLX661" s="613"/>
      <c r="KLY661" s="613"/>
      <c r="KLZ661" s="613"/>
      <c r="KMA661" s="613"/>
      <c r="KMB661" s="613"/>
      <c r="KMC661" s="613"/>
      <c r="KMD661" s="613"/>
      <c r="KME661" s="613"/>
      <c r="KMF661" s="613"/>
      <c r="KMG661" s="613"/>
      <c r="KMH661" s="613"/>
      <c r="KMI661" s="613"/>
      <c r="KMJ661" s="613"/>
      <c r="KMK661" s="613"/>
      <c r="KML661" s="613"/>
      <c r="KMM661" s="613"/>
      <c r="KMN661" s="613"/>
      <c r="KMO661" s="613"/>
      <c r="KMP661" s="613"/>
      <c r="KMQ661" s="613"/>
      <c r="KMR661" s="613"/>
      <c r="KMS661" s="613"/>
      <c r="KMT661" s="613"/>
      <c r="KMU661" s="613"/>
      <c r="KMV661" s="613"/>
      <c r="KMW661" s="613"/>
      <c r="KMX661" s="613"/>
      <c r="KMY661" s="613"/>
      <c r="KMZ661" s="613"/>
      <c r="KNA661" s="613"/>
      <c r="KNB661" s="613"/>
      <c r="KNC661" s="613"/>
      <c r="KND661" s="613"/>
      <c r="KNE661" s="613"/>
      <c r="KNF661" s="613"/>
      <c r="KNG661" s="613"/>
      <c r="KNH661" s="613"/>
      <c r="KNI661" s="613"/>
      <c r="KNJ661" s="613"/>
      <c r="KNK661" s="613"/>
      <c r="KNL661" s="613"/>
      <c r="KNM661" s="613"/>
      <c r="KNN661" s="613"/>
      <c r="KNO661" s="613"/>
      <c r="KNP661" s="613"/>
      <c r="KNQ661" s="613"/>
      <c r="KNR661" s="613"/>
      <c r="KNS661" s="613"/>
      <c r="KNT661" s="613"/>
      <c r="KNU661" s="613"/>
      <c r="KNV661" s="613"/>
      <c r="KNW661" s="613"/>
      <c r="KNX661" s="613"/>
      <c r="KNY661" s="613"/>
      <c r="KNZ661" s="613"/>
      <c r="KOA661" s="613"/>
      <c r="KOB661" s="613"/>
      <c r="KOC661" s="613"/>
      <c r="KOD661" s="613"/>
      <c r="KOE661" s="613"/>
      <c r="KOF661" s="613"/>
      <c r="KOG661" s="613"/>
      <c r="KOH661" s="613"/>
      <c r="KOI661" s="613"/>
      <c r="KOJ661" s="613"/>
      <c r="KOK661" s="613"/>
      <c r="KOL661" s="613"/>
      <c r="KOM661" s="613"/>
      <c r="KON661" s="613"/>
      <c r="KOO661" s="613"/>
      <c r="KOP661" s="613"/>
      <c r="KOQ661" s="613"/>
      <c r="KOR661" s="613"/>
      <c r="KOS661" s="613"/>
      <c r="KOT661" s="613"/>
      <c r="KOU661" s="613"/>
      <c r="KOV661" s="613"/>
      <c r="KOW661" s="613"/>
      <c r="KOX661" s="613"/>
      <c r="KOY661" s="613"/>
      <c r="KOZ661" s="613"/>
      <c r="KPA661" s="613"/>
      <c r="KPB661" s="613"/>
      <c r="KPC661" s="613"/>
      <c r="KPD661" s="613"/>
      <c r="KPE661" s="613"/>
      <c r="KPF661" s="613"/>
      <c r="KPG661" s="613"/>
      <c r="KPH661" s="613"/>
      <c r="KPI661" s="613"/>
      <c r="KPJ661" s="613"/>
      <c r="KPK661" s="613"/>
      <c r="KPL661" s="613"/>
      <c r="KPM661" s="613"/>
      <c r="KPN661" s="613"/>
      <c r="KPO661" s="613"/>
      <c r="KPP661" s="613"/>
      <c r="KPQ661" s="613"/>
      <c r="KPR661" s="613"/>
      <c r="KPS661" s="613"/>
      <c r="KPT661" s="613"/>
      <c r="KPU661" s="613"/>
      <c r="KPV661" s="613"/>
      <c r="KPW661" s="613"/>
      <c r="KPX661" s="613"/>
      <c r="KPY661" s="613"/>
      <c r="KPZ661" s="613"/>
      <c r="KQA661" s="613"/>
      <c r="KQB661" s="613"/>
      <c r="KQC661" s="613"/>
      <c r="KQD661" s="613"/>
      <c r="KQE661" s="613"/>
      <c r="KQF661" s="613"/>
      <c r="KQG661" s="613"/>
      <c r="KQH661" s="613"/>
      <c r="KQI661" s="613"/>
      <c r="KQJ661" s="613"/>
      <c r="KQK661" s="613"/>
      <c r="KQL661" s="613"/>
      <c r="KQM661" s="613"/>
      <c r="KQN661" s="613"/>
      <c r="KQO661" s="613"/>
      <c r="KQP661" s="613"/>
      <c r="KQQ661" s="613"/>
      <c r="KQR661" s="613"/>
      <c r="KQS661" s="613"/>
      <c r="KQT661" s="613"/>
      <c r="KQU661" s="613"/>
      <c r="KQV661" s="613"/>
      <c r="KQW661" s="613"/>
      <c r="KQX661" s="613"/>
      <c r="KQY661" s="613"/>
      <c r="KQZ661" s="613"/>
      <c r="KRA661" s="613"/>
      <c r="KRB661" s="613"/>
      <c r="KRC661" s="613"/>
      <c r="KRD661" s="613"/>
      <c r="KRE661" s="613"/>
      <c r="KRF661" s="613"/>
      <c r="KRG661" s="613"/>
      <c r="KRH661" s="613"/>
      <c r="KRI661" s="613"/>
      <c r="KRJ661" s="613"/>
      <c r="KRK661" s="613"/>
      <c r="KRL661" s="613"/>
      <c r="KRM661" s="613"/>
      <c r="KRN661" s="613"/>
      <c r="KRO661" s="613"/>
      <c r="KRP661" s="613"/>
      <c r="KRQ661" s="613"/>
      <c r="KRR661" s="613"/>
      <c r="KRS661" s="613"/>
      <c r="KRT661" s="613"/>
      <c r="KRU661" s="613"/>
      <c r="KRV661" s="613"/>
      <c r="KRW661" s="613"/>
      <c r="KRX661" s="613"/>
      <c r="KRY661" s="613"/>
      <c r="KRZ661" s="613"/>
      <c r="KSA661" s="613"/>
      <c r="KSB661" s="613"/>
      <c r="KSC661" s="613"/>
      <c r="KSD661" s="613"/>
      <c r="KSE661" s="613"/>
      <c r="KSF661" s="613"/>
      <c r="KSG661" s="613"/>
      <c r="KSH661" s="613"/>
      <c r="KSI661" s="613"/>
      <c r="KSJ661" s="613"/>
      <c r="KSK661" s="613"/>
      <c r="KSL661" s="613"/>
      <c r="KSM661" s="613"/>
      <c r="KSN661" s="613"/>
      <c r="KSO661" s="613"/>
      <c r="KSP661" s="613"/>
      <c r="KSQ661" s="613"/>
      <c r="KSR661" s="613"/>
      <c r="KSS661" s="613"/>
      <c r="KST661" s="613"/>
      <c r="KSU661" s="613"/>
      <c r="KSV661" s="613"/>
      <c r="KSW661" s="613"/>
      <c r="KSX661" s="613"/>
      <c r="KSY661" s="613"/>
      <c r="KSZ661" s="613"/>
      <c r="KTA661" s="613"/>
      <c r="KTB661" s="613"/>
      <c r="KTC661" s="613"/>
      <c r="KTD661" s="613"/>
      <c r="KTE661" s="613"/>
      <c r="KTF661" s="613"/>
      <c r="KTG661" s="613"/>
      <c r="KTH661" s="613"/>
      <c r="KTI661" s="613"/>
      <c r="KTJ661" s="613"/>
      <c r="KTK661" s="613"/>
      <c r="KTL661" s="613"/>
      <c r="KTM661" s="613"/>
      <c r="KTN661" s="613"/>
      <c r="KTO661" s="613"/>
      <c r="KTP661" s="613"/>
      <c r="KTQ661" s="613"/>
      <c r="KTR661" s="613"/>
      <c r="KTS661" s="613"/>
      <c r="KTT661" s="613"/>
      <c r="KTU661" s="613"/>
      <c r="KTV661" s="613"/>
      <c r="KTW661" s="613"/>
      <c r="KTX661" s="613"/>
      <c r="KTY661" s="613"/>
      <c r="KTZ661" s="613"/>
      <c r="KUA661" s="613"/>
      <c r="KUB661" s="613"/>
      <c r="KUC661" s="613"/>
      <c r="KUD661" s="613"/>
      <c r="KUE661" s="613"/>
      <c r="KUF661" s="613"/>
      <c r="KUG661" s="613"/>
      <c r="KUH661" s="613"/>
      <c r="KUI661" s="613"/>
      <c r="KUJ661" s="613"/>
      <c r="KUK661" s="613"/>
      <c r="KUL661" s="613"/>
      <c r="KUM661" s="613"/>
      <c r="KUN661" s="613"/>
      <c r="KUO661" s="613"/>
      <c r="KUP661" s="613"/>
      <c r="KUQ661" s="613"/>
      <c r="KUR661" s="613"/>
      <c r="KUS661" s="613"/>
      <c r="KUT661" s="613"/>
      <c r="KUU661" s="613"/>
      <c r="KUV661" s="613"/>
      <c r="KUW661" s="613"/>
      <c r="KUX661" s="613"/>
      <c r="KUY661" s="613"/>
      <c r="KUZ661" s="613"/>
      <c r="KVA661" s="613"/>
      <c r="KVB661" s="613"/>
      <c r="KVC661" s="613"/>
      <c r="KVD661" s="613"/>
      <c r="KVE661" s="613"/>
      <c r="KVF661" s="613"/>
      <c r="KVG661" s="613"/>
      <c r="KVH661" s="613"/>
      <c r="KVI661" s="613"/>
      <c r="KVJ661" s="613"/>
      <c r="KVK661" s="613"/>
      <c r="KVL661" s="613"/>
      <c r="KVM661" s="613"/>
      <c r="KVN661" s="613"/>
      <c r="KVO661" s="613"/>
      <c r="KVP661" s="613"/>
      <c r="KVQ661" s="613"/>
      <c r="KVR661" s="613"/>
      <c r="KVS661" s="613"/>
      <c r="KVT661" s="613"/>
      <c r="KVU661" s="613"/>
      <c r="KVV661" s="613"/>
      <c r="KVW661" s="613"/>
      <c r="KVX661" s="613"/>
      <c r="KVY661" s="613"/>
      <c r="KVZ661" s="613"/>
      <c r="KWA661" s="613"/>
      <c r="KWB661" s="613"/>
      <c r="KWC661" s="613"/>
      <c r="KWD661" s="613"/>
      <c r="KWE661" s="613"/>
      <c r="KWF661" s="613"/>
      <c r="KWG661" s="613"/>
      <c r="KWH661" s="613"/>
      <c r="KWI661" s="613"/>
      <c r="KWJ661" s="613"/>
      <c r="KWK661" s="613"/>
      <c r="KWL661" s="613"/>
      <c r="KWM661" s="613"/>
      <c r="KWN661" s="613"/>
      <c r="KWO661" s="613"/>
      <c r="KWP661" s="613"/>
      <c r="KWQ661" s="613"/>
      <c r="KWR661" s="613"/>
      <c r="KWS661" s="613"/>
      <c r="KWT661" s="613"/>
      <c r="KWU661" s="613"/>
      <c r="KWV661" s="613"/>
      <c r="KWW661" s="613"/>
      <c r="KWX661" s="613"/>
      <c r="KWY661" s="613"/>
      <c r="KWZ661" s="613"/>
      <c r="KXA661" s="613"/>
      <c r="KXB661" s="613"/>
      <c r="KXC661" s="613"/>
      <c r="KXD661" s="613"/>
      <c r="KXE661" s="613"/>
      <c r="KXF661" s="613"/>
      <c r="KXG661" s="613"/>
      <c r="KXH661" s="613"/>
      <c r="KXI661" s="613"/>
      <c r="KXJ661" s="613"/>
      <c r="KXK661" s="613"/>
      <c r="KXL661" s="613"/>
      <c r="KXM661" s="613"/>
      <c r="KXN661" s="613"/>
      <c r="KXO661" s="613"/>
      <c r="KXP661" s="613"/>
      <c r="KXQ661" s="613"/>
      <c r="KXR661" s="613"/>
      <c r="KXS661" s="613"/>
      <c r="KXT661" s="613"/>
      <c r="KXU661" s="613"/>
      <c r="KXV661" s="613"/>
      <c r="KXW661" s="613"/>
      <c r="KXX661" s="613"/>
      <c r="KXY661" s="613"/>
      <c r="KXZ661" s="613"/>
      <c r="KYA661" s="613"/>
      <c r="KYB661" s="613"/>
      <c r="KYC661" s="613"/>
      <c r="KYD661" s="613"/>
      <c r="KYE661" s="613"/>
      <c r="KYF661" s="613"/>
      <c r="KYG661" s="613"/>
      <c r="KYH661" s="613"/>
      <c r="KYI661" s="613"/>
      <c r="KYJ661" s="613"/>
      <c r="KYK661" s="613"/>
      <c r="KYL661" s="613"/>
      <c r="KYM661" s="613"/>
      <c r="KYN661" s="613"/>
      <c r="KYO661" s="613"/>
      <c r="KYP661" s="613"/>
      <c r="KYQ661" s="613"/>
      <c r="KYR661" s="613"/>
      <c r="KYS661" s="613"/>
      <c r="KYT661" s="613"/>
      <c r="KYU661" s="613"/>
      <c r="KYV661" s="613"/>
      <c r="KYW661" s="613"/>
      <c r="KYX661" s="613"/>
      <c r="KYY661" s="613"/>
      <c r="KYZ661" s="613"/>
      <c r="KZA661" s="613"/>
      <c r="KZB661" s="613"/>
      <c r="KZC661" s="613"/>
      <c r="KZD661" s="613"/>
      <c r="KZE661" s="613"/>
      <c r="KZF661" s="613"/>
      <c r="KZG661" s="613"/>
      <c r="KZH661" s="613"/>
      <c r="KZI661" s="613"/>
      <c r="KZJ661" s="613"/>
      <c r="KZK661" s="613"/>
      <c r="KZL661" s="613"/>
      <c r="KZM661" s="613"/>
      <c r="KZN661" s="613"/>
      <c r="KZO661" s="613"/>
      <c r="KZP661" s="613"/>
      <c r="KZQ661" s="613"/>
      <c r="KZR661" s="613"/>
      <c r="KZS661" s="613"/>
      <c r="KZT661" s="613"/>
      <c r="KZU661" s="613"/>
      <c r="KZV661" s="613"/>
      <c r="KZW661" s="613"/>
      <c r="KZX661" s="613"/>
      <c r="KZY661" s="613"/>
      <c r="KZZ661" s="613"/>
      <c r="LAA661" s="613"/>
      <c r="LAB661" s="613"/>
      <c r="LAC661" s="613"/>
      <c r="LAD661" s="613"/>
      <c r="LAE661" s="613"/>
      <c r="LAF661" s="613"/>
      <c r="LAG661" s="613"/>
      <c r="LAH661" s="613"/>
      <c r="LAI661" s="613"/>
      <c r="LAJ661" s="613"/>
      <c r="LAK661" s="613"/>
      <c r="LAL661" s="613"/>
      <c r="LAM661" s="613"/>
      <c r="LAN661" s="613"/>
      <c r="LAO661" s="613"/>
      <c r="LAP661" s="613"/>
      <c r="LAQ661" s="613"/>
      <c r="LAR661" s="613"/>
      <c r="LAS661" s="613"/>
      <c r="LAT661" s="613"/>
      <c r="LAU661" s="613"/>
      <c r="LAV661" s="613"/>
      <c r="LAW661" s="613"/>
      <c r="LAX661" s="613"/>
      <c r="LAY661" s="613"/>
      <c r="LAZ661" s="613"/>
      <c r="LBA661" s="613"/>
      <c r="LBB661" s="613"/>
      <c r="LBC661" s="613"/>
      <c r="LBD661" s="613"/>
      <c r="LBE661" s="613"/>
      <c r="LBF661" s="613"/>
      <c r="LBG661" s="613"/>
      <c r="LBH661" s="613"/>
      <c r="LBI661" s="613"/>
      <c r="LBJ661" s="613"/>
      <c r="LBK661" s="613"/>
      <c r="LBL661" s="613"/>
      <c r="LBM661" s="613"/>
      <c r="LBN661" s="613"/>
      <c r="LBO661" s="613"/>
      <c r="LBP661" s="613"/>
      <c r="LBQ661" s="613"/>
      <c r="LBR661" s="613"/>
      <c r="LBS661" s="613"/>
      <c r="LBT661" s="613"/>
      <c r="LBU661" s="613"/>
      <c r="LBV661" s="613"/>
      <c r="LBW661" s="613"/>
      <c r="LBX661" s="613"/>
      <c r="LBY661" s="613"/>
      <c r="LBZ661" s="613"/>
      <c r="LCA661" s="613"/>
      <c r="LCB661" s="613"/>
      <c r="LCC661" s="613"/>
      <c r="LCD661" s="613"/>
      <c r="LCE661" s="613"/>
      <c r="LCF661" s="613"/>
      <c r="LCG661" s="613"/>
      <c r="LCH661" s="613"/>
      <c r="LCI661" s="613"/>
      <c r="LCJ661" s="613"/>
      <c r="LCK661" s="613"/>
      <c r="LCL661" s="613"/>
      <c r="LCM661" s="613"/>
      <c r="LCN661" s="613"/>
      <c r="LCO661" s="613"/>
      <c r="LCP661" s="613"/>
      <c r="LCQ661" s="613"/>
      <c r="LCR661" s="613"/>
      <c r="LCS661" s="613"/>
      <c r="LCT661" s="613"/>
      <c r="LCU661" s="613"/>
      <c r="LCV661" s="613"/>
      <c r="LCW661" s="613"/>
      <c r="LCX661" s="613"/>
      <c r="LCY661" s="613"/>
      <c r="LCZ661" s="613"/>
      <c r="LDA661" s="613"/>
      <c r="LDB661" s="613"/>
      <c r="LDC661" s="613"/>
      <c r="LDD661" s="613"/>
      <c r="LDE661" s="613"/>
      <c r="LDF661" s="613"/>
      <c r="LDG661" s="613"/>
      <c r="LDH661" s="613"/>
      <c r="LDI661" s="613"/>
      <c r="LDJ661" s="613"/>
      <c r="LDK661" s="613"/>
      <c r="LDL661" s="613"/>
      <c r="LDM661" s="613"/>
      <c r="LDN661" s="613"/>
      <c r="LDO661" s="613"/>
      <c r="LDP661" s="613"/>
      <c r="LDQ661" s="613"/>
      <c r="LDR661" s="613"/>
      <c r="LDS661" s="613"/>
      <c r="LDT661" s="613"/>
      <c r="LDU661" s="613"/>
      <c r="LDV661" s="613"/>
      <c r="LDW661" s="613"/>
      <c r="LDX661" s="613"/>
      <c r="LDY661" s="613"/>
      <c r="LDZ661" s="613"/>
      <c r="LEA661" s="613"/>
      <c r="LEB661" s="613"/>
      <c r="LEC661" s="613"/>
      <c r="LED661" s="613"/>
      <c r="LEE661" s="613"/>
      <c r="LEF661" s="613"/>
      <c r="LEG661" s="613"/>
      <c r="LEH661" s="613"/>
      <c r="LEI661" s="613"/>
      <c r="LEJ661" s="613"/>
      <c r="LEK661" s="613"/>
      <c r="LEL661" s="613"/>
      <c r="LEM661" s="613"/>
      <c r="LEN661" s="613"/>
      <c r="LEO661" s="613"/>
      <c r="LEP661" s="613"/>
      <c r="LEQ661" s="613"/>
      <c r="LER661" s="613"/>
      <c r="LES661" s="613"/>
      <c r="LET661" s="613"/>
      <c r="LEU661" s="613"/>
      <c r="LEV661" s="613"/>
      <c r="LEW661" s="613"/>
      <c r="LEX661" s="613"/>
      <c r="LEY661" s="613"/>
      <c r="LEZ661" s="613"/>
      <c r="LFA661" s="613"/>
      <c r="LFB661" s="613"/>
      <c r="LFC661" s="613"/>
      <c r="LFD661" s="613"/>
      <c r="LFE661" s="613"/>
      <c r="LFF661" s="613"/>
      <c r="LFG661" s="613"/>
      <c r="LFH661" s="613"/>
      <c r="LFI661" s="613"/>
      <c r="LFJ661" s="613"/>
      <c r="LFK661" s="613"/>
      <c r="LFL661" s="613"/>
      <c r="LFM661" s="613"/>
      <c r="LFN661" s="613"/>
      <c r="LFO661" s="613"/>
      <c r="LFP661" s="613"/>
      <c r="LFQ661" s="613"/>
      <c r="LFR661" s="613"/>
      <c r="LFS661" s="613"/>
      <c r="LFT661" s="613"/>
      <c r="LFU661" s="613"/>
      <c r="LFV661" s="613"/>
      <c r="LFW661" s="613"/>
      <c r="LFX661" s="613"/>
      <c r="LFY661" s="613"/>
      <c r="LFZ661" s="613"/>
      <c r="LGA661" s="613"/>
      <c r="LGB661" s="613"/>
      <c r="LGC661" s="613"/>
      <c r="LGD661" s="613"/>
      <c r="LGE661" s="613"/>
      <c r="LGF661" s="613"/>
      <c r="LGG661" s="613"/>
      <c r="LGH661" s="613"/>
      <c r="LGI661" s="613"/>
      <c r="LGJ661" s="613"/>
      <c r="LGK661" s="613"/>
      <c r="LGL661" s="613"/>
      <c r="LGM661" s="613"/>
      <c r="LGN661" s="613"/>
      <c r="LGO661" s="613"/>
      <c r="LGP661" s="613"/>
      <c r="LGQ661" s="613"/>
      <c r="LGR661" s="613"/>
      <c r="LGS661" s="613"/>
      <c r="LGT661" s="613"/>
      <c r="LGU661" s="613"/>
      <c r="LGV661" s="613"/>
      <c r="LGW661" s="613"/>
      <c r="LGX661" s="613"/>
      <c r="LGY661" s="613"/>
      <c r="LGZ661" s="613"/>
      <c r="LHA661" s="613"/>
      <c r="LHB661" s="613"/>
      <c r="LHC661" s="613"/>
      <c r="LHD661" s="613"/>
      <c r="LHE661" s="613"/>
      <c r="LHF661" s="613"/>
      <c r="LHG661" s="613"/>
      <c r="LHH661" s="613"/>
      <c r="LHI661" s="613"/>
      <c r="LHJ661" s="613"/>
      <c r="LHK661" s="613"/>
      <c r="LHL661" s="613"/>
      <c r="LHM661" s="613"/>
      <c r="LHN661" s="613"/>
      <c r="LHO661" s="613"/>
      <c r="LHP661" s="613"/>
      <c r="LHQ661" s="613"/>
      <c r="LHR661" s="613"/>
      <c r="LHS661" s="613"/>
      <c r="LHT661" s="613"/>
      <c r="LHU661" s="613"/>
      <c r="LHV661" s="613"/>
      <c r="LHW661" s="613"/>
      <c r="LHX661" s="613"/>
      <c r="LHY661" s="613"/>
      <c r="LHZ661" s="613"/>
      <c r="LIA661" s="613"/>
      <c r="LIB661" s="613"/>
      <c r="LIC661" s="613"/>
      <c r="LID661" s="613"/>
      <c r="LIE661" s="613"/>
      <c r="LIF661" s="613"/>
      <c r="LIG661" s="613"/>
      <c r="LIH661" s="613"/>
      <c r="LII661" s="613"/>
      <c r="LIJ661" s="613"/>
      <c r="LIK661" s="613"/>
      <c r="LIL661" s="613"/>
      <c r="LIM661" s="613"/>
      <c r="LIN661" s="613"/>
      <c r="LIO661" s="613"/>
      <c r="LIP661" s="613"/>
      <c r="LIQ661" s="613"/>
      <c r="LIR661" s="613"/>
      <c r="LIS661" s="613"/>
      <c r="LIT661" s="613"/>
      <c r="LIU661" s="613"/>
      <c r="LIV661" s="613"/>
      <c r="LIW661" s="613"/>
      <c r="LIX661" s="613"/>
      <c r="LIY661" s="613"/>
      <c r="LIZ661" s="613"/>
      <c r="LJA661" s="613"/>
      <c r="LJB661" s="613"/>
      <c r="LJC661" s="613"/>
      <c r="LJD661" s="613"/>
      <c r="LJE661" s="613"/>
      <c r="LJF661" s="613"/>
      <c r="LJG661" s="613"/>
      <c r="LJH661" s="613"/>
      <c r="LJI661" s="613"/>
      <c r="LJJ661" s="613"/>
      <c r="LJK661" s="613"/>
      <c r="LJL661" s="613"/>
      <c r="LJM661" s="613"/>
      <c r="LJN661" s="613"/>
      <c r="LJO661" s="613"/>
      <c r="LJP661" s="613"/>
      <c r="LJQ661" s="613"/>
      <c r="LJR661" s="613"/>
      <c r="LJS661" s="613"/>
      <c r="LJT661" s="613"/>
      <c r="LJU661" s="613"/>
      <c r="LJV661" s="613"/>
      <c r="LJW661" s="613"/>
      <c r="LJX661" s="613"/>
      <c r="LJY661" s="613"/>
      <c r="LJZ661" s="613"/>
      <c r="LKA661" s="613"/>
      <c r="LKB661" s="613"/>
      <c r="LKC661" s="613"/>
      <c r="LKD661" s="613"/>
      <c r="LKE661" s="613"/>
      <c r="LKF661" s="613"/>
      <c r="LKG661" s="613"/>
      <c r="LKH661" s="613"/>
      <c r="LKI661" s="613"/>
      <c r="LKJ661" s="613"/>
      <c r="LKK661" s="613"/>
      <c r="LKL661" s="613"/>
      <c r="LKM661" s="613"/>
      <c r="LKN661" s="613"/>
      <c r="LKO661" s="613"/>
      <c r="LKP661" s="613"/>
      <c r="LKQ661" s="613"/>
      <c r="LKR661" s="613"/>
      <c r="LKS661" s="613"/>
      <c r="LKT661" s="613"/>
      <c r="LKU661" s="613"/>
      <c r="LKV661" s="613"/>
      <c r="LKW661" s="613"/>
      <c r="LKX661" s="613"/>
      <c r="LKY661" s="613"/>
      <c r="LKZ661" s="613"/>
      <c r="LLA661" s="613"/>
      <c r="LLB661" s="613"/>
      <c r="LLC661" s="613"/>
      <c r="LLD661" s="613"/>
      <c r="LLE661" s="613"/>
      <c r="LLF661" s="613"/>
      <c r="LLG661" s="613"/>
      <c r="LLH661" s="613"/>
      <c r="LLI661" s="613"/>
      <c r="LLJ661" s="613"/>
      <c r="LLK661" s="613"/>
      <c r="LLL661" s="613"/>
      <c r="LLM661" s="613"/>
      <c r="LLN661" s="613"/>
      <c r="LLO661" s="613"/>
      <c r="LLP661" s="613"/>
      <c r="LLQ661" s="613"/>
      <c r="LLR661" s="613"/>
      <c r="LLS661" s="613"/>
      <c r="LLT661" s="613"/>
      <c r="LLU661" s="613"/>
      <c r="LLV661" s="613"/>
      <c r="LLW661" s="613"/>
      <c r="LLX661" s="613"/>
      <c r="LLY661" s="613"/>
      <c r="LLZ661" s="613"/>
      <c r="LMA661" s="613"/>
      <c r="LMB661" s="613"/>
      <c r="LMC661" s="613"/>
      <c r="LMD661" s="613"/>
      <c r="LME661" s="613"/>
      <c r="LMF661" s="613"/>
      <c r="LMG661" s="613"/>
      <c r="LMH661" s="613"/>
      <c r="LMI661" s="613"/>
      <c r="LMJ661" s="613"/>
      <c r="LMK661" s="613"/>
      <c r="LML661" s="613"/>
      <c r="LMM661" s="613"/>
      <c r="LMN661" s="613"/>
      <c r="LMO661" s="613"/>
      <c r="LMP661" s="613"/>
      <c r="LMQ661" s="613"/>
      <c r="LMR661" s="613"/>
      <c r="LMS661" s="613"/>
      <c r="LMT661" s="613"/>
      <c r="LMU661" s="613"/>
      <c r="LMV661" s="613"/>
      <c r="LMW661" s="613"/>
      <c r="LMX661" s="613"/>
      <c r="LMY661" s="613"/>
      <c r="LMZ661" s="613"/>
      <c r="LNA661" s="613"/>
      <c r="LNB661" s="613"/>
      <c r="LNC661" s="613"/>
      <c r="LND661" s="613"/>
      <c r="LNE661" s="613"/>
      <c r="LNF661" s="613"/>
      <c r="LNG661" s="613"/>
      <c r="LNH661" s="613"/>
      <c r="LNI661" s="613"/>
      <c r="LNJ661" s="613"/>
      <c r="LNK661" s="613"/>
      <c r="LNL661" s="613"/>
      <c r="LNM661" s="613"/>
      <c r="LNN661" s="613"/>
      <c r="LNO661" s="613"/>
      <c r="LNP661" s="613"/>
      <c r="LNQ661" s="613"/>
      <c r="LNR661" s="613"/>
      <c r="LNS661" s="613"/>
      <c r="LNT661" s="613"/>
      <c r="LNU661" s="613"/>
      <c r="LNV661" s="613"/>
      <c r="LNW661" s="613"/>
      <c r="LNX661" s="613"/>
      <c r="LNY661" s="613"/>
      <c r="LNZ661" s="613"/>
      <c r="LOA661" s="613"/>
      <c r="LOB661" s="613"/>
      <c r="LOC661" s="613"/>
      <c r="LOD661" s="613"/>
      <c r="LOE661" s="613"/>
      <c r="LOF661" s="613"/>
      <c r="LOG661" s="613"/>
      <c r="LOH661" s="613"/>
      <c r="LOI661" s="613"/>
      <c r="LOJ661" s="613"/>
      <c r="LOK661" s="613"/>
      <c r="LOL661" s="613"/>
      <c r="LOM661" s="613"/>
      <c r="LON661" s="613"/>
      <c r="LOO661" s="613"/>
      <c r="LOP661" s="613"/>
      <c r="LOQ661" s="613"/>
      <c r="LOR661" s="613"/>
      <c r="LOS661" s="613"/>
      <c r="LOT661" s="613"/>
      <c r="LOU661" s="613"/>
      <c r="LOV661" s="613"/>
      <c r="LOW661" s="613"/>
      <c r="LOX661" s="613"/>
      <c r="LOY661" s="613"/>
      <c r="LOZ661" s="613"/>
      <c r="LPA661" s="613"/>
      <c r="LPB661" s="613"/>
      <c r="LPC661" s="613"/>
      <c r="LPD661" s="613"/>
      <c r="LPE661" s="613"/>
      <c r="LPF661" s="613"/>
      <c r="LPG661" s="613"/>
      <c r="LPH661" s="613"/>
      <c r="LPI661" s="613"/>
      <c r="LPJ661" s="613"/>
      <c r="LPK661" s="613"/>
      <c r="LPL661" s="613"/>
      <c r="LPM661" s="613"/>
      <c r="LPN661" s="613"/>
      <c r="LPO661" s="613"/>
      <c r="LPP661" s="613"/>
      <c r="LPQ661" s="613"/>
      <c r="LPR661" s="613"/>
      <c r="LPS661" s="613"/>
      <c r="LPT661" s="613"/>
      <c r="LPU661" s="613"/>
      <c r="LPV661" s="613"/>
      <c r="LPW661" s="613"/>
      <c r="LPX661" s="613"/>
      <c r="LPY661" s="613"/>
      <c r="LPZ661" s="613"/>
      <c r="LQA661" s="613"/>
      <c r="LQB661" s="613"/>
      <c r="LQC661" s="613"/>
      <c r="LQD661" s="613"/>
      <c r="LQE661" s="613"/>
      <c r="LQF661" s="613"/>
      <c r="LQG661" s="613"/>
      <c r="LQH661" s="613"/>
      <c r="LQI661" s="613"/>
      <c r="LQJ661" s="613"/>
      <c r="LQK661" s="613"/>
      <c r="LQL661" s="613"/>
      <c r="LQM661" s="613"/>
      <c r="LQN661" s="613"/>
      <c r="LQO661" s="613"/>
      <c r="LQP661" s="613"/>
      <c r="LQQ661" s="613"/>
      <c r="LQR661" s="613"/>
      <c r="LQS661" s="613"/>
      <c r="LQT661" s="613"/>
      <c r="LQU661" s="613"/>
      <c r="LQV661" s="613"/>
      <c r="LQW661" s="613"/>
      <c r="LQX661" s="613"/>
      <c r="LQY661" s="613"/>
      <c r="LQZ661" s="613"/>
      <c r="LRA661" s="613"/>
      <c r="LRB661" s="613"/>
      <c r="LRC661" s="613"/>
      <c r="LRD661" s="613"/>
      <c r="LRE661" s="613"/>
      <c r="LRF661" s="613"/>
      <c r="LRG661" s="613"/>
      <c r="LRH661" s="613"/>
      <c r="LRI661" s="613"/>
      <c r="LRJ661" s="613"/>
      <c r="LRK661" s="613"/>
      <c r="LRL661" s="613"/>
      <c r="LRM661" s="613"/>
      <c r="LRN661" s="613"/>
      <c r="LRO661" s="613"/>
      <c r="LRP661" s="613"/>
      <c r="LRQ661" s="613"/>
      <c r="LRR661" s="613"/>
      <c r="LRS661" s="613"/>
      <c r="LRT661" s="613"/>
      <c r="LRU661" s="613"/>
      <c r="LRV661" s="613"/>
      <c r="LRW661" s="613"/>
      <c r="LRX661" s="613"/>
      <c r="LRY661" s="613"/>
      <c r="LRZ661" s="613"/>
      <c r="LSA661" s="613"/>
      <c r="LSB661" s="613"/>
      <c r="LSC661" s="613"/>
      <c r="LSD661" s="613"/>
      <c r="LSE661" s="613"/>
      <c r="LSF661" s="613"/>
      <c r="LSG661" s="613"/>
      <c r="LSH661" s="613"/>
      <c r="LSI661" s="613"/>
      <c r="LSJ661" s="613"/>
      <c r="LSK661" s="613"/>
      <c r="LSL661" s="613"/>
      <c r="LSM661" s="613"/>
      <c r="LSN661" s="613"/>
      <c r="LSO661" s="613"/>
      <c r="LSP661" s="613"/>
      <c r="LSQ661" s="613"/>
      <c r="LSR661" s="613"/>
      <c r="LSS661" s="613"/>
      <c r="LST661" s="613"/>
      <c r="LSU661" s="613"/>
      <c r="LSV661" s="613"/>
      <c r="LSW661" s="613"/>
      <c r="LSX661" s="613"/>
      <c r="LSY661" s="613"/>
      <c r="LSZ661" s="613"/>
      <c r="LTA661" s="613"/>
      <c r="LTB661" s="613"/>
      <c r="LTC661" s="613"/>
      <c r="LTD661" s="613"/>
      <c r="LTE661" s="613"/>
      <c r="LTF661" s="613"/>
      <c r="LTG661" s="613"/>
      <c r="LTH661" s="613"/>
      <c r="LTI661" s="613"/>
      <c r="LTJ661" s="613"/>
      <c r="LTK661" s="613"/>
      <c r="LTL661" s="613"/>
      <c r="LTM661" s="613"/>
      <c r="LTN661" s="613"/>
      <c r="LTO661" s="613"/>
      <c r="LTP661" s="613"/>
      <c r="LTQ661" s="613"/>
      <c r="LTR661" s="613"/>
      <c r="LTS661" s="613"/>
      <c r="LTT661" s="613"/>
      <c r="LTU661" s="613"/>
      <c r="LTV661" s="613"/>
      <c r="LTW661" s="613"/>
      <c r="LTX661" s="613"/>
      <c r="LTY661" s="613"/>
      <c r="LTZ661" s="613"/>
      <c r="LUA661" s="613"/>
      <c r="LUB661" s="613"/>
      <c r="LUC661" s="613"/>
      <c r="LUD661" s="613"/>
      <c r="LUE661" s="613"/>
      <c r="LUF661" s="613"/>
      <c r="LUG661" s="613"/>
      <c r="LUH661" s="613"/>
      <c r="LUI661" s="613"/>
      <c r="LUJ661" s="613"/>
      <c r="LUK661" s="613"/>
      <c r="LUL661" s="613"/>
      <c r="LUM661" s="613"/>
      <c r="LUN661" s="613"/>
      <c r="LUO661" s="613"/>
      <c r="LUP661" s="613"/>
      <c r="LUQ661" s="613"/>
      <c r="LUR661" s="613"/>
      <c r="LUS661" s="613"/>
      <c r="LUT661" s="613"/>
      <c r="LUU661" s="613"/>
      <c r="LUV661" s="613"/>
      <c r="LUW661" s="613"/>
      <c r="LUX661" s="613"/>
      <c r="LUY661" s="613"/>
      <c r="LUZ661" s="613"/>
      <c r="LVA661" s="613"/>
      <c r="LVB661" s="613"/>
      <c r="LVC661" s="613"/>
      <c r="LVD661" s="613"/>
      <c r="LVE661" s="613"/>
      <c r="LVF661" s="613"/>
      <c r="LVG661" s="613"/>
      <c r="LVH661" s="613"/>
      <c r="LVI661" s="613"/>
      <c r="LVJ661" s="613"/>
      <c r="LVK661" s="613"/>
      <c r="LVL661" s="613"/>
      <c r="LVM661" s="613"/>
      <c r="LVN661" s="613"/>
      <c r="LVO661" s="613"/>
      <c r="LVP661" s="613"/>
      <c r="LVQ661" s="613"/>
      <c r="LVR661" s="613"/>
      <c r="LVS661" s="613"/>
      <c r="LVT661" s="613"/>
      <c r="LVU661" s="613"/>
      <c r="LVV661" s="613"/>
      <c r="LVW661" s="613"/>
      <c r="LVX661" s="613"/>
      <c r="LVY661" s="613"/>
      <c r="LVZ661" s="613"/>
      <c r="LWA661" s="613"/>
      <c r="LWB661" s="613"/>
      <c r="LWC661" s="613"/>
      <c r="LWD661" s="613"/>
      <c r="LWE661" s="613"/>
      <c r="LWF661" s="613"/>
      <c r="LWG661" s="613"/>
      <c r="LWH661" s="613"/>
      <c r="LWI661" s="613"/>
      <c r="LWJ661" s="613"/>
      <c r="LWK661" s="613"/>
      <c r="LWL661" s="613"/>
      <c r="LWM661" s="613"/>
      <c r="LWN661" s="613"/>
      <c r="LWO661" s="613"/>
      <c r="LWP661" s="613"/>
      <c r="LWQ661" s="613"/>
      <c r="LWR661" s="613"/>
      <c r="LWS661" s="613"/>
      <c r="LWT661" s="613"/>
      <c r="LWU661" s="613"/>
      <c r="LWV661" s="613"/>
      <c r="LWW661" s="613"/>
      <c r="LWX661" s="613"/>
      <c r="LWY661" s="613"/>
      <c r="LWZ661" s="613"/>
      <c r="LXA661" s="613"/>
      <c r="LXB661" s="613"/>
      <c r="LXC661" s="613"/>
      <c r="LXD661" s="613"/>
      <c r="LXE661" s="613"/>
      <c r="LXF661" s="613"/>
      <c r="LXG661" s="613"/>
      <c r="LXH661" s="613"/>
      <c r="LXI661" s="613"/>
      <c r="LXJ661" s="613"/>
      <c r="LXK661" s="613"/>
      <c r="LXL661" s="613"/>
      <c r="LXM661" s="613"/>
      <c r="LXN661" s="613"/>
      <c r="LXO661" s="613"/>
      <c r="LXP661" s="613"/>
      <c r="LXQ661" s="613"/>
      <c r="LXR661" s="613"/>
      <c r="LXS661" s="613"/>
      <c r="LXT661" s="613"/>
      <c r="LXU661" s="613"/>
      <c r="LXV661" s="613"/>
      <c r="LXW661" s="613"/>
      <c r="LXX661" s="613"/>
      <c r="LXY661" s="613"/>
      <c r="LXZ661" s="613"/>
      <c r="LYA661" s="613"/>
      <c r="LYB661" s="613"/>
      <c r="LYC661" s="613"/>
      <c r="LYD661" s="613"/>
      <c r="LYE661" s="613"/>
      <c r="LYF661" s="613"/>
      <c r="LYG661" s="613"/>
      <c r="LYH661" s="613"/>
      <c r="LYI661" s="613"/>
      <c r="LYJ661" s="613"/>
      <c r="LYK661" s="613"/>
      <c r="LYL661" s="613"/>
      <c r="LYM661" s="613"/>
      <c r="LYN661" s="613"/>
      <c r="LYO661" s="613"/>
      <c r="LYP661" s="613"/>
      <c r="LYQ661" s="613"/>
      <c r="LYR661" s="613"/>
      <c r="LYS661" s="613"/>
      <c r="LYT661" s="613"/>
      <c r="LYU661" s="613"/>
      <c r="LYV661" s="613"/>
      <c r="LYW661" s="613"/>
      <c r="LYX661" s="613"/>
      <c r="LYY661" s="613"/>
      <c r="LYZ661" s="613"/>
      <c r="LZA661" s="613"/>
      <c r="LZB661" s="613"/>
      <c r="LZC661" s="613"/>
      <c r="LZD661" s="613"/>
      <c r="LZE661" s="613"/>
      <c r="LZF661" s="613"/>
      <c r="LZG661" s="613"/>
      <c r="LZH661" s="613"/>
      <c r="LZI661" s="613"/>
      <c r="LZJ661" s="613"/>
      <c r="LZK661" s="613"/>
      <c r="LZL661" s="613"/>
      <c r="LZM661" s="613"/>
      <c r="LZN661" s="613"/>
      <c r="LZO661" s="613"/>
      <c r="LZP661" s="613"/>
      <c r="LZQ661" s="613"/>
      <c r="LZR661" s="613"/>
      <c r="LZS661" s="613"/>
      <c r="LZT661" s="613"/>
      <c r="LZU661" s="613"/>
      <c r="LZV661" s="613"/>
      <c r="LZW661" s="613"/>
      <c r="LZX661" s="613"/>
      <c r="LZY661" s="613"/>
      <c r="LZZ661" s="613"/>
      <c r="MAA661" s="613"/>
      <c r="MAB661" s="613"/>
      <c r="MAC661" s="613"/>
      <c r="MAD661" s="613"/>
      <c r="MAE661" s="613"/>
      <c r="MAF661" s="613"/>
      <c r="MAG661" s="613"/>
      <c r="MAH661" s="613"/>
      <c r="MAI661" s="613"/>
      <c r="MAJ661" s="613"/>
      <c r="MAK661" s="613"/>
      <c r="MAL661" s="613"/>
      <c r="MAM661" s="613"/>
      <c r="MAN661" s="613"/>
      <c r="MAO661" s="613"/>
      <c r="MAP661" s="613"/>
      <c r="MAQ661" s="613"/>
      <c r="MAR661" s="613"/>
      <c r="MAS661" s="613"/>
      <c r="MAT661" s="613"/>
      <c r="MAU661" s="613"/>
      <c r="MAV661" s="613"/>
      <c r="MAW661" s="613"/>
      <c r="MAX661" s="613"/>
      <c r="MAY661" s="613"/>
      <c r="MAZ661" s="613"/>
      <c r="MBA661" s="613"/>
      <c r="MBB661" s="613"/>
      <c r="MBC661" s="613"/>
      <c r="MBD661" s="613"/>
      <c r="MBE661" s="613"/>
      <c r="MBF661" s="613"/>
      <c r="MBG661" s="613"/>
      <c r="MBH661" s="613"/>
      <c r="MBI661" s="613"/>
      <c r="MBJ661" s="613"/>
      <c r="MBK661" s="613"/>
      <c r="MBL661" s="613"/>
      <c r="MBM661" s="613"/>
      <c r="MBN661" s="613"/>
      <c r="MBO661" s="613"/>
      <c r="MBP661" s="613"/>
      <c r="MBQ661" s="613"/>
      <c r="MBR661" s="613"/>
      <c r="MBS661" s="613"/>
      <c r="MBT661" s="613"/>
      <c r="MBU661" s="613"/>
      <c r="MBV661" s="613"/>
      <c r="MBW661" s="613"/>
      <c r="MBX661" s="613"/>
      <c r="MBY661" s="613"/>
      <c r="MBZ661" s="613"/>
      <c r="MCA661" s="613"/>
      <c r="MCB661" s="613"/>
      <c r="MCC661" s="613"/>
      <c r="MCD661" s="613"/>
      <c r="MCE661" s="613"/>
      <c r="MCF661" s="613"/>
      <c r="MCG661" s="613"/>
      <c r="MCH661" s="613"/>
      <c r="MCI661" s="613"/>
      <c r="MCJ661" s="613"/>
      <c r="MCK661" s="613"/>
      <c r="MCL661" s="613"/>
      <c r="MCM661" s="613"/>
      <c r="MCN661" s="613"/>
      <c r="MCO661" s="613"/>
      <c r="MCP661" s="613"/>
      <c r="MCQ661" s="613"/>
      <c r="MCR661" s="613"/>
      <c r="MCS661" s="613"/>
      <c r="MCT661" s="613"/>
      <c r="MCU661" s="613"/>
      <c r="MCV661" s="613"/>
      <c r="MCW661" s="613"/>
      <c r="MCX661" s="613"/>
      <c r="MCY661" s="613"/>
      <c r="MCZ661" s="613"/>
      <c r="MDA661" s="613"/>
      <c r="MDB661" s="613"/>
      <c r="MDC661" s="613"/>
      <c r="MDD661" s="613"/>
      <c r="MDE661" s="613"/>
      <c r="MDF661" s="613"/>
      <c r="MDG661" s="613"/>
      <c r="MDH661" s="613"/>
      <c r="MDI661" s="613"/>
      <c r="MDJ661" s="613"/>
      <c r="MDK661" s="613"/>
      <c r="MDL661" s="613"/>
      <c r="MDM661" s="613"/>
      <c r="MDN661" s="613"/>
      <c r="MDO661" s="613"/>
      <c r="MDP661" s="613"/>
      <c r="MDQ661" s="613"/>
      <c r="MDR661" s="613"/>
      <c r="MDS661" s="613"/>
      <c r="MDT661" s="613"/>
      <c r="MDU661" s="613"/>
      <c r="MDV661" s="613"/>
      <c r="MDW661" s="613"/>
      <c r="MDX661" s="613"/>
      <c r="MDY661" s="613"/>
      <c r="MDZ661" s="613"/>
      <c r="MEA661" s="613"/>
      <c r="MEB661" s="613"/>
      <c r="MEC661" s="613"/>
      <c r="MED661" s="613"/>
      <c r="MEE661" s="613"/>
      <c r="MEF661" s="613"/>
      <c r="MEG661" s="613"/>
      <c r="MEH661" s="613"/>
      <c r="MEI661" s="613"/>
      <c r="MEJ661" s="613"/>
      <c r="MEK661" s="613"/>
      <c r="MEL661" s="613"/>
      <c r="MEM661" s="613"/>
      <c r="MEN661" s="613"/>
      <c r="MEO661" s="613"/>
      <c r="MEP661" s="613"/>
      <c r="MEQ661" s="613"/>
      <c r="MER661" s="613"/>
      <c r="MES661" s="613"/>
      <c r="MET661" s="613"/>
      <c r="MEU661" s="613"/>
      <c r="MEV661" s="613"/>
      <c r="MEW661" s="613"/>
      <c r="MEX661" s="613"/>
      <c r="MEY661" s="613"/>
      <c r="MEZ661" s="613"/>
      <c r="MFA661" s="613"/>
      <c r="MFB661" s="613"/>
      <c r="MFC661" s="613"/>
      <c r="MFD661" s="613"/>
      <c r="MFE661" s="613"/>
      <c r="MFF661" s="613"/>
      <c r="MFG661" s="613"/>
      <c r="MFH661" s="613"/>
      <c r="MFI661" s="613"/>
      <c r="MFJ661" s="613"/>
      <c r="MFK661" s="613"/>
      <c r="MFL661" s="613"/>
      <c r="MFM661" s="613"/>
      <c r="MFN661" s="613"/>
      <c r="MFO661" s="613"/>
      <c r="MFP661" s="613"/>
      <c r="MFQ661" s="613"/>
      <c r="MFR661" s="613"/>
      <c r="MFS661" s="613"/>
      <c r="MFT661" s="613"/>
      <c r="MFU661" s="613"/>
      <c r="MFV661" s="613"/>
      <c r="MFW661" s="613"/>
      <c r="MFX661" s="613"/>
      <c r="MFY661" s="613"/>
      <c r="MFZ661" s="613"/>
      <c r="MGA661" s="613"/>
      <c r="MGB661" s="613"/>
      <c r="MGC661" s="613"/>
      <c r="MGD661" s="613"/>
      <c r="MGE661" s="613"/>
      <c r="MGF661" s="613"/>
      <c r="MGG661" s="613"/>
      <c r="MGH661" s="613"/>
      <c r="MGI661" s="613"/>
      <c r="MGJ661" s="613"/>
      <c r="MGK661" s="613"/>
      <c r="MGL661" s="613"/>
      <c r="MGM661" s="613"/>
      <c r="MGN661" s="613"/>
      <c r="MGO661" s="613"/>
      <c r="MGP661" s="613"/>
      <c r="MGQ661" s="613"/>
      <c r="MGR661" s="613"/>
      <c r="MGS661" s="613"/>
      <c r="MGT661" s="613"/>
      <c r="MGU661" s="613"/>
      <c r="MGV661" s="613"/>
      <c r="MGW661" s="613"/>
      <c r="MGX661" s="613"/>
      <c r="MGY661" s="613"/>
      <c r="MGZ661" s="613"/>
      <c r="MHA661" s="613"/>
      <c r="MHB661" s="613"/>
      <c r="MHC661" s="613"/>
      <c r="MHD661" s="613"/>
      <c r="MHE661" s="613"/>
      <c r="MHF661" s="613"/>
      <c r="MHG661" s="613"/>
      <c r="MHH661" s="613"/>
      <c r="MHI661" s="613"/>
      <c r="MHJ661" s="613"/>
      <c r="MHK661" s="613"/>
      <c r="MHL661" s="613"/>
      <c r="MHM661" s="613"/>
      <c r="MHN661" s="613"/>
      <c r="MHO661" s="613"/>
      <c r="MHP661" s="613"/>
      <c r="MHQ661" s="613"/>
      <c r="MHR661" s="613"/>
      <c r="MHS661" s="613"/>
      <c r="MHT661" s="613"/>
      <c r="MHU661" s="613"/>
      <c r="MHV661" s="613"/>
      <c r="MHW661" s="613"/>
      <c r="MHX661" s="613"/>
      <c r="MHY661" s="613"/>
      <c r="MHZ661" s="613"/>
      <c r="MIA661" s="613"/>
      <c r="MIB661" s="613"/>
      <c r="MIC661" s="613"/>
      <c r="MID661" s="613"/>
      <c r="MIE661" s="613"/>
      <c r="MIF661" s="613"/>
      <c r="MIG661" s="613"/>
      <c r="MIH661" s="613"/>
      <c r="MII661" s="613"/>
      <c r="MIJ661" s="613"/>
      <c r="MIK661" s="613"/>
      <c r="MIL661" s="613"/>
      <c r="MIM661" s="613"/>
      <c r="MIN661" s="613"/>
      <c r="MIO661" s="613"/>
      <c r="MIP661" s="613"/>
      <c r="MIQ661" s="613"/>
      <c r="MIR661" s="613"/>
      <c r="MIS661" s="613"/>
      <c r="MIT661" s="613"/>
      <c r="MIU661" s="613"/>
      <c r="MIV661" s="613"/>
      <c r="MIW661" s="613"/>
      <c r="MIX661" s="613"/>
      <c r="MIY661" s="613"/>
      <c r="MIZ661" s="613"/>
      <c r="MJA661" s="613"/>
      <c r="MJB661" s="613"/>
      <c r="MJC661" s="613"/>
      <c r="MJD661" s="613"/>
      <c r="MJE661" s="613"/>
      <c r="MJF661" s="613"/>
      <c r="MJG661" s="613"/>
      <c r="MJH661" s="613"/>
      <c r="MJI661" s="613"/>
      <c r="MJJ661" s="613"/>
      <c r="MJK661" s="613"/>
      <c r="MJL661" s="613"/>
      <c r="MJM661" s="613"/>
      <c r="MJN661" s="613"/>
      <c r="MJO661" s="613"/>
      <c r="MJP661" s="613"/>
      <c r="MJQ661" s="613"/>
      <c r="MJR661" s="613"/>
      <c r="MJS661" s="613"/>
      <c r="MJT661" s="613"/>
      <c r="MJU661" s="613"/>
      <c r="MJV661" s="613"/>
      <c r="MJW661" s="613"/>
      <c r="MJX661" s="613"/>
      <c r="MJY661" s="613"/>
      <c r="MJZ661" s="613"/>
      <c r="MKA661" s="613"/>
      <c r="MKB661" s="613"/>
      <c r="MKC661" s="613"/>
      <c r="MKD661" s="613"/>
      <c r="MKE661" s="613"/>
      <c r="MKF661" s="613"/>
      <c r="MKG661" s="613"/>
      <c r="MKH661" s="613"/>
      <c r="MKI661" s="613"/>
      <c r="MKJ661" s="613"/>
      <c r="MKK661" s="613"/>
      <c r="MKL661" s="613"/>
      <c r="MKM661" s="613"/>
      <c r="MKN661" s="613"/>
      <c r="MKO661" s="613"/>
      <c r="MKP661" s="613"/>
      <c r="MKQ661" s="613"/>
      <c r="MKR661" s="613"/>
      <c r="MKS661" s="613"/>
      <c r="MKT661" s="613"/>
      <c r="MKU661" s="613"/>
      <c r="MKV661" s="613"/>
      <c r="MKW661" s="613"/>
      <c r="MKX661" s="613"/>
      <c r="MKY661" s="613"/>
      <c r="MKZ661" s="613"/>
      <c r="MLA661" s="613"/>
      <c r="MLB661" s="613"/>
      <c r="MLC661" s="613"/>
      <c r="MLD661" s="613"/>
      <c r="MLE661" s="613"/>
      <c r="MLF661" s="613"/>
      <c r="MLG661" s="613"/>
      <c r="MLH661" s="613"/>
      <c r="MLI661" s="613"/>
      <c r="MLJ661" s="613"/>
      <c r="MLK661" s="613"/>
      <c r="MLL661" s="613"/>
      <c r="MLM661" s="613"/>
      <c r="MLN661" s="613"/>
      <c r="MLO661" s="613"/>
      <c r="MLP661" s="613"/>
      <c r="MLQ661" s="613"/>
      <c r="MLR661" s="613"/>
      <c r="MLS661" s="613"/>
      <c r="MLT661" s="613"/>
      <c r="MLU661" s="613"/>
      <c r="MLV661" s="613"/>
      <c r="MLW661" s="613"/>
      <c r="MLX661" s="613"/>
      <c r="MLY661" s="613"/>
      <c r="MLZ661" s="613"/>
      <c r="MMA661" s="613"/>
      <c r="MMB661" s="613"/>
      <c r="MMC661" s="613"/>
      <c r="MMD661" s="613"/>
      <c r="MME661" s="613"/>
      <c r="MMF661" s="613"/>
      <c r="MMG661" s="613"/>
      <c r="MMH661" s="613"/>
      <c r="MMI661" s="613"/>
      <c r="MMJ661" s="613"/>
      <c r="MMK661" s="613"/>
      <c r="MML661" s="613"/>
      <c r="MMM661" s="613"/>
      <c r="MMN661" s="613"/>
      <c r="MMO661" s="613"/>
      <c r="MMP661" s="613"/>
      <c r="MMQ661" s="613"/>
      <c r="MMR661" s="613"/>
      <c r="MMS661" s="613"/>
      <c r="MMT661" s="613"/>
      <c r="MMU661" s="613"/>
      <c r="MMV661" s="613"/>
      <c r="MMW661" s="613"/>
      <c r="MMX661" s="613"/>
      <c r="MMY661" s="613"/>
      <c r="MMZ661" s="613"/>
      <c r="MNA661" s="613"/>
      <c r="MNB661" s="613"/>
      <c r="MNC661" s="613"/>
      <c r="MND661" s="613"/>
      <c r="MNE661" s="613"/>
      <c r="MNF661" s="613"/>
      <c r="MNG661" s="613"/>
      <c r="MNH661" s="613"/>
      <c r="MNI661" s="613"/>
      <c r="MNJ661" s="613"/>
      <c r="MNK661" s="613"/>
      <c r="MNL661" s="613"/>
      <c r="MNM661" s="613"/>
      <c r="MNN661" s="613"/>
      <c r="MNO661" s="613"/>
      <c r="MNP661" s="613"/>
      <c r="MNQ661" s="613"/>
      <c r="MNR661" s="613"/>
      <c r="MNS661" s="613"/>
      <c r="MNT661" s="613"/>
      <c r="MNU661" s="613"/>
      <c r="MNV661" s="613"/>
      <c r="MNW661" s="613"/>
      <c r="MNX661" s="613"/>
      <c r="MNY661" s="613"/>
      <c r="MNZ661" s="613"/>
      <c r="MOA661" s="613"/>
      <c r="MOB661" s="613"/>
      <c r="MOC661" s="613"/>
      <c r="MOD661" s="613"/>
      <c r="MOE661" s="613"/>
      <c r="MOF661" s="613"/>
      <c r="MOG661" s="613"/>
      <c r="MOH661" s="613"/>
      <c r="MOI661" s="613"/>
      <c r="MOJ661" s="613"/>
      <c r="MOK661" s="613"/>
      <c r="MOL661" s="613"/>
      <c r="MOM661" s="613"/>
      <c r="MON661" s="613"/>
      <c r="MOO661" s="613"/>
      <c r="MOP661" s="613"/>
      <c r="MOQ661" s="613"/>
      <c r="MOR661" s="613"/>
      <c r="MOS661" s="613"/>
      <c r="MOT661" s="613"/>
      <c r="MOU661" s="613"/>
      <c r="MOV661" s="613"/>
      <c r="MOW661" s="613"/>
      <c r="MOX661" s="613"/>
      <c r="MOY661" s="613"/>
      <c r="MOZ661" s="613"/>
      <c r="MPA661" s="613"/>
      <c r="MPB661" s="613"/>
      <c r="MPC661" s="613"/>
      <c r="MPD661" s="613"/>
      <c r="MPE661" s="613"/>
      <c r="MPF661" s="613"/>
      <c r="MPG661" s="613"/>
      <c r="MPH661" s="613"/>
      <c r="MPI661" s="613"/>
      <c r="MPJ661" s="613"/>
      <c r="MPK661" s="613"/>
      <c r="MPL661" s="613"/>
      <c r="MPM661" s="613"/>
      <c r="MPN661" s="613"/>
      <c r="MPO661" s="613"/>
      <c r="MPP661" s="613"/>
      <c r="MPQ661" s="613"/>
      <c r="MPR661" s="613"/>
      <c r="MPS661" s="613"/>
      <c r="MPT661" s="613"/>
      <c r="MPU661" s="613"/>
      <c r="MPV661" s="613"/>
      <c r="MPW661" s="613"/>
      <c r="MPX661" s="613"/>
      <c r="MPY661" s="613"/>
      <c r="MPZ661" s="613"/>
      <c r="MQA661" s="613"/>
      <c r="MQB661" s="613"/>
      <c r="MQC661" s="613"/>
      <c r="MQD661" s="613"/>
      <c r="MQE661" s="613"/>
      <c r="MQF661" s="613"/>
      <c r="MQG661" s="613"/>
      <c r="MQH661" s="613"/>
      <c r="MQI661" s="613"/>
      <c r="MQJ661" s="613"/>
      <c r="MQK661" s="613"/>
      <c r="MQL661" s="613"/>
      <c r="MQM661" s="613"/>
      <c r="MQN661" s="613"/>
      <c r="MQO661" s="613"/>
      <c r="MQP661" s="613"/>
      <c r="MQQ661" s="613"/>
      <c r="MQR661" s="613"/>
      <c r="MQS661" s="613"/>
      <c r="MQT661" s="613"/>
      <c r="MQU661" s="613"/>
      <c r="MQV661" s="613"/>
      <c r="MQW661" s="613"/>
      <c r="MQX661" s="613"/>
      <c r="MQY661" s="613"/>
      <c r="MQZ661" s="613"/>
      <c r="MRA661" s="613"/>
      <c r="MRB661" s="613"/>
      <c r="MRC661" s="613"/>
      <c r="MRD661" s="613"/>
      <c r="MRE661" s="613"/>
      <c r="MRF661" s="613"/>
      <c r="MRG661" s="613"/>
      <c r="MRH661" s="613"/>
      <c r="MRI661" s="613"/>
      <c r="MRJ661" s="613"/>
      <c r="MRK661" s="613"/>
      <c r="MRL661" s="613"/>
      <c r="MRM661" s="613"/>
      <c r="MRN661" s="613"/>
      <c r="MRO661" s="613"/>
      <c r="MRP661" s="613"/>
      <c r="MRQ661" s="613"/>
      <c r="MRR661" s="613"/>
      <c r="MRS661" s="613"/>
      <c r="MRT661" s="613"/>
      <c r="MRU661" s="613"/>
      <c r="MRV661" s="613"/>
      <c r="MRW661" s="613"/>
      <c r="MRX661" s="613"/>
      <c r="MRY661" s="613"/>
      <c r="MRZ661" s="613"/>
      <c r="MSA661" s="613"/>
      <c r="MSB661" s="613"/>
      <c r="MSC661" s="613"/>
      <c r="MSD661" s="613"/>
      <c r="MSE661" s="613"/>
      <c r="MSF661" s="613"/>
      <c r="MSG661" s="613"/>
      <c r="MSH661" s="613"/>
      <c r="MSI661" s="613"/>
      <c r="MSJ661" s="613"/>
      <c r="MSK661" s="613"/>
      <c r="MSL661" s="613"/>
      <c r="MSM661" s="613"/>
      <c r="MSN661" s="613"/>
      <c r="MSO661" s="613"/>
      <c r="MSP661" s="613"/>
      <c r="MSQ661" s="613"/>
      <c r="MSR661" s="613"/>
      <c r="MSS661" s="613"/>
      <c r="MST661" s="613"/>
      <c r="MSU661" s="613"/>
      <c r="MSV661" s="613"/>
      <c r="MSW661" s="613"/>
      <c r="MSX661" s="613"/>
      <c r="MSY661" s="613"/>
      <c r="MSZ661" s="613"/>
      <c r="MTA661" s="613"/>
      <c r="MTB661" s="613"/>
      <c r="MTC661" s="613"/>
      <c r="MTD661" s="613"/>
      <c r="MTE661" s="613"/>
      <c r="MTF661" s="613"/>
      <c r="MTG661" s="613"/>
      <c r="MTH661" s="613"/>
      <c r="MTI661" s="613"/>
      <c r="MTJ661" s="613"/>
      <c r="MTK661" s="613"/>
      <c r="MTL661" s="613"/>
      <c r="MTM661" s="613"/>
      <c r="MTN661" s="613"/>
      <c r="MTO661" s="613"/>
      <c r="MTP661" s="613"/>
      <c r="MTQ661" s="613"/>
      <c r="MTR661" s="613"/>
      <c r="MTS661" s="613"/>
      <c r="MTT661" s="613"/>
      <c r="MTU661" s="613"/>
      <c r="MTV661" s="613"/>
      <c r="MTW661" s="613"/>
      <c r="MTX661" s="613"/>
      <c r="MTY661" s="613"/>
      <c r="MTZ661" s="613"/>
      <c r="MUA661" s="613"/>
      <c r="MUB661" s="613"/>
      <c r="MUC661" s="613"/>
      <c r="MUD661" s="613"/>
      <c r="MUE661" s="613"/>
      <c r="MUF661" s="613"/>
      <c r="MUG661" s="613"/>
      <c r="MUH661" s="613"/>
      <c r="MUI661" s="613"/>
      <c r="MUJ661" s="613"/>
      <c r="MUK661" s="613"/>
      <c r="MUL661" s="613"/>
      <c r="MUM661" s="613"/>
      <c r="MUN661" s="613"/>
      <c r="MUO661" s="613"/>
      <c r="MUP661" s="613"/>
      <c r="MUQ661" s="613"/>
      <c r="MUR661" s="613"/>
      <c r="MUS661" s="613"/>
      <c r="MUT661" s="613"/>
      <c r="MUU661" s="613"/>
      <c r="MUV661" s="613"/>
      <c r="MUW661" s="613"/>
      <c r="MUX661" s="613"/>
      <c r="MUY661" s="613"/>
      <c r="MUZ661" s="613"/>
      <c r="MVA661" s="613"/>
      <c r="MVB661" s="613"/>
      <c r="MVC661" s="613"/>
      <c r="MVD661" s="613"/>
      <c r="MVE661" s="613"/>
      <c r="MVF661" s="613"/>
      <c r="MVG661" s="613"/>
      <c r="MVH661" s="613"/>
      <c r="MVI661" s="613"/>
      <c r="MVJ661" s="613"/>
      <c r="MVK661" s="613"/>
      <c r="MVL661" s="613"/>
      <c r="MVM661" s="613"/>
      <c r="MVN661" s="613"/>
      <c r="MVO661" s="613"/>
      <c r="MVP661" s="613"/>
      <c r="MVQ661" s="613"/>
      <c r="MVR661" s="613"/>
      <c r="MVS661" s="613"/>
      <c r="MVT661" s="613"/>
      <c r="MVU661" s="613"/>
      <c r="MVV661" s="613"/>
      <c r="MVW661" s="613"/>
      <c r="MVX661" s="613"/>
      <c r="MVY661" s="613"/>
      <c r="MVZ661" s="613"/>
      <c r="MWA661" s="613"/>
      <c r="MWB661" s="613"/>
      <c r="MWC661" s="613"/>
      <c r="MWD661" s="613"/>
      <c r="MWE661" s="613"/>
      <c r="MWF661" s="613"/>
      <c r="MWG661" s="613"/>
      <c r="MWH661" s="613"/>
      <c r="MWI661" s="613"/>
      <c r="MWJ661" s="613"/>
      <c r="MWK661" s="613"/>
      <c r="MWL661" s="613"/>
      <c r="MWM661" s="613"/>
      <c r="MWN661" s="613"/>
      <c r="MWO661" s="613"/>
      <c r="MWP661" s="613"/>
      <c r="MWQ661" s="613"/>
      <c r="MWR661" s="613"/>
      <c r="MWS661" s="613"/>
      <c r="MWT661" s="613"/>
      <c r="MWU661" s="613"/>
      <c r="MWV661" s="613"/>
      <c r="MWW661" s="613"/>
      <c r="MWX661" s="613"/>
      <c r="MWY661" s="613"/>
      <c r="MWZ661" s="613"/>
      <c r="MXA661" s="613"/>
      <c r="MXB661" s="613"/>
      <c r="MXC661" s="613"/>
      <c r="MXD661" s="613"/>
      <c r="MXE661" s="613"/>
      <c r="MXF661" s="613"/>
      <c r="MXG661" s="613"/>
      <c r="MXH661" s="613"/>
      <c r="MXI661" s="613"/>
      <c r="MXJ661" s="613"/>
      <c r="MXK661" s="613"/>
      <c r="MXL661" s="613"/>
      <c r="MXM661" s="613"/>
      <c r="MXN661" s="613"/>
      <c r="MXO661" s="613"/>
      <c r="MXP661" s="613"/>
      <c r="MXQ661" s="613"/>
      <c r="MXR661" s="613"/>
      <c r="MXS661" s="613"/>
      <c r="MXT661" s="613"/>
      <c r="MXU661" s="613"/>
      <c r="MXV661" s="613"/>
      <c r="MXW661" s="613"/>
      <c r="MXX661" s="613"/>
      <c r="MXY661" s="613"/>
      <c r="MXZ661" s="613"/>
      <c r="MYA661" s="613"/>
      <c r="MYB661" s="613"/>
      <c r="MYC661" s="613"/>
      <c r="MYD661" s="613"/>
      <c r="MYE661" s="613"/>
      <c r="MYF661" s="613"/>
      <c r="MYG661" s="613"/>
      <c r="MYH661" s="613"/>
      <c r="MYI661" s="613"/>
      <c r="MYJ661" s="613"/>
      <c r="MYK661" s="613"/>
      <c r="MYL661" s="613"/>
      <c r="MYM661" s="613"/>
      <c r="MYN661" s="613"/>
      <c r="MYO661" s="613"/>
      <c r="MYP661" s="613"/>
      <c r="MYQ661" s="613"/>
      <c r="MYR661" s="613"/>
      <c r="MYS661" s="613"/>
      <c r="MYT661" s="613"/>
      <c r="MYU661" s="613"/>
      <c r="MYV661" s="613"/>
      <c r="MYW661" s="613"/>
      <c r="MYX661" s="613"/>
      <c r="MYY661" s="613"/>
      <c r="MYZ661" s="613"/>
      <c r="MZA661" s="613"/>
      <c r="MZB661" s="613"/>
      <c r="MZC661" s="613"/>
      <c r="MZD661" s="613"/>
      <c r="MZE661" s="613"/>
      <c r="MZF661" s="613"/>
      <c r="MZG661" s="613"/>
      <c r="MZH661" s="613"/>
      <c r="MZI661" s="613"/>
      <c r="MZJ661" s="613"/>
      <c r="MZK661" s="613"/>
      <c r="MZL661" s="613"/>
      <c r="MZM661" s="613"/>
      <c r="MZN661" s="613"/>
      <c r="MZO661" s="613"/>
      <c r="MZP661" s="613"/>
      <c r="MZQ661" s="613"/>
      <c r="MZR661" s="613"/>
      <c r="MZS661" s="613"/>
      <c r="MZT661" s="613"/>
      <c r="MZU661" s="613"/>
      <c r="MZV661" s="613"/>
      <c r="MZW661" s="613"/>
      <c r="MZX661" s="613"/>
      <c r="MZY661" s="613"/>
      <c r="MZZ661" s="613"/>
      <c r="NAA661" s="613"/>
      <c r="NAB661" s="613"/>
      <c r="NAC661" s="613"/>
      <c r="NAD661" s="613"/>
      <c r="NAE661" s="613"/>
      <c r="NAF661" s="613"/>
      <c r="NAG661" s="613"/>
      <c r="NAH661" s="613"/>
      <c r="NAI661" s="613"/>
      <c r="NAJ661" s="613"/>
      <c r="NAK661" s="613"/>
      <c r="NAL661" s="613"/>
      <c r="NAM661" s="613"/>
      <c r="NAN661" s="613"/>
      <c r="NAO661" s="613"/>
      <c r="NAP661" s="613"/>
      <c r="NAQ661" s="613"/>
      <c r="NAR661" s="613"/>
      <c r="NAS661" s="613"/>
      <c r="NAT661" s="613"/>
      <c r="NAU661" s="613"/>
      <c r="NAV661" s="613"/>
      <c r="NAW661" s="613"/>
      <c r="NAX661" s="613"/>
      <c r="NAY661" s="613"/>
      <c r="NAZ661" s="613"/>
      <c r="NBA661" s="613"/>
      <c r="NBB661" s="613"/>
      <c r="NBC661" s="613"/>
      <c r="NBD661" s="613"/>
      <c r="NBE661" s="613"/>
      <c r="NBF661" s="613"/>
      <c r="NBG661" s="613"/>
      <c r="NBH661" s="613"/>
      <c r="NBI661" s="613"/>
      <c r="NBJ661" s="613"/>
      <c r="NBK661" s="613"/>
      <c r="NBL661" s="613"/>
      <c r="NBM661" s="613"/>
      <c r="NBN661" s="613"/>
      <c r="NBO661" s="613"/>
      <c r="NBP661" s="613"/>
      <c r="NBQ661" s="613"/>
      <c r="NBR661" s="613"/>
      <c r="NBS661" s="613"/>
      <c r="NBT661" s="613"/>
      <c r="NBU661" s="613"/>
      <c r="NBV661" s="613"/>
      <c r="NBW661" s="613"/>
      <c r="NBX661" s="613"/>
      <c r="NBY661" s="613"/>
      <c r="NBZ661" s="613"/>
      <c r="NCA661" s="613"/>
      <c r="NCB661" s="613"/>
      <c r="NCC661" s="613"/>
      <c r="NCD661" s="613"/>
      <c r="NCE661" s="613"/>
      <c r="NCF661" s="613"/>
      <c r="NCG661" s="613"/>
      <c r="NCH661" s="613"/>
      <c r="NCI661" s="613"/>
      <c r="NCJ661" s="613"/>
      <c r="NCK661" s="613"/>
      <c r="NCL661" s="613"/>
      <c r="NCM661" s="613"/>
      <c r="NCN661" s="613"/>
      <c r="NCO661" s="613"/>
      <c r="NCP661" s="613"/>
      <c r="NCQ661" s="613"/>
      <c r="NCR661" s="613"/>
      <c r="NCS661" s="613"/>
      <c r="NCT661" s="613"/>
      <c r="NCU661" s="613"/>
      <c r="NCV661" s="613"/>
      <c r="NCW661" s="613"/>
      <c r="NCX661" s="613"/>
      <c r="NCY661" s="613"/>
      <c r="NCZ661" s="613"/>
      <c r="NDA661" s="613"/>
      <c r="NDB661" s="613"/>
      <c r="NDC661" s="613"/>
      <c r="NDD661" s="613"/>
      <c r="NDE661" s="613"/>
      <c r="NDF661" s="613"/>
      <c r="NDG661" s="613"/>
      <c r="NDH661" s="613"/>
      <c r="NDI661" s="613"/>
      <c r="NDJ661" s="613"/>
      <c r="NDK661" s="613"/>
      <c r="NDL661" s="613"/>
      <c r="NDM661" s="613"/>
      <c r="NDN661" s="613"/>
      <c r="NDO661" s="613"/>
      <c r="NDP661" s="613"/>
      <c r="NDQ661" s="613"/>
      <c r="NDR661" s="613"/>
      <c r="NDS661" s="613"/>
      <c r="NDT661" s="613"/>
      <c r="NDU661" s="613"/>
      <c r="NDV661" s="613"/>
      <c r="NDW661" s="613"/>
      <c r="NDX661" s="613"/>
      <c r="NDY661" s="613"/>
      <c r="NDZ661" s="613"/>
      <c r="NEA661" s="613"/>
      <c r="NEB661" s="613"/>
      <c r="NEC661" s="613"/>
      <c r="NED661" s="613"/>
      <c r="NEE661" s="613"/>
      <c r="NEF661" s="613"/>
      <c r="NEG661" s="613"/>
      <c r="NEH661" s="613"/>
      <c r="NEI661" s="613"/>
      <c r="NEJ661" s="613"/>
      <c r="NEK661" s="613"/>
      <c r="NEL661" s="613"/>
      <c r="NEM661" s="613"/>
      <c r="NEN661" s="613"/>
      <c r="NEO661" s="613"/>
      <c r="NEP661" s="613"/>
      <c r="NEQ661" s="613"/>
      <c r="NER661" s="613"/>
      <c r="NES661" s="613"/>
      <c r="NET661" s="613"/>
      <c r="NEU661" s="613"/>
      <c r="NEV661" s="613"/>
      <c r="NEW661" s="613"/>
      <c r="NEX661" s="613"/>
      <c r="NEY661" s="613"/>
      <c r="NEZ661" s="613"/>
      <c r="NFA661" s="613"/>
      <c r="NFB661" s="613"/>
      <c r="NFC661" s="613"/>
      <c r="NFD661" s="613"/>
      <c r="NFE661" s="613"/>
      <c r="NFF661" s="613"/>
      <c r="NFG661" s="613"/>
      <c r="NFH661" s="613"/>
      <c r="NFI661" s="613"/>
      <c r="NFJ661" s="613"/>
      <c r="NFK661" s="613"/>
      <c r="NFL661" s="613"/>
      <c r="NFM661" s="613"/>
      <c r="NFN661" s="613"/>
      <c r="NFO661" s="613"/>
      <c r="NFP661" s="613"/>
      <c r="NFQ661" s="613"/>
      <c r="NFR661" s="613"/>
      <c r="NFS661" s="613"/>
      <c r="NFT661" s="613"/>
      <c r="NFU661" s="613"/>
      <c r="NFV661" s="613"/>
      <c r="NFW661" s="613"/>
      <c r="NFX661" s="613"/>
      <c r="NFY661" s="613"/>
      <c r="NFZ661" s="613"/>
      <c r="NGA661" s="613"/>
      <c r="NGB661" s="613"/>
      <c r="NGC661" s="613"/>
      <c r="NGD661" s="613"/>
      <c r="NGE661" s="613"/>
      <c r="NGF661" s="613"/>
      <c r="NGG661" s="613"/>
      <c r="NGH661" s="613"/>
      <c r="NGI661" s="613"/>
      <c r="NGJ661" s="613"/>
      <c r="NGK661" s="613"/>
      <c r="NGL661" s="613"/>
      <c r="NGM661" s="613"/>
      <c r="NGN661" s="613"/>
      <c r="NGO661" s="613"/>
      <c r="NGP661" s="613"/>
      <c r="NGQ661" s="613"/>
      <c r="NGR661" s="613"/>
      <c r="NGS661" s="613"/>
      <c r="NGT661" s="613"/>
      <c r="NGU661" s="613"/>
      <c r="NGV661" s="613"/>
      <c r="NGW661" s="613"/>
      <c r="NGX661" s="613"/>
      <c r="NGY661" s="613"/>
      <c r="NGZ661" s="613"/>
      <c r="NHA661" s="613"/>
      <c r="NHB661" s="613"/>
      <c r="NHC661" s="613"/>
      <c r="NHD661" s="613"/>
      <c r="NHE661" s="613"/>
      <c r="NHF661" s="613"/>
      <c r="NHG661" s="613"/>
      <c r="NHH661" s="613"/>
      <c r="NHI661" s="613"/>
      <c r="NHJ661" s="613"/>
      <c r="NHK661" s="613"/>
      <c r="NHL661" s="613"/>
      <c r="NHM661" s="613"/>
      <c r="NHN661" s="613"/>
      <c r="NHO661" s="613"/>
      <c r="NHP661" s="613"/>
      <c r="NHQ661" s="613"/>
      <c r="NHR661" s="613"/>
      <c r="NHS661" s="613"/>
      <c r="NHT661" s="613"/>
      <c r="NHU661" s="613"/>
      <c r="NHV661" s="613"/>
      <c r="NHW661" s="613"/>
      <c r="NHX661" s="613"/>
      <c r="NHY661" s="613"/>
      <c r="NHZ661" s="613"/>
      <c r="NIA661" s="613"/>
      <c r="NIB661" s="613"/>
      <c r="NIC661" s="613"/>
      <c r="NID661" s="613"/>
      <c r="NIE661" s="613"/>
      <c r="NIF661" s="613"/>
      <c r="NIG661" s="613"/>
      <c r="NIH661" s="613"/>
      <c r="NII661" s="613"/>
      <c r="NIJ661" s="613"/>
      <c r="NIK661" s="613"/>
      <c r="NIL661" s="613"/>
      <c r="NIM661" s="613"/>
      <c r="NIN661" s="613"/>
      <c r="NIO661" s="613"/>
      <c r="NIP661" s="613"/>
      <c r="NIQ661" s="613"/>
      <c r="NIR661" s="613"/>
      <c r="NIS661" s="613"/>
      <c r="NIT661" s="613"/>
      <c r="NIU661" s="613"/>
      <c r="NIV661" s="613"/>
      <c r="NIW661" s="613"/>
      <c r="NIX661" s="613"/>
      <c r="NIY661" s="613"/>
      <c r="NIZ661" s="613"/>
      <c r="NJA661" s="613"/>
      <c r="NJB661" s="613"/>
      <c r="NJC661" s="613"/>
      <c r="NJD661" s="613"/>
      <c r="NJE661" s="613"/>
      <c r="NJF661" s="613"/>
      <c r="NJG661" s="613"/>
      <c r="NJH661" s="613"/>
      <c r="NJI661" s="613"/>
      <c r="NJJ661" s="613"/>
      <c r="NJK661" s="613"/>
      <c r="NJL661" s="613"/>
      <c r="NJM661" s="613"/>
      <c r="NJN661" s="613"/>
      <c r="NJO661" s="613"/>
      <c r="NJP661" s="613"/>
      <c r="NJQ661" s="613"/>
      <c r="NJR661" s="613"/>
      <c r="NJS661" s="613"/>
      <c r="NJT661" s="613"/>
      <c r="NJU661" s="613"/>
      <c r="NJV661" s="613"/>
      <c r="NJW661" s="613"/>
      <c r="NJX661" s="613"/>
      <c r="NJY661" s="613"/>
      <c r="NJZ661" s="613"/>
      <c r="NKA661" s="613"/>
      <c r="NKB661" s="613"/>
      <c r="NKC661" s="613"/>
      <c r="NKD661" s="613"/>
      <c r="NKE661" s="613"/>
      <c r="NKF661" s="613"/>
      <c r="NKG661" s="613"/>
      <c r="NKH661" s="613"/>
      <c r="NKI661" s="613"/>
      <c r="NKJ661" s="613"/>
      <c r="NKK661" s="613"/>
      <c r="NKL661" s="613"/>
      <c r="NKM661" s="613"/>
      <c r="NKN661" s="613"/>
      <c r="NKO661" s="613"/>
      <c r="NKP661" s="613"/>
      <c r="NKQ661" s="613"/>
      <c r="NKR661" s="613"/>
      <c r="NKS661" s="613"/>
      <c r="NKT661" s="613"/>
      <c r="NKU661" s="613"/>
      <c r="NKV661" s="613"/>
      <c r="NKW661" s="613"/>
      <c r="NKX661" s="613"/>
      <c r="NKY661" s="613"/>
      <c r="NKZ661" s="613"/>
      <c r="NLA661" s="613"/>
      <c r="NLB661" s="613"/>
      <c r="NLC661" s="613"/>
      <c r="NLD661" s="613"/>
      <c r="NLE661" s="613"/>
      <c r="NLF661" s="613"/>
      <c r="NLG661" s="613"/>
      <c r="NLH661" s="613"/>
      <c r="NLI661" s="613"/>
      <c r="NLJ661" s="613"/>
      <c r="NLK661" s="613"/>
      <c r="NLL661" s="613"/>
      <c r="NLM661" s="613"/>
      <c r="NLN661" s="613"/>
      <c r="NLO661" s="613"/>
      <c r="NLP661" s="613"/>
      <c r="NLQ661" s="613"/>
      <c r="NLR661" s="613"/>
      <c r="NLS661" s="613"/>
      <c r="NLT661" s="613"/>
      <c r="NLU661" s="613"/>
      <c r="NLV661" s="613"/>
      <c r="NLW661" s="613"/>
      <c r="NLX661" s="613"/>
      <c r="NLY661" s="613"/>
      <c r="NLZ661" s="613"/>
      <c r="NMA661" s="613"/>
      <c r="NMB661" s="613"/>
      <c r="NMC661" s="613"/>
      <c r="NMD661" s="613"/>
      <c r="NME661" s="613"/>
      <c r="NMF661" s="613"/>
      <c r="NMG661" s="613"/>
      <c r="NMH661" s="613"/>
      <c r="NMI661" s="613"/>
      <c r="NMJ661" s="613"/>
      <c r="NMK661" s="613"/>
      <c r="NML661" s="613"/>
      <c r="NMM661" s="613"/>
      <c r="NMN661" s="613"/>
      <c r="NMO661" s="613"/>
      <c r="NMP661" s="613"/>
      <c r="NMQ661" s="613"/>
      <c r="NMR661" s="613"/>
      <c r="NMS661" s="613"/>
      <c r="NMT661" s="613"/>
      <c r="NMU661" s="613"/>
      <c r="NMV661" s="613"/>
      <c r="NMW661" s="613"/>
      <c r="NMX661" s="613"/>
      <c r="NMY661" s="613"/>
      <c r="NMZ661" s="613"/>
      <c r="NNA661" s="613"/>
      <c r="NNB661" s="613"/>
      <c r="NNC661" s="613"/>
      <c r="NND661" s="613"/>
      <c r="NNE661" s="613"/>
      <c r="NNF661" s="613"/>
      <c r="NNG661" s="613"/>
      <c r="NNH661" s="613"/>
      <c r="NNI661" s="613"/>
      <c r="NNJ661" s="613"/>
      <c r="NNK661" s="613"/>
      <c r="NNL661" s="613"/>
      <c r="NNM661" s="613"/>
      <c r="NNN661" s="613"/>
      <c r="NNO661" s="613"/>
      <c r="NNP661" s="613"/>
      <c r="NNQ661" s="613"/>
      <c r="NNR661" s="613"/>
      <c r="NNS661" s="613"/>
      <c r="NNT661" s="613"/>
      <c r="NNU661" s="613"/>
      <c r="NNV661" s="613"/>
      <c r="NNW661" s="613"/>
      <c r="NNX661" s="613"/>
      <c r="NNY661" s="613"/>
      <c r="NNZ661" s="613"/>
      <c r="NOA661" s="613"/>
      <c r="NOB661" s="613"/>
      <c r="NOC661" s="613"/>
      <c r="NOD661" s="613"/>
      <c r="NOE661" s="613"/>
      <c r="NOF661" s="613"/>
      <c r="NOG661" s="613"/>
      <c r="NOH661" s="613"/>
      <c r="NOI661" s="613"/>
      <c r="NOJ661" s="613"/>
      <c r="NOK661" s="613"/>
      <c r="NOL661" s="613"/>
      <c r="NOM661" s="613"/>
      <c r="NON661" s="613"/>
      <c r="NOO661" s="613"/>
      <c r="NOP661" s="613"/>
      <c r="NOQ661" s="613"/>
      <c r="NOR661" s="613"/>
      <c r="NOS661" s="613"/>
      <c r="NOT661" s="613"/>
      <c r="NOU661" s="613"/>
      <c r="NOV661" s="613"/>
      <c r="NOW661" s="613"/>
      <c r="NOX661" s="613"/>
      <c r="NOY661" s="613"/>
      <c r="NOZ661" s="613"/>
      <c r="NPA661" s="613"/>
      <c r="NPB661" s="613"/>
      <c r="NPC661" s="613"/>
      <c r="NPD661" s="613"/>
      <c r="NPE661" s="613"/>
      <c r="NPF661" s="613"/>
      <c r="NPG661" s="613"/>
      <c r="NPH661" s="613"/>
      <c r="NPI661" s="613"/>
      <c r="NPJ661" s="613"/>
      <c r="NPK661" s="613"/>
      <c r="NPL661" s="613"/>
      <c r="NPM661" s="613"/>
      <c r="NPN661" s="613"/>
      <c r="NPO661" s="613"/>
      <c r="NPP661" s="613"/>
      <c r="NPQ661" s="613"/>
      <c r="NPR661" s="613"/>
      <c r="NPS661" s="613"/>
      <c r="NPT661" s="613"/>
      <c r="NPU661" s="613"/>
      <c r="NPV661" s="613"/>
      <c r="NPW661" s="613"/>
      <c r="NPX661" s="613"/>
      <c r="NPY661" s="613"/>
      <c r="NPZ661" s="613"/>
      <c r="NQA661" s="613"/>
      <c r="NQB661" s="613"/>
      <c r="NQC661" s="613"/>
      <c r="NQD661" s="613"/>
      <c r="NQE661" s="613"/>
      <c r="NQF661" s="613"/>
      <c r="NQG661" s="613"/>
      <c r="NQH661" s="613"/>
      <c r="NQI661" s="613"/>
      <c r="NQJ661" s="613"/>
      <c r="NQK661" s="613"/>
      <c r="NQL661" s="613"/>
      <c r="NQM661" s="613"/>
      <c r="NQN661" s="613"/>
      <c r="NQO661" s="613"/>
      <c r="NQP661" s="613"/>
      <c r="NQQ661" s="613"/>
      <c r="NQR661" s="613"/>
      <c r="NQS661" s="613"/>
      <c r="NQT661" s="613"/>
      <c r="NQU661" s="613"/>
      <c r="NQV661" s="613"/>
      <c r="NQW661" s="613"/>
      <c r="NQX661" s="613"/>
      <c r="NQY661" s="613"/>
      <c r="NQZ661" s="613"/>
      <c r="NRA661" s="613"/>
      <c r="NRB661" s="613"/>
      <c r="NRC661" s="613"/>
      <c r="NRD661" s="613"/>
      <c r="NRE661" s="613"/>
      <c r="NRF661" s="613"/>
      <c r="NRG661" s="613"/>
      <c r="NRH661" s="613"/>
      <c r="NRI661" s="613"/>
      <c r="NRJ661" s="613"/>
      <c r="NRK661" s="613"/>
      <c r="NRL661" s="613"/>
      <c r="NRM661" s="613"/>
      <c r="NRN661" s="613"/>
      <c r="NRO661" s="613"/>
      <c r="NRP661" s="613"/>
      <c r="NRQ661" s="613"/>
      <c r="NRR661" s="613"/>
      <c r="NRS661" s="613"/>
      <c r="NRT661" s="613"/>
      <c r="NRU661" s="613"/>
      <c r="NRV661" s="613"/>
      <c r="NRW661" s="613"/>
      <c r="NRX661" s="613"/>
      <c r="NRY661" s="613"/>
      <c r="NRZ661" s="613"/>
      <c r="NSA661" s="613"/>
      <c r="NSB661" s="613"/>
      <c r="NSC661" s="613"/>
      <c r="NSD661" s="613"/>
      <c r="NSE661" s="613"/>
      <c r="NSF661" s="613"/>
      <c r="NSG661" s="613"/>
      <c r="NSH661" s="613"/>
      <c r="NSI661" s="613"/>
      <c r="NSJ661" s="613"/>
      <c r="NSK661" s="613"/>
      <c r="NSL661" s="613"/>
      <c r="NSM661" s="613"/>
      <c r="NSN661" s="613"/>
      <c r="NSO661" s="613"/>
      <c r="NSP661" s="613"/>
      <c r="NSQ661" s="613"/>
      <c r="NSR661" s="613"/>
      <c r="NSS661" s="613"/>
      <c r="NST661" s="613"/>
      <c r="NSU661" s="613"/>
      <c r="NSV661" s="613"/>
      <c r="NSW661" s="613"/>
      <c r="NSX661" s="613"/>
      <c r="NSY661" s="613"/>
      <c r="NSZ661" s="613"/>
      <c r="NTA661" s="613"/>
      <c r="NTB661" s="613"/>
      <c r="NTC661" s="613"/>
      <c r="NTD661" s="613"/>
      <c r="NTE661" s="613"/>
      <c r="NTF661" s="613"/>
      <c r="NTG661" s="613"/>
      <c r="NTH661" s="613"/>
      <c r="NTI661" s="613"/>
      <c r="NTJ661" s="613"/>
      <c r="NTK661" s="613"/>
      <c r="NTL661" s="613"/>
      <c r="NTM661" s="613"/>
      <c r="NTN661" s="613"/>
      <c r="NTO661" s="613"/>
      <c r="NTP661" s="613"/>
      <c r="NTQ661" s="613"/>
      <c r="NTR661" s="613"/>
      <c r="NTS661" s="613"/>
      <c r="NTT661" s="613"/>
      <c r="NTU661" s="613"/>
      <c r="NTV661" s="613"/>
      <c r="NTW661" s="613"/>
      <c r="NTX661" s="613"/>
      <c r="NTY661" s="613"/>
      <c r="NTZ661" s="613"/>
      <c r="NUA661" s="613"/>
      <c r="NUB661" s="613"/>
      <c r="NUC661" s="613"/>
      <c r="NUD661" s="613"/>
      <c r="NUE661" s="613"/>
      <c r="NUF661" s="613"/>
      <c r="NUG661" s="613"/>
      <c r="NUH661" s="613"/>
      <c r="NUI661" s="613"/>
      <c r="NUJ661" s="613"/>
      <c r="NUK661" s="613"/>
      <c r="NUL661" s="613"/>
      <c r="NUM661" s="613"/>
      <c r="NUN661" s="613"/>
      <c r="NUO661" s="613"/>
      <c r="NUP661" s="613"/>
      <c r="NUQ661" s="613"/>
      <c r="NUR661" s="613"/>
      <c r="NUS661" s="613"/>
      <c r="NUT661" s="613"/>
      <c r="NUU661" s="613"/>
      <c r="NUV661" s="613"/>
      <c r="NUW661" s="613"/>
      <c r="NUX661" s="613"/>
      <c r="NUY661" s="613"/>
      <c r="NUZ661" s="613"/>
      <c r="NVA661" s="613"/>
      <c r="NVB661" s="613"/>
      <c r="NVC661" s="613"/>
      <c r="NVD661" s="613"/>
      <c r="NVE661" s="613"/>
      <c r="NVF661" s="613"/>
      <c r="NVG661" s="613"/>
      <c r="NVH661" s="613"/>
      <c r="NVI661" s="613"/>
      <c r="NVJ661" s="613"/>
      <c r="NVK661" s="613"/>
      <c r="NVL661" s="613"/>
      <c r="NVM661" s="613"/>
      <c r="NVN661" s="613"/>
      <c r="NVO661" s="613"/>
      <c r="NVP661" s="613"/>
      <c r="NVQ661" s="613"/>
      <c r="NVR661" s="613"/>
      <c r="NVS661" s="613"/>
      <c r="NVT661" s="613"/>
      <c r="NVU661" s="613"/>
      <c r="NVV661" s="613"/>
      <c r="NVW661" s="613"/>
      <c r="NVX661" s="613"/>
      <c r="NVY661" s="613"/>
      <c r="NVZ661" s="613"/>
      <c r="NWA661" s="613"/>
      <c r="NWB661" s="613"/>
      <c r="NWC661" s="613"/>
      <c r="NWD661" s="613"/>
      <c r="NWE661" s="613"/>
      <c r="NWF661" s="613"/>
      <c r="NWG661" s="613"/>
      <c r="NWH661" s="613"/>
      <c r="NWI661" s="613"/>
      <c r="NWJ661" s="613"/>
      <c r="NWK661" s="613"/>
      <c r="NWL661" s="613"/>
      <c r="NWM661" s="613"/>
      <c r="NWN661" s="613"/>
      <c r="NWO661" s="613"/>
      <c r="NWP661" s="613"/>
      <c r="NWQ661" s="613"/>
      <c r="NWR661" s="613"/>
      <c r="NWS661" s="613"/>
      <c r="NWT661" s="613"/>
      <c r="NWU661" s="613"/>
      <c r="NWV661" s="613"/>
      <c r="NWW661" s="613"/>
      <c r="NWX661" s="613"/>
      <c r="NWY661" s="613"/>
      <c r="NWZ661" s="613"/>
      <c r="NXA661" s="613"/>
      <c r="NXB661" s="613"/>
      <c r="NXC661" s="613"/>
      <c r="NXD661" s="613"/>
      <c r="NXE661" s="613"/>
      <c r="NXF661" s="613"/>
      <c r="NXG661" s="613"/>
      <c r="NXH661" s="613"/>
      <c r="NXI661" s="613"/>
      <c r="NXJ661" s="613"/>
      <c r="NXK661" s="613"/>
      <c r="NXL661" s="613"/>
      <c r="NXM661" s="613"/>
      <c r="NXN661" s="613"/>
      <c r="NXO661" s="613"/>
      <c r="NXP661" s="613"/>
      <c r="NXQ661" s="613"/>
      <c r="NXR661" s="613"/>
      <c r="NXS661" s="613"/>
      <c r="NXT661" s="613"/>
      <c r="NXU661" s="613"/>
      <c r="NXV661" s="613"/>
      <c r="NXW661" s="613"/>
      <c r="NXX661" s="613"/>
      <c r="NXY661" s="613"/>
      <c r="NXZ661" s="613"/>
      <c r="NYA661" s="613"/>
      <c r="NYB661" s="613"/>
      <c r="NYC661" s="613"/>
      <c r="NYD661" s="613"/>
      <c r="NYE661" s="613"/>
      <c r="NYF661" s="613"/>
      <c r="NYG661" s="613"/>
      <c r="NYH661" s="613"/>
      <c r="NYI661" s="613"/>
      <c r="NYJ661" s="613"/>
      <c r="NYK661" s="613"/>
      <c r="NYL661" s="613"/>
      <c r="NYM661" s="613"/>
      <c r="NYN661" s="613"/>
      <c r="NYO661" s="613"/>
      <c r="NYP661" s="613"/>
      <c r="NYQ661" s="613"/>
      <c r="NYR661" s="613"/>
      <c r="NYS661" s="613"/>
      <c r="NYT661" s="613"/>
      <c r="NYU661" s="613"/>
      <c r="NYV661" s="613"/>
      <c r="NYW661" s="613"/>
      <c r="NYX661" s="613"/>
      <c r="NYY661" s="613"/>
      <c r="NYZ661" s="613"/>
      <c r="NZA661" s="613"/>
      <c r="NZB661" s="613"/>
      <c r="NZC661" s="613"/>
      <c r="NZD661" s="613"/>
      <c r="NZE661" s="613"/>
      <c r="NZF661" s="613"/>
      <c r="NZG661" s="613"/>
      <c r="NZH661" s="613"/>
      <c r="NZI661" s="613"/>
      <c r="NZJ661" s="613"/>
      <c r="NZK661" s="613"/>
      <c r="NZL661" s="613"/>
      <c r="NZM661" s="613"/>
      <c r="NZN661" s="613"/>
      <c r="NZO661" s="613"/>
      <c r="NZP661" s="613"/>
      <c r="NZQ661" s="613"/>
      <c r="NZR661" s="613"/>
      <c r="NZS661" s="613"/>
      <c r="NZT661" s="613"/>
      <c r="NZU661" s="613"/>
      <c r="NZV661" s="613"/>
      <c r="NZW661" s="613"/>
      <c r="NZX661" s="613"/>
      <c r="NZY661" s="613"/>
      <c r="NZZ661" s="613"/>
      <c r="OAA661" s="613"/>
      <c r="OAB661" s="613"/>
      <c r="OAC661" s="613"/>
      <c r="OAD661" s="613"/>
      <c r="OAE661" s="613"/>
      <c r="OAF661" s="613"/>
      <c r="OAG661" s="613"/>
      <c r="OAH661" s="613"/>
      <c r="OAI661" s="613"/>
      <c r="OAJ661" s="613"/>
      <c r="OAK661" s="613"/>
      <c r="OAL661" s="613"/>
      <c r="OAM661" s="613"/>
      <c r="OAN661" s="613"/>
      <c r="OAO661" s="613"/>
      <c r="OAP661" s="613"/>
      <c r="OAQ661" s="613"/>
      <c r="OAR661" s="613"/>
      <c r="OAS661" s="613"/>
      <c r="OAT661" s="613"/>
      <c r="OAU661" s="613"/>
      <c r="OAV661" s="613"/>
      <c r="OAW661" s="613"/>
      <c r="OAX661" s="613"/>
      <c r="OAY661" s="613"/>
      <c r="OAZ661" s="613"/>
      <c r="OBA661" s="613"/>
      <c r="OBB661" s="613"/>
      <c r="OBC661" s="613"/>
      <c r="OBD661" s="613"/>
      <c r="OBE661" s="613"/>
      <c r="OBF661" s="613"/>
      <c r="OBG661" s="613"/>
      <c r="OBH661" s="613"/>
      <c r="OBI661" s="613"/>
      <c r="OBJ661" s="613"/>
      <c r="OBK661" s="613"/>
      <c r="OBL661" s="613"/>
      <c r="OBM661" s="613"/>
      <c r="OBN661" s="613"/>
      <c r="OBO661" s="613"/>
      <c r="OBP661" s="613"/>
      <c r="OBQ661" s="613"/>
      <c r="OBR661" s="613"/>
      <c r="OBS661" s="613"/>
      <c r="OBT661" s="613"/>
      <c r="OBU661" s="613"/>
      <c r="OBV661" s="613"/>
      <c r="OBW661" s="613"/>
      <c r="OBX661" s="613"/>
      <c r="OBY661" s="613"/>
      <c r="OBZ661" s="613"/>
      <c r="OCA661" s="613"/>
      <c r="OCB661" s="613"/>
      <c r="OCC661" s="613"/>
      <c r="OCD661" s="613"/>
      <c r="OCE661" s="613"/>
      <c r="OCF661" s="613"/>
      <c r="OCG661" s="613"/>
      <c r="OCH661" s="613"/>
      <c r="OCI661" s="613"/>
      <c r="OCJ661" s="613"/>
      <c r="OCK661" s="613"/>
      <c r="OCL661" s="613"/>
      <c r="OCM661" s="613"/>
      <c r="OCN661" s="613"/>
      <c r="OCO661" s="613"/>
      <c r="OCP661" s="613"/>
      <c r="OCQ661" s="613"/>
      <c r="OCR661" s="613"/>
      <c r="OCS661" s="613"/>
      <c r="OCT661" s="613"/>
      <c r="OCU661" s="613"/>
      <c r="OCV661" s="613"/>
      <c r="OCW661" s="613"/>
      <c r="OCX661" s="613"/>
      <c r="OCY661" s="613"/>
      <c r="OCZ661" s="613"/>
      <c r="ODA661" s="613"/>
      <c r="ODB661" s="613"/>
      <c r="ODC661" s="613"/>
      <c r="ODD661" s="613"/>
      <c r="ODE661" s="613"/>
      <c r="ODF661" s="613"/>
      <c r="ODG661" s="613"/>
      <c r="ODH661" s="613"/>
      <c r="ODI661" s="613"/>
      <c r="ODJ661" s="613"/>
      <c r="ODK661" s="613"/>
      <c r="ODL661" s="613"/>
      <c r="ODM661" s="613"/>
      <c r="ODN661" s="613"/>
      <c r="ODO661" s="613"/>
      <c r="ODP661" s="613"/>
      <c r="ODQ661" s="613"/>
      <c r="ODR661" s="613"/>
      <c r="ODS661" s="613"/>
      <c r="ODT661" s="613"/>
      <c r="ODU661" s="613"/>
      <c r="ODV661" s="613"/>
      <c r="ODW661" s="613"/>
      <c r="ODX661" s="613"/>
      <c r="ODY661" s="613"/>
      <c r="ODZ661" s="613"/>
      <c r="OEA661" s="613"/>
      <c r="OEB661" s="613"/>
      <c r="OEC661" s="613"/>
      <c r="OED661" s="613"/>
      <c r="OEE661" s="613"/>
      <c r="OEF661" s="613"/>
      <c r="OEG661" s="613"/>
      <c r="OEH661" s="613"/>
      <c r="OEI661" s="613"/>
      <c r="OEJ661" s="613"/>
      <c r="OEK661" s="613"/>
      <c r="OEL661" s="613"/>
      <c r="OEM661" s="613"/>
      <c r="OEN661" s="613"/>
      <c r="OEO661" s="613"/>
      <c r="OEP661" s="613"/>
      <c r="OEQ661" s="613"/>
      <c r="OER661" s="613"/>
      <c r="OES661" s="613"/>
      <c r="OET661" s="613"/>
      <c r="OEU661" s="613"/>
      <c r="OEV661" s="613"/>
      <c r="OEW661" s="613"/>
      <c r="OEX661" s="613"/>
      <c r="OEY661" s="613"/>
      <c r="OEZ661" s="613"/>
      <c r="OFA661" s="613"/>
      <c r="OFB661" s="613"/>
      <c r="OFC661" s="613"/>
      <c r="OFD661" s="613"/>
      <c r="OFE661" s="613"/>
      <c r="OFF661" s="613"/>
      <c r="OFG661" s="613"/>
      <c r="OFH661" s="613"/>
      <c r="OFI661" s="613"/>
      <c r="OFJ661" s="613"/>
      <c r="OFK661" s="613"/>
      <c r="OFL661" s="613"/>
      <c r="OFM661" s="613"/>
      <c r="OFN661" s="613"/>
      <c r="OFO661" s="613"/>
      <c r="OFP661" s="613"/>
      <c r="OFQ661" s="613"/>
      <c r="OFR661" s="613"/>
      <c r="OFS661" s="613"/>
      <c r="OFT661" s="613"/>
      <c r="OFU661" s="613"/>
      <c r="OFV661" s="613"/>
      <c r="OFW661" s="613"/>
      <c r="OFX661" s="613"/>
      <c r="OFY661" s="613"/>
      <c r="OFZ661" s="613"/>
      <c r="OGA661" s="613"/>
      <c r="OGB661" s="613"/>
      <c r="OGC661" s="613"/>
      <c r="OGD661" s="613"/>
      <c r="OGE661" s="613"/>
      <c r="OGF661" s="613"/>
      <c r="OGG661" s="613"/>
      <c r="OGH661" s="613"/>
      <c r="OGI661" s="613"/>
      <c r="OGJ661" s="613"/>
      <c r="OGK661" s="613"/>
      <c r="OGL661" s="613"/>
      <c r="OGM661" s="613"/>
      <c r="OGN661" s="613"/>
      <c r="OGO661" s="613"/>
      <c r="OGP661" s="613"/>
      <c r="OGQ661" s="613"/>
      <c r="OGR661" s="613"/>
      <c r="OGS661" s="613"/>
      <c r="OGT661" s="613"/>
      <c r="OGU661" s="613"/>
      <c r="OGV661" s="613"/>
      <c r="OGW661" s="613"/>
      <c r="OGX661" s="613"/>
      <c r="OGY661" s="613"/>
      <c r="OGZ661" s="613"/>
      <c r="OHA661" s="613"/>
      <c r="OHB661" s="613"/>
      <c r="OHC661" s="613"/>
      <c r="OHD661" s="613"/>
      <c r="OHE661" s="613"/>
      <c r="OHF661" s="613"/>
      <c r="OHG661" s="613"/>
      <c r="OHH661" s="613"/>
      <c r="OHI661" s="613"/>
      <c r="OHJ661" s="613"/>
      <c r="OHK661" s="613"/>
      <c r="OHL661" s="613"/>
      <c r="OHM661" s="613"/>
      <c r="OHN661" s="613"/>
      <c r="OHO661" s="613"/>
      <c r="OHP661" s="613"/>
      <c r="OHQ661" s="613"/>
      <c r="OHR661" s="613"/>
      <c r="OHS661" s="613"/>
      <c r="OHT661" s="613"/>
      <c r="OHU661" s="613"/>
      <c r="OHV661" s="613"/>
      <c r="OHW661" s="613"/>
      <c r="OHX661" s="613"/>
      <c r="OHY661" s="613"/>
      <c r="OHZ661" s="613"/>
      <c r="OIA661" s="613"/>
      <c r="OIB661" s="613"/>
      <c r="OIC661" s="613"/>
      <c r="OID661" s="613"/>
      <c r="OIE661" s="613"/>
      <c r="OIF661" s="613"/>
      <c r="OIG661" s="613"/>
      <c r="OIH661" s="613"/>
      <c r="OII661" s="613"/>
      <c r="OIJ661" s="613"/>
      <c r="OIK661" s="613"/>
      <c r="OIL661" s="613"/>
      <c r="OIM661" s="613"/>
      <c r="OIN661" s="613"/>
      <c r="OIO661" s="613"/>
      <c r="OIP661" s="613"/>
      <c r="OIQ661" s="613"/>
      <c r="OIR661" s="613"/>
      <c r="OIS661" s="613"/>
      <c r="OIT661" s="613"/>
      <c r="OIU661" s="613"/>
      <c r="OIV661" s="613"/>
      <c r="OIW661" s="613"/>
      <c r="OIX661" s="613"/>
      <c r="OIY661" s="613"/>
      <c r="OIZ661" s="613"/>
      <c r="OJA661" s="613"/>
      <c r="OJB661" s="613"/>
      <c r="OJC661" s="613"/>
      <c r="OJD661" s="613"/>
      <c r="OJE661" s="613"/>
      <c r="OJF661" s="613"/>
      <c r="OJG661" s="613"/>
      <c r="OJH661" s="613"/>
      <c r="OJI661" s="613"/>
      <c r="OJJ661" s="613"/>
      <c r="OJK661" s="613"/>
      <c r="OJL661" s="613"/>
      <c r="OJM661" s="613"/>
      <c r="OJN661" s="613"/>
      <c r="OJO661" s="613"/>
      <c r="OJP661" s="613"/>
      <c r="OJQ661" s="613"/>
      <c r="OJR661" s="613"/>
      <c r="OJS661" s="613"/>
      <c r="OJT661" s="613"/>
      <c r="OJU661" s="613"/>
      <c r="OJV661" s="613"/>
      <c r="OJW661" s="613"/>
      <c r="OJX661" s="613"/>
      <c r="OJY661" s="613"/>
      <c r="OJZ661" s="613"/>
      <c r="OKA661" s="613"/>
      <c r="OKB661" s="613"/>
      <c r="OKC661" s="613"/>
      <c r="OKD661" s="613"/>
      <c r="OKE661" s="613"/>
      <c r="OKF661" s="613"/>
      <c r="OKG661" s="613"/>
      <c r="OKH661" s="613"/>
      <c r="OKI661" s="613"/>
      <c r="OKJ661" s="613"/>
      <c r="OKK661" s="613"/>
      <c r="OKL661" s="613"/>
      <c r="OKM661" s="613"/>
      <c r="OKN661" s="613"/>
      <c r="OKO661" s="613"/>
      <c r="OKP661" s="613"/>
      <c r="OKQ661" s="613"/>
      <c r="OKR661" s="613"/>
      <c r="OKS661" s="613"/>
      <c r="OKT661" s="613"/>
      <c r="OKU661" s="613"/>
      <c r="OKV661" s="613"/>
      <c r="OKW661" s="613"/>
      <c r="OKX661" s="613"/>
      <c r="OKY661" s="613"/>
      <c r="OKZ661" s="613"/>
      <c r="OLA661" s="613"/>
      <c r="OLB661" s="613"/>
      <c r="OLC661" s="613"/>
      <c r="OLD661" s="613"/>
      <c r="OLE661" s="613"/>
      <c r="OLF661" s="613"/>
      <c r="OLG661" s="613"/>
      <c r="OLH661" s="613"/>
      <c r="OLI661" s="613"/>
      <c r="OLJ661" s="613"/>
      <c r="OLK661" s="613"/>
      <c r="OLL661" s="613"/>
      <c r="OLM661" s="613"/>
      <c r="OLN661" s="613"/>
      <c r="OLO661" s="613"/>
      <c r="OLP661" s="613"/>
      <c r="OLQ661" s="613"/>
      <c r="OLR661" s="613"/>
      <c r="OLS661" s="613"/>
      <c r="OLT661" s="613"/>
      <c r="OLU661" s="613"/>
      <c r="OLV661" s="613"/>
      <c r="OLW661" s="613"/>
      <c r="OLX661" s="613"/>
      <c r="OLY661" s="613"/>
      <c r="OLZ661" s="613"/>
      <c r="OMA661" s="613"/>
      <c r="OMB661" s="613"/>
      <c r="OMC661" s="613"/>
      <c r="OMD661" s="613"/>
      <c r="OME661" s="613"/>
      <c r="OMF661" s="613"/>
      <c r="OMG661" s="613"/>
      <c r="OMH661" s="613"/>
      <c r="OMI661" s="613"/>
      <c r="OMJ661" s="613"/>
      <c r="OMK661" s="613"/>
      <c r="OML661" s="613"/>
      <c r="OMM661" s="613"/>
      <c r="OMN661" s="613"/>
      <c r="OMO661" s="613"/>
      <c r="OMP661" s="613"/>
      <c r="OMQ661" s="613"/>
      <c r="OMR661" s="613"/>
      <c r="OMS661" s="613"/>
      <c r="OMT661" s="613"/>
      <c r="OMU661" s="613"/>
      <c r="OMV661" s="613"/>
      <c r="OMW661" s="613"/>
      <c r="OMX661" s="613"/>
      <c r="OMY661" s="613"/>
      <c r="OMZ661" s="613"/>
      <c r="ONA661" s="613"/>
      <c r="ONB661" s="613"/>
      <c r="ONC661" s="613"/>
      <c r="OND661" s="613"/>
      <c r="ONE661" s="613"/>
      <c r="ONF661" s="613"/>
      <c r="ONG661" s="613"/>
      <c r="ONH661" s="613"/>
      <c r="ONI661" s="613"/>
      <c r="ONJ661" s="613"/>
      <c r="ONK661" s="613"/>
      <c r="ONL661" s="613"/>
      <c r="ONM661" s="613"/>
      <c r="ONN661" s="613"/>
      <c r="ONO661" s="613"/>
      <c r="ONP661" s="613"/>
      <c r="ONQ661" s="613"/>
      <c r="ONR661" s="613"/>
      <c r="ONS661" s="613"/>
      <c r="ONT661" s="613"/>
      <c r="ONU661" s="613"/>
      <c r="ONV661" s="613"/>
      <c r="ONW661" s="613"/>
      <c r="ONX661" s="613"/>
      <c r="ONY661" s="613"/>
      <c r="ONZ661" s="613"/>
      <c r="OOA661" s="613"/>
      <c r="OOB661" s="613"/>
      <c r="OOC661" s="613"/>
      <c r="OOD661" s="613"/>
      <c r="OOE661" s="613"/>
      <c r="OOF661" s="613"/>
      <c r="OOG661" s="613"/>
      <c r="OOH661" s="613"/>
      <c r="OOI661" s="613"/>
      <c r="OOJ661" s="613"/>
      <c r="OOK661" s="613"/>
      <c r="OOL661" s="613"/>
      <c r="OOM661" s="613"/>
      <c r="OON661" s="613"/>
      <c r="OOO661" s="613"/>
      <c r="OOP661" s="613"/>
      <c r="OOQ661" s="613"/>
      <c r="OOR661" s="613"/>
      <c r="OOS661" s="613"/>
      <c r="OOT661" s="613"/>
      <c r="OOU661" s="613"/>
      <c r="OOV661" s="613"/>
      <c r="OOW661" s="613"/>
      <c r="OOX661" s="613"/>
      <c r="OOY661" s="613"/>
      <c r="OOZ661" s="613"/>
      <c r="OPA661" s="613"/>
      <c r="OPB661" s="613"/>
      <c r="OPC661" s="613"/>
      <c r="OPD661" s="613"/>
      <c r="OPE661" s="613"/>
      <c r="OPF661" s="613"/>
      <c r="OPG661" s="613"/>
      <c r="OPH661" s="613"/>
      <c r="OPI661" s="613"/>
      <c r="OPJ661" s="613"/>
      <c r="OPK661" s="613"/>
      <c r="OPL661" s="613"/>
      <c r="OPM661" s="613"/>
      <c r="OPN661" s="613"/>
      <c r="OPO661" s="613"/>
      <c r="OPP661" s="613"/>
      <c r="OPQ661" s="613"/>
      <c r="OPR661" s="613"/>
      <c r="OPS661" s="613"/>
      <c r="OPT661" s="613"/>
      <c r="OPU661" s="613"/>
      <c r="OPV661" s="613"/>
      <c r="OPW661" s="613"/>
      <c r="OPX661" s="613"/>
      <c r="OPY661" s="613"/>
      <c r="OPZ661" s="613"/>
      <c r="OQA661" s="613"/>
      <c r="OQB661" s="613"/>
      <c r="OQC661" s="613"/>
      <c r="OQD661" s="613"/>
      <c r="OQE661" s="613"/>
      <c r="OQF661" s="613"/>
      <c r="OQG661" s="613"/>
      <c r="OQH661" s="613"/>
      <c r="OQI661" s="613"/>
      <c r="OQJ661" s="613"/>
      <c r="OQK661" s="613"/>
      <c r="OQL661" s="613"/>
      <c r="OQM661" s="613"/>
      <c r="OQN661" s="613"/>
      <c r="OQO661" s="613"/>
      <c r="OQP661" s="613"/>
      <c r="OQQ661" s="613"/>
      <c r="OQR661" s="613"/>
      <c r="OQS661" s="613"/>
      <c r="OQT661" s="613"/>
      <c r="OQU661" s="613"/>
      <c r="OQV661" s="613"/>
      <c r="OQW661" s="613"/>
      <c r="OQX661" s="613"/>
      <c r="OQY661" s="613"/>
      <c r="OQZ661" s="613"/>
      <c r="ORA661" s="613"/>
      <c r="ORB661" s="613"/>
      <c r="ORC661" s="613"/>
      <c r="ORD661" s="613"/>
      <c r="ORE661" s="613"/>
      <c r="ORF661" s="613"/>
      <c r="ORG661" s="613"/>
      <c r="ORH661" s="613"/>
      <c r="ORI661" s="613"/>
      <c r="ORJ661" s="613"/>
      <c r="ORK661" s="613"/>
      <c r="ORL661" s="613"/>
      <c r="ORM661" s="613"/>
      <c r="ORN661" s="613"/>
      <c r="ORO661" s="613"/>
      <c r="ORP661" s="613"/>
      <c r="ORQ661" s="613"/>
      <c r="ORR661" s="613"/>
      <c r="ORS661" s="613"/>
      <c r="ORT661" s="613"/>
      <c r="ORU661" s="613"/>
      <c r="ORV661" s="613"/>
      <c r="ORW661" s="613"/>
      <c r="ORX661" s="613"/>
      <c r="ORY661" s="613"/>
      <c r="ORZ661" s="613"/>
      <c r="OSA661" s="613"/>
      <c r="OSB661" s="613"/>
      <c r="OSC661" s="613"/>
      <c r="OSD661" s="613"/>
      <c r="OSE661" s="613"/>
      <c r="OSF661" s="613"/>
      <c r="OSG661" s="613"/>
      <c r="OSH661" s="613"/>
      <c r="OSI661" s="613"/>
      <c r="OSJ661" s="613"/>
      <c r="OSK661" s="613"/>
      <c r="OSL661" s="613"/>
      <c r="OSM661" s="613"/>
      <c r="OSN661" s="613"/>
      <c r="OSO661" s="613"/>
      <c r="OSP661" s="613"/>
      <c r="OSQ661" s="613"/>
      <c r="OSR661" s="613"/>
      <c r="OSS661" s="613"/>
      <c r="OST661" s="613"/>
      <c r="OSU661" s="613"/>
      <c r="OSV661" s="613"/>
      <c r="OSW661" s="613"/>
      <c r="OSX661" s="613"/>
      <c r="OSY661" s="613"/>
      <c r="OSZ661" s="613"/>
      <c r="OTA661" s="613"/>
      <c r="OTB661" s="613"/>
      <c r="OTC661" s="613"/>
      <c r="OTD661" s="613"/>
      <c r="OTE661" s="613"/>
      <c r="OTF661" s="613"/>
      <c r="OTG661" s="613"/>
      <c r="OTH661" s="613"/>
      <c r="OTI661" s="613"/>
      <c r="OTJ661" s="613"/>
      <c r="OTK661" s="613"/>
      <c r="OTL661" s="613"/>
      <c r="OTM661" s="613"/>
      <c r="OTN661" s="613"/>
      <c r="OTO661" s="613"/>
      <c r="OTP661" s="613"/>
      <c r="OTQ661" s="613"/>
      <c r="OTR661" s="613"/>
      <c r="OTS661" s="613"/>
      <c r="OTT661" s="613"/>
      <c r="OTU661" s="613"/>
      <c r="OTV661" s="613"/>
      <c r="OTW661" s="613"/>
      <c r="OTX661" s="613"/>
      <c r="OTY661" s="613"/>
      <c r="OTZ661" s="613"/>
      <c r="OUA661" s="613"/>
      <c r="OUB661" s="613"/>
      <c r="OUC661" s="613"/>
      <c r="OUD661" s="613"/>
      <c r="OUE661" s="613"/>
      <c r="OUF661" s="613"/>
      <c r="OUG661" s="613"/>
      <c r="OUH661" s="613"/>
      <c r="OUI661" s="613"/>
      <c r="OUJ661" s="613"/>
      <c r="OUK661" s="613"/>
      <c r="OUL661" s="613"/>
      <c r="OUM661" s="613"/>
      <c r="OUN661" s="613"/>
      <c r="OUO661" s="613"/>
      <c r="OUP661" s="613"/>
      <c r="OUQ661" s="613"/>
      <c r="OUR661" s="613"/>
      <c r="OUS661" s="613"/>
      <c r="OUT661" s="613"/>
      <c r="OUU661" s="613"/>
      <c r="OUV661" s="613"/>
      <c r="OUW661" s="613"/>
      <c r="OUX661" s="613"/>
      <c r="OUY661" s="613"/>
      <c r="OUZ661" s="613"/>
      <c r="OVA661" s="613"/>
      <c r="OVB661" s="613"/>
      <c r="OVC661" s="613"/>
      <c r="OVD661" s="613"/>
      <c r="OVE661" s="613"/>
      <c r="OVF661" s="613"/>
      <c r="OVG661" s="613"/>
      <c r="OVH661" s="613"/>
      <c r="OVI661" s="613"/>
      <c r="OVJ661" s="613"/>
      <c r="OVK661" s="613"/>
      <c r="OVL661" s="613"/>
      <c r="OVM661" s="613"/>
      <c r="OVN661" s="613"/>
      <c r="OVO661" s="613"/>
      <c r="OVP661" s="613"/>
      <c r="OVQ661" s="613"/>
      <c r="OVR661" s="613"/>
      <c r="OVS661" s="613"/>
      <c r="OVT661" s="613"/>
      <c r="OVU661" s="613"/>
      <c r="OVV661" s="613"/>
      <c r="OVW661" s="613"/>
      <c r="OVX661" s="613"/>
      <c r="OVY661" s="613"/>
      <c r="OVZ661" s="613"/>
      <c r="OWA661" s="613"/>
      <c r="OWB661" s="613"/>
      <c r="OWC661" s="613"/>
      <c r="OWD661" s="613"/>
      <c r="OWE661" s="613"/>
      <c r="OWF661" s="613"/>
      <c r="OWG661" s="613"/>
      <c r="OWH661" s="613"/>
      <c r="OWI661" s="613"/>
      <c r="OWJ661" s="613"/>
      <c r="OWK661" s="613"/>
      <c r="OWL661" s="613"/>
      <c r="OWM661" s="613"/>
      <c r="OWN661" s="613"/>
      <c r="OWO661" s="613"/>
      <c r="OWP661" s="613"/>
      <c r="OWQ661" s="613"/>
      <c r="OWR661" s="613"/>
      <c r="OWS661" s="613"/>
      <c r="OWT661" s="613"/>
      <c r="OWU661" s="613"/>
      <c r="OWV661" s="613"/>
      <c r="OWW661" s="613"/>
      <c r="OWX661" s="613"/>
      <c r="OWY661" s="613"/>
      <c r="OWZ661" s="613"/>
      <c r="OXA661" s="613"/>
      <c r="OXB661" s="613"/>
      <c r="OXC661" s="613"/>
      <c r="OXD661" s="613"/>
      <c r="OXE661" s="613"/>
      <c r="OXF661" s="613"/>
      <c r="OXG661" s="613"/>
      <c r="OXH661" s="613"/>
      <c r="OXI661" s="613"/>
      <c r="OXJ661" s="613"/>
      <c r="OXK661" s="613"/>
      <c r="OXL661" s="613"/>
      <c r="OXM661" s="613"/>
      <c r="OXN661" s="613"/>
      <c r="OXO661" s="613"/>
      <c r="OXP661" s="613"/>
      <c r="OXQ661" s="613"/>
      <c r="OXR661" s="613"/>
      <c r="OXS661" s="613"/>
      <c r="OXT661" s="613"/>
      <c r="OXU661" s="613"/>
      <c r="OXV661" s="613"/>
      <c r="OXW661" s="613"/>
      <c r="OXX661" s="613"/>
      <c r="OXY661" s="613"/>
      <c r="OXZ661" s="613"/>
      <c r="OYA661" s="613"/>
      <c r="OYB661" s="613"/>
      <c r="OYC661" s="613"/>
      <c r="OYD661" s="613"/>
      <c r="OYE661" s="613"/>
      <c r="OYF661" s="613"/>
      <c r="OYG661" s="613"/>
      <c r="OYH661" s="613"/>
      <c r="OYI661" s="613"/>
      <c r="OYJ661" s="613"/>
      <c r="OYK661" s="613"/>
      <c r="OYL661" s="613"/>
      <c r="OYM661" s="613"/>
      <c r="OYN661" s="613"/>
      <c r="OYO661" s="613"/>
      <c r="OYP661" s="613"/>
      <c r="OYQ661" s="613"/>
      <c r="OYR661" s="613"/>
      <c r="OYS661" s="613"/>
      <c r="OYT661" s="613"/>
      <c r="OYU661" s="613"/>
      <c r="OYV661" s="613"/>
      <c r="OYW661" s="613"/>
      <c r="OYX661" s="613"/>
      <c r="OYY661" s="613"/>
      <c r="OYZ661" s="613"/>
      <c r="OZA661" s="613"/>
      <c r="OZB661" s="613"/>
      <c r="OZC661" s="613"/>
      <c r="OZD661" s="613"/>
      <c r="OZE661" s="613"/>
      <c r="OZF661" s="613"/>
      <c r="OZG661" s="613"/>
      <c r="OZH661" s="613"/>
      <c r="OZI661" s="613"/>
      <c r="OZJ661" s="613"/>
      <c r="OZK661" s="613"/>
      <c r="OZL661" s="613"/>
      <c r="OZM661" s="613"/>
      <c r="OZN661" s="613"/>
      <c r="OZO661" s="613"/>
      <c r="OZP661" s="613"/>
      <c r="OZQ661" s="613"/>
      <c r="OZR661" s="613"/>
      <c r="OZS661" s="613"/>
      <c r="OZT661" s="613"/>
      <c r="OZU661" s="613"/>
      <c r="OZV661" s="613"/>
      <c r="OZW661" s="613"/>
      <c r="OZX661" s="613"/>
      <c r="OZY661" s="613"/>
      <c r="OZZ661" s="613"/>
      <c r="PAA661" s="613"/>
      <c r="PAB661" s="613"/>
      <c r="PAC661" s="613"/>
      <c r="PAD661" s="613"/>
      <c r="PAE661" s="613"/>
      <c r="PAF661" s="613"/>
      <c r="PAG661" s="613"/>
      <c r="PAH661" s="613"/>
      <c r="PAI661" s="613"/>
      <c r="PAJ661" s="613"/>
      <c r="PAK661" s="613"/>
      <c r="PAL661" s="613"/>
      <c r="PAM661" s="613"/>
      <c r="PAN661" s="613"/>
      <c r="PAO661" s="613"/>
      <c r="PAP661" s="613"/>
      <c r="PAQ661" s="613"/>
      <c r="PAR661" s="613"/>
      <c r="PAS661" s="613"/>
      <c r="PAT661" s="613"/>
      <c r="PAU661" s="613"/>
      <c r="PAV661" s="613"/>
      <c r="PAW661" s="613"/>
      <c r="PAX661" s="613"/>
      <c r="PAY661" s="613"/>
      <c r="PAZ661" s="613"/>
      <c r="PBA661" s="613"/>
      <c r="PBB661" s="613"/>
      <c r="PBC661" s="613"/>
      <c r="PBD661" s="613"/>
      <c r="PBE661" s="613"/>
      <c r="PBF661" s="613"/>
      <c r="PBG661" s="613"/>
      <c r="PBH661" s="613"/>
      <c r="PBI661" s="613"/>
      <c r="PBJ661" s="613"/>
      <c r="PBK661" s="613"/>
      <c r="PBL661" s="613"/>
      <c r="PBM661" s="613"/>
      <c r="PBN661" s="613"/>
      <c r="PBO661" s="613"/>
      <c r="PBP661" s="613"/>
      <c r="PBQ661" s="613"/>
      <c r="PBR661" s="613"/>
      <c r="PBS661" s="613"/>
      <c r="PBT661" s="613"/>
      <c r="PBU661" s="613"/>
      <c r="PBV661" s="613"/>
      <c r="PBW661" s="613"/>
      <c r="PBX661" s="613"/>
      <c r="PBY661" s="613"/>
      <c r="PBZ661" s="613"/>
      <c r="PCA661" s="613"/>
      <c r="PCB661" s="613"/>
      <c r="PCC661" s="613"/>
      <c r="PCD661" s="613"/>
      <c r="PCE661" s="613"/>
      <c r="PCF661" s="613"/>
      <c r="PCG661" s="613"/>
      <c r="PCH661" s="613"/>
      <c r="PCI661" s="613"/>
      <c r="PCJ661" s="613"/>
      <c r="PCK661" s="613"/>
      <c r="PCL661" s="613"/>
      <c r="PCM661" s="613"/>
      <c r="PCN661" s="613"/>
      <c r="PCO661" s="613"/>
      <c r="PCP661" s="613"/>
      <c r="PCQ661" s="613"/>
      <c r="PCR661" s="613"/>
      <c r="PCS661" s="613"/>
      <c r="PCT661" s="613"/>
      <c r="PCU661" s="613"/>
      <c r="PCV661" s="613"/>
      <c r="PCW661" s="613"/>
      <c r="PCX661" s="613"/>
      <c r="PCY661" s="613"/>
      <c r="PCZ661" s="613"/>
      <c r="PDA661" s="613"/>
      <c r="PDB661" s="613"/>
      <c r="PDC661" s="613"/>
      <c r="PDD661" s="613"/>
      <c r="PDE661" s="613"/>
      <c r="PDF661" s="613"/>
      <c r="PDG661" s="613"/>
      <c r="PDH661" s="613"/>
      <c r="PDI661" s="613"/>
      <c r="PDJ661" s="613"/>
      <c r="PDK661" s="613"/>
      <c r="PDL661" s="613"/>
      <c r="PDM661" s="613"/>
      <c r="PDN661" s="613"/>
      <c r="PDO661" s="613"/>
      <c r="PDP661" s="613"/>
      <c r="PDQ661" s="613"/>
      <c r="PDR661" s="613"/>
      <c r="PDS661" s="613"/>
      <c r="PDT661" s="613"/>
      <c r="PDU661" s="613"/>
      <c r="PDV661" s="613"/>
      <c r="PDW661" s="613"/>
      <c r="PDX661" s="613"/>
      <c r="PDY661" s="613"/>
      <c r="PDZ661" s="613"/>
      <c r="PEA661" s="613"/>
      <c r="PEB661" s="613"/>
      <c r="PEC661" s="613"/>
      <c r="PED661" s="613"/>
      <c r="PEE661" s="613"/>
      <c r="PEF661" s="613"/>
      <c r="PEG661" s="613"/>
      <c r="PEH661" s="613"/>
      <c r="PEI661" s="613"/>
      <c r="PEJ661" s="613"/>
      <c r="PEK661" s="613"/>
      <c r="PEL661" s="613"/>
      <c r="PEM661" s="613"/>
      <c r="PEN661" s="613"/>
      <c r="PEO661" s="613"/>
      <c r="PEP661" s="613"/>
      <c r="PEQ661" s="613"/>
      <c r="PER661" s="613"/>
      <c r="PES661" s="613"/>
      <c r="PET661" s="613"/>
      <c r="PEU661" s="613"/>
      <c r="PEV661" s="613"/>
      <c r="PEW661" s="613"/>
      <c r="PEX661" s="613"/>
      <c r="PEY661" s="613"/>
      <c r="PEZ661" s="613"/>
      <c r="PFA661" s="613"/>
      <c r="PFB661" s="613"/>
      <c r="PFC661" s="613"/>
      <c r="PFD661" s="613"/>
      <c r="PFE661" s="613"/>
      <c r="PFF661" s="613"/>
      <c r="PFG661" s="613"/>
      <c r="PFH661" s="613"/>
      <c r="PFI661" s="613"/>
      <c r="PFJ661" s="613"/>
      <c r="PFK661" s="613"/>
      <c r="PFL661" s="613"/>
      <c r="PFM661" s="613"/>
      <c r="PFN661" s="613"/>
      <c r="PFO661" s="613"/>
      <c r="PFP661" s="613"/>
      <c r="PFQ661" s="613"/>
      <c r="PFR661" s="613"/>
      <c r="PFS661" s="613"/>
      <c r="PFT661" s="613"/>
      <c r="PFU661" s="613"/>
      <c r="PFV661" s="613"/>
      <c r="PFW661" s="613"/>
      <c r="PFX661" s="613"/>
      <c r="PFY661" s="613"/>
      <c r="PFZ661" s="613"/>
      <c r="PGA661" s="613"/>
      <c r="PGB661" s="613"/>
      <c r="PGC661" s="613"/>
      <c r="PGD661" s="613"/>
      <c r="PGE661" s="613"/>
      <c r="PGF661" s="613"/>
      <c r="PGG661" s="613"/>
      <c r="PGH661" s="613"/>
      <c r="PGI661" s="613"/>
      <c r="PGJ661" s="613"/>
      <c r="PGK661" s="613"/>
      <c r="PGL661" s="613"/>
      <c r="PGM661" s="613"/>
      <c r="PGN661" s="613"/>
      <c r="PGO661" s="613"/>
      <c r="PGP661" s="613"/>
      <c r="PGQ661" s="613"/>
      <c r="PGR661" s="613"/>
      <c r="PGS661" s="613"/>
      <c r="PGT661" s="613"/>
      <c r="PGU661" s="613"/>
      <c r="PGV661" s="613"/>
      <c r="PGW661" s="613"/>
      <c r="PGX661" s="613"/>
      <c r="PGY661" s="613"/>
      <c r="PGZ661" s="613"/>
      <c r="PHA661" s="613"/>
      <c r="PHB661" s="613"/>
      <c r="PHC661" s="613"/>
      <c r="PHD661" s="613"/>
      <c r="PHE661" s="613"/>
      <c r="PHF661" s="613"/>
      <c r="PHG661" s="613"/>
      <c r="PHH661" s="613"/>
      <c r="PHI661" s="613"/>
      <c r="PHJ661" s="613"/>
      <c r="PHK661" s="613"/>
      <c r="PHL661" s="613"/>
      <c r="PHM661" s="613"/>
      <c r="PHN661" s="613"/>
      <c r="PHO661" s="613"/>
      <c r="PHP661" s="613"/>
      <c r="PHQ661" s="613"/>
      <c r="PHR661" s="613"/>
      <c r="PHS661" s="613"/>
      <c r="PHT661" s="613"/>
      <c r="PHU661" s="613"/>
      <c r="PHV661" s="613"/>
      <c r="PHW661" s="613"/>
      <c r="PHX661" s="613"/>
      <c r="PHY661" s="613"/>
      <c r="PHZ661" s="613"/>
      <c r="PIA661" s="613"/>
      <c r="PIB661" s="613"/>
      <c r="PIC661" s="613"/>
      <c r="PID661" s="613"/>
      <c r="PIE661" s="613"/>
      <c r="PIF661" s="613"/>
      <c r="PIG661" s="613"/>
      <c r="PIH661" s="613"/>
      <c r="PII661" s="613"/>
      <c r="PIJ661" s="613"/>
      <c r="PIK661" s="613"/>
      <c r="PIL661" s="613"/>
      <c r="PIM661" s="613"/>
      <c r="PIN661" s="613"/>
      <c r="PIO661" s="613"/>
      <c r="PIP661" s="613"/>
      <c r="PIQ661" s="613"/>
      <c r="PIR661" s="613"/>
      <c r="PIS661" s="613"/>
      <c r="PIT661" s="613"/>
      <c r="PIU661" s="613"/>
      <c r="PIV661" s="613"/>
      <c r="PIW661" s="613"/>
      <c r="PIX661" s="613"/>
      <c r="PIY661" s="613"/>
      <c r="PIZ661" s="613"/>
      <c r="PJA661" s="613"/>
      <c r="PJB661" s="613"/>
      <c r="PJC661" s="613"/>
      <c r="PJD661" s="613"/>
      <c r="PJE661" s="613"/>
      <c r="PJF661" s="613"/>
      <c r="PJG661" s="613"/>
      <c r="PJH661" s="613"/>
      <c r="PJI661" s="613"/>
      <c r="PJJ661" s="613"/>
      <c r="PJK661" s="613"/>
      <c r="PJL661" s="613"/>
      <c r="PJM661" s="613"/>
      <c r="PJN661" s="613"/>
      <c r="PJO661" s="613"/>
      <c r="PJP661" s="613"/>
      <c r="PJQ661" s="613"/>
      <c r="PJR661" s="613"/>
      <c r="PJS661" s="613"/>
      <c r="PJT661" s="613"/>
      <c r="PJU661" s="613"/>
      <c r="PJV661" s="613"/>
      <c r="PJW661" s="613"/>
      <c r="PJX661" s="613"/>
      <c r="PJY661" s="613"/>
      <c r="PJZ661" s="613"/>
      <c r="PKA661" s="613"/>
      <c r="PKB661" s="613"/>
      <c r="PKC661" s="613"/>
      <c r="PKD661" s="613"/>
      <c r="PKE661" s="613"/>
      <c r="PKF661" s="613"/>
      <c r="PKG661" s="613"/>
      <c r="PKH661" s="613"/>
      <c r="PKI661" s="613"/>
      <c r="PKJ661" s="613"/>
      <c r="PKK661" s="613"/>
      <c r="PKL661" s="613"/>
      <c r="PKM661" s="613"/>
      <c r="PKN661" s="613"/>
      <c r="PKO661" s="613"/>
      <c r="PKP661" s="613"/>
      <c r="PKQ661" s="613"/>
      <c r="PKR661" s="613"/>
      <c r="PKS661" s="613"/>
      <c r="PKT661" s="613"/>
      <c r="PKU661" s="613"/>
      <c r="PKV661" s="613"/>
      <c r="PKW661" s="613"/>
      <c r="PKX661" s="613"/>
      <c r="PKY661" s="613"/>
      <c r="PKZ661" s="613"/>
      <c r="PLA661" s="613"/>
      <c r="PLB661" s="613"/>
      <c r="PLC661" s="613"/>
      <c r="PLD661" s="613"/>
      <c r="PLE661" s="613"/>
      <c r="PLF661" s="613"/>
      <c r="PLG661" s="613"/>
      <c r="PLH661" s="613"/>
      <c r="PLI661" s="613"/>
      <c r="PLJ661" s="613"/>
      <c r="PLK661" s="613"/>
      <c r="PLL661" s="613"/>
      <c r="PLM661" s="613"/>
      <c r="PLN661" s="613"/>
      <c r="PLO661" s="613"/>
      <c r="PLP661" s="613"/>
      <c r="PLQ661" s="613"/>
      <c r="PLR661" s="613"/>
      <c r="PLS661" s="613"/>
      <c r="PLT661" s="613"/>
      <c r="PLU661" s="613"/>
      <c r="PLV661" s="613"/>
      <c r="PLW661" s="613"/>
      <c r="PLX661" s="613"/>
      <c r="PLY661" s="613"/>
      <c r="PLZ661" s="613"/>
      <c r="PMA661" s="613"/>
      <c r="PMB661" s="613"/>
      <c r="PMC661" s="613"/>
      <c r="PMD661" s="613"/>
      <c r="PME661" s="613"/>
      <c r="PMF661" s="613"/>
      <c r="PMG661" s="613"/>
      <c r="PMH661" s="613"/>
      <c r="PMI661" s="613"/>
      <c r="PMJ661" s="613"/>
      <c r="PMK661" s="613"/>
      <c r="PML661" s="613"/>
      <c r="PMM661" s="613"/>
      <c r="PMN661" s="613"/>
      <c r="PMO661" s="613"/>
      <c r="PMP661" s="613"/>
      <c r="PMQ661" s="613"/>
      <c r="PMR661" s="613"/>
      <c r="PMS661" s="613"/>
      <c r="PMT661" s="613"/>
      <c r="PMU661" s="613"/>
      <c r="PMV661" s="613"/>
      <c r="PMW661" s="613"/>
      <c r="PMX661" s="613"/>
      <c r="PMY661" s="613"/>
      <c r="PMZ661" s="613"/>
      <c r="PNA661" s="613"/>
      <c r="PNB661" s="613"/>
      <c r="PNC661" s="613"/>
      <c r="PND661" s="613"/>
      <c r="PNE661" s="613"/>
      <c r="PNF661" s="613"/>
      <c r="PNG661" s="613"/>
      <c r="PNH661" s="613"/>
      <c r="PNI661" s="613"/>
      <c r="PNJ661" s="613"/>
      <c r="PNK661" s="613"/>
      <c r="PNL661" s="613"/>
      <c r="PNM661" s="613"/>
      <c r="PNN661" s="613"/>
      <c r="PNO661" s="613"/>
      <c r="PNP661" s="613"/>
      <c r="PNQ661" s="613"/>
      <c r="PNR661" s="613"/>
      <c r="PNS661" s="613"/>
      <c r="PNT661" s="613"/>
      <c r="PNU661" s="613"/>
      <c r="PNV661" s="613"/>
      <c r="PNW661" s="613"/>
      <c r="PNX661" s="613"/>
      <c r="PNY661" s="613"/>
      <c r="PNZ661" s="613"/>
      <c r="POA661" s="613"/>
      <c r="POB661" s="613"/>
      <c r="POC661" s="613"/>
      <c r="POD661" s="613"/>
      <c r="POE661" s="613"/>
      <c r="POF661" s="613"/>
      <c r="POG661" s="613"/>
      <c r="POH661" s="613"/>
      <c r="POI661" s="613"/>
      <c r="POJ661" s="613"/>
      <c r="POK661" s="613"/>
      <c r="POL661" s="613"/>
      <c r="POM661" s="613"/>
      <c r="PON661" s="613"/>
      <c r="POO661" s="613"/>
      <c r="POP661" s="613"/>
      <c r="POQ661" s="613"/>
      <c r="POR661" s="613"/>
      <c r="POS661" s="613"/>
      <c r="POT661" s="613"/>
      <c r="POU661" s="613"/>
      <c r="POV661" s="613"/>
      <c r="POW661" s="613"/>
      <c r="POX661" s="613"/>
      <c r="POY661" s="613"/>
      <c r="POZ661" s="613"/>
      <c r="PPA661" s="613"/>
      <c r="PPB661" s="613"/>
      <c r="PPC661" s="613"/>
      <c r="PPD661" s="613"/>
      <c r="PPE661" s="613"/>
      <c r="PPF661" s="613"/>
      <c r="PPG661" s="613"/>
      <c r="PPH661" s="613"/>
      <c r="PPI661" s="613"/>
      <c r="PPJ661" s="613"/>
      <c r="PPK661" s="613"/>
      <c r="PPL661" s="613"/>
      <c r="PPM661" s="613"/>
      <c r="PPN661" s="613"/>
      <c r="PPO661" s="613"/>
      <c r="PPP661" s="613"/>
      <c r="PPQ661" s="613"/>
      <c r="PPR661" s="613"/>
      <c r="PPS661" s="613"/>
      <c r="PPT661" s="613"/>
      <c r="PPU661" s="613"/>
      <c r="PPV661" s="613"/>
      <c r="PPW661" s="613"/>
      <c r="PPX661" s="613"/>
      <c r="PPY661" s="613"/>
      <c r="PPZ661" s="613"/>
      <c r="PQA661" s="613"/>
      <c r="PQB661" s="613"/>
      <c r="PQC661" s="613"/>
      <c r="PQD661" s="613"/>
      <c r="PQE661" s="613"/>
      <c r="PQF661" s="613"/>
      <c r="PQG661" s="613"/>
      <c r="PQH661" s="613"/>
      <c r="PQI661" s="613"/>
      <c r="PQJ661" s="613"/>
      <c r="PQK661" s="613"/>
      <c r="PQL661" s="613"/>
      <c r="PQM661" s="613"/>
      <c r="PQN661" s="613"/>
      <c r="PQO661" s="613"/>
      <c r="PQP661" s="613"/>
      <c r="PQQ661" s="613"/>
      <c r="PQR661" s="613"/>
      <c r="PQS661" s="613"/>
      <c r="PQT661" s="613"/>
      <c r="PQU661" s="613"/>
      <c r="PQV661" s="613"/>
      <c r="PQW661" s="613"/>
      <c r="PQX661" s="613"/>
      <c r="PQY661" s="613"/>
      <c r="PQZ661" s="613"/>
      <c r="PRA661" s="613"/>
      <c r="PRB661" s="613"/>
      <c r="PRC661" s="613"/>
      <c r="PRD661" s="613"/>
      <c r="PRE661" s="613"/>
      <c r="PRF661" s="613"/>
      <c r="PRG661" s="613"/>
      <c r="PRH661" s="613"/>
      <c r="PRI661" s="613"/>
      <c r="PRJ661" s="613"/>
      <c r="PRK661" s="613"/>
      <c r="PRL661" s="613"/>
      <c r="PRM661" s="613"/>
      <c r="PRN661" s="613"/>
      <c r="PRO661" s="613"/>
      <c r="PRP661" s="613"/>
      <c r="PRQ661" s="613"/>
      <c r="PRR661" s="613"/>
      <c r="PRS661" s="613"/>
      <c r="PRT661" s="613"/>
      <c r="PRU661" s="613"/>
      <c r="PRV661" s="613"/>
      <c r="PRW661" s="613"/>
      <c r="PRX661" s="613"/>
      <c r="PRY661" s="613"/>
      <c r="PRZ661" s="613"/>
      <c r="PSA661" s="613"/>
      <c r="PSB661" s="613"/>
      <c r="PSC661" s="613"/>
      <c r="PSD661" s="613"/>
      <c r="PSE661" s="613"/>
      <c r="PSF661" s="613"/>
      <c r="PSG661" s="613"/>
      <c r="PSH661" s="613"/>
      <c r="PSI661" s="613"/>
      <c r="PSJ661" s="613"/>
      <c r="PSK661" s="613"/>
      <c r="PSL661" s="613"/>
      <c r="PSM661" s="613"/>
      <c r="PSN661" s="613"/>
      <c r="PSO661" s="613"/>
      <c r="PSP661" s="613"/>
      <c r="PSQ661" s="613"/>
      <c r="PSR661" s="613"/>
      <c r="PSS661" s="613"/>
      <c r="PST661" s="613"/>
      <c r="PSU661" s="613"/>
      <c r="PSV661" s="613"/>
      <c r="PSW661" s="613"/>
      <c r="PSX661" s="613"/>
      <c r="PSY661" s="613"/>
      <c r="PSZ661" s="613"/>
      <c r="PTA661" s="613"/>
      <c r="PTB661" s="613"/>
      <c r="PTC661" s="613"/>
      <c r="PTD661" s="613"/>
      <c r="PTE661" s="613"/>
      <c r="PTF661" s="613"/>
      <c r="PTG661" s="613"/>
      <c r="PTH661" s="613"/>
      <c r="PTI661" s="613"/>
      <c r="PTJ661" s="613"/>
      <c r="PTK661" s="613"/>
      <c r="PTL661" s="613"/>
      <c r="PTM661" s="613"/>
      <c r="PTN661" s="613"/>
      <c r="PTO661" s="613"/>
      <c r="PTP661" s="613"/>
      <c r="PTQ661" s="613"/>
      <c r="PTR661" s="613"/>
      <c r="PTS661" s="613"/>
      <c r="PTT661" s="613"/>
      <c r="PTU661" s="613"/>
      <c r="PTV661" s="613"/>
      <c r="PTW661" s="613"/>
      <c r="PTX661" s="613"/>
      <c r="PTY661" s="613"/>
      <c r="PTZ661" s="613"/>
      <c r="PUA661" s="613"/>
      <c r="PUB661" s="613"/>
      <c r="PUC661" s="613"/>
      <c r="PUD661" s="613"/>
      <c r="PUE661" s="613"/>
      <c r="PUF661" s="613"/>
      <c r="PUG661" s="613"/>
      <c r="PUH661" s="613"/>
      <c r="PUI661" s="613"/>
      <c r="PUJ661" s="613"/>
      <c r="PUK661" s="613"/>
      <c r="PUL661" s="613"/>
      <c r="PUM661" s="613"/>
      <c r="PUN661" s="613"/>
      <c r="PUO661" s="613"/>
      <c r="PUP661" s="613"/>
      <c r="PUQ661" s="613"/>
      <c r="PUR661" s="613"/>
      <c r="PUS661" s="613"/>
      <c r="PUT661" s="613"/>
      <c r="PUU661" s="613"/>
      <c r="PUV661" s="613"/>
      <c r="PUW661" s="613"/>
      <c r="PUX661" s="613"/>
      <c r="PUY661" s="613"/>
      <c r="PUZ661" s="613"/>
      <c r="PVA661" s="613"/>
      <c r="PVB661" s="613"/>
      <c r="PVC661" s="613"/>
      <c r="PVD661" s="613"/>
      <c r="PVE661" s="613"/>
      <c r="PVF661" s="613"/>
      <c r="PVG661" s="613"/>
      <c r="PVH661" s="613"/>
      <c r="PVI661" s="613"/>
      <c r="PVJ661" s="613"/>
      <c r="PVK661" s="613"/>
      <c r="PVL661" s="613"/>
      <c r="PVM661" s="613"/>
      <c r="PVN661" s="613"/>
      <c r="PVO661" s="613"/>
      <c r="PVP661" s="613"/>
      <c r="PVQ661" s="613"/>
      <c r="PVR661" s="613"/>
      <c r="PVS661" s="613"/>
      <c r="PVT661" s="613"/>
      <c r="PVU661" s="613"/>
      <c r="PVV661" s="613"/>
      <c r="PVW661" s="613"/>
      <c r="PVX661" s="613"/>
      <c r="PVY661" s="613"/>
      <c r="PVZ661" s="613"/>
      <c r="PWA661" s="613"/>
      <c r="PWB661" s="613"/>
      <c r="PWC661" s="613"/>
      <c r="PWD661" s="613"/>
      <c r="PWE661" s="613"/>
      <c r="PWF661" s="613"/>
      <c r="PWG661" s="613"/>
      <c r="PWH661" s="613"/>
      <c r="PWI661" s="613"/>
      <c r="PWJ661" s="613"/>
      <c r="PWK661" s="613"/>
      <c r="PWL661" s="613"/>
      <c r="PWM661" s="613"/>
      <c r="PWN661" s="613"/>
      <c r="PWO661" s="613"/>
      <c r="PWP661" s="613"/>
      <c r="PWQ661" s="613"/>
      <c r="PWR661" s="613"/>
      <c r="PWS661" s="613"/>
      <c r="PWT661" s="613"/>
      <c r="PWU661" s="613"/>
      <c r="PWV661" s="613"/>
      <c r="PWW661" s="613"/>
      <c r="PWX661" s="613"/>
      <c r="PWY661" s="613"/>
      <c r="PWZ661" s="613"/>
      <c r="PXA661" s="613"/>
      <c r="PXB661" s="613"/>
      <c r="PXC661" s="613"/>
      <c r="PXD661" s="613"/>
      <c r="PXE661" s="613"/>
      <c r="PXF661" s="613"/>
      <c r="PXG661" s="613"/>
      <c r="PXH661" s="613"/>
      <c r="PXI661" s="613"/>
      <c r="PXJ661" s="613"/>
      <c r="PXK661" s="613"/>
      <c r="PXL661" s="613"/>
      <c r="PXM661" s="613"/>
      <c r="PXN661" s="613"/>
      <c r="PXO661" s="613"/>
      <c r="PXP661" s="613"/>
      <c r="PXQ661" s="613"/>
      <c r="PXR661" s="613"/>
      <c r="PXS661" s="613"/>
      <c r="PXT661" s="613"/>
      <c r="PXU661" s="613"/>
      <c r="PXV661" s="613"/>
      <c r="PXW661" s="613"/>
      <c r="PXX661" s="613"/>
      <c r="PXY661" s="613"/>
      <c r="PXZ661" s="613"/>
      <c r="PYA661" s="613"/>
      <c r="PYB661" s="613"/>
      <c r="PYC661" s="613"/>
      <c r="PYD661" s="613"/>
      <c r="PYE661" s="613"/>
      <c r="PYF661" s="613"/>
      <c r="PYG661" s="613"/>
      <c r="PYH661" s="613"/>
      <c r="PYI661" s="613"/>
      <c r="PYJ661" s="613"/>
      <c r="PYK661" s="613"/>
      <c r="PYL661" s="613"/>
      <c r="PYM661" s="613"/>
      <c r="PYN661" s="613"/>
      <c r="PYO661" s="613"/>
      <c r="PYP661" s="613"/>
      <c r="PYQ661" s="613"/>
      <c r="PYR661" s="613"/>
      <c r="PYS661" s="613"/>
      <c r="PYT661" s="613"/>
      <c r="PYU661" s="613"/>
      <c r="PYV661" s="613"/>
      <c r="PYW661" s="613"/>
      <c r="PYX661" s="613"/>
      <c r="PYY661" s="613"/>
      <c r="PYZ661" s="613"/>
      <c r="PZA661" s="613"/>
      <c r="PZB661" s="613"/>
      <c r="PZC661" s="613"/>
      <c r="PZD661" s="613"/>
      <c r="PZE661" s="613"/>
      <c r="PZF661" s="613"/>
      <c r="PZG661" s="613"/>
      <c r="PZH661" s="613"/>
      <c r="PZI661" s="613"/>
      <c r="PZJ661" s="613"/>
      <c r="PZK661" s="613"/>
      <c r="PZL661" s="613"/>
      <c r="PZM661" s="613"/>
      <c r="PZN661" s="613"/>
      <c r="PZO661" s="613"/>
      <c r="PZP661" s="613"/>
      <c r="PZQ661" s="613"/>
      <c r="PZR661" s="613"/>
      <c r="PZS661" s="613"/>
      <c r="PZT661" s="613"/>
      <c r="PZU661" s="613"/>
      <c r="PZV661" s="613"/>
      <c r="PZW661" s="613"/>
      <c r="PZX661" s="613"/>
      <c r="PZY661" s="613"/>
      <c r="PZZ661" s="613"/>
      <c r="QAA661" s="613"/>
      <c r="QAB661" s="613"/>
      <c r="QAC661" s="613"/>
      <c r="QAD661" s="613"/>
      <c r="QAE661" s="613"/>
      <c r="QAF661" s="613"/>
      <c r="QAG661" s="613"/>
      <c r="QAH661" s="613"/>
      <c r="QAI661" s="613"/>
      <c r="QAJ661" s="613"/>
      <c r="QAK661" s="613"/>
      <c r="QAL661" s="613"/>
      <c r="QAM661" s="613"/>
      <c r="QAN661" s="613"/>
      <c r="QAO661" s="613"/>
      <c r="QAP661" s="613"/>
      <c r="QAQ661" s="613"/>
      <c r="QAR661" s="613"/>
      <c r="QAS661" s="613"/>
      <c r="QAT661" s="613"/>
      <c r="QAU661" s="613"/>
      <c r="QAV661" s="613"/>
      <c r="QAW661" s="613"/>
      <c r="QAX661" s="613"/>
      <c r="QAY661" s="613"/>
      <c r="QAZ661" s="613"/>
      <c r="QBA661" s="613"/>
      <c r="QBB661" s="613"/>
      <c r="QBC661" s="613"/>
      <c r="QBD661" s="613"/>
      <c r="QBE661" s="613"/>
      <c r="QBF661" s="613"/>
      <c r="QBG661" s="613"/>
      <c r="QBH661" s="613"/>
      <c r="QBI661" s="613"/>
      <c r="QBJ661" s="613"/>
      <c r="QBK661" s="613"/>
      <c r="QBL661" s="613"/>
      <c r="QBM661" s="613"/>
      <c r="QBN661" s="613"/>
      <c r="QBO661" s="613"/>
      <c r="QBP661" s="613"/>
      <c r="QBQ661" s="613"/>
      <c r="QBR661" s="613"/>
      <c r="QBS661" s="613"/>
      <c r="QBT661" s="613"/>
      <c r="QBU661" s="613"/>
      <c r="QBV661" s="613"/>
      <c r="QBW661" s="613"/>
      <c r="QBX661" s="613"/>
      <c r="QBY661" s="613"/>
      <c r="QBZ661" s="613"/>
      <c r="QCA661" s="613"/>
      <c r="QCB661" s="613"/>
      <c r="QCC661" s="613"/>
      <c r="QCD661" s="613"/>
      <c r="QCE661" s="613"/>
      <c r="QCF661" s="613"/>
      <c r="QCG661" s="613"/>
      <c r="QCH661" s="613"/>
      <c r="QCI661" s="613"/>
      <c r="QCJ661" s="613"/>
      <c r="QCK661" s="613"/>
      <c r="QCL661" s="613"/>
      <c r="QCM661" s="613"/>
      <c r="QCN661" s="613"/>
      <c r="QCO661" s="613"/>
      <c r="QCP661" s="613"/>
      <c r="QCQ661" s="613"/>
      <c r="QCR661" s="613"/>
      <c r="QCS661" s="613"/>
      <c r="QCT661" s="613"/>
      <c r="QCU661" s="613"/>
      <c r="QCV661" s="613"/>
      <c r="QCW661" s="613"/>
      <c r="QCX661" s="613"/>
      <c r="QCY661" s="613"/>
      <c r="QCZ661" s="613"/>
      <c r="QDA661" s="613"/>
      <c r="QDB661" s="613"/>
      <c r="QDC661" s="613"/>
      <c r="QDD661" s="613"/>
      <c r="QDE661" s="613"/>
      <c r="QDF661" s="613"/>
      <c r="QDG661" s="613"/>
      <c r="QDH661" s="613"/>
      <c r="QDI661" s="613"/>
      <c r="QDJ661" s="613"/>
      <c r="QDK661" s="613"/>
      <c r="QDL661" s="613"/>
      <c r="QDM661" s="613"/>
      <c r="QDN661" s="613"/>
      <c r="QDO661" s="613"/>
      <c r="QDP661" s="613"/>
      <c r="QDQ661" s="613"/>
      <c r="QDR661" s="613"/>
      <c r="QDS661" s="613"/>
      <c r="QDT661" s="613"/>
      <c r="QDU661" s="613"/>
      <c r="QDV661" s="613"/>
      <c r="QDW661" s="613"/>
      <c r="QDX661" s="613"/>
      <c r="QDY661" s="613"/>
      <c r="QDZ661" s="613"/>
      <c r="QEA661" s="613"/>
      <c r="QEB661" s="613"/>
      <c r="QEC661" s="613"/>
      <c r="QED661" s="613"/>
      <c r="QEE661" s="613"/>
      <c r="QEF661" s="613"/>
      <c r="QEG661" s="613"/>
      <c r="QEH661" s="613"/>
      <c r="QEI661" s="613"/>
      <c r="QEJ661" s="613"/>
      <c r="QEK661" s="613"/>
      <c r="QEL661" s="613"/>
      <c r="QEM661" s="613"/>
      <c r="QEN661" s="613"/>
      <c r="QEO661" s="613"/>
      <c r="QEP661" s="613"/>
      <c r="QEQ661" s="613"/>
      <c r="QER661" s="613"/>
      <c r="QES661" s="613"/>
      <c r="QET661" s="613"/>
      <c r="QEU661" s="613"/>
      <c r="QEV661" s="613"/>
      <c r="QEW661" s="613"/>
      <c r="QEX661" s="613"/>
      <c r="QEY661" s="613"/>
      <c r="QEZ661" s="613"/>
      <c r="QFA661" s="613"/>
      <c r="QFB661" s="613"/>
      <c r="QFC661" s="613"/>
      <c r="QFD661" s="613"/>
      <c r="QFE661" s="613"/>
      <c r="QFF661" s="613"/>
      <c r="QFG661" s="613"/>
      <c r="QFH661" s="613"/>
      <c r="QFI661" s="613"/>
      <c r="QFJ661" s="613"/>
      <c r="QFK661" s="613"/>
      <c r="QFL661" s="613"/>
      <c r="QFM661" s="613"/>
      <c r="QFN661" s="613"/>
      <c r="QFO661" s="613"/>
      <c r="QFP661" s="613"/>
      <c r="QFQ661" s="613"/>
      <c r="QFR661" s="613"/>
      <c r="QFS661" s="613"/>
      <c r="QFT661" s="613"/>
      <c r="QFU661" s="613"/>
      <c r="QFV661" s="613"/>
      <c r="QFW661" s="613"/>
      <c r="QFX661" s="613"/>
      <c r="QFY661" s="613"/>
      <c r="QFZ661" s="613"/>
      <c r="QGA661" s="613"/>
      <c r="QGB661" s="613"/>
      <c r="QGC661" s="613"/>
      <c r="QGD661" s="613"/>
      <c r="QGE661" s="613"/>
      <c r="QGF661" s="613"/>
      <c r="QGG661" s="613"/>
      <c r="QGH661" s="613"/>
      <c r="QGI661" s="613"/>
      <c r="QGJ661" s="613"/>
      <c r="QGK661" s="613"/>
      <c r="QGL661" s="613"/>
      <c r="QGM661" s="613"/>
      <c r="QGN661" s="613"/>
      <c r="QGO661" s="613"/>
      <c r="QGP661" s="613"/>
      <c r="QGQ661" s="613"/>
      <c r="QGR661" s="613"/>
      <c r="QGS661" s="613"/>
      <c r="QGT661" s="613"/>
      <c r="QGU661" s="613"/>
      <c r="QGV661" s="613"/>
      <c r="QGW661" s="613"/>
      <c r="QGX661" s="613"/>
      <c r="QGY661" s="613"/>
      <c r="QGZ661" s="613"/>
      <c r="QHA661" s="613"/>
      <c r="QHB661" s="613"/>
      <c r="QHC661" s="613"/>
      <c r="QHD661" s="613"/>
      <c r="QHE661" s="613"/>
      <c r="QHF661" s="613"/>
      <c r="QHG661" s="613"/>
      <c r="QHH661" s="613"/>
      <c r="QHI661" s="613"/>
      <c r="QHJ661" s="613"/>
      <c r="QHK661" s="613"/>
      <c r="QHL661" s="613"/>
      <c r="QHM661" s="613"/>
      <c r="QHN661" s="613"/>
      <c r="QHO661" s="613"/>
      <c r="QHP661" s="613"/>
      <c r="QHQ661" s="613"/>
      <c r="QHR661" s="613"/>
      <c r="QHS661" s="613"/>
      <c r="QHT661" s="613"/>
      <c r="QHU661" s="613"/>
      <c r="QHV661" s="613"/>
      <c r="QHW661" s="613"/>
      <c r="QHX661" s="613"/>
      <c r="QHY661" s="613"/>
      <c r="QHZ661" s="613"/>
      <c r="QIA661" s="613"/>
      <c r="QIB661" s="613"/>
      <c r="QIC661" s="613"/>
      <c r="QID661" s="613"/>
      <c r="QIE661" s="613"/>
      <c r="QIF661" s="613"/>
      <c r="QIG661" s="613"/>
      <c r="QIH661" s="613"/>
      <c r="QII661" s="613"/>
      <c r="QIJ661" s="613"/>
      <c r="QIK661" s="613"/>
      <c r="QIL661" s="613"/>
      <c r="QIM661" s="613"/>
      <c r="QIN661" s="613"/>
      <c r="QIO661" s="613"/>
      <c r="QIP661" s="613"/>
      <c r="QIQ661" s="613"/>
      <c r="QIR661" s="613"/>
      <c r="QIS661" s="613"/>
      <c r="QIT661" s="613"/>
      <c r="QIU661" s="613"/>
      <c r="QIV661" s="613"/>
      <c r="QIW661" s="613"/>
      <c r="QIX661" s="613"/>
      <c r="QIY661" s="613"/>
      <c r="QIZ661" s="613"/>
      <c r="QJA661" s="613"/>
      <c r="QJB661" s="613"/>
      <c r="QJC661" s="613"/>
      <c r="QJD661" s="613"/>
      <c r="QJE661" s="613"/>
      <c r="QJF661" s="613"/>
      <c r="QJG661" s="613"/>
      <c r="QJH661" s="613"/>
      <c r="QJI661" s="613"/>
      <c r="QJJ661" s="613"/>
      <c r="QJK661" s="613"/>
      <c r="QJL661" s="613"/>
      <c r="QJM661" s="613"/>
      <c r="QJN661" s="613"/>
      <c r="QJO661" s="613"/>
      <c r="QJP661" s="613"/>
      <c r="QJQ661" s="613"/>
      <c r="QJR661" s="613"/>
      <c r="QJS661" s="613"/>
      <c r="QJT661" s="613"/>
      <c r="QJU661" s="613"/>
      <c r="QJV661" s="613"/>
      <c r="QJW661" s="613"/>
      <c r="QJX661" s="613"/>
      <c r="QJY661" s="613"/>
      <c r="QJZ661" s="613"/>
      <c r="QKA661" s="613"/>
      <c r="QKB661" s="613"/>
      <c r="QKC661" s="613"/>
      <c r="QKD661" s="613"/>
      <c r="QKE661" s="613"/>
      <c r="QKF661" s="613"/>
      <c r="QKG661" s="613"/>
      <c r="QKH661" s="613"/>
      <c r="QKI661" s="613"/>
      <c r="QKJ661" s="613"/>
      <c r="QKK661" s="613"/>
      <c r="QKL661" s="613"/>
      <c r="QKM661" s="613"/>
      <c r="QKN661" s="613"/>
      <c r="QKO661" s="613"/>
      <c r="QKP661" s="613"/>
      <c r="QKQ661" s="613"/>
      <c r="QKR661" s="613"/>
      <c r="QKS661" s="613"/>
      <c r="QKT661" s="613"/>
      <c r="QKU661" s="613"/>
      <c r="QKV661" s="613"/>
      <c r="QKW661" s="613"/>
      <c r="QKX661" s="613"/>
      <c r="QKY661" s="613"/>
      <c r="QKZ661" s="613"/>
      <c r="QLA661" s="613"/>
      <c r="QLB661" s="613"/>
      <c r="QLC661" s="613"/>
      <c r="QLD661" s="613"/>
      <c r="QLE661" s="613"/>
      <c r="QLF661" s="613"/>
      <c r="QLG661" s="613"/>
      <c r="QLH661" s="613"/>
      <c r="QLI661" s="613"/>
      <c r="QLJ661" s="613"/>
      <c r="QLK661" s="613"/>
      <c r="QLL661" s="613"/>
      <c r="QLM661" s="613"/>
      <c r="QLN661" s="613"/>
      <c r="QLO661" s="613"/>
      <c r="QLP661" s="613"/>
      <c r="QLQ661" s="613"/>
      <c r="QLR661" s="613"/>
      <c r="QLS661" s="613"/>
      <c r="QLT661" s="613"/>
      <c r="QLU661" s="613"/>
      <c r="QLV661" s="613"/>
      <c r="QLW661" s="613"/>
      <c r="QLX661" s="613"/>
      <c r="QLY661" s="613"/>
      <c r="QLZ661" s="613"/>
      <c r="QMA661" s="613"/>
      <c r="QMB661" s="613"/>
      <c r="QMC661" s="613"/>
      <c r="QMD661" s="613"/>
      <c r="QME661" s="613"/>
      <c r="QMF661" s="613"/>
      <c r="QMG661" s="613"/>
      <c r="QMH661" s="613"/>
      <c r="QMI661" s="613"/>
      <c r="QMJ661" s="613"/>
      <c r="QMK661" s="613"/>
      <c r="QML661" s="613"/>
      <c r="QMM661" s="613"/>
      <c r="QMN661" s="613"/>
      <c r="QMO661" s="613"/>
      <c r="QMP661" s="613"/>
      <c r="QMQ661" s="613"/>
      <c r="QMR661" s="613"/>
      <c r="QMS661" s="613"/>
      <c r="QMT661" s="613"/>
      <c r="QMU661" s="613"/>
      <c r="QMV661" s="613"/>
      <c r="QMW661" s="613"/>
      <c r="QMX661" s="613"/>
      <c r="QMY661" s="613"/>
      <c r="QMZ661" s="613"/>
      <c r="QNA661" s="613"/>
      <c r="QNB661" s="613"/>
      <c r="QNC661" s="613"/>
      <c r="QND661" s="613"/>
      <c r="QNE661" s="613"/>
      <c r="QNF661" s="613"/>
      <c r="QNG661" s="613"/>
      <c r="QNH661" s="613"/>
      <c r="QNI661" s="613"/>
      <c r="QNJ661" s="613"/>
      <c r="QNK661" s="613"/>
      <c r="QNL661" s="613"/>
      <c r="QNM661" s="613"/>
      <c r="QNN661" s="613"/>
      <c r="QNO661" s="613"/>
      <c r="QNP661" s="613"/>
      <c r="QNQ661" s="613"/>
      <c r="QNR661" s="613"/>
      <c r="QNS661" s="613"/>
      <c r="QNT661" s="613"/>
      <c r="QNU661" s="613"/>
      <c r="QNV661" s="613"/>
      <c r="QNW661" s="613"/>
      <c r="QNX661" s="613"/>
      <c r="QNY661" s="613"/>
      <c r="QNZ661" s="613"/>
      <c r="QOA661" s="613"/>
      <c r="QOB661" s="613"/>
      <c r="QOC661" s="613"/>
      <c r="QOD661" s="613"/>
      <c r="QOE661" s="613"/>
      <c r="QOF661" s="613"/>
      <c r="QOG661" s="613"/>
      <c r="QOH661" s="613"/>
      <c r="QOI661" s="613"/>
      <c r="QOJ661" s="613"/>
      <c r="QOK661" s="613"/>
      <c r="QOL661" s="613"/>
      <c r="QOM661" s="613"/>
      <c r="QON661" s="613"/>
      <c r="QOO661" s="613"/>
      <c r="QOP661" s="613"/>
      <c r="QOQ661" s="613"/>
      <c r="QOR661" s="613"/>
      <c r="QOS661" s="613"/>
      <c r="QOT661" s="613"/>
      <c r="QOU661" s="613"/>
      <c r="QOV661" s="613"/>
      <c r="QOW661" s="613"/>
      <c r="QOX661" s="613"/>
      <c r="QOY661" s="613"/>
      <c r="QOZ661" s="613"/>
      <c r="QPA661" s="613"/>
      <c r="QPB661" s="613"/>
      <c r="QPC661" s="613"/>
      <c r="QPD661" s="613"/>
      <c r="QPE661" s="613"/>
      <c r="QPF661" s="613"/>
      <c r="QPG661" s="613"/>
      <c r="QPH661" s="613"/>
      <c r="QPI661" s="613"/>
      <c r="QPJ661" s="613"/>
      <c r="QPK661" s="613"/>
      <c r="QPL661" s="613"/>
      <c r="QPM661" s="613"/>
      <c r="QPN661" s="613"/>
      <c r="QPO661" s="613"/>
      <c r="QPP661" s="613"/>
      <c r="QPQ661" s="613"/>
      <c r="QPR661" s="613"/>
      <c r="QPS661" s="613"/>
      <c r="QPT661" s="613"/>
      <c r="QPU661" s="613"/>
      <c r="QPV661" s="613"/>
      <c r="QPW661" s="613"/>
      <c r="QPX661" s="613"/>
      <c r="QPY661" s="613"/>
      <c r="QPZ661" s="613"/>
      <c r="QQA661" s="613"/>
      <c r="QQB661" s="613"/>
      <c r="QQC661" s="613"/>
      <c r="QQD661" s="613"/>
      <c r="QQE661" s="613"/>
      <c r="QQF661" s="613"/>
      <c r="QQG661" s="613"/>
      <c r="QQH661" s="613"/>
      <c r="QQI661" s="613"/>
      <c r="QQJ661" s="613"/>
      <c r="QQK661" s="613"/>
      <c r="QQL661" s="613"/>
      <c r="QQM661" s="613"/>
      <c r="QQN661" s="613"/>
      <c r="QQO661" s="613"/>
      <c r="QQP661" s="613"/>
      <c r="QQQ661" s="613"/>
      <c r="QQR661" s="613"/>
      <c r="QQS661" s="613"/>
      <c r="QQT661" s="613"/>
      <c r="QQU661" s="613"/>
      <c r="QQV661" s="613"/>
      <c r="QQW661" s="613"/>
      <c r="QQX661" s="613"/>
      <c r="QQY661" s="613"/>
      <c r="QQZ661" s="613"/>
      <c r="QRA661" s="613"/>
      <c r="QRB661" s="613"/>
      <c r="QRC661" s="613"/>
      <c r="QRD661" s="613"/>
      <c r="QRE661" s="613"/>
      <c r="QRF661" s="613"/>
      <c r="QRG661" s="613"/>
      <c r="QRH661" s="613"/>
      <c r="QRI661" s="613"/>
      <c r="QRJ661" s="613"/>
      <c r="QRK661" s="613"/>
      <c r="QRL661" s="613"/>
      <c r="QRM661" s="613"/>
      <c r="QRN661" s="613"/>
      <c r="QRO661" s="613"/>
      <c r="QRP661" s="613"/>
      <c r="QRQ661" s="613"/>
      <c r="QRR661" s="613"/>
      <c r="QRS661" s="613"/>
      <c r="QRT661" s="613"/>
      <c r="QRU661" s="613"/>
      <c r="QRV661" s="613"/>
      <c r="QRW661" s="613"/>
      <c r="QRX661" s="613"/>
      <c r="QRY661" s="613"/>
      <c r="QRZ661" s="613"/>
      <c r="QSA661" s="613"/>
      <c r="QSB661" s="613"/>
      <c r="QSC661" s="613"/>
      <c r="QSD661" s="613"/>
      <c r="QSE661" s="613"/>
      <c r="QSF661" s="613"/>
      <c r="QSG661" s="613"/>
      <c r="QSH661" s="613"/>
      <c r="QSI661" s="613"/>
      <c r="QSJ661" s="613"/>
      <c r="QSK661" s="613"/>
      <c r="QSL661" s="613"/>
      <c r="QSM661" s="613"/>
      <c r="QSN661" s="613"/>
      <c r="QSO661" s="613"/>
      <c r="QSP661" s="613"/>
      <c r="QSQ661" s="613"/>
      <c r="QSR661" s="613"/>
      <c r="QSS661" s="613"/>
      <c r="QST661" s="613"/>
      <c r="QSU661" s="613"/>
      <c r="QSV661" s="613"/>
      <c r="QSW661" s="613"/>
      <c r="QSX661" s="613"/>
      <c r="QSY661" s="613"/>
      <c r="QSZ661" s="613"/>
      <c r="QTA661" s="613"/>
      <c r="QTB661" s="613"/>
      <c r="QTC661" s="613"/>
      <c r="QTD661" s="613"/>
      <c r="QTE661" s="613"/>
      <c r="QTF661" s="613"/>
      <c r="QTG661" s="613"/>
      <c r="QTH661" s="613"/>
      <c r="QTI661" s="613"/>
      <c r="QTJ661" s="613"/>
      <c r="QTK661" s="613"/>
      <c r="QTL661" s="613"/>
      <c r="QTM661" s="613"/>
      <c r="QTN661" s="613"/>
      <c r="QTO661" s="613"/>
      <c r="QTP661" s="613"/>
      <c r="QTQ661" s="613"/>
      <c r="QTR661" s="613"/>
      <c r="QTS661" s="613"/>
      <c r="QTT661" s="613"/>
      <c r="QTU661" s="613"/>
      <c r="QTV661" s="613"/>
      <c r="QTW661" s="613"/>
      <c r="QTX661" s="613"/>
      <c r="QTY661" s="613"/>
      <c r="QTZ661" s="613"/>
      <c r="QUA661" s="613"/>
      <c r="QUB661" s="613"/>
      <c r="QUC661" s="613"/>
      <c r="QUD661" s="613"/>
      <c r="QUE661" s="613"/>
      <c r="QUF661" s="613"/>
      <c r="QUG661" s="613"/>
      <c r="QUH661" s="613"/>
      <c r="QUI661" s="613"/>
      <c r="QUJ661" s="613"/>
      <c r="QUK661" s="613"/>
      <c r="QUL661" s="613"/>
      <c r="QUM661" s="613"/>
      <c r="QUN661" s="613"/>
      <c r="QUO661" s="613"/>
      <c r="QUP661" s="613"/>
      <c r="QUQ661" s="613"/>
      <c r="QUR661" s="613"/>
      <c r="QUS661" s="613"/>
      <c r="QUT661" s="613"/>
      <c r="QUU661" s="613"/>
      <c r="QUV661" s="613"/>
      <c r="QUW661" s="613"/>
      <c r="QUX661" s="613"/>
      <c r="QUY661" s="613"/>
      <c r="QUZ661" s="613"/>
      <c r="QVA661" s="613"/>
      <c r="QVB661" s="613"/>
      <c r="QVC661" s="613"/>
      <c r="QVD661" s="613"/>
      <c r="QVE661" s="613"/>
      <c r="QVF661" s="613"/>
      <c r="QVG661" s="613"/>
      <c r="QVH661" s="613"/>
      <c r="QVI661" s="613"/>
      <c r="QVJ661" s="613"/>
      <c r="QVK661" s="613"/>
      <c r="QVL661" s="613"/>
      <c r="QVM661" s="613"/>
      <c r="QVN661" s="613"/>
      <c r="QVO661" s="613"/>
      <c r="QVP661" s="613"/>
      <c r="QVQ661" s="613"/>
      <c r="QVR661" s="613"/>
      <c r="QVS661" s="613"/>
      <c r="QVT661" s="613"/>
      <c r="QVU661" s="613"/>
      <c r="QVV661" s="613"/>
      <c r="QVW661" s="613"/>
      <c r="QVX661" s="613"/>
      <c r="QVY661" s="613"/>
      <c r="QVZ661" s="613"/>
      <c r="QWA661" s="613"/>
      <c r="QWB661" s="613"/>
      <c r="QWC661" s="613"/>
      <c r="QWD661" s="613"/>
      <c r="QWE661" s="613"/>
      <c r="QWF661" s="613"/>
      <c r="QWG661" s="613"/>
      <c r="QWH661" s="613"/>
      <c r="QWI661" s="613"/>
      <c r="QWJ661" s="613"/>
      <c r="QWK661" s="613"/>
      <c r="QWL661" s="613"/>
      <c r="QWM661" s="613"/>
      <c r="QWN661" s="613"/>
      <c r="QWO661" s="613"/>
      <c r="QWP661" s="613"/>
      <c r="QWQ661" s="613"/>
      <c r="QWR661" s="613"/>
      <c r="QWS661" s="613"/>
      <c r="QWT661" s="613"/>
      <c r="QWU661" s="613"/>
      <c r="QWV661" s="613"/>
      <c r="QWW661" s="613"/>
      <c r="QWX661" s="613"/>
      <c r="QWY661" s="613"/>
      <c r="QWZ661" s="613"/>
      <c r="QXA661" s="613"/>
      <c r="QXB661" s="613"/>
      <c r="QXC661" s="613"/>
      <c r="QXD661" s="613"/>
      <c r="QXE661" s="613"/>
      <c r="QXF661" s="613"/>
      <c r="QXG661" s="613"/>
      <c r="QXH661" s="613"/>
      <c r="QXI661" s="613"/>
      <c r="QXJ661" s="613"/>
      <c r="QXK661" s="613"/>
      <c r="QXL661" s="613"/>
      <c r="QXM661" s="613"/>
      <c r="QXN661" s="613"/>
      <c r="QXO661" s="613"/>
      <c r="QXP661" s="613"/>
      <c r="QXQ661" s="613"/>
      <c r="QXR661" s="613"/>
      <c r="QXS661" s="613"/>
      <c r="QXT661" s="613"/>
      <c r="QXU661" s="613"/>
      <c r="QXV661" s="613"/>
      <c r="QXW661" s="613"/>
      <c r="QXX661" s="613"/>
      <c r="QXY661" s="613"/>
      <c r="QXZ661" s="613"/>
      <c r="QYA661" s="613"/>
      <c r="QYB661" s="613"/>
      <c r="QYC661" s="613"/>
      <c r="QYD661" s="613"/>
      <c r="QYE661" s="613"/>
      <c r="QYF661" s="613"/>
      <c r="QYG661" s="613"/>
      <c r="QYH661" s="613"/>
      <c r="QYI661" s="613"/>
      <c r="QYJ661" s="613"/>
      <c r="QYK661" s="613"/>
      <c r="QYL661" s="613"/>
      <c r="QYM661" s="613"/>
      <c r="QYN661" s="613"/>
      <c r="QYO661" s="613"/>
      <c r="QYP661" s="613"/>
      <c r="QYQ661" s="613"/>
      <c r="QYR661" s="613"/>
      <c r="QYS661" s="613"/>
      <c r="QYT661" s="613"/>
      <c r="QYU661" s="613"/>
      <c r="QYV661" s="613"/>
      <c r="QYW661" s="613"/>
      <c r="QYX661" s="613"/>
      <c r="QYY661" s="613"/>
      <c r="QYZ661" s="613"/>
      <c r="QZA661" s="613"/>
      <c r="QZB661" s="613"/>
      <c r="QZC661" s="613"/>
      <c r="QZD661" s="613"/>
      <c r="QZE661" s="613"/>
      <c r="QZF661" s="613"/>
      <c r="QZG661" s="613"/>
      <c r="QZH661" s="613"/>
      <c r="QZI661" s="613"/>
      <c r="QZJ661" s="613"/>
      <c r="QZK661" s="613"/>
      <c r="QZL661" s="613"/>
      <c r="QZM661" s="613"/>
      <c r="QZN661" s="613"/>
      <c r="QZO661" s="613"/>
      <c r="QZP661" s="613"/>
      <c r="QZQ661" s="613"/>
      <c r="QZR661" s="613"/>
      <c r="QZS661" s="613"/>
      <c r="QZT661" s="613"/>
      <c r="QZU661" s="613"/>
      <c r="QZV661" s="613"/>
      <c r="QZW661" s="613"/>
      <c r="QZX661" s="613"/>
      <c r="QZY661" s="613"/>
      <c r="QZZ661" s="613"/>
      <c r="RAA661" s="613"/>
      <c r="RAB661" s="613"/>
      <c r="RAC661" s="613"/>
      <c r="RAD661" s="613"/>
      <c r="RAE661" s="613"/>
      <c r="RAF661" s="613"/>
      <c r="RAG661" s="613"/>
      <c r="RAH661" s="613"/>
      <c r="RAI661" s="613"/>
      <c r="RAJ661" s="613"/>
      <c r="RAK661" s="613"/>
      <c r="RAL661" s="613"/>
      <c r="RAM661" s="613"/>
      <c r="RAN661" s="613"/>
      <c r="RAO661" s="613"/>
      <c r="RAP661" s="613"/>
      <c r="RAQ661" s="613"/>
      <c r="RAR661" s="613"/>
      <c r="RAS661" s="613"/>
      <c r="RAT661" s="613"/>
      <c r="RAU661" s="613"/>
      <c r="RAV661" s="613"/>
      <c r="RAW661" s="613"/>
      <c r="RAX661" s="613"/>
      <c r="RAY661" s="613"/>
      <c r="RAZ661" s="613"/>
      <c r="RBA661" s="613"/>
      <c r="RBB661" s="613"/>
      <c r="RBC661" s="613"/>
      <c r="RBD661" s="613"/>
      <c r="RBE661" s="613"/>
      <c r="RBF661" s="613"/>
      <c r="RBG661" s="613"/>
      <c r="RBH661" s="613"/>
      <c r="RBI661" s="613"/>
      <c r="RBJ661" s="613"/>
      <c r="RBK661" s="613"/>
      <c r="RBL661" s="613"/>
      <c r="RBM661" s="613"/>
      <c r="RBN661" s="613"/>
      <c r="RBO661" s="613"/>
      <c r="RBP661" s="613"/>
      <c r="RBQ661" s="613"/>
      <c r="RBR661" s="613"/>
      <c r="RBS661" s="613"/>
      <c r="RBT661" s="613"/>
      <c r="RBU661" s="613"/>
      <c r="RBV661" s="613"/>
      <c r="RBW661" s="613"/>
      <c r="RBX661" s="613"/>
      <c r="RBY661" s="613"/>
      <c r="RBZ661" s="613"/>
      <c r="RCA661" s="613"/>
      <c r="RCB661" s="613"/>
      <c r="RCC661" s="613"/>
      <c r="RCD661" s="613"/>
      <c r="RCE661" s="613"/>
      <c r="RCF661" s="613"/>
      <c r="RCG661" s="613"/>
      <c r="RCH661" s="613"/>
      <c r="RCI661" s="613"/>
      <c r="RCJ661" s="613"/>
      <c r="RCK661" s="613"/>
      <c r="RCL661" s="613"/>
      <c r="RCM661" s="613"/>
      <c r="RCN661" s="613"/>
      <c r="RCO661" s="613"/>
      <c r="RCP661" s="613"/>
      <c r="RCQ661" s="613"/>
      <c r="RCR661" s="613"/>
      <c r="RCS661" s="613"/>
      <c r="RCT661" s="613"/>
      <c r="RCU661" s="613"/>
      <c r="RCV661" s="613"/>
      <c r="RCW661" s="613"/>
      <c r="RCX661" s="613"/>
      <c r="RCY661" s="613"/>
      <c r="RCZ661" s="613"/>
      <c r="RDA661" s="613"/>
      <c r="RDB661" s="613"/>
      <c r="RDC661" s="613"/>
      <c r="RDD661" s="613"/>
      <c r="RDE661" s="613"/>
      <c r="RDF661" s="613"/>
      <c r="RDG661" s="613"/>
      <c r="RDH661" s="613"/>
      <c r="RDI661" s="613"/>
      <c r="RDJ661" s="613"/>
      <c r="RDK661" s="613"/>
      <c r="RDL661" s="613"/>
      <c r="RDM661" s="613"/>
      <c r="RDN661" s="613"/>
      <c r="RDO661" s="613"/>
      <c r="RDP661" s="613"/>
      <c r="RDQ661" s="613"/>
      <c r="RDR661" s="613"/>
      <c r="RDS661" s="613"/>
      <c r="RDT661" s="613"/>
      <c r="RDU661" s="613"/>
      <c r="RDV661" s="613"/>
      <c r="RDW661" s="613"/>
      <c r="RDX661" s="613"/>
      <c r="RDY661" s="613"/>
      <c r="RDZ661" s="613"/>
      <c r="REA661" s="613"/>
      <c r="REB661" s="613"/>
      <c r="REC661" s="613"/>
      <c r="RED661" s="613"/>
      <c r="REE661" s="613"/>
      <c r="REF661" s="613"/>
      <c r="REG661" s="613"/>
      <c r="REH661" s="613"/>
      <c r="REI661" s="613"/>
      <c r="REJ661" s="613"/>
      <c r="REK661" s="613"/>
      <c r="REL661" s="613"/>
      <c r="REM661" s="613"/>
      <c r="REN661" s="613"/>
      <c r="REO661" s="613"/>
      <c r="REP661" s="613"/>
      <c r="REQ661" s="613"/>
      <c r="RER661" s="613"/>
      <c r="RES661" s="613"/>
      <c r="RET661" s="613"/>
      <c r="REU661" s="613"/>
      <c r="REV661" s="613"/>
      <c r="REW661" s="613"/>
      <c r="REX661" s="613"/>
      <c r="REY661" s="613"/>
      <c r="REZ661" s="613"/>
      <c r="RFA661" s="613"/>
      <c r="RFB661" s="613"/>
      <c r="RFC661" s="613"/>
      <c r="RFD661" s="613"/>
      <c r="RFE661" s="613"/>
      <c r="RFF661" s="613"/>
      <c r="RFG661" s="613"/>
      <c r="RFH661" s="613"/>
      <c r="RFI661" s="613"/>
      <c r="RFJ661" s="613"/>
      <c r="RFK661" s="613"/>
      <c r="RFL661" s="613"/>
      <c r="RFM661" s="613"/>
      <c r="RFN661" s="613"/>
      <c r="RFO661" s="613"/>
      <c r="RFP661" s="613"/>
      <c r="RFQ661" s="613"/>
      <c r="RFR661" s="613"/>
      <c r="RFS661" s="613"/>
      <c r="RFT661" s="613"/>
      <c r="RFU661" s="613"/>
      <c r="RFV661" s="613"/>
      <c r="RFW661" s="613"/>
      <c r="RFX661" s="613"/>
      <c r="RFY661" s="613"/>
      <c r="RFZ661" s="613"/>
      <c r="RGA661" s="613"/>
      <c r="RGB661" s="613"/>
      <c r="RGC661" s="613"/>
      <c r="RGD661" s="613"/>
      <c r="RGE661" s="613"/>
      <c r="RGF661" s="613"/>
      <c r="RGG661" s="613"/>
      <c r="RGH661" s="613"/>
      <c r="RGI661" s="613"/>
      <c r="RGJ661" s="613"/>
      <c r="RGK661" s="613"/>
      <c r="RGL661" s="613"/>
      <c r="RGM661" s="613"/>
      <c r="RGN661" s="613"/>
      <c r="RGO661" s="613"/>
      <c r="RGP661" s="613"/>
      <c r="RGQ661" s="613"/>
      <c r="RGR661" s="613"/>
      <c r="RGS661" s="613"/>
      <c r="RGT661" s="613"/>
      <c r="RGU661" s="613"/>
      <c r="RGV661" s="613"/>
      <c r="RGW661" s="613"/>
      <c r="RGX661" s="613"/>
      <c r="RGY661" s="613"/>
      <c r="RGZ661" s="613"/>
      <c r="RHA661" s="613"/>
      <c r="RHB661" s="613"/>
      <c r="RHC661" s="613"/>
      <c r="RHD661" s="613"/>
      <c r="RHE661" s="613"/>
      <c r="RHF661" s="613"/>
      <c r="RHG661" s="613"/>
      <c r="RHH661" s="613"/>
      <c r="RHI661" s="613"/>
      <c r="RHJ661" s="613"/>
      <c r="RHK661" s="613"/>
      <c r="RHL661" s="613"/>
      <c r="RHM661" s="613"/>
      <c r="RHN661" s="613"/>
      <c r="RHO661" s="613"/>
      <c r="RHP661" s="613"/>
      <c r="RHQ661" s="613"/>
      <c r="RHR661" s="613"/>
      <c r="RHS661" s="613"/>
      <c r="RHT661" s="613"/>
      <c r="RHU661" s="613"/>
      <c r="RHV661" s="613"/>
      <c r="RHW661" s="613"/>
      <c r="RHX661" s="613"/>
      <c r="RHY661" s="613"/>
      <c r="RHZ661" s="613"/>
      <c r="RIA661" s="613"/>
      <c r="RIB661" s="613"/>
      <c r="RIC661" s="613"/>
      <c r="RID661" s="613"/>
      <c r="RIE661" s="613"/>
      <c r="RIF661" s="613"/>
      <c r="RIG661" s="613"/>
      <c r="RIH661" s="613"/>
      <c r="RII661" s="613"/>
      <c r="RIJ661" s="613"/>
      <c r="RIK661" s="613"/>
      <c r="RIL661" s="613"/>
      <c r="RIM661" s="613"/>
      <c r="RIN661" s="613"/>
      <c r="RIO661" s="613"/>
      <c r="RIP661" s="613"/>
      <c r="RIQ661" s="613"/>
      <c r="RIR661" s="613"/>
      <c r="RIS661" s="613"/>
      <c r="RIT661" s="613"/>
      <c r="RIU661" s="613"/>
      <c r="RIV661" s="613"/>
      <c r="RIW661" s="613"/>
      <c r="RIX661" s="613"/>
      <c r="RIY661" s="613"/>
      <c r="RIZ661" s="613"/>
      <c r="RJA661" s="613"/>
      <c r="RJB661" s="613"/>
      <c r="RJC661" s="613"/>
      <c r="RJD661" s="613"/>
      <c r="RJE661" s="613"/>
      <c r="RJF661" s="613"/>
      <c r="RJG661" s="613"/>
      <c r="RJH661" s="613"/>
      <c r="RJI661" s="613"/>
      <c r="RJJ661" s="613"/>
      <c r="RJK661" s="613"/>
      <c r="RJL661" s="613"/>
      <c r="RJM661" s="613"/>
      <c r="RJN661" s="613"/>
      <c r="RJO661" s="613"/>
      <c r="RJP661" s="613"/>
      <c r="RJQ661" s="613"/>
      <c r="RJR661" s="613"/>
      <c r="RJS661" s="613"/>
      <c r="RJT661" s="613"/>
      <c r="RJU661" s="613"/>
      <c r="RJV661" s="613"/>
      <c r="RJW661" s="613"/>
      <c r="RJX661" s="613"/>
      <c r="RJY661" s="613"/>
      <c r="RJZ661" s="613"/>
      <c r="RKA661" s="613"/>
      <c r="RKB661" s="613"/>
      <c r="RKC661" s="613"/>
      <c r="RKD661" s="613"/>
      <c r="RKE661" s="613"/>
      <c r="RKF661" s="613"/>
      <c r="RKG661" s="613"/>
      <c r="RKH661" s="613"/>
      <c r="RKI661" s="613"/>
      <c r="RKJ661" s="613"/>
      <c r="RKK661" s="613"/>
      <c r="RKL661" s="613"/>
      <c r="RKM661" s="613"/>
      <c r="RKN661" s="613"/>
      <c r="RKO661" s="613"/>
      <c r="RKP661" s="613"/>
      <c r="RKQ661" s="613"/>
      <c r="RKR661" s="613"/>
      <c r="RKS661" s="613"/>
      <c r="RKT661" s="613"/>
      <c r="RKU661" s="613"/>
      <c r="RKV661" s="613"/>
      <c r="RKW661" s="613"/>
      <c r="RKX661" s="613"/>
      <c r="RKY661" s="613"/>
      <c r="RKZ661" s="613"/>
      <c r="RLA661" s="613"/>
      <c r="RLB661" s="613"/>
      <c r="RLC661" s="613"/>
      <c r="RLD661" s="613"/>
      <c r="RLE661" s="613"/>
      <c r="RLF661" s="613"/>
      <c r="RLG661" s="613"/>
      <c r="RLH661" s="613"/>
      <c r="RLI661" s="613"/>
      <c r="RLJ661" s="613"/>
      <c r="RLK661" s="613"/>
      <c r="RLL661" s="613"/>
      <c r="RLM661" s="613"/>
      <c r="RLN661" s="613"/>
      <c r="RLO661" s="613"/>
      <c r="RLP661" s="613"/>
      <c r="RLQ661" s="613"/>
      <c r="RLR661" s="613"/>
      <c r="RLS661" s="613"/>
      <c r="RLT661" s="613"/>
      <c r="RLU661" s="613"/>
      <c r="RLV661" s="613"/>
      <c r="RLW661" s="613"/>
      <c r="RLX661" s="613"/>
      <c r="RLY661" s="613"/>
      <c r="RLZ661" s="613"/>
      <c r="RMA661" s="613"/>
      <c r="RMB661" s="613"/>
      <c r="RMC661" s="613"/>
      <c r="RMD661" s="613"/>
      <c r="RME661" s="613"/>
      <c r="RMF661" s="613"/>
      <c r="RMG661" s="613"/>
      <c r="RMH661" s="613"/>
      <c r="RMI661" s="613"/>
      <c r="RMJ661" s="613"/>
      <c r="RMK661" s="613"/>
      <c r="RML661" s="613"/>
      <c r="RMM661" s="613"/>
      <c r="RMN661" s="613"/>
      <c r="RMO661" s="613"/>
      <c r="RMP661" s="613"/>
      <c r="RMQ661" s="613"/>
      <c r="RMR661" s="613"/>
      <c r="RMS661" s="613"/>
      <c r="RMT661" s="613"/>
      <c r="RMU661" s="613"/>
      <c r="RMV661" s="613"/>
      <c r="RMW661" s="613"/>
      <c r="RMX661" s="613"/>
      <c r="RMY661" s="613"/>
      <c r="RMZ661" s="613"/>
      <c r="RNA661" s="613"/>
      <c r="RNB661" s="613"/>
      <c r="RNC661" s="613"/>
      <c r="RND661" s="613"/>
      <c r="RNE661" s="613"/>
      <c r="RNF661" s="613"/>
      <c r="RNG661" s="613"/>
      <c r="RNH661" s="613"/>
      <c r="RNI661" s="613"/>
      <c r="RNJ661" s="613"/>
      <c r="RNK661" s="613"/>
      <c r="RNL661" s="613"/>
      <c r="RNM661" s="613"/>
      <c r="RNN661" s="613"/>
      <c r="RNO661" s="613"/>
      <c r="RNP661" s="613"/>
      <c r="RNQ661" s="613"/>
      <c r="RNR661" s="613"/>
      <c r="RNS661" s="613"/>
      <c r="RNT661" s="613"/>
      <c r="RNU661" s="613"/>
      <c r="RNV661" s="613"/>
      <c r="RNW661" s="613"/>
      <c r="RNX661" s="613"/>
      <c r="RNY661" s="613"/>
      <c r="RNZ661" s="613"/>
      <c r="ROA661" s="613"/>
      <c r="ROB661" s="613"/>
      <c r="ROC661" s="613"/>
      <c r="ROD661" s="613"/>
      <c r="ROE661" s="613"/>
      <c r="ROF661" s="613"/>
      <c r="ROG661" s="613"/>
      <c r="ROH661" s="613"/>
      <c r="ROI661" s="613"/>
      <c r="ROJ661" s="613"/>
      <c r="ROK661" s="613"/>
      <c r="ROL661" s="613"/>
      <c r="ROM661" s="613"/>
      <c r="RON661" s="613"/>
      <c r="ROO661" s="613"/>
      <c r="ROP661" s="613"/>
      <c r="ROQ661" s="613"/>
      <c r="ROR661" s="613"/>
      <c r="ROS661" s="613"/>
      <c r="ROT661" s="613"/>
      <c r="ROU661" s="613"/>
      <c r="ROV661" s="613"/>
      <c r="ROW661" s="613"/>
      <c r="ROX661" s="613"/>
      <c r="ROY661" s="613"/>
      <c r="ROZ661" s="613"/>
      <c r="RPA661" s="613"/>
      <c r="RPB661" s="613"/>
      <c r="RPC661" s="613"/>
      <c r="RPD661" s="613"/>
      <c r="RPE661" s="613"/>
      <c r="RPF661" s="613"/>
      <c r="RPG661" s="613"/>
      <c r="RPH661" s="613"/>
      <c r="RPI661" s="613"/>
      <c r="RPJ661" s="613"/>
      <c r="RPK661" s="613"/>
      <c r="RPL661" s="613"/>
      <c r="RPM661" s="613"/>
      <c r="RPN661" s="613"/>
      <c r="RPO661" s="613"/>
      <c r="RPP661" s="613"/>
      <c r="RPQ661" s="613"/>
      <c r="RPR661" s="613"/>
      <c r="RPS661" s="613"/>
      <c r="RPT661" s="613"/>
      <c r="RPU661" s="613"/>
      <c r="RPV661" s="613"/>
      <c r="RPW661" s="613"/>
      <c r="RPX661" s="613"/>
      <c r="RPY661" s="613"/>
      <c r="RPZ661" s="613"/>
      <c r="RQA661" s="613"/>
      <c r="RQB661" s="613"/>
      <c r="RQC661" s="613"/>
      <c r="RQD661" s="613"/>
      <c r="RQE661" s="613"/>
      <c r="RQF661" s="613"/>
      <c r="RQG661" s="613"/>
      <c r="RQH661" s="613"/>
      <c r="RQI661" s="613"/>
      <c r="RQJ661" s="613"/>
      <c r="RQK661" s="613"/>
      <c r="RQL661" s="613"/>
      <c r="RQM661" s="613"/>
      <c r="RQN661" s="613"/>
      <c r="RQO661" s="613"/>
      <c r="RQP661" s="613"/>
      <c r="RQQ661" s="613"/>
      <c r="RQR661" s="613"/>
      <c r="RQS661" s="613"/>
      <c r="RQT661" s="613"/>
      <c r="RQU661" s="613"/>
      <c r="RQV661" s="613"/>
      <c r="RQW661" s="613"/>
      <c r="RQX661" s="613"/>
      <c r="RQY661" s="613"/>
      <c r="RQZ661" s="613"/>
      <c r="RRA661" s="613"/>
      <c r="RRB661" s="613"/>
      <c r="RRC661" s="613"/>
      <c r="RRD661" s="613"/>
      <c r="RRE661" s="613"/>
      <c r="RRF661" s="613"/>
      <c r="RRG661" s="613"/>
      <c r="RRH661" s="613"/>
      <c r="RRI661" s="613"/>
      <c r="RRJ661" s="613"/>
      <c r="RRK661" s="613"/>
      <c r="RRL661" s="613"/>
      <c r="RRM661" s="613"/>
      <c r="RRN661" s="613"/>
      <c r="RRO661" s="613"/>
      <c r="RRP661" s="613"/>
      <c r="RRQ661" s="613"/>
      <c r="RRR661" s="613"/>
      <c r="RRS661" s="613"/>
      <c r="RRT661" s="613"/>
      <c r="RRU661" s="613"/>
      <c r="RRV661" s="613"/>
      <c r="RRW661" s="613"/>
      <c r="RRX661" s="613"/>
      <c r="RRY661" s="613"/>
      <c r="RRZ661" s="613"/>
      <c r="RSA661" s="613"/>
      <c r="RSB661" s="613"/>
      <c r="RSC661" s="613"/>
      <c r="RSD661" s="613"/>
      <c r="RSE661" s="613"/>
      <c r="RSF661" s="613"/>
      <c r="RSG661" s="613"/>
      <c r="RSH661" s="613"/>
      <c r="RSI661" s="613"/>
      <c r="RSJ661" s="613"/>
      <c r="RSK661" s="613"/>
      <c r="RSL661" s="613"/>
      <c r="RSM661" s="613"/>
      <c r="RSN661" s="613"/>
      <c r="RSO661" s="613"/>
      <c r="RSP661" s="613"/>
      <c r="RSQ661" s="613"/>
      <c r="RSR661" s="613"/>
      <c r="RSS661" s="613"/>
      <c r="RST661" s="613"/>
      <c r="RSU661" s="613"/>
      <c r="RSV661" s="613"/>
      <c r="RSW661" s="613"/>
      <c r="RSX661" s="613"/>
      <c r="RSY661" s="613"/>
      <c r="RSZ661" s="613"/>
      <c r="RTA661" s="613"/>
      <c r="RTB661" s="613"/>
      <c r="RTC661" s="613"/>
      <c r="RTD661" s="613"/>
      <c r="RTE661" s="613"/>
      <c r="RTF661" s="613"/>
      <c r="RTG661" s="613"/>
      <c r="RTH661" s="613"/>
      <c r="RTI661" s="613"/>
      <c r="RTJ661" s="613"/>
      <c r="RTK661" s="613"/>
      <c r="RTL661" s="613"/>
      <c r="RTM661" s="613"/>
      <c r="RTN661" s="613"/>
      <c r="RTO661" s="613"/>
      <c r="RTP661" s="613"/>
      <c r="RTQ661" s="613"/>
      <c r="RTR661" s="613"/>
      <c r="RTS661" s="613"/>
      <c r="RTT661" s="613"/>
      <c r="RTU661" s="613"/>
      <c r="RTV661" s="613"/>
      <c r="RTW661" s="613"/>
      <c r="RTX661" s="613"/>
      <c r="RTY661" s="613"/>
      <c r="RTZ661" s="613"/>
      <c r="RUA661" s="613"/>
      <c r="RUB661" s="613"/>
      <c r="RUC661" s="613"/>
      <c r="RUD661" s="613"/>
      <c r="RUE661" s="613"/>
      <c r="RUF661" s="613"/>
      <c r="RUG661" s="613"/>
      <c r="RUH661" s="613"/>
      <c r="RUI661" s="613"/>
      <c r="RUJ661" s="613"/>
      <c r="RUK661" s="613"/>
      <c r="RUL661" s="613"/>
      <c r="RUM661" s="613"/>
      <c r="RUN661" s="613"/>
      <c r="RUO661" s="613"/>
      <c r="RUP661" s="613"/>
      <c r="RUQ661" s="613"/>
      <c r="RUR661" s="613"/>
      <c r="RUS661" s="613"/>
      <c r="RUT661" s="613"/>
      <c r="RUU661" s="613"/>
      <c r="RUV661" s="613"/>
      <c r="RUW661" s="613"/>
      <c r="RUX661" s="613"/>
      <c r="RUY661" s="613"/>
      <c r="RUZ661" s="613"/>
      <c r="RVA661" s="613"/>
      <c r="RVB661" s="613"/>
      <c r="RVC661" s="613"/>
      <c r="RVD661" s="613"/>
      <c r="RVE661" s="613"/>
      <c r="RVF661" s="613"/>
      <c r="RVG661" s="613"/>
      <c r="RVH661" s="613"/>
      <c r="RVI661" s="613"/>
      <c r="RVJ661" s="613"/>
      <c r="RVK661" s="613"/>
      <c r="RVL661" s="613"/>
      <c r="RVM661" s="613"/>
      <c r="RVN661" s="613"/>
      <c r="RVO661" s="613"/>
      <c r="RVP661" s="613"/>
      <c r="RVQ661" s="613"/>
      <c r="RVR661" s="613"/>
      <c r="RVS661" s="613"/>
      <c r="RVT661" s="613"/>
      <c r="RVU661" s="613"/>
      <c r="RVV661" s="613"/>
      <c r="RVW661" s="613"/>
      <c r="RVX661" s="613"/>
      <c r="RVY661" s="613"/>
      <c r="RVZ661" s="613"/>
      <c r="RWA661" s="613"/>
      <c r="RWB661" s="613"/>
      <c r="RWC661" s="613"/>
      <c r="RWD661" s="613"/>
      <c r="RWE661" s="613"/>
      <c r="RWF661" s="613"/>
      <c r="RWG661" s="613"/>
      <c r="RWH661" s="613"/>
      <c r="RWI661" s="613"/>
      <c r="RWJ661" s="613"/>
      <c r="RWK661" s="613"/>
      <c r="RWL661" s="613"/>
      <c r="RWM661" s="613"/>
      <c r="RWN661" s="613"/>
      <c r="RWO661" s="613"/>
      <c r="RWP661" s="613"/>
      <c r="RWQ661" s="613"/>
      <c r="RWR661" s="613"/>
      <c r="RWS661" s="613"/>
      <c r="RWT661" s="613"/>
      <c r="RWU661" s="613"/>
      <c r="RWV661" s="613"/>
      <c r="RWW661" s="613"/>
      <c r="RWX661" s="613"/>
      <c r="RWY661" s="613"/>
      <c r="RWZ661" s="613"/>
      <c r="RXA661" s="613"/>
      <c r="RXB661" s="613"/>
      <c r="RXC661" s="613"/>
      <c r="RXD661" s="613"/>
      <c r="RXE661" s="613"/>
      <c r="RXF661" s="613"/>
      <c r="RXG661" s="613"/>
      <c r="RXH661" s="613"/>
      <c r="RXI661" s="613"/>
      <c r="RXJ661" s="613"/>
      <c r="RXK661" s="613"/>
      <c r="RXL661" s="613"/>
      <c r="RXM661" s="613"/>
      <c r="RXN661" s="613"/>
      <c r="RXO661" s="613"/>
      <c r="RXP661" s="613"/>
      <c r="RXQ661" s="613"/>
      <c r="RXR661" s="613"/>
      <c r="RXS661" s="613"/>
      <c r="RXT661" s="613"/>
      <c r="RXU661" s="613"/>
      <c r="RXV661" s="613"/>
      <c r="RXW661" s="613"/>
      <c r="RXX661" s="613"/>
      <c r="RXY661" s="613"/>
      <c r="RXZ661" s="613"/>
      <c r="RYA661" s="613"/>
      <c r="RYB661" s="613"/>
      <c r="RYC661" s="613"/>
      <c r="RYD661" s="613"/>
      <c r="RYE661" s="613"/>
      <c r="RYF661" s="613"/>
      <c r="RYG661" s="613"/>
      <c r="RYH661" s="613"/>
      <c r="RYI661" s="613"/>
      <c r="RYJ661" s="613"/>
      <c r="RYK661" s="613"/>
      <c r="RYL661" s="613"/>
      <c r="RYM661" s="613"/>
      <c r="RYN661" s="613"/>
      <c r="RYO661" s="613"/>
      <c r="RYP661" s="613"/>
      <c r="RYQ661" s="613"/>
      <c r="RYR661" s="613"/>
      <c r="RYS661" s="613"/>
      <c r="RYT661" s="613"/>
      <c r="RYU661" s="613"/>
      <c r="RYV661" s="613"/>
      <c r="RYW661" s="613"/>
      <c r="RYX661" s="613"/>
      <c r="RYY661" s="613"/>
      <c r="RYZ661" s="613"/>
      <c r="RZA661" s="613"/>
      <c r="RZB661" s="613"/>
      <c r="RZC661" s="613"/>
      <c r="RZD661" s="613"/>
      <c r="RZE661" s="613"/>
      <c r="RZF661" s="613"/>
      <c r="RZG661" s="613"/>
      <c r="RZH661" s="613"/>
      <c r="RZI661" s="613"/>
      <c r="RZJ661" s="613"/>
      <c r="RZK661" s="613"/>
      <c r="RZL661" s="613"/>
      <c r="RZM661" s="613"/>
      <c r="RZN661" s="613"/>
      <c r="RZO661" s="613"/>
      <c r="RZP661" s="613"/>
      <c r="RZQ661" s="613"/>
      <c r="RZR661" s="613"/>
      <c r="RZS661" s="613"/>
      <c r="RZT661" s="613"/>
      <c r="RZU661" s="613"/>
      <c r="RZV661" s="613"/>
      <c r="RZW661" s="613"/>
      <c r="RZX661" s="613"/>
      <c r="RZY661" s="613"/>
      <c r="RZZ661" s="613"/>
      <c r="SAA661" s="613"/>
      <c r="SAB661" s="613"/>
      <c r="SAC661" s="613"/>
      <c r="SAD661" s="613"/>
      <c r="SAE661" s="613"/>
      <c r="SAF661" s="613"/>
      <c r="SAG661" s="613"/>
      <c r="SAH661" s="613"/>
      <c r="SAI661" s="613"/>
      <c r="SAJ661" s="613"/>
      <c r="SAK661" s="613"/>
      <c r="SAL661" s="613"/>
      <c r="SAM661" s="613"/>
      <c r="SAN661" s="613"/>
      <c r="SAO661" s="613"/>
      <c r="SAP661" s="613"/>
      <c r="SAQ661" s="613"/>
      <c r="SAR661" s="613"/>
      <c r="SAS661" s="613"/>
      <c r="SAT661" s="613"/>
      <c r="SAU661" s="613"/>
      <c r="SAV661" s="613"/>
      <c r="SAW661" s="613"/>
      <c r="SAX661" s="613"/>
      <c r="SAY661" s="613"/>
      <c r="SAZ661" s="613"/>
      <c r="SBA661" s="613"/>
      <c r="SBB661" s="613"/>
      <c r="SBC661" s="613"/>
      <c r="SBD661" s="613"/>
      <c r="SBE661" s="613"/>
      <c r="SBF661" s="613"/>
      <c r="SBG661" s="613"/>
      <c r="SBH661" s="613"/>
      <c r="SBI661" s="613"/>
      <c r="SBJ661" s="613"/>
      <c r="SBK661" s="613"/>
      <c r="SBL661" s="613"/>
      <c r="SBM661" s="613"/>
      <c r="SBN661" s="613"/>
      <c r="SBO661" s="613"/>
      <c r="SBP661" s="613"/>
      <c r="SBQ661" s="613"/>
      <c r="SBR661" s="613"/>
      <c r="SBS661" s="613"/>
      <c r="SBT661" s="613"/>
      <c r="SBU661" s="613"/>
      <c r="SBV661" s="613"/>
      <c r="SBW661" s="613"/>
      <c r="SBX661" s="613"/>
      <c r="SBY661" s="613"/>
      <c r="SBZ661" s="613"/>
      <c r="SCA661" s="613"/>
      <c r="SCB661" s="613"/>
      <c r="SCC661" s="613"/>
      <c r="SCD661" s="613"/>
      <c r="SCE661" s="613"/>
      <c r="SCF661" s="613"/>
      <c r="SCG661" s="613"/>
      <c r="SCH661" s="613"/>
      <c r="SCI661" s="613"/>
      <c r="SCJ661" s="613"/>
      <c r="SCK661" s="613"/>
      <c r="SCL661" s="613"/>
      <c r="SCM661" s="613"/>
      <c r="SCN661" s="613"/>
      <c r="SCO661" s="613"/>
      <c r="SCP661" s="613"/>
      <c r="SCQ661" s="613"/>
      <c r="SCR661" s="613"/>
      <c r="SCS661" s="613"/>
      <c r="SCT661" s="613"/>
      <c r="SCU661" s="613"/>
      <c r="SCV661" s="613"/>
      <c r="SCW661" s="613"/>
      <c r="SCX661" s="613"/>
      <c r="SCY661" s="613"/>
      <c r="SCZ661" s="613"/>
      <c r="SDA661" s="613"/>
      <c r="SDB661" s="613"/>
      <c r="SDC661" s="613"/>
      <c r="SDD661" s="613"/>
      <c r="SDE661" s="613"/>
      <c r="SDF661" s="613"/>
      <c r="SDG661" s="613"/>
      <c r="SDH661" s="613"/>
      <c r="SDI661" s="613"/>
      <c r="SDJ661" s="613"/>
      <c r="SDK661" s="613"/>
      <c r="SDL661" s="613"/>
      <c r="SDM661" s="613"/>
      <c r="SDN661" s="613"/>
      <c r="SDO661" s="613"/>
      <c r="SDP661" s="613"/>
      <c r="SDQ661" s="613"/>
      <c r="SDR661" s="613"/>
      <c r="SDS661" s="613"/>
      <c r="SDT661" s="613"/>
      <c r="SDU661" s="613"/>
      <c r="SDV661" s="613"/>
      <c r="SDW661" s="613"/>
      <c r="SDX661" s="613"/>
      <c r="SDY661" s="613"/>
      <c r="SDZ661" s="613"/>
      <c r="SEA661" s="613"/>
      <c r="SEB661" s="613"/>
      <c r="SEC661" s="613"/>
      <c r="SED661" s="613"/>
      <c r="SEE661" s="613"/>
      <c r="SEF661" s="613"/>
      <c r="SEG661" s="613"/>
      <c r="SEH661" s="613"/>
      <c r="SEI661" s="613"/>
      <c r="SEJ661" s="613"/>
      <c r="SEK661" s="613"/>
      <c r="SEL661" s="613"/>
      <c r="SEM661" s="613"/>
      <c r="SEN661" s="613"/>
      <c r="SEO661" s="613"/>
      <c r="SEP661" s="613"/>
      <c r="SEQ661" s="613"/>
      <c r="SER661" s="613"/>
      <c r="SES661" s="613"/>
      <c r="SET661" s="613"/>
      <c r="SEU661" s="613"/>
      <c r="SEV661" s="613"/>
      <c r="SEW661" s="613"/>
      <c r="SEX661" s="613"/>
      <c r="SEY661" s="613"/>
      <c r="SEZ661" s="613"/>
      <c r="SFA661" s="613"/>
      <c r="SFB661" s="613"/>
      <c r="SFC661" s="613"/>
      <c r="SFD661" s="613"/>
      <c r="SFE661" s="613"/>
      <c r="SFF661" s="613"/>
      <c r="SFG661" s="613"/>
      <c r="SFH661" s="613"/>
      <c r="SFI661" s="613"/>
      <c r="SFJ661" s="613"/>
      <c r="SFK661" s="613"/>
      <c r="SFL661" s="613"/>
      <c r="SFM661" s="613"/>
      <c r="SFN661" s="613"/>
      <c r="SFO661" s="613"/>
      <c r="SFP661" s="613"/>
      <c r="SFQ661" s="613"/>
      <c r="SFR661" s="613"/>
      <c r="SFS661" s="613"/>
      <c r="SFT661" s="613"/>
      <c r="SFU661" s="613"/>
      <c r="SFV661" s="613"/>
      <c r="SFW661" s="613"/>
      <c r="SFX661" s="613"/>
      <c r="SFY661" s="613"/>
      <c r="SFZ661" s="613"/>
      <c r="SGA661" s="613"/>
      <c r="SGB661" s="613"/>
      <c r="SGC661" s="613"/>
      <c r="SGD661" s="613"/>
      <c r="SGE661" s="613"/>
      <c r="SGF661" s="613"/>
      <c r="SGG661" s="613"/>
      <c r="SGH661" s="613"/>
      <c r="SGI661" s="613"/>
      <c r="SGJ661" s="613"/>
      <c r="SGK661" s="613"/>
      <c r="SGL661" s="613"/>
      <c r="SGM661" s="613"/>
      <c r="SGN661" s="613"/>
      <c r="SGO661" s="613"/>
      <c r="SGP661" s="613"/>
      <c r="SGQ661" s="613"/>
      <c r="SGR661" s="613"/>
      <c r="SGS661" s="613"/>
      <c r="SGT661" s="613"/>
      <c r="SGU661" s="613"/>
      <c r="SGV661" s="613"/>
      <c r="SGW661" s="613"/>
      <c r="SGX661" s="613"/>
      <c r="SGY661" s="613"/>
      <c r="SGZ661" s="613"/>
      <c r="SHA661" s="613"/>
      <c r="SHB661" s="613"/>
      <c r="SHC661" s="613"/>
      <c r="SHD661" s="613"/>
      <c r="SHE661" s="613"/>
      <c r="SHF661" s="613"/>
      <c r="SHG661" s="613"/>
      <c r="SHH661" s="613"/>
      <c r="SHI661" s="613"/>
      <c r="SHJ661" s="613"/>
      <c r="SHK661" s="613"/>
      <c r="SHL661" s="613"/>
      <c r="SHM661" s="613"/>
      <c r="SHN661" s="613"/>
      <c r="SHO661" s="613"/>
      <c r="SHP661" s="613"/>
      <c r="SHQ661" s="613"/>
      <c r="SHR661" s="613"/>
      <c r="SHS661" s="613"/>
      <c r="SHT661" s="613"/>
      <c r="SHU661" s="613"/>
      <c r="SHV661" s="613"/>
      <c r="SHW661" s="613"/>
      <c r="SHX661" s="613"/>
      <c r="SHY661" s="613"/>
      <c r="SHZ661" s="613"/>
      <c r="SIA661" s="613"/>
      <c r="SIB661" s="613"/>
      <c r="SIC661" s="613"/>
      <c r="SID661" s="613"/>
      <c r="SIE661" s="613"/>
      <c r="SIF661" s="613"/>
      <c r="SIG661" s="613"/>
      <c r="SIH661" s="613"/>
      <c r="SII661" s="613"/>
      <c r="SIJ661" s="613"/>
      <c r="SIK661" s="613"/>
      <c r="SIL661" s="613"/>
      <c r="SIM661" s="613"/>
      <c r="SIN661" s="613"/>
      <c r="SIO661" s="613"/>
      <c r="SIP661" s="613"/>
      <c r="SIQ661" s="613"/>
      <c r="SIR661" s="613"/>
      <c r="SIS661" s="613"/>
      <c r="SIT661" s="613"/>
      <c r="SIU661" s="613"/>
      <c r="SIV661" s="613"/>
      <c r="SIW661" s="613"/>
      <c r="SIX661" s="613"/>
      <c r="SIY661" s="613"/>
      <c r="SIZ661" s="613"/>
      <c r="SJA661" s="613"/>
      <c r="SJB661" s="613"/>
      <c r="SJC661" s="613"/>
      <c r="SJD661" s="613"/>
      <c r="SJE661" s="613"/>
      <c r="SJF661" s="613"/>
      <c r="SJG661" s="613"/>
      <c r="SJH661" s="613"/>
      <c r="SJI661" s="613"/>
      <c r="SJJ661" s="613"/>
      <c r="SJK661" s="613"/>
      <c r="SJL661" s="613"/>
      <c r="SJM661" s="613"/>
      <c r="SJN661" s="613"/>
      <c r="SJO661" s="613"/>
      <c r="SJP661" s="613"/>
      <c r="SJQ661" s="613"/>
      <c r="SJR661" s="613"/>
      <c r="SJS661" s="613"/>
      <c r="SJT661" s="613"/>
      <c r="SJU661" s="613"/>
      <c r="SJV661" s="613"/>
      <c r="SJW661" s="613"/>
      <c r="SJX661" s="613"/>
      <c r="SJY661" s="613"/>
      <c r="SJZ661" s="613"/>
      <c r="SKA661" s="613"/>
      <c r="SKB661" s="613"/>
      <c r="SKC661" s="613"/>
      <c r="SKD661" s="613"/>
      <c r="SKE661" s="613"/>
      <c r="SKF661" s="613"/>
      <c r="SKG661" s="613"/>
      <c r="SKH661" s="613"/>
      <c r="SKI661" s="613"/>
      <c r="SKJ661" s="613"/>
      <c r="SKK661" s="613"/>
      <c r="SKL661" s="613"/>
      <c r="SKM661" s="613"/>
      <c r="SKN661" s="613"/>
      <c r="SKO661" s="613"/>
      <c r="SKP661" s="613"/>
      <c r="SKQ661" s="613"/>
      <c r="SKR661" s="613"/>
      <c r="SKS661" s="613"/>
      <c r="SKT661" s="613"/>
      <c r="SKU661" s="613"/>
      <c r="SKV661" s="613"/>
      <c r="SKW661" s="613"/>
      <c r="SKX661" s="613"/>
      <c r="SKY661" s="613"/>
      <c r="SKZ661" s="613"/>
      <c r="SLA661" s="613"/>
      <c r="SLB661" s="613"/>
      <c r="SLC661" s="613"/>
      <c r="SLD661" s="613"/>
      <c r="SLE661" s="613"/>
      <c r="SLF661" s="613"/>
      <c r="SLG661" s="613"/>
      <c r="SLH661" s="613"/>
      <c r="SLI661" s="613"/>
      <c r="SLJ661" s="613"/>
      <c r="SLK661" s="613"/>
      <c r="SLL661" s="613"/>
      <c r="SLM661" s="613"/>
      <c r="SLN661" s="613"/>
      <c r="SLO661" s="613"/>
      <c r="SLP661" s="613"/>
      <c r="SLQ661" s="613"/>
      <c r="SLR661" s="613"/>
      <c r="SLS661" s="613"/>
      <c r="SLT661" s="613"/>
      <c r="SLU661" s="613"/>
      <c r="SLV661" s="613"/>
      <c r="SLW661" s="613"/>
      <c r="SLX661" s="613"/>
      <c r="SLY661" s="613"/>
      <c r="SLZ661" s="613"/>
      <c r="SMA661" s="613"/>
      <c r="SMB661" s="613"/>
      <c r="SMC661" s="613"/>
      <c r="SMD661" s="613"/>
      <c r="SME661" s="613"/>
      <c r="SMF661" s="613"/>
      <c r="SMG661" s="613"/>
      <c r="SMH661" s="613"/>
      <c r="SMI661" s="613"/>
      <c r="SMJ661" s="613"/>
      <c r="SMK661" s="613"/>
      <c r="SML661" s="613"/>
      <c r="SMM661" s="613"/>
      <c r="SMN661" s="613"/>
      <c r="SMO661" s="613"/>
      <c r="SMP661" s="613"/>
      <c r="SMQ661" s="613"/>
      <c r="SMR661" s="613"/>
      <c r="SMS661" s="613"/>
      <c r="SMT661" s="613"/>
      <c r="SMU661" s="613"/>
      <c r="SMV661" s="613"/>
      <c r="SMW661" s="613"/>
      <c r="SMX661" s="613"/>
      <c r="SMY661" s="613"/>
      <c r="SMZ661" s="613"/>
      <c r="SNA661" s="613"/>
      <c r="SNB661" s="613"/>
      <c r="SNC661" s="613"/>
      <c r="SND661" s="613"/>
      <c r="SNE661" s="613"/>
      <c r="SNF661" s="613"/>
      <c r="SNG661" s="613"/>
      <c r="SNH661" s="613"/>
      <c r="SNI661" s="613"/>
      <c r="SNJ661" s="613"/>
      <c r="SNK661" s="613"/>
      <c r="SNL661" s="613"/>
      <c r="SNM661" s="613"/>
      <c r="SNN661" s="613"/>
      <c r="SNO661" s="613"/>
      <c r="SNP661" s="613"/>
      <c r="SNQ661" s="613"/>
      <c r="SNR661" s="613"/>
      <c r="SNS661" s="613"/>
      <c r="SNT661" s="613"/>
      <c r="SNU661" s="613"/>
      <c r="SNV661" s="613"/>
      <c r="SNW661" s="613"/>
      <c r="SNX661" s="613"/>
      <c r="SNY661" s="613"/>
      <c r="SNZ661" s="613"/>
      <c r="SOA661" s="613"/>
      <c r="SOB661" s="613"/>
      <c r="SOC661" s="613"/>
      <c r="SOD661" s="613"/>
      <c r="SOE661" s="613"/>
      <c r="SOF661" s="613"/>
      <c r="SOG661" s="613"/>
      <c r="SOH661" s="613"/>
      <c r="SOI661" s="613"/>
      <c r="SOJ661" s="613"/>
      <c r="SOK661" s="613"/>
      <c r="SOL661" s="613"/>
      <c r="SOM661" s="613"/>
      <c r="SON661" s="613"/>
      <c r="SOO661" s="613"/>
      <c r="SOP661" s="613"/>
      <c r="SOQ661" s="613"/>
      <c r="SOR661" s="613"/>
      <c r="SOS661" s="613"/>
      <c r="SOT661" s="613"/>
      <c r="SOU661" s="613"/>
      <c r="SOV661" s="613"/>
      <c r="SOW661" s="613"/>
      <c r="SOX661" s="613"/>
      <c r="SOY661" s="613"/>
      <c r="SOZ661" s="613"/>
      <c r="SPA661" s="613"/>
      <c r="SPB661" s="613"/>
      <c r="SPC661" s="613"/>
      <c r="SPD661" s="613"/>
      <c r="SPE661" s="613"/>
      <c r="SPF661" s="613"/>
      <c r="SPG661" s="613"/>
      <c r="SPH661" s="613"/>
      <c r="SPI661" s="613"/>
      <c r="SPJ661" s="613"/>
      <c r="SPK661" s="613"/>
      <c r="SPL661" s="613"/>
      <c r="SPM661" s="613"/>
      <c r="SPN661" s="613"/>
      <c r="SPO661" s="613"/>
      <c r="SPP661" s="613"/>
      <c r="SPQ661" s="613"/>
      <c r="SPR661" s="613"/>
      <c r="SPS661" s="613"/>
      <c r="SPT661" s="613"/>
      <c r="SPU661" s="613"/>
      <c r="SPV661" s="613"/>
      <c r="SPW661" s="613"/>
      <c r="SPX661" s="613"/>
      <c r="SPY661" s="613"/>
      <c r="SPZ661" s="613"/>
      <c r="SQA661" s="613"/>
      <c r="SQB661" s="613"/>
      <c r="SQC661" s="613"/>
      <c r="SQD661" s="613"/>
      <c r="SQE661" s="613"/>
      <c r="SQF661" s="613"/>
      <c r="SQG661" s="613"/>
      <c r="SQH661" s="613"/>
      <c r="SQI661" s="613"/>
      <c r="SQJ661" s="613"/>
      <c r="SQK661" s="613"/>
      <c r="SQL661" s="613"/>
      <c r="SQM661" s="613"/>
      <c r="SQN661" s="613"/>
      <c r="SQO661" s="613"/>
      <c r="SQP661" s="613"/>
      <c r="SQQ661" s="613"/>
      <c r="SQR661" s="613"/>
      <c r="SQS661" s="613"/>
      <c r="SQT661" s="613"/>
      <c r="SQU661" s="613"/>
      <c r="SQV661" s="613"/>
      <c r="SQW661" s="613"/>
      <c r="SQX661" s="613"/>
      <c r="SQY661" s="613"/>
      <c r="SQZ661" s="613"/>
      <c r="SRA661" s="613"/>
      <c r="SRB661" s="613"/>
      <c r="SRC661" s="613"/>
      <c r="SRD661" s="613"/>
      <c r="SRE661" s="613"/>
      <c r="SRF661" s="613"/>
      <c r="SRG661" s="613"/>
      <c r="SRH661" s="613"/>
      <c r="SRI661" s="613"/>
      <c r="SRJ661" s="613"/>
      <c r="SRK661" s="613"/>
      <c r="SRL661" s="613"/>
      <c r="SRM661" s="613"/>
      <c r="SRN661" s="613"/>
      <c r="SRO661" s="613"/>
      <c r="SRP661" s="613"/>
      <c r="SRQ661" s="613"/>
      <c r="SRR661" s="613"/>
      <c r="SRS661" s="613"/>
      <c r="SRT661" s="613"/>
      <c r="SRU661" s="613"/>
      <c r="SRV661" s="613"/>
      <c r="SRW661" s="613"/>
      <c r="SRX661" s="613"/>
      <c r="SRY661" s="613"/>
      <c r="SRZ661" s="613"/>
      <c r="SSA661" s="613"/>
      <c r="SSB661" s="613"/>
      <c r="SSC661" s="613"/>
      <c r="SSD661" s="613"/>
      <c r="SSE661" s="613"/>
      <c r="SSF661" s="613"/>
      <c r="SSG661" s="613"/>
      <c r="SSH661" s="613"/>
      <c r="SSI661" s="613"/>
      <c r="SSJ661" s="613"/>
      <c r="SSK661" s="613"/>
      <c r="SSL661" s="613"/>
      <c r="SSM661" s="613"/>
      <c r="SSN661" s="613"/>
      <c r="SSO661" s="613"/>
      <c r="SSP661" s="613"/>
      <c r="SSQ661" s="613"/>
      <c r="SSR661" s="613"/>
      <c r="SSS661" s="613"/>
      <c r="SST661" s="613"/>
      <c r="SSU661" s="613"/>
      <c r="SSV661" s="613"/>
      <c r="SSW661" s="613"/>
      <c r="SSX661" s="613"/>
      <c r="SSY661" s="613"/>
      <c r="SSZ661" s="613"/>
      <c r="STA661" s="613"/>
      <c r="STB661" s="613"/>
      <c r="STC661" s="613"/>
      <c r="STD661" s="613"/>
      <c r="STE661" s="613"/>
      <c r="STF661" s="613"/>
      <c r="STG661" s="613"/>
      <c r="STH661" s="613"/>
      <c r="STI661" s="613"/>
      <c r="STJ661" s="613"/>
      <c r="STK661" s="613"/>
      <c r="STL661" s="613"/>
      <c r="STM661" s="613"/>
      <c r="STN661" s="613"/>
      <c r="STO661" s="613"/>
      <c r="STP661" s="613"/>
      <c r="STQ661" s="613"/>
      <c r="STR661" s="613"/>
      <c r="STS661" s="613"/>
      <c r="STT661" s="613"/>
      <c r="STU661" s="613"/>
      <c r="STV661" s="613"/>
      <c r="STW661" s="613"/>
      <c r="STX661" s="613"/>
      <c r="STY661" s="613"/>
      <c r="STZ661" s="613"/>
      <c r="SUA661" s="613"/>
      <c r="SUB661" s="613"/>
      <c r="SUC661" s="613"/>
      <c r="SUD661" s="613"/>
      <c r="SUE661" s="613"/>
      <c r="SUF661" s="613"/>
      <c r="SUG661" s="613"/>
      <c r="SUH661" s="613"/>
      <c r="SUI661" s="613"/>
      <c r="SUJ661" s="613"/>
      <c r="SUK661" s="613"/>
      <c r="SUL661" s="613"/>
      <c r="SUM661" s="613"/>
      <c r="SUN661" s="613"/>
      <c r="SUO661" s="613"/>
      <c r="SUP661" s="613"/>
      <c r="SUQ661" s="613"/>
      <c r="SUR661" s="613"/>
      <c r="SUS661" s="613"/>
      <c r="SUT661" s="613"/>
      <c r="SUU661" s="613"/>
      <c r="SUV661" s="613"/>
      <c r="SUW661" s="613"/>
      <c r="SUX661" s="613"/>
      <c r="SUY661" s="613"/>
      <c r="SUZ661" s="613"/>
      <c r="SVA661" s="613"/>
      <c r="SVB661" s="613"/>
      <c r="SVC661" s="613"/>
      <c r="SVD661" s="613"/>
      <c r="SVE661" s="613"/>
      <c r="SVF661" s="613"/>
      <c r="SVG661" s="613"/>
      <c r="SVH661" s="613"/>
      <c r="SVI661" s="613"/>
      <c r="SVJ661" s="613"/>
      <c r="SVK661" s="613"/>
      <c r="SVL661" s="613"/>
      <c r="SVM661" s="613"/>
      <c r="SVN661" s="613"/>
      <c r="SVO661" s="613"/>
      <c r="SVP661" s="613"/>
      <c r="SVQ661" s="613"/>
      <c r="SVR661" s="613"/>
      <c r="SVS661" s="613"/>
      <c r="SVT661" s="613"/>
      <c r="SVU661" s="613"/>
      <c r="SVV661" s="613"/>
      <c r="SVW661" s="613"/>
      <c r="SVX661" s="613"/>
      <c r="SVY661" s="613"/>
      <c r="SVZ661" s="613"/>
      <c r="SWA661" s="613"/>
      <c r="SWB661" s="613"/>
      <c r="SWC661" s="613"/>
      <c r="SWD661" s="613"/>
      <c r="SWE661" s="613"/>
      <c r="SWF661" s="613"/>
      <c r="SWG661" s="613"/>
      <c r="SWH661" s="613"/>
      <c r="SWI661" s="613"/>
      <c r="SWJ661" s="613"/>
      <c r="SWK661" s="613"/>
      <c r="SWL661" s="613"/>
      <c r="SWM661" s="613"/>
      <c r="SWN661" s="613"/>
      <c r="SWO661" s="613"/>
      <c r="SWP661" s="613"/>
      <c r="SWQ661" s="613"/>
      <c r="SWR661" s="613"/>
      <c r="SWS661" s="613"/>
      <c r="SWT661" s="613"/>
      <c r="SWU661" s="613"/>
      <c r="SWV661" s="613"/>
      <c r="SWW661" s="613"/>
      <c r="SWX661" s="613"/>
      <c r="SWY661" s="613"/>
      <c r="SWZ661" s="613"/>
      <c r="SXA661" s="613"/>
      <c r="SXB661" s="613"/>
      <c r="SXC661" s="613"/>
      <c r="SXD661" s="613"/>
      <c r="SXE661" s="613"/>
      <c r="SXF661" s="613"/>
      <c r="SXG661" s="613"/>
      <c r="SXH661" s="613"/>
      <c r="SXI661" s="613"/>
      <c r="SXJ661" s="613"/>
      <c r="SXK661" s="613"/>
      <c r="SXL661" s="613"/>
      <c r="SXM661" s="613"/>
      <c r="SXN661" s="613"/>
      <c r="SXO661" s="613"/>
      <c r="SXP661" s="613"/>
      <c r="SXQ661" s="613"/>
      <c r="SXR661" s="613"/>
      <c r="SXS661" s="613"/>
      <c r="SXT661" s="613"/>
      <c r="SXU661" s="613"/>
      <c r="SXV661" s="613"/>
      <c r="SXW661" s="613"/>
      <c r="SXX661" s="613"/>
      <c r="SXY661" s="613"/>
      <c r="SXZ661" s="613"/>
      <c r="SYA661" s="613"/>
      <c r="SYB661" s="613"/>
      <c r="SYC661" s="613"/>
      <c r="SYD661" s="613"/>
      <c r="SYE661" s="613"/>
      <c r="SYF661" s="613"/>
      <c r="SYG661" s="613"/>
      <c r="SYH661" s="613"/>
      <c r="SYI661" s="613"/>
      <c r="SYJ661" s="613"/>
      <c r="SYK661" s="613"/>
      <c r="SYL661" s="613"/>
      <c r="SYM661" s="613"/>
      <c r="SYN661" s="613"/>
      <c r="SYO661" s="613"/>
      <c r="SYP661" s="613"/>
      <c r="SYQ661" s="613"/>
      <c r="SYR661" s="613"/>
      <c r="SYS661" s="613"/>
      <c r="SYT661" s="613"/>
      <c r="SYU661" s="613"/>
      <c r="SYV661" s="613"/>
      <c r="SYW661" s="613"/>
      <c r="SYX661" s="613"/>
      <c r="SYY661" s="613"/>
      <c r="SYZ661" s="613"/>
      <c r="SZA661" s="613"/>
      <c r="SZB661" s="613"/>
      <c r="SZC661" s="613"/>
      <c r="SZD661" s="613"/>
      <c r="SZE661" s="613"/>
      <c r="SZF661" s="613"/>
      <c r="SZG661" s="613"/>
      <c r="SZH661" s="613"/>
      <c r="SZI661" s="613"/>
      <c r="SZJ661" s="613"/>
      <c r="SZK661" s="613"/>
      <c r="SZL661" s="613"/>
      <c r="SZM661" s="613"/>
      <c r="SZN661" s="613"/>
      <c r="SZO661" s="613"/>
      <c r="SZP661" s="613"/>
      <c r="SZQ661" s="613"/>
      <c r="SZR661" s="613"/>
      <c r="SZS661" s="613"/>
      <c r="SZT661" s="613"/>
      <c r="SZU661" s="613"/>
      <c r="SZV661" s="613"/>
      <c r="SZW661" s="613"/>
      <c r="SZX661" s="613"/>
      <c r="SZY661" s="613"/>
      <c r="SZZ661" s="613"/>
      <c r="TAA661" s="613"/>
      <c r="TAB661" s="613"/>
      <c r="TAC661" s="613"/>
      <c r="TAD661" s="613"/>
      <c r="TAE661" s="613"/>
      <c r="TAF661" s="613"/>
      <c r="TAG661" s="613"/>
      <c r="TAH661" s="613"/>
      <c r="TAI661" s="613"/>
      <c r="TAJ661" s="613"/>
      <c r="TAK661" s="613"/>
      <c r="TAL661" s="613"/>
      <c r="TAM661" s="613"/>
      <c r="TAN661" s="613"/>
      <c r="TAO661" s="613"/>
      <c r="TAP661" s="613"/>
      <c r="TAQ661" s="613"/>
      <c r="TAR661" s="613"/>
      <c r="TAS661" s="613"/>
      <c r="TAT661" s="613"/>
      <c r="TAU661" s="613"/>
      <c r="TAV661" s="613"/>
      <c r="TAW661" s="613"/>
      <c r="TAX661" s="613"/>
      <c r="TAY661" s="613"/>
      <c r="TAZ661" s="613"/>
      <c r="TBA661" s="613"/>
      <c r="TBB661" s="613"/>
      <c r="TBC661" s="613"/>
      <c r="TBD661" s="613"/>
      <c r="TBE661" s="613"/>
      <c r="TBF661" s="613"/>
      <c r="TBG661" s="613"/>
      <c r="TBH661" s="613"/>
      <c r="TBI661" s="613"/>
      <c r="TBJ661" s="613"/>
      <c r="TBK661" s="613"/>
      <c r="TBL661" s="613"/>
      <c r="TBM661" s="613"/>
      <c r="TBN661" s="613"/>
      <c r="TBO661" s="613"/>
      <c r="TBP661" s="613"/>
      <c r="TBQ661" s="613"/>
      <c r="TBR661" s="613"/>
      <c r="TBS661" s="613"/>
      <c r="TBT661" s="613"/>
      <c r="TBU661" s="613"/>
      <c r="TBV661" s="613"/>
      <c r="TBW661" s="613"/>
      <c r="TBX661" s="613"/>
      <c r="TBY661" s="613"/>
      <c r="TBZ661" s="613"/>
      <c r="TCA661" s="613"/>
      <c r="TCB661" s="613"/>
      <c r="TCC661" s="613"/>
      <c r="TCD661" s="613"/>
      <c r="TCE661" s="613"/>
      <c r="TCF661" s="613"/>
      <c r="TCG661" s="613"/>
      <c r="TCH661" s="613"/>
      <c r="TCI661" s="613"/>
      <c r="TCJ661" s="613"/>
      <c r="TCK661" s="613"/>
      <c r="TCL661" s="613"/>
      <c r="TCM661" s="613"/>
      <c r="TCN661" s="613"/>
      <c r="TCO661" s="613"/>
      <c r="TCP661" s="613"/>
      <c r="TCQ661" s="613"/>
      <c r="TCR661" s="613"/>
      <c r="TCS661" s="613"/>
      <c r="TCT661" s="613"/>
      <c r="TCU661" s="613"/>
      <c r="TCV661" s="613"/>
      <c r="TCW661" s="613"/>
      <c r="TCX661" s="613"/>
      <c r="TCY661" s="613"/>
      <c r="TCZ661" s="613"/>
      <c r="TDA661" s="613"/>
      <c r="TDB661" s="613"/>
      <c r="TDC661" s="613"/>
      <c r="TDD661" s="613"/>
      <c r="TDE661" s="613"/>
      <c r="TDF661" s="613"/>
      <c r="TDG661" s="613"/>
      <c r="TDH661" s="613"/>
      <c r="TDI661" s="613"/>
      <c r="TDJ661" s="613"/>
      <c r="TDK661" s="613"/>
      <c r="TDL661" s="613"/>
      <c r="TDM661" s="613"/>
      <c r="TDN661" s="613"/>
      <c r="TDO661" s="613"/>
      <c r="TDP661" s="613"/>
      <c r="TDQ661" s="613"/>
      <c r="TDR661" s="613"/>
      <c r="TDS661" s="613"/>
      <c r="TDT661" s="613"/>
      <c r="TDU661" s="613"/>
      <c r="TDV661" s="613"/>
      <c r="TDW661" s="613"/>
      <c r="TDX661" s="613"/>
      <c r="TDY661" s="613"/>
      <c r="TDZ661" s="613"/>
      <c r="TEA661" s="613"/>
      <c r="TEB661" s="613"/>
      <c r="TEC661" s="613"/>
      <c r="TED661" s="613"/>
      <c r="TEE661" s="613"/>
      <c r="TEF661" s="613"/>
      <c r="TEG661" s="613"/>
      <c r="TEH661" s="613"/>
      <c r="TEI661" s="613"/>
      <c r="TEJ661" s="613"/>
      <c r="TEK661" s="613"/>
      <c r="TEL661" s="613"/>
      <c r="TEM661" s="613"/>
      <c r="TEN661" s="613"/>
      <c r="TEO661" s="613"/>
      <c r="TEP661" s="613"/>
      <c r="TEQ661" s="613"/>
      <c r="TER661" s="613"/>
      <c r="TES661" s="613"/>
      <c r="TET661" s="613"/>
      <c r="TEU661" s="613"/>
      <c r="TEV661" s="613"/>
      <c r="TEW661" s="613"/>
      <c r="TEX661" s="613"/>
      <c r="TEY661" s="613"/>
      <c r="TEZ661" s="613"/>
      <c r="TFA661" s="613"/>
      <c r="TFB661" s="613"/>
      <c r="TFC661" s="613"/>
      <c r="TFD661" s="613"/>
      <c r="TFE661" s="613"/>
      <c r="TFF661" s="613"/>
      <c r="TFG661" s="613"/>
      <c r="TFH661" s="613"/>
      <c r="TFI661" s="613"/>
      <c r="TFJ661" s="613"/>
      <c r="TFK661" s="613"/>
      <c r="TFL661" s="613"/>
      <c r="TFM661" s="613"/>
      <c r="TFN661" s="613"/>
      <c r="TFO661" s="613"/>
      <c r="TFP661" s="613"/>
      <c r="TFQ661" s="613"/>
      <c r="TFR661" s="613"/>
      <c r="TFS661" s="613"/>
      <c r="TFT661" s="613"/>
      <c r="TFU661" s="613"/>
      <c r="TFV661" s="613"/>
      <c r="TFW661" s="613"/>
      <c r="TFX661" s="613"/>
      <c r="TFY661" s="613"/>
      <c r="TFZ661" s="613"/>
      <c r="TGA661" s="613"/>
      <c r="TGB661" s="613"/>
      <c r="TGC661" s="613"/>
      <c r="TGD661" s="613"/>
      <c r="TGE661" s="613"/>
      <c r="TGF661" s="613"/>
      <c r="TGG661" s="613"/>
      <c r="TGH661" s="613"/>
      <c r="TGI661" s="613"/>
      <c r="TGJ661" s="613"/>
      <c r="TGK661" s="613"/>
      <c r="TGL661" s="613"/>
      <c r="TGM661" s="613"/>
      <c r="TGN661" s="613"/>
      <c r="TGO661" s="613"/>
      <c r="TGP661" s="613"/>
      <c r="TGQ661" s="613"/>
      <c r="TGR661" s="613"/>
      <c r="TGS661" s="613"/>
      <c r="TGT661" s="613"/>
      <c r="TGU661" s="613"/>
      <c r="TGV661" s="613"/>
      <c r="TGW661" s="613"/>
      <c r="TGX661" s="613"/>
      <c r="TGY661" s="613"/>
      <c r="TGZ661" s="613"/>
      <c r="THA661" s="613"/>
      <c r="THB661" s="613"/>
      <c r="THC661" s="613"/>
      <c r="THD661" s="613"/>
      <c r="THE661" s="613"/>
      <c r="THF661" s="613"/>
      <c r="THG661" s="613"/>
      <c r="THH661" s="613"/>
      <c r="THI661" s="613"/>
      <c r="THJ661" s="613"/>
      <c r="THK661" s="613"/>
      <c r="THL661" s="613"/>
      <c r="THM661" s="613"/>
      <c r="THN661" s="613"/>
      <c r="THO661" s="613"/>
      <c r="THP661" s="613"/>
      <c r="THQ661" s="613"/>
      <c r="THR661" s="613"/>
      <c r="THS661" s="613"/>
      <c r="THT661" s="613"/>
      <c r="THU661" s="613"/>
      <c r="THV661" s="613"/>
      <c r="THW661" s="613"/>
      <c r="THX661" s="613"/>
      <c r="THY661" s="613"/>
      <c r="THZ661" s="613"/>
      <c r="TIA661" s="613"/>
      <c r="TIB661" s="613"/>
      <c r="TIC661" s="613"/>
      <c r="TID661" s="613"/>
      <c r="TIE661" s="613"/>
      <c r="TIF661" s="613"/>
      <c r="TIG661" s="613"/>
      <c r="TIH661" s="613"/>
      <c r="TII661" s="613"/>
      <c r="TIJ661" s="613"/>
      <c r="TIK661" s="613"/>
      <c r="TIL661" s="613"/>
      <c r="TIM661" s="613"/>
      <c r="TIN661" s="613"/>
      <c r="TIO661" s="613"/>
      <c r="TIP661" s="613"/>
      <c r="TIQ661" s="613"/>
      <c r="TIR661" s="613"/>
      <c r="TIS661" s="613"/>
      <c r="TIT661" s="613"/>
      <c r="TIU661" s="613"/>
      <c r="TIV661" s="613"/>
      <c r="TIW661" s="613"/>
      <c r="TIX661" s="613"/>
      <c r="TIY661" s="613"/>
      <c r="TIZ661" s="613"/>
      <c r="TJA661" s="613"/>
      <c r="TJB661" s="613"/>
      <c r="TJC661" s="613"/>
      <c r="TJD661" s="613"/>
      <c r="TJE661" s="613"/>
      <c r="TJF661" s="613"/>
      <c r="TJG661" s="613"/>
      <c r="TJH661" s="613"/>
      <c r="TJI661" s="613"/>
      <c r="TJJ661" s="613"/>
      <c r="TJK661" s="613"/>
      <c r="TJL661" s="613"/>
      <c r="TJM661" s="613"/>
      <c r="TJN661" s="613"/>
      <c r="TJO661" s="613"/>
      <c r="TJP661" s="613"/>
      <c r="TJQ661" s="613"/>
      <c r="TJR661" s="613"/>
      <c r="TJS661" s="613"/>
      <c r="TJT661" s="613"/>
      <c r="TJU661" s="613"/>
      <c r="TJV661" s="613"/>
      <c r="TJW661" s="613"/>
      <c r="TJX661" s="613"/>
      <c r="TJY661" s="613"/>
      <c r="TJZ661" s="613"/>
      <c r="TKA661" s="613"/>
      <c r="TKB661" s="613"/>
      <c r="TKC661" s="613"/>
      <c r="TKD661" s="613"/>
      <c r="TKE661" s="613"/>
      <c r="TKF661" s="613"/>
      <c r="TKG661" s="613"/>
      <c r="TKH661" s="613"/>
      <c r="TKI661" s="613"/>
      <c r="TKJ661" s="613"/>
      <c r="TKK661" s="613"/>
      <c r="TKL661" s="613"/>
      <c r="TKM661" s="613"/>
      <c r="TKN661" s="613"/>
      <c r="TKO661" s="613"/>
      <c r="TKP661" s="613"/>
      <c r="TKQ661" s="613"/>
      <c r="TKR661" s="613"/>
      <c r="TKS661" s="613"/>
      <c r="TKT661" s="613"/>
      <c r="TKU661" s="613"/>
      <c r="TKV661" s="613"/>
      <c r="TKW661" s="613"/>
      <c r="TKX661" s="613"/>
      <c r="TKY661" s="613"/>
      <c r="TKZ661" s="613"/>
      <c r="TLA661" s="613"/>
      <c r="TLB661" s="613"/>
      <c r="TLC661" s="613"/>
      <c r="TLD661" s="613"/>
      <c r="TLE661" s="613"/>
      <c r="TLF661" s="613"/>
      <c r="TLG661" s="613"/>
      <c r="TLH661" s="613"/>
      <c r="TLI661" s="613"/>
      <c r="TLJ661" s="613"/>
      <c r="TLK661" s="613"/>
      <c r="TLL661" s="613"/>
      <c r="TLM661" s="613"/>
      <c r="TLN661" s="613"/>
      <c r="TLO661" s="613"/>
      <c r="TLP661" s="613"/>
      <c r="TLQ661" s="613"/>
      <c r="TLR661" s="613"/>
      <c r="TLS661" s="613"/>
      <c r="TLT661" s="613"/>
      <c r="TLU661" s="613"/>
      <c r="TLV661" s="613"/>
      <c r="TLW661" s="613"/>
      <c r="TLX661" s="613"/>
      <c r="TLY661" s="613"/>
      <c r="TLZ661" s="613"/>
      <c r="TMA661" s="613"/>
      <c r="TMB661" s="613"/>
      <c r="TMC661" s="613"/>
      <c r="TMD661" s="613"/>
      <c r="TME661" s="613"/>
      <c r="TMF661" s="613"/>
      <c r="TMG661" s="613"/>
      <c r="TMH661" s="613"/>
      <c r="TMI661" s="613"/>
      <c r="TMJ661" s="613"/>
      <c r="TMK661" s="613"/>
      <c r="TML661" s="613"/>
      <c r="TMM661" s="613"/>
      <c r="TMN661" s="613"/>
      <c r="TMO661" s="613"/>
      <c r="TMP661" s="613"/>
      <c r="TMQ661" s="613"/>
      <c r="TMR661" s="613"/>
      <c r="TMS661" s="613"/>
      <c r="TMT661" s="613"/>
      <c r="TMU661" s="613"/>
      <c r="TMV661" s="613"/>
      <c r="TMW661" s="613"/>
      <c r="TMX661" s="613"/>
      <c r="TMY661" s="613"/>
      <c r="TMZ661" s="613"/>
      <c r="TNA661" s="613"/>
      <c r="TNB661" s="613"/>
      <c r="TNC661" s="613"/>
      <c r="TND661" s="613"/>
      <c r="TNE661" s="613"/>
      <c r="TNF661" s="613"/>
      <c r="TNG661" s="613"/>
      <c r="TNH661" s="613"/>
      <c r="TNI661" s="613"/>
      <c r="TNJ661" s="613"/>
      <c r="TNK661" s="613"/>
      <c r="TNL661" s="613"/>
      <c r="TNM661" s="613"/>
      <c r="TNN661" s="613"/>
      <c r="TNO661" s="613"/>
      <c r="TNP661" s="613"/>
      <c r="TNQ661" s="613"/>
      <c r="TNR661" s="613"/>
      <c r="TNS661" s="613"/>
      <c r="TNT661" s="613"/>
      <c r="TNU661" s="613"/>
      <c r="TNV661" s="613"/>
      <c r="TNW661" s="613"/>
      <c r="TNX661" s="613"/>
      <c r="TNY661" s="613"/>
      <c r="TNZ661" s="613"/>
      <c r="TOA661" s="613"/>
      <c r="TOB661" s="613"/>
      <c r="TOC661" s="613"/>
      <c r="TOD661" s="613"/>
      <c r="TOE661" s="613"/>
      <c r="TOF661" s="613"/>
      <c r="TOG661" s="613"/>
      <c r="TOH661" s="613"/>
      <c r="TOI661" s="613"/>
      <c r="TOJ661" s="613"/>
      <c r="TOK661" s="613"/>
      <c r="TOL661" s="613"/>
      <c r="TOM661" s="613"/>
      <c r="TON661" s="613"/>
      <c r="TOO661" s="613"/>
      <c r="TOP661" s="613"/>
      <c r="TOQ661" s="613"/>
      <c r="TOR661" s="613"/>
      <c r="TOS661" s="613"/>
      <c r="TOT661" s="613"/>
      <c r="TOU661" s="613"/>
      <c r="TOV661" s="613"/>
      <c r="TOW661" s="613"/>
      <c r="TOX661" s="613"/>
      <c r="TOY661" s="613"/>
      <c r="TOZ661" s="613"/>
      <c r="TPA661" s="613"/>
      <c r="TPB661" s="613"/>
      <c r="TPC661" s="613"/>
      <c r="TPD661" s="613"/>
      <c r="TPE661" s="613"/>
      <c r="TPF661" s="613"/>
      <c r="TPG661" s="613"/>
      <c r="TPH661" s="613"/>
      <c r="TPI661" s="613"/>
      <c r="TPJ661" s="613"/>
      <c r="TPK661" s="613"/>
      <c r="TPL661" s="613"/>
      <c r="TPM661" s="613"/>
      <c r="TPN661" s="613"/>
      <c r="TPO661" s="613"/>
      <c r="TPP661" s="613"/>
      <c r="TPQ661" s="613"/>
      <c r="TPR661" s="613"/>
      <c r="TPS661" s="613"/>
      <c r="TPT661" s="613"/>
      <c r="TPU661" s="613"/>
      <c r="TPV661" s="613"/>
      <c r="TPW661" s="613"/>
      <c r="TPX661" s="613"/>
      <c r="TPY661" s="613"/>
      <c r="TPZ661" s="613"/>
      <c r="TQA661" s="613"/>
      <c r="TQB661" s="613"/>
      <c r="TQC661" s="613"/>
      <c r="TQD661" s="613"/>
      <c r="TQE661" s="613"/>
      <c r="TQF661" s="613"/>
      <c r="TQG661" s="613"/>
      <c r="TQH661" s="613"/>
      <c r="TQI661" s="613"/>
      <c r="TQJ661" s="613"/>
      <c r="TQK661" s="613"/>
      <c r="TQL661" s="613"/>
      <c r="TQM661" s="613"/>
      <c r="TQN661" s="613"/>
      <c r="TQO661" s="613"/>
      <c r="TQP661" s="613"/>
      <c r="TQQ661" s="613"/>
      <c r="TQR661" s="613"/>
      <c r="TQS661" s="613"/>
      <c r="TQT661" s="613"/>
      <c r="TQU661" s="613"/>
      <c r="TQV661" s="613"/>
      <c r="TQW661" s="613"/>
      <c r="TQX661" s="613"/>
      <c r="TQY661" s="613"/>
      <c r="TQZ661" s="613"/>
      <c r="TRA661" s="613"/>
      <c r="TRB661" s="613"/>
      <c r="TRC661" s="613"/>
      <c r="TRD661" s="613"/>
      <c r="TRE661" s="613"/>
      <c r="TRF661" s="613"/>
      <c r="TRG661" s="613"/>
      <c r="TRH661" s="613"/>
      <c r="TRI661" s="613"/>
      <c r="TRJ661" s="613"/>
      <c r="TRK661" s="613"/>
      <c r="TRL661" s="613"/>
      <c r="TRM661" s="613"/>
      <c r="TRN661" s="613"/>
      <c r="TRO661" s="613"/>
      <c r="TRP661" s="613"/>
      <c r="TRQ661" s="613"/>
      <c r="TRR661" s="613"/>
      <c r="TRS661" s="613"/>
      <c r="TRT661" s="613"/>
      <c r="TRU661" s="613"/>
      <c r="TRV661" s="613"/>
      <c r="TRW661" s="613"/>
      <c r="TRX661" s="613"/>
      <c r="TRY661" s="613"/>
      <c r="TRZ661" s="613"/>
      <c r="TSA661" s="613"/>
      <c r="TSB661" s="613"/>
      <c r="TSC661" s="613"/>
      <c r="TSD661" s="613"/>
      <c r="TSE661" s="613"/>
      <c r="TSF661" s="613"/>
      <c r="TSG661" s="613"/>
      <c r="TSH661" s="613"/>
      <c r="TSI661" s="613"/>
      <c r="TSJ661" s="613"/>
      <c r="TSK661" s="613"/>
      <c r="TSL661" s="613"/>
      <c r="TSM661" s="613"/>
      <c r="TSN661" s="613"/>
      <c r="TSO661" s="613"/>
      <c r="TSP661" s="613"/>
      <c r="TSQ661" s="613"/>
      <c r="TSR661" s="613"/>
      <c r="TSS661" s="613"/>
      <c r="TST661" s="613"/>
      <c r="TSU661" s="613"/>
      <c r="TSV661" s="613"/>
      <c r="TSW661" s="613"/>
      <c r="TSX661" s="613"/>
      <c r="TSY661" s="613"/>
      <c r="TSZ661" s="613"/>
      <c r="TTA661" s="613"/>
      <c r="TTB661" s="613"/>
      <c r="TTC661" s="613"/>
      <c r="TTD661" s="613"/>
      <c r="TTE661" s="613"/>
      <c r="TTF661" s="613"/>
      <c r="TTG661" s="613"/>
      <c r="TTH661" s="613"/>
      <c r="TTI661" s="613"/>
      <c r="TTJ661" s="613"/>
      <c r="TTK661" s="613"/>
      <c r="TTL661" s="613"/>
      <c r="TTM661" s="613"/>
      <c r="TTN661" s="613"/>
      <c r="TTO661" s="613"/>
      <c r="TTP661" s="613"/>
      <c r="TTQ661" s="613"/>
      <c r="TTR661" s="613"/>
      <c r="TTS661" s="613"/>
      <c r="TTT661" s="613"/>
      <c r="TTU661" s="613"/>
      <c r="TTV661" s="613"/>
      <c r="TTW661" s="613"/>
      <c r="TTX661" s="613"/>
      <c r="TTY661" s="613"/>
      <c r="TTZ661" s="613"/>
      <c r="TUA661" s="613"/>
      <c r="TUB661" s="613"/>
      <c r="TUC661" s="613"/>
      <c r="TUD661" s="613"/>
      <c r="TUE661" s="613"/>
      <c r="TUF661" s="613"/>
      <c r="TUG661" s="613"/>
      <c r="TUH661" s="613"/>
      <c r="TUI661" s="613"/>
      <c r="TUJ661" s="613"/>
      <c r="TUK661" s="613"/>
      <c r="TUL661" s="613"/>
      <c r="TUM661" s="613"/>
      <c r="TUN661" s="613"/>
      <c r="TUO661" s="613"/>
      <c r="TUP661" s="613"/>
      <c r="TUQ661" s="613"/>
      <c r="TUR661" s="613"/>
      <c r="TUS661" s="613"/>
      <c r="TUT661" s="613"/>
      <c r="TUU661" s="613"/>
      <c r="TUV661" s="613"/>
      <c r="TUW661" s="613"/>
      <c r="TUX661" s="613"/>
      <c r="TUY661" s="613"/>
      <c r="TUZ661" s="613"/>
      <c r="TVA661" s="613"/>
      <c r="TVB661" s="613"/>
      <c r="TVC661" s="613"/>
      <c r="TVD661" s="613"/>
      <c r="TVE661" s="613"/>
      <c r="TVF661" s="613"/>
      <c r="TVG661" s="613"/>
      <c r="TVH661" s="613"/>
      <c r="TVI661" s="613"/>
      <c r="TVJ661" s="613"/>
      <c r="TVK661" s="613"/>
      <c r="TVL661" s="613"/>
      <c r="TVM661" s="613"/>
      <c r="TVN661" s="613"/>
      <c r="TVO661" s="613"/>
      <c r="TVP661" s="613"/>
      <c r="TVQ661" s="613"/>
      <c r="TVR661" s="613"/>
      <c r="TVS661" s="613"/>
      <c r="TVT661" s="613"/>
      <c r="TVU661" s="613"/>
      <c r="TVV661" s="613"/>
      <c r="TVW661" s="613"/>
      <c r="TVX661" s="613"/>
      <c r="TVY661" s="613"/>
      <c r="TVZ661" s="613"/>
      <c r="TWA661" s="613"/>
      <c r="TWB661" s="613"/>
      <c r="TWC661" s="613"/>
      <c r="TWD661" s="613"/>
      <c r="TWE661" s="613"/>
      <c r="TWF661" s="613"/>
      <c r="TWG661" s="613"/>
      <c r="TWH661" s="613"/>
      <c r="TWI661" s="613"/>
      <c r="TWJ661" s="613"/>
      <c r="TWK661" s="613"/>
      <c r="TWL661" s="613"/>
      <c r="TWM661" s="613"/>
      <c r="TWN661" s="613"/>
      <c r="TWO661" s="613"/>
      <c r="TWP661" s="613"/>
      <c r="TWQ661" s="613"/>
      <c r="TWR661" s="613"/>
      <c r="TWS661" s="613"/>
      <c r="TWT661" s="613"/>
      <c r="TWU661" s="613"/>
      <c r="TWV661" s="613"/>
      <c r="TWW661" s="613"/>
      <c r="TWX661" s="613"/>
      <c r="TWY661" s="613"/>
      <c r="TWZ661" s="613"/>
      <c r="TXA661" s="613"/>
      <c r="TXB661" s="613"/>
      <c r="TXC661" s="613"/>
      <c r="TXD661" s="613"/>
      <c r="TXE661" s="613"/>
      <c r="TXF661" s="613"/>
      <c r="TXG661" s="613"/>
      <c r="TXH661" s="613"/>
      <c r="TXI661" s="613"/>
      <c r="TXJ661" s="613"/>
      <c r="TXK661" s="613"/>
      <c r="TXL661" s="613"/>
      <c r="TXM661" s="613"/>
      <c r="TXN661" s="613"/>
      <c r="TXO661" s="613"/>
      <c r="TXP661" s="613"/>
      <c r="TXQ661" s="613"/>
      <c r="TXR661" s="613"/>
      <c r="TXS661" s="613"/>
      <c r="TXT661" s="613"/>
      <c r="TXU661" s="613"/>
      <c r="TXV661" s="613"/>
      <c r="TXW661" s="613"/>
      <c r="TXX661" s="613"/>
      <c r="TXY661" s="613"/>
      <c r="TXZ661" s="613"/>
      <c r="TYA661" s="613"/>
      <c r="TYB661" s="613"/>
      <c r="TYC661" s="613"/>
      <c r="TYD661" s="613"/>
      <c r="TYE661" s="613"/>
      <c r="TYF661" s="613"/>
      <c r="TYG661" s="613"/>
      <c r="TYH661" s="613"/>
      <c r="TYI661" s="613"/>
      <c r="TYJ661" s="613"/>
      <c r="TYK661" s="613"/>
      <c r="TYL661" s="613"/>
      <c r="TYM661" s="613"/>
      <c r="TYN661" s="613"/>
      <c r="TYO661" s="613"/>
      <c r="TYP661" s="613"/>
      <c r="TYQ661" s="613"/>
      <c r="TYR661" s="613"/>
      <c r="TYS661" s="613"/>
      <c r="TYT661" s="613"/>
      <c r="TYU661" s="613"/>
      <c r="TYV661" s="613"/>
      <c r="TYW661" s="613"/>
      <c r="TYX661" s="613"/>
      <c r="TYY661" s="613"/>
      <c r="TYZ661" s="613"/>
      <c r="TZA661" s="613"/>
      <c r="TZB661" s="613"/>
      <c r="TZC661" s="613"/>
      <c r="TZD661" s="613"/>
      <c r="TZE661" s="613"/>
      <c r="TZF661" s="613"/>
      <c r="TZG661" s="613"/>
      <c r="TZH661" s="613"/>
      <c r="TZI661" s="613"/>
      <c r="TZJ661" s="613"/>
      <c r="TZK661" s="613"/>
      <c r="TZL661" s="613"/>
      <c r="TZM661" s="613"/>
      <c r="TZN661" s="613"/>
      <c r="TZO661" s="613"/>
      <c r="TZP661" s="613"/>
      <c r="TZQ661" s="613"/>
      <c r="TZR661" s="613"/>
      <c r="TZS661" s="613"/>
      <c r="TZT661" s="613"/>
      <c r="TZU661" s="613"/>
      <c r="TZV661" s="613"/>
      <c r="TZW661" s="613"/>
      <c r="TZX661" s="613"/>
      <c r="TZY661" s="613"/>
      <c r="TZZ661" s="613"/>
      <c r="UAA661" s="613"/>
      <c r="UAB661" s="613"/>
      <c r="UAC661" s="613"/>
      <c r="UAD661" s="613"/>
      <c r="UAE661" s="613"/>
      <c r="UAF661" s="613"/>
      <c r="UAG661" s="613"/>
      <c r="UAH661" s="613"/>
      <c r="UAI661" s="613"/>
      <c r="UAJ661" s="613"/>
      <c r="UAK661" s="613"/>
      <c r="UAL661" s="613"/>
      <c r="UAM661" s="613"/>
      <c r="UAN661" s="613"/>
      <c r="UAO661" s="613"/>
      <c r="UAP661" s="613"/>
      <c r="UAQ661" s="613"/>
      <c r="UAR661" s="613"/>
      <c r="UAS661" s="613"/>
      <c r="UAT661" s="613"/>
      <c r="UAU661" s="613"/>
      <c r="UAV661" s="613"/>
      <c r="UAW661" s="613"/>
      <c r="UAX661" s="613"/>
      <c r="UAY661" s="613"/>
      <c r="UAZ661" s="613"/>
      <c r="UBA661" s="613"/>
      <c r="UBB661" s="613"/>
      <c r="UBC661" s="613"/>
      <c r="UBD661" s="613"/>
      <c r="UBE661" s="613"/>
      <c r="UBF661" s="613"/>
      <c r="UBG661" s="613"/>
      <c r="UBH661" s="613"/>
      <c r="UBI661" s="613"/>
      <c r="UBJ661" s="613"/>
      <c r="UBK661" s="613"/>
      <c r="UBL661" s="613"/>
      <c r="UBM661" s="613"/>
      <c r="UBN661" s="613"/>
      <c r="UBO661" s="613"/>
      <c r="UBP661" s="613"/>
      <c r="UBQ661" s="613"/>
      <c r="UBR661" s="613"/>
      <c r="UBS661" s="613"/>
      <c r="UBT661" s="613"/>
      <c r="UBU661" s="613"/>
      <c r="UBV661" s="613"/>
      <c r="UBW661" s="613"/>
      <c r="UBX661" s="613"/>
      <c r="UBY661" s="613"/>
      <c r="UBZ661" s="613"/>
      <c r="UCA661" s="613"/>
      <c r="UCB661" s="613"/>
      <c r="UCC661" s="613"/>
      <c r="UCD661" s="613"/>
      <c r="UCE661" s="613"/>
      <c r="UCF661" s="613"/>
      <c r="UCG661" s="613"/>
      <c r="UCH661" s="613"/>
      <c r="UCI661" s="613"/>
      <c r="UCJ661" s="613"/>
      <c r="UCK661" s="613"/>
      <c r="UCL661" s="613"/>
      <c r="UCM661" s="613"/>
      <c r="UCN661" s="613"/>
      <c r="UCO661" s="613"/>
      <c r="UCP661" s="613"/>
      <c r="UCQ661" s="613"/>
      <c r="UCR661" s="613"/>
      <c r="UCS661" s="613"/>
      <c r="UCT661" s="613"/>
      <c r="UCU661" s="613"/>
      <c r="UCV661" s="613"/>
      <c r="UCW661" s="613"/>
      <c r="UCX661" s="613"/>
      <c r="UCY661" s="613"/>
      <c r="UCZ661" s="613"/>
      <c r="UDA661" s="613"/>
      <c r="UDB661" s="613"/>
      <c r="UDC661" s="613"/>
      <c r="UDD661" s="613"/>
      <c r="UDE661" s="613"/>
      <c r="UDF661" s="613"/>
      <c r="UDG661" s="613"/>
      <c r="UDH661" s="613"/>
      <c r="UDI661" s="613"/>
      <c r="UDJ661" s="613"/>
      <c r="UDK661" s="613"/>
      <c r="UDL661" s="613"/>
      <c r="UDM661" s="613"/>
      <c r="UDN661" s="613"/>
      <c r="UDO661" s="613"/>
      <c r="UDP661" s="613"/>
      <c r="UDQ661" s="613"/>
      <c r="UDR661" s="613"/>
      <c r="UDS661" s="613"/>
      <c r="UDT661" s="613"/>
      <c r="UDU661" s="613"/>
      <c r="UDV661" s="613"/>
      <c r="UDW661" s="613"/>
      <c r="UDX661" s="613"/>
      <c r="UDY661" s="613"/>
      <c r="UDZ661" s="613"/>
      <c r="UEA661" s="613"/>
      <c r="UEB661" s="613"/>
      <c r="UEC661" s="613"/>
      <c r="UED661" s="613"/>
      <c r="UEE661" s="613"/>
      <c r="UEF661" s="613"/>
      <c r="UEG661" s="613"/>
      <c r="UEH661" s="613"/>
      <c r="UEI661" s="613"/>
      <c r="UEJ661" s="613"/>
      <c r="UEK661" s="613"/>
      <c r="UEL661" s="613"/>
      <c r="UEM661" s="613"/>
      <c r="UEN661" s="613"/>
      <c r="UEO661" s="613"/>
      <c r="UEP661" s="613"/>
      <c r="UEQ661" s="613"/>
      <c r="UER661" s="613"/>
      <c r="UES661" s="613"/>
      <c r="UET661" s="613"/>
      <c r="UEU661" s="613"/>
      <c r="UEV661" s="613"/>
      <c r="UEW661" s="613"/>
      <c r="UEX661" s="613"/>
      <c r="UEY661" s="613"/>
      <c r="UEZ661" s="613"/>
      <c r="UFA661" s="613"/>
      <c r="UFB661" s="613"/>
      <c r="UFC661" s="613"/>
      <c r="UFD661" s="613"/>
      <c r="UFE661" s="613"/>
      <c r="UFF661" s="613"/>
      <c r="UFG661" s="613"/>
      <c r="UFH661" s="613"/>
      <c r="UFI661" s="613"/>
      <c r="UFJ661" s="613"/>
      <c r="UFK661" s="613"/>
      <c r="UFL661" s="613"/>
      <c r="UFM661" s="613"/>
      <c r="UFN661" s="613"/>
      <c r="UFO661" s="613"/>
      <c r="UFP661" s="613"/>
      <c r="UFQ661" s="613"/>
      <c r="UFR661" s="613"/>
      <c r="UFS661" s="613"/>
      <c r="UFT661" s="613"/>
      <c r="UFU661" s="613"/>
      <c r="UFV661" s="613"/>
      <c r="UFW661" s="613"/>
      <c r="UFX661" s="613"/>
      <c r="UFY661" s="613"/>
      <c r="UFZ661" s="613"/>
      <c r="UGA661" s="613"/>
      <c r="UGB661" s="613"/>
      <c r="UGC661" s="613"/>
      <c r="UGD661" s="613"/>
      <c r="UGE661" s="613"/>
      <c r="UGF661" s="613"/>
      <c r="UGG661" s="613"/>
      <c r="UGH661" s="613"/>
      <c r="UGI661" s="613"/>
      <c r="UGJ661" s="613"/>
      <c r="UGK661" s="613"/>
      <c r="UGL661" s="613"/>
      <c r="UGM661" s="613"/>
      <c r="UGN661" s="613"/>
      <c r="UGO661" s="613"/>
      <c r="UGP661" s="613"/>
      <c r="UGQ661" s="613"/>
      <c r="UGR661" s="613"/>
      <c r="UGS661" s="613"/>
      <c r="UGT661" s="613"/>
      <c r="UGU661" s="613"/>
      <c r="UGV661" s="613"/>
      <c r="UGW661" s="613"/>
      <c r="UGX661" s="613"/>
      <c r="UGY661" s="613"/>
      <c r="UGZ661" s="613"/>
      <c r="UHA661" s="613"/>
      <c r="UHB661" s="613"/>
      <c r="UHC661" s="613"/>
      <c r="UHD661" s="613"/>
      <c r="UHE661" s="613"/>
      <c r="UHF661" s="613"/>
      <c r="UHG661" s="613"/>
      <c r="UHH661" s="613"/>
      <c r="UHI661" s="613"/>
      <c r="UHJ661" s="613"/>
      <c r="UHK661" s="613"/>
      <c r="UHL661" s="613"/>
      <c r="UHM661" s="613"/>
      <c r="UHN661" s="613"/>
      <c r="UHO661" s="613"/>
      <c r="UHP661" s="613"/>
      <c r="UHQ661" s="613"/>
      <c r="UHR661" s="613"/>
      <c r="UHS661" s="613"/>
      <c r="UHT661" s="613"/>
      <c r="UHU661" s="613"/>
      <c r="UHV661" s="613"/>
      <c r="UHW661" s="613"/>
      <c r="UHX661" s="613"/>
      <c r="UHY661" s="613"/>
      <c r="UHZ661" s="613"/>
      <c r="UIA661" s="613"/>
      <c r="UIB661" s="613"/>
      <c r="UIC661" s="613"/>
      <c r="UID661" s="613"/>
      <c r="UIE661" s="613"/>
      <c r="UIF661" s="613"/>
      <c r="UIG661" s="613"/>
      <c r="UIH661" s="613"/>
      <c r="UII661" s="613"/>
      <c r="UIJ661" s="613"/>
      <c r="UIK661" s="613"/>
      <c r="UIL661" s="613"/>
      <c r="UIM661" s="613"/>
      <c r="UIN661" s="613"/>
      <c r="UIO661" s="613"/>
      <c r="UIP661" s="613"/>
      <c r="UIQ661" s="613"/>
      <c r="UIR661" s="613"/>
      <c r="UIS661" s="613"/>
      <c r="UIT661" s="613"/>
      <c r="UIU661" s="613"/>
      <c r="UIV661" s="613"/>
      <c r="UIW661" s="613"/>
      <c r="UIX661" s="613"/>
      <c r="UIY661" s="613"/>
      <c r="UIZ661" s="613"/>
      <c r="UJA661" s="613"/>
      <c r="UJB661" s="613"/>
      <c r="UJC661" s="613"/>
      <c r="UJD661" s="613"/>
      <c r="UJE661" s="613"/>
      <c r="UJF661" s="613"/>
      <c r="UJG661" s="613"/>
      <c r="UJH661" s="613"/>
      <c r="UJI661" s="613"/>
      <c r="UJJ661" s="613"/>
      <c r="UJK661" s="613"/>
      <c r="UJL661" s="613"/>
      <c r="UJM661" s="613"/>
      <c r="UJN661" s="613"/>
      <c r="UJO661" s="613"/>
      <c r="UJP661" s="613"/>
      <c r="UJQ661" s="613"/>
      <c r="UJR661" s="613"/>
      <c r="UJS661" s="613"/>
      <c r="UJT661" s="613"/>
      <c r="UJU661" s="613"/>
      <c r="UJV661" s="613"/>
      <c r="UJW661" s="613"/>
      <c r="UJX661" s="613"/>
      <c r="UJY661" s="613"/>
      <c r="UJZ661" s="613"/>
      <c r="UKA661" s="613"/>
      <c r="UKB661" s="613"/>
      <c r="UKC661" s="613"/>
      <c r="UKD661" s="613"/>
      <c r="UKE661" s="613"/>
      <c r="UKF661" s="613"/>
      <c r="UKG661" s="613"/>
      <c r="UKH661" s="613"/>
      <c r="UKI661" s="613"/>
      <c r="UKJ661" s="613"/>
      <c r="UKK661" s="613"/>
      <c r="UKL661" s="613"/>
      <c r="UKM661" s="613"/>
      <c r="UKN661" s="613"/>
      <c r="UKO661" s="613"/>
      <c r="UKP661" s="613"/>
      <c r="UKQ661" s="613"/>
      <c r="UKR661" s="613"/>
      <c r="UKS661" s="613"/>
      <c r="UKT661" s="613"/>
      <c r="UKU661" s="613"/>
      <c r="UKV661" s="613"/>
      <c r="UKW661" s="613"/>
      <c r="UKX661" s="613"/>
      <c r="UKY661" s="613"/>
      <c r="UKZ661" s="613"/>
      <c r="ULA661" s="613"/>
      <c r="ULB661" s="613"/>
      <c r="ULC661" s="613"/>
      <c r="ULD661" s="613"/>
      <c r="ULE661" s="613"/>
      <c r="ULF661" s="613"/>
      <c r="ULG661" s="613"/>
      <c r="ULH661" s="613"/>
      <c r="ULI661" s="613"/>
      <c r="ULJ661" s="613"/>
      <c r="ULK661" s="613"/>
      <c r="ULL661" s="613"/>
      <c r="ULM661" s="613"/>
      <c r="ULN661" s="613"/>
      <c r="ULO661" s="613"/>
      <c r="ULP661" s="613"/>
      <c r="ULQ661" s="613"/>
      <c r="ULR661" s="613"/>
      <c r="ULS661" s="613"/>
      <c r="ULT661" s="613"/>
      <c r="ULU661" s="613"/>
      <c r="ULV661" s="613"/>
      <c r="ULW661" s="613"/>
      <c r="ULX661" s="613"/>
      <c r="ULY661" s="613"/>
      <c r="ULZ661" s="613"/>
      <c r="UMA661" s="613"/>
      <c r="UMB661" s="613"/>
      <c r="UMC661" s="613"/>
      <c r="UMD661" s="613"/>
      <c r="UME661" s="613"/>
      <c r="UMF661" s="613"/>
      <c r="UMG661" s="613"/>
      <c r="UMH661" s="613"/>
      <c r="UMI661" s="613"/>
      <c r="UMJ661" s="613"/>
      <c r="UMK661" s="613"/>
      <c r="UML661" s="613"/>
      <c r="UMM661" s="613"/>
      <c r="UMN661" s="613"/>
      <c r="UMO661" s="613"/>
      <c r="UMP661" s="613"/>
      <c r="UMQ661" s="613"/>
      <c r="UMR661" s="613"/>
      <c r="UMS661" s="613"/>
      <c r="UMT661" s="613"/>
      <c r="UMU661" s="613"/>
      <c r="UMV661" s="613"/>
      <c r="UMW661" s="613"/>
      <c r="UMX661" s="613"/>
      <c r="UMY661" s="613"/>
      <c r="UMZ661" s="613"/>
      <c r="UNA661" s="613"/>
      <c r="UNB661" s="613"/>
      <c r="UNC661" s="613"/>
      <c r="UND661" s="613"/>
      <c r="UNE661" s="613"/>
      <c r="UNF661" s="613"/>
      <c r="UNG661" s="613"/>
      <c r="UNH661" s="613"/>
      <c r="UNI661" s="613"/>
      <c r="UNJ661" s="613"/>
      <c r="UNK661" s="613"/>
      <c r="UNL661" s="613"/>
      <c r="UNM661" s="613"/>
      <c r="UNN661" s="613"/>
      <c r="UNO661" s="613"/>
      <c r="UNP661" s="613"/>
      <c r="UNQ661" s="613"/>
      <c r="UNR661" s="613"/>
      <c r="UNS661" s="613"/>
      <c r="UNT661" s="613"/>
      <c r="UNU661" s="613"/>
      <c r="UNV661" s="613"/>
      <c r="UNW661" s="613"/>
      <c r="UNX661" s="613"/>
      <c r="UNY661" s="613"/>
      <c r="UNZ661" s="613"/>
      <c r="UOA661" s="613"/>
      <c r="UOB661" s="613"/>
      <c r="UOC661" s="613"/>
      <c r="UOD661" s="613"/>
      <c r="UOE661" s="613"/>
      <c r="UOF661" s="613"/>
      <c r="UOG661" s="613"/>
      <c r="UOH661" s="613"/>
      <c r="UOI661" s="613"/>
      <c r="UOJ661" s="613"/>
      <c r="UOK661" s="613"/>
      <c r="UOL661" s="613"/>
      <c r="UOM661" s="613"/>
      <c r="UON661" s="613"/>
      <c r="UOO661" s="613"/>
      <c r="UOP661" s="613"/>
      <c r="UOQ661" s="613"/>
      <c r="UOR661" s="613"/>
      <c r="UOS661" s="613"/>
      <c r="UOT661" s="613"/>
      <c r="UOU661" s="613"/>
      <c r="UOV661" s="613"/>
      <c r="UOW661" s="613"/>
      <c r="UOX661" s="613"/>
      <c r="UOY661" s="613"/>
      <c r="UOZ661" s="613"/>
      <c r="UPA661" s="613"/>
      <c r="UPB661" s="613"/>
      <c r="UPC661" s="613"/>
      <c r="UPD661" s="613"/>
      <c r="UPE661" s="613"/>
      <c r="UPF661" s="613"/>
      <c r="UPG661" s="613"/>
      <c r="UPH661" s="613"/>
      <c r="UPI661" s="613"/>
      <c r="UPJ661" s="613"/>
      <c r="UPK661" s="613"/>
      <c r="UPL661" s="613"/>
      <c r="UPM661" s="613"/>
      <c r="UPN661" s="613"/>
      <c r="UPO661" s="613"/>
      <c r="UPP661" s="613"/>
      <c r="UPQ661" s="613"/>
      <c r="UPR661" s="613"/>
      <c r="UPS661" s="613"/>
      <c r="UPT661" s="613"/>
      <c r="UPU661" s="613"/>
      <c r="UPV661" s="613"/>
      <c r="UPW661" s="613"/>
      <c r="UPX661" s="613"/>
      <c r="UPY661" s="613"/>
      <c r="UPZ661" s="613"/>
      <c r="UQA661" s="613"/>
      <c r="UQB661" s="613"/>
      <c r="UQC661" s="613"/>
      <c r="UQD661" s="613"/>
      <c r="UQE661" s="613"/>
      <c r="UQF661" s="613"/>
      <c r="UQG661" s="613"/>
      <c r="UQH661" s="613"/>
      <c r="UQI661" s="613"/>
      <c r="UQJ661" s="613"/>
      <c r="UQK661" s="613"/>
      <c r="UQL661" s="613"/>
      <c r="UQM661" s="613"/>
      <c r="UQN661" s="613"/>
      <c r="UQO661" s="613"/>
      <c r="UQP661" s="613"/>
      <c r="UQQ661" s="613"/>
      <c r="UQR661" s="613"/>
      <c r="UQS661" s="613"/>
      <c r="UQT661" s="613"/>
      <c r="UQU661" s="613"/>
      <c r="UQV661" s="613"/>
      <c r="UQW661" s="613"/>
      <c r="UQX661" s="613"/>
      <c r="UQY661" s="613"/>
      <c r="UQZ661" s="613"/>
      <c r="URA661" s="613"/>
      <c r="URB661" s="613"/>
      <c r="URC661" s="613"/>
      <c r="URD661" s="613"/>
      <c r="URE661" s="613"/>
      <c r="URF661" s="613"/>
      <c r="URG661" s="613"/>
      <c r="URH661" s="613"/>
      <c r="URI661" s="613"/>
      <c r="URJ661" s="613"/>
      <c r="URK661" s="613"/>
      <c r="URL661" s="613"/>
      <c r="URM661" s="613"/>
      <c r="URN661" s="613"/>
      <c r="URO661" s="613"/>
      <c r="URP661" s="613"/>
      <c r="URQ661" s="613"/>
      <c r="URR661" s="613"/>
      <c r="URS661" s="613"/>
      <c r="URT661" s="613"/>
      <c r="URU661" s="613"/>
      <c r="URV661" s="613"/>
      <c r="URW661" s="613"/>
      <c r="URX661" s="613"/>
      <c r="URY661" s="613"/>
      <c r="URZ661" s="613"/>
      <c r="USA661" s="613"/>
      <c r="USB661" s="613"/>
      <c r="USC661" s="613"/>
      <c r="USD661" s="613"/>
      <c r="USE661" s="613"/>
      <c r="USF661" s="613"/>
      <c r="USG661" s="613"/>
      <c r="USH661" s="613"/>
      <c r="USI661" s="613"/>
      <c r="USJ661" s="613"/>
      <c r="USK661" s="613"/>
      <c r="USL661" s="613"/>
      <c r="USM661" s="613"/>
      <c r="USN661" s="613"/>
      <c r="USO661" s="613"/>
      <c r="USP661" s="613"/>
      <c r="USQ661" s="613"/>
      <c r="USR661" s="613"/>
      <c r="USS661" s="613"/>
      <c r="UST661" s="613"/>
      <c r="USU661" s="613"/>
      <c r="USV661" s="613"/>
      <c r="USW661" s="613"/>
      <c r="USX661" s="613"/>
      <c r="USY661" s="613"/>
      <c r="USZ661" s="613"/>
      <c r="UTA661" s="613"/>
      <c r="UTB661" s="613"/>
      <c r="UTC661" s="613"/>
      <c r="UTD661" s="613"/>
      <c r="UTE661" s="613"/>
      <c r="UTF661" s="613"/>
      <c r="UTG661" s="613"/>
      <c r="UTH661" s="613"/>
      <c r="UTI661" s="613"/>
      <c r="UTJ661" s="613"/>
      <c r="UTK661" s="613"/>
      <c r="UTL661" s="613"/>
      <c r="UTM661" s="613"/>
      <c r="UTN661" s="613"/>
      <c r="UTO661" s="613"/>
      <c r="UTP661" s="613"/>
      <c r="UTQ661" s="613"/>
      <c r="UTR661" s="613"/>
      <c r="UTS661" s="613"/>
      <c r="UTT661" s="613"/>
      <c r="UTU661" s="613"/>
      <c r="UTV661" s="613"/>
      <c r="UTW661" s="613"/>
      <c r="UTX661" s="613"/>
      <c r="UTY661" s="613"/>
      <c r="UTZ661" s="613"/>
      <c r="UUA661" s="613"/>
      <c r="UUB661" s="613"/>
      <c r="UUC661" s="613"/>
      <c r="UUD661" s="613"/>
      <c r="UUE661" s="613"/>
      <c r="UUF661" s="613"/>
      <c r="UUG661" s="613"/>
      <c r="UUH661" s="613"/>
      <c r="UUI661" s="613"/>
      <c r="UUJ661" s="613"/>
      <c r="UUK661" s="613"/>
      <c r="UUL661" s="613"/>
      <c r="UUM661" s="613"/>
      <c r="UUN661" s="613"/>
      <c r="UUO661" s="613"/>
      <c r="UUP661" s="613"/>
      <c r="UUQ661" s="613"/>
      <c r="UUR661" s="613"/>
      <c r="UUS661" s="613"/>
      <c r="UUT661" s="613"/>
      <c r="UUU661" s="613"/>
      <c r="UUV661" s="613"/>
      <c r="UUW661" s="613"/>
      <c r="UUX661" s="613"/>
      <c r="UUY661" s="613"/>
      <c r="UUZ661" s="613"/>
      <c r="UVA661" s="613"/>
      <c r="UVB661" s="613"/>
      <c r="UVC661" s="613"/>
      <c r="UVD661" s="613"/>
      <c r="UVE661" s="613"/>
      <c r="UVF661" s="613"/>
      <c r="UVG661" s="613"/>
      <c r="UVH661" s="613"/>
      <c r="UVI661" s="613"/>
      <c r="UVJ661" s="613"/>
      <c r="UVK661" s="613"/>
      <c r="UVL661" s="613"/>
      <c r="UVM661" s="613"/>
      <c r="UVN661" s="613"/>
      <c r="UVO661" s="613"/>
      <c r="UVP661" s="613"/>
      <c r="UVQ661" s="613"/>
      <c r="UVR661" s="613"/>
      <c r="UVS661" s="613"/>
      <c r="UVT661" s="613"/>
      <c r="UVU661" s="613"/>
      <c r="UVV661" s="613"/>
      <c r="UVW661" s="613"/>
      <c r="UVX661" s="613"/>
      <c r="UVY661" s="613"/>
      <c r="UVZ661" s="613"/>
      <c r="UWA661" s="613"/>
      <c r="UWB661" s="613"/>
      <c r="UWC661" s="613"/>
      <c r="UWD661" s="613"/>
      <c r="UWE661" s="613"/>
      <c r="UWF661" s="613"/>
      <c r="UWG661" s="613"/>
      <c r="UWH661" s="613"/>
      <c r="UWI661" s="613"/>
      <c r="UWJ661" s="613"/>
      <c r="UWK661" s="613"/>
      <c r="UWL661" s="613"/>
      <c r="UWM661" s="613"/>
      <c r="UWN661" s="613"/>
      <c r="UWO661" s="613"/>
      <c r="UWP661" s="613"/>
      <c r="UWQ661" s="613"/>
      <c r="UWR661" s="613"/>
      <c r="UWS661" s="613"/>
      <c r="UWT661" s="613"/>
      <c r="UWU661" s="613"/>
      <c r="UWV661" s="613"/>
      <c r="UWW661" s="613"/>
      <c r="UWX661" s="613"/>
      <c r="UWY661" s="613"/>
      <c r="UWZ661" s="613"/>
      <c r="UXA661" s="613"/>
      <c r="UXB661" s="613"/>
      <c r="UXC661" s="613"/>
      <c r="UXD661" s="613"/>
      <c r="UXE661" s="613"/>
      <c r="UXF661" s="613"/>
      <c r="UXG661" s="613"/>
      <c r="UXH661" s="613"/>
      <c r="UXI661" s="613"/>
      <c r="UXJ661" s="613"/>
      <c r="UXK661" s="613"/>
      <c r="UXL661" s="613"/>
      <c r="UXM661" s="613"/>
      <c r="UXN661" s="613"/>
      <c r="UXO661" s="613"/>
      <c r="UXP661" s="613"/>
      <c r="UXQ661" s="613"/>
      <c r="UXR661" s="613"/>
      <c r="UXS661" s="613"/>
      <c r="UXT661" s="613"/>
      <c r="UXU661" s="613"/>
      <c r="UXV661" s="613"/>
      <c r="UXW661" s="613"/>
      <c r="UXX661" s="613"/>
      <c r="UXY661" s="613"/>
      <c r="UXZ661" s="613"/>
      <c r="UYA661" s="613"/>
      <c r="UYB661" s="613"/>
      <c r="UYC661" s="613"/>
      <c r="UYD661" s="613"/>
      <c r="UYE661" s="613"/>
      <c r="UYF661" s="613"/>
      <c r="UYG661" s="613"/>
      <c r="UYH661" s="613"/>
      <c r="UYI661" s="613"/>
      <c r="UYJ661" s="613"/>
      <c r="UYK661" s="613"/>
      <c r="UYL661" s="613"/>
      <c r="UYM661" s="613"/>
      <c r="UYN661" s="613"/>
      <c r="UYO661" s="613"/>
      <c r="UYP661" s="613"/>
      <c r="UYQ661" s="613"/>
      <c r="UYR661" s="613"/>
      <c r="UYS661" s="613"/>
      <c r="UYT661" s="613"/>
      <c r="UYU661" s="613"/>
      <c r="UYV661" s="613"/>
      <c r="UYW661" s="613"/>
      <c r="UYX661" s="613"/>
      <c r="UYY661" s="613"/>
      <c r="UYZ661" s="613"/>
      <c r="UZA661" s="613"/>
      <c r="UZB661" s="613"/>
      <c r="UZC661" s="613"/>
      <c r="UZD661" s="613"/>
      <c r="UZE661" s="613"/>
      <c r="UZF661" s="613"/>
      <c r="UZG661" s="613"/>
      <c r="UZH661" s="613"/>
      <c r="UZI661" s="613"/>
      <c r="UZJ661" s="613"/>
      <c r="UZK661" s="613"/>
      <c r="UZL661" s="613"/>
      <c r="UZM661" s="613"/>
      <c r="UZN661" s="613"/>
      <c r="UZO661" s="613"/>
      <c r="UZP661" s="613"/>
      <c r="UZQ661" s="613"/>
      <c r="UZR661" s="613"/>
      <c r="UZS661" s="613"/>
      <c r="UZT661" s="613"/>
      <c r="UZU661" s="613"/>
      <c r="UZV661" s="613"/>
      <c r="UZW661" s="613"/>
      <c r="UZX661" s="613"/>
      <c r="UZY661" s="613"/>
      <c r="UZZ661" s="613"/>
      <c r="VAA661" s="613"/>
      <c r="VAB661" s="613"/>
      <c r="VAC661" s="613"/>
      <c r="VAD661" s="613"/>
      <c r="VAE661" s="613"/>
      <c r="VAF661" s="613"/>
      <c r="VAG661" s="613"/>
      <c r="VAH661" s="613"/>
      <c r="VAI661" s="613"/>
      <c r="VAJ661" s="613"/>
      <c r="VAK661" s="613"/>
      <c r="VAL661" s="613"/>
      <c r="VAM661" s="613"/>
      <c r="VAN661" s="613"/>
      <c r="VAO661" s="613"/>
      <c r="VAP661" s="613"/>
      <c r="VAQ661" s="613"/>
      <c r="VAR661" s="613"/>
      <c r="VAS661" s="613"/>
      <c r="VAT661" s="613"/>
      <c r="VAU661" s="613"/>
      <c r="VAV661" s="613"/>
      <c r="VAW661" s="613"/>
      <c r="VAX661" s="613"/>
      <c r="VAY661" s="613"/>
      <c r="VAZ661" s="613"/>
      <c r="VBA661" s="613"/>
      <c r="VBB661" s="613"/>
      <c r="VBC661" s="613"/>
      <c r="VBD661" s="613"/>
      <c r="VBE661" s="613"/>
      <c r="VBF661" s="613"/>
      <c r="VBG661" s="613"/>
      <c r="VBH661" s="613"/>
      <c r="VBI661" s="613"/>
      <c r="VBJ661" s="613"/>
      <c r="VBK661" s="613"/>
      <c r="VBL661" s="613"/>
      <c r="VBM661" s="613"/>
      <c r="VBN661" s="613"/>
      <c r="VBO661" s="613"/>
      <c r="VBP661" s="613"/>
      <c r="VBQ661" s="613"/>
      <c r="VBR661" s="613"/>
      <c r="VBS661" s="613"/>
      <c r="VBT661" s="613"/>
      <c r="VBU661" s="613"/>
      <c r="VBV661" s="613"/>
      <c r="VBW661" s="613"/>
      <c r="VBX661" s="613"/>
      <c r="VBY661" s="613"/>
      <c r="VBZ661" s="613"/>
      <c r="VCA661" s="613"/>
      <c r="VCB661" s="613"/>
      <c r="VCC661" s="613"/>
      <c r="VCD661" s="613"/>
      <c r="VCE661" s="613"/>
      <c r="VCF661" s="613"/>
      <c r="VCG661" s="613"/>
      <c r="VCH661" s="613"/>
      <c r="VCI661" s="613"/>
      <c r="VCJ661" s="613"/>
      <c r="VCK661" s="613"/>
      <c r="VCL661" s="613"/>
      <c r="VCM661" s="613"/>
      <c r="VCN661" s="613"/>
      <c r="VCO661" s="613"/>
      <c r="VCP661" s="613"/>
      <c r="VCQ661" s="613"/>
      <c r="VCR661" s="613"/>
      <c r="VCS661" s="613"/>
      <c r="VCT661" s="613"/>
      <c r="VCU661" s="613"/>
      <c r="VCV661" s="613"/>
      <c r="VCW661" s="613"/>
      <c r="VCX661" s="613"/>
      <c r="VCY661" s="613"/>
      <c r="VCZ661" s="613"/>
      <c r="VDA661" s="613"/>
      <c r="VDB661" s="613"/>
      <c r="VDC661" s="613"/>
      <c r="VDD661" s="613"/>
      <c r="VDE661" s="613"/>
      <c r="VDF661" s="613"/>
      <c r="VDG661" s="613"/>
      <c r="VDH661" s="613"/>
      <c r="VDI661" s="613"/>
      <c r="VDJ661" s="613"/>
      <c r="VDK661" s="613"/>
      <c r="VDL661" s="613"/>
      <c r="VDM661" s="613"/>
      <c r="VDN661" s="613"/>
      <c r="VDO661" s="613"/>
      <c r="VDP661" s="613"/>
      <c r="VDQ661" s="613"/>
      <c r="VDR661" s="613"/>
      <c r="VDS661" s="613"/>
      <c r="VDT661" s="613"/>
      <c r="VDU661" s="613"/>
      <c r="VDV661" s="613"/>
      <c r="VDW661" s="613"/>
      <c r="VDX661" s="613"/>
      <c r="VDY661" s="613"/>
      <c r="VDZ661" s="613"/>
      <c r="VEA661" s="613"/>
      <c r="VEB661" s="613"/>
      <c r="VEC661" s="613"/>
      <c r="VED661" s="613"/>
      <c r="VEE661" s="613"/>
      <c r="VEF661" s="613"/>
      <c r="VEG661" s="613"/>
      <c r="VEH661" s="613"/>
      <c r="VEI661" s="613"/>
      <c r="VEJ661" s="613"/>
      <c r="VEK661" s="613"/>
      <c r="VEL661" s="613"/>
      <c r="VEM661" s="613"/>
      <c r="VEN661" s="613"/>
      <c r="VEO661" s="613"/>
      <c r="VEP661" s="613"/>
      <c r="VEQ661" s="613"/>
      <c r="VER661" s="613"/>
      <c r="VES661" s="613"/>
      <c r="VET661" s="613"/>
      <c r="VEU661" s="613"/>
      <c r="VEV661" s="613"/>
      <c r="VEW661" s="613"/>
      <c r="VEX661" s="613"/>
      <c r="VEY661" s="613"/>
      <c r="VEZ661" s="613"/>
      <c r="VFA661" s="613"/>
      <c r="VFB661" s="613"/>
      <c r="VFC661" s="613"/>
      <c r="VFD661" s="613"/>
      <c r="VFE661" s="613"/>
      <c r="VFF661" s="613"/>
      <c r="VFG661" s="613"/>
      <c r="VFH661" s="613"/>
      <c r="VFI661" s="613"/>
      <c r="VFJ661" s="613"/>
      <c r="VFK661" s="613"/>
      <c r="VFL661" s="613"/>
      <c r="VFM661" s="613"/>
      <c r="VFN661" s="613"/>
      <c r="VFO661" s="613"/>
      <c r="VFP661" s="613"/>
      <c r="VFQ661" s="613"/>
      <c r="VFR661" s="613"/>
      <c r="VFS661" s="613"/>
      <c r="VFT661" s="613"/>
      <c r="VFU661" s="613"/>
      <c r="VFV661" s="613"/>
      <c r="VFW661" s="613"/>
      <c r="VFX661" s="613"/>
      <c r="VFY661" s="613"/>
      <c r="VFZ661" s="613"/>
      <c r="VGA661" s="613"/>
      <c r="VGB661" s="613"/>
      <c r="VGC661" s="613"/>
      <c r="VGD661" s="613"/>
      <c r="VGE661" s="613"/>
      <c r="VGF661" s="613"/>
      <c r="VGG661" s="613"/>
      <c r="VGH661" s="613"/>
      <c r="VGI661" s="613"/>
      <c r="VGJ661" s="613"/>
      <c r="VGK661" s="613"/>
      <c r="VGL661" s="613"/>
      <c r="VGM661" s="613"/>
      <c r="VGN661" s="613"/>
      <c r="VGO661" s="613"/>
      <c r="VGP661" s="613"/>
      <c r="VGQ661" s="613"/>
      <c r="VGR661" s="613"/>
      <c r="VGS661" s="613"/>
      <c r="VGT661" s="613"/>
      <c r="VGU661" s="613"/>
      <c r="VGV661" s="613"/>
      <c r="VGW661" s="613"/>
      <c r="VGX661" s="613"/>
      <c r="VGY661" s="613"/>
      <c r="VGZ661" s="613"/>
      <c r="VHA661" s="613"/>
      <c r="VHB661" s="613"/>
      <c r="VHC661" s="613"/>
      <c r="VHD661" s="613"/>
      <c r="VHE661" s="613"/>
      <c r="VHF661" s="613"/>
      <c r="VHG661" s="613"/>
      <c r="VHH661" s="613"/>
      <c r="VHI661" s="613"/>
      <c r="VHJ661" s="613"/>
      <c r="VHK661" s="613"/>
      <c r="VHL661" s="613"/>
      <c r="VHM661" s="613"/>
      <c r="VHN661" s="613"/>
      <c r="VHO661" s="613"/>
      <c r="VHP661" s="613"/>
      <c r="VHQ661" s="613"/>
      <c r="VHR661" s="613"/>
      <c r="VHS661" s="613"/>
      <c r="VHT661" s="613"/>
      <c r="VHU661" s="613"/>
      <c r="VHV661" s="613"/>
      <c r="VHW661" s="613"/>
      <c r="VHX661" s="613"/>
      <c r="VHY661" s="613"/>
      <c r="VHZ661" s="613"/>
      <c r="VIA661" s="613"/>
      <c r="VIB661" s="613"/>
      <c r="VIC661" s="613"/>
      <c r="VID661" s="613"/>
      <c r="VIE661" s="613"/>
      <c r="VIF661" s="613"/>
      <c r="VIG661" s="613"/>
      <c r="VIH661" s="613"/>
      <c r="VII661" s="613"/>
      <c r="VIJ661" s="613"/>
      <c r="VIK661" s="613"/>
      <c r="VIL661" s="613"/>
      <c r="VIM661" s="613"/>
      <c r="VIN661" s="613"/>
      <c r="VIO661" s="613"/>
      <c r="VIP661" s="613"/>
      <c r="VIQ661" s="613"/>
      <c r="VIR661" s="613"/>
      <c r="VIS661" s="613"/>
      <c r="VIT661" s="613"/>
      <c r="VIU661" s="613"/>
      <c r="VIV661" s="613"/>
      <c r="VIW661" s="613"/>
      <c r="VIX661" s="613"/>
      <c r="VIY661" s="613"/>
      <c r="VIZ661" s="613"/>
      <c r="VJA661" s="613"/>
      <c r="VJB661" s="613"/>
      <c r="VJC661" s="613"/>
      <c r="VJD661" s="613"/>
      <c r="VJE661" s="613"/>
      <c r="VJF661" s="613"/>
      <c r="VJG661" s="613"/>
      <c r="VJH661" s="613"/>
      <c r="VJI661" s="613"/>
      <c r="VJJ661" s="613"/>
      <c r="VJK661" s="613"/>
      <c r="VJL661" s="613"/>
      <c r="VJM661" s="613"/>
      <c r="VJN661" s="613"/>
      <c r="VJO661" s="613"/>
      <c r="VJP661" s="613"/>
      <c r="VJQ661" s="613"/>
      <c r="VJR661" s="613"/>
      <c r="VJS661" s="613"/>
      <c r="VJT661" s="613"/>
      <c r="VJU661" s="613"/>
      <c r="VJV661" s="613"/>
      <c r="VJW661" s="613"/>
      <c r="VJX661" s="613"/>
      <c r="VJY661" s="613"/>
      <c r="VJZ661" s="613"/>
      <c r="VKA661" s="613"/>
      <c r="VKB661" s="613"/>
      <c r="VKC661" s="613"/>
      <c r="VKD661" s="613"/>
      <c r="VKE661" s="613"/>
      <c r="VKF661" s="613"/>
      <c r="VKG661" s="613"/>
      <c r="VKH661" s="613"/>
      <c r="VKI661" s="613"/>
      <c r="VKJ661" s="613"/>
      <c r="VKK661" s="613"/>
      <c r="VKL661" s="613"/>
      <c r="VKM661" s="613"/>
      <c r="VKN661" s="613"/>
      <c r="VKO661" s="613"/>
      <c r="VKP661" s="613"/>
      <c r="VKQ661" s="613"/>
      <c r="VKR661" s="613"/>
      <c r="VKS661" s="613"/>
      <c r="VKT661" s="613"/>
      <c r="VKU661" s="613"/>
      <c r="VKV661" s="613"/>
      <c r="VKW661" s="613"/>
      <c r="VKX661" s="613"/>
      <c r="VKY661" s="613"/>
      <c r="VKZ661" s="613"/>
      <c r="VLA661" s="613"/>
      <c r="VLB661" s="613"/>
      <c r="VLC661" s="613"/>
      <c r="VLD661" s="613"/>
      <c r="VLE661" s="613"/>
      <c r="VLF661" s="613"/>
      <c r="VLG661" s="613"/>
      <c r="VLH661" s="613"/>
      <c r="VLI661" s="613"/>
      <c r="VLJ661" s="613"/>
      <c r="VLK661" s="613"/>
      <c r="VLL661" s="613"/>
      <c r="VLM661" s="613"/>
      <c r="VLN661" s="613"/>
      <c r="VLO661" s="613"/>
      <c r="VLP661" s="613"/>
      <c r="VLQ661" s="613"/>
      <c r="VLR661" s="613"/>
      <c r="VLS661" s="613"/>
      <c r="VLT661" s="613"/>
      <c r="VLU661" s="613"/>
      <c r="VLV661" s="613"/>
      <c r="VLW661" s="613"/>
      <c r="VLX661" s="613"/>
      <c r="VLY661" s="613"/>
      <c r="VLZ661" s="613"/>
      <c r="VMA661" s="613"/>
      <c r="VMB661" s="613"/>
      <c r="VMC661" s="613"/>
      <c r="VMD661" s="613"/>
      <c r="VME661" s="613"/>
      <c r="VMF661" s="613"/>
      <c r="VMG661" s="613"/>
      <c r="VMH661" s="613"/>
      <c r="VMI661" s="613"/>
      <c r="VMJ661" s="613"/>
      <c r="VMK661" s="613"/>
      <c r="VML661" s="613"/>
      <c r="VMM661" s="613"/>
      <c r="VMN661" s="613"/>
      <c r="VMO661" s="613"/>
      <c r="VMP661" s="613"/>
      <c r="VMQ661" s="613"/>
      <c r="VMR661" s="613"/>
      <c r="VMS661" s="613"/>
      <c r="VMT661" s="613"/>
      <c r="VMU661" s="613"/>
      <c r="VMV661" s="613"/>
      <c r="VMW661" s="613"/>
      <c r="VMX661" s="613"/>
      <c r="VMY661" s="613"/>
      <c r="VMZ661" s="613"/>
      <c r="VNA661" s="613"/>
      <c r="VNB661" s="613"/>
      <c r="VNC661" s="613"/>
      <c r="VND661" s="613"/>
      <c r="VNE661" s="613"/>
      <c r="VNF661" s="613"/>
      <c r="VNG661" s="613"/>
      <c r="VNH661" s="613"/>
      <c r="VNI661" s="613"/>
      <c r="VNJ661" s="613"/>
      <c r="VNK661" s="613"/>
      <c r="VNL661" s="613"/>
      <c r="VNM661" s="613"/>
      <c r="VNN661" s="613"/>
      <c r="VNO661" s="613"/>
      <c r="VNP661" s="613"/>
      <c r="VNQ661" s="613"/>
      <c r="VNR661" s="613"/>
      <c r="VNS661" s="613"/>
      <c r="VNT661" s="613"/>
      <c r="VNU661" s="613"/>
      <c r="VNV661" s="613"/>
      <c r="VNW661" s="613"/>
      <c r="VNX661" s="613"/>
      <c r="VNY661" s="613"/>
      <c r="VNZ661" s="613"/>
      <c r="VOA661" s="613"/>
      <c r="VOB661" s="613"/>
      <c r="VOC661" s="613"/>
      <c r="VOD661" s="613"/>
      <c r="VOE661" s="613"/>
      <c r="VOF661" s="613"/>
      <c r="VOG661" s="613"/>
      <c r="VOH661" s="613"/>
      <c r="VOI661" s="613"/>
      <c r="VOJ661" s="613"/>
      <c r="VOK661" s="613"/>
      <c r="VOL661" s="613"/>
      <c r="VOM661" s="613"/>
      <c r="VON661" s="613"/>
      <c r="VOO661" s="613"/>
      <c r="VOP661" s="613"/>
      <c r="VOQ661" s="613"/>
      <c r="VOR661" s="613"/>
      <c r="VOS661" s="613"/>
      <c r="VOT661" s="613"/>
      <c r="VOU661" s="613"/>
      <c r="VOV661" s="613"/>
      <c r="VOW661" s="613"/>
      <c r="VOX661" s="613"/>
      <c r="VOY661" s="613"/>
      <c r="VOZ661" s="613"/>
      <c r="VPA661" s="613"/>
      <c r="VPB661" s="613"/>
      <c r="VPC661" s="613"/>
      <c r="VPD661" s="613"/>
      <c r="VPE661" s="613"/>
      <c r="VPF661" s="613"/>
      <c r="VPG661" s="613"/>
      <c r="VPH661" s="613"/>
      <c r="VPI661" s="613"/>
      <c r="VPJ661" s="613"/>
      <c r="VPK661" s="613"/>
      <c r="VPL661" s="613"/>
      <c r="VPM661" s="613"/>
      <c r="VPN661" s="613"/>
      <c r="VPO661" s="613"/>
      <c r="VPP661" s="613"/>
      <c r="VPQ661" s="613"/>
      <c r="VPR661" s="613"/>
      <c r="VPS661" s="613"/>
      <c r="VPT661" s="613"/>
      <c r="VPU661" s="613"/>
      <c r="VPV661" s="613"/>
      <c r="VPW661" s="613"/>
      <c r="VPX661" s="613"/>
      <c r="VPY661" s="613"/>
      <c r="VPZ661" s="613"/>
      <c r="VQA661" s="613"/>
      <c r="VQB661" s="613"/>
      <c r="VQC661" s="613"/>
      <c r="VQD661" s="613"/>
      <c r="VQE661" s="613"/>
      <c r="VQF661" s="613"/>
      <c r="VQG661" s="613"/>
      <c r="VQH661" s="613"/>
      <c r="VQI661" s="613"/>
      <c r="VQJ661" s="613"/>
      <c r="VQK661" s="613"/>
      <c r="VQL661" s="613"/>
      <c r="VQM661" s="613"/>
      <c r="VQN661" s="613"/>
      <c r="VQO661" s="613"/>
      <c r="VQP661" s="613"/>
      <c r="VQQ661" s="613"/>
      <c r="VQR661" s="613"/>
      <c r="VQS661" s="613"/>
      <c r="VQT661" s="613"/>
      <c r="VQU661" s="613"/>
      <c r="VQV661" s="613"/>
      <c r="VQW661" s="613"/>
      <c r="VQX661" s="613"/>
      <c r="VQY661" s="613"/>
      <c r="VQZ661" s="613"/>
      <c r="VRA661" s="613"/>
      <c r="VRB661" s="613"/>
      <c r="VRC661" s="613"/>
      <c r="VRD661" s="613"/>
      <c r="VRE661" s="613"/>
      <c r="VRF661" s="613"/>
      <c r="VRG661" s="613"/>
      <c r="VRH661" s="613"/>
      <c r="VRI661" s="613"/>
      <c r="VRJ661" s="613"/>
      <c r="VRK661" s="613"/>
      <c r="VRL661" s="613"/>
      <c r="VRM661" s="613"/>
      <c r="VRN661" s="613"/>
      <c r="VRO661" s="613"/>
      <c r="VRP661" s="613"/>
      <c r="VRQ661" s="613"/>
      <c r="VRR661" s="613"/>
      <c r="VRS661" s="613"/>
      <c r="VRT661" s="613"/>
      <c r="VRU661" s="613"/>
      <c r="VRV661" s="613"/>
      <c r="VRW661" s="613"/>
      <c r="VRX661" s="613"/>
      <c r="VRY661" s="613"/>
      <c r="VRZ661" s="613"/>
      <c r="VSA661" s="613"/>
      <c r="VSB661" s="613"/>
      <c r="VSC661" s="613"/>
      <c r="VSD661" s="613"/>
      <c r="VSE661" s="613"/>
      <c r="VSF661" s="613"/>
      <c r="VSG661" s="613"/>
      <c r="VSH661" s="613"/>
      <c r="VSI661" s="613"/>
      <c r="VSJ661" s="613"/>
      <c r="VSK661" s="613"/>
      <c r="VSL661" s="613"/>
      <c r="VSM661" s="613"/>
      <c r="VSN661" s="613"/>
      <c r="VSO661" s="613"/>
      <c r="VSP661" s="613"/>
      <c r="VSQ661" s="613"/>
      <c r="VSR661" s="613"/>
      <c r="VSS661" s="613"/>
      <c r="VST661" s="613"/>
      <c r="VSU661" s="613"/>
      <c r="VSV661" s="613"/>
      <c r="VSW661" s="613"/>
      <c r="VSX661" s="613"/>
      <c r="VSY661" s="613"/>
      <c r="VSZ661" s="613"/>
      <c r="VTA661" s="613"/>
      <c r="VTB661" s="613"/>
      <c r="VTC661" s="613"/>
      <c r="VTD661" s="613"/>
      <c r="VTE661" s="613"/>
      <c r="VTF661" s="613"/>
      <c r="VTG661" s="613"/>
      <c r="VTH661" s="613"/>
      <c r="VTI661" s="613"/>
      <c r="VTJ661" s="613"/>
      <c r="VTK661" s="613"/>
      <c r="VTL661" s="613"/>
      <c r="VTM661" s="613"/>
      <c r="VTN661" s="613"/>
      <c r="VTO661" s="613"/>
      <c r="VTP661" s="613"/>
      <c r="VTQ661" s="613"/>
      <c r="VTR661" s="613"/>
      <c r="VTS661" s="613"/>
      <c r="VTT661" s="613"/>
      <c r="VTU661" s="613"/>
      <c r="VTV661" s="613"/>
      <c r="VTW661" s="613"/>
      <c r="VTX661" s="613"/>
      <c r="VTY661" s="613"/>
      <c r="VTZ661" s="613"/>
      <c r="VUA661" s="613"/>
      <c r="VUB661" s="613"/>
      <c r="VUC661" s="613"/>
      <c r="VUD661" s="613"/>
      <c r="VUE661" s="613"/>
      <c r="VUF661" s="613"/>
      <c r="VUG661" s="613"/>
      <c r="VUH661" s="613"/>
      <c r="VUI661" s="613"/>
      <c r="VUJ661" s="613"/>
      <c r="VUK661" s="613"/>
      <c r="VUL661" s="613"/>
      <c r="VUM661" s="613"/>
      <c r="VUN661" s="613"/>
      <c r="VUO661" s="613"/>
      <c r="VUP661" s="613"/>
      <c r="VUQ661" s="613"/>
      <c r="VUR661" s="613"/>
      <c r="VUS661" s="613"/>
      <c r="VUT661" s="613"/>
      <c r="VUU661" s="613"/>
      <c r="VUV661" s="613"/>
      <c r="VUW661" s="613"/>
      <c r="VUX661" s="613"/>
      <c r="VUY661" s="613"/>
      <c r="VUZ661" s="613"/>
      <c r="VVA661" s="613"/>
      <c r="VVB661" s="613"/>
      <c r="VVC661" s="613"/>
      <c r="VVD661" s="613"/>
      <c r="VVE661" s="613"/>
      <c r="VVF661" s="613"/>
      <c r="VVG661" s="613"/>
      <c r="VVH661" s="613"/>
      <c r="VVI661" s="613"/>
      <c r="VVJ661" s="613"/>
      <c r="VVK661" s="613"/>
      <c r="VVL661" s="613"/>
      <c r="VVM661" s="613"/>
      <c r="VVN661" s="613"/>
      <c r="VVO661" s="613"/>
      <c r="VVP661" s="613"/>
      <c r="VVQ661" s="613"/>
      <c r="VVR661" s="613"/>
      <c r="VVS661" s="613"/>
      <c r="VVT661" s="613"/>
      <c r="VVU661" s="613"/>
      <c r="VVV661" s="613"/>
      <c r="VVW661" s="613"/>
      <c r="VVX661" s="613"/>
      <c r="VVY661" s="613"/>
      <c r="VVZ661" s="613"/>
      <c r="VWA661" s="613"/>
      <c r="VWB661" s="613"/>
      <c r="VWC661" s="613"/>
      <c r="VWD661" s="613"/>
      <c r="VWE661" s="613"/>
      <c r="VWF661" s="613"/>
      <c r="VWG661" s="613"/>
      <c r="VWH661" s="613"/>
      <c r="VWI661" s="613"/>
      <c r="VWJ661" s="613"/>
      <c r="VWK661" s="613"/>
      <c r="VWL661" s="613"/>
      <c r="VWM661" s="613"/>
      <c r="VWN661" s="613"/>
      <c r="VWO661" s="613"/>
      <c r="VWP661" s="613"/>
      <c r="VWQ661" s="613"/>
      <c r="VWR661" s="613"/>
      <c r="VWS661" s="613"/>
      <c r="VWT661" s="613"/>
      <c r="VWU661" s="613"/>
      <c r="VWV661" s="613"/>
      <c r="VWW661" s="613"/>
      <c r="VWX661" s="613"/>
      <c r="VWY661" s="613"/>
      <c r="VWZ661" s="613"/>
      <c r="VXA661" s="613"/>
      <c r="VXB661" s="613"/>
      <c r="VXC661" s="613"/>
      <c r="VXD661" s="613"/>
      <c r="VXE661" s="613"/>
      <c r="VXF661" s="613"/>
      <c r="VXG661" s="613"/>
      <c r="VXH661" s="613"/>
      <c r="VXI661" s="613"/>
      <c r="VXJ661" s="613"/>
      <c r="VXK661" s="613"/>
      <c r="VXL661" s="613"/>
      <c r="VXM661" s="613"/>
      <c r="VXN661" s="613"/>
      <c r="VXO661" s="613"/>
      <c r="VXP661" s="613"/>
      <c r="VXQ661" s="613"/>
      <c r="VXR661" s="613"/>
      <c r="VXS661" s="613"/>
      <c r="VXT661" s="613"/>
      <c r="VXU661" s="613"/>
      <c r="VXV661" s="613"/>
      <c r="VXW661" s="613"/>
      <c r="VXX661" s="613"/>
      <c r="VXY661" s="613"/>
      <c r="VXZ661" s="613"/>
      <c r="VYA661" s="613"/>
      <c r="VYB661" s="613"/>
      <c r="VYC661" s="613"/>
      <c r="VYD661" s="613"/>
      <c r="VYE661" s="613"/>
      <c r="VYF661" s="613"/>
      <c r="VYG661" s="613"/>
      <c r="VYH661" s="613"/>
      <c r="VYI661" s="613"/>
      <c r="VYJ661" s="613"/>
      <c r="VYK661" s="613"/>
      <c r="VYL661" s="613"/>
      <c r="VYM661" s="613"/>
      <c r="VYN661" s="613"/>
      <c r="VYO661" s="613"/>
      <c r="VYP661" s="613"/>
      <c r="VYQ661" s="613"/>
      <c r="VYR661" s="613"/>
      <c r="VYS661" s="613"/>
      <c r="VYT661" s="613"/>
      <c r="VYU661" s="613"/>
      <c r="VYV661" s="613"/>
      <c r="VYW661" s="613"/>
      <c r="VYX661" s="613"/>
      <c r="VYY661" s="613"/>
      <c r="VYZ661" s="613"/>
      <c r="VZA661" s="613"/>
      <c r="VZB661" s="613"/>
      <c r="VZC661" s="613"/>
      <c r="VZD661" s="613"/>
      <c r="VZE661" s="613"/>
      <c r="VZF661" s="613"/>
      <c r="VZG661" s="613"/>
      <c r="VZH661" s="613"/>
      <c r="VZI661" s="613"/>
      <c r="VZJ661" s="613"/>
      <c r="VZK661" s="613"/>
      <c r="VZL661" s="613"/>
      <c r="VZM661" s="613"/>
      <c r="VZN661" s="613"/>
      <c r="VZO661" s="613"/>
      <c r="VZP661" s="613"/>
      <c r="VZQ661" s="613"/>
      <c r="VZR661" s="613"/>
      <c r="VZS661" s="613"/>
      <c r="VZT661" s="613"/>
      <c r="VZU661" s="613"/>
      <c r="VZV661" s="613"/>
      <c r="VZW661" s="613"/>
      <c r="VZX661" s="613"/>
      <c r="VZY661" s="613"/>
      <c r="VZZ661" s="613"/>
      <c r="WAA661" s="613"/>
      <c r="WAB661" s="613"/>
      <c r="WAC661" s="613"/>
      <c r="WAD661" s="613"/>
      <c r="WAE661" s="613"/>
      <c r="WAF661" s="613"/>
      <c r="WAG661" s="613"/>
      <c r="WAH661" s="613"/>
      <c r="WAI661" s="613"/>
      <c r="WAJ661" s="613"/>
      <c r="WAK661" s="613"/>
      <c r="WAL661" s="613"/>
      <c r="WAM661" s="613"/>
      <c r="WAN661" s="613"/>
      <c r="WAO661" s="613"/>
      <c r="WAP661" s="613"/>
      <c r="WAQ661" s="613"/>
      <c r="WAR661" s="613"/>
      <c r="WAS661" s="613"/>
      <c r="WAT661" s="613"/>
      <c r="WAU661" s="613"/>
      <c r="WAV661" s="613"/>
      <c r="WAW661" s="613"/>
      <c r="WAX661" s="613"/>
      <c r="WAY661" s="613"/>
      <c r="WAZ661" s="613"/>
      <c r="WBA661" s="613"/>
      <c r="WBB661" s="613"/>
      <c r="WBC661" s="613"/>
      <c r="WBD661" s="613"/>
      <c r="WBE661" s="613"/>
      <c r="WBF661" s="613"/>
      <c r="WBG661" s="613"/>
      <c r="WBH661" s="613"/>
      <c r="WBI661" s="613"/>
      <c r="WBJ661" s="613"/>
      <c r="WBK661" s="613"/>
      <c r="WBL661" s="613"/>
      <c r="WBM661" s="613"/>
      <c r="WBN661" s="613"/>
      <c r="WBO661" s="613"/>
      <c r="WBP661" s="613"/>
      <c r="WBQ661" s="613"/>
      <c r="WBR661" s="613"/>
      <c r="WBS661" s="613"/>
      <c r="WBT661" s="613"/>
      <c r="WBU661" s="613"/>
      <c r="WBV661" s="613"/>
      <c r="WBW661" s="613"/>
      <c r="WBX661" s="613"/>
      <c r="WBY661" s="613"/>
      <c r="WBZ661" s="613"/>
      <c r="WCA661" s="613"/>
      <c r="WCB661" s="613"/>
      <c r="WCC661" s="613"/>
      <c r="WCD661" s="613"/>
      <c r="WCE661" s="613"/>
      <c r="WCF661" s="613"/>
      <c r="WCG661" s="613"/>
      <c r="WCH661" s="613"/>
      <c r="WCI661" s="613"/>
      <c r="WCJ661" s="613"/>
      <c r="WCK661" s="613"/>
      <c r="WCL661" s="613"/>
      <c r="WCM661" s="613"/>
      <c r="WCN661" s="613"/>
      <c r="WCO661" s="613"/>
      <c r="WCP661" s="613"/>
      <c r="WCQ661" s="613"/>
      <c r="WCR661" s="613"/>
      <c r="WCS661" s="613"/>
      <c r="WCT661" s="613"/>
      <c r="WCU661" s="613"/>
      <c r="WCV661" s="613"/>
      <c r="WCW661" s="613"/>
      <c r="WCX661" s="613"/>
      <c r="WCY661" s="613"/>
      <c r="WCZ661" s="613"/>
      <c r="WDA661" s="613"/>
      <c r="WDB661" s="613"/>
      <c r="WDC661" s="613"/>
      <c r="WDD661" s="613"/>
      <c r="WDE661" s="613"/>
      <c r="WDF661" s="613"/>
      <c r="WDG661" s="613"/>
      <c r="WDH661" s="613"/>
      <c r="WDI661" s="613"/>
      <c r="WDJ661" s="613"/>
      <c r="WDK661" s="613"/>
      <c r="WDL661" s="613"/>
      <c r="WDM661" s="613"/>
      <c r="WDN661" s="613"/>
      <c r="WDO661" s="613"/>
      <c r="WDP661" s="613"/>
      <c r="WDQ661" s="613"/>
      <c r="WDR661" s="613"/>
      <c r="WDS661" s="613"/>
      <c r="WDT661" s="613"/>
      <c r="WDU661" s="613"/>
      <c r="WDV661" s="613"/>
      <c r="WDW661" s="613"/>
      <c r="WDX661" s="613"/>
      <c r="WDY661" s="613"/>
      <c r="WDZ661" s="613"/>
      <c r="WEA661" s="613"/>
      <c r="WEB661" s="613"/>
      <c r="WEC661" s="613"/>
      <c r="WED661" s="613"/>
      <c r="WEE661" s="613"/>
      <c r="WEF661" s="613"/>
      <c r="WEG661" s="613"/>
      <c r="WEH661" s="613"/>
      <c r="WEI661" s="613"/>
      <c r="WEJ661" s="613"/>
      <c r="WEK661" s="613"/>
      <c r="WEL661" s="613"/>
      <c r="WEM661" s="613"/>
      <c r="WEN661" s="613"/>
      <c r="WEO661" s="613"/>
      <c r="WEP661" s="613"/>
      <c r="WEQ661" s="613"/>
      <c r="WER661" s="613"/>
      <c r="WES661" s="613"/>
      <c r="WET661" s="613"/>
      <c r="WEU661" s="613"/>
      <c r="WEV661" s="613"/>
      <c r="WEW661" s="613"/>
      <c r="WEX661" s="613"/>
      <c r="WEY661" s="613"/>
      <c r="WEZ661" s="613"/>
      <c r="WFA661" s="613"/>
      <c r="WFB661" s="613"/>
      <c r="WFC661" s="613"/>
      <c r="WFD661" s="613"/>
      <c r="WFE661" s="613"/>
      <c r="WFF661" s="613"/>
      <c r="WFG661" s="613"/>
      <c r="WFH661" s="613"/>
      <c r="WFI661" s="613"/>
      <c r="WFJ661" s="613"/>
      <c r="WFK661" s="613"/>
      <c r="WFL661" s="613"/>
      <c r="WFM661" s="613"/>
      <c r="WFN661" s="613"/>
      <c r="WFO661" s="613"/>
      <c r="WFP661" s="613"/>
      <c r="WFQ661" s="613"/>
      <c r="WFR661" s="613"/>
      <c r="WFS661" s="613"/>
      <c r="WFT661" s="613"/>
      <c r="WFU661" s="613"/>
      <c r="WFV661" s="613"/>
      <c r="WFW661" s="613"/>
      <c r="WFX661" s="613"/>
      <c r="WFY661" s="613"/>
      <c r="WFZ661" s="613"/>
      <c r="WGA661" s="613"/>
      <c r="WGB661" s="613"/>
      <c r="WGC661" s="613"/>
      <c r="WGD661" s="613"/>
      <c r="WGE661" s="613"/>
      <c r="WGF661" s="613"/>
      <c r="WGG661" s="613"/>
      <c r="WGH661" s="613"/>
      <c r="WGI661" s="613"/>
      <c r="WGJ661" s="613"/>
      <c r="WGK661" s="613"/>
      <c r="WGL661" s="613"/>
      <c r="WGM661" s="613"/>
      <c r="WGN661" s="613"/>
      <c r="WGO661" s="613"/>
      <c r="WGP661" s="613"/>
      <c r="WGQ661" s="613"/>
      <c r="WGR661" s="613"/>
      <c r="WGS661" s="613"/>
      <c r="WGT661" s="613"/>
      <c r="WGU661" s="613"/>
      <c r="WGV661" s="613"/>
      <c r="WGW661" s="613"/>
      <c r="WGX661" s="613"/>
      <c r="WGY661" s="613"/>
      <c r="WGZ661" s="613"/>
      <c r="WHA661" s="613"/>
      <c r="WHB661" s="613"/>
      <c r="WHC661" s="613"/>
      <c r="WHD661" s="613"/>
      <c r="WHE661" s="613"/>
      <c r="WHF661" s="613"/>
      <c r="WHG661" s="613"/>
      <c r="WHH661" s="613"/>
      <c r="WHI661" s="613"/>
      <c r="WHJ661" s="613"/>
      <c r="WHK661" s="613"/>
      <c r="WHL661" s="613"/>
      <c r="WHM661" s="613"/>
      <c r="WHN661" s="613"/>
      <c r="WHO661" s="613"/>
      <c r="WHP661" s="613"/>
      <c r="WHQ661" s="613"/>
      <c r="WHR661" s="613"/>
      <c r="WHS661" s="613"/>
      <c r="WHT661" s="613"/>
      <c r="WHU661" s="613"/>
      <c r="WHV661" s="613"/>
      <c r="WHW661" s="613"/>
      <c r="WHX661" s="613"/>
      <c r="WHY661" s="613"/>
      <c r="WHZ661" s="613"/>
      <c r="WIA661" s="613"/>
      <c r="WIB661" s="613"/>
      <c r="WIC661" s="613"/>
      <c r="WID661" s="613"/>
      <c r="WIE661" s="613"/>
      <c r="WIF661" s="613"/>
      <c r="WIG661" s="613"/>
      <c r="WIH661" s="613"/>
      <c r="WII661" s="613"/>
      <c r="WIJ661" s="613"/>
      <c r="WIK661" s="613"/>
      <c r="WIL661" s="613"/>
      <c r="WIM661" s="613"/>
      <c r="WIN661" s="613"/>
      <c r="WIO661" s="613"/>
      <c r="WIP661" s="613"/>
      <c r="WIQ661" s="613"/>
      <c r="WIR661" s="613"/>
      <c r="WIS661" s="613"/>
      <c r="WIT661" s="613"/>
      <c r="WIU661" s="613"/>
      <c r="WIV661" s="613"/>
      <c r="WIW661" s="613"/>
      <c r="WIX661" s="613"/>
      <c r="WIY661" s="613"/>
      <c r="WIZ661" s="613"/>
      <c r="WJA661" s="613"/>
      <c r="WJB661" s="613"/>
      <c r="WJC661" s="613"/>
      <c r="WJD661" s="613"/>
      <c r="WJE661" s="613"/>
      <c r="WJF661" s="613"/>
      <c r="WJG661" s="613"/>
      <c r="WJH661" s="613"/>
      <c r="WJI661" s="613"/>
      <c r="WJJ661" s="613"/>
      <c r="WJK661" s="613"/>
      <c r="WJL661" s="613"/>
      <c r="WJM661" s="613"/>
      <c r="WJN661" s="613"/>
      <c r="WJO661" s="613"/>
      <c r="WJP661" s="613"/>
      <c r="WJQ661" s="613"/>
      <c r="WJR661" s="613"/>
      <c r="WJS661" s="613"/>
      <c r="WJT661" s="613"/>
      <c r="WJU661" s="613"/>
      <c r="WJV661" s="613"/>
      <c r="WJW661" s="613"/>
      <c r="WJX661" s="613"/>
      <c r="WJY661" s="613"/>
      <c r="WJZ661" s="613"/>
      <c r="WKA661" s="613"/>
      <c r="WKB661" s="613"/>
      <c r="WKC661" s="613"/>
      <c r="WKD661" s="613"/>
      <c r="WKE661" s="613"/>
      <c r="WKF661" s="613"/>
      <c r="WKG661" s="613"/>
      <c r="WKH661" s="613"/>
      <c r="WKI661" s="613"/>
      <c r="WKJ661" s="613"/>
      <c r="WKK661" s="613"/>
      <c r="WKL661" s="613"/>
      <c r="WKM661" s="613"/>
      <c r="WKN661" s="613"/>
      <c r="WKO661" s="613"/>
      <c r="WKP661" s="613"/>
      <c r="WKQ661" s="613"/>
      <c r="WKR661" s="613"/>
      <c r="WKS661" s="613"/>
      <c r="WKT661" s="613"/>
      <c r="WKU661" s="613"/>
      <c r="WKV661" s="613"/>
      <c r="WKW661" s="613"/>
      <c r="WKX661" s="613"/>
      <c r="WKY661" s="613"/>
      <c r="WKZ661" s="613"/>
      <c r="WLA661" s="613"/>
      <c r="WLB661" s="613"/>
      <c r="WLC661" s="613"/>
      <c r="WLD661" s="613"/>
      <c r="WLE661" s="613"/>
      <c r="WLF661" s="613"/>
      <c r="WLG661" s="613"/>
      <c r="WLH661" s="613"/>
      <c r="WLI661" s="613"/>
      <c r="WLJ661" s="613"/>
      <c r="WLK661" s="613"/>
      <c r="WLL661" s="613"/>
      <c r="WLM661" s="613"/>
      <c r="WLN661" s="613"/>
      <c r="WLO661" s="613"/>
      <c r="WLP661" s="613"/>
      <c r="WLQ661" s="613"/>
      <c r="WLR661" s="613"/>
      <c r="WLS661" s="613"/>
      <c r="WLT661" s="613"/>
      <c r="WLU661" s="613"/>
      <c r="WLV661" s="613"/>
      <c r="WLW661" s="613"/>
      <c r="WLX661" s="613"/>
      <c r="WLY661" s="613"/>
      <c r="WLZ661" s="613"/>
      <c r="WMA661" s="613"/>
      <c r="WMB661" s="613"/>
      <c r="WMC661" s="613"/>
      <c r="WMD661" s="613"/>
      <c r="WME661" s="613"/>
      <c r="WMF661" s="613"/>
      <c r="WMG661" s="613"/>
      <c r="WMH661" s="613"/>
      <c r="WMI661" s="613"/>
      <c r="WMJ661" s="613"/>
      <c r="WMK661" s="613"/>
      <c r="WML661" s="613"/>
      <c r="WMM661" s="613"/>
      <c r="WMN661" s="613"/>
      <c r="WMO661" s="613"/>
      <c r="WMP661" s="613"/>
      <c r="WMQ661" s="613"/>
      <c r="WMR661" s="613"/>
      <c r="WMS661" s="613"/>
      <c r="WMT661" s="613"/>
      <c r="WMU661" s="613"/>
      <c r="WMV661" s="613"/>
      <c r="WMW661" s="613"/>
      <c r="WMX661" s="613"/>
      <c r="WMY661" s="613"/>
      <c r="WMZ661" s="613"/>
      <c r="WNA661" s="613"/>
      <c r="WNB661" s="613"/>
      <c r="WNC661" s="613"/>
      <c r="WND661" s="613"/>
      <c r="WNE661" s="613"/>
      <c r="WNF661" s="613"/>
      <c r="WNG661" s="613"/>
      <c r="WNH661" s="613"/>
      <c r="WNI661" s="613"/>
      <c r="WNJ661" s="613"/>
      <c r="WNK661" s="613"/>
      <c r="WNL661" s="613"/>
      <c r="WNM661" s="613"/>
      <c r="WNN661" s="613"/>
      <c r="WNO661" s="613"/>
      <c r="WNP661" s="613"/>
      <c r="WNQ661" s="613"/>
      <c r="WNR661" s="613"/>
      <c r="WNS661" s="613"/>
      <c r="WNT661" s="613"/>
      <c r="WNU661" s="613"/>
      <c r="WNV661" s="613"/>
      <c r="WNW661" s="613"/>
      <c r="WNX661" s="613"/>
      <c r="WNY661" s="613"/>
      <c r="WNZ661" s="613"/>
      <c r="WOA661" s="613"/>
      <c r="WOB661" s="613"/>
      <c r="WOC661" s="613"/>
      <c r="WOD661" s="613"/>
      <c r="WOE661" s="613"/>
      <c r="WOF661" s="613"/>
      <c r="WOG661" s="613"/>
      <c r="WOH661" s="613"/>
      <c r="WOI661" s="613"/>
      <c r="WOJ661" s="613"/>
      <c r="WOK661" s="613"/>
      <c r="WOL661" s="613"/>
      <c r="WOM661" s="613"/>
      <c r="WON661" s="613"/>
      <c r="WOO661" s="613"/>
      <c r="WOP661" s="613"/>
      <c r="WOQ661" s="613"/>
      <c r="WOR661" s="613"/>
      <c r="WOS661" s="613"/>
      <c r="WOT661" s="613"/>
      <c r="WOU661" s="613"/>
      <c r="WOV661" s="613"/>
      <c r="WOW661" s="613"/>
      <c r="WOX661" s="613"/>
      <c r="WOY661" s="613"/>
      <c r="WOZ661" s="613"/>
      <c r="WPA661" s="613"/>
      <c r="WPB661" s="613"/>
      <c r="WPC661" s="613"/>
      <c r="WPD661" s="613"/>
      <c r="WPE661" s="613"/>
      <c r="WPF661" s="613"/>
      <c r="WPG661" s="613"/>
      <c r="WPH661" s="613"/>
      <c r="WPI661" s="613"/>
      <c r="WPJ661" s="613"/>
      <c r="WPK661" s="613"/>
      <c r="WPL661" s="613"/>
      <c r="WPM661" s="613"/>
      <c r="WPN661" s="613"/>
      <c r="WPO661" s="613"/>
      <c r="WPP661" s="613"/>
      <c r="WPQ661" s="613"/>
      <c r="WPR661" s="613"/>
      <c r="WPS661" s="613"/>
      <c r="WPT661" s="613"/>
      <c r="WPU661" s="613"/>
      <c r="WPV661" s="613"/>
      <c r="WPW661" s="613"/>
      <c r="WPX661" s="613"/>
      <c r="WPY661" s="613"/>
      <c r="WPZ661" s="613"/>
      <c r="WQA661" s="613"/>
      <c r="WQB661" s="613"/>
      <c r="WQC661" s="613"/>
      <c r="WQD661" s="613"/>
      <c r="WQE661" s="613"/>
      <c r="WQF661" s="613"/>
      <c r="WQG661" s="613"/>
      <c r="WQH661" s="613"/>
      <c r="WQI661" s="613"/>
      <c r="WQJ661" s="613"/>
      <c r="WQK661" s="613"/>
      <c r="WQL661" s="613"/>
      <c r="WQM661" s="613"/>
      <c r="WQN661" s="613"/>
      <c r="WQO661" s="613"/>
      <c r="WQP661" s="613"/>
      <c r="WQQ661" s="613"/>
      <c r="WQR661" s="613"/>
      <c r="WQS661" s="613"/>
      <c r="WQT661" s="613"/>
      <c r="WQU661" s="613"/>
      <c r="WQV661" s="613"/>
      <c r="WQW661" s="613"/>
      <c r="WQX661" s="613"/>
      <c r="WQY661" s="613"/>
      <c r="WQZ661" s="613"/>
      <c r="WRA661" s="613"/>
      <c r="WRB661" s="613"/>
      <c r="WRC661" s="613"/>
      <c r="WRD661" s="613"/>
      <c r="WRE661" s="613"/>
      <c r="WRF661" s="613"/>
      <c r="WRG661" s="613"/>
      <c r="WRH661" s="613"/>
      <c r="WRI661" s="613"/>
      <c r="WRJ661" s="613"/>
      <c r="WRK661" s="613"/>
      <c r="WRL661" s="613"/>
      <c r="WRM661" s="613"/>
      <c r="WRN661" s="613"/>
      <c r="WRO661" s="613"/>
      <c r="WRP661" s="613"/>
      <c r="WRQ661" s="613"/>
      <c r="WRR661" s="613"/>
      <c r="WRS661" s="613"/>
      <c r="WRT661" s="613"/>
      <c r="WRU661" s="613"/>
      <c r="WRV661" s="613"/>
      <c r="WRW661" s="613"/>
      <c r="WRX661" s="613"/>
      <c r="WRY661" s="613"/>
      <c r="WRZ661" s="613"/>
      <c r="WSA661" s="613"/>
      <c r="WSB661" s="613"/>
      <c r="WSC661" s="613"/>
      <c r="WSD661" s="613"/>
      <c r="WSE661" s="613"/>
      <c r="WSF661" s="613"/>
      <c r="WSG661" s="613"/>
      <c r="WSH661" s="613"/>
      <c r="WSI661" s="613"/>
      <c r="WSJ661" s="613"/>
      <c r="WSK661" s="613"/>
      <c r="WSL661" s="613"/>
      <c r="WSM661" s="613"/>
      <c r="WSN661" s="613"/>
      <c r="WSO661" s="613"/>
      <c r="WSP661" s="613"/>
      <c r="WSQ661" s="613"/>
      <c r="WSR661" s="613"/>
      <c r="WSS661" s="613"/>
      <c r="WST661" s="613"/>
      <c r="WSU661" s="613"/>
      <c r="WSV661" s="613"/>
      <c r="WSW661" s="613"/>
      <c r="WSX661" s="613"/>
      <c r="WSY661" s="613"/>
      <c r="WSZ661" s="613"/>
      <c r="WTA661" s="613"/>
      <c r="WTB661" s="613"/>
      <c r="WTC661" s="613"/>
      <c r="WTD661" s="613"/>
      <c r="WTE661" s="613"/>
      <c r="WTF661" s="613"/>
      <c r="WTG661" s="613"/>
      <c r="WTH661" s="613"/>
      <c r="WTI661" s="613"/>
      <c r="WTJ661" s="613"/>
      <c r="WTK661" s="613"/>
      <c r="WTL661" s="613"/>
      <c r="WTM661" s="613"/>
      <c r="WTN661" s="613"/>
      <c r="WTO661" s="613"/>
      <c r="WTP661" s="613"/>
      <c r="WTQ661" s="613"/>
      <c r="WTR661" s="613"/>
      <c r="WTS661" s="613"/>
      <c r="WTT661" s="613"/>
      <c r="WTU661" s="613"/>
      <c r="WTV661" s="613"/>
      <c r="WTW661" s="613"/>
      <c r="WTX661" s="613"/>
      <c r="WTY661" s="613"/>
      <c r="WTZ661" s="613"/>
      <c r="WUA661" s="613"/>
      <c r="WUB661" s="613"/>
      <c r="WUC661" s="613"/>
      <c r="WUD661" s="613"/>
      <c r="WUE661" s="613"/>
      <c r="WUF661" s="613"/>
      <c r="WUG661" s="613"/>
      <c r="WUH661" s="613"/>
      <c r="WUI661" s="613"/>
      <c r="WUJ661" s="613"/>
      <c r="WUK661" s="613"/>
      <c r="WUL661" s="613"/>
      <c r="WUM661" s="613"/>
      <c r="WUN661" s="613"/>
      <c r="WUO661" s="613"/>
      <c r="WUP661" s="613"/>
      <c r="WUQ661" s="613"/>
      <c r="WUR661" s="613"/>
      <c r="WUS661" s="613"/>
      <c r="WUT661" s="613"/>
      <c r="WUU661" s="613"/>
      <c r="WUV661" s="613"/>
      <c r="WUW661" s="613"/>
      <c r="WUX661" s="613"/>
      <c r="WUY661" s="613"/>
      <c r="WUZ661" s="613"/>
      <c r="WVA661" s="613"/>
      <c r="WVB661" s="613"/>
      <c r="WVC661" s="613"/>
      <c r="WVD661" s="613"/>
      <c r="WVE661" s="613"/>
      <c r="WVF661" s="613"/>
      <c r="WVG661" s="613"/>
      <c r="WVH661" s="613"/>
      <c r="WVI661" s="613"/>
      <c r="WVJ661" s="613"/>
      <c r="WVK661" s="613"/>
      <c r="WVL661" s="613"/>
      <c r="WVM661" s="613"/>
      <c r="WVN661" s="613"/>
      <c r="WVO661" s="613"/>
      <c r="WVP661" s="613"/>
      <c r="WVQ661" s="613"/>
      <c r="WVR661" s="613"/>
      <c r="WVS661" s="613"/>
      <c r="WVT661" s="613"/>
      <c r="WVU661" s="613"/>
      <c r="WVV661" s="613"/>
      <c r="WVW661" s="613"/>
      <c r="WVX661" s="613"/>
      <c r="WVY661" s="613"/>
      <c r="WVZ661" s="613"/>
      <c r="WWA661" s="613"/>
      <c r="WWB661" s="613"/>
      <c r="WWC661" s="613"/>
      <c r="WWD661" s="613"/>
      <c r="WWE661" s="613"/>
      <c r="WWF661" s="613"/>
      <c r="WWG661" s="613"/>
      <c r="WWH661" s="613"/>
      <c r="WWI661" s="613"/>
      <c r="WWJ661" s="613"/>
      <c r="WWK661" s="613"/>
      <c r="WWL661" s="613"/>
      <c r="WWM661" s="613"/>
      <c r="WWN661" s="613"/>
      <c r="WWO661" s="613"/>
      <c r="WWP661" s="613"/>
      <c r="WWQ661" s="613"/>
      <c r="WWR661" s="613"/>
      <c r="WWS661" s="613"/>
      <c r="WWT661" s="613"/>
      <c r="WWU661" s="613"/>
      <c r="WWV661" s="613"/>
      <c r="WWW661" s="613"/>
      <c r="WWX661" s="613"/>
      <c r="WWY661" s="613"/>
      <c r="WWZ661" s="613"/>
      <c r="WXA661" s="613"/>
      <c r="WXB661" s="613"/>
      <c r="WXC661" s="613"/>
      <c r="WXD661" s="613"/>
      <c r="WXE661" s="613"/>
      <c r="WXF661" s="613"/>
      <c r="WXG661" s="613"/>
      <c r="WXH661" s="613"/>
      <c r="WXI661" s="613"/>
      <c r="WXJ661" s="613"/>
      <c r="WXK661" s="613"/>
      <c r="WXL661" s="613"/>
      <c r="WXM661" s="613"/>
      <c r="WXN661" s="613"/>
      <c r="WXO661" s="613"/>
      <c r="WXP661" s="613"/>
      <c r="WXQ661" s="613"/>
      <c r="WXR661" s="613"/>
      <c r="WXS661" s="613"/>
      <c r="WXT661" s="613"/>
      <c r="WXU661" s="613"/>
      <c r="WXV661" s="613"/>
      <c r="WXW661" s="613"/>
      <c r="WXX661" s="613"/>
      <c r="WXY661" s="613"/>
      <c r="WXZ661" s="613"/>
      <c r="WYA661" s="613"/>
      <c r="WYB661" s="613"/>
      <c r="WYC661" s="613"/>
      <c r="WYD661" s="613"/>
      <c r="WYE661" s="613"/>
      <c r="WYF661" s="613"/>
      <c r="WYG661" s="613"/>
      <c r="WYH661" s="613"/>
      <c r="WYI661" s="613"/>
      <c r="WYJ661" s="613"/>
      <c r="WYK661" s="613"/>
      <c r="WYL661" s="613"/>
      <c r="WYM661" s="613"/>
      <c r="WYN661" s="613"/>
      <c r="WYO661" s="613"/>
      <c r="WYP661" s="613"/>
      <c r="WYQ661" s="613"/>
      <c r="WYR661" s="613"/>
      <c r="WYS661" s="613"/>
      <c r="WYT661" s="613"/>
      <c r="WYU661" s="613"/>
      <c r="WYV661" s="613"/>
      <c r="WYW661" s="613"/>
      <c r="WYX661" s="613"/>
      <c r="WYY661" s="613"/>
      <c r="WYZ661" s="613"/>
      <c r="WZA661" s="613"/>
      <c r="WZB661" s="613"/>
      <c r="WZC661" s="613"/>
      <c r="WZD661" s="613"/>
      <c r="WZE661" s="613"/>
      <c r="WZF661" s="613"/>
      <c r="WZG661" s="613"/>
      <c r="WZH661" s="613"/>
      <c r="WZI661" s="613"/>
      <c r="WZJ661" s="613"/>
      <c r="WZK661" s="613"/>
      <c r="WZL661" s="613"/>
      <c r="WZM661" s="613"/>
      <c r="WZN661" s="613"/>
      <c r="WZO661" s="613"/>
      <c r="WZP661" s="613"/>
      <c r="WZQ661" s="613"/>
      <c r="WZR661" s="613"/>
      <c r="WZS661" s="613"/>
      <c r="WZT661" s="613"/>
      <c r="WZU661" s="613"/>
      <c r="WZV661" s="613"/>
      <c r="WZW661" s="613"/>
      <c r="WZX661" s="613"/>
      <c r="WZY661" s="613"/>
      <c r="WZZ661" s="613"/>
      <c r="XAA661" s="613"/>
      <c r="XAB661" s="613"/>
      <c r="XAC661" s="613"/>
      <c r="XAD661" s="613"/>
      <c r="XAE661" s="613"/>
      <c r="XAF661" s="613"/>
      <c r="XAG661" s="613"/>
      <c r="XAH661" s="613"/>
      <c r="XAI661" s="613"/>
      <c r="XAJ661" s="613"/>
      <c r="XAK661" s="613"/>
      <c r="XAL661" s="613"/>
      <c r="XAM661" s="613"/>
      <c r="XAN661" s="613"/>
      <c r="XAO661" s="613"/>
      <c r="XAP661" s="613"/>
      <c r="XAQ661" s="613"/>
      <c r="XAR661" s="613"/>
      <c r="XAS661" s="613"/>
      <c r="XAT661" s="613"/>
      <c r="XAU661" s="613"/>
      <c r="XAV661" s="613"/>
      <c r="XAW661" s="613"/>
      <c r="XAX661" s="613"/>
      <c r="XAY661" s="613"/>
      <c r="XAZ661" s="613"/>
      <c r="XBA661" s="613"/>
      <c r="XBB661" s="613"/>
      <c r="XBC661" s="613"/>
      <c r="XBD661" s="613"/>
      <c r="XBE661" s="613"/>
      <c r="XBF661" s="613"/>
      <c r="XBG661" s="613"/>
      <c r="XBH661" s="613"/>
      <c r="XBI661" s="613"/>
      <c r="XBJ661" s="613"/>
      <c r="XBK661" s="613"/>
      <c r="XBL661" s="613"/>
      <c r="XBM661" s="613"/>
      <c r="XBN661" s="613"/>
      <c r="XBO661" s="613"/>
      <c r="XBP661" s="613"/>
      <c r="XBQ661" s="613"/>
      <c r="XBR661" s="613"/>
      <c r="XBS661" s="613"/>
      <c r="XBT661" s="613"/>
      <c r="XBU661" s="613"/>
      <c r="XBV661" s="613"/>
      <c r="XBW661" s="613"/>
      <c r="XBX661" s="613"/>
      <c r="XBY661" s="613"/>
      <c r="XBZ661" s="613"/>
      <c r="XCA661" s="613"/>
      <c r="XCB661" s="613"/>
      <c r="XCC661" s="613"/>
      <c r="XCD661" s="613"/>
      <c r="XCE661" s="613"/>
      <c r="XCF661" s="613"/>
      <c r="XCG661" s="613"/>
      <c r="XCH661" s="613"/>
      <c r="XCI661" s="613"/>
      <c r="XCJ661" s="613"/>
      <c r="XCK661" s="613"/>
      <c r="XCL661" s="613"/>
      <c r="XCM661" s="613"/>
      <c r="XCN661" s="613"/>
      <c r="XCO661" s="613"/>
      <c r="XCP661" s="613"/>
      <c r="XCQ661" s="613"/>
    </row>
    <row r="662" spans="1:16319" ht="56.1" customHeight="1" x14ac:dyDescent="0.2">
      <c r="A662" s="273" t="s">
        <v>3017</v>
      </c>
      <c r="B662" s="499"/>
      <c r="C662" s="77"/>
      <c r="D662" s="481">
        <v>219</v>
      </c>
      <c r="E662" s="481"/>
      <c r="F662" s="481" t="s">
        <v>2481</v>
      </c>
      <c r="G662" s="482" t="s">
        <v>53</v>
      </c>
      <c r="H662" s="481" t="s">
        <v>329</v>
      </c>
      <c r="I662" s="654" t="s">
        <v>456</v>
      </c>
      <c r="J662" s="654" t="s">
        <v>369</v>
      </c>
      <c r="K662" s="495" t="s">
        <v>478</v>
      </c>
      <c r="L662" s="621"/>
      <c r="M662" s="484" t="s">
        <v>58</v>
      </c>
      <c r="N662" s="329" t="s">
        <v>1365</v>
      </c>
      <c r="O662" s="484" t="s">
        <v>2996</v>
      </c>
      <c r="P662" s="484" t="s">
        <v>81</v>
      </c>
      <c r="Q662" s="667" t="s">
        <v>334</v>
      </c>
      <c r="R662" s="484" t="s">
        <v>334</v>
      </c>
      <c r="S662" s="484" t="s">
        <v>187</v>
      </c>
      <c r="T662" s="484"/>
      <c r="U662" s="620" t="s">
        <v>63</v>
      </c>
      <c r="V662" s="620" t="s">
        <v>63</v>
      </c>
      <c r="W662" s="723">
        <v>39238</v>
      </c>
      <c r="X662" s="723"/>
      <c r="Y662" s="654" t="s">
        <v>226</v>
      </c>
      <c r="Z662" s="654"/>
      <c r="AA662" s="723">
        <v>39238</v>
      </c>
      <c r="AB662" s="652" t="s">
        <v>82</v>
      </c>
      <c r="AC662" s="652"/>
      <c r="AD662" s="496"/>
      <c r="AE662" s="496"/>
      <c r="AF662" s="496"/>
      <c r="AG662" s="496"/>
      <c r="AH662" s="496"/>
      <c r="AI662" s="487" t="s">
        <v>66</v>
      </c>
      <c r="AJ662" s="496"/>
      <c r="AK662" s="496"/>
      <c r="AL662" s="496"/>
      <c r="AM662" s="496"/>
      <c r="AN662" s="496"/>
      <c r="AO662" s="496"/>
      <c r="AP662" s="496"/>
      <c r="AQ662" s="496"/>
      <c r="AR662" s="496"/>
      <c r="AS662" s="496"/>
      <c r="AT662" s="496"/>
      <c r="AU662" s="487"/>
      <c r="AV662" s="487"/>
      <c r="AW662" s="487"/>
      <c r="AX662" s="487"/>
      <c r="AY662" s="487"/>
      <c r="AZ662" s="487"/>
      <c r="BA662" s="484"/>
      <c r="BB662" s="484" t="s">
        <v>462</v>
      </c>
      <c r="BC662" s="484" t="s">
        <v>3041</v>
      </c>
      <c r="BD662" s="494"/>
      <c r="BE662" s="494"/>
      <c r="BF662" s="613"/>
      <c r="BG662" s="613"/>
      <c r="BH662" s="613"/>
      <c r="BI662" s="613"/>
      <c r="BJ662" s="613"/>
      <c r="BK662" s="613"/>
      <c r="BL662" s="613"/>
      <c r="BM662" s="613"/>
      <c r="BN662" s="613"/>
      <c r="BO662" s="613"/>
      <c r="BP662" s="613"/>
      <c r="BQ662" s="613"/>
      <c r="BR662" s="613"/>
      <c r="BS662" s="613"/>
      <c r="BT662" s="613"/>
      <c r="BU662" s="613"/>
      <c r="BV662" s="613"/>
      <c r="BW662" s="613"/>
      <c r="BX662" s="613"/>
      <c r="BY662" s="613"/>
      <c r="BZ662" s="613"/>
      <c r="CA662" s="613"/>
      <c r="CB662" s="613"/>
      <c r="CC662" s="613"/>
      <c r="CD662" s="613"/>
      <c r="CE662" s="613"/>
      <c r="CF662" s="613"/>
      <c r="CG662" s="613"/>
      <c r="CH662" s="613"/>
      <c r="CI662" s="613"/>
      <c r="CJ662" s="613"/>
      <c r="CK662" s="613"/>
      <c r="CL662" s="613"/>
      <c r="CM662" s="613"/>
      <c r="CN662" s="613"/>
      <c r="CO662" s="613"/>
      <c r="CP662" s="613"/>
      <c r="CQ662" s="613"/>
      <c r="CR662" s="613"/>
      <c r="CS662" s="613"/>
      <c r="CT662" s="613"/>
      <c r="CU662" s="613"/>
      <c r="CV662" s="613"/>
      <c r="CW662" s="613"/>
      <c r="CX662" s="613"/>
      <c r="CY662" s="613"/>
      <c r="CZ662" s="613"/>
      <c r="DA662" s="613"/>
      <c r="DB662" s="613"/>
      <c r="DC662" s="613"/>
      <c r="DD662" s="613"/>
      <c r="DE662" s="613"/>
      <c r="DF662" s="613"/>
      <c r="DG662" s="613"/>
      <c r="DH662" s="613"/>
      <c r="DI662" s="613"/>
      <c r="DJ662" s="613"/>
      <c r="DK662" s="613"/>
      <c r="DL662" s="613"/>
      <c r="DM662" s="613"/>
      <c r="DN662" s="613"/>
      <c r="DO662" s="613"/>
      <c r="DP662" s="613"/>
      <c r="DQ662" s="613"/>
      <c r="DR662" s="613"/>
      <c r="DS662" s="613"/>
      <c r="DT662" s="613"/>
      <c r="DU662" s="613"/>
      <c r="DV662" s="613"/>
      <c r="DW662" s="613"/>
      <c r="DX662" s="613"/>
      <c r="DY662" s="613"/>
      <c r="DZ662" s="613"/>
      <c r="EA662" s="613"/>
      <c r="EB662" s="613"/>
      <c r="EC662" s="613"/>
      <c r="ED662" s="613"/>
      <c r="EE662" s="613"/>
      <c r="EF662" s="613"/>
      <c r="EG662" s="613"/>
      <c r="EH662" s="613"/>
      <c r="EI662" s="613"/>
      <c r="EJ662" s="613"/>
      <c r="EK662" s="613"/>
      <c r="EL662" s="613"/>
      <c r="EM662" s="613"/>
      <c r="EN662" s="613"/>
      <c r="EO662" s="613"/>
      <c r="EP662" s="613"/>
      <c r="EQ662" s="613"/>
      <c r="ER662" s="613"/>
      <c r="ES662" s="613"/>
      <c r="ET662" s="613"/>
      <c r="EU662" s="613"/>
      <c r="EV662" s="613"/>
      <c r="EW662" s="613"/>
      <c r="EX662" s="613"/>
      <c r="EY662" s="613"/>
      <c r="EZ662" s="613"/>
      <c r="FA662" s="613"/>
      <c r="FB662" s="613"/>
      <c r="FC662" s="613"/>
      <c r="FD662" s="613"/>
      <c r="FE662" s="613"/>
      <c r="FF662" s="613"/>
      <c r="FG662" s="613"/>
      <c r="FH662" s="613"/>
      <c r="FI662" s="613"/>
      <c r="FJ662" s="613"/>
      <c r="FK662" s="613"/>
      <c r="FL662" s="613"/>
      <c r="FM662" s="613"/>
      <c r="FN662" s="613"/>
      <c r="FO662" s="613"/>
      <c r="FP662" s="613"/>
      <c r="FQ662" s="613"/>
      <c r="FR662" s="613"/>
      <c r="FS662" s="613"/>
      <c r="FT662" s="613"/>
      <c r="FU662" s="613"/>
      <c r="FV662" s="613"/>
      <c r="FW662" s="613"/>
      <c r="FX662" s="613"/>
      <c r="FY662" s="613"/>
      <c r="FZ662" s="613"/>
      <c r="GA662" s="613"/>
      <c r="GB662" s="613"/>
      <c r="GC662" s="613"/>
      <c r="GD662" s="613"/>
      <c r="GE662" s="613"/>
      <c r="GF662" s="613"/>
      <c r="GG662" s="613"/>
      <c r="GH662" s="613"/>
      <c r="GI662" s="613"/>
      <c r="GJ662" s="613"/>
      <c r="GK662" s="613"/>
      <c r="GL662" s="613"/>
      <c r="GM662" s="613"/>
      <c r="GN662" s="613"/>
      <c r="GO662" s="613"/>
      <c r="GP662" s="613"/>
      <c r="GQ662" s="613"/>
      <c r="GR662" s="613"/>
      <c r="GS662" s="613"/>
      <c r="GT662" s="613"/>
      <c r="GU662" s="613"/>
      <c r="GV662" s="613"/>
      <c r="GW662" s="613"/>
      <c r="GX662" s="613"/>
      <c r="GY662" s="613"/>
      <c r="GZ662" s="613"/>
      <c r="HA662" s="613"/>
      <c r="HB662" s="613"/>
      <c r="HC662" s="613"/>
      <c r="HD662" s="613"/>
      <c r="HE662" s="613"/>
      <c r="HF662" s="613"/>
      <c r="HG662" s="613"/>
      <c r="HH662" s="613"/>
      <c r="HI662" s="613"/>
      <c r="HJ662" s="613"/>
      <c r="HK662" s="613"/>
      <c r="HL662" s="613"/>
      <c r="HM662" s="613"/>
      <c r="HN662" s="613"/>
      <c r="HO662" s="613"/>
      <c r="HP662" s="613"/>
      <c r="HQ662" s="613"/>
      <c r="HR662" s="613"/>
      <c r="HS662" s="613"/>
      <c r="HT662" s="613"/>
      <c r="HU662" s="613"/>
      <c r="HV662" s="613"/>
      <c r="HW662" s="613"/>
      <c r="HX662" s="613"/>
      <c r="HY662" s="613"/>
      <c r="HZ662" s="613"/>
      <c r="IA662" s="613"/>
      <c r="IB662" s="613"/>
      <c r="IC662" s="613"/>
      <c r="ID662" s="613"/>
      <c r="IE662" s="613"/>
      <c r="IF662" s="613"/>
      <c r="IG662" s="613"/>
      <c r="IH662" s="613"/>
      <c r="II662" s="613"/>
      <c r="IJ662" s="613"/>
      <c r="IK662" s="613"/>
      <c r="IL662" s="613"/>
      <c r="IM662" s="613"/>
      <c r="IN662" s="613"/>
      <c r="IO662" s="613"/>
      <c r="IP662" s="613"/>
      <c r="IQ662" s="613"/>
      <c r="IR662" s="613"/>
      <c r="IS662" s="613"/>
      <c r="IT662" s="613"/>
      <c r="IU662" s="613"/>
      <c r="IV662" s="613"/>
      <c r="IW662" s="613"/>
      <c r="IX662" s="613"/>
      <c r="IY662" s="613"/>
      <c r="IZ662" s="613"/>
      <c r="JA662" s="613"/>
      <c r="JB662" s="613"/>
      <c r="JC662" s="613"/>
      <c r="JD662" s="613"/>
      <c r="JE662" s="613"/>
      <c r="JF662" s="613"/>
      <c r="JG662" s="613"/>
      <c r="JH662" s="613"/>
      <c r="JI662" s="613"/>
      <c r="JJ662" s="613"/>
      <c r="JK662" s="613"/>
      <c r="JL662" s="613"/>
      <c r="JM662" s="613"/>
      <c r="JN662" s="613"/>
      <c r="JO662" s="613"/>
      <c r="JP662" s="613"/>
      <c r="JQ662" s="613"/>
      <c r="JR662" s="613"/>
      <c r="JS662" s="613"/>
      <c r="JT662" s="613"/>
      <c r="JU662" s="613"/>
      <c r="JV662" s="613"/>
      <c r="JW662" s="613"/>
      <c r="JX662" s="613"/>
      <c r="JY662" s="613"/>
      <c r="JZ662" s="613"/>
      <c r="KA662" s="613"/>
      <c r="KB662" s="613"/>
      <c r="KC662" s="613"/>
      <c r="KD662" s="613"/>
      <c r="KE662" s="613"/>
      <c r="KF662" s="613"/>
      <c r="KG662" s="613"/>
      <c r="KH662" s="613"/>
      <c r="KI662" s="613"/>
      <c r="KJ662" s="613"/>
      <c r="KK662" s="613"/>
      <c r="KL662" s="613"/>
      <c r="KM662" s="613"/>
      <c r="KN662" s="613"/>
      <c r="KO662" s="613"/>
      <c r="KP662" s="613"/>
      <c r="KQ662" s="613"/>
      <c r="KR662" s="613"/>
      <c r="KS662" s="613"/>
      <c r="KT662" s="613"/>
      <c r="KU662" s="613"/>
      <c r="KV662" s="613"/>
      <c r="KW662" s="613"/>
      <c r="KX662" s="613"/>
      <c r="KY662" s="613"/>
      <c r="KZ662" s="613"/>
      <c r="LA662" s="613"/>
      <c r="LB662" s="613"/>
      <c r="LC662" s="613"/>
      <c r="LD662" s="613"/>
      <c r="LE662" s="613"/>
      <c r="LF662" s="613"/>
      <c r="LG662" s="613"/>
      <c r="LH662" s="613"/>
      <c r="LI662" s="613"/>
      <c r="LJ662" s="613"/>
      <c r="LK662" s="613"/>
      <c r="LL662" s="613"/>
      <c r="LM662" s="613"/>
      <c r="LN662" s="613"/>
      <c r="LO662" s="613"/>
      <c r="LP662" s="613"/>
      <c r="LQ662" s="613"/>
      <c r="LR662" s="613"/>
      <c r="LS662" s="613"/>
      <c r="LT662" s="613"/>
      <c r="LU662" s="613"/>
      <c r="LV662" s="613"/>
      <c r="LW662" s="613"/>
      <c r="LX662" s="613"/>
      <c r="LY662" s="613"/>
      <c r="LZ662" s="613"/>
      <c r="MA662" s="613"/>
      <c r="MB662" s="613"/>
      <c r="MC662" s="613"/>
      <c r="MD662" s="613"/>
      <c r="ME662" s="613"/>
      <c r="MF662" s="613"/>
      <c r="MG662" s="613"/>
      <c r="MH662" s="613"/>
      <c r="MI662" s="613"/>
      <c r="MJ662" s="613"/>
      <c r="MK662" s="613"/>
      <c r="ML662" s="613"/>
      <c r="MM662" s="613"/>
      <c r="MN662" s="613"/>
      <c r="MO662" s="613"/>
      <c r="MP662" s="613"/>
      <c r="MQ662" s="613"/>
      <c r="MR662" s="613"/>
      <c r="MS662" s="613"/>
      <c r="MT662" s="613"/>
      <c r="MU662" s="613"/>
      <c r="MV662" s="613"/>
      <c r="MW662" s="613"/>
      <c r="MX662" s="613"/>
      <c r="MY662" s="613"/>
      <c r="MZ662" s="613"/>
      <c r="NA662" s="613"/>
      <c r="NB662" s="613"/>
      <c r="NC662" s="613"/>
      <c r="ND662" s="613"/>
      <c r="NE662" s="613"/>
      <c r="NF662" s="613"/>
      <c r="NG662" s="613"/>
      <c r="NH662" s="613"/>
      <c r="NI662" s="613"/>
      <c r="NJ662" s="613"/>
      <c r="NK662" s="613"/>
      <c r="NL662" s="613"/>
      <c r="NM662" s="613"/>
      <c r="NN662" s="613"/>
      <c r="NO662" s="613"/>
      <c r="NP662" s="613"/>
      <c r="NQ662" s="613"/>
      <c r="NR662" s="613"/>
      <c r="NS662" s="613"/>
      <c r="NT662" s="613"/>
      <c r="NU662" s="613"/>
      <c r="NV662" s="613"/>
      <c r="NW662" s="613"/>
      <c r="NX662" s="613"/>
      <c r="NY662" s="613"/>
      <c r="NZ662" s="613"/>
      <c r="OA662" s="613"/>
      <c r="OB662" s="613"/>
      <c r="OC662" s="613"/>
      <c r="OD662" s="613"/>
      <c r="OE662" s="613"/>
      <c r="OF662" s="613"/>
      <c r="OG662" s="613"/>
      <c r="OH662" s="613"/>
      <c r="OI662" s="613"/>
      <c r="OJ662" s="613"/>
      <c r="OK662" s="613"/>
      <c r="OL662" s="613"/>
      <c r="OM662" s="613"/>
      <c r="ON662" s="613"/>
      <c r="OO662" s="613"/>
      <c r="OP662" s="613"/>
      <c r="OQ662" s="613"/>
      <c r="OR662" s="613"/>
      <c r="OS662" s="613"/>
      <c r="OT662" s="613"/>
      <c r="OU662" s="613"/>
      <c r="OV662" s="613"/>
      <c r="OW662" s="613"/>
      <c r="OX662" s="613"/>
      <c r="OY662" s="613"/>
      <c r="OZ662" s="613"/>
      <c r="PA662" s="613"/>
      <c r="PB662" s="613"/>
      <c r="PC662" s="613"/>
      <c r="PD662" s="613"/>
      <c r="PE662" s="613"/>
      <c r="PF662" s="613"/>
      <c r="PG662" s="613"/>
      <c r="PH662" s="613"/>
      <c r="PI662" s="613"/>
      <c r="PJ662" s="613"/>
      <c r="PK662" s="613"/>
      <c r="PL662" s="613"/>
      <c r="PM662" s="613"/>
      <c r="PN662" s="613"/>
      <c r="PO662" s="613"/>
      <c r="PP662" s="613"/>
      <c r="PQ662" s="613"/>
      <c r="PR662" s="613"/>
      <c r="PS662" s="613"/>
      <c r="PT662" s="613"/>
      <c r="PU662" s="613"/>
      <c r="PV662" s="613"/>
      <c r="PW662" s="613"/>
      <c r="PX662" s="613"/>
      <c r="PY662" s="613"/>
      <c r="PZ662" s="613"/>
      <c r="QA662" s="613"/>
      <c r="QB662" s="613"/>
      <c r="QC662" s="613"/>
      <c r="QD662" s="613"/>
      <c r="QE662" s="613"/>
      <c r="QF662" s="613"/>
      <c r="QG662" s="613"/>
      <c r="QH662" s="613"/>
      <c r="QI662" s="613"/>
      <c r="QJ662" s="613"/>
      <c r="QK662" s="613"/>
      <c r="QL662" s="613"/>
      <c r="QM662" s="613"/>
      <c r="QN662" s="613"/>
      <c r="QO662" s="613"/>
      <c r="QP662" s="613"/>
      <c r="QQ662" s="613"/>
      <c r="QR662" s="613"/>
      <c r="QS662" s="613"/>
      <c r="QT662" s="613"/>
      <c r="QU662" s="613"/>
      <c r="QV662" s="613"/>
      <c r="QW662" s="613"/>
      <c r="QX662" s="613"/>
      <c r="QY662" s="613"/>
      <c r="QZ662" s="613"/>
      <c r="RA662" s="613"/>
      <c r="RB662" s="613"/>
      <c r="RC662" s="613"/>
      <c r="RD662" s="613"/>
      <c r="RE662" s="613"/>
      <c r="RF662" s="613"/>
      <c r="RG662" s="613"/>
      <c r="RH662" s="613"/>
      <c r="RI662" s="613"/>
      <c r="RJ662" s="613"/>
      <c r="RK662" s="613"/>
      <c r="RL662" s="613"/>
      <c r="RM662" s="613"/>
      <c r="RN662" s="613"/>
      <c r="RO662" s="613"/>
      <c r="RP662" s="613"/>
      <c r="RQ662" s="613"/>
      <c r="RR662" s="613"/>
      <c r="RS662" s="613"/>
      <c r="RT662" s="613"/>
      <c r="RU662" s="613"/>
      <c r="RV662" s="613"/>
      <c r="RW662" s="613"/>
      <c r="RX662" s="613"/>
      <c r="RY662" s="613"/>
      <c r="RZ662" s="613"/>
      <c r="SA662" s="613"/>
      <c r="SB662" s="613"/>
      <c r="SC662" s="613"/>
      <c r="SD662" s="613"/>
      <c r="SE662" s="613"/>
      <c r="SF662" s="613"/>
      <c r="SG662" s="613"/>
      <c r="SH662" s="613"/>
      <c r="SI662" s="613"/>
      <c r="SJ662" s="613"/>
      <c r="SK662" s="613"/>
      <c r="SL662" s="613"/>
      <c r="SM662" s="613"/>
      <c r="SN662" s="613"/>
      <c r="SO662" s="613"/>
      <c r="SP662" s="613"/>
      <c r="SQ662" s="613"/>
      <c r="SR662" s="613"/>
      <c r="SS662" s="613"/>
      <c r="ST662" s="613"/>
      <c r="SU662" s="613"/>
      <c r="SV662" s="613"/>
      <c r="SW662" s="613"/>
      <c r="SX662" s="613"/>
      <c r="SY662" s="613"/>
      <c r="SZ662" s="613"/>
      <c r="TA662" s="613"/>
      <c r="TB662" s="613"/>
      <c r="TC662" s="613"/>
      <c r="TD662" s="613"/>
      <c r="TE662" s="613"/>
      <c r="TF662" s="613"/>
      <c r="TG662" s="613"/>
      <c r="TH662" s="613"/>
      <c r="TI662" s="613"/>
      <c r="TJ662" s="613"/>
      <c r="TK662" s="613"/>
      <c r="TL662" s="613"/>
      <c r="TM662" s="613"/>
      <c r="TN662" s="613"/>
      <c r="TO662" s="613"/>
      <c r="TP662" s="613"/>
      <c r="TQ662" s="613"/>
      <c r="TR662" s="613"/>
      <c r="TS662" s="613"/>
      <c r="TT662" s="613"/>
      <c r="TU662" s="613"/>
      <c r="TV662" s="613"/>
      <c r="TW662" s="613"/>
      <c r="TX662" s="613"/>
      <c r="TY662" s="613"/>
      <c r="TZ662" s="613"/>
      <c r="UA662" s="613"/>
      <c r="UB662" s="613"/>
      <c r="UC662" s="613"/>
      <c r="UD662" s="613"/>
      <c r="UE662" s="613"/>
      <c r="UF662" s="613"/>
      <c r="UG662" s="613"/>
      <c r="UH662" s="613"/>
      <c r="UI662" s="613"/>
      <c r="UJ662" s="613"/>
      <c r="UK662" s="613"/>
      <c r="UL662" s="613"/>
      <c r="UM662" s="613"/>
      <c r="UN662" s="613"/>
      <c r="UO662" s="613"/>
      <c r="UP662" s="613"/>
      <c r="UQ662" s="613"/>
      <c r="UR662" s="613"/>
      <c r="US662" s="613"/>
      <c r="UT662" s="613"/>
      <c r="UU662" s="613"/>
      <c r="UV662" s="613"/>
      <c r="UW662" s="613"/>
      <c r="UX662" s="613"/>
      <c r="UY662" s="613"/>
      <c r="UZ662" s="613"/>
      <c r="VA662" s="613"/>
      <c r="VB662" s="613"/>
      <c r="VC662" s="613"/>
      <c r="VD662" s="613"/>
      <c r="VE662" s="613"/>
      <c r="VF662" s="613"/>
      <c r="VG662" s="613"/>
      <c r="VH662" s="613"/>
      <c r="VI662" s="613"/>
      <c r="VJ662" s="613"/>
      <c r="VK662" s="613"/>
      <c r="VL662" s="613"/>
      <c r="VM662" s="613"/>
      <c r="VN662" s="613"/>
      <c r="VO662" s="613"/>
      <c r="VP662" s="613"/>
      <c r="VQ662" s="613"/>
      <c r="VR662" s="613"/>
      <c r="VS662" s="613"/>
      <c r="VT662" s="613"/>
      <c r="VU662" s="613"/>
      <c r="VV662" s="613"/>
      <c r="VW662" s="613"/>
      <c r="VX662" s="613"/>
      <c r="VY662" s="613"/>
      <c r="VZ662" s="613"/>
      <c r="WA662" s="613"/>
      <c r="WB662" s="613"/>
      <c r="WC662" s="613"/>
      <c r="WD662" s="613"/>
      <c r="WE662" s="613"/>
      <c r="WF662" s="613"/>
      <c r="WG662" s="613"/>
      <c r="WH662" s="613"/>
      <c r="WI662" s="613"/>
      <c r="WJ662" s="613"/>
      <c r="WK662" s="613"/>
      <c r="WL662" s="613"/>
      <c r="WM662" s="613"/>
      <c r="WN662" s="613"/>
      <c r="WO662" s="613"/>
      <c r="WP662" s="613"/>
      <c r="WQ662" s="613"/>
      <c r="WR662" s="613"/>
      <c r="WS662" s="613"/>
      <c r="WT662" s="613"/>
      <c r="WU662" s="613"/>
      <c r="WV662" s="613"/>
      <c r="WW662" s="613"/>
      <c r="WX662" s="613"/>
      <c r="WY662" s="613"/>
      <c r="WZ662" s="613"/>
      <c r="XA662" s="613"/>
      <c r="XB662" s="613"/>
      <c r="XC662" s="613"/>
      <c r="XD662" s="613"/>
      <c r="XE662" s="613"/>
      <c r="XF662" s="613"/>
      <c r="XG662" s="613"/>
      <c r="XH662" s="613"/>
      <c r="XI662" s="613"/>
      <c r="XJ662" s="613"/>
      <c r="XK662" s="613"/>
      <c r="XL662" s="613"/>
      <c r="XM662" s="613"/>
      <c r="XN662" s="613"/>
      <c r="XO662" s="613"/>
      <c r="XP662" s="613"/>
      <c r="XQ662" s="613"/>
      <c r="XR662" s="613"/>
      <c r="XS662" s="613"/>
      <c r="XT662" s="613"/>
      <c r="XU662" s="613"/>
      <c r="XV662" s="613"/>
      <c r="XW662" s="613"/>
      <c r="XX662" s="613"/>
      <c r="XY662" s="613"/>
      <c r="XZ662" s="613"/>
      <c r="YA662" s="613"/>
      <c r="YB662" s="613"/>
      <c r="YC662" s="613"/>
      <c r="YD662" s="613"/>
      <c r="YE662" s="613"/>
      <c r="YF662" s="613"/>
      <c r="YG662" s="613"/>
      <c r="YH662" s="613"/>
      <c r="YI662" s="613"/>
      <c r="YJ662" s="613"/>
      <c r="YK662" s="613"/>
      <c r="YL662" s="613"/>
      <c r="YM662" s="613"/>
      <c r="YN662" s="613"/>
      <c r="YO662" s="613"/>
      <c r="YP662" s="613"/>
      <c r="YQ662" s="613"/>
      <c r="YR662" s="613"/>
      <c r="YS662" s="613"/>
      <c r="YT662" s="613"/>
      <c r="YU662" s="613"/>
      <c r="YV662" s="613"/>
      <c r="YW662" s="613"/>
      <c r="YX662" s="613"/>
      <c r="YY662" s="613"/>
      <c r="YZ662" s="613"/>
      <c r="ZA662" s="613"/>
      <c r="ZB662" s="613"/>
      <c r="ZC662" s="613"/>
      <c r="ZD662" s="613"/>
      <c r="ZE662" s="613"/>
      <c r="ZF662" s="613"/>
      <c r="ZG662" s="613"/>
      <c r="ZH662" s="613"/>
      <c r="ZI662" s="613"/>
      <c r="ZJ662" s="613"/>
      <c r="ZK662" s="613"/>
      <c r="ZL662" s="613"/>
      <c r="ZM662" s="613"/>
      <c r="ZN662" s="613"/>
      <c r="ZO662" s="613"/>
      <c r="ZP662" s="613"/>
      <c r="ZQ662" s="613"/>
      <c r="ZR662" s="613"/>
      <c r="ZS662" s="613"/>
      <c r="ZT662" s="613"/>
      <c r="ZU662" s="613"/>
      <c r="ZV662" s="613"/>
      <c r="ZW662" s="613"/>
      <c r="ZX662" s="613"/>
      <c r="ZY662" s="613"/>
      <c r="ZZ662" s="613"/>
      <c r="AAA662" s="613"/>
      <c r="AAB662" s="613"/>
      <c r="AAC662" s="613"/>
      <c r="AAD662" s="613"/>
      <c r="AAE662" s="613"/>
      <c r="AAF662" s="613"/>
      <c r="AAG662" s="613"/>
      <c r="AAH662" s="613"/>
      <c r="AAI662" s="613"/>
      <c r="AAJ662" s="613"/>
      <c r="AAK662" s="613"/>
      <c r="AAL662" s="613"/>
      <c r="AAM662" s="613"/>
      <c r="AAN662" s="613"/>
      <c r="AAO662" s="613"/>
      <c r="AAP662" s="613"/>
      <c r="AAQ662" s="613"/>
      <c r="AAR662" s="613"/>
      <c r="AAS662" s="613"/>
      <c r="AAT662" s="613"/>
      <c r="AAU662" s="613"/>
      <c r="AAV662" s="613"/>
      <c r="AAW662" s="613"/>
      <c r="AAX662" s="613"/>
      <c r="AAY662" s="613"/>
      <c r="AAZ662" s="613"/>
      <c r="ABA662" s="613"/>
      <c r="ABB662" s="613"/>
      <c r="ABC662" s="613"/>
      <c r="ABD662" s="613"/>
      <c r="ABE662" s="613"/>
      <c r="ABF662" s="613"/>
      <c r="ABG662" s="613"/>
      <c r="ABH662" s="613"/>
      <c r="ABI662" s="613"/>
      <c r="ABJ662" s="613"/>
      <c r="ABK662" s="613"/>
      <c r="ABL662" s="613"/>
      <c r="ABM662" s="613"/>
      <c r="ABN662" s="613"/>
      <c r="ABO662" s="613"/>
      <c r="ABP662" s="613"/>
      <c r="ABQ662" s="613"/>
      <c r="ABR662" s="613"/>
      <c r="ABS662" s="613"/>
      <c r="ABT662" s="613"/>
      <c r="ABU662" s="613"/>
      <c r="ABV662" s="613"/>
      <c r="ABW662" s="613"/>
      <c r="ABX662" s="613"/>
      <c r="ABY662" s="613"/>
      <c r="ABZ662" s="613"/>
      <c r="ACA662" s="613"/>
      <c r="ACB662" s="613"/>
      <c r="ACC662" s="613"/>
      <c r="ACD662" s="613"/>
      <c r="ACE662" s="613"/>
      <c r="ACF662" s="613"/>
      <c r="ACG662" s="613"/>
      <c r="ACH662" s="613"/>
      <c r="ACI662" s="613"/>
      <c r="ACJ662" s="613"/>
      <c r="ACK662" s="613"/>
      <c r="ACL662" s="613"/>
      <c r="ACM662" s="613"/>
      <c r="ACN662" s="613"/>
      <c r="ACO662" s="613"/>
      <c r="ACP662" s="613"/>
      <c r="ACQ662" s="613"/>
      <c r="ACR662" s="613"/>
      <c r="ACS662" s="613"/>
      <c r="ACT662" s="613"/>
      <c r="ACU662" s="613"/>
      <c r="ACV662" s="613"/>
      <c r="ACW662" s="613"/>
      <c r="ACX662" s="613"/>
      <c r="ACY662" s="613"/>
      <c r="ACZ662" s="613"/>
      <c r="ADA662" s="613"/>
      <c r="ADB662" s="613"/>
      <c r="ADC662" s="613"/>
      <c r="ADD662" s="613"/>
      <c r="ADE662" s="613"/>
      <c r="ADF662" s="613"/>
      <c r="ADG662" s="613"/>
      <c r="ADH662" s="613"/>
      <c r="ADI662" s="613"/>
      <c r="ADJ662" s="613"/>
      <c r="ADK662" s="613"/>
      <c r="ADL662" s="613"/>
      <c r="ADM662" s="613"/>
      <c r="ADN662" s="613"/>
      <c r="ADO662" s="613"/>
      <c r="ADP662" s="613"/>
      <c r="ADQ662" s="613"/>
      <c r="ADR662" s="613"/>
      <c r="ADS662" s="613"/>
      <c r="ADT662" s="613"/>
      <c r="ADU662" s="613"/>
      <c r="ADV662" s="613"/>
      <c r="ADW662" s="613"/>
      <c r="ADX662" s="613"/>
      <c r="ADY662" s="613"/>
      <c r="ADZ662" s="613"/>
      <c r="AEA662" s="613"/>
      <c r="AEB662" s="613"/>
      <c r="AEC662" s="613"/>
      <c r="AED662" s="613"/>
      <c r="AEE662" s="613"/>
      <c r="AEF662" s="613"/>
      <c r="AEG662" s="613"/>
      <c r="AEH662" s="613"/>
      <c r="AEI662" s="613"/>
      <c r="AEJ662" s="613"/>
      <c r="AEK662" s="613"/>
      <c r="AEL662" s="613"/>
      <c r="AEM662" s="613"/>
      <c r="AEN662" s="613"/>
      <c r="AEO662" s="613"/>
      <c r="AEP662" s="613"/>
      <c r="AEQ662" s="613"/>
      <c r="AER662" s="613"/>
      <c r="AES662" s="613"/>
      <c r="AET662" s="613"/>
      <c r="AEU662" s="613"/>
      <c r="AEV662" s="613"/>
      <c r="AEW662" s="613"/>
      <c r="AEX662" s="613"/>
      <c r="AEY662" s="613"/>
      <c r="AEZ662" s="613"/>
      <c r="AFA662" s="613"/>
      <c r="AFB662" s="613"/>
      <c r="AFC662" s="613"/>
      <c r="AFD662" s="613"/>
      <c r="AFE662" s="613"/>
      <c r="AFF662" s="613"/>
      <c r="AFG662" s="613"/>
      <c r="AFH662" s="613"/>
      <c r="AFI662" s="613"/>
      <c r="AFJ662" s="613"/>
      <c r="AFK662" s="613"/>
      <c r="AFL662" s="613"/>
      <c r="AFM662" s="613"/>
      <c r="AFN662" s="613"/>
      <c r="AFO662" s="613"/>
      <c r="AFP662" s="613"/>
      <c r="AFQ662" s="613"/>
      <c r="AFR662" s="613"/>
      <c r="AFS662" s="613"/>
      <c r="AFT662" s="613"/>
      <c r="AFU662" s="613"/>
      <c r="AFV662" s="613"/>
      <c r="AFW662" s="613"/>
      <c r="AFX662" s="613"/>
      <c r="AFY662" s="613"/>
      <c r="AFZ662" s="613"/>
      <c r="AGA662" s="613"/>
      <c r="AGB662" s="613"/>
      <c r="AGC662" s="613"/>
      <c r="AGD662" s="613"/>
      <c r="AGE662" s="613"/>
      <c r="AGF662" s="613"/>
      <c r="AGG662" s="613"/>
      <c r="AGH662" s="613"/>
      <c r="AGI662" s="613"/>
      <c r="AGJ662" s="613"/>
      <c r="AGK662" s="613"/>
      <c r="AGL662" s="613"/>
      <c r="AGM662" s="613"/>
      <c r="AGN662" s="613"/>
      <c r="AGO662" s="613"/>
      <c r="AGP662" s="613"/>
      <c r="AGQ662" s="613"/>
      <c r="AGR662" s="613"/>
      <c r="AGS662" s="613"/>
      <c r="AGT662" s="613"/>
      <c r="AGU662" s="613"/>
      <c r="AGV662" s="613"/>
      <c r="AGW662" s="613"/>
      <c r="AGX662" s="613"/>
      <c r="AGY662" s="613"/>
      <c r="AGZ662" s="613"/>
      <c r="AHA662" s="613"/>
      <c r="AHB662" s="613"/>
      <c r="AHC662" s="613"/>
      <c r="AHD662" s="613"/>
      <c r="AHE662" s="613"/>
      <c r="AHF662" s="613"/>
      <c r="AHG662" s="613"/>
      <c r="AHH662" s="613"/>
      <c r="AHI662" s="613"/>
      <c r="AHJ662" s="613"/>
      <c r="AHK662" s="613"/>
      <c r="AHL662" s="613"/>
      <c r="AHM662" s="613"/>
      <c r="AHN662" s="613"/>
      <c r="AHO662" s="613"/>
      <c r="AHP662" s="613"/>
      <c r="AHQ662" s="613"/>
      <c r="AHR662" s="613"/>
      <c r="AHS662" s="613"/>
      <c r="AHT662" s="613"/>
      <c r="AHU662" s="613"/>
      <c r="AHV662" s="613"/>
      <c r="AHW662" s="613"/>
      <c r="AHX662" s="613"/>
      <c r="AHY662" s="613"/>
      <c r="AHZ662" s="613"/>
      <c r="AIA662" s="613"/>
      <c r="AIB662" s="613"/>
      <c r="AIC662" s="613"/>
      <c r="AID662" s="613"/>
      <c r="AIE662" s="613"/>
      <c r="AIF662" s="613"/>
      <c r="AIG662" s="613"/>
      <c r="AIH662" s="613"/>
      <c r="AII662" s="613"/>
      <c r="AIJ662" s="613"/>
      <c r="AIK662" s="613"/>
      <c r="AIL662" s="613"/>
      <c r="AIM662" s="613"/>
      <c r="AIN662" s="613"/>
      <c r="AIO662" s="613"/>
      <c r="AIP662" s="613"/>
      <c r="AIQ662" s="613"/>
      <c r="AIR662" s="613"/>
      <c r="AIS662" s="613"/>
      <c r="AIT662" s="613"/>
      <c r="AIU662" s="613"/>
      <c r="AIV662" s="613"/>
      <c r="AIW662" s="613"/>
      <c r="AIX662" s="613"/>
      <c r="AIY662" s="613"/>
      <c r="AIZ662" s="613"/>
      <c r="AJA662" s="613"/>
      <c r="AJB662" s="613"/>
      <c r="AJC662" s="613"/>
      <c r="AJD662" s="613"/>
      <c r="AJE662" s="613"/>
      <c r="AJF662" s="613"/>
      <c r="AJG662" s="613"/>
      <c r="AJH662" s="613"/>
      <c r="AJI662" s="613"/>
      <c r="AJJ662" s="613"/>
      <c r="AJK662" s="613"/>
      <c r="AJL662" s="613"/>
      <c r="AJM662" s="613"/>
      <c r="AJN662" s="613"/>
      <c r="AJO662" s="613"/>
      <c r="AJP662" s="613"/>
      <c r="AJQ662" s="613"/>
      <c r="AJR662" s="613"/>
      <c r="AJS662" s="613"/>
      <c r="AJT662" s="613"/>
      <c r="AJU662" s="613"/>
      <c r="AJV662" s="613"/>
      <c r="AJW662" s="613"/>
      <c r="AJX662" s="613"/>
      <c r="AJY662" s="613"/>
      <c r="AJZ662" s="613"/>
      <c r="AKA662" s="613"/>
      <c r="AKB662" s="613"/>
      <c r="AKC662" s="613"/>
      <c r="AKD662" s="613"/>
      <c r="AKE662" s="613"/>
      <c r="AKF662" s="613"/>
      <c r="AKG662" s="613"/>
      <c r="AKH662" s="613"/>
      <c r="AKI662" s="613"/>
      <c r="AKJ662" s="613"/>
      <c r="AKK662" s="613"/>
      <c r="AKL662" s="613"/>
      <c r="AKM662" s="613"/>
      <c r="AKN662" s="613"/>
      <c r="AKO662" s="613"/>
      <c r="AKP662" s="613"/>
      <c r="AKQ662" s="613"/>
      <c r="AKR662" s="613"/>
      <c r="AKS662" s="613"/>
      <c r="AKT662" s="613"/>
      <c r="AKU662" s="613"/>
      <c r="AKV662" s="613"/>
      <c r="AKW662" s="613"/>
      <c r="AKX662" s="613"/>
      <c r="AKY662" s="613"/>
      <c r="AKZ662" s="613"/>
      <c r="ALA662" s="613"/>
      <c r="ALB662" s="613"/>
      <c r="ALC662" s="613"/>
      <c r="ALD662" s="613"/>
      <c r="ALE662" s="613"/>
      <c r="ALF662" s="613"/>
      <c r="ALG662" s="613"/>
      <c r="ALH662" s="613"/>
      <c r="ALI662" s="613"/>
      <c r="ALJ662" s="613"/>
      <c r="ALK662" s="613"/>
      <c r="ALL662" s="613"/>
      <c r="ALM662" s="613"/>
      <c r="ALN662" s="613"/>
      <c r="ALO662" s="613"/>
      <c r="ALP662" s="613"/>
      <c r="ALQ662" s="613"/>
      <c r="ALR662" s="613"/>
      <c r="ALS662" s="613"/>
      <c r="ALT662" s="613"/>
      <c r="ALU662" s="613"/>
      <c r="ALV662" s="613"/>
      <c r="ALW662" s="613"/>
      <c r="ALX662" s="613"/>
      <c r="ALY662" s="613"/>
      <c r="ALZ662" s="613"/>
      <c r="AMA662" s="613"/>
      <c r="AMB662" s="613"/>
      <c r="AMC662" s="613"/>
      <c r="AMD662" s="613"/>
      <c r="AME662" s="613"/>
      <c r="AMF662" s="613"/>
      <c r="AMG662" s="613"/>
      <c r="AMH662" s="613"/>
      <c r="AMI662" s="613"/>
      <c r="AMJ662" s="613"/>
      <c r="AMK662" s="613"/>
      <c r="AML662" s="613"/>
      <c r="AMM662" s="613"/>
      <c r="AMN662" s="613"/>
      <c r="AMO662" s="613"/>
      <c r="AMP662" s="613"/>
      <c r="AMQ662" s="613"/>
      <c r="AMR662" s="613"/>
      <c r="AMS662" s="613"/>
      <c r="AMT662" s="613"/>
      <c r="AMU662" s="613"/>
      <c r="AMV662" s="613"/>
      <c r="AMW662" s="613"/>
      <c r="AMX662" s="613"/>
      <c r="AMY662" s="613"/>
      <c r="AMZ662" s="613"/>
      <c r="ANA662" s="613"/>
      <c r="ANB662" s="613"/>
      <c r="ANC662" s="613"/>
      <c r="AND662" s="613"/>
      <c r="ANE662" s="613"/>
      <c r="ANF662" s="613"/>
      <c r="ANG662" s="613"/>
      <c r="ANH662" s="613"/>
      <c r="ANI662" s="613"/>
      <c r="ANJ662" s="613"/>
      <c r="ANK662" s="613"/>
      <c r="ANL662" s="613"/>
      <c r="ANM662" s="613"/>
      <c r="ANN662" s="613"/>
      <c r="ANO662" s="613"/>
      <c r="ANP662" s="613"/>
      <c r="ANQ662" s="613"/>
      <c r="ANR662" s="613"/>
      <c r="ANS662" s="613"/>
      <c r="ANT662" s="613"/>
      <c r="ANU662" s="613"/>
      <c r="ANV662" s="613"/>
      <c r="ANW662" s="613"/>
      <c r="ANX662" s="613"/>
      <c r="ANY662" s="613"/>
      <c r="ANZ662" s="613"/>
      <c r="AOA662" s="613"/>
      <c r="AOB662" s="613"/>
      <c r="AOC662" s="613"/>
      <c r="AOD662" s="613"/>
      <c r="AOE662" s="613"/>
      <c r="AOF662" s="613"/>
      <c r="AOG662" s="613"/>
      <c r="AOH662" s="613"/>
      <c r="AOI662" s="613"/>
      <c r="AOJ662" s="613"/>
      <c r="AOK662" s="613"/>
      <c r="AOL662" s="613"/>
      <c r="AOM662" s="613"/>
      <c r="AON662" s="613"/>
      <c r="AOO662" s="613"/>
      <c r="AOP662" s="613"/>
      <c r="AOQ662" s="613"/>
      <c r="AOR662" s="613"/>
      <c r="AOS662" s="613"/>
      <c r="AOT662" s="613"/>
      <c r="AOU662" s="613"/>
      <c r="AOV662" s="613"/>
      <c r="AOW662" s="613"/>
      <c r="AOX662" s="613"/>
      <c r="AOY662" s="613"/>
      <c r="AOZ662" s="613"/>
      <c r="APA662" s="613"/>
      <c r="APB662" s="613"/>
      <c r="APC662" s="613"/>
      <c r="APD662" s="613"/>
      <c r="APE662" s="613"/>
      <c r="APF662" s="613"/>
      <c r="APG662" s="613"/>
      <c r="APH662" s="613"/>
      <c r="API662" s="613"/>
      <c r="APJ662" s="613"/>
      <c r="APK662" s="613"/>
      <c r="APL662" s="613"/>
      <c r="APM662" s="613"/>
      <c r="APN662" s="613"/>
      <c r="APO662" s="613"/>
      <c r="APP662" s="613"/>
      <c r="APQ662" s="613"/>
      <c r="APR662" s="613"/>
      <c r="APS662" s="613"/>
      <c r="APT662" s="613"/>
      <c r="APU662" s="613"/>
      <c r="APV662" s="613"/>
      <c r="APW662" s="613"/>
      <c r="APX662" s="613"/>
      <c r="APY662" s="613"/>
      <c r="APZ662" s="613"/>
      <c r="AQA662" s="613"/>
      <c r="AQB662" s="613"/>
      <c r="AQC662" s="613"/>
      <c r="AQD662" s="613"/>
      <c r="AQE662" s="613"/>
      <c r="AQF662" s="613"/>
      <c r="AQG662" s="613"/>
      <c r="AQH662" s="613"/>
      <c r="AQI662" s="613"/>
      <c r="AQJ662" s="613"/>
      <c r="AQK662" s="613"/>
      <c r="AQL662" s="613"/>
      <c r="AQM662" s="613"/>
      <c r="AQN662" s="613"/>
      <c r="AQO662" s="613"/>
      <c r="AQP662" s="613"/>
      <c r="AQQ662" s="613"/>
      <c r="AQR662" s="613"/>
      <c r="AQS662" s="613"/>
      <c r="AQT662" s="613"/>
      <c r="AQU662" s="613"/>
      <c r="AQV662" s="613"/>
      <c r="AQW662" s="613"/>
      <c r="AQX662" s="613"/>
      <c r="AQY662" s="613"/>
      <c r="AQZ662" s="613"/>
      <c r="ARA662" s="613"/>
      <c r="ARB662" s="613"/>
      <c r="ARC662" s="613"/>
      <c r="ARD662" s="613"/>
      <c r="ARE662" s="613"/>
      <c r="ARF662" s="613"/>
      <c r="ARG662" s="613"/>
      <c r="ARH662" s="613"/>
      <c r="ARI662" s="613"/>
      <c r="ARJ662" s="613"/>
      <c r="ARK662" s="613"/>
      <c r="ARL662" s="613"/>
      <c r="ARM662" s="613"/>
      <c r="ARN662" s="613"/>
      <c r="ARO662" s="613"/>
      <c r="ARP662" s="613"/>
      <c r="ARQ662" s="613"/>
      <c r="ARR662" s="613"/>
      <c r="ARS662" s="613"/>
      <c r="ART662" s="613"/>
      <c r="ARU662" s="613"/>
      <c r="ARV662" s="613"/>
      <c r="ARW662" s="613"/>
      <c r="ARX662" s="613"/>
      <c r="ARY662" s="613"/>
      <c r="ARZ662" s="613"/>
      <c r="ASA662" s="613"/>
      <c r="ASB662" s="613"/>
      <c r="ASC662" s="613"/>
      <c r="ASD662" s="613"/>
      <c r="ASE662" s="613"/>
      <c r="ASF662" s="613"/>
      <c r="ASG662" s="613"/>
      <c r="ASH662" s="613"/>
      <c r="ASI662" s="613"/>
      <c r="ASJ662" s="613"/>
      <c r="ASK662" s="613"/>
      <c r="ASL662" s="613"/>
      <c r="ASM662" s="613"/>
      <c r="ASN662" s="613"/>
      <c r="ASO662" s="613"/>
      <c r="ASP662" s="613"/>
      <c r="ASQ662" s="613"/>
      <c r="ASR662" s="613"/>
      <c r="ASS662" s="613"/>
      <c r="AST662" s="613"/>
      <c r="ASU662" s="613"/>
      <c r="ASV662" s="613"/>
      <c r="ASW662" s="613"/>
      <c r="ASX662" s="613"/>
      <c r="ASY662" s="613"/>
      <c r="ASZ662" s="613"/>
      <c r="ATA662" s="613"/>
      <c r="ATB662" s="613"/>
      <c r="ATC662" s="613"/>
      <c r="ATD662" s="613"/>
      <c r="ATE662" s="613"/>
      <c r="ATF662" s="613"/>
      <c r="ATG662" s="613"/>
      <c r="ATH662" s="613"/>
      <c r="ATI662" s="613"/>
      <c r="ATJ662" s="613"/>
      <c r="ATK662" s="613"/>
      <c r="ATL662" s="613"/>
      <c r="ATM662" s="613"/>
      <c r="ATN662" s="613"/>
      <c r="ATO662" s="613"/>
      <c r="ATP662" s="613"/>
      <c r="ATQ662" s="613"/>
      <c r="ATR662" s="613"/>
      <c r="ATS662" s="613"/>
      <c r="ATT662" s="613"/>
      <c r="ATU662" s="613"/>
      <c r="ATV662" s="613"/>
      <c r="ATW662" s="613"/>
      <c r="ATX662" s="613"/>
      <c r="ATY662" s="613"/>
      <c r="ATZ662" s="613"/>
      <c r="AUA662" s="613"/>
      <c r="AUB662" s="613"/>
      <c r="AUC662" s="613"/>
      <c r="AUD662" s="613"/>
      <c r="AUE662" s="613"/>
      <c r="AUF662" s="613"/>
      <c r="AUG662" s="613"/>
      <c r="AUH662" s="613"/>
      <c r="AUI662" s="613"/>
      <c r="AUJ662" s="613"/>
      <c r="AUK662" s="613"/>
      <c r="AUL662" s="613"/>
      <c r="AUM662" s="613"/>
      <c r="AUN662" s="613"/>
      <c r="AUO662" s="613"/>
      <c r="AUP662" s="613"/>
      <c r="AUQ662" s="613"/>
      <c r="AUR662" s="613"/>
      <c r="AUS662" s="613"/>
      <c r="AUT662" s="613"/>
      <c r="AUU662" s="613"/>
      <c r="AUV662" s="613"/>
      <c r="AUW662" s="613"/>
      <c r="AUX662" s="613"/>
      <c r="AUY662" s="613"/>
      <c r="AUZ662" s="613"/>
      <c r="AVA662" s="613"/>
      <c r="AVB662" s="613"/>
      <c r="AVC662" s="613"/>
      <c r="AVD662" s="613"/>
      <c r="AVE662" s="613"/>
      <c r="AVF662" s="613"/>
      <c r="AVG662" s="613"/>
      <c r="AVH662" s="613"/>
      <c r="AVI662" s="613"/>
      <c r="AVJ662" s="613"/>
      <c r="AVK662" s="613"/>
      <c r="AVL662" s="613"/>
      <c r="AVM662" s="613"/>
      <c r="AVN662" s="613"/>
      <c r="AVO662" s="613"/>
      <c r="AVP662" s="613"/>
      <c r="AVQ662" s="613"/>
      <c r="AVR662" s="613"/>
      <c r="AVS662" s="613"/>
      <c r="AVT662" s="613"/>
      <c r="AVU662" s="613"/>
      <c r="AVV662" s="613"/>
      <c r="AVW662" s="613"/>
      <c r="AVX662" s="613"/>
      <c r="AVY662" s="613"/>
      <c r="AVZ662" s="613"/>
      <c r="AWA662" s="613"/>
      <c r="AWB662" s="613"/>
      <c r="AWC662" s="613"/>
      <c r="AWD662" s="613"/>
      <c r="AWE662" s="613"/>
      <c r="AWF662" s="613"/>
      <c r="AWG662" s="613"/>
      <c r="AWH662" s="613"/>
      <c r="AWI662" s="613"/>
      <c r="AWJ662" s="613"/>
      <c r="AWK662" s="613"/>
      <c r="AWL662" s="613"/>
      <c r="AWM662" s="613"/>
      <c r="AWN662" s="613"/>
      <c r="AWO662" s="613"/>
      <c r="AWP662" s="613"/>
      <c r="AWQ662" s="613"/>
      <c r="AWR662" s="613"/>
      <c r="AWS662" s="613"/>
      <c r="AWT662" s="613"/>
      <c r="AWU662" s="613"/>
      <c r="AWV662" s="613"/>
      <c r="AWW662" s="613"/>
      <c r="AWX662" s="613"/>
      <c r="AWY662" s="613"/>
      <c r="AWZ662" s="613"/>
      <c r="AXA662" s="613"/>
      <c r="AXB662" s="613"/>
      <c r="AXC662" s="613"/>
      <c r="AXD662" s="613"/>
      <c r="AXE662" s="613"/>
      <c r="AXF662" s="613"/>
      <c r="AXG662" s="613"/>
      <c r="AXH662" s="613"/>
      <c r="AXI662" s="613"/>
      <c r="AXJ662" s="613"/>
      <c r="AXK662" s="613"/>
      <c r="AXL662" s="613"/>
      <c r="AXM662" s="613"/>
      <c r="AXN662" s="613"/>
      <c r="AXO662" s="613"/>
      <c r="AXP662" s="613"/>
      <c r="AXQ662" s="613"/>
      <c r="AXR662" s="613"/>
      <c r="AXS662" s="613"/>
      <c r="AXT662" s="613"/>
      <c r="AXU662" s="613"/>
      <c r="AXV662" s="613"/>
      <c r="AXW662" s="613"/>
      <c r="AXX662" s="613"/>
      <c r="AXY662" s="613"/>
      <c r="AXZ662" s="613"/>
      <c r="AYA662" s="613"/>
      <c r="AYB662" s="613"/>
      <c r="AYC662" s="613"/>
      <c r="AYD662" s="613"/>
      <c r="AYE662" s="613"/>
      <c r="AYF662" s="613"/>
      <c r="AYG662" s="613"/>
      <c r="AYH662" s="613"/>
      <c r="AYI662" s="613"/>
      <c r="AYJ662" s="613"/>
      <c r="AYK662" s="613"/>
      <c r="AYL662" s="613"/>
      <c r="AYM662" s="613"/>
      <c r="AYN662" s="613"/>
      <c r="AYO662" s="613"/>
      <c r="AYP662" s="613"/>
      <c r="AYQ662" s="613"/>
      <c r="AYR662" s="613"/>
      <c r="AYS662" s="613"/>
      <c r="AYT662" s="613"/>
      <c r="AYU662" s="613"/>
      <c r="AYV662" s="613"/>
      <c r="AYW662" s="613"/>
      <c r="AYX662" s="613"/>
      <c r="AYY662" s="613"/>
      <c r="AYZ662" s="613"/>
      <c r="AZA662" s="613"/>
      <c r="AZB662" s="613"/>
      <c r="AZC662" s="613"/>
      <c r="AZD662" s="613"/>
      <c r="AZE662" s="613"/>
      <c r="AZF662" s="613"/>
      <c r="AZG662" s="613"/>
      <c r="AZH662" s="613"/>
      <c r="AZI662" s="613"/>
      <c r="AZJ662" s="613"/>
      <c r="AZK662" s="613"/>
      <c r="AZL662" s="613"/>
      <c r="AZM662" s="613"/>
      <c r="AZN662" s="613"/>
      <c r="AZO662" s="613"/>
      <c r="AZP662" s="613"/>
      <c r="AZQ662" s="613"/>
      <c r="AZR662" s="613"/>
      <c r="AZS662" s="613"/>
      <c r="AZT662" s="613"/>
      <c r="AZU662" s="613"/>
      <c r="AZV662" s="613"/>
      <c r="AZW662" s="613"/>
      <c r="AZX662" s="613"/>
      <c r="AZY662" s="613"/>
      <c r="AZZ662" s="613"/>
      <c r="BAA662" s="613"/>
      <c r="BAB662" s="613"/>
      <c r="BAC662" s="613"/>
      <c r="BAD662" s="613"/>
      <c r="BAE662" s="613"/>
      <c r="BAF662" s="613"/>
      <c r="BAG662" s="613"/>
      <c r="BAH662" s="613"/>
      <c r="BAI662" s="613"/>
      <c r="BAJ662" s="613"/>
      <c r="BAK662" s="613"/>
      <c r="BAL662" s="613"/>
      <c r="BAM662" s="613"/>
      <c r="BAN662" s="613"/>
      <c r="BAO662" s="613"/>
      <c r="BAP662" s="613"/>
      <c r="BAQ662" s="613"/>
      <c r="BAR662" s="613"/>
      <c r="BAS662" s="613"/>
      <c r="BAT662" s="613"/>
      <c r="BAU662" s="613"/>
      <c r="BAV662" s="613"/>
      <c r="BAW662" s="613"/>
      <c r="BAX662" s="613"/>
      <c r="BAY662" s="613"/>
      <c r="BAZ662" s="613"/>
      <c r="BBA662" s="613"/>
      <c r="BBB662" s="613"/>
      <c r="BBC662" s="613"/>
      <c r="BBD662" s="613"/>
      <c r="BBE662" s="613"/>
      <c r="BBF662" s="613"/>
      <c r="BBG662" s="613"/>
      <c r="BBH662" s="613"/>
      <c r="BBI662" s="613"/>
      <c r="BBJ662" s="613"/>
      <c r="BBK662" s="613"/>
      <c r="BBL662" s="613"/>
      <c r="BBM662" s="613"/>
      <c r="BBN662" s="613"/>
      <c r="BBO662" s="613"/>
      <c r="BBP662" s="613"/>
      <c r="BBQ662" s="613"/>
      <c r="BBR662" s="613"/>
      <c r="BBS662" s="613"/>
      <c r="BBT662" s="613"/>
      <c r="BBU662" s="613"/>
      <c r="BBV662" s="613"/>
      <c r="BBW662" s="613"/>
      <c r="BBX662" s="613"/>
      <c r="BBY662" s="613"/>
      <c r="BBZ662" s="613"/>
      <c r="BCA662" s="613"/>
      <c r="BCB662" s="613"/>
      <c r="BCC662" s="613"/>
      <c r="BCD662" s="613"/>
      <c r="BCE662" s="613"/>
      <c r="BCF662" s="613"/>
      <c r="BCG662" s="613"/>
      <c r="BCH662" s="613"/>
      <c r="BCI662" s="613"/>
      <c r="BCJ662" s="613"/>
      <c r="BCK662" s="613"/>
      <c r="BCL662" s="613"/>
      <c r="BCM662" s="613"/>
      <c r="BCN662" s="613"/>
      <c r="BCO662" s="613"/>
      <c r="BCP662" s="613"/>
      <c r="BCQ662" s="613"/>
      <c r="BCR662" s="613"/>
      <c r="BCS662" s="613"/>
      <c r="BCT662" s="613"/>
      <c r="BCU662" s="613"/>
      <c r="BCV662" s="613"/>
      <c r="BCW662" s="613"/>
      <c r="BCX662" s="613"/>
      <c r="BCY662" s="613"/>
      <c r="BCZ662" s="613"/>
      <c r="BDA662" s="613"/>
      <c r="BDB662" s="613"/>
      <c r="BDC662" s="613"/>
      <c r="BDD662" s="613"/>
      <c r="BDE662" s="613"/>
      <c r="BDF662" s="613"/>
      <c r="BDG662" s="613"/>
      <c r="BDH662" s="613"/>
      <c r="BDI662" s="613"/>
      <c r="BDJ662" s="613"/>
      <c r="BDK662" s="613"/>
      <c r="BDL662" s="613"/>
      <c r="BDM662" s="613"/>
      <c r="BDN662" s="613"/>
      <c r="BDO662" s="613"/>
      <c r="BDP662" s="613"/>
      <c r="BDQ662" s="613"/>
      <c r="BDR662" s="613"/>
      <c r="BDS662" s="613"/>
      <c r="BDT662" s="613"/>
      <c r="BDU662" s="613"/>
      <c r="BDV662" s="613"/>
      <c r="BDW662" s="613"/>
      <c r="BDX662" s="613"/>
      <c r="BDY662" s="613"/>
      <c r="BDZ662" s="613"/>
      <c r="BEA662" s="613"/>
      <c r="BEB662" s="613"/>
      <c r="BEC662" s="613"/>
      <c r="BED662" s="613"/>
      <c r="BEE662" s="613"/>
      <c r="BEF662" s="613"/>
      <c r="BEG662" s="613"/>
      <c r="BEH662" s="613"/>
      <c r="BEI662" s="613"/>
      <c r="BEJ662" s="613"/>
      <c r="BEK662" s="613"/>
      <c r="BEL662" s="613"/>
      <c r="BEM662" s="613"/>
      <c r="BEN662" s="613"/>
      <c r="BEO662" s="613"/>
      <c r="BEP662" s="613"/>
      <c r="BEQ662" s="613"/>
      <c r="BER662" s="613"/>
      <c r="BES662" s="613"/>
      <c r="BET662" s="613"/>
      <c r="BEU662" s="613"/>
      <c r="BEV662" s="613"/>
      <c r="BEW662" s="613"/>
      <c r="BEX662" s="613"/>
      <c r="BEY662" s="613"/>
      <c r="BEZ662" s="613"/>
      <c r="BFA662" s="613"/>
      <c r="BFB662" s="613"/>
      <c r="BFC662" s="613"/>
      <c r="BFD662" s="613"/>
      <c r="BFE662" s="613"/>
      <c r="BFF662" s="613"/>
      <c r="BFG662" s="613"/>
      <c r="BFH662" s="613"/>
      <c r="BFI662" s="613"/>
      <c r="BFJ662" s="613"/>
      <c r="BFK662" s="613"/>
      <c r="BFL662" s="613"/>
      <c r="BFM662" s="613"/>
      <c r="BFN662" s="613"/>
      <c r="BFO662" s="613"/>
      <c r="BFP662" s="613"/>
      <c r="BFQ662" s="613"/>
      <c r="BFR662" s="613"/>
      <c r="BFS662" s="613"/>
      <c r="BFT662" s="613"/>
      <c r="BFU662" s="613"/>
      <c r="BFV662" s="613"/>
      <c r="BFW662" s="613"/>
      <c r="BFX662" s="613"/>
      <c r="BFY662" s="613"/>
      <c r="BFZ662" s="613"/>
      <c r="BGA662" s="613"/>
      <c r="BGB662" s="613"/>
      <c r="BGC662" s="613"/>
      <c r="BGD662" s="613"/>
      <c r="BGE662" s="613"/>
      <c r="BGF662" s="613"/>
      <c r="BGG662" s="613"/>
      <c r="BGH662" s="613"/>
      <c r="BGI662" s="613"/>
      <c r="BGJ662" s="613"/>
      <c r="BGK662" s="613"/>
      <c r="BGL662" s="613"/>
      <c r="BGM662" s="613"/>
      <c r="BGN662" s="613"/>
      <c r="BGO662" s="613"/>
      <c r="BGP662" s="613"/>
      <c r="BGQ662" s="613"/>
      <c r="BGR662" s="613"/>
      <c r="BGS662" s="613"/>
      <c r="BGT662" s="613"/>
      <c r="BGU662" s="613"/>
      <c r="BGV662" s="613"/>
      <c r="BGW662" s="613"/>
      <c r="BGX662" s="613"/>
      <c r="BGY662" s="613"/>
      <c r="BGZ662" s="613"/>
      <c r="BHA662" s="613"/>
      <c r="BHB662" s="613"/>
      <c r="BHC662" s="613"/>
      <c r="BHD662" s="613"/>
      <c r="BHE662" s="613"/>
      <c r="BHF662" s="613"/>
      <c r="BHG662" s="613"/>
      <c r="BHH662" s="613"/>
      <c r="BHI662" s="613"/>
      <c r="BHJ662" s="613"/>
      <c r="BHK662" s="613"/>
      <c r="BHL662" s="613"/>
      <c r="BHM662" s="613"/>
      <c r="BHN662" s="613"/>
      <c r="BHO662" s="613"/>
      <c r="BHP662" s="613"/>
      <c r="BHQ662" s="613"/>
      <c r="BHR662" s="613"/>
      <c r="BHS662" s="613"/>
      <c r="BHT662" s="613"/>
      <c r="BHU662" s="613"/>
      <c r="BHV662" s="613"/>
      <c r="BHW662" s="613"/>
      <c r="BHX662" s="613"/>
      <c r="BHY662" s="613"/>
      <c r="BHZ662" s="613"/>
      <c r="BIA662" s="613"/>
      <c r="BIB662" s="613"/>
      <c r="BIC662" s="613"/>
      <c r="BID662" s="613"/>
      <c r="BIE662" s="613"/>
      <c r="BIF662" s="613"/>
      <c r="BIG662" s="613"/>
      <c r="BIH662" s="613"/>
      <c r="BII662" s="613"/>
      <c r="BIJ662" s="613"/>
      <c r="BIK662" s="613"/>
      <c r="BIL662" s="613"/>
      <c r="BIM662" s="613"/>
      <c r="BIN662" s="613"/>
      <c r="BIO662" s="613"/>
      <c r="BIP662" s="613"/>
      <c r="BIQ662" s="613"/>
      <c r="BIR662" s="613"/>
      <c r="BIS662" s="613"/>
      <c r="BIT662" s="613"/>
      <c r="BIU662" s="613"/>
      <c r="BIV662" s="613"/>
      <c r="BIW662" s="613"/>
      <c r="BIX662" s="613"/>
      <c r="BIY662" s="613"/>
      <c r="BIZ662" s="613"/>
      <c r="BJA662" s="613"/>
      <c r="BJB662" s="613"/>
      <c r="BJC662" s="613"/>
      <c r="BJD662" s="613"/>
      <c r="BJE662" s="613"/>
      <c r="BJF662" s="613"/>
      <c r="BJG662" s="613"/>
      <c r="BJH662" s="613"/>
      <c r="BJI662" s="613"/>
      <c r="BJJ662" s="613"/>
      <c r="BJK662" s="613"/>
      <c r="BJL662" s="613"/>
      <c r="BJM662" s="613"/>
      <c r="BJN662" s="613"/>
      <c r="BJO662" s="613"/>
      <c r="BJP662" s="613"/>
      <c r="BJQ662" s="613"/>
      <c r="BJR662" s="613"/>
      <c r="BJS662" s="613"/>
      <c r="BJT662" s="613"/>
      <c r="BJU662" s="613"/>
      <c r="BJV662" s="613"/>
      <c r="BJW662" s="613"/>
      <c r="BJX662" s="613"/>
      <c r="BJY662" s="613"/>
      <c r="BJZ662" s="613"/>
      <c r="BKA662" s="613"/>
      <c r="BKB662" s="613"/>
      <c r="BKC662" s="613"/>
      <c r="BKD662" s="613"/>
      <c r="BKE662" s="613"/>
      <c r="BKF662" s="613"/>
      <c r="BKG662" s="613"/>
      <c r="BKH662" s="613"/>
      <c r="BKI662" s="613"/>
      <c r="BKJ662" s="613"/>
      <c r="BKK662" s="613"/>
      <c r="BKL662" s="613"/>
      <c r="BKM662" s="613"/>
      <c r="BKN662" s="613"/>
      <c r="BKO662" s="613"/>
      <c r="BKP662" s="613"/>
      <c r="BKQ662" s="613"/>
      <c r="BKR662" s="613"/>
      <c r="BKS662" s="613"/>
      <c r="BKT662" s="613"/>
      <c r="BKU662" s="613"/>
      <c r="BKV662" s="613"/>
      <c r="BKW662" s="613"/>
      <c r="BKX662" s="613"/>
      <c r="BKY662" s="613"/>
      <c r="BKZ662" s="613"/>
      <c r="BLA662" s="613"/>
      <c r="BLB662" s="613"/>
      <c r="BLC662" s="613"/>
      <c r="BLD662" s="613"/>
      <c r="BLE662" s="613"/>
      <c r="BLF662" s="613"/>
      <c r="BLG662" s="613"/>
      <c r="BLH662" s="613"/>
      <c r="BLI662" s="613"/>
      <c r="BLJ662" s="613"/>
      <c r="BLK662" s="613"/>
      <c r="BLL662" s="613"/>
      <c r="BLM662" s="613"/>
      <c r="BLN662" s="613"/>
      <c r="BLO662" s="613"/>
      <c r="BLP662" s="613"/>
      <c r="BLQ662" s="613"/>
      <c r="BLR662" s="613"/>
      <c r="BLS662" s="613"/>
      <c r="BLT662" s="613"/>
      <c r="BLU662" s="613"/>
      <c r="BLV662" s="613"/>
      <c r="BLW662" s="613"/>
      <c r="BLX662" s="613"/>
      <c r="BLY662" s="613"/>
      <c r="BLZ662" s="613"/>
      <c r="BMA662" s="613"/>
      <c r="BMB662" s="613"/>
      <c r="BMC662" s="613"/>
      <c r="BMD662" s="613"/>
      <c r="BME662" s="613"/>
      <c r="BMF662" s="613"/>
      <c r="BMG662" s="613"/>
      <c r="BMH662" s="613"/>
      <c r="BMI662" s="613"/>
      <c r="BMJ662" s="613"/>
      <c r="BMK662" s="613"/>
      <c r="BML662" s="613"/>
      <c r="BMM662" s="613"/>
      <c r="BMN662" s="613"/>
      <c r="BMO662" s="613"/>
      <c r="BMP662" s="613"/>
      <c r="BMQ662" s="613"/>
      <c r="BMR662" s="613"/>
      <c r="BMS662" s="613"/>
      <c r="BMT662" s="613"/>
      <c r="BMU662" s="613"/>
      <c r="BMV662" s="613"/>
      <c r="BMW662" s="613"/>
      <c r="BMX662" s="613"/>
      <c r="BMY662" s="613"/>
      <c r="BMZ662" s="613"/>
      <c r="BNA662" s="613"/>
      <c r="BNB662" s="613"/>
      <c r="BNC662" s="613"/>
      <c r="BND662" s="613"/>
      <c r="BNE662" s="613"/>
      <c r="BNF662" s="613"/>
      <c r="BNG662" s="613"/>
      <c r="BNH662" s="613"/>
      <c r="BNI662" s="613"/>
      <c r="BNJ662" s="613"/>
      <c r="BNK662" s="613"/>
      <c r="BNL662" s="613"/>
      <c r="BNM662" s="613"/>
      <c r="BNN662" s="613"/>
      <c r="BNO662" s="613"/>
      <c r="BNP662" s="613"/>
      <c r="BNQ662" s="613"/>
      <c r="BNR662" s="613"/>
      <c r="BNS662" s="613"/>
      <c r="BNT662" s="613"/>
      <c r="BNU662" s="613"/>
      <c r="BNV662" s="613"/>
      <c r="BNW662" s="613"/>
      <c r="BNX662" s="613"/>
      <c r="BNY662" s="613"/>
      <c r="BNZ662" s="613"/>
      <c r="BOA662" s="613"/>
      <c r="BOB662" s="613"/>
      <c r="BOC662" s="613"/>
      <c r="BOD662" s="613"/>
      <c r="BOE662" s="613"/>
      <c r="BOF662" s="613"/>
      <c r="BOG662" s="613"/>
      <c r="BOH662" s="613"/>
      <c r="BOI662" s="613"/>
      <c r="BOJ662" s="613"/>
      <c r="BOK662" s="613"/>
      <c r="BOL662" s="613"/>
      <c r="BOM662" s="613"/>
      <c r="BON662" s="613"/>
      <c r="BOO662" s="613"/>
      <c r="BOP662" s="613"/>
      <c r="BOQ662" s="613"/>
      <c r="BOR662" s="613"/>
      <c r="BOS662" s="613"/>
      <c r="BOT662" s="613"/>
      <c r="BOU662" s="613"/>
      <c r="BOV662" s="613"/>
      <c r="BOW662" s="613"/>
      <c r="BOX662" s="613"/>
      <c r="BOY662" s="613"/>
      <c r="BOZ662" s="613"/>
      <c r="BPA662" s="613"/>
      <c r="BPB662" s="613"/>
      <c r="BPC662" s="613"/>
      <c r="BPD662" s="613"/>
      <c r="BPE662" s="613"/>
      <c r="BPF662" s="613"/>
      <c r="BPG662" s="613"/>
      <c r="BPH662" s="613"/>
      <c r="BPI662" s="613"/>
      <c r="BPJ662" s="613"/>
      <c r="BPK662" s="613"/>
      <c r="BPL662" s="613"/>
      <c r="BPM662" s="613"/>
      <c r="BPN662" s="613"/>
      <c r="BPO662" s="613"/>
      <c r="BPP662" s="613"/>
      <c r="BPQ662" s="613"/>
      <c r="BPR662" s="613"/>
      <c r="BPS662" s="613"/>
      <c r="BPT662" s="613"/>
      <c r="BPU662" s="613"/>
      <c r="BPV662" s="613"/>
      <c r="BPW662" s="613"/>
      <c r="BPX662" s="613"/>
      <c r="BPY662" s="613"/>
      <c r="BPZ662" s="613"/>
      <c r="BQA662" s="613"/>
      <c r="BQB662" s="613"/>
      <c r="BQC662" s="613"/>
      <c r="BQD662" s="613"/>
      <c r="BQE662" s="613"/>
      <c r="BQF662" s="613"/>
      <c r="BQG662" s="613"/>
      <c r="BQH662" s="613"/>
      <c r="BQI662" s="613"/>
      <c r="BQJ662" s="613"/>
      <c r="BQK662" s="613"/>
      <c r="BQL662" s="613"/>
      <c r="BQM662" s="613"/>
      <c r="BQN662" s="613"/>
      <c r="BQO662" s="613"/>
      <c r="BQP662" s="613"/>
      <c r="BQQ662" s="613"/>
      <c r="BQR662" s="613"/>
      <c r="BQS662" s="613"/>
      <c r="BQT662" s="613"/>
      <c r="BQU662" s="613"/>
      <c r="BQV662" s="613"/>
      <c r="BQW662" s="613"/>
      <c r="BQX662" s="613"/>
      <c r="BQY662" s="613"/>
      <c r="BQZ662" s="613"/>
      <c r="BRA662" s="613"/>
      <c r="BRB662" s="613"/>
      <c r="BRC662" s="613"/>
      <c r="BRD662" s="613"/>
      <c r="BRE662" s="613"/>
      <c r="BRF662" s="613"/>
      <c r="BRG662" s="613"/>
      <c r="BRH662" s="613"/>
      <c r="BRI662" s="613"/>
      <c r="BRJ662" s="613"/>
      <c r="BRK662" s="613"/>
      <c r="BRL662" s="613"/>
      <c r="BRM662" s="613"/>
      <c r="BRN662" s="613"/>
      <c r="BRO662" s="613"/>
      <c r="BRP662" s="613"/>
      <c r="BRQ662" s="613"/>
      <c r="BRR662" s="613"/>
      <c r="BRS662" s="613"/>
      <c r="BRT662" s="613"/>
      <c r="BRU662" s="613"/>
      <c r="BRV662" s="613"/>
      <c r="BRW662" s="613"/>
      <c r="BRX662" s="613"/>
      <c r="BRY662" s="613"/>
      <c r="BRZ662" s="613"/>
      <c r="BSA662" s="613"/>
      <c r="BSB662" s="613"/>
      <c r="BSC662" s="613"/>
      <c r="BSD662" s="613"/>
      <c r="BSE662" s="613"/>
      <c r="BSF662" s="613"/>
      <c r="BSG662" s="613"/>
      <c r="BSH662" s="613"/>
      <c r="BSI662" s="613"/>
      <c r="BSJ662" s="613"/>
      <c r="BSK662" s="613"/>
      <c r="BSL662" s="613"/>
      <c r="BSM662" s="613"/>
      <c r="BSN662" s="613"/>
      <c r="BSO662" s="613"/>
      <c r="BSP662" s="613"/>
      <c r="BSQ662" s="613"/>
      <c r="BSR662" s="613"/>
      <c r="BSS662" s="613"/>
      <c r="BST662" s="613"/>
      <c r="BSU662" s="613"/>
      <c r="BSV662" s="613"/>
      <c r="BSW662" s="613"/>
      <c r="BSX662" s="613"/>
      <c r="BSY662" s="613"/>
      <c r="BSZ662" s="613"/>
      <c r="BTA662" s="613"/>
      <c r="BTB662" s="613"/>
      <c r="BTC662" s="613"/>
      <c r="BTD662" s="613"/>
      <c r="BTE662" s="613"/>
      <c r="BTF662" s="613"/>
      <c r="BTG662" s="613"/>
      <c r="BTH662" s="613"/>
      <c r="BTI662" s="613"/>
      <c r="BTJ662" s="613"/>
      <c r="BTK662" s="613"/>
      <c r="BTL662" s="613"/>
      <c r="BTM662" s="613"/>
      <c r="BTN662" s="613"/>
      <c r="BTO662" s="613"/>
      <c r="BTP662" s="613"/>
      <c r="BTQ662" s="613"/>
      <c r="BTR662" s="613"/>
      <c r="BTS662" s="613"/>
      <c r="BTT662" s="613"/>
      <c r="BTU662" s="613"/>
      <c r="BTV662" s="613"/>
      <c r="BTW662" s="613"/>
      <c r="BTX662" s="613"/>
      <c r="BTY662" s="613"/>
      <c r="BTZ662" s="613"/>
      <c r="BUA662" s="613"/>
      <c r="BUB662" s="613"/>
      <c r="BUC662" s="613"/>
      <c r="BUD662" s="613"/>
      <c r="BUE662" s="613"/>
      <c r="BUF662" s="613"/>
      <c r="BUG662" s="613"/>
      <c r="BUH662" s="613"/>
      <c r="BUI662" s="613"/>
      <c r="BUJ662" s="613"/>
      <c r="BUK662" s="613"/>
      <c r="BUL662" s="613"/>
      <c r="BUM662" s="613"/>
      <c r="BUN662" s="613"/>
      <c r="BUO662" s="613"/>
      <c r="BUP662" s="613"/>
      <c r="BUQ662" s="613"/>
      <c r="BUR662" s="613"/>
      <c r="BUS662" s="613"/>
      <c r="BUT662" s="613"/>
      <c r="BUU662" s="613"/>
      <c r="BUV662" s="613"/>
      <c r="BUW662" s="613"/>
      <c r="BUX662" s="613"/>
      <c r="BUY662" s="613"/>
      <c r="BUZ662" s="613"/>
      <c r="BVA662" s="613"/>
      <c r="BVB662" s="613"/>
      <c r="BVC662" s="613"/>
      <c r="BVD662" s="613"/>
      <c r="BVE662" s="613"/>
      <c r="BVF662" s="613"/>
      <c r="BVG662" s="613"/>
      <c r="BVH662" s="613"/>
      <c r="BVI662" s="613"/>
      <c r="BVJ662" s="613"/>
      <c r="BVK662" s="613"/>
      <c r="BVL662" s="613"/>
      <c r="BVM662" s="613"/>
      <c r="BVN662" s="613"/>
      <c r="BVO662" s="613"/>
      <c r="BVP662" s="613"/>
      <c r="BVQ662" s="613"/>
      <c r="BVR662" s="613"/>
      <c r="BVS662" s="613"/>
      <c r="BVT662" s="613"/>
      <c r="BVU662" s="613"/>
      <c r="BVV662" s="613"/>
      <c r="BVW662" s="613"/>
      <c r="BVX662" s="613"/>
      <c r="BVY662" s="613"/>
      <c r="BVZ662" s="613"/>
      <c r="BWA662" s="613"/>
      <c r="BWB662" s="613"/>
      <c r="BWC662" s="613"/>
      <c r="BWD662" s="613"/>
      <c r="BWE662" s="613"/>
      <c r="BWF662" s="613"/>
      <c r="BWG662" s="613"/>
      <c r="BWH662" s="613"/>
      <c r="BWI662" s="613"/>
      <c r="BWJ662" s="613"/>
      <c r="BWK662" s="613"/>
      <c r="BWL662" s="613"/>
      <c r="BWM662" s="613"/>
      <c r="BWN662" s="613"/>
      <c r="BWO662" s="613"/>
      <c r="BWP662" s="613"/>
      <c r="BWQ662" s="613"/>
      <c r="BWR662" s="613"/>
      <c r="BWS662" s="613"/>
      <c r="BWT662" s="613"/>
      <c r="BWU662" s="613"/>
      <c r="BWV662" s="613"/>
      <c r="BWW662" s="613"/>
      <c r="BWX662" s="613"/>
      <c r="BWY662" s="613"/>
      <c r="BWZ662" s="613"/>
      <c r="BXA662" s="613"/>
      <c r="BXB662" s="613"/>
      <c r="BXC662" s="613"/>
      <c r="BXD662" s="613"/>
      <c r="BXE662" s="613"/>
      <c r="BXF662" s="613"/>
      <c r="BXG662" s="613"/>
      <c r="BXH662" s="613"/>
      <c r="BXI662" s="613"/>
      <c r="BXJ662" s="613"/>
      <c r="BXK662" s="613"/>
      <c r="BXL662" s="613"/>
      <c r="BXM662" s="613"/>
      <c r="BXN662" s="613"/>
      <c r="BXO662" s="613"/>
      <c r="BXP662" s="613"/>
      <c r="BXQ662" s="613"/>
      <c r="BXR662" s="613"/>
      <c r="BXS662" s="613"/>
      <c r="BXT662" s="613"/>
      <c r="BXU662" s="613"/>
      <c r="BXV662" s="613"/>
      <c r="BXW662" s="613"/>
      <c r="BXX662" s="613"/>
      <c r="BXY662" s="613"/>
      <c r="BXZ662" s="613"/>
      <c r="BYA662" s="613"/>
      <c r="BYB662" s="613"/>
      <c r="BYC662" s="613"/>
      <c r="BYD662" s="613"/>
      <c r="BYE662" s="613"/>
      <c r="BYF662" s="613"/>
      <c r="BYG662" s="613"/>
      <c r="BYH662" s="613"/>
      <c r="BYI662" s="613"/>
      <c r="BYJ662" s="613"/>
      <c r="BYK662" s="613"/>
      <c r="BYL662" s="613"/>
      <c r="BYM662" s="613"/>
      <c r="BYN662" s="613"/>
      <c r="BYO662" s="613"/>
      <c r="BYP662" s="613"/>
      <c r="BYQ662" s="613"/>
      <c r="BYR662" s="613"/>
      <c r="BYS662" s="613"/>
      <c r="BYT662" s="613"/>
      <c r="BYU662" s="613"/>
      <c r="BYV662" s="613"/>
      <c r="BYW662" s="613"/>
      <c r="BYX662" s="613"/>
      <c r="BYY662" s="613"/>
      <c r="BYZ662" s="613"/>
      <c r="BZA662" s="613"/>
      <c r="BZB662" s="613"/>
      <c r="BZC662" s="613"/>
      <c r="BZD662" s="613"/>
      <c r="BZE662" s="613"/>
      <c r="BZF662" s="613"/>
      <c r="BZG662" s="613"/>
      <c r="BZH662" s="613"/>
      <c r="BZI662" s="613"/>
      <c r="BZJ662" s="613"/>
      <c r="BZK662" s="613"/>
      <c r="BZL662" s="613"/>
      <c r="BZM662" s="613"/>
      <c r="BZN662" s="613"/>
      <c r="BZO662" s="613"/>
      <c r="BZP662" s="613"/>
      <c r="BZQ662" s="613"/>
      <c r="BZR662" s="613"/>
      <c r="BZS662" s="613"/>
      <c r="BZT662" s="613"/>
      <c r="BZU662" s="613"/>
      <c r="BZV662" s="613"/>
      <c r="BZW662" s="613"/>
      <c r="BZX662" s="613"/>
      <c r="BZY662" s="613"/>
      <c r="BZZ662" s="613"/>
      <c r="CAA662" s="613"/>
      <c r="CAB662" s="613"/>
      <c r="CAC662" s="613"/>
      <c r="CAD662" s="613"/>
      <c r="CAE662" s="613"/>
      <c r="CAF662" s="613"/>
      <c r="CAG662" s="613"/>
      <c r="CAH662" s="613"/>
      <c r="CAI662" s="613"/>
      <c r="CAJ662" s="613"/>
      <c r="CAK662" s="613"/>
      <c r="CAL662" s="613"/>
      <c r="CAM662" s="613"/>
      <c r="CAN662" s="613"/>
      <c r="CAO662" s="613"/>
      <c r="CAP662" s="613"/>
      <c r="CAQ662" s="613"/>
      <c r="CAR662" s="613"/>
      <c r="CAS662" s="613"/>
      <c r="CAT662" s="613"/>
      <c r="CAU662" s="613"/>
      <c r="CAV662" s="613"/>
      <c r="CAW662" s="613"/>
      <c r="CAX662" s="613"/>
      <c r="CAY662" s="613"/>
      <c r="CAZ662" s="613"/>
      <c r="CBA662" s="613"/>
      <c r="CBB662" s="613"/>
      <c r="CBC662" s="613"/>
      <c r="CBD662" s="613"/>
      <c r="CBE662" s="613"/>
      <c r="CBF662" s="613"/>
      <c r="CBG662" s="613"/>
      <c r="CBH662" s="613"/>
      <c r="CBI662" s="613"/>
      <c r="CBJ662" s="613"/>
      <c r="CBK662" s="613"/>
      <c r="CBL662" s="613"/>
      <c r="CBM662" s="613"/>
      <c r="CBN662" s="613"/>
      <c r="CBO662" s="613"/>
      <c r="CBP662" s="613"/>
      <c r="CBQ662" s="613"/>
      <c r="CBR662" s="613"/>
      <c r="CBS662" s="613"/>
      <c r="CBT662" s="613"/>
      <c r="CBU662" s="613"/>
      <c r="CBV662" s="613"/>
      <c r="CBW662" s="613"/>
      <c r="CBX662" s="613"/>
      <c r="CBY662" s="613"/>
      <c r="CBZ662" s="613"/>
      <c r="CCA662" s="613"/>
      <c r="CCB662" s="613"/>
      <c r="CCC662" s="613"/>
      <c r="CCD662" s="613"/>
      <c r="CCE662" s="613"/>
      <c r="CCF662" s="613"/>
      <c r="CCG662" s="613"/>
      <c r="CCH662" s="613"/>
      <c r="CCI662" s="613"/>
      <c r="CCJ662" s="613"/>
      <c r="CCK662" s="613"/>
      <c r="CCL662" s="613"/>
      <c r="CCM662" s="613"/>
      <c r="CCN662" s="613"/>
      <c r="CCO662" s="613"/>
      <c r="CCP662" s="613"/>
      <c r="CCQ662" s="613"/>
      <c r="CCR662" s="613"/>
      <c r="CCS662" s="613"/>
      <c r="CCT662" s="613"/>
      <c r="CCU662" s="613"/>
      <c r="CCV662" s="613"/>
      <c r="CCW662" s="613"/>
      <c r="CCX662" s="613"/>
      <c r="CCY662" s="613"/>
      <c r="CCZ662" s="613"/>
      <c r="CDA662" s="613"/>
      <c r="CDB662" s="613"/>
      <c r="CDC662" s="613"/>
      <c r="CDD662" s="613"/>
      <c r="CDE662" s="613"/>
      <c r="CDF662" s="613"/>
      <c r="CDG662" s="613"/>
      <c r="CDH662" s="613"/>
      <c r="CDI662" s="613"/>
      <c r="CDJ662" s="613"/>
      <c r="CDK662" s="613"/>
      <c r="CDL662" s="613"/>
      <c r="CDM662" s="613"/>
      <c r="CDN662" s="613"/>
      <c r="CDO662" s="613"/>
      <c r="CDP662" s="613"/>
      <c r="CDQ662" s="613"/>
      <c r="CDR662" s="613"/>
      <c r="CDS662" s="613"/>
      <c r="CDT662" s="613"/>
      <c r="CDU662" s="613"/>
      <c r="CDV662" s="613"/>
      <c r="CDW662" s="613"/>
      <c r="CDX662" s="613"/>
      <c r="CDY662" s="613"/>
      <c r="CDZ662" s="613"/>
      <c r="CEA662" s="613"/>
      <c r="CEB662" s="613"/>
      <c r="CEC662" s="613"/>
      <c r="CED662" s="613"/>
      <c r="CEE662" s="613"/>
      <c r="CEF662" s="613"/>
      <c r="CEG662" s="613"/>
      <c r="CEH662" s="613"/>
      <c r="CEI662" s="613"/>
      <c r="CEJ662" s="613"/>
      <c r="CEK662" s="613"/>
      <c r="CEL662" s="613"/>
      <c r="CEM662" s="613"/>
      <c r="CEN662" s="613"/>
      <c r="CEO662" s="613"/>
      <c r="CEP662" s="613"/>
      <c r="CEQ662" s="613"/>
      <c r="CER662" s="613"/>
      <c r="CES662" s="613"/>
      <c r="CET662" s="613"/>
      <c r="CEU662" s="613"/>
      <c r="CEV662" s="613"/>
      <c r="CEW662" s="613"/>
      <c r="CEX662" s="613"/>
      <c r="CEY662" s="613"/>
      <c r="CEZ662" s="613"/>
      <c r="CFA662" s="613"/>
      <c r="CFB662" s="613"/>
      <c r="CFC662" s="613"/>
      <c r="CFD662" s="613"/>
      <c r="CFE662" s="613"/>
      <c r="CFF662" s="613"/>
      <c r="CFG662" s="613"/>
      <c r="CFH662" s="613"/>
      <c r="CFI662" s="613"/>
      <c r="CFJ662" s="613"/>
      <c r="CFK662" s="613"/>
      <c r="CFL662" s="613"/>
      <c r="CFM662" s="613"/>
      <c r="CFN662" s="613"/>
      <c r="CFO662" s="613"/>
      <c r="CFP662" s="613"/>
      <c r="CFQ662" s="613"/>
      <c r="CFR662" s="613"/>
      <c r="CFS662" s="613"/>
      <c r="CFT662" s="613"/>
      <c r="CFU662" s="613"/>
      <c r="CFV662" s="613"/>
      <c r="CFW662" s="613"/>
      <c r="CFX662" s="613"/>
      <c r="CFY662" s="613"/>
      <c r="CFZ662" s="613"/>
      <c r="CGA662" s="613"/>
      <c r="CGB662" s="613"/>
      <c r="CGC662" s="613"/>
      <c r="CGD662" s="613"/>
      <c r="CGE662" s="613"/>
      <c r="CGF662" s="613"/>
      <c r="CGG662" s="613"/>
      <c r="CGH662" s="613"/>
      <c r="CGI662" s="613"/>
      <c r="CGJ662" s="613"/>
      <c r="CGK662" s="613"/>
      <c r="CGL662" s="613"/>
      <c r="CGM662" s="613"/>
      <c r="CGN662" s="613"/>
      <c r="CGO662" s="613"/>
      <c r="CGP662" s="613"/>
      <c r="CGQ662" s="613"/>
      <c r="CGR662" s="613"/>
      <c r="CGS662" s="613"/>
      <c r="CGT662" s="613"/>
      <c r="CGU662" s="613"/>
      <c r="CGV662" s="613"/>
      <c r="CGW662" s="613"/>
      <c r="CGX662" s="613"/>
      <c r="CGY662" s="613"/>
      <c r="CGZ662" s="613"/>
      <c r="CHA662" s="613"/>
      <c r="CHB662" s="613"/>
      <c r="CHC662" s="613"/>
      <c r="CHD662" s="613"/>
      <c r="CHE662" s="613"/>
      <c r="CHF662" s="613"/>
      <c r="CHG662" s="613"/>
      <c r="CHH662" s="613"/>
      <c r="CHI662" s="613"/>
      <c r="CHJ662" s="613"/>
      <c r="CHK662" s="613"/>
      <c r="CHL662" s="613"/>
      <c r="CHM662" s="613"/>
      <c r="CHN662" s="613"/>
      <c r="CHO662" s="613"/>
      <c r="CHP662" s="613"/>
      <c r="CHQ662" s="613"/>
      <c r="CHR662" s="613"/>
      <c r="CHS662" s="613"/>
      <c r="CHT662" s="613"/>
      <c r="CHU662" s="613"/>
      <c r="CHV662" s="613"/>
      <c r="CHW662" s="613"/>
      <c r="CHX662" s="613"/>
      <c r="CHY662" s="613"/>
      <c r="CHZ662" s="613"/>
      <c r="CIA662" s="613"/>
      <c r="CIB662" s="613"/>
      <c r="CIC662" s="613"/>
      <c r="CID662" s="613"/>
      <c r="CIE662" s="613"/>
      <c r="CIF662" s="613"/>
      <c r="CIG662" s="613"/>
      <c r="CIH662" s="613"/>
      <c r="CII662" s="613"/>
      <c r="CIJ662" s="613"/>
      <c r="CIK662" s="613"/>
      <c r="CIL662" s="613"/>
      <c r="CIM662" s="613"/>
      <c r="CIN662" s="613"/>
      <c r="CIO662" s="613"/>
      <c r="CIP662" s="613"/>
      <c r="CIQ662" s="613"/>
      <c r="CIR662" s="613"/>
      <c r="CIS662" s="613"/>
      <c r="CIT662" s="613"/>
      <c r="CIU662" s="613"/>
      <c r="CIV662" s="613"/>
      <c r="CIW662" s="613"/>
      <c r="CIX662" s="613"/>
      <c r="CIY662" s="613"/>
      <c r="CIZ662" s="613"/>
      <c r="CJA662" s="613"/>
      <c r="CJB662" s="613"/>
      <c r="CJC662" s="613"/>
      <c r="CJD662" s="613"/>
      <c r="CJE662" s="613"/>
      <c r="CJF662" s="613"/>
      <c r="CJG662" s="613"/>
      <c r="CJH662" s="613"/>
      <c r="CJI662" s="613"/>
      <c r="CJJ662" s="613"/>
      <c r="CJK662" s="613"/>
      <c r="CJL662" s="613"/>
      <c r="CJM662" s="613"/>
      <c r="CJN662" s="613"/>
      <c r="CJO662" s="613"/>
      <c r="CJP662" s="613"/>
      <c r="CJQ662" s="613"/>
      <c r="CJR662" s="613"/>
      <c r="CJS662" s="613"/>
      <c r="CJT662" s="613"/>
      <c r="CJU662" s="613"/>
      <c r="CJV662" s="613"/>
      <c r="CJW662" s="613"/>
      <c r="CJX662" s="613"/>
      <c r="CJY662" s="613"/>
      <c r="CJZ662" s="613"/>
      <c r="CKA662" s="613"/>
      <c r="CKB662" s="613"/>
      <c r="CKC662" s="613"/>
      <c r="CKD662" s="613"/>
      <c r="CKE662" s="613"/>
      <c r="CKF662" s="613"/>
      <c r="CKG662" s="613"/>
      <c r="CKH662" s="613"/>
      <c r="CKI662" s="613"/>
      <c r="CKJ662" s="613"/>
      <c r="CKK662" s="613"/>
      <c r="CKL662" s="613"/>
      <c r="CKM662" s="613"/>
      <c r="CKN662" s="613"/>
      <c r="CKO662" s="613"/>
      <c r="CKP662" s="613"/>
      <c r="CKQ662" s="613"/>
      <c r="CKR662" s="613"/>
      <c r="CKS662" s="613"/>
      <c r="CKT662" s="613"/>
      <c r="CKU662" s="613"/>
      <c r="CKV662" s="613"/>
      <c r="CKW662" s="613"/>
      <c r="CKX662" s="613"/>
      <c r="CKY662" s="613"/>
      <c r="CKZ662" s="613"/>
      <c r="CLA662" s="613"/>
      <c r="CLB662" s="613"/>
      <c r="CLC662" s="613"/>
      <c r="CLD662" s="613"/>
      <c r="CLE662" s="613"/>
      <c r="CLF662" s="613"/>
      <c r="CLG662" s="613"/>
      <c r="CLH662" s="613"/>
      <c r="CLI662" s="613"/>
      <c r="CLJ662" s="613"/>
      <c r="CLK662" s="613"/>
      <c r="CLL662" s="613"/>
      <c r="CLM662" s="613"/>
      <c r="CLN662" s="613"/>
      <c r="CLO662" s="613"/>
      <c r="CLP662" s="613"/>
      <c r="CLQ662" s="613"/>
      <c r="CLR662" s="613"/>
      <c r="CLS662" s="613"/>
      <c r="CLT662" s="613"/>
      <c r="CLU662" s="613"/>
      <c r="CLV662" s="613"/>
      <c r="CLW662" s="613"/>
      <c r="CLX662" s="613"/>
      <c r="CLY662" s="613"/>
      <c r="CLZ662" s="613"/>
      <c r="CMA662" s="613"/>
      <c r="CMB662" s="613"/>
      <c r="CMC662" s="613"/>
      <c r="CMD662" s="613"/>
      <c r="CME662" s="613"/>
      <c r="CMF662" s="613"/>
      <c r="CMG662" s="613"/>
      <c r="CMH662" s="613"/>
      <c r="CMI662" s="613"/>
      <c r="CMJ662" s="613"/>
      <c r="CMK662" s="613"/>
      <c r="CML662" s="613"/>
      <c r="CMM662" s="613"/>
      <c r="CMN662" s="613"/>
      <c r="CMO662" s="613"/>
      <c r="CMP662" s="613"/>
      <c r="CMQ662" s="613"/>
      <c r="CMR662" s="613"/>
      <c r="CMS662" s="613"/>
      <c r="CMT662" s="613"/>
      <c r="CMU662" s="613"/>
      <c r="CMV662" s="613"/>
      <c r="CMW662" s="613"/>
      <c r="CMX662" s="613"/>
      <c r="CMY662" s="613"/>
      <c r="CMZ662" s="613"/>
      <c r="CNA662" s="613"/>
      <c r="CNB662" s="613"/>
      <c r="CNC662" s="613"/>
      <c r="CND662" s="613"/>
      <c r="CNE662" s="613"/>
      <c r="CNF662" s="613"/>
      <c r="CNG662" s="613"/>
      <c r="CNH662" s="613"/>
      <c r="CNI662" s="613"/>
      <c r="CNJ662" s="613"/>
      <c r="CNK662" s="613"/>
      <c r="CNL662" s="613"/>
      <c r="CNM662" s="613"/>
      <c r="CNN662" s="613"/>
      <c r="CNO662" s="613"/>
      <c r="CNP662" s="613"/>
      <c r="CNQ662" s="613"/>
      <c r="CNR662" s="613"/>
      <c r="CNS662" s="613"/>
      <c r="CNT662" s="613"/>
      <c r="CNU662" s="613"/>
      <c r="CNV662" s="613"/>
      <c r="CNW662" s="613"/>
      <c r="CNX662" s="613"/>
      <c r="CNY662" s="613"/>
      <c r="CNZ662" s="613"/>
      <c r="COA662" s="613"/>
      <c r="COB662" s="613"/>
      <c r="COC662" s="613"/>
      <c r="COD662" s="613"/>
      <c r="COE662" s="613"/>
      <c r="COF662" s="613"/>
      <c r="COG662" s="613"/>
      <c r="COH662" s="613"/>
      <c r="COI662" s="613"/>
      <c r="COJ662" s="613"/>
      <c r="COK662" s="613"/>
      <c r="COL662" s="613"/>
      <c r="COM662" s="613"/>
      <c r="CON662" s="613"/>
      <c r="COO662" s="613"/>
      <c r="COP662" s="613"/>
      <c r="COQ662" s="613"/>
      <c r="COR662" s="613"/>
      <c r="COS662" s="613"/>
      <c r="COT662" s="613"/>
      <c r="COU662" s="613"/>
      <c r="COV662" s="613"/>
      <c r="COW662" s="613"/>
      <c r="COX662" s="613"/>
      <c r="COY662" s="613"/>
      <c r="COZ662" s="613"/>
      <c r="CPA662" s="613"/>
      <c r="CPB662" s="613"/>
      <c r="CPC662" s="613"/>
      <c r="CPD662" s="613"/>
      <c r="CPE662" s="613"/>
      <c r="CPF662" s="613"/>
      <c r="CPG662" s="613"/>
      <c r="CPH662" s="613"/>
      <c r="CPI662" s="613"/>
      <c r="CPJ662" s="613"/>
      <c r="CPK662" s="613"/>
      <c r="CPL662" s="613"/>
      <c r="CPM662" s="613"/>
      <c r="CPN662" s="613"/>
      <c r="CPO662" s="613"/>
      <c r="CPP662" s="613"/>
      <c r="CPQ662" s="613"/>
      <c r="CPR662" s="613"/>
      <c r="CPS662" s="613"/>
      <c r="CPT662" s="613"/>
      <c r="CPU662" s="613"/>
      <c r="CPV662" s="613"/>
      <c r="CPW662" s="613"/>
      <c r="CPX662" s="613"/>
      <c r="CPY662" s="613"/>
      <c r="CPZ662" s="613"/>
      <c r="CQA662" s="613"/>
      <c r="CQB662" s="613"/>
      <c r="CQC662" s="613"/>
      <c r="CQD662" s="613"/>
      <c r="CQE662" s="613"/>
      <c r="CQF662" s="613"/>
      <c r="CQG662" s="613"/>
      <c r="CQH662" s="613"/>
      <c r="CQI662" s="613"/>
      <c r="CQJ662" s="613"/>
      <c r="CQK662" s="613"/>
      <c r="CQL662" s="613"/>
      <c r="CQM662" s="613"/>
      <c r="CQN662" s="613"/>
      <c r="CQO662" s="613"/>
      <c r="CQP662" s="613"/>
      <c r="CQQ662" s="613"/>
      <c r="CQR662" s="613"/>
      <c r="CQS662" s="613"/>
      <c r="CQT662" s="613"/>
      <c r="CQU662" s="613"/>
      <c r="CQV662" s="613"/>
      <c r="CQW662" s="613"/>
      <c r="CQX662" s="613"/>
      <c r="CQY662" s="613"/>
      <c r="CQZ662" s="613"/>
      <c r="CRA662" s="613"/>
      <c r="CRB662" s="613"/>
      <c r="CRC662" s="613"/>
      <c r="CRD662" s="613"/>
      <c r="CRE662" s="613"/>
      <c r="CRF662" s="613"/>
      <c r="CRG662" s="613"/>
      <c r="CRH662" s="613"/>
      <c r="CRI662" s="613"/>
      <c r="CRJ662" s="613"/>
      <c r="CRK662" s="613"/>
      <c r="CRL662" s="613"/>
      <c r="CRM662" s="613"/>
      <c r="CRN662" s="613"/>
      <c r="CRO662" s="613"/>
      <c r="CRP662" s="613"/>
      <c r="CRQ662" s="613"/>
      <c r="CRR662" s="613"/>
      <c r="CRS662" s="613"/>
      <c r="CRT662" s="613"/>
      <c r="CRU662" s="613"/>
      <c r="CRV662" s="613"/>
      <c r="CRW662" s="613"/>
      <c r="CRX662" s="613"/>
      <c r="CRY662" s="613"/>
      <c r="CRZ662" s="613"/>
      <c r="CSA662" s="613"/>
      <c r="CSB662" s="613"/>
      <c r="CSC662" s="613"/>
      <c r="CSD662" s="613"/>
      <c r="CSE662" s="613"/>
      <c r="CSF662" s="613"/>
      <c r="CSG662" s="613"/>
      <c r="CSH662" s="613"/>
      <c r="CSI662" s="613"/>
      <c r="CSJ662" s="613"/>
      <c r="CSK662" s="613"/>
      <c r="CSL662" s="613"/>
      <c r="CSM662" s="613"/>
      <c r="CSN662" s="613"/>
      <c r="CSO662" s="613"/>
      <c r="CSP662" s="613"/>
      <c r="CSQ662" s="613"/>
      <c r="CSR662" s="613"/>
      <c r="CSS662" s="613"/>
      <c r="CST662" s="613"/>
      <c r="CSU662" s="613"/>
      <c r="CSV662" s="613"/>
      <c r="CSW662" s="613"/>
      <c r="CSX662" s="613"/>
      <c r="CSY662" s="613"/>
      <c r="CSZ662" s="613"/>
      <c r="CTA662" s="613"/>
      <c r="CTB662" s="613"/>
      <c r="CTC662" s="613"/>
      <c r="CTD662" s="613"/>
      <c r="CTE662" s="613"/>
      <c r="CTF662" s="613"/>
      <c r="CTG662" s="613"/>
      <c r="CTH662" s="613"/>
      <c r="CTI662" s="613"/>
      <c r="CTJ662" s="613"/>
      <c r="CTK662" s="613"/>
      <c r="CTL662" s="613"/>
      <c r="CTM662" s="613"/>
      <c r="CTN662" s="613"/>
      <c r="CTO662" s="613"/>
      <c r="CTP662" s="613"/>
      <c r="CTQ662" s="613"/>
      <c r="CTR662" s="613"/>
      <c r="CTS662" s="613"/>
      <c r="CTT662" s="613"/>
      <c r="CTU662" s="613"/>
      <c r="CTV662" s="613"/>
      <c r="CTW662" s="613"/>
      <c r="CTX662" s="613"/>
      <c r="CTY662" s="613"/>
      <c r="CTZ662" s="613"/>
      <c r="CUA662" s="613"/>
      <c r="CUB662" s="613"/>
      <c r="CUC662" s="613"/>
      <c r="CUD662" s="613"/>
      <c r="CUE662" s="613"/>
      <c r="CUF662" s="613"/>
      <c r="CUG662" s="613"/>
      <c r="CUH662" s="613"/>
      <c r="CUI662" s="613"/>
      <c r="CUJ662" s="613"/>
      <c r="CUK662" s="613"/>
      <c r="CUL662" s="613"/>
      <c r="CUM662" s="613"/>
      <c r="CUN662" s="613"/>
      <c r="CUO662" s="613"/>
      <c r="CUP662" s="613"/>
      <c r="CUQ662" s="613"/>
      <c r="CUR662" s="613"/>
      <c r="CUS662" s="613"/>
      <c r="CUT662" s="613"/>
      <c r="CUU662" s="613"/>
      <c r="CUV662" s="613"/>
      <c r="CUW662" s="613"/>
      <c r="CUX662" s="613"/>
      <c r="CUY662" s="613"/>
      <c r="CUZ662" s="613"/>
      <c r="CVA662" s="613"/>
      <c r="CVB662" s="613"/>
      <c r="CVC662" s="613"/>
      <c r="CVD662" s="613"/>
      <c r="CVE662" s="613"/>
      <c r="CVF662" s="613"/>
      <c r="CVG662" s="613"/>
      <c r="CVH662" s="613"/>
      <c r="CVI662" s="613"/>
      <c r="CVJ662" s="613"/>
      <c r="CVK662" s="613"/>
      <c r="CVL662" s="613"/>
      <c r="CVM662" s="613"/>
      <c r="CVN662" s="613"/>
      <c r="CVO662" s="613"/>
      <c r="CVP662" s="613"/>
      <c r="CVQ662" s="613"/>
      <c r="CVR662" s="613"/>
      <c r="CVS662" s="613"/>
      <c r="CVT662" s="613"/>
      <c r="CVU662" s="613"/>
      <c r="CVV662" s="613"/>
      <c r="CVW662" s="613"/>
      <c r="CVX662" s="613"/>
      <c r="CVY662" s="613"/>
      <c r="CVZ662" s="613"/>
      <c r="CWA662" s="613"/>
      <c r="CWB662" s="613"/>
      <c r="CWC662" s="613"/>
      <c r="CWD662" s="613"/>
      <c r="CWE662" s="613"/>
      <c r="CWF662" s="613"/>
      <c r="CWG662" s="613"/>
      <c r="CWH662" s="613"/>
      <c r="CWI662" s="613"/>
      <c r="CWJ662" s="613"/>
      <c r="CWK662" s="613"/>
      <c r="CWL662" s="613"/>
      <c r="CWM662" s="613"/>
      <c r="CWN662" s="613"/>
      <c r="CWO662" s="613"/>
      <c r="CWP662" s="613"/>
      <c r="CWQ662" s="613"/>
      <c r="CWR662" s="613"/>
      <c r="CWS662" s="613"/>
      <c r="CWT662" s="613"/>
      <c r="CWU662" s="613"/>
      <c r="CWV662" s="613"/>
      <c r="CWW662" s="613"/>
      <c r="CWX662" s="613"/>
      <c r="CWY662" s="613"/>
      <c r="CWZ662" s="613"/>
      <c r="CXA662" s="613"/>
      <c r="CXB662" s="613"/>
      <c r="CXC662" s="613"/>
      <c r="CXD662" s="613"/>
      <c r="CXE662" s="613"/>
      <c r="CXF662" s="613"/>
      <c r="CXG662" s="613"/>
      <c r="CXH662" s="613"/>
      <c r="CXI662" s="613"/>
      <c r="CXJ662" s="613"/>
      <c r="CXK662" s="613"/>
      <c r="CXL662" s="613"/>
      <c r="CXM662" s="613"/>
      <c r="CXN662" s="613"/>
      <c r="CXO662" s="613"/>
      <c r="CXP662" s="613"/>
      <c r="CXQ662" s="613"/>
      <c r="CXR662" s="613"/>
      <c r="CXS662" s="613"/>
      <c r="CXT662" s="613"/>
      <c r="CXU662" s="613"/>
      <c r="CXV662" s="613"/>
      <c r="CXW662" s="613"/>
      <c r="CXX662" s="613"/>
      <c r="CXY662" s="613"/>
      <c r="CXZ662" s="613"/>
      <c r="CYA662" s="613"/>
      <c r="CYB662" s="613"/>
      <c r="CYC662" s="613"/>
      <c r="CYD662" s="613"/>
      <c r="CYE662" s="613"/>
      <c r="CYF662" s="613"/>
      <c r="CYG662" s="613"/>
      <c r="CYH662" s="613"/>
      <c r="CYI662" s="613"/>
      <c r="CYJ662" s="613"/>
      <c r="CYK662" s="613"/>
      <c r="CYL662" s="613"/>
      <c r="CYM662" s="613"/>
      <c r="CYN662" s="613"/>
      <c r="CYO662" s="613"/>
      <c r="CYP662" s="613"/>
      <c r="CYQ662" s="613"/>
      <c r="CYR662" s="613"/>
      <c r="CYS662" s="613"/>
      <c r="CYT662" s="613"/>
      <c r="CYU662" s="613"/>
      <c r="CYV662" s="613"/>
      <c r="CYW662" s="613"/>
      <c r="CYX662" s="613"/>
      <c r="CYY662" s="613"/>
      <c r="CYZ662" s="613"/>
      <c r="CZA662" s="613"/>
      <c r="CZB662" s="613"/>
      <c r="CZC662" s="613"/>
      <c r="CZD662" s="613"/>
      <c r="CZE662" s="613"/>
      <c r="CZF662" s="613"/>
      <c r="CZG662" s="613"/>
      <c r="CZH662" s="613"/>
      <c r="CZI662" s="613"/>
      <c r="CZJ662" s="613"/>
      <c r="CZK662" s="613"/>
      <c r="CZL662" s="613"/>
      <c r="CZM662" s="613"/>
      <c r="CZN662" s="613"/>
      <c r="CZO662" s="613"/>
      <c r="CZP662" s="613"/>
      <c r="CZQ662" s="613"/>
      <c r="CZR662" s="613"/>
      <c r="CZS662" s="613"/>
      <c r="CZT662" s="613"/>
      <c r="CZU662" s="613"/>
      <c r="CZV662" s="613"/>
      <c r="CZW662" s="613"/>
      <c r="CZX662" s="613"/>
      <c r="CZY662" s="613"/>
      <c r="CZZ662" s="613"/>
      <c r="DAA662" s="613"/>
      <c r="DAB662" s="613"/>
      <c r="DAC662" s="613"/>
      <c r="DAD662" s="613"/>
      <c r="DAE662" s="613"/>
      <c r="DAF662" s="613"/>
      <c r="DAG662" s="613"/>
      <c r="DAH662" s="613"/>
      <c r="DAI662" s="613"/>
      <c r="DAJ662" s="613"/>
      <c r="DAK662" s="613"/>
      <c r="DAL662" s="613"/>
      <c r="DAM662" s="613"/>
      <c r="DAN662" s="613"/>
      <c r="DAO662" s="613"/>
      <c r="DAP662" s="613"/>
      <c r="DAQ662" s="613"/>
      <c r="DAR662" s="613"/>
      <c r="DAS662" s="613"/>
      <c r="DAT662" s="613"/>
      <c r="DAU662" s="613"/>
      <c r="DAV662" s="613"/>
      <c r="DAW662" s="613"/>
      <c r="DAX662" s="613"/>
      <c r="DAY662" s="613"/>
      <c r="DAZ662" s="613"/>
      <c r="DBA662" s="613"/>
      <c r="DBB662" s="613"/>
      <c r="DBC662" s="613"/>
      <c r="DBD662" s="613"/>
      <c r="DBE662" s="613"/>
      <c r="DBF662" s="613"/>
      <c r="DBG662" s="613"/>
      <c r="DBH662" s="613"/>
      <c r="DBI662" s="613"/>
      <c r="DBJ662" s="613"/>
      <c r="DBK662" s="613"/>
      <c r="DBL662" s="613"/>
      <c r="DBM662" s="613"/>
      <c r="DBN662" s="613"/>
      <c r="DBO662" s="613"/>
      <c r="DBP662" s="613"/>
      <c r="DBQ662" s="613"/>
      <c r="DBR662" s="613"/>
      <c r="DBS662" s="613"/>
      <c r="DBT662" s="613"/>
      <c r="DBU662" s="613"/>
      <c r="DBV662" s="613"/>
      <c r="DBW662" s="613"/>
      <c r="DBX662" s="613"/>
      <c r="DBY662" s="613"/>
      <c r="DBZ662" s="613"/>
      <c r="DCA662" s="613"/>
      <c r="DCB662" s="613"/>
      <c r="DCC662" s="613"/>
      <c r="DCD662" s="613"/>
      <c r="DCE662" s="613"/>
      <c r="DCF662" s="613"/>
      <c r="DCG662" s="613"/>
      <c r="DCH662" s="613"/>
      <c r="DCI662" s="613"/>
      <c r="DCJ662" s="613"/>
      <c r="DCK662" s="613"/>
      <c r="DCL662" s="613"/>
      <c r="DCM662" s="613"/>
      <c r="DCN662" s="613"/>
      <c r="DCO662" s="613"/>
      <c r="DCP662" s="613"/>
      <c r="DCQ662" s="613"/>
      <c r="DCR662" s="613"/>
      <c r="DCS662" s="613"/>
      <c r="DCT662" s="613"/>
      <c r="DCU662" s="613"/>
      <c r="DCV662" s="613"/>
      <c r="DCW662" s="613"/>
      <c r="DCX662" s="613"/>
      <c r="DCY662" s="613"/>
      <c r="DCZ662" s="613"/>
      <c r="DDA662" s="613"/>
      <c r="DDB662" s="613"/>
      <c r="DDC662" s="613"/>
      <c r="DDD662" s="613"/>
      <c r="DDE662" s="613"/>
      <c r="DDF662" s="613"/>
      <c r="DDG662" s="613"/>
      <c r="DDH662" s="613"/>
      <c r="DDI662" s="613"/>
      <c r="DDJ662" s="613"/>
      <c r="DDK662" s="613"/>
      <c r="DDL662" s="613"/>
      <c r="DDM662" s="613"/>
      <c r="DDN662" s="613"/>
      <c r="DDO662" s="613"/>
      <c r="DDP662" s="613"/>
      <c r="DDQ662" s="613"/>
      <c r="DDR662" s="613"/>
      <c r="DDS662" s="613"/>
      <c r="DDT662" s="613"/>
      <c r="DDU662" s="613"/>
      <c r="DDV662" s="613"/>
      <c r="DDW662" s="613"/>
      <c r="DDX662" s="613"/>
      <c r="DDY662" s="613"/>
      <c r="DDZ662" s="613"/>
      <c r="DEA662" s="613"/>
      <c r="DEB662" s="613"/>
      <c r="DEC662" s="613"/>
      <c r="DED662" s="613"/>
      <c r="DEE662" s="613"/>
      <c r="DEF662" s="613"/>
      <c r="DEG662" s="613"/>
      <c r="DEH662" s="613"/>
      <c r="DEI662" s="613"/>
      <c r="DEJ662" s="613"/>
      <c r="DEK662" s="613"/>
      <c r="DEL662" s="613"/>
      <c r="DEM662" s="613"/>
      <c r="DEN662" s="613"/>
      <c r="DEO662" s="613"/>
      <c r="DEP662" s="613"/>
      <c r="DEQ662" s="613"/>
      <c r="DER662" s="613"/>
      <c r="DES662" s="613"/>
      <c r="DET662" s="613"/>
      <c r="DEU662" s="613"/>
      <c r="DEV662" s="613"/>
      <c r="DEW662" s="613"/>
      <c r="DEX662" s="613"/>
      <c r="DEY662" s="613"/>
      <c r="DEZ662" s="613"/>
      <c r="DFA662" s="613"/>
      <c r="DFB662" s="613"/>
      <c r="DFC662" s="613"/>
      <c r="DFD662" s="613"/>
      <c r="DFE662" s="613"/>
      <c r="DFF662" s="613"/>
      <c r="DFG662" s="613"/>
      <c r="DFH662" s="613"/>
      <c r="DFI662" s="613"/>
      <c r="DFJ662" s="613"/>
      <c r="DFK662" s="613"/>
      <c r="DFL662" s="613"/>
      <c r="DFM662" s="613"/>
      <c r="DFN662" s="613"/>
      <c r="DFO662" s="613"/>
      <c r="DFP662" s="613"/>
      <c r="DFQ662" s="613"/>
      <c r="DFR662" s="613"/>
      <c r="DFS662" s="613"/>
      <c r="DFT662" s="613"/>
      <c r="DFU662" s="613"/>
      <c r="DFV662" s="613"/>
      <c r="DFW662" s="613"/>
      <c r="DFX662" s="613"/>
      <c r="DFY662" s="613"/>
      <c r="DFZ662" s="613"/>
      <c r="DGA662" s="613"/>
      <c r="DGB662" s="613"/>
      <c r="DGC662" s="613"/>
      <c r="DGD662" s="613"/>
      <c r="DGE662" s="613"/>
      <c r="DGF662" s="613"/>
      <c r="DGG662" s="613"/>
      <c r="DGH662" s="613"/>
      <c r="DGI662" s="613"/>
      <c r="DGJ662" s="613"/>
      <c r="DGK662" s="613"/>
      <c r="DGL662" s="613"/>
      <c r="DGM662" s="613"/>
      <c r="DGN662" s="613"/>
      <c r="DGO662" s="613"/>
      <c r="DGP662" s="613"/>
      <c r="DGQ662" s="613"/>
      <c r="DGR662" s="613"/>
      <c r="DGS662" s="613"/>
      <c r="DGT662" s="613"/>
      <c r="DGU662" s="613"/>
      <c r="DGV662" s="613"/>
      <c r="DGW662" s="613"/>
      <c r="DGX662" s="613"/>
      <c r="DGY662" s="613"/>
      <c r="DGZ662" s="613"/>
      <c r="DHA662" s="613"/>
      <c r="DHB662" s="613"/>
      <c r="DHC662" s="613"/>
      <c r="DHD662" s="613"/>
      <c r="DHE662" s="613"/>
      <c r="DHF662" s="613"/>
      <c r="DHG662" s="613"/>
      <c r="DHH662" s="613"/>
      <c r="DHI662" s="613"/>
      <c r="DHJ662" s="613"/>
      <c r="DHK662" s="613"/>
      <c r="DHL662" s="613"/>
      <c r="DHM662" s="613"/>
      <c r="DHN662" s="613"/>
      <c r="DHO662" s="613"/>
      <c r="DHP662" s="613"/>
      <c r="DHQ662" s="613"/>
      <c r="DHR662" s="613"/>
      <c r="DHS662" s="613"/>
      <c r="DHT662" s="613"/>
      <c r="DHU662" s="613"/>
      <c r="DHV662" s="613"/>
      <c r="DHW662" s="613"/>
      <c r="DHX662" s="613"/>
      <c r="DHY662" s="613"/>
      <c r="DHZ662" s="613"/>
      <c r="DIA662" s="613"/>
      <c r="DIB662" s="613"/>
      <c r="DIC662" s="613"/>
      <c r="DID662" s="613"/>
      <c r="DIE662" s="613"/>
      <c r="DIF662" s="613"/>
      <c r="DIG662" s="613"/>
      <c r="DIH662" s="613"/>
      <c r="DII662" s="613"/>
      <c r="DIJ662" s="613"/>
      <c r="DIK662" s="613"/>
      <c r="DIL662" s="613"/>
      <c r="DIM662" s="613"/>
      <c r="DIN662" s="613"/>
      <c r="DIO662" s="613"/>
      <c r="DIP662" s="613"/>
      <c r="DIQ662" s="613"/>
      <c r="DIR662" s="613"/>
      <c r="DIS662" s="613"/>
      <c r="DIT662" s="613"/>
      <c r="DIU662" s="613"/>
      <c r="DIV662" s="613"/>
      <c r="DIW662" s="613"/>
      <c r="DIX662" s="613"/>
      <c r="DIY662" s="613"/>
      <c r="DIZ662" s="613"/>
      <c r="DJA662" s="613"/>
      <c r="DJB662" s="613"/>
      <c r="DJC662" s="613"/>
      <c r="DJD662" s="613"/>
      <c r="DJE662" s="613"/>
      <c r="DJF662" s="613"/>
      <c r="DJG662" s="613"/>
      <c r="DJH662" s="613"/>
      <c r="DJI662" s="613"/>
      <c r="DJJ662" s="613"/>
      <c r="DJK662" s="613"/>
      <c r="DJL662" s="613"/>
      <c r="DJM662" s="613"/>
      <c r="DJN662" s="613"/>
      <c r="DJO662" s="613"/>
      <c r="DJP662" s="613"/>
      <c r="DJQ662" s="613"/>
      <c r="DJR662" s="613"/>
      <c r="DJS662" s="613"/>
      <c r="DJT662" s="613"/>
      <c r="DJU662" s="613"/>
      <c r="DJV662" s="613"/>
      <c r="DJW662" s="613"/>
      <c r="DJX662" s="613"/>
      <c r="DJY662" s="613"/>
      <c r="DJZ662" s="613"/>
      <c r="DKA662" s="613"/>
      <c r="DKB662" s="613"/>
      <c r="DKC662" s="613"/>
      <c r="DKD662" s="613"/>
      <c r="DKE662" s="613"/>
      <c r="DKF662" s="613"/>
      <c r="DKG662" s="613"/>
      <c r="DKH662" s="613"/>
      <c r="DKI662" s="613"/>
      <c r="DKJ662" s="613"/>
      <c r="DKK662" s="613"/>
      <c r="DKL662" s="613"/>
      <c r="DKM662" s="613"/>
      <c r="DKN662" s="613"/>
      <c r="DKO662" s="613"/>
      <c r="DKP662" s="613"/>
      <c r="DKQ662" s="613"/>
      <c r="DKR662" s="613"/>
      <c r="DKS662" s="613"/>
      <c r="DKT662" s="613"/>
      <c r="DKU662" s="613"/>
      <c r="DKV662" s="613"/>
      <c r="DKW662" s="613"/>
      <c r="DKX662" s="613"/>
      <c r="DKY662" s="613"/>
      <c r="DKZ662" s="613"/>
      <c r="DLA662" s="613"/>
      <c r="DLB662" s="613"/>
      <c r="DLC662" s="613"/>
      <c r="DLD662" s="613"/>
      <c r="DLE662" s="613"/>
      <c r="DLF662" s="613"/>
      <c r="DLG662" s="613"/>
      <c r="DLH662" s="613"/>
      <c r="DLI662" s="613"/>
      <c r="DLJ662" s="613"/>
      <c r="DLK662" s="613"/>
      <c r="DLL662" s="613"/>
      <c r="DLM662" s="613"/>
      <c r="DLN662" s="613"/>
      <c r="DLO662" s="613"/>
      <c r="DLP662" s="613"/>
      <c r="DLQ662" s="613"/>
      <c r="DLR662" s="613"/>
      <c r="DLS662" s="613"/>
      <c r="DLT662" s="613"/>
      <c r="DLU662" s="613"/>
      <c r="DLV662" s="613"/>
      <c r="DLW662" s="613"/>
      <c r="DLX662" s="613"/>
      <c r="DLY662" s="613"/>
      <c r="DLZ662" s="613"/>
      <c r="DMA662" s="613"/>
      <c r="DMB662" s="613"/>
      <c r="DMC662" s="613"/>
      <c r="DMD662" s="613"/>
      <c r="DME662" s="613"/>
      <c r="DMF662" s="613"/>
      <c r="DMG662" s="613"/>
      <c r="DMH662" s="613"/>
      <c r="DMI662" s="613"/>
      <c r="DMJ662" s="613"/>
      <c r="DMK662" s="613"/>
      <c r="DML662" s="613"/>
      <c r="DMM662" s="613"/>
      <c r="DMN662" s="613"/>
      <c r="DMO662" s="613"/>
      <c r="DMP662" s="613"/>
      <c r="DMQ662" s="613"/>
      <c r="DMR662" s="613"/>
      <c r="DMS662" s="613"/>
      <c r="DMT662" s="613"/>
      <c r="DMU662" s="613"/>
      <c r="DMV662" s="613"/>
      <c r="DMW662" s="613"/>
      <c r="DMX662" s="613"/>
      <c r="DMY662" s="613"/>
      <c r="DMZ662" s="613"/>
      <c r="DNA662" s="613"/>
      <c r="DNB662" s="613"/>
      <c r="DNC662" s="613"/>
      <c r="DND662" s="613"/>
      <c r="DNE662" s="613"/>
      <c r="DNF662" s="613"/>
      <c r="DNG662" s="613"/>
      <c r="DNH662" s="613"/>
      <c r="DNI662" s="613"/>
      <c r="DNJ662" s="613"/>
      <c r="DNK662" s="613"/>
      <c r="DNL662" s="613"/>
      <c r="DNM662" s="613"/>
      <c r="DNN662" s="613"/>
      <c r="DNO662" s="613"/>
      <c r="DNP662" s="613"/>
      <c r="DNQ662" s="613"/>
      <c r="DNR662" s="613"/>
      <c r="DNS662" s="613"/>
      <c r="DNT662" s="613"/>
      <c r="DNU662" s="613"/>
      <c r="DNV662" s="613"/>
      <c r="DNW662" s="613"/>
      <c r="DNX662" s="613"/>
      <c r="DNY662" s="613"/>
      <c r="DNZ662" s="613"/>
      <c r="DOA662" s="613"/>
      <c r="DOB662" s="613"/>
      <c r="DOC662" s="613"/>
      <c r="DOD662" s="613"/>
      <c r="DOE662" s="613"/>
      <c r="DOF662" s="613"/>
      <c r="DOG662" s="613"/>
      <c r="DOH662" s="613"/>
      <c r="DOI662" s="613"/>
      <c r="DOJ662" s="613"/>
      <c r="DOK662" s="613"/>
      <c r="DOL662" s="613"/>
      <c r="DOM662" s="613"/>
      <c r="DON662" s="613"/>
      <c r="DOO662" s="613"/>
      <c r="DOP662" s="613"/>
      <c r="DOQ662" s="613"/>
      <c r="DOR662" s="613"/>
      <c r="DOS662" s="613"/>
      <c r="DOT662" s="613"/>
      <c r="DOU662" s="613"/>
      <c r="DOV662" s="613"/>
      <c r="DOW662" s="613"/>
      <c r="DOX662" s="613"/>
      <c r="DOY662" s="613"/>
      <c r="DOZ662" s="613"/>
      <c r="DPA662" s="613"/>
      <c r="DPB662" s="613"/>
      <c r="DPC662" s="613"/>
      <c r="DPD662" s="613"/>
      <c r="DPE662" s="613"/>
      <c r="DPF662" s="613"/>
      <c r="DPG662" s="613"/>
      <c r="DPH662" s="613"/>
      <c r="DPI662" s="613"/>
      <c r="DPJ662" s="613"/>
      <c r="DPK662" s="613"/>
      <c r="DPL662" s="613"/>
      <c r="DPM662" s="613"/>
      <c r="DPN662" s="613"/>
      <c r="DPO662" s="613"/>
      <c r="DPP662" s="613"/>
      <c r="DPQ662" s="613"/>
      <c r="DPR662" s="613"/>
      <c r="DPS662" s="613"/>
      <c r="DPT662" s="613"/>
      <c r="DPU662" s="613"/>
      <c r="DPV662" s="613"/>
      <c r="DPW662" s="613"/>
      <c r="DPX662" s="613"/>
      <c r="DPY662" s="613"/>
      <c r="DPZ662" s="613"/>
      <c r="DQA662" s="613"/>
      <c r="DQB662" s="613"/>
      <c r="DQC662" s="613"/>
      <c r="DQD662" s="613"/>
      <c r="DQE662" s="613"/>
      <c r="DQF662" s="613"/>
      <c r="DQG662" s="613"/>
      <c r="DQH662" s="613"/>
      <c r="DQI662" s="613"/>
      <c r="DQJ662" s="613"/>
      <c r="DQK662" s="613"/>
      <c r="DQL662" s="613"/>
      <c r="DQM662" s="613"/>
      <c r="DQN662" s="613"/>
      <c r="DQO662" s="613"/>
      <c r="DQP662" s="613"/>
      <c r="DQQ662" s="613"/>
      <c r="DQR662" s="613"/>
      <c r="DQS662" s="613"/>
      <c r="DQT662" s="613"/>
      <c r="DQU662" s="613"/>
      <c r="DQV662" s="613"/>
      <c r="DQW662" s="613"/>
      <c r="DQX662" s="613"/>
      <c r="DQY662" s="613"/>
      <c r="DQZ662" s="613"/>
      <c r="DRA662" s="613"/>
      <c r="DRB662" s="613"/>
      <c r="DRC662" s="613"/>
      <c r="DRD662" s="613"/>
      <c r="DRE662" s="613"/>
      <c r="DRF662" s="613"/>
      <c r="DRG662" s="613"/>
      <c r="DRH662" s="613"/>
      <c r="DRI662" s="613"/>
      <c r="DRJ662" s="613"/>
      <c r="DRK662" s="613"/>
      <c r="DRL662" s="613"/>
      <c r="DRM662" s="613"/>
      <c r="DRN662" s="613"/>
      <c r="DRO662" s="613"/>
      <c r="DRP662" s="613"/>
      <c r="DRQ662" s="613"/>
      <c r="DRR662" s="613"/>
      <c r="DRS662" s="613"/>
      <c r="DRT662" s="613"/>
      <c r="DRU662" s="613"/>
      <c r="DRV662" s="613"/>
      <c r="DRW662" s="613"/>
      <c r="DRX662" s="613"/>
      <c r="DRY662" s="613"/>
      <c r="DRZ662" s="613"/>
      <c r="DSA662" s="613"/>
      <c r="DSB662" s="613"/>
      <c r="DSC662" s="613"/>
      <c r="DSD662" s="613"/>
      <c r="DSE662" s="613"/>
      <c r="DSF662" s="613"/>
      <c r="DSG662" s="613"/>
      <c r="DSH662" s="613"/>
      <c r="DSI662" s="613"/>
      <c r="DSJ662" s="613"/>
      <c r="DSK662" s="613"/>
      <c r="DSL662" s="613"/>
      <c r="DSM662" s="613"/>
      <c r="DSN662" s="613"/>
      <c r="DSO662" s="613"/>
      <c r="DSP662" s="613"/>
      <c r="DSQ662" s="613"/>
      <c r="DSR662" s="613"/>
      <c r="DSS662" s="613"/>
      <c r="DST662" s="613"/>
      <c r="DSU662" s="613"/>
      <c r="DSV662" s="613"/>
      <c r="DSW662" s="613"/>
      <c r="DSX662" s="613"/>
      <c r="DSY662" s="613"/>
      <c r="DSZ662" s="613"/>
      <c r="DTA662" s="613"/>
      <c r="DTB662" s="613"/>
      <c r="DTC662" s="613"/>
      <c r="DTD662" s="613"/>
      <c r="DTE662" s="613"/>
      <c r="DTF662" s="613"/>
      <c r="DTG662" s="613"/>
      <c r="DTH662" s="613"/>
      <c r="DTI662" s="613"/>
      <c r="DTJ662" s="613"/>
      <c r="DTK662" s="613"/>
      <c r="DTL662" s="613"/>
      <c r="DTM662" s="613"/>
      <c r="DTN662" s="613"/>
      <c r="DTO662" s="613"/>
      <c r="DTP662" s="613"/>
      <c r="DTQ662" s="613"/>
      <c r="DTR662" s="613"/>
      <c r="DTS662" s="613"/>
      <c r="DTT662" s="613"/>
      <c r="DTU662" s="613"/>
      <c r="DTV662" s="613"/>
      <c r="DTW662" s="613"/>
      <c r="DTX662" s="613"/>
      <c r="DTY662" s="613"/>
      <c r="DTZ662" s="613"/>
      <c r="DUA662" s="613"/>
      <c r="DUB662" s="613"/>
      <c r="DUC662" s="613"/>
      <c r="DUD662" s="613"/>
      <c r="DUE662" s="613"/>
      <c r="DUF662" s="613"/>
      <c r="DUG662" s="613"/>
      <c r="DUH662" s="613"/>
      <c r="DUI662" s="613"/>
      <c r="DUJ662" s="613"/>
      <c r="DUK662" s="613"/>
      <c r="DUL662" s="613"/>
      <c r="DUM662" s="613"/>
      <c r="DUN662" s="613"/>
      <c r="DUO662" s="613"/>
      <c r="DUP662" s="613"/>
      <c r="DUQ662" s="613"/>
      <c r="DUR662" s="613"/>
      <c r="DUS662" s="613"/>
      <c r="DUT662" s="613"/>
      <c r="DUU662" s="613"/>
      <c r="DUV662" s="613"/>
      <c r="DUW662" s="613"/>
      <c r="DUX662" s="613"/>
      <c r="DUY662" s="613"/>
      <c r="DUZ662" s="613"/>
      <c r="DVA662" s="613"/>
      <c r="DVB662" s="613"/>
      <c r="DVC662" s="613"/>
      <c r="DVD662" s="613"/>
      <c r="DVE662" s="613"/>
      <c r="DVF662" s="613"/>
      <c r="DVG662" s="613"/>
      <c r="DVH662" s="613"/>
      <c r="DVI662" s="613"/>
      <c r="DVJ662" s="613"/>
      <c r="DVK662" s="613"/>
      <c r="DVL662" s="613"/>
      <c r="DVM662" s="613"/>
      <c r="DVN662" s="613"/>
      <c r="DVO662" s="613"/>
      <c r="DVP662" s="613"/>
      <c r="DVQ662" s="613"/>
      <c r="DVR662" s="613"/>
      <c r="DVS662" s="613"/>
      <c r="DVT662" s="613"/>
      <c r="DVU662" s="613"/>
      <c r="DVV662" s="613"/>
      <c r="DVW662" s="613"/>
      <c r="DVX662" s="613"/>
      <c r="DVY662" s="613"/>
      <c r="DVZ662" s="613"/>
      <c r="DWA662" s="613"/>
      <c r="DWB662" s="613"/>
      <c r="DWC662" s="613"/>
      <c r="DWD662" s="613"/>
      <c r="DWE662" s="613"/>
      <c r="DWF662" s="613"/>
      <c r="DWG662" s="613"/>
      <c r="DWH662" s="613"/>
      <c r="DWI662" s="613"/>
      <c r="DWJ662" s="613"/>
      <c r="DWK662" s="613"/>
      <c r="DWL662" s="613"/>
      <c r="DWM662" s="613"/>
      <c r="DWN662" s="613"/>
      <c r="DWO662" s="613"/>
      <c r="DWP662" s="613"/>
      <c r="DWQ662" s="613"/>
      <c r="DWR662" s="613"/>
      <c r="DWS662" s="613"/>
      <c r="DWT662" s="613"/>
      <c r="DWU662" s="613"/>
      <c r="DWV662" s="613"/>
      <c r="DWW662" s="613"/>
      <c r="DWX662" s="613"/>
      <c r="DWY662" s="613"/>
      <c r="DWZ662" s="613"/>
      <c r="DXA662" s="613"/>
      <c r="DXB662" s="613"/>
      <c r="DXC662" s="613"/>
      <c r="DXD662" s="613"/>
      <c r="DXE662" s="613"/>
      <c r="DXF662" s="613"/>
      <c r="DXG662" s="613"/>
      <c r="DXH662" s="613"/>
      <c r="DXI662" s="613"/>
      <c r="DXJ662" s="613"/>
      <c r="DXK662" s="613"/>
      <c r="DXL662" s="613"/>
      <c r="DXM662" s="613"/>
      <c r="DXN662" s="613"/>
      <c r="DXO662" s="613"/>
      <c r="DXP662" s="613"/>
      <c r="DXQ662" s="613"/>
      <c r="DXR662" s="613"/>
      <c r="DXS662" s="613"/>
      <c r="DXT662" s="613"/>
      <c r="DXU662" s="613"/>
      <c r="DXV662" s="613"/>
      <c r="DXW662" s="613"/>
      <c r="DXX662" s="613"/>
      <c r="DXY662" s="613"/>
      <c r="DXZ662" s="613"/>
      <c r="DYA662" s="613"/>
      <c r="DYB662" s="613"/>
      <c r="DYC662" s="613"/>
      <c r="DYD662" s="613"/>
      <c r="DYE662" s="613"/>
      <c r="DYF662" s="613"/>
      <c r="DYG662" s="613"/>
      <c r="DYH662" s="613"/>
      <c r="DYI662" s="613"/>
      <c r="DYJ662" s="613"/>
      <c r="DYK662" s="613"/>
      <c r="DYL662" s="613"/>
      <c r="DYM662" s="613"/>
      <c r="DYN662" s="613"/>
      <c r="DYO662" s="613"/>
      <c r="DYP662" s="613"/>
      <c r="DYQ662" s="613"/>
      <c r="DYR662" s="613"/>
      <c r="DYS662" s="613"/>
      <c r="DYT662" s="613"/>
      <c r="DYU662" s="613"/>
      <c r="DYV662" s="613"/>
      <c r="DYW662" s="613"/>
      <c r="DYX662" s="613"/>
      <c r="DYY662" s="613"/>
      <c r="DYZ662" s="613"/>
      <c r="DZA662" s="613"/>
      <c r="DZB662" s="613"/>
      <c r="DZC662" s="613"/>
      <c r="DZD662" s="613"/>
      <c r="DZE662" s="613"/>
      <c r="DZF662" s="613"/>
      <c r="DZG662" s="613"/>
      <c r="DZH662" s="613"/>
      <c r="DZI662" s="613"/>
      <c r="DZJ662" s="613"/>
      <c r="DZK662" s="613"/>
      <c r="DZL662" s="613"/>
      <c r="DZM662" s="613"/>
      <c r="DZN662" s="613"/>
      <c r="DZO662" s="613"/>
      <c r="DZP662" s="613"/>
      <c r="DZQ662" s="613"/>
      <c r="DZR662" s="613"/>
      <c r="DZS662" s="613"/>
      <c r="DZT662" s="613"/>
      <c r="DZU662" s="613"/>
      <c r="DZV662" s="613"/>
      <c r="DZW662" s="613"/>
      <c r="DZX662" s="613"/>
      <c r="DZY662" s="613"/>
      <c r="DZZ662" s="613"/>
      <c r="EAA662" s="613"/>
      <c r="EAB662" s="613"/>
      <c r="EAC662" s="613"/>
      <c r="EAD662" s="613"/>
      <c r="EAE662" s="613"/>
      <c r="EAF662" s="613"/>
      <c r="EAG662" s="613"/>
      <c r="EAH662" s="613"/>
      <c r="EAI662" s="613"/>
      <c r="EAJ662" s="613"/>
      <c r="EAK662" s="613"/>
      <c r="EAL662" s="613"/>
      <c r="EAM662" s="613"/>
      <c r="EAN662" s="613"/>
      <c r="EAO662" s="613"/>
      <c r="EAP662" s="613"/>
      <c r="EAQ662" s="613"/>
      <c r="EAR662" s="613"/>
      <c r="EAS662" s="613"/>
      <c r="EAT662" s="613"/>
      <c r="EAU662" s="613"/>
      <c r="EAV662" s="613"/>
      <c r="EAW662" s="613"/>
      <c r="EAX662" s="613"/>
      <c r="EAY662" s="613"/>
      <c r="EAZ662" s="613"/>
      <c r="EBA662" s="613"/>
      <c r="EBB662" s="613"/>
      <c r="EBC662" s="613"/>
      <c r="EBD662" s="613"/>
      <c r="EBE662" s="613"/>
      <c r="EBF662" s="613"/>
      <c r="EBG662" s="613"/>
      <c r="EBH662" s="613"/>
      <c r="EBI662" s="613"/>
      <c r="EBJ662" s="613"/>
      <c r="EBK662" s="613"/>
      <c r="EBL662" s="613"/>
      <c r="EBM662" s="613"/>
      <c r="EBN662" s="613"/>
      <c r="EBO662" s="613"/>
      <c r="EBP662" s="613"/>
      <c r="EBQ662" s="613"/>
      <c r="EBR662" s="613"/>
      <c r="EBS662" s="613"/>
      <c r="EBT662" s="613"/>
      <c r="EBU662" s="613"/>
      <c r="EBV662" s="613"/>
      <c r="EBW662" s="613"/>
      <c r="EBX662" s="613"/>
      <c r="EBY662" s="613"/>
      <c r="EBZ662" s="613"/>
      <c r="ECA662" s="613"/>
      <c r="ECB662" s="613"/>
      <c r="ECC662" s="613"/>
      <c r="ECD662" s="613"/>
      <c r="ECE662" s="613"/>
      <c r="ECF662" s="613"/>
      <c r="ECG662" s="613"/>
      <c r="ECH662" s="613"/>
      <c r="ECI662" s="613"/>
      <c r="ECJ662" s="613"/>
      <c r="ECK662" s="613"/>
      <c r="ECL662" s="613"/>
      <c r="ECM662" s="613"/>
      <c r="ECN662" s="613"/>
      <c r="ECO662" s="613"/>
      <c r="ECP662" s="613"/>
      <c r="ECQ662" s="613"/>
      <c r="ECR662" s="613"/>
      <c r="ECS662" s="613"/>
      <c r="ECT662" s="613"/>
      <c r="ECU662" s="613"/>
      <c r="ECV662" s="613"/>
      <c r="ECW662" s="613"/>
      <c r="ECX662" s="613"/>
      <c r="ECY662" s="613"/>
      <c r="ECZ662" s="613"/>
      <c r="EDA662" s="613"/>
      <c r="EDB662" s="613"/>
      <c r="EDC662" s="613"/>
      <c r="EDD662" s="613"/>
      <c r="EDE662" s="613"/>
      <c r="EDF662" s="613"/>
      <c r="EDG662" s="613"/>
      <c r="EDH662" s="613"/>
      <c r="EDI662" s="613"/>
      <c r="EDJ662" s="613"/>
      <c r="EDK662" s="613"/>
      <c r="EDL662" s="613"/>
      <c r="EDM662" s="613"/>
      <c r="EDN662" s="613"/>
      <c r="EDO662" s="613"/>
      <c r="EDP662" s="613"/>
      <c r="EDQ662" s="613"/>
      <c r="EDR662" s="613"/>
      <c r="EDS662" s="613"/>
      <c r="EDT662" s="613"/>
      <c r="EDU662" s="613"/>
      <c r="EDV662" s="613"/>
      <c r="EDW662" s="613"/>
      <c r="EDX662" s="613"/>
      <c r="EDY662" s="613"/>
      <c r="EDZ662" s="613"/>
      <c r="EEA662" s="613"/>
      <c r="EEB662" s="613"/>
      <c r="EEC662" s="613"/>
      <c r="EED662" s="613"/>
      <c r="EEE662" s="613"/>
      <c r="EEF662" s="613"/>
      <c r="EEG662" s="613"/>
      <c r="EEH662" s="613"/>
      <c r="EEI662" s="613"/>
      <c r="EEJ662" s="613"/>
      <c r="EEK662" s="613"/>
      <c r="EEL662" s="613"/>
      <c r="EEM662" s="613"/>
      <c r="EEN662" s="613"/>
      <c r="EEO662" s="613"/>
      <c r="EEP662" s="613"/>
      <c r="EEQ662" s="613"/>
      <c r="EER662" s="613"/>
      <c r="EES662" s="613"/>
      <c r="EET662" s="613"/>
      <c r="EEU662" s="613"/>
      <c r="EEV662" s="613"/>
      <c r="EEW662" s="613"/>
      <c r="EEX662" s="613"/>
      <c r="EEY662" s="613"/>
      <c r="EEZ662" s="613"/>
      <c r="EFA662" s="613"/>
      <c r="EFB662" s="613"/>
      <c r="EFC662" s="613"/>
      <c r="EFD662" s="613"/>
      <c r="EFE662" s="613"/>
      <c r="EFF662" s="613"/>
      <c r="EFG662" s="613"/>
      <c r="EFH662" s="613"/>
      <c r="EFI662" s="613"/>
      <c r="EFJ662" s="613"/>
      <c r="EFK662" s="613"/>
      <c r="EFL662" s="613"/>
      <c r="EFM662" s="613"/>
      <c r="EFN662" s="613"/>
      <c r="EFO662" s="613"/>
      <c r="EFP662" s="613"/>
      <c r="EFQ662" s="613"/>
      <c r="EFR662" s="613"/>
      <c r="EFS662" s="613"/>
      <c r="EFT662" s="613"/>
      <c r="EFU662" s="613"/>
      <c r="EFV662" s="613"/>
      <c r="EFW662" s="613"/>
      <c r="EFX662" s="613"/>
      <c r="EFY662" s="613"/>
      <c r="EFZ662" s="613"/>
      <c r="EGA662" s="613"/>
      <c r="EGB662" s="613"/>
      <c r="EGC662" s="613"/>
      <c r="EGD662" s="613"/>
      <c r="EGE662" s="613"/>
      <c r="EGF662" s="613"/>
      <c r="EGG662" s="613"/>
      <c r="EGH662" s="613"/>
      <c r="EGI662" s="613"/>
      <c r="EGJ662" s="613"/>
      <c r="EGK662" s="613"/>
      <c r="EGL662" s="613"/>
      <c r="EGM662" s="613"/>
      <c r="EGN662" s="613"/>
      <c r="EGO662" s="613"/>
      <c r="EGP662" s="613"/>
      <c r="EGQ662" s="613"/>
      <c r="EGR662" s="613"/>
      <c r="EGS662" s="613"/>
      <c r="EGT662" s="613"/>
      <c r="EGU662" s="613"/>
      <c r="EGV662" s="613"/>
      <c r="EGW662" s="613"/>
      <c r="EGX662" s="613"/>
      <c r="EGY662" s="613"/>
      <c r="EGZ662" s="613"/>
      <c r="EHA662" s="613"/>
      <c r="EHB662" s="613"/>
      <c r="EHC662" s="613"/>
      <c r="EHD662" s="613"/>
      <c r="EHE662" s="613"/>
      <c r="EHF662" s="613"/>
      <c r="EHG662" s="613"/>
      <c r="EHH662" s="613"/>
      <c r="EHI662" s="613"/>
      <c r="EHJ662" s="613"/>
      <c r="EHK662" s="613"/>
      <c r="EHL662" s="613"/>
      <c r="EHM662" s="613"/>
      <c r="EHN662" s="613"/>
      <c r="EHO662" s="613"/>
      <c r="EHP662" s="613"/>
      <c r="EHQ662" s="613"/>
      <c r="EHR662" s="613"/>
      <c r="EHS662" s="613"/>
      <c r="EHT662" s="613"/>
      <c r="EHU662" s="613"/>
      <c r="EHV662" s="613"/>
      <c r="EHW662" s="613"/>
      <c r="EHX662" s="613"/>
      <c r="EHY662" s="613"/>
      <c r="EHZ662" s="613"/>
      <c r="EIA662" s="613"/>
      <c r="EIB662" s="613"/>
      <c r="EIC662" s="613"/>
      <c r="EID662" s="613"/>
      <c r="EIE662" s="613"/>
      <c r="EIF662" s="613"/>
      <c r="EIG662" s="613"/>
      <c r="EIH662" s="613"/>
      <c r="EII662" s="613"/>
      <c r="EIJ662" s="613"/>
      <c r="EIK662" s="613"/>
      <c r="EIL662" s="613"/>
      <c r="EIM662" s="613"/>
      <c r="EIN662" s="613"/>
      <c r="EIO662" s="613"/>
      <c r="EIP662" s="613"/>
      <c r="EIQ662" s="613"/>
      <c r="EIR662" s="613"/>
      <c r="EIS662" s="613"/>
      <c r="EIT662" s="613"/>
      <c r="EIU662" s="613"/>
      <c r="EIV662" s="613"/>
      <c r="EIW662" s="613"/>
      <c r="EIX662" s="613"/>
      <c r="EIY662" s="613"/>
      <c r="EIZ662" s="613"/>
      <c r="EJA662" s="613"/>
      <c r="EJB662" s="613"/>
      <c r="EJC662" s="613"/>
      <c r="EJD662" s="613"/>
      <c r="EJE662" s="613"/>
      <c r="EJF662" s="613"/>
      <c r="EJG662" s="613"/>
      <c r="EJH662" s="613"/>
      <c r="EJI662" s="613"/>
      <c r="EJJ662" s="613"/>
      <c r="EJK662" s="613"/>
      <c r="EJL662" s="613"/>
      <c r="EJM662" s="613"/>
      <c r="EJN662" s="613"/>
      <c r="EJO662" s="613"/>
      <c r="EJP662" s="613"/>
      <c r="EJQ662" s="613"/>
      <c r="EJR662" s="613"/>
      <c r="EJS662" s="613"/>
      <c r="EJT662" s="613"/>
      <c r="EJU662" s="613"/>
      <c r="EJV662" s="613"/>
      <c r="EJW662" s="613"/>
      <c r="EJX662" s="613"/>
      <c r="EJY662" s="613"/>
      <c r="EJZ662" s="613"/>
      <c r="EKA662" s="613"/>
      <c r="EKB662" s="613"/>
      <c r="EKC662" s="613"/>
      <c r="EKD662" s="613"/>
      <c r="EKE662" s="613"/>
      <c r="EKF662" s="613"/>
      <c r="EKG662" s="613"/>
      <c r="EKH662" s="613"/>
      <c r="EKI662" s="613"/>
      <c r="EKJ662" s="613"/>
      <c r="EKK662" s="613"/>
      <c r="EKL662" s="613"/>
      <c r="EKM662" s="613"/>
      <c r="EKN662" s="613"/>
      <c r="EKO662" s="613"/>
      <c r="EKP662" s="613"/>
      <c r="EKQ662" s="613"/>
      <c r="EKR662" s="613"/>
      <c r="EKS662" s="613"/>
      <c r="EKT662" s="613"/>
      <c r="EKU662" s="613"/>
      <c r="EKV662" s="613"/>
      <c r="EKW662" s="613"/>
      <c r="EKX662" s="613"/>
      <c r="EKY662" s="613"/>
      <c r="EKZ662" s="613"/>
      <c r="ELA662" s="613"/>
      <c r="ELB662" s="613"/>
      <c r="ELC662" s="613"/>
      <c r="ELD662" s="613"/>
      <c r="ELE662" s="613"/>
      <c r="ELF662" s="613"/>
      <c r="ELG662" s="613"/>
      <c r="ELH662" s="613"/>
      <c r="ELI662" s="613"/>
      <c r="ELJ662" s="613"/>
      <c r="ELK662" s="613"/>
      <c r="ELL662" s="613"/>
      <c r="ELM662" s="613"/>
      <c r="ELN662" s="613"/>
      <c r="ELO662" s="613"/>
      <c r="ELP662" s="613"/>
      <c r="ELQ662" s="613"/>
      <c r="ELR662" s="613"/>
      <c r="ELS662" s="613"/>
      <c r="ELT662" s="613"/>
      <c r="ELU662" s="613"/>
      <c r="ELV662" s="613"/>
      <c r="ELW662" s="613"/>
      <c r="ELX662" s="613"/>
      <c r="ELY662" s="613"/>
      <c r="ELZ662" s="613"/>
      <c r="EMA662" s="613"/>
      <c r="EMB662" s="613"/>
      <c r="EMC662" s="613"/>
      <c r="EMD662" s="613"/>
      <c r="EME662" s="613"/>
      <c r="EMF662" s="613"/>
      <c r="EMG662" s="613"/>
      <c r="EMH662" s="613"/>
      <c r="EMI662" s="613"/>
      <c r="EMJ662" s="613"/>
      <c r="EMK662" s="613"/>
      <c r="EML662" s="613"/>
      <c r="EMM662" s="613"/>
      <c r="EMN662" s="613"/>
      <c r="EMO662" s="613"/>
      <c r="EMP662" s="613"/>
      <c r="EMQ662" s="613"/>
      <c r="EMR662" s="613"/>
      <c r="EMS662" s="613"/>
      <c r="EMT662" s="613"/>
      <c r="EMU662" s="613"/>
      <c r="EMV662" s="613"/>
      <c r="EMW662" s="613"/>
      <c r="EMX662" s="613"/>
      <c r="EMY662" s="613"/>
      <c r="EMZ662" s="613"/>
      <c r="ENA662" s="613"/>
      <c r="ENB662" s="613"/>
      <c r="ENC662" s="613"/>
      <c r="END662" s="613"/>
      <c r="ENE662" s="613"/>
      <c r="ENF662" s="613"/>
      <c r="ENG662" s="613"/>
      <c r="ENH662" s="613"/>
      <c r="ENI662" s="613"/>
      <c r="ENJ662" s="613"/>
      <c r="ENK662" s="613"/>
      <c r="ENL662" s="613"/>
      <c r="ENM662" s="613"/>
      <c r="ENN662" s="613"/>
      <c r="ENO662" s="613"/>
      <c r="ENP662" s="613"/>
      <c r="ENQ662" s="613"/>
      <c r="ENR662" s="613"/>
      <c r="ENS662" s="613"/>
      <c r="ENT662" s="613"/>
      <c r="ENU662" s="613"/>
      <c r="ENV662" s="613"/>
      <c r="ENW662" s="613"/>
      <c r="ENX662" s="613"/>
      <c r="ENY662" s="613"/>
      <c r="ENZ662" s="613"/>
      <c r="EOA662" s="613"/>
      <c r="EOB662" s="613"/>
      <c r="EOC662" s="613"/>
      <c r="EOD662" s="613"/>
      <c r="EOE662" s="613"/>
      <c r="EOF662" s="613"/>
      <c r="EOG662" s="613"/>
      <c r="EOH662" s="613"/>
      <c r="EOI662" s="613"/>
      <c r="EOJ662" s="613"/>
      <c r="EOK662" s="613"/>
      <c r="EOL662" s="613"/>
      <c r="EOM662" s="613"/>
      <c r="EON662" s="613"/>
      <c r="EOO662" s="613"/>
      <c r="EOP662" s="613"/>
      <c r="EOQ662" s="613"/>
      <c r="EOR662" s="613"/>
      <c r="EOS662" s="613"/>
      <c r="EOT662" s="613"/>
      <c r="EOU662" s="613"/>
      <c r="EOV662" s="613"/>
      <c r="EOW662" s="613"/>
      <c r="EOX662" s="613"/>
      <c r="EOY662" s="613"/>
      <c r="EOZ662" s="613"/>
      <c r="EPA662" s="613"/>
      <c r="EPB662" s="613"/>
      <c r="EPC662" s="613"/>
      <c r="EPD662" s="613"/>
      <c r="EPE662" s="613"/>
      <c r="EPF662" s="613"/>
      <c r="EPG662" s="613"/>
      <c r="EPH662" s="613"/>
      <c r="EPI662" s="613"/>
      <c r="EPJ662" s="613"/>
      <c r="EPK662" s="613"/>
      <c r="EPL662" s="613"/>
      <c r="EPM662" s="613"/>
      <c r="EPN662" s="613"/>
      <c r="EPO662" s="613"/>
      <c r="EPP662" s="613"/>
      <c r="EPQ662" s="613"/>
      <c r="EPR662" s="613"/>
      <c r="EPS662" s="613"/>
      <c r="EPT662" s="613"/>
      <c r="EPU662" s="613"/>
      <c r="EPV662" s="613"/>
      <c r="EPW662" s="613"/>
      <c r="EPX662" s="613"/>
      <c r="EPY662" s="613"/>
      <c r="EPZ662" s="613"/>
      <c r="EQA662" s="613"/>
      <c r="EQB662" s="613"/>
      <c r="EQC662" s="613"/>
      <c r="EQD662" s="613"/>
      <c r="EQE662" s="613"/>
      <c r="EQF662" s="613"/>
      <c r="EQG662" s="613"/>
      <c r="EQH662" s="613"/>
      <c r="EQI662" s="613"/>
      <c r="EQJ662" s="613"/>
      <c r="EQK662" s="613"/>
      <c r="EQL662" s="613"/>
      <c r="EQM662" s="613"/>
      <c r="EQN662" s="613"/>
      <c r="EQO662" s="613"/>
      <c r="EQP662" s="613"/>
      <c r="EQQ662" s="613"/>
      <c r="EQR662" s="613"/>
      <c r="EQS662" s="613"/>
      <c r="EQT662" s="613"/>
      <c r="EQU662" s="613"/>
      <c r="EQV662" s="613"/>
      <c r="EQW662" s="613"/>
      <c r="EQX662" s="613"/>
      <c r="EQY662" s="613"/>
      <c r="EQZ662" s="613"/>
      <c r="ERA662" s="613"/>
      <c r="ERB662" s="613"/>
      <c r="ERC662" s="613"/>
      <c r="ERD662" s="613"/>
      <c r="ERE662" s="613"/>
      <c r="ERF662" s="613"/>
      <c r="ERG662" s="613"/>
      <c r="ERH662" s="613"/>
      <c r="ERI662" s="613"/>
      <c r="ERJ662" s="613"/>
      <c r="ERK662" s="613"/>
      <c r="ERL662" s="613"/>
      <c r="ERM662" s="613"/>
      <c r="ERN662" s="613"/>
      <c r="ERO662" s="613"/>
      <c r="ERP662" s="613"/>
      <c r="ERQ662" s="613"/>
      <c r="ERR662" s="613"/>
      <c r="ERS662" s="613"/>
      <c r="ERT662" s="613"/>
      <c r="ERU662" s="613"/>
      <c r="ERV662" s="613"/>
      <c r="ERW662" s="613"/>
      <c r="ERX662" s="613"/>
      <c r="ERY662" s="613"/>
      <c r="ERZ662" s="613"/>
      <c r="ESA662" s="613"/>
      <c r="ESB662" s="613"/>
      <c r="ESC662" s="613"/>
      <c r="ESD662" s="613"/>
      <c r="ESE662" s="613"/>
      <c r="ESF662" s="613"/>
      <c r="ESG662" s="613"/>
      <c r="ESH662" s="613"/>
      <c r="ESI662" s="613"/>
      <c r="ESJ662" s="613"/>
      <c r="ESK662" s="613"/>
      <c r="ESL662" s="613"/>
      <c r="ESM662" s="613"/>
      <c r="ESN662" s="613"/>
      <c r="ESO662" s="613"/>
      <c r="ESP662" s="613"/>
      <c r="ESQ662" s="613"/>
      <c r="ESR662" s="613"/>
      <c r="ESS662" s="613"/>
      <c r="EST662" s="613"/>
      <c r="ESU662" s="613"/>
      <c r="ESV662" s="613"/>
      <c r="ESW662" s="613"/>
      <c r="ESX662" s="613"/>
      <c r="ESY662" s="613"/>
      <c r="ESZ662" s="613"/>
      <c r="ETA662" s="613"/>
      <c r="ETB662" s="613"/>
      <c r="ETC662" s="613"/>
      <c r="ETD662" s="613"/>
      <c r="ETE662" s="613"/>
      <c r="ETF662" s="613"/>
      <c r="ETG662" s="613"/>
      <c r="ETH662" s="613"/>
      <c r="ETI662" s="613"/>
      <c r="ETJ662" s="613"/>
      <c r="ETK662" s="613"/>
      <c r="ETL662" s="613"/>
      <c r="ETM662" s="613"/>
      <c r="ETN662" s="613"/>
      <c r="ETO662" s="613"/>
      <c r="ETP662" s="613"/>
      <c r="ETQ662" s="613"/>
      <c r="ETR662" s="613"/>
      <c r="ETS662" s="613"/>
      <c r="ETT662" s="613"/>
      <c r="ETU662" s="613"/>
      <c r="ETV662" s="613"/>
      <c r="ETW662" s="613"/>
      <c r="ETX662" s="613"/>
      <c r="ETY662" s="613"/>
      <c r="ETZ662" s="613"/>
      <c r="EUA662" s="613"/>
      <c r="EUB662" s="613"/>
      <c r="EUC662" s="613"/>
      <c r="EUD662" s="613"/>
      <c r="EUE662" s="613"/>
      <c r="EUF662" s="613"/>
      <c r="EUG662" s="613"/>
      <c r="EUH662" s="613"/>
      <c r="EUI662" s="613"/>
      <c r="EUJ662" s="613"/>
      <c r="EUK662" s="613"/>
      <c r="EUL662" s="613"/>
      <c r="EUM662" s="613"/>
      <c r="EUN662" s="613"/>
      <c r="EUO662" s="613"/>
      <c r="EUP662" s="613"/>
      <c r="EUQ662" s="613"/>
      <c r="EUR662" s="613"/>
      <c r="EUS662" s="613"/>
      <c r="EUT662" s="613"/>
      <c r="EUU662" s="613"/>
      <c r="EUV662" s="613"/>
      <c r="EUW662" s="613"/>
      <c r="EUX662" s="613"/>
      <c r="EUY662" s="613"/>
      <c r="EUZ662" s="613"/>
      <c r="EVA662" s="613"/>
      <c r="EVB662" s="613"/>
      <c r="EVC662" s="613"/>
      <c r="EVD662" s="613"/>
      <c r="EVE662" s="613"/>
      <c r="EVF662" s="613"/>
      <c r="EVG662" s="613"/>
      <c r="EVH662" s="613"/>
      <c r="EVI662" s="613"/>
      <c r="EVJ662" s="613"/>
      <c r="EVK662" s="613"/>
      <c r="EVL662" s="613"/>
      <c r="EVM662" s="613"/>
      <c r="EVN662" s="613"/>
      <c r="EVO662" s="613"/>
      <c r="EVP662" s="613"/>
      <c r="EVQ662" s="613"/>
      <c r="EVR662" s="613"/>
      <c r="EVS662" s="613"/>
      <c r="EVT662" s="613"/>
      <c r="EVU662" s="613"/>
      <c r="EVV662" s="613"/>
      <c r="EVW662" s="613"/>
      <c r="EVX662" s="613"/>
      <c r="EVY662" s="613"/>
      <c r="EVZ662" s="613"/>
      <c r="EWA662" s="613"/>
      <c r="EWB662" s="613"/>
      <c r="EWC662" s="613"/>
      <c r="EWD662" s="613"/>
      <c r="EWE662" s="613"/>
      <c r="EWF662" s="613"/>
      <c r="EWG662" s="613"/>
      <c r="EWH662" s="613"/>
      <c r="EWI662" s="613"/>
      <c r="EWJ662" s="613"/>
      <c r="EWK662" s="613"/>
      <c r="EWL662" s="613"/>
      <c r="EWM662" s="613"/>
      <c r="EWN662" s="613"/>
      <c r="EWO662" s="613"/>
      <c r="EWP662" s="613"/>
      <c r="EWQ662" s="613"/>
      <c r="EWR662" s="613"/>
      <c r="EWS662" s="613"/>
      <c r="EWT662" s="613"/>
      <c r="EWU662" s="613"/>
      <c r="EWV662" s="613"/>
      <c r="EWW662" s="613"/>
      <c r="EWX662" s="613"/>
      <c r="EWY662" s="613"/>
      <c r="EWZ662" s="613"/>
      <c r="EXA662" s="613"/>
      <c r="EXB662" s="613"/>
      <c r="EXC662" s="613"/>
      <c r="EXD662" s="613"/>
      <c r="EXE662" s="613"/>
      <c r="EXF662" s="613"/>
      <c r="EXG662" s="613"/>
      <c r="EXH662" s="613"/>
      <c r="EXI662" s="613"/>
      <c r="EXJ662" s="613"/>
      <c r="EXK662" s="613"/>
      <c r="EXL662" s="613"/>
      <c r="EXM662" s="613"/>
      <c r="EXN662" s="613"/>
      <c r="EXO662" s="613"/>
      <c r="EXP662" s="613"/>
      <c r="EXQ662" s="613"/>
      <c r="EXR662" s="613"/>
      <c r="EXS662" s="613"/>
      <c r="EXT662" s="613"/>
      <c r="EXU662" s="613"/>
      <c r="EXV662" s="613"/>
      <c r="EXW662" s="613"/>
      <c r="EXX662" s="613"/>
      <c r="EXY662" s="613"/>
      <c r="EXZ662" s="613"/>
      <c r="EYA662" s="613"/>
      <c r="EYB662" s="613"/>
      <c r="EYC662" s="613"/>
      <c r="EYD662" s="613"/>
      <c r="EYE662" s="613"/>
      <c r="EYF662" s="613"/>
      <c r="EYG662" s="613"/>
      <c r="EYH662" s="613"/>
      <c r="EYI662" s="613"/>
      <c r="EYJ662" s="613"/>
      <c r="EYK662" s="613"/>
      <c r="EYL662" s="613"/>
      <c r="EYM662" s="613"/>
      <c r="EYN662" s="613"/>
      <c r="EYO662" s="613"/>
      <c r="EYP662" s="613"/>
      <c r="EYQ662" s="613"/>
      <c r="EYR662" s="613"/>
      <c r="EYS662" s="613"/>
      <c r="EYT662" s="613"/>
      <c r="EYU662" s="613"/>
      <c r="EYV662" s="613"/>
      <c r="EYW662" s="613"/>
      <c r="EYX662" s="613"/>
      <c r="EYY662" s="613"/>
      <c r="EYZ662" s="613"/>
      <c r="EZA662" s="613"/>
      <c r="EZB662" s="613"/>
      <c r="EZC662" s="613"/>
      <c r="EZD662" s="613"/>
      <c r="EZE662" s="613"/>
      <c r="EZF662" s="613"/>
      <c r="EZG662" s="613"/>
      <c r="EZH662" s="613"/>
      <c r="EZI662" s="613"/>
      <c r="EZJ662" s="613"/>
      <c r="EZK662" s="613"/>
      <c r="EZL662" s="613"/>
      <c r="EZM662" s="613"/>
      <c r="EZN662" s="613"/>
      <c r="EZO662" s="613"/>
      <c r="EZP662" s="613"/>
      <c r="EZQ662" s="613"/>
      <c r="EZR662" s="613"/>
      <c r="EZS662" s="613"/>
      <c r="EZT662" s="613"/>
      <c r="EZU662" s="613"/>
      <c r="EZV662" s="613"/>
      <c r="EZW662" s="613"/>
      <c r="EZX662" s="613"/>
      <c r="EZY662" s="613"/>
      <c r="EZZ662" s="613"/>
      <c r="FAA662" s="613"/>
      <c r="FAB662" s="613"/>
      <c r="FAC662" s="613"/>
      <c r="FAD662" s="613"/>
      <c r="FAE662" s="613"/>
      <c r="FAF662" s="613"/>
      <c r="FAG662" s="613"/>
      <c r="FAH662" s="613"/>
      <c r="FAI662" s="613"/>
      <c r="FAJ662" s="613"/>
      <c r="FAK662" s="613"/>
      <c r="FAL662" s="613"/>
      <c r="FAM662" s="613"/>
      <c r="FAN662" s="613"/>
      <c r="FAO662" s="613"/>
      <c r="FAP662" s="613"/>
      <c r="FAQ662" s="613"/>
      <c r="FAR662" s="613"/>
      <c r="FAS662" s="613"/>
      <c r="FAT662" s="613"/>
      <c r="FAU662" s="613"/>
      <c r="FAV662" s="613"/>
      <c r="FAW662" s="613"/>
      <c r="FAX662" s="613"/>
      <c r="FAY662" s="613"/>
      <c r="FAZ662" s="613"/>
      <c r="FBA662" s="613"/>
      <c r="FBB662" s="613"/>
      <c r="FBC662" s="613"/>
      <c r="FBD662" s="613"/>
      <c r="FBE662" s="613"/>
      <c r="FBF662" s="613"/>
      <c r="FBG662" s="613"/>
      <c r="FBH662" s="613"/>
      <c r="FBI662" s="613"/>
      <c r="FBJ662" s="613"/>
      <c r="FBK662" s="613"/>
      <c r="FBL662" s="613"/>
      <c r="FBM662" s="613"/>
      <c r="FBN662" s="613"/>
      <c r="FBO662" s="613"/>
      <c r="FBP662" s="613"/>
      <c r="FBQ662" s="613"/>
      <c r="FBR662" s="613"/>
      <c r="FBS662" s="613"/>
      <c r="FBT662" s="613"/>
      <c r="FBU662" s="613"/>
      <c r="FBV662" s="613"/>
      <c r="FBW662" s="613"/>
      <c r="FBX662" s="613"/>
      <c r="FBY662" s="613"/>
      <c r="FBZ662" s="613"/>
      <c r="FCA662" s="613"/>
      <c r="FCB662" s="613"/>
      <c r="FCC662" s="613"/>
      <c r="FCD662" s="613"/>
      <c r="FCE662" s="613"/>
      <c r="FCF662" s="613"/>
      <c r="FCG662" s="613"/>
      <c r="FCH662" s="613"/>
      <c r="FCI662" s="613"/>
      <c r="FCJ662" s="613"/>
      <c r="FCK662" s="613"/>
      <c r="FCL662" s="613"/>
      <c r="FCM662" s="613"/>
      <c r="FCN662" s="613"/>
      <c r="FCO662" s="613"/>
      <c r="FCP662" s="613"/>
      <c r="FCQ662" s="613"/>
      <c r="FCR662" s="613"/>
      <c r="FCS662" s="613"/>
      <c r="FCT662" s="613"/>
      <c r="FCU662" s="613"/>
      <c r="FCV662" s="613"/>
      <c r="FCW662" s="613"/>
      <c r="FCX662" s="613"/>
      <c r="FCY662" s="613"/>
      <c r="FCZ662" s="613"/>
      <c r="FDA662" s="613"/>
      <c r="FDB662" s="613"/>
      <c r="FDC662" s="613"/>
      <c r="FDD662" s="613"/>
      <c r="FDE662" s="613"/>
      <c r="FDF662" s="613"/>
      <c r="FDG662" s="613"/>
      <c r="FDH662" s="613"/>
      <c r="FDI662" s="613"/>
      <c r="FDJ662" s="613"/>
      <c r="FDK662" s="613"/>
      <c r="FDL662" s="613"/>
      <c r="FDM662" s="613"/>
      <c r="FDN662" s="613"/>
      <c r="FDO662" s="613"/>
      <c r="FDP662" s="613"/>
      <c r="FDQ662" s="613"/>
      <c r="FDR662" s="613"/>
      <c r="FDS662" s="613"/>
      <c r="FDT662" s="613"/>
      <c r="FDU662" s="613"/>
      <c r="FDV662" s="613"/>
      <c r="FDW662" s="613"/>
      <c r="FDX662" s="613"/>
      <c r="FDY662" s="613"/>
      <c r="FDZ662" s="613"/>
      <c r="FEA662" s="613"/>
      <c r="FEB662" s="613"/>
      <c r="FEC662" s="613"/>
      <c r="FED662" s="613"/>
      <c r="FEE662" s="613"/>
      <c r="FEF662" s="613"/>
      <c r="FEG662" s="613"/>
      <c r="FEH662" s="613"/>
      <c r="FEI662" s="613"/>
      <c r="FEJ662" s="613"/>
      <c r="FEK662" s="613"/>
      <c r="FEL662" s="613"/>
      <c r="FEM662" s="613"/>
      <c r="FEN662" s="613"/>
      <c r="FEO662" s="613"/>
      <c r="FEP662" s="613"/>
      <c r="FEQ662" s="613"/>
      <c r="FER662" s="613"/>
      <c r="FES662" s="613"/>
      <c r="FET662" s="613"/>
      <c r="FEU662" s="613"/>
      <c r="FEV662" s="613"/>
      <c r="FEW662" s="613"/>
      <c r="FEX662" s="613"/>
      <c r="FEY662" s="613"/>
      <c r="FEZ662" s="613"/>
      <c r="FFA662" s="613"/>
      <c r="FFB662" s="613"/>
      <c r="FFC662" s="613"/>
      <c r="FFD662" s="613"/>
      <c r="FFE662" s="613"/>
      <c r="FFF662" s="613"/>
      <c r="FFG662" s="613"/>
      <c r="FFH662" s="613"/>
      <c r="FFI662" s="613"/>
      <c r="FFJ662" s="613"/>
      <c r="FFK662" s="613"/>
      <c r="FFL662" s="613"/>
      <c r="FFM662" s="613"/>
      <c r="FFN662" s="613"/>
      <c r="FFO662" s="613"/>
      <c r="FFP662" s="613"/>
      <c r="FFQ662" s="613"/>
      <c r="FFR662" s="613"/>
      <c r="FFS662" s="613"/>
      <c r="FFT662" s="613"/>
      <c r="FFU662" s="613"/>
      <c r="FFV662" s="613"/>
      <c r="FFW662" s="613"/>
      <c r="FFX662" s="613"/>
      <c r="FFY662" s="613"/>
      <c r="FFZ662" s="613"/>
      <c r="FGA662" s="613"/>
      <c r="FGB662" s="613"/>
      <c r="FGC662" s="613"/>
      <c r="FGD662" s="613"/>
      <c r="FGE662" s="613"/>
      <c r="FGF662" s="613"/>
      <c r="FGG662" s="613"/>
      <c r="FGH662" s="613"/>
      <c r="FGI662" s="613"/>
      <c r="FGJ662" s="613"/>
      <c r="FGK662" s="613"/>
      <c r="FGL662" s="613"/>
      <c r="FGM662" s="613"/>
      <c r="FGN662" s="613"/>
      <c r="FGO662" s="613"/>
      <c r="FGP662" s="613"/>
      <c r="FGQ662" s="613"/>
      <c r="FGR662" s="613"/>
      <c r="FGS662" s="613"/>
      <c r="FGT662" s="613"/>
      <c r="FGU662" s="613"/>
      <c r="FGV662" s="613"/>
      <c r="FGW662" s="613"/>
      <c r="FGX662" s="613"/>
      <c r="FGY662" s="613"/>
      <c r="FGZ662" s="613"/>
      <c r="FHA662" s="613"/>
      <c r="FHB662" s="613"/>
      <c r="FHC662" s="613"/>
      <c r="FHD662" s="613"/>
      <c r="FHE662" s="613"/>
      <c r="FHF662" s="613"/>
      <c r="FHG662" s="613"/>
      <c r="FHH662" s="613"/>
      <c r="FHI662" s="613"/>
      <c r="FHJ662" s="613"/>
      <c r="FHK662" s="613"/>
      <c r="FHL662" s="613"/>
      <c r="FHM662" s="613"/>
      <c r="FHN662" s="613"/>
      <c r="FHO662" s="613"/>
      <c r="FHP662" s="613"/>
      <c r="FHQ662" s="613"/>
      <c r="FHR662" s="613"/>
      <c r="FHS662" s="613"/>
      <c r="FHT662" s="613"/>
      <c r="FHU662" s="613"/>
      <c r="FHV662" s="613"/>
      <c r="FHW662" s="613"/>
      <c r="FHX662" s="613"/>
      <c r="FHY662" s="613"/>
      <c r="FHZ662" s="613"/>
      <c r="FIA662" s="613"/>
      <c r="FIB662" s="613"/>
      <c r="FIC662" s="613"/>
      <c r="FID662" s="613"/>
      <c r="FIE662" s="613"/>
      <c r="FIF662" s="613"/>
      <c r="FIG662" s="613"/>
      <c r="FIH662" s="613"/>
      <c r="FII662" s="613"/>
      <c r="FIJ662" s="613"/>
      <c r="FIK662" s="613"/>
      <c r="FIL662" s="613"/>
      <c r="FIM662" s="613"/>
      <c r="FIN662" s="613"/>
      <c r="FIO662" s="613"/>
      <c r="FIP662" s="613"/>
      <c r="FIQ662" s="613"/>
      <c r="FIR662" s="613"/>
      <c r="FIS662" s="613"/>
      <c r="FIT662" s="613"/>
      <c r="FIU662" s="613"/>
      <c r="FIV662" s="613"/>
      <c r="FIW662" s="613"/>
      <c r="FIX662" s="613"/>
      <c r="FIY662" s="613"/>
      <c r="FIZ662" s="613"/>
      <c r="FJA662" s="613"/>
      <c r="FJB662" s="613"/>
      <c r="FJC662" s="613"/>
      <c r="FJD662" s="613"/>
      <c r="FJE662" s="613"/>
      <c r="FJF662" s="613"/>
      <c r="FJG662" s="613"/>
      <c r="FJH662" s="613"/>
      <c r="FJI662" s="613"/>
      <c r="FJJ662" s="613"/>
      <c r="FJK662" s="613"/>
      <c r="FJL662" s="613"/>
      <c r="FJM662" s="613"/>
      <c r="FJN662" s="613"/>
      <c r="FJO662" s="613"/>
      <c r="FJP662" s="613"/>
      <c r="FJQ662" s="613"/>
      <c r="FJR662" s="613"/>
      <c r="FJS662" s="613"/>
      <c r="FJT662" s="613"/>
      <c r="FJU662" s="613"/>
      <c r="FJV662" s="613"/>
      <c r="FJW662" s="613"/>
      <c r="FJX662" s="613"/>
      <c r="FJY662" s="613"/>
      <c r="FJZ662" s="613"/>
      <c r="FKA662" s="613"/>
      <c r="FKB662" s="613"/>
      <c r="FKC662" s="613"/>
      <c r="FKD662" s="613"/>
      <c r="FKE662" s="613"/>
      <c r="FKF662" s="613"/>
      <c r="FKG662" s="613"/>
      <c r="FKH662" s="613"/>
      <c r="FKI662" s="613"/>
      <c r="FKJ662" s="613"/>
      <c r="FKK662" s="613"/>
      <c r="FKL662" s="613"/>
      <c r="FKM662" s="613"/>
      <c r="FKN662" s="613"/>
      <c r="FKO662" s="613"/>
      <c r="FKP662" s="613"/>
      <c r="FKQ662" s="613"/>
      <c r="FKR662" s="613"/>
      <c r="FKS662" s="613"/>
      <c r="FKT662" s="613"/>
      <c r="FKU662" s="613"/>
      <c r="FKV662" s="613"/>
      <c r="FKW662" s="613"/>
      <c r="FKX662" s="613"/>
      <c r="FKY662" s="613"/>
      <c r="FKZ662" s="613"/>
      <c r="FLA662" s="613"/>
      <c r="FLB662" s="613"/>
      <c r="FLC662" s="613"/>
      <c r="FLD662" s="613"/>
      <c r="FLE662" s="613"/>
      <c r="FLF662" s="613"/>
      <c r="FLG662" s="613"/>
      <c r="FLH662" s="613"/>
      <c r="FLI662" s="613"/>
      <c r="FLJ662" s="613"/>
      <c r="FLK662" s="613"/>
      <c r="FLL662" s="613"/>
      <c r="FLM662" s="613"/>
      <c r="FLN662" s="613"/>
      <c r="FLO662" s="613"/>
      <c r="FLP662" s="613"/>
      <c r="FLQ662" s="613"/>
      <c r="FLR662" s="613"/>
      <c r="FLS662" s="613"/>
      <c r="FLT662" s="613"/>
      <c r="FLU662" s="613"/>
      <c r="FLV662" s="613"/>
      <c r="FLW662" s="613"/>
      <c r="FLX662" s="613"/>
      <c r="FLY662" s="613"/>
      <c r="FLZ662" s="613"/>
      <c r="FMA662" s="613"/>
      <c r="FMB662" s="613"/>
      <c r="FMC662" s="613"/>
      <c r="FMD662" s="613"/>
      <c r="FME662" s="613"/>
      <c r="FMF662" s="613"/>
      <c r="FMG662" s="613"/>
      <c r="FMH662" s="613"/>
      <c r="FMI662" s="613"/>
      <c r="FMJ662" s="613"/>
      <c r="FMK662" s="613"/>
      <c r="FML662" s="613"/>
      <c r="FMM662" s="613"/>
      <c r="FMN662" s="613"/>
      <c r="FMO662" s="613"/>
      <c r="FMP662" s="613"/>
      <c r="FMQ662" s="613"/>
      <c r="FMR662" s="613"/>
      <c r="FMS662" s="613"/>
      <c r="FMT662" s="613"/>
      <c r="FMU662" s="613"/>
      <c r="FMV662" s="613"/>
      <c r="FMW662" s="613"/>
      <c r="FMX662" s="613"/>
      <c r="FMY662" s="613"/>
      <c r="FMZ662" s="613"/>
      <c r="FNA662" s="613"/>
      <c r="FNB662" s="613"/>
      <c r="FNC662" s="613"/>
      <c r="FND662" s="613"/>
      <c r="FNE662" s="613"/>
      <c r="FNF662" s="613"/>
      <c r="FNG662" s="613"/>
      <c r="FNH662" s="613"/>
      <c r="FNI662" s="613"/>
      <c r="FNJ662" s="613"/>
      <c r="FNK662" s="613"/>
      <c r="FNL662" s="613"/>
      <c r="FNM662" s="613"/>
      <c r="FNN662" s="613"/>
      <c r="FNO662" s="613"/>
      <c r="FNP662" s="613"/>
      <c r="FNQ662" s="613"/>
      <c r="FNR662" s="613"/>
      <c r="FNS662" s="613"/>
      <c r="FNT662" s="613"/>
      <c r="FNU662" s="613"/>
      <c r="FNV662" s="613"/>
      <c r="FNW662" s="613"/>
      <c r="FNX662" s="613"/>
      <c r="FNY662" s="613"/>
      <c r="FNZ662" s="613"/>
      <c r="FOA662" s="613"/>
      <c r="FOB662" s="613"/>
      <c r="FOC662" s="613"/>
      <c r="FOD662" s="613"/>
      <c r="FOE662" s="613"/>
      <c r="FOF662" s="613"/>
      <c r="FOG662" s="613"/>
      <c r="FOH662" s="613"/>
      <c r="FOI662" s="613"/>
      <c r="FOJ662" s="613"/>
      <c r="FOK662" s="613"/>
      <c r="FOL662" s="613"/>
      <c r="FOM662" s="613"/>
      <c r="FON662" s="613"/>
      <c r="FOO662" s="613"/>
      <c r="FOP662" s="613"/>
      <c r="FOQ662" s="613"/>
      <c r="FOR662" s="613"/>
      <c r="FOS662" s="613"/>
      <c r="FOT662" s="613"/>
      <c r="FOU662" s="613"/>
      <c r="FOV662" s="613"/>
      <c r="FOW662" s="613"/>
      <c r="FOX662" s="613"/>
      <c r="FOY662" s="613"/>
      <c r="FOZ662" s="613"/>
      <c r="FPA662" s="613"/>
      <c r="FPB662" s="613"/>
      <c r="FPC662" s="613"/>
      <c r="FPD662" s="613"/>
      <c r="FPE662" s="613"/>
      <c r="FPF662" s="613"/>
      <c r="FPG662" s="613"/>
      <c r="FPH662" s="613"/>
      <c r="FPI662" s="613"/>
      <c r="FPJ662" s="613"/>
      <c r="FPK662" s="613"/>
      <c r="FPL662" s="613"/>
      <c r="FPM662" s="613"/>
      <c r="FPN662" s="613"/>
      <c r="FPO662" s="613"/>
      <c r="FPP662" s="613"/>
      <c r="FPQ662" s="613"/>
      <c r="FPR662" s="613"/>
      <c r="FPS662" s="613"/>
      <c r="FPT662" s="613"/>
      <c r="FPU662" s="613"/>
      <c r="FPV662" s="613"/>
      <c r="FPW662" s="613"/>
      <c r="FPX662" s="613"/>
      <c r="FPY662" s="613"/>
      <c r="FPZ662" s="613"/>
      <c r="FQA662" s="613"/>
      <c r="FQB662" s="613"/>
      <c r="FQC662" s="613"/>
      <c r="FQD662" s="613"/>
      <c r="FQE662" s="613"/>
      <c r="FQF662" s="613"/>
      <c r="FQG662" s="613"/>
      <c r="FQH662" s="613"/>
      <c r="FQI662" s="613"/>
      <c r="FQJ662" s="613"/>
      <c r="FQK662" s="613"/>
      <c r="FQL662" s="613"/>
      <c r="FQM662" s="613"/>
      <c r="FQN662" s="613"/>
      <c r="FQO662" s="613"/>
      <c r="FQP662" s="613"/>
      <c r="FQQ662" s="613"/>
      <c r="FQR662" s="613"/>
      <c r="FQS662" s="613"/>
      <c r="FQT662" s="613"/>
      <c r="FQU662" s="613"/>
      <c r="FQV662" s="613"/>
      <c r="FQW662" s="613"/>
      <c r="FQX662" s="613"/>
      <c r="FQY662" s="613"/>
      <c r="FQZ662" s="613"/>
      <c r="FRA662" s="613"/>
      <c r="FRB662" s="613"/>
      <c r="FRC662" s="613"/>
      <c r="FRD662" s="613"/>
      <c r="FRE662" s="613"/>
      <c r="FRF662" s="613"/>
      <c r="FRG662" s="613"/>
      <c r="FRH662" s="613"/>
      <c r="FRI662" s="613"/>
      <c r="FRJ662" s="613"/>
      <c r="FRK662" s="613"/>
      <c r="FRL662" s="613"/>
      <c r="FRM662" s="613"/>
      <c r="FRN662" s="613"/>
      <c r="FRO662" s="613"/>
      <c r="FRP662" s="613"/>
      <c r="FRQ662" s="613"/>
      <c r="FRR662" s="613"/>
      <c r="FRS662" s="613"/>
      <c r="FRT662" s="613"/>
      <c r="FRU662" s="613"/>
      <c r="FRV662" s="613"/>
      <c r="FRW662" s="613"/>
      <c r="FRX662" s="613"/>
      <c r="FRY662" s="613"/>
      <c r="FRZ662" s="613"/>
      <c r="FSA662" s="613"/>
      <c r="FSB662" s="613"/>
      <c r="FSC662" s="613"/>
      <c r="FSD662" s="613"/>
      <c r="FSE662" s="613"/>
      <c r="FSF662" s="613"/>
      <c r="FSG662" s="613"/>
      <c r="FSH662" s="613"/>
      <c r="FSI662" s="613"/>
      <c r="FSJ662" s="613"/>
      <c r="FSK662" s="613"/>
      <c r="FSL662" s="613"/>
      <c r="FSM662" s="613"/>
      <c r="FSN662" s="613"/>
      <c r="FSO662" s="613"/>
      <c r="FSP662" s="613"/>
      <c r="FSQ662" s="613"/>
      <c r="FSR662" s="613"/>
      <c r="FSS662" s="613"/>
      <c r="FST662" s="613"/>
      <c r="FSU662" s="613"/>
      <c r="FSV662" s="613"/>
      <c r="FSW662" s="613"/>
      <c r="FSX662" s="613"/>
      <c r="FSY662" s="613"/>
      <c r="FSZ662" s="613"/>
      <c r="FTA662" s="613"/>
      <c r="FTB662" s="613"/>
      <c r="FTC662" s="613"/>
      <c r="FTD662" s="613"/>
      <c r="FTE662" s="613"/>
      <c r="FTF662" s="613"/>
      <c r="FTG662" s="613"/>
      <c r="FTH662" s="613"/>
      <c r="FTI662" s="613"/>
      <c r="FTJ662" s="613"/>
      <c r="FTK662" s="613"/>
      <c r="FTL662" s="613"/>
      <c r="FTM662" s="613"/>
      <c r="FTN662" s="613"/>
      <c r="FTO662" s="613"/>
      <c r="FTP662" s="613"/>
      <c r="FTQ662" s="613"/>
      <c r="FTR662" s="613"/>
      <c r="FTS662" s="613"/>
      <c r="FTT662" s="613"/>
      <c r="FTU662" s="613"/>
      <c r="FTV662" s="613"/>
      <c r="FTW662" s="613"/>
      <c r="FTX662" s="613"/>
      <c r="FTY662" s="613"/>
      <c r="FTZ662" s="613"/>
      <c r="FUA662" s="613"/>
      <c r="FUB662" s="613"/>
      <c r="FUC662" s="613"/>
      <c r="FUD662" s="613"/>
      <c r="FUE662" s="613"/>
      <c r="FUF662" s="613"/>
      <c r="FUG662" s="613"/>
      <c r="FUH662" s="613"/>
      <c r="FUI662" s="613"/>
      <c r="FUJ662" s="613"/>
      <c r="FUK662" s="613"/>
      <c r="FUL662" s="613"/>
      <c r="FUM662" s="613"/>
      <c r="FUN662" s="613"/>
      <c r="FUO662" s="613"/>
      <c r="FUP662" s="613"/>
      <c r="FUQ662" s="613"/>
      <c r="FUR662" s="613"/>
      <c r="FUS662" s="613"/>
      <c r="FUT662" s="613"/>
      <c r="FUU662" s="613"/>
      <c r="FUV662" s="613"/>
      <c r="FUW662" s="613"/>
      <c r="FUX662" s="613"/>
      <c r="FUY662" s="613"/>
      <c r="FUZ662" s="613"/>
      <c r="FVA662" s="613"/>
      <c r="FVB662" s="613"/>
      <c r="FVC662" s="613"/>
      <c r="FVD662" s="613"/>
      <c r="FVE662" s="613"/>
      <c r="FVF662" s="613"/>
      <c r="FVG662" s="613"/>
      <c r="FVH662" s="613"/>
      <c r="FVI662" s="613"/>
      <c r="FVJ662" s="613"/>
      <c r="FVK662" s="613"/>
      <c r="FVL662" s="613"/>
      <c r="FVM662" s="613"/>
      <c r="FVN662" s="613"/>
      <c r="FVO662" s="613"/>
      <c r="FVP662" s="613"/>
      <c r="FVQ662" s="613"/>
      <c r="FVR662" s="613"/>
      <c r="FVS662" s="613"/>
      <c r="FVT662" s="613"/>
      <c r="FVU662" s="613"/>
      <c r="FVV662" s="613"/>
      <c r="FVW662" s="613"/>
      <c r="FVX662" s="613"/>
      <c r="FVY662" s="613"/>
      <c r="FVZ662" s="613"/>
      <c r="FWA662" s="613"/>
      <c r="FWB662" s="613"/>
      <c r="FWC662" s="613"/>
      <c r="FWD662" s="613"/>
      <c r="FWE662" s="613"/>
      <c r="FWF662" s="613"/>
      <c r="FWG662" s="613"/>
      <c r="FWH662" s="613"/>
      <c r="FWI662" s="613"/>
      <c r="FWJ662" s="613"/>
      <c r="FWK662" s="613"/>
      <c r="FWL662" s="613"/>
      <c r="FWM662" s="613"/>
      <c r="FWN662" s="613"/>
      <c r="FWO662" s="613"/>
      <c r="FWP662" s="613"/>
      <c r="FWQ662" s="613"/>
      <c r="FWR662" s="613"/>
      <c r="FWS662" s="613"/>
      <c r="FWT662" s="613"/>
      <c r="FWU662" s="613"/>
      <c r="FWV662" s="613"/>
      <c r="FWW662" s="613"/>
      <c r="FWX662" s="613"/>
      <c r="FWY662" s="613"/>
      <c r="FWZ662" s="613"/>
      <c r="FXA662" s="613"/>
      <c r="FXB662" s="613"/>
      <c r="FXC662" s="613"/>
      <c r="FXD662" s="613"/>
      <c r="FXE662" s="613"/>
      <c r="FXF662" s="613"/>
      <c r="FXG662" s="613"/>
      <c r="FXH662" s="613"/>
      <c r="FXI662" s="613"/>
      <c r="FXJ662" s="613"/>
      <c r="FXK662" s="613"/>
      <c r="FXL662" s="613"/>
      <c r="FXM662" s="613"/>
      <c r="FXN662" s="613"/>
      <c r="FXO662" s="613"/>
      <c r="FXP662" s="613"/>
      <c r="FXQ662" s="613"/>
      <c r="FXR662" s="613"/>
      <c r="FXS662" s="613"/>
      <c r="FXT662" s="613"/>
      <c r="FXU662" s="613"/>
      <c r="FXV662" s="613"/>
      <c r="FXW662" s="613"/>
      <c r="FXX662" s="613"/>
      <c r="FXY662" s="613"/>
      <c r="FXZ662" s="613"/>
      <c r="FYA662" s="613"/>
      <c r="FYB662" s="613"/>
      <c r="FYC662" s="613"/>
      <c r="FYD662" s="613"/>
      <c r="FYE662" s="613"/>
      <c r="FYF662" s="613"/>
      <c r="FYG662" s="613"/>
      <c r="FYH662" s="613"/>
      <c r="FYI662" s="613"/>
      <c r="FYJ662" s="613"/>
      <c r="FYK662" s="613"/>
      <c r="FYL662" s="613"/>
      <c r="FYM662" s="613"/>
      <c r="FYN662" s="613"/>
      <c r="FYO662" s="613"/>
      <c r="FYP662" s="613"/>
      <c r="FYQ662" s="613"/>
      <c r="FYR662" s="613"/>
      <c r="FYS662" s="613"/>
      <c r="FYT662" s="613"/>
      <c r="FYU662" s="613"/>
      <c r="FYV662" s="613"/>
      <c r="FYW662" s="613"/>
      <c r="FYX662" s="613"/>
      <c r="FYY662" s="613"/>
      <c r="FYZ662" s="613"/>
      <c r="FZA662" s="613"/>
      <c r="FZB662" s="613"/>
      <c r="FZC662" s="613"/>
      <c r="FZD662" s="613"/>
      <c r="FZE662" s="613"/>
      <c r="FZF662" s="613"/>
      <c r="FZG662" s="613"/>
      <c r="FZH662" s="613"/>
      <c r="FZI662" s="613"/>
      <c r="FZJ662" s="613"/>
      <c r="FZK662" s="613"/>
      <c r="FZL662" s="613"/>
      <c r="FZM662" s="613"/>
      <c r="FZN662" s="613"/>
      <c r="FZO662" s="613"/>
      <c r="FZP662" s="613"/>
      <c r="FZQ662" s="613"/>
      <c r="FZR662" s="613"/>
      <c r="FZS662" s="613"/>
      <c r="FZT662" s="613"/>
      <c r="FZU662" s="613"/>
      <c r="FZV662" s="613"/>
      <c r="FZW662" s="613"/>
      <c r="FZX662" s="613"/>
      <c r="FZY662" s="613"/>
      <c r="FZZ662" s="613"/>
      <c r="GAA662" s="613"/>
      <c r="GAB662" s="613"/>
      <c r="GAC662" s="613"/>
      <c r="GAD662" s="613"/>
      <c r="GAE662" s="613"/>
      <c r="GAF662" s="613"/>
      <c r="GAG662" s="613"/>
      <c r="GAH662" s="613"/>
      <c r="GAI662" s="613"/>
      <c r="GAJ662" s="613"/>
      <c r="GAK662" s="613"/>
      <c r="GAL662" s="613"/>
      <c r="GAM662" s="613"/>
      <c r="GAN662" s="613"/>
      <c r="GAO662" s="613"/>
      <c r="GAP662" s="613"/>
      <c r="GAQ662" s="613"/>
      <c r="GAR662" s="613"/>
      <c r="GAS662" s="613"/>
      <c r="GAT662" s="613"/>
      <c r="GAU662" s="613"/>
      <c r="GAV662" s="613"/>
      <c r="GAW662" s="613"/>
      <c r="GAX662" s="613"/>
      <c r="GAY662" s="613"/>
      <c r="GAZ662" s="613"/>
      <c r="GBA662" s="613"/>
      <c r="GBB662" s="613"/>
      <c r="GBC662" s="613"/>
      <c r="GBD662" s="613"/>
      <c r="GBE662" s="613"/>
      <c r="GBF662" s="613"/>
      <c r="GBG662" s="613"/>
      <c r="GBH662" s="613"/>
      <c r="GBI662" s="613"/>
      <c r="GBJ662" s="613"/>
      <c r="GBK662" s="613"/>
      <c r="GBL662" s="613"/>
      <c r="GBM662" s="613"/>
      <c r="GBN662" s="613"/>
      <c r="GBO662" s="613"/>
      <c r="GBP662" s="613"/>
      <c r="GBQ662" s="613"/>
      <c r="GBR662" s="613"/>
      <c r="GBS662" s="613"/>
      <c r="GBT662" s="613"/>
      <c r="GBU662" s="613"/>
      <c r="GBV662" s="613"/>
      <c r="GBW662" s="613"/>
      <c r="GBX662" s="613"/>
      <c r="GBY662" s="613"/>
      <c r="GBZ662" s="613"/>
      <c r="GCA662" s="613"/>
      <c r="GCB662" s="613"/>
      <c r="GCC662" s="613"/>
      <c r="GCD662" s="613"/>
      <c r="GCE662" s="613"/>
      <c r="GCF662" s="613"/>
      <c r="GCG662" s="613"/>
      <c r="GCH662" s="613"/>
      <c r="GCI662" s="613"/>
      <c r="GCJ662" s="613"/>
      <c r="GCK662" s="613"/>
      <c r="GCL662" s="613"/>
      <c r="GCM662" s="613"/>
      <c r="GCN662" s="613"/>
      <c r="GCO662" s="613"/>
      <c r="GCP662" s="613"/>
      <c r="GCQ662" s="613"/>
      <c r="GCR662" s="613"/>
      <c r="GCS662" s="613"/>
      <c r="GCT662" s="613"/>
      <c r="GCU662" s="613"/>
      <c r="GCV662" s="613"/>
      <c r="GCW662" s="613"/>
      <c r="GCX662" s="613"/>
      <c r="GCY662" s="613"/>
      <c r="GCZ662" s="613"/>
      <c r="GDA662" s="613"/>
      <c r="GDB662" s="613"/>
      <c r="GDC662" s="613"/>
      <c r="GDD662" s="613"/>
      <c r="GDE662" s="613"/>
      <c r="GDF662" s="613"/>
      <c r="GDG662" s="613"/>
      <c r="GDH662" s="613"/>
      <c r="GDI662" s="613"/>
      <c r="GDJ662" s="613"/>
      <c r="GDK662" s="613"/>
      <c r="GDL662" s="613"/>
      <c r="GDM662" s="613"/>
      <c r="GDN662" s="613"/>
      <c r="GDO662" s="613"/>
      <c r="GDP662" s="613"/>
      <c r="GDQ662" s="613"/>
      <c r="GDR662" s="613"/>
      <c r="GDS662" s="613"/>
      <c r="GDT662" s="613"/>
      <c r="GDU662" s="613"/>
      <c r="GDV662" s="613"/>
      <c r="GDW662" s="613"/>
      <c r="GDX662" s="613"/>
      <c r="GDY662" s="613"/>
      <c r="GDZ662" s="613"/>
      <c r="GEA662" s="613"/>
      <c r="GEB662" s="613"/>
      <c r="GEC662" s="613"/>
      <c r="GED662" s="613"/>
      <c r="GEE662" s="613"/>
      <c r="GEF662" s="613"/>
      <c r="GEG662" s="613"/>
      <c r="GEH662" s="613"/>
      <c r="GEI662" s="613"/>
      <c r="GEJ662" s="613"/>
      <c r="GEK662" s="613"/>
      <c r="GEL662" s="613"/>
      <c r="GEM662" s="613"/>
      <c r="GEN662" s="613"/>
      <c r="GEO662" s="613"/>
      <c r="GEP662" s="613"/>
      <c r="GEQ662" s="613"/>
      <c r="GER662" s="613"/>
      <c r="GES662" s="613"/>
      <c r="GET662" s="613"/>
      <c r="GEU662" s="613"/>
      <c r="GEV662" s="613"/>
      <c r="GEW662" s="613"/>
      <c r="GEX662" s="613"/>
      <c r="GEY662" s="613"/>
      <c r="GEZ662" s="613"/>
      <c r="GFA662" s="613"/>
      <c r="GFB662" s="613"/>
      <c r="GFC662" s="613"/>
      <c r="GFD662" s="613"/>
      <c r="GFE662" s="613"/>
      <c r="GFF662" s="613"/>
      <c r="GFG662" s="613"/>
      <c r="GFH662" s="613"/>
      <c r="GFI662" s="613"/>
      <c r="GFJ662" s="613"/>
      <c r="GFK662" s="613"/>
      <c r="GFL662" s="613"/>
      <c r="GFM662" s="613"/>
      <c r="GFN662" s="613"/>
      <c r="GFO662" s="613"/>
      <c r="GFP662" s="613"/>
      <c r="GFQ662" s="613"/>
      <c r="GFR662" s="613"/>
      <c r="GFS662" s="613"/>
      <c r="GFT662" s="613"/>
      <c r="GFU662" s="613"/>
      <c r="GFV662" s="613"/>
      <c r="GFW662" s="613"/>
      <c r="GFX662" s="613"/>
      <c r="GFY662" s="613"/>
      <c r="GFZ662" s="613"/>
      <c r="GGA662" s="613"/>
      <c r="GGB662" s="613"/>
      <c r="GGC662" s="613"/>
      <c r="GGD662" s="613"/>
      <c r="GGE662" s="613"/>
      <c r="GGF662" s="613"/>
      <c r="GGG662" s="613"/>
      <c r="GGH662" s="613"/>
      <c r="GGI662" s="613"/>
      <c r="GGJ662" s="613"/>
      <c r="GGK662" s="613"/>
      <c r="GGL662" s="613"/>
      <c r="GGM662" s="613"/>
      <c r="GGN662" s="613"/>
      <c r="GGO662" s="613"/>
      <c r="GGP662" s="613"/>
      <c r="GGQ662" s="613"/>
      <c r="GGR662" s="613"/>
      <c r="GGS662" s="613"/>
      <c r="GGT662" s="613"/>
      <c r="GGU662" s="613"/>
      <c r="GGV662" s="613"/>
      <c r="GGW662" s="613"/>
      <c r="GGX662" s="613"/>
      <c r="GGY662" s="613"/>
      <c r="GGZ662" s="613"/>
      <c r="GHA662" s="613"/>
      <c r="GHB662" s="613"/>
      <c r="GHC662" s="613"/>
      <c r="GHD662" s="613"/>
      <c r="GHE662" s="613"/>
      <c r="GHF662" s="613"/>
      <c r="GHG662" s="613"/>
      <c r="GHH662" s="613"/>
      <c r="GHI662" s="613"/>
      <c r="GHJ662" s="613"/>
      <c r="GHK662" s="613"/>
      <c r="GHL662" s="613"/>
      <c r="GHM662" s="613"/>
      <c r="GHN662" s="613"/>
      <c r="GHO662" s="613"/>
      <c r="GHP662" s="613"/>
      <c r="GHQ662" s="613"/>
      <c r="GHR662" s="613"/>
      <c r="GHS662" s="613"/>
      <c r="GHT662" s="613"/>
      <c r="GHU662" s="613"/>
      <c r="GHV662" s="613"/>
      <c r="GHW662" s="613"/>
      <c r="GHX662" s="613"/>
      <c r="GHY662" s="613"/>
      <c r="GHZ662" s="613"/>
      <c r="GIA662" s="613"/>
      <c r="GIB662" s="613"/>
      <c r="GIC662" s="613"/>
      <c r="GID662" s="613"/>
      <c r="GIE662" s="613"/>
      <c r="GIF662" s="613"/>
      <c r="GIG662" s="613"/>
      <c r="GIH662" s="613"/>
      <c r="GII662" s="613"/>
      <c r="GIJ662" s="613"/>
      <c r="GIK662" s="613"/>
      <c r="GIL662" s="613"/>
      <c r="GIM662" s="613"/>
      <c r="GIN662" s="613"/>
      <c r="GIO662" s="613"/>
      <c r="GIP662" s="613"/>
      <c r="GIQ662" s="613"/>
      <c r="GIR662" s="613"/>
      <c r="GIS662" s="613"/>
      <c r="GIT662" s="613"/>
      <c r="GIU662" s="613"/>
      <c r="GIV662" s="613"/>
      <c r="GIW662" s="613"/>
      <c r="GIX662" s="613"/>
      <c r="GIY662" s="613"/>
      <c r="GIZ662" s="613"/>
      <c r="GJA662" s="613"/>
      <c r="GJB662" s="613"/>
      <c r="GJC662" s="613"/>
      <c r="GJD662" s="613"/>
      <c r="GJE662" s="613"/>
      <c r="GJF662" s="613"/>
      <c r="GJG662" s="613"/>
      <c r="GJH662" s="613"/>
      <c r="GJI662" s="613"/>
      <c r="GJJ662" s="613"/>
      <c r="GJK662" s="613"/>
      <c r="GJL662" s="613"/>
      <c r="GJM662" s="613"/>
      <c r="GJN662" s="613"/>
      <c r="GJO662" s="613"/>
      <c r="GJP662" s="613"/>
      <c r="GJQ662" s="613"/>
      <c r="GJR662" s="613"/>
      <c r="GJS662" s="613"/>
      <c r="GJT662" s="613"/>
      <c r="GJU662" s="613"/>
      <c r="GJV662" s="613"/>
      <c r="GJW662" s="613"/>
      <c r="GJX662" s="613"/>
      <c r="GJY662" s="613"/>
      <c r="GJZ662" s="613"/>
      <c r="GKA662" s="613"/>
      <c r="GKB662" s="613"/>
      <c r="GKC662" s="613"/>
      <c r="GKD662" s="613"/>
      <c r="GKE662" s="613"/>
      <c r="GKF662" s="613"/>
      <c r="GKG662" s="613"/>
      <c r="GKH662" s="613"/>
      <c r="GKI662" s="613"/>
      <c r="GKJ662" s="613"/>
      <c r="GKK662" s="613"/>
      <c r="GKL662" s="613"/>
      <c r="GKM662" s="613"/>
      <c r="GKN662" s="613"/>
      <c r="GKO662" s="613"/>
      <c r="GKP662" s="613"/>
      <c r="GKQ662" s="613"/>
      <c r="GKR662" s="613"/>
      <c r="GKS662" s="613"/>
      <c r="GKT662" s="613"/>
      <c r="GKU662" s="613"/>
      <c r="GKV662" s="613"/>
      <c r="GKW662" s="613"/>
      <c r="GKX662" s="613"/>
      <c r="GKY662" s="613"/>
      <c r="GKZ662" s="613"/>
      <c r="GLA662" s="613"/>
      <c r="GLB662" s="613"/>
      <c r="GLC662" s="613"/>
      <c r="GLD662" s="613"/>
      <c r="GLE662" s="613"/>
      <c r="GLF662" s="613"/>
      <c r="GLG662" s="613"/>
      <c r="GLH662" s="613"/>
      <c r="GLI662" s="613"/>
      <c r="GLJ662" s="613"/>
      <c r="GLK662" s="613"/>
      <c r="GLL662" s="613"/>
      <c r="GLM662" s="613"/>
      <c r="GLN662" s="613"/>
      <c r="GLO662" s="613"/>
      <c r="GLP662" s="613"/>
      <c r="GLQ662" s="613"/>
      <c r="GLR662" s="613"/>
      <c r="GLS662" s="613"/>
      <c r="GLT662" s="613"/>
      <c r="GLU662" s="613"/>
      <c r="GLV662" s="613"/>
      <c r="GLW662" s="613"/>
      <c r="GLX662" s="613"/>
      <c r="GLY662" s="613"/>
      <c r="GLZ662" s="613"/>
      <c r="GMA662" s="613"/>
      <c r="GMB662" s="613"/>
      <c r="GMC662" s="613"/>
      <c r="GMD662" s="613"/>
      <c r="GME662" s="613"/>
      <c r="GMF662" s="613"/>
      <c r="GMG662" s="613"/>
      <c r="GMH662" s="613"/>
      <c r="GMI662" s="613"/>
      <c r="GMJ662" s="613"/>
      <c r="GMK662" s="613"/>
      <c r="GML662" s="613"/>
      <c r="GMM662" s="613"/>
      <c r="GMN662" s="613"/>
      <c r="GMO662" s="613"/>
      <c r="GMP662" s="613"/>
      <c r="GMQ662" s="613"/>
      <c r="GMR662" s="613"/>
      <c r="GMS662" s="613"/>
      <c r="GMT662" s="613"/>
      <c r="GMU662" s="613"/>
      <c r="GMV662" s="613"/>
      <c r="GMW662" s="613"/>
      <c r="GMX662" s="613"/>
      <c r="GMY662" s="613"/>
      <c r="GMZ662" s="613"/>
      <c r="GNA662" s="613"/>
      <c r="GNB662" s="613"/>
      <c r="GNC662" s="613"/>
      <c r="GND662" s="613"/>
      <c r="GNE662" s="613"/>
      <c r="GNF662" s="613"/>
      <c r="GNG662" s="613"/>
      <c r="GNH662" s="613"/>
      <c r="GNI662" s="613"/>
      <c r="GNJ662" s="613"/>
      <c r="GNK662" s="613"/>
      <c r="GNL662" s="613"/>
      <c r="GNM662" s="613"/>
      <c r="GNN662" s="613"/>
      <c r="GNO662" s="613"/>
      <c r="GNP662" s="613"/>
      <c r="GNQ662" s="613"/>
      <c r="GNR662" s="613"/>
      <c r="GNS662" s="613"/>
      <c r="GNT662" s="613"/>
      <c r="GNU662" s="613"/>
      <c r="GNV662" s="613"/>
      <c r="GNW662" s="613"/>
      <c r="GNX662" s="613"/>
      <c r="GNY662" s="613"/>
      <c r="GNZ662" s="613"/>
      <c r="GOA662" s="613"/>
      <c r="GOB662" s="613"/>
      <c r="GOC662" s="613"/>
      <c r="GOD662" s="613"/>
      <c r="GOE662" s="613"/>
      <c r="GOF662" s="613"/>
      <c r="GOG662" s="613"/>
      <c r="GOH662" s="613"/>
      <c r="GOI662" s="613"/>
      <c r="GOJ662" s="613"/>
      <c r="GOK662" s="613"/>
      <c r="GOL662" s="613"/>
      <c r="GOM662" s="613"/>
      <c r="GON662" s="613"/>
      <c r="GOO662" s="613"/>
      <c r="GOP662" s="613"/>
      <c r="GOQ662" s="613"/>
      <c r="GOR662" s="613"/>
      <c r="GOS662" s="613"/>
      <c r="GOT662" s="613"/>
      <c r="GOU662" s="613"/>
      <c r="GOV662" s="613"/>
      <c r="GOW662" s="613"/>
      <c r="GOX662" s="613"/>
      <c r="GOY662" s="613"/>
      <c r="GOZ662" s="613"/>
      <c r="GPA662" s="613"/>
      <c r="GPB662" s="613"/>
      <c r="GPC662" s="613"/>
      <c r="GPD662" s="613"/>
      <c r="GPE662" s="613"/>
      <c r="GPF662" s="613"/>
      <c r="GPG662" s="613"/>
      <c r="GPH662" s="613"/>
      <c r="GPI662" s="613"/>
      <c r="GPJ662" s="613"/>
      <c r="GPK662" s="613"/>
      <c r="GPL662" s="613"/>
      <c r="GPM662" s="613"/>
      <c r="GPN662" s="613"/>
      <c r="GPO662" s="613"/>
      <c r="GPP662" s="613"/>
      <c r="GPQ662" s="613"/>
      <c r="GPR662" s="613"/>
      <c r="GPS662" s="613"/>
      <c r="GPT662" s="613"/>
      <c r="GPU662" s="613"/>
      <c r="GPV662" s="613"/>
      <c r="GPW662" s="613"/>
      <c r="GPX662" s="613"/>
      <c r="GPY662" s="613"/>
      <c r="GPZ662" s="613"/>
      <c r="GQA662" s="613"/>
      <c r="GQB662" s="613"/>
      <c r="GQC662" s="613"/>
      <c r="GQD662" s="613"/>
      <c r="GQE662" s="613"/>
      <c r="GQF662" s="613"/>
      <c r="GQG662" s="613"/>
      <c r="GQH662" s="613"/>
      <c r="GQI662" s="613"/>
      <c r="GQJ662" s="613"/>
      <c r="GQK662" s="613"/>
      <c r="GQL662" s="613"/>
      <c r="GQM662" s="613"/>
      <c r="GQN662" s="613"/>
      <c r="GQO662" s="613"/>
      <c r="GQP662" s="613"/>
      <c r="GQQ662" s="613"/>
      <c r="GQR662" s="613"/>
      <c r="GQS662" s="613"/>
      <c r="GQT662" s="613"/>
      <c r="GQU662" s="613"/>
      <c r="GQV662" s="613"/>
      <c r="GQW662" s="613"/>
      <c r="GQX662" s="613"/>
      <c r="GQY662" s="613"/>
      <c r="GQZ662" s="613"/>
      <c r="GRA662" s="613"/>
      <c r="GRB662" s="613"/>
      <c r="GRC662" s="613"/>
      <c r="GRD662" s="613"/>
      <c r="GRE662" s="613"/>
      <c r="GRF662" s="613"/>
      <c r="GRG662" s="613"/>
      <c r="GRH662" s="613"/>
      <c r="GRI662" s="613"/>
      <c r="GRJ662" s="613"/>
      <c r="GRK662" s="613"/>
      <c r="GRL662" s="613"/>
      <c r="GRM662" s="613"/>
      <c r="GRN662" s="613"/>
      <c r="GRO662" s="613"/>
      <c r="GRP662" s="613"/>
      <c r="GRQ662" s="613"/>
      <c r="GRR662" s="613"/>
      <c r="GRS662" s="613"/>
      <c r="GRT662" s="613"/>
      <c r="GRU662" s="613"/>
      <c r="GRV662" s="613"/>
      <c r="GRW662" s="613"/>
      <c r="GRX662" s="613"/>
      <c r="GRY662" s="613"/>
      <c r="GRZ662" s="613"/>
      <c r="GSA662" s="613"/>
      <c r="GSB662" s="613"/>
      <c r="GSC662" s="613"/>
      <c r="GSD662" s="613"/>
      <c r="GSE662" s="613"/>
      <c r="GSF662" s="613"/>
      <c r="GSG662" s="613"/>
      <c r="GSH662" s="613"/>
      <c r="GSI662" s="613"/>
      <c r="GSJ662" s="613"/>
      <c r="GSK662" s="613"/>
      <c r="GSL662" s="613"/>
      <c r="GSM662" s="613"/>
      <c r="GSN662" s="613"/>
      <c r="GSO662" s="613"/>
      <c r="GSP662" s="613"/>
      <c r="GSQ662" s="613"/>
      <c r="GSR662" s="613"/>
      <c r="GSS662" s="613"/>
      <c r="GST662" s="613"/>
      <c r="GSU662" s="613"/>
      <c r="GSV662" s="613"/>
      <c r="GSW662" s="613"/>
      <c r="GSX662" s="613"/>
      <c r="GSY662" s="613"/>
      <c r="GSZ662" s="613"/>
      <c r="GTA662" s="613"/>
      <c r="GTB662" s="613"/>
      <c r="GTC662" s="613"/>
      <c r="GTD662" s="613"/>
      <c r="GTE662" s="613"/>
      <c r="GTF662" s="613"/>
      <c r="GTG662" s="613"/>
      <c r="GTH662" s="613"/>
      <c r="GTI662" s="613"/>
      <c r="GTJ662" s="613"/>
      <c r="GTK662" s="613"/>
      <c r="GTL662" s="613"/>
      <c r="GTM662" s="613"/>
      <c r="GTN662" s="613"/>
      <c r="GTO662" s="613"/>
      <c r="GTP662" s="613"/>
      <c r="GTQ662" s="613"/>
      <c r="GTR662" s="613"/>
      <c r="GTS662" s="613"/>
      <c r="GTT662" s="613"/>
      <c r="GTU662" s="613"/>
      <c r="GTV662" s="613"/>
      <c r="GTW662" s="613"/>
      <c r="GTX662" s="613"/>
      <c r="GTY662" s="613"/>
      <c r="GTZ662" s="613"/>
      <c r="GUA662" s="613"/>
      <c r="GUB662" s="613"/>
      <c r="GUC662" s="613"/>
      <c r="GUD662" s="613"/>
      <c r="GUE662" s="613"/>
      <c r="GUF662" s="613"/>
      <c r="GUG662" s="613"/>
      <c r="GUH662" s="613"/>
      <c r="GUI662" s="613"/>
      <c r="GUJ662" s="613"/>
      <c r="GUK662" s="613"/>
      <c r="GUL662" s="613"/>
      <c r="GUM662" s="613"/>
      <c r="GUN662" s="613"/>
      <c r="GUO662" s="613"/>
      <c r="GUP662" s="613"/>
      <c r="GUQ662" s="613"/>
      <c r="GUR662" s="613"/>
      <c r="GUS662" s="613"/>
      <c r="GUT662" s="613"/>
      <c r="GUU662" s="613"/>
      <c r="GUV662" s="613"/>
      <c r="GUW662" s="613"/>
      <c r="GUX662" s="613"/>
      <c r="GUY662" s="613"/>
      <c r="GUZ662" s="613"/>
      <c r="GVA662" s="613"/>
      <c r="GVB662" s="613"/>
      <c r="GVC662" s="613"/>
      <c r="GVD662" s="613"/>
      <c r="GVE662" s="613"/>
      <c r="GVF662" s="613"/>
      <c r="GVG662" s="613"/>
      <c r="GVH662" s="613"/>
      <c r="GVI662" s="613"/>
      <c r="GVJ662" s="613"/>
      <c r="GVK662" s="613"/>
      <c r="GVL662" s="613"/>
      <c r="GVM662" s="613"/>
      <c r="GVN662" s="613"/>
      <c r="GVO662" s="613"/>
      <c r="GVP662" s="613"/>
      <c r="GVQ662" s="613"/>
      <c r="GVR662" s="613"/>
      <c r="GVS662" s="613"/>
      <c r="GVT662" s="613"/>
      <c r="GVU662" s="613"/>
      <c r="GVV662" s="613"/>
      <c r="GVW662" s="613"/>
      <c r="GVX662" s="613"/>
      <c r="GVY662" s="613"/>
      <c r="GVZ662" s="613"/>
      <c r="GWA662" s="613"/>
      <c r="GWB662" s="613"/>
      <c r="GWC662" s="613"/>
      <c r="GWD662" s="613"/>
      <c r="GWE662" s="613"/>
      <c r="GWF662" s="613"/>
      <c r="GWG662" s="613"/>
      <c r="GWH662" s="613"/>
      <c r="GWI662" s="613"/>
      <c r="GWJ662" s="613"/>
      <c r="GWK662" s="613"/>
      <c r="GWL662" s="613"/>
      <c r="GWM662" s="613"/>
      <c r="GWN662" s="613"/>
      <c r="GWO662" s="613"/>
      <c r="GWP662" s="613"/>
      <c r="GWQ662" s="613"/>
      <c r="GWR662" s="613"/>
      <c r="GWS662" s="613"/>
      <c r="GWT662" s="613"/>
      <c r="GWU662" s="613"/>
      <c r="GWV662" s="613"/>
      <c r="GWW662" s="613"/>
      <c r="GWX662" s="613"/>
      <c r="GWY662" s="613"/>
      <c r="GWZ662" s="613"/>
      <c r="GXA662" s="613"/>
      <c r="GXB662" s="613"/>
      <c r="GXC662" s="613"/>
      <c r="GXD662" s="613"/>
      <c r="GXE662" s="613"/>
      <c r="GXF662" s="613"/>
      <c r="GXG662" s="613"/>
      <c r="GXH662" s="613"/>
      <c r="GXI662" s="613"/>
      <c r="GXJ662" s="613"/>
      <c r="GXK662" s="613"/>
      <c r="GXL662" s="613"/>
      <c r="GXM662" s="613"/>
      <c r="GXN662" s="613"/>
      <c r="GXO662" s="613"/>
      <c r="GXP662" s="613"/>
      <c r="GXQ662" s="613"/>
      <c r="GXR662" s="613"/>
      <c r="GXS662" s="613"/>
      <c r="GXT662" s="613"/>
      <c r="GXU662" s="613"/>
      <c r="GXV662" s="613"/>
      <c r="GXW662" s="613"/>
      <c r="GXX662" s="613"/>
      <c r="GXY662" s="613"/>
      <c r="GXZ662" s="613"/>
      <c r="GYA662" s="613"/>
      <c r="GYB662" s="613"/>
      <c r="GYC662" s="613"/>
      <c r="GYD662" s="613"/>
      <c r="GYE662" s="613"/>
      <c r="GYF662" s="613"/>
      <c r="GYG662" s="613"/>
      <c r="GYH662" s="613"/>
      <c r="GYI662" s="613"/>
      <c r="GYJ662" s="613"/>
      <c r="GYK662" s="613"/>
      <c r="GYL662" s="613"/>
      <c r="GYM662" s="613"/>
      <c r="GYN662" s="613"/>
      <c r="GYO662" s="613"/>
      <c r="GYP662" s="613"/>
      <c r="GYQ662" s="613"/>
      <c r="GYR662" s="613"/>
      <c r="GYS662" s="613"/>
      <c r="GYT662" s="613"/>
      <c r="GYU662" s="613"/>
      <c r="GYV662" s="613"/>
      <c r="GYW662" s="613"/>
      <c r="GYX662" s="613"/>
      <c r="GYY662" s="613"/>
      <c r="GYZ662" s="613"/>
      <c r="GZA662" s="613"/>
      <c r="GZB662" s="613"/>
      <c r="GZC662" s="613"/>
      <c r="GZD662" s="613"/>
      <c r="GZE662" s="613"/>
      <c r="GZF662" s="613"/>
      <c r="GZG662" s="613"/>
      <c r="GZH662" s="613"/>
      <c r="GZI662" s="613"/>
      <c r="GZJ662" s="613"/>
      <c r="GZK662" s="613"/>
      <c r="GZL662" s="613"/>
      <c r="GZM662" s="613"/>
      <c r="GZN662" s="613"/>
      <c r="GZO662" s="613"/>
      <c r="GZP662" s="613"/>
      <c r="GZQ662" s="613"/>
      <c r="GZR662" s="613"/>
      <c r="GZS662" s="613"/>
      <c r="GZT662" s="613"/>
      <c r="GZU662" s="613"/>
      <c r="GZV662" s="613"/>
      <c r="GZW662" s="613"/>
      <c r="GZX662" s="613"/>
      <c r="GZY662" s="613"/>
      <c r="GZZ662" s="613"/>
      <c r="HAA662" s="613"/>
      <c r="HAB662" s="613"/>
      <c r="HAC662" s="613"/>
      <c r="HAD662" s="613"/>
      <c r="HAE662" s="613"/>
      <c r="HAF662" s="613"/>
      <c r="HAG662" s="613"/>
      <c r="HAH662" s="613"/>
      <c r="HAI662" s="613"/>
      <c r="HAJ662" s="613"/>
      <c r="HAK662" s="613"/>
      <c r="HAL662" s="613"/>
      <c r="HAM662" s="613"/>
      <c r="HAN662" s="613"/>
      <c r="HAO662" s="613"/>
      <c r="HAP662" s="613"/>
      <c r="HAQ662" s="613"/>
      <c r="HAR662" s="613"/>
      <c r="HAS662" s="613"/>
      <c r="HAT662" s="613"/>
      <c r="HAU662" s="613"/>
      <c r="HAV662" s="613"/>
      <c r="HAW662" s="613"/>
      <c r="HAX662" s="613"/>
      <c r="HAY662" s="613"/>
      <c r="HAZ662" s="613"/>
      <c r="HBA662" s="613"/>
      <c r="HBB662" s="613"/>
      <c r="HBC662" s="613"/>
      <c r="HBD662" s="613"/>
      <c r="HBE662" s="613"/>
      <c r="HBF662" s="613"/>
      <c r="HBG662" s="613"/>
      <c r="HBH662" s="613"/>
      <c r="HBI662" s="613"/>
      <c r="HBJ662" s="613"/>
      <c r="HBK662" s="613"/>
      <c r="HBL662" s="613"/>
      <c r="HBM662" s="613"/>
      <c r="HBN662" s="613"/>
      <c r="HBO662" s="613"/>
      <c r="HBP662" s="613"/>
      <c r="HBQ662" s="613"/>
      <c r="HBR662" s="613"/>
      <c r="HBS662" s="613"/>
      <c r="HBT662" s="613"/>
      <c r="HBU662" s="613"/>
      <c r="HBV662" s="613"/>
      <c r="HBW662" s="613"/>
      <c r="HBX662" s="613"/>
      <c r="HBY662" s="613"/>
      <c r="HBZ662" s="613"/>
      <c r="HCA662" s="613"/>
      <c r="HCB662" s="613"/>
      <c r="HCC662" s="613"/>
      <c r="HCD662" s="613"/>
      <c r="HCE662" s="613"/>
      <c r="HCF662" s="613"/>
      <c r="HCG662" s="613"/>
      <c r="HCH662" s="613"/>
      <c r="HCI662" s="613"/>
      <c r="HCJ662" s="613"/>
      <c r="HCK662" s="613"/>
      <c r="HCL662" s="613"/>
      <c r="HCM662" s="613"/>
      <c r="HCN662" s="613"/>
      <c r="HCO662" s="613"/>
      <c r="HCP662" s="613"/>
      <c r="HCQ662" s="613"/>
      <c r="HCR662" s="613"/>
      <c r="HCS662" s="613"/>
      <c r="HCT662" s="613"/>
      <c r="HCU662" s="613"/>
      <c r="HCV662" s="613"/>
      <c r="HCW662" s="613"/>
      <c r="HCX662" s="613"/>
      <c r="HCY662" s="613"/>
      <c r="HCZ662" s="613"/>
      <c r="HDA662" s="613"/>
      <c r="HDB662" s="613"/>
      <c r="HDC662" s="613"/>
      <c r="HDD662" s="613"/>
      <c r="HDE662" s="613"/>
      <c r="HDF662" s="613"/>
      <c r="HDG662" s="613"/>
      <c r="HDH662" s="613"/>
      <c r="HDI662" s="613"/>
      <c r="HDJ662" s="613"/>
      <c r="HDK662" s="613"/>
      <c r="HDL662" s="613"/>
      <c r="HDM662" s="613"/>
      <c r="HDN662" s="613"/>
      <c r="HDO662" s="613"/>
      <c r="HDP662" s="613"/>
      <c r="HDQ662" s="613"/>
      <c r="HDR662" s="613"/>
      <c r="HDS662" s="613"/>
      <c r="HDT662" s="613"/>
      <c r="HDU662" s="613"/>
      <c r="HDV662" s="613"/>
      <c r="HDW662" s="613"/>
      <c r="HDX662" s="613"/>
      <c r="HDY662" s="613"/>
      <c r="HDZ662" s="613"/>
      <c r="HEA662" s="613"/>
      <c r="HEB662" s="613"/>
      <c r="HEC662" s="613"/>
      <c r="HED662" s="613"/>
      <c r="HEE662" s="613"/>
      <c r="HEF662" s="613"/>
      <c r="HEG662" s="613"/>
      <c r="HEH662" s="613"/>
      <c r="HEI662" s="613"/>
      <c r="HEJ662" s="613"/>
      <c r="HEK662" s="613"/>
      <c r="HEL662" s="613"/>
      <c r="HEM662" s="613"/>
      <c r="HEN662" s="613"/>
      <c r="HEO662" s="613"/>
      <c r="HEP662" s="613"/>
      <c r="HEQ662" s="613"/>
      <c r="HER662" s="613"/>
      <c r="HES662" s="613"/>
      <c r="HET662" s="613"/>
      <c r="HEU662" s="613"/>
      <c r="HEV662" s="613"/>
      <c r="HEW662" s="613"/>
      <c r="HEX662" s="613"/>
      <c r="HEY662" s="613"/>
      <c r="HEZ662" s="613"/>
      <c r="HFA662" s="613"/>
      <c r="HFB662" s="613"/>
      <c r="HFC662" s="613"/>
      <c r="HFD662" s="613"/>
      <c r="HFE662" s="613"/>
      <c r="HFF662" s="613"/>
      <c r="HFG662" s="613"/>
      <c r="HFH662" s="613"/>
      <c r="HFI662" s="613"/>
      <c r="HFJ662" s="613"/>
      <c r="HFK662" s="613"/>
      <c r="HFL662" s="613"/>
      <c r="HFM662" s="613"/>
      <c r="HFN662" s="613"/>
      <c r="HFO662" s="613"/>
      <c r="HFP662" s="613"/>
      <c r="HFQ662" s="613"/>
      <c r="HFR662" s="613"/>
      <c r="HFS662" s="613"/>
      <c r="HFT662" s="613"/>
      <c r="HFU662" s="613"/>
      <c r="HFV662" s="613"/>
      <c r="HFW662" s="613"/>
      <c r="HFX662" s="613"/>
      <c r="HFY662" s="613"/>
      <c r="HFZ662" s="613"/>
      <c r="HGA662" s="613"/>
      <c r="HGB662" s="613"/>
      <c r="HGC662" s="613"/>
      <c r="HGD662" s="613"/>
      <c r="HGE662" s="613"/>
      <c r="HGF662" s="613"/>
      <c r="HGG662" s="613"/>
      <c r="HGH662" s="613"/>
      <c r="HGI662" s="613"/>
      <c r="HGJ662" s="613"/>
      <c r="HGK662" s="613"/>
      <c r="HGL662" s="613"/>
      <c r="HGM662" s="613"/>
      <c r="HGN662" s="613"/>
      <c r="HGO662" s="613"/>
      <c r="HGP662" s="613"/>
      <c r="HGQ662" s="613"/>
      <c r="HGR662" s="613"/>
      <c r="HGS662" s="613"/>
      <c r="HGT662" s="613"/>
      <c r="HGU662" s="613"/>
      <c r="HGV662" s="613"/>
      <c r="HGW662" s="613"/>
      <c r="HGX662" s="613"/>
      <c r="HGY662" s="613"/>
      <c r="HGZ662" s="613"/>
      <c r="HHA662" s="613"/>
      <c r="HHB662" s="613"/>
      <c r="HHC662" s="613"/>
      <c r="HHD662" s="613"/>
      <c r="HHE662" s="613"/>
      <c r="HHF662" s="613"/>
      <c r="HHG662" s="613"/>
      <c r="HHH662" s="613"/>
      <c r="HHI662" s="613"/>
      <c r="HHJ662" s="613"/>
      <c r="HHK662" s="613"/>
      <c r="HHL662" s="613"/>
      <c r="HHM662" s="613"/>
      <c r="HHN662" s="613"/>
      <c r="HHO662" s="613"/>
      <c r="HHP662" s="613"/>
      <c r="HHQ662" s="613"/>
      <c r="HHR662" s="613"/>
      <c r="HHS662" s="613"/>
      <c r="HHT662" s="613"/>
      <c r="HHU662" s="613"/>
      <c r="HHV662" s="613"/>
      <c r="HHW662" s="613"/>
      <c r="HHX662" s="613"/>
      <c r="HHY662" s="613"/>
      <c r="HHZ662" s="613"/>
      <c r="HIA662" s="613"/>
      <c r="HIB662" s="613"/>
      <c r="HIC662" s="613"/>
      <c r="HID662" s="613"/>
      <c r="HIE662" s="613"/>
      <c r="HIF662" s="613"/>
      <c r="HIG662" s="613"/>
      <c r="HIH662" s="613"/>
      <c r="HII662" s="613"/>
      <c r="HIJ662" s="613"/>
      <c r="HIK662" s="613"/>
      <c r="HIL662" s="613"/>
      <c r="HIM662" s="613"/>
      <c r="HIN662" s="613"/>
      <c r="HIO662" s="613"/>
      <c r="HIP662" s="613"/>
      <c r="HIQ662" s="613"/>
      <c r="HIR662" s="613"/>
      <c r="HIS662" s="613"/>
      <c r="HIT662" s="613"/>
      <c r="HIU662" s="613"/>
      <c r="HIV662" s="613"/>
      <c r="HIW662" s="613"/>
      <c r="HIX662" s="613"/>
      <c r="HIY662" s="613"/>
      <c r="HIZ662" s="613"/>
      <c r="HJA662" s="613"/>
      <c r="HJB662" s="613"/>
      <c r="HJC662" s="613"/>
      <c r="HJD662" s="613"/>
      <c r="HJE662" s="613"/>
      <c r="HJF662" s="613"/>
      <c r="HJG662" s="613"/>
      <c r="HJH662" s="613"/>
      <c r="HJI662" s="613"/>
      <c r="HJJ662" s="613"/>
      <c r="HJK662" s="613"/>
      <c r="HJL662" s="613"/>
      <c r="HJM662" s="613"/>
      <c r="HJN662" s="613"/>
      <c r="HJO662" s="613"/>
      <c r="HJP662" s="613"/>
      <c r="HJQ662" s="613"/>
      <c r="HJR662" s="613"/>
      <c r="HJS662" s="613"/>
      <c r="HJT662" s="613"/>
      <c r="HJU662" s="613"/>
      <c r="HJV662" s="613"/>
      <c r="HJW662" s="613"/>
      <c r="HJX662" s="613"/>
      <c r="HJY662" s="613"/>
      <c r="HJZ662" s="613"/>
      <c r="HKA662" s="613"/>
      <c r="HKB662" s="613"/>
      <c r="HKC662" s="613"/>
      <c r="HKD662" s="613"/>
      <c r="HKE662" s="613"/>
      <c r="HKF662" s="613"/>
      <c r="HKG662" s="613"/>
      <c r="HKH662" s="613"/>
      <c r="HKI662" s="613"/>
      <c r="HKJ662" s="613"/>
      <c r="HKK662" s="613"/>
      <c r="HKL662" s="613"/>
      <c r="HKM662" s="613"/>
      <c r="HKN662" s="613"/>
      <c r="HKO662" s="613"/>
      <c r="HKP662" s="613"/>
      <c r="HKQ662" s="613"/>
      <c r="HKR662" s="613"/>
      <c r="HKS662" s="613"/>
      <c r="HKT662" s="613"/>
      <c r="HKU662" s="613"/>
      <c r="HKV662" s="613"/>
      <c r="HKW662" s="613"/>
      <c r="HKX662" s="613"/>
      <c r="HKY662" s="613"/>
      <c r="HKZ662" s="613"/>
      <c r="HLA662" s="613"/>
      <c r="HLB662" s="613"/>
      <c r="HLC662" s="613"/>
      <c r="HLD662" s="613"/>
      <c r="HLE662" s="613"/>
      <c r="HLF662" s="613"/>
      <c r="HLG662" s="613"/>
      <c r="HLH662" s="613"/>
      <c r="HLI662" s="613"/>
      <c r="HLJ662" s="613"/>
      <c r="HLK662" s="613"/>
      <c r="HLL662" s="613"/>
      <c r="HLM662" s="613"/>
      <c r="HLN662" s="613"/>
      <c r="HLO662" s="613"/>
      <c r="HLP662" s="613"/>
      <c r="HLQ662" s="613"/>
      <c r="HLR662" s="613"/>
      <c r="HLS662" s="613"/>
      <c r="HLT662" s="613"/>
      <c r="HLU662" s="613"/>
      <c r="HLV662" s="613"/>
      <c r="HLW662" s="613"/>
      <c r="HLX662" s="613"/>
      <c r="HLY662" s="613"/>
      <c r="HLZ662" s="613"/>
      <c r="HMA662" s="613"/>
      <c r="HMB662" s="613"/>
      <c r="HMC662" s="613"/>
      <c r="HMD662" s="613"/>
      <c r="HME662" s="613"/>
      <c r="HMF662" s="613"/>
      <c r="HMG662" s="613"/>
      <c r="HMH662" s="613"/>
      <c r="HMI662" s="613"/>
      <c r="HMJ662" s="613"/>
      <c r="HMK662" s="613"/>
      <c r="HML662" s="613"/>
      <c r="HMM662" s="613"/>
      <c r="HMN662" s="613"/>
      <c r="HMO662" s="613"/>
      <c r="HMP662" s="613"/>
      <c r="HMQ662" s="613"/>
      <c r="HMR662" s="613"/>
      <c r="HMS662" s="613"/>
      <c r="HMT662" s="613"/>
      <c r="HMU662" s="613"/>
      <c r="HMV662" s="613"/>
      <c r="HMW662" s="613"/>
      <c r="HMX662" s="613"/>
      <c r="HMY662" s="613"/>
      <c r="HMZ662" s="613"/>
      <c r="HNA662" s="613"/>
      <c r="HNB662" s="613"/>
      <c r="HNC662" s="613"/>
      <c r="HND662" s="613"/>
      <c r="HNE662" s="613"/>
      <c r="HNF662" s="613"/>
      <c r="HNG662" s="613"/>
      <c r="HNH662" s="613"/>
      <c r="HNI662" s="613"/>
      <c r="HNJ662" s="613"/>
      <c r="HNK662" s="613"/>
      <c r="HNL662" s="613"/>
      <c r="HNM662" s="613"/>
      <c r="HNN662" s="613"/>
      <c r="HNO662" s="613"/>
      <c r="HNP662" s="613"/>
      <c r="HNQ662" s="613"/>
      <c r="HNR662" s="613"/>
      <c r="HNS662" s="613"/>
      <c r="HNT662" s="613"/>
      <c r="HNU662" s="613"/>
      <c r="HNV662" s="613"/>
      <c r="HNW662" s="613"/>
      <c r="HNX662" s="613"/>
      <c r="HNY662" s="613"/>
      <c r="HNZ662" s="613"/>
      <c r="HOA662" s="613"/>
      <c r="HOB662" s="613"/>
      <c r="HOC662" s="613"/>
      <c r="HOD662" s="613"/>
      <c r="HOE662" s="613"/>
      <c r="HOF662" s="613"/>
      <c r="HOG662" s="613"/>
      <c r="HOH662" s="613"/>
      <c r="HOI662" s="613"/>
      <c r="HOJ662" s="613"/>
      <c r="HOK662" s="613"/>
      <c r="HOL662" s="613"/>
      <c r="HOM662" s="613"/>
      <c r="HON662" s="613"/>
      <c r="HOO662" s="613"/>
      <c r="HOP662" s="613"/>
      <c r="HOQ662" s="613"/>
      <c r="HOR662" s="613"/>
      <c r="HOS662" s="613"/>
      <c r="HOT662" s="613"/>
      <c r="HOU662" s="613"/>
      <c r="HOV662" s="613"/>
      <c r="HOW662" s="613"/>
      <c r="HOX662" s="613"/>
      <c r="HOY662" s="613"/>
      <c r="HOZ662" s="613"/>
      <c r="HPA662" s="613"/>
      <c r="HPB662" s="613"/>
      <c r="HPC662" s="613"/>
      <c r="HPD662" s="613"/>
      <c r="HPE662" s="613"/>
      <c r="HPF662" s="613"/>
      <c r="HPG662" s="613"/>
      <c r="HPH662" s="613"/>
      <c r="HPI662" s="613"/>
      <c r="HPJ662" s="613"/>
      <c r="HPK662" s="613"/>
      <c r="HPL662" s="613"/>
      <c r="HPM662" s="613"/>
      <c r="HPN662" s="613"/>
      <c r="HPO662" s="613"/>
      <c r="HPP662" s="613"/>
      <c r="HPQ662" s="613"/>
      <c r="HPR662" s="613"/>
      <c r="HPS662" s="613"/>
      <c r="HPT662" s="613"/>
      <c r="HPU662" s="613"/>
      <c r="HPV662" s="613"/>
      <c r="HPW662" s="613"/>
      <c r="HPX662" s="613"/>
      <c r="HPY662" s="613"/>
      <c r="HPZ662" s="613"/>
      <c r="HQA662" s="613"/>
      <c r="HQB662" s="613"/>
      <c r="HQC662" s="613"/>
      <c r="HQD662" s="613"/>
      <c r="HQE662" s="613"/>
      <c r="HQF662" s="613"/>
      <c r="HQG662" s="613"/>
      <c r="HQH662" s="613"/>
      <c r="HQI662" s="613"/>
      <c r="HQJ662" s="613"/>
      <c r="HQK662" s="613"/>
      <c r="HQL662" s="613"/>
      <c r="HQM662" s="613"/>
      <c r="HQN662" s="613"/>
      <c r="HQO662" s="613"/>
      <c r="HQP662" s="613"/>
      <c r="HQQ662" s="613"/>
      <c r="HQR662" s="613"/>
      <c r="HQS662" s="613"/>
      <c r="HQT662" s="613"/>
      <c r="HQU662" s="613"/>
      <c r="HQV662" s="613"/>
      <c r="HQW662" s="613"/>
      <c r="HQX662" s="613"/>
      <c r="HQY662" s="613"/>
      <c r="HQZ662" s="613"/>
      <c r="HRA662" s="613"/>
      <c r="HRB662" s="613"/>
      <c r="HRC662" s="613"/>
      <c r="HRD662" s="613"/>
      <c r="HRE662" s="613"/>
      <c r="HRF662" s="613"/>
      <c r="HRG662" s="613"/>
      <c r="HRH662" s="613"/>
      <c r="HRI662" s="613"/>
      <c r="HRJ662" s="613"/>
      <c r="HRK662" s="613"/>
      <c r="HRL662" s="613"/>
      <c r="HRM662" s="613"/>
      <c r="HRN662" s="613"/>
      <c r="HRO662" s="613"/>
      <c r="HRP662" s="613"/>
      <c r="HRQ662" s="613"/>
      <c r="HRR662" s="613"/>
      <c r="HRS662" s="613"/>
      <c r="HRT662" s="613"/>
      <c r="HRU662" s="613"/>
      <c r="HRV662" s="613"/>
      <c r="HRW662" s="613"/>
      <c r="HRX662" s="613"/>
      <c r="HRY662" s="613"/>
      <c r="HRZ662" s="613"/>
      <c r="HSA662" s="613"/>
      <c r="HSB662" s="613"/>
      <c r="HSC662" s="613"/>
      <c r="HSD662" s="613"/>
      <c r="HSE662" s="613"/>
      <c r="HSF662" s="613"/>
      <c r="HSG662" s="613"/>
      <c r="HSH662" s="613"/>
      <c r="HSI662" s="613"/>
      <c r="HSJ662" s="613"/>
      <c r="HSK662" s="613"/>
      <c r="HSL662" s="613"/>
      <c r="HSM662" s="613"/>
      <c r="HSN662" s="613"/>
      <c r="HSO662" s="613"/>
      <c r="HSP662" s="613"/>
      <c r="HSQ662" s="613"/>
      <c r="HSR662" s="613"/>
      <c r="HSS662" s="613"/>
      <c r="HST662" s="613"/>
      <c r="HSU662" s="613"/>
      <c r="HSV662" s="613"/>
      <c r="HSW662" s="613"/>
      <c r="HSX662" s="613"/>
      <c r="HSY662" s="613"/>
      <c r="HSZ662" s="613"/>
      <c r="HTA662" s="613"/>
      <c r="HTB662" s="613"/>
      <c r="HTC662" s="613"/>
      <c r="HTD662" s="613"/>
      <c r="HTE662" s="613"/>
      <c r="HTF662" s="613"/>
      <c r="HTG662" s="613"/>
      <c r="HTH662" s="613"/>
      <c r="HTI662" s="613"/>
      <c r="HTJ662" s="613"/>
      <c r="HTK662" s="613"/>
      <c r="HTL662" s="613"/>
      <c r="HTM662" s="613"/>
      <c r="HTN662" s="613"/>
      <c r="HTO662" s="613"/>
      <c r="HTP662" s="613"/>
      <c r="HTQ662" s="613"/>
      <c r="HTR662" s="613"/>
      <c r="HTS662" s="613"/>
      <c r="HTT662" s="613"/>
      <c r="HTU662" s="613"/>
      <c r="HTV662" s="613"/>
      <c r="HTW662" s="613"/>
      <c r="HTX662" s="613"/>
      <c r="HTY662" s="613"/>
      <c r="HTZ662" s="613"/>
      <c r="HUA662" s="613"/>
      <c r="HUB662" s="613"/>
      <c r="HUC662" s="613"/>
      <c r="HUD662" s="613"/>
      <c r="HUE662" s="613"/>
      <c r="HUF662" s="613"/>
      <c r="HUG662" s="613"/>
      <c r="HUH662" s="613"/>
      <c r="HUI662" s="613"/>
      <c r="HUJ662" s="613"/>
      <c r="HUK662" s="613"/>
      <c r="HUL662" s="613"/>
      <c r="HUM662" s="613"/>
      <c r="HUN662" s="613"/>
      <c r="HUO662" s="613"/>
      <c r="HUP662" s="613"/>
      <c r="HUQ662" s="613"/>
      <c r="HUR662" s="613"/>
      <c r="HUS662" s="613"/>
      <c r="HUT662" s="613"/>
      <c r="HUU662" s="613"/>
      <c r="HUV662" s="613"/>
      <c r="HUW662" s="613"/>
      <c r="HUX662" s="613"/>
      <c r="HUY662" s="613"/>
      <c r="HUZ662" s="613"/>
      <c r="HVA662" s="613"/>
      <c r="HVB662" s="613"/>
      <c r="HVC662" s="613"/>
      <c r="HVD662" s="613"/>
      <c r="HVE662" s="613"/>
      <c r="HVF662" s="613"/>
      <c r="HVG662" s="613"/>
      <c r="HVH662" s="613"/>
      <c r="HVI662" s="613"/>
      <c r="HVJ662" s="613"/>
      <c r="HVK662" s="613"/>
      <c r="HVL662" s="613"/>
      <c r="HVM662" s="613"/>
      <c r="HVN662" s="613"/>
      <c r="HVO662" s="613"/>
      <c r="HVP662" s="613"/>
      <c r="HVQ662" s="613"/>
      <c r="HVR662" s="613"/>
      <c r="HVS662" s="613"/>
      <c r="HVT662" s="613"/>
      <c r="HVU662" s="613"/>
      <c r="HVV662" s="613"/>
      <c r="HVW662" s="613"/>
      <c r="HVX662" s="613"/>
      <c r="HVY662" s="613"/>
      <c r="HVZ662" s="613"/>
      <c r="HWA662" s="613"/>
      <c r="HWB662" s="613"/>
      <c r="HWC662" s="613"/>
      <c r="HWD662" s="613"/>
      <c r="HWE662" s="613"/>
      <c r="HWF662" s="613"/>
      <c r="HWG662" s="613"/>
      <c r="HWH662" s="613"/>
      <c r="HWI662" s="613"/>
      <c r="HWJ662" s="613"/>
      <c r="HWK662" s="613"/>
      <c r="HWL662" s="613"/>
      <c r="HWM662" s="613"/>
      <c r="HWN662" s="613"/>
      <c r="HWO662" s="613"/>
      <c r="HWP662" s="613"/>
      <c r="HWQ662" s="613"/>
      <c r="HWR662" s="613"/>
      <c r="HWS662" s="613"/>
      <c r="HWT662" s="613"/>
      <c r="HWU662" s="613"/>
      <c r="HWV662" s="613"/>
      <c r="HWW662" s="613"/>
      <c r="HWX662" s="613"/>
      <c r="HWY662" s="613"/>
      <c r="HWZ662" s="613"/>
      <c r="HXA662" s="613"/>
      <c r="HXB662" s="613"/>
      <c r="HXC662" s="613"/>
      <c r="HXD662" s="613"/>
      <c r="HXE662" s="613"/>
      <c r="HXF662" s="613"/>
      <c r="HXG662" s="613"/>
      <c r="HXH662" s="613"/>
      <c r="HXI662" s="613"/>
      <c r="HXJ662" s="613"/>
      <c r="HXK662" s="613"/>
      <c r="HXL662" s="613"/>
      <c r="HXM662" s="613"/>
      <c r="HXN662" s="613"/>
      <c r="HXO662" s="613"/>
      <c r="HXP662" s="613"/>
      <c r="HXQ662" s="613"/>
      <c r="HXR662" s="613"/>
      <c r="HXS662" s="613"/>
      <c r="HXT662" s="613"/>
      <c r="HXU662" s="613"/>
      <c r="HXV662" s="613"/>
      <c r="HXW662" s="613"/>
      <c r="HXX662" s="613"/>
      <c r="HXY662" s="613"/>
      <c r="HXZ662" s="613"/>
      <c r="HYA662" s="613"/>
      <c r="HYB662" s="613"/>
      <c r="HYC662" s="613"/>
      <c r="HYD662" s="613"/>
      <c r="HYE662" s="613"/>
      <c r="HYF662" s="613"/>
      <c r="HYG662" s="613"/>
      <c r="HYH662" s="613"/>
      <c r="HYI662" s="613"/>
      <c r="HYJ662" s="613"/>
      <c r="HYK662" s="613"/>
      <c r="HYL662" s="613"/>
      <c r="HYM662" s="613"/>
      <c r="HYN662" s="613"/>
      <c r="HYO662" s="613"/>
      <c r="HYP662" s="613"/>
      <c r="HYQ662" s="613"/>
      <c r="HYR662" s="613"/>
      <c r="HYS662" s="613"/>
      <c r="HYT662" s="613"/>
      <c r="HYU662" s="613"/>
      <c r="HYV662" s="613"/>
      <c r="HYW662" s="613"/>
      <c r="HYX662" s="613"/>
      <c r="HYY662" s="613"/>
      <c r="HYZ662" s="613"/>
      <c r="HZA662" s="613"/>
      <c r="HZB662" s="613"/>
      <c r="HZC662" s="613"/>
      <c r="HZD662" s="613"/>
      <c r="HZE662" s="613"/>
      <c r="HZF662" s="613"/>
      <c r="HZG662" s="613"/>
      <c r="HZH662" s="613"/>
      <c r="HZI662" s="613"/>
      <c r="HZJ662" s="613"/>
      <c r="HZK662" s="613"/>
      <c r="HZL662" s="613"/>
      <c r="HZM662" s="613"/>
      <c r="HZN662" s="613"/>
      <c r="HZO662" s="613"/>
      <c r="HZP662" s="613"/>
      <c r="HZQ662" s="613"/>
      <c r="HZR662" s="613"/>
      <c r="HZS662" s="613"/>
      <c r="HZT662" s="613"/>
      <c r="HZU662" s="613"/>
      <c r="HZV662" s="613"/>
      <c r="HZW662" s="613"/>
      <c r="HZX662" s="613"/>
      <c r="HZY662" s="613"/>
      <c r="HZZ662" s="613"/>
      <c r="IAA662" s="613"/>
      <c r="IAB662" s="613"/>
      <c r="IAC662" s="613"/>
      <c r="IAD662" s="613"/>
      <c r="IAE662" s="613"/>
      <c r="IAF662" s="613"/>
      <c r="IAG662" s="613"/>
      <c r="IAH662" s="613"/>
      <c r="IAI662" s="613"/>
      <c r="IAJ662" s="613"/>
      <c r="IAK662" s="613"/>
      <c r="IAL662" s="613"/>
      <c r="IAM662" s="613"/>
      <c r="IAN662" s="613"/>
      <c r="IAO662" s="613"/>
      <c r="IAP662" s="613"/>
      <c r="IAQ662" s="613"/>
      <c r="IAR662" s="613"/>
      <c r="IAS662" s="613"/>
      <c r="IAT662" s="613"/>
      <c r="IAU662" s="613"/>
      <c r="IAV662" s="613"/>
      <c r="IAW662" s="613"/>
      <c r="IAX662" s="613"/>
      <c r="IAY662" s="613"/>
      <c r="IAZ662" s="613"/>
      <c r="IBA662" s="613"/>
      <c r="IBB662" s="613"/>
      <c r="IBC662" s="613"/>
      <c r="IBD662" s="613"/>
      <c r="IBE662" s="613"/>
      <c r="IBF662" s="613"/>
      <c r="IBG662" s="613"/>
      <c r="IBH662" s="613"/>
      <c r="IBI662" s="613"/>
      <c r="IBJ662" s="613"/>
      <c r="IBK662" s="613"/>
      <c r="IBL662" s="613"/>
      <c r="IBM662" s="613"/>
      <c r="IBN662" s="613"/>
      <c r="IBO662" s="613"/>
      <c r="IBP662" s="613"/>
      <c r="IBQ662" s="613"/>
      <c r="IBR662" s="613"/>
      <c r="IBS662" s="613"/>
      <c r="IBT662" s="613"/>
      <c r="IBU662" s="613"/>
      <c r="IBV662" s="613"/>
      <c r="IBW662" s="613"/>
      <c r="IBX662" s="613"/>
      <c r="IBY662" s="613"/>
      <c r="IBZ662" s="613"/>
      <c r="ICA662" s="613"/>
      <c r="ICB662" s="613"/>
      <c r="ICC662" s="613"/>
      <c r="ICD662" s="613"/>
      <c r="ICE662" s="613"/>
      <c r="ICF662" s="613"/>
      <c r="ICG662" s="613"/>
      <c r="ICH662" s="613"/>
      <c r="ICI662" s="613"/>
      <c r="ICJ662" s="613"/>
      <c r="ICK662" s="613"/>
      <c r="ICL662" s="613"/>
      <c r="ICM662" s="613"/>
      <c r="ICN662" s="613"/>
      <c r="ICO662" s="613"/>
      <c r="ICP662" s="613"/>
      <c r="ICQ662" s="613"/>
      <c r="ICR662" s="613"/>
      <c r="ICS662" s="613"/>
      <c r="ICT662" s="613"/>
      <c r="ICU662" s="613"/>
      <c r="ICV662" s="613"/>
      <c r="ICW662" s="613"/>
      <c r="ICX662" s="613"/>
      <c r="ICY662" s="613"/>
      <c r="ICZ662" s="613"/>
      <c r="IDA662" s="613"/>
      <c r="IDB662" s="613"/>
      <c r="IDC662" s="613"/>
      <c r="IDD662" s="613"/>
      <c r="IDE662" s="613"/>
      <c r="IDF662" s="613"/>
      <c r="IDG662" s="613"/>
      <c r="IDH662" s="613"/>
      <c r="IDI662" s="613"/>
      <c r="IDJ662" s="613"/>
      <c r="IDK662" s="613"/>
      <c r="IDL662" s="613"/>
      <c r="IDM662" s="613"/>
      <c r="IDN662" s="613"/>
      <c r="IDO662" s="613"/>
      <c r="IDP662" s="613"/>
      <c r="IDQ662" s="613"/>
      <c r="IDR662" s="613"/>
      <c r="IDS662" s="613"/>
      <c r="IDT662" s="613"/>
      <c r="IDU662" s="613"/>
      <c r="IDV662" s="613"/>
      <c r="IDW662" s="613"/>
      <c r="IDX662" s="613"/>
      <c r="IDY662" s="613"/>
      <c r="IDZ662" s="613"/>
      <c r="IEA662" s="613"/>
      <c r="IEB662" s="613"/>
      <c r="IEC662" s="613"/>
      <c r="IED662" s="613"/>
      <c r="IEE662" s="613"/>
      <c r="IEF662" s="613"/>
      <c r="IEG662" s="613"/>
      <c r="IEH662" s="613"/>
      <c r="IEI662" s="613"/>
      <c r="IEJ662" s="613"/>
      <c r="IEK662" s="613"/>
      <c r="IEL662" s="613"/>
      <c r="IEM662" s="613"/>
      <c r="IEN662" s="613"/>
      <c r="IEO662" s="613"/>
      <c r="IEP662" s="613"/>
      <c r="IEQ662" s="613"/>
      <c r="IER662" s="613"/>
      <c r="IES662" s="613"/>
      <c r="IET662" s="613"/>
      <c r="IEU662" s="613"/>
      <c r="IEV662" s="613"/>
      <c r="IEW662" s="613"/>
      <c r="IEX662" s="613"/>
      <c r="IEY662" s="613"/>
      <c r="IEZ662" s="613"/>
      <c r="IFA662" s="613"/>
      <c r="IFB662" s="613"/>
      <c r="IFC662" s="613"/>
      <c r="IFD662" s="613"/>
      <c r="IFE662" s="613"/>
      <c r="IFF662" s="613"/>
      <c r="IFG662" s="613"/>
      <c r="IFH662" s="613"/>
      <c r="IFI662" s="613"/>
      <c r="IFJ662" s="613"/>
      <c r="IFK662" s="613"/>
      <c r="IFL662" s="613"/>
      <c r="IFM662" s="613"/>
      <c r="IFN662" s="613"/>
      <c r="IFO662" s="613"/>
      <c r="IFP662" s="613"/>
      <c r="IFQ662" s="613"/>
      <c r="IFR662" s="613"/>
      <c r="IFS662" s="613"/>
      <c r="IFT662" s="613"/>
      <c r="IFU662" s="613"/>
      <c r="IFV662" s="613"/>
      <c r="IFW662" s="613"/>
      <c r="IFX662" s="613"/>
      <c r="IFY662" s="613"/>
      <c r="IFZ662" s="613"/>
      <c r="IGA662" s="613"/>
      <c r="IGB662" s="613"/>
      <c r="IGC662" s="613"/>
      <c r="IGD662" s="613"/>
      <c r="IGE662" s="613"/>
      <c r="IGF662" s="613"/>
      <c r="IGG662" s="613"/>
      <c r="IGH662" s="613"/>
      <c r="IGI662" s="613"/>
      <c r="IGJ662" s="613"/>
      <c r="IGK662" s="613"/>
      <c r="IGL662" s="613"/>
      <c r="IGM662" s="613"/>
      <c r="IGN662" s="613"/>
      <c r="IGO662" s="613"/>
      <c r="IGP662" s="613"/>
      <c r="IGQ662" s="613"/>
      <c r="IGR662" s="613"/>
      <c r="IGS662" s="613"/>
      <c r="IGT662" s="613"/>
      <c r="IGU662" s="613"/>
      <c r="IGV662" s="613"/>
      <c r="IGW662" s="613"/>
      <c r="IGX662" s="613"/>
      <c r="IGY662" s="613"/>
      <c r="IGZ662" s="613"/>
      <c r="IHA662" s="613"/>
      <c r="IHB662" s="613"/>
      <c r="IHC662" s="613"/>
      <c r="IHD662" s="613"/>
      <c r="IHE662" s="613"/>
      <c r="IHF662" s="613"/>
      <c r="IHG662" s="613"/>
      <c r="IHH662" s="613"/>
      <c r="IHI662" s="613"/>
      <c r="IHJ662" s="613"/>
      <c r="IHK662" s="613"/>
      <c r="IHL662" s="613"/>
      <c r="IHM662" s="613"/>
      <c r="IHN662" s="613"/>
      <c r="IHO662" s="613"/>
      <c r="IHP662" s="613"/>
      <c r="IHQ662" s="613"/>
      <c r="IHR662" s="613"/>
      <c r="IHS662" s="613"/>
      <c r="IHT662" s="613"/>
      <c r="IHU662" s="613"/>
      <c r="IHV662" s="613"/>
      <c r="IHW662" s="613"/>
      <c r="IHX662" s="613"/>
      <c r="IHY662" s="613"/>
      <c r="IHZ662" s="613"/>
      <c r="IIA662" s="613"/>
      <c r="IIB662" s="613"/>
      <c r="IIC662" s="613"/>
      <c r="IID662" s="613"/>
      <c r="IIE662" s="613"/>
      <c r="IIF662" s="613"/>
      <c r="IIG662" s="613"/>
      <c r="IIH662" s="613"/>
      <c r="III662" s="613"/>
      <c r="IIJ662" s="613"/>
      <c r="IIK662" s="613"/>
      <c r="IIL662" s="613"/>
      <c r="IIM662" s="613"/>
      <c r="IIN662" s="613"/>
      <c r="IIO662" s="613"/>
      <c r="IIP662" s="613"/>
      <c r="IIQ662" s="613"/>
      <c r="IIR662" s="613"/>
      <c r="IIS662" s="613"/>
      <c r="IIT662" s="613"/>
      <c r="IIU662" s="613"/>
      <c r="IIV662" s="613"/>
      <c r="IIW662" s="613"/>
      <c r="IIX662" s="613"/>
      <c r="IIY662" s="613"/>
      <c r="IIZ662" s="613"/>
      <c r="IJA662" s="613"/>
      <c r="IJB662" s="613"/>
      <c r="IJC662" s="613"/>
      <c r="IJD662" s="613"/>
      <c r="IJE662" s="613"/>
      <c r="IJF662" s="613"/>
      <c r="IJG662" s="613"/>
      <c r="IJH662" s="613"/>
      <c r="IJI662" s="613"/>
      <c r="IJJ662" s="613"/>
      <c r="IJK662" s="613"/>
      <c r="IJL662" s="613"/>
      <c r="IJM662" s="613"/>
      <c r="IJN662" s="613"/>
      <c r="IJO662" s="613"/>
      <c r="IJP662" s="613"/>
      <c r="IJQ662" s="613"/>
      <c r="IJR662" s="613"/>
      <c r="IJS662" s="613"/>
      <c r="IJT662" s="613"/>
      <c r="IJU662" s="613"/>
      <c r="IJV662" s="613"/>
      <c r="IJW662" s="613"/>
      <c r="IJX662" s="613"/>
      <c r="IJY662" s="613"/>
      <c r="IJZ662" s="613"/>
      <c r="IKA662" s="613"/>
      <c r="IKB662" s="613"/>
      <c r="IKC662" s="613"/>
      <c r="IKD662" s="613"/>
      <c r="IKE662" s="613"/>
      <c r="IKF662" s="613"/>
      <c r="IKG662" s="613"/>
      <c r="IKH662" s="613"/>
      <c r="IKI662" s="613"/>
      <c r="IKJ662" s="613"/>
      <c r="IKK662" s="613"/>
      <c r="IKL662" s="613"/>
      <c r="IKM662" s="613"/>
      <c r="IKN662" s="613"/>
      <c r="IKO662" s="613"/>
      <c r="IKP662" s="613"/>
      <c r="IKQ662" s="613"/>
      <c r="IKR662" s="613"/>
      <c r="IKS662" s="613"/>
      <c r="IKT662" s="613"/>
      <c r="IKU662" s="613"/>
      <c r="IKV662" s="613"/>
      <c r="IKW662" s="613"/>
      <c r="IKX662" s="613"/>
      <c r="IKY662" s="613"/>
      <c r="IKZ662" s="613"/>
      <c r="ILA662" s="613"/>
      <c r="ILB662" s="613"/>
      <c r="ILC662" s="613"/>
      <c r="ILD662" s="613"/>
      <c r="ILE662" s="613"/>
      <c r="ILF662" s="613"/>
      <c r="ILG662" s="613"/>
      <c r="ILH662" s="613"/>
      <c r="ILI662" s="613"/>
      <c r="ILJ662" s="613"/>
      <c r="ILK662" s="613"/>
      <c r="ILL662" s="613"/>
      <c r="ILM662" s="613"/>
      <c r="ILN662" s="613"/>
      <c r="ILO662" s="613"/>
      <c r="ILP662" s="613"/>
      <c r="ILQ662" s="613"/>
      <c r="ILR662" s="613"/>
      <c r="ILS662" s="613"/>
      <c r="ILT662" s="613"/>
      <c r="ILU662" s="613"/>
      <c r="ILV662" s="613"/>
      <c r="ILW662" s="613"/>
      <c r="ILX662" s="613"/>
      <c r="ILY662" s="613"/>
      <c r="ILZ662" s="613"/>
      <c r="IMA662" s="613"/>
      <c r="IMB662" s="613"/>
      <c r="IMC662" s="613"/>
      <c r="IMD662" s="613"/>
      <c r="IME662" s="613"/>
      <c r="IMF662" s="613"/>
      <c r="IMG662" s="613"/>
      <c r="IMH662" s="613"/>
      <c r="IMI662" s="613"/>
      <c r="IMJ662" s="613"/>
      <c r="IMK662" s="613"/>
      <c r="IML662" s="613"/>
      <c r="IMM662" s="613"/>
      <c r="IMN662" s="613"/>
      <c r="IMO662" s="613"/>
      <c r="IMP662" s="613"/>
      <c r="IMQ662" s="613"/>
      <c r="IMR662" s="613"/>
      <c r="IMS662" s="613"/>
      <c r="IMT662" s="613"/>
      <c r="IMU662" s="613"/>
      <c r="IMV662" s="613"/>
      <c r="IMW662" s="613"/>
      <c r="IMX662" s="613"/>
      <c r="IMY662" s="613"/>
      <c r="IMZ662" s="613"/>
      <c r="INA662" s="613"/>
      <c r="INB662" s="613"/>
      <c r="INC662" s="613"/>
      <c r="IND662" s="613"/>
      <c r="INE662" s="613"/>
      <c r="INF662" s="613"/>
      <c r="ING662" s="613"/>
      <c r="INH662" s="613"/>
      <c r="INI662" s="613"/>
      <c r="INJ662" s="613"/>
      <c r="INK662" s="613"/>
      <c r="INL662" s="613"/>
      <c r="INM662" s="613"/>
      <c r="INN662" s="613"/>
      <c r="INO662" s="613"/>
      <c r="INP662" s="613"/>
      <c r="INQ662" s="613"/>
      <c r="INR662" s="613"/>
      <c r="INS662" s="613"/>
      <c r="INT662" s="613"/>
      <c r="INU662" s="613"/>
      <c r="INV662" s="613"/>
      <c r="INW662" s="613"/>
      <c r="INX662" s="613"/>
      <c r="INY662" s="613"/>
      <c r="INZ662" s="613"/>
      <c r="IOA662" s="613"/>
      <c r="IOB662" s="613"/>
      <c r="IOC662" s="613"/>
      <c r="IOD662" s="613"/>
      <c r="IOE662" s="613"/>
      <c r="IOF662" s="613"/>
      <c r="IOG662" s="613"/>
      <c r="IOH662" s="613"/>
      <c r="IOI662" s="613"/>
      <c r="IOJ662" s="613"/>
      <c r="IOK662" s="613"/>
      <c r="IOL662" s="613"/>
      <c r="IOM662" s="613"/>
      <c r="ION662" s="613"/>
      <c r="IOO662" s="613"/>
      <c r="IOP662" s="613"/>
      <c r="IOQ662" s="613"/>
      <c r="IOR662" s="613"/>
      <c r="IOS662" s="613"/>
      <c r="IOT662" s="613"/>
      <c r="IOU662" s="613"/>
      <c r="IOV662" s="613"/>
      <c r="IOW662" s="613"/>
      <c r="IOX662" s="613"/>
      <c r="IOY662" s="613"/>
      <c r="IOZ662" s="613"/>
      <c r="IPA662" s="613"/>
      <c r="IPB662" s="613"/>
      <c r="IPC662" s="613"/>
      <c r="IPD662" s="613"/>
      <c r="IPE662" s="613"/>
      <c r="IPF662" s="613"/>
      <c r="IPG662" s="613"/>
      <c r="IPH662" s="613"/>
      <c r="IPI662" s="613"/>
      <c r="IPJ662" s="613"/>
      <c r="IPK662" s="613"/>
      <c r="IPL662" s="613"/>
      <c r="IPM662" s="613"/>
      <c r="IPN662" s="613"/>
      <c r="IPO662" s="613"/>
      <c r="IPP662" s="613"/>
      <c r="IPQ662" s="613"/>
      <c r="IPR662" s="613"/>
      <c r="IPS662" s="613"/>
      <c r="IPT662" s="613"/>
      <c r="IPU662" s="613"/>
      <c r="IPV662" s="613"/>
      <c r="IPW662" s="613"/>
      <c r="IPX662" s="613"/>
      <c r="IPY662" s="613"/>
      <c r="IPZ662" s="613"/>
      <c r="IQA662" s="613"/>
      <c r="IQB662" s="613"/>
      <c r="IQC662" s="613"/>
      <c r="IQD662" s="613"/>
      <c r="IQE662" s="613"/>
      <c r="IQF662" s="613"/>
      <c r="IQG662" s="613"/>
      <c r="IQH662" s="613"/>
      <c r="IQI662" s="613"/>
      <c r="IQJ662" s="613"/>
      <c r="IQK662" s="613"/>
      <c r="IQL662" s="613"/>
      <c r="IQM662" s="613"/>
      <c r="IQN662" s="613"/>
      <c r="IQO662" s="613"/>
      <c r="IQP662" s="613"/>
      <c r="IQQ662" s="613"/>
      <c r="IQR662" s="613"/>
      <c r="IQS662" s="613"/>
      <c r="IQT662" s="613"/>
      <c r="IQU662" s="613"/>
      <c r="IQV662" s="613"/>
      <c r="IQW662" s="613"/>
      <c r="IQX662" s="613"/>
      <c r="IQY662" s="613"/>
      <c r="IQZ662" s="613"/>
      <c r="IRA662" s="613"/>
      <c r="IRB662" s="613"/>
      <c r="IRC662" s="613"/>
      <c r="IRD662" s="613"/>
      <c r="IRE662" s="613"/>
      <c r="IRF662" s="613"/>
      <c r="IRG662" s="613"/>
      <c r="IRH662" s="613"/>
      <c r="IRI662" s="613"/>
      <c r="IRJ662" s="613"/>
      <c r="IRK662" s="613"/>
      <c r="IRL662" s="613"/>
      <c r="IRM662" s="613"/>
      <c r="IRN662" s="613"/>
      <c r="IRO662" s="613"/>
      <c r="IRP662" s="613"/>
      <c r="IRQ662" s="613"/>
      <c r="IRR662" s="613"/>
      <c r="IRS662" s="613"/>
      <c r="IRT662" s="613"/>
      <c r="IRU662" s="613"/>
      <c r="IRV662" s="613"/>
      <c r="IRW662" s="613"/>
      <c r="IRX662" s="613"/>
      <c r="IRY662" s="613"/>
      <c r="IRZ662" s="613"/>
      <c r="ISA662" s="613"/>
      <c r="ISB662" s="613"/>
      <c r="ISC662" s="613"/>
      <c r="ISD662" s="613"/>
      <c r="ISE662" s="613"/>
      <c r="ISF662" s="613"/>
      <c r="ISG662" s="613"/>
      <c r="ISH662" s="613"/>
      <c r="ISI662" s="613"/>
      <c r="ISJ662" s="613"/>
      <c r="ISK662" s="613"/>
      <c r="ISL662" s="613"/>
      <c r="ISM662" s="613"/>
      <c r="ISN662" s="613"/>
      <c r="ISO662" s="613"/>
      <c r="ISP662" s="613"/>
      <c r="ISQ662" s="613"/>
      <c r="ISR662" s="613"/>
      <c r="ISS662" s="613"/>
      <c r="IST662" s="613"/>
      <c r="ISU662" s="613"/>
      <c r="ISV662" s="613"/>
      <c r="ISW662" s="613"/>
      <c r="ISX662" s="613"/>
      <c r="ISY662" s="613"/>
      <c r="ISZ662" s="613"/>
      <c r="ITA662" s="613"/>
      <c r="ITB662" s="613"/>
      <c r="ITC662" s="613"/>
      <c r="ITD662" s="613"/>
      <c r="ITE662" s="613"/>
      <c r="ITF662" s="613"/>
      <c r="ITG662" s="613"/>
      <c r="ITH662" s="613"/>
      <c r="ITI662" s="613"/>
      <c r="ITJ662" s="613"/>
      <c r="ITK662" s="613"/>
      <c r="ITL662" s="613"/>
      <c r="ITM662" s="613"/>
      <c r="ITN662" s="613"/>
      <c r="ITO662" s="613"/>
      <c r="ITP662" s="613"/>
      <c r="ITQ662" s="613"/>
      <c r="ITR662" s="613"/>
      <c r="ITS662" s="613"/>
      <c r="ITT662" s="613"/>
      <c r="ITU662" s="613"/>
      <c r="ITV662" s="613"/>
      <c r="ITW662" s="613"/>
      <c r="ITX662" s="613"/>
      <c r="ITY662" s="613"/>
      <c r="ITZ662" s="613"/>
      <c r="IUA662" s="613"/>
      <c r="IUB662" s="613"/>
      <c r="IUC662" s="613"/>
      <c r="IUD662" s="613"/>
      <c r="IUE662" s="613"/>
      <c r="IUF662" s="613"/>
      <c r="IUG662" s="613"/>
      <c r="IUH662" s="613"/>
      <c r="IUI662" s="613"/>
      <c r="IUJ662" s="613"/>
      <c r="IUK662" s="613"/>
      <c r="IUL662" s="613"/>
      <c r="IUM662" s="613"/>
      <c r="IUN662" s="613"/>
      <c r="IUO662" s="613"/>
      <c r="IUP662" s="613"/>
      <c r="IUQ662" s="613"/>
      <c r="IUR662" s="613"/>
      <c r="IUS662" s="613"/>
      <c r="IUT662" s="613"/>
      <c r="IUU662" s="613"/>
      <c r="IUV662" s="613"/>
      <c r="IUW662" s="613"/>
      <c r="IUX662" s="613"/>
      <c r="IUY662" s="613"/>
      <c r="IUZ662" s="613"/>
      <c r="IVA662" s="613"/>
      <c r="IVB662" s="613"/>
      <c r="IVC662" s="613"/>
      <c r="IVD662" s="613"/>
      <c r="IVE662" s="613"/>
      <c r="IVF662" s="613"/>
      <c r="IVG662" s="613"/>
      <c r="IVH662" s="613"/>
      <c r="IVI662" s="613"/>
      <c r="IVJ662" s="613"/>
      <c r="IVK662" s="613"/>
      <c r="IVL662" s="613"/>
      <c r="IVM662" s="613"/>
      <c r="IVN662" s="613"/>
      <c r="IVO662" s="613"/>
      <c r="IVP662" s="613"/>
      <c r="IVQ662" s="613"/>
      <c r="IVR662" s="613"/>
      <c r="IVS662" s="613"/>
      <c r="IVT662" s="613"/>
      <c r="IVU662" s="613"/>
      <c r="IVV662" s="613"/>
      <c r="IVW662" s="613"/>
      <c r="IVX662" s="613"/>
      <c r="IVY662" s="613"/>
      <c r="IVZ662" s="613"/>
      <c r="IWA662" s="613"/>
      <c r="IWB662" s="613"/>
      <c r="IWC662" s="613"/>
      <c r="IWD662" s="613"/>
      <c r="IWE662" s="613"/>
      <c r="IWF662" s="613"/>
      <c r="IWG662" s="613"/>
      <c r="IWH662" s="613"/>
      <c r="IWI662" s="613"/>
      <c r="IWJ662" s="613"/>
      <c r="IWK662" s="613"/>
      <c r="IWL662" s="613"/>
      <c r="IWM662" s="613"/>
      <c r="IWN662" s="613"/>
      <c r="IWO662" s="613"/>
      <c r="IWP662" s="613"/>
      <c r="IWQ662" s="613"/>
      <c r="IWR662" s="613"/>
      <c r="IWS662" s="613"/>
      <c r="IWT662" s="613"/>
      <c r="IWU662" s="613"/>
      <c r="IWV662" s="613"/>
      <c r="IWW662" s="613"/>
      <c r="IWX662" s="613"/>
      <c r="IWY662" s="613"/>
      <c r="IWZ662" s="613"/>
      <c r="IXA662" s="613"/>
      <c r="IXB662" s="613"/>
      <c r="IXC662" s="613"/>
      <c r="IXD662" s="613"/>
      <c r="IXE662" s="613"/>
      <c r="IXF662" s="613"/>
      <c r="IXG662" s="613"/>
      <c r="IXH662" s="613"/>
      <c r="IXI662" s="613"/>
      <c r="IXJ662" s="613"/>
      <c r="IXK662" s="613"/>
      <c r="IXL662" s="613"/>
      <c r="IXM662" s="613"/>
      <c r="IXN662" s="613"/>
      <c r="IXO662" s="613"/>
      <c r="IXP662" s="613"/>
      <c r="IXQ662" s="613"/>
      <c r="IXR662" s="613"/>
      <c r="IXS662" s="613"/>
      <c r="IXT662" s="613"/>
      <c r="IXU662" s="613"/>
      <c r="IXV662" s="613"/>
      <c r="IXW662" s="613"/>
      <c r="IXX662" s="613"/>
      <c r="IXY662" s="613"/>
      <c r="IXZ662" s="613"/>
      <c r="IYA662" s="613"/>
      <c r="IYB662" s="613"/>
      <c r="IYC662" s="613"/>
      <c r="IYD662" s="613"/>
      <c r="IYE662" s="613"/>
      <c r="IYF662" s="613"/>
      <c r="IYG662" s="613"/>
      <c r="IYH662" s="613"/>
      <c r="IYI662" s="613"/>
      <c r="IYJ662" s="613"/>
      <c r="IYK662" s="613"/>
      <c r="IYL662" s="613"/>
      <c r="IYM662" s="613"/>
      <c r="IYN662" s="613"/>
      <c r="IYO662" s="613"/>
      <c r="IYP662" s="613"/>
      <c r="IYQ662" s="613"/>
      <c r="IYR662" s="613"/>
      <c r="IYS662" s="613"/>
      <c r="IYT662" s="613"/>
      <c r="IYU662" s="613"/>
      <c r="IYV662" s="613"/>
      <c r="IYW662" s="613"/>
      <c r="IYX662" s="613"/>
      <c r="IYY662" s="613"/>
      <c r="IYZ662" s="613"/>
      <c r="IZA662" s="613"/>
      <c r="IZB662" s="613"/>
      <c r="IZC662" s="613"/>
      <c r="IZD662" s="613"/>
      <c r="IZE662" s="613"/>
      <c r="IZF662" s="613"/>
      <c r="IZG662" s="613"/>
      <c r="IZH662" s="613"/>
      <c r="IZI662" s="613"/>
      <c r="IZJ662" s="613"/>
      <c r="IZK662" s="613"/>
      <c r="IZL662" s="613"/>
      <c r="IZM662" s="613"/>
      <c r="IZN662" s="613"/>
      <c r="IZO662" s="613"/>
      <c r="IZP662" s="613"/>
      <c r="IZQ662" s="613"/>
      <c r="IZR662" s="613"/>
      <c r="IZS662" s="613"/>
      <c r="IZT662" s="613"/>
      <c r="IZU662" s="613"/>
      <c r="IZV662" s="613"/>
      <c r="IZW662" s="613"/>
      <c r="IZX662" s="613"/>
      <c r="IZY662" s="613"/>
      <c r="IZZ662" s="613"/>
      <c r="JAA662" s="613"/>
      <c r="JAB662" s="613"/>
      <c r="JAC662" s="613"/>
      <c r="JAD662" s="613"/>
      <c r="JAE662" s="613"/>
      <c r="JAF662" s="613"/>
      <c r="JAG662" s="613"/>
      <c r="JAH662" s="613"/>
      <c r="JAI662" s="613"/>
      <c r="JAJ662" s="613"/>
      <c r="JAK662" s="613"/>
      <c r="JAL662" s="613"/>
      <c r="JAM662" s="613"/>
      <c r="JAN662" s="613"/>
      <c r="JAO662" s="613"/>
      <c r="JAP662" s="613"/>
      <c r="JAQ662" s="613"/>
      <c r="JAR662" s="613"/>
      <c r="JAS662" s="613"/>
      <c r="JAT662" s="613"/>
      <c r="JAU662" s="613"/>
      <c r="JAV662" s="613"/>
      <c r="JAW662" s="613"/>
      <c r="JAX662" s="613"/>
      <c r="JAY662" s="613"/>
      <c r="JAZ662" s="613"/>
      <c r="JBA662" s="613"/>
      <c r="JBB662" s="613"/>
      <c r="JBC662" s="613"/>
      <c r="JBD662" s="613"/>
      <c r="JBE662" s="613"/>
      <c r="JBF662" s="613"/>
      <c r="JBG662" s="613"/>
      <c r="JBH662" s="613"/>
      <c r="JBI662" s="613"/>
      <c r="JBJ662" s="613"/>
      <c r="JBK662" s="613"/>
      <c r="JBL662" s="613"/>
      <c r="JBM662" s="613"/>
      <c r="JBN662" s="613"/>
      <c r="JBO662" s="613"/>
      <c r="JBP662" s="613"/>
      <c r="JBQ662" s="613"/>
      <c r="JBR662" s="613"/>
      <c r="JBS662" s="613"/>
      <c r="JBT662" s="613"/>
      <c r="JBU662" s="613"/>
      <c r="JBV662" s="613"/>
      <c r="JBW662" s="613"/>
      <c r="JBX662" s="613"/>
      <c r="JBY662" s="613"/>
      <c r="JBZ662" s="613"/>
      <c r="JCA662" s="613"/>
      <c r="JCB662" s="613"/>
      <c r="JCC662" s="613"/>
      <c r="JCD662" s="613"/>
      <c r="JCE662" s="613"/>
      <c r="JCF662" s="613"/>
      <c r="JCG662" s="613"/>
      <c r="JCH662" s="613"/>
      <c r="JCI662" s="613"/>
      <c r="JCJ662" s="613"/>
      <c r="JCK662" s="613"/>
      <c r="JCL662" s="613"/>
      <c r="JCM662" s="613"/>
      <c r="JCN662" s="613"/>
      <c r="JCO662" s="613"/>
      <c r="JCP662" s="613"/>
      <c r="JCQ662" s="613"/>
      <c r="JCR662" s="613"/>
      <c r="JCS662" s="613"/>
      <c r="JCT662" s="613"/>
      <c r="JCU662" s="613"/>
      <c r="JCV662" s="613"/>
      <c r="JCW662" s="613"/>
      <c r="JCX662" s="613"/>
      <c r="JCY662" s="613"/>
      <c r="JCZ662" s="613"/>
      <c r="JDA662" s="613"/>
      <c r="JDB662" s="613"/>
      <c r="JDC662" s="613"/>
      <c r="JDD662" s="613"/>
      <c r="JDE662" s="613"/>
      <c r="JDF662" s="613"/>
      <c r="JDG662" s="613"/>
      <c r="JDH662" s="613"/>
      <c r="JDI662" s="613"/>
      <c r="JDJ662" s="613"/>
      <c r="JDK662" s="613"/>
      <c r="JDL662" s="613"/>
      <c r="JDM662" s="613"/>
      <c r="JDN662" s="613"/>
      <c r="JDO662" s="613"/>
      <c r="JDP662" s="613"/>
      <c r="JDQ662" s="613"/>
      <c r="JDR662" s="613"/>
      <c r="JDS662" s="613"/>
      <c r="JDT662" s="613"/>
      <c r="JDU662" s="613"/>
      <c r="JDV662" s="613"/>
      <c r="JDW662" s="613"/>
      <c r="JDX662" s="613"/>
      <c r="JDY662" s="613"/>
      <c r="JDZ662" s="613"/>
      <c r="JEA662" s="613"/>
      <c r="JEB662" s="613"/>
      <c r="JEC662" s="613"/>
      <c r="JED662" s="613"/>
      <c r="JEE662" s="613"/>
      <c r="JEF662" s="613"/>
      <c r="JEG662" s="613"/>
      <c r="JEH662" s="613"/>
      <c r="JEI662" s="613"/>
      <c r="JEJ662" s="613"/>
      <c r="JEK662" s="613"/>
      <c r="JEL662" s="613"/>
      <c r="JEM662" s="613"/>
      <c r="JEN662" s="613"/>
      <c r="JEO662" s="613"/>
      <c r="JEP662" s="613"/>
      <c r="JEQ662" s="613"/>
      <c r="JER662" s="613"/>
      <c r="JES662" s="613"/>
      <c r="JET662" s="613"/>
      <c r="JEU662" s="613"/>
      <c r="JEV662" s="613"/>
      <c r="JEW662" s="613"/>
      <c r="JEX662" s="613"/>
      <c r="JEY662" s="613"/>
      <c r="JEZ662" s="613"/>
      <c r="JFA662" s="613"/>
      <c r="JFB662" s="613"/>
      <c r="JFC662" s="613"/>
      <c r="JFD662" s="613"/>
      <c r="JFE662" s="613"/>
      <c r="JFF662" s="613"/>
      <c r="JFG662" s="613"/>
      <c r="JFH662" s="613"/>
      <c r="JFI662" s="613"/>
      <c r="JFJ662" s="613"/>
      <c r="JFK662" s="613"/>
      <c r="JFL662" s="613"/>
      <c r="JFM662" s="613"/>
      <c r="JFN662" s="613"/>
      <c r="JFO662" s="613"/>
      <c r="JFP662" s="613"/>
      <c r="JFQ662" s="613"/>
      <c r="JFR662" s="613"/>
      <c r="JFS662" s="613"/>
      <c r="JFT662" s="613"/>
      <c r="JFU662" s="613"/>
      <c r="JFV662" s="613"/>
      <c r="JFW662" s="613"/>
      <c r="JFX662" s="613"/>
      <c r="JFY662" s="613"/>
      <c r="JFZ662" s="613"/>
      <c r="JGA662" s="613"/>
      <c r="JGB662" s="613"/>
      <c r="JGC662" s="613"/>
      <c r="JGD662" s="613"/>
      <c r="JGE662" s="613"/>
      <c r="JGF662" s="613"/>
      <c r="JGG662" s="613"/>
      <c r="JGH662" s="613"/>
      <c r="JGI662" s="613"/>
      <c r="JGJ662" s="613"/>
      <c r="JGK662" s="613"/>
      <c r="JGL662" s="613"/>
      <c r="JGM662" s="613"/>
      <c r="JGN662" s="613"/>
      <c r="JGO662" s="613"/>
      <c r="JGP662" s="613"/>
      <c r="JGQ662" s="613"/>
      <c r="JGR662" s="613"/>
      <c r="JGS662" s="613"/>
      <c r="JGT662" s="613"/>
      <c r="JGU662" s="613"/>
      <c r="JGV662" s="613"/>
      <c r="JGW662" s="613"/>
      <c r="JGX662" s="613"/>
      <c r="JGY662" s="613"/>
      <c r="JGZ662" s="613"/>
      <c r="JHA662" s="613"/>
      <c r="JHB662" s="613"/>
      <c r="JHC662" s="613"/>
      <c r="JHD662" s="613"/>
      <c r="JHE662" s="613"/>
      <c r="JHF662" s="613"/>
      <c r="JHG662" s="613"/>
      <c r="JHH662" s="613"/>
      <c r="JHI662" s="613"/>
      <c r="JHJ662" s="613"/>
      <c r="JHK662" s="613"/>
      <c r="JHL662" s="613"/>
      <c r="JHM662" s="613"/>
      <c r="JHN662" s="613"/>
      <c r="JHO662" s="613"/>
      <c r="JHP662" s="613"/>
      <c r="JHQ662" s="613"/>
      <c r="JHR662" s="613"/>
      <c r="JHS662" s="613"/>
      <c r="JHT662" s="613"/>
      <c r="JHU662" s="613"/>
      <c r="JHV662" s="613"/>
      <c r="JHW662" s="613"/>
      <c r="JHX662" s="613"/>
      <c r="JHY662" s="613"/>
      <c r="JHZ662" s="613"/>
      <c r="JIA662" s="613"/>
      <c r="JIB662" s="613"/>
      <c r="JIC662" s="613"/>
      <c r="JID662" s="613"/>
      <c r="JIE662" s="613"/>
      <c r="JIF662" s="613"/>
      <c r="JIG662" s="613"/>
      <c r="JIH662" s="613"/>
      <c r="JII662" s="613"/>
      <c r="JIJ662" s="613"/>
      <c r="JIK662" s="613"/>
      <c r="JIL662" s="613"/>
      <c r="JIM662" s="613"/>
      <c r="JIN662" s="613"/>
      <c r="JIO662" s="613"/>
      <c r="JIP662" s="613"/>
      <c r="JIQ662" s="613"/>
      <c r="JIR662" s="613"/>
      <c r="JIS662" s="613"/>
      <c r="JIT662" s="613"/>
      <c r="JIU662" s="613"/>
      <c r="JIV662" s="613"/>
      <c r="JIW662" s="613"/>
      <c r="JIX662" s="613"/>
      <c r="JIY662" s="613"/>
      <c r="JIZ662" s="613"/>
      <c r="JJA662" s="613"/>
      <c r="JJB662" s="613"/>
      <c r="JJC662" s="613"/>
      <c r="JJD662" s="613"/>
      <c r="JJE662" s="613"/>
      <c r="JJF662" s="613"/>
      <c r="JJG662" s="613"/>
      <c r="JJH662" s="613"/>
      <c r="JJI662" s="613"/>
      <c r="JJJ662" s="613"/>
      <c r="JJK662" s="613"/>
      <c r="JJL662" s="613"/>
      <c r="JJM662" s="613"/>
      <c r="JJN662" s="613"/>
      <c r="JJO662" s="613"/>
      <c r="JJP662" s="613"/>
      <c r="JJQ662" s="613"/>
      <c r="JJR662" s="613"/>
      <c r="JJS662" s="613"/>
      <c r="JJT662" s="613"/>
      <c r="JJU662" s="613"/>
      <c r="JJV662" s="613"/>
      <c r="JJW662" s="613"/>
      <c r="JJX662" s="613"/>
      <c r="JJY662" s="613"/>
      <c r="JJZ662" s="613"/>
      <c r="JKA662" s="613"/>
      <c r="JKB662" s="613"/>
      <c r="JKC662" s="613"/>
      <c r="JKD662" s="613"/>
      <c r="JKE662" s="613"/>
      <c r="JKF662" s="613"/>
      <c r="JKG662" s="613"/>
      <c r="JKH662" s="613"/>
      <c r="JKI662" s="613"/>
      <c r="JKJ662" s="613"/>
      <c r="JKK662" s="613"/>
      <c r="JKL662" s="613"/>
      <c r="JKM662" s="613"/>
      <c r="JKN662" s="613"/>
      <c r="JKO662" s="613"/>
      <c r="JKP662" s="613"/>
      <c r="JKQ662" s="613"/>
      <c r="JKR662" s="613"/>
      <c r="JKS662" s="613"/>
      <c r="JKT662" s="613"/>
      <c r="JKU662" s="613"/>
      <c r="JKV662" s="613"/>
      <c r="JKW662" s="613"/>
      <c r="JKX662" s="613"/>
      <c r="JKY662" s="613"/>
      <c r="JKZ662" s="613"/>
      <c r="JLA662" s="613"/>
      <c r="JLB662" s="613"/>
      <c r="JLC662" s="613"/>
      <c r="JLD662" s="613"/>
      <c r="JLE662" s="613"/>
      <c r="JLF662" s="613"/>
      <c r="JLG662" s="613"/>
      <c r="JLH662" s="613"/>
      <c r="JLI662" s="613"/>
      <c r="JLJ662" s="613"/>
      <c r="JLK662" s="613"/>
      <c r="JLL662" s="613"/>
      <c r="JLM662" s="613"/>
      <c r="JLN662" s="613"/>
      <c r="JLO662" s="613"/>
      <c r="JLP662" s="613"/>
      <c r="JLQ662" s="613"/>
      <c r="JLR662" s="613"/>
      <c r="JLS662" s="613"/>
      <c r="JLT662" s="613"/>
      <c r="JLU662" s="613"/>
      <c r="JLV662" s="613"/>
      <c r="JLW662" s="613"/>
      <c r="JLX662" s="613"/>
      <c r="JLY662" s="613"/>
      <c r="JLZ662" s="613"/>
      <c r="JMA662" s="613"/>
      <c r="JMB662" s="613"/>
      <c r="JMC662" s="613"/>
      <c r="JMD662" s="613"/>
      <c r="JME662" s="613"/>
      <c r="JMF662" s="613"/>
      <c r="JMG662" s="613"/>
      <c r="JMH662" s="613"/>
      <c r="JMI662" s="613"/>
      <c r="JMJ662" s="613"/>
      <c r="JMK662" s="613"/>
      <c r="JML662" s="613"/>
      <c r="JMM662" s="613"/>
      <c r="JMN662" s="613"/>
      <c r="JMO662" s="613"/>
      <c r="JMP662" s="613"/>
      <c r="JMQ662" s="613"/>
      <c r="JMR662" s="613"/>
      <c r="JMS662" s="613"/>
      <c r="JMT662" s="613"/>
      <c r="JMU662" s="613"/>
      <c r="JMV662" s="613"/>
      <c r="JMW662" s="613"/>
      <c r="JMX662" s="613"/>
      <c r="JMY662" s="613"/>
      <c r="JMZ662" s="613"/>
      <c r="JNA662" s="613"/>
      <c r="JNB662" s="613"/>
      <c r="JNC662" s="613"/>
      <c r="JND662" s="613"/>
      <c r="JNE662" s="613"/>
      <c r="JNF662" s="613"/>
      <c r="JNG662" s="613"/>
      <c r="JNH662" s="613"/>
      <c r="JNI662" s="613"/>
      <c r="JNJ662" s="613"/>
      <c r="JNK662" s="613"/>
      <c r="JNL662" s="613"/>
      <c r="JNM662" s="613"/>
      <c r="JNN662" s="613"/>
      <c r="JNO662" s="613"/>
      <c r="JNP662" s="613"/>
      <c r="JNQ662" s="613"/>
      <c r="JNR662" s="613"/>
      <c r="JNS662" s="613"/>
      <c r="JNT662" s="613"/>
      <c r="JNU662" s="613"/>
      <c r="JNV662" s="613"/>
      <c r="JNW662" s="613"/>
      <c r="JNX662" s="613"/>
      <c r="JNY662" s="613"/>
      <c r="JNZ662" s="613"/>
      <c r="JOA662" s="613"/>
      <c r="JOB662" s="613"/>
      <c r="JOC662" s="613"/>
      <c r="JOD662" s="613"/>
      <c r="JOE662" s="613"/>
      <c r="JOF662" s="613"/>
      <c r="JOG662" s="613"/>
      <c r="JOH662" s="613"/>
      <c r="JOI662" s="613"/>
      <c r="JOJ662" s="613"/>
      <c r="JOK662" s="613"/>
      <c r="JOL662" s="613"/>
      <c r="JOM662" s="613"/>
      <c r="JON662" s="613"/>
      <c r="JOO662" s="613"/>
      <c r="JOP662" s="613"/>
      <c r="JOQ662" s="613"/>
      <c r="JOR662" s="613"/>
      <c r="JOS662" s="613"/>
      <c r="JOT662" s="613"/>
      <c r="JOU662" s="613"/>
      <c r="JOV662" s="613"/>
      <c r="JOW662" s="613"/>
      <c r="JOX662" s="613"/>
      <c r="JOY662" s="613"/>
      <c r="JOZ662" s="613"/>
      <c r="JPA662" s="613"/>
      <c r="JPB662" s="613"/>
      <c r="JPC662" s="613"/>
      <c r="JPD662" s="613"/>
      <c r="JPE662" s="613"/>
      <c r="JPF662" s="613"/>
      <c r="JPG662" s="613"/>
      <c r="JPH662" s="613"/>
      <c r="JPI662" s="613"/>
      <c r="JPJ662" s="613"/>
      <c r="JPK662" s="613"/>
      <c r="JPL662" s="613"/>
      <c r="JPM662" s="613"/>
      <c r="JPN662" s="613"/>
      <c r="JPO662" s="613"/>
      <c r="JPP662" s="613"/>
      <c r="JPQ662" s="613"/>
      <c r="JPR662" s="613"/>
      <c r="JPS662" s="613"/>
      <c r="JPT662" s="613"/>
      <c r="JPU662" s="613"/>
      <c r="JPV662" s="613"/>
      <c r="JPW662" s="613"/>
      <c r="JPX662" s="613"/>
      <c r="JPY662" s="613"/>
      <c r="JPZ662" s="613"/>
      <c r="JQA662" s="613"/>
      <c r="JQB662" s="613"/>
      <c r="JQC662" s="613"/>
      <c r="JQD662" s="613"/>
      <c r="JQE662" s="613"/>
      <c r="JQF662" s="613"/>
      <c r="JQG662" s="613"/>
      <c r="JQH662" s="613"/>
      <c r="JQI662" s="613"/>
      <c r="JQJ662" s="613"/>
      <c r="JQK662" s="613"/>
      <c r="JQL662" s="613"/>
      <c r="JQM662" s="613"/>
      <c r="JQN662" s="613"/>
      <c r="JQO662" s="613"/>
      <c r="JQP662" s="613"/>
      <c r="JQQ662" s="613"/>
      <c r="JQR662" s="613"/>
      <c r="JQS662" s="613"/>
      <c r="JQT662" s="613"/>
      <c r="JQU662" s="613"/>
      <c r="JQV662" s="613"/>
      <c r="JQW662" s="613"/>
      <c r="JQX662" s="613"/>
      <c r="JQY662" s="613"/>
      <c r="JQZ662" s="613"/>
      <c r="JRA662" s="613"/>
      <c r="JRB662" s="613"/>
      <c r="JRC662" s="613"/>
      <c r="JRD662" s="613"/>
      <c r="JRE662" s="613"/>
      <c r="JRF662" s="613"/>
      <c r="JRG662" s="613"/>
      <c r="JRH662" s="613"/>
      <c r="JRI662" s="613"/>
      <c r="JRJ662" s="613"/>
      <c r="JRK662" s="613"/>
      <c r="JRL662" s="613"/>
      <c r="JRM662" s="613"/>
      <c r="JRN662" s="613"/>
      <c r="JRO662" s="613"/>
      <c r="JRP662" s="613"/>
      <c r="JRQ662" s="613"/>
      <c r="JRR662" s="613"/>
      <c r="JRS662" s="613"/>
      <c r="JRT662" s="613"/>
      <c r="JRU662" s="613"/>
      <c r="JRV662" s="613"/>
      <c r="JRW662" s="613"/>
      <c r="JRX662" s="613"/>
      <c r="JRY662" s="613"/>
      <c r="JRZ662" s="613"/>
      <c r="JSA662" s="613"/>
      <c r="JSB662" s="613"/>
      <c r="JSC662" s="613"/>
      <c r="JSD662" s="613"/>
      <c r="JSE662" s="613"/>
      <c r="JSF662" s="613"/>
      <c r="JSG662" s="613"/>
      <c r="JSH662" s="613"/>
      <c r="JSI662" s="613"/>
      <c r="JSJ662" s="613"/>
      <c r="JSK662" s="613"/>
      <c r="JSL662" s="613"/>
      <c r="JSM662" s="613"/>
      <c r="JSN662" s="613"/>
      <c r="JSO662" s="613"/>
      <c r="JSP662" s="613"/>
      <c r="JSQ662" s="613"/>
      <c r="JSR662" s="613"/>
      <c r="JSS662" s="613"/>
      <c r="JST662" s="613"/>
      <c r="JSU662" s="613"/>
      <c r="JSV662" s="613"/>
      <c r="JSW662" s="613"/>
      <c r="JSX662" s="613"/>
      <c r="JSY662" s="613"/>
      <c r="JSZ662" s="613"/>
      <c r="JTA662" s="613"/>
      <c r="JTB662" s="613"/>
      <c r="JTC662" s="613"/>
      <c r="JTD662" s="613"/>
      <c r="JTE662" s="613"/>
      <c r="JTF662" s="613"/>
      <c r="JTG662" s="613"/>
      <c r="JTH662" s="613"/>
      <c r="JTI662" s="613"/>
      <c r="JTJ662" s="613"/>
      <c r="JTK662" s="613"/>
      <c r="JTL662" s="613"/>
      <c r="JTM662" s="613"/>
      <c r="JTN662" s="613"/>
      <c r="JTO662" s="613"/>
      <c r="JTP662" s="613"/>
      <c r="JTQ662" s="613"/>
      <c r="JTR662" s="613"/>
      <c r="JTS662" s="613"/>
      <c r="JTT662" s="613"/>
      <c r="JTU662" s="613"/>
      <c r="JTV662" s="613"/>
      <c r="JTW662" s="613"/>
      <c r="JTX662" s="613"/>
      <c r="JTY662" s="613"/>
      <c r="JTZ662" s="613"/>
      <c r="JUA662" s="613"/>
      <c r="JUB662" s="613"/>
      <c r="JUC662" s="613"/>
      <c r="JUD662" s="613"/>
      <c r="JUE662" s="613"/>
      <c r="JUF662" s="613"/>
      <c r="JUG662" s="613"/>
      <c r="JUH662" s="613"/>
      <c r="JUI662" s="613"/>
      <c r="JUJ662" s="613"/>
      <c r="JUK662" s="613"/>
      <c r="JUL662" s="613"/>
      <c r="JUM662" s="613"/>
      <c r="JUN662" s="613"/>
      <c r="JUO662" s="613"/>
      <c r="JUP662" s="613"/>
      <c r="JUQ662" s="613"/>
      <c r="JUR662" s="613"/>
      <c r="JUS662" s="613"/>
      <c r="JUT662" s="613"/>
      <c r="JUU662" s="613"/>
      <c r="JUV662" s="613"/>
      <c r="JUW662" s="613"/>
      <c r="JUX662" s="613"/>
      <c r="JUY662" s="613"/>
      <c r="JUZ662" s="613"/>
      <c r="JVA662" s="613"/>
      <c r="JVB662" s="613"/>
      <c r="JVC662" s="613"/>
      <c r="JVD662" s="613"/>
      <c r="JVE662" s="613"/>
      <c r="JVF662" s="613"/>
      <c r="JVG662" s="613"/>
      <c r="JVH662" s="613"/>
      <c r="JVI662" s="613"/>
      <c r="JVJ662" s="613"/>
      <c r="JVK662" s="613"/>
      <c r="JVL662" s="613"/>
      <c r="JVM662" s="613"/>
      <c r="JVN662" s="613"/>
      <c r="JVO662" s="613"/>
      <c r="JVP662" s="613"/>
      <c r="JVQ662" s="613"/>
      <c r="JVR662" s="613"/>
      <c r="JVS662" s="613"/>
      <c r="JVT662" s="613"/>
      <c r="JVU662" s="613"/>
      <c r="JVV662" s="613"/>
      <c r="JVW662" s="613"/>
      <c r="JVX662" s="613"/>
      <c r="JVY662" s="613"/>
      <c r="JVZ662" s="613"/>
      <c r="JWA662" s="613"/>
      <c r="JWB662" s="613"/>
      <c r="JWC662" s="613"/>
      <c r="JWD662" s="613"/>
      <c r="JWE662" s="613"/>
      <c r="JWF662" s="613"/>
      <c r="JWG662" s="613"/>
      <c r="JWH662" s="613"/>
      <c r="JWI662" s="613"/>
      <c r="JWJ662" s="613"/>
      <c r="JWK662" s="613"/>
      <c r="JWL662" s="613"/>
      <c r="JWM662" s="613"/>
      <c r="JWN662" s="613"/>
      <c r="JWO662" s="613"/>
      <c r="JWP662" s="613"/>
      <c r="JWQ662" s="613"/>
      <c r="JWR662" s="613"/>
      <c r="JWS662" s="613"/>
      <c r="JWT662" s="613"/>
      <c r="JWU662" s="613"/>
      <c r="JWV662" s="613"/>
      <c r="JWW662" s="613"/>
      <c r="JWX662" s="613"/>
      <c r="JWY662" s="613"/>
      <c r="JWZ662" s="613"/>
      <c r="JXA662" s="613"/>
      <c r="JXB662" s="613"/>
      <c r="JXC662" s="613"/>
      <c r="JXD662" s="613"/>
      <c r="JXE662" s="613"/>
      <c r="JXF662" s="613"/>
      <c r="JXG662" s="613"/>
      <c r="JXH662" s="613"/>
      <c r="JXI662" s="613"/>
      <c r="JXJ662" s="613"/>
      <c r="JXK662" s="613"/>
      <c r="JXL662" s="613"/>
      <c r="JXM662" s="613"/>
      <c r="JXN662" s="613"/>
      <c r="JXO662" s="613"/>
      <c r="JXP662" s="613"/>
      <c r="JXQ662" s="613"/>
      <c r="JXR662" s="613"/>
      <c r="JXS662" s="613"/>
      <c r="JXT662" s="613"/>
      <c r="JXU662" s="613"/>
      <c r="JXV662" s="613"/>
      <c r="JXW662" s="613"/>
      <c r="JXX662" s="613"/>
      <c r="JXY662" s="613"/>
      <c r="JXZ662" s="613"/>
      <c r="JYA662" s="613"/>
      <c r="JYB662" s="613"/>
      <c r="JYC662" s="613"/>
      <c r="JYD662" s="613"/>
      <c r="JYE662" s="613"/>
      <c r="JYF662" s="613"/>
      <c r="JYG662" s="613"/>
      <c r="JYH662" s="613"/>
      <c r="JYI662" s="613"/>
      <c r="JYJ662" s="613"/>
      <c r="JYK662" s="613"/>
      <c r="JYL662" s="613"/>
      <c r="JYM662" s="613"/>
      <c r="JYN662" s="613"/>
      <c r="JYO662" s="613"/>
      <c r="JYP662" s="613"/>
      <c r="JYQ662" s="613"/>
      <c r="JYR662" s="613"/>
      <c r="JYS662" s="613"/>
      <c r="JYT662" s="613"/>
      <c r="JYU662" s="613"/>
      <c r="JYV662" s="613"/>
      <c r="JYW662" s="613"/>
      <c r="JYX662" s="613"/>
      <c r="JYY662" s="613"/>
      <c r="JYZ662" s="613"/>
      <c r="JZA662" s="613"/>
      <c r="JZB662" s="613"/>
      <c r="JZC662" s="613"/>
      <c r="JZD662" s="613"/>
      <c r="JZE662" s="613"/>
      <c r="JZF662" s="613"/>
      <c r="JZG662" s="613"/>
      <c r="JZH662" s="613"/>
      <c r="JZI662" s="613"/>
      <c r="JZJ662" s="613"/>
      <c r="JZK662" s="613"/>
      <c r="JZL662" s="613"/>
      <c r="JZM662" s="613"/>
      <c r="JZN662" s="613"/>
      <c r="JZO662" s="613"/>
      <c r="JZP662" s="613"/>
      <c r="JZQ662" s="613"/>
      <c r="JZR662" s="613"/>
      <c r="JZS662" s="613"/>
      <c r="JZT662" s="613"/>
      <c r="JZU662" s="613"/>
      <c r="JZV662" s="613"/>
      <c r="JZW662" s="613"/>
      <c r="JZX662" s="613"/>
      <c r="JZY662" s="613"/>
      <c r="JZZ662" s="613"/>
      <c r="KAA662" s="613"/>
      <c r="KAB662" s="613"/>
      <c r="KAC662" s="613"/>
      <c r="KAD662" s="613"/>
      <c r="KAE662" s="613"/>
      <c r="KAF662" s="613"/>
      <c r="KAG662" s="613"/>
      <c r="KAH662" s="613"/>
      <c r="KAI662" s="613"/>
      <c r="KAJ662" s="613"/>
      <c r="KAK662" s="613"/>
      <c r="KAL662" s="613"/>
      <c r="KAM662" s="613"/>
      <c r="KAN662" s="613"/>
      <c r="KAO662" s="613"/>
      <c r="KAP662" s="613"/>
      <c r="KAQ662" s="613"/>
      <c r="KAR662" s="613"/>
      <c r="KAS662" s="613"/>
      <c r="KAT662" s="613"/>
      <c r="KAU662" s="613"/>
      <c r="KAV662" s="613"/>
      <c r="KAW662" s="613"/>
      <c r="KAX662" s="613"/>
      <c r="KAY662" s="613"/>
      <c r="KAZ662" s="613"/>
      <c r="KBA662" s="613"/>
      <c r="KBB662" s="613"/>
      <c r="KBC662" s="613"/>
      <c r="KBD662" s="613"/>
      <c r="KBE662" s="613"/>
      <c r="KBF662" s="613"/>
      <c r="KBG662" s="613"/>
      <c r="KBH662" s="613"/>
      <c r="KBI662" s="613"/>
      <c r="KBJ662" s="613"/>
      <c r="KBK662" s="613"/>
      <c r="KBL662" s="613"/>
      <c r="KBM662" s="613"/>
      <c r="KBN662" s="613"/>
      <c r="KBO662" s="613"/>
      <c r="KBP662" s="613"/>
      <c r="KBQ662" s="613"/>
      <c r="KBR662" s="613"/>
      <c r="KBS662" s="613"/>
      <c r="KBT662" s="613"/>
      <c r="KBU662" s="613"/>
      <c r="KBV662" s="613"/>
      <c r="KBW662" s="613"/>
      <c r="KBX662" s="613"/>
      <c r="KBY662" s="613"/>
      <c r="KBZ662" s="613"/>
      <c r="KCA662" s="613"/>
      <c r="KCB662" s="613"/>
      <c r="KCC662" s="613"/>
      <c r="KCD662" s="613"/>
      <c r="KCE662" s="613"/>
      <c r="KCF662" s="613"/>
      <c r="KCG662" s="613"/>
      <c r="KCH662" s="613"/>
      <c r="KCI662" s="613"/>
      <c r="KCJ662" s="613"/>
      <c r="KCK662" s="613"/>
      <c r="KCL662" s="613"/>
      <c r="KCM662" s="613"/>
      <c r="KCN662" s="613"/>
      <c r="KCO662" s="613"/>
      <c r="KCP662" s="613"/>
      <c r="KCQ662" s="613"/>
      <c r="KCR662" s="613"/>
      <c r="KCS662" s="613"/>
      <c r="KCT662" s="613"/>
      <c r="KCU662" s="613"/>
      <c r="KCV662" s="613"/>
      <c r="KCW662" s="613"/>
      <c r="KCX662" s="613"/>
      <c r="KCY662" s="613"/>
      <c r="KCZ662" s="613"/>
      <c r="KDA662" s="613"/>
      <c r="KDB662" s="613"/>
      <c r="KDC662" s="613"/>
      <c r="KDD662" s="613"/>
      <c r="KDE662" s="613"/>
      <c r="KDF662" s="613"/>
      <c r="KDG662" s="613"/>
      <c r="KDH662" s="613"/>
      <c r="KDI662" s="613"/>
      <c r="KDJ662" s="613"/>
      <c r="KDK662" s="613"/>
      <c r="KDL662" s="613"/>
      <c r="KDM662" s="613"/>
      <c r="KDN662" s="613"/>
      <c r="KDO662" s="613"/>
      <c r="KDP662" s="613"/>
      <c r="KDQ662" s="613"/>
      <c r="KDR662" s="613"/>
      <c r="KDS662" s="613"/>
      <c r="KDT662" s="613"/>
      <c r="KDU662" s="613"/>
      <c r="KDV662" s="613"/>
      <c r="KDW662" s="613"/>
      <c r="KDX662" s="613"/>
      <c r="KDY662" s="613"/>
      <c r="KDZ662" s="613"/>
      <c r="KEA662" s="613"/>
      <c r="KEB662" s="613"/>
      <c r="KEC662" s="613"/>
      <c r="KED662" s="613"/>
      <c r="KEE662" s="613"/>
      <c r="KEF662" s="613"/>
      <c r="KEG662" s="613"/>
      <c r="KEH662" s="613"/>
      <c r="KEI662" s="613"/>
      <c r="KEJ662" s="613"/>
      <c r="KEK662" s="613"/>
      <c r="KEL662" s="613"/>
      <c r="KEM662" s="613"/>
      <c r="KEN662" s="613"/>
      <c r="KEO662" s="613"/>
      <c r="KEP662" s="613"/>
      <c r="KEQ662" s="613"/>
      <c r="KER662" s="613"/>
      <c r="KES662" s="613"/>
      <c r="KET662" s="613"/>
      <c r="KEU662" s="613"/>
      <c r="KEV662" s="613"/>
      <c r="KEW662" s="613"/>
      <c r="KEX662" s="613"/>
      <c r="KEY662" s="613"/>
      <c r="KEZ662" s="613"/>
      <c r="KFA662" s="613"/>
      <c r="KFB662" s="613"/>
      <c r="KFC662" s="613"/>
      <c r="KFD662" s="613"/>
      <c r="KFE662" s="613"/>
      <c r="KFF662" s="613"/>
      <c r="KFG662" s="613"/>
      <c r="KFH662" s="613"/>
      <c r="KFI662" s="613"/>
      <c r="KFJ662" s="613"/>
      <c r="KFK662" s="613"/>
      <c r="KFL662" s="613"/>
      <c r="KFM662" s="613"/>
      <c r="KFN662" s="613"/>
      <c r="KFO662" s="613"/>
      <c r="KFP662" s="613"/>
      <c r="KFQ662" s="613"/>
      <c r="KFR662" s="613"/>
      <c r="KFS662" s="613"/>
      <c r="KFT662" s="613"/>
      <c r="KFU662" s="613"/>
      <c r="KFV662" s="613"/>
      <c r="KFW662" s="613"/>
      <c r="KFX662" s="613"/>
      <c r="KFY662" s="613"/>
      <c r="KFZ662" s="613"/>
      <c r="KGA662" s="613"/>
      <c r="KGB662" s="613"/>
      <c r="KGC662" s="613"/>
      <c r="KGD662" s="613"/>
      <c r="KGE662" s="613"/>
      <c r="KGF662" s="613"/>
      <c r="KGG662" s="613"/>
      <c r="KGH662" s="613"/>
      <c r="KGI662" s="613"/>
      <c r="KGJ662" s="613"/>
      <c r="KGK662" s="613"/>
      <c r="KGL662" s="613"/>
      <c r="KGM662" s="613"/>
      <c r="KGN662" s="613"/>
      <c r="KGO662" s="613"/>
      <c r="KGP662" s="613"/>
      <c r="KGQ662" s="613"/>
      <c r="KGR662" s="613"/>
      <c r="KGS662" s="613"/>
      <c r="KGT662" s="613"/>
      <c r="KGU662" s="613"/>
      <c r="KGV662" s="613"/>
      <c r="KGW662" s="613"/>
      <c r="KGX662" s="613"/>
      <c r="KGY662" s="613"/>
      <c r="KGZ662" s="613"/>
      <c r="KHA662" s="613"/>
      <c r="KHB662" s="613"/>
      <c r="KHC662" s="613"/>
      <c r="KHD662" s="613"/>
      <c r="KHE662" s="613"/>
      <c r="KHF662" s="613"/>
      <c r="KHG662" s="613"/>
      <c r="KHH662" s="613"/>
      <c r="KHI662" s="613"/>
      <c r="KHJ662" s="613"/>
      <c r="KHK662" s="613"/>
      <c r="KHL662" s="613"/>
      <c r="KHM662" s="613"/>
      <c r="KHN662" s="613"/>
      <c r="KHO662" s="613"/>
      <c r="KHP662" s="613"/>
      <c r="KHQ662" s="613"/>
      <c r="KHR662" s="613"/>
      <c r="KHS662" s="613"/>
      <c r="KHT662" s="613"/>
      <c r="KHU662" s="613"/>
      <c r="KHV662" s="613"/>
      <c r="KHW662" s="613"/>
      <c r="KHX662" s="613"/>
      <c r="KHY662" s="613"/>
      <c r="KHZ662" s="613"/>
      <c r="KIA662" s="613"/>
      <c r="KIB662" s="613"/>
      <c r="KIC662" s="613"/>
      <c r="KID662" s="613"/>
      <c r="KIE662" s="613"/>
      <c r="KIF662" s="613"/>
      <c r="KIG662" s="613"/>
      <c r="KIH662" s="613"/>
      <c r="KII662" s="613"/>
      <c r="KIJ662" s="613"/>
      <c r="KIK662" s="613"/>
      <c r="KIL662" s="613"/>
      <c r="KIM662" s="613"/>
      <c r="KIN662" s="613"/>
      <c r="KIO662" s="613"/>
      <c r="KIP662" s="613"/>
      <c r="KIQ662" s="613"/>
      <c r="KIR662" s="613"/>
      <c r="KIS662" s="613"/>
      <c r="KIT662" s="613"/>
      <c r="KIU662" s="613"/>
      <c r="KIV662" s="613"/>
      <c r="KIW662" s="613"/>
      <c r="KIX662" s="613"/>
      <c r="KIY662" s="613"/>
      <c r="KIZ662" s="613"/>
      <c r="KJA662" s="613"/>
      <c r="KJB662" s="613"/>
      <c r="KJC662" s="613"/>
      <c r="KJD662" s="613"/>
      <c r="KJE662" s="613"/>
      <c r="KJF662" s="613"/>
      <c r="KJG662" s="613"/>
      <c r="KJH662" s="613"/>
      <c r="KJI662" s="613"/>
      <c r="KJJ662" s="613"/>
      <c r="KJK662" s="613"/>
      <c r="KJL662" s="613"/>
      <c r="KJM662" s="613"/>
      <c r="KJN662" s="613"/>
      <c r="KJO662" s="613"/>
      <c r="KJP662" s="613"/>
      <c r="KJQ662" s="613"/>
      <c r="KJR662" s="613"/>
      <c r="KJS662" s="613"/>
      <c r="KJT662" s="613"/>
      <c r="KJU662" s="613"/>
      <c r="KJV662" s="613"/>
      <c r="KJW662" s="613"/>
      <c r="KJX662" s="613"/>
      <c r="KJY662" s="613"/>
      <c r="KJZ662" s="613"/>
      <c r="KKA662" s="613"/>
      <c r="KKB662" s="613"/>
      <c r="KKC662" s="613"/>
      <c r="KKD662" s="613"/>
      <c r="KKE662" s="613"/>
      <c r="KKF662" s="613"/>
      <c r="KKG662" s="613"/>
      <c r="KKH662" s="613"/>
      <c r="KKI662" s="613"/>
      <c r="KKJ662" s="613"/>
      <c r="KKK662" s="613"/>
      <c r="KKL662" s="613"/>
      <c r="KKM662" s="613"/>
      <c r="KKN662" s="613"/>
      <c r="KKO662" s="613"/>
      <c r="KKP662" s="613"/>
      <c r="KKQ662" s="613"/>
      <c r="KKR662" s="613"/>
      <c r="KKS662" s="613"/>
      <c r="KKT662" s="613"/>
      <c r="KKU662" s="613"/>
      <c r="KKV662" s="613"/>
      <c r="KKW662" s="613"/>
      <c r="KKX662" s="613"/>
      <c r="KKY662" s="613"/>
      <c r="KKZ662" s="613"/>
      <c r="KLA662" s="613"/>
      <c r="KLB662" s="613"/>
      <c r="KLC662" s="613"/>
      <c r="KLD662" s="613"/>
      <c r="KLE662" s="613"/>
      <c r="KLF662" s="613"/>
      <c r="KLG662" s="613"/>
      <c r="KLH662" s="613"/>
      <c r="KLI662" s="613"/>
      <c r="KLJ662" s="613"/>
      <c r="KLK662" s="613"/>
      <c r="KLL662" s="613"/>
      <c r="KLM662" s="613"/>
      <c r="KLN662" s="613"/>
      <c r="KLO662" s="613"/>
      <c r="KLP662" s="613"/>
      <c r="KLQ662" s="613"/>
      <c r="KLR662" s="613"/>
      <c r="KLS662" s="613"/>
      <c r="KLT662" s="613"/>
      <c r="KLU662" s="613"/>
      <c r="KLV662" s="613"/>
      <c r="KLW662" s="613"/>
      <c r="KLX662" s="613"/>
      <c r="KLY662" s="613"/>
      <c r="KLZ662" s="613"/>
      <c r="KMA662" s="613"/>
      <c r="KMB662" s="613"/>
      <c r="KMC662" s="613"/>
      <c r="KMD662" s="613"/>
      <c r="KME662" s="613"/>
      <c r="KMF662" s="613"/>
      <c r="KMG662" s="613"/>
      <c r="KMH662" s="613"/>
      <c r="KMI662" s="613"/>
      <c r="KMJ662" s="613"/>
      <c r="KMK662" s="613"/>
      <c r="KML662" s="613"/>
      <c r="KMM662" s="613"/>
      <c r="KMN662" s="613"/>
      <c r="KMO662" s="613"/>
      <c r="KMP662" s="613"/>
      <c r="KMQ662" s="613"/>
      <c r="KMR662" s="613"/>
      <c r="KMS662" s="613"/>
      <c r="KMT662" s="613"/>
      <c r="KMU662" s="613"/>
      <c r="KMV662" s="613"/>
      <c r="KMW662" s="613"/>
      <c r="KMX662" s="613"/>
      <c r="KMY662" s="613"/>
      <c r="KMZ662" s="613"/>
      <c r="KNA662" s="613"/>
      <c r="KNB662" s="613"/>
      <c r="KNC662" s="613"/>
      <c r="KND662" s="613"/>
      <c r="KNE662" s="613"/>
      <c r="KNF662" s="613"/>
      <c r="KNG662" s="613"/>
      <c r="KNH662" s="613"/>
      <c r="KNI662" s="613"/>
      <c r="KNJ662" s="613"/>
      <c r="KNK662" s="613"/>
      <c r="KNL662" s="613"/>
      <c r="KNM662" s="613"/>
      <c r="KNN662" s="613"/>
      <c r="KNO662" s="613"/>
      <c r="KNP662" s="613"/>
      <c r="KNQ662" s="613"/>
      <c r="KNR662" s="613"/>
      <c r="KNS662" s="613"/>
      <c r="KNT662" s="613"/>
      <c r="KNU662" s="613"/>
      <c r="KNV662" s="613"/>
      <c r="KNW662" s="613"/>
      <c r="KNX662" s="613"/>
      <c r="KNY662" s="613"/>
      <c r="KNZ662" s="613"/>
      <c r="KOA662" s="613"/>
      <c r="KOB662" s="613"/>
      <c r="KOC662" s="613"/>
      <c r="KOD662" s="613"/>
      <c r="KOE662" s="613"/>
      <c r="KOF662" s="613"/>
      <c r="KOG662" s="613"/>
      <c r="KOH662" s="613"/>
      <c r="KOI662" s="613"/>
      <c r="KOJ662" s="613"/>
      <c r="KOK662" s="613"/>
      <c r="KOL662" s="613"/>
      <c r="KOM662" s="613"/>
      <c r="KON662" s="613"/>
      <c r="KOO662" s="613"/>
      <c r="KOP662" s="613"/>
      <c r="KOQ662" s="613"/>
      <c r="KOR662" s="613"/>
      <c r="KOS662" s="613"/>
      <c r="KOT662" s="613"/>
      <c r="KOU662" s="613"/>
      <c r="KOV662" s="613"/>
      <c r="KOW662" s="613"/>
      <c r="KOX662" s="613"/>
      <c r="KOY662" s="613"/>
      <c r="KOZ662" s="613"/>
      <c r="KPA662" s="613"/>
      <c r="KPB662" s="613"/>
      <c r="KPC662" s="613"/>
      <c r="KPD662" s="613"/>
      <c r="KPE662" s="613"/>
      <c r="KPF662" s="613"/>
      <c r="KPG662" s="613"/>
      <c r="KPH662" s="613"/>
      <c r="KPI662" s="613"/>
      <c r="KPJ662" s="613"/>
      <c r="KPK662" s="613"/>
      <c r="KPL662" s="613"/>
      <c r="KPM662" s="613"/>
      <c r="KPN662" s="613"/>
      <c r="KPO662" s="613"/>
      <c r="KPP662" s="613"/>
      <c r="KPQ662" s="613"/>
      <c r="KPR662" s="613"/>
      <c r="KPS662" s="613"/>
      <c r="KPT662" s="613"/>
      <c r="KPU662" s="613"/>
      <c r="KPV662" s="613"/>
      <c r="KPW662" s="613"/>
      <c r="KPX662" s="613"/>
      <c r="KPY662" s="613"/>
      <c r="KPZ662" s="613"/>
      <c r="KQA662" s="613"/>
      <c r="KQB662" s="613"/>
      <c r="KQC662" s="613"/>
      <c r="KQD662" s="613"/>
      <c r="KQE662" s="613"/>
      <c r="KQF662" s="613"/>
      <c r="KQG662" s="613"/>
      <c r="KQH662" s="613"/>
      <c r="KQI662" s="613"/>
      <c r="KQJ662" s="613"/>
      <c r="KQK662" s="613"/>
      <c r="KQL662" s="613"/>
      <c r="KQM662" s="613"/>
      <c r="KQN662" s="613"/>
      <c r="KQO662" s="613"/>
      <c r="KQP662" s="613"/>
      <c r="KQQ662" s="613"/>
      <c r="KQR662" s="613"/>
      <c r="KQS662" s="613"/>
      <c r="KQT662" s="613"/>
      <c r="KQU662" s="613"/>
      <c r="KQV662" s="613"/>
      <c r="KQW662" s="613"/>
      <c r="KQX662" s="613"/>
      <c r="KQY662" s="613"/>
      <c r="KQZ662" s="613"/>
      <c r="KRA662" s="613"/>
      <c r="KRB662" s="613"/>
      <c r="KRC662" s="613"/>
      <c r="KRD662" s="613"/>
      <c r="KRE662" s="613"/>
      <c r="KRF662" s="613"/>
      <c r="KRG662" s="613"/>
      <c r="KRH662" s="613"/>
      <c r="KRI662" s="613"/>
      <c r="KRJ662" s="613"/>
      <c r="KRK662" s="613"/>
      <c r="KRL662" s="613"/>
      <c r="KRM662" s="613"/>
      <c r="KRN662" s="613"/>
      <c r="KRO662" s="613"/>
      <c r="KRP662" s="613"/>
      <c r="KRQ662" s="613"/>
      <c r="KRR662" s="613"/>
      <c r="KRS662" s="613"/>
      <c r="KRT662" s="613"/>
      <c r="KRU662" s="613"/>
      <c r="KRV662" s="613"/>
      <c r="KRW662" s="613"/>
      <c r="KRX662" s="613"/>
      <c r="KRY662" s="613"/>
      <c r="KRZ662" s="613"/>
      <c r="KSA662" s="613"/>
      <c r="KSB662" s="613"/>
      <c r="KSC662" s="613"/>
      <c r="KSD662" s="613"/>
      <c r="KSE662" s="613"/>
      <c r="KSF662" s="613"/>
      <c r="KSG662" s="613"/>
      <c r="KSH662" s="613"/>
      <c r="KSI662" s="613"/>
      <c r="KSJ662" s="613"/>
      <c r="KSK662" s="613"/>
      <c r="KSL662" s="613"/>
      <c r="KSM662" s="613"/>
      <c r="KSN662" s="613"/>
      <c r="KSO662" s="613"/>
      <c r="KSP662" s="613"/>
      <c r="KSQ662" s="613"/>
      <c r="KSR662" s="613"/>
      <c r="KSS662" s="613"/>
      <c r="KST662" s="613"/>
      <c r="KSU662" s="613"/>
      <c r="KSV662" s="613"/>
      <c r="KSW662" s="613"/>
      <c r="KSX662" s="613"/>
      <c r="KSY662" s="613"/>
      <c r="KSZ662" s="613"/>
      <c r="KTA662" s="613"/>
      <c r="KTB662" s="613"/>
      <c r="KTC662" s="613"/>
      <c r="KTD662" s="613"/>
      <c r="KTE662" s="613"/>
      <c r="KTF662" s="613"/>
      <c r="KTG662" s="613"/>
      <c r="KTH662" s="613"/>
      <c r="KTI662" s="613"/>
      <c r="KTJ662" s="613"/>
      <c r="KTK662" s="613"/>
      <c r="KTL662" s="613"/>
      <c r="KTM662" s="613"/>
      <c r="KTN662" s="613"/>
      <c r="KTO662" s="613"/>
      <c r="KTP662" s="613"/>
      <c r="KTQ662" s="613"/>
      <c r="KTR662" s="613"/>
      <c r="KTS662" s="613"/>
      <c r="KTT662" s="613"/>
      <c r="KTU662" s="613"/>
      <c r="KTV662" s="613"/>
      <c r="KTW662" s="613"/>
      <c r="KTX662" s="613"/>
      <c r="KTY662" s="613"/>
      <c r="KTZ662" s="613"/>
      <c r="KUA662" s="613"/>
      <c r="KUB662" s="613"/>
      <c r="KUC662" s="613"/>
      <c r="KUD662" s="613"/>
      <c r="KUE662" s="613"/>
      <c r="KUF662" s="613"/>
      <c r="KUG662" s="613"/>
      <c r="KUH662" s="613"/>
      <c r="KUI662" s="613"/>
      <c r="KUJ662" s="613"/>
      <c r="KUK662" s="613"/>
      <c r="KUL662" s="613"/>
      <c r="KUM662" s="613"/>
      <c r="KUN662" s="613"/>
      <c r="KUO662" s="613"/>
      <c r="KUP662" s="613"/>
      <c r="KUQ662" s="613"/>
      <c r="KUR662" s="613"/>
      <c r="KUS662" s="613"/>
      <c r="KUT662" s="613"/>
      <c r="KUU662" s="613"/>
      <c r="KUV662" s="613"/>
      <c r="KUW662" s="613"/>
      <c r="KUX662" s="613"/>
      <c r="KUY662" s="613"/>
      <c r="KUZ662" s="613"/>
      <c r="KVA662" s="613"/>
      <c r="KVB662" s="613"/>
      <c r="KVC662" s="613"/>
      <c r="KVD662" s="613"/>
      <c r="KVE662" s="613"/>
      <c r="KVF662" s="613"/>
      <c r="KVG662" s="613"/>
      <c r="KVH662" s="613"/>
      <c r="KVI662" s="613"/>
      <c r="KVJ662" s="613"/>
      <c r="KVK662" s="613"/>
      <c r="KVL662" s="613"/>
      <c r="KVM662" s="613"/>
      <c r="KVN662" s="613"/>
      <c r="KVO662" s="613"/>
      <c r="KVP662" s="613"/>
      <c r="KVQ662" s="613"/>
      <c r="KVR662" s="613"/>
      <c r="KVS662" s="613"/>
      <c r="KVT662" s="613"/>
      <c r="KVU662" s="613"/>
      <c r="KVV662" s="613"/>
      <c r="KVW662" s="613"/>
      <c r="KVX662" s="613"/>
      <c r="KVY662" s="613"/>
      <c r="KVZ662" s="613"/>
      <c r="KWA662" s="613"/>
      <c r="KWB662" s="613"/>
      <c r="KWC662" s="613"/>
      <c r="KWD662" s="613"/>
      <c r="KWE662" s="613"/>
      <c r="KWF662" s="613"/>
      <c r="KWG662" s="613"/>
      <c r="KWH662" s="613"/>
      <c r="KWI662" s="613"/>
      <c r="KWJ662" s="613"/>
      <c r="KWK662" s="613"/>
      <c r="KWL662" s="613"/>
      <c r="KWM662" s="613"/>
      <c r="KWN662" s="613"/>
      <c r="KWO662" s="613"/>
      <c r="KWP662" s="613"/>
      <c r="KWQ662" s="613"/>
      <c r="KWR662" s="613"/>
      <c r="KWS662" s="613"/>
      <c r="KWT662" s="613"/>
      <c r="KWU662" s="613"/>
      <c r="KWV662" s="613"/>
      <c r="KWW662" s="613"/>
      <c r="KWX662" s="613"/>
      <c r="KWY662" s="613"/>
      <c r="KWZ662" s="613"/>
      <c r="KXA662" s="613"/>
      <c r="KXB662" s="613"/>
      <c r="KXC662" s="613"/>
      <c r="KXD662" s="613"/>
      <c r="KXE662" s="613"/>
      <c r="KXF662" s="613"/>
      <c r="KXG662" s="613"/>
      <c r="KXH662" s="613"/>
      <c r="KXI662" s="613"/>
      <c r="KXJ662" s="613"/>
      <c r="KXK662" s="613"/>
      <c r="KXL662" s="613"/>
      <c r="KXM662" s="613"/>
      <c r="KXN662" s="613"/>
      <c r="KXO662" s="613"/>
      <c r="KXP662" s="613"/>
      <c r="KXQ662" s="613"/>
      <c r="KXR662" s="613"/>
      <c r="KXS662" s="613"/>
      <c r="KXT662" s="613"/>
      <c r="KXU662" s="613"/>
      <c r="KXV662" s="613"/>
      <c r="KXW662" s="613"/>
      <c r="KXX662" s="613"/>
      <c r="KXY662" s="613"/>
      <c r="KXZ662" s="613"/>
      <c r="KYA662" s="613"/>
      <c r="KYB662" s="613"/>
      <c r="KYC662" s="613"/>
      <c r="KYD662" s="613"/>
      <c r="KYE662" s="613"/>
      <c r="KYF662" s="613"/>
      <c r="KYG662" s="613"/>
      <c r="KYH662" s="613"/>
      <c r="KYI662" s="613"/>
      <c r="KYJ662" s="613"/>
      <c r="KYK662" s="613"/>
      <c r="KYL662" s="613"/>
      <c r="KYM662" s="613"/>
      <c r="KYN662" s="613"/>
      <c r="KYO662" s="613"/>
      <c r="KYP662" s="613"/>
      <c r="KYQ662" s="613"/>
      <c r="KYR662" s="613"/>
      <c r="KYS662" s="613"/>
      <c r="KYT662" s="613"/>
      <c r="KYU662" s="613"/>
      <c r="KYV662" s="613"/>
      <c r="KYW662" s="613"/>
      <c r="KYX662" s="613"/>
      <c r="KYY662" s="613"/>
      <c r="KYZ662" s="613"/>
      <c r="KZA662" s="613"/>
      <c r="KZB662" s="613"/>
      <c r="KZC662" s="613"/>
      <c r="KZD662" s="613"/>
      <c r="KZE662" s="613"/>
      <c r="KZF662" s="613"/>
      <c r="KZG662" s="613"/>
      <c r="KZH662" s="613"/>
      <c r="KZI662" s="613"/>
      <c r="KZJ662" s="613"/>
      <c r="KZK662" s="613"/>
      <c r="KZL662" s="613"/>
      <c r="KZM662" s="613"/>
      <c r="KZN662" s="613"/>
      <c r="KZO662" s="613"/>
      <c r="KZP662" s="613"/>
      <c r="KZQ662" s="613"/>
      <c r="KZR662" s="613"/>
      <c r="KZS662" s="613"/>
      <c r="KZT662" s="613"/>
      <c r="KZU662" s="613"/>
      <c r="KZV662" s="613"/>
      <c r="KZW662" s="613"/>
      <c r="KZX662" s="613"/>
      <c r="KZY662" s="613"/>
      <c r="KZZ662" s="613"/>
      <c r="LAA662" s="613"/>
      <c r="LAB662" s="613"/>
      <c r="LAC662" s="613"/>
      <c r="LAD662" s="613"/>
      <c r="LAE662" s="613"/>
      <c r="LAF662" s="613"/>
      <c r="LAG662" s="613"/>
      <c r="LAH662" s="613"/>
      <c r="LAI662" s="613"/>
      <c r="LAJ662" s="613"/>
      <c r="LAK662" s="613"/>
      <c r="LAL662" s="613"/>
      <c r="LAM662" s="613"/>
      <c r="LAN662" s="613"/>
      <c r="LAO662" s="613"/>
      <c r="LAP662" s="613"/>
      <c r="LAQ662" s="613"/>
      <c r="LAR662" s="613"/>
      <c r="LAS662" s="613"/>
      <c r="LAT662" s="613"/>
      <c r="LAU662" s="613"/>
      <c r="LAV662" s="613"/>
      <c r="LAW662" s="613"/>
      <c r="LAX662" s="613"/>
      <c r="LAY662" s="613"/>
      <c r="LAZ662" s="613"/>
      <c r="LBA662" s="613"/>
      <c r="LBB662" s="613"/>
      <c r="LBC662" s="613"/>
      <c r="LBD662" s="613"/>
      <c r="LBE662" s="613"/>
      <c r="LBF662" s="613"/>
      <c r="LBG662" s="613"/>
      <c r="LBH662" s="613"/>
      <c r="LBI662" s="613"/>
      <c r="LBJ662" s="613"/>
      <c r="LBK662" s="613"/>
      <c r="LBL662" s="613"/>
      <c r="LBM662" s="613"/>
      <c r="LBN662" s="613"/>
      <c r="LBO662" s="613"/>
      <c r="LBP662" s="613"/>
      <c r="LBQ662" s="613"/>
      <c r="LBR662" s="613"/>
      <c r="LBS662" s="613"/>
      <c r="LBT662" s="613"/>
      <c r="LBU662" s="613"/>
      <c r="LBV662" s="613"/>
      <c r="LBW662" s="613"/>
      <c r="LBX662" s="613"/>
      <c r="LBY662" s="613"/>
      <c r="LBZ662" s="613"/>
      <c r="LCA662" s="613"/>
      <c r="LCB662" s="613"/>
      <c r="LCC662" s="613"/>
      <c r="LCD662" s="613"/>
      <c r="LCE662" s="613"/>
      <c r="LCF662" s="613"/>
      <c r="LCG662" s="613"/>
      <c r="LCH662" s="613"/>
      <c r="LCI662" s="613"/>
      <c r="LCJ662" s="613"/>
      <c r="LCK662" s="613"/>
      <c r="LCL662" s="613"/>
      <c r="LCM662" s="613"/>
      <c r="LCN662" s="613"/>
      <c r="LCO662" s="613"/>
      <c r="LCP662" s="613"/>
      <c r="LCQ662" s="613"/>
      <c r="LCR662" s="613"/>
      <c r="LCS662" s="613"/>
      <c r="LCT662" s="613"/>
      <c r="LCU662" s="613"/>
      <c r="LCV662" s="613"/>
      <c r="LCW662" s="613"/>
      <c r="LCX662" s="613"/>
      <c r="LCY662" s="613"/>
      <c r="LCZ662" s="613"/>
      <c r="LDA662" s="613"/>
      <c r="LDB662" s="613"/>
      <c r="LDC662" s="613"/>
      <c r="LDD662" s="613"/>
      <c r="LDE662" s="613"/>
      <c r="LDF662" s="613"/>
      <c r="LDG662" s="613"/>
      <c r="LDH662" s="613"/>
      <c r="LDI662" s="613"/>
      <c r="LDJ662" s="613"/>
      <c r="LDK662" s="613"/>
      <c r="LDL662" s="613"/>
      <c r="LDM662" s="613"/>
      <c r="LDN662" s="613"/>
      <c r="LDO662" s="613"/>
      <c r="LDP662" s="613"/>
      <c r="LDQ662" s="613"/>
      <c r="LDR662" s="613"/>
      <c r="LDS662" s="613"/>
      <c r="LDT662" s="613"/>
      <c r="LDU662" s="613"/>
      <c r="LDV662" s="613"/>
      <c r="LDW662" s="613"/>
      <c r="LDX662" s="613"/>
      <c r="LDY662" s="613"/>
      <c r="LDZ662" s="613"/>
      <c r="LEA662" s="613"/>
      <c r="LEB662" s="613"/>
      <c r="LEC662" s="613"/>
      <c r="LED662" s="613"/>
      <c r="LEE662" s="613"/>
      <c r="LEF662" s="613"/>
      <c r="LEG662" s="613"/>
      <c r="LEH662" s="613"/>
      <c r="LEI662" s="613"/>
      <c r="LEJ662" s="613"/>
      <c r="LEK662" s="613"/>
      <c r="LEL662" s="613"/>
      <c r="LEM662" s="613"/>
      <c r="LEN662" s="613"/>
      <c r="LEO662" s="613"/>
      <c r="LEP662" s="613"/>
      <c r="LEQ662" s="613"/>
      <c r="LER662" s="613"/>
      <c r="LES662" s="613"/>
      <c r="LET662" s="613"/>
      <c r="LEU662" s="613"/>
      <c r="LEV662" s="613"/>
      <c r="LEW662" s="613"/>
      <c r="LEX662" s="613"/>
      <c r="LEY662" s="613"/>
      <c r="LEZ662" s="613"/>
      <c r="LFA662" s="613"/>
      <c r="LFB662" s="613"/>
      <c r="LFC662" s="613"/>
      <c r="LFD662" s="613"/>
      <c r="LFE662" s="613"/>
      <c r="LFF662" s="613"/>
      <c r="LFG662" s="613"/>
      <c r="LFH662" s="613"/>
      <c r="LFI662" s="613"/>
      <c r="LFJ662" s="613"/>
      <c r="LFK662" s="613"/>
      <c r="LFL662" s="613"/>
      <c r="LFM662" s="613"/>
      <c r="LFN662" s="613"/>
      <c r="LFO662" s="613"/>
      <c r="LFP662" s="613"/>
      <c r="LFQ662" s="613"/>
      <c r="LFR662" s="613"/>
      <c r="LFS662" s="613"/>
      <c r="LFT662" s="613"/>
      <c r="LFU662" s="613"/>
      <c r="LFV662" s="613"/>
      <c r="LFW662" s="613"/>
      <c r="LFX662" s="613"/>
      <c r="LFY662" s="613"/>
      <c r="LFZ662" s="613"/>
      <c r="LGA662" s="613"/>
      <c r="LGB662" s="613"/>
      <c r="LGC662" s="613"/>
      <c r="LGD662" s="613"/>
      <c r="LGE662" s="613"/>
      <c r="LGF662" s="613"/>
      <c r="LGG662" s="613"/>
      <c r="LGH662" s="613"/>
      <c r="LGI662" s="613"/>
      <c r="LGJ662" s="613"/>
      <c r="LGK662" s="613"/>
      <c r="LGL662" s="613"/>
      <c r="LGM662" s="613"/>
      <c r="LGN662" s="613"/>
      <c r="LGO662" s="613"/>
      <c r="LGP662" s="613"/>
      <c r="LGQ662" s="613"/>
      <c r="LGR662" s="613"/>
      <c r="LGS662" s="613"/>
      <c r="LGT662" s="613"/>
      <c r="LGU662" s="613"/>
      <c r="LGV662" s="613"/>
      <c r="LGW662" s="613"/>
      <c r="LGX662" s="613"/>
      <c r="LGY662" s="613"/>
      <c r="LGZ662" s="613"/>
      <c r="LHA662" s="613"/>
      <c r="LHB662" s="613"/>
      <c r="LHC662" s="613"/>
      <c r="LHD662" s="613"/>
      <c r="LHE662" s="613"/>
      <c r="LHF662" s="613"/>
      <c r="LHG662" s="613"/>
      <c r="LHH662" s="613"/>
      <c r="LHI662" s="613"/>
      <c r="LHJ662" s="613"/>
      <c r="LHK662" s="613"/>
      <c r="LHL662" s="613"/>
      <c r="LHM662" s="613"/>
      <c r="LHN662" s="613"/>
      <c r="LHO662" s="613"/>
      <c r="LHP662" s="613"/>
      <c r="LHQ662" s="613"/>
      <c r="LHR662" s="613"/>
      <c r="LHS662" s="613"/>
      <c r="LHT662" s="613"/>
      <c r="LHU662" s="613"/>
      <c r="LHV662" s="613"/>
      <c r="LHW662" s="613"/>
      <c r="LHX662" s="613"/>
      <c r="LHY662" s="613"/>
      <c r="LHZ662" s="613"/>
      <c r="LIA662" s="613"/>
      <c r="LIB662" s="613"/>
      <c r="LIC662" s="613"/>
      <c r="LID662" s="613"/>
      <c r="LIE662" s="613"/>
      <c r="LIF662" s="613"/>
      <c r="LIG662" s="613"/>
      <c r="LIH662" s="613"/>
      <c r="LII662" s="613"/>
      <c r="LIJ662" s="613"/>
      <c r="LIK662" s="613"/>
      <c r="LIL662" s="613"/>
      <c r="LIM662" s="613"/>
      <c r="LIN662" s="613"/>
      <c r="LIO662" s="613"/>
      <c r="LIP662" s="613"/>
      <c r="LIQ662" s="613"/>
      <c r="LIR662" s="613"/>
      <c r="LIS662" s="613"/>
      <c r="LIT662" s="613"/>
      <c r="LIU662" s="613"/>
      <c r="LIV662" s="613"/>
      <c r="LIW662" s="613"/>
      <c r="LIX662" s="613"/>
      <c r="LIY662" s="613"/>
      <c r="LIZ662" s="613"/>
      <c r="LJA662" s="613"/>
      <c r="LJB662" s="613"/>
      <c r="LJC662" s="613"/>
      <c r="LJD662" s="613"/>
      <c r="LJE662" s="613"/>
      <c r="LJF662" s="613"/>
      <c r="LJG662" s="613"/>
      <c r="LJH662" s="613"/>
      <c r="LJI662" s="613"/>
      <c r="LJJ662" s="613"/>
      <c r="LJK662" s="613"/>
      <c r="LJL662" s="613"/>
      <c r="LJM662" s="613"/>
      <c r="LJN662" s="613"/>
      <c r="LJO662" s="613"/>
      <c r="LJP662" s="613"/>
      <c r="LJQ662" s="613"/>
      <c r="LJR662" s="613"/>
      <c r="LJS662" s="613"/>
      <c r="LJT662" s="613"/>
      <c r="LJU662" s="613"/>
      <c r="LJV662" s="613"/>
      <c r="LJW662" s="613"/>
      <c r="LJX662" s="613"/>
      <c r="LJY662" s="613"/>
      <c r="LJZ662" s="613"/>
      <c r="LKA662" s="613"/>
      <c r="LKB662" s="613"/>
      <c r="LKC662" s="613"/>
      <c r="LKD662" s="613"/>
      <c r="LKE662" s="613"/>
      <c r="LKF662" s="613"/>
      <c r="LKG662" s="613"/>
      <c r="LKH662" s="613"/>
      <c r="LKI662" s="613"/>
      <c r="LKJ662" s="613"/>
      <c r="LKK662" s="613"/>
      <c r="LKL662" s="613"/>
      <c r="LKM662" s="613"/>
      <c r="LKN662" s="613"/>
      <c r="LKO662" s="613"/>
      <c r="LKP662" s="613"/>
      <c r="LKQ662" s="613"/>
      <c r="LKR662" s="613"/>
      <c r="LKS662" s="613"/>
      <c r="LKT662" s="613"/>
      <c r="LKU662" s="613"/>
      <c r="LKV662" s="613"/>
      <c r="LKW662" s="613"/>
      <c r="LKX662" s="613"/>
      <c r="LKY662" s="613"/>
      <c r="LKZ662" s="613"/>
      <c r="LLA662" s="613"/>
      <c r="LLB662" s="613"/>
      <c r="LLC662" s="613"/>
      <c r="LLD662" s="613"/>
      <c r="LLE662" s="613"/>
      <c r="LLF662" s="613"/>
      <c r="LLG662" s="613"/>
      <c r="LLH662" s="613"/>
      <c r="LLI662" s="613"/>
      <c r="LLJ662" s="613"/>
      <c r="LLK662" s="613"/>
      <c r="LLL662" s="613"/>
      <c r="LLM662" s="613"/>
      <c r="LLN662" s="613"/>
      <c r="LLO662" s="613"/>
      <c r="LLP662" s="613"/>
      <c r="LLQ662" s="613"/>
      <c r="LLR662" s="613"/>
      <c r="LLS662" s="613"/>
      <c r="LLT662" s="613"/>
      <c r="LLU662" s="613"/>
      <c r="LLV662" s="613"/>
      <c r="LLW662" s="613"/>
      <c r="LLX662" s="613"/>
      <c r="LLY662" s="613"/>
      <c r="LLZ662" s="613"/>
      <c r="LMA662" s="613"/>
      <c r="LMB662" s="613"/>
      <c r="LMC662" s="613"/>
      <c r="LMD662" s="613"/>
      <c r="LME662" s="613"/>
      <c r="LMF662" s="613"/>
      <c r="LMG662" s="613"/>
      <c r="LMH662" s="613"/>
      <c r="LMI662" s="613"/>
      <c r="LMJ662" s="613"/>
      <c r="LMK662" s="613"/>
      <c r="LML662" s="613"/>
      <c r="LMM662" s="613"/>
      <c r="LMN662" s="613"/>
      <c r="LMO662" s="613"/>
      <c r="LMP662" s="613"/>
      <c r="LMQ662" s="613"/>
      <c r="LMR662" s="613"/>
      <c r="LMS662" s="613"/>
      <c r="LMT662" s="613"/>
      <c r="LMU662" s="613"/>
      <c r="LMV662" s="613"/>
      <c r="LMW662" s="613"/>
      <c r="LMX662" s="613"/>
      <c r="LMY662" s="613"/>
      <c r="LMZ662" s="613"/>
      <c r="LNA662" s="613"/>
      <c r="LNB662" s="613"/>
      <c r="LNC662" s="613"/>
      <c r="LND662" s="613"/>
      <c r="LNE662" s="613"/>
      <c r="LNF662" s="613"/>
      <c r="LNG662" s="613"/>
      <c r="LNH662" s="613"/>
      <c r="LNI662" s="613"/>
      <c r="LNJ662" s="613"/>
      <c r="LNK662" s="613"/>
      <c r="LNL662" s="613"/>
      <c r="LNM662" s="613"/>
      <c r="LNN662" s="613"/>
      <c r="LNO662" s="613"/>
      <c r="LNP662" s="613"/>
      <c r="LNQ662" s="613"/>
      <c r="LNR662" s="613"/>
      <c r="LNS662" s="613"/>
      <c r="LNT662" s="613"/>
      <c r="LNU662" s="613"/>
      <c r="LNV662" s="613"/>
      <c r="LNW662" s="613"/>
      <c r="LNX662" s="613"/>
      <c r="LNY662" s="613"/>
      <c r="LNZ662" s="613"/>
      <c r="LOA662" s="613"/>
      <c r="LOB662" s="613"/>
      <c r="LOC662" s="613"/>
      <c r="LOD662" s="613"/>
      <c r="LOE662" s="613"/>
      <c r="LOF662" s="613"/>
      <c r="LOG662" s="613"/>
      <c r="LOH662" s="613"/>
      <c r="LOI662" s="613"/>
      <c r="LOJ662" s="613"/>
      <c r="LOK662" s="613"/>
      <c r="LOL662" s="613"/>
      <c r="LOM662" s="613"/>
      <c r="LON662" s="613"/>
      <c r="LOO662" s="613"/>
      <c r="LOP662" s="613"/>
      <c r="LOQ662" s="613"/>
      <c r="LOR662" s="613"/>
      <c r="LOS662" s="613"/>
      <c r="LOT662" s="613"/>
      <c r="LOU662" s="613"/>
      <c r="LOV662" s="613"/>
      <c r="LOW662" s="613"/>
      <c r="LOX662" s="613"/>
      <c r="LOY662" s="613"/>
      <c r="LOZ662" s="613"/>
      <c r="LPA662" s="613"/>
      <c r="LPB662" s="613"/>
      <c r="LPC662" s="613"/>
      <c r="LPD662" s="613"/>
      <c r="LPE662" s="613"/>
      <c r="LPF662" s="613"/>
      <c r="LPG662" s="613"/>
      <c r="LPH662" s="613"/>
      <c r="LPI662" s="613"/>
      <c r="LPJ662" s="613"/>
      <c r="LPK662" s="613"/>
      <c r="LPL662" s="613"/>
      <c r="LPM662" s="613"/>
      <c r="LPN662" s="613"/>
      <c r="LPO662" s="613"/>
      <c r="LPP662" s="613"/>
      <c r="LPQ662" s="613"/>
      <c r="LPR662" s="613"/>
      <c r="LPS662" s="613"/>
      <c r="LPT662" s="613"/>
      <c r="LPU662" s="613"/>
      <c r="LPV662" s="613"/>
      <c r="LPW662" s="613"/>
      <c r="LPX662" s="613"/>
      <c r="LPY662" s="613"/>
      <c r="LPZ662" s="613"/>
      <c r="LQA662" s="613"/>
      <c r="LQB662" s="613"/>
      <c r="LQC662" s="613"/>
      <c r="LQD662" s="613"/>
      <c r="LQE662" s="613"/>
      <c r="LQF662" s="613"/>
      <c r="LQG662" s="613"/>
      <c r="LQH662" s="613"/>
      <c r="LQI662" s="613"/>
      <c r="LQJ662" s="613"/>
      <c r="LQK662" s="613"/>
      <c r="LQL662" s="613"/>
      <c r="LQM662" s="613"/>
      <c r="LQN662" s="613"/>
      <c r="LQO662" s="613"/>
      <c r="LQP662" s="613"/>
      <c r="LQQ662" s="613"/>
      <c r="LQR662" s="613"/>
      <c r="LQS662" s="613"/>
      <c r="LQT662" s="613"/>
      <c r="LQU662" s="613"/>
      <c r="LQV662" s="613"/>
      <c r="LQW662" s="613"/>
      <c r="LQX662" s="613"/>
      <c r="LQY662" s="613"/>
      <c r="LQZ662" s="613"/>
      <c r="LRA662" s="613"/>
      <c r="LRB662" s="613"/>
      <c r="LRC662" s="613"/>
      <c r="LRD662" s="613"/>
      <c r="LRE662" s="613"/>
      <c r="LRF662" s="613"/>
      <c r="LRG662" s="613"/>
      <c r="LRH662" s="613"/>
      <c r="LRI662" s="613"/>
      <c r="LRJ662" s="613"/>
      <c r="LRK662" s="613"/>
      <c r="LRL662" s="613"/>
      <c r="LRM662" s="613"/>
      <c r="LRN662" s="613"/>
      <c r="LRO662" s="613"/>
      <c r="LRP662" s="613"/>
      <c r="LRQ662" s="613"/>
      <c r="LRR662" s="613"/>
      <c r="LRS662" s="613"/>
      <c r="LRT662" s="613"/>
      <c r="LRU662" s="613"/>
      <c r="LRV662" s="613"/>
      <c r="LRW662" s="613"/>
      <c r="LRX662" s="613"/>
      <c r="LRY662" s="613"/>
      <c r="LRZ662" s="613"/>
      <c r="LSA662" s="613"/>
      <c r="LSB662" s="613"/>
      <c r="LSC662" s="613"/>
      <c r="LSD662" s="613"/>
      <c r="LSE662" s="613"/>
      <c r="LSF662" s="613"/>
      <c r="LSG662" s="613"/>
      <c r="LSH662" s="613"/>
      <c r="LSI662" s="613"/>
      <c r="LSJ662" s="613"/>
      <c r="LSK662" s="613"/>
      <c r="LSL662" s="613"/>
      <c r="LSM662" s="613"/>
      <c r="LSN662" s="613"/>
      <c r="LSO662" s="613"/>
      <c r="LSP662" s="613"/>
      <c r="LSQ662" s="613"/>
      <c r="LSR662" s="613"/>
      <c r="LSS662" s="613"/>
      <c r="LST662" s="613"/>
      <c r="LSU662" s="613"/>
      <c r="LSV662" s="613"/>
      <c r="LSW662" s="613"/>
      <c r="LSX662" s="613"/>
      <c r="LSY662" s="613"/>
      <c r="LSZ662" s="613"/>
      <c r="LTA662" s="613"/>
      <c r="LTB662" s="613"/>
      <c r="LTC662" s="613"/>
      <c r="LTD662" s="613"/>
      <c r="LTE662" s="613"/>
      <c r="LTF662" s="613"/>
      <c r="LTG662" s="613"/>
      <c r="LTH662" s="613"/>
      <c r="LTI662" s="613"/>
      <c r="LTJ662" s="613"/>
      <c r="LTK662" s="613"/>
      <c r="LTL662" s="613"/>
      <c r="LTM662" s="613"/>
      <c r="LTN662" s="613"/>
      <c r="LTO662" s="613"/>
      <c r="LTP662" s="613"/>
      <c r="LTQ662" s="613"/>
      <c r="LTR662" s="613"/>
      <c r="LTS662" s="613"/>
      <c r="LTT662" s="613"/>
      <c r="LTU662" s="613"/>
      <c r="LTV662" s="613"/>
      <c r="LTW662" s="613"/>
      <c r="LTX662" s="613"/>
      <c r="LTY662" s="613"/>
      <c r="LTZ662" s="613"/>
      <c r="LUA662" s="613"/>
      <c r="LUB662" s="613"/>
      <c r="LUC662" s="613"/>
      <c r="LUD662" s="613"/>
      <c r="LUE662" s="613"/>
      <c r="LUF662" s="613"/>
      <c r="LUG662" s="613"/>
      <c r="LUH662" s="613"/>
      <c r="LUI662" s="613"/>
      <c r="LUJ662" s="613"/>
      <c r="LUK662" s="613"/>
      <c r="LUL662" s="613"/>
      <c r="LUM662" s="613"/>
      <c r="LUN662" s="613"/>
      <c r="LUO662" s="613"/>
      <c r="LUP662" s="613"/>
      <c r="LUQ662" s="613"/>
      <c r="LUR662" s="613"/>
      <c r="LUS662" s="613"/>
      <c r="LUT662" s="613"/>
      <c r="LUU662" s="613"/>
      <c r="LUV662" s="613"/>
      <c r="LUW662" s="613"/>
      <c r="LUX662" s="613"/>
      <c r="LUY662" s="613"/>
      <c r="LUZ662" s="613"/>
      <c r="LVA662" s="613"/>
      <c r="LVB662" s="613"/>
      <c r="LVC662" s="613"/>
      <c r="LVD662" s="613"/>
      <c r="LVE662" s="613"/>
      <c r="LVF662" s="613"/>
      <c r="LVG662" s="613"/>
      <c r="LVH662" s="613"/>
      <c r="LVI662" s="613"/>
      <c r="LVJ662" s="613"/>
      <c r="LVK662" s="613"/>
      <c r="LVL662" s="613"/>
      <c r="LVM662" s="613"/>
      <c r="LVN662" s="613"/>
      <c r="LVO662" s="613"/>
      <c r="LVP662" s="613"/>
      <c r="LVQ662" s="613"/>
      <c r="LVR662" s="613"/>
      <c r="LVS662" s="613"/>
      <c r="LVT662" s="613"/>
      <c r="LVU662" s="613"/>
      <c r="LVV662" s="613"/>
      <c r="LVW662" s="613"/>
      <c r="LVX662" s="613"/>
      <c r="LVY662" s="613"/>
      <c r="LVZ662" s="613"/>
      <c r="LWA662" s="613"/>
      <c r="LWB662" s="613"/>
      <c r="LWC662" s="613"/>
      <c r="LWD662" s="613"/>
      <c r="LWE662" s="613"/>
      <c r="LWF662" s="613"/>
      <c r="LWG662" s="613"/>
      <c r="LWH662" s="613"/>
      <c r="LWI662" s="613"/>
      <c r="LWJ662" s="613"/>
      <c r="LWK662" s="613"/>
      <c r="LWL662" s="613"/>
      <c r="LWM662" s="613"/>
      <c r="LWN662" s="613"/>
      <c r="LWO662" s="613"/>
      <c r="LWP662" s="613"/>
      <c r="LWQ662" s="613"/>
      <c r="LWR662" s="613"/>
      <c r="LWS662" s="613"/>
      <c r="LWT662" s="613"/>
      <c r="LWU662" s="613"/>
      <c r="LWV662" s="613"/>
      <c r="LWW662" s="613"/>
      <c r="LWX662" s="613"/>
      <c r="LWY662" s="613"/>
      <c r="LWZ662" s="613"/>
      <c r="LXA662" s="613"/>
      <c r="LXB662" s="613"/>
      <c r="LXC662" s="613"/>
      <c r="LXD662" s="613"/>
      <c r="LXE662" s="613"/>
      <c r="LXF662" s="613"/>
      <c r="LXG662" s="613"/>
      <c r="LXH662" s="613"/>
      <c r="LXI662" s="613"/>
      <c r="LXJ662" s="613"/>
      <c r="LXK662" s="613"/>
      <c r="LXL662" s="613"/>
      <c r="LXM662" s="613"/>
      <c r="LXN662" s="613"/>
      <c r="LXO662" s="613"/>
      <c r="LXP662" s="613"/>
      <c r="LXQ662" s="613"/>
      <c r="LXR662" s="613"/>
      <c r="LXS662" s="613"/>
      <c r="LXT662" s="613"/>
      <c r="LXU662" s="613"/>
      <c r="LXV662" s="613"/>
      <c r="LXW662" s="613"/>
      <c r="LXX662" s="613"/>
      <c r="LXY662" s="613"/>
      <c r="LXZ662" s="613"/>
      <c r="LYA662" s="613"/>
      <c r="LYB662" s="613"/>
      <c r="LYC662" s="613"/>
      <c r="LYD662" s="613"/>
      <c r="LYE662" s="613"/>
      <c r="LYF662" s="613"/>
      <c r="LYG662" s="613"/>
      <c r="LYH662" s="613"/>
      <c r="LYI662" s="613"/>
      <c r="LYJ662" s="613"/>
      <c r="LYK662" s="613"/>
      <c r="LYL662" s="613"/>
      <c r="LYM662" s="613"/>
      <c r="LYN662" s="613"/>
      <c r="LYO662" s="613"/>
      <c r="LYP662" s="613"/>
      <c r="LYQ662" s="613"/>
      <c r="LYR662" s="613"/>
      <c r="LYS662" s="613"/>
      <c r="LYT662" s="613"/>
      <c r="LYU662" s="613"/>
      <c r="LYV662" s="613"/>
      <c r="LYW662" s="613"/>
      <c r="LYX662" s="613"/>
      <c r="LYY662" s="613"/>
      <c r="LYZ662" s="613"/>
      <c r="LZA662" s="613"/>
      <c r="LZB662" s="613"/>
      <c r="LZC662" s="613"/>
      <c r="LZD662" s="613"/>
      <c r="LZE662" s="613"/>
      <c r="LZF662" s="613"/>
      <c r="LZG662" s="613"/>
      <c r="LZH662" s="613"/>
      <c r="LZI662" s="613"/>
      <c r="LZJ662" s="613"/>
      <c r="LZK662" s="613"/>
      <c r="LZL662" s="613"/>
      <c r="LZM662" s="613"/>
      <c r="LZN662" s="613"/>
      <c r="LZO662" s="613"/>
      <c r="LZP662" s="613"/>
      <c r="LZQ662" s="613"/>
      <c r="LZR662" s="613"/>
      <c r="LZS662" s="613"/>
      <c r="LZT662" s="613"/>
      <c r="LZU662" s="613"/>
      <c r="LZV662" s="613"/>
      <c r="LZW662" s="613"/>
      <c r="LZX662" s="613"/>
      <c r="LZY662" s="613"/>
      <c r="LZZ662" s="613"/>
      <c r="MAA662" s="613"/>
      <c r="MAB662" s="613"/>
      <c r="MAC662" s="613"/>
      <c r="MAD662" s="613"/>
      <c r="MAE662" s="613"/>
      <c r="MAF662" s="613"/>
      <c r="MAG662" s="613"/>
      <c r="MAH662" s="613"/>
      <c r="MAI662" s="613"/>
      <c r="MAJ662" s="613"/>
      <c r="MAK662" s="613"/>
      <c r="MAL662" s="613"/>
      <c r="MAM662" s="613"/>
      <c r="MAN662" s="613"/>
      <c r="MAO662" s="613"/>
      <c r="MAP662" s="613"/>
      <c r="MAQ662" s="613"/>
      <c r="MAR662" s="613"/>
      <c r="MAS662" s="613"/>
      <c r="MAT662" s="613"/>
      <c r="MAU662" s="613"/>
      <c r="MAV662" s="613"/>
      <c r="MAW662" s="613"/>
      <c r="MAX662" s="613"/>
      <c r="MAY662" s="613"/>
      <c r="MAZ662" s="613"/>
      <c r="MBA662" s="613"/>
      <c r="MBB662" s="613"/>
      <c r="MBC662" s="613"/>
      <c r="MBD662" s="613"/>
      <c r="MBE662" s="613"/>
      <c r="MBF662" s="613"/>
      <c r="MBG662" s="613"/>
      <c r="MBH662" s="613"/>
      <c r="MBI662" s="613"/>
      <c r="MBJ662" s="613"/>
      <c r="MBK662" s="613"/>
      <c r="MBL662" s="613"/>
      <c r="MBM662" s="613"/>
      <c r="MBN662" s="613"/>
      <c r="MBO662" s="613"/>
      <c r="MBP662" s="613"/>
      <c r="MBQ662" s="613"/>
      <c r="MBR662" s="613"/>
      <c r="MBS662" s="613"/>
      <c r="MBT662" s="613"/>
      <c r="MBU662" s="613"/>
      <c r="MBV662" s="613"/>
      <c r="MBW662" s="613"/>
      <c r="MBX662" s="613"/>
      <c r="MBY662" s="613"/>
      <c r="MBZ662" s="613"/>
      <c r="MCA662" s="613"/>
      <c r="MCB662" s="613"/>
      <c r="MCC662" s="613"/>
      <c r="MCD662" s="613"/>
      <c r="MCE662" s="613"/>
      <c r="MCF662" s="613"/>
      <c r="MCG662" s="613"/>
      <c r="MCH662" s="613"/>
      <c r="MCI662" s="613"/>
      <c r="MCJ662" s="613"/>
      <c r="MCK662" s="613"/>
      <c r="MCL662" s="613"/>
      <c r="MCM662" s="613"/>
      <c r="MCN662" s="613"/>
      <c r="MCO662" s="613"/>
      <c r="MCP662" s="613"/>
      <c r="MCQ662" s="613"/>
      <c r="MCR662" s="613"/>
      <c r="MCS662" s="613"/>
      <c r="MCT662" s="613"/>
      <c r="MCU662" s="613"/>
      <c r="MCV662" s="613"/>
      <c r="MCW662" s="613"/>
      <c r="MCX662" s="613"/>
      <c r="MCY662" s="613"/>
      <c r="MCZ662" s="613"/>
      <c r="MDA662" s="613"/>
      <c r="MDB662" s="613"/>
      <c r="MDC662" s="613"/>
      <c r="MDD662" s="613"/>
      <c r="MDE662" s="613"/>
      <c r="MDF662" s="613"/>
      <c r="MDG662" s="613"/>
      <c r="MDH662" s="613"/>
      <c r="MDI662" s="613"/>
      <c r="MDJ662" s="613"/>
      <c r="MDK662" s="613"/>
      <c r="MDL662" s="613"/>
      <c r="MDM662" s="613"/>
      <c r="MDN662" s="613"/>
      <c r="MDO662" s="613"/>
      <c r="MDP662" s="613"/>
      <c r="MDQ662" s="613"/>
      <c r="MDR662" s="613"/>
      <c r="MDS662" s="613"/>
      <c r="MDT662" s="613"/>
      <c r="MDU662" s="613"/>
      <c r="MDV662" s="613"/>
      <c r="MDW662" s="613"/>
      <c r="MDX662" s="613"/>
      <c r="MDY662" s="613"/>
      <c r="MDZ662" s="613"/>
      <c r="MEA662" s="613"/>
      <c r="MEB662" s="613"/>
      <c r="MEC662" s="613"/>
      <c r="MED662" s="613"/>
      <c r="MEE662" s="613"/>
      <c r="MEF662" s="613"/>
      <c r="MEG662" s="613"/>
      <c r="MEH662" s="613"/>
      <c r="MEI662" s="613"/>
      <c r="MEJ662" s="613"/>
      <c r="MEK662" s="613"/>
      <c r="MEL662" s="613"/>
      <c r="MEM662" s="613"/>
      <c r="MEN662" s="613"/>
      <c r="MEO662" s="613"/>
      <c r="MEP662" s="613"/>
      <c r="MEQ662" s="613"/>
      <c r="MER662" s="613"/>
      <c r="MES662" s="613"/>
      <c r="MET662" s="613"/>
      <c r="MEU662" s="613"/>
      <c r="MEV662" s="613"/>
      <c r="MEW662" s="613"/>
      <c r="MEX662" s="613"/>
      <c r="MEY662" s="613"/>
      <c r="MEZ662" s="613"/>
      <c r="MFA662" s="613"/>
      <c r="MFB662" s="613"/>
      <c r="MFC662" s="613"/>
      <c r="MFD662" s="613"/>
      <c r="MFE662" s="613"/>
      <c r="MFF662" s="613"/>
      <c r="MFG662" s="613"/>
      <c r="MFH662" s="613"/>
      <c r="MFI662" s="613"/>
      <c r="MFJ662" s="613"/>
      <c r="MFK662" s="613"/>
      <c r="MFL662" s="613"/>
      <c r="MFM662" s="613"/>
      <c r="MFN662" s="613"/>
      <c r="MFO662" s="613"/>
      <c r="MFP662" s="613"/>
      <c r="MFQ662" s="613"/>
      <c r="MFR662" s="613"/>
      <c r="MFS662" s="613"/>
      <c r="MFT662" s="613"/>
      <c r="MFU662" s="613"/>
      <c r="MFV662" s="613"/>
      <c r="MFW662" s="613"/>
      <c r="MFX662" s="613"/>
      <c r="MFY662" s="613"/>
      <c r="MFZ662" s="613"/>
      <c r="MGA662" s="613"/>
      <c r="MGB662" s="613"/>
      <c r="MGC662" s="613"/>
      <c r="MGD662" s="613"/>
      <c r="MGE662" s="613"/>
      <c r="MGF662" s="613"/>
      <c r="MGG662" s="613"/>
      <c r="MGH662" s="613"/>
      <c r="MGI662" s="613"/>
      <c r="MGJ662" s="613"/>
      <c r="MGK662" s="613"/>
      <c r="MGL662" s="613"/>
      <c r="MGM662" s="613"/>
      <c r="MGN662" s="613"/>
      <c r="MGO662" s="613"/>
      <c r="MGP662" s="613"/>
      <c r="MGQ662" s="613"/>
      <c r="MGR662" s="613"/>
      <c r="MGS662" s="613"/>
      <c r="MGT662" s="613"/>
      <c r="MGU662" s="613"/>
      <c r="MGV662" s="613"/>
      <c r="MGW662" s="613"/>
      <c r="MGX662" s="613"/>
      <c r="MGY662" s="613"/>
      <c r="MGZ662" s="613"/>
      <c r="MHA662" s="613"/>
      <c r="MHB662" s="613"/>
      <c r="MHC662" s="613"/>
      <c r="MHD662" s="613"/>
      <c r="MHE662" s="613"/>
      <c r="MHF662" s="613"/>
      <c r="MHG662" s="613"/>
      <c r="MHH662" s="613"/>
      <c r="MHI662" s="613"/>
      <c r="MHJ662" s="613"/>
      <c r="MHK662" s="613"/>
      <c r="MHL662" s="613"/>
      <c r="MHM662" s="613"/>
      <c r="MHN662" s="613"/>
      <c r="MHO662" s="613"/>
      <c r="MHP662" s="613"/>
      <c r="MHQ662" s="613"/>
      <c r="MHR662" s="613"/>
      <c r="MHS662" s="613"/>
      <c r="MHT662" s="613"/>
      <c r="MHU662" s="613"/>
      <c r="MHV662" s="613"/>
      <c r="MHW662" s="613"/>
      <c r="MHX662" s="613"/>
      <c r="MHY662" s="613"/>
      <c r="MHZ662" s="613"/>
      <c r="MIA662" s="613"/>
      <c r="MIB662" s="613"/>
      <c r="MIC662" s="613"/>
      <c r="MID662" s="613"/>
      <c r="MIE662" s="613"/>
      <c r="MIF662" s="613"/>
      <c r="MIG662" s="613"/>
      <c r="MIH662" s="613"/>
      <c r="MII662" s="613"/>
      <c r="MIJ662" s="613"/>
      <c r="MIK662" s="613"/>
      <c r="MIL662" s="613"/>
      <c r="MIM662" s="613"/>
      <c r="MIN662" s="613"/>
      <c r="MIO662" s="613"/>
      <c r="MIP662" s="613"/>
      <c r="MIQ662" s="613"/>
      <c r="MIR662" s="613"/>
      <c r="MIS662" s="613"/>
      <c r="MIT662" s="613"/>
      <c r="MIU662" s="613"/>
      <c r="MIV662" s="613"/>
      <c r="MIW662" s="613"/>
      <c r="MIX662" s="613"/>
      <c r="MIY662" s="613"/>
      <c r="MIZ662" s="613"/>
      <c r="MJA662" s="613"/>
      <c r="MJB662" s="613"/>
      <c r="MJC662" s="613"/>
      <c r="MJD662" s="613"/>
      <c r="MJE662" s="613"/>
      <c r="MJF662" s="613"/>
      <c r="MJG662" s="613"/>
      <c r="MJH662" s="613"/>
      <c r="MJI662" s="613"/>
      <c r="MJJ662" s="613"/>
      <c r="MJK662" s="613"/>
      <c r="MJL662" s="613"/>
      <c r="MJM662" s="613"/>
      <c r="MJN662" s="613"/>
      <c r="MJO662" s="613"/>
      <c r="MJP662" s="613"/>
      <c r="MJQ662" s="613"/>
      <c r="MJR662" s="613"/>
      <c r="MJS662" s="613"/>
      <c r="MJT662" s="613"/>
      <c r="MJU662" s="613"/>
      <c r="MJV662" s="613"/>
      <c r="MJW662" s="613"/>
      <c r="MJX662" s="613"/>
      <c r="MJY662" s="613"/>
      <c r="MJZ662" s="613"/>
      <c r="MKA662" s="613"/>
      <c r="MKB662" s="613"/>
      <c r="MKC662" s="613"/>
      <c r="MKD662" s="613"/>
      <c r="MKE662" s="613"/>
      <c r="MKF662" s="613"/>
      <c r="MKG662" s="613"/>
      <c r="MKH662" s="613"/>
      <c r="MKI662" s="613"/>
      <c r="MKJ662" s="613"/>
      <c r="MKK662" s="613"/>
      <c r="MKL662" s="613"/>
      <c r="MKM662" s="613"/>
      <c r="MKN662" s="613"/>
      <c r="MKO662" s="613"/>
      <c r="MKP662" s="613"/>
      <c r="MKQ662" s="613"/>
      <c r="MKR662" s="613"/>
      <c r="MKS662" s="613"/>
      <c r="MKT662" s="613"/>
      <c r="MKU662" s="613"/>
      <c r="MKV662" s="613"/>
      <c r="MKW662" s="613"/>
      <c r="MKX662" s="613"/>
      <c r="MKY662" s="613"/>
      <c r="MKZ662" s="613"/>
      <c r="MLA662" s="613"/>
      <c r="MLB662" s="613"/>
      <c r="MLC662" s="613"/>
      <c r="MLD662" s="613"/>
      <c r="MLE662" s="613"/>
      <c r="MLF662" s="613"/>
      <c r="MLG662" s="613"/>
      <c r="MLH662" s="613"/>
      <c r="MLI662" s="613"/>
      <c r="MLJ662" s="613"/>
      <c r="MLK662" s="613"/>
      <c r="MLL662" s="613"/>
      <c r="MLM662" s="613"/>
      <c r="MLN662" s="613"/>
      <c r="MLO662" s="613"/>
      <c r="MLP662" s="613"/>
      <c r="MLQ662" s="613"/>
      <c r="MLR662" s="613"/>
      <c r="MLS662" s="613"/>
      <c r="MLT662" s="613"/>
      <c r="MLU662" s="613"/>
      <c r="MLV662" s="613"/>
      <c r="MLW662" s="613"/>
      <c r="MLX662" s="613"/>
      <c r="MLY662" s="613"/>
      <c r="MLZ662" s="613"/>
      <c r="MMA662" s="613"/>
      <c r="MMB662" s="613"/>
      <c r="MMC662" s="613"/>
      <c r="MMD662" s="613"/>
      <c r="MME662" s="613"/>
      <c r="MMF662" s="613"/>
      <c r="MMG662" s="613"/>
      <c r="MMH662" s="613"/>
      <c r="MMI662" s="613"/>
      <c r="MMJ662" s="613"/>
      <c r="MMK662" s="613"/>
      <c r="MML662" s="613"/>
      <c r="MMM662" s="613"/>
      <c r="MMN662" s="613"/>
      <c r="MMO662" s="613"/>
      <c r="MMP662" s="613"/>
      <c r="MMQ662" s="613"/>
      <c r="MMR662" s="613"/>
      <c r="MMS662" s="613"/>
      <c r="MMT662" s="613"/>
      <c r="MMU662" s="613"/>
      <c r="MMV662" s="613"/>
      <c r="MMW662" s="613"/>
      <c r="MMX662" s="613"/>
      <c r="MMY662" s="613"/>
      <c r="MMZ662" s="613"/>
      <c r="MNA662" s="613"/>
      <c r="MNB662" s="613"/>
      <c r="MNC662" s="613"/>
      <c r="MND662" s="613"/>
      <c r="MNE662" s="613"/>
      <c r="MNF662" s="613"/>
      <c r="MNG662" s="613"/>
      <c r="MNH662" s="613"/>
      <c r="MNI662" s="613"/>
      <c r="MNJ662" s="613"/>
      <c r="MNK662" s="613"/>
      <c r="MNL662" s="613"/>
      <c r="MNM662" s="613"/>
      <c r="MNN662" s="613"/>
      <c r="MNO662" s="613"/>
      <c r="MNP662" s="613"/>
      <c r="MNQ662" s="613"/>
      <c r="MNR662" s="613"/>
      <c r="MNS662" s="613"/>
      <c r="MNT662" s="613"/>
      <c r="MNU662" s="613"/>
      <c r="MNV662" s="613"/>
      <c r="MNW662" s="613"/>
      <c r="MNX662" s="613"/>
      <c r="MNY662" s="613"/>
      <c r="MNZ662" s="613"/>
      <c r="MOA662" s="613"/>
      <c r="MOB662" s="613"/>
      <c r="MOC662" s="613"/>
      <c r="MOD662" s="613"/>
      <c r="MOE662" s="613"/>
      <c r="MOF662" s="613"/>
      <c r="MOG662" s="613"/>
      <c r="MOH662" s="613"/>
      <c r="MOI662" s="613"/>
      <c r="MOJ662" s="613"/>
      <c r="MOK662" s="613"/>
      <c r="MOL662" s="613"/>
      <c r="MOM662" s="613"/>
      <c r="MON662" s="613"/>
      <c r="MOO662" s="613"/>
      <c r="MOP662" s="613"/>
      <c r="MOQ662" s="613"/>
      <c r="MOR662" s="613"/>
      <c r="MOS662" s="613"/>
      <c r="MOT662" s="613"/>
      <c r="MOU662" s="613"/>
      <c r="MOV662" s="613"/>
      <c r="MOW662" s="613"/>
      <c r="MOX662" s="613"/>
      <c r="MOY662" s="613"/>
      <c r="MOZ662" s="613"/>
      <c r="MPA662" s="613"/>
      <c r="MPB662" s="613"/>
      <c r="MPC662" s="613"/>
      <c r="MPD662" s="613"/>
      <c r="MPE662" s="613"/>
      <c r="MPF662" s="613"/>
      <c r="MPG662" s="613"/>
      <c r="MPH662" s="613"/>
      <c r="MPI662" s="613"/>
      <c r="MPJ662" s="613"/>
      <c r="MPK662" s="613"/>
      <c r="MPL662" s="613"/>
      <c r="MPM662" s="613"/>
      <c r="MPN662" s="613"/>
      <c r="MPO662" s="613"/>
      <c r="MPP662" s="613"/>
      <c r="MPQ662" s="613"/>
      <c r="MPR662" s="613"/>
      <c r="MPS662" s="613"/>
      <c r="MPT662" s="613"/>
      <c r="MPU662" s="613"/>
      <c r="MPV662" s="613"/>
      <c r="MPW662" s="613"/>
      <c r="MPX662" s="613"/>
      <c r="MPY662" s="613"/>
      <c r="MPZ662" s="613"/>
      <c r="MQA662" s="613"/>
      <c r="MQB662" s="613"/>
      <c r="MQC662" s="613"/>
      <c r="MQD662" s="613"/>
      <c r="MQE662" s="613"/>
      <c r="MQF662" s="613"/>
      <c r="MQG662" s="613"/>
      <c r="MQH662" s="613"/>
      <c r="MQI662" s="613"/>
      <c r="MQJ662" s="613"/>
      <c r="MQK662" s="613"/>
      <c r="MQL662" s="613"/>
      <c r="MQM662" s="613"/>
      <c r="MQN662" s="613"/>
      <c r="MQO662" s="613"/>
      <c r="MQP662" s="613"/>
      <c r="MQQ662" s="613"/>
      <c r="MQR662" s="613"/>
      <c r="MQS662" s="613"/>
      <c r="MQT662" s="613"/>
      <c r="MQU662" s="613"/>
      <c r="MQV662" s="613"/>
      <c r="MQW662" s="613"/>
      <c r="MQX662" s="613"/>
      <c r="MQY662" s="613"/>
      <c r="MQZ662" s="613"/>
      <c r="MRA662" s="613"/>
      <c r="MRB662" s="613"/>
      <c r="MRC662" s="613"/>
      <c r="MRD662" s="613"/>
      <c r="MRE662" s="613"/>
      <c r="MRF662" s="613"/>
      <c r="MRG662" s="613"/>
      <c r="MRH662" s="613"/>
      <c r="MRI662" s="613"/>
      <c r="MRJ662" s="613"/>
      <c r="MRK662" s="613"/>
      <c r="MRL662" s="613"/>
      <c r="MRM662" s="613"/>
      <c r="MRN662" s="613"/>
      <c r="MRO662" s="613"/>
      <c r="MRP662" s="613"/>
      <c r="MRQ662" s="613"/>
      <c r="MRR662" s="613"/>
      <c r="MRS662" s="613"/>
      <c r="MRT662" s="613"/>
      <c r="MRU662" s="613"/>
      <c r="MRV662" s="613"/>
      <c r="MRW662" s="613"/>
      <c r="MRX662" s="613"/>
      <c r="MRY662" s="613"/>
      <c r="MRZ662" s="613"/>
      <c r="MSA662" s="613"/>
      <c r="MSB662" s="613"/>
      <c r="MSC662" s="613"/>
      <c r="MSD662" s="613"/>
      <c r="MSE662" s="613"/>
      <c r="MSF662" s="613"/>
      <c r="MSG662" s="613"/>
      <c r="MSH662" s="613"/>
      <c r="MSI662" s="613"/>
      <c r="MSJ662" s="613"/>
      <c r="MSK662" s="613"/>
      <c r="MSL662" s="613"/>
      <c r="MSM662" s="613"/>
      <c r="MSN662" s="613"/>
      <c r="MSO662" s="613"/>
      <c r="MSP662" s="613"/>
      <c r="MSQ662" s="613"/>
      <c r="MSR662" s="613"/>
      <c r="MSS662" s="613"/>
      <c r="MST662" s="613"/>
      <c r="MSU662" s="613"/>
      <c r="MSV662" s="613"/>
      <c r="MSW662" s="613"/>
      <c r="MSX662" s="613"/>
      <c r="MSY662" s="613"/>
      <c r="MSZ662" s="613"/>
      <c r="MTA662" s="613"/>
      <c r="MTB662" s="613"/>
      <c r="MTC662" s="613"/>
      <c r="MTD662" s="613"/>
      <c r="MTE662" s="613"/>
      <c r="MTF662" s="613"/>
      <c r="MTG662" s="613"/>
      <c r="MTH662" s="613"/>
      <c r="MTI662" s="613"/>
      <c r="MTJ662" s="613"/>
      <c r="MTK662" s="613"/>
      <c r="MTL662" s="613"/>
      <c r="MTM662" s="613"/>
      <c r="MTN662" s="613"/>
      <c r="MTO662" s="613"/>
      <c r="MTP662" s="613"/>
      <c r="MTQ662" s="613"/>
      <c r="MTR662" s="613"/>
      <c r="MTS662" s="613"/>
      <c r="MTT662" s="613"/>
      <c r="MTU662" s="613"/>
      <c r="MTV662" s="613"/>
      <c r="MTW662" s="613"/>
      <c r="MTX662" s="613"/>
      <c r="MTY662" s="613"/>
      <c r="MTZ662" s="613"/>
      <c r="MUA662" s="613"/>
      <c r="MUB662" s="613"/>
      <c r="MUC662" s="613"/>
      <c r="MUD662" s="613"/>
      <c r="MUE662" s="613"/>
      <c r="MUF662" s="613"/>
      <c r="MUG662" s="613"/>
      <c r="MUH662" s="613"/>
      <c r="MUI662" s="613"/>
      <c r="MUJ662" s="613"/>
      <c r="MUK662" s="613"/>
      <c r="MUL662" s="613"/>
      <c r="MUM662" s="613"/>
      <c r="MUN662" s="613"/>
      <c r="MUO662" s="613"/>
      <c r="MUP662" s="613"/>
      <c r="MUQ662" s="613"/>
      <c r="MUR662" s="613"/>
      <c r="MUS662" s="613"/>
      <c r="MUT662" s="613"/>
      <c r="MUU662" s="613"/>
      <c r="MUV662" s="613"/>
      <c r="MUW662" s="613"/>
      <c r="MUX662" s="613"/>
      <c r="MUY662" s="613"/>
      <c r="MUZ662" s="613"/>
      <c r="MVA662" s="613"/>
      <c r="MVB662" s="613"/>
      <c r="MVC662" s="613"/>
      <c r="MVD662" s="613"/>
      <c r="MVE662" s="613"/>
      <c r="MVF662" s="613"/>
      <c r="MVG662" s="613"/>
      <c r="MVH662" s="613"/>
      <c r="MVI662" s="613"/>
      <c r="MVJ662" s="613"/>
      <c r="MVK662" s="613"/>
      <c r="MVL662" s="613"/>
      <c r="MVM662" s="613"/>
      <c r="MVN662" s="613"/>
      <c r="MVO662" s="613"/>
      <c r="MVP662" s="613"/>
      <c r="MVQ662" s="613"/>
      <c r="MVR662" s="613"/>
      <c r="MVS662" s="613"/>
      <c r="MVT662" s="613"/>
      <c r="MVU662" s="613"/>
      <c r="MVV662" s="613"/>
      <c r="MVW662" s="613"/>
      <c r="MVX662" s="613"/>
      <c r="MVY662" s="613"/>
      <c r="MVZ662" s="613"/>
      <c r="MWA662" s="613"/>
      <c r="MWB662" s="613"/>
      <c r="MWC662" s="613"/>
      <c r="MWD662" s="613"/>
      <c r="MWE662" s="613"/>
      <c r="MWF662" s="613"/>
      <c r="MWG662" s="613"/>
      <c r="MWH662" s="613"/>
      <c r="MWI662" s="613"/>
      <c r="MWJ662" s="613"/>
      <c r="MWK662" s="613"/>
      <c r="MWL662" s="613"/>
      <c r="MWM662" s="613"/>
      <c r="MWN662" s="613"/>
      <c r="MWO662" s="613"/>
      <c r="MWP662" s="613"/>
      <c r="MWQ662" s="613"/>
      <c r="MWR662" s="613"/>
      <c r="MWS662" s="613"/>
      <c r="MWT662" s="613"/>
      <c r="MWU662" s="613"/>
      <c r="MWV662" s="613"/>
      <c r="MWW662" s="613"/>
      <c r="MWX662" s="613"/>
      <c r="MWY662" s="613"/>
      <c r="MWZ662" s="613"/>
      <c r="MXA662" s="613"/>
      <c r="MXB662" s="613"/>
      <c r="MXC662" s="613"/>
      <c r="MXD662" s="613"/>
      <c r="MXE662" s="613"/>
      <c r="MXF662" s="613"/>
      <c r="MXG662" s="613"/>
      <c r="MXH662" s="613"/>
      <c r="MXI662" s="613"/>
      <c r="MXJ662" s="613"/>
      <c r="MXK662" s="613"/>
      <c r="MXL662" s="613"/>
      <c r="MXM662" s="613"/>
      <c r="MXN662" s="613"/>
      <c r="MXO662" s="613"/>
      <c r="MXP662" s="613"/>
      <c r="MXQ662" s="613"/>
      <c r="MXR662" s="613"/>
      <c r="MXS662" s="613"/>
      <c r="MXT662" s="613"/>
      <c r="MXU662" s="613"/>
      <c r="MXV662" s="613"/>
      <c r="MXW662" s="613"/>
      <c r="MXX662" s="613"/>
      <c r="MXY662" s="613"/>
      <c r="MXZ662" s="613"/>
      <c r="MYA662" s="613"/>
      <c r="MYB662" s="613"/>
      <c r="MYC662" s="613"/>
      <c r="MYD662" s="613"/>
      <c r="MYE662" s="613"/>
      <c r="MYF662" s="613"/>
      <c r="MYG662" s="613"/>
      <c r="MYH662" s="613"/>
      <c r="MYI662" s="613"/>
      <c r="MYJ662" s="613"/>
      <c r="MYK662" s="613"/>
      <c r="MYL662" s="613"/>
      <c r="MYM662" s="613"/>
      <c r="MYN662" s="613"/>
      <c r="MYO662" s="613"/>
      <c r="MYP662" s="613"/>
      <c r="MYQ662" s="613"/>
      <c r="MYR662" s="613"/>
      <c r="MYS662" s="613"/>
      <c r="MYT662" s="613"/>
      <c r="MYU662" s="613"/>
      <c r="MYV662" s="613"/>
      <c r="MYW662" s="613"/>
      <c r="MYX662" s="613"/>
      <c r="MYY662" s="613"/>
      <c r="MYZ662" s="613"/>
      <c r="MZA662" s="613"/>
      <c r="MZB662" s="613"/>
      <c r="MZC662" s="613"/>
      <c r="MZD662" s="613"/>
      <c r="MZE662" s="613"/>
      <c r="MZF662" s="613"/>
      <c r="MZG662" s="613"/>
      <c r="MZH662" s="613"/>
      <c r="MZI662" s="613"/>
      <c r="MZJ662" s="613"/>
      <c r="MZK662" s="613"/>
      <c r="MZL662" s="613"/>
      <c r="MZM662" s="613"/>
      <c r="MZN662" s="613"/>
      <c r="MZO662" s="613"/>
      <c r="MZP662" s="613"/>
      <c r="MZQ662" s="613"/>
      <c r="MZR662" s="613"/>
      <c r="MZS662" s="613"/>
      <c r="MZT662" s="613"/>
      <c r="MZU662" s="613"/>
      <c r="MZV662" s="613"/>
      <c r="MZW662" s="613"/>
      <c r="MZX662" s="613"/>
      <c r="MZY662" s="613"/>
      <c r="MZZ662" s="613"/>
      <c r="NAA662" s="613"/>
      <c r="NAB662" s="613"/>
      <c r="NAC662" s="613"/>
      <c r="NAD662" s="613"/>
      <c r="NAE662" s="613"/>
      <c r="NAF662" s="613"/>
      <c r="NAG662" s="613"/>
      <c r="NAH662" s="613"/>
      <c r="NAI662" s="613"/>
      <c r="NAJ662" s="613"/>
      <c r="NAK662" s="613"/>
      <c r="NAL662" s="613"/>
      <c r="NAM662" s="613"/>
      <c r="NAN662" s="613"/>
      <c r="NAO662" s="613"/>
      <c r="NAP662" s="613"/>
      <c r="NAQ662" s="613"/>
      <c r="NAR662" s="613"/>
      <c r="NAS662" s="613"/>
      <c r="NAT662" s="613"/>
      <c r="NAU662" s="613"/>
      <c r="NAV662" s="613"/>
      <c r="NAW662" s="613"/>
      <c r="NAX662" s="613"/>
      <c r="NAY662" s="613"/>
      <c r="NAZ662" s="613"/>
      <c r="NBA662" s="613"/>
      <c r="NBB662" s="613"/>
      <c r="NBC662" s="613"/>
      <c r="NBD662" s="613"/>
      <c r="NBE662" s="613"/>
      <c r="NBF662" s="613"/>
      <c r="NBG662" s="613"/>
      <c r="NBH662" s="613"/>
      <c r="NBI662" s="613"/>
      <c r="NBJ662" s="613"/>
      <c r="NBK662" s="613"/>
      <c r="NBL662" s="613"/>
      <c r="NBM662" s="613"/>
      <c r="NBN662" s="613"/>
      <c r="NBO662" s="613"/>
      <c r="NBP662" s="613"/>
      <c r="NBQ662" s="613"/>
      <c r="NBR662" s="613"/>
      <c r="NBS662" s="613"/>
      <c r="NBT662" s="613"/>
      <c r="NBU662" s="613"/>
      <c r="NBV662" s="613"/>
      <c r="NBW662" s="613"/>
      <c r="NBX662" s="613"/>
      <c r="NBY662" s="613"/>
      <c r="NBZ662" s="613"/>
      <c r="NCA662" s="613"/>
      <c r="NCB662" s="613"/>
      <c r="NCC662" s="613"/>
      <c r="NCD662" s="613"/>
      <c r="NCE662" s="613"/>
      <c r="NCF662" s="613"/>
      <c r="NCG662" s="613"/>
      <c r="NCH662" s="613"/>
      <c r="NCI662" s="613"/>
      <c r="NCJ662" s="613"/>
      <c r="NCK662" s="613"/>
      <c r="NCL662" s="613"/>
      <c r="NCM662" s="613"/>
      <c r="NCN662" s="613"/>
      <c r="NCO662" s="613"/>
      <c r="NCP662" s="613"/>
      <c r="NCQ662" s="613"/>
      <c r="NCR662" s="613"/>
      <c r="NCS662" s="613"/>
      <c r="NCT662" s="613"/>
      <c r="NCU662" s="613"/>
      <c r="NCV662" s="613"/>
      <c r="NCW662" s="613"/>
      <c r="NCX662" s="613"/>
      <c r="NCY662" s="613"/>
      <c r="NCZ662" s="613"/>
      <c r="NDA662" s="613"/>
      <c r="NDB662" s="613"/>
      <c r="NDC662" s="613"/>
      <c r="NDD662" s="613"/>
      <c r="NDE662" s="613"/>
      <c r="NDF662" s="613"/>
      <c r="NDG662" s="613"/>
      <c r="NDH662" s="613"/>
      <c r="NDI662" s="613"/>
      <c r="NDJ662" s="613"/>
      <c r="NDK662" s="613"/>
      <c r="NDL662" s="613"/>
      <c r="NDM662" s="613"/>
      <c r="NDN662" s="613"/>
      <c r="NDO662" s="613"/>
      <c r="NDP662" s="613"/>
      <c r="NDQ662" s="613"/>
      <c r="NDR662" s="613"/>
      <c r="NDS662" s="613"/>
      <c r="NDT662" s="613"/>
      <c r="NDU662" s="613"/>
      <c r="NDV662" s="613"/>
      <c r="NDW662" s="613"/>
      <c r="NDX662" s="613"/>
      <c r="NDY662" s="613"/>
      <c r="NDZ662" s="613"/>
      <c r="NEA662" s="613"/>
      <c r="NEB662" s="613"/>
      <c r="NEC662" s="613"/>
      <c r="NED662" s="613"/>
      <c r="NEE662" s="613"/>
      <c r="NEF662" s="613"/>
      <c r="NEG662" s="613"/>
      <c r="NEH662" s="613"/>
      <c r="NEI662" s="613"/>
      <c r="NEJ662" s="613"/>
      <c r="NEK662" s="613"/>
      <c r="NEL662" s="613"/>
      <c r="NEM662" s="613"/>
      <c r="NEN662" s="613"/>
      <c r="NEO662" s="613"/>
      <c r="NEP662" s="613"/>
      <c r="NEQ662" s="613"/>
      <c r="NER662" s="613"/>
      <c r="NES662" s="613"/>
      <c r="NET662" s="613"/>
      <c r="NEU662" s="613"/>
      <c r="NEV662" s="613"/>
      <c r="NEW662" s="613"/>
      <c r="NEX662" s="613"/>
      <c r="NEY662" s="613"/>
      <c r="NEZ662" s="613"/>
      <c r="NFA662" s="613"/>
      <c r="NFB662" s="613"/>
      <c r="NFC662" s="613"/>
      <c r="NFD662" s="613"/>
      <c r="NFE662" s="613"/>
      <c r="NFF662" s="613"/>
      <c r="NFG662" s="613"/>
      <c r="NFH662" s="613"/>
      <c r="NFI662" s="613"/>
      <c r="NFJ662" s="613"/>
      <c r="NFK662" s="613"/>
      <c r="NFL662" s="613"/>
      <c r="NFM662" s="613"/>
      <c r="NFN662" s="613"/>
      <c r="NFO662" s="613"/>
      <c r="NFP662" s="613"/>
      <c r="NFQ662" s="613"/>
      <c r="NFR662" s="613"/>
      <c r="NFS662" s="613"/>
      <c r="NFT662" s="613"/>
      <c r="NFU662" s="613"/>
      <c r="NFV662" s="613"/>
      <c r="NFW662" s="613"/>
      <c r="NFX662" s="613"/>
      <c r="NFY662" s="613"/>
      <c r="NFZ662" s="613"/>
      <c r="NGA662" s="613"/>
      <c r="NGB662" s="613"/>
      <c r="NGC662" s="613"/>
      <c r="NGD662" s="613"/>
      <c r="NGE662" s="613"/>
      <c r="NGF662" s="613"/>
      <c r="NGG662" s="613"/>
      <c r="NGH662" s="613"/>
      <c r="NGI662" s="613"/>
      <c r="NGJ662" s="613"/>
      <c r="NGK662" s="613"/>
      <c r="NGL662" s="613"/>
      <c r="NGM662" s="613"/>
      <c r="NGN662" s="613"/>
      <c r="NGO662" s="613"/>
      <c r="NGP662" s="613"/>
      <c r="NGQ662" s="613"/>
      <c r="NGR662" s="613"/>
      <c r="NGS662" s="613"/>
      <c r="NGT662" s="613"/>
      <c r="NGU662" s="613"/>
      <c r="NGV662" s="613"/>
      <c r="NGW662" s="613"/>
      <c r="NGX662" s="613"/>
      <c r="NGY662" s="613"/>
      <c r="NGZ662" s="613"/>
      <c r="NHA662" s="613"/>
      <c r="NHB662" s="613"/>
      <c r="NHC662" s="613"/>
      <c r="NHD662" s="613"/>
      <c r="NHE662" s="613"/>
      <c r="NHF662" s="613"/>
      <c r="NHG662" s="613"/>
      <c r="NHH662" s="613"/>
      <c r="NHI662" s="613"/>
      <c r="NHJ662" s="613"/>
      <c r="NHK662" s="613"/>
      <c r="NHL662" s="613"/>
      <c r="NHM662" s="613"/>
      <c r="NHN662" s="613"/>
      <c r="NHO662" s="613"/>
      <c r="NHP662" s="613"/>
      <c r="NHQ662" s="613"/>
      <c r="NHR662" s="613"/>
      <c r="NHS662" s="613"/>
      <c r="NHT662" s="613"/>
      <c r="NHU662" s="613"/>
      <c r="NHV662" s="613"/>
      <c r="NHW662" s="613"/>
      <c r="NHX662" s="613"/>
      <c r="NHY662" s="613"/>
      <c r="NHZ662" s="613"/>
      <c r="NIA662" s="613"/>
      <c r="NIB662" s="613"/>
      <c r="NIC662" s="613"/>
      <c r="NID662" s="613"/>
      <c r="NIE662" s="613"/>
      <c r="NIF662" s="613"/>
      <c r="NIG662" s="613"/>
      <c r="NIH662" s="613"/>
      <c r="NII662" s="613"/>
      <c r="NIJ662" s="613"/>
      <c r="NIK662" s="613"/>
      <c r="NIL662" s="613"/>
      <c r="NIM662" s="613"/>
      <c r="NIN662" s="613"/>
      <c r="NIO662" s="613"/>
      <c r="NIP662" s="613"/>
      <c r="NIQ662" s="613"/>
      <c r="NIR662" s="613"/>
      <c r="NIS662" s="613"/>
      <c r="NIT662" s="613"/>
      <c r="NIU662" s="613"/>
      <c r="NIV662" s="613"/>
      <c r="NIW662" s="613"/>
      <c r="NIX662" s="613"/>
      <c r="NIY662" s="613"/>
      <c r="NIZ662" s="613"/>
      <c r="NJA662" s="613"/>
      <c r="NJB662" s="613"/>
      <c r="NJC662" s="613"/>
      <c r="NJD662" s="613"/>
      <c r="NJE662" s="613"/>
      <c r="NJF662" s="613"/>
      <c r="NJG662" s="613"/>
      <c r="NJH662" s="613"/>
      <c r="NJI662" s="613"/>
      <c r="NJJ662" s="613"/>
      <c r="NJK662" s="613"/>
      <c r="NJL662" s="613"/>
      <c r="NJM662" s="613"/>
      <c r="NJN662" s="613"/>
      <c r="NJO662" s="613"/>
      <c r="NJP662" s="613"/>
      <c r="NJQ662" s="613"/>
      <c r="NJR662" s="613"/>
      <c r="NJS662" s="613"/>
      <c r="NJT662" s="613"/>
      <c r="NJU662" s="613"/>
      <c r="NJV662" s="613"/>
      <c r="NJW662" s="613"/>
      <c r="NJX662" s="613"/>
      <c r="NJY662" s="613"/>
      <c r="NJZ662" s="613"/>
      <c r="NKA662" s="613"/>
      <c r="NKB662" s="613"/>
      <c r="NKC662" s="613"/>
      <c r="NKD662" s="613"/>
      <c r="NKE662" s="613"/>
      <c r="NKF662" s="613"/>
      <c r="NKG662" s="613"/>
      <c r="NKH662" s="613"/>
      <c r="NKI662" s="613"/>
      <c r="NKJ662" s="613"/>
      <c r="NKK662" s="613"/>
      <c r="NKL662" s="613"/>
      <c r="NKM662" s="613"/>
      <c r="NKN662" s="613"/>
      <c r="NKO662" s="613"/>
      <c r="NKP662" s="613"/>
      <c r="NKQ662" s="613"/>
      <c r="NKR662" s="613"/>
      <c r="NKS662" s="613"/>
      <c r="NKT662" s="613"/>
      <c r="NKU662" s="613"/>
      <c r="NKV662" s="613"/>
      <c r="NKW662" s="613"/>
      <c r="NKX662" s="613"/>
      <c r="NKY662" s="613"/>
      <c r="NKZ662" s="613"/>
      <c r="NLA662" s="613"/>
      <c r="NLB662" s="613"/>
      <c r="NLC662" s="613"/>
      <c r="NLD662" s="613"/>
      <c r="NLE662" s="613"/>
      <c r="NLF662" s="613"/>
      <c r="NLG662" s="613"/>
      <c r="NLH662" s="613"/>
      <c r="NLI662" s="613"/>
      <c r="NLJ662" s="613"/>
      <c r="NLK662" s="613"/>
      <c r="NLL662" s="613"/>
      <c r="NLM662" s="613"/>
      <c r="NLN662" s="613"/>
      <c r="NLO662" s="613"/>
      <c r="NLP662" s="613"/>
      <c r="NLQ662" s="613"/>
      <c r="NLR662" s="613"/>
      <c r="NLS662" s="613"/>
      <c r="NLT662" s="613"/>
      <c r="NLU662" s="613"/>
      <c r="NLV662" s="613"/>
      <c r="NLW662" s="613"/>
      <c r="NLX662" s="613"/>
      <c r="NLY662" s="613"/>
      <c r="NLZ662" s="613"/>
      <c r="NMA662" s="613"/>
      <c r="NMB662" s="613"/>
      <c r="NMC662" s="613"/>
      <c r="NMD662" s="613"/>
      <c r="NME662" s="613"/>
      <c r="NMF662" s="613"/>
      <c r="NMG662" s="613"/>
      <c r="NMH662" s="613"/>
      <c r="NMI662" s="613"/>
      <c r="NMJ662" s="613"/>
      <c r="NMK662" s="613"/>
      <c r="NML662" s="613"/>
      <c r="NMM662" s="613"/>
      <c r="NMN662" s="613"/>
      <c r="NMO662" s="613"/>
      <c r="NMP662" s="613"/>
      <c r="NMQ662" s="613"/>
      <c r="NMR662" s="613"/>
      <c r="NMS662" s="613"/>
      <c r="NMT662" s="613"/>
      <c r="NMU662" s="613"/>
      <c r="NMV662" s="613"/>
      <c r="NMW662" s="613"/>
      <c r="NMX662" s="613"/>
      <c r="NMY662" s="613"/>
      <c r="NMZ662" s="613"/>
      <c r="NNA662" s="613"/>
      <c r="NNB662" s="613"/>
      <c r="NNC662" s="613"/>
      <c r="NND662" s="613"/>
      <c r="NNE662" s="613"/>
      <c r="NNF662" s="613"/>
      <c r="NNG662" s="613"/>
      <c r="NNH662" s="613"/>
      <c r="NNI662" s="613"/>
      <c r="NNJ662" s="613"/>
      <c r="NNK662" s="613"/>
      <c r="NNL662" s="613"/>
      <c r="NNM662" s="613"/>
      <c r="NNN662" s="613"/>
      <c r="NNO662" s="613"/>
      <c r="NNP662" s="613"/>
      <c r="NNQ662" s="613"/>
      <c r="NNR662" s="613"/>
      <c r="NNS662" s="613"/>
      <c r="NNT662" s="613"/>
      <c r="NNU662" s="613"/>
      <c r="NNV662" s="613"/>
      <c r="NNW662" s="613"/>
      <c r="NNX662" s="613"/>
      <c r="NNY662" s="613"/>
      <c r="NNZ662" s="613"/>
      <c r="NOA662" s="613"/>
      <c r="NOB662" s="613"/>
      <c r="NOC662" s="613"/>
      <c r="NOD662" s="613"/>
      <c r="NOE662" s="613"/>
      <c r="NOF662" s="613"/>
      <c r="NOG662" s="613"/>
      <c r="NOH662" s="613"/>
      <c r="NOI662" s="613"/>
      <c r="NOJ662" s="613"/>
      <c r="NOK662" s="613"/>
      <c r="NOL662" s="613"/>
      <c r="NOM662" s="613"/>
      <c r="NON662" s="613"/>
      <c r="NOO662" s="613"/>
      <c r="NOP662" s="613"/>
      <c r="NOQ662" s="613"/>
      <c r="NOR662" s="613"/>
      <c r="NOS662" s="613"/>
      <c r="NOT662" s="613"/>
      <c r="NOU662" s="613"/>
      <c r="NOV662" s="613"/>
      <c r="NOW662" s="613"/>
      <c r="NOX662" s="613"/>
      <c r="NOY662" s="613"/>
      <c r="NOZ662" s="613"/>
      <c r="NPA662" s="613"/>
      <c r="NPB662" s="613"/>
      <c r="NPC662" s="613"/>
      <c r="NPD662" s="613"/>
      <c r="NPE662" s="613"/>
      <c r="NPF662" s="613"/>
      <c r="NPG662" s="613"/>
      <c r="NPH662" s="613"/>
      <c r="NPI662" s="613"/>
      <c r="NPJ662" s="613"/>
      <c r="NPK662" s="613"/>
      <c r="NPL662" s="613"/>
      <c r="NPM662" s="613"/>
      <c r="NPN662" s="613"/>
      <c r="NPO662" s="613"/>
      <c r="NPP662" s="613"/>
      <c r="NPQ662" s="613"/>
      <c r="NPR662" s="613"/>
      <c r="NPS662" s="613"/>
      <c r="NPT662" s="613"/>
      <c r="NPU662" s="613"/>
      <c r="NPV662" s="613"/>
      <c r="NPW662" s="613"/>
      <c r="NPX662" s="613"/>
      <c r="NPY662" s="613"/>
      <c r="NPZ662" s="613"/>
      <c r="NQA662" s="613"/>
      <c r="NQB662" s="613"/>
      <c r="NQC662" s="613"/>
      <c r="NQD662" s="613"/>
      <c r="NQE662" s="613"/>
      <c r="NQF662" s="613"/>
      <c r="NQG662" s="613"/>
      <c r="NQH662" s="613"/>
      <c r="NQI662" s="613"/>
      <c r="NQJ662" s="613"/>
      <c r="NQK662" s="613"/>
      <c r="NQL662" s="613"/>
      <c r="NQM662" s="613"/>
      <c r="NQN662" s="613"/>
      <c r="NQO662" s="613"/>
      <c r="NQP662" s="613"/>
      <c r="NQQ662" s="613"/>
      <c r="NQR662" s="613"/>
      <c r="NQS662" s="613"/>
      <c r="NQT662" s="613"/>
      <c r="NQU662" s="613"/>
      <c r="NQV662" s="613"/>
      <c r="NQW662" s="613"/>
      <c r="NQX662" s="613"/>
      <c r="NQY662" s="613"/>
      <c r="NQZ662" s="613"/>
      <c r="NRA662" s="613"/>
      <c r="NRB662" s="613"/>
      <c r="NRC662" s="613"/>
      <c r="NRD662" s="613"/>
      <c r="NRE662" s="613"/>
      <c r="NRF662" s="613"/>
      <c r="NRG662" s="613"/>
      <c r="NRH662" s="613"/>
      <c r="NRI662" s="613"/>
      <c r="NRJ662" s="613"/>
      <c r="NRK662" s="613"/>
      <c r="NRL662" s="613"/>
      <c r="NRM662" s="613"/>
      <c r="NRN662" s="613"/>
      <c r="NRO662" s="613"/>
      <c r="NRP662" s="613"/>
      <c r="NRQ662" s="613"/>
      <c r="NRR662" s="613"/>
      <c r="NRS662" s="613"/>
      <c r="NRT662" s="613"/>
      <c r="NRU662" s="613"/>
      <c r="NRV662" s="613"/>
      <c r="NRW662" s="613"/>
      <c r="NRX662" s="613"/>
      <c r="NRY662" s="613"/>
      <c r="NRZ662" s="613"/>
      <c r="NSA662" s="613"/>
      <c r="NSB662" s="613"/>
      <c r="NSC662" s="613"/>
      <c r="NSD662" s="613"/>
      <c r="NSE662" s="613"/>
      <c r="NSF662" s="613"/>
      <c r="NSG662" s="613"/>
      <c r="NSH662" s="613"/>
      <c r="NSI662" s="613"/>
      <c r="NSJ662" s="613"/>
      <c r="NSK662" s="613"/>
      <c r="NSL662" s="613"/>
      <c r="NSM662" s="613"/>
      <c r="NSN662" s="613"/>
      <c r="NSO662" s="613"/>
      <c r="NSP662" s="613"/>
      <c r="NSQ662" s="613"/>
      <c r="NSR662" s="613"/>
      <c r="NSS662" s="613"/>
      <c r="NST662" s="613"/>
      <c r="NSU662" s="613"/>
      <c r="NSV662" s="613"/>
      <c r="NSW662" s="613"/>
      <c r="NSX662" s="613"/>
      <c r="NSY662" s="613"/>
      <c r="NSZ662" s="613"/>
      <c r="NTA662" s="613"/>
      <c r="NTB662" s="613"/>
      <c r="NTC662" s="613"/>
      <c r="NTD662" s="613"/>
      <c r="NTE662" s="613"/>
      <c r="NTF662" s="613"/>
      <c r="NTG662" s="613"/>
      <c r="NTH662" s="613"/>
      <c r="NTI662" s="613"/>
      <c r="NTJ662" s="613"/>
      <c r="NTK662" s="613"/>
      <c r="NTL662" s="613"/>
      <c r="NTM662" s="613"/>
      <c r="NTN662" s="613"/>
      <c r="NTO662" s="613"/>
      <c r="NTP662" s="613"/>
      <c r="NTQ662" s="613"/>
      <c r="NTR662" s="613"/>
      <c r="NTS662" s="613"/>
      <c r="NTT662" s="613"/>
      <c r="NTU662" s="613"/>
      <c r="NTV662" s="613"/>
      <c r="NTW662" s="613"/>
      <c r="NTX662" s="613"/>
      <c r="NTY662" s="613"/>
      <c r="NTZ662" s="613"/>
      <c r="NUA662" s="613"/>
      <c r="NUB662" s="613"/>
      <c r="NUC662" s="613"/>
      <c r="NUD662" s="613"/>
      <c r="NUE662" s="613"/>
      <c r="NUF662" s="613"/>
      <c r="NUG662" s="613"/>
      <c r="NUH662" s="613"/>
      <c r="NUI662" s="613"/>
      <c r="NUJ662" s="613"/>
      <c r="NUK662" s="613"/>
      <c r="NUL662" s="613"/>
      <c r="NUM662" s="613"/>
      <c r="NUN662" s="613"/>
      <c r="NUO662" s="613"/>
      <c r="NUP662" s="613"/>
      <c r="NUQ662" s="613"/>
      <c r="NUR662" s="613"/>
      <c r="NUS662" s="613"/>
      <c r="NUT662" s="613"/>
      <c r="NUU662" s="613"/>
      <c r="NUV662" s="613"/>
      <c r="NUW662" s="613"/>
      <c r="NUX662" s="613"/>
      <c r="NUY662" s="613"/>
      <c r="NUZ662" s="613"/>
      <c r="NVA662" s="613"/>
      <c r="NVB662" s="613"/>
      <c r="NVC662" s="613"/>
      <c r="NVD662" s="613"/>
      <c r="NVE662" s="613"/>
      <c r="NVF662" s="613"/>
      <c r="NVG662" s="613"/>
      <c r="NVH662" s="613"/>
      <c r="NVI662" s="613"/>
      <c r="NVJ662" s="613"/>
      <c r="NVK662" s="613"/>
      <c r="NVL662" s="613"/>
      <c r="NVM662" s="613"/>
      <c r="NVN662" s="613"/>
      <c r="NVO662" s="613"/>
      <c r="NVP662" s="613"/>
      <c r="NVQ662" s="613"/>
      <c r="NVR662" s="613"/>
      <c r="NVS662" s="613"/>
      <c r="NVT662" s="613"/>
      <c r="NVU662" s="613"/>
      <c r="NVV662" s="613"/>
      <c r="NVW662" s="613"/>
      <c r="NVX662" s="613"/>
      <c r="NVY662" s="613"/>
      <c r="NVZ662" s="613"/>
      <c r="NWA662" s="613"/>
      <c r="NWB662" s="613"/>
      <c r="NWC662" s="613"/>
      <c r="NWD662" s="613"/>
      <c r="NWE662" s="613"/>
      <c r="NWF662" s="613"/>
      <c r="NWG662" s="613"/>
      <c r="NWH662" s="613"/>
      <c r="NWI662" s="613"/>
      <c r="NWJ662" s="613"/>
      <c r="NWK662" s="613"/>
      <c r="NWL662" s="613"/>
      <c r="NWM662" s="613"/>
      <c r="NWN662" s="613"/>
      <c r="NWO662" s="613"/>
      <c r="NWP662" s="613"/>
      <c r="NWQ662" s="613"/>
      <c r="NWR662" s="613"/>
      <c r="NWS662" s="613"/>
      <c r="NWT662" s="613"/>
      <c r="NWU662" s="613"/>
      <c r="NWV662" s="613"/>
      <c r="NWW662" s="613"/>
      <c r="NWX662" s="613"/>
      <c r="NWY662" s="613"/>
      <c r="NWZ662" s="613"/>
      <c r="NXA662" s="613"/>
      <c r="NXB662" s="613"/>
      <c r="NXC662" s="613"/>
      <c r="NXD662" s="613"/>
      <c r="NXE662" s="613"/>
      <c r="NXF662" s="613"/>
      <c r="NXG662" s="613"/>
      <c r="NXH662" s="613"/>
      <c r="NXI662" s="613"/>
      <c r="NXJ662" s="613"/>
      <c r="NXK662" s="613"/>
      <c r="NXL662" s="613"/>
      <c r="NXM662" s="613"/>
      <c r="NXN662" s="613"/>
      <c r="NXO662" s="613"/>
      <c r="NXP662" s="613"/>
      <c r="NXQ662" s="613"/>
      <c r="NXR662" s="613"/>
      <c r="NXS662" s="613"/>
      <c r="NXT662" s="613"/>
      <c r="NXU662" s="613"/>
      <c r="NXV662" s="613"/>
      <c r="NXW662" s="613"/>
      <c r="NXX662" s="613"/>
      <c r="NXY662" s="613"/>
      <c r="NXZ662" s="613"/>
      <c r="NYA662" s="613"/>
      <c r="NYB662" s="613"/>
      <c r="NYC662" s="613"/>
      <c r="NYD662" s="613"/>
      <c r="NYE662" s="613"/>
      <c r="NYF662" s="613"/>
      <c r="NYG662" s="613"/>
      <c r="NYH662" s="613"/>
      <c r="NYI662" s="613"/>
      <c r="NYJ662" s="613"/>
      <c r="NYK662" s="613"/>
      <c r="NYL662" s="613"/>
      <c r="NYM662" s="613"/>
      <c r="NYN662" s="613"/>
      <c r="NYO662" s="613"/>
      <c r="NYP662" s="613"/>
      <c r="NYQ662" s="613"/>
      <c r="NYR662" s="613"/>
      <c r="NYS662" s="613"/>
      <c r="NYT662" s="613"/>
      <c r="NYU662" s="613"/>
      <c r="NYV662" s="613"/>
      <c r="NYW662" s="613"/>
      <c r="NYX662" s="613"/>
      <c r="NYY662" s="613"/>
      <c r="NYZ662" s="613"/>
      <c r="NZA662" s="613"/>
      <c r="NZB662" s="613"/>
      <c r="NZC662" s="613"/>
      <c r="NZD662" s="613"/>
      <c r="NZE662" s="613"/>
      <c r="NZF662" s="613"/>
      <c r="NZG662" s="613"/>
      <c r="NZH662" s="613"/>
      <c r="NZI662" s="613"/>
      <c r="NZJ662" s="613"/>
      <c r="NZK662" s="613"/>
      <c r="NZL662" s="613"/>
      <c r="NZM662" s="613"/>
      <c r="NZN662" s="613"/>
      <c r="NZO662" s="613"/>
      <c r="NZP662" s="613"/>
      <c r="NZQ662" s="613"/>
      <c r="NZR662" s="613"/>
      <c r="NZS662" s="613"/>
      <c r="NZT662" s="613"/>
      <c r="NZU662" s="613"/>
      <c r="NZV662" s="613"/>
      <c r="NZW662" s="613"/>
      <c r="NZX662" s="613"/>
      <c r="NZY662" s="613"/>
      <c r="NZZ662" s="613"/>
      <c r="OAA662" s="613"/>
      <c r="OAB662" s="613"/>
      <c r="OAC662" s="613"/>
      <c r="OAD662" s="613"/>
      <c r="OAE662" s="613"/>
      <c r="OAF662" s="613"/>
      <c r="OAG662" s="613"/>
      <c r="OAH662" s="613"/>
      <c r="OAI662" s="613"/>
      <c r="OAJ662" s="613"/>
      <c r="OAK662" s="613"/>
      <c r="OAL662" s="613"/>
      <c r="OAM662" s="613"/>
      <c r="OAN662" s="613"/>
      <c r="OAO662" s="613"/>
      <c r="OAP662" s="613"/>
      <c r="OAQ662" s="613"/>
      <c r="OAR662" s="613"/>
      <c r="OAS662" s="613"/>
      <c r="OAT662" s="613"/>
      <c r="OAU662" s="613"/>
      <c r="OAV662" s="613"/>
      <c r="OAW662" s="613"/>
      <c r="OAX662" s="613"/>
      <c r="OAY662" s="613"/>
      <c r="OAZ662" s="613"/>
      <c r="OBA662" s="613"/>
      <c r="OBB662" s="613"/>
      <c r="OBC662" s="613"/>
      <c r="OBD662" s="613"/>
      <c r="OBE662" s="613"/>
      <c r="OBF662" s="613"/>
      <c r="OBG662" s="613"/>
      <c r="OBH662" s="613"/>
      <c r="OBI662" s="613"/>
      <c r="OBJ662" s="613"/>
      <c r="OBK662" s="613"/>
      <c r="OBL662" s="613"/>
      <c r="OBM662" s="613"/>
      <c r="OBN662" s="613"/>
      <c r="OBO662" s="613"/>
      <c r="OBP662" s="613"/>
      <c r="OBQ662" s="613"/>
      <c r="OBR662" s="613"/>
      <c r="OBS662" s="613"/>
      <c r="OBT662" s="613"/>
      <c r="OBU662" s="613"/>
      <c r="OBV662" s="613"/>
      <c r="OBW662" s="613"/>
      <c r="OBX662" s="613"/>
      <c r="OBY662" s="613"/>
      <c r="OBZ662" s="613"/>
      <c r="OCA662" s="613"/>
      <c r="OCB662" s="613"/>
      <c r="OCC662" s="613"/>
      <c r="OCD662" s="613"/>
      <c r="OCE662" s="613"/>
      <c r="OCF662" s="613"/>
      <c r="OCG662" s="613"/>
      <c r="OCH662" s="613"/>
      <c r="OCI662" s="613"/>
      <c r="OCJ662" s="613"/>
      <c r="OCK662" s="613"/>
      <c r="OCL662" s="613"/>
      <c r="OCM662" s="613"/>
      <c r="OCN662" s="613"/>
      <c r="OCO662" s="613"/>
      <c r="OCP662" s="613"/>
      <c r="OCQ662" s="613"/>
      <c r="OCR662" s="613"/>
      <c r="OCS662" s="613"/>
      <c r="OCT662" s="613"/>
      <c r="OCU662" s="613"/>
      <c r="OCV662" s="613"/>
      <c r="OCW662" s="613"/>
      <c r="OCX662" s="613"/>
      <c r="OCY662" s="613"/>
      <c r="OCZ662" s="613"/>
      <c r="ODA662" s="613"/>
      <c r="ODB662" s="613"/>
      <c r="ODC662" s="613"/>
      <c r="ODD662" s="613"/>
      <c r="ODE662" s="613"/>
      <c r="ODF662" s="613"/>
      <c r="ODG662" s="613"/>
      <c r="ODH662" s="613"/>
      <c r="ODI662" s="613"/>
      <c r="ODJ662" s="613"/>
      <c r="ODK662" s="613"/>
      <c r="ODL662" s="613"/>
      <c r="ODM662" s="613"/>
      <c r="ODN662" s="613"/>
      <c r="ODO662" s="613"/>
      <c r="ODP662" s="613"/>
      <c r="ODQ662" s="613"/>
      <c r="ODR662" s="613"/>
      <c r="ODS662" s="613"/>
      <c r="ODT662" s="613"/>
      <c r="ODU662" s="613"/>
      <c r="ODV662" s="613"/>
      <c r="ODW662" s="613"/>
      <c r="ODX662" s="613"/>
      <c r="ODY662" s="613"/>
      <c r="ODZ662" s="613"/>
      <c r="OEA662" s="613"/>
      <c r="OEB662" s="613"/>
      <c r="OEC662" s="613"/>
      <c r="OED662" s="613"/>
      <c r="OEE662" s="613"/>
      <c r="OEF662" s="613"/>
      <c r="OEG662" s="613"/>
      <c r="OEH662" s="613"/>
      <c r="OEI662" s="613"/>
      <c r="OEJ662" s="613"/>
      <c r="OEK662" s="613"/>
      <c r="OEL662" s="613"/>
      <c r="OEM662" s="613"/>
      <c r="OEN662" s="613"/>
      <c r="OEO662" s="613"/>
      <c r="OEP662" s="613"/>
      <c r="OEQ662" s="613"/>
      <c r="OER662" s="613"/>
      <c r="OES662" s="613"/>
      <c r="OET662" s="613"/>
      <c r="OEU662" s="613"/>
      <c r="OEV662" s="613"/>
      <c r="OEW662" s="613"/>
      <c r="OEX662" s="613"/>
      <c r="OEY662" s="613"/>
      <c r="OEZ662" s="613"/>
      <c r="OFA662" s="613"/>
      <c r="OFB662" s="613"/>
      <c r="OFC662" s="613"/>
      <c r="OFD662" s="613"/>
      <c r="OFE662" s="613"/>
      <c r="OFF662" s="613"/>
      <c r="OFG662" s="613"/>
      <c r="OFH662" s="613"/>
      <c r="OFI662" s="613"/>
      <c r="OFJ662" s="613"/>
      <c r="OFK662" s="613"/>
      <c r="OFL662" s="613"/>
      <c r="OFM662" s="613"/>
      <c r="OFN662" s="613"/>
      <c r="OFO662" s="613"/>
      <c r="OFP662" s="613"/>
      <c r="OFQ662" s="613"/>
      <c r="OFR662" s="613"/>
      <c r="OFS662" s="613"/>
      <c r="OFT662" s="613"/>
      <c r="OFU662" s="613"/>
      <c r="OFV662" s="613"/>
      <c r="OFW662" s="613"/>
      <c r="OFX662" s="613"/>
      <c r="OFY662" s="613"/>
      <c r="OFZ662" s="613"/>
      <c r="OGA662" s="613"/>
      <c r="OGB662" s="613"/>
      <c r="OGC662" s="613"/>
      <c r="OGD662" s="613"/>
      <c r="OGE662" s="613"/>
      <c r="OGF662" s="613"/>
      <c r="OGG662" s="613"/>
      <c r="OGH662" s="613"/>
      <c r="OGI662" s="613"/>
      <c r="OGJ662" s="613"/>
      <c r="OGK662" s="613"/>
      <c r="OGL662" s="613"/>
      <c r="OGM662" s="613"/>
      <c r="OGN662" s="613"/>
      <c r="OGO662" s="613"/>
      <c r="OGP662" s="613"/>
      <c r="OGQ662" s="613"/>
      <c r="OGR662" s="613"/>
      <c r="OGS662" s="613"/>
      <c r="OGT662" s="613"/>
      <c r="OGU662" s="613"/>
      <c r="OGV662" s="613"/>
      <c r="OGW662" s="613"/>
      <c r="OGX662" s="613"/>
      <c r="OGY662" s="613"/>
      <c r="OGZ662" s="613"/>
      <c r="OHA662" s="613"/>
      <c r="OHB662" s="613"/>
      <c r="OHC662" s="613"/>
      <c r="OHD662" s="613"/>
      <c r="OHE662" s="613"/>
      <c r="OHF662" s="613"/>
      <c r="OHG662" s="613"/>
      <c r="OHH662" s="613"/>
      <c r="OHI662" s="613"/>
      <c r="OHJ662" s="613"/>
      <c r="OHK662" s="613"/>
      <c r="OHL662" s="613"/>
      <c r="OHM662" s="613"/>
      <c r="OHN662" s="613"/>
      <c r="OHO662" s="613"/>
      <c r="OHP662" s="613"/>
      <c r="OHQ662" s="613"/>
      <c r="OHR662" s="613"/>
      <c r="OHS662" s="613"/>
      <c r="OHT662" s="613"/>
      <c r="OHU662" s="613"/>
      <c r="OHV662" s="613"/>
      <c r="OHW662" s="613"/>
      <c r="OHX662" s="613"/>
      <c r="OHY662" s="613"/>
      <c r="OHZ662" s="613"/>
      <c r="OIA662" s="613"/>
      <c r="OIB662" s="613"/>
      <c r="OIC662" s="613"/>
      <c r="OID662" s="613"/>
      <c r="OIE662" s="613"/>
      <c r="OIF662" s="613"/>
      <c r="OIG662" s="613"/>
      <c r="OIH662" s="613"/>
      <c r="OII662" s="613"/>
      <c r="OIJ662" s="613"/>
      <c r="OIK662" s="613"/>
      <c r="OIL662" s="613"/>
      <c r="OIM662" s="613"/>
      <c r="OIN662" s="613"/>
      <c r="OIO662" s="613"/>
      <c r="OIP662" s="613"/>
      <c r="OIQ662" s="613"/>
      <c r="OIR662" s="613"/>
      <c r="OIS662" s="613"/>
      <c r="OIT662" s="613"/>
      <c r="OIU662" s="613"/>
      <c r="OIV662" s="613"/>
      <c r="OIW662" s="613"/>
      <c r="OIX662" s="613"/>
      <c r="OIY662" s="613"/>
      <c r="OIZ662" s="613"/>
      <c r="OJA662" s="613"/>
      <c r="OJB662" s="613"/>
      <c r="OJC662" s="613"/>
      <c r="OJD662" s="613"/>
      <c r="OJE662" s="613"/>
      <c r="OJF662" s="613"/>
      <c r="OJG662" s="613"/>
      <c r="OJH662" s="613"/>
      <c r="OJI662" s="613"/>
      <c r="OJJ662" s="613"/>
      <c r="OJK662" s="613"/>
      <c r="OJL662" s="613"/>
      <c r="OJM662" s="613"/>
      <c r="OJN662" s="613"/>
      <c r="OJO662" s="613"/>
      <c r="OJP662" s="613"/>
      <c r="OJQ662" s="613"/>
      <c r="OJR662" s="613"/>
      <c r="OJS662" s="613"/>
      <c r="OJT662" s="613"/>
      <c r="OJU662" s="613"/>
      <c r="OJV662" s="613"/>
      <c r="OJW662" s="613"/>
      <c r="OJX662" s="613"/>
      <c r="OJY662" s="613"/>
      <c r="OJZ662" s="613"/>
      <c r="OKA662" s="613"/>
      <c r="OKB662" s="613"/>
      <c r="OKC662" s="613"/>
      <c r="OKD662" s="613"/>
      <c r="OKE662" s="613"/>
      <c r="OKF662" s="613"/>
      <c r="OKG662" s="613"/>
      <c r="OKH662" s="613"/>
      <c r="OKI662" s="613"/>
      <c r="OKJ662" s="613"/>
      <c r="OKK662" s="613"/>
      <c r="OKL662" s="613"/>
      <c r="OKM662" s="613"/>
      <c r="OKN662" s="613"/>
      <c r="OKO662" s="613"/>
      <c r="OKP662" s="613"/>
      <c r="OKQ662" s="613"/>
      <c r="OKR662" s="613"/>
      <c r="OKS662" s="613"/>
      <c r="OKT662" s="613"/>
      <c r="OKU662" s="613"/>
      <c r="OKV662" s="613"/>
      <c r="OKW662" s="613"/>
      <c r="OKX662" s="613"/>
      <c r="OKY662" s="613"/>
      <c r="OKZ662" s="613"/>
      <c r="OLA662" s="613"/>
      <c r="OLB662" s="613"/>
      <c r="OLC662" s="613"/>
      <c r="OLD662" s="613"/>
      <c r="OLE662" s="613"/>
      <c r="OLF662" s="613"/>
      <c r="OLG662" s="613"/>
      <c r="OLH662" s="613"/>
      <c r="OLI662" s="613"/>
      <c r="OLJ662" s="613"/>
      <c r="OLK662" s="613"/>
      <c r="OLL662" s="613"/>
      <c r="OLM662" s="613"/>
      <c r="OLN662" s="613"/>
      <c r="OLO662" s="613"/>
      <c r="OLP662" s="613"/>
      <c r="OLQ662" s="613"/>
      <c r="OLR662" s="613"/>
      <c r="OLS662" s="613"/>
      <c r="OLT662" s="613"/>
      <c r="OLU662" s="613"/>
      <c r="OLV662" s="613"/>
      <c r="OLW662" s="613"/>
      <c r="OLX662" s="613"/>
      <c r="OLY662" s="613"/>
      <c r="OLZ662" s="613"/>
      <c r="OMA662" s="613"/>
      <c r="OMB662" s="613"/>
      <c r="OMC662" s="613"/>
      <c r="OMD662" s="613"/>
      <c r="OME662" s="613"/>
      <c r="OMF662" s="613"/>
      <c r="OMG662" s="613"/>
      <c r="OMH662" s="613"/>
      <c r="OMI662" s="613"/>
      <c r="OMJ662" s="613"/>
      <c r="OMK662" s="613"/>
      <c r="OML662" s="613"/>
      <c r="OMM662" s="613"/>
      <c r="OMN662" s="613"/>
      <c r="OMO662" s="613"/>
      <c r="OMP662" s="613"/>
      <c r="OMQ662" s="613"/>
      <c r="OMR662" s="613"/>
      <c r="OMS662" s="613"/>
      <c r="OMT662" s="613"/>
      <c r="OMU662" s="613"/>
      <c r="OMV662" s="613"/>
      <c r="OMW662" s="613"/>
      <c r="OMX662" s="613"/>
      <c r="OMY662" s="613"/>
      <c r="OMZ662" s="613"/>
      <c r="ONA662" s="613"/>
      <c r="ONB662" s="613"/>
      <c r="ONC662" s="613"/>
      <c r="OND662" s="613"/>
      <c r="ONE662" s="613"/>
      <c r="ONF662" s="613"/>
      <c r="ONG662" s="613"/>
      <c r="ONH662" s="613"/>
      <c r="ONI662" s="613"/>
      <c r="ONJ662" s="613"/>
      <c r="ONK662" s="613"/>
      <c r="ONL662" s="613"/>
      <c r="ONM662" s="613"/>
      <c r="ONN662" s="613"/>
      <c r="ONO662" s="613"/>
      <c r="ONP662" s="613"/>
      <c r="ONQ662" s="613"/>
      <c r="ONR662" s="613"/>
      <c r="ONS662" s="613"/>
      <c r="ONT662" s="613"/>
      <c r="ONU662" s="613"/>
      <c r="ONV662" s="613"/>
      <c r="ONW662" s="613"/>
      <c r="ONX662" s="613"/>
      <c r="ONY662" s="613"/>
      <c r="ONZ662" s="613"/>
      <c r="OOA662" s="613"/>
      <c r="OOB662" s="613"/>
      <c r="OOC662" s="613"/>
      <c r="OOD662" s="613"/>
      <c r="OOE662" s="613"/>
      <c r="OOF662" s="613"/>
      <c r="OOG662" s="613"/>
      <c r="OOH662" s="613"/>
      <c r="OOI662" s="613"/>
      <c r="OOJ662" s="613"/>
      <c r="OOK662" s="613"/>
      <c r="OOL662" s="613"/>
      <c r="OOM662" s="613"/>
      <c r="OON662" s="613"/>
      <c r="OOO662" s="613"/>
      <c r="OOP662" s="613"/>
      <c r="OOQ662" s="613"/>
      <c r="OOR662" s="613"/>
      <c r="OOS662" s="613"/>
      <c r="OOT662" s="613"/>
      <c r="OOU662" s="613"/>
      <c r="OOV662" s="613"/>
      <c r="OOW662" s="613"/>
      <c r="OOX662" s="613"/>
      <c r="OOY662" s="613"/>
      <c r="OOZ662" s="613"/>
      <c r="OPA662" s="613"/>
      <c r="OPB662" s="613"/>
      <c r="OPC662" s="613"/>
      <c r="OPD662" s="613"/>
      <c r="OPE662" s="613"/>
      <c r="OPF662" s="613"/>
      <c r="OPG662" s="613"/>
      <c r="OPH662" s="613"/>
      <c r="OPI662" s="613"/>
      <c r="OPJ662" s="613"/>
      <c r="OPK662" s="613"/>
      <c r="OPL662" s="613"/>
      <c r="OPM662" s="613"/>
      <c r="OPN662" s="613"/>
      <c r="OPO662" s="613"/>
      <c r="OPP662" s="613"/>
      <c r="OPQ662" s="613"/>
      <c r="OPR662" s="613"/>
      <c r="OPS662" s="613"/>
      <c r="OPT662" s="613"/>
      <c r="OPU662" s="613"/>
      <c r="OPV662" s="613"/>
      <c r="OPW662" s="613"/>
      <c r="OPX662" s="613"/>
      <c r="OPY662" s="613"/>
      <c r="OPZ662" s="613"/>
      <c r="OQA662" s="613"/>
      <c r="OQB662" s="613"/>
      <c r="OQC662" s="613"/>
      <c r="OQD662" s="613"/>
      <c r="OQE662" s="613"/>
      <c r="OQF662" s="613"/>
      <c r="OQG662" s="613"/>
      <c r="OQH662" s="613"/>
      <c r="OQI662" s="613"/>
      <c r="OQJ662" s="613"/>
      <c r="OQK662" s="613"/>
      <c r="OQL662" s="613"/>
      <c r="OQM662" s="613"/>
      <c r="OQN662" s="613"/>
      <c r="OQO662" s="613"/>
      <c r="OQP662" s="613"/>
      <c r="OQQ662" s="613"/>
      <c r="OQR662" s="613"/>
      <c r="OQS662" s="613"/>
      <c r="OQT662" s="613"/>
      <c r="OQU662" s="613"/>
      <c r="OQV662" s="613"/>
      <c r="OQW662" s="613"/>
      <c r="OQX662" s="613"/>
      <c r="OQY662" s="613"/>
      <c r="OQZ662" s="613"/>
      <c r="ORA662" s="613"/>
      <c r="ORB662" s="613"/>
      <c r="ORC662" s="613"/>
      <c r="ORD662" s="613"/>
      <c r="ORE662" s="613"/>
      <c r="ORF662" s="613"/>
      <c r="ORG662" s="613"/>
      <c r="ORH662" s="613"/>
      <c r="ORI662" s="613"/>
      <c r="ORJ662" s="613"/>
      <c r="ORK662" s="613"/>
      <c r="ORL662" s="613"/>
      <c r="ORM662" s="613"/>
      <c r="ORN662" s="613"/>
      <c r="ORO662" s="613"/>
      <c r="ORP662" s="613"/>
      <c r="ORQ662" s="613"/>
      <c r="ORR662" s="613"/>
      <c r="ORS662" s="613"/>
      <c r="ORT662" s="613"/>
      <c r="ORU662" s="613"/>
      <c r="ORV662" s="613"/>
      <c r="ORW662" s="613"/>
      <c r="ORX662" s="613"/>
      <c r="ORY662" s="613"/>
      <c r="ORZ662" s="613"/>
      <c r="OSA662" s="613"/>
      <c r="OSB662" s="613"/>
      <c r="OSC662" s="613"/>
      <c r="OSD662" s="613"/>
      <c r="OSE662" s="613"/>
      <c r="OSF662" s="613"/>
      <c r="OSG662" s="613"/>
      <c r="OSH662" s="613"/>
      <c r="OSI662" s="613"/>
      <c r="OSJ662" s="613"/>
      <c r="OSK662" s="613"/>
      <c r="OSL662" s="613"/>
      <c r="OSM662" s="613"/>
      <c r="OSN662" s="613"/>
      <c r="OSO662" s="613"/>
      <c r="OSP662" s="613"/>
      <c r="OSQ662" s="613"/>
      <c r="OSR662" s="613"/>
      <c r="OSS662" s="613"/>
      <c r="OST662" s="613"/>
      <c r="OSU662" s="613"/>
      <c r="OSV662" s="613"/>
      <c r="OSW662" s="613"/>
      <c r="OSX662" s="613"/>
      <c r="OSY662" s="613"/>
      <c r="OSZ662" s="613"/>
      <c r="OTA662" s="613"/>
      <c r="OTB662" s="613"/>
      <c r="OTC662" s="613"/>
      <c r="OTD662" s="613"/>
      <c r="OTE662" s="613"/>
      <c r="OTF662" s="613"/>
      <c r="OTG662" s="613"/>
      <c r="OTH662" s="613"/>
      <c r="OTI662" s="613"/>
      <c r="OTJ662" s="613"/>
      <c r="OTK662" s="613"/>
      <c r="OTL662" s="613"/>
      <c r="OTM662" s="613"/>
      <c r="OTN662" s="613"/>
      <c r="OTO662" s="613"/>
      <c r="OTP662" s="613"/>
      <c r="OTQ662" s="613"/>
      <c r="OTR662" s="613"/>
      <c r="OTS662" s="613"/>
      <c r="OTT662" s="613"/>
      <c r="OTU662" s="613"/>
      <c r="OTV662" s="613"/>
      <c r="OTW662" s="613"/>
      <c r="OTX662" s="613"/>
      <c r="OTY662" s="613"/>
      <c r="OTZ662" s="613"/>
      <c r="OUA662" s="613"/>
      <c r="OUB662" s="613"/>
      <c r="OUC662" s="613"/>
      <c r="OUD662" s="613"/>
      <c r="OUE662" s="613"/>
      <c r="OUF662" s="613"/>
      <c r="OUG662" s="613"/>
      <c r="OUH662" s="613"/>
      <c r="OUI662" s="613"/>
      <c r="OUJ662" s="613"/>
      <c r="OUK662" s="613"/>
      <c r="OUL662" s="613"/>
      <c r="OUM662" s="613"/>
      <c r="OUN662" s="613"/>
      <c r="OUO662" s="613"/>
      <c r="OUP662" s="613"/>
      <c r="OUQ662" s="613"/>
      <c r="OUR662" s="613"/>
      <c r="OUS662" s="613"/>
      <c r="OUT662" s="613"/>
      <c r="OUU662" s="613"/>
      <c r="OUV662" s="613"/>
      <c r="OUW662" s="613"/>
      <c r="OUX662" s="613"/>
      <c r="OUY662" s="613"/>
      <c r="OUZ662" s="613"/>
      <c r="OVA662" s="613"/>
      <c r="OVB662" s="613"/>
      <c r="OVC662" s="613"/>
      <c r="OVD662" s="613"/>
      <c r="OVE662" s="613"/>
      <c r="OVF662" s="613"/>
      <c r="OVG662" s="613"/>
      <c r="OVH662" s="613"/>
      <c r="OVI662" s="613"/>
      <c r="OVJ662" s="613"/>
      <c r="OVK662" s="613"/>
      <c r="OVL662" s="613"/>
      <c r="OVM662" s="613"/>
      <c r="OVN662" s="613"/>
      <c r="OVO662" s="613"/>
      <c r="OVP662" s="613"/>
      <c r="OVQ662" s="613"/>
      <c r="OVR662" s="613"/>
      <c r="OVS662" s="613"/>
      <c r="OVT662" s="613"/>
      <c r="OVU662" s="613"/>
      <c r="OVV662" s="613"/>
      <c r="OVW662" s="613"/>
      <c r="OVX662" s="613"/>
      <c r="OVY662" s="613"/>
      <c r="OVZ662" s="613"/>
      <c r="OWA662" s="613"/>
      <c r="OWB662" s="613"/>
      <c r="OWC662" s="613"/>
      <c r="OWD662" s="613"/>
      <c r="OWE662" s="613"/>
      <c r="OWF662" s="613"/>
      <c r="OWG662" s="613"/>
      <c r="OWH662" s="613"/>
      <c r="OWI662" s="613"/>
      <c r="OWJ662" s="613"/>
      <c r="OWK662" s="613"/>
      <c r="OWL662" s="613"/>
      <c r="OWM662" s="613"/>
      <c r="OWN662" s="613"/>
      <c r="OWO662" s="613"/>
      <c r="OWP662" s="613"/>
      <c r="OWQ662" s="613"/>
      <c r="OWR662" s="613"/>
      <c r="OWS662" s="613"/>
      <c r="OWT662" s="613"/>
      <c r="OWU662" s="613"/>
      <c r="OWV662" s="613"/>
      <c r="OWW662" s="613"/>
      <c r="OWX662" s="613"/>
      <c r="OWY662" s="613"/>
      <c r="OWZ662" s="613"/>
      <c r="OXA662" s="613"/>
      <c r="OXB662" s="613"/>
      <c r="OXC662" s="613"/>
      <c r="OXD662" s="613"/>
      <c r="OXE662" s="613"/>
      <c r="OXF662" s="613"/>
      <c r="OXG662" s="613"/>
      <c r="OXH662" s="613"/>
      <c r="OXI662" s="613"/>
      <c r="OXJ662" s="613"/>
      <c r="OXK662" s="613"/>
      <c r="OXL662" s="613"/>
      <c r="OXM662" s="613"/>
      <c r="OXN662" s="613"/>
      <c r="OXO662" s="613"/>
      <c r="OXP662" s="613"/>
      <c r="OXQ662" s="613"/>
      <c r="OXR662" s="613"/>
      <c r="OXS662" s="613"/>
      <c r="OXT662" s="613"/>
      <c r="OXU662" s="613"/>
      <c r="OXV662" s="613"/>
      <c r="OXW662" s="613"/>
      <c r="OXX662" s="613"/>
      <c r="OXY662" s="613"/>
      <c r="OXZ662" s="613"/>
      <c r="OYA662" s="613"/>
      <c r="OYB662" s="613"/>
      <c r="OYC662" s="613"/>
      <c r="OYD662" s="613"/>
      <c r="OYE662" s="613"/>
      <c r="OYF662" s="613"/>
      <c r="OYG662" s="613"/>
      <c r="OYH662" s="613"/>
      <c r="OYI662" s="613"/>
      <c r="OYJ662" s="613"/>
      <c r="OYK662" s="613"/>
      <c r="OYL662" s="613"/>
      <c r="OYM662" s="613"/>
      <c r="OYN662" s="613"/>
      <c r="OYO662" s="613"/>
      <c r="OYP662" s="613"/>
      <c r="OYQ662" s="613"/>
      <c r="OYR662" s="613"/>
      <c r="OYS662" s="613"/>
      <c r="OYT662" s="613"/>
      <c r="OYU662" s="613"/>
      <c r="OYV662" s="613"/>
      <c r="OYW662" s="613"/>
      <c r="OYX662" s="613"/>
      <c r="OYY662" s="613"/>
      <c r="OYZ662" s="613"/>
      <c r="OZA662" s="613"/>
      <c r="OZB662" s="613"/>
      <c r="OZC662" s="613"/>
      <c r="OZD662" s="613"/>
      <c r="OZE662" s="613"/>
      <c r="OZF662" s="613"/>
      <c r="OZG662" s="613"/>
      <c r="OZH662" s="613"/>
      <c r="OZI662" s="613"/>
      <c r="OZJ662" s="613"/>
      <c r="OZK662" s="613"/>
      <c r="OZL662" s="613"/>
      <c r="OZM662" s="613"/>
      <c r="OZN662" s="613"/>
      <c r="OZO662" s="613"/>
      <c r="OZP662" s="613"/>
      <c r="OZQ662" s="613"/>
      <c r="OZR662" s="613"/>
      <c r="OZS662" s="613"/>
      <c r="OZT662" s="613"/>
      <c r="OZU662" s="613"/>
      <c r="OZV662" s="613"/>
      <c r="OZW662" s="613"/>
      <c r="OZX662" s="613"/>
      <c r="OZY662" s="613"/>
      <c r="OZZ662" s="613"/>
      <c r="PAA662" s="613"/>
      <c r="PAB662" s="613"/>
      <c r="PAC662" s="613"/>
      <c r="PAD662" s="613"/>
      <c r="PAE662" s="613"/>
      <c r="PAF662" s="613"/>
      <c r="PAG662" s="613"/>
      <c r="PAH662" s="613"/>
      <c r="PAI662" s="613"/>
      <c r="PAJ662" s="613"/>
      <c r="PAK662" s="613"/>
      <c r="PAL662" s="613"/>
      <c r="PAM662" s="613"/>
      <c r="PAN662" s="613"/>
      <c r="PAO662" s="613"/>
      <c r="PAP662" s="613"/>
      <c r="PAQ662" s="613"/>
      <c r="PAR662" s="613"/>
      <c r="PAS662" s="613"/>
      <c r="PAT662" s="613"/>
      <c r="PAU662" s="613"/>
      <c r="PAV662" s="613"/>
      <c r="PAW662" s="613"/>
      <c r="PAX662" s="613"/>
      <c r="PAY662" s="613"/>
      <c r="PAZ662" s="613"/>
      <c r="PBA662" s="613"/>
      <c r="PBB662" s="613"/>
      <c r="PBC662" s="613"/>
      <c r="PBD662" s="613"/>
      <c r="PBE662" s="613"/>
      <c r="PBF662" s="613"/>
      <c r="PBG662" s="613"/>
      <c r="PBH662" s="613"/>
      <c r="PBI662" s="613"/>
      <c r="PBJ662" s="613"/>
      <c r="PBK662" s="613"/>
      <c r="PBL662" s="613"/>
      <c r="PBM662" s="613"/>
      <c r="PBN662" s="613"/>
      <c r="PBO662" s="613"/>
      <c r="PBP662" s="613"/>
      <c r="PBQ662" s="613"/>
      <c r="PBR662" s="613"/>
      <c r="PBS662" s="613"/>
      <c r="PBT662" s="613"/>
      <c r="PBU662" s="613"/>
      <c r="PBV662" s="613"/>
      <c r="PBW662" s="613"/>
      <c r="PBX662" s="613"/>
      <c r="PBY662" s="613"/>
      <c r="PBZ662" s="613"/>
      <c r="PCA662" s="613"/>
      <c r="PCB662" s="613"/>
      <c r="PCC662" s="613"/>
      <c r="PCD662" s="613"/>
      <c r="PCE662" s="613"/>
      <c r="PCF662" s="613"/>
      <c r="PCG662" s="613"/>
      <c r="PCH662" s="613"/>
      <c r="PCI662" s="613"/>
      <c r="PCJ662" s="613"/>
      <c r="PCK662" s="613"/>
      <c r="PCL662" s="613"/>
      <c r="PCM662" s="613"/>
      <c r="PCN662" s="613"/>
      <c r="PCO662" s="613"/>
      <c r="PCP662" s="613"/>
      <c r="PCQ662" s="613"/>
      <c r="PCR662" s="613"/>
      <c r="PCS662" s="613"/>
      <c r="PCT662" s="613"/>
      <c r="PCU662" s="613"/>
      <c r="PCV662" s="613"/>
      <c r="PCW662" s="613"/>
      <c r="PCX662" s="613"/>
      <c r="PCY662" s="613"/>
      <c r="PCZ662" s="613"/>
      <c r="PDA662" s="613"/>
      <c r="PDB662" s="613"/>
      <c r="PDC662" s="613"/>
      <c r="PDD662" s="613"/>
      <c r="PDE662" s="613"/>
      <c r="PDF662" s="613"/>
      <c r="PDG662" s="613"/>
      <c r="PDH662" s="613"/>
      <c r="PDI662" s="613"/>
      <c r="PDJ662" s="613"/>
      <c r="PDK662" s="613"/>
      <c r="PDL662" s="613"/>
      <c r="PDM662" s="613"/>
      <c r="PDN662" s="613"/>
      <c r="PDO662" s="613"/>
      <c r="PDP662" s="613"/>
      <c r="PDQ662" s="613"/>
      <c r="PDR662" s="613"/>
      <c r="PDS662" s="613"/>
      <c r="PDT662" s="613"/>
      <c r="PDU662" s="613"/>
      <c r="PDV662" s="613"/>
      <c r="PDW662" s="613"/>
      <c r="PDX662" s="613"/>
      <c r="PDY662" s="613"/>
      <c r="PDZ662" s="613"/>
      <c r="PEA662" s="613"/>
      <c r="PEB662" s="613"/>
      <c r="PEC662" s="613"/>
      <c r="PED662" s="613"/>
      <c r="PEE662" s="613"/>
      <c r="PEF662" s="613"/>
      <c r="PEG662" s="613"/>
      <c r="PEH662" s="613"/>
      <c r="PEI662" s="613"/>
      <c r="PEJ662" s="613"/>
      <c r="PEK662" s="613"/>
      <c r="PEL662" s="613"/>
      <c r="PEM662" s="613"/>
      <c r="PEN662" s="613"/>
      <c r="PEO662" s="613"/>
      <c r="PEP662" s="613"/>
      <c r="PEQ662" s="613"/>
      <c r="PER662" s="613"/>
      <c r="PES662" s="613"/>
      <c r="PET662" s="613"/>
      <c r="PEU662" s="613"/>
      <c r="PEV662" s="613"/>
      <c r="PEW662" s="613"/>
      <c r="PEX662" s="613"/>
      <c r="PEY662" s="613"/>
      <c r="PEZ662" s="613"/>
      <c r="PFA662" s="613"/>
      <c r="PFB662" s="613"/>
      <c r="PFC662" s="613"/>
      <c r="PFD662" s="613"/>
      <c r="PFE662" s="613"/>
      <c r="PFF662" s="613"/>
      <c r="PFG662" s="613"/>
      <c r="PFH662" s="613"/>
      <c r="PFI662" s="613"/>
      <c r="PFJ662" s="613"/>
      <c r="PFK662" s="613"/>
      <c r="PFL662" s="613"/>
      <c r="PFM662" s="613"/>
      <c r="PFN662" s="613"/>
      <c r="PFO662" s="613"/>
      <c r="PFP662" s="613"/>
      <c r="PFQ662" s="613"/>
      <c r="PFR662" s="613"/>
      <c r="PFS662" s="613"/>
      <c r="PFT662" s="613"/>
      <c r="PFU662" s="613"/>
      <c r="PFV662" s="613"/>
      <c r="PFW662" s="613"/>
      <c r="PFX662" s="613"/>
      <c r="PFY662" s="613"/>
      <c r="PFZ662" s="613"/>
      <c r="PGA662" s="613"/>
      <c r="PGB662" s="613"/>
      <c r="PGC662" s="613"/>
      <c r="PGD662" s="613"/>
      <c r="PGE662" s="613"/>
      <c r="PGF662" s="613"/>
      <c r="PGG662" s="613"/>
      <c r="PGH662" s="613"/>
      <c r="PGI662" s="613"/>
      <c r="PGJ662" s="613"/>
      <c r="PGK662" s="613"/>
      <c r="PGL662" s="613"/>
      <c r="PGM662" s="613"/>
      <c r="PGN662" s="613"/>
      <c r="PGO662" s="613"/>
      <c r="PGP662" s="613"/>
      <c r="PGQ662" s="613"/>
      <c r="PGR662" s="613"/>
      <c r="PGS662" s="613"/>
      <c r="PGT662" s="613"/>
      <c r="PGU662" s="613"/>
      <c r="PGV662" s="613"/>
      <c r="PGW662" s="613"/>
      <c r="PGX662" s="613"/>
      <c r="PGY662" s="613"/>
      <c r="PGZ662" s="613"/>
      <c r="PHA662" s="613"/>
      <c r="PHB662" s="613"/>
      <c r="PHC662" s="613"/>
      <c r="PHD662" s="613"/>
      <c r="PHE662" s="613"/>
      <c r="PHF662" s="613"/>
      <c r="PHG662" s="613"/>
      <c r="PHH662" s="613"/>
      <c r="PHI662" s="613"/>
      <c r="PHJ662" s="613"/>
      <c r="PHK662" s="613"/>
      <c r="PHL662" s="613"/>
      <c r="PHM662" s="613"/>
      <c r="PHN662" s="613"/>
      <c r="PHO662" s="613"/>
      <c r="PHP662" s="613"/>
      <c r="PHQ662" s="613"/>
      <c r="PHR662" s="613"/>
      <c r="PHS662" s="613"/>
      <c r="PHT662" s="613"/>
      <c r="PHU662" s="613"/>
      <c r="PHV662" s="613"/>
      <c r="PHW662" s="613"/>
      <c r="PHX662" s="613"/>
      <c r="PHY662" s="613"/>
      <c r="PHZ662" s="613"/>
      <c r="PIA662" s="613"/>
      <c r="PIB662" s="613"/>
      <c r="PIC662" s="613"/>
      <c r="PID662" s="613"/>
      <c r="PIE662" s="613"/>
      <c r="PIF662" s="613"/>
      <c r="PIG662" s="613"/>
      <c r="PIH662" s="613"/>
      <c r="PII662" s="613"/>
      <c r="PIJ662" s="613"/>
      <c r="PIK662" s="613"/>
      <c r="PIL662" s="613"/>
      <c r="PIM662" s="613"/>
      <c r="PIN662" s="613"/>
      <c r="PIO662" s="613"/>
      <c r="PIP662" s="613"/>
      <c r="PIQ662" s="613"/>
      <c r="PIR662" s="613"/>
      <c r="PIS662" s="613"/>
      <c r="PIT662" s="613"/>
      <c r="PIU662" s="613"/>
      <c r="PIV662" s="613"/>
      <c r="PIW662" s="613"/>
      <c r="PIX662" s="613"/>
      <c r="PIY662" s="613"/>
      <c r="PIZ662" s="613"/>
      <c r="PJA662" s="613"/>
      <c r="PJB662" s="613"/>
      <c r="PJC662" s="613"/>
      <c r="PJD662" s="613"/>
      <c r="PJE662" s="613"/>
      <c r="PJF662" s="613"/>
      <c r="PJG662" s="613"/>
      <c r="PJH662" s="613"/>
      <c r="PJI662" s="613"/>
      <c r="PJJ662" s="613"/>
      <c r="PJK662" s="613"/>
      <c r="PJL662" s="613"/>
      <c r="PJM662" s="613"/>
      <c r="PJN662" s="613"/>
      <c r="PJO662" s="613"/>
      <c r="PJP662" s="613"/>
      <c r="PJQ662" s="613"/>
      <c r="PJR662" s="613"/>
      <c r="PJS662" s="613"/>
      <c r="PJT662" s="613"/>
      <c r="PJU662" s="613"/>
      <c r="PJV662" s="613"/>
      <c r="PJW662" s="613"/>
      <c r="PJX662" s="613"/>
      <c r="PJY662" s="613"/>
      <c r="PJZ662" s="613"/>
      <c r="PKA662" s="613"/>
      <c r="PKB662" s="613"/>
      <c r="PKC662" s="613"/>
      <c r="PKD662" s="613"/>
      <c r="PKE662" s="613"/>
      <c r="PKF662" s="613"/>
      <c r="PKG662" s="613"/>
      <c r="PKH662" s="613"/>
      <c r="PKI662" s="613"/>
      <c r="PKJ662" s="613"/>
      <c r="PKK662" s="613"/>
      <c r="PKL662" s="613"/>
      <c r="PKM662" s="613"/>
      <c r="PKN662" s="613"/>
      <c r="PKO662" s="613"/>
      <c r="PKP662" s="613"/>
      <c r="PKQ662" s="613"/>
      <c r="PKR662" s="613"/>
      <c r="PKS662" s="613"/>
      <c r="PKT662" s="613"/>
      <c r="PKU662" s="613"/>
      <c r="PKV662" s="613"/>
      <c r="PKW662" s="613"/>
      <c r="PKX662" s="613"/>
      <c r="PKY662" s="613"/>
      <c r="PKZ662" s="613"/>
      <c r="PLA662" s="613"/>
      <c r="PLB662" s="613"/>
      <c r="PLC662" s="613"/>
      <c r="PLD662" s="613"/>
      <c r="PLE662" s="613"/>
      <c r="PLF662" s="613"/>
      <c r="PLG662" s="613"/>
      <c r="PLH662" s="613"/>
      <c r="PLI662" s="613"/>
      <c r="PLJ662" s="613"/>
      <c r="PLK662" s="613"/>
      <c r="PLL662" s="613"/>
      <c r="PLM662" s="613"/>
      <c r="PLN662" s="613"/>
      <c r="PLO662" s="613"/>
      <c r="PLP662" s="613"/>
      <c r="PLQ662" s="613"/>
      <c r="PLR662" s="613"/>
      <c r="PLS662" s="613"/>
      <c r="PLT662" s="613"/>
      <c r="PLU662" s="613"/>
      <c r="PLV662" s="613"/>
      <c r="PLW662" s="613"/>
      <c r="PLX662" s="613"/>
      <c r="PLY662" s="613"/>
      <c r="PLZ662" s="613"/>
      <c r="PMA662" s="613"/>
      <c r="PMB662" s="613"/>
      <c r="PMC662" s="613"/>
      <c r="PMD662" s="613"/>
      <c r="PME662" s="613"/>
      <c r="PMF662" s="613"/>
      <c r="PMG662" s="613"/>
      <c r="PMH662" s="613"/>
      <c r="PMI662" s="613"/>
      <c r="PMJ662" s="613"/>
      <c r="PMK662" s="613"/>
      <c r="PML662" s="613"/>
      <c r="PMM662" s="613"/>
      <c r="PMN662" s="613"/>
      <c r="PMO662" s="613"/>
      <c r="PMP662" s="613"/>
      <c r="PMQ662" s="613"/>
      <c r="PMR662" s="613"/>
      <c r="PMS662" s="613"/>
      <c r="PMT662" s="613"/>
      <c r="PMU662" s="613"/>
      <c r="PMV662" s="613"/>
      <c r="PMW662" s="613"/>
      <c r="PMX662" s="613"/>
      <c r="PMY662" s="613"/>
      <c r="PMZ662" s="613"/>
      <c r="PNA662" s="613"/>
      <c r="PNB662" s="613"/>
      <c r="PNC662" s="613"/>
      <c r="PND662" s="613"/>
      <c r="PNE662" s="613"/>
      <c r="PNF662" s="613"/>
      <c r="PNG662" s="613"/>
      <c r="PNH662" s="613"/>
      <c r="PNI662" s="613"/>
      <c r="PNJ662" s="613"/>
      <c r="PNK662" s="613"/>
      <c r="PNL662" s="613"/>
      <c r="PNM662" s="613"/>
      <c r="PNN662" s="613"/>
      <c r="PNO662" s="613"/>
      <c r="PNP662" s="613"/>
      <c r="PNQ662" s="613"/>
      <c r="PNR662" s="613"/>
      <c r="PNS662" s="613"/>
      <c r="PNT662" s="613"/>
      <c r="PNU662" s="613"/>
      <c r="PNV662" s="613"/>
      <c r="PNW662" s="613"/>
      <c r="PNX662" s="613"/>
      <c r="PNY662" s="613"/>
      <c r="PNZ662" s="613"/>
      <c r="POA662" s="613"/>
      <c r="POB662" s="613"/>
      <c r="POC662" s="613"/>
      <c r="POD662" s="613"/>
      <c r="POE662" s="613"/>
      <c r="POF662" s="613"/>
      <c r="POG662" s="613"/>
      <c r="POH662" s="613"/>
      <c r="POI662" s="613"/>
      <c r="POJ662" s="613"/>
      <c r="POK662" s="613"/>
      <c r="POL662" s="613"/>
      <c r="POM662" s="613"/>
      <c r="PON662" s="613"/>
      <c r="POO662" s="613"/>
      <c r="POP662" s="613"/>
      <c r="POQ662" s="613"/>
      <c r="POR662" s="613"/>
      <c r="POS662" s="613"/>
      <c r="POT662" s="613"/>
      <c r="POU662" s="613"/>
      <c r="POV662" s="613"/>
      <c r="POW662" s="613"/>
      <c r="POX662" s="613"/>
      <c r="POY662" s="613"/>
      <c r="POZ662" s="613"/>
      <c r="PPA662" s="613"/>
      <c r="PPB662" s="613"/>
      <c r="PPC662" s="613"/>
      <c r="PPD662" s="613"/>
      <c r="PPE662" s="613"/>
      <c r="PPF662" s="613"/>
      <c r="PPG662" s="613"/>
      <c r="PPH662" s="613"/>
      <c r="PPI662" s="613"/>
      <c r="PPJ662" s="613"/>
      <c r="PPK662" s="613"/>
      <c r="PPL662" s="613"/>
      <c r="PPM662" s="613"/>
      <c r="PPN662" s="613"/>
      <c r="PPO662" s="613"/>
      <c r="PPP662" s="613"/>
      <c r="PPQ662" s="613"/>
      <c r="PPR662" s="613"/>
      <c r="PPS662" s="613"/>
      <c r="PPT662" s="613"/>
      <c r="PPU662" s="613"/>
      <c r="PPV662" s="613"/>
      <c r="PPW662" s="613"/>
      <c r="PPX662" s="613"/>
      <c r="PPY662" s="613"/>
      <c r="PPZ662" s="613"/>
      <c r="PQA662" s="613"/>
      <c r="PQB662" s="613"/>
      <c r="PQC662" s="613"/>
      <c r="PQD662" s="613"/>
      <c r="PQE662" s="613"/>
      <c r="PQF662" s="613"/>
      <c r="PQG662" s="613"/>
      <c r="PQH662" s="613"/>
      <c r="PQI662" s="613"/>
      <c r="PQJ662" s="613"/>
      <c r="PQK662" s="613"/>
      <c r="PQL662" s="613"/>
      <c r="PQM662" s="613"/>
      <c r="PQN662" s="613"/>
      <c r="PQO662" s="613"/>
      <c r="PQP662" s="613"/>
      <c r="PQQ662" s="613"/>
      <c r="PQR662" s="613"/>
      <c r="PQS662" s="613"/>
      <c r="PQT662" s="613"/>
      <c r="PQU662" s="613"/>
      <c r="PQV662" s="613"/>
      <c r="PQW662" s="613"/>
      <c r="PQX662" s="613"/>
      <c r="PQY662" s="613"/>
      <c r="PQZ662" s="613"/>
      <c r="PRA662" s="613"/>
      <c r="PRB662" s="613"/>
      <c r="PRC662" s="613"/>
      <c r="PRD662" s="613"/>
      <c r="PRE662" s="613"/>
      <c r="PRF662" s="613"/>
      <c r="PRG662" s="613"/>
      <c r="PRH662" s="613"/>
      <c r="PRI662" s="613"/>
      <c r="PRJ662" s="613"/>
      <c r="PRK662" s="613"/>
      <c r="PRL662" s="613"/>
      <c r="PRM662" s="613"/>
      <c r="PRN662" s="613"/>
      <c r="PRO662" s="613"/>
      <c r="PRP662" s="613"/>
      <c r="PRQ662" s="613"/>
      <c r="PRR662" s="613"/>
      <c r="PRS662" s="613"/>
      <c r="PRT662" s="613"/>
      <c r="PRU662" s="613"/>
      <c r="PRV662" s="613"/>
      <c r="PRW662" s="613"/>
      <c r="PRX662" s="613"/>
      <c r="PRY662" s="613"/>
      <c r="PRZ662" s="613"/>
      <c r="PSA662" s="613"/>
      <c r="PSB662" s="613"/>
      <c r="PSC662" s="613"/>
      <c r="PSD662" s="613"/>
      <c r="PSE662" s="613"/>
      <c r="PSF662" s="613"/>
      <c r="PSG662" s="613"/>
      <c r="PSH662" s="613"/>
      <c r="PSI662" s="613"/>
      <c r="PSJ662" s="613"/>
      <c r="PSK662" s="613"/>
      <c r="PSL662" s="613"/>
      <c r="PSM662" s="613"/>
      <c r="PSN662" s="613"/>
      <c r="PSO662" s="613"/>
      <c r="PSP662" s="613"/>
      <c r="PSQ662" s="613"/>
      <c r="PSR662" s="613"/>
      <c r="PSS662" s="613"/>
      <c r="PST662" s="613"/>
      <c r="PSU662" s="613"/>
      <c r="PSV662" s="613"/>
      <c r="PSW662" s="613"/>
      <c r="PSX662" s="613"/>
      <c r="PSY662" s="613"/>
      <c r="PSZ662" s="613"/>
      <c r="PTA662" s="613"/>
      <c r="PTB662" s="613"/>
      <c r="PTC662" s="613"/>
      <c r="PTD662" s="613"/>
      <c r="PTE662" s="613"/>
      <c r="PTF662" s="613"/>
      <c r="PTG662" s="613"/>
      <c r="PTH662" s="613"/>
      <c r="PTI662" s="613"/>
      <c r="PTJ662" s="613"/>
      <c r="PTK662" s="613"/>
      <c r="PTL662" s="613"/>
      <c r="PTM662" s="613"/>
      <c r="PTN662" s="613"/>
      <c r="PTO662" s="613"/>
      <c r="PTP662" s="613"/>
      <c r="PTQ662" s="613"/>
      <c r="PTR662" s="613"/>
      <c r="PTS662" s="613"/>
      <c r="PTT662" s="613"/>
      <c r="PTU662" s="613"/>
      <c r="PTV662" s="613"/>
      <c r="PTW662" s="613"/>
      <c r="PTX662" s="613"/>
      <c r="PTY662" s="613"/>
      <c r="PTZ662" s="613"/>
      <c r="PUA662" s="613"/>
      <c r="PUB662" s="613"/>
      <c r="PUC662" s="613"/>
      <c r="PUD662" s="613"/>
      <c r="PUE662" s="613"/>
      <c r="PUF662" s="613"/>
      <c r="PUG662" s="613"/>
      <c r="PUH662" s="613"/>
      <c r="PUI662" s="613"/>
      <c r="PUJ662" s="613"/>
      <c r="PUK662" s="613"/>
      <c r="PUL662" s="613"/>
      <c r="PUM662" s="613"/>
      <c r="PUN662" s="613"/>
      <c r="PUO662" s="613"/>
      <c r="PUP662" s="613"/>
      <c r="PUQ662" s="613"/>
      <c r="PUR662" s="613"/>
      <c r="PUS662" s="613"/>
      <c r="PUT662" s="613"/>
      <c r="PUU662" s="613"/>
      <c r="PUV662" s="613"/>
      <c r="PUW662" s="613"/>
      <c r="PUX662" s="613"/>
      <c r="PUY662" s="613"/>
      <c r="PUZ662" s="613"/>
      <c r="PVA662" s="613"/>
      <c r="PVB662" s="613"/>
      <c r="PVC662" s="613"/>
      <c r="PVD662" s="613"/>
      <c r="PVE662" s="613"/>
      <c r="PVF662" s="613"/>
      <c r="PVG662" s="613"/>
      <c r="PVH662" s="613"/>
      <c r="PVI662" s="613"/>
      <c r="PVJ662" s="613"/>
      <c r="PVK662" s="613"/>
      <c r="PVL662" s="613"/>
      <c r="PVM662" s="613"/>
      <c r="PVN662" s="613"/>
      <c r="PVO662" s="613"/>
      <c r="PVP662" s="613"/>
      <c r="PVQ662" s="613"/>
      <c r="PVR662" s="613"/>
      <c r="PVS662" s="613"/>
      <c r="PVT662" s="613"/>
      <c r="PVU662" s="613"/>
      <c r="PVV662" s="613"/>
      <c r="PVW662" s="613"/>
      <c r="PVX662" s="613"/>
      <c r="PVY662" s="613"/>
      <c r="PVZ662" s="613"/>
      <c r="PWA662" s="613"/>
      <c r="PWB662" s="613"/>
      <c r="PWC662" s="613"/>
      <c r="PWD662" s="613"/>
      <c r="PWE662" s="613"/>
      <c r="PWF662" s="613"/>
      <c r="PWG662" s="613"/>
      <c r="PWH662" s="613"/>
      <c r="PWI662" s="613"/>
      <c r="PWJ662" s="613"/>
      <c r="PWK662" s="613"/>
      <c r="PWL662" s="613"/>
      <c r="PWM662" s="613"/>
      <c r="PWN662" s="613"/>
      <c r="PWO662" s="613"/>
      <c r="PWP662" s="613"/>
      <c r="PWQ662" s="613"/>
      <c r="PWR662" s="613"/>
      <c r="PWS662" s="613"/>
      <c r="PWT662" s="613"/>
      <c r="PWU662" s="613"/>
      <c r="PWV662" s="613"/>
      <c r="PWW662" s="613"/>
      <c r="PWX662" s="613"/>
      <c r="PWY662" s="613"/>
      <c r="PWZ662" s="613"/>
      <c r="PXA662" s="613"/>
      <c r="PXB662" s="613"/>
      <c r="PXC662" s="613"/>
      <c r="PXD662" s="613"/>
      <c r="PXE662" s="613"/>
      <c r="PXF662" s="613"/>
      <c r="PXG662" s="613"/>
      <c r="PXH662" s="613"/>
      <c r="PXI662" s="613"/>
      <c r="PXJ662" s="613"/>
      <c r="PXK662" s="613"/>
      <c r="PXL662" s="613"/>
      <c r="PXM662" s="613"/>
      <c r="PXN662" s="613"/>
      <c r="PXO662" s="613"/>
      <c r="PXP662" s="613"/>
      <c r="PXQ662" s="613"/>
      <c r="PXR662" s="613"/>
      <c r="PXS662" s="613"/>
      <c r="PXT662" s="613"/>
      <c r="PXU662" s="613"/>
      <c r="PXV662" s="613"/>
      <c r="PXW662" s="613"/>
      <c r="PXX662" s="613"/>
      <c r="PXY662" s="613"/>
      <c r="PXZ662" s="613"/>
      <c r="PYA662" s="613"/>
      <c r="PYB662" s="613"/>
      <c r="PYC662" s="613"/>
      <c r="PYD662" s="613"/>
      <c r="PYE662" s="613"/>
      <c r="PYF662" s="613"/>
      <c r="PYG662" s="613"/>
      <c r="PYH662" s="613"/>
      <c r="PYI662" s="613"/>
      <c r="PYJ662" s="613"/>
      <c r="PYK662" s="613"/>
      <c r="PYL662" s="613"/>
      <c r="PYM662" s="613"/>
      <c r="PYN662" s="613"/>
      <c r="PYO662" s="613"/>
      <c r="PYP662" s="613"/>
      <c r="PYQ662" s="613"/>
      <c r="PYR662" s="613"/>
      <c r="PYS662" s="613"/>
      <c r="PYT662" s="613"/>
      <c r="PYU662" s="613"/>
      <c r="PYV662" s="613"/>
      <c r="PYW662" s="613"/>
      <c r="PYX662" s="613"/>
      <c r="PYY662" s="613"/>
      <c r="PYZ662" s="613"/>
      <c r="PZA662" s="613"/>
      <c r="PZB662" s="613"/>
      <c r="PZC662" s="613"/>
      <c r="PZD662" s="613"/>
      <c r="PZE662" s="613"/>
      <c r="PZF662" s="613"/>
      <c r="PZG662" s="613"/>
      <c r="PZH662" s="613"/>
      <c r="PZI662" s="613"/>
      <c r="PZJ662" s="613"/>
      <c r="PZK662" s="613"/>
      <c r="PZL662" s="613"/>
      <c r="PZM662" s="613"/>
      <c r="PZN662" s="613"/>
      <c r="PZO662" s="613"/>
      <c r="PZP662" s="613"/>
      <c r="PZQ662" s="613"/>
      <c r="PZR662" s="613"/>
      <c r="PZS662" s="613"/>
      <c r="PZT662" s="613"/>
      <c r="PZU662" s="613"/>
      <c r="PZV662" s="613"/>
      <c r="PZW662" s="613"/>
      <c r="PZX662" s="613"/>
      <c r="PZY662" s="613"/>
      <c r="PZZ662" s="613"/>
      <c r="QAA662" s="613"/>
      <c r="QAB662" s="613"/>
      <c r="QAC662" s="613"/>
      <c r="QAD662" s="613"/>
      <c r="QAE662" s="613"/>
      <c r="QAF662" s="613"/>
      <c r="QAG662" s="613"/>
      <c r="QAH662" s="613"/>
      <c r="QAI662" s="613"/>
      <c r="QAJ662" s="613"/>
      <c r="QAK662" s="613"/>
      <c r="QAL662" s="613"/>
      <c r="QAM662" s="613"/>
      <c r="QAN662" s="613"/>
      <c r="QAO662" s="613"/>
      <c r="QAP662" s="613"/>
      <c r="QAQ662" s="613"/>
      <c r="QAR662" s="613"/>
      <c r="QAS662" s="613"/>
      <c r="QAT662" s="613"/>
      <c r="QAU662" s="613"/>
      <c r="QAV662" s="613"/>
      <c r="QAW662" s="613"/>
      <c r="QAX662" s="613"/>
      <c r="QAY662" s="613"/>
      <c r="QAZ662" s="613"/>
      <c r="QBA662" s="613"/>
      <c r="QBB662" s="613"/>
      <c r="QBC662" s="613"/>
      <c r="QBD662" s="613"/>
      <c r="QBE662" s="613"/>
      <c r="QBF662" s="613"/>
      <c r="QBG662" s="613"/>
      <c r="QBH662" s="613"/>
      <c r="QBI662" s="613"/>
      <c r="QBJ662" s="613"/>
      <c r="QBK662" s="613"/>
      <c r="QBL662" s="613"/>
      <c r="QBM662" s="613"/>
      <c r="QBN662" s="613"/>
      <c r="QBO662" s="613"/>
      <c r="QBP662" s="613"/>
      <c r="QBQ662" s="613"/>
      <c r="QBR662" s="613"/>
      <c r="QBS662" s="613"/>
      <c r="QBT662" s="613"/>
      <c r="QBU662" s="613"/>
      <c r="QBV662" s="613"/>
      <c r="QBW662" s="613"/>
      <c r="QBX662" s="613"/>
      <c r="QBY662" s="613"/>
      <c r="QBZ662" s="613"/>
      <c r="QCA662" s="613"/>
      <c r="QCB662" s="613"/>
      <c r="QCC662" s="613"/>
      <c r="QCD662" s="613"/>
      <c r="QCE662" s="613"/>
      <c r="QCF662" s="613"/>
      <c r="QCG662" s="613"/>
      <c r="QCH662" s="613"/>
      <c r="QCI662" s="613"/>
      <c r="QCJ662" s="613"/>
      <c r="QCK662" s="613"/>
      <c r="QCL662" s="613"/>
      <c r="QCM662" s="613"/>
      <c r="QCN662" s="613"/>
      <c r="QCO662" s="613"/>
      <c r="QCP662" s="613"/>
      <c r="QCQ662" s="613"/>
      <c r="QCR662" s="613"/>
      <c r="QCS662" s="613"/>
      <c r="QCT662" s="613"/>
      <c r="QCU662" s="613"/>
      <c r="QCV662" s="613"/>
      <c r="QCW662" s="613"/>
      <c r="QCX662" s="613"/>
      <c r="QCY662" s="613"/>
      <c r="QCZ662" s="613"/>
      <c r="QDA662" s="613"/>
      <c r="QDB662" s="613"/>
      <c r="QDC662" s="613"/>
      <c r="QDD662" s="613"/>
      <c r="QDE662" s="613"/>
      <c r="QDF662" s="613"/>
      <c r="QDG662" s="613"/>
      <c r="QDH662" s="613"/>
      <c r="QDI662" s="613"/>
      <c r="QDJ662" s="613"/>
      <c r="QDK662" s="613"/>
      <c r="QDL662" s="613"/>
      <c r="QDM662" s="613"/>
      <c r="QDN662" s="613"/>
      <c r="QDO662" s="613"/>
      <c r="QDP662" s="613"/>
      <c r="QDQ662" s="613"/>
      <c r="QDR662" s="613"/>
      <c r="QDS662" s="613"/>
      <c r="QDT662" s="613"/>
      <c r="QDU662" s="613"/>
      <c r="QDV662" s="613"/>
      <c r="QDW662" s="613"/>
      <c r="QDX662" s="613"/>
      <c r="QDY662" s="613"/>
      <c r="QDZ662" s="613"/>
      <c r="QEA662" s="613"/>
      <c r="QEB662" s="613"/>
      <c r="QEC662" s="613"/>
      <c r="QED662" s="613"/>
      <c r="QEE662" s="613"/>
      <c r="QEF662" s="613"/>
      <c r="QEG662" s="613"/>
      <c r="QEH662" s="613"/>
      <c r="QEI662" s="613"/>
      <c r="QEJ662" s="613"/>
      <c r="QEK662" s="613"/>
      <c r="QEL662" s="613"/>
      <c r="QEM662" s="613"/>
      <c r="QEN662" s="613"/>
      <c r="QEO662" s="613"/>
      <c r="QEP662" s="613"/>
      <c r="QEQ662" s="613"/>
      <c r="QER662" s="613"/>
      <c r="QES662" s="613"/>
      <c r="QET662" s="613"/>
      <c r="QEU662" s="613"/>
      <c r="QEV662" s="613"/>
      <c r="QEW662" s="613"/>
      <c r="QEX662" s="613"/>
      <c r="QEY662" s="613"/>
      <c r="QEZ662" s="613"/>
      <c r="QFA662" s="613"/>
      <c r="QFB662" s="613"/>
      <c r="QFC662" s="613"/>
      <c r="QFD662" s="613"/>
      <c r="QFE662" s="613"/>
      <c r="QFF662" s="613"/>
      <c r="QFG662" s="613"/>
      <c r="QFH662" s="613"/>
      <c r="QFI662" s="613"/>
      <c r="QFJ662" s="613"/>
      <c r="QFK662" s="613"/>
      <c r="QFL662" s="613"/>
      <c r="QFM662" s="613"/>
      <c r="QFN662" s="613"/>
      <c r="QFO662" s="613"/>
      <c r="QFP662" s="613"/>
      <c r="QFQ662" s="613"/>
      <c r="QFR662" s="613"/>
      <c r="QFS662" s="613"/>
      <c r="QFT662" s="613"/>
      <c r="QFU662" s="613"/>
      <c r="QFV662" s="613"/>
      <c r="QFW662" s="613"/>
      <c r="QFX662" s="613"/>
      <c r="QFY662" s="613"/>
      <c r="QFZ662" s="613"/>
      <c r="QGA662" s="613"/>
      <c r="QGB662" s="613"/>
      <c r="QGC662" s="613"/>
      <c r="QGD662" s="613"/>
      <c r="QGE662" s="613"/>
      <c r="QGF662" s="613"/>
      <c r="QGG662" s="613"/>
      <c r="QGH662" s="613"/>
      <c r="QGI662" s="613"/>
      <c r="QGJ662" s="613"/>
      <c r="QGK662" s="613"/>
      <c r="QGL662" s="613"/>
      <c r="QGM662" s="613"/>
      <c r="QGN662" s="613"/>
      <c r="QGO662" s="613"/>
      <c r="QGP662" s="613"/>
      <c r="QGQ662" s="613"/>
      <c r="QGR662" s="613"/>
      <c r="QGS662" s="613"/>
      <c r="QGT662" s="613"/>
      <c r="QGU662" s="613"/>
      <c r="QGV662" s="613"/>
      <c r="QGW662" s="613"/>
      <c r="QGX662" s="613"/>
      <c r="QGY662" s="613"/>
      <c r="QGZ662" s="613"/>
      <c r="QHA662" s="613"/>
      <c r="QHB662" s="613"/>
      <c r="QHC662" s="613"/>
      <c r="QHD662" s="613"/>
      <c r="QHE662" s="613"/>
      <c r="QHF662" s="613"/>
      <c r="QHG662" s="613"/>
      <c r="QHH662" s="613"/>
      <c r="QHI662" s="613"/>
      <c r="QHJ662" s="613"/>
      <c r="QHK662" s="613"/>
      <c r="QHL662" s="613"/>
      <c r="QHM662" s="613"/>
      <c r="QHN662" s="613"/>
      <c r="QHO662" s="613"/>
      <c r="QHP662" s="613"/>
      <c r="QHQ662" s="613"/>
      <c r="QHR662" s="613"/>
      <c r="QHS662" s="613"/>
      <c r="QHT662" s="613"/>
      <c r="QHU662" s="613"/>
      <c r="QHV662" s="613"/>
      <c r="QHW662" s="613"/>
      <c r="QHX662" s="613"/>
      <c r="QHY662" s="613"/>
      <c r="QHZ662" s="613"/>
      <c r="QIA662" s="613"/>
      <c r="QIB662" s="613"/>
      <c r="QIC662" s="613"/>
      <c r="QID662" s="613"/>
      <c r="QIE662" s="613"/>
      <c r="QIF662" s="613"/>
      <c r="QIG662" s="613"/>
      <c r="QIH662" s="613"/>
      <c r="QII662" s="613"/>
      <c r="QIJ662" s="613"/>
      <c r="QIK662" s="613"/>
      <c r="QIL662" s="613"/>
      <c r="QIM662" s="613"/>
      <c r="QIN662" s="613"/>
      <c r="QIO662" s="613"/>
      <c r="QIP662" s="613"/>
      <c r="QIQ662" s="613"/>
      <c r="QIR662" s="613"/>
      <c r="QIS662" s="613"/>
      <c r="QIT662" s="613"/>
      <c r="QIU662" s="613"/>
      <c r="QIV662" s="613"/>
      <c r="QIW662" s="613"/>
      <c r="QIX662" s="613"/>
      <c r="QIY662" s="613"/>
      <c r="QIZ662" s="613"/>
      <c r="QJA662" s="613"/>
      <c r="QJB662" s="613"/>
      <c r="QJC662" s="613"/>
      <c r="QJD662" s="613"/>
      <c r="QJE662" s="613"/>
      <c r="QJF662" s="613"/>
      <c r="QJG662" s="613"/>
      <c r="QJH662" s="613"/>
      <c r="QJI662" s="613"/>
      <c r="QJJ662" s="613"/>
      <c r="QJK662" s="613"/>
      <c r="QJL662" s="613"/>
      <c r="QJM662" s="613"/>
      <c r="QJN662" s="613"/>
      <c r="QJO662" s="613"/>
      <c r="QJP662" s="613"/>
      <c r="QJQ662" s="613"/>
      <c r="QJR662" s="613"/>
      <c r="QJS662" s="613"/>
      <c r="QJT662" s="613"/>
      <c r="QJU662" s="613"/>
      <c r="QJV662" s="613"/>
      <c r="QJW662" s="613"/>
      <c r="QJX662" s="613"/>
      <c r="QJY662" s="613"/>
      <c r="QJZ662" s="613"/>
      <c r="QKA662" s="613"/>
      <c r="QKB662" s="613"/>
      <c r="QKC662" s="613"/>
      <c r="QKD662" s="613"/>
      <c r="QKE662" s="613"/>
      <c r="QKF662" s="613"/>
      <c r="QKG662" s="613"/>
      <c r="QKH662" s="613"/>
      <c r="QKI662" s="613"/>
      <c r="QKJ662" s="613"/>
      <c r="QKK662" s="613"/>
      <c r="QKL662" s="613"/>
      <c r="QKM662" s="613"/>
      <c r="QKN662" s="613"/>
      <c r="QKO662" s="613"/>
      <c r="QKP662" s="613"/>
      <c r="QKQ662" s="613"/>
      <c r="QKR662" s="613"/>
      <c r="QKS662" s="613"/>
      <c r="QKT662" s="613"/>
      <c r="QKU662" s="613"/>
      <c r="QKV662" s="613"/>
      <c r="QKW662" s="613"/>
      <c r="QKX662" s="613"/>
      <c r="QKY662" s="613"/>
      <c r="QKZ662" s="613"/>
      <c r="QLA662" s="613"/>
      <c r="QLB662" s="613"/>
      <c r="QLC662" s="613"/>
      <c r="QLD662" s="613"/>
      <c r="QLE662" s="613"/>
      <c r="QLF662" s="613"/>
      <c r="QLG662" s="613"/>
      <c r="QLH662" s="613"/>
      <c r="QLI662" s="613"/>
      <c r="QLJ662" s="613"/>
      <c r="QLK662" s="613"/>
      <c r="QLL662" s="613"/>
      <c r="QLM662" s="613"/>
      <c r="QLN662" s="613"/>
      <c r="QLO662" s="613"/>
      <c r="QLP662" s="613"/>
      <c r="QLQ662" s="613"/>
      <c r="QLR662" s="613"/>
      <c r="QLS662" s="613"/>
      <c r="QLT662" s="613"/>
      <c r="QLU662" s="613"/>
      <c r="QLV662" s="613"/>
      <c r="QLW662" s="613"/>
      <c r="QLX662" s="613"/>
      <c r="QLY662" s="613"/>
      <c r="QLZ662" s="613"/>
      <c r="QMA662" s="613"/>
      <c r="QMB662" s="613"/>
      <c r="QMC662" s="613"/>
      <c r="QMD662" s="613"/>
      <c r="QME662" s="613"/>
      <c r="QMF662" s="613"/>
      <c r="QMG662" s="613"/>
      <c r="QMH662" s="613"/>
      <c r="QMI662" s="613"/>
      <c r="QMJ662" s="613"/>
      <c r="QMK662" s="613"/>
      <c r="QML662" s="613"/>
      <c r="QMM662" s="613"/>
      <c r="QMN662" s="613"/>
      <c r="QMO662" s="613"/>
      <c r="QMP662" s="613"/>
      <c r="QMQ662" s="613"/>
      <c r="QMR662" s="613"/>
      <c r="QMS662" s="613"/>
      <c r="QMT662" s="613"/>
      <c r="QMU662" s="613"/>
      <c r="QMV662" s="613"/>
      <c r="QMW662" s="613"/>
      <c r="QMX662" s="613"/>
      <c r="QMY662" s="613"/>
      <c r="QMZ662" s="613"/>
      <c r="QNA662" s="613"/>
      <c r="QNB662" s="613"/>
      <c r="QNC662" s="613"/>
      <c r="QND662" s="613"/>
      <c r="QNE662" s="613"/>
      <c r="QNF662" s="613"/>
      <c r="QNG662" s="613"/>
      <c r="QNH662" s="613"/>
      <c r="QNI662" s="613"/>
      <c r="QNJ662" s="613"/>
      <c r="QNK662" s="613"/>
      <c r="QNL662" s="613"/>
      <c r="QNM662" s="613"/>
      <c r="QNN662" s="613"/>
      <c r="QNO662" s="613"/>
      <c r="QNP662" s="613"/>
      <c r="QNQ662" s="613"/>
      <c r="QNR662" s="613"/>
      <c r="QNS662" s="613"/>
      <c r="QNT662" s="613"/>
      <c r="QNU662" s="613"/>
      <c r="QNV662" s="613"/>
      <c r="QNW662" s="613"/>
      <c r="QNX662" s="613"/>
      <c r="QNY662" s="613"/>
      <c r="QNZ662" s="613"/>
      <c r="QOA662" s="613"/>
      <c r="QOB662" s="613"/>
      <c r="QOC662" s="613"/>
      <c r="QOD662" s="613"/>
      <c r="QOE662" s="613"/>
      <c r="QOF662" s="613"/>
      <c r="QOG662" s="613"/>
      <c r="QOH662" s="613"/>
      <c r="QOI662" s="613"/>
      <c r="QOJ662" s="613"/>
      <c r="QOK662" s="613"/>
      <c r="QOL662" s="613"/>
      <c r="QOM662" s="613"/>
      <c r="QON662" s="613"/>
      <c r="QOO662" s="613"/>
      <c r="QOP662" s="613"/>
      <c r="QOQ662" s="613"/>
      <c r="QOR662" s="613"/>
      <c r="QOS662" s="613"/>
      <c r="QOT662" s="613"/>
      <c r="QOU662" s="613"/>
      <c r="QOV662" s="613"/>
      <c r="QOW662" s="613"/>
      <c r="QOX662" s="613"/>
      <c r="QOY662" s="613"/>
      <c r="QOZ662" s="613"/>
      <c r="QPA662" s="613"/>
      <c r="QPB662" s="613"/>
      <c r="QPC662" s="613"/>
      <c r="QPD662" s="613"/>
      <c r="QPE662" s="613"/>
      <c r="QPF662" s="613"/>
      <c r="QPG662" s="613"/>
      <c r="QPH662" s="613"/>
      <c r="QPI662" s="613"/>
      <c r="QPJ662" s="613"/>
      <c r="QPK662" s="613"/>
      <c r="QPL662" s="613"/>
      <c r="QPM662" s="613"/>
      <c r="QPN662" s="613"/>
      <c r="QPO662" s="613"/>
      <c r="QPP662" s="613"/>
      <c r="QPQ662" s="613"/>
      <c r="QPR662" s="613"/>
      <c r="QPS662" s="613"/>
      <c r="QPT662" s="613"/>
      <c r="QPU662" s="613"/>
      <c r="QPV662" s="613"/>
      <c r="QPW662" s="613"/>
      <c r="QPX662" s="613"/>
      <c r="QPY662" s="613"/>
      <c r="QPZ662" s="613"/>
      <c r="QQA662" s="613"/>
      <c r="QQB662" s="613"/>
      <c r="QQC662" s="613"/>
      <c r="QQD662" s="613"/>
      <c r="QQE662" s="613"/>
      <c r="QQF662" s="613"/>
      <c r="QQG662" s="613"/>
      <c r="QQH662" s="613"/>
      <c r="QQI662" s="613"/>
      <c r="QQJ662" s="613"/>
      <c r="QQK662" s="613"/>
      <c r="QQL662" s="613"/>
      <c r="QQM662" s="613"/>
      <c r="QQN662" s="613"/>
      <c r="QQO662" s="613"/>
      <c r="QQP662" s="613"/>
      <c r="QQQ662" s="613"/>
      <c r="QQR662" s="613"/>
      <c r="QQS662" s="613"/>
      <c r="QQT662" s="613"/>
      <c r="QQU662" s="613"/>
      <c r="QQV662" s="613"/>
      <c r="QQW662" s="613"/>
      <c r="QQX662" s="613"/>
      <c r="QQY662" s="613"/>
      <c r="QQZ662" s="613"/>
      <c r="QRA662" s="613"/>
      <c r="QRB662" s="613"/>
      <c r="QRC662" s="613"/>
      <c r="QRD662" s="613"/>
      <c r="QRE662" s="613"/>
      <c r="QRF662" s="613"/>
      <c r="QRG662" s="613"/>
      <c r="QRH662" s="613"/>
      <c r="QRI662" s="613"/>
      <c r="QRJ662" s="613"/>
      <c r="QRK662" s="613"/>
      <c r="QRL662" s="613"/>
      <c r="QRM662" s="613"/>
      <c r="QRN662" s="613"/>
      <c r="QRO662" s="613"/>
      <c r="QRP662" s="613"/>
      <c r="QRQ662" s="613"/>
      <c r="QRR662" s="613"/>
      <c r="QRS662" s="613"/>
      <c r="QRT662" s="613"/>
      <c r="QRU662" s="613"/>
      <c r="QRV662" s="613"/>
      <c r="QRW662" s="613"/>
      <c r="QRX662" s="613"/>
      <c r="QRY662" s="613"/>
      <c r="QRZ662" s="613"/>
      <c r="QSA662" s="613"/>
      <c r="QSB662" s="613"/>
      <c r="QSC662" s="613"/>
      <c r="QSD662" s="613"/>
      <c r="QSE662" s="613"/>
      <c r="QSF662" s="613"/>
      <c r="QSG662" s="613"/>
      <c r="QSH662" s="613"/>
      <c r="QSI662" s="613"/>
      <c r="QSJ662" s="613"/>
      <c r="QSK662" s="613"/>
      <c r="QSL662" s="613"/>
      <c r="QSM662" s="613"/>
      <c r="QSN662" s="613"/>
      <c r="QSO662" s="613"/>
      <c r="QSP662" s="613"/>
      <c r="QSQ662" s="613"/>
      <c r="QSR662" s="613"/>
      <c r="QSS662" s="613"/>
      <c r="QST662" s="613"/>
      <c r="QSU662" s="613"/>
      <c r="QSV662" s="613"/>
      <c r="QSW662" s="613"/>
      <c r="QSX662" s="613"/>
      <c r="QSY662" s="613"/>
      <c r="QSZ662" s="613"/>
      <c r="QTA662" s="613"/>
      <c r="QTB662" s="613"/>
      <c r="QTC662" s="613"/>
      <c r="QTD662" s="613"/>
      <c r="QTE662" s="613"/>
      <c r="QTF662" s="613"/>
      <c r="QTG662" s="613"/>
      <c r="QTH662" s="613"/>
      <c r="QTI662" s="613"/>
      <c r="QTJ662" s="613"/>
      <c r="QTK662" s="613"/>
      <c r="QTL662" s="613"/>
      <c r="QTM662" s="613"/>
      <c r="QTN662" s="613"/>
      <c r="QTO662" s="613"/>
      <c r="QTP662" s="613"/>
      <c r="QTQ662" s="613"/>
      <c r="QTR662" s="613"/>
      <c r="QTS662" s="613"/>
      <c r="QTT662" s="613"/>
      <c r="QTU662" s="613"/>
      <c r="QTV662" s="613"/>
      <c r="QTW662" s="613"/>
      <c r="QTX662" s="613"/>
      <c r="QTY662" s="613"/>
      <c r="QTZ662" s="613"/>
      <c r="QUA662" s="613"/>
      <c r="QUB662" s="613"/>
      <c r="QUC662" s="613"/>
      <c r="QUD662" s="613"/>
      <c r="QUE662" s="613"/>
      <c r="QUF662" s="613"/>
      <c r="QUG662" s="613"/>
      <c r="QUH662" s="613"/>
      <c r="QUI662" s="613"/>
      <c r="QUJ662" s="613"/>
      <c r="QUK662" s="613"/>
      <c r="QUL662" s="613"/>
      <c r="QUM662" s="613"/>
      <c r="QUN662" s="613"/>
      <c r="QUO662" s="613"/>
      <c r="QUP662" s="613"/>
      <c r="QUQ662" s="613"/>
      <c r="QUR662" s="613"/>
      <c r="QUS662" s="613"/>
      <c r="QUT662" s="613"/>
      <c r="QUU662" s="613"/>
      <c r="QUV662" s="613"/>
      <c r="QUW662" s="613"/>
      <c r="QUX662" s="613"/>
      <c r="QUY662" s="613"/>
      <c r="QUZ662" s="613"/>
      <c r="QVA662" s="613"/>
      <c r="QVB662" s="613"/>
      <c r="QVC662" s="613"/>
      <c r="QVD662" s="613"/>
      <c r="QVE662" s="613"/>
      <c r="QVF662" s="613"/>
      <c r="QVG662" s="613"/>
      <c r="QVH662" s="613"/>
      <c r="QVI662" s="613"/>
      <c r="QVJ662" s="613"/>
      <c r="QVK662" s="613"/>
      <c r="QVL662" s="613"/>
      <c r="QVM662" s="613"/>
      <c r="QVN662" s="613"/>
      <c r="QVO662" s="613"/>
      <c r="QVP662" s="613"/>
      <c r="QVQ662" s="613"/>
      <c r="QVR662" s="613"/>
      <c r="QVS662" s="613"/>
      <c r="QVT662" s="613"/>
      <c r="QVU662" s="613"/>
      <c r="QVV662" s="613"/>
      <c r="QVW662" s="613"/>
      <c r="QVX662" s="613"/>
      <c r="QVY662" s="613"/>
      <c r="QVZ662" s="613"/>
      <c r="QWA662" s="613"/>
      <c r="QWB662" s="613"/>
      <c r="QWC662" s="613"/>
      <c r="QWD662" s="613"/>
      <c r="QWE662" s="613"/>
      <c r="QWF662" s="613"/>
      <c r="QWG662" s="613"/>
      <c r="QWH662" s="613"/>
      <c r="QWI662" s="613"/>
      <c r="QWJ662" s="613"/>
      <c r="QWK662" s="613"/>
      <c r="QWL662" s="613"/>
      <c r="QWM662" s="613"/>
      <c r="QWN662" s="613"/>
      <c r="QWO662" s="613"/>
      <c r="QWP662" s="613"/>
      <c r="QWQ662" s="613"/>
      <c r="QWR662" s="613"/>
      <c r="QWS662" s="613"/>
      <c r="QWT662" s="613"/>
      <c r="QWU662" s="613"/>
      <c r="QWV662" s="613"/>
      <c r="QWW662" s="613"/>
      <c r="QWX662" s="613"/>
      <c r="QWY662" s="613"/>
      <c r="QWZ662" s="613"/>
      <c r="QXA662" s="613"/>
      <c r="QXB662" s="613"/>
      <c r="QXC662" s="613"/>
      <c r="QXD662" s="613"/>
      <c r="QXE662" s="613"/>
      <c r="QXF662" s="613"/>
      <c r="QXG662" s="613"/>
      <c r="QXH662" s="613"/>
      <c r="QXI662" s="613"/>
      <c r="QXJ662" s="613"/>
      <c r="QXK662" s="613"/>
      <c r="QXL662" s="613"/>
      <c r="QXM662" s="613"/>
      <c r="QXN662" s="613"/>
      <c r="QXO662" s="613"/>
      <c r="QXP662" s="613"/>
      <c r="QXQ662" s="613"/>
      <c r="QXR662" s="613"/>
      <c r="QXS662" s="613"/>
      <c r="QXT662" s="613"/>
      <c r="QXU662" s="613"/>
      <c r="QXV662" s="613"/>
      <c r="QXW662" s="613"/>
      <c r="QXX662" s="613"/>
      <c r="QXY662" s="613"/>
      <c r="QXZ662" s="613"/>
      <c r="QYA662" s="613"/>
      <c r="QYB662" s="613"/>
      <c r="QYC662" s="613"/>
      <c r="QYD662" s="613"/>
      <c r="QYE662" s="613"/>
      <c r="QYF662" s="613"/>
      <c r="QYG662" s="613"/>
      <c r="QYH662" s="613"/>
      <c r="QYI662" s="613"/>
      <c r="QYJ662" s="613"/>
      <c r="QYK662" s="613"/>
      <c r="QYL662" s="613"/>
      <c r="QYM662" s="613"/>
      <c r="QYN662" s="613"/>
      <c r="QYO662" s="613"/>
      <c r="QYP662" s="613"/>
      <c r="QYQ662" s="613"/>
      <c r="QYR662" s="613"/>
      <c r="QYS662" s="613"/>
      <c r="QYT662" s="613"/>
      <c r="QYU662" s="613"/>
      <c r="QYV662" s="613"/>
      <c r="QYW662" s="613"/>
      <c r="QYX662" s="613"/>
      <c r="QYY662" s="613"/>
      <c r="QYZ662" s="613"/>
      <c r="QZA662" s="613"/>
      <c r="QZB662" s="613"/>
      <c r="QZC662" s="613"/>
      <c r="QZD662" s="613"/>
      <c r="QZE662" s="613"/>
      <c r="QZF662" s="613"/>
      <c r="QZG662" s="613"/>
      <c r="QZH662" s="613"/>
      <c r="QZI662" s="613"/>
      <c r="QZJ662" s="613"/>
      <c r="QZK662" s="613"/>
      <c r="QZL662" s="613"/>
      <c r="QZM662" s="613"/>
      <c r="QZN662" s="613"/>
      <c r="QZO662" s="613"/>
      <c r="QZP662" s="613"/>
      <c r="QZQ662" s="613"/>
      <c r="QZR662" s="613"/>
      <c r="QZS662" s="613"/>
      <c r="QZT662" s="613"/>
      <c r="QZU662" s="613"/>
      <c r="QZV662" s="613"/>
      <c r="QZW662" s="613"/>
      <c r="QZX662" s="613"/>
      <c r="QZY662" s="613"/>
      <c r="QZZ662" s="613"/>
      <c r="RAA662" s="613"/>
      <c r="RAB662" s="613"/>
      <c r="RAC662" s="613"/>
      <c r="RAD662" s="613"/>
      <c r="RAE662" s="613"/>
      <c r="RAF662" s="613"/>
      <c r="RAG662" s="613"/>
      <c r="RAH662" s="613"/>
      <c r="RAI662" s="613"/>
      <c r="RAJ662" s="613"/>
      <c r="RAK662" s="613"/>
      <c r="RAL662" s="613"/>
      <c r="RAM662" s="613"/>
      <c r="RAN662" s="613"/>
      <c r="RAO662" s="613"/>
      <c r="RAP662" s="613"/>
      <c r="RAQ662" s="613"/>
      <c r="RAR662" s="613"/>
      <c r="RAS662" s="613"/>
      <c r="RAT662" s="613"/>
      <c r="RAU662" s="613"/>
      <c r="RAV662" s="613"/>
      <c r="RAW662" s="613"/>
      <c r="RAX662" s="613"/>
      <c r="RAY662" s="613"/>
      <c r="RAZ662" s="613"/>
      <c r="RBA662" s="613"/>
      <c r="RBB662" s="613"/>
      <c r="RBC662" s="613"/>
      <c r="RBD662" s="613"/>
      <c r="RBE662" s="613"/>
      <c r="RBF662" s="613"/>
      <c r="RBG662" s="613"/>
      <c r="RBH662" s="613"/>
      <c r="RBI662" s="613"/>
      <c r="RBJ662" s="613"/>
      <c r="RBK662" s="613"/>
      <c r="RBL662" s="613"/>
      <c r="RBM662" s="613"/>
      <c r="RBN662" s="613"/>
      <c r="RBO662" s="613"/>
      <c r="RBP662" s="613"/>
      <c r="RBQ662" s="613"/>
      <c r="RBR662" s="613"/>
      <c r="RBS662" s="613"/>
      <c r="RBT662" s="613"/>
      <c r="RBU662" s="613"/>
      <c r="RBV662" s="613"/>
      <c r="RBW662" s="613"/>
      <c r="RBX662" s="613"/>
      <c r="RBY662" s="613"/>
      <c r="RBZ662" s="613"/>
      <c r="RCA662" s="613"/>
      <c r="RCB662" s="613"/>
      <c r="RCC662" s="613"/>
      <c r="RCD662" s="613"/>
      <c r="RCE662" s="613"/>
      <c r="RCF662" s="613"/>
      <c r="RCG662" s="613"/>
      <c r="RCH662" s="613"/>
      <c r="RCI662" s="613"/>
      <c r="RCJ662" s="613"/>
      <c r="RCK662" s="613"/>
      <c r="RCL662" s="613"/>
      <c r="RCM662" s="613"/>
      <c r="RCN662" s="613"/>
      <c r="RCO662" s="613"/>
      <c r="RCP662" s="613"/>
      <c r="RCQ662" s="613"/>
      <c r="RCR662" s="613"/>
      <c r="RCS662" s="613"/>
      <c r="RCT662" s="613"/>
      <c r="RCU662" s="613"/>
      <c r="RCV662" s="613"/>
      <c r="RCW662" s="613"/>
      <c r="RCX662" s="613"/>
      <c r="RCY662" s="613"/>
      <c r="RCZ662" s="613"/>
      <c r="RDA662" s="613"/>
      <c r="RDB662" s="613"/>
      <c r="RDC662" s="613"/>
      <c r="RDD662" s="613"/>
      <c r="RDE662" s="613"/>
      <c r="RDF662" s="613"/>
      <c r="RDG662" s="613"/>
      <c r="RDH662" s="613"/>
      <c r="RDI662" s="613"/>
      <c r="RDJ662" s="613"/>
      <c r="RDK662" s="613"/>
      <c r="RDL662" s="613"/>
      <c r="RDM662" s="613"/>
      <c r="RDN662" s="613"/>
      <c r="RDO662" s="613"/>
      <c r="RDP662" s="613"/>
      <c r="RDQ662" s="613"/>
      <c r="RDR662" s="613"/>
      <c r="RDS662" s="613"/>
      <c r="RDT662" s="613"/>
      <c r="RDU662" s="613"/>
      <c r="RDV662" s="613"/>
      <c r="RDW662" s="613"/>
      <c r="RDX662" s="613"/>
      <c r="RDY662" s="613"/>
      <c r="RDZ662" s="613"/>
      <c r="REA662" s="613"/>
      <c r="REB662" s="613"/>
      <c r="REC662" s="613"/>
      <c r="RED662" s="613"/>
      <c r="REE662" s="613"/>
      <c r="REF662" s="613"/>
      <c r="REG662" s="613"/>
      <c r="REH662" s="613"/>
      <c r="REI662" s="613"/>
      <c r="REJ662" s="613"/>
      <c r="REK662" s="613"/>
      <c r="REL662" s="613"/>
      <c r="REM662" s="613"/>
      <c r="REN662" s="613"/>
      <c r="REO662" s="613"/>
      <c r="REP662" s="613"/>
      <c r="REQ662" s="613"/>
      <c r="RER662" s="613"/>
      <c r="RES662" s="613"/>
      <c r="RET662" s="613"/>
      <c r="REU662" s="613"/>
      <c r="REV662" s="613"/>
      <c r="REW662" s="613"/>
      <c r="REX662" s="613"/>
      <c r="REY662" s="613"/>
      <c r="REZ662" s="613"/>
      <c r="RFA662" s="613"/>
      <c r="RFB662" s="613"/>
      <c r="RFC662" s="613"/>
      <c r="RFD662" s="613"/>
      <c r="RFE662" s="613"/>
      <c r="RFF662" s="613"/>
      <c r="RFG662" s="613"/>
      <c r="RFH662" s="613"/>
      <c r="RFI662" s="613"/>
      <c r="RFJ662" s="613"/>
      <c r="RFK662" s="613"/>
      <c r="RFL662" s="613"/>
      <c r="RFM662" s="613"/>
      <c r="RFN662" s="613"/>
      <c r="RFO662" s="613"/>
      <c r="RFP662" s="613"/>
      <c r="RFQ662" s="613"/>
      <c r="RFR662" s="613"/>
      <c r="RFS662" s="613"/>
      <c r="RFT662" s="613"/>
      <c r="RFU662" s="613"/>
      <c r="RFV662" s="613"/>
      <c r="RFW662" s="613"/>
      <c r="RFX662" s="613"/>
      <c r="RFY662" s="613"/>
      <c r="RFZ662" s="613"/>
      <c r="RGA662" s="613"/>
      <c r="RGB662" s="613"/>
      <c r="RGC662" s="613"/>
      <c r="RGD662" s="613"/>
      <c r="RGE662" s="613"/>
      <c r="RGF662" s="613"/>
      <c r="RGG662" s="613"/>
      <c r="RGH662" s="613"/>
      <c r="RGI662" s="613"/>
      <c r="RGJ662" s="613"/>
      <c r="RGK662" s="613"/>
      <c r="RGL662" s="613"/>
      <c r="RGM662" s="613"/>
      <c r="RGN662" s="613"/>
      <c r="RGO662" s="613"/>
      <c r="RGP662" s="613"/>
      <c r="RGQ662" s="613"/>
      <c r="RGR662" s="613"/>
      <c r="RGS662" s="613"/>
      <c r="RGT662" s="613"/>
      <c r="RGU662" s="613"/>
      <c r="RGV662" s="613"/>
      <c r="RGW662" s="613"/>
      <c r="RGX662" s="613"/>
      <c r="RGY662" s="613"/>
      <c r="RGZ662" s="613"/>
      <c r="RHA662" s="613"/>
      <c r="RHB662" s="613"/>
      <c r="RHC662" s="613"/>
      <c r="RHD662" s="613"/>
      <c r="RHE662" s="613"/>
      <c r="RHF662" s="613"/>
      <c r="RHG662" s="613"/>
      <c r="RHH662" s="613"/>
      <c r="RHI662" s="613"/>
      <c r="RHJ662" s="613"/>
      <c r="RHK662" s="613"/>
      <c r="RHL662" s="613"/>
      <c r="RHM662" s="613"/>
      <c r="RHN662" s="613"/>
      <c r="RHO662" s="613"/>
      <c r="RHP662" s="613"/>
      <c r="RHQ662" s="613"/>
      <c r="RHR662" s="613"/>
      <c r="RHS662" s="613"/>
      <c r="RHT662" s="613"/>
      <c r="RHU662" s="613"/>
      <c r="RHV662" s="613"/>
      <c r="RHW662" s="613"/>
      <c r="RHX662" s="613"/>
      <c r="RHY662" s="613"/>
      <c r="RHZ662" s="613"/>
      <c r="RIA662" s="613"/>
      <c r="RIB662" s="613"/>
      <c r="RIC662" s="613"/>
      <c r="RID662" s="613"/>
      <c r="RIE662" s="613"/>
      <c r="RIF662" s="613"/>
      <c r="RIG662" s="613"/>
      <c r="RIH662" s="613"/>
      <c r="RII662" s="613"/>
      <c r="RIJ662" s="613"/>
      <c r="RIK662" s="613"/>
      <c r="RIL662" s="613"/>
      <c r="RIM662" s="613"/>
      <c r="RIN662" s="613"/>
      <c r="RIO662" s="613"/>
      <c r="RIP662" s="613"/>
      <c r="RIQ662" s="613"/>
      <c r="RIR662" s="613"/>
      <c r="RIS662" s="613"/>
      <c r="RIT662" s="613"/>
      <c r="RIU662" s="613"/>
      <c r="RIV662" s="613"/>
      <c r="RIW662" s="613"/>
      <c r="RIX662" s="613"/>
      <c r="RIY662" s="613"/>
      <c r="RIZ662" s="613"/>
      <c r="RJA662" s="613"/>
      <c r="RJB662" s="613"/>
      <c r="RJC662" s="613"/>
      <c r="RJD662" s="613"/>
      <c r="RJE662" s="613"/>
      <c r="RJF662" s="613"/>
      <c r="RJG662" s="613"/>
      <c r="RJH662" s="613"/>
      <c r="RJI662" s="613"/>
      <c r="RJJ662" s="613"/>
      <c r="RJK662" s="613"/>
      <c r="RJL662" s="613"/>
      <c r="RJM662" s="613"/>
      <c r="RJN662" s="613"/>
      <c r="RJO662" s="613"/>
      <c r="RJP662" s="613"/>
      <c r="RJQ662" s="613"/>
      <c r="RJR662" s="613"/>
      <c r="RJS662" s="613"/>
      <c r="RJT662" s="613"/>
      <c r="RJU662" s="613"/>
      <c r="RJV662" s="613"/>
      <c r="RJW662" s="613"/>
      <c r="RJX662" s="613"/>
      <c r="RJY662" s="613"/>
      <c r="RJZ662" s="613"/>
      <c r="RKA662" s="613"/>
      <c r="RKB662" s="613"/>
      <c r="RKC662" s="613"/>
      <c r="RKD662" s="613"/>
      <c r="RKE662" s="613"/>
      <c r="RKF662" s="613"/>
      <c r="RKG662" s="613"/>
      <c r="RKH662" s="613"/>
      <c r="RKI662" s="613"/>
      <c r="RKJ662" s="613"/>
      <c r="RKK662" s="613"/>
      <c r="RKL662" s="613"/>
      <c r="RKM662" s="613"/>
      <c r="RKN662" s="613"/>
      <c r="RKO662" s="613"/>
      <c r="RKP662" s="613"/>
      <c r="RKQ662" s="613"/>
      <c r="RKR662" s="613"/>
      <c r="RKS662" s="613"/>
      <c r="RKT662" s="613"/>
      <c r="RKU662" s="613"/>
      <c r="RKV662" s="613"/>
      <c r="RKW662" s="613"/>
      <c r="RKX662" s="613"/>
      <c r="RKY662" s="613"/>
      <c r="RKZ662" s="613"/>
      <c r="RLA662" s="613"/>
      <c r="RLB662" s="613"/>
      <c r="RLC662" s="613"/>
      <c r="RLD662" s="613"/>
      <c r="RLE662" s="613"/>
      <c r="RLF662" s="613"/>
      <c r="RLG662" s="613"/>
      <c r="RLH662" s="613"/>
      <c r="RLI662" s="613"/>
      <c r="RLJ662" s="613"/>
      <c r="RLK662" s="613"/>
      <c r="RLL662" s="613"/>
      <c r="RLM662" s="613"/>
      <c r="RLN662" s="613"/>
      <c r="RLO662" s="613"/>
      <c r="RLP662" s="613"/>
      <c r="RLQ662" s="613"/>
      <c r="RLR662" s="613"/>
      <c r="RLS662" s="613"/>
      <c r="RLT662" s="613"/>
      <c r="RLU662" s="613"/>
      <c r="RLV662" s="613"/>
      <c r="RLW662" s="613"/>
      <c r="RLX662" s="613"/>
      <c r="RLY662" s="613"/>
      <c r="RLZ662" s="613"/>
      <c r="RMA662" s="613"/>
      <c r="RMB662" s="613"/>
      <c r="RMC662" s="613"/>
      <c r="RMD662" s="613"/>
      <c r="RME662" s="613"/>
      <c r="RMF662" s="613"/>
      <c r="RMG662" s="613"/>
      <c r="RMH662" s="613"/>
      <c r="RMI662" s="613"/>
      <c r="RMJ662" s="613"/>
      <c r="RMK662" s="613"/>
      <c r="RML662" s="613"/>
      <c r="RMM662" s="613"/>
      <c r="RMN662" s="613"/>
      <c r="RMO662" s="613"/>
      <c r="RMP662" s="613"/>
      <c r="RMQ662" s="613"/>
      <c r="RMR662" s="613"/>
      <c r="RMS662" s="613"/>
      <c r="RMT662" s="613"/>
      <c r="RMU662" s="613"/>
      <c r="RMV662" s="613"/>
      <c r="RMW662" s="613"/>
      <c r="RMX662" s="613"/>
      <c r="RMY662" s="613"/>
      <c r="RMZ662" s="613"/>
      <c r="RNA662" s="613"/>
      <c r="RNB662" s="613"/>
      <c r="RNC662" s="613"/>
      <c r="RND662" s="613"/>
      <c r="RNE662" s="613"/>
      <c r="RNF662" s="613"/>
      <c r="RNG662" s="613"/>
      <c r="RNH662" s="613"/>
      <c r="RNI662" s="613"/>
      <c r="RNJ662" s="613"/>
      <c r="RNK662" s="613"/>
      <c r="RNL662" s="613"/>
      <c r="RNM662" s="613"/>
      <c r="RNN662" s="613"/>
      <c r="RNO662" s="613"/>
      <c r="RNP662" s="613"/>
      <c r="RNQ662" s="613"/>
      <c r="RNR662" s="613"/>
      <c r="RNS662" s="613"/>
      <c r="RNT662" s="613"/>
      <c r="RNU662" s="613"/>
      <c r="RNV662" s="613"/>
      <c r="RNW662" s="613"/>
      <c r="RNX662" s="613"/>
      <c r="RNY662" s="613"/>
      <c r="RNZ662" s="613"/>
      <c r="ROA662" s="613"/>
      <c r="ROB662" s="613"/>
      <c r="ROC662" s="613"/>
      <c r="ROD662" s="613"/>
      <c r="ROE662" s="613"/>
      <c r="ROF662" s="613"/>
      <c r="ROG662" s="613"/>
      <c r="ROH662" s="613"/>
      <c r="ROI662" s="613"/>
      <c r="ROJ662" s="613"/>
      <c r="ROK662" s="613"/>
      <c r="ROL662" s="613"/>
      <c r="ROM662" s="613"/>
      <c r="RON662" s="613"/>
      <c r="ROO662" s="613"/>
      <c r="ROP662" s="613"/>
      <c r="ROQ662" s="613"/>
      <c r="ROR662" s="613"/>
      <c r="ROS662" s="613"/>
      <c r="ROT662" s="613"/>
      <c r="ROU662" s="613"/>
      <c r="ROV662" s="613"/>
      <c r="ROW662" s="613"/>
      <c r="ROX662" s="613"/>
      <c r="ROY662" s="613"/>
      <c r="ROZ662" s="613"/>
      <c r="RPA662" s="613"/>
      <c r="RPB662" s="613"/>
      <c r="RPC662" s="613"/>
      <c r="RPD662" s="613"/>
      <c r="RPE662" s="613"/>
      <c r="RPF662" s="613"/>
      <c r="RPG662" s="613"/>
      <c r="RPH662" s="613"/>
      <c r="RPI662" s="613"/>
      <c r="RPJ662" s="613"/>
      <c r="RPK662" s="613"/>
      <c r="RPL662" s="613"/>
      <c r="RPM662" s="613"/>
      <c r="RPN662" s="613"/>
      <c r="RPO662" s="613"/>
      <c r="RPP662" s="613"/>
      <c r="RPQ662" s="613"/>
      <c r="RPR662" s="613"/>
      <c r="RPS662" s="613"/>
      <c r="RPT662" s="613"/>
      <c r="RPU662" s="613"/>
      <c r="RPV662" s="613"/>
      <c r="RPW662" s="613"/>
      <c r="RPX662" s="613"/>
      <c r="RPY662" s="613"/>
      <c r="RPZ662" s="613"/>
      <c r="RQA662" s="613"/>
      <c r="RQB662" s="613"/>
      <c r="RQC662" s="613"/>
      <c r="RQD662" s="613"/>
      <c r="RQE662" s="613"/>
      <c r="RQF662" s="613"/>
      <c r="RQG662" s="613"/>
      <c r="RQH662" s="613"/>
      <c r="RQI662" s="613"/>
      <c r="RQJ662" s="613"/>
      <c r="RQK662" s="613"/>
      <c r="RQL662" s="613"/>
      <c r="RQM662" s="613"/>
      <c r="RQN662" s="613"/>
      <c r="RQO662" s="613"/>
      <c r="RQP662" s="613"/>
      <c r="RQQ662" s="613"/>
      <c r="RQR662" s="613"/>
      <c r="RQS662" s="613"/>
      <c r="RQT662" s="613"/>
      <c r="RQU662" s="613"/>
      <c r="RQV662" s="613"/>
      <c r="RQW662" s="613"/>
      <c r="RQX662" s="613"/>
      <c r="RQY662" s="613"/>
      <c r="RQZ662" s="613"/>
      <c r="RRA662" s="613"/>
      <c r="RRB662" s="613"/>
      <c r="RRC662" s="613"/>
      <c r="RRD662" s="613"/>
      <c r="RRE662" s="613"/>
      <c r="RRF662" s="613"/>
      <c r="RRG662" s="613"/>
      <c r="RRH662" s="613"/>
      <c r="RRI662" s="613"/>
      <c r="RRJ662" s="613"/>
      <c r="RRK662" s="613"/>
      <c r="RRL662" s="613"/>
      <c r="RRM662" s="613"/>
      <c r="RRN662" s="613"/>
      <c r="RRO662" s="613"/>
      <c r="RRP662" s="613"/>
      <c r="RRQ662" s="613"/>
      <c r="RRR662" s="613"/>
      <c r="RRS662" s="613"/>
      <c r="RRT662" s="613"/>
      <c r="RRU662" s="613"/>
      <c r="RRV662" s="613"/>
      <c r="RRW662" s="613"/>
      <c r="RRX662" s="613"/>
      <c r="RRY662" s="613"/>
      <c r="RRZ662" s="613"/>
      <c r="RSA662" s="613"/>
      <c r="RSB662" s="613"/>
      <c r="RSC662" s="613"/>
      <c r="RSD662" s="613"/>
      <c r="RSE662" s="613"/>
      <c r="RSF662" s="613"/>
      <c r="RSG662" s="613"/>
      <c r="RSH662" s="613"/>
      <c r="RSI662" s="613"/>
      <c r="RSJ662" s="613"/>
      <c r="RSK662" s="613"/>
      <c r="RSL662" s="613"/>
      <c r="RSM662" s="613"/>
      <c r="RSN662" s="613"/>
      <c r="RSO662" s="613"/>
      <c r="RSP662" s="613"/>
      <c r="RSQ662" s="613"/>
      <c r="RSR662" s="613"/>
      <c r="RSS662" s="613"/>
      <c r="RST662" s="613"/>
      <c r="RSU662" s="613"/>
      <c r="RSV662" s="613"/>
      <c r="RSW662" s="613"/>
      <c r="RSX662" s="613"/>
      <c r="RSY662" s="613"/>
      <c r="RSZ662" s="613"/>
      <c r="RTA662" s="613"/>
      <c r="RTB662" s="613"/>
      <c r="RTC662" s="613"/>
      <c r="RTD662" s="613"/>
      <c r="RTE662" s="613"/>
      <c r="RTF662" s="613"/>
      <c r="RTG662" s="613"/>
      <c r="RTH662" s="613"/>
      <c r="RTI662" s="613"/>
      <c r="RTJ662" s="613"/>
      <c r="RTK662" s="613"/>
      <c r="RTL662" s="613"/>
      <c r="RTM662" s="613"/>
      <c r="RTN662" s="613"/>
      <c r="RTO662" s="613"/>
      <c r="RTP662" s="613"/>
      <c r="RTQ662" s="613"/>
      <c r="RTR662" s="613"/>
      <c r="RTS662" s="613"/>
      <c r="RTT662" s="613"/>
      <c r="RTU662" s="613"/>
      <c r="RTV662" s="613"/>
      <c r="RTW662" s="613"/>
      <c r="RTX662" s="613"/>
      <c r="RTY662" s="613"/>
      <c r="RTZ662" s="613"/>
      <c r="RUA662" s="613"/>
      <c r="RUB662" s="613"/>
      <c r="RUC662" s="613"/>
      <c r="RUD662" s="613"/>
      <c r="RUE662" s="613"/>
      <c r="RUF662" s="613"/>
      <c r="RUG662" s="613"/>
      <c r="RUH662" s="613"/>
      <c r="RUI662" s="613"/>
      <c r="RUJ662" s="613"/>
      <c r="RUK662" s="613"/>
      <c r="RUL662" s="613"/>
      <c r="RUM662" s="613"/>
      <c r="RUN662" s="613"/>
      <c r="RUO662" s="613"/>
      <c r="RUP662" s="613"/>
      <c r="RUQ662" s="613"/>
      <c r="RUR662" s="613"/>
      <c r="RUS662" s="613"/>
      <c r="RUT662" s="613"/>
      <c r="RUU662" s="613"/>
      <c r="RUV662" s="613"/>
      <c r="RUW662" s="613"/>
      <c r="RUX662" s="613"/>
      <c r="RUY662" s="613"/>
      <c r="RUZ662" s="613"/>
      <c r="RVA662" s="613"/>
      <c r="RVB662" s="613"/>
      <c r="RVC662" s="613"/>
      <c r="RVD662" s="613"/>
      <c r="RVE662" s="613"/>
      <c r="RVF662" s="613"/>
      <c r="RVG662" s="613"/>
      <c r="RVH662" s="613"/>
      <c r="RVI662" s="613"/>
      <c r="RVJ662" s="613"/>
      <c r="RVK662" s="613"/>
      <c r="RVL662" s="613"/>
      <c r="RVM662" s="613"/>
      <c r="RVN662" s="613"/>
      <c r="RVO662" s="613"/>
      <c r="RVP662" s="613"/>
      <c r="RVQ662" s="613"/>
      <c r="RVR662" s="613"/>
      <c r="RVS662" s="613"/>
      <c r="RVT662" s="613"/>
      <c r="RVU662" s="613"/>
      <c r="RVV662" s="613"/>
      <c r="RVW662" s="613"/>
      <c r="RVX662" s="613"/>
      <c r="RVY662" s="613"/>
      <c r="RVZ662" s="613"/>
      <c r="RWA662" s="613"/>
      <c r="RWB662" s="613"/>
      <c r="RWC662" s="613"/>
      <c r="RWD662" s="613"/>
      <c r="RWE662" s="613"/>
      <c r="RWF662" s="613"/>
      <c r="RWG662" s="613"/>
      <c r="RWH662" s="613"/>
      <c r="RWI662" s="613"/>
      <c r="RWJ662" s="613"/>
      <c r="RWK662" s="613"/>
      <c r="RWL662" s="613"/>
      <c r="RWM662" s="613"/>
      <c r="RWN662" s="613"/>
      <c r="RWO662" s="613"/>
      <c r="RWP662" s="613"/>
      <c r="RWQ662" s="613"/>
      <c r="RWR662" s="613"/>
      <c r="RWS662" s="613"/>
      <c r="RWT662" s="613"/>
      <c r="RWU662" s="613"/>
      <c r="RWV662" s="613"/>
      <c r="RWW662" s="613"/>
      <c r="RWX662" s="613"/>
      <c r="RWY662" s="613"/>
      <c r="RWZ662" s="613"/>
      <c r="RXA662" s="613"/>
      <c r="RXB662" s="613"/>
      <c r="RXC662" s="613"/>
      <c r="RXD662" s="613"/>
      <c r="RXE662" s="613"/>
      <c r="RXF662" s="613"/>
      <c r="RXG662" s="613"/>
      <c r="RXH662" s="613"/>
      <c r="RXI662" s="613"/>
      <c r="RXJ662" s="613"/>
      <c r="RXK662" s="613"/>
      <c r="RXL662" s="613"/>
      <c r="RXM662" s="613"/>
      <c r="RXN662" s="613"/>
      <c r="RXO662" s="613"/>
      <c r="RXP662" s="613"/>
      <c r="RXQ662" s="613"/>
      <c r="RXR662" s="613"/>
      <c r="RXS662" s="613"/>
      <c r="RXT662" s="613"/>
      <c r="RXU662" s="613"/>
      <c r="RXV662" s="613"/>
      <c r="RXW662" s="613"/>
      <c r="RXX662" s="613"/>
      <c r="RXY662" s="613"/>
      <c r="RXZ662" s="613"/>
      <c r="RYA662" s="613"/>
      <c r="RYB662" s="613"/>
      <c r="RYC662" s="613"/>
      <c r="RYD662" s="613"/>
      <c r="RYE662" s="613"/>
      <c r="RYF662" s="613"/>
      <c r="RYG662" s="613"/>
      <c r="RYH662" s="613"/>
      <c r="RYI662" s="613"/>
      <c r="RYJ662" s="613"/>
      <c r="RYK662" s="613"/>
      <c r="RYL662" s="613"/>
      <c r="RYM662" s="613"/>
      <c r="RYN662" s="613"/>
      <c r="RYO662" s="613"/>
      <c r="RYP662" s="613"/>
      <c r="RYQ662" s="613"/>
      <c r="RYR662" s="613"/>
      <c r="RYS662" s="613"/>
      <c r="RYT662" s="613"/>
      <c r="RYU662" s="613"/>
      <c r="RYV662" s="613"/>
      <c r="RYW662" s="613"/>
      <c r="RYX662" s="613"/>
      <c r="RYY662" s="613"/>
      <c r="RYZ662" s="613"/>
      <c r="RZA662" s="613"/>
      <c r="RZB662" s="613"/>
      <c r="RZC662" s="613"/>
      <c r="RZD662" s="613"/>
      <c r="RZE662" s="613"/>
      <c r="RZF662" s="613"/>
      <c r="RZG662" s="613"/>
      <c r="RZH662" s="613"/>
      <c r="RZI662" s="613"/>
      <c r="RZJ662" s="613"/>
      <c r="RZK662" s="613"/>
      <c r="RZL662" s="613"/>
      <c r="RZM662" s="613"/>
      <c r="RZN662" s="613"/>
      <c r="RZO662" s="613"/>
      <c r="RZP662" s="613"/>
      <c r="RZQ662" s="613"/>
      <c r="RZR662" s="613"/>
      <c r="RZS662" s="613"/>
      <c r="RZT662" s="613"/>
      <c r="RZU662" s="613"/>
      <c r="RZV662" s="613"/>
      <c r="RZW662" s="613"/>
      <c r="RZX662" s="613"/>
      <c r="RZY662" s="613"/>
      <c r="RZZ662" s="613"/>
      <c r="SAA662" s="613"/>
      <c r="SAB662" s="613"/>
      <c r="SAC662" s="613"/>
      <c r="SAD662" s="613"/>
      <c r="SAE662" s="613"/>
      <c r="SAF662" s="613"/>
      <c r="SAG662" s="613"/>
      <c r="SAH662" s="613"/>
      <c r="SAI662" s="613"/>
      <c r="SAJ662" s="613"/>
      <c r="SAK662" s="613"/>
      <c r="SAL662" s="613"/>
      <c r="SAM662" s="613"/>
      <c r="SAN662" s="613"/>
      <c r="SAO662" s="613"/>
      <c r="SAP662" s="613"/>
      <c r="SAQ662" s="613"/>
      <c r="SAR662" s="613"/>
      <c r="SAS662" s="613"/>
      <c r="SAT662" s="613"/>
      <c r="SAU662" s="613"/>
      <c r="SAV662" s="613"/>
      <c r="SAW662" s="613"/>
      <c r="SAX662" s="613"/>
      <c r="SAY662" s="613"/>
      <c r="SAZ662" s="613"/>
      <c r="SBA662" s="613"/>
      <c r="SBB662" s="613"/>
      <c r="SBC662" s="613"/>
      <c r="SBD662" s="613"/>
      <c r="SBE662" s="613"/>
      <c r="SBF662" s="613"/>
      <c r="SBG662" s="613"/>
      <c r="SBH662" s="613"/>
      <c r="SBI662" s="613"/>
      <c r="SBJ662" s="613"/>
      <c r="SBK662" s="613"/>
      <c r="SBL662" s="613"/>
      <c r="SBM662" s="613"/>
      <c r="SBN662" s="613"/>
      <c r="SBO662" s="613"/>
      <c r="SBP662" s="613"/>
      <c r="SBQ662" s="613"/>
      <c r="SBR662" s="613"/>
      <c r="SBS662" s="613"/>
      <c r="SBT662" s="613"/>
      <c r="SBU662" s="613"/>
      <c r="SBV662" s="613"/>
      <c r="SBW662" s="613"/>
      <c r="SBX662" s="613"/>
      <c r="SBY662" s="613"/>
      <c r="SBZ662" s="613"/>
      <c r="SCA662" s="613"/>
      <c r="SCB662" s="613"/>
      <c r="SCC662" s="613"/>
      <c r="SCD662" s="613"/>
      <c r="SCE662" s="613"/>
      <c r="SCF662" s="613"/>
      <c r="SCG662" s="613"/>
      <c r="SCH662" s="613"/>
      <c r="SCI662" s="613"/>
      <c r="SCJ662" s="613"/>
      <c r="SCK662" s="613"/>
      <c r="SCL662" s="613"/>
      <c r="SCM662" s="613"/>
      <c r="SCN662" s="613"/>
      <c r="SCO662" s="613"/>
      <c r="SCP662" s="613"/>
      <c r="SCQ662" s="613"/>
      <c r="SCR662" s="613"/>
      <c r="SCS662" s="613"/>
      <c r="SCT662" s="613"/>
      <c r="SCU662" s="613"/>
      <c r="SCV662" s="613"/>
      <c r="SCW662" s="613"/>
      <c r="SCX662" s="613"/>
      <c r="SCY662" s="613"/>
      <c r="SCZ662" s="613"/>
      <c r="SDA662" s="613"/>
      <c r="SDB662" s="613"/>
      <c r="SDC662" s="613"/>
      <c r="SDD662" s="613"/>
      <c r="SDE662" s="613"/>
      <c r="SDF662" s="613"/>
      <c r="SDG662" s="613"/>
      <c r="SDH662" s="613"/>
      <c r="SDI662" s="613"/>
      <c r="SDJ662" s="613"/>
      <c r="SDK662" s="613"/>
      <c r="SDL662" s="613"/>
      <c r="SDM662" s="613"/>
      <c r="SDN662" s="613"/>
      <c r="SDO662" s="613"/>
      <c r="SDP662" s="613"/>
      <c r="SDQ662" s="613"/>
      <c r="SDR662" s="613"/>
      <c r="SDS662" s="613"/>
      <c r="SDT662" s="613"/>
      <c r="SDU662" s="613"/>
      <c r="SDV662" s="613"/>
      <c r="SDW662" s="613"/>
      <c r="SDX662" s="613"/>
      <c r="SDY662" s="613"/>
      <c r="SDZ662" s="613"/>
      <c r="SEA662" s="613"/>
      <c r="SEB662" s="613"/>
      <c r="SEC662" s="613"/>
      <c r="SED662" s="613"/>
      <c r="SEE662" s="613"/>
      <c r="SEF662" s="613"/>
      <c r="SEG662" s="613"/>
      <c r="SEH662" s="613"/>
      <c r="SEI662" s="613"/>
      <c r="SEJ662" s="613"/>
      <c r="SEK662" s="613"/>
      <c r="SEL662" s="613"/>
      <c r="SEM662" s="613"/>
      <c r="SEN662" s="613"/>
      <c r="SEO662" s="613"/>
      <c r="SEP662" s="613"/>
      <c r="SEQ662" s="613"/>
      <c r="SER662" s="613"/>
      <c r="SES662" s="613"/>
      <c r="SET662" s="613"/>
      <c r="SEU662" s="613"/>
      <c r="SEV662" s="613"/>
      <c r="SEW662" s="613"/>
      <c r="SEX662" s="613"/>
      <c r="SEY662" s="613"/>
      <c r="SEZ662" s="613"/>
      <c r="SFA662" s="613"/>
      <c r="SFB662" s="613"/>
      <c r="SFC662" s="613"/>
      <c r="SFD662" s="613"/>
      <c r="SFE662" s="613"/>
      <c r="SFF662" s="613"/>
      <c r="SFG662" s="613"/>
      <c r="SFH662" s="613"/>
      <c r="SFI662" s="613"/>
      <c r="SFJ662" s="613"/>
      <c r="SFK662" s="613"/>
      <c r="SFL662" s="613"/>
      <c r="SFM662" s="613"/>
      <c r="SFN662" s="613"/>
      <c r="SFO662" s="613"/>
      <c r="SFP662" s="613"/>
      <c r="SFQ662" s="613"/>
      <c r="SFR662" s="613"/>
      <c r="SFS662" s="613"/>
      <c r="SFT662" s="613"/>
      <c r="SFU662" s="613"/>
      <c r="SFV662" s="613"/>
      <c r="SFW662" s="613"/>
      <c r="SFX662" s="613"/>
      <c r="SFY662" s="613"/>
      <c r="SFZ662" s="613"/>
      <c r="SGA662" s="613"/>
      <c r="SGB662" s="613"/>
      <c r="SGC662" s="613"/>
      <c r="SGD662" s="613"/>
      <c r="SGE662" s="613"/>
      <c r="SGF662" s="613"/>
      <c r="SGG662" s="613"/>
      <c r="SGH662" s="613"/>
      <c r="SGI662" s="613"/>
      <c r="SGJ662" s="613"/>
      <c r="SGK662" s="613"/>
      <c r="SGL662" s="613"/>
      <c r="SGM662" s="613"/>
      <c r="SGN662" s="613"/>
      <c r="SGO662" s="613"/>
      <c r="SGP662" s="613"/>
      <c r="SGQ662" s="613"/>
      <c r="SGR662" s="613"/>
      <c r="SGS662" s="613"/>
      <c r="SGT662" s="613"/>
      <c r="SGU662" s="613"/>
      <c r="SGV662" s="613"/>
      <c r="SGW662" s="613"/>
      <c r="SGX662" s="613"/>
      <c r="SGY662" s="613"/>
      <c r="SGZ662" s="613"/>
      <c r="SHA662" s="613"/>
      <c r="SHB662" s="613"/>
      <c r="SHC662" s="613"/>
      <c r="SHD662" s="613"/>
      <c r="SHE662" s="613"/>
      <c r="SHF662" s="613"/>
      <c r="SHG662" s="613"/>
      <c r="SHH662" s="613"/>
      <c r="SHI662" s="613"/>
      <c r="SHJ662" s="613"/>
      <c r="SHK662" s="613"/>
      <c r="SHL662" s="613"/>
      <c r="SHM662" s="613"/>
      <c r="SHN662" s="613"/>
      <c r="SHO662" s="613"/>
      <c r="SHP662" s="613"/>
      <c r="SHQ662" s="613"/>
      <c r="SHR662" s="613"/>
      <c r="SHS662" s="613"/>
      <c r="SHT662" s="613"/>
      <c r="SHU662" s="613"/>
      <c r="SHV662" s="613"/>
      <c r="SHW662" s="613"/>
      <c r="SHX662" s="613"/>
      <c r="SHY662" s="613"/>
      <c r="SHZ662" s="613"/>
      <c r="SIA662" s="613"/>
      <c r="SIB662" s="613"/>
      <c r="SIC662" s="613"/>
      <c r="SID662" s="613"/>
      <c r="SIE662" s="613"/>
      <c r="SIF662" s="613"/>
      <c r="SIG662" s="613"/>
      <c r="SIH662" s="613"/>
      <c r="SII662" s="613"/>
      <c r="SIJ662" s="613"/>
      <c r="SIK662" s="613"/>
      <c r="SIL662" s="613"/>
      <c r="SIM662" s="613"/>
      <c r="SIN662" s="613"/>
      <c r="SIO662" s="613"/>
      <c r="SIP662" s="613"/>
      <c r="SIQ662" s="613"/>
      <c r="SIR662" s="613"/>
      <c r="SIS662" s="613"/>
      <c r="SIT662" s="613"/>
      <c r="SIU662" s="613"/>
      <c r="SIV662" s="613"/>
      <c r="SIW662" s="613"/>
      <c r="SIX662" s="613"/>
      <c r="SIY662" s="613"/>
      <c r="SIZ662" s="613"/>
      <c r="SJA662" s="613"/>
      <c r="SJB662" s="613"/>
      <c r="SJC662" s="613"/>
      <c r="SJD662" s="613"/>
      <c r="SJE662" s="613"/>
      <c r="SJF662" s="613"/>
      <c r="SJG662" s="613"/>
      <c r="SJH662" s="613"/>
      <c r="SJI662" s="613"/>
      <c r="SJJ662" s="613"/>
      <c r="SJK662" s="613"/>
      <c r="SJL662" s="613"/>
      <c r="SJM662" s="613"/>
      <c r="SJN662" s="613"/>
      <c r="SJO662" s="613"/>
      <c r="SJP662" s="613"/>
      <c r="SJQ662" s="613"/>
      <c r="SJR662" s="613"/>
      <c r="SJS662" s="613"/>
      <c r="SJT662" s="613"/>
      <c r="SJU662" s="613"/>
      <c r="SJV662" s="613"/>
      <c r="SJW662" s="613"/>
      <c r="SJX662" s="613"/>
      <c r="SJY662" s="613"/>
      <c r="SJZ662" s="613"/>
      <c r="SKA662" s="613"/>
      <c r="SKB662" s="613"/>
      <c r="SKC662" s="613"/>
      <c r="SKD662" s="613"/>
      <c r="SKE662" s="613"/>
      <c r="SKF662" s="613"/>
      <c r="SKG662" s="613"/>
      <c r="SKH662" s="613"/>
      <c r="SKI662" s="613"/>
      <c r="SKJ662" s="613"/>
      <c r="SKK662" s="613"/>
      <c r="SKL662" s="613"/>
      <c r="SKM662" s="613"/>
      <c r="SKN662" s="613"/>
      <c r="SKO662" s="613"/>
      <c r="SKP662" s="613"/>
      <c r="SKQ662" s="613"/>
      <c r="SKR662" s="613"/>
      <c r="SKS662" s="613"/>
      <c r="SKT662" s="613"/>
      <c r="SKU662" s="613"/>
      <c r="SKV662" s="613"/>
      <c r="SKW662" s="613"/>
      <c r="SKX662" s="613"/>
      <c r="SKY662" s="613"/>
      <c r="SKZ662" s="613"/>
      <c r="SLA662" s="613"/>
      <c r="SLB662" s="613"/>
      <c r="SLC662" s="613"/>
      <c r="SLD662" s="613"/>
      <c r="SLE662" s="613"/>
      <c r="SLF662" s="613"/>
      <c r="SLG662" s="613"/>
      <c r="SLH662" s="613"/>
      <c r="SLI662" s="613"/>
      <c r="SLJ662" s="613"/>
      <c r="SLK662" s="613"/>
      <c r="SLL662" s="613"/>
      <c r="SLM662" s="613"/>
      <c r="SLN662" s="613"/>
      <c r="SLO662" s="613"/>
      <c r="SLP662" s="613"/>
      <c r="SLQ662" s="613"/>
      <c r="SLR662" s="613"/>
      <c r="SLS662" s="613"/>
      <c r="SLT662" s="613"/>
      <c r="SLU662" s="613"/>
      <c r="SLV662" s="613"/>
      <c r="SLW662" s="613"/>
      <c r="SLX662" s="613"/>
      <c r="SLY662" s="613"/>
      <c r="SLZ662" s="613"/>
      <c r="SMA662" s="613"/>
      <c r="SMB662" s="613"/>
      <c r="SMC662" s="613"/>
      <c r="SMD662" s="613"/>
      <c r="SME662" s="613"/>
      <c r="SMF662" s="613"/>
      <c r="SMG662" s="613"/>
      <c r="SMH662" s="613"/>
      <c r="SMI662" s="613"/>
      <c r="SMJ662" s="613"/>
      <c r="SMK662" s="613"/>
      <c r="SML662" s="613"/>
      <c r="SMM662" s="613"/>
      <c r="SMN662" s="613"/>
      <c r="SMO662" s="613"/>
      <c r="SMP662" s="613"/>
      <c r="SMQ662" s="613"/>
      <c r="SMR662" s="613"/>
      <c r="SMS662" s="613"/>
      <c r="SMT662" s="613"/>
      <c r="SMU662" s="613"/>
      <c r="SMV662" s="613"/>
      <c r="SMW662" s="613"/>
      <c r="SMX662" s="613"/>
      <c r="SMY662" s="613"/>
      <c r="SMZ662" s="613"/>
      <c r="SNA662" s="613"/>
      <c r="SNB662" s="613"/>
      <c r="SNC662" s="613"/>
      <c r="SND662" s="613"/>
      <c r="SNE662" s="613"/>
      <c r="SNF662" s="613"/>
      <c r="SNG662" s="613"/>
      <c r="SNH662" s="613"/>
      <c r="SNI662" s="613"/>
      <c r="SNJ662" s="613"/>
      <c r="SNK662" s="613"/>
      <c r="SNL662" s="613"/>
      <c r="SNM662" s="613"/>
      <c r="SNN662" s="613"/>
      <c r="SNO662" s="613"/>
      <c r="SNP662" s="613"/>
      <c r="SNQ662" s="613"/>
      <c r="SNR662" s="613"/>
      <c r="SNS662" s="613"/>
      <c r="SNT662" s="613"/>
      <c r="SNU662" s="613"/>
      <c r="SNV662" s="613"/>
      <c r="SNW662" s="613"/>
      <c r="SNX662" s="613"/>
      <c r="SNY662" s="613"/>
      <c r="SNZ662" s="613"/>
      <c r="SOA662" s="613"/>
      <c r="SOB662" s="613"/>
      <c r="SOC662" s="613"/>
      <c r="SOD662" s="613"/>
      <c r="SOE662" s="613"/>
      <c r="SOF662" s="613"/>
      <c r="SOG662" s="613"/>
      <c r="SOH662" s="613"/>
      <c r="SOI662" s="613"/>
      <c r="SOJ662" s="613"/>
      <c r="SOK662" s="613"/>
      <c r="SOL662" s="613"/>
      <c r="SOM662" s="613"/>
      <c r="SON662" s="613"/>
      <c r="SOO662" s="613"/>
      <c r="SOP662" s="613"/>
      <c r="SOQ662" s="613"/>
      <c r="SOR662" s="613"/>
      <c r="SOS662" s="613"/>
      <c r="SOT662" s="613"/>
      <c r="SOU662" s="613"/>
      <c r="SOV662" s="613"/>
      <c r="SOW662" s="613"/>
      <c r="SOX662" s="613"/>
      <c r="SOY662" s="613"/>
      <c r="SOZ662" s="613"/>
      <c r="SPA662" s="613"/>
      <c r="SPB662" s="613"/>
      <c r="SPC662" s="613"/>
      <c r="SPD662" s="613"/>
      <c r="SPE662" s="613"/>
      <c r="SPF662" s="613"/>
      <c r="SPG662" s="613"/>
      <c r="SPH662" s="613"/>
      <c r="SPI662" s="613"/>
      <c r="SPJ662" s="613"/>
      <c r="SPK662" s="613"/>
      <c r="SPL662" s="613"/>
      <c r="SPM662" s="613"/>
      <c r="SPN662" s="613"/>
      <c r="SPO662" s="613"/>
      <c r="SPP662" s="613"/>
      <c r="SPQ662" s="613"/>
      <c r="SPR662" s="613"/>
      <c r="SPS662" s="613"/>
      <c r="SPT662" s="613"/>
      <c r="SPU662" s="613"/>
      <c r="SPV662" s="613"/>
      <c r="SPW662" s="613"/>
      <c r="SPX662" s="613"/>
      <c r="SPY662" s="613"/>
      <c r="SPZ662" s="613"/>
      <c r="SQA662" s="613"/>
      <c r="SQB662" s="613"/>
      <c r="SQC662" s="613"/>
      <c r="SQD662" s="613"/>
      <c r="SQE662" s="613"/>
      <c r="SQF662" s="613"/>
      <c r="SQG662" s="613"/>
      <c r="SQH662" s="613"/>
      <c r="SQI662" s="613"/>
      <c r="SQJ662" s="613"/>
      <c r="SQK662" s="613"/>
      <c r="SQL662" s="613"/>
      <c r="SQM662" s="613"/>
      <c r="SQN662" s="613"/>
      <c r="SQO662" s="613"/>
      <c r="SQP662" s="613"/>
      <c r="SQQ662" s="613"/>
      <c r="SQR662" s="613"/>
      <c r="SQS662" s="613"/>
      <c r="SQT662" s="613"/>
      <c r="SQU662" s="613"/>
      <c r="SQV662" s="613"/>
      <c r="SQW662" s="613"/>
      <c r="SQX662" s="613"/>
      <c r="SQY662" s="613"/>
      <c r="SQZ662" s="613"/>
      <c r="SRA662" s="613"/>
      <c r="SRB662" s="613"/>
      <c r="SRC662" s="613"/>
      <c r="SRD662" s="613"/>
      <c r="SRE662" s="613"/>
      <c r="SRF662" s="613"/>
      <c r="SRG662" s="613"/>
      <c r="SRH662" s="613"/>
      <c r="SRI662" s="613"/>
      <c r="SRJ662" s="613"/>
      <c r="SRK662" s="613"/>
      <c r="SRL662" s="613"/>
      <c r="SRM662" s="613"/>
      <c r="SRN662" s="613"/>
      <c r="SRO662" s="613"/>
      <c r="SRP662" s="613"/>
      <c r="SRQ662" s="613"/>
      <c r="SRR662" s="613"/>
      <c r="SRS662" s="613"/>
      <c r="SRT662" s="613"/>
      <c r="SRU662" s="613"/>
      <c r="SRV662" s="613"/>
      <c r="SRW662" s="613"/>
      <c r="SRX662" s="613"/>
      <c r="SRY662" s="613"/>
      <c r="SRZ662" s="613"/>
      <c r="SSA662" s="613"/>
      <c r="SSB662" s="613"/>
      <c r="SSC662" s="613"/>
      <c r="SSD662" s="613"/>
      <c r="SSE662" s="613"/>
      <c r="SSF662" s="613"/>
      <c r="SSG662" s="613"/>
      <c r="SSH662" s="613"/>
      <c r="SSI662" s="613"/>
      <c r="SSJ662" s="613"/>
      <c r="SSK662" s="613"/>
      <c r="SSL662" s="613"/>
      <c r="SSM662" s="613"/>
      <c r="SSN662" s="613"/>
      <c r="SSO662" s="613"/>
      <c r="SSP662" s="613"/>
      <c r="SSQ662" s="613"/>
      <c r="SSR662" s="613"/>
      <c r="SSS662" s="613"/>
      <c r="SST662" s="613"/>
      <c r="SSU662" s="613"/>
      <c r="SSV662" s="613"/>
      <c r="SSW662" s="613"/>
      <c r="SSX662" s="613"/>
      <c r="SSY662" s="613"/>
      <c r="SSZ662" s="613"/>
      <c r="STA662" s="613"/>
      <c r="STB662" s="613"/>
      <c r="STC662" s="613"/>
      <c r="STD662" s="613"/>
      <c r="STE662" s="613"/>
      <c r="STF662" s="613"/>
      <c r="STG662" s="613"/>
      <c r="STH662" s="613"/>
      <c r="STI662" s="613"/>
      <c r="STJ662" s="613"/>
      <c r="STK662" s="613"/>
      <c r="STL662" s="613"/>
      <c r="STM662" s="613"/>
      <c r="STN662" s="613"/>
      <c r="STO662" s="613"/>
      <c r="STP662" s="613"/>
      <c r="STQ662" s="613"/>
      <c r="STR662" s="613"/>
      <c r="STS662" s="613"/>
      <c r="STT662" s="613"/>
      <c r="STU662" s="613"/>
      <c r="STV662" s="613"/>
      <c r="STW662" s="613"/>
      <c r="STX662" s="613"/>
      <c r="STY662" s="613"/>
      <c r="STZ662" s="613"/>
      <c r="SUA662" s="613"/>
      <c r="SUB662" s="613"/>
      <c r="SUC662" s="613"/>
      <c r="SUD662" s="613"/>
      <c r="SUE662" s="613"/>
      <c r="SUF662" s="613"/>
      <c r="SUG662" s="613"/>
      <c r="SUH662" s="613"/>
      <c r="SUI662" s="613"/>
      <c r="SUJ662" s="613"/>
      <c r="SUK662" s="613"/>
      <c r="SUL662" s="613"/>
      <c r="SUM662" s="613"/>
      <c r="SUN662" s="613"/>
      <c r="SUO662" s="613"/>
      <c r="SUP662" s="613"/>
      <c r="SUQ662" s="613"/>
      <c r="SUR662" s="613"/>
      <c r="SUS662" s="613"/>
      <c r="SUT662" s="613"/>
      <c r="SUU662" s="613"/>
      <c r="SUV662" s="613"/>
      <c r="SUW662" s="613"/>
      <c r="SUX662" s="613"/>
      <c r="SUY662" s="613"/>
      <c r="SUZ662" s="613"/>
      <c r="SVA662" s="613"/>
      <c r="SVB662" s="613"/>
      <c r="SVC662" s="613"/>
      <c r="SVD662" s="613"/>
      <c r="SVE662" s="613"/>
      <c r="SVF662" s="613"/>
      <c r="SVG662" s="613"/>
      <c r="SVH662" s="613"/>
      <c r="SVI662" s="613"/>
      <c r="SVJ662" s="613"/>
      <c r="SVK662" s="613"/>
      <c r="SVL662" s="613"/>
      <c r="SVM662" s="613"/>
      <c r="SVN662" s="613"/>
      <c r="SVO662" s="613"/>
      <c r="SVP662" s="613"/>
      <c r="SVQ662" s="613"/>
      <c r="SVR662" s="613"/>
      <c r="SVS662" s="613"/>
      <c r="SVT662" s="613"/>
      <c r="SVU662" s="613"/>
      <c r="SVV662" s="613"/>
      <c r="SVW662" s="613"/>
      <c r="SVX662" s="613"/>
      <c r="SVY662" s="613"/>
      <c r="SVZ662" s="613"/>
      <c r="SWA662" s="613"/>
      <c r="SWB662" s="613"/>
      <c r="SWC662" s="613"/>
      <c r="SWD662" s="613"/>
      <c r="SWE662" s="613"/>
      <c r="SWF662" s="613"/>
      <c r="SWG662" s="613"/>
      <c r="SWH662" s="613"/>
      <c r="SWI662" s="613"/>
      <c r="SWJ662" s="613"/>
      <c r="SWK662" s="613"/>
      <c r="SWL662" s="613"/>
      <c r="SWM662" s="613"/>
      <c r="SWN662" s="613"/>
      <c r="SWO662" s="613"/>
      <c r="SWP662" s="613"/>
      <c r="SWQ662" s="613"/>
      <c r="SWR662" s="613"/>
      <c r="SWS662" s="613"/>
      <c r="SWT662" s="613"/>
      <c r="SWU662" s="613"/>
      <c r="SWV662" s="613"/>
      <c r="SWW662" s="613"/>
      <c r="SWX662" s="613"/>
      <c r="SWY662" s="613"/>
      <c r="SWZ662" s="613"/>
      <c r="SXA662" s="613"/>
      <c r="SXB662" s="613"/>
      <c r="SXC662" s="613"/>
      <c r="SXD662" s="613"/>
      <c r="SXE662" s="613"/>
      <c r="SXF662" s="613"/>
      <c r="SXG662" s="613"/>
      <c r="SXH662" s="613"/>
      <c r="SXI662" s="613"/>
      <c r="SXJ662" s="613"/>
      <c r="SXK662" s="613"/>
      <c r="SXL662" s="613"/>
      <c r="SXM662" s="613"/>
      <c r="SXN662" s="613"/>
      <c r="SXO662" s="613"/>
      <c r="SXP662" s="613"/>
      <c r="SXQ662" s="613"/>
      <c r="SXR662" s="613"/>
      <c r="SXS662" s="613"/>
      <c r="SXT662" s="613"/>
      <c r="SXU662" s="613"/>
      <c r="SXV662" s="613"/>
      <c r="SXW662" s="613"/>
      <c r="SXX662" s="613"/>
      <c r="SXY662" s="613"/>
      <c r="SXZ662" s="613"/>
      <c r="SYA662" s="613"/>
      <c r="SYB662" s="613"/>
      <c r="SYC662" s="613"/>
      <c r="SYD662" s="613"/>
      <c r="SYE662" s="613"/>
      <c r="SYF662" s="613"/>
      <c r="SYG662" s="613"/>
      <c r="SYH662" s="613"/>
      <c r="SYI662" s="613"/>
      <c r="SYJ662" s="613"/>
      <c r="SYK662" s="613"/>
      <c r="SYL662" s="613"/>
      <c r="SYM662" s="613"/>
      <c r="SYN662" s="613"/>
      <c r="SYO662" s="613"/>
      <c r="SYP662" s="613"/>
      <c r="SYQ662" s="613"/>
      <c r="SYR662" s="613"/>
      <c r="SYS662" s="613"/>
      <c r="SYT662" s="613"/>
      <c r="SYU662" s="613"/>
      <c r="SYV662" s="613"/>
      <c r="SYW662" s="613"/>
      <c r="SYX662" s="613"/>
      <c r="SYY662" s="613"/>
      <c r="SYZ662" s="613"/>
      <c r="SZA662" s="613"/>
      <c r="SZB662" s="613"/>
      <c r="SZC662" s="613"/>
      <c r="SZD662" s="613"/>
      <c r="SZE662" s="613"/>
      <c r="SZF662" s="613"/>
      <c r="SZG662" s="613"/>
      <c r="SZH662" s="613"/>
      <c r="SZI662" s="613"/>
      <c r="SZJ662" s="613"/>
      <c r="SZK662" s="613"/>
      <c r="SZL662" s="613"/>
      <c r="SZM662" s="613"/>
      <c r="SZN662" s="613"/>
      <c r="SZO662" s="613"/>
      <c r="SZP662" s="613"/>
      <c r="SZQ662" s="613"/>
      <c r="SZR662" s="613"/>
      <c r="SZS662" s="613"/>
      <c r="SZT662" s="613"/>
      <c r="SZU662" s="613"/>
      <c r="SZV662" s="613"/>
      <c r="SZW662" s="613"/>
      <c r="SZX662" s="613"/>
      <c r="SZY662" s="613"/>
      <c r="SZZ662" s="613"/>
      <c r="TAA662" s="613"/>
      <c r="TAB662" s="613"/>
      <c r="TAC662" s="613"/>
      <c r="TAD662" s="613"/>
      <c r="TAE662" s="613"/>
      <c r="TAF662" s="613"/>
      <c r="TAG662" s="613"/>
      <c r="TAH662" s="613"/>
      <c r="TAI662" s="613"/>
      <c r="TAJ662" s="613"/>
      <c r="TAK662" s="613"/>
      <c r="TAL662" s="613"/>
      <c r="TAM662" s="613"/>
      <c r="TAN662" s="613"/>
      <c r="TAO662" s="613"/>
      <c r="TAP662" s="613"/>
      <c r="TAQ662" s="613"/>
      <c r="TAR662" s="613"/>
      <c r="TAS662" s="613"/>
      <c r="TAT662" s="613"/>
      <c r="TAU662" s="613"/>
      <c r="TAV662" s="613"/>
      <c r="TAW662" s="613"/>
      <c r="TAX662" s="613"/>
      <c r="TAY662" s="613"/>
      <c r="TAZ662" s="613"/>
      <c r="TBA662" s="613"/>
      <c r="TBB662" s="613"/>
      <c r="TBC662" s="613"/>
      <c r="TBD662" s="613"/>
      <c r="TBE662" s="613"/>
      <c r="TBF662" s="613"/>
      <c r="TBG662" s="613"/>
      <c r="TBH662" s="613"/>
      <c r="TBI662" s="613"/>
      <c r="TBJ662" s="613"/>
      <c r="TBK662" s="613"/>
      <c r="TBL662" s="613"/>
      <c r="TBM662" s="613"/>
      <c r="TBN662" s="613"/>
      <c r="TBO662" s="613"/>
      <c r="TBP662" s="613"/>
      <c r="TBQ662" s="613"/>
      <c r="TBR662" s="613"/>
      <c r="TBS662" s="613"/>
      <c r="TBT662" s="613"/>
      <c r="TBU662" s="613"/>
      <c r="TBV662" s="613"/>
      <c r="TBW662" s="613"/>
      <c r="TBX662" s="613"/>
      <c r="TBY662" s="613"/>
      <c r="TBZ662" s="613"/>
      <c r="TCA662" s="613"/>
      <c r="TCB662" s="613"/>
      <c r="TCC662" s="613"/>
      <c r="TCD662" s="613"/>
      <c r="TCE662" s="613"/>
      <c r="TCF662" s="613"/>
      <c r="TCG662" s="613"/>
      <c r="TCH662" s="613"/>
      <c r="TCI662" s="613"/>
      <c r="TCJ662" s="613"/>
      <c r="TCK662" s="613"/>
      <c r="TCL662" s="613"/>
      <c r="TCM662" s="613"/>
      <c r="TCN662" s="613"/>
      <c r="TCO662" s="613"/>
      <c r="TCP662" s="613"/>
      <c r="TCQ662" s="613"/>
      <c r="TCR662" s="613"/>
      <c r="TCS662" s="613"/>
      <c r="TCT662" s="613"/>
      <c r="TCU662" s="613"/>
      <c r="TCV662" s="613"/>
      <c r="TCW662" s="613"/>
      <c r="TCX662" s="613"/>
      <c r="TCY662" s="613"/>
      <c r="TCZ662" s="613"/>
      <c r="TDA662" s="613"/>
      <c r="TDB662" s="613"/>
      <c r="TDC662" s="613"/>
      <c r="TDD662" s="613"/>
      <c r="TDE662" s="613"/>
      <c r="TDF662" s="613"/>
      <c r="TDG662" s="613"/>
      <c r="TDH662" s="613"/>
      <c r="TDI662" s="613"/>
      <c r="TDJ662" s="613"/>
      <c r="TDK662" s="613"/>
      <c r="TDL662" s="613"/>
      <c r="TDM662" s="613"/>
      <c r="TDN662" s="613"/>
      <c r="TDO662" s="613"/>
      <c r="TDP662" s="613"/>
      <c r="TDQ662" s="613"/>
      <c r="TDR662" s="613"/>
      <c r="TDS662" s="613"/>
      <c r="TDT662" s="613"/>
      <c r="TDU662" s="613"/>
      <c r="TDV662" s="613"/>
      <c r="TDW662" s="613"/>
      <c r="TDX662" s="613"/>
      <c r="TDY662" s="613"/>
      <c r="TDZ662" s="613"/>
      <c r="TEA662" s="613"/>
      <c r="TEB662" s="613"/>
      <c r="TEC662" s="613"/>
      <c r="TED662" s="613"/>
      <c r="TEE662" s="613"/>
      <c r="TEF662" s="613"/>
      <c r="TEG662" s="613"/>
      <c r="TEH662" s="613"/>
      <c r="TEI662" s="613"/>
      <c r="TEJ662" s="613"/>
      <c r="TEK662" s="613"/>
      <c r="TEL662" s="613"/>
      <c r="TEM662" s="613"/>
      <c r="TEN662" s="613"/>
      <c r="TEO662" s="613"/>
      <c r="TEP662" s="613"/>
      <c r="TEQ662" s="613"/>
      <c r="TER662" s="613"/>
      <c r="TES662" s="613"/>
      <c r="TET662" s="613"/>
      <c r="TEU662" s="613"/>
      <c r="TEV662" s="613"/>
      <c r="TEW662" s="613"/>
      <c r="TEX662" s="613"/>
      <c r="TEY662" s="613"/>
      <c r="TEZ662" s="613"/>
      <c r="TFA662" s="613"/>
      <c r="TFB662" s="613"/>
      <c r="TFC662" s="613"/>
      <c r="TFD662" s="613"/>
      <c r="TFE662" s="613"/>
      <c r="TFF662" s="613"/>
      <c r="TFG662" s="613"/>
      <c r="TFH662" s="613"/>
      <c r="TFI662" s="613"/>
      <c r="TFJ662" s="613"/>
      <c r="TFK662" s="613"/>
      <c r="TFL662" s="613"/>
      <c r="TFM662" s="613"/>
      <c r="TFN662" s="613"/>
      <c r="TFO662" s="613"/>
      <c r="TFP662" s="613"/>
      <c r="TFQ662" s="613"/>
      <c r="TFR662" s="613"/>
      <c r="TFS662" s="613"/>
      <c r="TFT662" s="613"/>
      <c r="TFU662" s="613"/>
      <c r="TFV662" s="613"/>
      <c r="TFW662" s="613"/>
      <c r="TFX662" s="613"/>
      <c r="TFY662" s="613"/>
      <c r="TFZ662" s="613"/>
      <c r="TGA662" s="613"/>
      <c r="TGB662" s="613"/>
      <c r="TGC662" s="613"/>
      <c r="TGD662" s="613"/>
      <c r="TGE662" s="613"/>
      <c r="TGF662" s="613"/>
      <c r="TGG662" s="613"/>
      <c r="TGH662" s="613"/>
      <c r="TGI662" s="613"/>
      <c r="TGJ662" s="613"/>
      <c r="TGK662" s="613"/>
      <c r="TGL662" s="613"/>
      <c r="TGM662" s="613"/>
      <c r="TGN662" s="613"/>
      <c r="TGO662" s="613"/>
      <c r="TGP662" s="613"/>
      <c r="TGQ662" s="613"/>
      <c r="TGR662" s="613"/>
      <c r="TGS662" s="613"/>
      <c r="TGT662" s="613"/>
      <c r="TGU662" s="613"/>
      <c r="TGV662" s="613"/>
      <c r="TGW662" s="613"/>
      <c r="TGX662" s="613"/>
      <c r="TGY662" s="613"/>
      <c r="TGZ662" s="613"/>
      <c r="THA662" s="613"/>
      <c r="THB662" s="613"/>
      <c r="THC662" s="613"/>
      <c r="THD662" s="613"/>
      <c r="THE662" s="613"/>
      <c r="THF662" s="613"/>
      <c r="THG662" s="613"/>
      <c r="THH662" s="613"/>
      <c r="THI662" s="613"/>
      <c r="THJ662" s="613"/>
      <c r="THK662" s="613"/>
      <c r="THL662" s="613"/>
      <c r="THM662" s="613"/>
      <c r="THN662" s="613"/>
      <c r="THO662" s="613"/>
      <c r="THP662" s="613"/>
      <c r="THQ662" s="613"/>
      <c r="THR662" s="613"/>
      <c r="THS662" s="613"/>
      <c r="THT662" s="613"/>
      <c r="THU662" s="613"/>
      <c r="THV662" s="613"/>
      <c r="THW662" s="613"/>
      <c r="THX662" s="613"/>
      <c r="THY662" s="613"/>
      <c r="THZ662" s="613"/>
      <c r="TIA662" s="613"/>
      <c r="TIB662" s="613"/>
      <c r="TIC662" s="613"/>
      <c r="TID662" s="613"/>
      <c r="TIE662" s="613"/>
      <c r="TIF662" s="613"/>
      <c r="TIG662" s="613"/>
      <c r="TIH662" s="613"/>
      <c r="TII662" s="613"/>
      <c r="TIJ662" s="613"/>
      <c r="TIK662" s="613"/>
      <c r="TIL662" s="613"/>
      <c r="TIM662" s="613"/>
      <c r="TIN662" s="613"/>
      <c r="TIO662" s="613"/>
      <c r="TIP662" s="613"/>
      <c r="TIQ662" s="613"/>
      <c r="TIR662" s="613"/>
      <c r="TIS662" s="613"/>
      <c r="TIT662" s="613"/>
      <c r="TIU662" s="613"/>
      <c r="TIV662" s="613"/>
      <c r="TIW662" s="613"/>
      <c r="TIX662" s="613"/>
      <c r="TIY662" s="613"/>
      <c r="TIZ662" s="613"/>
      <c r="TJA662" s="613"/>
      <c r="TJB662" s="613"/>
      <c r="TJC662" s="613"/>
      <c r="TJD662" s="613"/>
      <c r="TJE662" s="613"/>
      <c r="TJF662" s="613"/>
      <c r="TJG662" s="613"/>
      <c r="TJH662" s="613"/>
      <c r="TJI662" s="613"/>
      <c r="TJJ662" s="613"/>
      <c r="TJK662" s="613"/>
      <c r="TJL662" s="613"/>
      <c r="TJM662" s="613"/>
      <c r="TJN662" s="613"/>
      <c r="TJO662" s="613"/>
      <c r="TJP662" s="613"/>
      <c r="TJQ662" s="613"/>
      <c r="TJR662" s="613"/>
      <c r="TJS662" s="613"/>
      <c r="TJT662" s="613"/>
      <c r="TJU662" s="613"/>
      <c r="TJV662" s="613"/>
      <c r="TJW662" s="613"/>
      <c r="TJX662" s="613"/>
      <c r="TJY662" s="613"/>
      <c r="TJZ662" s="613"/>
      <c r="TKA662" s="613"/>
      <c r="TKB662" s="613"/>
      <c r="TKC662" s="613"/>
      <c r="TKD662" s="613"/>
      <c r="TKE662" s="613"/>
      <c r="TKF662" s="613"/>
      <c r="TKG662" s="613"/>
      <c r="TKH662" s="613"/>
      <c r="TKI662" s="613"/>
      <c r="TKJ662" s="613"/>
      <c r="TKK662" s="613"/>
      <c r="TKL662" s="613"/>
      <c r="TKM662" s="613"/>
      <c r="TKN662" s="613"/>
      <c r="TKO662" s="613"/>
      <c r="TKP662" s="613"/>
      <c r="TKQ662" s="613"/>
      <c r="TKR662" s="613"/>
      <c r="TKS662" s="613"/>
      <c r="TKT662" s="613"/>
      <c r="TKU662" s="613"/>
      <c r="TKV662" s="613"/>
      <c r="TKW662" s="613"/>
      <c r="TKX662" s="613"/>
      <c r="TKY662" s="613"/>
      <c r="TKZ662" s="613"/>
      <c r="TLA662" s="613"/>
      <c r="TLB662" s="613"/>
      <c r="TLC662" s="613"/>
      <c r="TLD662" s="613"/>
      <c r="TLE662" s="613"/>
      <c r="TLF662" s="613"/>
      <c r="TLG662" s="613"/>
      <c r="TLH662" s="613"/>
      <c r="TLI662" s="613"/>
      <c r="TLJ662" s="613"/>
      <c r="TLK662" s="613"/>
      <c r="TLL662" s="613"/>
      <c r="TLM662" s="613"/>
      <c r="TLN662" s="613"/>
      <c r="TLO662" s="613"/>
      <c r="TLP662" s="613"/>
      <c r="TLQ662" s="613"/>
      <c r="TLR662" s="613"/>
      <c r="TLS662" s="613"/>
      <c r="TLT662" s="613"/>
      <c r="TLU662" s="613"/>
      <c r="TLV662" s="613"/>
      <c r="TLW662" s="613"/>
      <c r="TLX662" s="613"/>
      <c r="TLY662" s="613"/>
      <c r="TLZ662" s="613"/>
      <c r="TMA662" s="613"/>
      <c r="TMB662" s="613"/>
      <c r="TMC662" s="613"/>
      <c r="TMD662" s="613"/>
      <c r="TME662" s="613"/>
      <c r="TMF662" s="613"/>
      <c r="TMG662" s="613"/>
      <c r="TMH662" s="613"/>
      <c r="TMI662" s="613"/>
      <c r="TMJ662" s="613"/>
      <c r="TMK662" s="613"/>
      <c r="TML662" s="613"/>
      <c r="TMM662" s="613"/>
      <c r="TMN662" s="613"/>
      <c r="TMO662" s="613"/>
      <c r="TMP662" s="613"/>
      <c r="TMQ662" s="613"/>
      <c r="TMR662" s="613"/>
      <c r="TMS662" s="613"/>
      <c r="TMT662" s="613"/>
      <c r="TMU662" s="613"/>
      <c r="TMV662" s="613"/>
      <c r="TMW662" s="613"/>
      <c r="TMX662" s="613"/>
      <c r="TMY662" s="613"/>
      <c r="TMZ662" s="613"/>
      <c r="TNA662" s="613"/>
      <c r="TNB662" s="613"/>
      <c r="TNC662" s="613"/>
      <c r="TND662" s="613"/>
      <c r="TNE662" s="613"/>
      <c r="TNF662" s="613"/>
      <c r="TNG662" s="613"/>
      <c r="TNH662" s="613"/>
      <c r="TNI662" s="613"/>
      <c r="TNJ662" s="613"/>
      <c r="TNK662" s="613"/>
      <c r="TNL662" s="613"/>
      <c r="TNM662" s="613"/>
      <c r="TNN662" s="613"/>
      <c r="TNO662" s="613"/>
      <c r="TNP662" s="613"/>
      <c r="TNQ662" s="613"/>
      <c r="TNR662" s="613"/>
      <c r="TNS662" s="613"/>
      <c r="TNT662" s="613"/>
      <c r="TNU662" s="613"/>
      <c r="TNV662" s="613"/>
      <c r="TNW662" s="613"/>
      <c r="TNX662" s="613"/>
      <c r="TNY662" s="613"/>
      <c r="TNZ662" s="613"/>
      <c r="TOA662" s="613"/>
      <c r="TOB662" s="613"/>
      <c r="TOC662" s="613"/>
      <c r="TOD662" s="613"/>
      <c r="TOE662" s="613"/>
      <c r="TOF662" s="613"/>
      <c r="TOG662" s="613"/>
      <c r="TOH662" s="613"/>
      <c r="TOI662" s="613"/>
      <c r="TOJ662" s="613"/>
      <c r="TOK662" s="613"/>
      <c r="TOL662" s="613"/>
      <c r="TOM662" s="613"/>
      <c r="TON662" s="613"/>
      <c r="TOO662" s="613"/>
      <c r="TOP662" s="613"/>
      <c r="TOQ662" s="613"/>
      <c r="TOR662" s="613"/>
      <c r="TOS662" s="613"/>
      <c r="TOT662" s="613"/>
      <c r="TOU662" s="613"/>
      <c r="TOV662" s="613"/>
      <c r="TOW662" s="613"/>
      <c r="TOX662" s="613"/>
      <c r="TOY662" s="613"/>
      <c r="TOZ662" s="613"/>
      <c r="TPA662" s="613"/>
      <c r="TPB662" s="613"/>
      <c r="TPC662" s="613"/>
      <c r="TPD662" s="613"/>
      <c r="TPE662" s="613"/>
      <c r="TPF662" s="613"/>
      <c r="TPG662" s="613"/>
      <c r="TPH662" s="613"/>
      <c r="TPI662" s="613"/>
      <c r="TPJ662" s="613"/>
      <c r="TPK662" s="613"/>
      <c r="TPL662" s="613"/>
      <c r="TPM662" s="613"/>
      <c r="TPN662" s="613"/>
      <c r="TPO662" s="613"/>
      <c r="TPP662" s="613"/>
      <c r="TPQ662" s="613"/>
      <c r="TPR662" s="613"/>
      <c r="TPS662" s="613"/>
      <c r="TPT662" s="613"/>
      <c r="TPU662" s="613"/>
      <c r="TPV662" s="613"/>
      <c r="TPW662" s="613"/>
      <c r="TPX662" s="613"/>
      <c r="TPY662" s="613"/>
      <c r="TPZ662" s="613"/>
      <c r="TQA662" s="613"/>
      <c r="TQB662" s="613"/>
      <c r="TQC662" s="613"/>
      <c r="TQD662" s="613"/>
      <c r="TQE662" s="613"/>
      <c r="TQF662" s="613"/>
      <c r="TQG662" s="613"/>
      <c r="TQH662" s="613"/>
      <c r="TQI662" s="613"/>
      <c r="TQJ662" s="613"/>
      <c r="TQK662" s="613"/>
      <c r="TQL662" s="613"/>
      <c r="TQM662" s="613"/>
      <c r="TQN662" s="613"/>
      <c r="TQO662" s="613"/>
      <c r="TQP662" s="613"/>
      <c r="TQQ662" s="613"/>
      <c r="TQR662" s="613"/>
      <c r="TQS662" s="613"/>
      <c r="TQT662" s="613"/>
      <c r="TQU662" s="613"/>
      <c r="TQV662" s="613"/>
      <c r="TQW662" s="613"/>
      <c r="TQX662" s="613"/>
      <c r="TQY662" s="613"/>
      <c r="TQZ662" s="613"/>
      <c r="TRA662" s="613"/>
      <c r="TRB662" s="613"/>
      <c r="TRC662" s="613"/>
      <c r="TRD662" s="613"/>
      <c r="TRE662" s="613"/>
      <c r="TRF662" s="613"/>
      <c r="TRG662" s="613"/>
      <c r="TRH662" s="613"/>
      <c r="TRI662" s="613"/>
      <c r="TRJ662" s="613"/>
      <c r="TRK662" s="613"/>
      <c r="TRL662" s="613"/>
      <c r="TRM662" s="613"/>
      <c r="TRN662" s="613"/>
      <c r="TRO662" s="613"/>
      <c r="TRP662" s="613"/>
      <c r="TRQ662" s="613"/>
      <c r="TRR662" s="613"/>
      <c r="TRS662" s="613"/>
      <c r="TRT662" s="613"/>
      <c r="TRU662" s="613"/>
      <c r="TRV662" s="613"/>
      <c r="TRW662" s="613"/>
      <c r="TRX662" s="613"/>
      <c r="TRY662" s="613"/>
      <c r="TRZ662" s="613"/>
      <c r="TSA662" s="613"/>
      <c r="TSB662" s="613"/>
      <c r="TSC662" s="613"/>
      <c r="TSD662" s="613"/>
      <c r="TSE662" s="613"/>
      <c r="TSF662" s="613"/>
      <c r="TSG662" s="613"/>
      <c r="TSH662" s="613"/>
      <c r="TSI662" s="613"/>
      <c r="TSJ662" s="613"/>
      <c r="TSK662" s="613"/>
      <c r="TSL662" s="613"/>
      <c r="TSM662" s="613"/>
      <c r="TSN662" s="613"/>
      <c r="TSO662" s="613"/>
      <c r="TSP662" s="613"/>
      <c r="TSQ662" s="613"/>
      <c r="TSR662" s="613"/>
      <c r="TSS662" s="613"/>
      <c r="TST662" s="613"/>
      <c r="TSU662" s="613"/>
      <c r="TSV662" s="613"/>
      <c r="TSW662" s="613"/>
      <c r="TSX662" s="613"/>
      <c r="TSY662" s="613"/>
      <c r="TSZ662" s="613"/>
      <c r="TTA662" s="613"/>
      <c r="TTB662" s="613"/>
      <c r="TTC662" s="613"/>
      <c r="TTD662" s="613"/>
      <c r="TTE662" s="613"/>
      <c r="TTF662" s="613"/>
      <c r="TTG662" s="613"/>
      <c r="TTH662" s="613"/>
      <c r="TTI662" s="613"/>
      <c r="TTJ662" s="613"/>
      <c r="TTK662" s="613"/>
      <c r="TTL662" s="613"/>
      <c r="TTM662" s="613"/>
      <c r="TTN662" s="613"/>
      <c r="TTO662" s="613"/>
      <c r="TTP662" s="613"/>
      <c r="TTQ662" s="613"/>
      <c r="TTR662" s="613"/>
      <c r="TTS662" s="613"/>
      <c r="TTT662" s="613"/>
      <c r="TTU662" s="613"/>
      <c r="TTV662" s="613"/>
      <c r="TTW662" s="613"/>
      <c r="TTX662" s="613"/>
      <c r="TTY662" s="613"/>
      <c r="TTZ662" s="613"/>
      <c r="TUA662" s="613"/>
      <c r="TUB662" s="613"/>
      <c r="TUC662" s="613"/>
      <c r="TUD662" s="613"/>
      <c r="TUE662" s="613"/>
      <c r="TUF662" s="613"/>
      <c r="TUG662" s="613"/>
      <c r="TUH662" s="613"/>
      <c r="TUI662" s="613"/>
      <c r="TUJ662" s="613"/>
      <c r="TUK662" s="613"/>
      <c r="TUL662" s="613"/>
      <c r="TUM662" s="613"/>
      <c r="TUN662" s="613"/>
      <c r="TUO662" s="613"/>
      <c r="TUP662" s="613"/>
      <c r="TUQ662" s="613"/>
      <c r="TUR662" s="613"/>
      <c r="TUS662" s="613"/>
      <c r="TUT662" s="613"/>
      <c r="TUU662" s="613"/>
      <c r="TUV662" s="613"/>
      <c r="TUW662" s="613"/>
      <c r="TUX662" s="613"/>
      <c r="TUY662" s="613"/>
      <c r="TUZ662" s="613"/>
      <c r="TVA662" s="613"/>
      <c r="TVB662" s="613"/>
      <c r="TVC662" s="613"/>
      <c r="TVD662" s="613"/>
      <c r="TVE662" s="613"/>
      <c r="TVF662" s="613"/>
      <c r="TVG662" s="613"/>
      <c r="TVH662" s="613"/>
      <c r="TVI662" s="613"/>
      <c r="TVJ662" s="613"/>
      <c r="TVK662" s="613"/>
      <c r="TVL662" s="613"/>
      <c r="TVM662" s="613"/>
      <c r="TVN662" s="613"/>
      <c r="TVO662" s="613"/>
      <c r="TVP662" s="613"/>
      <c r="TVQ662" s="613"/>
      <c r="TVR662" s="613"/>
      <c r="TVS662" s="613"/>
      <c r="TVT662" s="613"/>
      <c r="TVU662" s="613"/>
      <c r="TVV662" s="613"/>
      <c r="TVW662" s="613"/>
      <c r="TVX662" s="613"/>
      <c r="TVY662" s="613"/>
      <c r="TVZ662" s="613"/>
      <c r="TWA662" s="613"/>
      <c r="TWB662" s="613"/>
      <c r="TWC662" s="613"/>
      <c r="TWD662" s="613"/>
      <c r="TWE662" s="613"/>
      <c r="TWF662" s="613"/>
      <c r="TWG662" s="613"/>
      <c r="TWH662" s="613"/>
      <c r="TWI662" s="613"/>
      <c r="TWJ662" s="613"/>
      <c r="TWK662" s="613"/>
      <c r="TWL662" s="613"/>
      <c r="TWM662" s="613"/>
      <c r="TWN662" s="613"/>
      <c r="TWO662" s="613"/>
      <c r="TWP662" s="613"/>
      <c r="TWQ662" s="613"/>
      <c r="TWR662" s="613"/>
      <c r="TWS662" s="613"/>
      <c r="TWT662" s="613"/>
      <c r="TWU662" s="613"/>
      <c r="TWV662" s="613"/>
      <c r="TWW662" s="613"/>
      <c r="TWX662" s="613"/>
      <c r="TWY662" s="613"/>
      <c r="TWZ662" s="613"/>
      <c r="TXA662" s="613"/>
      <c r="TXB662" s="613"/>
      <c r="TXC662" s="613"/>
      <c r="TXD662" s="613"/>
      <c r="TXE662" s="613"/>
      <c r="TXF662" s="613"/>
      <c r="TXG662" s="613"/>
      <c r="TXH662" s="613"/>
      <c r="TXI662" s="613"/>
      <c r="TXJ662" s="613"/>
      <c r="TXK662" s="613"/>
      <c r="TXL662" s="613"/>
      <c r="TXM662" s="613"/>
      <c r="TXN662" s="613"/>
      <c r="TXO662" s="613"/>
      <c r="TXP662" s="613"/>
      <c r="TXQ662" s="613"/>
      <c r="TXR662" s="613"/>
      <c r="TXS662" s="613"/>
      <c r="TXT662" s="613"/>
      <c r="TXU662" s="613"/>
      <c r="TXV662" s="613"/>
      <c r="TXW662" s="613"/>
      <c r="TXX662" s="613"/>
      <c r="TXY662" s="613"/>
      <c r="TXZ662" s="613"/>
      <c r="TYA662" s="613"/>
      <c r="TYB662" s="613"/>
      <c r="TYC662" s="613"/>
      <c r="TYD662" s="613"/>
      <c r="TYE662" s="613"/>
      <c r="TYF662" s="613"/>
      <c r="TYG662" s="613"/>
      <c r="TYH662" s="613"/>
      <c r="TYI662" s="613"/>
      <c r="TYJ662" s="613"/>
      <c r="TYK662" s="613"/>
      <c r="TYL662" s="613"/>
      <c r="TYM662" s="613"/>
      <c r="TYN662" s="613"/>
      <c r="TYO662" s="613"/>
      <c r="TYP662" s="613"/>
      <c r="TYQ662" s="613"/>
      <c r="TYR662" s="613"/>
      <c r="TYS662" s="613"/>
      <c r="TYT662" s="613"/>
      <c r="TYU662" s="613"/>
      <c r="TYV662" s="613"/>
      <c r="TYW662" s="613"/>
      <c r="TYX662" s="613"/>
      <c r="TYY662" s="613"/>
      <c r="TYZ662" s="613"/>
      <c r="TZA662" s="613"/>
      <c r="TZB662" s="613"/>
      <c r="TZC662" s="613"/>
      <c r="TZD662" s="613"/>
      <c r="TZE662" s="613"/>
      <c r="TZF662" s="613"/>
      <c r="TZG662" s="613"/>
      <c r="TZH662" s="613"/>
      <c r="TZI662" s="613"/>
      <c r="TZJ662" s="613"/>
      <c r="TZK662" s="613"/>
      <c r="TZL662" s="613"/>
      <c r="TZM662" s="613"/>
      <c r="TZN662" s="613"/>
      <c r="TZO662" s="613"/>
      <c r="TZP662" s="613"/>
      <c r="TZQ662" s="613"/>
      <c r="TZR662" s="613"/>
      <c r="TZS662" s="613"/>
      <c r="TZT662" s="613"/>
      <c r="TZU662" s="613"/>
      <c r="TZV662" s="613"/>
      <c r="TZW662" s="613"/>
      <c r="TZX662" s="613"/>
      <c r="TZY662" s="613"/>
      <c r="TZZ662" s="613"/>
      <c r="UAA662" s="613"/>
      <c r="UAB662" s="613"/>
      <c r="UAC662" s="613"/>
      <c r="UAD662" s="613"/>
      <c r="UAE662" s="613"/>
      <c r="UAF662" s="613"/>
      <c r="UAG662" s="613"/>
      <c r="UAH662" s="613"/>
      <c r="UAI662" s="613"/>
      <c r="UAJ662" s="613"/>
      <c r="UAK662" s="613"/>
      <c r="UAL662" s="613"/>
      <c r="UAM662" s="613"/>
      <c r="UAN662" s="613"/>
      <c r="UAO662" s="613"/>
      <c r="UAP662" s="613"/>
      <c r="UAQ662" s="613"/>
      <c r="UAR662" s="613"/>
      <c r="UAS662" s="613"/>
      <c r="UAT662" s="613"/>
      <c r="UAU662" s="613"/>
      <c r="UAV662" s="613"/>
      <c r="UAW662" s="613"/>
      <c r="UAX662" s="613"/>
      <c r="UAY662" s="613"/>
      <c r="UAZ662" s="613"/>
      <c r="UBA662" s="613"/>
      <c r="UBB662" s="613"/>
      <c r="UBC662" s="613"/>
      <c r="UBD662" s="613"/>
      <c r="UBE662" s="613"/>
      <c r="UBF662" s="613"/>
      <c r="UBG662" s="613"/>
      <c r="UBH662" s="613"/>
      <c r="UBI662" s="613"/>
      <c r="UBJ662" s="613"/>
      <c r="UBK662" s="613"/>
      <c r="UBL662" s="613"/>
      <c r="UBM662" s="613"/>
      <c r="UBN662" s="613"/>
      <c r="UBO662" s="613"/>
      <c r="UBP662" s="613"/>
      <c r="UBQ662" s="613"/>
      <c r="UBR662" s="613"/>
      <c r="UBS662" s="613"/>
      <c r="UBT662" s="613"/>
      <c r="UBU662" s="613"/>
      <c r="UBV662" s="613"/>
      <c r="UBW662" s="613"/>
      <c r="UBX662" s="613"/>
      <c r="UBY662" s="613"/>
      <c r="UBZ662" s="613"/>
      <c r="UCA662" s="613"/>
      <c r="UCB662" s="613"/>
      <c r="UCC662" s="613"/>
      <c r="UCD662" s="613"/>
      <c r="UCE662" s="613"/>
      <c r="UCF662" s="613"/>
      <c r="UCG662" s="613"/>
      <c r="UCH662" s="613"/>
      <c r="UCI662" s="613"/>
      <c r="UCJ662" s="613"/>
      <c r="UCK662" s="613"/>
      <c r="UCL662" s="613"/>
      <c r="UCM662" s="613"/>
      <c r="UCN662" s="613"/>
      <c r="UCO662" s="613"/>
      <c r="UCP662" s="613"/>
      <c r="UCQ662" s="613"/>
      <c r="UCR662" s="613"/>
      <c r="UCS662" s="613"/>
      <c r="UCT662" s="613"/>
      <c r="UCU662" s="613"/>
      <c r="UCV662" s="613"/>
      <c r="UCW662" s="613"/>
      <c r="UCX662" s="613"/>
      <c r="UCY662" s="613"/>
      <c r="UCZ662" s="613"/>
      <c r="UDA662" s="613"/>
      <c r="UDB662" s="613"/>
      <c r="UDC662" s="613"/>
      <c r="UDD662" s="613"/>
      <c r="UDE662" s="613"/>
      <c r="UDF662" s="613"/>
      <c r="UDG662" s="613"/>
      <c r="UDH662" s="613"/>
      <c r="UDI662" s="613"/>
      <c r="UDJ662" s="613"/>
      <c r="UDK662" s="613"/>
      <c r="UDL662" s="613"/>
      <c r="UDM662" s="613"/>
      <c r="UDN662" s="613"/>
      <c r="UDO662" s="613"/>
      <c r="UDP662" s="613"/>
      <c r="UDQ662" s="613"/>
      <c r="UDR662" s="613"/>
      <c r="UDS662" s="613"/>
      <c r="UDT662" s="613"/>
      <c r="UDU662" s="613"/>
      <c r="UDV662" s="613"/>
      <c r="UDW662" s="613"/>
      <c r="UDX662" s="613"/>
      <c r="UDY662" s="613"/>
      <c r="UDZ662" s="613"/>
      <c r="UEA662" s="613"/>
      <c r="UEB662" s="613"/>
      <c r="UEC662" s="613"/>
      <c r="UED662" s="613"/>
      <c r="UEE662" s="613"/>
      <c r="UEF662" s="613"/>
      <c r="UEG662" s="613"/>
      <c r="UEH662" s="613"/>
      <c r="UEI662" s="613"/>
      <c r="UEJ662" s="613"/>
      <c r="UEK662" s="613"/>
      <c r="UEL662" s="613"/>
      <c r="UEM662" s="613"/>
      <c r="UEN662" s="613"/>
      <c r="UEO662" s="613"/>
      <c r="UEP662" s="613"/>
      <c r="UEQ662" s="613"/>
      <c r="UER662" s="613"/>
      <c r="UES662" s="613"/>
      <c r="UET662" s="613"/>
      <c r="UEU662" s="613"/>
      <c r="UEV662" s="613"/>
      <c r="UEW662" s="613"/>
      <c r="UEX662" s="613"/>
      <c r="UEY662" s="613"/>
      <c r="UEZ662" s="613"/>
      <c r="UFA662" s="613"/>
      <c r="UFB662" s="613"/>
      <c r="UFC662" s="613"/>
      <c r="UFD662" s="613"/>
      <c r="UFE662" s="613"/>
      <c r="UFF662" s="613"/>
      <c r="UFG662" s="613"/>
      <c r="UFH662" s="613"/>
      <c r="UFI662" s="613"/>
      <c r="UFJ662" s="613"/>
      <c r="UFK662" s="613"/>
      <c r="UFL662" s="613"/>
      <c r="UFM662" s="613"/>
      <c r="UFN662" s="613"/>
      <c r="UFO662" s="613"/>
      <c r="UFP662" s="613"/>
      <c r="UFQ662" s="613"/>
      <c r="UFR662" s="613"/>
      <c r="UFS662" s="613"/>
      <c r="UFT662" s="613"/>
      <c r="UFU662" s="613"/>
      <c r="UFV662" s="613"/>
      <c r="UFW662" s="613"/>
      <c r="UFX662" s="613"/>
      <c r="UFY662" s="613"/>
      <c r="UFZ662" s="613"/>
      <c r="UGA662" s="613"/>
      <c r="UGB662" s="613"/>
      <c r="UGC662" s="613"/>
      <c r="UGD662" s="613"/>
      <c r="UGE662" s="613"/>
      <c r="UGF662" s="613"/>
      <c r="UGG662" s="613"/>
      <c r="UGH662" s="613"/>
      <c r="UGI662" s="613"/>
      <c r="UGJ662" s="613"/>
      <c r="UGK662" s="613"/>
      <c r="UGL662" s="613"/>
      <c r="UGM662" s="613"/>
      <c r="UGN662" s="613"/>
      <c r="UGO662" s="613"/>
      <c r="UGP662" s="613"/>
      <c r="UGQ662" s="613"/>
      <c r="UGR662" s="613"/>
      <c r="UGS662" s="613"/>
      <c r="UGT662" s="613"/>
      <c r="UGU662" s="613"/>
      <c r="UGV662" s="613"/>
      <c r="UGW662" s="613"/>
      <c r="UGX662" s="613"/>
      <c r="UGY662" s="613"/>
      <c r="UGZ662" s="613"/>
      <c r="UHA662" s="613"/>
      <c r="UHB662" s="613"/>
      <c r="UHC662" s="613"/>
      <c r="UHD662" s="613"/>
      <c r="UHE662" s="613"/>
      <c r="UHF662" s="613"/>
      <c r="UHG662" s="613"/>
      <c r="UHH662" s="613"/>
      <c r="UHI662" s="613"/>
      <c r="UHJ662" s="613"/>
      <c r="UHK662" s="613"/>
      <c r="UHL662" s="613"/>
      <c r="UHM662" s="613"/>
      <c r="UHN662" s="613"/>
      <c r="UHO662" s="613"/>
      <c r="UHP662" s="613"/>
      <c r="UHQ662" s="613"/>
      <c r="UHR662" s="613"/>
      <c r="UHS662" s="613"/>
      <c r="UHT662" s="613"/>
      <c r="UHU662" s="613"/>
      <c r="UHV662" s="613"/>
      <c r="UHW662" s="613"/>
      <c r="UHX662" s="613"/>
      <c r="UHY662" s="613"/>
      <c r="UHZ662" s="613"/>
      <c r="UIA662" s="613"/>
      <c r="UIB662" s="613"/>
      <c r="UIC662" s="613"/>
      <c r="UID662" s="613"/>
      <c r="UIE662" s="613"/>
      <c r="UIF662" s="613"/>
      <c r="UIG662" s="613"/>
      <c r="UIH662" s="613"/>
      <c r="UII662" s="613"/>
      <c r="UIJ662" s="613"/>
      <c r="UIK662" s="613"/>
      <c r="UIL662" s="613"/>
      <c r="UIM662" s="613"/>
      <c r="UIN662" s="613"/>
      <c r="UIO662" s="613"/>
      <c r="UIP662" s="613"/>
      <c r="UIQ662" s="613"/>
      <c r="UIR662" s="613"/>
      <c r="UIS662" s="613"/>
      <c r="UIT662" s="613"/>
      <c r="UIU662" s="613"/>
      <c r="UIV662" s="613"/>
      <c r="UIW662" s="613"/>
      <c r="UIX662" s="613"/>
      <c r="UIY662" s="613"/>
      <c r="UIZ662" s="613"/>
      <c r="UJA662" s="613"/>
      <c r="UJB662" s="613"/>
      <c r="UJC662" s="613"/>
      <c r="UJD662" s="613"/>
      <c r="UJE662" s="613"/>
      <c r="UJF662" s="613"/>
      <c r="UJG662" s="613"/>
      <c r="UJH662" s="613"/>
      <c r="UJI662" s="613"/>
      <c r="UJJ662" s="613"/>
      <c r="UJK662" s="613"/>
      <c r="UJL662" s="613"/>
      <c r="UJM662" s="613"/>
      <c r="UJN662" s="613"/>
      <c r="UJO662" s="613"/>
      <c r="UJP662" s="613"/>
      <c r="UJQ662" s="613"/>
      <c r="UJR662" s="613"/>
      <c r="UJS662" s="613"/>
      <c r="UJT662" s="613"/>
      <c r="UJU662" s="613"/>
      <c r="UJV662" s="613"/>
      <c r="UJW662" s="613"/>
      <c r="UJX662" s="613"/>
      <c r="UJY662" s="613"/>
      <c r="UJZ662" s="613"/>
      <c r="UKA662" s="613"/>
      <c r="UKB662" s="613"/>
      <c r="UKC662" s="613"/>
      <c r="UKD662" s="613"/>
      <c r="UKE662" s="613"/>
      <c r="UKF662" s="613"/>
      <c r="UKG662" s="613"/>
      <c r="UKH662" s="613"/>
      <c r="UKI662" s="613"/>
      <c r="UKJ662" s="613"/>
      <c r="UKK662" s="613"/>
      <c r="UKL662" s="613"/>
      <c r="UKM662" s="613"/>
      <c r="UKN662" s="613"/>
      <c r="UKO662" s="613"/>
      <c r="UKP662" s="613"/>
      <c r="UKQ662" s="613"/>
      <c r="UKR662" s="613"/>
      <c r="UKS662" s="613"/>
      <c r="UKT662" s="613"/>
      <c r="UKU662" s="613"/>
      <c r="UKV662" s="613"/>
      <c r="UKW662" s="613"/>
      <c r="UKX662" s="613"/>
      <c r="UKY662" s="613"/>
      <c r="UKZ662" s="613"/>
      <c r="ULA662" s="613"/>
      <c r="ULB662" s="613"/>
      <c r="ULC662" s="613"/>
      <c r="ULD662" s="613"/>
      <c r="ULE662" s="613"/>
      <c r="ULF662" s="613"/>
      <c r="ULG662" s="613"/>
      <c r="ULH662" s="613"/>
      <c r="ULI662" s="613"/>
      <c r="ULJ662" s="613"/>
      <c r="ULK662" s="613"/>
      <c r="ULL662" s="613"/>
      <c r="ULM662" s="613"/>
      <c r="ULN662" s="613"/>
      <c r="ULO662" s="613"/>
      <c r="ULP662" s="613"/>
      <c r="ULQ662" s="613"/>
      <c r="ULR662" s="613"/>
      <c r="ULS662" s="613"/>
      <c r="ULT662" s="613"/>
      <c r="ULU662" s="613"/>
      <c r="ULV662" s="613"/>
      <c r="ULW662" s="613"/>
      <c r="ULX662" s="613"/>
      <c r="ULY662" s="613"/>
      <c r="ULZ662" s="613"/>
      <c r="UMA662" s="613"/>
      <c r="UMB662" s="613"/>
      <c r="UMC662" s="613"/>
      <c r="UMD662" s="613"/>
      <c r="UME662" s="613"/>
      <c r="UMF662" s="613"/>
      <c r="UMG662" s="613"/>
      <c r="UMH662" s="613"/>
      <c r="UMI662" s="613"/>
      <c r="UMJ662" s="613"/>
      <c r="UMK662" s="613"/>
      <c r="UML662" s="613"/>
      <c r="UMM662" s="613"/>
      <c r="UMN662" s="613"/>
      <c r="UMO662" s="613"/>
      <c r="UMP662" s="613"/>
      <c r="UMQ662" s="613"/>
      <c r="UMR662" s="613"/>
      <c r="UMS662" s="613"/>
      <c r="UMT662" s="613"/>
      <c r="UMU662" s="613"/>
      <c r="UMV662" s="613"/>
      <c r="UMW662" s="613"/>
      <c r="UMX662" s="613"/>
      <c r="UMY662" s="613"/>
      <c r="UMZ662" s="613"/>
      <c r="UNA662" s="613"/>
      <c r="UNB662" s="613"/>
      <c r="UNC662" s="613"/>
      <c r="UND662" s="613"/>
      <c r="UNE662" s="613"/>
      <c r="UNF662" s="613"/>
      <c r="UNG662" s="613"/>
      <c r="UNH662" s="613"/>
      <c r="UNI662" s="613"/>
      <c r="UNJ662" s="613"/>
      <c r="UNK662" s="613"/>
      <c r="UNL662" s="613"/>
      <c r="UNM662" s="613"/>
      <c r="UNN662" s="613"/>
      <c r="UNO662" s="613"/>
      <c r="UNP662" s="613"/>
      <c r="UNQ662" s="613"/>
      <c r="UNR662" s="613"/>
      <c r="UNS662" s="613"/>
      <c r="UNT662" s="613"/>
      <c r="UNU662" s="613"/>
      <c r="UNV662" s="613"/>
      <c r="UNW662" s="613"/>
      <c r="UNX662" s="613"/>
      <c r="UNY662" s="613"/>
      <c r="UNZ662" s="613"/>
      <c r="UOA662" s="613"/>
      <c r="UOB662" s="613"/>
      <c r="UOC662" s="613"/>
      <c r="UOD662" s="613"/>
      <c r="UOE662" s="613"/>
      <c r="UOF662" s="613"/>
      <c r="UOG662" s="613"/>
      <c r="UOH662" s="613"/>
      <c r="UOI662" s="613"/>
      <c r="UOJ662" s="613"/>
      <c r="UOK662" s="613"/>
      <c r="UOL662" s="613"/>
      <c r="UOM662" s="613"/>
      <c r="UON662" s="613"/>
      <c r="UOO662" s="613"/>
      <c r="UOP662" s="613"/>
      <c r="UOQ662" s="613"/>
      <c r="UOR662" s="613"/>
      <c r="UOS662" s="613"/>
      <c r="UOT662" s="613"/>
      <c r="UOU662" s="613"/>
      <c r="UOV662" s="613"/>
      <c r="UOW662" s="613"/>
      <c r="UOX662" s="613"/>
      <c r="UOY662" s="613"/>
      <c r="UOZ662" s="613"/>
      <c r="UPA662" s="613"/>
      <c r="UPB662" s="613"/>
      <c r="UPC662" s="613"/>
      <c r="UPD662" s="613"/>
      <c r="UPE662" s="613"/>
      <c r="UPF662" s="613"/>
      <c r="UPG662" s="613"/>
      <c r="UPH662" s="613"/>
      <c r="UPI662" s="613"/>
      <c r="UPJ662" s="613"/>
      <c r="UPK662" s="613"/>
      <c r="UPL662" s="613"/>
      <c r="UPM662" s="613"/>
      <c r="UPN662" s="613"/>
      <c r="UPO662" s="613"/>
      <c r="UPP662" s="613"/>
      <c r="UPQ662" s="613"/>
      <c r="UPR662" s="613"/>
      <c r="UPS662" s="613"/>
      <c r="UPT662" s="613"/>
      <c r="UPU662" s="613"/>
      <c r="UPV662" s="613"/>
      <c r="UPW662" s="613"/>
      <c r="UPX662" s="613"/>
      <c r="UPY662" s="613"/>
      <c r="UPZ662" s="613"/>
      <c r="UQA662" s="613"/>
      <c r="UQB662" s="613"/>
      <c r="UQC662" s="613"/>
      <c r="UQD662" s="613"/>
      <c r="UQE662" s="613"/>
      <c r="UQF662" s="613"/>
      <c r="UQG662" s="613"/>
      <c r="UQH662" s="613"/>
      <c r="UQI662" s="613"/>
      <c r="UQJ662" s="613"/>
      <c r="UQK662" s="613"/>
      <c r="UQL662" s="613"/>
      <c r="UQM662" s="613"/>
      <c r="UQN662" s="613"/>
      <c r="UQO662" s="613"/>
      <c r="UQP662" s="613"/>
      <c r="UQQ662" s="613"/>
      <c r="UQR662" s="613"/>
      <c r="UQS662" s="613"/>
      <c r="UQT662" s="613"/>
      <c r="UQU662" s="613"/>
      <c r="UQV662" s="613"/>
      <c r="UQW662" s="613"/>
      <c r="UQX662" s="613"/>
      <c r="UQY662" s="613"/>
      <c r="UQZ662" s="613"/>
      <c r="URA662" s="613"/>
      <c r="URB662" s="613"/>
      <c r="URC662" s="613"/>
      <c r="URD662" s="613"/>
      <c r="URE662" s="613"/>
      <c r="URF662" s="613"/>
      <c r="URG662" s="613"/>
      <c r="URH662" s="613"/>
      <c r="URI662" s="613"/>
      <c r="URJ662" s="613"/>
      <c r="URK662" s="613"/>
      <c r="URL662" s="613"/>
      <c r="URM662" s="613"/>
      <c r="URN662" s="613"/>
      <c r="URO662" s="613"/>
      <c r="URP662" s="613"/>
      <c r="URQ662" s="613"/>
      <c r="URR662" s="613"/>
      <c r="URS662" s="613"/>
      <c r="URT662" s="613"/>
      <c r="URU662" s="613"/>
      <c r="URV662" s="613"/>
      <c r="URW662" s="613"/>
      <c r="URX662" s="613"/>
      <c r="URY662" s="613"/>
      <c r="URZ662" s="613"/>
      <c r="USA662" s="613"/>
      <c r="USB662" s="613"/>
      <c r="USC662" s="613"/>
      <c r="USD662" s="613"/>
      <c r="USE662" s="613"/>
      <c r="USF662" s="613"/>
      <c r="USG662" s="613"/>
      <c r="USH662" s="613"/>
      <c r="USI662" s="613"/>
      <c r="USJ662" s="613"/>
      <c r="USK662" s="613"/>
      <c r="USL662" s="613"/>
      <c r="USM662" s="613"/>
      <c r="USN662" s="613"/>
      <c r="USO662" s="613"/>
      <c r="USP662" s="613"/>
      <c r="USQ662" s="613"/>
      <c r="USR662" s="613"/>
      <c r="USS662" s="613"/>
      <c r="UST662" s="613"/>
      <c r="USU662" s="613"/>
      <c r="USV662" s="613"/>
      <c r="USW662" s="613"/>
      <c r="USX662" s="613"/>
      <c r="USY662" s="613"/>
      <c r="USZ662" s="613"/>
      <c r="UTA662" s="613"/>
      <c r="UTB662" s="613"/>
      <c r="UTC662" s="613"/>
      <c r="UTD662" s="613"/>
      <c r="UTE662" s="613"/>
      <c r="UTF662" s="613"/>
      <c r="UTG662" s="613"/>
      <c r="UTH662" s="613"/>
      <c r="UTI662" s="613"/>
      <c r="UTJ662" s="613"/>
      <c r="UTK662" s="613"/>
      <c r="UTL662" s="613"/>
      <c r="UTM662" s="613"/>
      <c r="UTN662" s="613"/>
      <c r="UTO662" s="613"/>
      <c r="UTP662" s="613"/>
      <c r="UTQ662" s="613"/>
      <c r="UTR662" s="613"/>
      <c r="UTS662" s="613"/>
      <c r="UTT662" s="613"/>
      <c r="UTU662" s="613"/>
      <c r="UTV662" s="613"/>
      <c r="UTW662" s="613"/>
      <c r="UTX662" s="613"/>
      <c r="UTY662" s="613"/>
      <c r="UTZ662" s="613"/>
      <c r="UUA662" s="613"/>
      <c r="UUB662" s="613"/>
      <c r="UUC662" s="613"/>
      <c r="UUD662" s="613"/>
      <c r="UUE662" s="613"/>
      <c r="UUF662" s="613"/>
      <c r="UUG662" s="613"/>
      <c r="UUH662" s="613"/>
      <c r="UUI662" s="613"/>
      <c r="UUJ662" s="613"/>
      <c r="UUK662" s="613"/>
      <c r="UUL662" s="613"/>
      <c r="UUM662" s="613"/>
      <c r="UUN662" s="613"/>
      <c r="UUO662" s="613"/>
      <c r="UUP662" s="613"/>
      <c r="UUQ662" s="613"/>
      <c r="UUR662" s="613"/>
      <c r="UUS662" s="613"/>
      <c r="UUT662" s="613"/>
      <c r="UUU662" s="613"/>
      <c r="UUV662" s="613"/>
      <c r="UUW662" s="613"/>
      <c r="UUX662" s="613"/>
      <c r="UUY662" s="613"/>
      <c r="UUZ662" s="613"/>
      <c r="UVA662" s="613"/>
      <c r="UVB662" s="613"/>
      <c r="UVC662" s="613"/>
      <c r="UVD662" s="613"/>
      <c r="UVE662" s="613"/>
      <c r="UVF662" s="613"/>
      <c r="UVG662" s="613"/>
      <c r="UVH662" s="613"/>
      <c r="UVI662" s="613"/>
      <c r="UVJ662" s="613"/>
      <c r="UVK662" s="613"/>
      <c r="UVL662" s="613"/>
      <c r="UVM662" s="613"/>
      <c r="UVN662" s="613"/>
      <c r="UVO662" s="613"/>
      <c r="UVP662" s="613"/>
      <c r="UVQ662" s="613"/>
      <c r="UVR662" s="613"/>
      <c r="UVS662" s="613"/>
      <c r="UVT662" s="613"/>
      <c r="UVU662" s="613"/>
      <c r="UVV662" s="613"/>
      <c r="UVW662" s="613"/>
      <c r="UVX662" s="613"/>
      <c r="UVY662" s="613"/>
      <c r="UVZ662" s="613"/>
      <c r="UWA662" s="613"/>
      <c r="UWB662" s="613"/>
      <c r="UWC662" s="613"/>
      <c r="UWD662" s="613"/>
      <c r="UWE662" s="613"/>
      <c r="UWF662" s="613"/>
      <c r="UWG662" s="613"/>
      <c r="UWH662" s="613"/>
      <c r="UWI662" s="613"/>
      <c r="UWJ662" s="613"/>
      <c r="UWK662" s="613"/>
      <c r="UWL662" s="613"/>
      <c r="UWM662" s="613"/>
      <c r="UWN662" s="613"/>
      <c r="UWO662" s="613"/>
      <c r="UWP662" s="613"/>
      <c r="UWQ662" s="613"/>
      <c r="UWR662" s="613"/>
      <c r="UWS662" s="613"/>
      <c r="UWT662" s="613"/>
      <c r="UWU662" s="613"/>
      <c r="UWV662" s="613"/>
      <c r="UWW662" s="613"/>
      <c r="UWX662" s="613"/>
      <c r="UWY662" s="613"/>
      <c r="UWZ662" s="613"/>
      <c r="UXA662" s="613"/>
      <c r="UXB662" s="613"/>
      <c r="UXC662" s="613"/>
      <c r="UXD662" s="613"/>
      <c r="UXE662" s="613"/>
      <c r="UXF662" s="613"/>
      <c r="UXG662" s="613"/>
      <c r="UXH662" s="613"/>
      <c r="UXI662" s="613"/>
      <c r="UXJ662" s="613"/>
      <c r="UXK662" s="613"/>
      <c r="UXL662" s="613"/>
      <c r="UXM662" s="613"/>
      <c r="UXN662" s="613"/>
      <c r="UXO662" s="613"/>
      <c r="UXP662" s="613"/>
      <c r="UXQ662" s="613"/>
      <c r="UXR662" s="613"/>
      <c r="UXS662" s="613"/>
      <c r="UXT662" s="613"/>
      <c r="UXU662" s="613"/>
      <c r="UXV662" s="613"/>
      <c r="UXW662" s="613"/>
      <c r="UXX662" s="613"/>
      <c r="UXY662" s="613"/>
      <c r="UXZ662" s="613"/>
      <c r="UYA662" s="613"/>
      <c r="UYB662" s="613"/>
      <c r="UYC662" s="613"/>
      <c r="UYD662" s="613"/>
      <c r="UYE662" s="613"/>
      <c r="UYF662" s="613"/>
      <c r="UYG662" s="613"/>
      <c r="UYH662" s="613"/>
      <c r="UYI662" s="613"/>
      <c r="UYJ662" s="613"/>
      <c r="UYK662" s="613"/>
      <c r="UYL662" s="613"/>
      <c r="UYM662" s="613"/>
      <c r="UYN662" s="613"/>
      <c r="UYO662" s="613"/>
      <c r="UYP662" s="613"/>
      <c r="UYQ662" s="613"/>
      <c r="UYR662" s="613"/>
      <c r="UYS662" s="613"/>
      <c r="UYT662" s="613"/>
      <c r="UYU662" s="613"/>
      <c r="UYV662" s="613"/>
      <c r="UYW662" s="613"/>
      <c r="UYX662" s="613"/>
      <c r="UYY662" s="613"/>
      <c r="UYZ662" s="613"/>
      <c r="UZA662" s="613"/>
      <c r="UZB662" s="613"/>
      <c r="UZC662" s="613"/>
      <c r="UZD662" s="613"/>
      <c r="UZE662" s="613"/>
      <c r="UZF662" s="613"/>
      <c r="UZG662" s="613"/>
      <c r="UZH662" s="613"/>
      <c r="UZI662" s="613"/>
      <c r="UZJ662" s="613"/>
      <c r="UZK662" s="613"/>
      <c r="UZL662" s="613"/>
      <c r="UZM662" s="613"/>
      <c r="UZN662" s="613"/>
      <c r="UZO662" s="613"/>
      <c r="UZP662" s="613"/>
      <c r="UZQ662" s="613"/>
      <c r="UZR662" s="613"/>
      <c r="UZS662" s="613"/>
      <c r="UZT662" s="613"/>
      <c r="UZU662" s="613"/>
      <c r="UZV662" s="613"/>
      <c r="UZW662" s="613"/>
      <c r="UZX662" s="613"/>
      <c r="UZY662" s="613"/>
      <c r="UZZ662" s="613"/>
      <c r="VAA662" s="613"/>
      <c r="VAB662" s="613"/>
      <c r="VAC662" s="613"/>
      <c r="VAD662" s="613"/>
      <c r="VAE662" s="613"/>
      <c r="VAF662" s="613"/>
      <c r="VAG662" s="613"/>
      <c r="VAH662" s="613"/>
      <c r="VAI662" s="613"/>
      <c r="VAJ662" s="613"/>
      <c r="VAK662" s="613"/>
      <c r="VAL662" s="613"/>
      <c r="VAM662" s="613"/>
      <c r="VAN662" s="613"/>
      <c r="VAO662" s="613"/>
      <c r="VAP662" s="613"/>
      <c r="VAQ662" s="613"/>
      <c r="VAR662" s="613"/>
      <c r="VAS662" s="613"/>
      <c r="VAT662" s="613"/>
      <c r="VAU662" s="613"/>
      <c r="VAV662" s="613"/>
      <c r="VAW662" s="613"/>
      <c r="VAX662" s="613"/>
      <c r="VAY662" s="613"/>
      <c r="VAZ662" s="613"/>
      <c r="VBA662" s="613"/>
      <c r="VBB662" s="613"/>
      <c r="VBC662" s="613"/>
      <c r="VBD662" s="613"/>
      <c r="VBE662" s="613"/>
      <c r="VBF662" s="613"/>
      <c r="VBG662" s="613"/>
      <c r="VBH662" s="613"/>
      <c r="VBI662" s="613"/>
      <c r="VBJ662" s="613"/>
      <c r="VBK662" s="613"/>
      <c r="VBL662" s="613"/>
      <c r="VBM662" s="613"/>
      <c r="VBN662" s="613"/>
      <c r="VBO662" s="613"/>
      <c r="VBP662" s="613"/>
      <c r="VBQ662" s="613"/>
      <c r="VBR662" s="613"/>
      <c r="VBS662" s="613"/>
      <c r="VBT662" s="613"/>
      <c r="VBU662" s="613"/>
      <c r="VBV662" s="613"/>
      <c r="VBW662" s="613"/>
      <c r="VBX662" s="613"/>
      <c r="VBY662" s="613"/>
      <c r="VBZ662" s="613"/>
      <c r="VCA662" s="613"/>
      <c r="VCB662" s="613"/>
      <c r="VCC662" s="613"/>
      <c r="VCD662" s="613"/>
      <c r="VCE662" s="613"/>
      <c r="VCF662" s="613"/>
      <c r="VCG662" s="613"/>
      <c r="VCH662" s="613"/>
      <c r="VCI662" s="613"/>
      <c r="VCJ662" s="613"/>
      <c r="VCK662" s="613"/>
      <c r="VCL662" s="613"/>
      <c r="VCM662" s="613"/>
      <c r="VCN662" s="613"/>
      <c r="VCO662" s="613"/>
      <c r="VCP662" s="613"/>
      <c r="VCQ662" s="613"/>
      <c r="VCR662" s="613"/>
      <c r="VCS662" s="613"/>
      <c r="VCT662" s="613"/>
      <c r="VCU662" s="613"/>
      <c r="VCV662" s="613"/>
      <c r="VCW662" s="613"/>
      <c r="VCX662" s="613"/>
      <c r="VCY662" s="613"/>
      <c r="VCZ662" s="613"/>
      <c r="VDA662" s="613"/>
      <c r="VDB662" s="613"/>
      <c r="VDC662" s="613"/>
      <c r="VDD662" s="613"/>
      <c r="VDE662" s="613"/>
      <c r="VDF662" s="613"/>
      <c r="VDG662" s="613"/>
      <c r="VDH662" s="613"/>
      <c r="VDI662" s="613"/>
      <c r="VDJ662" s="613"/>
      <c r="VDK662" s="613"/>
      <c r="VDL662" s="613"/>
      <c r="VDM662" s="613"/>
      <c r="VDN662" s="613"/>
      <c r="VDO662" s="613"/>
      <c r="VDP662" s="613"/>
      <c r="VDQ662" s="613"/>
      <c r="VDR662" s="613"/>
      <c r="VDS662" s="613"/>
      <c r="VDT662" s="613"/>
      <c r="VDU662" s="613"/>
      <c r="VDV662" s="613"/>
      <c r="VDW662" s="613"/>
      <c r="VDX662" s="613"/>
      <c r="VDY662" s="613"/>
      <c r="VDZ662" s="613"/>
      <c r="VEA662" s="613"/>
      <c r="VEB662" s="613"/>
      <c r="VEC662" s="613"/>
      <c r="VED662" s="613"/>
      <c r="VEE662" s="613"/>
      <c r="VEF662" s="613"/>
      <c r="VEG662" s="613"/>
      <c r="VEH662" s="613"/>
      <c r="VEI662" s="613"/>
      <c r="VEJ662" s="613"/>
      <c r="VEK662" s="613"/>
      <c r="VEL662" s="613"/>
      <c r="VEM662" s="613"/>
      <c r="VEN662" s="613"/>
      <c r="VEO662" s="613"/>
      <c r="VEP662" s="613"/>
      <c r="VEQ662" s="613"/>
      <c r="VER662" s="613"/>
      <c r="VES662" s="613"/>
      <c r="VET662" s="613"/>
      <c r="VEU662" s="613"/>
      <c r="VEV662" s="613"/>
      <c r="VEW662" s="613"/>
      <c r="VEX662" s="613"/>
      <c r="VEY662" s="613"/>
      <c r="VEZ662" s="613"/>
      <c r="VFA662" s="613"/>
      <c r="VFB662" s="613"/>
      <c r="VFC662" s="613"/>
      <c r="VFD662" s="613"/>
      <c r="VFE662" s="613"/>
      <c r="VFF662" s="613"/>
      <c r="VFG662" s="613"/>
      <c r="VFH662" s="613"/>
      <c r="VFI662" s="613"/>
      <c r="VFJ662" s="613"/>
      <c r="VFK662" s="613"/>
      <c r="VFL662" s="613"/>
      <c r="VFM662" s="613"/>
      <c r="VFN662" s="613"/>
      <c r="VFO662" s="613"/>
      <c r="VFP662" s="613"/>
      <c r="VFQ662" s="613"/>
      <c r="VFR662" s="613"/>
      <c r="VFS662" s="613"/>
      <c r="VFT662" s="613"/>
      <c r="VFU662" s="613"/>
      <c r="VFV662" s="613"/>
      <c r="VFW662" s="613"/>
      <c r="VFX662" s="613"/>
      <c r="VFY662" s="613"/>
      <c r="VFZ662" s="613"/>
      <c r="VGA662" s="613"/>
      <c r="VGB662" s="613"/>
      <c r="VGC662" s="613"/>
      <c r="VGD662" s="613"/>
      <c r="VGE662" s="613"/>
      <c r="VGF662" s="613"/>
      <c r="VGG662" s="613"/>
      <c r="VGH662" s="613"/>
      <c r="VGI662" s="613"/>
      <c r="VGJ662" s="613"/>
      <c r="VGK662" s="613"/>
      <c r="VGL662" s="613"/>
      <c r="VGM662" s="613"/>
      <c r="VGN662" s="613"/>
      <c r="VGO662" s="613"/>
      <c r="VGP662" s="613"/>
      <c r="VGQ662" s="613"/>
      <c r="VGR662" s="613"/>
      <c r="VGS662" s="613"/>
      <c r="VGT662" s="613"/>
      <c r="VGU662" s="613"/>
      <c r="VGV662" s="613"/>
      <c r="VGW662" s="613"/>
      <c r="VGX662" s="613"/>
      <c r="VGY662" s="613"/>
      <c r="VGZ662" s="613"/>
      <c r="VHA662" s="613"/>
      <c r="VHB662" s="613"/>
      <c r="VHC662" s="613"/>
      <c r="VHD662" s="613"/>
      <c r="VHE662" s="613"/>
      <c r="VHF662" s="613"/>
      <c r="VHG662" s="613"/>
      <c r="VHH662" s="613"/>
      <c r="VHI662" s="613"/>
      <c r="VHJ662" s="613"/>
      <c r="VHK662" s="613"/>
      <c r="VHL662" s="613"/>
      <c r="VHM662" s="613"/>
      <c r="VHN662" s="613"/>
      <c r="VHO662" s="613"/>
      <c r="VHP662" s="613"/>
      <c r="VHQ662" s="613"/>
      <c r="VHR662" s="613"/>
      <c r="VHS662" s="613"/>
      <c r="VHT662" s="613"/>
      <c r="VHU662" s="613"/>
      <c r="VHV662" s="613"/>
      <c r="VHW662" s="613"/>
      <c r="VHX662" s="613"/>
      <c r="VHY662" s="613"/>
      <c r="VHZ662" s="613"/>
      <c r="VIA662" s="613"/>
      <c r="VIB662" s="613"/>
      <c r="VIC662" s="613"/>
      <c r="VID662" s="613"/>
      <c r="VIE662" s="613"/>
      <c r="VIF662" s="613"/>
      <c r="VIG662" s="613"/>
      <c r="VIH662" s="613"/>
      <c r="VII662" s="613"/>
      <c r="VIJ662" s="613"/>
      <c r="VIK662" s="613"/>
      <c r="VIL662" s="613"/>
      <c r="VIM662" s="613"/>
      <c r="VIN662" s="613"/>
      <c r="VIO662" s="613"/>
      <c r="VIP662" s="613"/>
      <c r="VIQ662" s="613"/>
      <c r="VIR662" s="613"/>
      <c r="VIS662" s="613"/>
      <c r="VIT662" s="613"/>
      <c r="VIU662" s="613"/>
      <c r="VIV662" s="613"/>
      <c r="VIW662" s="613"/>
      <c r="VIX662" s="613"/>
      <c r="VIY662" s="613"/>
      <c r="VIZ662" s="613"/>
      <c r="VJA662" s="613"/>
      <c r="VJB662" s="613"/>
      <c r="VJC662" s="613"/>
      <c r="VJD662" s="613"/>
      <c r="VJE662" s="613"/>
      <c r="VJF662" s="613"/>
      <c r="VJG662" s="613"/>
      <c r="VJH662" s="613"/>
      <c r="VJI662" s="613"/>
      <c r="VJJ662" s="613"/>
      <c r="VJK662" s="613"/>
      <c r="VJL662" s="613"/>
      <c r="VJM662" s="613"/>
      <c r="VJN662" s="613"/>
      <c r="VJO662" s="613"/>
      <c r="VJP662" s="613"/>
      <c r="VJQ662" s="613"/>
      <c r="VJR662" s="613"/>
      <c r="VJS662" s="613"/>
      <c r="VJT662" s="613"/>
      <c r="VJU662" s="613"/>
      <c r="VJV662" s="613"/>
      <c r="VJW662" s="613"/>
      <c r="VJX662" s="613"/>
      <c r="VJY662" s="613"/>
      <c r="VJZ662" s="613"/>
      <c r="VKA662" s="613"/>
      <c r="VKB662" s="613"/>
      <c r="VKC662" s="613"/>
      <c r="VKD662" s="613"/>
      <c r="VKE662" s="613"/>
      <c r="VKF662" s="613"/>
      <c r="VKG662" s="613"/>
      <c r="VKH662" s="613"/>
      <c r="VKI662" s="613"/>
      <c r="VKJ662" s="613"/>
      <c r="VKK662" s="613"/>
      <c r="VKL662" s="613"/>
      <c r="VKM662" s="613"/>
      <c r="VKN662" s="613"/>
      <c r="VKO662" s="613"/>
      <c r="VKP662" s="613"/>
      <c r="VKQ662" s="613"/>
      <c r="VKR662" s="613"/>
      <c r="VKS662" s="613"/>
      <c r="VKT662" s="613"/>
      <c r="VKU662" s="613"/>
      <c r="VKV662" s="613"/>
      <c r="VKW662" s="613"/>
      <c r="VKX662" s="613"/>
      <c r="VKY662" s="613"/>
      <c r="VKZ662" s="613"/>
      <c r="VLA662" s="613"/>
      <c r="VLB662" s="613"/>
      <c r="VLC662" s="613"/>
      <c r="VLD662" s="613"/>
      <c r="VLE662" s="613"/>
      <c r="VLF662" s="613"/>
      <c r="VLG662" s="613"/>
      <c r="VLH662" s="613"/>
      <c r="VLI662" s="613"/>
      <c r="VLJ662" s="613"/>
      <c r="VLK662" s="613"/>
      <c r="VLL662" s="613"/>
      <c r="VLM662" s="613"/>
      <c r="VLN662" s="613"/>
      <c r="VLO662" s="613"/>
      <c r="VLP662" s="613"/>
      <c r="VLQ662" s="613"/>
      <c r="VLR662" s="613"/>
      <c r="VLS662" s="613"/>
      <c r="VLT662" s="613"/>
      <c r="VLU662" s="613"/>
      <c r="VLV662" s="613"/>
      <c r="VLW662" s="613"/>
      <c r="VLX662" s="613"/>
      <c r="VLY662" s="613"/>
      <c r="VLZ662" s="613"/>
      <c r="VMA662" s="613"/>
      <c r="VMB662" s="613"/>
      <c r="VMC662" s="613"/>
      <c r="VMD662" s="613"/>
      <c r="VME662" s="613"/>
      <c r="VMF662" s="613"/>
      <c r="VMG662" s="613"/>
      <c r="VMH662" s="613"/>
      <c r="VMI662" s="613"/>
      <c r="VMJ662" s="613"/>
      <c r="VMK662" s="613"/>
      <c r="VML662" s="613"/>
      <c r="VMM662" s="613"/>
      <c r="VMN662" s="613"/>
      <c r="VMO662" s="613"/>
      <c r="VMP662" s="613"/>
      <c r="VMQ662" s="613"/>
      <c r="VMR662" s="613"/>
      <c r="VMS662" s="613"/>
      <c r="VMT662" s="613"/>
      <c r="VMU662" s="613"/>
      <c r="VMV662" s="613"/>
      <c r="VMW662" s="613"/>
      <c r="VMX662" s="613"/>
      <c r="VMY662" s="613"/>
      <c r="VMZ662" s="613"/>
      <c r="VNA662" s="613"/>
      <c r="VNB662" s="613"/>
      <c r="VNC662" s="613"/>
      <c r="VND662" s="613"/>
      <c r="VNE662" s="613"/>
      <c r="VNF662" s="613"/>
      <c r="VNG662" s="613"/>
      <c r="VNH662" s="613"/>
      <c r="VNI662" s="613"/>
      <c r="VNJ662" s="613"/>
      <c r="VNK662" s="613"/>
      <c r="VNL662" s="613"/>
      <c r="VNM662" s="613"/>
      <c r="VNN662" s="613"/>
      <c r="VNO662" s="613"/>
      <c r="VNP662" s="613"/>
      <c r="VNQ662" s="613"/>
      <c r="VNR662" s="613"/>
      <c r="VNS662" s="613"/>
      <c r="VNT662" s="613"/>
      <c r="VNU662" s="613"/>
      <c r="VNV662" s="613"/>
      <c r="VNW662" s="613"/>
      <c r="VNX662" s="613"/>
      <c r="VNY662" s="613"/>
      <c r="VNZ662" s="613"/>
      <c r="VOA662" s="613"/>
      <c r="VOB662" s="613"/>
      <c r="VOC662" s="613"/>
      <c r="VOD662" s="613"/>
      <c r="VOE662" s="613"/>
      <c r="VOF662" s="613"/>
      <c r="VOG662" s="613"/>
      <c r="VOH662" s="613"/>
      <c r="VOI662" s="613"/>
      <c r="VOJ662" s="613"/>
      <c r="VOK662" s="613"/>
      <c r="VOL662" s="613"/>
      <c r="VOM662" s="613"/>
      <c r="VON662" s="613"/>
      <c r="VOO662" s="613"/>
      <c r="VOP662" s="613"/>
      <c r="VOQ662" s="613"/>
      <c r="VOR662" s="613"/>
      <c r="VOS662" s="613"/>
      <c r="VOT662" s="613"/>
      <c r="VOU662" s="613"/>
      <c r="VOV662" s="613"/>
      <c r="VOW662" s="613"/>
      <c r="VOX662" s="613"/>
      <c r="VOY662" s="613"/>
      <c r="VOZ662" s="613"/>
      <c r="VPA662" s="613"/>
      <c r="VPB662" s="613"/>
      <c r="VPC662" s="613"/>
      <c r="VPD662" s="613"/>
      <c r="VPE662" s="613"/>
      <c r="VPF662" s="613"/>
      <c r="VPG662" s="613"/>
      <c r="VPH662" s="613"/>
      <c r="VPI662" s="613"/>
      <c r="VPJ662" s="613"/>
      <c r="VPK662" s="613"/>
      <c r="VPL662" s="613"/>
      <c r="VPM662" s="613"/>
      <c r="VPN662" s="613"/>
      <c r="VPO662" s="613"/>
      <c r="VPP662" s="613"/>
      <c r="VPQ662" s="613"/>
      <c r="VPR662" s="613"/>
      <c r="VPS662" s="613"/>
      <c r="VPT662" s="613"/>
      <c r="VPU662" s="613"/>
      <c r="VPV662" s="613"/>
      <c r="VPW662" s="613"/>
      <c r="VPX662" s="613"/>
      <c r="VPY662" s="613"/>
      <c r="VPZ662" s="613"/>
      <c r="VQA662" s="613"/>
      <c r="VQB662" s="613"/>
      <c r="VQC662" s="613"/>
      <c r="VQD662" s="613"/>
      <c r="VQE662" s="613"/>
      <c r="VQF662" s="613"/>
      <c r="VQG662" s="613"/>
      <c r="VQH662" s="613"/>
      <c r="VQI662" s="613"/>
      <c r="VQJ662" s="613"/>
      <c r="VQK662" s="613"/>
      <c r="VQL662" s="613"/>
      <c r="VQM662" s="613"/>
      <c r="VQN662" s="613"/>
      <c r="VQO662" s="613"/>
      <c r="VQP662" s="613"/>
      <c r="VQQ662" s="613"/>
      <c r="VQR662" s="613"/>
      <c r="VQS662" s="613"/>
      <c r="VQT662" s="613"/>
      <c r="VQU662" s="613"/>
      <c r="VQV662" s="613"/>
      <c r="VQW662" s="613"/>
      <c r="VQX662" s="613"/>
      <c r="VQY662" s="613"/>
      <c r="VQZ662" s="613"/>
      <c r="VRA662" s="613"/>
      <c r="VRB662" s="613"/>
      <c r="VRC662" s="613"/>
      <c r="VRD662" s="613"/>
      <c r="VRE662" s="613"/>
      <c r="VRF662" s="613"/>
      <c r="VRG662" s="613"/>
      <c r="VRH662" s="613"/>
      <c r="VRI662" s="613"/>
      <c r="VRJ662" s="613"/>
      <c r="VRK662" s="613"/>
      <c r="VRL662" s="613"/>
      <c r="VRM662" s="613"/>
      <c r="VRN662" s="613"/>
      <c r="VRO662" s="613"/>
      <c r="VRP662" s="613"/>
      <c r="VRQ662" s="613"/>
      <c r="VRR662" s="613"/>
      <c r="VRS662" s="613"/>
      <c r="VRT662" s="613"/>
      <c r="VRU662" s="613"/>
      <c r="VRV662" s="613"/>
      <c r="VRW662" s="613"/>
      <c r="VRX662" s="613"/>
      <c r="VRY662" s="613"/>
      <c r="VRZ662" s="613"/>
      <c r="VSA662" s="613"/>
      <c r="VSB662" s="613"/>
      <c r="VSC662" s="613"/>
      <c r="VSD662" s="613"/>
      <c r="VSE662" s="613"/>
      <c r="VSF662" s="613"/>
      <c r="VSG662" s="613"/>
      <c r="VSH662" s="613"/>
      <c r="VSI662" s="613"/>
      <c r="VSJ662" s="613"/>
      <c r="VSK662" s="613"/>
      <c r="VSL662" s="613"/>
      <c r="VSM662" s="613"/>
      <c r="VSN662" s="613"/>
      <c r="VSO662" s="613"/>
      <c r="VSP662" s="613"/>
      <c r="VSQ662" s="613"/>
      <c r="VSR662" s="613"/>
      <c r="VSS662" s="613"/>
      <c r="VST662" s="613"/>
      <c r="VSU662" s="613"/>
      <c r="VSV662" s="613"/>
      <c r="VSW662" s="613"/>
      <c r="VSX662" s="613"/>
      <c r="VSY662" s="613"/>
      <c r="VSZ662" s="613"/>
      <c r="VTA662" s="613"/>
      <c r="VTB662" s="613"/>
      <c r="VTC662" s="613"/>
      <c r="VTD662" s="613"/>
      <c r="VTE662" s="613"/>
      <c r="VTF662" s="613"/>
      <c r="VTG662" s="613"/>
      <c r="VTH662" s="613"/>
      <c r="VTI662" s="613"/>
      <c r="VTJ662" s="613"/>
      <c r="VTK662" s="613"/>
      <c r="VTL662" s="613"/>
      <c r="VTM662" s="613"/>
      <c r="VTN662" s="613"/>
      <c r="VTO662" s="613"/>
      <c r="VTP662" s="613"/>
      <c r="VTQ662" s="613"/>
      <c r="VTR662" s="613"/>
      <c r="VTS662" s="613"/>
      <c r="VTT662" s="613"/>
      <c r="VTU662" s="613"/>
      <c r="VTV662" s="613"/>
      <c r="VTW662" s="613"/>
      <c r="VTX662" s="613"/>
      <c r="VTY662" s="613"/>
      <c r="VTZ662" s="613"/>
      <c r="VUA662" s="613"/>
      <c r="VUB662" s="613"/>
      <c r="VUC662" s="613"/>
      <c r="VUD662" s="613"/>
      <c r="VUE662" s="613"/>
      <c r="VUF662" s="613"/>
      <c r="VUG662" s="613"/>
      <c r="VUH662" s="613"/>
      <c r="VUI662" s="613"/>
      <c r="VUJ662" s="613"/>
      <c r="VUK662" s="613"/>
      <c r="VUL662" s="613"/>
      <c r="VUM662" s="613"/>
      <c r="VUN662" s="613"/>
      <c r="VUO662" s="613"/>
      <c r="VUP662" s="613"/>
      <c r="VUQ662" s="613"/>
      <c r="VUR662" s="613"/>
      <c r="VUS662" s="613"/>
      <c r="VUT662" s="613"/>
      <c r="VUU662" s="613"/>
      <c r="VUV662" s="613"/>
      <c r="VUW662" s="613"/>
      <c r="VUX662" s="613"/>
      <c r="VUY662" s="613"/>
      <c r="VUZ662" s="613"/>
      <c r="VVA662" s="613"/>
      <c r="VVB662" s="613"/>
      <c r="VVC662" s="613"/>
      <c r="VVD662" s="613"/>
      <c r="VVE662" s="613"/>
      <c r="VVF662" s="613"/>
      <c r="VVG662" s="613"/>
      <c r="VVH662" s="613"/>
      <c r="VVI662" s="613"/>
      <c r="VVJ662" s="613"/>
      <c r="VVK662" s="613"/>
      <c r="VVL662" s="613"/>
      <c r="VVM662" s="613"/>
      <c r="VVN662" s="613"/>
      <c r="VVO662" s="613"/>
      <c r="VVP662" s="613"/>
      <c r="VVQ662" s="613"/>
      <c r="VVR662" s="613"/>
      <c r="VVS662" s="613"/>
      <c r="VVT662" s="613"/>
      <c r="VVU662" s="613"/>
      <c r="VVV662" s="613"/>
      <c r="VVW662" s="613"/>
      <c r="VVX662" s="613"/>
      <c r="VVY662" s="613"/>
      <c r="VVZ662" s="613"/>
      <c r="VWA662" s="613"/>
      <c r="VWB662" s="613"/>
      <c r="VWC662" s="613"/>
      <c r="VWD662" s="613"/>
      <c r="VWE662" s="613"/>
      <c r="VWF662" s="613"/>
      <c r="VWG662" s="613"/>
      <c r="VWH662" s="613"/>
      <c r="VWI662" s="613"/>
      <c r="VWJ662" s="613"/>
      <c r="VWK662" s="613"/>
      <c r="VWL662" s="613"/>
      <c r="VWM662" s="613"/>
      <c r="VWN662" s="613"/>
      <c r="VWO662" s="613"/>
      <c r="VWP662" s="613"/>
      <c r="VWQ662" s="613"/>
      <c r="VWR662" s="613"/>
      <c r="VWS662" s="613"/>
      <c r="VWT662" s="613"/>
      <c r="VWU662" s="613"/>
      <c r="VWV662" s="613"/>
      <c r="VWW662" s="613"/>
      <c r="VWX662" s="613"/>
      <c r="VWY662" s="613"/>
      <c r="VWZ662" s="613"/>
      <c r="VXA662" s="613"/>
      <c r="VXB662" s="613"/>
      <c r="VXC662" s="613"/>
      <c r="VXD662" s="613"/>
      <c r="VXE662" s="613"/>
      <c r="VXF662" s="613"/>
      <c r="VXG662" s="613"/>
      <c r="VXH662" s="613"/>
      <c r="VXI662" s="613"/>
      <c r="VXJ662" s="613"/>
      <c r="VXK662" s="613"/>
      <c r="VXL662" s="613"/>
      <c r="VXM662" s="613"/>
      <c r="VXN662" s="613"/>
      <c r="VXO662" s="613"/>
      <c r="VXP662" s="613"/>
      <c r="VXQ662" s="613"/>
      <c r="VXR662" s="613"/>
      <c r="VXS662" s="613"/>
      <c r="VXT662" s="613"/>
      <c r="VXU662" s="613"/>
      <c r="VXV662" s="613"/>
      <c r="VXW662" s="613"/>
      <c r="VXX662" s="613"/>
      <c r="VXY662" s="613"/>
      <c r="VXZ662" s="613"/>
      <c r="VYA662" s="613"/>
      <c r="VYB662" s="613"/>
      <c r="VYC662" s="613"/>
      <c r="VYD662" s="613"/>
      <c r="VYE662" s="613"/>
      <c r="VYF662" s="613"/>
      <c r="VYG662" s="613"/>
      <c r="VYH662" s="613"/>
      <c r="VYI662" s="613"/>
      <c r="VYJ662" s="613"/>
      <c r="VYK662" s="613"/>
      <c r="VYL662" s="613"/>
      <c r="VYM662" s="613"/>
      <c r="VYN662" s="613"/>
      <c r="VYO662" s="613"/>
      <c r="VYP662" s="613"/>
      <c r="VYQ662" s="613"/>
      <c r="VYR662" s="613"/>
      <c r="VYS662" s="613"/>
      <c r="VYT662" s="613"/>
      <c r="VYU662" s="613"/>
      <c r="VYV662" s="613"/>
      <c r="VYW662" s="613"/>
      <c r="VYX662" s="613"/>
      <c r="VYY662" s="613"/>
      <c r="VYZ662" s="613"/>
      <c r="VZA662" s="613"/>
      <c r="VZB662" s="613"/>
      <c r="VZC662" s="613"/>
      <c r="VZD662" s="613"/>
      <c r="VZE662" s="613"/>
      <c r="VZF662" s="613"/>
      <c r="VZG662" s="613"/>
      <c r="VZH662" s="613"/>
      <c r="VZI662" s="613"/>
      <c r="VZJ662" s="613"/>
      <c r="VZK662" s="613"/>
      <c r="VZL662" s="613"/>
      <c r="VZM662" s="613"/>
      <c r="VZN662" s="613"/>
      <c r="VZO662" s="613"/>
      <c r="VZP662" s="613"/>
      <c r="VZQ662" s="613"/>
      <c r="VZR662" s="613"/>
      <c r="VZS662" s="613"/>
      <c r="VZT662" s="613"/>
      <c r="VZU662" s="613"/>
      <c r="VZV662" s="613"/>
      <c r="VZW662" s="613"/>
      <c r="VZX662" s="613"/>
      <c r="VZY662" s="613"/>
      <c r="VZZ662" s="613"/>
      <c r="WAA662" s="613"/>
      <c r="WAB662" s="613"/>
      <c r="WAC662" s="613"/>
      <c r="WAD662" s="613"/>
      <c r="WAE662" s="613"/>
      <c r="WAF662" s="613"/>
      <c r="WAG662" s="613"/>
      <c r="WAH662" s="613"/>
      <c r="WAI662" s="613"/>
      <c r="WAJ662" s="613"/>
      <c r="WAK662" s="613"/>
      <c r="WAL662" s="613"/>
      <c r="WAM662" s="613"/>
      <c r="WAN662" s="613"/>
      <c r="WAO662" s="613"/>
      <c r="WAP662" s="613"/>
      <c r="WAQ662" s="613"/>
      <c r="WAR662" s="613"/>
      <c r="WAS662" s="613"/>
      <c r="WAT662" s="613"/>
      <c r="WAU662" s="613"/>
      <c r="WAV662" s="613"/>
      <c r="WAW662" s="613"/>
      <c r="WAX662" s="613"/>
      <c r="WAY662" s="613"/>
      <c r="WAZ662" s="613"/>
      <c r="WBA662" s="613"/>
      <c r="WBB662" s="613"/>
      <c r="WBC662" s="613"/>
      <c r="WBD662" s="613"/>
      <c r="WBE662" s="613"/>
      <c r="WBF662" s="613"/>
      <c r="WBG662" s="613"/>
      <c r="WBH662" s="613"/>
      <c r="WBI662" s="613"/>
      <c r="WBJ662" s="613"/>
      <c r="WBK662" s="613"/>
      <c r="WBL662" s="613"/>
      <c r="WBM662" s="613"/>
      <c r="WBN662" s="613"/>
      <c r="WBO662" s="613"/>
      <c r="WBP662" s="613"/>
      <c r="WBQ662" s="613"/>
      <c r="WBR662" s="613"/>
      <c r="WBS662" s="613"/>
      <c r="WBT662" s="613"/>
      <c r="WBU662" s="613"/>
      <c r="WBV662" s="613"/>
      <c r="WBW662" s="613"/>
      <c r="WBX662" s="613"/>
      <c r="WBY662" s="613"/>
      <c r="WBZ662" s="613"/>
      <c r="WCA662" s="613"/>
      <c r="WCB662" s="613"/>
      <c r="WCC662" s="613"/>
      <c r="WCD662" s="613"/>
      <c r="WCE662" s="613"/>
      <c r="WCF662" s="613"/>
      <c r="WCG662" s="613"/>
      <c r="WCH662" s="613"/>
      <c r="WCI662" s="613"/>
      <c r="WCJ662" s="613"/>
      <c r="WCK662" s="613"/>
      <c r="WCL662" s="613"/>
      <c r="WCM662" s="613"/>
      <c r="WCN662" s="613"/>
      <c r="WCO662" s="613"/>
      <c r="WCP662" s="613"/>
      <c r="WCQ662" s="613"/>
      <c r="WCR662" s="613"/>
      <c r="WCS662" s="613"/>
      <c r="WCT662" s="613"/>
      <c r="WCU662" s="613"/>
      <c r="WCV662" s="613"/>
      <c r="WCW662" s="613"/>
      <c r="WCX662" s="613"/>
      <c r="WCY662" s="613"/>
      <c r="WCZ662" s="613"/>
      <c r="WDA662" s="613"/>
      <c r="WDB662" s="613"/>
      <c r="WDC662" s="613"/>
      <c r="WDD662" s="613"/>
      <c r="WDE662" s="613"/>
      <c r="WDF662" s="613"/>
      <c r="WDG662" s="613"/>
      <c r="WDH662" s="613"/>
      <c r="WDI662" s="613"/>
      <c r="WDJ662" s="613"/>
      <c r="WDK662" s="613"/>
      <c r="WDL662" s="613"/>
      <c r="WDM662" s="613"/>
      <c r="WDN662" s="613"/>
      <c r="WDO662" s="613"/>
      <c r="WDP662" s="613"/>
      <c r="WDQ662" s="613"/>
      <c r="WDR662" s="613"/>
      <c r="WDS662" s="613"/>
      <c r="WDT662" s="613"/>
      <c r="WDU662" s="613"/>
      <c r="WDV662" s="613"/>
      <c r="WDW662" s="613"/>
      <c r="WDX662" s="613"/>
      <c r="WDY662" s="613"/>
      <c r="WDZ662" s="613"/>
      <c r="WEA662" s="613"/>
      <c r="WEB662" s="613"/>
      <c r="WEC662" s="613"/>
      <c r="WED662" s="613"/>
      <c r="WEE662" s="613"/>
      <c r="WEF662" s="613"/>
      <c r="WEG662" s="613"/>
      <c r="WEH662" s="613"/>
      <c r="WEI662" s="613"/>
      <c r="WEJ662" s="613"/>
      <c r="WEK662" s="613"/>
      <c r="WEL662" s="613"/>
      <c r="WEM662" s="613"/>
      <c r="WEN662" s="613"/>
      <c r="WEO662" s="613"/>
      <c r="WEP662" s="613"/>
      <c r="WEQ662" s="613"/>
      <c r="WER662" s="613"/>
      <c r="WES662" s="613"/>
      <c r="WET662" s="613"/>
      <c r="WEU662" s="613"/>
      <c r="WEV662" s="613"/>
      <c r="WEW662" s="613"/>
      <c r="WEX662" s="613"/>
      <c r="WEY662" s="613"/>
      <c r="WEZ662" s="613"/>
      <c r="WFA662" s="613"/>
      <c r="WFB662" s="613"/>
      <c r="WFC662" s="613"/>
      <c r="WFD662" s="613"/>
      <c r="WFE662" s="613"/>
      <c r="WFF662" s="613"/>
      <c r="WFG662" s="613"/>
      <c r="WFH662" s="613"/>
      <c r="WFI662" s="613"/>
      <c r="WFJ662" s="613"/>
      <c r="WFK662" s="613"/>
      <c r="WFL662" s="613"/>
      <c r="WFM662" s="613"/>
      <c r="WFN662" s="613"/>
      <c r="WFO662" s="613"/>
      <c r="WFP662" s="613"/>
      <c r="WFQ662" s="613"/>
      <c r="WFR662" s="613"/>
      <c r="WFS662" s="613"/>
      <c r="WFT662" s="613"/>
      <c r="WFU662" s="613"/>
      <c r="WFV662" s="613"/>
      <c r="WFW662" s="613"/>
      <c r="WFX662" s="613"/>
      <c r="WFY662" s="613"/>
      <c r="WFZ662" s="613"/>
      <c r="WGA662" s="613"/>
      <c r="WGB662" s="613"/>
      <c r="WGC662" s="613"/>
      <c r="WGD662" s="613"/>
      <c r="WGE662" s="613"/>
      <c r="WGF662" s="613"/>
      <c r="WGG662" s="613"/>
      <c r="WGH662" s="613"/>
      <c r="WGI662" s="613"/>
      <c r="WGJ662" s="613"/>
      <c r="WGK662" s="613"/>
      <c r="WGL662" s="613"/>
      <c r="WGM662" s="613"/>
      <c r="WGN662" s="613"/>
      <c r="WGO662" s="613"/>
      <c r="WGP662" s="613"/>
      <c r="WGQ662" s="613"/>
      <c r="WGR662" s="613"/>
      <c r="WGS662" s="613"/>
      <c r="WGT662" s="613"/>
      <c r="WGU662" s="613"/>
      <c r="WGV662" s="613"/>
      <c r="WGW662" s="613"/>
      <c r="WGX662" s="613"/>
      <c r="WGY662" s="613"/>
      <c r="WGZ662" s="613"/>
      <c r="WHA662" s="613"/>
      <c r="WHB662" s="613"/>
      <c r="WHC662" s="613"/>
      <c r="WHD662" s="613"/>
      <c r="WHE662" s="613"/>
      <c r="WHF662" s="613"/>
      <c r="WHG662" s="613"/>
      <c r="WHH662" s="613"/>
      <c r="WHI662" s="613"/>
      <c r="WHJ662" s="613"/>
      <c r="WHK662" s="613"/>
      <c r="WHL662" s="613"/>
      <c r="WHM662" s="613"/>
      <c r="WHN662" s="613"/>
      <c r="WHO662" s="613"/>
      <c r="WHP662" s="613"/>
      <c r="WHQ662" s="613"/>
      <c r="WHR662" s="613"/>
      <c r="WHS662" s="613"/>
      <c r="WHT662" s="613"/>
      <c r="WHU662" s="613"/>
      <c r="WHV662" s="613"/>
      <c r="WHW662" s="613"/>
      <c r="WHX662" s="613"/>
      <c r="WHY662" s="613"/>
      <c r="WHZ662" s="613"/>
      <c r="WIA662" s="613"/>
      <c r="WIB662" s="613"/>
      <c r="WIC662" s="613"/>
      <c r="WID662" s="613"/>
      <c r="WIE662" s="613"/>
      <c r="WIF662" s="613"/>
      <c r="WIG662" s="613"/>
      <c r="WIH662" s="613"/>
      <c r="WII662" s="613"/>
      <c r="WIJ662" s="613"/>
      <c r="WIK662" s="613"/>
      <c r="WIL662" s="613"/>
      <c r="WIM662" s="613"/>
      <c r="WIN662" s="613"/>
      <c r="WIO662" s="613"/>
      <c r="WIP662" s="613"/>
      <c r="WIQ662" s="613"/>
      <c r="WIR662" s="613"/>
      <c r="WIS662" s="613"/>
      <c r="WIT662" s="613"/>
      <c r="WIU662" s="613"/>
      <c r="WIV662" s="613"/>
      <c r="WIW662" s="613"/>
      <c r="WIX662" s="613"/>
      <c r="WIY662" s="613"/>
      <c r="WIZ662" s="613"/>
      <c r="WJA662" s="613"/>
      <c r="WJB662" s="613"/>
      <c r="WJC662" s="613"/>
      <c r="WJD662" s="613"/>
      <c r="WJE662" s="613"/>
      <c r="WJF662" s="613"/>
      <c r="WJG662" s="613"/>
      <c r="WJH662" s="613"/>
      <c r="WJI662" s="613"/>
      <c r="WJJ662" s="613"/>
      <c r="WJK662" s="613"/>
      <c r="WJL662" s="613"/>
      <c r="WJM662" s="613"/>
      <c r="WJN662" s="613"/>
      <c r="WJO662" s="613"/>
      <c r="WJP662" s="613"/>
      <c r="WJQ662" s="613"/>
      <c r="WJR662" s="613"/>
      <c r="WJS662" s="613"/>
      <c r="WJT662" s="613"/>
      <c r="WJU662" s="613"/>
      <c r="WJV662" s="613"/>
      <c r="WJW662" s="613"/>
      <c r="WJX662" s="613"/>
      <c r="WJY662" s="613"/>
      <c r="WJZ662" s="613"/>
      <c r="WKA662" s="613"/>
      <c r="WKB662" s="613"/>
      <c r="WKC662" s="613"/>
      <c r="WKD662" s="613"/>
      <c r="WKE662" s="613"/>
      <c r="WKF662" s="613"/>
      <c r="WKG662" s="613"/>
      <c r="WKH662" s="613"/>
      <c r="WKI662" s="613"/>
      <c r="WKJ662" s="613"/>
      <c r="WKK662" s="613"/>
      <c r="WKL662" s="613"/>
      <c r="WKM662" s="613"/>
      <c r="WKN662" s="613"/>
      <c r="WKO662" s="613"/>
      <c r="WKP662" s="613"/>
      <c r="WKQ662" s="613"/>
      <c r="WKR662" s="613"/>
      <c r="WKS662" s="613"/>
      <c r="WKT662" s="613"/>
      <c r="WKU662" s="613"/>
      <c r="WKV662" s="613"/>
      <c r="WKW662" s="613"/>
      <c r="WKX662" s="613"/>
      <c r="WKY662" s="613"/>
      <c r="WKZ662" s="613"/>
      <c r="WLA662" s="613"/>
      <c r="WLB662" s="613"/>
      <c r="WLC662" s="613"/>
      <c r="WLD662" s="613"/>
      <c r="WLE662" s="613"/>
      <c r="WLF662" s="613"/>
      <c r="WLG662" s="613"/>
      <c r="WLH662" s="613"/>
      <c r="WLI662" s="613"/>
      <c r="WLJ662" s="613"/>
      <c r="WLK662" s="613"/>
      <c r="WLL662" s="613"/>
      <c r="WLM662" s="613"/>
      <c r="WLN662" s="613"/>
      <c r="WLO662" s="613"/>
      <c r="WLP662" s="613"/>
      <c r="WLQ662" s="613"/>
      <c r="WLR662" s="613"/>
      <c r="WLS662" s="613"/>
      <c r="WLT662" s="613"/>
      <c r="WLU662" s="613"/>
      <c r="WLV662" s="613"/>
      <c r="WLW662" s="613"/>
      <c r="WLX662" s="613"/>
      <c r="WLY662" s="613"/>
      <c r="WLZ662" s="613"/>
      <c r="WMA662" s="613"/>
      <c r="WMB662" s="613"/>
      <c r="WMC662" s="613"/>
      <c r="WMD662" s="613"/>
      <c r="WME662" s="613"/>
      <c r="WMF662" s="613"/>
      <c r="WMG662" s="613"/>
      <c r="WMH662" s="613"/>
      <c r="WMI662" s="613"/>
      <c r="WMJ662" s="613"/>
      <c r="WMK662" s="613"/>
      <c r="WML662" s="613"/>
      <c r="WMM662" s="613"/>
      <c r="WMN662" s="613"/>
      <c r="WMO662" s="613"/>
      <c r="WMP662" s="613"/>
      <c r="WMQ662" s="613"/>
      <c r="WMR662" s="613"/>
      <c r="WMS662" s="613"/>
      <c r="WMT662" s="613"/>
      <c r="WMU662" s="613"/>
      <c r="WMV662" s="613"/>
      <c r="WMW662" s="613"/>
      <c r="WMX662" s="613"/>
      <c r="WMY662" s="613"/>
      <c r="WMZ662" s="613"/>
      <c r="WNA662" s="613"/>
      <c r="WNB662" s="613"/>
      <c r="WNC662" s="613"/>
      <c r="WND662" s="613"/>
      <c r="WNE662" s="613"/>
      <c r="WNF662" s="613"/>
      <c r="WNG662" s="613"/>
      <c r="WNH662" s="613"/>
      <c r="WNI662" s="613"/>
      <c r="WNJ662" s="613"/>
      <c r="WNK662" s="613"/>
      <c r="WNL662" s="613"/>
      <c r="WNM662" s="613"/>
      <c r="WNN662" s="613"/>
      <c r="WNO662" s="613"/>
      <c r="WNP662" s="613"/>
      <c r="WNQ662" s="613"/>
      <c r="WNR662" s="613"/>
      <c r="WNS662" s="613"/>
      <c r="WNT662" s="613"/>
      <c r="WNU662" s="613"/>
      <c r="WNV662" s="613"/>
      <c r="WNW662" s="613"/>
      <c r="WNX662" s="613"/>
      <c r="WNY662" s="613"/>
      <c r="WNZ662" s="613"/>
      <c r="WOA662" s="613"/>
      <c r="WOB662" s="613"/>
      <c r="WOC662" s="613"/>
      <c r="WOD662" s="613"/>
      <c r="WOE662" s="613"/>
      <c r="WOF662" s="613"/>
      <c r="WOG662" s="613"/>
      <c r="WOH662" s="613"/>
      <c r="WOI662" s="613"/>
      <c r="WOJ662" s="613"/>
      <c r="WOK662" s="613"/>
      <c r="WOL662" s="613"/>
      <c r="WOM662" s="613"/>
      <c r="WON662" s="613"/>
      <c r="WOO662" s="613"/>
      <c r="WOP662" s="613"/>
      <c r="WOQ662" s="613"/>
      <c r="WOR662" s="613"/>
      <c r="WOS662" s="613"/>
      <c r="WOT662" s="613"/>
      <c r="WOU662" s="613"/>
      <c r="WOV662" s="613"/>
      <c r="WOW662" s="613"/>
      <c r="WOX662" s="613"/>
      <c r="WOY662" s="613"/>
      <c r="WOZ662" s="613"/>
      <c r="WPA662" s="613"/>
      <c r="WPB662" s="613"/>
      <c r="WPC662" s="613"/>
      <c r="WPD662" s="613"/>
      <c r="WPE662" s="613"/>
      <c r="WPF662" s="613"/>
      <c r="WPG662" s="613"/>
      <c r="WPH662" s="613"/>
      <c r="WPI662" s="613"/>
      <c r="WPJ662" s="613"/>
      <c r="WPK662" s="613"/>
      <c r="WPL662" s="613"/>
      <c r="WPM662" s="613"/>
      <c r="WPN662" s="613"/>
      <c r="WPO662" s="613"/>
      <c r="WPP662" s="613"/>
      <c r="WPQ662" s="613"/>
      <c r="WPR662" s="613"/>
      <c r="WPS662" s="613"/>
      <c r="WPT662" s="613"/>
      <c r="WPU662" s="613"/>
      <c r="WPV662" s="613"/>
      <c r="WPW662" s="613"/>
      <c r="WPX662" s="613"/>
      <c r="WPY662" s="613"/>
      <c r="WPZ662" s="613"/>
      <c r="WQA662" s="613"/>
      <c r="WQB662" s="613"/>
      <c r="WQC662" s="613"/>
      <c r="WQD662" s="613"/>
      <c r="WQE662" s="613"/>
      <c r="WQF662" s="613"/>
      <c r="WQG662" s="613"/>
      <c r="WQH662" s="613"/>
      <c r="WQI662" s="613"/>
      <c r="WQJ662" s="613"/>
      <c r="WQK662" s="613"/>
      <c r="WQL662" s="613"/>
      <c r="WQM662" s="613"/>
      <c r="WQN662" s="613"/>
      <c r="WQO662" s="613"/>
      <c r="WQP662" s="613"/>
      <c r="WQQ662" s="613"/>
      <c r="WQR662" s="613"/>
      <c r="WQS662" s="613"/>
      <c r="WQT662" s="613"/>
      <c r="WQU662" s="613"/>
      <c r="WQV662" s="613"/>
      <c r="WQW662" s="613"/>
      <c r="WQX662" s="613"/>
      <c r="WQY662" s="613"/>
      <c r="WQZ662" s="613"/>
      <c r="WRA662" s="613"/>
      <c r="WRB662" s="613"/>
      <c r="WRC662" s="613"/>
      <c r="WRD662" s="613"/>
      <c r="WRE662" s="613"/>
      <c r="WRF662" s="613"/>
      <c r="WRG662" s="613"/>
      <c r="WRH662" s="613"/>
      <c r="WRI662" s="613"/>
      <c r="WRJ662" s="613"/>
      <c r="WRK662" s="613"/>
      <c r="WRL662" s="613"/>
      <c r="WRM662" s="613"/>
      <c r="WRN662" s="613"/>
      <c r="WRO662" s="613"/>
      <c r="WRP662" s="613"/>
      <c r="WRQ662" s="613"/>
      <c r="WRR662" s="613"/>
      <c r="WRS662" s="613"/>
      <c r="WRT662" s="613"/>
      <c r="WRU662" s="613"/>
      <c r="WRV662" s="613"/>
      <c r="WRW662" s="613"/>
      <c r="WRX662" s="613"/>
      <c r="WRY662" s="613"/>
      <c r="WRZ662" s="613"/>
      <c r="WSA662" s="613"/>
      <c r="WSB662" s="613"/>
      <c r="WSC662" s="613"/>
      <c r="WSD662" s="613"/>
      <c r="WSE662" s="613"/>
      <c r="WSF662" s="613"/>
      <c r="WSG662" s="613"/>
      <c r="WSH662" s="613"/>
      <c r="WSI662" s="613"/>
      <c r="WSJ662" s="613"/>
      <c r="WSK662" s="613"/>
      <c r="WSL662" s="613"/>
      <c r="WSM662" s="613"/>
      <c r="WSN662" s="613"/>
      <c r="WSO662" s="613"/>
      <c r="WSP662" s="613"/>
      <c r="WSQ662" s="613"/>
      <c r="WSR662" s="613"/>
      <c r="WSS662" s="613"/>
      <c r="WST662" s="613"/>
      <c r="WSU662" s="613"/>
      <c r="WSV662" s="613"/>
      <c r="WSW662" s="613"/>
      <c r="WSX662" s="613"/>
      <c r="WSY662" s="613"/>
      <c r="WSZ662" s="613"/>
      <c r="WTA662" s="613"/>
      <c r="WTB662" s="613"/>
      <c r="WTC662" s="613"/>
      <c r="WTD662" s="613"/>
      <c r="WTE662" s="613"/>
      <c r="WTF662" s="613"/>
      <c r="WTG662" s="613"/>
      <c r="WTH662" s="613"/>
      <c r="WTI662" s="613"/>
      <c r="WTJ662" s="613"/>
      <c r="WTK662" s="613"/>
      <c r="WTL662" s="613"/>
      <c r="WTM662" s="613"/>
      <c r="WTN662" s="613"/>
      <c r="WTO662" s="613"/>
      <c r="WTP662" s="613"/>
      <c r="WTQ662" s="613"/>
      <c r="WTR662" s="613"/>
      <c r="WTS662" s="613"/>
      <c r="WTT662" s="613"/>
      <c r="WTU662" s="613"/>
      <c r="WTV662" s="613"/>
      <c r="WTW662" s="613"/>
      <c r="WTX662" s="613"/>
      <c r="WTY662" s="613"/>
      <c r="WTZ662" s="613"/>
      <c r="WUA662" s="613"/>
      <c r="WUB662" s="613"/>
      <c r="WUC662" s="613"/>
      <c r="WUD662" s="613"/>
      <c r="WUE662" s="613"/>
      <c r="WUF662" s="613"/>
      <c r="WUG662" s="613"/>
      <c r="WUH662" s="613"/>
      <c r="WUI662" s="613"/>
      <c r="WUJ662" s="613"/>
      <c r="WUK662" s="613"/>
      <c r="WUL662" s="613"/>
      <c r="WUM662" s="613"/>
      <c r="WUN662" s="613"/>
      <c r="WUO662" s="613"/>
      <c r="WUP662" s="613"/>
      <c r="WUQ662" s="613"/>
      <c r="WUR662" s="613"/>
      <c r="WUS662" s="613"/>
      <c r="WUT662" s="613"/>
      <c r="WUU662" s="613"/>
      <c r="WUV662" s="613"/>
      <c r="WUW662" s="613"/>
      <c r="WUX662" s="613"/>
      <c r="WUY662" s="613"/>
      <c r="WUZ662" s="613"/>
      <c r="WVA662" s="613"/>
      <c r="WVB662" s="613"/>
      <c r="WVC662" s="613"/>
      <c r="WVD662" s="613"/>
      <c r="WVE662" s="613"/>
      <c r="WVF662" s="613"/>
      <c r="WVG662" s="613"/>
      <c r="WVH662" s="613"/>
      <c r="WVI662" s="613"/>
      <c r="WVJ662" s="613"/>
      <c r="WVK662" s="613"/>
      <c r="WVL662" s="613"/>
      <c r="WVM662" s="613"/>
      <c r="WVN662" s="613"/>
      <c r="WVO662" s="613"/>
      <c r="WVP662" s="613"/>
      <c r="WVQ662" s="613"/>
      <c r="WVR662" s="613"/>
      <c r="WVS662" s="613"/>
      <c r="WVT662" s="613"/>
      <c r="WVU662" s="613"/>
      <c r="WVV662" s="613"/>
      <c r="WVW662" s="613"/>
      <c r="WVX662" s="613"/>
      <c r="WVY662" s="613"/>
      <c r="WVZ662" s="613"/>
      <c r="WWA662" s="613"/>
      <c r="WWB662" s="613"/>
      <c r="WWC662" s="613"/>
      <c r="WWD662" s="613"/>
      <c r="WWE662" s="613"/>
      <c r="WWF662" s="613"/>
      <c r="WWG662" s="613"/>
      <c r="WWH662" s="613"/>
      <c r="WWI662" s="613"/>
      <c r="WWJ662" s="613"/>
      <c r="WWK662" s="613"/>
      <c r="WWL662" s="613"/>
      <c r="WWM662" s="613"/>
      <c r="WWN662" s="613"/>
      <c r="WWO662" s="613"/>
      <c r="WWP662" s="613"/>
      <c r="WWQ662" s="613"/>
      <c r="WWR662" s="613"/>
      <c r="WWS662" s="613"/>
      <c r="WWT662" s="613"/>
      <c r="WWU662" s="613"/>
      <c r="WWV662" s="613"/>
      <c r="WWW662" s="613"/>
      <c r="WWX662" s="613"/>
      <c r="WWY662" s="613"/>
      <c r="WWZ662" s="613"/>
      <c r="WXA662" s="613"/>
      <c r="WXB662" s="613"/>
      <c r="WXC662" s="613"/>
      <c r="WXD662" s="613"/>
      <c r="WXE662" s="613"/>
      <c r="WXF662" s="613"/>
      <c r="WXG662" s="613"/>
      <c r="WXH662" s="613"/>
      <c r="WXI662" s="613"/>
      <c r="WXJ662" s="613"/>
      <c r="WXK662" s="613"/>
      <c r="WXL662" s="613"/>
      <c r="WXM662" s="613"/>
      <c r="WXN662" s="613"/>
      <c r="WXO662" s="613"/>
      <c r="WXP662" s="613"/>
      <c r="WXQ662" s="613"/>
      <c r="WXR662" s="613"/>
      <c r="WXS662" s="613"/>
      <c r="WXT662" s="613"/>
      <c r="WXU662" s="613"/>
      <c r="WXV662" s="613"/>
      <c r="WXW662" s="613"/>
      <c r="WXX662" s="613"/>
      <c r="WXY662" s="613"/>
      <c r="WXZ662" s="613"/>
      <c r="WYA662" s="613"/>
      <c r="WYB662" s="613"/>
      <c r="WYC662" s="613"/>
      <c r="WYD662" s="613"/>
      <c r="WYE662" s="613"/>
      <c r="WYF662" s="613"/>
      <c r="WYG662" s="613"/>
      <c r="WYH662" s="613"/>
      <c r="WYI662" s="613"/>
      <c r="WYJ662" s="613"/>
      <c r="WYK662" s="613"/>
      <c r="WYL662" s="613"/>
      <c r="WYM662" s="613"/>
      <c r="WYN662" s="613"/>
      <c r="WYO662" s="613"/>
      <c r="WYP662" s="613"/>
      <c r="WYQ662" s="613"/>
      <c r="WYR662" s="613"/>
      <c r="WYS662" s="613"/>
      <c r="WYT662" s="613"/>
      <c r="WYU662" s="613"/>
      <c r="WYV662" s="613"/>
      <c r="WYW662" s="613"/>
      <c r="WYX662" s="613"/>
      <c r="WYY662" s="613"/>
      <c r="WYZ662" s="613"/>
      <c r="WZA662" s="613"/>
      <c r="WZB662" s="613"/>
      <c r="WZC662" s="613"/>
      <c r="WZD662" s="613"/>
      <c r="WZE662" s="613"/>
      <c r="WZF662" s="613"/>
      <c r="WZG662" s="613"/>
      <c r="WZH662" s="613"/>
      <c r="WZI662" s="613"/>
      <c r="WZJ662" s="613"/>
      <c r="WZK662" s="613"/>
      <c r="WZL662" s="613"/>
      <c r="WZM662" s="613"/>
      <c r="WZN662" s="613"/>
      <c r="WZO662" s="613"/>
      <c r="WZP662" s="613"/>
      <c r="WZQ662" s="613"/>
      <c r="WZR662" s="613"/>
      <c r="WZS662" s="613"/>
      <c r="WZT662" s="613"/>
      <c r="WZU662" s="613"/>
      <c r="WZV662" s="613"/>
      <c r="WZW662" s="613"/>
      <c r="WZX662" s="613"/>
      <c r="WZY662" s="613"/>
      <c r="WZZ662" s="613"/>
      <c r="XAA662" s="613"/>
      <c r="XAB662" s="613"/>
      <c r="XAC662" s="613"/>
      <c r="XAD662" s="613"/>
      <c r="XAE662" s="613"/>
      <c r="XAF662" s="613"/>
      <c r="XAG662" s="613"/>
      <c r="XAH662" s="613"/>
      <c r="XAI662" s="613"/>
      <c r="XAJ662" s="613"/>
      <c r="XAK662" s="613"/>
      <c r="XAL662" s="613"/>
      <c r="XAM662" s="613"/>
      <c r="XAN662" s="613"/>
      <c r="XAO662" s="613"/>
      <c r="XAP662" s="613"/>
      <c r="XAQ662" s="613"/>
      <c r="XAR662" s="613"/>
      <c r="XAS662" s="613"/>
      <c r="XAT662" s="613"/>
      <c r="XAU662" s="613"/>
      <c r="XAV662" s="613"/>
      <c r="XAW662" s="613"/>
      <c r="XAX662" s="613"/>
      <c r="XAY662" s="613"/>
      <c r="XAZ662" s="613"/>
      <c r="XBA662" s="613"/>
      <c r="XBB662" s="613"/>
      <c r="XBC662" s="613"/>
      <c r="XBD662" s="613"/>
      <c r="XBE662" s="613"/>
      <c r="XBF662" s="613"/>
      <c r="XBG662" s="613"/>
      <c r="XBH662" s="613"/>
      <c r="XBI662" s="613"/>
      <c r="XBJ662" s="613"/>
      <c r="XBK662" s="613"/>
      <c r="XBL662" s="613"/>
      <c r="XBM662" s="613"/>
      <c r="XBN662" s="613"/>
      <c r="XBO662" s="613"/>
      <c r="XBP662" s="613"/>
      <c r="XBQ662" s="613"/>
      <c r="XBR662" s="613"/>
      <c r="XBS662" s="613"/>
      <c r="XBT662" s="613"/>
      <c r="XBU662" s="613"/>
      <c r="XBV662" s="613"/>
      <c r="XBW662" s="613"/>
      <c r="XBX662" s="613"/>
      <c r="XBY662" s="613"/>
      <c r="XBZ662" s="613"/>
      <c r="XCA662" s="613"/>
      <c r="XCB662" s="613"/>
      <c r="XCC662" s="613"/>
      <c r="XCD662" s="613"/>
      <c r="XCE662" s="613"/>
      <c r="XCF662" s="613"/>
      <c r="XCG662" s="613"/>
      <c r="XCH662" s="613"/>
      <c r="XCI662" s="613"/>
      <c r="XCJ662" s="613"/>
      <c r="XCK662" s="613"/>
      <c r="XCL662" s="613"/>
      <c r="XCM662" s="613"/>
      <c r="XCN662" s="613"/>
      <c r="XCO662" s="613"/>
      <c r="XCP662" s="613"/>
      <c r="XCQ662" s="613"/>
    </row>
    <row r="663" spans="1:16319" ht="56.1" customHeight="1" x14ac:dyDescent="0.2">
      <c r="A663" s="494"/>
      <c r="B663" s="499"/>
      <c r="C663" s="494"/>
      <c r="D663" s="481">
        <v>212</v>
      </c>
      <c r="E663" s="481"/>
      <c r="F663" s="481" t="s">
        <v>2481</v>
      </c>
      <c r="G663" s="482" t="s">
        <v>53</v>
      </c>
      <c r="H663" s="481" t="s">
        <v>329</v>
      </c>
      <c r="I663" s="654" t="s">
        <v>456</v>
      </c>
      <c r="J663" s="654" t="s">
        <v>369</v>
      </c>
      <c r="K663" s="495" t="s">
        <v>474</v>
      </c>
      <c r="L663" s="621"/>
      <c r="M663" s="484" t="s">
        <v>58</v>
      </c>
      <c r="N663" s="327" t="s">
        <v>1360</v>
      </c>
      <c r="O663" s="484" t="s">
        <v>3027</v>
      </c>
      <c r="P663" s="484" t="s">
        <v>60</v>
      </c>
      <c r="Q663" s="667" t="s">
        <v>334</v>
      </c>
      <c r="R663" s="484" t="s">
        <v>334</v>
      </c>
      <c r="S663" s="484" t="s">
        <v>62</v>
      </c>
      <c r="T663" s="484"/>
      <c r="U663" s="620" t="s">
        <v>63</v>
      </c>
      <c r="V663" s="620" t="s">
        <v>63</v>
      </c>
      <c r="W663" s="723">
        <v>122622</v>
      </c>
      <c r="X663" s="723"/>
      <c r="Y663" s="654" t="s">
        <v>226</v>
      </c>
      <c r="Z663" s="654"/>
      <c r="AA663" s="723">
        <v>122622</v>
      </c>
      <c r="AB663" s="652" t="s">
        <v>82</v>
      </c>
      <c r="AC663" s="652"/>
      <c r="AD663" s="487" t="s">
        <v>66</v>
      </c>
      <c r="AE663" s="496"/>
      <c r="AF663" s="496"/>
      <c r="AG663" s="496"/>
      <c r="AH663" s="496"/>
      <c r="AI663" s="496"/>
      <c r="AJ663" s="496"/>
      <c r="AK663" s="496"/>
      <c r="AL663" s="496"/>
      <c r="AM663" s="496"/>
      <c r="AN663" s="496"/>
      <c r="AO663" s="496"/>
      <c r="AP663" s="496"/>
      <c r="AQ663" s="496"/>
      <c r="AR663" s="496"/>
      <c r="AS663" s="496"/>
      <c r="AT663" s="496"/>
      <c r="AU663" s="487"/>
      <c r="AV663" s="487"/>
      <c r="AW663" s="487"/>
      <c r="AX663" s="487"/>
      <c r="AY663" s="487"/>
      <c r="AZ663" s="487"/>
      <c r="BA663" s="484"/>
      <c r="BB663" s="484" t="s">
        <v>462</v>
      </c>
      <c r="BC663" s="484" t="s">
        <v>3041</v>
      </c>
      <c r="BD663" s="494"/>
      <c r="BE663" s="494"/>
      <c r="BF663" s="613"/>
      <c r="BG663" s="613"/>
      <c r="BH663" s="613"/>
      <c r="BI663" s="613"/>
      <c r="BJ663" s="613"/>
      <c r="BK663" s="613"/>
      <c r="BL663" s="613"/>
      <c r="BM663" s="613"/>
      <c r="BN663" s="613"/>
      <c r="BO663" s="613"/>
      <c r="BP663" s="613"/>
      <c r="BQ663" s="613"/>
      <c r="BR663" s="613"/>
      <c r="BS663" s="613"/>
      <c r="BT663" s="613"/>
      <c r="BU663" s="613"/>
      <c r="BV663" s="613"/>
      <c r="BW663" s="613"/>
      <c r="BX663" s="613"/>
      <c r="BY663" s="613"/>
      <c r="BZ663" s="613"/>
      <c r="CA663" s="613"/>
      <c r="CB663" s="613"/>
      <c r="CC663" s="613"/>
      <c r="CD663" s="613"/>
      <c r="CE663" s="613"/>
      <c r="CF663" s="613"/>
      <c r="CG663" s="613"/>
      <c r="CH663" s="613"/>
      <c r="CI663" s="613"/>
      <c r="CJ663" s="613"/>
      <c r="CK663" s="613"/>
      <c r="CL663" s="613"/>
      <c r="CM663" s="613"/>
      <c r="CN663" s="613"/>
      <c r="CO663" s="613"/>
      <c r="CP663" s="613"/>
      <c r="CQ663" s="613"/>
      <c r="CR663" s="613"/>
      <c r="CS663" s="613"/>
      <c r="CT663" s="613"/>
      <c r="CU663" s="613"/>
      <c r="CV663" s="613"/>
      <c r="CW663" s="613"/>
      <c r="CX663" s="613"/>
      <c r="CY663" s="613"/>
      <c r="CZ663" s="613"/>
      <c r="DA663" s="613"/>
      <c r="DB663" s="613"/>
      <c r="DC663" s="613"/>
      <c r="DD663" s="613"/>
      <c r="DE663" s="613"/>
      <c r="DF663" s="613"/>
      <c r="DG663" s="613"/>
      <c r="DH663" s="613"/>
      <c r="DI663" s="613"/>
      <c r="DJ663" s="613"/>
      <c r="DK663" s="613"/>
      <c r="DL663" s="613"/>
      <c r="DM663" s="613"/>
      <c r="DN663" s="613"/>
      <c r="DO663" s="613"/>
      <c r="DP663" s="613"/>
      <c r="DQ663" s="613"/>
      <c r="DR663" s="613"/>
      <c r="DS663" s="613"/>
      <c r="DT663" s="613"/>
      <c r="DU663" s="613"/>
      <c r="DV663" s="613"/>
      <c r="DW663" s="613"/>
      <c r="DX663" s="613"/>
      <c r="DY663" s="613"/>
      <c r="DZ663" s="613"/>
      <c r="EA663" s="613"/>
      <c r="EB663" s="613"/>
      <c r="EC663" s="613"/>
      <c r="ED663" s="613"/>
      <c r="EE663" s="613"/>
      <c r="EF663" s="613"/>
      <c r="EG663" s="613"/>
      <c r="EH663" s="613"/>
      <c r="EI663" s="613"/>
      <c r="EJ663" s="613"/>
      <c r="EK663" s="613"/>
      <c r="EL663" s="613"/>
      <c r="EM663" s="613"/>
      <c r="EN663" s="613"/>
      <c r="EO663" s="613"/>
      <c r="EP663" s="613"/>
      <c r="EQ663" s="613"/>
      <c r="ER663" s="613"/>
      <c r="ES663" s="613"/>
      <c r="ET663" s="613"/>
      <c r="EU663" s="613"/>
      <c r="EV663" s="613"/>
      <c r="EW663" s="613"/>
      <c r="EX663" s="613"/>
      <c r="EY663" s="613"/>
      <c r="EZ663" s="613"/>
      <c r="FA663" s="613"/>
      <c r="FB663" s="613"/>
      <c r="FC663" s="613"/>
      <c r="FD663" s="613"/>
      <c r="FE663" s="613"/>
      <c r="FF663" s="613"/>
      <c r="FG663" s="613"/>
      <c r="FH663" s="613"/>
      <c r="FI663" s="613"/>
      <c r="FJ663" s="613"/>
      <c r="FK663" s="613"/>
      <c r="FL663" s="613"/>
      <c r="FM663" s="613"/>
      <c r="FN663" s="613"/>
      <c r="FO663" s="613"/>
      <c r="FP663" s="613"/>
      <c r="FQ663" s="613"/>
      <c r="FR663" s="613"/>
      <c r="FS663" s="613"/>
      <c r="FT663" s="613"/>
      <c r="FU663" s="613"/>
      <c r="FV663" s="613"/>
      <c r="FW663" s="613"/>
      <c r="FX663" s="613"/>
      <c r="FY663" s="613"/>
      <c r="FZ663" s="613"/>
      <c r="GA663" s="613"/>
      <c r="GB663" s="613"/>
      <c r="GC663" s="613"/>
      <c r="GD663" s="613"/>
      <c r="GE663" s="613"/>
      <c r="GF663" s="613"/>
      <c r="GG663" s="613"/>
      <c r="GH663" s="613"/>
      <c r="GI663" s="613"/>
      <c r="GJ663" s="613"/>
      <c r="GK663" s="613"/>
      <c r="GL663" s="613"/>
      <c r="GM663" s="613"/>
      <c r="GN663" s="613"/>
      <c r="GO663" s="613"/>
      <c r="GP663" s="613"/>
      <c r="GQ663" s="613"/>
      <c r="GR663" s="613"/>
      <c r="GS663" s="613"/>
      <c r="GT663" s="613"/>
      <c r="GU663" s="613"/>
      <c r="GV663" s="613"/>
      <c r="GW663" s="613"/>
      <c r="GX663" s="613"/>
      <c r="GY663" s="613"/>
      <c r="GZ663" s="613"/>
      <c r="HA663" s="613"/>
      <c r="HB663" s="613"/>
      <c r="HC663" s="613"/>
      <c r="HD663" s="613"/>
      <c r="HE663" s="613"/>
      <c r="HF663" s="613"/>
      <c r="HG663" s="613"/>
      <c r="HH663" s="613"/>
      <c r="HI663" s="613"/>
      <c r="HJ663" s="613"/>
      <c r="HK663" s="613"/>
      <c r="HL663" s="613"/>
      <c r="HM663" s="613"/>
      <c r="HN663" s="613"/>
      <c r="HO663" s="613"/>
      <c r="HP663" s="613"/>
      <c r="HQ663" s="613"/>
      <c r="HR663" s="613"/>
      <c r="HS663" s="613"/>
      <c r="HT663" s="613"/>
      <c r="HU663" s="613"/>
      <c r="HV663" s="613"/>
      <c r="HW663" s="613"/>
      <c r="HX663" s="613"/>
      <c r="HY663" s="613"/>
      <c r="HZ663" s="613"/>
      <c r="IA663" s="613"/>
      <c r="IB663" s="613"/>
      <c r="IC663" s="613"/>
      <c r="ID663" s="613"/>
      <c r="IE663" s="613"/>
      <c r="IF663" s="613"/>
      <c r="IG663" s="613"/>
      <c r="IH663" s="613"/>
      <c r="II663" s="613"/>
      <c r="IJ663" s="613"/>
      <c r="IK663" s="613"/>
      <c r="IL663" s="613"/>
      <c r="IM663" s="613"/>
      <c r="IN663" s="613"/>
      <c r="IO663" s="613"/>
      <c r="IP663" s="613"/>
      <c r="IQ663" s="613"/>
      <c r="IR663" s="613"/>
      <c r="IS663" s="613"/>
      <c r="IT663" s="613"/>
      <c r="IU663" s="613"/>
      <c r="IV663" s="613"/>
      <c r="IW663" s="613"/>
      <c r="IX663" s="613"/>
      <c r="IY663" s="613"/>
      <c r="IZ663" s="613"/>
      <c r="JA663" s="613"/>
      <c r="JB663" s="613"/>
      <c r="JC663" s="613"/>
      <c r="JD663" s="613"/>
      <c r="JE663" s="613"/>
      <c r="JF663" s="613"/>
      <c r="JG663" s="613"/>
      <c r="JH663" s="613"/>
      <c r="JI663" s="613"/>
      <c r="JJ663" s="613"/>
      <c r="JK663" s="613"/>
      <c r="JL663" s="613"/>
      <c r="JM663" s="613"/>
      <c r="JN663" s="613"/>
      <c r="JO663" s="613"/>
      <c r="JP663" s="613"/>
      <c r="JQ663" s="613"/>
      <c r="JR663" s="613"/>
      <c r="JS663" s="613"/>
      <c r="JT663" s="613"/>
      <c r="JU663" s="613"/>
      <c r="JV663" s="613"/>
      <c r="JW663" s="613"/>
      <c r="JX663" s="613"/>
      <c r="JY663" s="613"/>
      <c r="JZ663" s="613"/>
      <c r="KA663" s="613"/>
      <c r="KB663" s="613"/>
      <c r="KC663" s="613"/>
      <c r="KD663" s="613"/>
      <c r="KE663" s="613"/>
      <c r="KF663" s="613"/>
      <c r="KG663" s="613"/>
      <c r="KH663" s="613"/>
      <c r="KI663" s="613"/>
      <c r="KJ663" s="613"/>
      <c r="KK663" s="613"/>
      <c r="KL663" s="613"/>
      <c r="KM663" s="613"/>
      <c r="KN663" s="613"/>
      <c r="KO663" s="613"/>
      <c r="KP663" s="613"/>
      <c r="KQ663" s="613"/>
      <c r="KR663" s="613"/>
      <c r="KS663" s="613"/>
      <c r="KT663" s="613"/>
      <c r="KU663" s="613"/>
      <c r="KV663" s="613"/>
      <c r="KW663" s="613"/>
      <c r="KX663" s="613"/>
      <c r="KY663" s="613"/>
      <c r="KZ663" s="613"/>
      <c r="LA663" s="613"/>
      <c r="LB663" s="613"/>
      <c r="LC663" s="613"/>
      <c r="LD663" s="613"/>
      <c r="LE663" s="613"/>
      <c r="LF663" s="613"/>
      <c r="LG663" s="613"/>
      <c r="LH663" s="613"/>
      <c r="LI663" s="613"/>
      <c r="LJ663" s="613"/>
      <c r="LK663" s="613"/>
      <c r="LL663" s="613"/>
      <c r="LM663" s="613"/>
      <c r="LN663" s="613"/>
      <c r="LO663" s="613"/>
      <c r="LP663" s="613"/>
      <c r="LQ663" s="613"/>
      <c r="LR663" s="613"/>
      <c r="LS663" s="613"/>
      <c r="LT663" s="613"/>
      <c r="LU663" s="613"/>
      <c r="LV663" s="613"/>
      <c r="LW663" s="613"/>
      <c r="LX663" s="613"/>
      <c r="LY663" s="613"/>
      <c r="LZ663" s="613"/>
      <c r="MA663" s="613"/>
      <c r="MB663" s="613"/>
      <c r="MC663" s="613"/>
      <c r="MD663" s="613"/>
      <c r="ME663" s="613"/>
      <c r="MF663" s="613"/>
      <c r="MG663" s="613"/>
      <c r="MH663" s="613"/>
      <c r="MI663" s="613"/>
      <c r="MJ663" s="613"/>
      <c r="MK663" s="613"/>
      <c r="ML663" s="613"/>
      <c r="MM663" s="613"/>
      <c r="MN663" s="613"/>
      <c r="MO663" s="613"/>
      <c r="MP663" s="613"/>
      <c r="MQ663" s="613"/>
      <c r="MR663" s="613"/>
      <c r="MS663" s="613"/>
      <c r="MT663" s="613"/>
      <c r="MU663" s="613"/>
      <c r="MV663" s="613"/>
      <c r="MW663" s="613"/>
      <c r="MX663" s="613"/>
      <c r="MY663" s="613"/>
      <c r="MZ663" s="613"/>
      <c r="NA663" s="613"/>
      <c r="NB663" s="613"/>
      <c r="NC663" s="613"/>
      <c r="ND663" s="613"/>
      <c r="NE663" s="613"/>
      <c r="NF663" s="613"/>
      <c r="NG663" s="613"/>
      <c r="NH663" s="613"/>
      <c r="NI663" s="613"/>
      <c r="NJ663" s="613"/>
      <c r="NK663" s="613"/>
      <c r="NL663" s="613"/>
      <c r="NM663" s="613"/>
      <c r="NN663" s="613"/>
      <c r="NO663" s="613"/>
      <c r="NP663" s="613"/>
      <c r="NQ663" s="613"/>
      <c r="NR663" s="613"/>
      <c r="NS663" s="613"/>
      <c r="NT663" s="613"/>
      <c r="NU663" s="613"/>
      <c r="NV663" s="613"/>
      <c r="NW663" s="613"/>
      <c r="NX663" s="613"/>
      <c r="NY663" s="613"/>
      <c r="NZ663" s="613"/>
      <c r="OA663" s="613"/>
      <c r="OB663" s="613"/>
      <c r="OC663" s="613"/>
      <c r="OD663" s="613"/>
      <c r="OE663" s="613"/>
      <c r="OF663" s="613"/>
      <c r="OG663" s="613"/>
      <c r="OH663" s="613"/>
      <c r="OI663" s="613"/>
      <c r="OJ663" s="613"/>
      <c r="OK663" s="613"/>
      <c r="OL663" s="613"/>
      <c r="OM663" s="613"/>
      <c r="ON663" s="613"/>
      <c r="OO663" s="613"/>
      <c r="OP663" s="613"/>
      <c r="OQ663" s="613"/>
      <c r="OR663" s="613"/>
      <c r="OS663" s="613"/>
      <c r="OT663" s="613"/>
      <c r="OU663" s="613"/>
      <c r="OV663" s="613"/>
      <c r="OW663" s="613"/>
      <c r="OX663" s="613"/>
      <c r="OY663" s="613"/>
      <c r="OZ663" s="613"/>
      <c r="PA663" s="613"/>
      <c r="PB663" s="613"/>
      <c r="PC663" s="613"/>
      <c r="PD663" s="613"/>
      <c r="PE663" s="613"/>
      <c r="PF663" s="613"/>
      <c r="PG663" s="613"/>
      <c r="PH663" s="613"/>
      <c r="PI663" s="613"/>
      <c r="PJ663" s="613"/>
      <c r="PK663" s="613"/>
      <c r="PL663" s="613"/>
      <c r="PM663" s="613"/>
      <c r="PN663" s="613"/>
      <c r="PO663" s="613"/>
      <c r="PP663" s="613"/>
      <c r="PQ663" s="613"/>
      <c r="PR663" s="613"/>
      <c r="PS663" s="613"/>
      <c r="PT663" s="613"/>
      <c r="PU663" s="613"/>
      <c r="PV663" s="613"/>
      <c r="PW663" s="613"/>
      <c r="PX663" s="613"/>
      <c r="PY663" s="613"/>
      <c r="PZ663" s="613"/>
      <c r="QA663" s="613"/>
      <c r="QB663" s="613"/>
      <c r="QC663" s="613"/>
      <c r="QD663" s="613"/>
      <c r="QE663" s="613"/>
      <c r="QF663" s="613"/>
      <c r="QG663" s="613"/>
      <c r="QH663" s="613"/>
      <c r="QI663" s="613"/>
      <c r="QJ663" s="613"/>
      <c r="QK663" s="613"/>
      <c r="QL663" s="613"/>
      <c r="QM663" s="613"/>
      <c r="QN663" s="613"/>
      <c r="QO663" s="613"/>
      <c r="QP663" s="613"/>
      <c r="QQ663" s="613"/>
      <c r="QR663" s="613"/>
      <c r="QS663" s="613"/>
      <c r="QT663" s="613"/>
      <c r="QU663" s="613"/>
      <c r="QV663" s="613"/>
      <c r="QW663" s="613"/>
      <c r="QX663" s="613"/>
      <c r="QY663" s="613"/>
      <c r="QZ663" s="613"/>
      <c r="RA663" s="613"/>
      <c r="RB663" s="613"/>
      <c r="RC663" s="613"/>
      <c r="RD663" s="613"/>
      <c r="RE663" s="613"/>
      <c r="RF663" s="613"/>
      <c r="RG663" s="613"/>
      <c r="RH663" s="613"/>
      <c r="RI663" s="613"/>
      <c r="RJ663" s="613"/>
      <c r="RK663" s="613"/>
      <c r="RL663" s="613"/>
      <c r="RM663" s="613"/>
      <c r="RN663" s="613"/>
      <c r="RO663" s="613"/>
      <c r="RP663" s="613"/>
      <c r="RQ663" s="613"/>
      <c r="RR663" s="613"/>
      <c r="RS663" s="613"/>
      <c r="RT663" s="613"/>
      <c r="RU663" s="613"/>
      <c r="RV663" s="613"/>
      <c r="RW663" s="613"/>
      <c r="RX663" s="613"/>
      <c r="RY663" s="613"/>
      <c r="RZ663" s="613"/>
      <c r="SA663" s="613"/>
      <c r="SB663" s="613"/>
      <c r="SC663" s="613"/>
      <c r="SD663" s="613"/>
      <c r="SE663" s="613"/>
      <c r="SF663" s="613"/>
      <c r="SG663" s="613"/>
      <c r="SH663" s="613"/>
      <c r="SI663" s="613"/>
      <c r="SJ663" s="613"/>
      <c r="SK663" s="613"/>
      <c r="SL663" s="613"/>
      <c r="SM663" s="613"/>
      <c r="SN663" s="613"/>
      <c r="SO663" s="613"/>
      <c r="SP663" s="613"/>
      <c r="SQ663" s="613"/>
      <c r="SR663" s="613"/>
      <c r="SS663" s="613"/>
      <c r="ST663" s="613"/>
      <c r="SU663" s="613"/>
      <c r="SV663" s="613"/>
      <c r="SW663" s="613"/>
      <c r="SX663" s="613"/>
      <c r="SY663" s="613"/>
      <c r="SZ663" s="613"/>
      <c r="TA663" s="613"/>
      <c r="TB663" s="613"/>
      <c r="TC663" s="613"/>
      <c r="TD663" s="613"/>
      <c r="TE663" s="613"/>
      <c r="TF663" s="613"/>
      <c r="TG663" s="613"/>
      <c r="TH663" s="613"/>
      <c r="TI663" s="613"/>
      <c r="TJ663" s="613"/>
      <c r="TK663" s="613"/>
      <c r="TL663" s="613"/>
      <c r="TM663" s="613"/>
      <c r="TN663" s="613"/>
      <c r="TO663" s="613"/>
      <c r="TP663" s="613"/>
      <c r="TQ663" s="613"/>
      <c r="TR663" s="613"/>
      <c r="TS663" s="613"/>
      <c r="TT663" s="613"/>
      <c r="TU663" s="613"/>
      <c r="TV663" s="613"/>
      <c r="TW663" s="613"/>
      <c r="TX663" s="613"/>
      <c r="TY663" s="613"/>
      <c r="TZ663" s="613"/>
      <c r="UA663" s="613"/>
      <c r="UB663" s="613"/>
      <c r="UC663" s="613"/>
      <c r="UD663" s="613"/>
      <c r="UE663" s="613"/>
      <c r="UF663" s="613"/>
      <c r="UG663" s="613"/>
      <c r="UH663" s="613"/>
      <c r="UI663" s="613"/>
      <c r="UJ663" s="613"/>
      <c r="UK663" s="613"/>
      <c r="UL663" s="613"/>
      <c r="UM663" s="613"/>
      <c r="UN663" s="613"/>
      <c r="UO663" s="613"/>
      <c r="UP663" s="613"/>
      <c r="UQ663" s="613"/>
      <c r="UR663" s="613"/>
      <c r="US663" s="613"/>
      <c r="UT663" s="613"/>
      <c r="UU663" s="613"/>
      <c r="UV663" s="613"/>
      <c r="UW663" s="613"/>
      <c r="UX663" s="613"/>
      <c r="UY663" s="613"/>
      <c r="UZ663" s="613"/>
      <c r="VA663" s="613"/>
      <c r="VB663" s="613"/>
      <c r="VC663" s="613"/>
      <c r="VD663" s="613"/>
      <c r="VE663" s="613"/>
      <c r="VF663" s="613"/>
      <c r="VG663" s="613"/>
      <c r="VH663" s="613"/>
      <c r="VI663" s="613"/>
      <c r="VJ663" s="613"/>
      <c r="VK663" s="613"/>
      <c r="VL663" s="613"/>
      <c r="VM663" s="613"/>
      <c r="VN663" s="613"/>
      <c r="VO663" s="613"/>
      <c r="VP663" s="613"/>
      <c r="VQ663" s="613"/>
      <c r="VR663" s="613"/>
      <c r="VS663" s="613"/>
      <c r="VT663" s="613"/>
      <c r="VU663" s="613"/>
      <c r="VV663" s="613"/>
      <c r="VW663" s="613"/>
      <c r="VX663" s="613"/>
      <c r="VY663" s="613"/>
      <c r="VZ663" s="613"/>
      <c r="WA663" s="613"/>
      <c r="WB663" s="613"/>
      <c r="WC663" s="613"/>
      <c r="WD663" s="613"/>
      <c r="WE663" s="613"/>
      <c r="WF663" s="613"/>
      <c r="WG663" s="613"/>
      <c r="WH663" s="613"/>
      <c r="WI663" s="613"/>
      <c r="WJ663" s="613"/>
      <c r="WK663" s="613"/>
      <c r="WL663" s="613"/>
      <c r="WM663" s="613"/>
      <c r="WN663" s="613"/>
      <c r="WO663" s="613"/>
      <c r="WP663" s="613"/>
      <c r="WQ663" s="613"/>
      <c r="WR663" s="613"/>
      <c r="WS663" s="613"/>
      <c r="WT663" s="613"/>
      <c r="WU663" s="613"/>
      <c r="WV663" s="613"/>
      <c r="WW663" s="613"/>
      <c r="WX663" s="613"/>
      <c r="WY663" s="613"/>
      <c r="WZ663" s="613"/>
      <c r="XA663" s="613"/>
      <c r="XB663" s="613"/>
      <c r="XC663" s="613"/>
      <c r="XD663" s="613"/>
      <c r="XE663" s="613"/>
      <c r="XF663" s="613"/>
      <c r="XG663" s="613"/>
      <c r="XH663" s="613"/>
      <c r="XI663" s="613"/>
      <c r="XJ663" s="613"/>
      <c r="XK663" s="613"/>
      <c r="XL663" s="613"/>
      <c r="XM663" s="613"/>
      <c r="XN663" s="613"/>
      <c r="XO663" s="613"/>
      <c r="XP663" s="613"/>
      <c r="XQ663" s="613"/>
      <c r="XR663" s="613"/>
      <c r="XS663" s="613"/>
      <c r="XT663" s="613"/>
      <c r="XU663" s="613"/>
      <c r="XV663" s="613"/>
      <c r="XW663" s="613"/>
      <c r="XX663" s="613"/>
      <c r="XY663" s="613"/>
      <c r="XZ663" s="613"/>
      <c r="YA663" s="613"/>
      <c r="YB663" s="613"/>
      <c r="YC663" s="613"/>
      <c r="YD663" s="613"/>
      <c r="YE663" s="613"/>
      <c r="YF663" s="613"/>
      <c r="YG663" s="613"/>
      <c r="YH663" s="613"/>
      <c r="YI663" s="613"/>
      <c r="YJ663" s="613"/>
      <c r="YK663" s="613"/>
      <c r="YL663" s="613"/>
      <c r="YM663" s="613"/>
      <c r="YN663" s="613"/>
      <c r="YO663" s="613"/>
      <c r="YP663" s="613"/>
      <c r="YQ663" s="613"/>
      <c r="YR663" s="613"/>
      <c r="YS663" s="613"/>
      <c r="YT663" s="613"/>
      <c r="YU663" s="613"/>
      <c r="YV663" s="613"/>
      <c r="YW663" s="613"/>
      <c r="YX663" s="613"/>
      <c r="YY663" s="613"/>
      <c r="YZ663" s="613"/>
      <c r="ZA663" s="613"/>
      <c r="ZB663" s="613"/>
      <c r="ZC663" s="613"/>
      <c r="ZD663" s="613"/>
      <c r="ZE663" s="613"/>
      <c r="ZF663" s="613"/>
      <c r="ZG663" s="613"/>
      <c r="ZH663" s="613"/>
      <c r="ZI663" s="613"/>
      <c r="ZJ663" s="613"/>
      <c r="ZK663" s="613"/>
      <c r="ZL663" s="613"/>
      <c r="ZM663" s="613"/>
      <c r="ZN663" s="613"/>
      <c r="ZO663" s="613"/>
      <c r="ZP663" s="613"/>
      <c r="ZQ663" s="613"/>
      <c r="ZR663" s="613"/>
      <c r="ZS663" s="613"/>
      <c r="ZT663" s="613"/>
      <c r="ZU663" s="613"/>
      <c r="ZV663" s="613"/>
      <c r="ZW663" s="613"/>
      <c r="ZX663" s="613"/>
      <c r="ZY663" s="613"/>
      <c r="ZZ663" s="613"/>
      <c r="AAA663" s="613"/>
      <c r="AAB663" s="613"/>
      <c r="AAC663" s="613"/>
      <c r="AAD663" s="613"/>
      <c r="AAE663" s="613"/>
      <c r="AAF663" s="613"/>
      <c r="AAG663" s="613"/>
      <c r="AAH663" s="613"/>
      <c r="AAI663" s="613"/>
      <c r="AAJ663" s="613"/>
      <c r="AAK663" s="613"/>
      <c r="AAL663" s="613"/>
      <c r="AAM663" s="613"/>
      <c r="AAN663" s="613"/>
      <c r="AAO663" s="613"/>
      <c r="AAP663" s="613"/>
      <c r="AAQ663" s="613"/>
      <c r="AAR663" s="613"/>
      <c r="AAS663" s="613"/>
      <c r="AAT663" s="613"/>
      <c r="AAU663" s="613"/>
      <c r="AAV663" s="613"/>
      <c r="AAW663" s="613"/>
      <c r="AAX663" s="613"/>
      <c r="AAY663" s="613"/>
      <c r="AAZ663" s="613"/>
      <c r="ABA663" s="613"/>
      <c r="ABB663" s="613"/>
      <c r="ABC663" s="613"/>
      <c r="ABD663" s="613"/>
      <c r="ABE663" s="613"/>
      <c r="ABF663" s="613"/>
      <c r="ABG663" s="613"/>
      <c r="ABH663" s="613"/>
      <c r="ABI663" s="613"/>
      <c r="ABJ663" s="613"/>
      <c r="ABK663" s="613"/>
      <c r="ABL663" s="613"/>
      <c r="ABM663" s="613"/>
      <c r="ABN663" s="613"/>
      <c r="ABO663" s="613"/>
      <c r="ABP663" s="613"/>
      <c r="ABQ663" s="613"/>
      <c r="ABR663" s="613"/>
      <c r="ABS663" s="613"/>
      <c r="ABT663" s="613"/>
      <c r="ABU663" s="613"/>
      <c r="ABV663" s="613"/>
      <c r="ABW663" s="613"/>
      <c r="ABX663" s="613"/>
      <c r="ABY663" s="613"/>
      <c r="ABZ663" s="613"/>
      <c r="ACA663" s="613"/>
      <c r="ACB663" s="613"/>
      <c r="ACC663" s="613"/>
      <c r="ACD663" s="613"/>
      <c r="ACE663" s="613"/>
      <c r="ACF663" s="613"/>
      <c r="ACG663" s="613"/>
      <c r="ACH663" s="613"/>
      <c r="ACI663" s="613"/>
      <c r="ACJ663" s="613"/>
      <c r="ACK663" s="613"/>
      <c r="ACL663" s="613"/>
      <c r="ACM663" s="613"/>
      <c r="ACN663" s="613"/>
      <c r="ACO663" s="613"/>
      <c r="ACP663" s="613"/>
      <c r="ACQ663" s="613"/>
      <c r="ACR663" s="613"/>
      <c r="ACS663" s="613"/>
      <c r="ACT663" s="613"/>
      <c r="ACU663" s="613"/>
      <c r="ACV663" s="613"/>
      <c r="ACW663" s="613"/>
      <c r="ACX663" s="613"/>
      <c r="ACY663" s="613"/>
      <c r="ACZ663" s="613"/>
      <c r="ADA663" s="613"/>
      <c r="ADB663" s="613"/>
      <c r="ADC663" s="613"/>
      <c r="ADD663" s="613"/>
      <c r="ADE663" s="613"/>
      <c r="ADF663" s="613"/>
      <c r="ADG663" s="613"/>
      <c r="ADH663" s="613"/>
      <c r="ADI663" s="613"/>
      <c r="ADJ663" s="613"/>
      <c r="ADK663" s="613"/>
      <c r="ADL663" s="613"/>
      <c r="ADM663" s="613"/>
      <c r="ADN663" s="613"/>
      <c r="ADO663" s="613"/>
      <c r="ADP663" s="613"/>
      <c r="ADQ663" s="613"/>
      <c r="ADR663" s="613"/>
      <c r="ADS663" s="613"/>
      <c r="ADT663" s="613"/>
      <c r="ADU663" s="613"/>
      <c r="ADV663" s="613"/>
      <c r="ADW663" s="613"/>
      <c r="ADX663" s="613"/>
      <c r="ADY663" s="613"/>
      <c r="ADZ663" s="613"/>
      <c r="AEA663" s="613"/>
      <c r="AEB663" s="613"/>
      <c r="AEC663" s="613"/>
      <c r="AED663" s="613"/>
      <c r="AEE663" s="613"/>
      <c r="AEF663" s="613"/>
      <c r="AEG663" s="613"/>
      <c r="AEH663" s="613"/>
      <c r="AEI663" s="613"/>
      <c r="AEJ663" s="613"/>
      <c r="AEK663" s="613"/>
      <c r="AEL663" s="613"/>
      <c r="AEM663" s="613"/>
      <c r="AEN663" s="613"/>
      <c r="AEO663" s="613"/>
      <c r="AEP663" s="613"/>
      <c r="AEQ663" s="613"/>
      <c r="AER663" s="613"/>
      <c r="AES663" s="613"/>
      <c r="AET663" s="613"/>
      <c r="AEU663" s="613"/>
      <c r="AEV663" s="613"/>
      <c r="AEW663" s="613"/>
      <c r="AEX663" s="613"/>
      <c r="AEY663" s="613"/>
      <c r="AEZ663" s="613"/>
      <c r="AFA663" s="613"/>
      <c r="AFB663" s="613"/>
      <c r="AFC663" s="613"/>
      <c r="AFD663" s="613"/>
      <c r="AFE663" s="613"/>
      <c r="AFF663" s="613"/>
      <c r="AFG663" s="613"/>
      <c r="AFH663" s="613"/>
      <c r="AFI663" s="613"/>
      <c r="AFJ663" s="613"/>
      <c r="AFK663" s="613"/>
      <c r="AFL663" s="613"/>
      <c r="AFM663" s="613"/>
      <c r="AFN663" s="613"/>
      <c r="AFO663" s="613"/>
      <c r="AFP663" s="613"/>
      <c r="AFQ663" s="613"/>
      <c r="AFR663" s="613"/>
      <c r="AFS663" s="613"/>
      <c r="AFT663" s="613"/>
      <c r="AFU663" s="613"/>
      <c r="AFV663" s="613"/>
      <c r="AFW663" s="613"/>
      <c r="AFX663" s="613"/>
      <c r="AFY663" s="613"/>
      <c r="AFZ663" s="613"/>
      <c r="AGA663" s="613"/>
      <c r="AGB663" s="613"/>
      <c r="AGC663" s="613"/>
      <c r="AGD663" s="613"/>
      <c r="AGE663" s="613"/>
      <c r="AGF663" s="613"/>
      <c r="AGG663" s="613"/>
      <c r="AGH663" s="613"/>
      <c r="AGI663" s="613"/>
      <c r="AGJ663" s="613"/>
      <c r="AGK663" s="613"/>
      <c r="AGL663" s="613"/>
      <c r="AGM663" s="613"/>
      <c r="AGN663" s="613"/>
      <c r="AGO663" s="613"/>
      <c r="AGP663" s="613"/>
      <c r="AGQ663" s="613"/>
      <c r="AGR663" s="613"/>
      <c r="AGS663" s="613"/>
      <c r="AGT663" s="613"/>
      <c r="AGU663" s="613"/>
      <c r="AGV663" s="613"/>
      <c r="AGW663" s="613"/>
      <c r="AGX663" s="613"/>
      <c r="AGY663" s="613"/>
      <c r="AGZ663" s="613"/>
      <c r="AHA663" s="613"/>
      <c r="AHB663" s="613"/>
      <c r="AHC663" s="613"/>
      <c r="AHD663" s="613"/>
      <c r="AHE663" s="613"/>
      <c r="AHF663" s="613"/>
      <c r="AHG663" s="613"/>
      <c r="AHH663" s="613"/>
      <c r="AHI663" s="613"/>
      <c r="AHJ663" s="613"/>
      <c r="AHK663" s="613"/>
      <c r="AHL663" s="613"/>
      <c r="AHM663" s="613"/>
      <c r="AHN663" s="613"/>
      <c r="AHO663" s="613"/>
      <c r="AHP663" s="613"/>
      <c r="AHQ663" s="613"/>
      <c r="AHR663" s="613"/>
      <c r="AHS663" s="613"/>
      <c r="AHT663" s="613"/>
      <c r="AHU663" s="613"/>
      <c r="AHV663" s="613"/>
      <c r="AHW663" s="613"/>
      <c r="AHX663" s="613"/>
      <c r="AHY663" s="613"/>
      <c r="AHZ663" s="613"/>
      <c r="AIA663" s="613"/>
      <c r="AIB663" s="613"/>
      <c r="AIC663" s="613"/>
      <c r="AID663" s="613"/>
      <c r="AIE663" s="613"/>
      <c r="AIF663" s="613"/>
      <c r="AIG663" s="613"/>
      <c r="AIH663" s="613"/>
      <c r="AII663" s="613"/>
      <c r="AIJ663" s="613"/>
      <c r="AIK663" s="613"/>
      <c r="AIL663" s="613"/>
      <c r="AIM663" s="613"/>
      <c r="AIN663" s="613"/>
      <c r="AIO663" s="613"/>
      <c r="AIP663" s="613"/>
      <c r="AIQ663" s="613"/>
      <c r="AIR663" s="613"/>
      <c r="AIS663" s="613"/>
      <c r="AIT663" s="613"/>
      <c r="AIU663" s="613"/>
      <c r="AIV663" s="613"/>
      <c r="AIW663" s="613"/>
      <c r="AIX663" s="613"/>
      <c r="AIY663" s="613"/>
      <c r="AIZ663" s="613"/>
      <c r="AJA663" s="613"/>
      <c r="AJB663" s="613"/>
      <c r="AJC663" s="613"/>
      <c r="AJD663" s="613"/>
      <c r="AJE663" s="613"/>
      <c r="AJF663" s="613"/>
      <c r="AJG663" s="613"/>
      <c r="AJH663" s="613"/>
      <c r="AJI663" s="613"/>
      <c r="AJJ663" s="613"/>
      <c r="AJK663" s="613"/>
      <c r="AJL663" s="613"/>
      <c r="AJM663" s="613"/>
      <c r="AJN663" s="613"/>
      <c r="AJO663" s="613"/>
      <c r="AJP663" s="613"/>
      <c r="AJQ663" s="613"/>
      <c r="AJR663" s="613"/>
      <c r="AJS663" s="613"/>
      <c r="AJT663" s="613"/>
      <c r="AJU663" s="613"/>
      <c r="AJV663" s="613"/>
      <c r="AJW663" s="613"/>
      <c r="AJX663" s="613"/>
      <c r="AJY663" s="613"/>
      <c r="AJZ663" s="613"/>
      <c r="AKA663" s="613"/>
      <c r="AKB663" s="613"/>
      <c r="AKC663" s="613"/>
      <c r="AKD663" s="613"/>
      <c r="AKE663" s="613"/>
      <c r="AKF663" s="613"/>
      <c r="AKG663" s="613"/>
      <c r="AKH663" s="613"/>
      <c r="AKI663" s="613"/>
      <c r="AKJ663" s="613"/>
      <c r="AKK663" s="613"/>
      <c r="AKL663" s="613"/>
      <c r="AKM663" s="613"/>
      <c r="AKN663" s="613"/>
      <c r="AKO663" s="613"/>
      <c r="AKP663" s="613"/>
      <c r="AKQ663" s="613"/>
      <c r="AKR663" s="613"/>
      <c r="AKS663" s="613"/>
      <c r="AKT663" s="613"/>
      <c r="AKU663" s="613"/>
      <c r="AKV663" s="613"/>
      <c r="AKW663" s="613"/>
      <c r="AKX663" s="613"/>
      <c r="AKY663" s="613"/>
      <c r="AKZ663" s="613"/>
      <c r="ALA663" s="613"/>
      <c r="ALB663" s="613"/>
      <c r="ALC663" s="613"/>
      <c r="ALD663" s="613"/>
      <c r="ALE663" s="613"/>
      <c r="ALF663" s="613"/>
      <c r="ALG663" s="613"/>
      <c r="ALH663" s="613"/>
      <c r="ALI663" s="613"/>
      <c r="ALJ663" s="613"/>
      <c r="ALK663" s="613"/>
      <c r="ALL663" s="613"/>
      <c r="ALM663" s="613"/>
      <c r="ALN663" s="613"/>
      <c r="ALO663" s="613"/>
      <c r="ALP663" s="613"/>
      <c r="ALQ663" s="613"/>
      <c r="ALR663" s="613"/>
      <c r="ALS663" s="613"/>
      <c r="ALT663" s="613"/>
      <c r="ALU663" s="613"/>
      <c r="ALV663" s="613"/>
      <c r="ALW663" s="613"/>
      <c r="ALX663" s="613"/>
      <c r="ALY663" s="613"/>
      <c r="ALZ663" s="613"/>
      <c r="AMA663" s="613"/>
      <c r="AMB663" s="613"/>
      <c r="AMC663" s="613"/>
      <c r="AMD663" s="613"/>
      <c r="AME663" s="613"/>
      <c r="AMF663" s="613"/>
      <c r="AMG663" s="613"/>
      <c r="AMH663" s="613"/>
      <c r="AMI663" s="613"/>
      <c r="AMJ663" s="613"/>
      <c r="AMK663" s="613"/>
      <c r="AML663" s="613"/>
      <c r="AMM663" s="613"/>
      <c r="AMN663" s="613"/>
      <c r="AMO663" s="613"/>
      <c r="AMP663" s="613"/>
      <c r="AMQ663" s="613"/>
      <c r="AMR663" s="613"/>
      <c r="AMS663" s="613"/>
      <c r="AMT663" s="613"/>
      <c r="AMU663" s="613"/>
      <c r="AMV663" s="613"/>
      <c r="AMW663" s="613"/>
      <c r="AMX663" s="613"/>
      <c r="AMY663" s="613"/>
      <c r="AMZ663" s="613"/>
      <c r="ANA663" s="613"/>
      <c r="ANB663" s="613"/>
      <c r="ANC663" s="613"/>
      <c r="AND663" s="613"/>
      <c r="ANE663" s="613"/>
      <c r="ANF663" s="613"/>
      <c r="ANG663" s="613"/>
      <c r="ANH663" s="613"/>
      <c r="ANI663" s="613"/>
      <c r="ANJ663" s="613"/>
      <c r="ANK663" s="613"/>
      <c r="ANL663" s="613"/>
      <c r="ANM663" s="613"/>
      <c r="ANN663" s="613"/>
      <c r="ANO663" s="613"/>
      <c r="ANP663" s="613"/>
      <c r="ANQ663" s="613"/>
      <c r="ANR663" s="613"/>
      <c r="ANS663" s="613"/>
      <c r="ANT663" s="613"/>
      <c r="ANU663" s="613"/>
      <c r="ANV663" s="613"/>
      <c r="ANW663" s="613"/>
      <c r="ANX663" s="613"/>
      <c r="ANY663" s="613"/>
      <c r="ANZ663" s="613"/>
      <c r="AOA663" s="613"/>
      <c r="AOB663" s="613"/>
      <c r="AOC663" s="613"/>
      <c r="AOD663" s="613"/>
      <c r="AOE663" s="613"/>
      <c r="AOF663" s="613"/>
      <c r="AOG663" s="613"/>
      <c r="AOH663" s="613"/>
      <c r="AOI663" s="613"/>
      <c r="AOJ663" s="613"/>
      <c r="AOK663" s="613"/>
      <c r="AOL663" s="613"/>
      <c r="AOM663" s="613"/>
      <c r="AON663" s="613"/>
      <c r="AOO663" s="613"/>
      <c r="AOP663" s="613"/>
      <c r="AOQ663" s="613"/>
      <c r="AOR663" s="613"/>
      <c r="AOS663" s="613"/>
      <c r="AOT663" s="613"/>
      <c r="AOU663" s="613"/>
      <c r="AOV663" s="613"/>
      <c r="AOW663" s="613"/>
      <c r="AOX663" s="613"/>
      <c r="AOY663" s="613"/>
      <c r="AOZ663" s="613"/>
      <c r="APA663" s="613"/>
      <c r="APB663" s="613"/>
      <c r="APC663" s="613"/>
      <c r="APD663" s="613"/>
      <c r="APE663" s="613"/>
      <c r="APF663" s="613"/>
      <c r="APG663" s="613"/>
      <c r="APH663" s="613"/>
      <c r="API663" s="613"/>
      <c r="APJ663" s="613"/>
      <c r="APK663" s="613"/>
      <c r="APL663" s="613"/>
      <c r="APM663" s="613"/>
      <c r="APN663" s="613"/>
      <c r="APO663" s="613"/>
      <c r="APP663" s="613"/>
      <c r="APQ663" s="613"/>
      <c r="APR663" s="613"/>
      <c r="APS663" s="613"/>
      <c r="APT663" s="613"/>
      <c r="APU663" s="613"/>
      <c r="APV663" s="613"/>
      <c r="APW663" s="613"/>
      <c r="APX663" s="613"/>
      <c r="APY663" s="613"/>
      <c r="APZ663" s="613"/>
      <c r="AQA663" s="613"/>
      <c r="AQB663" s="613"/>
      <c r="AQC663" s="613"/>
      <c r="AQD663" s="613"/>
      <c r="AQE663" s="613"/>
      <c r="AQF663" s="613"/>
      <c r="AQG663" s="613"/>
      <c r="AQH663" s="613"/>
      <c r="AQI663" s="613"/>
      <c r="AQJ663" s="613"/>
      <c r="AQK663" s="613"/>
      <c r="AQL663" s="613"/>
      <c r="AQM663" s="613"/>
      <c r="AQN663" s="613"/>
      <c r="AQO663" s="613"/>
      <c r="AQP663" s="613"/>
      <c r="AQQ663" s="613"/>
      <c r="AQR663" s="613"/>
      <c r="AQS663" s="613"/>
      <c r="AQT663" s="613"/>
      <c r="AQU663" s="613"/>
      <c r="AQV663" s="613"/>
      <c r="AQW663" s="613"/>
      <c r="AQX663" s="613"/>
      <c r="AQY663" s="613"/>
      <c r="AQZ663" s="613"/>
      <c r="ARA663" s="613"/>
      <c r="ARB663" s="613"/>
      <c r="ARC663" s="613"/>
      <c r="ARD663" s="613"/>
      <c r="ARE663" s="613"/>
      <c r="ARF663" s="613"/>
      <c r="ARG663" s="613"/>
      <c r="ARH663" s="613"/>
      <c r="ARI663" s="613"/>
      <c r="ARJ663" s="613"/>
      <c r="ARK663" s="613"/>
      <c r="ARL663" s="613"/>
      <c r="ARM663" s="613"/>
      <c r="ARN663" s="613"/>
      <c r="ARO663" s="613"/>
      <c r="ARP663" s="613"/>
      <c r="ARQ663" s="613"/>
      <c r="ARR663" s="613"/>
      <c r="ARS663" s="613"/>
      <c r="ART663" s="613"/>
      <c r="ARU663" s="613"/>
      <c r="ARV663" s="613"/>
      <c r="ARW663" s="613"/>
      <c r="ARX663" s="613"/>
      <c r="ARY663" s="613"/>
      <c r="ARZ663" s="613"/>
      <c r="ASA663" s="613"/>
      <c r="ASB663" s="613"/>
      <c r="ASC663" s="613"/>
      <c r="ASD663" s="613"/>
      <c r="ASE663" s="613"/>
      <c r="ASF663" s="613"/>
      <c r="ASG663" s="613"/>
      <c r="ASH663" s="613"/>
      <c r="ASI663" s="613"/>
      <c r="ASJ663" s="613"/>
      <c r="ASK663" s="613"/>
      <c r="ASL663" s="613"/>
      <c r="ASM663" s="613"/>
      <c r="ASN663" s="613"/>
      <c r="ASO663" s="613"/>
      <c r="ASP663" s="613"/>
      <c r="ASQ663" s="613"/>
      <c r="ASR663" s="613"/>
      <c r="ASS663" s="613"/>
      <c r="AST663" s="613"/>
      <c r="ASU663" s="613"/>
      <c r="ASV663" s="613"/>
      <c r="ASW663" s="613"/>
      <c r="ASX663" s="613"/>
      <c r="ASY663" s="613"/>
      <c r="ASZ663" s="613"/>
      <c r="ATA663" s="613"/>
      <c r="ATB663" s="613"/>
      <c r="ATC663" s="613"/>
      <c r="ATD663" s="613"/>
      <c r="ATE663" s="613"/>
      <c r="ATF663" s="613"/>
      <c r="ATG663" s="613"/>
      <c r="ATH663" s="613"/>
      <c r="ATI663" s="613"/>
      <c r="ATJ663" s="613"/>
      <c r="ATK663" s="613"/>
      <c r="ATL663" s="613"/>
      <c r="ATM663" s="613"/>
      <c r="ATN663" s="613"/>
      <c r="ATO663" s="613"/>
      <c r="ATP663" s="613"/>
      <c r="ATQ663" s="613"/>
      <c r="ATR663" s="613"/>
      <c r="ATS663" s="613"/>
      <c r="ATT663" s="613"/>
      <c r="ATU663" s="613"/>
      <c r="ATV663" s="613"/>
      <c r="ATW663" s="613"/>
      <c r="ATX663" s="613"/>
      <c r="ATY663" s="613"/>
      <c r="ATZ663" s="613"/>
      <c r="AUA663" s="613"/>
      <c r="AUB663" s="613"/>
      <c r="AUC663" s="613"/>
      <c r="AUD663" s="613"/>
      <c r="AUE663" s="613"/>
      <c r="AUF663" s="613"/>
      <c r="AUG663" s="613"/>
      <c r="AUH663" s="613"/>
      <c r="AUI663" s="613"/>
      <c r="AUJ663" s="613"/>
      <c r="AUK663" s="613"/>
      <c r="AUL663" s="613"/>
      <c r="AUM663" s="613"/>
      <c r="AUN663" s="613"/>
      <c r="AUO663" s="613"/>
      <c r="AUP663" s="613"/>
      <c r="AUQ663" s="613"/>
      <c r="AUR663" s="613"/>
      <c r="AUS663" s="613"/>
      <c r="AUT663" s="613"/>
      <c r="AUU663" s="613"/>
      <c r="AUV663" s="613"/>
      <c r="AUW663" s="613"/>
      <c r="AUX663" s="613"/>
      <c r="AUY663" s="613"/>
      <c r="AUZ663" s="613"/>
      <c r="AVA663" s="613"/>
      <c r="AVB663" s="613"/>
      <c r="AVC663" s="613"/>
      <c r="AVD663" s="613"/>
      <c r="AVE663" s="613"/>
      <c r="AVF663" s="613"/>
      <c r="AVG663" s="613"/>
      <c r="AVH663" s="613"/>
      <c r="AVI663" s="613"/>
      <c r="AVJ663" s="613"/>
      <c r="AVK663" s="613"/>
      <c r="AVL663" s="613"/>
      <c r="AVM663" s="613"/>
      <c r="AVN663" s="613"/>
      <c r="AVO663" s="613"/>
      <c r="AVP663" s="613"/>
      <c r="AVQ663" s="613"/>
      <c r="AVR663" s="613"/>
      <c r="AVS663" s="613"/>
      <c r="AVT663" s="613"/>
      <c r="AVU663" s="613"/>
      <c r="AVV663" s="613"/>
      <c r="AVW663" s="613"/>
      <c r="AVX663" s="613"/>
      <c r="AVY663" s="613"/>
      <c r="AVZ663" s="613"/>
      <c r="AWA663" s="613"/>
      <c r="AWB663" s="613"/>
      <c r="AWC663" s="613"/>
      <c r="AWD663" s="613"/>
      <c r="AWE663" s="613"/>
      <c r="AWF663" s="613"/>
      <c r="AWG663" s="613"/>
      <c r="AWH663" s="613"/>
      <c r="AWI663" s="613"/>
      <c r="AWJ663" s="613"/>
      <c r="AWK663" s="613"/>
      <c r="AWL663" s="613"/>
      <c r="AWM663" s="613"/>
      <c r="AWN663" s="613"/>
      <c r="AWO663" s="613"/>
      <c r="AWP663" s="613"/>
      <c r="AWQ663" s="613"/>
      <c r="AWR663" s="613"/>
      <c r="AWS663" s="613"/>
      <c r="AWT663" s="613"/>
      <c r="AWU663" s="613"/>
      <c r="AWV663" s="613"/>
      <c r="AWW663" s="613"/>
      <c r="AWX663" s="613"/>
      <c r="AWY663" s="613"/>
      <c r="AWZ663" s="613"/>
      <c r="AXA663" s="613"/>
      <c r="AXB663" s="613"/>
      <c r="AXC663" s="613"/>
      <c r="AXD663" s="613"/>
      <c r="AXE663" s="613"/>
      <c r="AXF663" s="613"/>
      <c r="AXG663" s="613"/>
      <c r="AXH663" s="613"/>
      <c r="AXI663" s="613"/>
      <c r="AXJ663" s="613"/>
      <c r="AXK663" s="613"/>
      <c r="AXL663" s="613"/>
      <c r="AXM663" s="613"/>
      <c r="AXN663" s="613"/>
      <c r="AXO663" s="613"/>
      <c r="AXP663" s="613"/>
      <c r="AXQ663" s="613"/>
      <c r="AXR663" s="613"/>
      <c r="AXS663" s="613"/>
      <c r="AXT663" s="613"/>
      <c r="AXU663" s="613"/>
      <c r="AXV663" s="613"/>
      <c r="AXW663" s="613"/>
      <c r="AXX663" s="613"/>
      <c r="AXY663" s="613"/>
      <c r="AXZ663" s="613"/>
      <c r="AYA663" s="613"/>
      <c r="AYB663" s="613"/>
      <c r="AYC663" s="613"/>
      <c r="AYD663" s="613"/>
      <c r="AYE663" s="613"/>
      <c r="AYF663" s="613"/>
      <c r="AYG663" s="613"/>
      <c r="AYH663" s="613"/>
      <c r="AYI663" s="613"/>
      <c r="AYJ663" s="613"/>
      <c r="AYK663" s="613"/>
      <c r="AYL663" s="613"/>
      <c r="AYM663" s="613"/>
      <c r="AYN663" s="613"/>
      <c r="AYO663" s="613"/>
      <c r="AYP663" s="613"/>
      <c r="AYQ663" s="613"/>
      <c r="AYR663" s="613"/>
      <c r="AYS663" s="613"/>
      <c r="AYT663" s="613"/>
      <c r="AYU663" s="613"/>
      <c r="AYV663" s="613"/>
      <c r="AYW663" s="613"/>
      <c r="AYX663" s="613"/>
      <c r="AYY663" s="613"/>
      <c r="AYZ663" s="613"/>
      <c r="AZA663" s="613"/>
      <c r="AZB663" s="613"/>
      <c r="AZC663" s="613"/>
      <c r="AZD663" s="613"/>
      <c r="AZE663" s="613"/>
      <c r="AZF663" s="613"/>
      <c r="AZG663" s="613"/>
      <c r="AZH663" s="613"/>
      <c r="AZI663" s="613"/>
      <c r="AZJ663" s="613"/>
      <c r="AZK663" s="613"/>
      <c r="AZL663" s="613"/>
      <c r="AZM663" s="613"/>
      <c r="AZN663" s="613"/>
      <c r="AZO663" s="613"/>
      <c r="AZP663" s="613"/>
      <c r="AZQ663" s="613"/>
      <c r="AZR663" s="613"/>
      <c r="AZS663" s="613"/>
      <c r="AZT663" s="613"/>
      <c r="AZU663" s="613"/>
      <c r="AZV663" s="613"/>
      <c r="AZW663" s="613"/>
      <c r="AZX663" s="613"/>
      <c r="AZY663" s="613"/>
      <c r="AZZ663" s="613"/>
      <c r="BAA663" s="613"/>
      <c r="BAB663" s="613"/>
      <c r="BAC663" s="613"/>
      <c r="BAD663" s="613"/>
      <c r="BAE663" s="613"/>
      <c r="BAF663" s="613"/>
      <c r="BAG663" s="613"/>
      <c r="BAH663" s="613"/>
      <c r="BAI663" s="613"/>
      <c r="BAJ663" s="613"/>
      <c r="BAK663" s="613"/>
      <c r="BAL663" s="613"/>
      <c r="BAM663" s="613"/>
      <c r="BAN663" s="613"/>
      <c r="BAO663" s="613"/>
      <c r="BAP663" s="613"/>
      <c r="BAQ663" s="613"/>
      <c r="BAR663" s="613"/>
      <c r="BAS663" s="613"/>
      <c r="BAT663" s="613"/>
      <c r="BAU663" s="613"/>
      <c r="BAV663" s="613"/>
      <c r="BAW663" s="613"/>
      <c r="BAX663" s="613"/>
      <c r="BAY663" s="613"/>
      <c r="BAZ663" s="613"/>
      <c r="BBA663" s="613"/>
      <c r="BBB663" s="613"/>
      <c r="BBC663" s="613"/>
      <c r="BBD663" s="613"/>
      <c r="BBE663" s="613"/>
      <c r="BBF663" s="613"/>
      <c r="BBG663" s="613"/>
      <c r="BBH663" s="613"/>
      <c r="BBI663" s="613"/>
      <c r="BBJ663" s="613"/>
      <c r="BBK663" s="613"/>
      <c r="BBL663" s="613"/>
      <c r="BBM663" s="613"/>
      <c r="BBN663" s="613"/>
      <c r="BBO663" s="613"/>
      <c r="BBP663" s="613"/>
      <c r="BBQ663" s="613"/>
      <c r="BBR663" s="613"/>
      <c r="BBS663" s="613"/>
      <c r="BBT663" s="613"/>
      <c r="BBU663" s="613"/>
      <c r="BBV663" s="613"/>
      <c r="BBW663" s="613"/>
      <c r="BBX663" s="613"/>
      <c r="BBY663" s="613"/>
      <c r="BBZ663" s="613"/>
      <c r="BCA663" s="613"/>
      <c r="BCB663" s="613"/>
      <c r="BCC663" s="613"/>
      <c r="BCD663" s="613"/>
      <c r="BCE663" s="613"/>
      <c r="BCF663" s="613"/>
      <c r="BCG663" s="613"/>
      <c r="BCH663" s="613"/>
      <c r="BCI663" s="613"/>
      <c r="BCJ663" s="613"/>
      <c r="BCK663" s="613"/>
      <c r="BCL663" s="613"/>
      <c r="BCM663" s="613"/>
      <c r="BCN663" s="613"/>
      <c r="BCO663" s="613"/>
      <c r="BCP663" s="613"/>
      <c r="BCQ663" s="613"/>
      <c r="BCR663" s="613"/>
      <c r="BCS663" s="613"/>
      <c r="BCT663" s="613"/>
      <c r="BCU663" s="613"/>
      <c r="BCV663" s="613"/>
      <c r="BCW663" s="613"/>
      <c r="BCX663" s="613"/>
      <c r="BCY663" s="613"/>
      <c r="BCZ663" s="613"/>
      <c r="BDA663" s="613"/>
      <c r="BDB663" s="613"/>
      <c r="BDC663" s="613"/>
      <c r="BDD663" s="613"/>
      <c r="BDE663" s="613"/>
      <c r="BDF663" s="613"/>
      <c r="BDG663" s="613"/>
      <c r="BDH663" s="613"/>
      <c r="BDI663" s="613"/>
      <c r="BDJ663" s="613"/>
      <c r="BDK663" s="613"/>
      <c r="BDL663" s="613"/>
      <c r="BDM663" s="613"/>
      <c r="BDN663" s="613"/>
      <c r="BDO663" s="613"/>
      <c r="BDP663" s="613"/>
      <c r="BDQ663" s="613"/>
      <c r="BDR663" s="613"/>
      <c r="BDS663" s="613"/>
      <c r="BDT663" s="613"/>
      <c r="BDU663" s="613"/>
      <c r="BDV663" s="613"/>
      <c r="BDW663" s="613"/>
      <c r="BDX663" s="613"/>
      <c r="BDY663" s="613"/>
      <c r="BDZ663" s="613"/>
      <c r="BEA663" s="613"/>
      <c r="BEB663" s="613"/>
      <c r="BEC663" s="613"/>
      <c r="BED663" s="613"/>
      <c r="BEE663" s="613"/>
      <c r="BEF663" s="613"/>
      <c r="BEG663" s="613"/>
      <c r="BEH663" s="613"/>
      <c r="BEI663" s="613"/>
      <c r="BEJ663" s="613"/>
      <c r="BEK663" s="613"/>
      <c r="BEL663" s="613"/>
      <c r="BEM663" s="613"/>
      <c r="BEN663" s="613"/>
      <c r="BEO663" s="613"/>
      <c r="BEP663" s="613"/>
      <c r="BEQ663" s="613"/>
      <c r="BER663" s="613"/>
      <c r="BES663" s="613"/>
      <c r="BET663" s="613"/>
      <c r="BEU663" s="613"/>
      <c r="BEV663" s="613"/>
      <c r="BEW663" s="613"/>
      <c r="BEX663" s="613"/>
      <c r="BEY663" s="613"/>
      <c r="BEZ663" s="613"/>
      <c r="BFA663" s="613"/>
      <c r="BFB663" s="613"/>
      <c r="BFC663" s="613"/>
      <c r="BFD663" s="613"/>
      <c r="BFE663" s="613"/>
      <c r="BFF663" s="613"/>
      <c r="BFG663" s="613"/>
      <c r="BFH663" s="613"/>
      <c r="BFI663" s="613"/>
      <c r="BFJ663" s="613"/>
      <c r="BFK663" s="613"/>
      <c r="BFL663" s="613"/>
      <c r="BFM663" s="613"/>
      <c r="BFN663" s="613"/>
      <c r="BFO663" s="613"/>
      <c r="BFP663" s="613"/>
      <c r="BFQ663" s="613"/>
      <c r="BFR663" s="613"/>
      <c r="BFS663" s="613"/>
      <c r="BFT663" s="613"/>
      <c r="BFU663" s="613"/>
      <c r="BFV663" s="613"/>
      <c r="BFW663" s="613"/>
      <c r="BFX663" s="613"/>
      <c r="BFY663" s="613"/>
      <c r="BFZ663" s="613"/>
      <c r="BGA663" s="613"/>
      <c r="BGB663" s="613"/>
      <c r="BGC663" s="613"/>
      <c r="BGD663" s="613"/>
      <c r="BGE663" s="613"/>
      <c r="BGF663" s="613"/>
      <c r="BGG663" s="613"/>
      <c r="BGH663" s="613"/>
      <c r="BGI663" s="613"/>
      <c r="BGJ663" s="613"/>
      <c r="BGK663" s="613"/>
      <c r="BGL663" s="613"/>
      <c r="BGM663" s="613"/>
      <c r="BGN663" s="613"/>
      <c r="BGO663" s="613"/>
      <c r="BGP663" s="613"/>
      <c r="BGQ663" s="613"/>
      <c r="BGR663" s="613"/>
      <c r="BGS663" s="613"/>
      <c r="BGT663" s="613"/>
      <c r="BGU663" s="613"/>
      <c r="BGV663" s="613"/>
      <c r="BGW663" s="613"/>
      <c r="BGX663" s="613"/>
      <c r="BGY663" s="613"/>
      <c r="BGZ663" s="613"/>
      <c r="BHA663" s="613"/>
      <c r="BHB663" s="613"/>
      <c r="BHC663" s="613"/>
      <c r="BHD663" s="613"/>
      <c r="BHE663" s="613"/>
      <c r="BHF663" s="613"/>
      <c r="BHG663" s="613"/>
      <c r="BHH663" s="613"/>
      <c r="BHI663" s="613"/>
      <c r="BHJ663" s="613"/>
      <c r="BHK663" s="613"/>
      <c r="BHL663" s="613"/>
      <c r="BHM663" s="613"/>
      <c r="BHN663" s="613"/>
      <c r="BHO663" s="613"/>
      <c r="BHP663" s="613"/>
      <c r="BHQ663" s="613"/>
      <c r="BHR663" s="613"/>
      <c r="BHS663" s="613"/>
      <c r="BHT663" s="613"/>
      <c r="BHU663" s="613"/>
      <c r="BHV663" s="613"/>
      <c r="BHW663" s="613"/>
      <c r="BHX663" s="613"/>
      <c r="BHY663" s="613"/>
      <c r="BHZ663" s="613"/>
      <c r="BIA663" s="613"/>
      <c r="BIB663" s="613"/>
      <c r="BIC663" s="613"/>
      <c r="BID663" s="613"/>
      <c r="BIE663" s="613"/>
      <c r="BIF663" s="613"/>
      <c r="BIG663" s="613"/>
      <c r="BIH663" s="613"/>
      <c r="BII663" s="613"/>
      <c r="BIJ663" s="613"/>
      <c r="BIK663" s="613"/>
      <c r="BIL663" s="613"/>
      <c r="BIM663" s="613"/>
      <c r="BIN663" s="613"/>
      <c r="BIO663" s="613"/>
      <c r="BIP663" s="613"/>
      <c r="BIQ663" s="613"/>
      <c r="BIR663" s="613"/>
      <c r="BIS663" s="613"/>
      <c r="BIT663" s="613"/>
      <c r="BIU663" s="613"/>
      <c r="BIV663" s="613"/>
      <c r="BIW663" s="613"/>
      <c r="BIX663" s="613"/>
      <c r="BIY663" s="613"/>
      <c r="BIZ663" s="613"/>
      <c r="BJA663" s="613"/>
      <c r="BJB663" s="613"/>
      <c r="BJC663" s="613"/>
      <c r="BJD663" s="613"/>
      <c r="BJE663" s="613"/>
      <c r="BJF663" s="613"/>
      <c r="BJG663" s="613"/>
      <c r="BJH663" s="613"/>
      <c r="BJI663" s="613"/>
      <c r="BJJ663" s="613"/>
      <c r="BJK663" s="613"/>
      <c r="BJL663" s="613"/>
      <c r="BJM663" s="613"/>
      <c r="BJN663" s="613"/>
      <c r="BJO663" s="613"/>
      <c r="BJP663" s="613"/>
      <c r="BJQ663" s="613"/>
      <c r="BJR663" s="613"/>
      <c r="BJS663" s="613"/>
      <c r="BJT663" s="613"/>
      <c r="BJU663" s="613"/>
      <c r="BJV663" s="613"/>
      <c r="BJW663" s="613"/>
      <c r="BJX663" s="613"/>
      <c r="BJY663" s="613"/>
      <c r="BJZ663" s="613"/>
      <c r="BKA663" s="613"/>
      <c r="BKB663" s="613"/>
      <c r="BKC663" s="613"/>
      <c r="BKD663" s="613"/>
      <c r="BKE663" s="613"/>
      <c r="BKF663" s="613"/>
      <c r="BKG663" s="613"/>
      <c r="BKH663" s="613"/>
      <c r="BKI663" s="613"/>
      <c r="BKJ663" s="613"/>
      <c r="BKK663" s="613"/>
      <c r="BKL663" s="613"/>
      <c r="BKM663" s="613"/>
      <c r="BKN663" s="613"/>
      <c r="BKO663" s="613"/>
      <c r="BKP663" s="613"/>
      <c r="BKQ663" s="613"/>
      <c r="BKR663" s="613"/>
      <c r="BKS663" s="613"/>
      <c r="BKT663" s="613"/>
      <c r="BKU663" s="613"/>
      <c r="BKV663" s="613"/>
      <c r="BKW663" s="613"/>
      <c r="BKX663" s="613"/>
      <c r="BKY663" s="613"/>
      <c r="BKZ663" s="613"/>
      <c r="BLA663" s="613"/>
      <c r="BLB663" s="613"/>
      <c r="BLC663" s="613"/>
      <c r="BLD663" s="613"/>
      <c r="BLE663" s="613"/>
      <c r="BLF663" s="613"/>
      <c r="BLG663" s="613"/>
      <c r="BLH663" s="613"/>
      <c r="BLI663" s="613"/>
      <c r="BLJ663" s="613"/>
      <c r="BLK663" s="613"/>
      <c r="BLL663" s="613"/>
      <c r="BLM663" s="613"/>
      <c r="BLN663" s="613"/>
      <c r="BLO663" s="613"/>
      <c r="BLP663" s="613"/>
      <c r="BLQ663" s="613"/>
      <c r="BLR663" s="613"/>
      <c r="BLS663" s="613"/>
      <c r="BLT663" s="613"/>
      <c r="BLU663" s="613"/>
      <c r="BLV663" s="613"/>
      <c r="BLW663" s="613"/>
      <c r="BLX663" s="613"/>
      <c r="BLY663" s="613"/>
      <c r="BLZ663" s="613"/>
      <c r="BMA663" s="613"/>
      <c r="BMB663" s="613"/>
      <c r="BMC663" s="613"/>
      <c r="BMD663" s="613"/>
      <c r="BME663" s="613"/>
      <c r="BMF663" s="613"/>
      <c r="BMG663" s="613"/>
      <c r="BMH663" s="613"/>
      <c r="BMI663" s="613"/>
      <c r="BMJ663" s="613"/>
      <c r="BMK663" s="613"/>
      <c r="BML663" s="613"/>
      <c r="BMM663" s="613"/>
      <c r="BMN663" s="613"/>
      <c r="BMO663" s="613"/>
      <c r="BMP663" s="613"/>
      <c r="BMQ663" s="613"/>
      <c r="BMR663" s="613"/>
      <c r="BMS663" s="613"/>
      <c r="BMT663" s="613"/>
      <c r="BMU663" s="613"/>
      <c r="BMV663" s="613"/>
      <c r="BMW663" s="613"/>
      <c r="BMX663" s="613"/>
      <c r="BMY663" s="613"/>
      <c r="BMZ663" s="613"/>
      <c r="BNA663" s="613"/>
      <c r="BNB663" s="613"/>
      <c r="BNC663" s="613"/>
      <c r="BND663" s="613"/>
      <c r="BNE663" s="613"/>
      <c r="BNF663" s="613"/>
      <c r="BNG663" s="613"/>
      <c r="BNH663" s="613"/>
      <c r="BNI663" s="613"/>
      <c r="BNJ663" s="613"/>
      <c r="BNK663" s="613"/>
      <c r="BNL663" s="613"/>
      <c r="BNM663" s="613"/>
      <c r="BNN663" s="613"/>
      <c r="BNO663" s="613"/>
      <c r="BNP663" s="613"/>
      <c r="BNQ663" s="613"/>
      <c r="BNR663" s="613"/>
      <c r="BNS663" s="613"/>
      <c r="BNT663" s="613"/>
      <c r="BNU663" s="613"/>
      <c r="BNV663" s="613"/>
      <c r="BNW663" s="613"/>
      <c r="BNX663" s="613"/>
      <c r="BNY663" s="613"/>
      <c r="BNZ663" s="613"/>
      <c r="BOA663" s="613"/>
      <c r="BOB663" s="613"/>
      <c r="BOC663" s="613"/>
      <c r="BOD663" s="613"/>
      <c r="BOE663" s="613"/>
      <c r="BOF663" s="613"/>
      <c r="BOG663" s="613"/>
      <c r="BOH663" s="613"/>
      <c r="BOI663" s="613"/>
      <c r="BOJ663" s="613"/>
      <c r="BOK663" s="613"/>
      <c r="BOL663" s="613"/>
      <c r="BOM663" s="613"/>
      <c r="BON663" s="613"/>
      <c r="BOO663" s="613"/>
      <c r="BOP663" s="613"/>
      <c r="BOQ663" s="613"/>
      <c r="BOR663" s="613"/>
      <c r="BOS663" s="613"/>
      <c r="BOT663" s="613"/>
      <c r="BOU663" s="613"/>
      <c r="BOV663" s="613"/>
      <c r="BOW663" s="613"/>
      <c r="BOX663" s="613"/>
      <c r="BOY663" s="613"/>
      <c r="BOZ663" s="613"/>
      <c r="BPA663" s="613"/>
      <c r="BPB663" s="613"/>
      <c r="BPC663" s="613"/>
      <c r="BPD663" s="613"/>
      <c r="BPE663" s="613"/>
      <c r="BPF663" s="613"/>
      <c r="BPG663" s="613"/>
      <c r="BPH663" s="613"/>
      <c r="BPI663" s="613"/>
      <c r="BPJ663" s="613"/>
      <c r="BPK663" s="613"/>
      <c r="BPL663" s="613"/>
      <c r="BPM663" s="613"/>
      <c r="BPN663" s="613"/>
      <c r="BPO663" s="613"/>
      <c r="BPP663" s="613"/>
      <c r="BPQ663" s="613"/>
      <c r="BPR663" s="613"/>
      <c r="BPS663" s="613"/>
      <c r="BPT663" s="613"/>
      <c r="BPU663" s="613"/>
      <c r="BPV663" s="613"/>
      <c r="BPW663" s="613"/>
      <c r="BPX663" s="613"/>
      <c r="BPY663" s="613"/>
      <c r="BPZ663" s="613"/>
      <c r="BQA663" s="613"/>
      <c r="BQB663" s="613"/>
      <c r="BQC663" s="613"/>
      <c r="BQD663" s="613"/>
      <c r="BQE663" s="613"/>
      <c r="BQF663" s="613"/>
      <c r="BQG663" s="613"/>
      <c r="BQH663" s="613"/>
      <c r="BQI663" s="613"/>
      <c r="BQJ663" s="613"/>
      <c r="BQK663" s="613"/>
      <c r="BQL663" s="613"/>
      <c r="BQM663" s="613"/>
      <c r="BQN663" s="613"/>
      <c r="BQO663" s="613"/>
      <c r="BQP663" s="613"/>
      <c r="BQQ663" s="613"/>
      <c r="BQR663" s="613"/>
      <c r="BQS663" s="613"/>
      <c r="BQT663" s="613"/>
      <c r="BQU663" s="613"/>
      <c r="BQV663" s="613"/>
      <c r="BQW663" s="613"/>
      <c r="BQX663" s="613"/>
      <c r="BQY663" s="613"/>
      <c r="BQZ663" s="613"/>
      <c r="BRA663" s="613"/>
      <c r="BRB663" s="613"/>
      <c r="BRC663" s="613"/>
      <c r="BRD663" s="613"/>
      <c r="BRE663" s="613"/>
      <c r="BRF663" s="613"/>
      <c r="BRG663" s="613"/>
      <c r="BRH663" s="613"/>
      <c r="BRI663" s="613"/>
      <c r="BRJ663" s="613"/>
      <c r="BRK663" s="613"/>
      <c r="BRL663" s="613"/>
      <c r="BRM663" s="613"/>
      <c r="BRN663" s="613"/>
      <c r="BRO663" s="613"/>
      <c r="BRP663" s="613"/>
      <c r="BRQ663" s="613"/>
      <c r="BRR663" s="613"/>
      <c r="BRS663" s="613"/>
      <c r="BRT663" s="613"/>
      <c r="BRU663" s="613"/>
      <c r="BRV663" s="613"/>
      <c r="BRW663" s="613"/>
      <c r="BRX663" s="613"/>
      <c r="BRY663" s="613"/>
      <c r="BRZ663" s="613"/>
      <c r="BSA663" s="613"/>
      <c r="BSB663" s="613"/>
      <c r="BSC663" s="613"/>
      <c r="BSD663" s="613"/>
      <c r="BSE663" s="613"/>
      <c r="BSF663" s="613"/>
      <c r="BSG663" s="613"/>
      <c r="BSH663" s="613"/>
      <c r="BSI663" s="613"/>
      <c r="BSJ663" s="613"/>
      <c r="BSK663" s="613"/>
      <c r="BSL663" s="613"/>
      <c r="BSM663" s="613"/>
      <c r="BSN663" s="613"/>
      <c r="BSO663" s="613"/>
      <c r="BSP663" s="613"/>
      <c r="BSQ663" s="613"/>
      <c r="BSR663" s="613"/>
      <c r="BSS663" s="613"/>
      <c r="BST663" s="613"/>
      <c r="BSU663" s="613"/>
      <c r="BSV663" s="613"/>
      <c r="BSW663" s="613"/>
      <c r="BSX663" s="613"/>
      <c r="BSY663" s="613"/>
      <c r="BSZ663" s="613"/>
      <c r="BTA663" s="613"/>
      <c r="BTB663" s="613"/>
      <c r="BTC663" s="613"/>
      <c r="BTD663" s="613"/>
      <c r="BTE663" s="613"/>
      <c r="BTF663" s="613"/>
      <c r="BTG663" s="613"/>
      <c r="BTH663" s="613"/>
      <c r="BTI663" s="613"/>
      <c r="BTJ663" s="613"/>
      <c r="BTK663" s="613"/>
      <c r="BTL663" s="613"/>
      <c r="BTM663" s="613"/>
      <c r="BTN663" s="613"/>
      <c r="BTO663" s="613"/>
      <c r="BTP663" s="613"/>
      <c r="BTQ663" s="613"/>
      <c r="BTR663" s="613"/>
      <c r="BTS663" s="613"/>
      <c r="BTT663" s="613"/>
      <c r="BTU663" s="613"/>
      <c r="BTV663" s="613"/>
      <c r="BTW663" s="613"/>
      <c r="BTX663" s="613"/>
      <c r="BTY663" s="613"/>
      <c r="BTZ663" s="613"/>
      <c r="BUA663" s="613"/>
      <c r="BUB663" s="613"/>
      <c r="BUC663" s="613"/>
      <c r="BUD663" s="613"/>
      <c r="BUE663" s="613"/>
      <c r="BUF663" s="613"/>
      <c r="BUG663" s="613"/>
      <c r="BUH663" s="613"/>
      <c r="BUI663" s="613"/>
      <c r="BUJ663" s="613"/>
      <c r="BUK663" s="613"/>
      <c r="BUL663" s="613"/>
      <c r="BUM663" s="613"/>
      <c r="BUN663" s="613"/>
      <c r="BUO663" s="613"/>
      <c r="BUP663" s="613"/>
      <c r="BUQ663" s="613"/>
      <c r="BUR663" s="613"/>
      <c r="BUS663" s="613"/>
      <c r="BUT663" s="613"/>
      <c r="BUU663" s="613"/>
      <c r="BUV663" s="613"/>
      <c r="BUW663" s="613"/>
      <c r="BUX663" s="613"/>
      <c r="BUY663" s="613"/>
      <c r="BUZ663" s="613"/>
      <c r="BVA663" s="613"/>
      <c r="BVB663" s="613"/>
      <c r="BVC663" s="613"/>
      <c r="BVD663" s="613"/>
      <c r="BVE663" s="613"/>
      <c r="BVF663" s="613"/>
      <c r="BVG663" s="613"/>
      <c r="BVH663" s="613"/>
      <c r="BVI663" s="613"/>
      <c r="BVJ663" s="613"/>
      <c r="BVK663" s="613"/>
      <c r="BVL663" s="613"/>
      <c r="BVM663" s="613"/>
      <c r="BVN663" s="613"/>
      <c r="BVO663" s="613"/>
      <c r="BVP663" s="613"/>
      <c r="BVQ663" s="613"/>
      <c r="BVR663" s="613"/>
      <c r="BVS663" s="613"/>
      <c r="BVT663" s="613"/>
      <c r="BVU663" s="613"/>
      <c r="BVV663" s="613"/>
      <c r="BVW663" s="613"/>
      <c r="BVX663" s="613"/>
      <c r="BVY663" s="613"/>
      <c r="BVZ663" s="613"/>
      <c r="BWA663" s="613"/>
      <c r="BWB663" s="613"/>
      <c r="BWC663" s="613"/>
      <c r="BWD663" s="613"/>
      <c r="BWE663" s="613"/>
      <c r="BWF663" s="613"/>
      <c r="BWG663" s="613"/>
      <c r="BWH663" s="613"/>
      <c r="BWI663" s="613"/>
      <c r="BWJ663" s="613"/>
      <c r="BWK663" s="613"/>
      <c r="BWL663" s="613"/>
      <c r="BWM663" s="613"/>
      <c r="BWN663" s="613"/>
      <c r="BWO663" s="613"/>
      <c r="BWP663" s="613"/>
      <c r="BWQ663" s="613"/>
      <c r="BWR663" s="613"/>
      <c r="BWS663" s="613"/>
      <c r="BWT663" s="613"/>
      <c r="BWU663" s="613"/>
      <c r="BWV663" s="613"/>
      <c r="BWW663" s="613"/>
      <c r="BWX663" s="613"/>
      <c r="BWY663" s="613"/>
      <c r="BWZ663" s="613"/>
      <c r="BXA663" s="613"/>
      <c r="BXB663" s="613"/>
      <c r="BXC663" s="613"/>
      <c r="BXD663" s="613"/>
      <c r="BXE663" s="613"/>
      <c r="BXF663" s="613"/>
      <c r="BXG663" s="613"/>
      <c r="BXH663" s="613"/>
      <c r="BXI663" s="613"/>
      <c r="BXJ663" s="613"/>
      <c r="BXK663" s="613"/>
      <c r="BXL663" s="613"/>
      <c r="BXM663" s="613"/>
      <c r="BXN663" s="613"/>
      <c r="BXO663" s="613"/>
      <c r="BXP663" s="613"/>
      <c r="BXQ663" s="613"/>
      <c r="BXR663" s="613"/>
      <c r="BXS663" s="613"/>
      <c r="BXT663" s="613"/>
      <c r="BXU663" s="613"/>
      <c r="BXV663" s="613"/>
      <c r="BXW663" s="613"/>
      <c r="BXX663" s="613"/>
      <c r="BXY663" s="613"/>
      <c r="BXZ663" s="613"/>
      <c r="BYA663" s="613"/>
      <c r="BYB663" s="613"/>
      <c r="BYC663" s="613"/>
      <c r="BYD663" s="613"/>
      <c r="BYE663" s="613"/>
      <c r="BYF663" s="613"/>
      <c r="BYG663" s="613"/>
      <c r="BYH663" s="613"/>
      <c r="BYI663" s="613"/>
      <c r="BYJ663" s="613"/>
      <c r="BYK663" s="613"/>
      <c r="BYL663" s="613"/>
      <c r="BYM663" s="613"/>
      <c r="BYN663" s="613"/>
      <c r="BYO663" s="613"/>
      <c r="BYP663" s="613"/>
      <c r="BYQ663" s="613"/>
      <c r="BYR663" s="613"/>
      <c r="BYS663" s="613"/>
      <c r="BYT663" s="613"/>
      <c r="BYU663" s="613"/>
      <c r="BYV663" s="613"/>
      <c r="BYW663" s="613"/>
      <c r="BYX663" s="613"/>
      <c r="BYY663" s="613"/>
      <c r="BYZ663" s="613"/>
      <c r="BZA663" s="613"/>
      <c r="BZB663" s="613"/>
      <c r="BZC663" s="613"/>
      <c r="BZD663" s="613"/>
      <c r="BZE663" s="613"/>
      <c r="BZF663" s="613"/>
      <c r="BZG663" s="613"/>
      <c r="BZH663" s="613"/>
      <c r="BZI663" s="613"/>
      <c r="BZJ663" s="613"/>
      <c r="BZK663" s="613"/>
      <c r="BZL663" s="613"/>
      <c r="BZM663" s="613"/>
      <c r="BZN663" s="613"/>
      <c r="BZO663" s="613"/>
      <c r="BZP663" s="613"/>
      <c r="BZQ663" s="613"/>
      <c r="BZR663" s="613"/>
      <c r="BZS663" s="613"/>
      <c r="BZT663" s="613"/>
      <c r="BZU663" s="613"/>
      <c r="BZV663" s="613"/>
      <c r="BZW663" s="613"/>
      <c r="BZX663" s="613"/>
      <c r="BZY663" s="613"/>
      <c r="BZZ663" s="613"/>
      <c r="CAA663" s="613"/>
      <c r="CAB663" s="613"/>
      <c r="CAC663" s="613"/>
      <c r="CAD663" s="613"/>
      <c r="CAE663" s="613"/>
      <c r="CAF663" s="613"/>
      <c r="CAG663" s="613"/>
      <c r="CAH663" s="613"/>
      <c r="CAI663" s="613"/>
      <c r="CAJ663" s="613"/>
      <c r="CAK663" s="613"/>
      <c r="CAL663" s="613"/>
      <c r="CAM663" s="613"/>
      <c r="CAN663" s="613"/>
      <c r="CAO663" s="613"/>
      <c r="CAP663" s="613"/>
      <c r="CAQ663" s="613"/>
      <c r="CAR663" s="613"/>
      <c r="CAS663" s="613"/>
      <c r="CAT663" s="613"/>
      <c r="CAU663" s="613"/>
      <c r="CAV663" s="613"/>
      <c r="CAW663" s="613"/>
      <c r="CAX663" s="613"/>
      <c r="CAY663" s="613"/>
      <c r="CAZ663" s="613"/>
      <c r="CBA663" s="613"/>
      <c r="CBB663" s="613"/>
      <c r="CBC663" s="613"/>
      <c r="CBD663" s="613"/>
      <c r="CBE663" s="613"/>
      <c r="CBF663" s="613"/>
      <c r="CBG663" s="613"/>
      <c r="CBH663" s="613"/>
      <c r="CBI663" s="613"/>
      <c r="CBJ663" s="613"/>
      <c r="CBK663" s="613"/>
      <c r="CBL663" s="613"/>
      <c r="CBM663" s="613"/>
      <c r="CBN663" s="613"/>
      <c r="CBO663" s="613"/>
      <c r="CBP663" s="613"/>
      <c r="CBQ663" s="613"/>
      <c r="CBR663" s="613"/>
      <c r="CBS663" s="613"/>
      <c r="CBT663" s="613"/>
      <c r="CBU663" s="613"/>
      <c r="CBV663" s="613"/>
      <c r="CBW663" s="613"/>
      <c r="CBX663" s="613"/>
      <c r="CBY663" s="613"/>
      <c r="CBZ663" s="613"/>
      <c r="CCA663" s="613"/>
      <c r="CCB663" s="613"/>
      <c r="CCC663" s="613"/>
      <c r="CCD663" s="613"/>
      <c r="CCE663" s="613"/>
      <c r="CCF663" s="613"/>
      <c r="CCG663" s="613"/>
      <c r="CCH663" s="613"/>
      <c r="CCI663" s="613"/>
      <c r="CCJ663" s="613"/>
      <c r="CCK663" s="613"/>
      <c r="CCL663" s="613"/>
      <c r="CCM663" s="613"/>
      <c r="CCN663" s="613"/>
      <c r="CCO663" s="613"/>
      <c r="CCP663" s="613"/>
      <c r="CCQ663" s="613"/>
      <c r="CCR663" s="613"/>
      <c r="CCS663" s="613"/>
      <c r="CCT663" s="613"/>
      <c r="CCU663" s="613"/>
      <c r="CCV663" s="613"/>
      <c r="CCW663" s="613"/>
      <c r="CCX663" s="613"/>
      <c r="CCY663" s="613"/>
      <c r="CCZ663" s="613"/>
      <c r="CDA663" s="613"/>
      <c r="CDB663" s="613"/>
      <c r="CDC663" s="613"/>
      <c r="CDD663" s="613"/>
      <c r="CDE663" s="613"/>
      <c r="CDF663" s="613"/>
      <c r="CDG663" s="613"/>
      <c r="CDH663" s="613"/>
      <c r="CDI663" s="613"/>
      <c r="CDJ663" s="613"/>
      <c r="CDK663" s="613"/>
      <c r="CDL663" s="613"/>
      <c r="CDM663" s="613"/>
      <c r="CDN663" s="613"/>
      <c r="CDO663" s="613"/>
      <c r="CDP663" s="613"/>
      <c r="CDQ663" s="613"/>
      <c r="CDR663" s="613"/>
      <c r="CDS663" s="613"/>
      <c r="CDT663" s="613"/>
      <c r="CDU663" s="613"/>
      <c r="CDV663" s="613"/>
      <c r="CDW663" s="613"/>
      <c r="CDX663" s="613"/>
      <c r="CDY663" s="613"/>
      <c r="CDZ663" s="613"/>
      <c r="CEA663" s="613"/>
      <c r="CEB663" s="613"/>
      <c r="CEC663" s="613"/>
      <c r="CED663" s="613"/>
      <c r="CEE663" s="613"/>
      <c r="CEF663" s="613"/>
      <c r="CEG663" s="613"/>
      <c r="CEH663" s="613"/>
      <c r="CEI663" s="613"/>
      <c r="CEJ663" s="613"/>
      <c r="CEK663" s="613"/>
      <c r="CEL663" s="613"/>
      <c r="CEM663" s="613"/>
      <c r="CEN663" s="613"/>
      <c r="CEO663" s="613"/>
      <c r="CEP663" s="613"/>
      <c r="CEQ663" s="613"/>
      <c r="CER663" s="613"/>
      <c r="CES663" s="613"/>
      <c r="CET663" s="613"/>
      <c r="CEU663" s="613"/>
      <c r="CEV663" s="613"/>
      <c r="CEW663" s="613"/>
      <c r="CEX663" s="613"/>
      <c r="CEY663" s="613"/>
      <c r="CEZ663" s="613"/>
      <c r="CFA663" s="613"/>
      <c r="CFB663" s="613"/>
      <c r="CFC663" s="613"/>
      <c r="CFD663" s="613"/>
      <c r="CFE663" s="613"/>
      <c r="CFF663" s="613"/>
      <c r="CFG663" s="613"/>
      <c r="CFH663" s="613"/>
      <c r="CFI663" s="613"/>
      <c r="CFJ663" s="613"/>
      <c r="CFK663" s="613"/>
      <c r="CFL663" s="613"/>
      <c r="CFM663" s="613"/>
      <c r="CFN663" s="613"/>
      <c r="CFO663" s="613"/>
      <c r="CFP663" s="613"/>
      <c r="CFQ663" s="613"/>
      <c r="CFR663" s="613"/>
      <c r="CFS663" s="613"/>
      <c r="CFT663" s="613"/>
      <c r="CFU663" s="613"/>
      <c r="CFV663" s="613"/>
      <c r="CFW663" s="613"/>
      <c r="CFX663" s="613"/>
      <c r="CFY663" s="613"/>
      <c r="CFZ663" s="613"/>
      <c r="CGA663" s="613"/>
      <c r="CGB663" s="613"/>
      <c r="CGC663" s="613"/>
      <c r="CGD663" s="613"/>
      <c r="CGE663" s="613"/>
      <c r="CGF663" s="613"/>
      <c r="CGG663" s="613"/>
      <c r="CGH663" s="613"/>
      <c r="CGI663" s="613"/>
      <c r="CGJ663" s="613"/>
      <c r="CGK663" s="613"/>
      <c r="CGL663" s="613"/>
      <c r="CGM663" s="613"/>
      <c r="CGN663" s="613"/>
      <c r="CGO663" s="613"/>
      <c r="CGP663" s="613"/>
      <c r="CGQ663" s="613"/>
      <c r="CGR663" s="613"/>
      <c r="CGS663" s="613"/>
      <c r="CGT663" s="613"/>
      <c r="CGU663" s="613"/>
      <c r="CGV663" s="613"/>
      <c r="CGW663" s="613"/>
      <c r="CGX663" s="613"/>
      <c r="CGY663" s="613"/>
      <c r="CGZ663" s="613"/>
      <c r="CHA663" s="613"/>
      <c r="CHB663" s="613"/>
      <c r="CHC663" s="613"/>
      <c r="CHD663" s="613"/>
      <c r="CHE663" s="613"/>
      <c r="CHF663" s="613"/>
      <c r="CHG663" s="613"/>
      <c r="CHH663" s="613"/>
      <c r="CHI663" s="613"/>
      <c r="CHJ663" s="613"/>
      <c r="CHK663" s="613"/>
      <c r="CHL663" s="613"/>
      <c r="CHM663" s="613"/>
      <c r="CHN663" s="613"/>
      <c r="CHO663" s="613"/>
      <c r="CHP663" s="613"/>
      <c r="CHQ663" s="613"/>
      <c r="CHR663" s="613"/>
      <c r="CHS663" s="613"/>
      <c r="CHT663" s="613"/>
      <c r="CHU663" s="613"/>
      <c r="CHV663" s="613"/>
      <c r="CHW663" s="613"/>
      <c r="CHX663" s="613"/>
      <c r="CHY663" s="613"/>
      <c r="CHZ663" s="613"/>
      <c r="CIA663" s="613"/>
      <c r="CIB663" s="613"/>
      <c r="CIC663" s="613"/>
      <c r="CID663" s="613"/>
      <c r="CIE663" s="613"/>
      <c r="CIF663" s="613"/>
      <c r="CIG663" s="613"/>
      <c r="CIH663" s="613"/>
      <c r="CII663" s="613"/>
      <c r="CIJ663" s="613"/>
      <c r="CIK663" s="613"/>
      <c r="CIL663" s="613"/>
      <c r="CIM663" s="613"/>
      <c r="CIN663" s="613"/>
      <c r="CIO663" s="613"/>
      <c r="CIP663" s="613"/>
      <c r="CIQ663" s="613"/>
      <c r="CIR663" s="613"/>
      <c r="CIS663" s="613"/>
      <c r="CIT663" s="613"/>
      <c r="CIU663" s="613"/>
      <c r="CIV663" s="613"/>
      <c r="CIW663" s="613"/>
      <c r="CIX663" s="613"/>
      <c r="CIY663" s="613"/>
      <c r="CIZ663" s="613"/>
      <c r="CJA663" s="613"/>
      <c r="CJB663" s="613"/>
      <c r="CJC663" s="613"/>
      <c r="CJD663" s="613"/>
      <c r="CJE663" s="613"/>
      <c r="CJF663" s="613"/>
      <c r="CJG663" s="613"/>
      <c r="CJH663" s="613"/>
      <c r="CJI663" s="613"/>
      <c r="CJJ663" s="613"/>
      <c r="CJK663" s="613"/>
      <c r="CJL663" s="613"/>
      <c r="CJM663" s="613"/>
      <c r="CJN663" s="613"/>
      <c r="CJO663" s="613"/>
      <c r="CJP663" s="613"/>
      <c r="CJQ663" s="613"/>
      <c r="CJR663" s="613"/>
      <c r="CJS663" s="613"/>
      <c r="CJT663" s="613"/>
      <c r="CJU663" s="613"/>
      <c r="CJV663" s="613"/>
      <c r="CJW663" s="613"/>
      <c r="CJX663" s="613"/>
      <c r="CJY663" s="613"/>
      <c r="CJZ663" s="613"/>
      <c r="CKA663" s="613"/>
      <c r="CKB663" s="613"/>
      <c r="CKC663" s="613"/>
      <c r="CKD663" s="613"/>
      <c r="CKE663" s="613"/>
      <c r="CKF663" s="613"/>
      <c r="CKG663" s="613"/>
      <c r="CKH663" s="613"/>
      <c r="CKI663" s="613"/>
      <c r="CKJ663" s="613"/>
      <c r="CKK663" s="613"/>
      <c r="CKL663" s="613"/>
      <c r="CKM663" s="613"/>
      <c r="CKN663" s="613"/>
      <c r="CKO663" s="613"/>
      <c r="CKP663" s="613"/>
      <c r="CKQ663" s="613"/>
      <c r="CKR663" s="613"/>
      <c r="CKS663" s="613"/>
      <c r="CKT663" s="613"/>
      <c r="CKU663" s="613"/>
      <c r="CKV663" s="613"/>
      <c r="CKW663" s="613"/>
      <c r="CKX663" s="613"/>
      <c r="CKY663" s="613"/>
      <c r="CKZ663" s="613"/>
      <c r="CLA663" s="613"/>
      <c r="CLB663" s="613"/>
      <c r="CLC663" s="613"/>
      <c r="CLD663" s="613"/>
      <c r="CLE663" s="613"/>
      <c r="CLF663" s="613"/>
      <c r="CLG663" s="613"/>
      <c r="CLH663" s="613"/>
      <c r="CLI663" s="613"/>
      <c r="CLJ663" s="613"/>
      <c r="CLK663" s="613"/>
      <c r="CLL663" s="613"/>
      <c r="CLM663" s="613"/>
      <c r="CLN663" s="613"/>
      <c r="CLO663" s="613"/>
      <c r="CLP663" s="613"/>
      <c r="CLQ663" s="613"/>
      <c r="CLR663" s="613"/>
      <c r="CLS663" s="613"/>
      <c r="CLT663" s="613"/>
      <c r="CLU663" s="613"/>
      <c r="CLV663" s="613"/>
      <c r="CLW663" s="613"/>
      <c r="CLX663" s="613"/>
      <c r="CLY663" s="613"/>
      <c r="CLZ663" s="613"/>
      <c r="CMA663" s="613"/>
      <c r="CMB663" s="613"/>
      <c r="CMC663" s="613"/>
      <c r="CMD663" s="613"/>
      <c r="CME663" s="613"/>
      <c r="CMF663" s="613"/>
      <c r="CMG663" s="613"/>
      <c r="CMH663" s="613"/>
      <c r="CMI663" s="613"/>
      <c r="CMJ663" s="613"/>
      <c r="CMK663" s="613"/>
      <c r="CML663" s="613"/>
      <c r="CMM663" s="613"/>
      <c r="CMN663" s="613"/>
      <c r="CMO663" s="613"/>
      <c r="CMP663" s="613"/>
      <c r="CMQ663" s="613"/>
      <c r="CMR663" s="613"/>
      <c r="CMS663" s="613"/>
      <c r="CMT663" s="613"/>
      <c r="CMU663" s="613"/>
      <c r="CMV663" s="613"/>
      <c r="CMW663" s="613"/>
      <c r="CMX663" s="613"/>
      <c r="CMY663" s="613"/>
      <c r="CMZ663" s="613"/>
      <c r="CNA663" s="613"/>
      <c r="CNB663" s="613"/>
      <c r="CNC663" s="613"/>
      <c r="CND663" s="613"/>
      <c r="CNE663" s="613"/>
      <c r="CNF663" s="613"/>
      <c r="CNG663" s="613"/>
      <c r="CNH663" s="613"/>
      <c r="CNI663" s="613"/>
      <c r="CNJ663" s="613"/>
      <c r="CNK663" s="613"/>
      <c r="CNL663" s="613"/>
      <c r="CNM663" s="613"/>
      <c r="CNN663" s="613"/>
      <c r="CNO663" s="613"/>
      <c r="CNP663" s="613"/>
      <c r="CNQ663" s="613"/>
      <c r="CNR663" s="613"/>
      <c r="CNS663" s="613"/>
      <c r="CNT663" s="613"/>
      <c r="CNU663" s="613"/>
      <c r="CNV663" s="613"/>
      <c r="CNW663" s="613"/>
      <c r="CNX663" s="613"/>
      <c r="CNY663" s="613"/>
      <c r="CNZ663" s="613"/>
      <c r="COA663" s="613"/>
      <c r="COB663" s="613"/>
      <c r="COC663" s="613"/>
      <c r="COD663" s="613"/>
      <c r="COE663" s="613"/>
      <c r="COF663" s="613"/>
      <c r="COG663" s="613"/>
      <c r="COH663" s="613"/>
      <c r="COI663" s="613"/>
      <c r="COJ663" s="613"/>
      <c r="COK663" s="613"/>
      <c r="COL663" s="613"/>
      <c r="COM663" s="613"/>
      <c r="CON663" s="613"/>
      <c r="COO663" s="613"/>
      <c r="COP663" s="613"/>
      <c r="COQ663" s="613"/>
      <c r="COR663" s="613"/>
      <c r="COS663" s="613"/>
      <c r="COT663" s="613"/>
      <c r="COU663" s="613"/>
      <c r="COV663" s="613"/>
      <c r="COW663" s="613"/>
      <c r="COX663" s="613"/>
      <c r="COY663" s="613"/>
      <c r="COZ663" s="613"/>
      <c r="CPA663" s="613"/>
      <c r="CPB663" s="613"/>
      <c r="CPC663" s="613"/>
      <c r="CPD663" s="613"/>
      <c r="CPE663" s="613"/>
      <c r="CPF663" s="613"/>
      <c r="CPG663" s="613"/>
      <c r="CPH663" s="613"/>
      <c r="CPI663" s="613"/>
      <c r="CPJ663" s="613"/>
      <c r="CPK663" s="613"/>
      <c r="CPL663" s="613"/>
      <c r="CPM663" s="613"/>
      <c r="CPN663" s="613"/>
      <c r="CPO663" s="613"/>
      <c r="CPP663" s="613"/>
      <c r="CPQ663" s="613"/>
      <c r="CPR663" s="613"/>
      <c r="CPS663" s="613"/>
      <c r="CPT663" s="613"/>
      <c r="CPU663" s="613"/>
      <c r="CPV663" s="613"/>
      <c r="CPW663" s="613"/>
      <c r="CPX663" s="613"/>
      <c r="CPY663" s="613"/>
      <c r="CPZ663" s="613"/>
      <c r="CQA663" s="613"/>
      <c r="CQB663" s="613"/>
      <c r="CQC663" s="613"/>
      <c r="CQD663" s="613"/>
      <c r="CQE663" s="613"/>
      <c r="CQF663" s="613"/>
      <c r="CQG663" s="613"/>
      <c r="CQH663" s="613"/>
      <c r="CQI663" s="613"/>
      <c r="CQJ663" s="613"/>
      <c r="CQK663" s="613"/>
      <c r="CQL663" s="613"/>
      <c r="CQM663" s="613"/>
      <c r="CQN663" s="613"/>
      <c r="CQO663" s="613"/>
      <c r="CQP663" s="613"/>
      <c r="CQQ663" s="613"/>
      <c r="CQR663" s="613"/>
      <c r="CQS663" s="613"/>
      <c r="CQT663" s="613"/>
      <c r="CQU663" s="613"/>
      <c r="CQV663" s="613"/>
      <c r="CQW663" s="613"/>
      <c r="CQX663" s="613"/>
      <c r="CQY663" s="613"/>
      <c r="CQZ663" s="613"/>
      <c r="CRA663" s="613"/>
      <c r="CRB663" s="613"/>
      <c r="CRC663" s="613"/>
      <c r="CRD663" s="613"/>
      <c r="CRE663" s="613"/>
      <c r="CRF663" s="613"/>
      <c r="CRG663" s="613"/>
      <c r="CRH663" s="613"/>
      <c r="CRI663" s="613"/>
      <c r="CRJ663" s="613"/>
      <c r="CRK663" s="613"/>
      <c r="CRL663" s="613"/>
      <c r="CRM663" s="613"/>
      <c r="CRN663" s="613"/>
      <c r="CRO663" s="613"/>
      <c r="CRP663" s="613"/>
      <c r="CRQ663" s="613"/>
      <c r="CRR663" s="613"/>
      <c r="CRS663" s="613"/>
      <c r="CRT663" s="613"/>
      <c r="CRU663" s="613"/>
      <c r="CRV663" s="613"/>
      <c r="CRW663" s="613"/>
      <c r="CRX663" s="613"/>
      <c r="CRY663" s="613"/>
      <c r="CRZ663" s="613"/>
      <c r="CSA663" s="613"/>
      <c r="CSB663" s="613"/>
      <c r="CSC663" s="613"/>
      <c r="CSD663" s="613"/>
      <c r="CSE663" s="613"/>
      <c r="CSF663" s="613"/>
      <c r="CSG663" s="613"/>
      <c r="CSH663" s="613"/>
      <c r="CSI663" s="613"/>
      <c r="CSJ663" s="613"/>
      <c r="CSK663" s="613"/>
      <c r="CSL663" s="613"/>
      <c r="CSM663" s="613"/>
      <c r="CSN663" s="613"/>
      <c r="CSO663" s="613"/>
      <c r="CSP663" s="613"/>
      <c r="CSQ663" s="613"/>
      <c r="CSR663" s="613"/>
      <c r="CSS663" s="613"/>
      <c r="CST663" s="613"/>
      <c r="CSU663" s="613"/>
      <c r="CSV663" s="613"/>
      <c r="CSW663" s="613"/>
      <c r="CSX663" s="613"/>
      <c r="CSY663" s="613"/>
      <c r="CSZ663" s="613"/>
      <c r="CTA663" s="613"/>
      <c r="CTB663" s="613"/>
      <c r="CTC663" s="613"/>
      <c r="CTD663" s="613"/>
      <c r="CTE663" s="613"/>
      <c r="CTF663" s="613"/>
      <c r="CTG663" s="613"/>
      <c r="CTH663" s="613"/>
      <c r="CTI663" s="613"/>
      <c r="CTJ663" s="613"/>
      <c r="CTK663" s="613"/>
      <c r="CTL663" s="613"/>
      <c r="CTM663" s="613"/>
      <c r="CTN663" s="613"/>
      <c r="CTO663" s="613"/>
      <c r="CTP663" s="613"/>
      <c r="CTQ663" s="613"/>
      <c r="CTR663" s="613"/>
      <c r="CTS663" s="613"/>
      <c r="CTT663" s="613"/>
      <c r="CTU663" s="613"/>
      <c r="CTV663" s="613"/>
      <c r="CTW663" s="613"/>
      <c r="CTX663" s="613"/>
      <c r="CTY663" s="613"/>
      <c r="CTZ663" s="613"/>
      <c r="CUA663" s="613"/>
      <c r="CUB663" s="613"/>
      <c r="CUC663" s="613"/>
      <c r="CUD663" s="613"/>
      <c r="CUE663" s="613"/>
      <c r="CUF663" s="613"/>
      <c r="CUG663" s="613"/>
      <c r="CUH663" s="613"/>
      <c r="CUI663" s="613"/>
      <c r="CUJ663" s="613"/>
      <c r="CUK663" s="613"/>
      <c r="CUL663" s="613"/>
      <c r="CUM663" s="613"/>
      <c r="CUN663" s="613"/>
      <c r="CUO663" s="613"/>
      <c r="CUP663" s="613"/>
      <c r="CUQ663" s="613"/>
      <c r="CUR663" s="613"/>
      <c r="CUS663" s="613"/>
      <c r="CUT663" s="613"/>
      <c r="CUU663" s="613"/>
      <c r="CUV663" s="613"/>
      <c r="CUW663" s="613"/>
      <c r="CUX663" s="613"/>
      <c r="CUY663" s="613"/>
      <c r="CUZ663" s="613"/>
      <c r="CVA663" s="613"/>
      <c r="CVB663" s="613"/>
      <c r="CVC663" s="613"/>
      <c r="CVD663" s="613"/>
      <c r="CVE663" s="613"/>
      <c r="CVF663" s="613"/>
      <c r="CVG663" s="613"/>
      <c r="CVH663" s="613"/>
      <c r="CVI663" s="613"/>
      <c r="CVJ663" s="613"/>
      <c r="CVK663" s="613"/>
      <c r="CVL663" s="613"/>
      <c r="CVM663" s="613"/>
      <c r="CVN663" s="613"/>
      <c r="CVO663" s="613"/>
      <c r="CVP663" s="613"/>
      <c r="CVQ663" s="613"/>
      <c r="CVR663" s="613"/>
      <c r="CVS663" s="613"/>
      <c r="CVT663" s="613"/>
      <c r="CVU663" s="613"/>
      <c r="CVV663" s="613"/>
      <c r="CVW663" s="613"/>
      <c r="CVX663" s="613"/>
      <c r="CVY663" s="613"/>
      <c r="CVZ663" s="613"/>
      <c r="CWA663" s="613"/>
      <c r="CWB663" s="613"/>
      <c r="CWC663" s="613"/>
      <c r="CWD663" s="613"/>
      <c r="CWE663" s="613"/>
      <c r="CWF663" s="613"/>
      <c r="CWG663" s="613"/>
      <c r="CWH663" s="613"/>
      <c r="CWI663" s="613"/>
      <c r="CWJ663" s="613"/>
      <c r="CWK663" s="613"/>
      <c r="CWL663" s="613"/>
      <c r="CWM663" s="613"/>
      <c r="CWN663" s="613"/>
      <c r="CWO663" s="613"/>
      <c r="CWP663" s="613"/>
      <c r="CWQ663" s="613"/>
      <c r="CWR663" s="613"/>
      <c r="CWS663" s="613"/>
      <c r="CWT663" s="613"/>
      <c r="CWU663" s="613"/>
      <c r="CWV663" s="613"/>
      <c r="CWW663" s="613"/>
      <c r="CWX663" s="613"/>
      <c r="CWY663" s="613"/>
      <c r="CWZ663" s="613"/>
      <c r="CXA663" s="613"/>
      <c r="CXB663" s="613"/>
      <c r="CXC663" s="613"/>
      <c r="CXD663" s="613"/>
      <c r="CXE663" s="613"/>
      <c r="CXF663" s="613"/>
      <c r="CXG663" s="613"/>
      <c r="CXH663" s="613"/>
      <c r="CXI663" s="613"/>
      <c r="CXJ663" s="613"/>
      <c r="CXK663" s="613"/>
      <c r="CXL663" s="613"/>
      <c r="CXM663" s="613"/>
      <c r="CXN663" s="613"/>
      <c r="CXO663" s="613"/>
      <c r="CXP663" s="613"/>
      <c r="CXQ663" s="613"/>
      <c r="CXR663" s="613"/>
      <c r="CXS663" s="613"/>
      <c r="CXT663" s="613"/>
      <c r="CXU663" s="613"/>
      <c r="CXV663" s="613"/>
      <c r="CXW663" s="613"/>
      <c r="CXX663" s="613"/>
      <c r="CXY663" s="613"/>
      <c r="CXZ663" s="613"/>
      <c r="CYA663" s="613"/>
      <c r="CYB663" s="613"/>
      <c r="CYC663" s="613"/>
      <c r="CYD663" s="613"/>
      <c r="CYE663" s="613"/>
      <c r="CYF663" s="613"/>
      <c r="CYG663" s="613"/>
      <c r="CYH663" s="613"/>
      <c r="CYI663" s="613"/>
      <c r="CYJ663" s="613"/>
      <c r="CYK663" s="613"/>
      <c r="CYL663" s="613"/>
      <c r="CYM663" s="613"/>
      <c r="CYN663" s="613"/>
      <c r="CYO663" s="613"/>
      <c r="CYP663" s="613"/>
      <c r="CYQ663" s="613"/>
      <c r="CYR663" s="613"/>
      <c r="CYS663" s="613"/>
      <c r="CYT663" s="613"/>
      <c r="CYU663" s="613"/>
      <c r="CYV663" s="613"/>
      <c r="CYW663" s="613"/>
      <c r="CYX663" s="613"/>
      <c r="CYY663" s="613"/>
      <c r="CYZ663" s="613"/>
      <c r="CZA663" s="613"/>
      <c r="CZB663" s="613"/>
      <c r="CZC663" s="613"/>
      <c r="CZD663" s="613"/>
      <c r="CZE663" s="613"/>
      <c r="CZF663" s="613"/>
      <c r="CZG663" s="613"/>
      <c r="CZH663" s="613"/>
      <c r="CZI663" s="613"/>
      <c r="CZJ663" s="613"/>
      <c r="CZK663" s="613"/>
      <c r="CZL663" s="613"/>
      <c r="CZM663" s="613"/>
      <c r="CZN663" s="613"/>
      <c r="CZO663" s="613"/>
      <c r="CZP663" s="613"/>
      <c r="CZQ663" s="613"/>
      <c r="CZR663" s="613"/>
      <c r="CZS663" s="613"/>
      <c r="CZT663" s="613"/>
      <c r="CZU663" s="613"/>
      <c r="CZV663" s="613"/>
      <c r="CZW663" s="613"/>
      <c r="CZX663" s="613"/>
      <c r="CZY663" s="613"/>
      <c r="CZZ663" s="613"/>
      <c r="DAA663" s="613"/>
      <c r="DAB663" s="613"/>
      <c r="DAC663" s="613"/>
      <c r="DAD663" s="613"/>
      <c r="DAE663" s="613"/>
      <c r="DAF663" s="613"/>
      <c r="DAG663" s="613"/>
      <c r="DAH663" s="613"/>
      <c r="DAI663" s="613"/>
      <c r="DAJ663" s="613"/>
      <c r="DAK663" s="613"/>
      <c r="DAL663" s="613"/>
      <c r="DAM663" s="613"/>
      <c r="DAN663" s="613"/>
      <c r="DAO663" s="613"/>
      <c r="DAP663" s="613"/>
      <c r="DAQ663" s="613"/>
      <c r="DAR663" s="613"/>
      <c r="DAS663" s="613"/>
      <c r="DAT663" s="613"/>
      <c r="DAU663" s="613"/>
      <c r="DAV663" s="613"/>
      <c r="DAW663" s="613"/>
      <c r="DAX663" s="613"/>
      <c r="DAY663" s="613"/>
      <c r="DAZ663" s="613"/>
      <c r="DBA663" s="613"/>
      <c r="DBB663" s="613"/>
      <c r="DBC663" s="613"/>
      <c r="DBD663" s="613"/>
      <c r="DBE663" s="613"/>
      <c r="DBF663" s="613"/>
      <c r="DBG663" s="613"/>
      <c r="DBH663" s="613"/>
      <c r="DBI663" s="613"/>
      <c r="DBJ663" s="613"/>
      <c r="DBK663" s="613"/>
      <c r="DBL663" s="613"/>
      <c r="DBM663" s="613"/>
      <c r="DBN663" s="613"/>
      <c r="DBO663" s="613"/>
      <c r="DBP663" s="613"/>
      <c r="DBQ663" s="613"/>
      <c r="DBR663" s="613"/>
      <c r="DBS663" s="613"/>
      <c r="DBT663" s="613"/>
      <c r="DBU663" s="613"/>
      <c r="DBV663" s="613"/>
      <c r="DBW663" s="613"/>
      <c r="DBX663" s="613"/>
      <c r="DBY663" s="613"/>
      <c r="DBZ663" s="613"/>
      <c r="DCA663" s="613"/>
      <c r="DCB663" s="613"/>
      <c r="DCC663" s="613"/>
      <c r="DCD663" s="613"/>
      <c r="DCE663" s="613"/>
      <c r="DCF663" s="613"/>
      <c r="DCG663" s="613"/>
      <c r="DCH663" s="613"/>
      <c r="DCI663" s="613"/>
      <c r="DCJ663" s="613"/>
      <c r="DCK663" s="613"/>
      <c r="DCL663" s="613"/>
      <c r="DCM663" s="613"/>
      <c r="DCN663" s="613"/>
      <c r="DCO663" s="613"/>
      <c r="DCP663" s="613"/>
      <c r="DCQ663" s="613"/>
      <c r="DCR663" s="613"/>
      <c r="DCS663" s="613"/>
      <c r="DCT663" s="613"/>
      <c r="DCU663" s="613"/>
      <c r="DCV663" s="613"/>
      <c r="DCW663" s="613"/>
      <c r="DCX663" s="613"/>
      <c r="DCY663" s="613"/>
      <c r="DCZ663" s="613"/>
      <c r="DDA663" s="613"/>
      <c r="DDB663" s="613"/>
      <c r="DDC663" s="613"/>
      <c r="DDD663" s="613"/>
      <c r="DDE663" s="613"/>
      <c r="DDF663" s="613"/>
      <c r="DDG663" s="613"/>
      <c r="DDH663" s="613"/>
      <c r="DDI663" s="613"/>
      <c r="DDJ663" s="613"/>
      <c r="DDK663" s="613"/>
      <c r="DDL663" s="613"/>
      <c r="DDM663" s="613"/>
      <c r="DDN663" s="613"/>
      <c r="DDO663" s="613"/>
      <c r="DDP663" s="613"/>
      <c r="DDQ663" s="613"/>
      <c r="DDR663" s="613"/>
      <c r="DDS663" s="613"/>
      <c r="DDT663" s="613"/>
      <c r="DDU663" s="613"/>
      <c r="DDV663" s="613"/>
      <c r="DDW663" s="613"/>
      <c r="DDX663" s="613"/>
      <c r="DDY663" s="613"/>
      <c r="DDZ663" s="613"/>
      <c r="DEA663" s="613"/>
      <c r="DEB663" s="613"/>
      <c r="DEC663" s="613"/>
      <c r="DED663" s="613"/>
      <c r="DEE663" s="613"/>
      <c r="DEF663" s="613"/>
      <c r="DEG663" s="613"/>
      <c r="DEH663" s="613"/>
      <c r="DEI663" s="613"/>
      <c r="DEJ663" s="613"/>
      <c r="DEK663" s="613"/>
      <c r="DEL663" s="613"/>
      <c r="DEM663" s="613"/>
      <c r="DEN663" s="613"/>
      <c r="DEO663" s="613"/>
      <c r="DEP663" s="613"/>
      <c r="DEQ663" s="613"/>
      <c r="DER663" s="613"/>
      <c r="DES663" s="613"/>
      <c r="DET663" s="613"/>
      <c r="DEU663" s="613"/>
      <c r="DEV663" s="613"/>
      <c r="DEW663" s="613"/>
      <c r="DEX663" s="613"/>
      <c r="DEY663" s="613"/>
      <c r="DEZ663" s="613"/>
      <c r="DFA663" s="613"/>
      <c r="DFB663" s="613"/>
      <c r="DFC663" s="613"/>
      <c r="DFD663" s="613"/>
      <c r="DFE663" s="613"/>
      <c r="DFF663" s="613"/>
      <c r="DFG663" s="613"/>
      <c r="DFH663" s="613"/>
      <c r="DFI663" s="613"/>
      <c r="DFJ663" s="613"/>
      <c r="DFK663" s="613"/>
      <c r="DFL663" s="613"/>
      <c r="DFM663" s="613"/>
      <c r="DFN663" s="613"/>
      <c r="DFO663" s="613"/>
      <c r="DFP663" s="613"/>
      <c r="DFQ663" s="613"/>
      <c r="DFR663" s="613"/>
      <c r="DFS663" s="613"/>
      <c r="DFT663" s="613"/>
      <c r="DFU663" s="613"/>
      <c r="DFV663" s="613"/>
      <c r="DFW663" s="613"/>
      <c r="DFX663" s="613"/>
      <c r="DFY663" s="613"/>
      <c r="DFZ663" s="613"/>
      <c r="DGA663" s="613"/>
      <c r="DGB663" s="613"/>
      <c r="DGC663" s="613"/>
      <c r="DGD663" s="613"/>
      <c r="DGE663" s="613"/>
      <c r="DGF663" s="613"/>
      <c r="DGG663" s="613"/>
      <c r="DGH663" s="613"/>
      <c r="DGI663" s="613"/>
      <c r="DGJ663" s="613"/>
      <c r="DGK663" s="613"/>
      <c r="DGL663" s="613"/>
      <c r="DGM663" s="613"/>
      <c r="DGN663" s="613"/>
      <c r="DGO663" s="613"/>
      <c r="DGP663" s="613"/>
      <c r="DGQ663" s="613"/>
      <c r="DGR663" s="613"/>
      <c r="DGS663" s="613"/>
      <c r="DGT663" s="613"/>
      <c r="DGU663" s="613"/>
      <c r="DGV663" s="613"/>
      <c r="DGW663" s="613"/>
      <c r="DGX663" s="613"/>
      <c r="DGY663" s="613"/>
      <c r="DGZ663" s="613"/>
      <c r="DHA663" s="613"/>
      <c r="DHB663" s="613"/>
      <c r="DHC663" s="613"/>
      <c r="DHD663" s="613"/>
      <c r="DHE663" s="613"/>
      <c r="DHF663" s="613"/>
      <c r="DHG663" s="613"/>
      <c r="DHH663" s="613"/>
      <c r="DHI663" s="613"/>
      <c r="DHJ663" s="613"/>
      <c r="DHK663" s="613"/>
      <c r="DHL663" s="613"/>
      <c r="DHM663" s="613"/>
      <c r="DHN663" s="613"/>
      <c r="DHO663" s="613"/>
      <c r="DHP663" s="613"/>
      <c r="DHQ663" s="613"/>
      <c r="DHR663" s="613"/>
      <c r="DHS663" s="613"/>
      <c r="DHT663" s="613"/>
      <c r="DHU663" s="613"/>
      <c r="DHV663" s="613"/>
      <c r="DHW663" s="613"/>
      <c r="DHX663" s="613"/>
      <c r="DHY663" s="613"/>
      <c r="DHZ663" s="613"/>
      <c r="DIA663" s="613"/>
      <c r="DIB663" s="613"/>
      <c r="DIC663" s="613"/>
      <c r="DID663" s="613"/>
      <c r="DIE663" s="613"/>
      <c r="DIF663" s="613"/>
      <c r="DIG663" s="613"/>
      <c r="DIH663" s="613"/>
      <c r="DII663" s="613"/>
      <c r="DIJ663" s="613"/>
      <c r="DIK663" s="613"/>
      <c r="DIL663" s="613"/>
      <c r="DIM663" s="613"/>
      <c r="DIN663" s="613"/>
      <c r="DIO663" s="613"/>
      <c r="DIP663" s="613"/>
      <c r="DIQ663" s="613"/>
      <c r="DIR663" s="613"/>
      <c r="DIS663" s="613"/>
      <c r="DIT663" s="613"/>
      <c r="DIU663" s="613"/>
      <c r="DIV663" s="613"/>
      <c r="DIW663" s="613"/>
      <c r="DIX663" s="613"/>
      <c r="DIY663" s="613"/>
      <c r="DIZ663" s="613"/>
      <c r="DJA663" s="613"/>
      <c r="DJB663" s="613"/>
      <c r="DJC663" s="613"/>
      <c r="DJD663" s="613"/>
      <c r="DJE663" s="613"/>
      <c r="DJF663" s="613"/>
      <c r="DJG663" s="613"/>
      <c r="DJH663" s="613"/>
      <c r="DJI663" s="613"/>
      <c r="DJJ663" s="613"/>
      <c r="DJK663" s="613"/>
      <c r="DJL663" s="613"/>
      <c r="DJM663" s="613"/>
      <c r="DJN663" s="613"/>
      <c r="DJO663" s="613"/>
      <c r="DJP663" s="613"/>
      <c r="DJQ663" s="613"/>
      <c r="DJR663" s="613"/>
      <c r="DJS663" s="613"/>
      <c r="DJT663" s="613"/>
      <c r="DJU663" s="613"/>
      <c r="DJV663" s="613"/>
      <c r="DJW663" s="613"/>
      <c r="DJX663" s="613"/>
      <c r="DJY663" s="613"/>
      <c r="DJZ663" s="613"/>
      <c r="DKA663" s="613"/>
      <c r="DKB663" s="613"/>
      <c r="DKC663" s="613"/>
      <c r="DKD663" s="613"/>
      <c r="DKE663" s="613"/>
      <c r="DKF663" s="613"/>
      <c r="DKG663" s="613"/>
      <c r="DKH663" s="613"/>
      <c r="DKI663" s="613"/>
      <c r="DKJ663" s="613"/>
      <c r="DKK663" s="613"/>
      <c r="DKL663" s="613"/>
      <c r="DKM663" s="613"/>
      <c r="DKN663" s="613"/>
      <c r="DKO663" s="613"/>
      <c r="DKP663" s="613"/>
      <c r="DKQ663" s="613"/>
      <c r="DKR663" s="613"/>
      <c r="DKS663" s="613"/>
      <c r="DKT663" s="613"/>
      <c r="DKU663" s="613"/>
      <c r="DKV663" s="613"/>
      <c r="DKW663" s="613"/>
      <c r="DKX663" s="613"/>
      <c r="DKY663" s="613"/>
      <c r="DKZ663" s="613"/>
      <c r="DLA663" s="613"/>
      <c r="DLB663" s="613"/>
      <c r="DLC663" s="613"/>
      <c r="DLD663" s="613"/>
      <c r="DLE663" s="613"/>
      <c r="DLF663" s="613"/>
      <c r="DLG663" s="613"/>
      <c r="DLH663" s="613"/>
      <c r="DLI663" s="613"/>
      <c r="DLJ663" s="613"/>
      <c r="DLK663" s="613"/>
      <c r="DLL663" s="613"/>
      <c r="DLM663" s="613"/>
      <c r="DLN663" s="613"/>
      <c r="DLO663" s="613"/>
      <c r="DLP663" s="613"/>
      <c r="DLQ663" s="613"/>
      <c r="DLR663" s="613"/>
      <c r="DLS663" s="613"/>
      <c r="DLT663" s="613"/>
      <c r="DLU663" s="613"/>
      <c r="DLV663" s="613"/>
      <c r="DLW663" s="613"/>
      <c r="DLX663" s="613"/>
      <c r="DLY663" s="613"/>
      <c r="DLZ663" s="613"/>
      <c r="DMA663" s="613"/>
      <c r="DMB663" s="613"/>
      <c r="DMC663" s="613"/>
      <c r="DMD663" s="613"/>
      <c r="DME663" s="613"/>
      <c r="DMF663" s="613"/>
      <c r="DMG663" s="613"/>
      <c r="DMH663" s="613"/>
      <c r="DMI663" s="613"/>
      <c r="DMJ663" s="613"/>
      <c r="DMK663" s="613"/>
      <c r="DML663" s="613"/>
      <c r="DMM663" s="613"/>
      <c r="DMN663" s="613"/>
      <c r="DMO663" s="613"/>
      <c r="DMP663" s="613"/>
      <c r="DMQ663" s="613"/>
      <c r="DMR663" s="613"/>
      <c r="DMS663" s="613"/>
      <c r="DMT663" s="613"/>
      <c r="DMU663" s="613"/>
      <c r="DMV663" s="613"/>
      <c r="DMW663" s="613"/>
      <c r="DMX663" s="613"/>
      <c r="DMY663" s="613"/>
      <c r="DMZ663" s="613"/>
      <c r="DNA663" s="613"/>
      <c r="DNB663" s="613"/>
      <c r="DNC663" s="613"/>
      <c r="DND663" s="613"/>
      <c r="DNE663" s="613"/>
      <c r="DNF663" s="613"/>
      <c r="DNG663" s="613"/>
      <c r="DNH663" s="613"/>
      <c r="DNI663" s="613"/>
      <c r="DNJ663" s="613"/>
      <c r="DNK663" s="613"/>
      <c r="DNL663" s="613"/>
      <c r="DNM663" s="613"/>
      <c r="DNN663" s="613"/>
      <c r="DNO663" s="613"/>
      <c r="DNP663" s="613"/>
      <c r="DNQ663" s="613"/>
      <c r="DNR663" s="613"/>
      <c r="DNS663" s="613"/>
      <c r="DNT663" s="613"/>
      <c r="DNU663" s="613"/>
      <c r="DNV663" s="613"/>
      <c r="DNW663" s="613"/>
      <c r="DNX663" s="613"/>
      <c r="DNY663" s="613"/>
      <c r="DNZ663" s="613"/>
      <c r="DOA663" s="613"/>
      <c r="DOB663" s="613"/>
      <c r="DOC663" s="613"/>
      <c r="DOD663" s="613"/>
      <c r="DOE663" s="613"/>
      <c r="DOF663" s="613"/>
      <c r="DOG663" s="613"/>
      <c r="DOH663" s="613"/>
      <c r="DOI663" s="613"/>
      <c r="DOJ663" s="613"/>
      <c r="DOK663" s="613"/>
      <c r="DOL663" s="613"/>
      <c r="DOM663" s="613"/>
      <c r="DON663" s="613"/>
      <c r="DOO663" s="613"/>
      <c r="DOP663" s="613"/>
      <c r="DOQ663" s="613"/>
      <c r="DOR663" s="613"/>
      <c r="DOS663" s="613"/>
      <c r="DOT663" s="613"/>
      <c r="DOU663" s="613"/>
      <c r="DOV663" s="613"/>
      <c r="DOW663" s="613"/>
      <c r="DOX663" s="613"/>
      <c r="DOY663" s="613"/>
      <c r="DOZ663" s="613"/>
      <c r="DPA663" s="613"/>
      <c r="DPB663" s="613"/>
      <c r="DPC663" s="613"/>
      <c r="DPD663" s="613"/>
      <c r="DPE663" s="613"/>
      <c r="DPF663" s="613"/>
      <c r="DPG663" s="613"/>
      <c r="DPH663" s="613"/>
      <c r="DPI663" s="613"/>
      <c r="DPJ663" s="613"/>
      <c r="DPK663" s="613"/>
      <c r="DPL663" s="613"/>
      <c r="DPM663" s="613"/>
      <c r="DPN663" s="613"/>
      <c r="DPO663" s="613"/>
      <c r="DPP663" s="613"/>
      <c r="DPQ663" s="613"/>
      <c r="DPR663" s="613"/>
      <c r="DPS663" s="613"/>
      <c r="DPT663" s="613"/>
      <c r="DPU663" s="613"/>
      <c r="DPV663" s="613"/>
      <c r="DPW663" s="613"/>
      <c r="DPX663" s="613"/>
      <c r="DPY663" s="613"/>
      <c r="DPZ663" s="613"/>
      <c r="DQA663" s="613"/>
      <c r="DQB663" s="613"/>
      <c r="DQC663" s="613"/>
      <c r="DQD663" s="613"/>
      <c r="DQE663" s="613"/>
      <c r="DQF663" s="613"/>
      <c r="DQG663" s="613"/>
      <c r="DQH663" s="613"/>
      <c r="DQI663" s="613"/>
      <c r="DQJ663" s="613"/>
      <c r="DQK663" s="613"/>
      <c r="DQL663" s="613"/>
      <c r="DQM663" s="613"/>
      <c r="DQN663" s="613"/>
      <c r="DQO663" s="613"/>
      <c r="DQP663" s="613"/>
      <c r="DQQ663" s="613"/>
      <c r="DQR663" s="613"/>
      <c r="DQS663" s="613"/>
      <c r="DQT663" s="613"/>
      <c r="DQU663" s="613"/>
      <c r="DQV663" s="613"/>
      <c r="DQW663" s="613"/>
      <c r="DQX663" s="613"/>
      <c r="DQY663" s="613"/>
      <c r="DQZ663" s="613"/>
      <c r="DRA663" s="613"/>
      <c r="DRB663" s="613"/>
      <c r="DRC663" s="613"/>
      <c r="DRD663" s="613"/>
      <c r="DRE663" s="613"/>
      <c r="DRF663" s="613"/>
      <c r="DRG663" s="613"/>
      <c r="DRH663" s="613"/>
      <c r="DRI663" s="613"/>
      <c r="DRJ663" s="613"/>
      <c r="DRK663" s="613"/>
      <c r="DRL663" s="613"/>
      <c r="DRM663" s="613"/>
      <c r="DRN663" s="613"/>
      <c r="DRO663" s="613"/>
      <c r="DRP663" s="613"/>
      <c r="DRQ663" s="613"/>
      <c r="DRR663" s="613"/>
      <c r="DRS663" s="613"/>
      <c r="DRT663" s="613"/>
      <c r="DRU663" s="613"/>
      <c r="DRV663" s="613"/>
      <c r="DRW663" s="613"/>
      <c r="DRX663" s="613"/>
      <c r="DRY663" s="613"/>
      <c r="DRZ663" s="613"/>
      <c r="DSA663" s="613"/>
      <c r="DSB663" s="613"/>
      <c r="DSC663" s="613"/>
      <c r="DSD663" s="613"/>
      <c r="DSE663" s="613"/>
      <c r="DSF663" s="613"/>
      <c r="DSG663" s="613"/>
      <c r="DSH663" s="613"/>
      <c r="DSI663" s="613"/>
      <c r="DSJ663" s="613"/>
      <c r="DSK663" s="613"/>
      <c r="DSL663" s="613"/>
      <c r="DSM663" s="613"/>
      <c r="DSN663" s="613"/>
      <c r="DSO663" s="613"/>
      <c r="DSP663" s="613"/>
      <c r="DSQ663" s="613"/>
      <c r="DSR663" s="613"/>
      <c r="DSS663" s="613"/>
      <c r="DST663" s="613"/>
      <c r="DSU663" s="613"/>
      <c r="DSV663" s="613"/>
      <c r="DSW663" s="613"/>
      <c r="DSX663" s="613"/>
      <c r="DSY663" s="613"/>
      <c r="DSZ663" s="613"/>
      <c r="DTA663" s="613"/>
      <c r="DTB663" s="613"/>
      <c r="DTC663" s="613"/>
      <c r="DTD663" s="613"/>
      <c r="DTE663" s="613"/>
      <c r="DTF663" s="613"/>
      <c r="DTG663" s="613"/>
      <c r="DTH663" s="613"/>
      <c r="DTI663" s="613"/>
      <c r="DTJ663" s="613"/>
      <c r="DTK663" s="613"/>
      <c r="DTL663" s="613"/>
      <c r="DTM663" s="613"/>
      <c r="DTN663" s="613"/>
      <c r="DTO663" s="613"/>
      <c r="DTP663" s="613"/>
      <c r="DTQ663" s="613"/>
      <c r="DTR663" s="613"/>
      <c r="DTS663" s="613"/>
      <c r="DTT663" s="613"/>
      <c r="DTU663" s="613"/>
      <c r="DTV663" s="613"/>
      <c r="DTW663" s="613"/>
      <c r="DTX663" s="613"/>
      <c r="DTY663" s="613"/>
      <c r="DTZ663" s="613"/>
      <c r="DUA663" s="613"/>
      <c r="DUB663" s="613"/>
      <c r="DUC663" s="613"/>
      <c r="DUD663" s="613"/>
      <c r="DUE663" s="613"/>
      <c r="DUF663" s="613"/>
      <c r="DUG663" s="613"/>
      <c r="DUH663" s="613"/>
      <c r="DUI663" s="613"/>
      <c r="DUJ663" s="613"/>
      <c r="DUK663" s="613"/>
      <c r="DUL663" s="613"/>
      <c r="DUM663" s="613"/>
      <c r="DUN663" s="613"/>
      <c r="DUO663" s="613"/>
      <c r="DUP663" s="613"/>
      <c r="DUQ663" s="613"/>
      <c r="DUR663" s="613"/>
      <c r="DUS663" s="613"/>
      <c r="DUT663" s="613"/>
      <c r="DUU663" s="613"/>
      <c r="DUV663" s="613"/>
      <c r="DUW663" s="613"/>
      <c r="DUX663" s="613"/>
      <c r="DUY663" s="613"/>
      <c r="DUZ663" s="613"/>
      <c r="DVA663" s="613"/>
      <c r="DVB663" s="613"/>
      <c r="DVC663" s="613"/>
      <c r="DVD663" s="613"/>
      <c r="DVE663" s="613"/>
      <c r="DVF663" s="613"/>
      <c r="DVG663" s="613"/>
      <c r="DVH663" s="613"/>
      <c r="DVI663" s="613"/>
      <c r="DVJ663" s="613"/>
      <c r="DVK663" s="613"/>
      <c r="DVL663" s="613"/>
      <c r="DVM663" s="613"/>
      <c r="DVN663" s="613"/>
      <c r="DVO663" s="613"/>
      <c r="DVP663" s="613"/>
      <c r="DVQ663" s="613"/>
      <c r="DVR663" s="613"/>
      <c r="DVS663" s="613"/>
      <c r="DVT663" s="613"/>
      <c r="DVU663" s="613"/>
      <c r="DVV663" s="613"/>
      <c r="DVW663" s="613"/>
      <c r="DVX663" s="613"/>
      <c r="DVY663" s="613"/>
      <c r="DVZ663" s="613"/>
      <c r="DWA663" s="613"/>
      <c r="DWB663" s="613"/>
      <c r="DWC663" s="613"/>
      <c r="DWD663" s="613"/>
      <c r="DWE663" s="613"/>
      <c r="DWF663" s="613"/>
      <c r="DWG663" s="613"/>
      <c r="DWH663" s="613"/>
      <c r="DWI663" s="613"/>
      <c r="DWJ663" s="613"/>
      <c r="DWK663" s="613"/>
      <c r="DWL663" s="613"/>
      <c r="DWM663" s="613"/>
      <c r="DWN663" s="613"/>
      <c r="DWO663" s="613"/>
      <c r="DWP663" s="613"/>
      <c r="DWQ663" s="613"/>
      <c r="DWR663" s="613"/>
      <c r="DWS663" s="613"/>
      <c r="DWT663" s="613"/>
      <c r="DWU663" s="613"/>
      <c r="DWV663" s="613"/>
      <c r="DWW663" s="613"/>
      <c r="DWX663" s="613"/>
      <c r="DWY663" s="613"/>
      <c r="DWZ663" s="613"/>
      <c r="DXA663" s="613"/>
      <c r="DXB663" s="613"/>
      <c r="DXC663" s="613"/>
      <c r="DXD663" s="613"/>
      <c r="DXE663" s="613"/>
      <c r="DXF663" s="613"/>
      <c r="DXG663" s="613"/>
      <c r="DXH663" s="613"/>
      <c r="DXI663" s="613"/>
      <c r="DXJ663" s="613"/>
      <c r="DXK663" s="613"/>
      <c r="DXL663" s="613"/>
      <c r="DXM663" s="613"/>
      <c r="DXN663" s="613"/>
      <c r="DXO663" s="613"/>
      <c r="DXP663" s="613"/>
      <c r="DXQ663" s="613"/>
      <c r="DXR663" s="613"/>
      <c r="DXS663" s="613"/>
      <c r="DXT663" s="613"/>
      <c r="DXU663" s="613"/>
      <c r="DXV663" s="613"/>
      <c r="DXW663" s="613"/>
      <c r="DXX663" s="613"/>
      <c r="DXY663" s="613"/>
      <c r="DXZ663" s="613"/>
      <c r="DYA663" s="613"/>
      <c r="DYB663" s="613"/>
      <c r="DYC663" s="613"/>
      <c r="DYD663" s="613"/>
      <c r="DYE663" s="613"/>
      <c r="DYF663" s="613"/>
      <c r="DYG663" s="613"/>
      <c r="DYH663" s="613"/>
      <c r="DYI663" s="613"/>
      <c r="DYJ663" s="613"/>
      <c r="DYK663" s="613"/>
      <c r="DYL663" s="613"/>
      <c r="DYM663" s="613"/>
      <c r="DYN663" s="613"/>
      <c r="DYO663" s="613"/>
      <c r="DYP663" s="613"/>
      <c r="DYQ663" s="613"/>
      <c r="DYR663" s="613"/>
      <c r="DYS663" s="613"/>
      <c r="DYT663" s="613"/>
      <c r="DYU663" s="613"/>
      <c r="DYV663" s="613"/>
      <c r="DYW663" s="613"/>
      <c r="DYX663" s="613"/>
      <c r="DYY663" s="613"/>
      <c r="DYZ663" s="613"/>
      <c r="DZA663" s="613"/>
      <c r="DZB663" s="613"/>
      <c r="DZC663" s="613"/>
      <c r="DZD663" s="613"/>
      <c r="DZE663" s="613"/>
      <c r="DZF663" s="613"/>
      <c r="DZG663" s="613"/>
      <c r="DZH663" s="613"/>
      <c r="DZI663" s="613"/>
      <c r="DZJ663" s="613"/>
      <c r="DZK663" s="613"/>
      <c r="DZL663" s="613"/>
      <c r="DZM663" s="613"/>
      <c r="DZN663" s="613"/>
      <c r="DZO663" s="613"/>
      <c r="DZP663" s="613"/>
      <c r="DZQ663" s="613"/>
      <c r="DZR663" s="613"/>
      <c r="DZS663" s="613"/>
      <c r="DZT663" s="613"/>
      <c r="DZU663" s="613"/>
      <c r="DZV663" s="613"/>
      <c r="DZW663" s="613"/>
      <c r="DZX663" s="613"/>
      <c r="DZY663" s="613"/>
      <c r="DZZ663" s="613"/>
      <c r="EAA663" s="613"/>
      <c r="EAB663" s="613"/>
      <c r="EAC663" s="613"/>
      <c r="EAD663" s="613"/>
      <c r="EAE663" s="613"/>
      <c r="EAF663" s="613"/>
      <c r="EAG663" s="613"/>
      <c r="EAH663" s="613"/>
      <c r="EAI663" s="613"/>
      <c r="EAJ663" s="613"/>
      <c r="EAK663" s="613"/>
      <c r="EAL663" s="613"/>
      <c r="EAM663" s="613"/>
      <c r="EAN663" s="613"/>
      <c r="EAO663" s="613"/>
      <c r="EAP663" s="613"/>
      <c r="EAQ663" s="613"/>
      <c r="EAR663" s="613"/>
      <c r="EAS663" s="613"/>
      <c r="EAT663" s="613"/>
      <c r="EAU663" s="613"/>
      <c r="EAV663" s="613"/>
      <c r="EAW663" s="613"/>
      <c r="EAX663" s="613"/>
      <c r="EAY663" s="613"/>
      <c r="EAZ663" s="613"/>
      <c r="EBA663" s="613"/>
      <c r="EBB663" s="613"/>
      <c r="EBC663" s="613"/>
      <c r="EBD663" s="613"/>
      <c r="EBE663" s="613"/>
      <c r="EBF663" s="613"/>
      <c r="EBG663" s="613"/>
      <c r="EBH663" s="613"/>
      <c r="EBI663" s="613"/>
      <c r="EBJ663" s="613"/>
      <c r="EBK663" s="613"/>
      <c r="EBL663" s="613"/>
      <c r="EBM663" s="613"/>
      <c r="EBN663" s="613"/>
      <c r="EBO663" s="613"/>
      <c r="EBP663" s="613"/>
      <c r="EBQ663" s="613"/>
      <c r="EBR663" s="613"/>
      <c r="EBS663" s="613"/>
      <c r="EBT663" s="613"/>
      <c r="EBU663" s="613"/>
      <c r="EBV663" s="613"/>
      <c r="EBW663" s="613"/>
      <c r="EBX663" s="613"/>
      <c r="EBY663" s="613"/>
      <c r="EBZ663" s="613"/>
      <c r="ECA663" s="613"/>
      <c r="ECB663" s="613"/>
      <c r="ECC663" s="613"/>
      <c r="ECD663" s="613"/>
      <c r="ECE663" s="613"/>
      <c r="ECF663" s="613"/>
      <c r="ECG663" s="613"/>
      <c r="ECH663" s="613"/>
      <c r="ECI663" s="613"/>
      <c r="ECJ663" s="613"/>
      <c r="ECK663" s="613"/>
      <c r="ECL663" s="613"/>
      <c r="ECM663" s="613"/>
      <c r="ECN663" s="613"/>
      <c r="ECO663" s="613"/>
      <c r="ECP663" s="613"/>
      <c r="ECQ663" s="613"/>
      <c r="ECR663" s="613"/>
      <c r="ECS663" s="613"/>
      <c r="ECT663" s="613"/>
      <c r="ECU663" s="613"/>
      <c r="ECV663" s="613"/>
      <c r="ECW663" s="613"/>
      <c r="ECX663" s="613"/>
      <c r="ECY663" s="613"/>
      <c r="ECZ663" s="613"/>
      <c r="EDA663" s="613"/>
      <c r="EDB663" s="613"/>
      <c r="EDC663" s="613"/>
      <c r="EDD663" s="613"/>
      <c r="EDE663" s="613"/>
      <c r="EDF663" s="613"/>
      <c r="EDG663" s="613"/>
      <c r="EDH663" s="613"/>
      <c r="EDI663" s="613"/>
      <c r="EDJ663" s="613"/>
      <c r="EDK663" s="613"/>
      <c r="EDL663" s="613"/>
      <c r="EDM663" s="613"/>
      <c r="EDN663" s="613"/>
      <c r="EDO663" s="613"/>
      <c r="EDP663" s="613"/>
      <c r="EDQ663" s="613"/>
      <c r="EDR663" s="613"/>
      <c r="EDS663" s="613"/>
      <c r="EDT663" s="613"/>
      <c r="EDU663" s="613"/>
      <c r="EDV663" s="613"/>
      <c r="EDW663" s="613"/>
      <c r="EDX663" s="613"/>
      <c r="EDY663" s="613"/>
      <c r="EDZ663" s="613"/>
      <c r="EEA663" s="613"/>
      <c r="EEB663" s="613"/>
      <c r="EEC663" s="613"/>
      <c r="EED663" s="613"/>
      <c r="EEE663" s="613"/>
      <c r="EEF663" s="613"/>
      <c r="EEG663" s="613"/>
      <c r="EEH663" s="613"/>
      <c r="EEI663" s="613"/>
      <c r="EEJ663" s="613"/>
      <c r="EEK663" s="613"/>
      <c r="EEL663" s="613"/>
      <c r="EEM663" s="613"/>
      <c r="EEN663" s="613"/>
      <c r="EEO663" s="613"/>
      <c r="EEP663" s="613"/>
      <c r="EEQ663" s="613"/>
      <c r="EER663" s="613"/>
      <c r="EES663" s="613"/>
      <c r="EET663" s="613"/>
      <c r="EEU663" s="613"/>
      <c r="EEV663" s="613"/>
      <c r="EEW663" s="613"/>
      <c r="EEX663" s="613"/>
      <c r="EEY663" s="613"/>
      <c r="EEZ663" s="613"/>
      <c r="EFA663" s="613"/>
      <c r="EFB663" s="613"/>
      <c r="EFC663" s="613"/>
      <c r="EFD663" s="613"/>
      <c r="EFE663" s="613"/>
      <c r="EFF663" s="613"/>
      <c r="EFG663" s="613"/>
      <c r="EFH663" s="613"/>
      <c r="EFI663" s="613"/>
      <c r="EFJ663" s="613"/>
      <c r="EFK663" s="613"/>
      <c r="EFL663" s="613"/>
      <c r="EFM663" s="613"/>
      <c r="EFN663" s="613"/>
      <c r="EFO663" s="613"/>
      <c r="EFP663" s="613"/>
      <c r="EFQ663" s="613"/>
      <c r="EFR663" s="613"/>
      <c r="EFS663" s="613"/>
      <c r="EFT663" s="613"/>
      <c r="EFU663" s="613"/>
      <c r="EFV663" s="613"/>
      <c r="EFW663" s="613"/>
      <c r="EFX663" s="613"/>
      <c r="EFY663" s="613"/>
      <c r="EFZ663" s="613"/>
      <c r="EGA663" s="613"/>
      <c r="EGB663" s="613"/>
      <c r="EGC663" s="613"/>
      <c r="EGD663" s="613"/>
      <c r="EGE663" s="613"/>
      <c r="EGF663" s="613"/>
      <c r="EGG663" s="613"/>
      <c r="EGH663" s="613"/>
      <c r="EGI663" s="613"/>
      <c r="EGJ663" s="613"/>
      <c r="EGK663" s="613"/>
      <c r="EGL663" s="613"/>
      <c r="EGM663" s="613"/>
      <c r="EGN663" s="613"/>
      <c r="EGO663" s="613"/>
      <c r="EGP663" s="613"/>
      <c r="EGQ663" s="613"/>
      <c r="EGR663" s="613"/>
      <c r="EGS663" s="613"/>
      <c r="EGT663" s="613"/>
      <c r="EGU663" s="613"/>
      <c r="EGV663" s="613"/>
      <c r="EGW663" s="613"/>
      <c r="EGX663" s="613"/>
      <c r="EGY663" s="613"/>
      <c r="EGZ663" s="613"/>
      <c r="EHA663" s="613"/>
      <c r="EHB663" s="613"/>
      <c r="EHC663" s="613"/>
      <c r="EHD663" s="613"/>
      <c r="EHE663" s="613"/>
      <c r="EHF663" s="613"/>
      <c r="EHG663" s="613"/>
      <c r="EHH663" s="613"/>
      <c r="EHI663" s="613"/>
      <c r="EHJ663" s="613"/>
      <c r="EHK663" s="613"/>
      <c r="EHL663" s="613"/>
      <c r="EHM663" s="613"/>
      <c r="EHN663" s="613"/>
      <c r="EHO663" s="613"/>
      <c r="EHP663" s="613"/>
      <c r="EHQ663" s="613"/>
      <c r="EHR663" s="613"/>
      <c r="EHS663" s="613"/>
      <c r="EHT663" s="613"/>
      <c r="EHU663" s="613"/>
      <c r="EHV663" s="613"/>
      <c r="EHW663" s="613"/>
      <c r="EHX663" s="613"/>
      <c r="EHY663" s="613"/>
      <c r="EHZ663" s="613"/>
      <c r="EIA663" s="613"/>
      <c r="EIB663" s="613"/>
      <c r="EIC663" s="613"/>
      <c r="EID663" s="613"/>
      <c r="EIE663" s="613"/>
      <c r="EIF663" s="613"/>
      <c r="EIG663" s="613"/>
      <c r="EIH663" s="613"/>
      <c r="EII663" s="613"/>
      <c r="EIJ663" s="613"/>
      <c r="EIK663" s="613"/>
      <c r="EIL663" s="613"/>
      <c r="EIM663" s="613"/>
      <c r="EIN663" s="613"/>
      <c r="EIO663" s="613"/>
      <c r="EIP663" s="613"/>
      <c r="EIQ663" s="613"/>
      <c r="EIR663" s="613"/>
      <c r="EIS663" s="613"/>
      <c r="EIT663" s="613"/>
      <c r="EIU663" s="613"/>
      <c r="EIV663" s="613"/>
      <c r="EIW663" s="613"/>
      <c r="EIX663" s="613"/>
      <c r="EIY663" s="613"/>
      <c r="EIZ663" s="613"/>
      <c r="EJA663" s="613"/>
      <c r="EJB663" s="613"/>
      <c r="EJC663" s="613"/>
      <c r="EJD663" s="613"/>
      <c r="EJE663" s="613"/>
      <c r="EJF663" s="613"/>
      <c r="EJG663" s="613"/>
      <c r="EJH663" s="613"/>
      <c r="EJI663" s="613"/>
      <c r="EJJ663" s="613"/>
      <c r="EJK663" s="613"/>
      <c r="EJL663" s="613"/>
      <c r="EJM663" s="613"/>
      <c r="EJN663" s="613"/>
      <c r="EJO663" s="613"/>
      <c r="EJP663" s="613"/>
      <c r="EJQ663" s="613"/>
      <c r="EJR663" s="613"/>
      <c r="EJS663" s="613"/>
      <c r="EJT663" s="613"/>
      <c r="EJU663" s="613"/>
      <c r="EJV663" s="613"/>
      <c r="EJW663" s="613"/>
      <c r="EJX663" s="613"/>
      <c r="EJY663" s="613"/>
      <c r="EJZ663" s="613"/>
      <c r="EKA663" s="613"/>
      <c r="EKB663" s="613"/>
      <c r="EKC663" s="613"/>
      <c r="EKD663" s="613"/>
      <c r="EKE663" s="613"/>
      <c r="EKF663" s="613"/>
      <c r="EKG663" s="613"/>
      <c r="EKH663" s="613"/>
      <c r="EKI663" s="613"/>
      <c r="EKJ663" s="613"/>
      <c r="EKK663" s="613"/>
      <c r="EKL663" s="613"/>
      <c r="EKM663" s="613"/>
      <c r="EKN663" s="613"/>
      <c r="EKO663" s="613"/>
      <c r="EKP663" s="613"/>
      <c r="EKQ663" s="613"/>
      <c r="EKR663" s="613"/>
      <c r="EKS663" s="613"/>
      <c r="EKT663" s="613"/>
      <c r="EKU663" s="613"/>
      <c r="EKV663" s="613"/>
      <c r="EKW663" s="613"/>
      <c r="EKX663" s="613"/>
      <c r="EKY663" s="613"/>
      <c r="EKZ663" s="613"/>
      <c r="ELA663" s="613"/>
      <c r="ELB663" s="613"/>
      <c r="ELC663" s="613"/>
      <c r="ELD663" s="613"/>
      <c r="ELE663" s="613"/>
      <c r="ELF663" s="613"/>
      <c r="ELG663" s="613"/>
      <c r="ELH663" s="613"/>
      <c r="ELI663" s="613"/>
      <c r="ELJ663" s="613"/>
      <c r="ELK663" s="613"/>
      <c r="ELL663" s="613"/>
      <c r="ELM663" s="613"/>
      <c r="ELN663" s="613"/>
      <c r="ELO663" s="613"/>
      <c r="ELP663" s="613"/>
      <c r="ELQ663" s="613"/>
      <c r="ELR663" s="613"/>
      <c r="ELS663" s="613"/>
      <c r="ELT663" s="613"/>
      <c r="ELU663" s="613"/>
      <c r="ELV663" s="613"/>
      <c r="ELW663" s="613"/>
      <c r="ELX663" s="613"/>
      <c r="ELY663" s="613"/>
      <c r="ELZ663" s="613"/>
      <c r="EMA663" s="613"/>
      <c r="EMB663" s="613"/>
      <c r="EMC663" s="613"/>
      <c r="EMD663" s="613"/>
      <c r="EME663" s="613"/>
      <c r="EMF663" s="613"/>
      <c r="EMG663" s="613"/>
      <c r="EMH663" s="613"/>
      <c r="EMI663" s="613"/>
      <c r="EMJ663" s="613"/>
      <c r="EMK663" s="613"/>
      <c r="EML663" s="613"/>
      <c r="EMM663" s="613"/>
      <c r="EMN663" s="613"/>
      <c r="EMO663" s="613"/>
      <c r="EMP663" s="613"/>
      <c r="EMQ663" s="613"/>
      <c r="EMR663" s="613"/>
      <c r="EMS663" s="613"/>
      <c r="EMT663" s="613"/>
      <c r="EMU663" s="613"/>
      <c r="EMV663" s="613"/>
      <c r="EMW663" s="613"/>
      <c r="EMX663" s="613"/>
      <c r="EMY663" s="613"/>
      <c r="EMZ663" s="613"/>
      <c r="ENA663" s="613"/>
      <c r="ENB663" s="613"/>
      <c r="ENC663" s="613"/>
      <c r="END663" s="613"/>
      <c r="ENE663" s="613"/>
      <c r="ENF663" s="613"/>
      <c r="ENG663" s="613"/>
      <c r="ENH663" s="613"/>
      <c r="ENI663" s="613"/>
      <c r="ENJ663" s="613"/>
      <c r="ENK663" s="613"/>
      <c r="ENL663" s="613"/>
      <c r="ENM663" s="613"/>
      <c r="ENN663" s="613"/>
      <c r="ENO663" s="613"/>
      <c r="ENP663" s="613"/>
      <c r="ENQ663" s="613"/>
      <c r="ENR663" s="613"/>
      <c r="ENS663" s="613"/>
      <c r="ENT663" s="613"/>
      <c r="ENU663" s="613"/>
      <c r="ENV663" s="613"/>
      <c r="ENW663" s="613"/>
      <c r="ENX663" s="613"/>
      <c r="ENY663" s="613"/>
      <c r="ENZ663" s="613"/>
      <c r="EOA663" s="613"/>
      <c r="EOB663" s="613"/>
      <c r="EOC663" s="613"/>
      <c r="EOD663" s="613"/>
      <c r="EOE663" s="613"/>
      <c r="EOF663" s="613"/>
      <c r="EOG663" s="613"/>
      <c r="EOH663" s="613"/>
      <c r="EOI663" s="613"/>
      <c r="EOJ663" s="613"/>
      <c r="EOK663" s="613"/>
      <c r="EOL663" s="613"/>
      <c r="EOM663" s="613"/>
      <c r="EON663" s="613"/>
      <c r="EOO663" s="613"/>
      <c r="EOP663" s="613"/>
      <c r="EOQ663" s="613"/>
      <c r="EOR663" s="613"/>
      <c r="EOS663" s="613"/>
      <c r="EOT663" s="613"/>
      <c r="EOU663" s="613"/>
      <c r="EOV663" s="613"/>
      <c r="EOW663" s="613"/>
      <c r="EOX663" s="613"/>
      <c r="EOY663" s="613"/>
      <c r="EOZ663" s="613"/>
      <c r="EPA663" s="613"/>
      <c r="EPB663" s="613"/>
      <c r="EPC663" s="613"/>
      <c r="EPD663" s="613"/>
      <c r="EPE663" s="613"/>
      <c r="EPF663" s="613"/>
      <c r="EPG663" s="613"/>
      <c r="EPH663" s="613"/>
      <c r="EPI663" s="613"/>
      <c r="EPJ663" s="613"/>
      <c r="EPK663" s="613"/>
      <c r="EPL663" s="613"/>
      <c r="EPM663" s="613"/>
      <c r="EPN663" s="613"/>
      <c r="EPO663" s="613"/>
      <c r="EPP663" s="613"/>
      <c r="EPQ663" s="613"/>
      <c r="EPR663" s="613"/>
      <c r="EPS663" s="613"/>
      <c r="EPT663" s="613"/>
      <c r="EPU663" s="613"/>
      <c r="EPV663" s="613"/>
      <c r="EPW663" s="613"/>
      <c r="EPX663" s="613"/>
      <c r="EPY663" s="613"/>
      <c r="EPZ663" s="613"/>
      <c r="EQA663" s="613"/>
      <c r="EQB663" s="613"/>
      <c r="EQC663" s="613"/>
      <c r="EQD663" s="613"/>
      <c r="EQE663" s="613"/>
      <c r="EQF663" s="613"/>
      <c r="EQG663" s="613"/>
      <c r="EQH663" s="613"/>
      <c r="EQI663" s="613"/>
      <c r="EQJ663" s="613"/>
      <c r="EQK663" s="613"/>
      <c r="EQL663" s="613"/>
      <c r="EQM663" s="613"/>
      <c r="EQN663" s="613"/>
      <c r="EQO663" s="613"/>
      <c r="EQP663" s="613"/>
      <c r="EQQ663" s="613"/>
      <c r="EQR663" s="613"/>
      <c r="EQS663" s="613"/>
      <c r="EQT663" s="613"/>
      <c r="EQU663" s="613"/>
      <c r="EQV663" s="613"/>
      <c r="EQW663" s="613"/>
      <c r="EQX663" s="613"/>
      <c r="EQY663" s="613"/>
      <c r="EQZ663" s="613"/>
      <c r="ERA663" s="613"/>
      <c r="ERB663" s="613"/>
      <c r="ERC663" s="613"/>
      <c r="ERD663" s="613"/>
      <c r="ERE663" s="613"/>
      <c r="ERF663" s="613"/>
      <c r="ERG663" s="613"/>
      <c r="ERH663" s="613"/>
      <c r="ERI663" s="613"/>
      <c r="ERJ663" s="613"/>
      <c r="ERK663" s="613"/>
      <c r="ERL663" s="613"/>
      <c r="ERM663" s="613"/>
      <c r="ERN663" s="613"/>
      <c r="ERO663" s="613"/>
      <c r="ERP663" s="613"/>
      <c r="ERQ663" s="613"/>
      <c r="ERR663" s="613"/>
      <c r="ERS663" s="613"/>
      <c r="ERT663" s="613"/>
      <c r="ERU663" s="613"/>
      <c r="ERV663" s="613"/>
      <c r="ERW663" s="613"/>
      <c r="ERX663" s="613"/>
      <c r="ERY663" s="613"/>
      <c r="ERZ663" s="613"/>
      <c r="ESA663" s="613"/>
      <c r="ESB663" s="613"/>
      <c r="ESC663" s="613"/>
      <c r="ESD663" s="613"/>
      <c r="ESE663" s="613"/>
      <c r="ESF663" s="613"/>
      <c r="ESG663" s="613"/>
      <c r="ESH663" s="613"/>
      <c r="ESI663" s="613"/>
      <c r="ESJ663" s="613"/>
      <c r="ESK663" s="613"/>
      <c r="ESL663" s="613"/>
      <c r="ESM663" s="613"/>
      <c r="ESN663" s="613"/>
      <c r="ESO663" s="613"/>
      <c r="ESP663" s="613"/>
      <c r="ESQ663" s="613"/>
      <c r="ESR663" s="613"/>
      <c r="ESS663" s="613"/>
      <c r="EST663" s="613"/>
      <c r="ESU663" s="613"/>
      <c r="ESV663" s="613"/>
      <c r="ESW663" s="613"/>
      <c r="ESX663" s="613"/>
      <c r="ESY663" s="613"/>
      <c r="ESZ663" s="613"/>
      <c r="ETA663" s="613"/>
      <c r="ETB663" s="613"/>
      <c r="ETC663" s="613"/>
      <c r="ETD663" s="613"/>
      <c r="ETE663" s="613"/>
      <c r="ETF663" s="613"/>
      <c r="ETG663" s="613"/>
      <c r="ETH663" s="613"/>
      <c r="ETI663" s="613"/>
      <c r="ETJ663" s="613"/>
      <c r="ETK663" s="613"/>
      <c r="ETL663" s="613"/>
      <c r="ETM663" s="613"/>
      <c r="ETN663" s="613"/>
      <c r="ETO663" s="613"/>
      <c r="ETP663" s="613"/>
      <c r="ETQ663" s="613"/>
      <c r="ETR663" s="613"/>
      <c r="ETS663" s="613"/>
      <c r="ETT663" s="613"/>
      <c r="ETU663" s="613"/>
      <c r="ETV663" s="613"/>
      <c r="ETW663" s="613"/>
      <c r="ETX663" s="613"/>
      <c r="ETY663" s="613"/>
      <c r="ETZ663" s="613"/>
      <c r="EUA663" s="613"/>
      <c r="EUB663" s="613"/>
      <c r="EUC663" s="613"/>
      <c r="EUD663" s="613"/>
      <c r="EUE663" s="613"/>
      <c r="EUF663" s="613"/>
      <c r="EUG663" s="613"/>
      <c r="EUH663" s="613"/>
      <c r="EUI663" s="613"/>
      <c r="EUJ663" s="613"/>
      <c r="EUK663" s="613"/>
      <c r="EUL663" s="613"/>
      <c r="EUM663" s="613"/>
      <c r="EUN663" s="613"/>
      <c r="EUO663" s="613"/>
      <c r="EUP663" s="613"/>
      <c r="EUQ663" s="613"/>
      <c r="EUR663" s="613"/>
      <c r="EUS663" s="613"/>
      <c r="EUT663" s="613"/>
      <c r="EUU663" s="613"/>
      <c r="EUV663" s="613"/>
      <c r="EUW663" s="613"/>
      <c r="EUX663" s="613"/>
      <c r="EUY663" s="613"/>
      <c r="EUZ663" s="613"/>
      <c r="EVA663" s="613"/>
      <c r="EVB663" s="613"/>
      <c r="EVC663" s="613"/>
      <c r="EVD663" s="613"/>
      <c r="EVE663" s="613"/>
      <c r="EVF663" s="613"/>
      <c r="EVG663" s="613"/>
      <c r="EVH663" s="613"/>
      <c r="EVI663" s="613"/>
      <c r="EVJ663" s="613"/>
      <c r="EVK663" s="613"/>
      <c r="EVL663" s="613"/>
      <c r="EVM663" s="613"/>
      <c r="EVN663" s="613"/>
      <c r="EVO663" s="613"/>
      <c r="EVP663" s="613"/>
      <c r="EVQ663" s="613"/>
      <c r="EVR663" s="613"/>
      <c r="EVS663" s="613"/>
      <c r="EVT663" s="613"/>
      <c r="EVU663" s="613"/>
      <c r="EVV663" s="613"/>
      <c r="EVW663" s="613"/>
      <c r="EVX663" s="613"/>
      <c r="EVY663" s="613"/>
      <c r="EVZ663" s="613"/>
      <c r="EWA663" s="613"/>
      <c r="EWB663" s="613"/>
      <c r="EWC663" s="613"/>
      <c r="EWD663" s="613"/>
      <c r="EWE663" s="613"/>
      <c r="EWF663" s="613"/>
      <c r="EWG663" s="613"/>
      <c r="EWH663" s="613"/>
      <c r="EWI663" s="613"/>
      <c r="EWJ663" s="613"/>
      <c r="EWK663" s="613"/>
      <c r="EWL663" s="613"/>
      <c r="EWM663" s="613"/>
      <c r="EWN663" s="613"/>
      <c r="EWO663" s="613"/>
      <c r="EWP663" s="613"/>
      <c r="EWQ663" s="613"/>
      <c r="EWR663" s="613"/>
      <c r="EWS663" s="613"/>
      <c r="EWT663" s="613"/>
      <c r="EWU663" s="613"/>
      <c r="EWV663" s="613"/>
      <c r="EWW663" s="613"/>
      <c r="EWX663" s="613"/>
      <c r="EWY663" s="613"/>
      <c r="EWZ663" s="613"/>
      <c r="EXA663" s="613"/>
      <c r="EXB663" s="613"/>
      <c r="EXC663" s="613"/>
      <c r="EXD663" s="613"/>
      <c r="EXE663" s="613"/>
      <c r="EXF663" s="613"/>
      <c r="EXG663" s="613"/>
      <c r="EXH663" s="613"/>
      <c r="EXI663" s="613"/>
      <c r="EXJ663" s="613"/>
      <c r="EXK663" s="613"/>
      <c r="EXL663" s="613"/>
      <c r="EXM663" s="613"/>
      <c r="EXN663" s="613"/>
      <c r="EXO663" s="613"/>
      <c r="EXP663" s="613"/>
      <c r="EXQ663" s="613"/>
      <c r="EXR663" s="613"/>
      <c r="EXS663" s="613"/>
      <c r="EXT663" s="613"/>
      <c r="EXU663" s="613"/>
      <c r="EXV663" s="613"/>
      <c r="EXW663" s="613"/>
      <c r="EXX663" s="613"/>
      <c r="EXY663" s="613"/>
      <c r="EXZ663" s="613"/>
      <c r="EYA663" s="613"/>
      <c r="EYB663" s="613"/>
      <c r="EYC663" s="613"/>
      <c r="EYD663" s="613"/>
      <c r="EYE663" s="613"/>
      <c r="EYF663" s="613"/>
      <c r="EYG663" s="613"/>
      <c r="EYH663" s="613"/>
      <c r="EYI663" s="613"/>
      <c r="EYJ663" s="613"/>
      <c r="EYK663" s="613"/>
      <c r="EYL663" s="613"/>
      <c r="EYM663" s="613"/>
      <c r="EYN663" s="613"/>
      <c r="EYO663" s="613"/>
      <c r="EYP663" s="613"/>
      <c r="EYQ663" s="613"/>
      <c r="EYR663" s="613"/>
      <c r="EYS663" s="613"/>
      <c r="EYT663" s="613"/>
      <c r="EYU663" s="613"/>
      <c r="EYV663" s="613"/>
      <c r="EYW663" s="613"/>
      <c r="EYX663" s="613"/>
      <c r="EYY663" s="613"/>
      <c r="EYZ663" s="613"/>
      <c r="EZA663" s="613"/>
      <c r="EZB663" s="613"/>
      <c r="EZC663" s="613"/>
      <c r="EZD663" s="613"/>
      <c r="EZE663" s="613"/>
      <c r="EZF663" s="613"/>
      <c r="EZG663" s="613"/>
      <c r="EZH663" s="613"/>
      <c r="EZI663" s="613"/>
      <c r="EZJ663" s="613"/>
      <c r="EZK663" s="613"/>
      <c r="EZL663" s="613"/>
      <c r="EZM663" s="613"/>
      <c r="EZN663" s="613"/>
      <c r="EZO663" s="613"/>
      <c r="EZP663" s="613"/>
      <c r="EZQ663" s="613"/>
      <c r="EZR663" s="613"/>
      <c r="EZS663" s="613"/>
      <c r="EZT663" s="613"/>
      <c r="EZU663" s="613"/>
      <c r="EZV663" s="613"/>
      <c r="EZW663" s="613"/>
      <c r="EZX663" s="613"/>
      <c r="EZY663" s="613"/>
      <c r="EZZ663" s="613"/>
      <c r="FAA663" s="613"/>
      <c r="FAB663" s="613"/>
      <c r="FAC663" s="613"/>
      <c r="FAD663" s="613"/>
      <c r="FAE663" s="613"/>
      <c r="FAF663" s="613"/>
      <c r="FAG663" s="613"/>
      <c r="FAH663" s="613"/>
      <c r="FAI663" s="613"/>
      <c r="FAJ663" s="613"/>
      <c r="FAK663" s="613"/>
      <c r="FAL663" s="613"/>
      <c r="FAM663" s="613"/>
      <c r="FAN663" s="613"/>
      <c r="FAO663" s="613"/>
      <c r="FAP663" s="613"/>
      <c r="FAQ663" s="613"/>
      <c r="FAR663" s="613"/>
      <c r="FAS663" s="613"/>
      <c r="FAT663" s="613"/>
      <c r="FAU663" s="613"/>
      <c r="FAV663" s="613"/>
      <c r="FAW663" s="613"/>
      <c r="FAX663" s="613"/>
      <c r="FAY663" s="613"/>
      <c r="FAZ663" s="613"/>
      <c r="FBA663" s="613"/>
      <c r="FBB663" s="613"/>
      <c r="FBC663" s="613"/>
      <c r="FBD663" s="613"/>
      <c r="FBE663" s="613"/>
      <c r="FBF663" s="613"/>
      <c r="FBG663" s="613"/>
      <c r="FBH663" s="613"/>
      <c r="FBI663" s="613"/>
      <c r="FBJ663" s="613"/>
      <c r="FBK663" s="613"/>
      <c r="FBL663" s="613"/>
      <c r="FBM663" s="613"/>
      <c r="FBN663" s="613"/>
      <c r="FBO663" s="613"/>
      <c r="FBP663" s="613"/>
      <c r="FBQ663" s="613"/>
      <c r="FBR663" s="613"/>
      <c r="FBS663" s="613"/>
      <c r="FBT663" s="613"/>
      <c r="FBU663" s="613"/>
      <c r="FBV663" s="613"/>
      <c r="FBW663" s="613"/>
      <c r="FBX663" s="613"/>
      <c r="FBY663" s="613"/>
      <c r="FBZ663" s="613"/>
      <c r="FCA663" s="613"/>
      <c r="FCB663" s="613"/>
      <c r="FCC663" s="613"/>
      <c r="FCD663" s="613"/>
      <c r="FCE663" s="613"/>
      <c r="FCF663" s="613"/>
      <c r="FCG663" s="613"/>
      <c r="FCH663" s="613"/>
      <c r="FCI663" s="613"/>
      <c r="FCJ663" s="613"/>
      <c r="FCK663" s="613"/>
      <c r="FCL663" s="613"/>
      <c r="FCM663" s="613"/>
      <c r="FCN663" s="613"/>
      <c r="FCO663" s="613"/>
      <c r="FCP663" s="613"/>
      <c r="FCQ663" s="613"/>
      <c r="FCR663" s="613"/>
      <c r="FCS663" s="613"/>
      <c r="FCT663" s="613"/>
      <c r="FCU663" s="613"/>
      <c r="FCV663" s="613"/>
      <c r="FCW663" s="613"/>
      <c r="FCX663" s="613"/>
      <c r="FCY663" s="613"/>
      <c r="FCZ663" s="613"/>
      <c r="FDA663" s="613"/>
      <c r="FDB663" s="613"/>
      <c r="FDC663" s="613"/>
      <c r="FDD663" s="613"/>
      <c r="FDE663" s="613"/>
      <c r="FDF663" s="613"/>
      <c r="FDG663" s="613"/>
      <c r="FDH663" s="613"/>
      <c r="FDI663" s="613"/>
      <c r="FDJ663" s="613"/>
      <c r="FDK663" s="613"/>
      <c r="FDL663" s="613"/>
      <c r="FDM663" s="613"/>
      <c r="FDN663" s="613"/>
      <c r="FDO663" s="613"/>
      <c r="FDP663" s="613"/>
      <c r="FDQ663" s="613"/>
      <c r="FDR663" s="613"/>
      <c r="FDS663" s="613"/>
      <c r="FDT663" s="613"/>
      <c r="FDU663" s="613"/>
      <c r="FDV663" s="613"/>
      <c r="FDW663" s="613"/>
      <c r="FDX663" s="613"/>
      <c r="FDY663" s="613"/>
      <c r="FDZ663" s="613"/>
      <c r="FEA663" s="613"/>
      <c r="FEB663" s="613"/>
      <c r="FEC663" s="613"/>
      <c r="FED663" s="613"/>
      <c r="FEE663" s="613"/>
      <c r="FEF663" s="613"/>
      <c r="FEG663" s="613"/>
      <c r="FEH663" s="613"/>
      <c r="FEI663" s="613"/>
      <c r="FEJ663" s="613"/>
      <c r="FEK663" s="613"/>
      <c r="FEL663" s="613"/>
      <c r="FEM663" s="613"/>
      <c r="FEN663" s="613"/>
      <c r="FEO663" s="613"/>
      <c r="FEP663" s="613"/>
      <c r="FEQ663" s="613"/>
      <c r="FER663" s="613"/>
      <c r="FES663" s="613"/>
      <c r="FET663" s="613"/>
      <c r="FEU663" s="613"/>
      <c r="FEV663" s="613"/>
      <c r="FEW663" s="613"/>
      <c r="FEX663" s="613"/>
      <c r="FEY663" s="613"/>
      <c r="FEZ663" s="613"/>
      <c r="FFA663" s="613"/>
      <c r="FFB663" s="613"/>
      <c r="FFC663" s="613"/>
      <c r="FFD663" s="613"/>
      <c r="FFE663" s="613"/>
      <c r="FFF663" s="613"/>
      <c r="FFG663" s="613"/>
      <c r="FFH663" s="613"/>
      <c r="FFI663" s="613"/>
      <c r="FFJ663" s="613"/>
      <c r="FFK663" s="613"/>
      <c r="FFL663" s="613"/>
      <c r="FFM663" s="613"/>
      <c r="FFN663" s="613"/>
      <c r="FFO663" s="613"/>
      <c r="FFP663" s="613"/>
      <c r="FFQ663" s="613"/>
      <c r="FFR663" s="613"/>
      <c r="FFS663" s="613"/>
      <c r="FFT663" s="613"/>
      <c r="FFU663" s="613"/>
      <c r="FFV663" s="613"/>
      <c r="FFW663" s="613"/>
      <c r="FFX663" s="613"/>
      <c r="FFY663" s="613"/>
      <c r="FFZ663" s="613"/>
      <c r="FGA663" s="613"/>
      <c r="FGB663" s="613"/>
      <c r="FGC663" s="613"/>
      <c r="FGD663" s="613"/>
      <c r="FGE663" s="613"/>
      <c r="FGF663" s="613"/>
      <c r="FGG663" s="613"/>
      <c r="FGH663" s="613"/>
      <c r="FGI663" s="613"/>
      <c r="FGJ663" s="613"/>
      <c r="FGK663" s="613"/>
      <c r="FGL663" s="613"/>
      <c r="FGM663" s="613"/>
      <c r="FGN663" s="613"/>
      <c r="FGO663" s="613"/>
      <c r="FGP663" s="613"/>
      <c r="FGQ663" s="613"/>
      <c r="FGR663" s="613"/>
      <c r="FGS663" s="613"/>
      <c r="FGT663" s="613"/>
      <c r="FGU663" s="613"/>
      <c r="FGV663" s="613"/>
      <c r="FGW663" s="613"/>
      <c r="FGX663" s="613"/>
      <c r="FGY663" s="613"/>
      <c r="FGZ663" s="613"/>
      <c r="FHA663" s="613"/>
      <c r="FHB663" s="613"/>
      <c r="FHC663" s="613"/>
      <c r="FHD663" s="613"/>
      <c r="FHE663" s="613"/>
      <c r="FHF663" s="613"/>
      <c r="FHG663" s="613"/>
      <c r="FHH663" s="613"/>
      <c r="FHI663" s="613"/>
      <c r="FHJ663" s="613"/>
      <c r="FHK663" s="613"/>
      <c r="FHL663" s="613"/>
      <c r="FHM663" s="613"/>
      <c r="FHN663" s="613"/>
      <c r="FHO663" s="613"/>
      <c r="FHP663" s="613"/>
      <c r="FHQ663" s="613"/>
      <c r="FHR663" s="613"/>
      <c r="FHS663" s="613"/>
      <c r="FHT663" s="613"/>
      <c r="FHU663" s="613"/>
      <c r="FHV663" s="613"/>
      <c r="FHW663" s="613"/>
      <c r="FHX663" s="613"/>
      <c r="FHY663" s="613"/>
      <c r="FHZ663" s="613"/>
      <c r="FIA663" s="613"/>
      <c r="FIB663" s="613"/>
      <c r="FIC663" s="613"/>
      <c r="FID663" s="613"/>
      <c r="FIE663" s="613"/>
      <c r="FIF663" s="613"/>
      <c r="FIG663" s="613"/>
      <c r="FIH663" s="613"/>
      <c r="FII663" s="613"/>
      <c r="FIJ663" s="613"/>
      <c r="FIK663" s="613"/>
      <c r="FIL663" s="613"/>
      <c r="FIM663" s="613"/>
      <c r="FIN663" s="613"/>
      <c r="FIO663" s="613"/>
      <c r="FIP663" s="613"/>
      <c r="FIQ663" s="613"/>
      <c r="FIR663" s="613"/>
      <c r="FIS663" s="613"/>
      <c r="FIT663" s="613"/>
      <c r="FIU663" s="613"/>
      <c r="FIV663" s="613"/>
      <c r="FIW663" s="613"/>
      <c r="FIX663" s="613"/>
      <c r="FIY663" s="613"/>
      <c r="FIZ663" s="613"/>
      <c r="FJA663" s="613"/>
      <c r="FJB663" s="613"/>
      <c r="FJC663" s="613"/>
      <c r="FJD663" s="613"/>
      <c r="FJE663" s="613"/>
      <c r="FJF663" s="613"/>
      <c r="FJG663" s="613"/>
      <c r="FJH663" s="613"/>
      <c r="FJI663" s="613"/>
      <c r="FJJ663" s="613"/>
      <c r="FJK663" s="613"/>
      <c r="FJL663" s="613"/>
      <c r="FJM663" s="613"/>
      <c r="FJN663" s="613"/>
      <c r="FJO663" s="613"/>
      <c r="FJP663" s="613"/>
      <c r="FJQ663" s="613"/>
      <c r="FJR663" s="613"/>
      <c r="FJS663" s="613"/>
      <c r="FJT663" s="613"/>
      <c r="FJU663" s="613"/>
      <c r="FJV663" s="613"/>
      <c r="FJW663" s="613"/>
      <c r="FJX663" s="613"/>
      <c r="FJY663" s="613"/>
      <c r="FJZ663" s="613"/>
      <c r="FKA663" s="613"/>
      <c r="FKB663" s="613"/>
      <c r="FKC663" s="613"/>
      <c r="FKD663" s="613"/>
      <c r="FKE663" s="613"/>
      <c r="FKF663" s="613"/>
      <c r="FKG663" s="613"/>
      <c r="FKH663" s="613"/>
      <c r="FKI663" s="613"/>
      <c r="FKJ663" s="613"/>
      <c r="FKK663" s="613"/>
      <c r="FKL663" s="613"/>
      <c r="FKM663" s="613"/>
      <c r="FKN663" s="613"/>
      <c r="FKO663" s="613"/>
      <c r="FKP663" s="613"/>
      <c r="FKQ663" s="613"/>
      <c r="FKR663" s="613"/>
      <c r="FKS663" s="613"/>
      <c r="FKT663" s="613"/>
      <c r="FKU663" s="613"/>
      <c r="FKV663" s="613"/>
      <c r="FKW663" s="613"/>
      <c r="FKX663" s="613"/>
      <c r="FKY663" s="613"/>
      <c r="FKZ663" s="613"/>
      <c r="FLA663" s="613"/>
      <c r="FLB663" s="613"/>
      <c r="FLC663" s="613"/>
      <c r="FLD663" s="613"/>
      <c r="FLE663" s="613"/>
      <c r="FLF663" s="613"/>
      <c r="FLG663" s="613"/>
      <c r="FLH663" s="613"/>
      <c r="FLI663" s="613"/>
      <c r="FLJ663" s="613"/>
      <c r="FLK663" s="613"/>
      <c r="FLL663" s="613"/>
      <c r="FLM663" s="613"/>
      <c r="FLN663" s="613"/>
      <c r="FLO663" s="613"/>
      <c r="FLP663" s="613"/>
      <c r="FLQ663" s="613"/>
      <c r="FLR663" s="613"/>
      <c r="FLS663" s="613"/>
      <c r="FLT663" s="613"/>
      <c r="FLU663" s="613"/>
      <c r="FLV663" s="613"/>
      <c r="FLW663" s="613"/>
      <c r="FLX663" s="613"/>
      <c r="FLY663" s="613"/>
      <c r="FLZ663" s="613"/>
      <c r="FMA663" s="613"/>
      <c r="FMB663" s="613"/>
      <c r="FMC663" s="613"/>
      <c r="FMD663" s="613"/>
      <c r="FME663" s="613"/>
      <c r="FMF663" s="613"/>
      <c r="FMG663" s="613"/>
      <c r="FMH663" s="613"/>
      <c r="FMI663" s="613"/>
      <c r="FMJ663" s="613"/>
      <c r="FMK663" s="613"/>
      <c r="FML663" s="613"/>
      <c r="FMM663" s="613"/>
      <c r="FMN663" s="613"/>
      <c r="FMO663" s="613"/>
      <c r="FMP663" s="613"/>
      <c r="FMQ663" s="613"/>
      <c r="FMR663" s="613"/>
      <c r="FMS663" s="613"/>
      <c r="FMT663" s="613"/>
      <c r="FMU663" s="613"/>
      <c r="FMV663" s="613"/>
      <c r="FMW663" s="613"/>
      <c r="FMX663" s="613"/>
      <c r="FMY663" s="613"/>
      <c r="FMZ663" s="613"/>
      <c r="FNA663" s="613"/>
      <c r="FNB663" s="613"/>
      <c r="FNC663" s="613"/>
      <c r="FND663" s="613"/>
      <c r="FNE663" s="613"/>
      <c r="FNF663" s="613"/>
      <c r="FNG663" s="613"/>
      <c r="FNH663" s="613"/>
      <c r="FNI663" s="613"/>
      <c r="FNJ663" s="613"/>
      <c r="FNK663" s="613"/>
      <c r="FNL663" s="613"/>
      <c r="FNM663" s="613"/>
      <c r="FNN663" s="613"/>
      <c r="FNO663" s="613"/>
      <c r="FNP663" s="613"/>
      <c r="FNQ663" s="613"/>
      <c r="FNR663" s="613"/>
      <c r="FNS663" s="613"/>
      <c r="FNT663" s="613"/>
      <c r="FNU663" s="613"/>
      <c r="FNV663" s="613"/>
      <c r="FNW663" s="613"/>
      <c r="FNX663" s="613"/>
      <c r="FNY663" s="613"/>
      <c r="FNZ663" s="613"/>
      <c r="FOA663" s="613"/>
      <c r="FOB663" s="613"/>
      <c r="FOC663" s="613"/>
      <c r="FOD663" s="613"/>
      <c r="FOE663" s="613"/>
      <c r="FOF663" s="613"/>
      <c r="FOG663" s="613"/>
      <c r="FOH663" s="613"/>
      <c r="FOI663" s="613"/>
      <c r="FOJ663" s="613"/>
      <c r="FOK663" s="613"/>
      <c r="FOL663" s="613"/>
      <c r="FOM663" s="613"/>
      <c r="FON663" s="613"/>
      <c r="FOO663" s="613"/>
      <c r="FOP663" s="613"/>
      <c r="FOQ663" s="613"/>
      <c r="FOR663" s="613"/>
      <c r="FOS663" s="613"/>
      <c r="FOT663" s="613"/>
      <c r="FOU663" s="613"/>
      <c r="FOV663" s="613"/>
      <c r="FOW663" s="613"/>
      <c r="FOX663" s="613"/>
      <c r="FOY663" s="613"/>
      <c r="FOZ663" s="613"/>
      <c r="FPA663" s="613"/>
      <c r="FPB663" s="613"/>
      <c r="FPC663" s="613"/>
      <c r="FPD663" s="613"/>
      <c r="FPE663" s="613"/>
      <c r="FPF663" s="613"/>
      <c r="FPG663" s="613"/>
      <c r="FPH663" s="613"/>
      <c r="FPI663" s="613"/>
      <c r="FPJ663" s="613"/>
      <c r="FPK663" s="613"/>
      <c r="FPL663" s="613"/>
      <c r="FPM663" s="613"/>
      <c r="FPN663" s="613"/>
      <c r="FPO663" s="613"/>
      <c r="FPP663" s="613"/>
      <c r="FPQ663" s="613"/>
      <c r="FPR663" s="613"/>
      <c r="FPS663" s="613"/>
      <c r="FPT663" s="613"/>
      <c r="FPU663" s="613"/>
      <c r="FPV663" s="613"/>
      <c r="FPW663" s="613"/>
      <c r="FPX663" s="613"/>
      <c r="FPY663" s="613"/>
      <c r="FPZ663" s="613"/>
      <c r="FQA663" s="613"/>
      <c r="FQB663" s="613"/>
      <c r="FQC663" s="613"/>
      <c r="FQD663" s="613"/>
      <c r="FQE663" s="613"/>
      <c r="FQF663" s="613"/>
      <c r="FQG663" s="613"/>
      <c r="FQH663" s="613"/>
      <c r="FQI663" s="613"/>
      <c r="FQJ663" s="613"/>
      <c r="FQK663" s="613"/>
      <c r="FQL663" s="613"/>
      <c r="FQM663" s="613"/>
      <c r="FQN663" s="613"/>
      <c r="FQO663" s="613"/>
      <c r="FQP663" s="613"/>
      <c r="FQQ663" s="613"/>
      <c r="FQR663" s="613"/>
      <c r="FQS663" s="613"/>
      <c r="FQT663" s="613"/>
      <c r="FQU663" s="613"/>
      <c r="FQV663" s="613"/>
      <c r="FQW663" s="613"/>
      <c r="FQX663" s="613"/>
      <c r="FQY663" s="613"/>
      <c r="FQZ663" s="613"/>
      <c r="FRA663" s="613"/>
      <c r="FRB663" s="613"/>
      <c r="FRC663" s="613"/>
      <c r="FRD663" s="613"/>
      <c r="FRE663" s="613"/>
      <c r="FRF663" s="613"/>
      <c r="FRG663" s="613"/>
      <c r="FRH663" s="613"/>
      <c r="FRI663" s="613"/>
      <c r="FRJ663" s="613"/>
      <c r="FRK663" s="613"/>
      <c r="FRL663" s="613"/>
      <c r="FRM663" s="613"/>
      <c r="FRN663" s="613"/>
      <c r="FRO663" s="613"/>
      <c r="FRP663" s="613"/>
      <c r="FRQ663" s="613"/>
      <c r="FRR663" s="613"/>
      <c r="FRS663" s="613"/>
      <c r="FRT663" s="613"/>
      <c r="FRU663" s="613"/>
      <c r="FRV663" s="613"/>
      <c r="FRW663" s="613"/>
      <c r="FRX663" s="613"/>
      <c r="FRY663" s="613"/>
      <c r="FRZ663" s="613"/>
      <c r="FSA663" s="613"/>
      <c r="FSB663" s="613"/>
      <c r="FSC663" s="613"/>
      <c r="FSD663" s="613"/>
      <c r="FSE663" s="613"/>
      <c r="FSF663" s="613"/>
      <c r="FSG663" s="613"/>
      <c r="FSH663" s="613"/>
      <c r="FSI663" s="613"/>
      <c r="FSJ663" s="613"/>
      <c r="FSK663" s="613"/>
      <c r="FSL663" s="613"/>
      <c r="FSM663" s="613"/>
      <c r="FSN663" s="613"/>
      <c r="FSO663" s="613"/>
      <c r="FSP663" s="613"/>
      <c r="FSQ663" s="613"/>
      <c r="FSR663" s="613"/>
      <c r="FSS663" s="613"/>
      <c r="FST663" s="613"/>
      <c r="FSU663" s="613"/>
      <c r="FSV663" s="613"/>
      <c r="FSW663" s="613"/>
      <c r="FSX663" s="613"/>
      <c r="FSY663" s="613"/>
      <c r="FSZ663" s="613"/>
      <c r="FTA663" s="613"/>
      <c r="FTB663" s="613"/>
      <c r="FTC663" s="613"/>
      <c r="FTD663" s="613"/>
      <c r="FTE663" s="613"/>
      <c r="FTF663" s="613"/>
      <c r="FTG663" s="613"/>
      <c r="FTH663" s="613"/>
      <c r="FTI663" s="613"/>
      <c r="FTJ663" s="613"/>
      <c r="FTK663" s="613"/>
      <c r="FTL663" s="613"/>
      <c r="FTM663" s="613"/>
      <c r="FTN663" s="613"/>
      <c r="FTO663" s="613"/>
      <c r="FTP663" s="613"/>
      <c r="FTQ663" s="613"/>
      <c r="FTR663" s="613"/>
      <c r="FTS663" s="613"/>
      <c r="FTT663" s="613"/>
      <c r="FTU663" s="613"/>
      <c r="FTV663" s="613"/>
      <c r="FTW663" s="613"/>
      <c r="FTX663" s="613"/>
      <c r="FTY663" s="613"/>
      <c r="FTZ663" s="613"/>
      <c r="FUA663" s="613"/>
      <c r="FUB663" s="613"/>
      <c r="FUC663" s="613"/>
      <c r="FUD663" s="613"/>
      <c r="FUE663" s="613"/>
      <c r="FUF663" s="613"/>
      <c r="FUG663" s="613"/>
      <c r="FUH663" s="613"/>
      <c r="FUI663" s="613"/>
      <c r="FUJ663" s="613"/>
      <c r="FUK663" s="613"/>
      <c r="FUL663" s="613"/>
      <c r="FUM663" s="613"/>
      <c r="FUN663" s="613"/>
      <c r="FUO663" s="613"/>
      <c r="FUP663" s="613"/>
      <c r="FUQ663" s="613"/>
      <c r="FUR663" s="613"/>
      <c r="FUS663" s="613"/>
      <c r="FUT663" s="613"/>
      <c r="FUU663" s="613"/>
      <c r="FUV663" s="613"/>
      <c r="FUW663" s="613"/>
      <c r="FUX663" s="613"/>
      <c r="FUY663" s="613"/>
      <c r="FUZ663" s="613"/>
      <c r="FVA663" s="613"/>
      <c r="FVB663" s="613"/>
      <c r="FVC663" s="613"/>
      <c r="FVD663" s="613"/>
      <c r="FVE663" s="613"/>
      <c r="FVF663" s="613"/>
      <c r="FVG663" s="613"/>
      <c r="FVH663" s="613"/>
      <c r="FVI663" s="613"/>
      <c r="FVJ663" s="613"/>
      <c r="FVK663" s="613"/>
      <c r="FVL663" s="613"/>
      <c r="FVM663" s="613"/>
      <c r="FVN663" s="613"/>
      <c r="FVO663" s="613"/>
      <c r="FVP663" s="613"/>
      <c r="FVQ663" s="613"/>
      <c r="FVR663" s="613"/>
      <c r="FVS663" s="613"/>
      <c r="FVT663" s="613"/>
      <c r="FVU663" s="613"/>
      <c r="FVV663" s="613"/>
      <c r="FVW663" s="613"/>
      <c r="FVX663" s="613"/>
      <c r="FVY663" s="613"/>
      <c r="FVZ663" s="613"/>
      <c r="FWA663" s="613"/>
      <c r="FWB663" s="613"/>
      <c r="FWC663" s="613"/>
      <c r="FWD663" s="613"/>
      <c r="FWE663" s="613"/>
      <c r="FWF663" s="613"/>
      <c r="FWG663" s="613"/>
      <c r="FWH663" s="613"/>
      <c r="FWI663" s="613"/>
      <c r="FWJ663" s="613"/>
      <c r="FWK663" s="613"/>
      <c r="FWL663" s="613"/>
      <c r="FWM663" s="613"/>
      <c r="FWN663" s="613"/>
      <c r="FWO663" s="613"/>
      <c r="FWP663" s="613"/>
      <c r="FWQ663" s="613"/>
      <c r="FWR663" s="613"/>
      <c r="FWS663" s="613"/>
      <c r="FWT663" s="613"/>
      <c r="FWU663" s="613"/>
      <c r="FWV663" s="613"/>
      <c r="FWW663" s="613"/>
      <c r="FWX663" s="613"/>
      <c r="FWY663" s="613"/>
      <c r="FWZ663" s="613"/>
      <c r="FXA663" s="613"/>
      <c r="FXB663" s="613"/>
      <c r="FXC663" s="613"/>
      <c r="FXD663" s="613"/>
      <c r="FXE663" s="613"/>
      <c r="FXF663" s="613"/>
      <c r="FXG663" s="613"/>
      <c r="FXH663" s="613"/>
      <c r="FXI663" s="613"/>
      <c r="FXJ663" s="613"/>
      <c r="FXK663" s="613"/>
      <c r="FXL663" s="613"/>
      <c r="FXM663" s="613"/>
      <c r="FXN663" s="613"/>
      <c r="FXO663" s="613"/>
      <c r="FXP663" s="613"/>
      <c r="FXQ663" s="613"/>
      <c r="FXR663" s="613"/>
      <c r="FXS663" s="613"/>
      <c r="FXT663" s="613"/>
      <c r="FXU663" s="613"/>
      <c r="FXV663" s="613"/>
      <c r="FXW663" s="613"/>
      <c r="FXX663" s="613"/>
      <c r="FXY663" s="613"/>
      <c r="FXZ663" s="613"/>
      <c r="FYA663" s="613"/>
      <c r="FYB663" s="613"/>
      <c r="FYC663" s="613"/>
      <c r="FYD663" s="613"/>
      <c r="FYE663" s="613"/>
      <c r="FYF663" s="613"/>
      <c r="FYG663" s="613"/>
      <c r="FYH663" s="613"/>
      <c r="FYI663" s="613"/>
      <c r="FYJ663" s="613"/>
      <c r="FYK663" s="613"/>
      <c r="FYL663" s="613"/>
      <c r="FYM663" s="613"/>
      <c r="FYN663" s="613"/>
      <c r="FYO663" s="613"/>
      <c r="FYP663" s="613"/>
      <c r="FYQ663" s="613"/>
      <c r="FYR663" s="613"/>
      <c r="FYS663" s="613"/>
      <c r="FYT663" s="613"/>
      <c r="FYU663" s="613"/>
      <c r="FYV663" s="613"/>
      <c r="FYW663" s="613"/>
      <c r="FYX663" s="613"/>
      <c r="FYY663" s="613"/>
      <c r="FYZ663" s="613"/>
      <c r="FZA663" s="613"/>
      <c r="FZB663" s="613"/>
      <c r="FZC663" s="613"/>
      <c r="FZD663" s="613"/>
      <c r="FZE663" s="613"/>
      <c r="FZF663" s="613"/>
      <c r="FZG663" s="613"/>
      <c r="FZH663" s="613"/>
      <c r="FZI663" s="613"/>
      <c r="FZJ663" s="613"/>
      <c r="FZK663" s="613"/>
      <c r="FZL663" s="613"/>
      <c r="FZM663" s="613"/>
      <c r="FZN663" s="613"/>
      <c r="FZO663" s="613"/>
      <c r="FZP663" s="613"/>
      <c r="FZQ663" s="613"/>
      <c r="FZR663" s="613"/>
      <c r="FZS663" s="613"/>
      <c r="FZT663" s="613"/>
      <c r="FZU663" s="613"/>
      <c r="FZV663" s="613"/>
      <c r="FZW663" s="613"/>
      <c r="FZX663" s="613"/>
      <c r="FZY663" s="613"/>
      <c r="FZZ663" s="613"/>
      <c r="GAA663" s="613"/>
      <c r="GAB663" s="613"/>
      <c r="GAC663" s="613"/>
      <c r="GAD663" s="613"/>
      <c r="GAE663" s="613"/>
      <c r="GAF663" s="613"/>
      <c r="GAG663" s="613"/>
      <c r="GAH663" s="613"/>
      <c r="GAI663" s="613"/>
      <c r="GAJ663" s="613"/>
      <c r="GAK663" s="613"/>
      <c r="GAL663" s="613"/>
      <c r="GAM663" s="613"/>
      <c r="GAN663" s="613"/>
      <c r="GAO663" s="613"/>
      <c r="GAP663" s="613"/>
      <c r="GAQ663" s="613"/>
      <c r="GAR663" s="613"/>
      <c r="GAS663" s="613"/>
      <c r="GAT663" s="613"/>
      <c r="GAU663" s="613"/>
      <c r="GAV663" s="613"/>
      <c r="GAW663" s="613"/>
      <c r="GAX663" s="613"/>
      <c r="GAY663" s="613"/>
      <c r="GAZ663" s="613"/>
      <c r="GBA663" s="613"/>
      <c r="GBB663" s="613"/>
      <c r="GBC663" s="613"/>
      <c r="GBD663" s="613"/>
      <c r="GBE663" s="613"/>
      <c r="GBF663" s="613"/>
      <c r="GBG663" s="613"/>
      <c r="GBH663" s="613"/>
      <c r="GBI663" s="613"/>
      <c r="GBJ663" s="613"/>
      <c r="GBK663" s="613"/>
      <c r="GBL663" s="613"/>
      <c r="GBM663" s="613"/>
      <c r="GBN663" s="613"/>
      <c r="GBO663" s="613"/>
      <c r="GBP663" s="613"/>
      <c r="GBQ663" s="613"/>
      <c r="GBR663" s="613"/>
      <c r="GBS663" s="613"/>
      <c r="GBT663" s="613"/>
      <c r="GBU663" s="613"/>
      <c r="GBV663" s="613"/>
      <c r="GBW663" s="613"/>
      <c r="GBX663" s="613"/>
      <c r="GBY663" s="613"/>
      <c r="GBZ663" s="613"/>
      <c r="GCA663" s="613"/>
      <c r="GCB663" s="613"/>
      <c r="GCC663" s="613"/>
      <c r="GCD663" s="613"/>
      <c r="GCE663" s="613"/>
      <c r="GCF663" s="613"/>
      <c r="GCG663" s="613"/>
      <c r="GCH663" s="613"/>
      <c r="GCI663" s="613"/>
      <c r="GCJ663" s="613"/>
      <c r="GCK663" s="613"/>
      <c r="GCL663" s="613"/>
      <c r="GCM663" s="613"/>
      <c r="GCN663" s="613"/>
      <c r="GCO663" s="613"/>
      <c r="GCP663" s="613"/>
      <c r="GCQ663" s="613"/>
      <c r="GCR663" s="613"/>
      <c r="GCS663" s="613"/>
      <c r="GCT663" s="613"/>
      <c r="GCU663" s="613"/>
      <c r="GCV663" s="613"/>
      <c r="GCW663" s="613"/>
      <c r="GCX663" s="613"/>
      <c r="GCY663" s="613"/>
      <c r="GCZ663" s="613"/>
      <c r="GDA663" s="613"/>
      <c r="GDB663" s="613"/>
      <c r="GDC663" s="613"/>
      <c r="GDD663" s="613"/>
      <c r="GDE663" s="613"/>
      <c r="GDF663" s="613"/>
      <c r="GDG663" s="613"/>
      <c r="GDH663" s="613"/>
      <c r="GDI663" s="613"/>
      <c r="GDJ663" s="613"/>
      <c r="GDK663" s="613"/>
      <c r="GDL663" s="613"/>
      <c r="GDM663" s="613"/>
      <c r="GDN663" s="613"/>
      <c r="GDO663" s="613"/>
      <c r="GDP663" s="613"/>
      <c r="GDQ663" s="613"/>
      <c r="GDR663" s="613"/>
      <c r="GDS663" s="613"/>
      <c r="GDT663" s="613"/>
      <c r="GDU663" s="613"/>
      <c r="GDV663" s="613"/>
      <c r="GDW663" s="613"/>
      <c r="GDX663" s="613"/>
      <c r="GDY663" s="613"/>
      <c r="GDZ663" s="613"/>
      <c r="GEA663" s="613"/>
      <c r="GEB663" s="613"/>
      <c r="GEC663" s="613"/>
      <c r="GED663" s="613"/>
      <c r="GEE663" s="613"/>
      <c r="GEF663" s="613"/>
      <c r="GEG663" s="613"/>
      <c r="GEH663" s="613"/>
      <c r="GEI663" s="613"/>
      <c r="GEJ663" s="613"/>
      <c r="GEK663" s="613"/>
      <c r="GEL663" s="613"/>
      <c r="GEM663" s="613"/>
      <c r="GEN663" s="613"/>
      <c r="GEO663" s="613"/>
      <c r="GEP663" s="613"/>
      <c r="GEQ663" s="613"/>
      <c r="GER663" s="613"/>
      <c r="GES663" s="613"/>
      <c r="GET663" s="613"/>
      <c r="GEU663" s="613"/>
      <c r="GEV663" s="613"/>
      <c r="GEW663" s="613"/>
      <c r="GEX663" s="613"/>
      <c r="GEY663" s="613"/>
      <c r="GEZ663" s="613"/>
      <c r="GFA663" s="613"/>
      <c r="GFB663" s="613"/>
      <c r="GFC663" s="613"/>
      <c r="GFD663" s="613"/>
      <c r="GFE663" s="613"/>
      <c r="GFF663" s="613"/>
      <c r="GFG663" s="613"/>
      <c r="GFH663" s="613"/>
      <c r="GFI663" s="613"/>
      <c r="GFJ663" s="613"/>
      <c r="GFK663" s="613"/>
      <c r="GFL663" s="613"/>
      <c r="GFM663" s="613"/>
      <c r="GFN663" s="613"/>
      <c r="GFO663" s="613"/>
      <c r="GFP663" s="613"/>
      <c r="GFQ663" s="613"/>
      <c r="GFR663" s="613"/>
      <c r="GFS663" s="613"/>
      <c r="GFT663" s="613"/>
      <c r="GFU663" s="613"/>
      <c r="GFV663" s="613"/>
      <c r="GFW663" s="613"/>
      <c r="GFX663" s="613"/>
      <c r="GFY663" s="613"/>
      <c r="GFZ663" s="613"/>
      <c r="GGA663" s="613"/>
      <c r="GGB663" s="613"/>
      <c r="GGC663" s="613"/>
      <c r="GGD663" s="613"/>
      <c r="GGE663" s="613"/>
      <c r="GGF663" s="613"/>
      <c r="GGG663" s="613"/>
      <c r="GGH663" s="613"/>
      <c r="GGI663" s="613"/>
      <c r="GGJ663" s="613"/>
      <c r="GGK663" s="613"/>
      <c r="GGL663" s="613"/>
      <c r="GGM663" s="613"/>
      <c r="GGN663" s="613"/>
      <c r="GGO663" s="613"/>
      <c r="GGP663" s="613"/>
      <c r="GGQ663" s="613"/>
      <c r="GGR663" s="613"/>
      <c r="GGS663" s="613"/>
      <c r="GGT663" s="613"/>
      <c r="GGU663" s="613"/>
      <c r="GGV663" s="613"/>
      <c r="GGW663" s="613"/>
      <c r="GGX663" s="613"/>
      <c r="GGY663" s="613"/>
      <c r="GGZ663" s="613"/>
      <c r="GHA663" s="613"/>
      <c r="GHB663" s="613"/>
      <c r="GHC663" s="613"/>
      <c r="GHD663" s="613"/>
      <c r="GHE663" s="613"/>
      <c r="GHF663" s="613"/>
      <c r="GHG663" s="613"/>
      <c r="GHH663" s="613"/>
      <c r="GHI663" s="613"/>
      <c r="GHJ663" s="613"/>
      <c r="GHK663" s="613"/>
      <c r="GHL663" s="613"/>
      <c r="GHM663" s="613"/>
      <c r="GHN663" s="613"/>
      <c r="GHO663" s="613"/>
      <c r="GHP663" s="613"/>
      <c r="GHQ663" s="613"/>
      <c r="GHR663" s="613"/>
      <c r="GHS663" s="613"/>
      <c r="GHT663" s="613"/>
      <c r="GHU663" s="613"/>
      <c r="GHV663" s="613"/>
      <c r="GHW663" s="613"/>
      <c r="GHX663" s="613"/>
      <c r="GHY663" s="613"/>
      <c r="GHZ663" s="613"/>
      <c r="GIA663" s="613"/>
      <c r="GIB663" s="613"/>
      <c r="GIC663" s="613"/>
      <c r="GID663" s="613"/>
      <c r="GIE663" s="613"/>
      <c r="GIF663" s="613"/>
      <c r="GIG663" s="613"/>
      <c r="GIH663" s="613"/>
      <c r="GII663" s="613"/>
      <c r="GIJ663" s="613"/>
      <c r="GIK663" s="613"/>
      <c r="GIL663" s="613"/>
      <c r="GIM663" s="613"/>
      <c r="GIN663" s="613"/>
      <c r="GIO663" s="613"/>
      <c r="GIP663" s="613"/>
      <c r="GIQ663" s="613"/>
      <c r="GIR663" s="613"/>
      <c r="GIS663" s="613"/>
      <c r="GIT663" s="613"/>
      <c r="GIU663" s="613"/>
      <c r="GIV663" s="613"/>
      <c r="GIW663" s="613"/>
      <c r="GIX663" s="613"/>
      <c r="GIY663" s="613"/>
      <c r="GIZ663" s="613"/>
      <c r="GJA663" s="613"/>
      <c r="GJB663" s="613"/>
      <c r="GJC663" s="613"/>
      <c r="GJD663" s="613"/>
      <c r="GJE663" s="613"/>
      <c r="GJF663" s="613"/>
      <c r="GJG663" s="613"/>
      <c r="GJH663" s="613"/>
      <c r="GJI663" s="613"/>
      <c r="GJJ663" s="613"/>
      <c r="GJK663" s="613"/>
      <c r="GJL663" s="613"/>
      <c r="GJM663" s="613"/>
      <c r="GJN663" s="613"/>
      <c r="GJO663" s="613"/>
      <c r="GJP663" s="613"/>
      <c r="GJQ663" s="613"/>
      <c r="GJR663" s="613"/>
      <c r="GJS663" s="613"/>
      <c r="GJT663" s="613"/>
      <c r="GJU663" s="613"/>
      <c r="GJV663" s="613"/>
      <c r="GJW663" s="613"/>
      <c r="GJX663" s="613"/>
      <c r="GJY663" s="613"/>
      <c r="GJZ663" s="613"/>
      <c r="GKA663" s="613"/>
      <c r="GKB663" s="613"/>
      <c r="GKC663" s="613"/>
      <c r="GKD663" s="613"/>
      <c r="GKE663" s="613"/>
      <c r="GKF663" s="613"/>
      <c r="GKG663" s="613"/>
      <c r="GKH663" s="613"/>
      <c r="GKI663" s="613"/>
      <c r="GKJ663" s="613"/>
      <c r="GKK663" s="613"/>
      <c r="GKL663" s="613"/>
      <c r="GKM663" s="613"/>
      <c r="GKN663" s="613"/>
      <c r="GKO663" s="613"/>
      <c r="GKP663" s="613"/>
      <c r="GKQ663" s="613"/>
      <c r="GKR663" s="613"/>
      <c r="GKS663" s="613"/>
      <c r="GKT663" s="613"/>
      <c r="GKU663" s="613"/>
      <c r="GKV663" s="613"/>
      <c r="GKW663" s="613"/>
      <c r="GKX663" s="613"/>
      <c r="GKY663" s="613"/>
      <c r="GKZ663" s="613"/>
      <c r="GLA663" s="613"/>
      <c r="GLB663" s="613"/>
      <c r="GLC663" s="613"/>
      <c r="GLD663" s="613"/>
      <c r="GLE663" s="613"/>
      <c r="GLF663" s="613"/>
      <c r="GLG663" s="613"/>
      <c r="GLH663" s="613"/>
      <c r="GLI663" s="613"/>
      <c r="GLJ663" s="613"/>
      <c r="GLK663" s="613"/>
      <c r="GLL663" s="613"/>
      <c r="GLM663" s="613"/>
      <c r="GLN663" s="613"/>
      <c r="GLO663" s="613"/>
      <c r="GLP663" s="613"/>
      <c r="GLQ663" s="613"/>
      <c r="GLR663" s="613"/>
      <c r="GLS663" s="613"/>
      <c r="GLT663" s="613"/>
      <c r="GLU663" s="613"/>
      <c r="GLV663" s="613"/>
      <c r="GLW663" s="613"/>
      <c r="GLX663" s="613"/>
      <c r="GLY663" s="613"/>
      <c r="GLZ663" s="613"/>
      <c r="GMA663" s="613"/>
      <c r="GMB663" s="613"/>
      <c r="GMC663" s="613"/>
      <c r="GMD663" s="613"/>
      <c r="GME663" s="613"/>
      <c r="GMF663" s="613"/>
      <c r="GMG663" s="613"/>
      <c r="GMH663" s="613"/>
      <c r="GMI663" s="613"/>
      <c r="GMJ663" s="613"/>
      <c r="GMK663" s="613"/>
      <c r="GML663" s="613"/>
      <c r="GMM663" s="613"/>
      <c r="GMN663" s="613"/>
      <c r="GMO663" s="613"/>
      <c r="GMP663" s="613"/>
      <c r="GMQ663" s="613"/>
      <c r="GMR663" s="613"/>
      <c r="GMS663" s="613"/>
      <c r="GMT663" s="613"/>
      <c r="GMU663" s="613"/>
      <c r="GMV663" s="613"/>
      <c r="GMW663" s="613"/>
      <c r="GMX663" s="613"/>
      <c r="GMY663" s="613"/>
      <c r="GMZ663" s="613"/>
      <c r="GNA663" s="613"/>
      <c r="GNB663" s="613"/>
      <c r="GNC663" s="613"/>
      <c r="GND663" s="613"/>
      <c r="GNE663" s="613"/>
      <c r="GNF663" s="613"/>
      <c r="GNG663" s="613"/>
      <c r="GNH663" s="613"/>
      <c r="GNI663" s="613"/>
      <c r="GNJ663" s="613"/>
      <c r="GNK663" s="613"/>
      <c r="GNL663" s="613"/>
      <c r="GNM663" s="613"/>
      <c r="GNN663" s="613"/>
      <c r="GNO663" s="613"/>
      <c r="GNP663" s="613"/>
      <c r="GNQ663" s="613"/>
      <c r="GNR663" s="613"/>
      <c r="GNS663" s="613"/>
      <c r="GNT663" s="613"/>
      <c r="GNU663" s="613"/>
      <c r="GNV663" s="613"/>
      <c r="GNW663" s="613"/>
      <c r="GNX663" s="613"/>
      <c r="GNY663" s="613"/>
      <c r="GNZ663" s="613"/>
      <c r="GOA663" s="613"/>
      <c r="GOB663" s="613"/>
      <c r="GOC663" s="613"/>
      <c r="GOD663" s="613"/>
      <c r="GOE663" s="613"/>
      <c r="GOF663" s="613"/>
      <c r="GOG663" s="613"/>
      <c r="GOH663" s="613"/>
      <c r="GOI663" s="613"/>
      <c r="GOJ663" s="613"/>
      <c r="GOK663" s="613"/>
      <c r="GOL663" s="613"/>
      <c r="GOM663" s="613"/>
      <c r="GON663" s="613"/>
      <c r="GOO663" s="613"/>
      <c r="GOP663" s="613"/>
      <c r="GOQ663" s="613"/>
      <c r="GOR663" s="613"/>
      <c r="GOS663" s="613"/>
      <c r="GOT663" s="613"/>
      <c r="GOU663" s="613"/>
      <c r="GOV663" s="613"/>
      <c r="GOW663" s="613"/>
      <c r="GOX663" s="613"/>
      <c r="GOY663" s="613"/>
      <c r="GOZ663" s="613"/>
      <c r="GPA663" s="613"/>
      <c r="GPB663" s="613"/>
      <c r="GPC663" s="613"/>
      <c r="GPD663" s="613"/>
      <c r="GPE663" s="613"/>
      <c r="GPF663" s="613"/>
      <c r="GPG663" s="613"/>
      <c r="GPH663" s="613"/>
      <c r="GPI663" s="613"/>
      <c r="GPJ663" s="613"/>
      <c r="GPK663" s="613"/>
      <c r="GPL663" s="613"/>
      <c r="GPM663" s="613"/>
      <c r="GPN663" s="613"/>
      <c r="GPO663" s="613"/>
      <c r="GPP663" s="613"/>
      <c r="GPQ663" s="613"/>
      <c r="GPR663" s="613"/>
      <c r="GPS663" s="613"/>
      <c r="GPT663" s="613"/>
      <c r="GPU663" s="613"/>
      <c r="GPV663" s="613"/>
      <c r="GPW663" s="613"/>
      <c r="GPX663" s="613"/>
      <c r="GPY663" s="613"/>
      <c r="GPZ663" s="613"/>
      <c r="GQA663" s="613"/>
      <c r="GQB663" s="613"/>
      <c r="GQC663" s="613"/>
      <c r="GQD663" s="613"/>
      <c r="GQE663" s="613"/>
      <c r="GQF663" s="613"/>
      <c r="GQG663" s="613"/>
      <c r="GQH663" s="613"/>
      <c r="GQI663" s="613"/>
      <c r="GQJ663" s="613"/>
      <c r="GQK663" s="613"/>
      <c r="GQL663" s="613"/>
      <c r="GQM663" s="613"/>
      <c r="GQN663" s="613"/>
      <c r="GQO663" s="613"/>
      <c r="GQP663" s="613"/>
      <c r="GQQ663" s="613"/>
      <c r="GQR663" s="613"/>
      <c r="GQS663" s="613"/>
      <c r="GQT663" s="613"/>
      <c r="GQU663" s="613"/>
      <c r="GQV663" s="613"/>
      <c r="GQW663" s="613"/>
      <c r="GQX663" s="613"/>
      <c r="GQY663" s="613"/>
      <c r="GQZ663" s="613"/>
      <c r="GRA663" s="613"/>
      <c r="GRB663" s="613"/>
      <c r="GRC663" s="613"/>
      <c r="GRD663" s="613"/>
      <c r="GRE663" s="613"/>
      <c r="GRF663" s="613"/>
      <c r="GRG663" s="613"/>
      <c r="GRH663" s="613"/>
      <c r="GRI663" s="613"/>
      <c r="GRJ663" s="613"/>
      <c r="GRK663" s="613"/>
      <c r="GRL663" s="613"/>
      <c r="GRM663" s="613"/>
      <c r="GRN663" s="613"/>
      <c r="GRO663" s="613"/>
      <c r="GRP663" s="613"/>
      <c r="GRQ663" s="613"/>
      <c r="GRR663" s="613"/>
      <c r="GRS663" s="613"/>
      <c r="GRT663" s="613"/>
      <c r="GRU663" s="613"/>
      <c r="GRV663" s="613"/>
      <c r="GRW663" s="613"/>
      <c r="GRX663" s="613"/>
      <c r="GRY663" s="613"/>
      <c r="GRZ663" s="613"/>
      <c r="GSA663" s="613"/>
      <c r="GSB663" s="613"/>
      <c r="GSC663" s="613"/>
      <c r="GSD663" s="613"/>
      <c r="GSE663" s="613"/>
      <c r="GSF663" s="613"/>
      <c r="GSG663" s="613"/>
      <c r="GSH663" s="613"/>
      <c r="GSI663" s="613"/>
      <c r="GSJ663" s="613"/>
      <c r="GSK663" s="613"/>
      <c r="GSL663" s="613"/>
      <c r="GSM663" s="613"/>
      <c r="GSN663" s="613"/>
      <c r="GSO663" s="613"/>
      <c r="GSP663" s="613"/>
      <c r="GSQ663" s="613"/>
      <c r="GSR663" s="613"/>
      <c r="GSS663" s="613"/>
      <c r="GST663" s="613"/>
      <c r="GSU663" s="613"/>
      <c r="GSV663" s="613"/>
      <c r="GSW663" s="613"/>
      <c r="GSX663" s="613"/>
      <c r="GSY663" s="613"/>
      <c r="GSZ663" s="613"/>
      <c r="GTA663" s="613"/>
      <c r="GTB663" s="613"/>
      <c r="GTC663" s="613"/>
      <c r="GTD663" s="613"/>
      <c r="GTE663" s="613"/>
      <c r="GTF663" s="613"/>
      <c r="GTG663" s="613"/>
      <c r="GTH663" s="613"/>
      <c r="GTI663" s="613"/>
      <c r="GTJ663" s="613"/>
      <c r="GTK663" s="613"/>
      <c r="GTL663" s="613"/>
      <c r="GTM663" s="613"/>
      <c r="GTN663" s="613"/>
      <c r="GTO663" s="613"/>
      <c r="GTP663" s="613"/>
      <c r="GTQ663" s="613"/>
      <c r="GTR663" s="613"/>
      <c r="GTS663" s="613"/>
      <c r="GTT663" s="613"/>
      <c r="GTU663" s="613"/>
      <c r="GTV663" s="613"/>
      <c r="GTW663" s="613"/>
      <c r="GTX663" s="613"/>
      <c r="GTY663" s="613"/>
      <c r="GTZ663" s="613"/>
      <c r="GUA663" s="613"/>
      <c r="GUB663" s="613"/>
      <c r="GUC663" s="613"/>
      <c r="GUD663" s="613"/>
      <c r="GUE663" s="613"/>
      <c r="GUF663" s="613"/>
      <c r="GUG663" s="613"/>
      <c r="GUH663" s="613"/>
      <c r="GUI663" s="613"/>
      <c r="GUJ663" s="613"/>
      <c r="GUK663" s="613"/>
      <c r="GUL663" s="613"/>
      <c r="GUM663" s="613"/>
      <c r="GUN663" s="613"/>
      <c r="GUO663" s="613"/>
      <c r="GUP663" s="613"/>
      <c r="GUQ663" s="613"/>
      <c r="GUR663" s="613"/>
      <c r="GUS663" s="613"/>
      <c r="GUT663" s="613"/>
      <c r="GUU663" s="613"/>
      <c r="GUV663" s="613"/>
      <c r="GUW663" s="613"/>
      <c r="GUX663" s="613"/>
      <c r="GUY663" s="613"/>
      <c r="GUZ663" s="613"/>
      <c r="GVA663" s="613"/>
      <c r="GVB663" s="613"/>
      <c r="GVC663" s="613"/>
      <c r="GVD663" s="613"/>
      <c r="GVE663" s="613"/>
      <c r="GVF663" s="613"/>
      <c r="GVG663" s="613"/>
      <c r="GVH663" s="613"/>
      <c r="GVI663" s="613"/>
      <c r="GVJ663" s="613"/>
      <c r="GVK663" s="613"/>
      <c r="GVL663" s="613"/>
      <c r="GVM663" s="613"/>
      <c r="GVN663" s="613"/>
      <c r="GVO663" s="613"/>
      <c r="GVP663" s="613"/>
      <c r="GVQ663" s="613"/>
      <c r="GVR663" s="613"/>
      <c r="GVS663" s="613"/>
      <c r="GVT663" s="613"/>
      <c r="GVU663" s="613"/>
      <c r="GVV663" s="613"/>
      <c r="GVW663" s="613"/>
      <c r="GVX663" s="613"/>
      <c r="GVY663" s="613"/>
      <c r="GVZ663" s="613"/>
      <c r="GWA663" s="613"/>
      <c r="GWB663" s="613"/>
      <c r="GWC663" s="613"/>
      <c r="GWD663" s="613"/>
      <c r="GWE663" s="613"/>
      <c r="GWF663" s="613"/>
      <c r="GWG663" s="613"/>
      <c r="GWH663" s="613"/>
      <c r="GWI663" s="613"/>
      <c r="GWJ663" s="613"/>
      <c r="GWK663" s="613"/>
      <c r="GWL663" s="613"/>
      <c r="GWM663" s="613"/>
      <c r="GWN663" s="613"/>
      <c r="GWO663" s="613"/>
      <c r="GWP663" s="613"/>
      <c r="GWQ663" s="613"/>
      <c r="GWR663" s="613"/>
      <c r="GWS663" s="613"/>
      <c r="GWT663" s="613"/>
      <c r="GWU663" s="613"/>
      <c r="GWV663" s="613"/>
      <c r="GWW663" s="613"/>
      <c r="GWX663" s="613"/>
      <c r="GWY663" s="613"/>
      <c r="GWZ663" s="613"/>
      <c r="GXA663" s="613"/>
      <c r="GXB663" s="613"/>
      <c r="GXC663" s="613"/>
      <c r="GXD663" s="613"/>
      <c r="GXE663" s="613"/>
      <c r="GXF663" s="613"/>
      <c r="GXG663" s="613"/>
      <c r="GXH663" s="613"/>
      <c r="GXI663" s="613"/>
      <c r="GXJ663" s="613"/>
      <c r="GXK663" s="613"/>
      <c r="GXL663" s="613"/>
      <c r="GXM663" s="613"/>
      <c r="GXN663" s="613"/>
      <c r="GXO663" s="613"/>
      <c r="GXP663" s="613"/>
      <c r="GXQ663" s="613"/>
      <c r="GXR663" s="613"/>
      <c r="GXS663" s="613"/>
      <c r="GXT663" s="613"/>
      <c r="GXU663" s="613"/>
      <c r="GXV663" s="613"/>
      <c r="GXW663" s="613"/>
      <c r="GXX663" s="613"/>
      <c r="GXY663" s="613"/>
      <c r="GXZ663" s="613"/>
      <c r="GYA663" s="613"/>
      <c r="GYB663" s="613"/>
      <c r="GYC663" s="613"/>
      <c r="GYD663" s="613"/>
      <c r="GYE663" s="613"/>
      <c r="GYF663" s="613"/>
      <c r="GYG663" s="613"/>
      <c r="GYH663" s="613"/>
      <c r="GYI663" s="613"/>
      <c r="GYJ663" s="613"/>
      <c r="GYK663" s="613"/>
      <c r="GYL663" s="613"/>
      <c r="GYM663" s="613"/>
      <c r="GYN663" s="613"/>
      <c r="GYO663" s="613"/>
      <c r="GYP663" s="613"/>
      <c r="GYQ663" s="613"/>
      <c r="GYR663" s="613"/>
      <c r="GYS663" s="613"/>
      <c r="GYT663" s="613"/>
      <c r="GYU663" s="613"/>
      <c r="GYV663" s="613"/>
      <c r="GYW663" s="613"/>
      <c r="GYX663" s="613"/>
      <c r="GYY663" s="613"/>
      <c r="GYZ663" s="613"/>
      <c r="GZA663" s="613"/>
      <c r="GZB663" s="613"/>
      <c r="GZC663" s="613"/>
      <c r="GZD663" s="613"/>
      <c r="GZE663" s="613"/>
      <c r="GZF663" s="613"/>
      <c r="GZG663" s="613"/>
      <c r="GZH663" s="613"/>
      <c r="GZI663" s="613"/>
      <c r="GZJ663" s="613"/>
      <c r="GZK663" s="613"/>
      <c r="GZL663" s="613"/>
      <c r="GZM663" s="613"/>
      <c r="GZN663" s="613"/>
      <c r="GZO663" s="613"/>
      <c r="GZP663" s="613"/>
      <c r="GZQ663" s="613"/>
      <c r="GZR663" s="613"/>
      <c r="GZS663" s="613"/>
      <c r="GZT663" s="613"/>
      <c r="GZU663" s="613"/>
      <c r="GZV663" s="613"/>
      <c r="GZW663" s="613"/>
      <c r="GZX663" s="613"/>
      <c r="GZY663" s="613"/>
      <c r="GZZ663" s="613"/>
      <c r="HAA663" s="613"/>
      <c r="HAB663" s="613"/>
      <c r="HAC663" s="613"/>
      <c r="HAD663" s="613"/>
      <c r="HAE663" s="613"/>
      <c r="HAF663" s="613"/>
      <c r="HAG663" s="613"/>
      <c r="HAH663" s="613"/>
      <c r="HAI663" s="613"/>
      <c r="HAJ663" s="613"/>
      <c r="HAK663" s="613"/>
      <c r="HAL663" s="613"/>
      <c r="HAM663" s="613"/>
      <c r="HAN663" s="613"/>
      <c r="HAO663" s="613"/>
      <c r="HAP663" s="613"/>
      <c r="HAQ663" s="613"/>
      <c r="HAR663" s="613"/>
      <c r="HAS663" s="613"/>
      <c r="HAT663" s="613"/>
      <c r="HAU663" s="613"/>
      <c r="HAV663" s="613"/>
      <c r="HAW663" s="613"/>
      <c r="HAX663" s="613"/>
      <c r="HAY663" s="613"/>
      <c r="HAZ663" s="613"/>
      <c r="HBA663" s="613"/>
      <c r="HBB663" s="613"/>
      <c r="HBC663" s="613"/>
      <c r="HBD663" s="613"/>
      <c r="HBE663" s="613"/>
      <c r="HBF663" s="613"/>
      <c r="HBG663" s="613"/>
      <c r="HBH663" s="613"/>
      <c r="HBI663" s="613"/>
      <c r="HBJ663" s="613"/>
      <c r="HBK663" s="613"/>
      <c r="HBL663" s="613"/>
      <c r="HBM663" s="613"/>
      <c r="HBN663" s="613"/>
      <c r="HBO663" s="613"/>
      <c r="HBP663" s="613"/>
      <c r="HBQ663" s="613"/>
      <c r="HBR663" s="613"/>
      <c r="HBS663" s="613"/>
      <c r="HBT663" s="613"/>
      <c r="HBU663" s="613"/>
      <c r="HBV663" s="613"/>
      <c r="HBW663" s="613"/>
      <c r="HBX663" s="613"/>
      <c r="HBY663" s="613"/>
      <c r="HBZ663" s="613"/>
      <c r="HCA663" s="613"/>
      <c r="HCB663" s="613"/>
      <c r="HCC663" s="613"/>
      <c r="HCD663" s="613"/>
      <c r="HCE663" s="613"/>
      <c r="HCF663" s="613"/>
      <c r="HCG663" s="613"/>
      <c r="HCH663" s="613"/>
      <c r="HCI663" s="613"/>
      <c r="HCJ663" s="613"/>
      <c r="HCK663" s="613"/>
      <c r="HCL663" s="613"/>
      <c r="HCM663" s="613"/>
      <c r="HCN663" s="613"/>
      <c r="HCO663" s="613"/>
      <c r="HCP663" s="613"/>
      <c r="HCQ663" s="613"/>
      <c r="HCR663" s="613"/>
      <c r="HCS663" s="613"/>
      <c r="HCT663" s="613"/>
      <c r="HCU663" s="613"/>
      <c r="HCV663" s="613"/>
      <c r="HCW663" s="613"/>
      <c r="HCX663" s="613"/>
      <c r="HCY663" s="613"/>
      <c r="HCZ663" s="613"/>
      <c r="HDA663" s="613"/>
      <c r="HDB663" s="613"/>
      <c r="HDC663" s="613"/>
      <c r="HDD663" s="613"/>
      <c r="HDE663" s="613"/>
      <c r="HDF663" s="613"/>
      <c r="HDG663" s="613"/>
      <c r="HDH663" s="613"/>
      <c r="HDI663" s="613"/>
      <c r="HDJ663" s="613"/>
      <c r="HDK663" s="613"/>
      <c r="HDL663" s="613"/>
      <c r="HDM663" s="613"/>
      <c r="HDN663" s="613"/>
      <c r="HDO663" s="613"/>
      <c r="HDP663" s="613"/>
      <c r="HDQ663" s="613"/>
      <c r="HDR663" s="613"/>
      <c r="HDS663" s="613"/>
      <c r="HDT663" s="613"/>
      <c r="HDU663" s="613"/>
      <c r="HDV663" s="613"/>
      <c r="HDW663" s="613"/>
      <c r="HDX663" s="613"/>
      <c r="HDY663" s="613"/>
      <c r="HDZ663" s="613"/>
      <c r="HEA663" s="613"/>
      <c r="HEB663" s="613"/>
      <c r="HEC663" s="613"/>
      <c r="HED663" s="613"/>
      <c r="HEE663" s="613"/>
      <c r="HEF663" s="613"/>
      <c r="HEG663" s="613"/>
      <c r="HEH663" s="613"/>
      <c r="HEI663" s="613"/>
      <c r="HEJ663" s="613"/>
      <c r="HEK663" s="613"/>
      <c r="HEL663" s="613"/>
      <c r="HEM663" s="613"/>
      <c r="HEN663" s="613"/>
      <c r="HEO663" s="613"/>
      <c r="HEP663" s="613"/>
      <c r="HEQ663" s="613"/>
      <c r="HER663" s="613"/>
      <c r="HES663" s="613"/>
      <c r="HET663" s="613"/>
      <c r="HEU663" s="613"/>
      <c r="HEV663" s="613"/>
      <c r="HEW663" s="613"/>
      <c r="HEX663" s="613"/>
      <c r="HEY663" s="613"/>
      <c r="HEZ663" s="613"/>
      <c r="HFA663" s="613"/>
      <c r="HFB663" s="613"/>
      <c r="HFC663" s="613"/>
      <c r="HFD663" s="613"/>
      <c r="HFE663" s="613"/>
      <c r="HFF663" s="613"/>
      <c r="HFG663" s="613"/>
      <c r="HFH663" s="613"/>
      <c r="HFI663" s="613"/>
      <c r="HFJ663" s="613"/>
      <c r="HFK663" s="613"/>
      <c r="HFL663" s="613"/>
      <c r="HFM663" s="613"/>
      <c r="HFN663" s="613"/>
      <c r="HFO663" s="613"/>
      <c r="HFP663" s="613"/>
      <c r="HFQ663" s="613"/>
      <c r="HFR663" s="613"/>
      <c r="HFS663" s="613"/>
      <c r="HFT663" s="613"/>
      <c r="HFU663" s="613"/>
      <c r="HFV663" s="613"/>
      <c r="HFW663" s="613"/>
      <c r="HFX663" s="613"/>
      <c r="HFY663" s="613"/>
      <c r="HFZ663" s="613"/>
      <c r="HGA663" s="613"/>
      <c r="HGB663" s="613"/>
      <c r="HGC663" s="613"/>
      <c r="HGD663" s="613"/>
      <c r="HGE663" s="613"/>
      <c r="HGF663" s="613"/>
      <c r="HGG663" s="613"/>
      <c r="HGH663" s="613"/>
      <c r="HGI663" s="613"/>
      <c r="HGJ663" s="613"/>
      <c r="HGK663" s="613"/>
      <c r="HGL663" s="613"/>
      <c r="HGM663" s="613"/>
      <c r="HGN663" s="613"/>
      <c r="HGO663" s="613"/>
      <c r="HGP663" s="613"/>
      <c r="HGQ663" s="613"/>
      <c r="HGR663" s="613"/>
      <c r="HGS663" s="613"/>
      <c r="HGT663" s="613"/>
      <c r="HGU663" s="613"/>
      <c r="HGV663" s="613"/>
      <c r="HGW663" s="613"/>
      <c r="HGX663" s="613"/>
      <c r="HGY663" s="613"/>
      <c r="HGZ663" s="613"/>
      <c r="HHA663" s="613"/>
      <c r="HHB663" s="613"/>
      <c r="HHC663" s="613"/>
      <c r="HHD663" s="613"/>
      <c r="HHE663" s="613"/>
      <c r="HHF663" s="613"/>
      <c r="HHG663" s="613"/>
      <c r="HHH663" s="613"/>
      <c r="HHI663" s="613"/>
      <c r="HHJ663" s="613"/>
      <c r="HHK663" s="613"/>
      <c r="HHL663" s="613"/>
      <c r="HHM663" s="613"/>
      <c r="HHN663" s="613"/>
      <c r="HHO663" s="613"/>
      <c r="HHP663" s="613"/>
      <c r="HHQ663" s="613"/>
      <c r="HHR663" s="613"/>
      <c r="HHS663" s="613"/>
      <c r="HHT663" s="613"/>
      <c r="HHU663" s="613"/>
      <c r="HHV663" s="613"/>
      <c r="HHW663" s="613"/>
      <c r="HHX663" s="613"/>
      <c r="HHY663" s="613"/>
      <c r="HHZ663" s="613"/>
      <c r="HIA663" s="613"/>
      <c r="HIB663" s="613"/>
      <c r="HIC663" s="613"/>
      <c r="HID663" s="613"/>
      <c r="HIE663" s="613"/>
      <c r="HIF663" s="613"/>
      <c r="HIG663" s="613"/>
      <c r="HIH663" s="613"/>
      <c r="HII663" s="613"/>
      <c r="HIJ663" s="613"/>
      <c r="HIK663" s="613"/>
      <c r="HIL663" s="613"/>
      <c r="HIM663" s="613"/>
      <c r="HIN663" s="613"/>
      <c r="HIO663" s="613"/>
      <c r="HIP663" s="613"/>
      <c r="HIQ663" s="613"/>
      <c r="HIR663" s="613"/>
      <c r="HIS663" s="613"/>
      <c r="HIT663" s="613"/>
      <c r="HIU663" s="613"/>
      <c r="HIV663" s="613"/>
      <c r="HIW663" s="613"/>
      <c r="HIX663" s="613"/>
      <c r="HIY663" s="613"/>
      <c r="HIZ663" s="613"/>
      <c r="HJA663" s="613"/>
      <c r="HJB663" s="613"/>
      <c r="HJC663" s="613"/>
      <c r="HJD663" s="613"/>
      <c r="HJE663" s="613"/>
      <c r="HJF663" s="613"/>
      <c r="HJG663" s="613"/>
      <c r="HJH663" s="613"/>
      <c r="HJI663" s="613"/>
      <c r="HJJ663" s="613"/>
      <c r="HJK663" s="613"/>
      <c r="HJL663" s="613"/>
      <c r="HJM663" s="613"/>
      <c r="HJN663" s="613"/>
      <c r="HJO663" s="613"/>
      <c r="HJP663" s="613"/>
      <c r="HJQ663" s="613"/>
      <c r="HJR663" s="613"/>
      <c r="HJS663" s="613"/>
      <c r="HJT663" s="613"/>
      <c r="HJU663" s="613"/>
      <c r="HJV663" s="613"/>
      <c r="HJW663" s="613"/>
      <c r="HJX663" s="613"/>
      <c r="HJY663" s="613"/>
      <c r="HJZ663" s="613"/>
      <c r="HKA663" s="613"/>
      <c r="HKB663" s="613"/>
      <c r="HKC663" s="613"/>
      <c r="HKD663" s="613"/>
      <c r="HKE663" s="613"/>
      <c r="HKF663" s="613"/>
      <c r="HKG663" s="613"/>
      <c r="HKH663" s="613"/>
      <c r="HKI663" s="613"/>
      <c r="HKJ663" s="613"/>
      <c r="HKK663" s="613"/>
      <c r="HKL663" s="613"/>
      <c r="HKM663" s="613"/>
      <c r="HKN663" s="613"/>
      <c r="HKO663" s="613"/>
      <c r="HKP663" s="613"/>
      <c r="HKQ663" s="613"/>
      <c r="HKR663" s="613"/>
      <c r="HKS663" s="613"/>
      <c r="HKT663" s="613"/>
      <c r="HKU663" s="613"/>
      <c r="HKV663" s="613"/>
      <c r="HKW663" s="613"/>
      <c r="HKX663" s="613"/>
      <c r="HKY663" s="613"/>
      <c r="HKZ663" s="613"/>
      <c r="HLA663" s="613"/>
      <c r="HLB663" s="613"/>
      <c r="HLC663" s="613"/>
      <c r="HLD663" s="613"/>
      <c r="HLE663" s="613"/>
      <c r="HLF663" s="613"/>
      <c r="HLG663" s="613"/>
      <c r="HLH663" s="613"/>
      <c r="HLI663" s="613"/>
      <c r="HLJ663" s="613"/>
      <c r="HLK663" s="613"/>
      <c r="HLL663" s="613"/>
      <c r="HLM663" s="613"/>
      <c r="HLN663" s="613"/>
      <c r="HLO663" s="613"/>
      <c r="HLP663" s="613"/>
      <c r="HLQ663" s="613"/>
      <c r="HLR663" s="613"/>
      <c r="HLS663" s="613"/>
      <c r="HLT663" s="613"/>
      <c r="HLU663" s="613"/>
      <c r="HLV663" s="613"/>
      <c r="HLW663" s="613"/>
      <c r="HLX663" s="613"/>
      <c r="HLY663" s="613"/>
      <c r="HLZ663" s="613"/>
      <c r="HMA663" s="613"/>
      <c r="HMB663" s="613"/>
      <c r="HMC663" s="613"/>
      <c r="HMD663" s="613"/>
      <c r="HME663" s="613"/>
      <c r="HMF663" s="613"/>
      <c r="HMG663" s="613"/>
      <c r="HMH663" s="613"/>
      <c r="HMI663" s="613"/>
      <c r="HMJ663" s="613"/>
      <c r="HMK663" s="613"/>
      <c r="HML663" s="613"/>
      <c r="HMM663" s="613"/>
      <c r="HMN663" s="613"/>
      <c r="HMO663" s="613"/>
      <c r="HMP663" s="613"/>
      <c r="HMQ663" s="613"/>
      <c r="HMR663" s="613"/>
      <c r="HMS663" s="613"/>
      <c r="HMT663" s="613"/>
      <c r="HMU663" s="613"/>
      <c r="HMV663" s="613"/>
      <c r="HMW663" s="613"/>
      <c r="HMX663" s="613"/>
      <c r="HMY663" s="613"/>
      <c r="HMZ663" s="613"/>
      <c r="HNA663" s="613"/>
      <c r="HNB663" s="613"/>
      <c r="HNC663" s="613"/>
      <c r="HND663" s="613"/>
      <c r="HNE663" s="613"/>
      <c r="HNF663" s="613"/>
      <c r="HNG663" s="613"/>
      <c r="HNH663" s="613"/>
      <c r="HNI663" s="613"/>
      <c r="HNJ663" s="613"/>
      <c r="HNK663" s="613"/>
      <c r="HNL663" s="613"/>
      <c r="HNM663" s="613"/>
      <c r="HNN663" s="613"/>
      <c r="HNO663" s="613"/>
      <c r="HNP663" s="613"/>
      <c r="HNQ663" s="613"/>
      <c r="HNR663" s="613"/>
      <c r="HNS663" s="613"/>
      <c r="HNT663" s="613"/>
      <c r="HNU663" s="613"/>
      <c r="HNV663" s="613"/>
      <c r="HNW663" s="613"/>
      <c r="HNX663" s="613"/>
      <c r="HNY663" s="613"/>
      <c r="HNZ663" s="613"/>
      <c r="HOA663" s="613"/>
      <c r="HOB663" s="613"/>
      <c r="HOC663" s="613"/>
      <c r="HOD663" s="613"/>
      <c r="HOE663" s="613"/>
      <c r="HOF663" s="613"/>
      <c r="HOG663" s="613"/>
      <c r="HOH663" s="613"/>
      <c r="HOI663" s="613"/>
      <c r="HOJ663" s="613"/>
      <c r="HOK663" s="613"/>
      <c r="HOL663" s="613"/>
      <c r="HOM663" s="613"/>
      <c r="HON663" s="613"/>
      <c r="HOO663" s="613"/>
      <c r="HOP663" s="613"/>
      <c r="HOQ663" s="613"/>
      <c r="HOR663" s="613"/>
      <c r="HOS663" s="613"/>
      <c r="HOT663" s="613"/>
      <c r="HOU663" s="613"/>
      <c r="HOV663" s="613"/>
      <c r="HOW663" s="613"/>
      <c r="HOX663" s="613"/>
      <c r="HOY663" s="613"/>
      <c r="HOZ663" s="613"/>
      <c r="HPA663" s="613"/>
      <c r="HPB663" s="613"/>
      <c r="HPC663" s="613"/>
      <c r="HPD663" s="613"/>
      <c r="HPE663" s="613"/>
      <c r="HPF663" s="613"/>
      <c r="HPG663" s="613"/>
      <c r="HPH663" s="613"/>
      <c r="HPI663" s="613"/>
      <c r="HPJ663" s="613"/>
      <c r="HPK663" s="613"/>
      <c r="HPL663" s="613"/>
      <c r="HPM663" s="613"/>
      <c r="HPN663" s="613"/>
      <c r="HPO663" s="613"/>
      <c r="HPP663" s="613"/>
      <c r="HPQ663" s="613"/>
      <c r="HPR663" s="613"/>
      <c r="HPS663" s="613"/>
      <c r="HPT663" s="613"/>
      <c r="HPU663" s="613"/>
      <c r="HPV663" s="613"/>
      <c r="HPW663" s="613"/>
      <c r="HPX663" s="613"/>
      <c r="HPY663" s="613"/>
      <c r="HPZ663" s="613"/>
      <c r="HQA663" s="613"/>
      <c r="HQB663" s="613"/>
      <c r="HQC663" s="613"/>
      <c r="HQD663" s="613"/>
      <c r="HQE663" s="613"/>
      <c r="HQF663" s="613"/>
      <c r="HQG663" s="613"/>
      <c r="HQH663" s="613"/>
      <c r="HQI663" s="613"/>
      <c r="HQJ663" s="613"/>
      <c r="HQK663" s="613"/>
      <c r="HQL663" s="613"/>
      <c r="HQM663" s="613"/>
      <c r="HQN663" s="613"/>
      <c r="HQO663" s="613"/>
      <c r="HQP663" s="613"/>
      <c r="HQQ663" s="613"/>
      <c r="HQR663" s="613"/>
      <c r="HQS663" s="613"/>
      <c r="HQT663" s="613"/>
      <c r="HQU663" s="613"/>
      <c r="HQV663" s="613"/>
      <c r="HQW663" s="613"/>
      <c r="HQX663" s="613"/>
      <c r="HQY663" s="613"/>
      <c r="HQZ663" s="613"/>
      <c r="HRA663" s="613"/>
      <c r="HRB663" s="613"/>
      <c r="HRC663" s="613"/>
      <c r="HRD663" s="613"/>
      <c r="HRE663" s="613"/>
      <c r="HRF663" s="613"/>
      <c r="HRG663" s="613"/>
      <c r="HRH663" s="613"/>
      <c r="HRI663" s="613"/>
      <c r="HRJ663" s="613"/>
      <c r="HRK663" s="613"/>
      <c r="HRL663" s="613"/>
      <c r="HRM663" s="613"/>
      <c r="HRN663" s="613"/>
      <c r="HRO663" s="613"/>
      <c r="HRP663" s="613"/>
      <c r="HRQ663" s="613"/>
      <c r="HRR663" s="613"/>
      <c r="HRS663" s="613"/>
      <c r="HRT663" s="613"/>
      <c r="HRU663" s="613"/>
      <c r="HRV663" s="613"/>
      <c r="HRW663" s="613"/>
      <c r="HRX663" s="613"/>
      <c r="HRY663" s="613"/>
      <c r="HRZ663" s="613"/>
      <c r="HSA663" s="613"/>
      <c r="HSB663" s="613"/>
      <c r="HSC663" s="613"/>
      <c r="HSD663" s="613"/>
      <c r="HSE663" s="613"/>
      <c r="HSF663" s="613"/>
      <c r="HSG663" s="613"/>
      <c r="HSH663" s="613"/>
      <c r="HSI663" s="613"/>
      <c r="HSJ663" s="613"/>
      <c r="HSK663" s="613"/>
      <c r="HSL663" s="613"/>
      <c r="HSM663" s="613"/>
      <c r="HSN663" s="613"/>
      <c r="HSO663" s="613"/>
      <c r="HSP663" s="613"/>
      <c r="HSQ663" s="613"/>
      <c r="HSR663" s="613"/>
      <c r="HSS663" s="613"/>
      <c r="HST663" s="613"/>
      <c r="HSU663" s="613"/>
      <c r="HSV663" s="613"/>
      <c r="HSW663" s="613"/>
      <c r="HSX663" s="613"/>
      <c r="HSY663" s="613"/>
      <c r="HSZ663" s="613"/>
      <c r="HTA663" s="613"/>
      <c r="HTB663" s="613"/>
      <c r="HTC663" s="613"/>
      <c r="HTD663" s="613"/>
      <c r="HTE663" s="613"/>
      <c r="HTF663" s="613"/>
      <c r="HTG663" s="613"/>
      <c r="HTH663" s="613"/>
      <c r="HTI663" s="613"/>
      <c r="HTJ663" s="613"/>
      <c r="HTK663" s="613"/>
      <c r="HTL663" s="613"/>
      <c r="HTM663" s="613"/>
      <c r="HTN663" s="613"/>
      <c r="HTO663" s="613"/>
      <c r="HTP663" s="613"/>
      <c r="HTQ663" s="613"/>
      <c r="HTR663" s="613"/>
      <c r="HTS663" s="613"/>
      <c r="HTT663" s="613"/>
      <c r="HTU663" s="613"/>
      <c r="HTV663" s="613"/>
      <c r="HTW663" s="613"/>
      <c r="HTX663" s="613"/>
      <c r="HTY663" s="613"/>
      <c r="HTZ663" s="613"/>
      <c r="HUA663" s="613"/>
      <c r="HUB663" s="613"/>
      <c r="HUC663" s="613"/>
      <c r="HUD663" s="613"/>
      <c r="HUE663" s="613"/>
      <c r="HUF663" s="613"/>
      <c r="HUG663" s="613"/>
      <c r="HUH663" s="613"/>
      <c r="HUI663" s="613"/>
      <c r="HUJ663" s="613"/>
      <c r="HUK663" s="613"/>
      <c r="HUL663" s="613"/>
      <c r="HUM663" s="613"/>
      <c r="HUN663" s="613"/>
      <c r="HUO663" s="613"/>
      <c r="HUP663" s="613"/>
      <c r="HUQ663" s="613"/>
      <c r="HUR663" s="613"/>
      <c r="HUS663" s="613"/>
      <c r="HUT663" s="613"/>
      <c r="HUU663" s="613"/>
      <c r="HUV663" s="613"/>
      <c r="HUW663" s="613"/>
      <c r="HUX663" s="613"/>
      <c r="HUY663" s="613"/>
      <c r="HUZ663" s="613"/>
      <c r="HVA663" s="613"/>
      <c r="HVB663" s="613"/>
      <c r="HVC663" s="613"/>
      <c r="HVD663" s="613"/>
      <c r="HVE663" s="613"/>
      <c r="HVF663" s="613"/>
      <c r="HVG663" s="613"/>
      <c r="HVH663" s="613"/>
      <c r="HVI663" s="613"/>
      <c r="HVJ663" s="613"/>
      <c r="HVK663" s="613"/>
      <c r="HVL663" s="613"/>
      <c r="HVM663" s="613"/>
      <c r="HVN663" s="613"/>
      <c r="HVO663" s="613"/>
      <c r="HVP663" s="613"/>
      <c r="HVQ663" s="613"/>
      <c r="HVR663" s="613"/>
      <c r="HVS663" s="613"/>
      <c r="HVT663" s="613"/>
      <c r="HVU663" s="613"/>
      <c r="HVV663" s="613"/>
      <c r="HVW663" s="613"/>
      <c r="HVX663" s="613"/>
      <c r="HVY663" s="613"/>
      <c r="HVZ663" s="613"/>
      <c r="HWA663" s="613"/>
      <c r="HWB663" s="613"/>
      <c r="HWC663" s="613"/>
      <c r="HWD663" s="613"/>
      <c r="HWE663" s="613"/>
      <c r="HWF663" s="613"/>
      <c r="HWG663" s="613"/>
      <c r="HWH663" s="613"/>
      <c r="HWI663" s="613"/>
      <c r="HWJ663" s="613"/>
      <c r="HWK663" s="613"/>
      <c r="HWL663" s="613"/>
      <c r="HWM663" s="613"/>
      <c r="HWN663" s="613"/>
      <c r="HWO663" s="613"/>
      <c r="HWP663" s="613"/>
      <c r="HWQ663" s="613"/>
      <c r="HWR663" s="613"/>
      <c r="HWS663" s="613"/>
      <c r="HWT663" s="613"/>
      <c r="HWU663" s="613"/>
      <c r="HWV663" s="613"/>
      <c r="HWW663" s="613"/>
      <c r="HWX663" s="613"/>
      <c r="HWY663" s="613"/>
      <c r="HWZ663" s="613"/>
      <c r="HXA663" s="613"/>
      <c r="HXB663" s="613"/>
      <c r="HXC663" s="613"/>
      <c r="HXD663" s="613"/>
      <c r="HXE663" s="613"/>
      <c r="HXF663" s="613"/>
      <c r="HXG663" s="613"/>
      <c r="HXH663" s="613"/>
      <c r="HXI663" s="613"/>
      <c r="HXJ663" s="613"/>
      <c r="HXK663" s="613"/>
      <c r="HXL663" s="613"/>
      <c r="HXM663" s="613"/>
      <c r="HXN663" s="613"/>
      <c r="HXO663" s="613"/>
      <c r="HXP663" s="613"/>
      <c r="HXQ663" s="613"/>
      <c r="HXR663" s="613"/>
      <c r="HXS663" s="613"/>
      <c r="HXT663" s="613"/>
      <c r="HXU663" s="613"/>
      <c r="HXV663" s="613"/>
      <c r="HXW663" s="613"/>
      <c r="HXX663" s="613"/>
      <c r="HXY663" s="613"/>
      <c r="HXZ663" s="613"/>
      <c r="HYA663" s="613"/>
      <c r="HYB663" s="613"/>
      <c r="HYC663" s="613"/>
      <c r="HYD663" s="613"/>
      <c r="HYE663" s="613"/>
      <c r="HYF663" s="613"/>
      <c r="HYG663" s="613"/>
      <c r="HYH663" s="613"/>
      <c r="HYI663" s="613"/>
      <c r="HYJ663" s="613"/>
      <c r="HYK663" s="613"/>
      <c r="HYL663" s="613"/>
      <c r="HYM663" s="613"/>
      <c r="HYN663" s="613"/>
      <c r="HYO663" s="613"/>
      <c r="HYP663" s="613"/>
      <c r="HYQ663" s="613"/>
      <c r="HYR663" s="613"/>
      <c r="HYS663" s="613"/>
      <c r="HYT663" s="613"/>
      <c r="HYU663" s="613"/>
      <c r="HYV663" s="613"/>
      <c r="HYW663" s="613"/>
      <c r="HYX663" s="613"/>
      <c r="HYY663" s="613"/>
      <c r="HYZ663" s="613"/>
      <c r="HZA663" s="613"/>
      <c r="HZB663" s="613"/>
      <c r="HZC663" s="613"/>
      <c r="HZD663" s="613"/>
      <c r="HZE663" s="613"/>
      <c r="HZF663" s="613"/>
      <c r="HZG663" s="613"/>
      <c r="HZH663" s="613"/>
      <c r="HZI663" s="613"/>
      <c r="HZJ663" s="613"/>
      <c r="HZK663" s="613"/>
      <c r="HZL663" s="613"/>
      <c r="HZM663" s="613"/>
      <c r="HZN663" s="613"/>
      <c r="HZO663" s="613"/>
      <c r="HZP663" s="613"/>
      <c r="HZQ663" s="613"/>
      <c r="HZR663" s="613"/>
      <c r="HZS663" s="613"/>
      <c r="HZT663" s="613"/>
      <c r="HZU663" s="613"/>
      <c r="HZV663" s="613"/>
      <c r="HZW663" s="613"/>
      <c r="HZX663" s="613"/>
      <c r="HZY663" s="613"/>
      <c r="HZZ663" s="613"/>
      <c r="IAA663" s="613"/>
      <c r="IAB663" s="613"/>
      <c r="IAC663" s="613"/>
      <c r="IAD663" s="613"/>
      <c r="IAE663" s="613"/>
      <c r="IAF663" s="613"/>
      <c r="IAG663" s="613"/>
      <c r="IAH663" s="613"/>
      <c r="IAI663" s="613"/>
      <c r="IAJ663" s="613"/>
      <c r="IAK663" s="613"/>
      <c r="IAL663" s="613"/>
      <c r="IAM663" s="613"/>
      <c r="IAN663" s="613"/>
      <c r="IAO663" s="613"/>
      <c r="IAP663" s="613"/>
      <c r="IAQ663" s="613"/>
      <c r="IAR663" s="613"/>
      <c r="IAS663" s="613"/>
      <c r="IAT663" s="613"/>
      <c r="IAU663" s="613"/>
      <c r="IAV663" s="613"/>
      <c r="IAW663" s="613"/>
      <c r="IAX663" s="613"/>
      <c r="IAY663" s="613"/>
      <c r="IAZ663" s="613"/>
      <c r="IBA663" s="613"/>
      <c r="IBB663" s="613"/>
      <c r="IBC663" s="613"/>
      <c r="IBD663" s="613"/>
      <c r="IBE663" s="613"/>
      <c r="IBF663" s="613"/>
      <c r="IBG663" s="613"/>
      <c r="IBH663" s="613"/>
      <c r="IBI663" s="613"/>
      <c r="IBJ663" s="613"/>
      <c r="IBK663" s="613"/>
      <c r="IBL663" s="613"/>
      <c r="IBM663" s="613"/>
      <c r="IBN663" s="613"/>
      <c r="IBO663" s="613"/>
      <c r="IBP663" s="613"/>
      <c r="IBQ663" s="613"/>
      <c r="IBR663" s="613"/>
      <c r="IBS663" s="613"/>
      <c r="IBT663" s="613"/>
      <c r="IBU663" s="613"/>
      <c r="IBV663" s="613"/>
      <c r="IBW663" s="613"/>
      <c r="IBX663" s="613"/>
      <c r="IBY663" s="613"/>
      <c r="IBZ663" s="613"/>
      <c r="ICA663" s="613"/>
      <c r="ICB663" s="613"/>
      <c r="ICC663" s="613"/>
      <c r="ICD663" s="613"/>
      <c r="ICE663" s="613"/>
      <c r="ICF663" s="613"/>
      <c r="ICG663" s="613"/>
      <c r="ICH663" s="613"/>
      <c r="ICI663" s="613"/>
      <c r="ICJ663" s="613"/>
      <c r="ICK663" s="613"/>
      <c r="ICL663" s="613"/>
      <c r="ICM663" s="613"/>
      <c r="ICN663" s="613"/>
      <c r="ICO663" s="613"/>
      <c r="ICP663" s="613"/>
      <c r="ICQ663" s="613"/>
      <c r="ICR663" s="613"/>
      <c r="ICS663" s="613"/>
      <c r="ICT663" s="613"/>
      <c r="ICU663" s="613"/>
      <c r="ICV663" s="613"/>
      <c r="ICW663" s="613"/>
      <c r="ICX663" s="613"/>
      <c r="ICY663" s="613"/>
      <c r="ICZ663" s="613"/>
      <c r="IDA663" s="613"/>
      <c r="IDB663" s="613"/>
      <c r="IDC663" s="613"/>
      <c r="IDD663" s="613"/>
      <c r="IDE663" s="613"/>
      <c r="IDF663" s="613"/>
      <c r="IDG663" s="613"/>
      <c r="IDH663" s="613"/>
      <c r="IDI663" s="613"/>
      <c r="IDJ663" s="613"/>
      <c r="IDK663" s="613"/>
      <c r="IDL663" s="613"/>
      <c r="IDM663" s="613"/>
      <c r="IDN663" s="613"/>
      <c r="IDO663" s="613"/>
      <c r="IDP663" s="613"/>
      <c r="IDQ663" s="613"/>
      <c r="IDR663" s="613"/>
      <c r="IDS663" s="613"/>
      <c r="IDT663" s="613"/>
      <c r="IDU663" s="613"/>
      <c r="IDV663" s="613"/>
      <c r="IDW663" s="613"/>
      <c r="IDX663" s="613"/>
      <c r="IDY663" s="613"/>
      <c r="IDZ663" s="613"/>
      <c r="IEA663" s="613"/>
      <c r="IEB663" s="613"/>
      <c r="IEC663" s="613"/>
      <c r="IED663" s="613"/>
      <c r="IEE663" s="613"/>
      <c r="IEF663" s="613"/>
      <c r="IEG663" s="613"/>
      <c r="IEH663" s="613"/>
      <c r="IEI663" s="613"/>
      <c r="IEJ663" s="613"/>
      <c r="IEK663" s="613"/>
      <c r="IEL663" s="613"/>
      <c r="IEM663" s="613"/>
      <c r="IEN663" s="613"/>
      <c r="IEO663" s="613"/>
      <c r="IEP663" s="613"/>
      <c r="IEQ663" s="613"/>
      <c r="IER663" s="613"/>
      <c r="IES663" s="613"/>
      <c r="IET663" s="613"/>
      <c r="IEU663" s="613"/>
      <c r="IEV663" s="613"/>
      <c r="IEW663" s="613"/>
      <c r="IEX663" s="613"/>
      <c r="IEY663" s="613"/>
      <c r="IEZ663" s="613"/>
      <c r="IFA663" s="613"/>
      <c r="IFB663" s="613"/>
      <c r="IFC663" s="613"/>
      <c r="IFD663" s="613"/>
      <c r="IFE663" s="613"/>
      <c r="IFF663" s="613"/>
      <c r="IFG663" s="613"/>
      <c r="IFH663" s="613"/>
      <c r="IFI663" s="613"/>
      <c r="IFJ663" s="613"/>
      <c r="IFK663" s="613"/>
      <c r="IFL663" s="613"/>
      <c r="IFM663" s="613"/>
      <c r="IFN663" s="613"/>
      <c r="IFO663" s="613"/>
      <c r="IFP663" s="613"/>
      <c r="IFQ663" s="613"/>
      <c r="IFR663" s="613"/>
      <c r="IFS663" s="613"/>
      <c r="IFT663" s="613"/>
      <c r="IFU663" s="613"/>
      <c r="IFV663" s="613"/>
      <c r="IFW663" s="613"/>
      <c r="IFX663" s="613"/>
      <c r="IFY663" s="613"/>
      <c r="IFZ663" s="613"/>
      <c r="IGA663" s="613"/>
      <c r="IGB663" s="613"/>
      <c r="IGC663" s="613"/>
      <c r="IGD663" s="613"/>
      <c r="IGE663" s="613"/>
      <c r="IGF663" s="613"/>
      <c r="IGG663" s="613"/>
      <c r="IGH663" s="613"/>
      <c r="IGI663" s="613"/>
      <c r="IGJ663" s="613"/>
      <c r="IGK663" s="613"/>
      <c r="IGL663" s="613"/>
      <c r="IGM663" s="613"/>
      <c r="IGN663" s="613"/>
      <c r="IGO663" s="613"/>
      <c r="IGP663" s="613"/>
      <c r="IGQ663" s="613"/>
      <c r="IGR663" s="613"/>
      <c r="IGS663" s="613"/>
      <c r="IGT663" s="613"/>
      <c r="IGU663" s="613"/>
      <c r="IGV663" s="613"/>
      <c r="IGW663" s="613"/>
      <c r="IGX663" s="613"/>
      <c r="IGY663" s="613"/>
      <c r="IGZ663" s="613"/>
      <c r="IHA663" s="613"/>
      <c r="IHB663" s="613"/>
      <c r="IHC663" s="613"/>
      <c r="IHD663" s="613"/>
      <c r="IHE663" s="613"/>
      <c r="IHF663" s="613"/>
      <c r="IHG663" s="613"/>
      <c r="IHH663" s="613"/>
      <c r="IHI663" s="613"/>
      <c r="IHJ663" s="613"/>
      <c r="IHK663" s="613"/>
      <c r="IHL663" s="613"/>
      <c r="IHM663" s="613"/>
      <c r="IHN663" s="613"/>
      <c r="IHO663" s="613"/>
      <c r="IHP663" s="613"/>
      <c r="IHQ663" s="613"/>
      <c r="IHR663" s="613"/>
      <c r="IHS663" s="613"/>
      <c r="IHT663" s="613"/>
      <c r="IHU663" s="613"/>
      <c r="IHV663" s="613"/>
      <c r="IHW663" s="613"/>
      <c r="IHX663" s="613"/>
      <c r="IHY663" s="613"/>
      <c r="IHZ663" s="613"/>
      <c r="IIA663" s="613"/>
      <c r="IIB663" s="613"/>
      <c r="IIC663" s="613"/>
      <c r="IID663" s="613"/>
      <c r="IIE663" s="613"/>
      <c r="IIF663" s="613"/>
      <c r="IIG663" s="613"/>
      <c r="IIH663" s="613"/>
      <c r="III663" s="613"/>
      <c r="IIJ663" s="613"/>
      <c r="IIK663" s="613"/>
      <c r="IIL663" s="613"/>
      <c r="IIM663" s="613"/>
      <c r="IIN663" s="613"/>
      <c r="IIO663" s="613"/>
      <c r="IIP663" s="613"/>
      <c r="IIQ663" s="613"/>
      <c r="IIR663" s="613"/>
      <c r="IIS663" s="613"/>
      <c r="IIT663" s="613"/>
      <c r="IIU663" s="613"/>
      <c r="IIV663" s="613"/>
      <c r="IIW663" s="613"/>
      <c r="IIX663" s="613"/>
      <c r="IIY663" s="613"/>
      <c r="IIZ663" s="613"/>
      <c r="IJA663" s="613"/>
      <c r="IJB663" s="613"/>
      <c r="IJC663" s="613"/>
      <c r="IJD663" s="613"/>
      <c r="IJE663" s="613"/>
      <c r="IJF663" s="613"/>
      <c r="IJG663" s="613"/>
      <c r="IJH663" s="613"/>
      <c r="IJI663" s="613"/>
      <c r="IJJ663" s="613"/>
      <c r="IJK663" s="613"/>
      <c r="IJL663" s="613"/>
      <c r="IJM663" s="613"/>
      <c r="IJN663" s="613"/>
      <c r="IJO663" s="613"/>
      <c r="IJP663" s="613"/>
      <c r="IJQ663" s="613"/>
      <c r="IJR663" s="613"/>
      <c r="IJS663" s="613"/>
      <c r="IJT663" s="613"/>
      <c r="IJU663" s="613"/>
      <c r="IJV663" s="613"/>
      <c r="IJW663" s="613"/>
      <c r="IJX663" s="613"/>
      <c r="IJY663" s="613"/>
      <c r="IJZ663" s="613"/>
      <c r="IKA663" s="613"/>
      <c r="IKB663" s="613"/>
      <c r="IKC663" s="613"/>
      <c r="IKD663" s="613"/>
      <c r="IKE663" s="613"/>
      <c r="IKF663" s="613"/>
      <c r="IKG663" s="613"/>
      <c r="IKH663" s="613"/>
      <c r="IKI663" s="613"/>
      <c r="IKJ663" s="613"/>
      <c r="IKK663" s="613"/>
      <c r="IKL663" s="613"/>
      <c r="IKM663" s="613"/>
      <c r="IKN663" s="613"/>
      <c r="IKO663" s="613"/>
      <c r="IKP663" s="613"/>
      <c r="IKQ663" s="613"/>
      <c r="IKR663" s="613"/>
      <c r="IKS663" s="613"/>
      <c r="IKT663" s="613"/>
      <c r="IKU663" s="613"/>
      <c r="IKV663" s="613"/>
      <c r="IKW663" s="613"/>
      <c r="IKX663" s="613"/>
      <c r="IKY663" s="613"/>
      <c r="IKZ663" s="613"/>
      <c r="ILA663" s="613"/>
      <c r="ILB663" s="613"/>
      <c r="ILC663" s="613"/>
      <c r="ILD663" s="613"/>
      <c r="ILE663" s="613"/>
      <c r="ILF663" s="613"/>
      <c r="ILG663" s="613"/>
      <c r="ILH663" s="613"/>
      <c r="ILI663" s="613"/>
      <c r="ILJ663" s="613"/>
      <c r="ILK663" s="613"/>
      <c r="ILL663" s="613"/>
      <c r="ILM663" s="613"/>
      <c r="ILN663" s="613"/>
      <c r="ILO663" s="613"/>
      <c r="ILP663" s="613"/>
      <c r="ILQ663" s="613"/>
      <c r="ILR663" s="613"/>
      <c r="ILS663" s="613"/>
      <c r="ILT663" s="613"/>
      <c r="ILU663" s="613"/>
      <c r="ILV663" s="613"/>
      <c r="ILW663" s="613"/>
      <c r="ILX663" s="613"/>
      <c r="ILY663" s="613"/>
      <c r="ILZ663" s="613"/>
      <c r="IMA663" s="613"/>
      <c r="IMB663" s="613"/>
      <c r="IMC663" s="613"/>
      <c r="IMD663" s="613"/>
      <c r="IME663" s="613"/>
      <c r="IMF663" s="613"/>
      <c r="IMG663" s="613"/>
      <c r="IMH663" s="613"/>
      <c r="IMI663" s="613"/>
      <c r="IMJ663" s="613"/>
      <c r="IMK663" s="613"/>
      <c r="IML663" s="613"/>
      <c r="IMM663" s="613"/>
      <c r="IMN663" s="613"/>
      <c r="IMO663" s="613"/>
      <c r="IMP663" s="613"/>
      <c r="IMQ663" s="613"/>
      <c r="IMR663" s="613"/>
      <c r="IMS663" s="613"/>
      <c r="IMT663" s="613"/>
      <c r="IMU663" s="613"/>
      <c r="IMV663" s="613"/>
      <c r="IMW663" s="613"/>
      <c r="IMX663" s="613"/>
      <c r="IMY663" s="613"/>
      <c r="IMZ663" s="613"/>
      <c r="INA663" s="613"/>
      <c r="INB663" s="613"/>
      <c r="INC663" s="613"/>
      <c r="IND663" s="613"/>
      <c r="INE663" s="613"/>
      <c r="INF663" s="613"/>
      <c r="ING663" s="613"/>
      <c r="INH663" s="613"/>
      <c r="INI663" s="613"/>
      <c r="INJ663" s="613"/>
      <c r="INK663" s="613"/>
      <c r="INL663" s="613"/>
      <c r="INM663" s="613"/>
      <c r="INN663" s="613"/>
      <c r="INO663" s="613"/>
      <c r="INP663" s="613"/>
      <c r="INQ663" s="613"/>
      <c r="INR663" s="613"/>
      <c r="INS663" s="613"/>
      <c r="INT663" s="613"/>
      <c r="INU663" s="613"/>
      <c r="INV663" s="613"/>
      <c r="INW663" s="613"/>
      <c r="INX663" s="613"/>
      <c r="INY663" s="613"/>
      <c r="INZ663" s="613"/>
      <c r="IOA663" s="613"/>
      <c r="IOB663" s="613"/>
      <c r="IOC663" s="613"/>
      <c r="IOD663" s="613"/>
      <c r="IOE663" s="613"/>
      <c r="IOF663" s="613"/>
      <c r="IOG663" s="613"/>
      <c r="IOH663" s="613"/>
      <c r="IOI663" s="613"/>
      <c r="IOJ663" s="613"/>
      <c r="IOK663" s="613"/>
      <c r="IOL663" s="613"/>
      <c r="IOM663" s="613"/>
      <c r="ION663" s="613"/>
      <c r="IOO663" s="613"/>
      <c r="IOP663" s="613"/>
      <c r="IOQ663" s="613"/>
      <c r="IOR663" s="613"/>
      <c r="IOS663" s="613"/>
      <c r="IOT663" s="613"/>
      <c r="IOU663" s="613"/>
      <c r="IOV663" s="613"/>
      <c r="IOW663" s="613"/>
      <c r="IOX663" s="613"/>
      <c r="IOY663" s="613"/>
      <c r="IOZ663" s="613"/>
      <c r="IPA663" s="613"/>
      <c r="IPB663" s="613"/>
      <c r="IPC663" s="613"/>
      <c r="IPD663" s="613"/>
      <c r="IPE663" s="613"/>
      <c r="IPF663" s="613"/>
      <c r="IPG663" s="613"/>
      <c r="IPH663" s="613"/>
      <c r="IPI663" s="613"/>
      <c r="IPJ663" s="613"/>
      <c r="IPK663" s="613"/>
      <c r="IPL663" s="613"/>
      <c r="IPM663" s="613"/>
      <c r="IPN663" s="613"/>
      <c r="IPO663" s="613"/>
      <c r="IPP663" s="613"/>
      <c r="IPQ663" s="613"/>
      <c r="IPR663" s="613"/>
      <c r="IPS663" s="613"/>
      <c r="IPT663" s="613"/>
      <c r="IPU663" s="613"/>
      <c r="IPV663" s="613"/>
      <c r="IPW663" s="613"/>
      <c r="IPX663" s="613"/>
      <c r="IPY663" s="613"/>
      <c r="IPZ663" s="613"/>
      <c r="IQA663" s="613"/>
      <c r="IQB663" s="613"/>
      <c r="IQC663" s="613"/>
      <c r="IQD663" s="613"/>
      <c r="IQE663" s="613"/>
      <c r="IQF663" s="613"/>
      <c r="IQG663" s="613"/>
      <c r="IQH663" s="613"/>
      <c r="IQI663" s="613"/>
      <c r="IQJ663" s="613"/>
      <c r="IQK663" s="613"/>
      <c r="IQL663" s="613"/>
      <c r="IQM663" s="613"/>
      <c r="IQN663" s="613"/>
      <c r="IQO663" s="613"/>
      <c r="IQP663" s="613"/>
      <c r="IQQ663" s="613"/>
      <c r="IQR663" s="613"/>
      <c r="IQS663" s="613"/>
      <c r="IQT663" s="613"/>
      <c r="IQU663" s="613"/>
      <c r="IQV663" s="613"/>
      <c r="IQW663" s="613"/>
      <c r="IQX663" s="613"/>
      <c r="IQY663" s="613"/>
      <c r="IQZ663" s="613"/>
      <c r="IRA663" s="613"/>
      <c r="IRB663" s="613"/>
      <c r="IRC663" s="613"/>
      <c r="IRD663" s="613"/>
      <c r="IRE663" s="613"/>
      <c r="IRF663" s="613"/>
      <c r="IRG663" s="613"/>
      <c r="IRH663" s="613"/>
      <c r="IRI663" s="613"/>
      <c r="IRJ663" s="613"/>
      <c r="IRK663" s="613"/>
      <c r="IRL663" s="613"/>
      <c r="IRM663" s="613"/>
      <c r="IRN663" s="613"/>
      <c r="IRO663" s="613"/>
      <c r="IRP663" s="613"/>
      <c r="IRQ663" s="613"/>
      <c r="IRR663" s="613"/>
      <c r="IRS663" s="613"/>
      <c r="IRT663" s="613"/>
      <c r="IRU663" s="613"/>
      <c r="IRV663" s="613"/>
      <c r="IRW663" s="613"/>
      <c r="IRX663" s="613"/>
      <c r="IRY663" s="613"/>
      <c r="IRZ663" s="613"/>
      <c r="ISA663" s="613"/>
      <c r="ISB663" s="613"/>
      <c r="ISC663" s="613"/>
      <c r="ISD663" s="613"/>
      <c r="ISE663" s="613"/>
      <c r="ISF663" s="613"/>
      <c r="ISG663" s="613"/>
      <c r="ISH663" s="613"/>
      <c r="ISI663" s="613"/>
      <c r="ISJ663" s="613"/>
      <c r="ISK663" s="613"/>
      <c r="ISL663" s="613"/>
      <c r="ISM663" s="613"/>
      <c r="ISN663" s="613"/>
      <c r="ISO663" s="613"/>
      <c r="ISP663" s="613"/>
      <c r="ISQ663" s="613"/>
      <c r="ISR663" s="613"/>
      <c r="ISS663" s="613"/>
      <c r="IST663" s="613"/>
      <c r="ISU663" s="613"/>
      <c r="ISV663" s="613"/>
      <c r="ISW663" s="613"/>
      <c r="ISX663" s="613"/>
      <c r="ISY663" s="613"/>
      <c r="ISZ663" s="613"/>
      <c r="ITA663" s="613"/>
      <c r="ITB663" s="613"/>
      <c r="ITC663" s="613"/>
      <c r="ITD663" s="613"/>
      <c r="ITE663" s="613"/>
      <c r="ITF663" s="613"/>
      <c r="ITG663" s="613"/>
      <c r="ITH663" s="613"/>
      <c r="ITI663" s="613"/>
      <c r="ITJ663" s="613"/>
      <c r="ITK663" s="613"/>
      <c r="ITL663" s="613"/>
      <c r="ITM663" s="613"/>
      <c r="ITN663" s="613"/>
      <c r="ITO663" s="613"/>
      <c r="ITP663" s="613"/>
      <c r="ITQ663" s="613"/>
      <c r="ITR663" s="613"/>
      <c r="ITS663" s="613"/>
      <c r="ITT663" s="613"/>
      <c r="ITU663" s="613"/>
      <c r="ITV663" s="613"/>
      <c r="ITW663" s="613"/>
      <c r="ITX663" s="613"/>
      <c r="ITY663" s="613"/>
      <c r="ITZ663" s="613"/>
      <c r="IUA663" s="613"/>
      <c r="IUB663" s="613"/>
      <c r="IUC663" s="613"/>
      <c r="IUD663" s="613"/>
      <c r="IUE663" s="613"/>
      <c r="IUF663" s="613"/>
      <c r="IUG663" s="613"/>
      <c r="IUH663" s="613"/>
      <c r="IUI663" s="613"/>
      <c r="IUJ663" s="613"/>
      <c r="IUK663" s="613"/>
      <c r="IUL663" s="613"/>
      <c r="IUM663" s="613"/>
      <c r="IUN663" s="613"/>
      <c r="IUO663" s="613"/>
      <c r="IUP663" s="613"/>
      <c r="IUQ663" s="613"/>
      <c r="IUR663" s="613"/>
      <c r="IUS663" s="613"/>
      <c r="IUT663" s="613"/>
      <c r="IUU663" s="613"/>
      <c r="IUV663" s="613"/>
      <c r="IUW663" s="613"/>
      <c r="IUX663" s="613"/>
      <c r="IUY663" s="613"/>
      <c r="IUZ663" s="613"/>
      <c r="IVA663" s="613"/>
      <c r="IVB663" s="613"/>
      <c r="IVC663" s="613"/>
      <c r="IVD663" s="613"/>
      <c r="IVE663" s="613"/>
      <c r="IVF663" s="613"/>
      <c r="IVG663" s="613"/>
      <c r="IVH663" s="613"/>
      <c r="IVI663" s="613"/>
      <c r="IVJ663" s="613"/>
      <c r="IVK663" s="613"/>
      <c r="IVL663" s="613"/>
      <c r="IVM663" s="613"/>
      <c r="IVN663" s="613"/>
      <c r="IVO663" s="613"/>
      <c r="IVP663" s="613"/>
      <c r="IVQ663" s="613"/>
      <c r="IVR663" s="613"/>
      <c r="IVS663" s="613"/>
      <c r="IVT663" s="613"/>
      <c r="IVU663" s="613"/>
      <c r="IVV663" s="613"/>
      <c r="IVW663" s="613"/>
      <c r="IVX663" s="613"/>
      <c r="IVY663" s="613"/>
      <c r="IVZ663" s="613"/>
      <c r="IWA663" s="613"/>
      <c r="IWB663" s="613"/>
      <c r="IWC663" s="613"/>
      <c r="IWD663" s="613"/>
      <c r="IWE663" s="613"/>
      <c r="IWF663" s="613"/>
      <c r="IWG663" s="613"/>
      <c r="IWH663" s="613"/>
      <c r="IWI663" s="613"/>
      <c r="IWJ663" s="613"/>
      <c r="IWK663" s="613"/>
      <c r="IWL663" s="613"/>
      <c r="IWM663" s="613"/>
      <c r="IWN663" s="613"/>
      <c r="IWO663" s="613"/>
      <c r="IWP663" s="613"/>
      <c r="IWQ663" s="613"/>
      <c r="IWR663" s="613"/>
      <c r="IWS663" s="613"/>
      <c r="IWT663" s="613"/>
      <c r="IWU663" s="613"/>
      <c r="IWV663" s="613"/>
      <c r="IWW663" s="613"/>
      <c r="IWX663" s="613"/>
      <c r="IWY663" s="613"/>
      <c r="IWZ663" s="613"/>
      <c r="IXA663" s="613"/>
      <c r="IXB663" s="613"/>
      <c r="IXC663" s="613"/>
      <c r="IXD663" s="613"/>
      <c r="IXE663" s="613"/>
      <c r="IXF663" s="613"/>
      <c r="IXG663" s="613"/>
      <c r="IXH663" s="613"/>
      <c r="IXI663" s="613"/>
      <c r="IXJ663" s="613"/>
      <c r="IXK663" s="613"/>
      <c r="IXL663" s="613"/>
      <c r="IXM663" s="613"/>
      <c r="IXN663" s="613"/>
      <c r="IXO663" s="613"/>
      <c r="IXP663" s="613"/>
      <c r="IXQ663" s="613"/>
      <c r="IXR663" s="613"/>
      <c r="IXS663" s="613"/>
      <c r="IXT663" s="613"/>
      <c r="IXU663" s="613"/>
      <c r="IXV663" s="613"/>
      <c r="IXW663" s="613"/>
      <c r="IXX663" s="613"/>
      <c r="IXY663" s="613"/>
      <c r="IXZ663" s="613"/>
      <c r="IYA663" s="613"/>
      <c r="IYB663" s="613"/>
      <c r="IYC663" s="613"/>
      <c r="IYD663" s="613"/>
      <c r="IYE663" s="613"/>
      <c r="IYF663" s="613"/>
      <c r="IYG663" s="613"/>
      <c r="IYH663" s="613"/>
      <c r="IYI663" s="613"/>
      <c r="IYJ663" s="613"/>
      <c r="IYK663" s="613"/>
      <c r="IYL663" s="613"/>
      <c r="IYM663" s="613"/>
      <c r="IYN663" s="613"/>
      <c r="IYO663" s="613"/>
      <c r="IYP663" s="613"/>
      <c r="IYQ663" s="613"/>
      <c r="IYR663" s="613"/>
      <c r="IYS663" s="613"/>
      <c r="IYT663" s="613"/>
      <c r="IYU663" s="613"/>
      <c r="IYV663" s="613"/>
      <c r="IYW663" s="613"/>
      <c r="IYX663" s="613"/>
      <c r="IYY663" s="613"/>
      <c r="IYZ663" s="613"/>
      <c r="IZA663" s="613"/>
      <c r="IZB663" s="613"/>
      <c r="IZC663" s="613"/>
      <c r="IZD663" s="613"/>
      <c r="IZE663" s="613"/>
      <c r="IZF663" s="613"/>
      <c r="IZG663" s="613"/>
      <c r="IZH663" s="613"/>
      <c r="IZI663" s="613"/>
      <c r="IZJ663" s="613"/>
      <c r="IZK663" s="613"/>
      <c r="IZL663" s="613"/>
      <c r="IZM663" s="613"/>
      <c r="IZN663" s="613"/>
      <c r="IZO663" s="613"/>
      <c r="IZP663" s="613"/>
      <c r="IZQ663" s="613"/>
      <c r="IZR663" s="613"/>
      <c r="IZS663" s="613"/>
      <c r="IZT663" s="613"/>
      <c r="IZU663" s="613"/>
      <c r="IZV663" s="613"/>
      <c r="IZW663" s="613"/>
      <c r="IZX663" s="613"/>
      <c r="IZY663" s="613"/>
      <c r="IZZ663" s="613"/>
      <c r="JAA663" s="613"/>
      <c r="JAB663" s="613"/>
      <c r="JAC663" s="613"/>
      <c r="JAD663" s="613"/>
      <c r="JAE663" s="613"/>
      <c r="JAF663" s="613"/>
      <c r="JAG663" s="613"/>
      <c r="JAH663" s="613"/>
      <c r="JAI663" s="613"/>
      <c r="JAJ663" s="613"/>
      <c r="JAK663" s="613"/>
      <c r="JAL663" s="613"/>
      <c r="JAM663" s="613"/>
      <c r="JAN663" s="613"/>
      <c r="JAO663" s="613"/>
      <c r="JAP663" s="613"/>
      <c r="JAQ663" s="613"/>
      <c r="JAR663" s="613"/>
      <c r="JAS663" s="613"/>
      <c r="JAT663" s="613"/>
      <c r="JAU663" s="613"/>
      <c r="JAV663" s="613"/>
      <c r="JAW663" s="613"/>
      <c r="JAX663" s="613"/>
      <c r="JAY663" s="613"/>
      <c r="JAZ663" s="613"/>
      <c r="JBA663" s="613"/>
      <c r="JBB663" s="613"/>
      <c r="JBC663" s="613"/>
      <c r="JBD663" s="613"/>
      <c r="JBE663" s="613"/>
      <c r="JBF663" s="613"/>
      <c r="JBG663" s="613"/>
      <c r="JBH663" s="613"/>
      <c r="JBI663" s="613"/>
      <c r="JBJ663" s="613"/>
      <c r="JBK663" s="613"/>
      <c r="JBL663" s="613"/>
      <c r="JBM663" s="613"/>
      <c r="JBN663" s="613"/>
      <c r="JBO663" s="613"/>
      <c r="JBP663" s="613"/>
      <c r="JBQ663" s="613"/>
      <c r="JBR663" s="613"/>
      <c r="JBS663" s="613"/>
      <c r="JBT663" s="613"/>
      <c r="JBU663" s="613"/>
      <c r="JBV663" s="613"/>
      <c r="JBW663" s="613"/>
      <c r="JBX663" s="613"/>
      <c r="JBY663" s="613"/>
      <c r="JBZ663" s="613"/>
      <c r="JCA663" s="613"/>
      <c r="JCB663" s="613"/>
      <c r="JCC663" s="613"/>
      <c r="JCD663" s="613"/>
      <c r="JCE663" s="613"/>
      <c r="JCF663" s="613"/>
      <c r="JCG663" s="613"/>
      <c r="JCH663" s="613"/>
      <c r="JCI663" s="613"/>
      <c r="JCJ663" s="613"/>
      <c r="JCK663" s="613"/>
      <c r="JCL663" s="613"/>
      <c r="JCM663" s="613"/>
      <c r="JCN663" s="613"/>
      <c r="JCO663" s="613"/>
      <c r="JCP663" s="613"/>
      <c r="JCQ663" s="613"/>
      <c r="JCR663" s="613"/>
      <c r="JCS663" s="613"/>
      <c r="JCT663" s="613"/>
      <c r="JCU663" s="613"/>
      <c r="JCV663" s="613"/>
      <c r="JCW663" s="613"/>
      <c r="JCX663" s="613"/>
      <c r="JCY663" s="613"/>
      <c r="JCZ663" s="613"/>
      <c r="JDA663" s="613"/>
      <c r="JDB663" s="613"/>
      <c r="JDC663" s="613"/>
      <c r="JDD663" s="613"/>
      <c r="JDE663" s="613"/>
      <c r="JDF663" s="613"/>
      <c r="JDG663" s="613"/>
      <c r="JDH663" s="613"/>
      <c r="JDI663" s="613"/>
      <c r="JDJ663" s="613"/>
      <c r="JDK663" s="613"/>
      <c r="JDL663" s="613"/>
      <c r="JDM663" s="613"/>
      <c r="JDN663" s="613"/>
      <c r="JDO663" s="613"/>
      <c r="JDP663" s="613"/>
      <c r="JDQ663" s="613"/>
      <c r="JDR663" s="613"/>
      <c r="JDS663" s="613"/>
      <c r="JDT663" s="613"/>
      <c r="JDU663" s="613"/>
      <c r="JDV663" s="613"/>
      <c r="JDW663" s="613"/>
      <c r="JDX663" s="613"/>
      <c r="JDY663" s="613"/>
      <c r="JDZ663" s="613"/>
      <c r="JEA663" s="613"/>
      <c r="JEB663" s="613"/>
      <c r="JEC663" s="613"/>
      <c r="JED663" s="613"/>
      <c r="JEE663" s="613"/>
      <c r="JEF663" s="613"/>
      <c r="JEG663" s="613"/>
      <c r="JEH663" s="613"/>
      <c r="JEI663" s="613"/>
      <c r="JEJ663" s="613"/>
      <c r="JEK663" s="613"/>
      <c r="JEL663" s="613"/>
      <c r="JEM663" s="613"/>
      <c r="JEN663" s="613"/>
      <c r="JEO663" s="613"/>
      <c r="JEP663" s="613"/>
      <c r="JEQ663" s="613"/>
      <c r="JER663" s="613"/>
      <c r="JES663" s="613"/>
      <c r="JET663" s="613"/>
      <c r="JEU663" s="613"/>
      <c r="JEV663" s="613"/>
      <c r="JEW663" s="613"/>
      <c r="JEX663" s="613"/>
      <c r="JEY663" s="613"/>
      <c r="JEZ663" s="613"/>
      <c r="JFA663" s="613"/>
      <c r="JFB663" s="613"/>
      <c r="JFC663" s="613"/>
      <c r="JFD663" s="613"/>
      <c r="JFE663" s="613"/>
      <c r="JFF663" s="613"/>
      <c r="JFG663" s="613"/>
      <c r="JFH663" s="613"/>
      <c r="JFI663" s="613"/>
      <c r="JFJ663" s="613"/>
      <c r="JFK663" s="613"/>
      <c r="JFL663" s="613"/>
      <c r="JFM663" s="613"/>
      <c r="JFN663" s="613"/>
      <c r="JFO663" s="613"/>
      <c r="JFP663" s="613"/>
      <c r="JFQ663" s="613"/>
      <c r="JFR663" s="613"/>
      <c r="JFS663" s="613"/>
      <c r="JFT663" s="613"/>
      <c r="JFU663" s="613"/>
      <c r="JFV663" s="613"/>
      <c r="JFW663" s="613"/>
      <c r="JFX663" s="613"/>
      <c r="JFY663" s="613"/>
      <c r="JFZ663" s="613"/>
      <c r="JGA663" s="613"/>
      <c r="JGB663" s="613"/>
      <c r="JGC663" s="613"/>
      <c r="JGD663" s="613"/>
      <c r="JGE663" s="613"/>
      <c r="JGF663" s="613"/>
      <c r="JGG663" s="613"/>
      <c r="JGH663" s="613"/>
      <c r="JGI663" s="613"/>
      <c r="JGJ663" s="613"/>
      <c r="JGK663" s="613"/>
      <c r="JGL663" s="613"/>
      <c r="JGM663" s="613"/>
      <c r="JGN663" s="613"/>
      <c r="JGO663" s="613"/>
      <c r="JGP663" s="613"/>
      <c r="JGQ663" s="613"/>
      <c r="JGR663" s="613"/>
      <c r="JGS663" s="613"/>
      <c r="JGT663" s="613"/>
      <c r="JGU663" s="613"/>
      <c r="JGV663" s="613"/>
      <c r="JGW663" s="613"/>
      <c r="JGX663" s="613"/>
      <c r="JGY663" s="613"/>
      <c r="JGZ663" s="613"/>
      <c r="JHA663" s="613"/>
      <c r="JHB663" s="613"/>
      <c r="JHC663" s="613"/>
      <c r="JHD663" s="613"/>
      <c r="JHE663" s="613"/>
      <c r="JHF663" s="613"/>
      <c r="JHG663" s="613"/>
      <c r="JHH663" s="613"/>
      <c r="JHI663" s="613"/>
      <c r="JHJ663" s="613"/>
      <c r="JHK663" s="613"/>
      <c r="JHL663" s="613"/>
      <c r="JHM663" s="613"/>
      <c r="JHN663" s="613"/>
      <c r="JHO663" s="613"/>
      <c r="JHP663" s="613"/>
      <c r="JHQ663" s="613"/>
      <c r="JHR663" s="613"/>
      <c r="JHS663" s="613"/>
      <c r="JHT663" s="613"/>
      <c r="JHU663" s="613"/>
      <c r="JHV663" s="613"/>
      <c r="JHW663" s="613"/>
      <c r="JHX663" s="613"/>
      <c r="JHY663" s="613"/>
      <c r="JHZ663" s="613"/>
      <c r="JIA663" s="613"/>
      <c r="JIB663" s="613"/>
      <c r="JIC663" s="613"/>
      <c r="JID663" s="613"/>
      <c r="JIE663" s="613"/>
      <c r="JIF663" s="613"/>
      <c r="JIG663" s="613"/>
      <c r="JIH663" s="613"/>
      <c r="JII663" s="613"/>
      <c r="JIJ663" s="613"/>
      <c r="JIK663" s="613"/>
      <c r="JIL663" s="613"/>
      <c r="JIM663" s="613"/>
      <c r="JIN663" s="613"/>
      <c r="JIO663" s="613"/>
      <c r="JIP663" s="613"/>
      <c r="JIQ663" s="613"/>
      <c r="JIR663" s="613"/>
      <c r="JIS663" s="613"/>
      <c r="JIT663" s="613"/>
      <c r="JIU663" s="613"/>
      <c r="JIV663" s="613"/>
      <c r="JIW663" s="613"/>
      <c r="JIX663" s="613"/>
      <c r="JIY663" s="613"/>
      <c r="JIZ663" s="613"/>
      <c r="JJA663" s="613"/>
      <c r="JJB663" s="613"/>
      <c r="JJC663" s="613"/>
      <c r="JJD663" s="613"/>
      <c r="JJE663" s="613"/>
      <c r="JJF663" s="613"/>
      <c r="JJG663" s="613"/>
      <c r="JJH663" s="613"/>
      <c r="JJI663" s="613"/>
      <c r="JJJ663" s="613"/>
      <c r="JJK663" s="613"/>
      <c r="JJL663" s="613"/>
      <c r="JJM663" s="613"/>
      <c r="JJN663" s="613"/>
      <c r="JJO663" s="613"/>
      <c r="JJP663" s="613"/>
      <c r="JJQ663" s="613"/>
      <c r="JJR663" s="613"/>
      <c r="JJS663" s="613"/>
      <c r="JJT663" s="613"/>
      <c r="JJU663" s="613"/>
      <c r="JJV663" s="613"/>
      <c r="JJW663" s="613"/>
      <c r="JJX663" s="613"/>
      <c r="JJY663" s="613"/>
      <c r="JJZ663" s="613"/>
      <c r="JKA663" s="613"/>
      <c r="JKB663" s="613"/>
      <c r="JKC663" s="613"/>
      <c r="JKD663" s="613"/>
      <c r="JKE663" s="613"/>
      <c r="JKF663" s="613"/>
      <c r="JKG663" s="613"/>
      <c r="JKH663" s="613"/>
      <c r="JKI663" s="613"/>
      <c r="JKJ663" s="613"/>
      <c r="JKK663" s="613"/>
      <c r="JKL663" s="613"/>
      <c r="JKM663" s="613"/>
      <c r="JKN663" s="613"/>
      <c r="JKO663" s="613"/>
      <c r="JKP663" s="613"/>
      <c r="JKQ663" s="613"/>
      <c r="JKR663" s="613"/>
      <c r="JKS663" s="613"/>
      <c r="JKT663" s="613"/>
      <c r="JKU663" s="613"/>
      <c r="JKV663" s="613"/>
      <c r="JKW663" s="613"/>
      <c r="JKX663" s="613"/>
      <c r="JKY663" s="613"/>
      <c r="JKZ663" s="613"/>
      <c r="JLA663" s="613"/>
      <c r="JLB663" s="613"/>
      <c r="JLC663" s="613"/>
      <c r="JLD663" s="613"/>
      <c r="JLE663" s="613"/>
      <c r="JLF663" s="613"/>
      <c r="JLG663" s="613"/>
      <c r="JLH663" s="613"/>
      <c r="JLI663" s="613"/>
      <c r="JLJ663" s="613"/>
      <c r="JLK663" s="613"/>
      <c r="JLL663" s="613"/>
      <c r="JLM663" s="613"/>
      <c r="JLN663" s="613"/>
      <c r="JLO663" s="613"/>
      <c r="JLP663" s="613"/>
      <c r="JLQ663" s="613"/>
      <c r="JLR663" s="613"/>
      <c r="JLS663" s="613"/>
      <c r="JLT663" s="613"/>
      <c r="JLU663" s="613"/>
      <c r="JLV663" s="613"/>
      <c r="JLW663" s="613"/>
      <c r="JLX663" s="613"/>
      <c r="JLY663" s="613"/>
      <c r="JLZ663" s="613"/>
      <c r="JMA663" s="613"/>
      <c r="JMB663" s="613"/>
      <c r="JMC663" s="613"/>
      <c r="JMD663" s="613"/>
      <c r="JME663" s="613"/>
      <c r="JMF663" s="613"/>
      <c r="JMG663" s="613"/>
      <c r="JMH663" s="613"/>
      <c r="JMI663" s="613"/>
      <c r="JMJ663" s="613"/>
      <c r="JMK663" s="613"/>
      <c r="JML663" s="613"/>
      <c r="JMM663" s="613"/>
      <c r="JMN663" s="613"/>
      <c r="JMO663" s="613"/>
      <c r="JMP663" s="613"/>
      <c r="JMQ663" s="613"/>
      <c r="JMR663" s="613"/>
      <c r="JMS663" s="613"/>
      <c r="JMT663" s="613"/>
      <c r="JMU663" s="613"/>
      <c r="JMV663" s="613"/>
      <c r="JMW663" s="613"/>
      <c r="JMX663" s="613"/>
      <c r="JMY663" s="613"/>
      <c r="JMZ663" s="613"/>
      <c r="JNA663" s="613"/>
      <c r="JNB663" s="613"/>
      <c r="JNC663" s="613"/>
      <c r="JND663" s="613"/>
      <c r="JNE663" s="613"/>
      <c r="JNF663" s="613"/>
      <c r="JNG663" s="613"/>
      <c r="JNH663" s="613"/>
      <c r="JNI663" s="613"/>
      <c r="JNJ663" s="613"/>
      <c r="JNK663" s="613"/>
      <c r="JNL663" s="613"/>
      <c r="JNM663" s="613"/>
      <c r="JNN663" s="613"/>
      <c r="JNO663" s="613"/>
      <c r="JNP663" s="613"/>
      <c r="JNQ663" s="613"/>
      <c r="JNR663" s="613"/>
      <c r="JNS663" s="613"/>
      <c r="JNT663" s="613"/>
      <c r="JNU663" s="613"/>
      <c r="JNV663" s="613"/>
      <c r="JNW663" s="613"/>
      <c r="JNX663" s="613"/>
      <c r="JNY663" s="613"/>
      <c r="JNZ663" s="613"/>
      <c r="JOA663" s="613"/>
      <c r="JOB663" s="613"/>
      <c r="JOC663" s="613"/>
      <c r="JOD663" s="613"/>
      <c r="JOE663" s="613"/>
      <c r="JOF663" s="613"/>
      <c r="JOG663" s="613"/>
      <c r="JOH663" s="613"/>
      <c r="JOI663" s="613"/>
      <c r="JOJ663" s="613"/>
      <c r="JOK663" s="613"/>
      <c r="JOL663" s="613"/>
      <c r="JOM663" s="613"/>
      <c r="JON663" s="613"/>
      <c r="JOO663" s="613"/>
      <c r="JOP663" s="613"/>
      <c r="JOQ663" s="613"/>
      <c r="JOR663" s="613"/>
      <c r="JOS663" s="613"/>
      <c r="JOT663" s="613"/>
      <c r="JOU663" s="613"/>
      <c r="JOV663" s="613"/>
      <c r="JOW663" s="613"/>
      <c r="JOX663" s="613"/>
      <c r="JOY663" s="613"/>
      <c r="JOZ663" s="613"/>
      <c r="JPA663" s="613"/>
      <c r="JPB663" s="613"/>
      <c r="JPC663" s="613"/>
      <c r="JPD663" s="613"/>
      <c r="JPE663" s="613"/>
      <c r="JPF663" s="613"/>
      <c r="JPG663" s="613"/>
      <c r="JPH663" s="613"/>
      <c r="JPI663" s="613"/>
      <c r="JPJ663" s="613"/>
      <c r="JPK663" s="613"/>
      <c r="JPL663" s="613"/>
      <c r="JPM663" s="613"/>
      <c r="JPN663" s="613"/>
      <c r="JPO663" s="613"/>
      <c r="JPP663" s="613"/>
      <c r="JPQ663" s="613"/>
      <c r="JPR663" s="613"/>
      <c r="JPS663" s="613"/>
      <c r="JPT663" s="613"/>
      <c r="JPU663" s="613"/>
      <c r="JPV663" s="613"/>
      <c r="JPW663" s="613"/>
      <c r="JPX663" s="613"/>
      <c r="JPY663" s="613"/>
      <c r="JPZ663" s="613"/>
      <c r="JQA663" s="613"/>
      <c r="JQB663" s="613"/>
      <c r="JQC663" s="613"/>
      <c r="JQD663" s="613"/>
      <c r="JQE663" s="613"/>
      <c r="JQF663" s="613"/>
      <c r="JQG663" s="613"/>
      <c r="JQH663" s="613"/>
      <c r="JQI663" s="613"/>
      <c r="JQJ663" s="613"/>
      <c r="JQK663" s="613"/>
      <c r="JQL663" s="613"/>
      <c r="JQM663" s="613"/>
      <c r="JQN663" s="613"/>
      <c r="JQO663" s="613"/>
      <c r="JQP663" s="613"/>
      <c r="JQQ663" s="613"/>
      <c r="JQR663" s="613"/>
      <c r="JQS663" s="613"/>
      <c r="JQT663" s="613"/>
      <c r="JQU663" s="613"/>
      <c r="JQV663" s="613"/>
      <c r="JQW663" s="613"/>
      <c r="JQX663" s="613"/>
      <c r="JQY663" s="613"/>
      <c r="JQZ663" s="613"/>
      <c r="JRA663" s="613"/>
      <c r="JRB663" s="613"/>
      <c r="JRC663" s="613"/>
      <c r="JRD663" s="613"/>
      <c r="JRE663" s="613"/>
      <c r="JRF663" s="613"/>
      <c r="JRG663" s="613"/>
      <c r="JRH663" s="613"/>
      <c r="JRI663" s="613"/>
      <c r="JRJ663" s="613"/>
      <c r="JRK663" s="613"/>
      <c r="JRL663" s="613"/>
      <c r="JRM663" s="613"/>
      <c r="JRN663" s="613"/>
      <c r="JRO663" s="613"/>
      <c r="JRP663" s="613"/>
      <c r="JRQ663" s="613"/>
      <c r="JRR663" s="613"/>
      <c r="JRS663" s="613"/>
      <c r="JRT663" s="613"/>
      <c r="JRU663" s="613"/>
      <c r="JRV663" s="613"/>
      <c r="JRW663" s="613"/>
      <c r="JRX663" s="613"/>
      <c r="JRY663" s="613"/>
      <c r="JRZ663" s="613"/>
      <c r="JSA663" s="613"/>
      <c r="JSB663" s="613"/>
      <c r="JSC663" s="613"/>
      <c r="JSD663" s="613"/>
      <c r="JSE663" s="613"/>
      <c r="JSF663" s="613"/>
      <c r="JSG663" s="613"/>
      <c r="JSH663" s="613"/>
      <c r="JSI663" s="613"/>
      <c r="JSJ663" s="613"/>
      <c r="JSK663" s="613"/>
      <c r="JSL663" s="613"/>
      <c r="JSM663" s="613"/>
      <c r="JSN663" s="613"/>
      <c r="JSO663" s="613"/>
      <c r="JSP663" s="613"/>
      <c r="JSQ663" s="613"/>
      <c r="JSR663" s="613"/>
      <c r="JSS663" s="613"/>
      <c r="JST663" s="613"/>
      <c r="JSU663" s="613"/>
      <c r="JSV663" s="613"/>
      <c r="JSW663" s="613"/>
      <c r="JSX663" s="613"/>
      <c r="JSY663" s="613"/>
      <c r="JSZ663" s="613"/>
      <c r="JTA663" s="613"/>
      <c r="JTB663" s="613"/>
      <c r="JTC663" s="613"/>
      <c r="JTD663" s="613"/>
      <c r="JTE663" s="613"/>
      <c r="JTF663" s="613"/>
      <c r="JTG663" s="613"/>
      <c r="JTH663" s="613"/>
      <c r="JTI663" s="613"/>
      <c r="JTJ663" s="613"/>
      <c r="JTK663" s="613"/>
      <c r="JTL663" s="613"/>
      <c r="JTM663" s="613"/>
      <c r="JTN663" s="613"/>
      <c r="JTO663" s="613"/>
      <c r="JTP663" s="613"/>
      <c r="JTQ663" s="613"/>
      <c r="JTR663" s="613"/>
      <c r="JTS663" s="613"/>
      <c r="JTT663" s="613"/>
      <c r="JTU663" s="613"/>
      <c r="JTV663" s="613"/>
      <c r="JTW663" s="613"/>
      <c r="JTX663" s="613"/>
      <c r="JTY663" s="613"/>
      <c r="JTZ663" s="613"/>
      <c r="JUA663" s="613"/>
      <c r="JUB663" s="613"/>
      <c r="JUC663" s="613"/>
      <c r="JUD663" s="613"/>
      <c r="JUE663" s="613"/>
      <c r="JUF663" s="613"/>
      <c r="JUG663" s="613"/>
      <c r="JUH663" s="613"/>
      <c r="JUI663" s="613"/>
      <c r="JUJ663" s="613"/>
      <c r="JUK663" s="613"/>
      <c r="JUL663" s="613"/>
      <c r="JUM663" s="613"/>
      <c r="JUN663" s="613"/>
      <c r="JUO663" s="613"/>
      <c r="JUP663" s="613"/>
      <c r="JUQ663" s="613"/>
      <c r="JUR663" s="613"/>
      <c r="JUS663" s="613"/>
      <c r="JUT663" s="613"/>
      <c r="JUU663" s="613"/>
      <c r="JUV663" s="613"/>
      <c r="JUW663" s="613"/>
      <c r="JUX663" s="613"/>
      <c r="JUY663" s="613"/>
      <c r="JUZ663" s="613"/>
      <c r="JVA663" s="613"/>
      <c r="JVB663" s="613"/>
      <c r="JVC663" s="613"/>
      <c r="JVD663" s="613"/>
      <c r="JVE663" s="613"/>
      <c r="JVF663" s="613"/>
      <c r="JVG663" s="613"/>
      <c r="JVH663" s="613"/>
      <c r="JVI663" s="613"/>
      <c r="JVJ663" s="613"/>
      <c r="JVK663" s="613"/>
      <c r="JVL663" s="613"/>
      <c r="JVM663" s="613"/>
      <c r="JVN663" s="613"/>
      <c r="JVO663" s="613"/>
      <c r="JVP663" s="613"/>
      <c r="JVQ663" s="613"/>
      <c r="JVR663" s="613"/>
      <c r="JVS663" s="613"/>
      <c r="JVT663" s="613"/>
      <c r="JVU663" s="613"/>
      <c r="JVV663" s="613"/>
      <c r="JVW663" s="613"/>
      <c r="JVX663" s="613"/>
      <c r="JVY663" s="613"/>
      <c r="JVZ663" s="613"/>
      <c r="JWA663" s="613"/>
      <c r="JWB663" s="613"/>
      <c r="JWC663" s="613"/>
      <c r="JWD663" s="613"/>
      <c r="JWE663" s="613"/>
      <c r="JWF663" s="613"/>
      <c r="JWG663" s="613"/>
      <c r="JWH663" s="613"/>
      <c r="JWI663" s="613"/>
      <c r="JWJ663" s="613"/>
      <c r="JWK663" s="613"/>
      <c r="JWL663" s="613"/>
      <c r="JWM663" s="613"/>
      <c r="JWN663" s="613"/>
      <c r="JWO663" s="613"/>
      <c r="JWP663" s="613"/>
      <c r="JWQ663" s="613"/>
      <c r="JWR663" s="613"/>
      <c r="JWS663" s="613"/>
      <c r="JWT663" s="613"/>
      <c r="JWU663" s="613"/>
      <c r="JWV663" s="613"/>
      <c r="JWW663" s="613"/>
      <c r="JWX663" s="613"/>
      <c r="JWY663" s="613"/>
      <c r="JWZ663" s="613"/>
      <c r="JXA663" s="613"/>
      <c r="JXB663" s="613"/>
      <c r="JXC663" s="613"/>
      <c r="JXD663" s="613"/>
      <c r="JXE663" s="613"/>
      <c r="JXF663" s="613"/>
      <c r="JXG663" s="613"/>
      <c r="JXH663" s="613"/>
      <c r="JXI663" s="613"/>
      <c r="JXJ663" s="613"/>
      <c r="JXK663" s="613"/>
      <c r="JXL663" s="613"/>
      <c r="JXM663" s="613"/>
      <c r="JXN663" s="613"/>
      <c r="JXO663" s="613"/>
      <c r="JXP663" s="613"/>
      <c r="JXQ663" s="613"/>
      <c r="JXR663" s="613"/>
      <c r="JXS663" s="613"/>
      <c r="JXT663" s="613"/>
      <c r="JXU663" s="613"/>
      <c r="JXV663" s="613"/>
      <c r="JXW663" s="613"/>
      <c r="JXX663" s="613"/>
      <c r="JXY663" s="613"/>
      <c r="JXZ663" s="613"/>
      <c r="JYA663" s="613"/>
      <c r="JYB663" s="613"/>
      <c r="JYC663" s="613"/>
      <c r="JYD663" s="613"/>
      <c r="JYE663" s="613"/>
      <c r="JYF663" s="613"/>
      <c r="JYG663" s="613"/>
      <c r="JYH663" s="613"/>
      <c r="JYI663" s="613"/>
      <c r="JYJ663" s="613"/>
      <c r="JYK663" s="613"/>
      <c r="JYL663" s="613"/>
      <c r="JYM663" s="613"/>
      <c r="JYN663" s="613"/>
      <c r="JYO663" s="613"/>
      <c r="JYP663" s="613"/>
      <c r="JYQ663" s="613"/>
      <c r="JYR663" s="613"/>
      <c r="JYS663" s="613"/>
      <c r="JYT663" s="613"/>
      <c r="JYU663" s="613"/>
      <c r="JYV663" s="613"/>
      <c r="JYW663" s="613"/>
      <c r="JYX663" s="613"/>
      <c r="JYY663" s="613"/>
      <c r="JYZ663" s="613"/>
      <c r="JZA663" s="613"/>
      <c r="JZB663" s="613"/>
      <c r="JZC663" s="613"/>
      <c r="JZD663" s="613"/>
      <c r="JZE663" s="613"/>
      <c r="JZF663" s="613"/>
      <c r="JZG663" s="613"/>
      <c r="JZH663" s="613"/>
      <c r="JZI663" s="613"/>
      <c r="JZJ663" s="613"/>
      <c r="JZK663" s="613"/>
      <c r="JZL663" s="613"/>
      <c r="JZM663" s="613"/>
      <c r="JZN663" s="613"/>
      <c r="JZO663" s="613"/>
      <c r="JZP663" s="613"/>
      <c r="JZQ663" s="613"/>
      <c r="JZR663" s="613"/>
      <c r="JZS663" s="613"/>
      <c r="JZT663" s="613"/>
      <c r="JZU663" s="613"/>
      <c r="JZV663" s="613"/>
      <c r="JZW663" s="613"/>
      <c r="JZX663" s="613"/>
      <c r="JZY663" s="613"/>
      <c r="JZZ663" s="613"/>
      <c r="KAA663" s="613"/>
      <c r="KAB663" s="613"/>
      <c r="KAC663" s="613"/>
      <c r="KAD663" s="613"/>
      <c r="KAE663" s="613"/>
      <c r="KAF663" s="613"/>
      <c r="KAG663" s="613"/>
      <c r="KAH663" s="613"/>
      <c r="KAI663" s="613"/>
      <c r="KAJ663" s="613"/>
      <c r="KAK663" s="613"/>
      <c r="KAL663" s="613"/>
      <c r="KAM663" s="613"/>
      <c r="KAN663" s="613"/>
      <c r="KAO663" s="613"/>
      <c r="KAP663" s="613"/>
      <c r="KAQ663" s="613"/>
      <c r="KAR663" s="613"/>
      <c r="KAS663" s="613"/>
      <c r="KAT663" s="613"/>
      <c r="KAU663" s="613"/>
      <c r="KAV663" s="613"/>
      <c r="KAW663" s="613"/>
      <c r="KAX663" s="613"/>
      <c r="KAY663" s="613"/>
      <c r="KAZ663" s="613"/>
      <c r="KBA663" s="613"/>
      <c r="KBB663" s="613"/>
      <c r="KBC663" s="613"/>
      <c r="KBD663" s="613"/>
      <c r="KBE663" s="613"/>
      <c r="KBF663" s="613"/>
      <c r="KBG663" s="613"/>
      <c r="KBH663" s="613"/>
      <c r="KBI663" s="613"/>
      <c r="KBJ663" s="613"/>
      <c r="KBK663" s="613"/>
      <c r="KBL663" s="613"/>
      <c r="KBM663" s="613"/>
      <c r="KBN663" s="613"/>
      <c r="KBO663" s="613"/>
      <c r="KBP663" s="613"/>
      <c r="KBQ663" s="613"/>
      <c r="KBR663" s="613"/>
      <c r="KBS663" s="613"/>
      <c r="KBT663" s="613"/>
      <c r="KBU663" s="613"/>
      <c r="KBV663" s="613"/>
      <c r="KBW663" s="613"/>
      <c r="KBX663" s="613"/>
      <c r="KBY663" s="613"/>
      <c r="KBZ663" s="613"/>
      <c r="KCA663" s="613"/>
      <c r="KCB663" s="613"/>
      <c r="KCC663" s="613"/>
      <c r="KCD663" s="613"/>
      <c r="KCE663" s="613"/>
      <c r="KCF663" s="613"/>
      <c r="KCG663" s="613"/>
      <c r="KCH663" s="613"/>
      <c r="KCI663" s="613"/>
      <c r="KCJ663" s="613"/>
      <c r="KCK663" s="613"/>
      <c r="KCL663" s="613"/>
      <c r="KCM663" s="613"/>
      <c r="KCN663" s="613"/>
      <c r="KCO663" s="613"/>
      <c r="KCP663" s="613"/>
      <c r="KCQ663" s="613"/>
      <c r="KCR663" s="613"/>
      <c r="KCS663" s="613"/>
      <c r="KCT663" s="613"/>
      <c r="KCU663" s="613"/>
      <c r="KCV663" s="613"/>
      <c r="KCW663" s="613"/>
      <c r="KCX663" s="613"/>
      <c r="KCY663" s="613"/>
      <c r="KCZ663" s="613"/>
      <c r="KDA663" s="613"/>
      <c r="KDB663" s="613"/>
      <c r="KDC663" s="613"/>
      <c r="KDD663" s="613"/>
      <c r="KDE663" s="613"/>
      <c r="KDF663" s="613"/>
      <c r="KDG663" s="613"/>
      <c r="KDH663" s="613"/>
      <c r="KDI663" s="613"/>
      <c r="KDJ663" s="613"/>
      <c r="KDK663" s="613"/>
      <c r="KDL663" s="613"/>
      <c r="KDM663" s="613"/>
      <c r="KDN663" s="613"/>
      <c r="KDO663" s="613"/>
      <c r="KDP663" s="613"/>
      <c r="KDQ663" s="613"/>
      <c r="KDR663" s="613"/>
      <c r="KDS663" s="613"/>
      <c r="KDT663" s="613"/>
      <c r="KDU663" s="613"/>
      <c r="KDV663" s="613"/>
      <c r="KDW663" s="613"/>
      <c r="KDX663" s="613"/>
      <c r="KDY663" s="613"/>
      <c r="KDZ663" s="613"/>
      <c r="KEA663" s="613"/>
      <c r="KEB663" s="613"/>
      <c r="KEC663" s="613"/>
      <c r="KED663" s="613"/>
      <c r="KEE663" s="613"/>
      <c r="KEF663" s="613"/>
      <c r="KEG663" s="613"/>
      <c r="KEH663" s="613"/>
      <c r="KEI663" s="613"/>
      <c r="KEJ663" s="613"/>
      <c r="KEK663" s="613"/>
      <c r="KEL663" s="613"/>
      <c r="KEM663" s="613"/>
      <c r="KEN663" s="613"/>
      <c r="KEO663" s="613"/>
      <c r="KEP663" s="613"/>
      <c r="KEQ663" s="613"/>
      <c r="KER663" s="613"/>
      <c r="KES663" s="613"/>
      <c r="KET663" s="613"/>
      <c r="KEU663" s="613"/>
      <c r="KEV663" s="613"/>
      <c r="KEW663" s="613"/>
      <c r="KEX663" s="613"/>
      <c r="KEY663" s="613"/>
      <c r="KEZ663" s="613"/>
      <c r="KFA663" s="613"/>
      <c r="KFB663" s="613"/>
      <c r="KFC663" s="613"/>
      <c r="KFD663" s="613"/>
      <c r="KFE663" s="613"/>
      <c r="KFF663" s="613"/>
      <c r="KFG663" s="613"/>
      <c r="KFH663" s="613"/>
      <c r="KFI663" s="613"/>
      <c r="KFJ663" s="613"/>
      <c r="KFK663" s="613"/>
      <c r="KFL663" s="613"/>
      <c r="KFM663" s="613"/>
      <c r="KFN663" s="613"/>
      <c r="KFO663" s="613"/>
      <c r="KFP663" s="613"/>
      <c r="KFQ663" s="613"/>
      <c r="KFR663" s="613"/>
      <c r="KFS663" s="613"/>
      <c r="KFT663" s="613"/>
      <c r="KFU663" s="613"/>
      <c r="KFV663" s="613"/>
      <c r="KFW663" s="613"/>
      <c r="KFX663" s="613"/>
      <c r="KFY663" s="613"/>
      <c r="KFZ663" s="613"/>
      <c r="KGA663" s="613"/>
      <c r="KGB663" s="613"/>
      <c r="KGC663" s="613"/>
      <c r="KGD663" s="613"/>
      <c r="KGE663" s="613"/>
      <c r="KGF663" s="613"/>
      <c r="KGG663" s="613"/>
      <c r="KGH663" s="613"/>
      <c r="KGI663" s="613"/>
      <c r="KGJ663" s="613"/>
      <c r="KGK663" s="613"/>
      <c r="KGL663" s="613"/>
      <c r="KGM663" s="613"/>
      <c r="KGN663" s="613"/>
      <c r="KGO663" s="613"/>
      <c r="KGP663" s="613"/>
      <c r="KGQ663" s="613"/>
      <c r="KGR663" s="613"/>
      <c r="KGS663" s="613"/>
      <c r="KGT663" s="613"/>
      <c r="KGU663" s="613"/>
      <c r="KGV663" s="613"/>
      <c r="KGW663" s="613"/>
      <c r="KGX663" s="613"/>
      <c r="KGY663" s="613"/>
      <c r="KGZ663" s="613"/>
      <c r="KHA663" s="613"/>
      <c r="KHB663" s="613"/>
      <c r="KHC663" s="613"/>
      <c r="KHD663" s="613"/>
      <c r="KHE663" s="613"/>
      <c r="KHF663" s="613"/>
      <c r="KHG663" s="613"/>
      <c r="KHH663" s="613"/>
      <c r="KHI663" s="613"/>
      <c r="KHJ663" s="613"/>
      <c r="KHK663" s="613"/>
      <c r="KHL663" s="613"/>
      <c r="KHM663" s="613"/>
      <c r="KHN663" s="613"/>
      <c r="KHO663" s="613"/>
      <c r="KHP663" s="613"/>
      <c r="KHQ663" s="613"/>
      <c r="KHR663" s="613"/>
      <c r="KHS663" s="613"/>
      <c r="KHT663" s="613"/>
      <c r="KHU663" s="613"/>
      <c r="KHV663" s="613"/>
      <c r="KHW663" s="613"/>
      <c r="KHX663" s="613"/>
      <c r="KHY663" s="613"/>
      <c r="KHZ663" s="613"/>
      <c r="KIA663" s="613"/>
      <c r="KIB663" s="613"/>
      <c r="KIC663" s="613"/>
      <c r="KID663" s="613"/>
      <c r="KIE663" s="613"/>
      <c r="KIF663" s="613"/>
      <c r="KIG663" s="613"/>
      <c r="KIH663" s="613"/>
      <c r="KII663" s="613"/>
      <c r="KIJ663" s="613"/>
      <c r="KIK663" s="613"/>
      <c r="KIL663" s="613"/>
      <c r="KIM663" s="613"/>
      <c r="KIN663" s="613"/>
      <c r="KIO663" s="613"/>
      <c r="KIP663" s="613"/>
      <c r="KIQ663" s="613"/>
      <c r="KIR663" s="613"/>
      <c r="KIS663" s="613"/>
      <c r="KIT663" s="613"/>
      <c r="KIU663" s="613"/>
      <c r="KIV663" s="613"/>
      <c r="KIW663" s="613"/>
      <c r="KIX663" s="613"/>
      <c r="KIY663" s="613"/>
      <c r="KIZ663" s="613"/>
      <c r="KJA663" s="613"/>
      <c r="KJB663" s="613"/>
      <c r="KJC663" s="613"/>
      <c r="KJD663" s="613"/>
      <c r="KJE663" s="613"/>
      <c r="KJF663" s="613"/>
      <c r="KJG663" s="613"/>
      <c r="KJH663" s="613"/>
      <c r="KJI663" s="613"/>
      <c r="KJJ663" s="613"/>
      <c r="KJK663" s="613"/>
      <c r="KJL663" s="613"/>
      <c r="KJM663" s="613"/>
      <c r="KJN663" s="613"/>
      <c r="KJO663" s="613"/>
      <c r="KJP663" s="613"/>
      <c r="KJQ663" s="613"/>
      <c r="KJR663" s="613"/>
      <c r="KJS663" s="613"/>
      <c r="KJT663" s="613"/>
      <c r="KJU663" s="613"/>
      <c r="KJV663" s="613"/>
      <c r="KJW663" s="613"/>
      <c r="KJX663" s="613"/>
      <c r="KJY663" s="613"/>
      <c r="KJZ663" s="613"/>
      <c r="KKA663" s="613"/>
      <c r="KKB663" s="613"/>
      <c r="KKC663" s="613"/>
      <c r="KKD663" s="613"/>
      <c r="KKE663" s="613"/>
      <c r="KKF663" s="613"/>
      <c r="KKG663" s="613"/>
      <c r="KKH663" s="613"/>
      <c r="KKI663" s="613"/>
      <c r="KKJ663" s="613"/>
      <c r="KKK663" s="613"/>
      <c r="KKL663" s="613"/>
      <c r="KKM663" s="613"/>
      <c r="KKN663" s="613"/>
      <c r="KKO663" s="613"/>
      <c r="KKP663" s="613"/>
      <c r="KKQ663" s="613"/>
      <c r="KKR663" s="613"/>
      <c r="KKS663" s="613"/>
      <c r="KKT663" s="613"/>
      <c r="KKU663" s="613"/>
      <c r="KKV663" s="613"/>
      <c r="KKW663" s="613"/>
      <c r="KKX663" s="613"/>
      <c r="KKY663" s="613"/>
      <c r="KKZ663" s="613"/>
      <c r="KLA663" s="613"/>
      <c r="KLB663" s="613"/>
      <c r="KLC663" s="613"/>
      <c r="KLD663" s="613"/>
      <c r="KLE663" s="613"/>
      <c r="KLF663" s="613"/>
      <c r="KLG663" s="613"/>
      <c r="KLH663" s="613"/>
      <c r="KLI663" s="613"/>
      <c r="KLJ663" s="613"/>
      <c r="KLK663" s="613"/>
      <c r="KLL663" s="613"/>
      <c r="KLM663" s="613"/>
      <c r="KLN663" s="613"/>
      <c r="KLO663" s="613"/>
      <c r="KLP663" s="613"/>
      <c r="KLQ663" s="613"/>
      <c r="KLR663" s="613"/>
      <c r="KLS663" s="613"/>
      <c r="KLT663" s="613"/>
      <c r="KLU663" s="613"/>
      <c r="KLV663" s="613"/>
      <c r="KLW663" s="613"/>
      <c r="KLX663" s="613"/>
      <c r="KLY663" s="613"/>
      <c r="KLZ663" s="613"/>
      <c r="KMA663" s="613"/>
      <c r="KMB663" s="613"/>
      <c r="KMC663" s="613"/>
      <c r="KMD663" s="613"/>
      <c r="KME663" s="613"/>
      <c r="KMF663" s="613"/>
      <c r="KMG663" s="613"/>
      <c r="KMH663" s="613"/>
      <c r="KMI663" s="613"/>
      <c r="KMJ663" s="613"/>
      <c r="KMK663" s="613"/>
      <c r="KML663" s="613"/>
      <c r="KMM663" s="613"/>
      <c r="KMN663" s="613"/>
      <c r="KMO663" s="613"/>
      <c r="KMP663" s="613"/>
      <c r="KMQ663" s="613"/>
      <c r="KMR663" s="613"/>
      <c r="KMS663" s="613"/>
      <c r="KMT663" s="613"/>
      <c r="KMU663" s="613"/>
      <c r="KMV663" s="613"/>
      <c r="KMW663" s="613"/>
      <c r="KMX663" s="613"/>
      <c r="KMY663" s="613"/>
      <c r="KMZ663" s="613"/>
      <c r="KNA663" s="613"/>
      <c r="KNB663" s="613"/>
      <c r="KNC663" s="613"/>
      <c r="KND663" s="613"/>
      <c r="KNE663" s="613"/>
      <c r="KNF663" s="613"/>
      <c r="KNG663" s="613"/>
      <c r="KNH663" s="613"/>
      <c r="KNI663" s="613"/>
      <c r="KNJ663" s="613"/>
      <c r="KNK663" s="613"/>
      <c r="KNL663" s="613"/>
      <c r="KNM663" s="613"/>
      <c r="KNN663" s="613"/>
      <c r="KNO663" s="613"/>
      <c r="KNP663" s="613"/>
      <c r="KNQ663" s="613"/>
      <c r="KNR663" s="613"/>
      <c r="KNS663" s="613"/>
      <c r="KNT663" s="613"/>
      <c r="KNU663" s="613"/>
      <c r="KNV663" s="613"/>
      <c r="KNW663" s="613"/>
      <c r="KNX663" s="613"/>
      <c r="KNY663" s="613"/>
      <c r="KNZ663" s="613"/>
      <c r="KOA663" s="613"/>
      <c r="KOB663" s="613"/>
      <c r="KOC663" s="613"/>
      <c r="KOD663" s="613"/>
      <c r="KOE663" s="613"/>
      <c r="KOF663" s="613"/>
      <c r="KOG663" s="613"/>
      <c r="KOH663" s="613"/>
      <c r="KOI663" s="613"/>
      <c r="KOJ663" s="613"/>
      <c r="KOK663" s="613"/>
      <c r="KOL663" s="613"/>
      <c r="KOM663" s="613"/>
      <c r="KON663" s="613"/>
      <c r="KOO663" s="613"/>
      <c r="KOP663" s="613"/>
      <c r="KOQ663" s="613"/>
      <c r="KOR663" s="613"/>
      <c r="KOS663" s="613"/>
      <c r="KOT663" s="613"/>
      <c r="KOU663" s="613"/>
      <c r="KOV663" s="613"/>
      <c r="KOW663" s="613"/>
      <c r="KOX663" s="613"/>
      <c r="KOY663" s="613"/>
      <c r="KOZ663" s="613"/>
      <c r="KPA663" s="613"/>
      <c r="KPB663" s="613"/>
      <c r="KPC663" s="613"/>
      <c r="KPD663" s="613"/>
      <c r="KPE663" s="613"/>
      <c r="KPF663" s="613"/>
      <c r="KPG663" s="613"/>
      <c r="KPH663" s="613"/>
      <c r="KPI663" s="613"/>
      <c r="KPJ663" s="613"/>
      <c r="KPK663" s="613"/>
      <c r="KPL663" s="613"/>
      <c r="KPM663" s="613"/>
      <c r="KPN663" s="613"/>
      <c r="KPO663" s="613"/>
      <c r="KPP663" s="613"/>
      <c r="KPQ663" s="613"/>
      <c r="KPR663" s="613"/>
      <c r="KPS663" s="613"/>
      <c r="KPT663" s="613"/>
      <c r="KPU663" s="613"/>
      <c r="KPV663" s="613"/>
      <c r="KPW663" s="613"/>
      <c r="KPX663" s="613"/>
      <c r="KPY663" s="613"/>
      <c r="KPZ663" s="613"/>
      <c r="KQA663" s="613"/>
      <c r="KQB663" s="613"/>
      <c r="KQC663" s="613"/>
      <c r="KQD663" s="613"/>
      <c r="KQE663" s="613"/>
      <c r="KQF663" s="613"/>
      <c r="KQG663" s="613"/>
      <c r="KQH663" s="613"/>
      <c r="KQI663" s="613"/>
      <c r="KQJ663" s="613"/>
      <c r="KQK663" s="613"/>
      <c r="KQL663" s="613"/>
      <c r="KQM663" s="613"/>
      <c r="KQN663" s="613"/>
      <c r="KQO663" s="613"/>
      <c r="KQP663" s="613"/>
      <c r="KQQ663" s="613"/>
      <c r="KQR663" s="613"/>
      <c r="KQS663" s="613"/>
      <c r="KQT663" s="613"/>
      <c r="KQU663" s="613"/>
      <c r="KQV663" s="613"/>
      <c r="KQW663" s="613"/>
      <c r="KQX663" s="613"/>
      <c r="KQY663" s="613"/>
      <c r="KQZ663" s="613"/>
      <c r="KRA663" s="613"/>
      <c r="KRB663" s="613"/>
      <c r="KRC663" s="613"/>
      <c r="KRD663" s="613"/>
      <c r="KRE663" s="613"/>
      <c r="KRF663" s="613"/>
      <c r="KRG663" s="613"/>
      <c r="KRH663" s="613"/>
      <c r="KRI663" s="613"/>
      <c r="KRJ663" s="613"/>
      <c r="KRK663" s="613"/>
      <c r="KRL663" s="613"/>
      <c r="KRM663" s="613"/>
      <c r="KRN663" s="613"/>
      <c r="KRO663" s="613"/>
      <c r="KRP663" s="613"/>
      <c r="KRQ663" s="613"/>
      <c r="KRR663" s="613"/>
      <c r="KRS663" s="613"/>
      <c r="KRT663" s="613"/>
      <c r="KRU663" s="613"/>
      <c r="KRV663" s="613"/>
      <c r="KRW663" s="613"/>
      <c r="KRX663" s="613"/>
      <c r="KRY663" s="613"/>
      <c r="KRZ663" s="613"/>
      <c r="KSA663" s="613"/>
      <c r="KSB663" s="613"/>
      <c r="KSC663" s="613"/>
      <c r="KSD663" s="613"/>
      <c r="KSE663" s="613"/>
      <c r="KSF663" s="613"/>
      <c r="KSG663" s="613"/>
      <c r="KSH663" s="613"/>
      <c r="KSI663" s="613"/>
      <c r="KSJ663" s="613"/>
      <c r="KSK663" s="613"/>
      <c r="KSL663" s="613"/>
      <c r="KSM663" s="613"/>
      <c r="KSN663" s="613"/>
      <c r="KSO663" s="613"/>
      <c r="KSP663" s="613"/>
      <c r="KSQ663" s="613"/>
      <c r="KSR663" s="613"/>
      <c r="KSS663" s="613"/>
      <c r="KST663" s="613"/>
      <c r="KSU663" s="613"/>
      <c r="KSV663" s="613"/>
      <c r="KSW663" s="613"/>
      <c r="KSX663" s="613"/>
      <c r="KSY663" s="613"/>
      <c r="KSZ663" s="613"/>
      <c r="KTA663" s="613"/>
      <c r="KTB663" s="613"/>
      <c r="KTC663" s="613"/>
      <c r="KTD663" s="613"/>
      <c r="KTE663" s="613"/>
      <c r="KTF663" s="613"/>
      <c r="KTG663" s="613"/>
      <c r="KTH663" s="613"/>
      <c r="KTI663" s="613"/>
      <c r="KTJ663" s="613"/>
      <c r="KTK663" s="613"/>
      <c r="KTL663" s="613"/>
      <c r="KTM663" s="613"/>
      <c r="KTN663" s="613"/>
      <c r="KTO663" s="613"/>
      <c r="KTP663" s="613"/>
      <c r="KTQ663" s="613"/>
      <c r="KTR663" s="613"/>
      <c r="KTS663" s="613"/>
      <c r="KTT663" s="613"/>
      <c r="KTU663" s="613"/>
      <c r="KTV663" s="613"/>
      <c r="KTW663" s="613"/>
      <c r="KTX663" s="613"/>
      <c r="KTY663" s="613"/>
      <c r="KTZ663" s="613"/>
      <c r="KUA663" s="613"/>
      <c r="KUB663" s="613"/>
      <c r="KUC663" s="613"/>
      <c r="KUD663" s="613"/>
      <c r="KUE663" s="613"/>
      <c r="KUF663" s="613"/>
      <c r="KUG663" s="613"/>
      <c r="KUH663" s="613"/>
      <c r="KUI663" s="613"/>
      <c r="KUJ663" s="613"/>
      <c r="KUK663" s="613"/>
      <c r="KUL663" s="613"/>
      <c r="KUM663" s="613"/>
      <c r="KUN663" s="613"/>
      <c r="KUO663" s="613"/>
      <c r="KUP663" s="613"/>
      <c r="KUQ663" s="613"/>
      <c r="KUR663" s="613"/>
      <c r="KUS663" s="613"/>
      <c r="KUT663" s="613"/>
      <c r="KUU663" s="613"/>
      <c r="KUV663" s="613"/>
      <c r="KUW663" s="613"/>
      <c r="KUX663" s="613"/>
      <c r="KUY663" s="613"/>
      <c r="KUZ663" s="613"/>
      <c r="KVA663" s="613"/>
      <c r="KVB663" s="613"/>
      <c r="KVC663" s="613"/>
      <c r="KVD663" s="613"/>
      <c r="KVE663" s="613"/>
      <c r="KVF663" s="613"/>
      <c r="KVG663" s="613"/>
      <c r="KVH663" s="613"/>
      <c r="KVI663" s="613"/>
      <c r="KVJ663" s="613"/>
      <c r="KVK663" s="613"/>
      <c r="KVL663" s="613"/>
      <c r="KVM663" s="613"/>
      <c r="KVN663" s="613"/>
      <c r="KVO663" s="613"/>
      <c r="KVP663" s="613"/>
      <c r="KVQ663" s="613"/>
      <c r="KVR663" s="613"/>
      <c r="KVS663" s="613"/>
      <c r="KVT663" s="613"/>
      <c r="KVU663" s="613"/>
      <c r="KVV663" s="613"/>
      <c r="KVW663" s="613"/>
      <c r="KVX663" s="613"/>
      <c r="KVY663" s="613"/>
      <c r="KVZ663" s="613"/>
      <c r="KWA663" s="613"/>
      <c r="KWB663" s="613"/>
      <c r="KWC663" s="613"/>
      <c r="KWD663" s="613"/>
      <c r="KWE663" s="613"/>
      <c r="KWF663" s="613"/>
      <c r="KWG663" s="613"/>
      <c r="KWH663" s="613"/>
      <c r="KWI663" s="613"/>
      <c r="KWJ663" s="613"/>
      <c r="KWK663" s="613"/>
      <c r="KWL663" s="613"/>
      <c r="KWM663" s="613"/>
      <c r="KWN663" s="613"/>
      <c r="KWO663" s="613"/>
      <c r="KWP663" s="613"/>
      <c r="KWQ663" s="613"/>
      <c r="KWR663" s="613"/>
      <c r="KWS663" s="613"/>
      <c r="KWT663" s="613"/>
      <c r="KWU663" s="613"/>
      <c r="KWV663" s="613"/>
      <c r="KWW663" s="613"/>
      <c r="KWX663" s="613"/>
      <c r="KWY663" s="613"/>
      <c r="KWZ663" s="613"/>
      <c r="KXA663" s="613"/>
      <c r="KXB663" s="613"/>
      <c r="KXC663" s="613"/>
      <c r="KXD663" s="613"/>
      <c r="KXE663" s="613"/>
      <c r="KXF663" s="613"/>
      <c r="KXG663" s="613"/>
      <c r="KXH663" s="613"/>
      <c r="KXI663" s="613"/>
      <c r="KXJ663" s="613"/>
      <c r="KXK663" s="613"/>
      <c r="KXL663" s="613"/>
      <c r="KXM663" s="613"/>
      <c r="KXN663" s="613"/>
      <c r="KXO663" s="613"/>
      <c r="KXP663" s="613"/>
      <c r="KXQ663" s="613"/>
      <c r="KXR663" s="613"/>
      <c r="KXS663" s="613"/>
      <c r="KXT663" s="613"/>
      <c r="KXU663" s="613"/>
      <c r="KXV663" s="613"/>
      <c r="KXW663" s="613"/>
      <c r="KXX663" s="613"/>
      <c r="KXY663" s="613"/>
      <c r="KXZ663" s="613"/>
      <c r="KYA663" s="613"/>
      <c r="KYB663" s="613"/>
      <c r="KYC663" s="613"/>
      <c r="KYD663" s="613"/>
      <c r="KYE663" s="613"/>
      <c r="KYF663" s="613"/>
      <c r="KYG663" s="613"/>
      <c r="KYH663" s="613"/>
      <c r="KYI663" s="613"/>
      <c r="KYJ663" s="613"/>
      <c r="KYK663" s="613"/>
      <c r="KYL663" s="613"/>
      <c r="KYM663" s="613"/>
      <c r="KYN663" s="613"/>
      <c r="KYO663" s="613"/>
      <c r="KYP663" s="613"/>
      <c r="KYQ663" s="613"/>
      <c r="KYR663" s="613"/>
      <c r="KYS663" s="613"/>
      <c r="KYT663" s="613"/>
      <c r="KYU663" s="613"/>
      <c r="KYV663" s="613"/>
      <c r="KYW663" s="613"/>
      <c r="KYX663" s="613"/>
      <c r="KYY663" s="613"/>
      <c r="KYZ663" s="613"/>
      <c r="KZA663" s="613"/>
      <c r="KZB663" s="613"/>
      <c r="KZC663" s="613"/>
      <c r="KZD663" s="613"/>
      <c r="KZE663" s="613"/>
      <c r="KZF663" s="613"/>
      <c r="KZG663" s="613"/>
      <c r="KZH663" s="613"/>
      <c r="KZI663" s="613"/>
      <c r="KZJ663" s="613"/>
      <c r="KZK663" s="613"/>
      <c r="KZL663" s="613"/>
      <c r="KZM663" s="613"/>
      <c r="KZN663" s="613"/>
      <c r="KZO663" s="613"/>
      <c r="KZP663" s="613"/>
      <c r="KZQ663" s="613"/>
      <c r="KZR663" s="613"/>
      <c r="KZS663" s="613"/>
      <c r="KZT663" s="613"/>
      <c r="KZU663" s="613"/>
      <c r="KZV663" s="613"/>
      <c r="KZW663" s="613"/>
      <c r="KZX663" s="613"/>
      <c r="KZY663" s="613"/>
      <c r="KZZ663" s="613"/>
      <c r="LAA663" s="613"/>
      <c r="LAB663" s="613"/>
      <c r="LAC663" s="613"/>
      <c r="LAD663" s="613"/>
      <c r="LAE663" s="613"/>
      <c r="LAF663" s="613"/>
      <c r="LAG663" s="613"/>
      <c r="LAH663" s="613"/>
      <c r="LAI663" s="613"/>
      <c r="LAJ663" s="613"/>
      <c r="LAK663" s="613"/>
      <c r="LAL663" s="613"/>
      <c r="LAM663" s="613"/>
      <c r="LAN663" s="613"/>
      <c r="LAO663" s="613"/>
      <c r="LAP663" s="613"/>
      <c r="LAQ663" s="613"/>
      <c r="LAR663" s="613"/>
      <c r="LAS663" s="613"/>
      <c r="LAT663" s="613"/>
      <c r="LAU663" s="613"/>
      <c r="LAV663" s="613"/>
      <c r="LAW663" s="613"/>
      <c r="LAX663" s="613"/>
      <c r="LAY663" s="613"/>
      <c r="LAZ663" s="613"/>
      <c r="LBA663" s="613"/>
      <c r="LBB663" s="613"/>
      <c r="LBC663" s="613"/>
      <c r="LBD663" s="613"/>
      <c r="LBE663" s="613"/>
      <c r="LBF663" s="613"/>
      <c r="LBG663" s="613"/>
      <c r="LBH663" s="613"/>
      <c r="LBI663" s="613"/>
      <c r="LBJ663" s="613"/>
      <c r="LBK663" s="613"/>
      <c r="LBL663" s="613"/>
      <c r="LBM663" s="613"/>
      <c r="LBN663" s="613"/>
      <c r="LBO663" s="613"/>
      <c r="LBP663" s="613"/>
      <c r="LBQ663" s="613"/>
      <c r="LBR663" s="613"/>
      <c r="LBS663" s="613"/>
      <c r="LBT663" s="613"/>
      <c r="LBU663" s="613"/>
      <c r="LBV663" s="613"/>
      <c r="LBW663" s="613"/>
      <c r="LBX663" s="613"/>
      <c r="LBY663" s="613"/>
      <c r="LBZ663" s="613"/>
      <c r="LCA663" s="613"/>
      <c r="LCB663" s="613"/>
      <c r="LCC663" s="613"/>
      <c r="LCD663" s="613"/>
      <c r="LCE663" s="613"/>
      <c r="LCF663" s="613"/>
      <c r="LCG663" s="613"/>
      <c r="LCH663" s="613"/>
      <c r="LCI663" s="613"/>
      <c r="LCJ663" s="613"/>
      <c r="LCK663" s="613"/>
      <c r="LCL663" s="613"/>
      <c r="LCM663" s="613"/>
      <c r="LCN663" s="613"/>
      <c r="LCO663" s="613"/>
      <c r="LCP663" s="613"/>
      <c r="LCQ663" s="613"/>
      <c r="LCR663" s="613"/>
      <c r="LCS663" s="613"/>
      <c r="LCT663" s="613"/>
      <c r="LCU663" s="613"/>
      <c r="LCV663" s="613"/>
      <c r="LCW663" s="613"/>
      <c r="LCX663" s="613"/>
      <c r="LCY663" s="613"/>
      <c r="LCZ663" s="613"/>
      <c r="LDA663" s="613"/>
      <c r="LDB663" s="613"/>
      <c r="LDC663" s="613"/>
      <c r="LDD663" s="613"/>
      <c r="LDE663" s="613"/>
      <c r="LDF663" s="613"/>
      <c r="LDG663" s="613"/>
      <c r="LDH663" s="613"/>
      <c r="LDI663" s="613"/>
      <c r="LDJ663" s="613"/>
      <c r="LDK663" s="613"/>
      <c r="LDL663" s="613"/>
      <c r="LDM663" s="613"/>
      <c r="LDN663" s="613"/>
      <c r="LDO663" s="613"/>
      <c r="LDP663" s="613"/>
      <c r="LDQ663" s="613"/>
      <c r="LDR663" s="613"/>
      <c r="LDS663" s="613"/>
      <c r="LDT663" s="613"/>
      <c r="LDU663" s="613"/>
      <c r="LDV663" s="613"/>
      <c r="LDW663" s="613"/>
      <c r="LDX663" s="613"/>
      <c r="LDY663" s="613"/>
      <c r="LDZ663" s="613"/>
      <c r="LEA663" s="613"/>
      <c r="LEB663" s="613"/>
      <c r="LEC663" s="613"/>
      <c r="LED663" s="613"/>
      <c r="LEE663" s="613"/>
      <c r="LEF663" s="613"/>
      <c r="LEG663" s="613"/>
      <c r="LEH663" s="613"/>
      <c r="LEI663" s="613"/>
      <c r="LEJ663" s="613"/>
      <c r="LEK663" s="613"/>
      <c r="LEL663" s="613"/>
      <c r="LEM663" s="613"/>
      <c r="LEN663" s="613"/>
      <c r="LEO663" s="613"/>
      <c r="LEP663" s="613"/>
      <c r="LEQ663" s="613"/>
      <c r="LER663" s="613"/>
      <c r="LES663" s="613"/>
      <c r="LET663" s="613"/>
      <c r="LEU663" s="613"/>
      <c r="LEV663" s="613"/>
      <c r="LEW663" s="613"/>
      <c r="LEX663" s="613"/>
      <c r="LEY663" s="613"/>
      <c r="LEZ663" s="613"/>
      <c r="LFA663" s="613"/>
      <c r="LFB663" s="613"/>
      <c r="LFC663" s="613"/>
      <c r="LFD663" s="613"/>
      <c r="LFE663" s="613"/>
      <c r="LFF663" s="613"/>
      <c r="LFG663" s="613"/>
      <c r="LFH663" s="613"/>
      <c r="LFI663" s="613"/>
      <c r="LFJ663" s="613"/>
      <c r="LFK663" s="613"/>
      <c r="LFL663" s="613"/>
      <c r="LFM663" s="613"/>
      <c r="LFN663" s="613"/>
      <c r="LFO663" s="613"/>
      <c r="LFP663" s="613"/>
      <c r="LFQ663" s="613"/>
      <c r="LFR663" s="613"/>
      <c r="LFS663" s="613"/>
      <c r="LFT663" s="613"/>
      <c r="LFU663" s="613"/>
      <c r="LFV663" s="613"/>
      <c r="LFW663" s="613"/>
      <c r="LFX663" s="613"/>
      <c r="LFY663" s="613"/>
      <c r="LFZ663" s="613"/>
      <c r="LGA663" s="613"/>
      <c r="LGB663" s="613"/>
      <c r="LGC663" s="613"/>
      <c r="LGD663" s="613"/>
      <c r="LGE663" s="613"/>
      <c r="LGF663" s="613"/>
      <c r="LGG663" s="613"/>
      <c r="LGH663" s="613"/>
      <c r="LGI663" s="613"/>
      <c r="LGJ663" s="613"/>
      <c r="LGK663" s="613"/>
      <c r="LGL663" s="613"/>
      <c r="LGM663" s="613"/>
      <c r="LGN663" s="613"/>
      <c r="LGO663" s="613"/>
      <c r="LGP663" s="613"/>
      <c r="LGQ663" s="613"/>
      <c r="LGR663" s="613"/>
      <c r="LGS663" s="613"/>
      <c r="LGT663" s="613"/>
      <c r="LGU663" s="613"/>
      <c r="LGV663" s="613"/>
      <c r="LGW663" s="613"/>
      <c r="LGX663" s="613"/>
      <c r="LGY663" s="613"/>
      <c r="LGZ663" s="613"/>
      <c r="LHA663" s="613"/>
      <c r="LHB663" s="613"/>
      <c r="LHC663" s="613"/>
      <c r="LHD663" s="613"/>
      <c r="LHE663" s="613"/>
      <c r="LHF663" s="613"/>
      <c r="LHG663" s="613"/>
      <c r="LHH663" s="613"/>
      <c r="LHI663" s="613"/>
      <c r="LHJ663" s="613"/>
      <c r="LHK663" s="613"/>
      <c r="LHL663" s="613"/>
      <c r="LHM663" s="613"/>
      <c r="LHN663" s="613"/>
      <c r="LHO663" s="613"/>
      <c r="LHP663" s="613"/>
      <c r="LHQ663" s="613"/>
      <c r="LHR663" s="613"/>
      <c r="LHS663" s="613"/>
      <c r="LHT663" s="613"/>
      <c r="LHU663" s="613"/>
      <c r="LHV663" s="613"/>
      <c r="LHW663" s="613"/>
      <c r="LHX663" s="613"/>
      <c r="LHY663" s="613"/>
      <c r="LHZ663" s="613"/>
      <c r="LIA663" s="613"/>
      <c r="LIB663" s="613"/>
      <c r="LIC663" s="613"/>
      <c r="LID663" s="613"/>
      <c r="LIE663" s="613"/>
      <c r="LIF663" s="613"/>
      <c r="LIG663" s="613"/>
      <c r="LIH663" s="613"/>
      <c r="LII663" s="613"/>
      <c r="LIJ663" s="613"/>
      <c r="LIK663" s="613"/>
      <c r="LIL663" s="613"/>
      <c r="LIM663" s="613"/>
      <c r="LIN663" s="613"/>
      <c r="LIO663" s="613"/>
      <c r="LIP663" s="613"/>
      <c r="LIQ663" s="613"/>
      <c r="LIR663" s="613"/>
      <c r="LIS663" s="613"/>
      <c r="LIT663" s="613"/>
      <c r="LIU663" s="613"/>
      <c r="LIV663" s="613"/>
      <c r="LIW663" s="613"/>
      <c r="LIX663" s="613"/>
      <c r="LIY663" s="613"/>
      <c r="LIZ663" s="613"/>
      <c r="LJA663" s="613"/>
      <c r="LJB663" s="613"/>
      <c r="LJC663" s="613"/>
      <c r="LJD663" s="613"/>
      <c r="LJE663" s="613"/>
      <c r="LJF663" s="613"/>
      <c r="LJG663" s="613"/>
      <c r="LJH663" s="613"/>
      <c r="LJI663" s="613"/>
      <c r="LJJ663" s="613"/>
      <c r="LJK663" s="613"/>
      <c r="LJL663" s="613"/>
      <c r="LJM663" s="613"/>
      <c r="LJN663" s="613"/>
      <c r="LJO663" s="613"/>
      <c r="LJP663" s="613"/>
      <c r="LJQ663" s="613"/>
      <c r="LJR663" s="613"/>
      <c r="LJS663" s="613"/>
      <c r="LJT663" s="613"/>
      <c r="LJU663" s="613"/>
      <c r="LJV663" s="613"/>
      <c r="LJW663" s="613"/>
      <c r="LJX663" s="613"/>
      <c r="LJY663" s="613"/>
      <c r="LJZ663" s="613"/>
      <c r="LKA663" s="613"/>
      <c r="LKB663" s="613"/>
      <c r="LKC663" s="613"/>
      <c r="LKD663" s="613"/>
      <c r="LKE663" s="613"/>
      <c r="LKF663" s="613"/>
      <c r="LKG663" s="613"/>
      <c r="LKH663" s="613"/>
      <c r="LKI663" s="613"/>
      <c r="LKJ663" s="613"/>
      <c r="LKK663" s="613"/>
      <c r="LKL663" s="613"/>
      <c r="LKM663" s="613"/>
      <c r="LKN663" s="613"/>
      <c r="LKO663" s="613"/>
      <c r="LKP663" s="613"/>
      <c r="LKQ663" s="613"/>
      <c r="LKR663" s="613"/>
      <c r="LKS663" s="613"/>
      <c r="LKT663" s="613"/>
      <c r="LKU663" s="613"/>
      <c r="LKV663" s="613"/>
      <c r="LKW663" s="613"/>
      <c r="LKX663" s="613"/>
      <c r="LKY663" s="613"/>
      <c r="LKZ663" s="613"/>
      <c r="LLA663" s="613"/>
      <c r="LLB663" s="613"/>
      <c r="LLC663" s="613"/>
      <c r="LLD663" s="613"/>
      <c r="LLE663" s="613"/>
      <c r="LLF663" s="613"/>
      <c r="LLG663" s="613"/>
      <c r="LLH663" s="613"/>
      <c r="LLI663" s="613"/>
      <c r="LLJ663" s="613"/>
      <c r="LLK663" s="613"/>
      <c r="LLL663" s="613"/>
      <c r="LLM663" s="613"/>
      <c r="LLN663" s="613"/>
      <c r="LLO663" s="613"/>
      <c r="LLP663" s="613"/>
      <c r="LLQ663" s="613"/>
      <c r="LLR663" s="613"/>
      <c r="LLS663" s="613"/>
      <c r="LLT663" s="613"/>
      <c r="LLU663" s="613"/>
      <c r="LLV663" s="613"/>
      <c r="LLW663" s="613"/>
      <c r="LLX663" s="613"/>
      <c r="LLY663" s="613"/>
      <c r="LLZ663" s="613"/>
      <c r="LMA663" s="613"/>
      <c r="LMB663" s="613"/>
      <c r="LMC663" s="613"/>
      <c r="LMD663" s="613"/>
      <c r="LME663" s="613"/>
      <c r="LMF663" s="613"/>
      <c r="LMG663" s="613"/>
      <c r="LMH663" s="613"/>
      <c r="LMI663" s="613"/>
      <c r="LMJ663" s="613"/>
      <c r="LMK663" s="613"/>
      <c r="LML663" s="613"/>
      <c r="LMM663" s="613"/>
      <c r="LMN663" s="613"/>
      <c r="LMO663" s="613"/>
      <c r="LMP663" s="613"/>
      <c r="LMQ663" s="613"/>
      <c r="LMR663" s="613"/>
      <c r="LMS663" s="613"/>
      <c r="LMT663" s="613"/>
      <c r="LMU663" s="613"/>
      <c r="LMV663" s="613"/>
      <c r="LMW663" s="613"/>
      <c r="LMX663" s="613"/>
      <c r="LMY663" s="613"/>
      <c r="LMZ663" s="613"/>
      <c r="LNA663" s="613"/>
      <c r="LNB663" s="613"/>
      <c r="LNC663" s="613"/>
      <c r="LND663" s="613"/>
      <c r="LNE663" s="613"/>
      <c r="LNF663" s="613"/>
      <c r="LNG663" s="613"/>
      <c r="LNH663" s="613"/>
      <c r="LNI663" s="613"/>
      <c r="LNJ663" s="613"/>
      <c r="LNK663" s="613"/>
      <c r="LNL663" s="613"/>
      <c r="LNM663" s="613"/>
      <c r="LNN663" s="613"/>
      <c r="LNO663" s="613"/>
      <c r="LNP663" s="613"/>
      <c r="LNQ663" s="613"/>
      <c r="LNR663" s="613"/>
      <c r="LNS663" s="613"/>
      <c r="LNT663" s="613"/>
      <c r="LNU663" s="613"/>
      <c r="LNV663" s="613"/>
      <c r="LNW663" s="613"/>
      <c r="LNX663" s="613"/>
      <c r="LNY663" s="613"/>
      <c r="LNZ663" s="613"/>
      <c r="LOA663" s="613"/>
      <c r="LOB663" s="613"/>
      <c r="LOC663" s="613"/>
      <c r="LOD663" s="613"/>
      <c r="LOE663" s="613"/>
      <c r="LOF663" s="613"/>
      <c r="LOG663" s="613"/>
      <c r="LOH663" s="613"/>
      <c r="LOI663" s="613"/>
      <c r="LOJ663" s="613"/>
      <c r="LOK663" s="613"/>
      <c r="LOL663" s="613"/>
      <c r="LOM663" s="613"/>
      <c r="LON663" s="613"/>
      <c r="LOO663" s="613"/>
      <c r="LOP663" s="613"/>
      <c r="LOQ663" s="613"/>
      <c r="LOR663" s="613"/>
      <c r="LOS663" s="613"/>
      <c r="LOT663" s="613"/>
      <c r="LOU663" s="613"/>
      <c r="LOV663" s="613"/>
      <c r="LOW663" s="613"/>
      <c r="LOX663" s="613"/>
      <c r="LOY663" s="613"/>
      <c r="LOZ663" s="613"/>
      <c r="LPA663" s="613"/>
      <c r="LPB663" s="613"/>
      <c r="LPC663" s="613"/>
      <c r="LPD663" s="613"/>
      <c r="LPE663" s="613"/>
      <c r="LPF663" s="613"/>
      <c r="LPG663" s="613"/>
      <c r="LPH663" s="613"/>
      <c r="LPI663" s="613"/>
      <c r="LPJ663" s="613"/>
      <c r="LPK663" s="613"/>
      <c r="LPL663" s="613"/>
      <c r="LPM663" s="613"/>
      <c r="LPN663" s="613"/>
      <c r="LPO663" s="613"/>
      <c r="LPP663" s="613"/>
      <c r="LPQ663" s="613"/>
      <c r="LPR663" s="613"/>
      <c r="LPS663" s="613"/>
      <c r="LPT663" s="613"/>
      <c r="LPU663" s="613"/>
      <c r="LPV663" s="613"/>
      <c r="LPW663" s="613"/>
      <c r="LPX663" s="613"/>
      <c r="LPY663" s="613"/>
      <c r="LPZ663" s="613"/>
      <c r="LQA663" s="613"/>
      <c r="LQB663" s="613"/>
      <c r="LQC663" s="613"/>
      <c r="LQD663" s="613"/>
      <c r="LQE663" s="613"/>
      <c r="LQF663" s="613"/>
      <c r="LQG663" s="613"/>
      <c r="LQH663" s="613"/>
      <c r="LQI663" s="613"/>
      <c r="LQJ663" s="613"/>
      <c r="LQK663" s="613"/>
      <c r="LQL663" s="613"/>
      <c r="LQM663" s="613"/>
      <c r="LQN663" s="613"/>
      <c r="LQO663" s="613"/>
      <c r="LQP663" s="613"/>
      <c r="LQQ663" s="613"/>
      <c r="LQR663" s="613"/>
      <c r="LQS663" s="613"/>
      <c r="LQT663" s="613"/>
      <c r="LQU663" s="613"/>
      <c r="LQV663" s="613"/>
      <c r="LQW663" s="613"/>
      <c r="LQX663" s="613"/>
      <c r="LQY663" s="613"/>
      <c r="LQZ663" s="613"/>
      <c r="LRA663" s="613"/>
      <c r="LRB663" s="613"/>
      <c r="LRC663" s="613"/>
      <c r="LRD663" s="613"/>
      <c r="LRE663" s="613"/>
      <c r="LRF663" s="613"/>
      <c r="LRG663" s="613"/>
      <c r="LRH663" s="613"/>
      <c r="LRI663" s="613"/>
      <c r="LRJ663" s="613"/>
      <c r="LRK663" s="613"/>
      <c r="LRL663" s="613"/>
      <c r="LRM663" s="613"/>
      <c r="LRN663" s="613"/>
      <c r="LRO663" s="613"/>
      <c r="LRP663" s="613"/>
      <c r="LRQ663" s="613"/>
      <c r="LRR663" s="613"/>
      <c r="LRS663" s="613"/>
      <c r="LRT663" s="613"/>
      <c r="LRU663" s="613"/>
      <c r="LRV663" s="613"/>
      <c r="LRW663" s="613"/>
      <c r="LRX663" s="613"/>
      <c r="LRY663" s="613"/>
      <c r="LRZ663" s="613"/>
      <c r="LSA663" s="613"/>
      <c r="LSB663" s="613"/>
      <c r="LSC663" s="613"/>
      <c r="LSD663" s="613"/>
      <c r="LSE663" s="613"/>
      <c r="LSF663" s="613"/>
      <c r="LSG663" s="613"/>
      <c r="LSH663" s="613"/>
      <c r="LSI663" s="613"/>
      <c r="LSJ663" s="613"/>
      <c r="LSK663" s="613"/>
      <c r="LSL663" s="613"/>
      <c r="LSM663" s="613"/>
      <c r="LSN663" s="613"/>
      <c r="LSO663" s="613"/>
      <c r="LSP663" s="613"/>
      <c r="LSQ663" s="613"/>
      <c r="LSR663" s="613"/>
      <c r="LSS663" s="613"/>
      <c r="LST663" s="613"/>
      <c r="LSU663" s="613"/>
      <c r="LSV663" s="613"/>
      <c r="LSW663" s="613"/>
      <c r="LSX663" s="613"/>
      <c r="LSY663" s="613"/>
      <c r="LSZ663" s="613"/>
      <c r="LTA663" s="613"/>
      <c r="LTB663" s="613"/>
      <c r="LTC663" s="613"/>
      <c r="LTD663" s="613"/>
      <c r="LTE663" s="613"/>
      <c r="LTF663" s="613"/>
      <c r="LTG663" s="613"/>
      <c r="LTH663" s="613"/>
      <c r="LTI663" s="613"/>
      <c r="LTJ663" s="613"/>
      <c r="LTK663" s="613"/>
      <c r="LTL663" s="613"/>
      <c r="LTM663" s="613"/>
      <c r="LTN663" s="613"/>
      <c r="LTO663" s="613"/>
      <c r="LTP663" s="613"/>
      <c r="LTQ663" s="613"/>
      <c r="LTR663" s="613"/>
      <c r="LTS663" s="613"/>
      <c r="LTT663" s="613"/>
      <c r="LTU663" s="613"/>
      <c r="LTV663" s="613"/>
      <c r="LTW663" s="613"/>
      <c r="LTX663" s="613"/>
      <c r="LTY663" s="613"/>
      <c r="LTZ663" s="613"/>
      <c r="LUA663" s="613"/>
      <c r="LUB663" s="613"/>
      <c r="LUC663" s="613"/>
      <c r="LUD663" s="613"/>
      <c r="LUE663" s="613"/>
      <c r="LUF663" s="613"/>
      <c r="LUG663" s="613"/>
      <c r="LUH663" s="613"/>
      <c r="LUI663" s="613"/>
      <c r="LUJ663" s="613"/>
      <c r="LUK663" s="613"/>
      <c r="LUL663" s="613"/>
      <c r="LUM663" s="613"/>
      <c r="LUN663" s="613"/>
      <c r="LUO663" s="613"/>
      <c r="LUP663" s="613"/>
      <c r="LUQ663" s="613"/>
      <c r="LUR663" s="613"/>
      <c r="LUS663" s="613"/>
      <c r="LUT663" s="613"/>
      <c r="LUU663" s="613"/>
      <c r="LUV663" s="613"/>
      <c r="LUW663" s="613"/>
      <c r="LUX663" s="613"/>
      <c r="LUY663" s="613"/>
      <c r="LUZ663" s="613"/>
      <c r="LVA663" s="613"/>
      <c r="LVB663" s="613"/>
      <c r="LVC663" s="613"/>
      <c r="LVD663" s="613"/>
      <c r="LVE663" s="613"/>
      <c r="LVF663" s="613"/>
      <c r="LVG663" s="613"/>
      <c r="LVH663" s="613"/>
      <c r="LVI663" s="613"/>
      <c r="LVJ663" s="613"/>
      <c r="LVK663" s="613"/>
      <c r="LVL663" s="613"/>
      <c r="LVM663" s="613"/>
      <c r="LVN663" s="613"/>
      <c r="LVO663" s="613"/>
      <c r="LVP663" s="613"/>
      <c r="LVQ663" s="613"/>
      <c r="LVR663" s="613"/>
      <c r="LVS663" s="613"/>
      <c r="LVT663" s="613"/>
      <c r="LVU663" s="613"/>
      <c r="LVV663" s="613"/>
      <c r="LVW663" s="613"/>
      <c r="LVX663" s="613"/>
      <c r="LVY663" s="613"/>
      <c r="LVZ663" s="613"/>
      <c r="LWA663" s="613"/>
      <c r="LWB663" s="613"/>
      <c r="LWC663" s="613"/>
      <c r="LWD663" s="613"/>
      <c r="LWE663" s="613"/>
      <c r="LWF663" s="613"/>
      <c r="LWG663" s="613"/>
      <c r="LWH663" s="613"/>
      <c r="LWI663" s="613"/>
      <c r="LWJ663" s="613"/>
      <c r="LWK663" s="613"/>
      <c r="LWL663" s="613"/>
      <c r="LWM663" s="613"/>
      <c r="LWN663" s="613"/>
      <c r="LWO663" s="613"/>
      <c r="LWP663" s="613"/>
      <c r="LWQ663" s="613"/>
      <c r="LWR663" s="613"/>
      <c r="LWS663" s="613"/>
      <c r="LWT663" s="613"/>
      <c r="LWU663" s="613"/>
      <c r="LWV663" s="613"/>
      <c r="LWW663" s="613"/>
      <c r="LWX663" s="613"/>
      <c r="LWY663" s="613"/>
      <c r="LWZ663" s="613"/>
      <c r="LXA663" s="613"/>
      <c r="LXB663" s="613"/>
      <c r="LXC663" s="613"/>
      <c r="LXD663" s="613"/>
      <c r="LXE663" s="613"/>
      <c r="LXF663" s="613"/>
      <c r="LXG663" s="613"/>
      <c r="LXH663" s="613"/>
      <c r="LXI663" s="613"/>
      <c r="LXJ663" s="613"/>
      <c r="LXK663" s="613"/>
      <c r="LXL663" s="613"/>
      <c r="LXM663" s="613"/>
      <c r="LXN663" s="613"/>
      <c r="LXO663" s="613"/>
      <c r="LXP663" s="613"/>
      <c r="LXQ663" s="613"/>
      <c r="LXR663" s="613"/>
      <c r="LXS663" s="613"/>
      <c r="LXT663" s="613"/>
      <c r="LXU663" s="613"/>
      <c r="LXV663" s="613"/>
      <c r="LXW663" s="613"/>
      <c r="LXX663" s="613"/>
      <c r="LXY663" s="613"/>
      <c r="LXZ663" s="613"/>
      <c r="LYA663" s="613"/>
      <c r="LYB663" s="613"/>
      <c r="LYC663" s="613"/>
      <c r="LYD663" s="613"/>
      <c r="LYE663" s="613"/>
      <c r="LYF663" s="613"/>
      <c r="LYG663" s="613"/>
      <c r="LYH663" s="613"/>
      <c r="LYI663" s="613"/>
      <c r="LYJ663" s="613"/>
      <c r="LYK663" s="613"/>
      <c r="LYL663" s="613"/>
      <c r="LYM663" s="613"/>
      <c r="LYN663" s="613"/>
      <c r="LYO663" s="613"/>
      <c r="LYP663" s="613"/>
      <c r="LYQ663" s="613"/>
      <c r="LYR663" s="613"/>
      <c r="LYS663" s="613"/>
      <c r="LYT663" s="613"/>
      <c r="LYU663" s="613"/>
      <c r="LYV663" s="613"/>
      <c r="LYW663" s="613"/>
      <c r="LYX663" s="613"/>
      <c r="LYY663" s="613"/>
      <c r="LYZ663" s="613"/>
      <c r="LZA663" s="613"/>
      <c r="LZB663" s="613"/>
      <c r="LZC663" s="613"/>
      <c r="LZD663" s="613"/>
      <c r="LZE663" s="613"/>
      <c r="LZF663" s="613"/>
      <c r="LZG663" s="613"/>
      <c r="LZH663" s="613"/>
      <c r="LZI663" s="613"/>
      <c r="LZJ663" s="613"/>
      <c r="LZK663" s="613"/>
      <c r="LZL663" s="613"/>
      <c r="LZM663" s="613"/>
      <c r="LZN663" s="613"/>
      <c r="LZO663" s="613"/>
      <c r="LZP663" s="613"/>
      <c r="LZQ663" s="613"/>
      <c r="LZR663" s="613"/>
      <c r="LZS663" s="613"/>
      <c r="LZT663" s="613"/>
      <c r="LZU663" s="613"/>
      <c r="LZV663" s="613"/>
      <c r="LZW663" s="613"/>
      <c r="LZX663" s="613"/>
      <c r="LZY663" s="613"/>
      <c r="LZZ663" s="613"/>
      <c r="MAA663" s="613"/>
      <c r="MAB663" s="613"/>
      <c r="MAC663" s="613"/>
      <c r="MAD663" s="613"/>
      <c r="MAE663" s="613"/>
      <c r="MAF663" s="613"/>
      <c r="MAG663" s="613"/>
      <c r="MAH663" s="613"/>
      <c r="MAI663" s="613"/>
      <c r="MAJ663" s="613"/>
      <c r="MAK663" s="613"/>
      <c r="MAL663" s="613"/>
      <c r="MAM663" s="613"/>
      <c r="MAN663" s="613"/>
      <c r="MAO663" s="613"/>
      <c r="MAP663" s="613"/>
      <c r="MAQ663" s="613"/>
      <c r="MAR663" s="613"/>
      <c r="MAS663" s="613"/>
      <c r="MAT663" s="613"/>
      <c r="MAU663" s="613"/>
      <c r="MAV663" s="613"/>
      <c r="MAW663" s="613"/>
      <c r="MAX663" s="613"/>
      <c r="MAY663" s="613"/>
      <c r="MAZ663" s="613"/>
      <c r="MBA663" s="613"/>
      <c r="MBB663" s="613"/>
      <c r="MBC663" s="613"/>
      <c r="MBD663" s="613"/>
      <c r="MBE663" s="613"/>
      <c r="MBF663" s="613"/>
      <c r="MBG663" s="613"/>
      <c r="MBH663" s="613"/>
      <c r="MBI663" s="613"/>
      <c r="MBJ663" s="613"/>
      <c r="MBK663" s="613"/>
      <c r="MBL663" s="613"/>
      <c r="MBM663" s="613"/>
      <c r="MBN663" s="613"/>
      <c r="MBO663" s="613"/>
      <c r="MBP663" s="613"/>
      <c r="MBQ663" s="613"/>
      <c r="MBR663" s="613"/>
      <c r="MBS663" s="613"/>
      <c r="MBT663" s="613"/>
      <c r="MBU663" s="613"/>
      <c r="MBV663" s="613"/>
      <c r="MBW663" s="613"/>
      <c r="MBX663" s="613"/>
      <c r="MBY663" s="613"/>
      <c r="MBZ663" s="613"/>
      <c r="MCA663" s="613"/>
      <c r="MCB663" s="613"/>
      <c r="MCC663" s="613"/>
      <c r="MCD663" s="613"/>
      <c r="MCE663" s="613"/>
      <c r="MCF663" s="613"/>
      <c r="MCG663" s="613"/>
      <c r="MCH663" s="613"/>
      <c r="MCI663" s="613"/>
      <c r="MCJ663" s="613"/>
      <c r="MCK663" s="613"/>
      <c r="MCL663" s="613"/>
      <c r="MCM663" s="613"/>
      <c r="MCN663" s="613"/>
      <c r="MCO663" s="613"/>
      <c r="MCP663" s="613"/>
      <c r="MCQ663" s="613"/>
      <c r="MCR663" s="613"/>
      <c r="MCS663" s="613"/>
      <c r="MCT663" s="613"/>
      <c r="MCU663" s="613"/>
      <c r="MCV663" s="613"/>
      <c r="MCW663" s="613"/>
      <c r="MCX663" s="613"/>
      <c r="MCY663" s="613"/>
      <c r="MCZ663" s="613"/>
      <c r="MDA663" s="613"/>
      <c r="MDB663" s="613"/>
      <c r="MDC663" s="613"/>
      <c r="MDD663" s="613"/>
      <c r="MDE663" s="613"/>
      <c r="MDF663" s="613"/>
      <c r="MDG663" s="613"/>
      <c r="MDH663" s="613"/>
      <c r="MDI663" s="613"/>
      <c r="MDJ663" s="613"/>
      <c r="MDK663" s="613"/>
      <c r="MDL663" s="613"/>
      <c r="MDM663" s="613"/>
      <c r="MDN663" s="613"/>
      <c r="MDO663" s="613"/>
      <c r="MDP663" s="613"/>
      <c r="MDQ663" s="613"/>
      <c r="MDR663" s="613"/>
      <c r="MDS663" s="613"/>
      <c r="MDT663" s="613"/>
      <c r="MDU663" s="613"/>
      <c r="MDV663" s="613"/>
      <c r="MDW663" s="613"/>
      <c r="MDX663" s="613"/>
      <c r="MDY663" s="613"/>
      <c r="MDZ663" s="613"/>
      <c r="MEA663" s="613"/>
      <c r="MEB663" s="613"/>
      <c r="MEC663" s="613"/>
      <c r="MED663" s="613"/>
      <c r="MEE663" s="613"/>
      <c r="MEF663" s="613"/>
      <c r="MEG663" s="613"/>
      <c r="MEH663" s="613"/>
      <c r="MEI663" s="613"/>
      <c r="MEJ663" s="613"/>
      <c r="MEK663" s="613"/>
      <c r="MEL663" s="613"/>
      <c r="MEM663" s="613"/>
      <c r="MEN663" s="613"/>
      <c r="MEO663" s="613"/>
      <c r="MEP663" s="613"/>
      <c r="MEQ663" s="613"/>
      <c r="MER663" s="613"/>
      <c r="MES663" s="613"/>
      <c r="MET663" s="613"/>
      <c r="MEU663" s="613"/>
      <c r="MEV663" s="613"/>
      <c r="MEW663" s="613"/>
      <c r="MEX663" s="613"/>
      <c r="MEY663" s="613"/>
      <c r="MEZ663" s="613"/>
      <c r="MFA663" s="613"/>
      <c r="MFB663" s="613"/>
      <c r="MFC663" s="613"/>
      <c r="MFD663" s="613"/>
      <c r="MFE663" s="613"/>
      <c r="MFF663" s="613"/>
      <c r="MFG663" s="613"/>
      <c r="MFH663" s="613"/>
      <c r="MFI663" s="613"/>
      <c r="MFJ663" s="613"/>
      <c r="MFK663" s="613"/>
      <c r="MFL663" s="613"/>
      <c r="MFM663" s="613"/>
      <c r="MFN663" s="613"/>
      <c r="MFO663" s="613"/>
      <c r="MFP663" s="613"/>
      <c r="MFQ663" s="613"/>
      <c r="MFR663" s="613"/>
      <c r="MFS663" s="613"/>
      <c r="MFT663" s="613"/>
      <c r="MFU663" s="613"/>
      <c r="MFV663" s="613"/>
      <c r="MFW663" s="613"/>
      <c r="MFX663" s="613"/>
      <c r="MFY663" s="613"/>
      <c r="MFZ663" s="613"/>
      <c r="MGA663" s="613"/>
      <c r="MGB663" s="613"/>
      <c r="MGC663" s="613"/>
      <c r="MGD663" s="613"/>
      <c r="MGE663" s="613"/>
      <c r="MGF663" s="613"/>
      <c r="MGG663" s="613"/>
      <c r="MGH663" s="613"/>
      <c r="MGI663" s="613"/>
      <c r="MGJ663" s="613"/>
      <c r="MGK663" s="613"/>
      <c r="MGL663" s="613"/>
      <c r="MGM663" s="613"/>
      <c r="MGN663" s="613"/>
      <c r="MGO663" s="613"/>
      <c r="MGP663" s="613"/>
      <c r="MGQ663" s="613"/>
      <c r="MGR663" s="613"/>
      <c r="MGS663" s="613"/>
      <c r="MGT663" s="613"/>
      <c r="MGU663" s="613"/>
      <c r="MGV663" s="613"/>
      <c r="MGW663" s="613"/>
      <c r="MGX663" s="613"/>
      <c r="MGY663" s="613"/>
      <c r="MGZ663" s="613"/>
      <c r="MHA663" s="613"/>
      <c r="MHB663" s="613"/>
      <c r="MHC663" s="613"/>
      <c r="MHD663" s="613"/>
      <c r="MHE663" s="613"/>
      <c r="MHF663" s="613"/>
      <c r="MHG663" s="613"/>
      <c r="MHH663" s="613"/>
      <c r="MHI663" s="613"/>
      <c r="MHJ663" s="613"/>
      <c r="MHK663" s="613"/>
      <c r="MHL663" s="613"/>
      <c r="MHM663" s="613"/>
      <c r="MHN663" s="613"/>
      <c r="MHO663" s="613"/>
      <c r="MHP663" s="613"/>
      <c r="MHQ663" s="613"/>
      <c r="MHR663" s="613"/>
      <c r="MHS663" s="613"/>
      <c r="MHT663" s="613"/>
      <c r="MHU663" s="613"/>
      <c r="MHV663" s="613"/>
      <c r="MHW663" s="613"/>
      <c r="MHX663" s="613"/>
      <c r="MHY663" s="613"/>
      <c r="MHZ663" s="613"/>
      <c r="MIA663" s="613"/>
      <c r="MIB663" s="613"/>
      <c r="MIC663" s="613"/>
      <c r="MID663" s="613"/>
      <c r="MIE663" s="613"/>
      <c r="MIF663" s="613"/>
      <c r="MIG663" s="613"/>
      <c r="MIH663" s="613"/>
      <c r="MII663" s="613"/>
      <c r="MIJ663" s="613"/>
      <c r="MIK663" s="613"/>
      <c r="MIL663" s="613"/>
      <c r="MIM663" s="613"/>
      <c r="MIN663" s="613"/>
      <c r="MIO663" s="613"/>
      <c r="MIP663" s="613"/>
      <c r="MIQ663" s="613"/>
      <c r="MIR663" s="613"/>
      <c r="MIS663" s="613"/>
      <c r="MIT663" s="613"/>
      <c r="MIU663" s="613"/>
      <c r="MIV663" s="613"/>
      <c r="MIW663" s="613"/>
      <c r="MIX663" s="613"/>
      <c r="MIY663" s="613"/>
      <c r="MIZ663" s="613"/>
      <c r="MJA663" s="613"/>
      <c r="MJB663" s="613"/>
      <c r="MJC663" s="613"/>
      <c r="MJD663" s="613"/>
      <c r="MJE663" s="613"/>
      <c r="MJF663" s="613"/>
      <c r="MJG663" s="613"/>
      <c r="MJH663" s="613"/>
      <c r="MJI663" s="613"/>
      <c r="MJJ663" s="613"/>
      <c r="MJK663" s="613"/>
      <c r="MJL663" s="613"/>
      <c r="MJM663" s="613"/>
      <c r="MJN663" s="613"/>
      <c r="MJO663" s="613"/>
      <c r="MJP663" s="613"/>
      <c r="MJQ663" s="613"/>
      <c r="MJR663" s="613"/>
      <c r="MJS663" s="613"/>
      <c r="MJT663" s="613"/>
      <c r="MJU663" s="613"/>
      <c r="MJV663" s="613"/>
      <c r="MJW663" s="613"/>
      <c r="MJX663" s="613"/>
      <c r="MJY663" s="613"/>
      <c r="MJZ663" s="613"/>
      <c r="MKA663" s="613"/>
      <c r="MKB663" s="613"/>
      <c r="MKC663" s="613"/>
      <c r="MKD663" s="613"/>
      <c r="MKE663" s="613"/>
      <c r="MKF663" s="613"/>
      <c r="MKG663" s="613"/>
      <c r="MKH663" s="613"/>
      <c r="MKI663" s="613"/>
      <c r="MKJ663" s="613"/>
      <c r="MKK663" s="613"/>
      <c r="MKL663" s="613"/>
      <c r="MKM663" s="613"/>
      <c r="MKN663" s="613"/>
      <c r="MKO663" s="613"/>
      <c r="MKP663" s="613"/>
      <c r="MKQ663" s="613"/>
      <c r="MKR663" s="613"/>
      <c r="MKS663" s="613"/>
      <c r="MKT663" s="613"/>
      <c r="MKU663" s="613"/>
      <c r="MKV663" s="613"/>
      <c r="MKW663" s="613"/>
      <c r="MKX663" s="613"/>
      <c r="MKY663" s="613"/>
      <c r="MKZ663" s="613"/>
      <c r="MLA663" s="613"/>
      <c r="MLB663" s="613"/>
      <c r="MLC663" s="613"/>
      <c r="MLD663" s="613"/>
      <c r="MLE663" s="613"/>
      <c r="MLF663" s="613"/>
      <c r="MLG663" s="613"/>
      <c r="MLH663" s="613"/>
      <c r="MLI663" s="613"/>
      <c r="MLJ663" s="613"/>
      <c r="MLK663" s="613"/>
      <c r="MLL663" s="613"/>
      <c r="MLM663" s="613"/>
      <c r="MLN663" s="613"/>
      <c r="MLO663" s="613"/>
      <c r="MLP663" s="613"/>
      <c r="MLQ663" s="613"/>
      <c r="MLR663" s="613"/>
      <c r="MLS663" s="613"/>
      <c r="MLT663" s="613"/>
      <c r="MLU663" s="613"/>
      <c r="MLV663" s="613"/>
      <c r="MLW663" s="613"/>
      <c r="MLX663" s="613"/>
      <c r="MLY663" s="613"/>
      <c r="MLZ663" s="613"/>
      <c r="MMA663" s="613"/>
      <c r="MMB663" s="613"/>
      <c r="MMC663" s="613"/>
      <c r="MMD663" s="613"/>
      <c r="MME663" s="613"/>
      <c r="MMF663" s="613"/>
      <c r="MMG663" s="613"/>
      <c r="MMH663" s="613"/>
      <c r="MMI663" s="613"/>
      <c r="MMJ663" s="613"/>
      <c r="MMK663" s="613"/>
      <c r="MML663" s="613"/>
      <c r="MMM663" s="613"/>
      <c r="MMN663" s="613"/>
      <c r="MMO663" s="613"/>
      <c r="MMP663" s="613"/>
      <c r="MMQ663" s="613"/>
      <c r="MMR663" s="613"/>
      <c r="MMS663" s="613"/>
      <c r="MMT663" s="613"/>
      <c r="MMU663" s="613"/>
      <c r="MMV663" s="613"/>
      <c r="MMW663" s="613"/>
      <c r="MMX663" s="613"/>
      <c r="MMY663" s="613"/>
      <c r="MMZ663" s="613"/>
      <c r="MNA663" s="613"/>
      <c r="MNB663" s="613"/>
      <c r="MNC663" s="613"/>
      <c r="MND663" s="613"/>
      <c r="MNE663" s="613"/>
      <c r="MNF663" s="613"/>
      <c r="MNG663" s="613"/>
      <c r="MNH663" s="613"/>
      <c r="MNI663" s="613"/>
      <c r="MNJ663" s="613"/>
      <c r="MNK663" s="613"/>
      <c r="MNL663" s="613"/>
      <c r="MNM663" s="613"/>
      <c r="MNN663" s="613"/>
      <c r="MNO663" s="613"/>
      <c r="MNP663" s="613"/>
      <c r="MNQ663" s="613"/>
      <c r="MNR663" s="613"/>
      <c r="MNS663" s="613"/>
      <c r="MNT663" s="613"/>
      <c r="MNU663" s="613"/>
      <c r="MNV663" s="613"/>
      <c r="MNW663" s="613"/>
      <c r="MNX663" s="613"/>
      <c r="MNY663" s="613"/>
      <c r="MNZ663" s="613"/>
      <c r="MOA663" s="613"/>
      <c r="MOB663" s="613"/>
      <c r="MOC663" s="613"/>
      <c r="MOD663" s="613"/>
      <c r="MOE663" s="613"/>
      <c r="MOF663" s="613"/>
      <c r="MOG663" s="613"/>
      <c r="MOH663" s="613"/>
      <c r="MOI663" s="613"/>
      <c r="MOJ663" s="613"/>
      <c r="MOK663" s="613"/>
      <c r="MOL663" s="613"/>
      <c r="MOM663" s="613"/>
      <c r="MON663" s="613"/>
      <c r="MOO663" s="613"/>
      <c r="MOP663" s="613"/>
      <c r="MOQ663" s="613"/>
      <c r="MOR663" s="613"/>
      <c r="MOS663" s="613"/>
      <c r="MOT663" s="613"/>
      <c r="MOU663" s="613"/>
      <c r="MOV663" s="613"/>
      <c r="MOW663" s="613"/>
      <c r="MOX663" s="613"/>
      <c r="MOY663" s="613"/>
      <c r="MOZ663" s="613"/>
      <c r="MPA663" s="613"/>
      <c r="MPB663" s="613"/>
      <c r="MPC663" s="613"/>
      <c r="MPD663" s="613"/>
      <c r="MPE663" s="613"/>
      <c r="MPF663" s="613"/>
      <c r="MPG663" s="613"/>
      <c r="MPH663" s="613"/>
      <c r="MPI663" s="613"/>
      <c r="MPJ663" s="613"/>
      <c r="MPK663" s="613"/>
      <c r="MPL663" s="613"/>
      <c r="MPM663" s="613"/>
      <c r="MPN663" s="613"/>
      <c r="MPO663" s="613"/>
      <c r="MPP663" s="613"/>
      <c r="MPQ663" s="613"/>
      <c r="MPR663" s="613"/>
      <c r="MPS663" s="613"/>
      <c r="MPT663" s="613"/>
      <c r="MPU663" s="613"/>
      <c r="MPV663" s="613"/>
      <c r="MPW663" s="613"/>
      <c r="MPX663" s="613"/>
      <c r="MPY663" s="613"/>
      <c r="MPZ663" s="613"/>
      <c r="MQA663" s="613"/>
      <c r="MQB663" s="613"/>
      <c r="MQC663" s="613"/>
      <c r="MQD663" s="613"/>
      <c r="MQE663" s="613"/>
      <c r="MQF663" s="613"/>
      <c r="MQG663" s="613"/>
      <c r="MQH663" s="613"/>
      <c r="MQI663" s="613"/>
      <c r="MQJ663" s="613"/>
      <c r="MQK663" s="613"/>
      <c r="MQL663" s="613"/>
      <c r="MQM663" s="613"/>
      <c r="MQN663" s="613"/>
      <c r="MQO663" s="613"/>
      <c r="MQP663" s="613"/>
      <c r="MQQ663" s="613"/>
      <c r="MQR663" s="613"/>
      <c r="MQS663" s="613"/>
      <c r="MQT663" s="613"/>
      <c r="MQU663" s="613"/>
      <c r="MQV663" s="613"/>
      <c r="MQW663" s="613"/>
      <c r="MQX663" s="613"/>
      <c r="MQY663" s="613"/>
      <c r="MQZ663" s="613"/>
      <c r="MRA663" s="613"/>
      <c r="MRB663" s="613"/>
      <c r="MRC663" s="613"/>
      <c r="MRD663" s="613"/>
      <c r="MRE663" s="613"/>
      <c r="MRF663" s="613"/>
      <c r="MRG663" s="613"/>
      <c r="MRH663" s="613"/>
      <c r="MRI663" s="613"/>
      <c r="MRJ663" s="613"/>
      <c r="MRK663" s="613"/>
      <c r="MRL663" s="613"/>
      <c r="MRM663" s="613"/>
      <c r="MRN663" s="613"/>
      <c r="MRO663" s="613"/>
      <c r="MRP663" s="613"/>
      <c r="MRQ663" s="613"/>
      <c r="MRR663" s="613"/>
      <c r="MRS663" s="613"/>
      <c r="MRT663" s="613"/>
      <c r="MRU663" s="613"/>
      <c r="MRV663" s="613"/>
      <c r="MRW663" s="613"/>
      <c r="MRX663" s="613"/>
      <c r="MRY663" s="613"/>
      <c r="MRZ663" s="613"/>
      <c r="MSA663" s="613"/>
      <c r="MSB663" s="613"/>
      <c r="MSC663" s="613"/>
      <c r="MSD663" s="613"/>
      <c r="MSE663" s="613"/>
      <c r="MSF663" s="613"/>
      <c r="MSG663" s="613"/>
      <c r="MSH663" s="613"/>
      <c r="MSI663" s="613"/>
      <c r="MSJ663" s="613"/>
      <c r="MSK663" s="613"/>
      <c r="MSL663" s="613"/>
      <c r="MSM663" s="613"/>
      <c r="MSN663" s="613"/>
      <c r="MSO663" s="613"/>
      <c r="MSP663" s="613"/>
      <c r="MSQ663" s="613"/>
      <c r="MSR663" s="613"/>
      <c r="MSS663" s="613"/>
      <c r="MST663" s="613"/>
      <c r="MSU663" s="613"/>
      <c r="MSV663" s="613"/>
      <c r="MSW663" s="613"/>
      <c r="MSX663" s="613"/>
      <c r="MSY663" s="613"/>
      <c r="MSZ663" s="613"/>
      <c r="MTA663" s="613"/>
      <c r="MTB663" s="613"/>
      <c r="MTC663" s="613"/>
      <c r="MTD663" s="613"/>
      <c r="MTE663" s="613"/>
      <c r="MTF663" s="613"/>
      <c r="MTG663" s="613"/>
      <c r="MTH663" s="613"/>
      <c r="MTI663" s="613"/>
      <c r="MTJ663" s="613"/>
      <c r="MTK663" s="613"/>
      <c r="MTL663" s="613"/>
      <c r="MTM663" s="613"/>
      <c r="MTN663" s="613"/>
      <c r="MTO663" s="613"/>
      <c r="MTP663" s="613"/>
      <c r="MTQ663" s="613"/>
      <c r="MTR663" s="613"/>
      <c r="MTS663" s="613"/>
      <c r="MTT663" s="613"/>
      <c r="MTU663" s="613"/>
      <c r="MTV663" s="613"/>
      <c r="MTW663" s="613"/>
      <c r="MTX663" s="613"/>
      <c r="MTY663" s="613"/>
      <c r="MTZ663" s="613"/>
      <c r="MUA663" s="613"/>
      <c r="MUB663" s="613"/>
      <c r="MUC663" s="613"/>
      <c r="MUD663" s="613"/>
      <c r="MUE663" s="613"/>
      <c r="MUF663" s="613"/>
      <c r="MUG663" s="613"/>
      <c r="MUH663" s="613"/>
      <c r="MUI663" s="613"/>
      <c r="MUJ663" s="613"/>
      <c r="MUK663" s="613"/>
      <c r="MUL663" s="613"/>
      <c r="MUM663" s="613"/>
      <c r="MUN663" s="613"/>
      <c r="MUO663" s="613"/>
      <c r="MUP663" s="613"/>
      <c r="MUQ663" s="613"/>
      <c r="MUR663" s="613"/>
      <c r="MUS663" s="613"/>
      <c r="MUT663" s="613"/>
      <c r="MUU663" s="613"/>
      <c r="MUV663" s="613"/>
      <c r="MUW663" s="613"/>
      <c r="MUX663" s="613"/>
      <c r="MUY663" s="613"/>
      <c r="MUZ663" s="613"/>
      <c r="MVA663" s="613"/>
      <c r="MVB663" s="613"/>
      <c r="MVC663" s="613"/>
      <c r="MVD663" s="613"/>
      <c r="MVE663" s="613"/>
      <c r="MVF663" s="613"/>
      <c r="MVG663" s="613"/>
      <c r="MVH663" s="613"/>
      <c r="MVI663" s="613"/>
      <c r="MVJ663" s="613"/>
      <c r="MVK663" s="613"/>
      <c r="MVL663" s="613"/>
      <c r="MVM663" s="613"/>
      <c r="MVN663" s="613"/>
      <c r="MVO663" s="613"/>
      <c r="MVP663" s="613"/>
      <c r="MVQ663" s="613"/>
      <c r="MVR663" s="613"/>
      <c r="MVS663" s="613"/>
      <c r="MVT663" s="613"/>
      <c r="MVU663" s="613"/>
      <c r="MVV663" s="613"/>
      <c r="MVW663" s="613"/>
      <c r="MVX663" s="613"/>
      <c r="MVY663" s="613"/>
      <c r="MVZ663" s="613"/>
      <c r="MWA663" s="613"/>
      <c r="MWB663" s="613"/>
      <c r="MWC663" s="613"/>
      <c r="MWD663" s="613"/>
      <c r="MWE663" s="613"/>
      <c r="MWF663" s="613"/>
      <c r="MWG663" s="613"/>
      <c r="MWH663" s="613"/>
      <c r="MWI663" s="613"/>
      <c r="MWJ663" s="613"/>
      <c r="MWK663" s="613"/>
      <c r="MWL663" s="613"/>
      <c r="MWM663" s="613"/>
      <c r="MWN663" s="613"/>
      <c r="MWO663" s="613"/>
      <c r="MWP663" s="613"/>
      <c r="MWQ663" s="613"/>
      <c r="MWR663" s="613"/>
      <c r="MWS663" s="613"/>
      <c r="MWT663" s="613"/>
      <c r="MWU663" s="613"/>
      <c r="MWV663" s="613"/>
      <c r="MWW663" s="613"/>
      <c r="MWX663" s="613"/>
      <c r="MWY663" s="613"/>
      <c r="MWZ663" s="613"/>
      <c r="MXA663" s="613"/>
      <c r="MXB663" s="613"/>
      <c r="MXC663" s="613"/>
      <c r="MXD663" s="613"/>
      <c r="MXE663" s="613"/>
      <c r="MXF663" s="613"/>
      <c r="MXG663" s="613"/>
      <c r="MXH663" s="613"/>
      <c r="MXI663" s="613"/>
      <c r="MXJ663" s="613"/>
      <c r="MXK663" s="613"/>
      <c r="MXL663" s="613"/>
      <c r="MXM663" s="613"/>
      <c r="MXN663" s="613"/>
      <c r="MXO663" s="613"/>
      <c r="MXP663" s="613"/>
      <c r="MXQ663" s="613"/>
      <c r="MXR663" s="613"/>
      <c r="MXS663" s="613"/>
      <c r="MXT663" s="613"/>
      <c r="MXU663" s="613"/>
      <c r="MXV663" s="613"/>
      <c r="MXW663" s="613"/>
      <c r="MXX663" s="613"/>
      <c r="MXY663" s="613"/>
      <c r="MXZ663" s="613"/>
      <c r="MYA663" s="613"/>
      <c r="MYB663" s="613"/>
      <c r="MYC663" s="613"/>
      <c r="MYD663" s="613"/>
      <c r="MYE663" s="613"/>
      <c r="MYF663" s="613"/>
      <c r="MYG663" s="613"/>
      <c r="MYH663" s="613"/>
      <c r="MYI663" s="613"/>
      <c r="MYJ663" s="613"/>
      <c r="MYK663" s="613"/>
      <c r="MYL663" s="613"/>
      <c r="MYM663" s="613"/>
      <c r="MYN663" s="613"/>
      <c r="MYO663" s="613"/>
      <c r="MYP663" s="613"/>
      <c r="MYQ663" s="613"/>
      <c r="MYR663" s="613"/>
      <c r="MYS663" s="613"/>
      <c r="MYT663" s="613"/>
      <c r="MYU663" s="613"/>
      <c r="MYV663" s="613"/>
      <c r="MYW663" s="613"/>
      <c r="MYX663" s="613"/>
      <c r="MYY663" s="613"/>
      <c r="MYZ663" s="613"/>
      <c r="MZA663" s="613"/>
      <c r="MZB663" s="613"/>
      <c r="MZC663" s="613"/>
      <c r="MZD663" s="613"/>
      <c r="MZE663" s="613"/>
      <c r="MZF663" s="613"/>
      <c r="MZG663" s="613"/>
      <c r="MZH663" s="613"/>
      <c r="MZI663" s="613"/>
      <c r="MZJ663" s="613"/>
      <c r="MZK663" s="613"/>
      <c r="MZL663" s="613"/>
      <c r="MZM663" s="613"/>
      <c r="MZN663" s="613"/>
      <c r="MZO663" s="613"/>
      <c r="MZP663" s="613"/>
      <c r="MZQ663" s="613"/>
      <c r="MZR663" s="613"/>
      <c r="MZS663" s="613"/>
      <c r="MZT663" s="613"/>
      <c r="MZU663" s="613"/>
      <c r="MZV663" s="613"/>
      <c r="MZW663" s="613"/>
      <c r="MZX663" s="613"/>
      <c r="MZY663" s="613"/>
      <c r="MZZ663" s="613"/>
      <c r="NAA663" s="613"/>
      <c r="NAB663" s="613"/>
      <c r="NAC663" s="613"/>
      <c r="NAD663" s="613"/>
      <c r="NAE663" s="613"/>
      <c r="NAF663" s="613"/>
      <c r="NAG663" s="613"/>
      <c r="NAH663" s="613"/>
      <c r="NAI663" s="613"/>
      <c r="NAJ663" s="613"/>
      <c r="NAK663" s="613"/>
      <c r="NAL663" s="613"/>
      <c r="NAM663" s="613"/>
      <c r="NAN663" s="613"/>
      <c r="NAO663" s="613"/>
      <c r="NAP663" s="613"/>
      <c r="NAQ663" s="613"/>
      <c r="NAR663" s="613"/>
      <c r="NAS663" s="613"/>
      <c r="NAT663" s="613"/>
      <c r="NAU663" s="613"/>
      <c r="NAV663" s="613"/>
      <c r="NAW663" s="613"/>
      <c r="NAX663" s="613"/>
      <c r="NAY663" s="613"/>
      <c r="NAZ663" s="613"/>
      <c r="NBA663" s="613"/>
      <c r="NBB663" s="613"/>
      <c r="NBC663" s="613"/>
      <c r="NBD663" s="613"/>
      <c r="NBE663" s="613"/>
      <c r="NBF663" s="613"/>
      <c r="NBG663" s="613"/>
      <c r="NBH663" s="613"/>
      <c r="NBI663" s="613"/>
      <c r="NBJ663" s="613"/>
      <c r="NBK663" s="613"/>
      <c r="NBL663" s="613"/>
      <c r="NBM663" s="613"/>
      <c r="NBN663" s="613"/>
      <c r="NBO663" s="613"/>
      <c r="NBP663" s="613"/>
      <c r="NBQ663" s="613"/>
      <c r="NBR663" s="613"/>
      <c r="NBS663" s="613"/>
      <c r="NBT663" s="613"/>
      <c r="NBU663" s="613"/>
      <c r="NBV663" s="613"/>
      <c r="NBW663" s="613"/>
      <c r="NBX663" s="613"/>
      <c r="NBY663" s="613"/>
      <c r="NBZ663" s="613"/>
      <c r="NCA663" s="613"/>
      <c r="NCB663" s="613"/>
      <c r="NCC663" s="613"/>
      <c r="NCD663" s="613"/>
      <c r="NCE663" s="613"/>
      <c r="NCF663" s="613"/>
      <c r="NCG663" s="613"/>
      <c r="NCH663" s="613"/>
      <c r="NCI663" s="613"/>
      <c r="NCJ663" s="613"/>
      <c r="NCK663" s="613"/>
      <c r="NCL663" s="613"/>
      <c r="NCM663" s="613"/>
      <c r="NCN663" s="613"/>
      <c r="NCO663" s="613"/>
      <c r="NCP663" s="613"/>
      <c r="NCQ663" s="613"/>
      <c r="NCR663" s="613"/>
      <c r="NCS663" s="613"/>
      <c r="NCT663" s="613"/>
      <c r="NCU663" s="613"/>
      <c r="NCV663" s="613"/>
      <c r="NCW663" s="613"/>
      <c r="NCX663" s="613"/>
      <c r="NCY663" s="613"/>
      <c r="NCZ663" s="613"/>
      <c r="NDA663" s="613"/>
      <c r="NDB663" s="613"/>
      <c r="NDC663" s="613"/>
      <c r="NDD663" s="613"/>
      <c r="NDE663" s="613"/>
      <c r="NDF663" s="613"/>
      <c r="NDG663" s="613"/>
      <c r="NDH663" s="613"/>
      <c r="NDI663" s="613"/>
      <c r="NDJ663" s="613"/>
      <c r="NDK663" s="613"/>
      <c r="NDL663" s="613"/>
      <c r="NDM663" s="613"/>
      <c r="NDN663" s="613"/>
      <c r="NDO663" s="613"/>
      <c r="NDP663" s="613"/>
      <c r="NDQ663" s="613"/>
      <c r="NDR663" s="613"/>
      <c r="NDS663" s="613"/>
      <c r="NDT663" s="613"/>
      <c r="NDU663" s="613"/>
      <c r="NDV663" s="613"/>
      <c r="NDW663" s="613"/>
      <c r="NDX663" s="613"/>
      <c r="NDY663" s="613"/>
      <c r="NDZ663" s="613"/>
      <c r="NEA663" s="613"/>
      <c r="NEB663" s="613"/>
      <c r="NEC663" s="613"/>
      <c r="NED663" s="613"/>
      <c r="NEE663" s="613"/>
      <c r="NEF663" s="613"/>
      <c r="NEG663" s="613"/>
      <c r="NEH663" s="613"/>
      <c r="NEI663" s="613"/>
      <c r="NEJ663" s="613"/>
      <c r="NEK663" s="613"/>
      <c r="NEL663" s="613"/>
      <c r="NEM663" s="613"/>
      <c r="NEN663" s="613"/>
      <c r="NEO663" s="613"/>
      <c r="NEP663" s="613"/>
      <c r="NEQ663" s="613"/>
      <c r="NER663" s="613"/>
      <c r="NES663" s="613"/>
      <c r="NET663" s="613"/>
      <c r="NEU663" s="613"/>
      <c r="NEV663" s="613"/>
      <c r="NEW663" s="613"/>
      <c r="NEX663" s="613"/>
      <c r="NEY663" s="613"/>
      <c r="NEZ663" s="613"/>
      <c r="NFA663" s="613"/>
      <c r="NFB663" s="613"/>
      <c r="NFC663" s="613"/>
      <c r="NFD663" s="613"/>
      <c r="NFE663" s="613"/>
      <c r="NFF663" s="613"/>
      <c r="NFG663" s="613"/>
      <c r="NFH663" s="613"/>
      <c r="NFI663" s="613"/>
      <c r="NFJ663" s="613"/>
      <c r="NFK663" s="613"/>
      <c r="NFL663" s="613"/>
      <c r="NFM663" s="613"/>
      <c r="NFN663" s="613"/>
      <c r="NFO663" s="613"/>
      <c r="NFP663" s="613"/>
      <c r="NFQ663" s="613"/>
      <c r="NFR663" s="613"/>
      <c r="NFS663" s="613"/>
      <c r="NFT663" s="613"/>
      <c r="NFU663" s="613"/>
      <c r="NFV663" s="613"/>
      <c r="NFW663" s="613"/>
      <c r="NFX663" s="613"/>
      <c r="NFY663" s="613"/>
      <c r="NFZ663" s="613"/>
      <c r="NGA663" s="613"/>
      <c r="NGB663" s="613"/>
      <c r="NGC663" s="613"/>
      <c r="NGD663" s="613"/>
      <c r="NGE663" s="613"/>
      <c r="NGF663" s="613"/>
      <c r="NGG663" s="613"/>
      <c r="NGH663" s="613"/>
      <c r="NGI663" s="613"/>
      <c r="NGJ663" s="613"/>
      <c r="NGK663" s="613"/>
      <c r="NGL663" s="613"/>
      <c r="NGM663" s="613"/>
      <c r="NGN663" s="613"/>
      <c r="NGO663" s="613"/>
      <c r="NGP663" s="613"/>
      <c r="NGQ663" s="613"/>
      <c r="NGR663" s="613"/>
      <c r="NGS663" s="613"/>
      <c r="NGT663" s="613"/>
      <c r="NGU663" s="613"/>
      <c r="NGV663" s="613"/>
      <c r="NGW663" s="613"/>
      <c r="NGX663" s="613"/>
      <c r="NGY663" s="613"/>
      <c r="NGZ663" s="613"/>
      <c r="NHA663" s="613"/>
      <c r="NHB663" s="613"/>
      <c r="NHC663" s="613"/>
      <c r="NHD663" s="613"/>
      <c r="NHE663" s="613"/>
      <c r="NHF663" s="613"/>
      <c r="NHG663" s="613"/>
      <c r="NHH663" s="613"/>
      <c r="NHI663" s="613"/>
      <c r="NHJ663" s="613"/>
      <c r="NHK663" s="613"/>
      <c r="NHL663" s="613"/>
      <c r="NHM663" s="613"/>
      <c r="NHN663" s="613"/>
      <c r="NHO663" s="613"/>
      <c r="NHP663" s="613"/>
      <c r="NHQ663" s="613"/>
      <c r="NHR663" s="613"/>
      <c r="NHS663" s="613"/>
      <c r="NHT663" s="613"/>
      <c r="NHU663" s="613"/>
      <c r="NHV663" s="613"/>
      <c r="NHW663" s="613"/>
      <c r="NHX663" s="613"/>
      <c r="NHY663" s="613"/>
      <c r="NHZ663" s="613"/>
      <c r="NIA663" s="613"/>
      <c r="NIB663" s="613"/>
      <c r="NIC663" s="613"/>
      <c r="NID663" s="613"/>
      <c r="NIE663" s="613"/>
      <c r="NIF663" s="613"/>
      <c r="NIG663" s="613"/>
      <c r="NIH663" s="613"/>
      <c r="NII663" s="613"/>
      <c r="NIJ663" s="613"/>
      <c r="NIK663" s="613"/>
      <c r="NIL663" s="613"/>
      <c r="NIM663" s="613"/>
      <c r="NIN663" s="613"/>
      <c r="NIO663" s="613"/>
      <c r="NIP663" s="613"/>
      <c r="NIQ663" s="613"/>
      <c r="NIR663" s="613"/>
      <c r="NIS663" s="613"/>
      <c r="NIT663" s="613"/>
      <c r="NIU663" s="613"/>
      <c r="NIV663" s="613"/>
      <c r="NIW663" s="613"/>
      <c r="NIX663" s="613"/>
      <c r="NIY663" s="613"/>
      <c r="NIZ663" s="613"/>
      <c r="NJA663" s="613"/>
      <c r="NJB663" s="613"/>
      <c r="NJC663" s="613"/>
      <c r="NJD663" s="613"/>
      <c r="NJE663" s="613"/>
      <c r="NJF663" s="613"/>
      <c r="NJG663" s="613"/>
      <c r="NJH663" s="613"/>
      <c r="NJI663" s="613"/>
      <c r="NJJ663" s="613"/>
      <c r="NJK663" s="613"/>
      <c r="NJL663" s="613"/>
      <c r="NJM663" s="613"/>
      <c r="NJN663" s="613"/>
      <c r="NJO663" s="613"/>
      <c r="NJP663" s="613"/>
      <c r="NJQ663" s="613"/>
      <c r="NJR663" s="613"/>
      <c r="NJS663" s="613"/>
      <c r="NJT663" s="613"/>
      <c r="NJU663" s="613"/>
      <c r="NJV663" s="613"/>
      <c r="NJW663" s="613"/>
      <c r="NJX663" s="613"/>
      <c r="NJY663" s="613"/>
      <c r="NJZ663" s="613"/>
      <c r="NKA663" s="613"/>
      <c r="NKB663" s="613"/>
      <c r="NKC663" s="613"/>
      <c r="NKD663" s="613"/>
      <c r="NKE663" s="613"/>
      <c r="NKF663" s="613"/>
      <c r="NKG663" s="613"/>
      <c r="NKH663" s="613"/>
      <c r="NKI663" s="613"/>
      <c r="NKJ663" s="613"/>
      <c r="NKK663" s="613"/>
      <c r="NKL663" s="613"/>
      <c r="NKM663" s="613"/>
      <c r="NKN663" s="613"/>
      <c r="NKO663" s="613"/>
      <c r="NKP663" s="613"/>
      <c r="NKQ663" s="613"/>
      <c r="NKR663" s="613"/>
      <c r="NKS663" s="613"/>
      <c r="NKT663" s="613"/>
      <c r="NKU663" s="613"/>
      <c r="NKV663" s="613"/>
      <c r="NKW663" s="613"/>
      <c r="NKX663" s="613"/>
      <c r="NKY663" s="613"/>
      <c r="NKZ663" s="613"/>
      <c r="NLA663" s="613"/>
      <c r="NLB663" s="613"/>
      <c r="NLC663" s="613"/>
      <c r="NLD663" s="613"/>
      <c r="NLE663" s="613"/>
      <c r="NLF663" s="613"/>
      <c r="NLG663" s="613"/>
      <c r="NLH663" s="613"/>
      <c r="NLI663" s="613"/>
      <c r="NLJ663" s="613"/>
      <c r="NLK663" s="613"/>
      <c r="NLL663" s="613"/>
      <c r="NLM663" s="613"/>
      <c r="NLN663" s="613"/>
      <c r="NLO663" s="613"/>
      <c r="NLP663" s="613"/>
      <c r="NLQ663" s="613"/>
      <c r="NLR663" s="613"/>
      <c r="NLS663" s="613"/>
      <c r="NLT663" s="613"/>
      <c r="NLU663" s="613"/>
      <c r="NLV663" s="613"/>
      <c r="NLW663" s="613"/>
      <c r="NLX663" s="613"/>
      <c r="NLY663" s="613"/>
      <c r="NLZ663" s="613"/>
      <c r="NMA663" s="613"/>
      <c r="NMB663" s="613"/>
      <c r="NMC663" s="613"/>
      <c r="NMD663" s="613"/>
      <c r="NME663" s="613"/>
      <c r="NMF663" s="613"/>
      <c r="NMG663" s="613"/>
      <c r="NMH663" s="613"/>
      <c r="NMI663" s="613"/>
      <c r="NMJ663" s="613"/>
      <c r="NMK663" s="613"/>
      <c r="NML663" s="613"/>
      <c r="NMM663" s="613"/>
      <c r="NMN663" s="613"/>
      <c r="NMO663" s="613"/>
      <c r="NMP663" s="613"/>
      <c r="NMQ663" s="613"/>
      <c r="NMR663" s="613"/>
      <c r="NMS663" s="613"/>
      <c r="NMT663" s="613"/>
      <c r="NMU663" s="613"/>
      <c r="NMV663" s="613"/>
      <c r="NMW663" s="613"/>
      <c r="NMX663" s="613"/>
      <c r="NMY663" s="613"/>
      <c r="NMZ663" s="613"/>
      <c r="NNA663" s="613"/>
      <c r="NNB663" s="613"/>
      <c r="NNC663" s="613"/>
      <c r="NND663" s="613"/>
      <c r="NNE663" s="613"/>
      <c r="NNF663" s="613"/>
      <c r="NNG663" s="613"/>
      <c r="NNH663" s="613"/>
      <c r="NNI663" s="613"/>
      <c r="NNJ663" s="613"/>
      <c r="NNK663" s="613"/>
      <c r="NNL663" s="613"/>
      <c r="NNM663" s="613"/>
      <c r="NNN663" s="613"/>
      <c r="NNO663" s="613"/>
      <c r="NNP663" s="613"/>
      <c r="NNQ663" s="613"/>
      <c r="NNR663" s="613"/>
      <c r="NNS663" s="613"/>
      <c r="NNT663" s="613"/>
      <c r="NNU663" s="613"/>
      <c r="NNV663" s="613"/>
      <c r="NNW663" s="613"/>
      <c r="NNX663" s="613"/>
      <c r="NNY663" s="613"/>
      <c r="NNZ663" s="613"/>
      <c r="NOA663" s="613"/>
      <c r="NOB663" s="613"/>
      <c r="NOC663" s="613"/>
      <c r="NOD663" s="613"/>
      <c r="NOE663" s="613"/>
      <c r="NOF663" s="613"/>
      <c r="NOG663" s="613"/>
      <c r="NOH663" s="613"/>
      <c r="NOI663" s="613"/>
      <c r="NOJ663" s="613"/>
      <c r="NOK663" s="613"/>
      <c r="NOL663" s="613"/>
      <c r="NOM663" s="613"/>
      <c r="NON663" s="613"/>
      <c r="NOO663" s="613"/>
      <c r="NOP663" s="613"/>
      <c r="NOQ663" s="613"/>
      <c r="NOR663" s="613"/>
      <c r="NOS663" s="613"/>
      <c r="NOT663" s="613"/>
      <c r="NOU663" s="613"/>
      <c r="NOV663" s="613"/>
      <c r="NOW663" s="613"/>
      <c r="NOX663" s="613"/>
      <c r="NOY663" s="613"/>
      <c r="NOZ663" s="613"/>
      <c r="NPA663" s="613"/>
      <c r="NPB663" s="613"/>
      <c r="NPC663" s="613"/>
      <c r="NPD663" s="613"/>
      <c r="NPE663" s="613"/>
      <c r="NPF663" s="613"/>
      <c r="NPG663" s="613"/>
      <c r="NPH663" s="613"/>
      <c r="NPI663" s="613"/>
      <c r="NPJ663" s="613"/>
      <c r="NPK663" s="613"/>
      <c r="NPL663" s="613"/>
      <c r="NPM663" s="613"/>
      <c r="NPN663" s="613"/>
      <c r="NPO663" s="613"/>
      <c r="NPP663" s="613"/>
      <c r="NPQ663" s="613"/>
      <c r="NPR663" s="613"/>
      <c r="NPS663" s="613"/>
      <c r="NPT663" s="613"/>
      <c r="NPU663" s="613"/>
      <c r="NPV663" s="613"/>
      <c r="NPW663" s="613"/>
      <c r="NPX663" s="613"/>
      <c r="NPY663" s="613"/>
      <c r="NPZ663" s="613"/>
      <c r="NQA663" s="613"/>
      <c r="NQB663" s="613"/>
      <c r="NQC663" s="613"/>
      <c r="NQD663" s="613"/>
      <c r="NQE663" s="613"/>
      <c r="NQF663" s="613"/>
      <c r="NQG663" s="613"/>
      <c r="NQH663" s="613"/>
      <c r="NQI663" s="613"/>
      <c r="NQJ663" s="613"/>
      <c r="NQK663" s="613"/>
      <c r="NQL663" s="613"/>
      <c r="NQM663" s="613"/>
      <c r="NQN663" s="613"/>
      <c r="NQO663" s="613"/>
      <c r="NQP663" s="613"/>
      <c r="NQQ663" s="613"/>
      <c r="NQR663" s="613"/>
      <c r="NQS663" s="613"/>
      <c r="NQT663" s="613"/>
      <c r="NQU663" s="613"/>
      <c r="NQV663" s="613"/>
      <c r="NQW663" s="613"/>
      <c r="NQX663" s="613"/>
      <c r="NQY663" s="613"/>
      <c r="NQZ663" s="613"/>
      <c r="NRA663" s="613"/>
      <c r="NRB663" s="613"/>
      <c r="NRC663" s="613"/>
      <c r="NRD663" s="613"/>
      <c r="NRE663" s="613"/>
      <c r="NRF663" s="613"/>
      <c r="NRG663" s="613"/>
      <c r="NRH663" s="613"/>
      <c r="NRI663" s="613"/>
      <c r="NRJ663" s="613"/>
      <c r="NRK663" s="613"/>
      <c r="NRL663" s="613"/>
      <c r="NRM663" s="613"/>
      <c r="NRN663" s="613"/>
      <c r="NRO663" s="613"/>
      <c r="NRP663" s="613"/>
      <c r="NRQ663" s="613"/>
      <c r="NRR663" s="613"/>
      <c r="NRS663" s="613"/>
      <c r="NRT663" s="613"/>
      <c r="NRU663" s="613"/>
      <c r="NRV663" s="613"/>
      <c r="NRW663" s="613"/>
      <c r="NRX663" s="613"/>
      <c r="NRY663" s="613"/>
      <c r="NRZ663" s="613"/>
      <c r="NSA663" s="613"/>
      <c r="NSB663" s="613"/>
      <c r="NSC663" s="613"/>
      <c r="NSD663" s="613"/>
      <c r="NSE663" s="613"/>
      <c r="NSF663" s="613"/>
      <c r="NSG663" s="613"/>
      <c r="NSH663" s="613"/>
      <c r="NSI663" s="613"/>
      <c r="NSJ663" s="613"/>
      <c r="NSK663" s="613"/>
      <c r="NSL663" s="613"/>
      <c r="NSM663" s="613"/>
      <c r="NSN663" s="613"/>
      <c r="NSO663" s="613"/>
      <c r="NSP663" s="613"/>
      <c r="NSQ663" s="613"/>
      <c r="NSR663" s="613"/>
      <c r="NSS663" s="613"/>
      <c r="NST663" s="613"/>
      <c r="NSU663" s="613"/>
      <c r="NSV663" s="613"/>
      <c r="NSW663" s="613"/>
      <c r="NSX663" s="613"/>
      <c r="NSY663" s="613"/>
      <c r="NSZ663" s="613"/>
      <c r="NTA663" s="613"/>
      <c r="NTB663" s="613"/>
      <c r="NTC663" s="613"/>
      <c r="NTD663" s="613"/>
      <c r="NTE663" s="613"/>
      <c r="NTF663" s="613"/>
      <c r="NTG663" s="613"/>
      <c r="NTH663" s="613"/>
      <c r="NTI663" s="613"/>
      <c r="NTJ663" s="613"/>
      <c r="NTK663" s="613"/>
      <c r="NTL663" s="613"/>
      <c r="NTM663" s="613"/>
      <c r="NTN663" s="613"/>
      <c r="NTO663" s="613"/>
      <c r="NTP663" s="613"/>
      <c r="NTQ663" s="613"/>
      <c r="NTR663" s="613"/>
      <c r="NTS663" s="613"/>
      <c r="NTT663" s="613"/>
      <c r="NTU663" s="613"/>
      <c r="NTV663" s="613"/>
      <c r="NTW663" s="613"/>
      <c r="NTX663" s="613"/>
      <c r="NTY663" s="613"/>
      <c r="NTZ663" s="613"/>
      <c r="NUA663" s="613"/>
      <c r="NUB663" s="613"/>
      <c r="NUC663" s="613"/>
      <c r="NUD663" s="613"/>
      <c r="NUE663" s="613"/>
      <c r="NUF663" s="613"/>
      <c r="NUG663" s="613"/>
      <c r="NUH663" s="613"/>
      <c r="NUI663" s="613"/>
      <c r="NUJ663" s="613"/>
      <c r="NUK663" s="613"/>
      <c r="NUL663" s="613"/>
      <c r="NUM663" s="613"/>
      <c r="NUN663" s="613"/>
      <c r="NUO663" s="613"/>
      <c r="NUP663" s="613"/>
      <c r="NUQ663" s="613"/>
      <c r="NUR663" s="613"/>
      <c r="NUS663" s="613"/>
      <c r="NUT663" s="613"/>
      <c r="NUU663" s="613"/>
      <c r="NUV663" s="613"/>
      <c r="NUW663" s="613"/>
      <c r="NUX663" s="613"/>
      <c r="NUY663" s="613"/>
      <c r="NUZ663" s="613"/>
      <c r="NVA663" s="613"/>
      <c r="NVB663" s="613"/>
      <c r="NVC663" s="613"/>
      <c r="NVD663" s="613"/>
      <c r="NVE663" s="613"/>
      <c r="NVF663" s="613"/>
      <c r="NVG663" s="613"/>
      <c r="NVH663" s="613"/>
      <c r="NVI663" s="613"/>
      <c r="NVJ663" s="613"/>
      <c r="NVK663" s="613"/>
      <c r="NVL663" s="613"/>
      <c r="NVM663" s="613"/>
      <c r="NVN663" s="613"/>
      <c r="NVO663" s="613"/>
      <c r="NVP663" s="613"/>
      <c r="NVQ663" s="613"/>
      <c r="NVR663" s="613"/>
      <c r="NVS663" s="613"/>
      <c r="NVT663" s="613"/>
      <c r="NVU663" s="613"/>
      <c r="NVV663" s="613"/>
      <c r="NVW663" s="613"/>
      <c r="NVX663" s="613"/>
      <c r="NVY663" s="613"/>
      <c r="NVZ663" s="613"/>
      <c r="NWA663" s="613"/>
      <c r="NWB663" s="613"/>
      <c r="NWC663" s="613"/>
      <c r="NWD663" s="613"/>
      <c r="NWE663" s="613"/>
      <c r="NWF663" s="613"/>
      <c r="NWG663" s="613"/>
      <c r="NWH663" s="613"/>
      <c r="NWI663" s="613"/>
      <c r="NWJ663" s="613"/>
      <c r="NWK663" s="613"/>
      <c r="NWL663" s="613"/>
      <c r="NWM663" s="613"/>
      <c r="NWN663" s="613"/>
      <c r="NWO663" s="613"/>
      <c r="NWP663" s="613"/>
      <c r="NWQ663" s="613"/>
      <c r="NWR663" s="613"/>
      <c r="NWS663" s="613"/>
      <c r="NWT663" s="613"/>
      <c r="NWU663" s="613"/>
      <c r="NWV663" s="613"/>
      <c r="NWW663" s="613"/>
      <c r="NWX663" s="613"/>
      <c r="NWY663" s="613"/>
      <c r="NWZ663" s="613"/>
      <c r="NXA663" s="613"/>
      <c r="NXB663" s="613"/>
      <c r="NXC663" s="613"/>
      <c r="NXD663" s="613"/>
      <c r="NXE663" s="613"/>
      <c r="NXF663" s="613"/>
      <c r="NXG663" s="613"/>
      <c r="NXH663" s="613"/>
      <c r="NXI663" s="613"/>
      <c r="NXJ663" s="613"/>
      <c r="NXK663" s="613"/>
      <c r="NXL663" s="613"/>
      <c r="NXM663" s="613"/>
      <c r="NXN663" s="613"/>
      <c r="NXO663" s="613"/>
      <c r="NXP663" s="613"/>
      <c r="NXQ663" s="613"/>
      <c r="NXR663" s="613"/>
      <c r="NXS663" s="613"/>
      <c r="NXT663" s="613"/>
      <c r="NXU663" s="613"/>
      <c r="NXV663" s="613"/>
      <c r="NXW663" s="613"/>
      <c r="NXX663" s="613"/>
      <c r="NXY663" s="613"/>
      <c r="NXZ663" s="613"/>
      <c r="NYA663" s="613"/>
      <c r="NYB663" s="613"/>
      <c r="NYC663" s="613"/>
      <c r="NYD663" s="613"/>
      <c r="NYE663" s="613"/>
      <c r="NYF663" s="613"/>
      <c r="NYG663" s="613"/>
      <c r="NYH663" s="613"/>
      <c r="NYI663" s="613"/>
      <c r="NYJ663" s="613"/>
      <c r="NYK663" s="613"/>
      <c r="NYL663" s="613"/>
      <c r="NYM663" s="613"/>
      <c r="NYN663" s="613"/>
      <c r="NYO663" s="613"/>
      <c r="NYP663" s="613"/>
      <c r="NYQ663" s="613"/>
      <c r="NYR663" s="613"/>
      <c r="NYS663" s="613"/>
      <c r="NYT663" s="613"/>
      <c r="NYU663" s="613"/>
      <c r="NYV663" s="613"/>
      <c r="NYW663" s="613"/>
      <c r="NYX663" s="613"/>
      <c r="NYY663" s="613"/>
      <c r="NYZ663" s="613"/>
      <c r="NZA663" s="613"/>
      <c r="NZB663" s="613"/>
      <c r="NZC663" s="613"/>
      <c r="NZD663" s="613"/>
      <c r="NZE663" s="613"/>
      <c r="NZF663" s="613"/>
      <c r="NZG663" s="613"/>
      <c r="NZH663" s="613"/>
      <c r="NZI663" s="613"/>
      <c r="NZJ663" s="613"/>
      <c r="NZK663" s="613"/>
      <c r="NZL663" s="613"/>
      <c r="NZM663" s="613"/>
      <c r="NZN663" s="613"/>
      <c r="NZO663" s="613"/>
      <c r="NZP663" s="613"/>
      <c r="NZQ663" s="613"/>
      <c r="NZR663" s="613"/>
      <c r="NZS663" s="613"/>
      <c r="NZT663" s="613"/>
      <c r="NZU663" s="613"/>
      <c r="NZV663" s="613"/>
      <c r="NZW663" s="613"/>
      <c r="NZX663" s="613"/>
      <c r="NZY663" s="613"/>
      <c r="NZZ663" s="613"/>
      <c r="OAA663" s="613"/>
      <c r="OAB663" s="613"/>
      <c r="OAC663" s="613"/>
      <c r="OAD663" s="613"/>
      <c r="OAE663" s="613"/>
      <c r="OAF663" s="613"/>
      <c r="OAG663" s="613"/>
      <c r="OAH663" s="613"/>
      <c r="OAI663" s="613"/>
      <c r="OAJ663" s="613"/>
      <c r="OAK663" s="613"/>
      <c r="OAL663" s="613"/>
      <c r="OAM663" s="613"/>
      <c r="OAN663" s="613"/>
      <c r="OAO663" s="613"/>
      <c r="OAP663" s="613"/>
      <c r="OAQ663" s="613"/>
      <c r="OAR663" s="613"/>
      <c r="OAS663" s="613"/>
      <c r="OAT663" s="613"/>
      <c r="OAU663" s="613"/>
      <c r="OAV663" s="613"/>
      <c r="OAW663" s="613"/>
      <c r="OAX663" s="613"/>
      <c r="OAY663" s="613"/>
      <c r="OAZ663" s="613"/>
      <c r="OBA663" s="613"/>
      <c r="OBB663" s="613"/>
      <c r="OBC663" s="613"/>
      <c r="OBD663" s="613"/>
      <c r="OBE663" s="613"/>
      <c r="OBF663" s="613"/>
      <c r="OBG663" s="613"/>
      <c r="OBH663" s="613"/>
      <c r="OBI663" s="613"/>
      <c r="OBJ663" s="613"/>
      <c r="OBK663" s="613"/>
      <c r="OBL663" s="613"/>
      <c r="OBM663" s="613"/>
      <c r="OBN663" s="613"/>
      <c r="OBO663" s="613"/>
      <c r="OBP663" s="613"/>
      <c r="OBQ663" s="613"/>
      <c r="OBR663" s="613"/>
      <c r="OBS663" s="613"/>
      <c r="OBT663" s="613"/>
      <c r="OBU663" s="613"/>
      <c r="OBV663" s="613"/>
      <c r="OBW663" s="613"/>
      <c r="OBX663" s="613"/>
      <c r="OBY663" s="613"/>
      <c r="OBZ663" s="613"/>
      <c r="OCA663" s="613"/>
      <c r="OCB663" s="613"/>
      <c r="OCC663" s="613"/>
      <c r="OCD663" s="613"/>
      <c r="OCE663" s="613"/>
      <c r="OCF663" s="613"/>
      <c r="OCG663" s="613"/>
      <c r="OCH663" s="613"/>
      <c r="OCI663" s="613"/>
      <c r="OCJ663" s="613"/>
      <c r="OCK663" s="613"/>
      <c r="OCL663" s="613"/>
      <c r="OCM663" s="613"/>
      <c r="OCN663" s="613"/>
      <c r="OCO663" s="613"/>
      <c r="OCP663" s="613"/>
      <c r="OCQ663" s="613"/>
      <c r="OCR663" s="613"/>
      <c r="OCS663" s="613"/>
      <c r="OCT663" s="613"/>
      <c r="OCU663" s="613"/>
      <c r="OCV663" s="613"/>
      <c r="OCW663" s="613"/>
      <c r="OCX663" s="613"/>
      <c r="OCY663" s="613"/>
      <c r="OCZ663" s="613"/>
      <c r="ODA663" s="613"/>
      <c r="ODB663" s="613"/>
      <c r="ODC663" s="613"/>
      <c r="ODD663" s="613"/>
      <c r="ODE663" s="613"/>
      <c r="ODF663" s="613"/>
      <c r="ODG663" s="613"/>
      <c r="ODH663" s="613"/>
      <c r="ODI663" s="613"/>
      <c r="ODJ663" s="613"/>
      <c r="ODK663" s="613"/>
      <c r="ODL663" s="613"/>
      <c r="ODM663" s="613"/>
      <c r="ODN663" s="613"/>
      <c r="ODO663" s="613"/>
      <c r="ODP663" s="613"/>
      <c r="ODQ663" s="613"/>
      <c r="ODR663" s="613"/>
      <c r="ODS663" s="613"/>
      <c r="ODT663" s="613"/>
      <c r="ODU663" s="613"/>
      <c r="ODV663" s="613"/>
      <c r="ODW663" s="613"/>
      <c r="ODX663" s="613"/>
      <c r="ODY663" s="613"/>
      <c r="ODZ663" s="613"/>
      <c r="OEA663" s="613"/>
      <c r="OEB663" s="613"/>
      <c r="OEC663" s="613"/>
      <c r="OED663" s="613"/>
      <c r="OEE663" s="613"/>
      <c r="OEF663" s="613"/>
      <c r="OEG663" s="613"/>
      <c r="OEH663" s="613"/>
      <c r="OEI663" s="613"/>
      <c r="OEJ663" s="613"/>
      <c r="OEK663" s="613"/>
      <c r="OEL663" s="613"/>
      <c r="OEM663" s="613"/>
      <c r="OEN663" s="613"/>
      <c r="OEO663" s="613"/>
      <c r="OEP663" s="613"/>
      <c r="OEQ663" s="613"/>
      <c r="OER663" s="613"/>
      <c r="OES663" s="613"/>
      <c r="OET663" s="613"/>
      <c r="OEU663" s="613"/>
      <c r="OEV663" s="613"/>
      <c r="OEW663" s="613"/>
      <c r="OEX663" s="613"/>
      <c r="OEY663" s="613"/>
      <c r="OEZ663" s="613"/>
      <c r="OFA663" s="613"/>
      <c r="OFB663" s="613"/>
      <c r="OFC663" s="613"/>
      <c r="OFD663" s="613"/>
      <c r="OFE663" s="613"/>
      <c r="OFF663" s="613"/>
      <c r="OFG663" s="613"/>
      <c r="OFH663" s="613"/>
      <c r="OFI663" s="613"/>
      <c r="OFJ663" s="613"/>
      <c r="OFK663" s="613"/>
      <c r="OFL663" s="613"/>
      <c r="OFM663" s="613"/>
      <c r="OFN663" s="613"/>
      <c r="OFO663" s="613"/>
      <c r="OFP663" s="613"/>
      <c r="OFQ663" s="613"/>
      <c r="OFR663" s="613"/>
      <c r="OFS663" s="613"/>
      <c r="OFT663" s="613"/>
      <c r="OFU663" s="613"/>
      <c r="OFV663" s="613"/>
      <c r="OFW663" s="613"/>
      <c r="OFX663" s="613"/>
      <c r="OFY663" s="613"/>
      <c r="OFZ663" s="613"/>
      <c r="OGA663" s="613"/>
      <c r="OGB663" s="613"/>
      <c r="OGC663" s="613"/>
      <c r="OGD663" s="613"/>
      <c r="OGE663" s="613"/>
      <c r="OGF663" s="613"/>
      <c r="OGG663" s="613"/>
      <c r="OGH663" s="613"/>
      <c r="OGI663" s="613"/>
      <c r="OGJ663" s="613"/>
      <c r="OGK663" s="613"/>
      <c r="OGL663" s="613"/>
      <c r="OGM663" s="613"/>
      <c r="OGN663" s="613"/>
      <c r="OGO663" s="613"/>
      <c r="OGP663" s="613"/>
      <c r="OGQ663" s="613"/>
      <c r="OGR663" s="613"/>
      <c r="OGS663" s="613"/>
      <c r="OGT663" s="613"/>
      <c r="OGU663" s="613"/>
      <c r="OGV663" s="613"/>
      <c r="OGW663" s="613"/>
      <c r="OGX663" s="613"/>
      <c r="OGY663" s="613"/>
      <c r="OGZ663" s="613"/>
      <c r="OHA663" s="613"/>
      <c r="OHB663" s="613"/>
      <c r="OHC663" s="613"/>
      <c r="OHD663" s="613"/>
      <c r="OHE663" s="613"/>
      <c r="OHF663" s="613"/>
      <c r="OHG663" s="613"/>
      <c r="OHH663" s="613"/>
      <c r="OHI663" s="613"/>
      <c r="OHJ663" s="613"/>
      <c r="OHK663" s="613"/>
      <c r="OHL663" s="613"/>
      <c r="OHM663" s="613"/>
      <c r="OHN663" s="613"/>
      <c r="OHO663" s="613"/>
      <c r="OHP663" s="613"/>
      <c r="OHQ663" s="613"/>
      <c r="OHR663" s="613"/>
      <c r="OHS663" s="613"/>
      <c r="OHT663" s="613"/>
      <c r="OHU663" s="613"/>
      <c r="OHV663" s="613"/>
      <c r="OHW663" s="613"/>
      <c r="OHX663" s="613"/>
      <c r="OHY663" s="613"/>
      <c r="OHZ663" s="613"/>
      <c r="OIA663" s="613"/>
      <c r="OIB663" s="613"/>
      <c r="OIC663" s="613"/>
      <c r="OID663" s="613"/>
      <c r="OIE663" s="613"/>
      <c r="OIF663" s="613"/>
      <c r="OIG663" s="613"/>
      <c r="OIH663" s="613"/>
      <c r="OII663" s="613"/>
      <c r="OIJ663" s="613"/>
      <c r="OIK663" s="613"/>
      <c r="OIL663" s="613"/>
      <c r="OIM663" s="613"/>
      <c r="OIN663" s="613"/>
      <c r="OIO663" s="613"/>
      <c r="OIP663" s="613"/>
      <c r="OIQ663" s="613"/>
      <c r="OIR663" s="613"/>
      <c r="OIS663" s="613"/>
      <c r="OIT663" s="613"/>
      <c r="OIU663" s="613"/>
      <c r="OIV663" s="613"/>
      <c r="OIW663" s="613"/>
      <c r="OIX663" s="613"/>
      <c r="OIY663" s="613"/>
      <c r="OIZ663" s="613"/>
      <c r="OJA663" s="613"/>
      <c r="OJB663" s="613"/>
      <c r="OJC663" s="613"/>
      <c r="OJD663" s="613"/>
      <c r="OJE663" s="613"/>
      <c r="OJF663" s="613"/>
      <c r="OJG663" s="613"/>
      <c r="OJH663" s="613"/>
      <c r="OJI663" s="613"/>
      <c r="OJJ663" s="613"/>
      <c r="OJK663" s="613"/>
      <c r="OJL663" s="613"/>
      <c r="OJM663" s="613"/>
      <c r="OJN663" s="613"/>
      <c r="OJO663" s="613"/>
      <c r="OJP663" s="613"/>
      <c r="OJQ663" s="613"/>
      <c r="OJR663" s="613"/>
      <c r="OJS663" s="613"/>
      <c r="OJT663" s="613"/>
      <c r="OJU663" s="613"/>
      <c r="OJV663" s="613"/>
      <c r="OJW663" s="613"/>
      <c r="OJX663" s="613"/>
      <c r="OJY663" s="613"/>
      <c r="OJZ663" s="613"/>
      <c r="OKA663" s="613"/>
      <c r="OKB663" s="613"/>
      <c r="OKC663" s="613"/>
      <c r="OKD663" s="613"/>
      <c r="OKE663" s="613"/>
      <c r="OKF663" s="613"/>
      <c r="OKG663" s="613"/>
      <c r="OKH663" s="613"/>
      <c r="OKI663" s="613"/>
      <c r="OKJ663" s="613"/>
      <c r="OKK663" s="613"/>
      <c r="OKL663" s="613"/>
      <c r="OKM663" s="613"/>
      <c r="OKN663" s="613"/>
      <c r="OKO663" s="613"/>
      <c r="OKP663" s="613"/>
      <c r="OKQ663" s="613"/>
      <c r="OKR663" s="613"/>
      <c r="OKS663" s="613"/>
      <c r="OKT663" s="613"/>
      <c r="OKU663" s="613"/>
      <c r="OKV663" s="613"/>
      <c r="OKW663" s="613"/>
      <c r="OKX663" s="613"/>
      <c r="OKY663" s="613"/>
      <c r="OKZ663" s="613"/>
      <c r="OLA663" s="613"/>
      <c r="OLB663" s="613"/>
      <c r="OLC663" s="613"/>
      <c r="OLD663" s="613"/>
      <c r="OLE663" s="613"/>
      <c r="OLF663" s="613"/>
      <c r="OLG663" s="613"/>
      <c r="OLH663" s="613"/>
      <c r="OLI663" s="613"/>
      <c r="OLJ663" s="613"/>
      <c r="OLK663" s="613"/>
      <c r="OLL663" s="613"/>
      <c r="OLM663" s="613"/>
      <c r="OLN663" s="613"/>
      <c r="OLO663" s="613"/>
      <c r="OLP663" s="613"/>
      <c r="OLQ663" s="613"/>
      <c r="OLR663" s="613"/>
      <c r="OLS663" s="613"/>
      <c r="OLT663" s="613"/>
      <c r="OLU663" s="613"/>
      <c r="OLV663" s="613"/>
      <c r="OLW663" s="613"/>
      <c r="OLX663" s="613"/>
      <c r="OLY663" s="613"/>
      <c r="OLZ663" s="613"/>
      <c r="OMA663" s="613"/>
      <c r="OMB663" s="613"/>
      <c r="OMC663" s="613"/>
      <c r="OMD663" s="613"/>
      <c r="OME663" s="613"/>
      <c r="OMF663" s="613"/>
      <c r="OMG663" s="613"/>
      <c r="OMH663" s="613"/>
      <c r="OMI663" s="613"/>
      <c r="OMJ663" s="613"/>
      <c r="OMK663" s="613"/>
      <c r="OML663" s="613"/>
      <c r="OMM663" s="613"/>
      <c r="OMN663" s="613"/>
      <c r="OMO663" s="613"/>
      <c r="OMP663" s="613"/>
      <c r="OMQ663" s="613"/>
      <c r="OMR663" s="613"/>
      <c r="OMS663" s="613"/>
      <c r="OMT663" s="613"/>
      <c r="OMU663" s="613"/>
      <c r="OMV663" s="613"/>
      <c r="OMW663" s="613"/>
      <c r="OMX663" s="613"/>
      <c r="OMY663" s="613"/>
      <c r="OMZ663" s="613"/>
      <c r="ONA663" s="613"/>
      <c r="ONB663" s="613"/>
      <c r="ONC663" s="613"/>
      <c r="OND663" s="613"/>
      <c r="ONE663" s="613"/>
      <c r="ONF663" s="613"/>
      <c r="ONG663" s="613"/>
      <c r="ONH663" s="613"/>
      <c r="ONI663" s="613"/>
      <c r="ONJ663" s="613"/>
      <c r="ONK663" s="613"/>
      <c r="ONL663" s="613"/>
      <c r="ONM663" s="613"/>
      <c r="ONN663" s="613"/>
      <c r="ONO663" s="613"/>
      <c r="ONP663" s="613"/>
      <c r="ONQ663" s="613"/>
      <c r="ONR663" s="613"/>
      <c r="ONS663" s="613"/>
      <c r="ONT663" s="613"/>
      <c r="ONU663" s="613"/>
      <c r="ONV663" s="613"/>
      <c r="ONW663" s="613"/>
      <c r="ONX663" s="613"/>
      <c r="ONY663" s="613"/>
      <c r="ONZ663" s="613"/>
      <c r="OOA663" s="613"/>
      <c r="OOB663" s="613"/>
      <c r="OOC663" s="613"/>
      <c r="OOD663" s="613"/>
      <c r="OOE663" s="613"/>
      <c r="OOF663" s="613"/>
      <c r="OOG663" s="613"/>
      <c r="OOH663" s="613"/>
      <c r="OOI663" s="613"/>
      <c r="OOJ663" s="613"/>
      <c r="OOK663" s="613"/>
      <c r="OOL663" s="613"/>
      <c r="OOM663" s="613"/>
      <c r="OON663" s="613"/>
      <c r="OOO663" s="613"/>
      <c r="OOP663" s="613"/>
      <c r="OOQ663" s="613"/>
      <c r="OOR663" s="613"/>
      <c r="OOS663" s="613"/>
      <c r="OOT663" s="613"/>
      <c r="OOU663" s="613"/>
      <c r="OOV663" s="613"/>
      <c r="OOW663" s="613"/>
      <c r="OOX663" s="613"/>
      <c r="OOY663" s="613"/>
      <c r="OOZ663" s="613"/>
      <c r="OPA663" s="613"/>
      <c r="OPB663" s="613"/>
      <c r="OPC663" s="613"/>
      <c r="OPD663" s="613"/>
      <c r="OPE663" s="613"/>
      <c r="OPF663" s="613"/>
      <c r="OPG663" s="613"/>
      <c r="OPH663" s="613"/>
      <c r="OPI663" s="613"/>
      <c r="OPJ663" s="613"/>
      <c r="OPK663" s="613"/>
      <c r="OPL663" s="613"/>
      <c r="OPM663" s="613"/>
      <c r="OPN663" s="613"/>
      <c r="OPO663" s="613"/>
      <c r="OPP663" s="613"/>
      <c r="OPQ663" s="613"/>
      <c r="OPR663" s="613"/>
      <c r="OPS663" s="613"/>
      <c r="OPT663" s="613"/>
      <c r="OPU663" s="613"/>
      <c r="OPV663" s="613"/>
      <c r="OPW663" s="613"/>
      <c r="OPX663" s="613"/>
      <c r="OPY663" s="613"/>
      <c r="OPZ663" s="613"/>
      <c r="OQA663" s="613"/>
      <c r="OQB663" s="613"/>
      <c r="OQC663" s="613"/>
      <c r="OQD663" s="613"/>
      <c r="OQE663" s="613"/>
      <c r="OQF663" s="613"/>
      <c r="OQG663" s="613"/>
      <c r="OQH663" s="613"/>
      <c r="OQI663" s="613"/>
      <c r="OQJ663" s="613"/>
      <c r="OQK663" s="613"/>
      <c r="OQL663" s="613"/>
      <c r="OQM663" s="613"/>
      <c r="OQN663" s="613"/>
      <c r="OQO663" s="613"/>
      <c r="OQP663" s="613"/>
      <c r="OQQ663" s="613"/>
      <c r="OQR663" s="613"/>
      <c r="OQS663" s="613"/>
      <c r="OQT663" s="613"/>
      <c r="OQU663" s="613"/>
      <c r="OQV663" s="613"/>
      <c r="OQW663" s="613"/>
      <c r="OQX663" s="613"/>
      <c r="OQY663" s="613"/>
      <c r="OQZ663" s="613"/>
      <c r="ORA663" s="613"/>
      <c r="ORB663" s="613"/>
      <c r="ORC663" s="613"/>
      <c r="ORD663" s="613"/>
      <c r="ORE663" s="613"/>
      <c r="ORF663" s="613"/>
      <c r="ORG663" s="613"/>
      <c r="ORH663" s="613"/>
      <c r="ORI663" s="613"/>
      <c r="ORJ663" s="613"/>
      <c r="ORK663" s="613"/>
      <c r="ORL663" s="613"/>
      <c r="ORM663" s="613"/>
      <c r="ORN663" s="613"/>
      <c r="ORO663" s="613"/>
      <c r="ORP663" s="613"/>
      <c r="ORQ663" s="613"/>
      <c r="ORR663" s="613"/>
      <c r="ORS663" s="613"/>
      <c r="ORT663" s="613"/>
      <c r="ORU663" s="613"/>
      <c r="ORV663" s="613"/>
      <c r="ORW663" s="613"/>
      <c r="ORX663" s="613"/>
      <c r="ORY663" s="613"/>
      <c r="ORZ663" s="613"/>
      <c r="OSA663" s="613"/>
      <c r="OSB663" s="613"/>
      <c r="OSC663" s="613"/>
      <c r="OSD663" s="613"/>
      <c r="OSE663" s="613"/>
      <c r="OSF663" s="613"/>
      <c r="OSG663" s="613"/>
      <c r="OSH663" s="613"/>
      <c r="OSI663" s="613"/>
      <c r="OSJ663" s="613"/>
      <c r="OSK663" s="613"/>
      <c r="OSL663" s="613"/>
      <c r="OSM663" s="613"/>
      <c r="OSN663" s="613"/>
      <c r="OSO663" s="613"/>
      <c r="OSP663" s="613"/>
      <c r="OSQ663" s="613"/>
      <c r="OSR663" s="613"/>
      <c r="OSS663" s="613"/>
      <c r="OST663" s="613"/>
      <c r="OSU663" s="613"/>
      <c r="OSV663" s="613"/>
      <c r="OSW663" s="613"/>
      <c r="OSX663" s="613"/>
      <c r="OSY663" s="613"/>
      <c r="OSZ663" s="613"/>
      <c r="OTA663" s="613"/>
      <c r="OTB663" s="613"/>
      <c r="OTC663" s="613"/>
      <c r="OTD663" s="613"/>
      <c r="OTE663" s="613"/>
      <c r="OTF663" s="613"/>
      <c r="OTG663" s="613"/>
      <c r="OTH663" s="613"/>
      <c r="OTI663" s="613"/>
      <c r="OTJ663" s="613"/>
      <c r="OTK663" s="613"/>
      <c r="OTL663" s="613"/>
      <c r="OTM663" s="613"/>
      <c r="OTN663" s="613"/>
      <c r="OTO663" s="613"/>
      <c r="OTP663" s="613"/>
      <c r="OTQ663" s="613"/>
      <c r="OTR663" s="613"/>
      <c r="OTS663" s="613"/>
      <c r="OTT663" s="613"/>
      <c r="OTU663" s="613"/>
      <c r="OTV663" s="613"/>
      <c r="OTW663" s="613"/>
      <c r="OTX663" s="613"/>
      <c r="OTY663" s="613"/>
      <c r="OTZ663" s="613"/>
      <c r="OUA663" s="613"/>
      <c r="OUB663" s="613"/>
      <c r="OUC663" s="613"/>
      <c r="OUD663" s="613"/>
      <c r="OUE663" s="613"/>
      <c r="OUF663" s="613"/>
      <c r="OUG663" s="613"/>
      <c r="OUH663" s="613"/>
      <c r="OUI663" s="613"/>
      <c r="OUJ663" s="613"/>
      <c r="OUK663" s="613"/>
      <c r="OUL663" s="613"/>
      <c r="OUM663" s="613"/>
      <c r="OUN663" s="613"/>
      <c r="OUO663" s="613"/>
      <c r="OUP663" s="613"/>
      <c r="OUQ663" s="613"/>
      <c r="OUR663" s="613"/>
      <c r="OUS663" s="613"/>
      <c r="OUT663" s="613"/>
      <c r="OUU663" s="613"/>
      <c r="OUV663" s="613"/>
      <c r="OUW663" s="613"/>
      <c r="OUX663" s="613"/>
      <c r="OUY663" s="613"/>
      <c r="OUZ663" s="613"/>
      <c r="OVA663" s="613"/>
      <c r="OVB663" s="613"/>
      <c r="OVC663" s="613"/>
      <c r="OVD663" s="613"/>
      <c r="OVE663" s="613"/>
      <c r="OVF663" s="613"/>
      <c r="OVG663" s="613"/>
      <c r="OVH663" s="613"/>
      <c r="OVI663" s="613"/>
      <c r="OVJ663" s="613"/>
      <c r="OVK663" s="613"/>
      <c r="OVL663" s="613"/>
      <c r="OVM663" s="613"/>
      <c r="OVN663" s="613"/>
      <c r="OVO663" s="613"/>
      <c r="OVP663" s="613"/>
      <c r="OVQ663" s="613"/>
      <c r="OVR663" s="613"/>
      <c r="OVS663" s="613"/>
      <c r="OVT663" s="613"/>
      <c r="OVU663" s="613"/>
      <c r="OVV663" s="613"/>
      <c r="OVW663" s="613"/>
      <c r="OVX663" s="613"/>
      <c r="OVY663" s="613"/>
      <c r="OVZ663" s="613"/>
      <c r="OWA663" s="613"/>
      <c r="OWB663" s="613"/>
      <c r="OWC663" s="613"/>
      <c r="OWD663" s="613"/>
      <c r="OWE663" s="613"/>
      <c r="OWF663" s="613"/>
      <c r="OWG663" s="613"/>
      <c r="OWH663" s="613"/>
      <c r="OWI663" s="613"/>
      <c r="OWJ663" s="613"/>
      <c r="OWK663" s="613"/>
      <c r="OWL663" s="613"/>
      <c r="OWM663" s="613"/>
      <c r="OWN663" s="613"/>
      <c r="OWO663" s="613"/>
      <c r="OWP663" s="613"/>
      <c r="OWQ663" s="613"/>
      <c r="OWR663" s="613"/>
      <c r="OWS663" s="613"/>
      <c r="OWT663" s="613"/>
      <c r="OWU663" s="613"/>
      <c r="OWV663" s="613"/>
      <c r="OWW663" s="613"/>
      <c r="OWX663" s="613"/>
      <c r="OWY663" s="613"/>
      <c r="OWZ663" s="613"/>
      <c r="OXA663" s="613"/>
      <c r="OXB663" s="613"/>
      <c r="OXC663" s="613"/>
      <c r="OXD663" s="613"/>
      <c r="OXE663" s="613"/>
      <c r="OXF663" s="613"/>
      <c r="OXG663" s="613"/>
      <c r="OXH663" s="613"/>
      <c r="OXI663" s="613"/>
      <c r="OXJ663" s="613"/>
      <c r="OXK663" s="613"/>
      <c r="OXL663" s="613"/>
      <c r="OXM663" s="613"/>
      <c r="OXN663" s="613"/>
      <c r="OXO663" s="613"/>
      <c r="OXP663" s="613"/>
      <c r="OXQ663" s="613"/>
      <c r="OXR663" s="613"/>
      <c r="OXS663" s="613"/>
      <c r="OXT663" s="613"/>
      <c r="OXU663" s="613"/>
      <c r="OXV663" s="613"/>
      <c r="OXW663" s="613"/>
      <c r="OXX663" s="613"/>
      <c r="OXY663" s="613"/>
      <c r="OXZ663" s="613"/>
      <c r="OYA663" s="613"/>
      <c r="OYB663" s="613"/>
      <c r="OYC663" s="613"/>
      <c r="OYD663" s="613"/>
      <c r="OYE663" s="613"/>
      <c r="OYF663" s="613"/>
      <c r="OYG663" s="613"/>
      <c r="OYH663" s="613"/>
      <c r="OYI663" s="613"/>
      <c r="OYJ663" s="613"/>
      <c r="OYK663" s="613"/>
      <c r="OYL663" s="613"/>
      <c r="OYM663" s="613"/>
      <c r="OYN663" s="613"/>
      <c r="OYO663" s="613"/>
      <c r="OYP663" s="613"/>
      <c r="OYQ663" s="613"/>
      <c r="OYR663" s="613"/>
      <c r="OYS663" s="613"/>
      <c r="OYT663" s="613"/>
      <c r="OYU663" s="613"/>
      <c r="OYV663" s="613"/>
      <c r="OYW663" s="613"/>
      <c r="OYX663" s="613"/>
      <c r="OYY663" s="613"/>
      <c r="OYZ663" s="613"/>
      <c r="OZA663" s="613"/>
      <c r="OZB663" s="613"/>
      <c r="OZC663" s="613"/>
      <c r="OZD663" s="613"/>
      <c r="OZE663" s="613"/>
      <c r="OZF663" s="613"/>
      <c r="OZG663" s="613"/>
      <c r="OZH663" s="613"/>
      <c r="OZI663" s="613"/>
      <c r="OZJ663" s="613"/>
      <c r="OZK663" s="613"/>
      <c r="OZL663" s="613"/>
      <c r="OZM663" s="613"/>
      <c r="OZN663" s="613"/>
      <c r="OZO663" s="613"/>
      <c r="OZP663" s="613"/>
      <c r="OZQ663" s="613"/>
      <c r="OZR663" s="613"/>
      <c r="OZS663" s="613"/>
      <c r="OZT663" s="613"/>
      <c r="OZU663" s="613"/>
      <c r="OZV663" s="613"/>
      <c r="OZW663" s="613"/>
      <c r="OZX663" s="613"/>
      <c r="OZY663" s="613"/>
      <c r="OZZ663" s="613"/>
      <c r="PAA663" s="613"/>
      <c r="PAB663" s="613"/>
      <c r="PAC663" s="613"/>
      <c r="PAD663" s="613"/>
      <c r="PAE663" s="613"/>
      <c r="PAF663" s="613"/>
      <c r="PAG663" s="613"/>
      <c r="PAH663" s="613"/>
      <c r="PAI663" s="613"/>
      <c r="PAJ663" s="613"/>
      <c r="PAK663" s="613"/>
      <c r="PAL663" s="613"/>
      <c r="PAM663" s="613"/>
      <c r="PAN663" s="613"/>
      <c r="PAO663" s="613"/>
      <c r="PAP663" s="613"/>
      <c r="PAQ663" s="613"/>
      <c r="PAR663" s="613"/>
      <c r="PAS663" s="613"/>
      <c r="PAT663" s="613"/>
      <c r="PAU663" s="613"/>
      <c r="PAV663" s="613"/>
      <c r="PAW663" s="613"/>
      <c r="PAX663" s="613"/>
      <c r="PAY663" s="613"/>
      <c r="PAZ663" s="613"/>
      <c r="PBA663" s="613"/>
      <c r="PBB663" s="613"/>
      <c r="PBC663" s="613"/>
      <c r="PBD663" s="613"/>
      <c r="PBE663" s="613"/>
      <c r="PBF663" s="613"/>
      <c r="PBG663" s="613"/>
      <c r="PBH663" s="613"/>
      <c r="PBI663" s="613"/>
      <c r="PBJ663" s="613"/>
      <c r="PBK663" s="613"/>
      <c r="PBL663" s="613"/>
      <c r="PBM663" s="613"/>
      <c r="PBN663" s="613"/>
      <c r="PBO663" s="613"/>
      <c r="PBP663" s="613"/>
      <c r="PBQ663" s="613"/>
      <c r="PBR663" s="613"/>
      <c r="PBS663" s="613"/>
      <c r="PBT663" s="613"/>
      <c r="PBU663" s="613"/>
      <c r="PBV663" s="613"/>
      <c r="PBW663" s="613"/>
      <c r="PBX663" s="613"/>
      <c r="PBY663" s="613"/>
      <c r="PBZ663" s="613"/>
      <c r="PCA663" s="613"/>
      <c r="PCB663" s="613"/>
      <c r="PCC663" s="613"/>
      <c r="PCD663" s="613"/>
      <c r="PCE663" s="613"/>
      <c r="PCF663" s="613"/>
      <c r="PCG663" s="613"/>
      <c r="PCH663" s="613"/>
      <c r="PCI663" s="613"/>
      <c r="PCJ663" s="613"/>
      <c r="PCK663" s="613"/>
      <c r="PCL663" s="613"/>
      <c r="PCM663" s="613"/>
      <c r="PCN663" s="613"/>
      <c r="PCO663" s="613"/>
      <c r="PCP663" s="613"/>
      <c r="PCQ663" s="613"/>
      <c r="PCR663" s="613"/>
      <c r="PCS663" s="613"/>
      <c r="PCT663" s="613"/>
      <c r="PCU663" s="613"/>
      <c r="PCV663" s="613"/>
      <c r="PCW663" s="613"/>
      <c r="PCX663" s="613"/>
      <c r="PCY663" s="613"/>
      <c r="PCZ663" s="613"/>
      <c r="PDA663" s="613"/>
      <c r="PDB663" s="613"/>
      <c r="PDC663" s="613"/>
      <c r="PDD663" s="613"/>
      <c r="PDE663" s="613"/>
      <c r="PDF663" s="613"/>
      <c r="PDG663" s="613"/>
      <c r="PDH663" s="613"/>
      <c r="PDI663" s="613"/>
      <c r="PDJ663" s="613"/>
      <c r="PDK663" s="613"/>
      <c r="PDL663" s="613"/>
      <c r="PDM663" s="613"/>
      <c r="PDN663" s="613"/>
      <c r="PDO663" s="613"/>
      <c r="PDP663" s="613"/>
      <c r="PDQ663" s="613"/>
      <c r="PDR663" s="613"/>
      <c r="PDS663" s="613"/>
      <c r="PDT663" s="613"/>
      <c r="PDU663" s="613"/>
      <c r="PDV663" s="613"/>
      <c r="PDW663" s="613"/>
      <c r="PDX663" s="613"/>
      <c r="PDY663" s="613"/>
      <c r="PDZ663" s="613"/>
      <c r="PEA663" s="613"/>
      <c r="PEB663" s="613"/>
      <c r="PEC663" s="613"/>
      <c r="PED663" s="613"/>
      <c r="PEE663" s="613"/>
      <c r="PEF663" s="613"/>
      <c r="PEG663" s="613"/>
      <c r="PEH663" s="613"/>
      <c r="PEI663" s="613"/>
      <c r="PEJ663" s="613"/>
      <c r="PEK663" s="613"/>
      <c r="PEL663" s="613"/>
      <c r="PEM663" s="613"/>
      <c r="PEN663" s="613"/>
      <c r="PEO663" s="613"/>
      <c r="PEP663" s="613"/>
      <c r="PEQ663" s="613"/>
      <c r="PER663" s="613"/>
      <c r="PES663" s="613"/>
      <c r="PET663" s="613"/>
      <c r="PEU663" s="613"/>
      <c r="PEV663" s="613"/>
      <c r="PEW663" s="613"/>
      <c r="PEX663" s="613"/>
      <c r="PEY663" s="613"/>
      <c r="PEZ663" s="613"/>
      <c r="PFA663" s="613"/>
      <c r="PFB663" s="613"/>
      <c r="PFC663" s="613"/>
      <c r="PFD663" s="613"/>
      <c r="PFE663" s="613"/>
      <c r="PFF663" s="613"/>
      <c r="PFG663" s="613"/>
      <c r="PFH663" s="613"/>
      <c r="PFI663" s="613"/>
      <c r="PFJ663" s="613"/>
      <c r="PFK663" s="613"/>
      <c r="PFL663" s="613"/>
      <c r="PFM663" s="613"/>
      <c r="PFN663" s="613"/>
      <c r="PFO663" s="613"/>
      <c r="PFP663" s="613"/>
      <c r="PFQ663" s="613"/>
      <c r="PFR663" s="613"/>
      <c r="PFS663" s="613"/>
      <c r="PFT663" s="613"/>
      <c r="PFU663" s="613"/>
      <c r="PFV663" s="613"/>
      <c r="PFW663" s="613"/>
      <c r="PFX663" s="613"/>
      <c r="PFY663" s="613"/>
      <c r="PFZ663" s="613"/>
      <c r="PGA663" s="613"/>
      <c r="PGB663" s="613"/>
      <c r="PGC663" s="613"/>
      <c r="PGD663" s="613"/>
      <c r="PGE663" s="613"/>
      <c r="PGF663" s="613"/>
      <c r="PGG663" s="613"/>
      <c r="PGH663" s="613"/>
      <c r="PGI663" s="613"/>
      <c r="PGJ663" s="613"/>
      <c r="PGK663" s="613"/>
      <c r="PGL663" s="613"/>
      <c r="PGM663" s="613"/>
      <c r="PGN663" s="613"/>
      <c r="PGO663" s="613"/>
      <c r="PGP663" s="613"/>
      <c r="PGQ663" s="613"/>
      <c r="PGR663" s="613"/>
      <c r="PGS663" s="613"/>
      <c r="PGT663" s="613"/>
      <c r="PGU663" s="613"/>
      <c r="PGV663" s="613"/>
      <c r="PGW663" s="613"/>
      <c r="PGX663" s="613"/>
      <c r="PGY663" s="613"/>
      <c r="PGZ663" s="613"/>
      <c r="PHA663" s="613"/>
      <c r="PHB663" s="613"/>
      <c r="PHC663" s="613"/>
      <c r="PHD663" s="613"/>
      <c r="PHE663" s="613"/>
      <c r="PHF663" s="613"/>
      <c r="PHG663" s="613"/>
      <c r="PHH663" s="613"/>
      <c r="PHI663" s="613"/>
      <c r="PHJ663" s="613"/>
      <c r="PHK663" s="613"/>
      <c r="PHL663" s="613"/>
      <c r="PHM663" s="613"/>
      <c r="PHN663" s="613"/>
      <c r="PHO663" s="613"/>
      <c r="PHP663" s="613"/>
      <c r="PHQ663" s="613"/>
      <c r="PHR663" s="613"/>
      <c r="PHS663" s="613"/>
      <c r="PHT663" s="613"/>
      <c r="PHU663" s="613"/>
      <c r="PHV663" s="613"/>
      <c r="PHW663" s="613"/>
      <c r="PHX663" s="613"/>
      <c r="PHY663" s="613"/>
      <c r="PHZ663" s="613"/>
      <c r="PIA663" s="613"/>
      <c r="PIB663" s="613"/>
      <c r="PIC663" s="613"/>
      <c r="PID663" s="613"/>
      <c r="PIE663" s="613"/>
      <c r="PIF663" s="613"/>
      <c r="PIG663" s="613"/>
      <c r="PIH663" s="613"/>
      <c r="PII663" s="613"/>
      <c r="PIJ663" s="613"/>
      <c r="PIK663" s="613"/>
      <c r="PIL663" s="613"/>
      <c r="PIM663" s="613"/>
      <c r="PIN663" s="613"/>
      <c r="PIO663" s="613"/>
      <c r="PIP663" s="613"/>
      <c r="PIQ663" s="613"/>
      <c r="PIR663" s="613"/>
      <c r="PIS663" s="613"/>
      <c r="PIT663" s="613"/>
      <c r="PIU663" s="613"/>
      <c r="PIV663" s="613"/>
      <c r="PIW663" s="613"/>
      <c r="PIX663" s="613"/>
      <c r="PIY663" s="613"/>
      <c r="PIZ663" s="613"/>
      <c r="PJA663" s="613"/>
      <c r="PJB663" s="613"/>
      <c r="PJC663" s="613"/>
      <c r="PJD663" s="613"/>
      <c r="PJE663" s="613"/>
      <c r="PJF663" s="613"/>
      <c r="PJG663" s="613"/>
      <c r="PJH663" s="613"/>
      <c r="PJI663" s="613"/>
      <c r="PJJ663" s="613"/>
      <c r="PJK663" s="613"/>
      <c r="PJL663" s="613"/>
      <c r="PJM663" s="613"/>
      <c r="PJN663" s="613"/>
      <c r="PJO663" s="613"/>
      <c r="PJP663" s="613"/>
      <c r="PJQ663" s="613"/>
      <c r="PJR663" s="613"/>
      <c r="PJS663" s="613"/>
      <c r="PJT663" s="613"/>
      <c r="PJU663" s="613"/>
      <c r="PJV663" s="613"/>
      <c r="PJW663" s="613"/>
      <c r="PJX663" s="613"/>
      <c r="PJY663" s="613"/>
      <c r="PJZ663" s="613"/>
      <c r="PKA663" s="613"/>
      <c r="PKB663" s="613"/>
      <c r="PKC663" s="613"/>
      <c r="PKD663" s="613"/>
      <c r="PKE663" s="613"/>
      <c r="PKF663" s="613"/>
      <c r="PKG663" s="613"/>
      <c r="PKH663" s="613"/>
      <c r="PKI663" s="613"/>
      <c r="PKJ663" s="613"/>
      <c r="PKK663" s="613"/>
      <c r="PKL663" s="613"/>
      <c r="PKM663" s="613"/>
      <c r="PKN663" s="613"/>
      <c r="PKO663" s="613"/>
      <c r="PKP663" s="613"/>
      <c r="PKQ663" s="613"/>
      <c r="PKR663" s="613"/>
      <c r="PKS663" s="613"/>
      <c r="PKT663" s="613"/>
      <c r="PKU663" s="613"/>
      <c r="PKV663" s="613"/>
      <c r="PKW663" s="613"/>
      <c r="PKX663" s="613"/>
      <c r="PKY663" s="613"/>
      <c r="PKZ663" s="613"/>
      <c r="PLA663" s="613"/>
      <c r="PLB663" s="613"/>
      <c r="PLC663" s="613"/>
      <c r="PLD663" s="613"/>
      <c r="PLE663" s="613"/>
      <c r="PLF663" s="613"/>
      <c r="PLG663" s="613"/>
      <c r="PLH663" s="613"/>
      <c r="PLI663" s="613"/>
      <c r="PLJ663" s="613"/>
      <c r="PLK663" s="613"/>
      <c r="PLL663" s="613"/>
      <c r="PLM663" s="613"/>
      <c r="PLN663" s="613"/>
      <c r="PLO663" s="613"/>
      <c r="PLP663" s="613"/>
      <c r="PLQ663" s="613"/>
      <c r="PLR663" s="613"/>
      <c r="PLS663" s="613"/>
      <c r="PLT663" s="613"/>
      <c r="PLU663" s="613"/>
      <c r="PLV663" s="613"/>
      <c r="PLW663" s="613"/>
      <c r="PLX663" s="613"/>
      <c r="PLY663" s="613"/>
      <c r="PLZ663" s="613"/>
      <c r="PMA663" s="613"/>
      <c r="PMB663" s="613"/>
      <c r="PMC663" s="613"/>
      <c r="PMD663" s="613"/>
      <c r="PME663" s="613"/>
      <c r="PMF663" s="613"/>
      <c r="PMG663" s="613"/>
      <c r="PMH663" s="613"/>
      <c r="PMI663" s="613"/>
      <c r="PMJ663" s="613"/>
      <c r="PMK663" s="613"/>
      <c r="PML663" s="613"/>
      <c r="PMM663" s="613"/>
      <c r="PMN663" s="613"/>
      <c r="PMO663" s="613"/>
      <c r="PMP663" s="613"/>
      <c r="PMQ663" s="613"/>
      <c r="PMR663" s="613"/>
      <c r="PMS663" s="613"/>
      <c r="PMT663" s="613"/>
      <c r="PMU663" s="613"/>
      <c r="PMV663" s="613"/>
      <c r="PMW663" s="613"/>
      <c r="PMX663" s="613"/>
      <c r="PMY663" s="613"/>
      <c r="PMZ663" s="613"/>
      <c r="PNA663" s="613"/>
      <c r="PNB663" s="613"/>
      <c r="PNC663" s="613"/>
      <c r="PND663" s="613"/>
      <c r="PNE663" s="613"/>
      <c r="PNF663" s="613"/>
      <c r="PNG663" s="613"/>
      <c r="PNH663" s="613"/>
      <c r="PNI663" s="613"/>
      <c r="PNJ663" s="613"/>
      <c r="PNK663" s="613"/>
      <c r="PNL663" s="613"/>
      <c r="PNM663" s="613"/>
      <c r="PNN663" s="613"/>
      <c r="PNO663" s="613"/>
      <c r="PNP663" s="613"/>
      <c r="PNQ663" s="613"/>
      <c r="PNR663" s="613"/>
      <c r="PNS663" s="613"/>
      <c r="PNT663" s="613"/>
      <c r="PNU663" s="613"/>
      <c r="PNV663" s="613"/>
      <c r="PNW663" s="613"/>
      <c r="PNX663" s="613"/>
      <c r="PNY663" s="613"/>
      <c r="PNZ663" s="613"/>
      <c r="POA663" s="613"/>
      <c r="POB663" s="613"/>
      <c r="POC663" s="613"/>
      <c r="POD663" s="613"/>
      <c r="POE663" s="613"/>
      <c r="POF663" s="613"/>
      <c r="POG663" s="613"/>
      <c r="POH663" s="613"/>
      <c r="POI663" s="613"/>
      <c r="POJ663" s="613"/>
      <c r="POK663" s="613"/>
      <c r="POL663" s="613"/>
      <c r="POM663" s="613"/>
      <c r="PON663" s="613"/>
      <c r="POO663" s="613"/>
      <c r="POP663" s="613"/>
      <c r="POQ663" s="613"/>
      <c r="POR663" s="613"/>
      <c r="POS663" s="613"/>
      <c r="POT663" s="613"/>
      <c r="POU663" s="613"/>
      <c r="POV663" s="613"/>
      <c r="POW663" s="613"/>
      <c r="POX663" s="613"/>
      <c r="POY663" s="613"/>
      <c r="POZ663" s="613"/>
      <c r="PPA663" s="613"/>
      <c r="PPB663" s="613"/>
      <c r="PPC663" s="613"/>
      <c r="PPD663" s="613"/>
      <c r="PPE663" s="613"/>
      <c r="PPF663" s="613"/>
      <c r="PPG663" s="613"/>
      <c r="PPH663" s="613"/>
      <c r="PPI663" s="613"/>
      <c r="PPJ663" s="613"/>
      <c r="PPK663" s="613"/>
      <c r="PPL663" s="613"/>
      <c r="PPM663" s="613"/>
      <c r="PPN663" s="613"/>
      <c r="PPO663" s="613"/>
      <c r="PPP663" s="613"/>
      <c r="PPQ663" s="613"/>
      <c r="PPR663" s="613"/>
      <c r="PPS663" s="613"/>
      <c r="PPT663" s="613"/>
      <c r="PPU663" s="613"/>
      <c r="PPV663" s="613"/>
      <c r="PPW663" s="613"/>
      <c r="PPX663" s="613"/>
      <c r="PPY663" s="613"/>
      <c r="PPZ663" s="613"/>
      <c r="PQA663" s="613"/>
      <c r="PQB663" s="613"/>
      <c r="PQC663" s="613"/>
      <c r="PQD663" s="613"/>
      <c r="PQE663" s="613"/>
      <c r="PQF663" s="613"/>
      <c r="PQG663" s="613"/>
      <c r="PQH663" s="613"/>
      <c r="PQI663" s="613"/>
      <c r="PQJ663" s="613"/>
      <c r="PQK663" s="613"/>
      <c r="PQL663" s="613"/>
      <c r="PQM663" s="613"/>
      <c r="PQN663" s="613"/>
      <c r="PQO663" s="613"/>
      <c r="PQP663" s="613"/>
      <c r="PQQ663" s="613"/>
      <c r="PQR663" s="613"/>
      <c r="PQS663" s="613"/>
      <c r="PQT663" s="613"/>
      <c r="PQU663" s="613"/>
      <c r="PQV663" s="613"/>
      <c r="PQW663" s="613"/>
      <c r="PQX663" s="613"/>
      <c r="PQY663" s="613"/>
      <c r="PQZ663" s="613"/>
      <c r="PRA663" s="613"/>
      <c r="PRB663" s="613"/>
      <c r="PRC663" s="613"/>
      <c r="PRD663" s="613"/>
      <c r="PRE663" s="613"/>
      <c r="PRF663" s="613"/>
      <c r="PRG663" s="613"/>
      <c r="PRH663" s="613"/>
      <c r="PRI663" s="613"/>
      <c r="PRJ663" s="613"/>
      <c r="PRK663" s="613"/>
      <c r="PRL663" s="613"/>
      <c r="PRM663" s="613"/>
      <c r="PRN663" s="613"/>
      <c r="PRO663" s="613"/>
      <c r="PRP663" s="613"/>
      <c r="PRQ663" s="613"/>
      <c r="PRR663" s="613"/>
      <c r="PRS663" s="613"/>
      <c r="PRT663" s="613"/>
      <c r="PRU663" s="613"/>
      <c r="PRV663" s="613"/>
      <c r="PRW663" s="613"/>
      <c r="PRX663" s="613"/>
      <c r="PRY663" s="613"/>
      <c r="PRZ663" s="613"/>
      <c r="PSA663" s="613"/>
      <c r="PSB663" s="613"/>
      <c r="PSC663" s="613"/>
      <c r="PSD663" s="613"/>
      <c r="PSE663" s="613"/>
      <c r="PSF663" s="613"/>
      <c r="PSG663" s="613"/>
      <c r="PSH663" s="613"/>
      <c r="PSI663" s="613"/>
      <c r="PSJ663" s="613"/>
      <c r="PSK663" s="613"/>
      <c r="PSL663" s="613"/>
      <c r="PSM663" s="613"/>
      <c r="PSN663" s="613"/>
      <c r="PSO663" s="613"/>
      <c r="PSP663" s="613"/>
      <c r="PSQ663" s="613"/>
      <c r="PSR663" s="613"/>
      <c r="PSS663" s="613"/>
      <c r="PST663" s="613"/>
      <c r="PSU663" s="613"/>
      <c r="PSV663" s="613"/>
      <c r="PSW663" s="613"/>
      <c r="PSX663" s="613"/>
      <c r="PSY663" s="613"/>
      <c r="PSZ663" s="613"/>
      <c r="PTA663" s="613"/>
      <c r="PTB663" s="613"/>
      <c r="PTC663" s="613"/>
      <c r="PTD663" s="613"/>
      <c r="PTE663" s="613"/>
      <c r="PTF663" s="613"/>
      <c r="PTG663" s="613"/>
      <c r="PTH663" s="613"/>
      <c r="PTI663" s="613"/>
      <c r="PTJ663" s="613"/>
      <c r="PTK663" s="613"/>
      <c r="PTL663" s="613"/>
      <c r="PTM663" s="613"/>
      <c r="PTN663" s="613"/>
      <c r="PTO663" s="613"/>
      <c r="PTP663" s="613"/>
      <c r="PTQ663" s="613"/>
      <c r="PTR663" s="613"/>
      <c r="PTS663" s="613"/>
      <c r="PTT663" s="613"/>
      <c r="PTU663" s="613"/>
      <c r="PTV663" s="613"/>
      <c r="PTW663" s="613"/>
      <c r="PTX663" s="613"/>
      <c r="PTY663" s="613"/>
      <c r="PTZ663" s="613"/>
      <c r="PUA663" s="613"/>
      <c r="PUB663" s="613"/>
      <c r="PUC663" s="613"/>
      <c r="PUD663" s="613"/>
      <c r="PUE663" s="613"/>
      <c r="PUF663" s="613"/>
      <c r="PUG663" s="613"/>
      <c r="PUH663" s="613"/>
      <c r="PUI663" s="613"/>
      <c r="PUJ663" s="613"/>
      <c r="PUK663" s="613"/>
      <c r="PUL663" s="613"/>
      <c r="PUM663" s="613"/>
      <c r="PUN663" s="613"/>
      <c r="PUO663" s="613"/>
      <c r="PUP663" s="613"/>
      <c r="PUQ663" s="613"/>
      <c r="PUR663" s="613"/>
      <c r="PUS663" s="613"/>
      <c r="PUT663" s="613"/>
      <c r="PUU663" s="613"/>
      <c r="PUV663" s="613"/>
      <c r="PUW663" s="613"/>
      <c r="PUX663" s="613"/>
      <c r="PUY663" s="613"/>
      <c r="PUZ663" s="613"/>
      <c r="PVA663" s="613"/>
      <c r="PVB663" s="613"/>
      <c r="PVC663" s="613"/>
      <c r="PVD663" s="613"/>
      <c r="PVE663" s="613"/>
      <c r="PVF663" s="613"/>
      <c r="PVG663" s="613"/>
      <c r="PVH663" s="613"/>
      <c r="PVI663" s="613"/>
      <c r="PVJ663" s="613"/>
      <c r="PVK663" s="613"/>
      <c r="PVL663" s="613"/>
      <c r="PVM663" s="613"/>
      <c r="PVN663" s="613"/>
      <c r="PVO663" s="613"/>
      <c r="PVP663" s="613"/>
      <c r="PVQ663" s="613"/>
      <c r="PVR663" s="613"/>
      <c r="PVS663" s="613"/>
      <c r="PVT663" s="613"/>
      <c r="PVU663" s="613"/>
      <c r="PVV663" s="613"/>
      <c r="PVW663" s="613"/>
      <c r="PVX663" s="613"/>
      <c r="PVY663" s="613"/>
      <c r="PVZ663" s="613"/>
      <c r="PWA663" s="613"/>
      <c r="PWB663" s="613"/>
      <c r="PWC663" s="613"/>
      <c r="PWD663" s="613"/>
      <c r="PWE663" s="613"/>
      <c r="PWF663" s="613"/>
      <c r="PWG663" s="613"/>
      <c r="PWH663" s="613"/>
      <c r="PWI663" s="613"/>
      <c r="PWJ663" s="613"/>
      <c r="PWK663" s="613"/>
      <c r="PWL663" s="613"/>
      <c r="PWM663" s="613"/>
      <c r="PWN663" s="613"/>
      <c r="PWO663" s="613"/>
      <c r="PWP663" s="613"/>
      <c r="PWQ663" s="613"/>
      <c r="PWR663" s="613"/>
      <c r="PWS663" s="613"/>
      <c r="PWT663" s="613"/>
      <c r="PWU663" s="613"/>
      <c r="PWV663" s="613"/>
      <c r="PWW663" s="613"/>
      <c r="PWX663" s="613"/>
      <c r="PWY663" s="613"/>
      <c r="PWZ663" s="613"/>
      <c r="PXA663" s="613"/>
      <c r="PXB663" s="613"/>
      <c r="PXC663" s="613"/>
      <c r="PXD663" s="613"/>
      <c r="PXE663" s="613"/>
      <c r="PXF663" s="613"/>
      <c r="PXG663" s="613"/>
      <c r="PXH663" s="613"/>
      <c r="PXI663" s="613"/>
      <c r="PXJ663" s="613"/>
      <c r="PXK663" s="613"/>
      <c r="PXL663" s="613"/>
      <c r="PXM663" s="613"/>
      <c r="PXN663" s="613"/>
      <c r="PXO663" s="613"/>
      <c r="PXP663" s="613"/>
      <c r="PXQ663" s="613"/>
      <c r="PXR663" s="613"/>
      <c r="PXS663" s="613"/>
      <c r="PXT663" s="613"/>
      <c r="PXU663" s="613"/>
      <c r="PXV663" s="613"/>
      <c r="PXW663" s="613"/>
      <c r="PXX663" s="613"/>
      <c r="PXY663" s="613"/>
      <c r="PXZ663" s="613"/>
      <c r="PYA663" s="613"/>
      <c r="PYB663" s="613"/>
      <c r="PYC663" s="613"/>
      <c r="PYD663" s="613"/>
      <c r="PYE663" s="613"/>
      <c r="PYF663" s="613"/>
      <c r="PYG663" s="613"/>
      <c r="PYH663" s="613"/>
      <c r="PYI663" s="613"/>
      <c r="PYJ663" s="613"/>
      <c r="PYK663" s="613"/>
      <c r="PYL663" s="613"/>
      <c r="PYM663" s="613"/>
      <c r="PYN663" s="613"/>
      <c r="PYO663" s="613"/>
      <c r="PYP663" s="613"/>
      <c r="PYQ663" s="613"/>
      <c r="PYR663" s="613"/>
      <c r="PYS663" s="613"/>
      <c r="PYT663" s="613"/>
      <c r="PYU663" s="613"/>
      <c r="PYV663" s="613"/>
      <c r="PYW663" s="613"/>
      <c r="PYX663" s="613"/>
      <c r="PYY663" s="613"/>
      <c r="PYZ663" s="613"/>
      <c r="PZA663" s="613"/>
      <c r="PZB663" s="613"/>
      <c r="PZC663" s="613"/>
      <c r="PZD663" s="613"/>
      <c r="PZE663" s="613"/>
      <c r="PZF663" s="613"/>
      <c r="PZG663" s="613"/>
      <c r="PZH663" s="613"/>
      <c r="PZI663" s="613"/>
      <c r="PZJ663" s="613"/>
      <c r="PZK663" s="613"/>
      <c r="PZL663" s="613"/>
      <c r="PZM663" s="613"/>
      <c r="PZN663" s="613"/>
      <c r="PZO663" s="613"/>
      <c r="PZP663" s="613"/>
      <c r="PZQ663" s="613"/>
      <c r="PZR663" s="613"/>
      <c r="PZS663" s="613"/>
      <c r="PZT663" s="613"/>
      <c r="PZU663" s="613"/>
      <c r="PZV663" s="613"/>
      <c r="PZW663" s="613"/>
      <c r="PZX663" s="613"/>
      <c r="PZY663" s="613"/>
      <c r="PZZ663" s="613"/>
      <c r="QAA663" s="613"/>
      <c r="QAB663" s="613"/>
      <c r="QAC663" s="613"/>
      <c r="QAD663" s="613"/>
      <c r="QAE663" s="613"/>
      <c r="QAF663" s="613"/>
      <c r="QAG663" s="613"/>
      <c r="QAH663" s="613"/>
      <c r="QAI663" s="613"/>
      <c r="QAJ663" s="613"/>
      <c r="QAK663" s="613"/>
      <c r="QAL663" s="613"/>
      <c r="QAM663" s="613"/>
      <c r="QAN663" s="613"/>
      <c r="QAO663" s="613"/>
      <c r="QAP663" s="613"/>
      <c r="QAQ663" s="613"/>
      <c r="QAR663" s="613"/>
      <c r="QAS663" s="613"/>
      <c r="QAT663" s="613"/>
      <c r="QAU663" s="613"/>
      <c r="QAV663" s="613"/>
      <c r="QAW663" s="613"/>
      <c r="QAX663" s="613"/>
      <c r="QAY663" s="613"/>
      <c r="QAZ663" s="613"/>
      <c r="QBA663" s="613"/>
      <c r="QBB663" s="613"/>
      <c r="QBC663" s="613"/>
      <c r="QBD663" s="613"/>
      <c r="QBE663" s="613"/>
      <c r="QBF663" s="613"/>
      <c r="QBG663" s="613"/>
      <c r="QBH663" s="613"/>
      <c r="QBI663" s="613"/>
      <c r="QBJ663" s="613"/>
      <c r="QBK663" s="613"/>
      <c r="QBL663" s="613"/>
      <c r="QBM663" s="613"/>
      <c r="QBN663" s="613"/>
      <c r="QBO663" s="613"/>
      <c r="QBP663" s="613"/>
      <c r="QBQ663" s="613"/>
      <c r="QBR663" s="613"/>
      <c r="QBS663" s="613"/>
      <c r="QBT663" s="613"/>
      <c r="QBU663" s="613"/>
      <c r="QBV663" s="613"/>
      <c r="QBW663" s="613"/>
      <c r="QBX663" s="613"/>
      <c r="QBY663" s="613"/>
      <c r="QBZ663" s="613"/>
      <c r="QCA663" s="613"/>
      <c r="QCB663" s="613"/>
      <c r="QCC663" s="613"/>
      <c r="QCD663" s="613"/>
      <c r="QCE663" s="613"/>
      <c r="QCF663" s="613"/>
      <c r="QCG663" s="613"/>
      <c r="QCH663" s="613"/>
      <c r="QCI663" s="613"/>
      <c r="QCJ663" s="613"/>
      <c r="QCK663" s="613"/>
      <c r="QCL663" s="613"/>
      <c r="QCM663" s="613"/>
      <c r="QCN663" s="613"/>
      <c r="QCO663" s="613"/>
      <c r="QCP663" s="613"/>
      <c r="QCQ663" s="613"/>
      <c r="QCR663" s="613"/>
      <c r="QCS663" s="613"/>
      <c r="QCT663" s="613"/>
      <c r="QCU663" s="613"/>
      <c r="QCV663" s="613"/>
      <c r="QCW663" s="613"/>
      <c r="QCX663" s="613"/>
      <c r="QCY663" s="613"/>
      <c r="QCZ663" s="613"/>
      <c r="QDA663" s="613"/>
      <c r="QDB663" s="613"/>
      <c r="QDC663" s="613"/>
      <c r="QDD663" s="613"/>
      <c r="QDE663" s="613"/>
      <c r="QDF663" s="613"/>
      <c r="QDG663" s="613"/>
      <c r="QDH663" s="613"/>
      <c r="QDI663" s="613"/>
      <c r="QDJ663" s="613"/>
      <c r="QDK663" s="613"/>
      <c r="QDL663" s="613"/>
      <c r="QDM663" s="613"/>
      <c r="QDN663" s="613"/>
      <c r="QDO663" s="613"/>
      <c r="QDP663" s="613"/>
      <c r="QDQ663" s="613"/>
      <c r="QDR663" s="613"/>
      <c r="QDS663" s="613"/>
      <c r="QDT663" s="613"/>
      <c r="QDU663" s="613"/>
      <c r="QDV663" s="613"/>
      <c r="QDW663" s="613"/>
      <c r="QDX663" s="613"/>
      <c r="QDY663" s="613"/>
      <c r="QDZ663" s="613"/>
      <c r="QEA663" s="613"/>
      <c r="QEB663" s="613"/>
      <c r="QEC663" s="613"/>
      <c r="QED663" s="613"/>
      <c r="QEE663" s="613"/>
      <c r="QEF663" s="613"/>
      <c r="QEG663" s="613"/>
      <c r="QEH663" s="613"/>
      <c r="QEI663" s="613"/>
      <c r="QEJ663" s="613"/>
      <c r="QEK663" s="613"/>
      <c r="QEL663" s="613"/>
      <c r="QEM663" s="613"/>
      <c r="QEN663" s="613"/>
      <c r="QEO663" s="613"/>
      <c r="QEP663" s="613"/>
      <c r="QEQ663" s="613"/>
      <c r="QER663" s="613"/>
      <c r="QES663" s="613"/>
      <c r="QET663" s="613"/>
      <c r="QEU663" s="613"/>
      <c r="QEV663" s="613"/>
      <c r="QEW663" s="613"/>
      <c r="QEX663" s="613"/>
      <c r="QEY663" s="613"/>
      <c r="QEZ663" s="613"/>
      <c r="QFA663" s="613"/>
      <c r="QFB663" s="613"/>
      <c r="QFC663" s="613"/>
      <c r="QFD663" s="613"/>
      <c r="QFE663" s="613"/>
      <c r="QFF663" s="613"/>
      <c r="QFG663" s="613"/>
      <c r="QFH663" s="613"/>
      <c r="QFI663" s="613"/>
      <c r="QFJ663" s="613"/>
      <c r="QFK663" s="613"/>
      <c r="QFL663" s="613"/>
      <c r="QFM663" s="613"/>
      <c r="QFN663" s="613"/>
      <c r="QFO663" s="613"/>
      <c r="QFP663" s="613"/>
      <c r="QFQ663" s="613"/>
      <c r="QFR663" s="613"/>
      <c r="QFS663" s="613"/>
      <c r="QFT663" s="613"/>
      <c r="QFU663" s="613"/>
      <c r="QFV663" s="613"/>
      <c r="QFW663" s="613"/>
      <c r="QFX663" s="613"/>
      <c r="QFY663" s="613"/>
      <c r="QFZ663" s="613"/>
      <c r="QGA663" s="613"/>
      <c r="QGB663" s="613"/>
      <c r="QGC663" s="613"/>
      <c r="QGD663" s="613"/>
      <c r="QGE663" s="613"/>
      <c r="QGF663" s="613"/>
      <c r="QGG663" s="613"/>
      <c r="QGH663" s="613"/>
      <c r="QGI663" s="613"/>
      <c r="QGJ663" s="613"/>
      <c r="QGK663" s="613"/>
      <c r="QGL663" s="613"/>
      <c r="QGM663" s="613"/>
      <c r="QGN663" s="613"/>
      <c r="QGO663" s="613"/>
      <c r="QGP663" s="613"/>
      <c r="QGQ663" s="613"/>
      <c r="QGR663" s="613"/>
      <c r="QGS663" s="613"/>
      <c r="QGT663" s="613"/>
      <c r="QGU663" s="613"/>
      <c r="QGV663" s="613"/>
      <c r="QGW663" s="613"/>
      <c r="QGX663" s="613"/>
      <c r="QGY663" s="613"/>
      <c r="QGZ663" s="613"/>
      <c r="QHA663" s="613"/>
      <c r="QHB663" s="613"/>
      <c r="QHC663" s="613"/>
      <c r="QHD663" s="613"/>
      <c r="QHE663" s="613"/>
      <c r="QHF663" s="613"/>
      <c r="QHG663" s="613"/>
      <c r="QHH663" s="613"/>
      <c r="QHI663" s="613"/>
      <c r="QHJ663" s="613"/>
      <c r="QHK663" s="613"/>
      <c r="QHL663" s="613"/>
      <c r="QHM663" s="613"/>
      <c r="QHN663" s="613"/>
      <c r="QHO663" s="613"/>
      <c r="QHP663" s="613"/>
      <c r="QHQ663" s="613"/>
      <c r="QHR663" s="613"/>
      <c r="QHS663" s="613"/>
      <c r="QHT663" s="613"/>
      <c r="QHU663" s="613"/>
      <c r="QHV663" s="613"/>
      <c r="QHW663" s="613"/>
      <c r="QHX663" s="613"/>
      <c r="QHY663" s="613"/>
      <c r="QHZ663" s="613"/>
      <c r="QIA663" s="613"/>
      <c r="QIB663" s="613"/>
      <c r="QIC663" s="613"/>
      <c r="QID663" s="613"/>
      <c r="QIE663" s="613"/>
      <c r="QIF663" s="613"/>
      <c r="QIG663" s="613"/>
      <c r="QIH663" s="613"/>
      <c r="QII663" s="613"/>
      <c r="QIJ663" s="613"/>
      <c r="QIK663" s="613"/>
      <c r="QIL663" s="613"/>
      <c r="QIM663" s="613"/>
      <c r="QIN663" s="613"/>
      <c r="QIO663" s="613"/>
      <c r="QIP663" s="613"/>
      <c r="QIQ663" s="613"/>
      <c r="QIR663" s="613"/>
      <c r="QIS663" s="613"/>
      <c r="QIT663" s="613"/>
      <c r="QIU663" s="613"/>
      <c r="QIV663" s="613"/>
      <c r="QIW663" s="613"/>
      <c r="QIX663" s="613"/>
      <c r="QIY663" s="613"/>
      <c r="QIZ663" s="613"/>
      <c r="QJA663" s="613"/>
      <c r="QJB663" s="613"/>
      <c r="QJC663" s="613"/>
      <c r="QJD663" s="613"/>
      <c r="QJE663" s="613"/>
      <c r="QJF663" s="613"/>
      <c r="QJG663" s="613"/>
      <c r="QJH663" s="613"/>
      <c r="QJI663" s="613"/>
      <c r="QJJ663" s="613"/>
      <c r="QJK663" s="613"/>
      <c r="QJL663" s="613"/>
      <c r="QJM663" s="613"/>
      <c r="QJN663" s="613"/>
      <c r="QJO663" s="613"/>
      <c r="QJP663" s="613"/>
      <c r="QJQ663" s="613"/>
      <c r="QJR663" s="613"/>
      <c r="QJS663" s="613"/>
      <c r="QJT663" s="613"/>
      <c r="QJU663" s="613"/>
      <c r="QJV663" s="613"/>
      <c r="QJW663" s="613"/>
      <c r="QJX663" s="613"/>
      <c r="QJY663" s="613"/>
      <c r="QJZ663" s="613"/>
      <c r="QKA663" s="613"/>
      <c r="QKB663" s="613"/>
      <c r="QKC663" s="613"/>
      <c r="QKD663" s="613"/>
      <c r="QKE663" s="613"/>
      <c r="QKF663" s="613"/>
      <c r="QKG663" s="613"/>
      <c r="QKH663" s="613"/>
      <c r="QKI663" s="613"/>
      <c r="QKJ663" s="613"/>
      <c r="QKK663" s="613"/>
      <c r="QKL663" s="613"/>
      <c r="QKM663" s="613"/>
      <c r="QKN663" s="613"/>
      <c r="QKO663" s="613"/>
      <c r="QKP663" s="613"/>
      <c r="QKQ663" s="613"/>
      <c r="QKR663" s="613"/>
      <c r="QKS663" s="613"/>
      <c r="QKT663" s="613"/>
      <c r="QKU663" s="613"/>
      <c r="QKV663" s="613"/>
      <c r="QKW663" s="613"/>
      <c r="QKX663" s="613"/>
      <c r="QKY663" s="613"/>
      <c r="QKZ663" s="613"/>
      <c r="QLA663" s="613"/>
      <c r="QLB663" s="613"/>
      <c r="QLC663" s="613"/>
      <c r="QLD663" s="613"/>
      <c r="QLE663" s="613"/>
      <c r="QLF663" s="613"/>
      <c r="QLG663" s="613"/>
      <c r="QLH663" s="613"/>
      <c r="QLI663" s="613"/>
      <c r="QLJ663" s="613"/>
      <c r="QLK663" s="613"/>
      <c r="QLL663" s="613"/>
      <c r="QLM663" s="613"/>
      <c r="QLN663" s="613"/>
      <c r="QLO663" s="613"/>
      <c r="QLP663" s="613"/>
      <c r="QLQ663" s="613"/>
      <c r="QLR663" s="613"/>
      <c r="QLS663" s="613"/>
      <c r="QLT663" s="613"/>
      <c r="QLU663" s="613"/>
      <c r="QLV663" s="613"/>
      <c r="QLW663" s="613"/>
      <c r="QLX663" s="613"/>
      <c r="QLY663" s="613"/>
      <c r="QLZ663" s="613"/>
      <c r="QMA663" s="613"/>
      <c r="QMB663" s="613"/>
      <c r="QMC663" s="613"/>
      <c r="QMD663" s="613"/>
      <c r="QME663" s="613"/>
      <c r="QMF663" s="613"/>
      <c r="QMG663" s="613"/>
      <c r="QMH663" s="613"/>
      <c r="QMI663" s="613"/>
      <c r="QMJ663" s="613"/>
      <c r="QMK663" s="613"/>
      <c r="QML663" s="613"/>
      <c r="QMM663" s="613"/>
      <c r="QMN663" s="613"/>
      <c r="QMO663" s="613"/>
      <c r="QMP663" s="613"/>
      <c r="QMQ663" s="613"/>
      <c r="QMR663" s="613"/>
      <c r="QMS663" s="613"/>
      <c r="QMT663" s="613"/>
      <c r="QMU663" s="613"/>
      <c r="QMV663" s="613"/>
      <c r="QMW663" s="613"/>
      <c r="QMX663" s="613"/>
      <c r="QMY663" s="613"/>
      <c r="QMZ663" s="613"/>
      <c r="QNA663" s="613"/>
      <c r="QNB663" s="613"/>
      <c r="QNC663" s="613"/>
      <c r="QND663" s="613"/>
      <c r="QNE663" s="613"/>
      <c r="QNF663" s="613"/>
      <c r="QNG663" s="613"/>
      <c r="QNH663" s="613"/>
      <c r="QNI663" s="613"/>
      <c r="QNJ663" s="613"/>
      <c r="QNK663" s="613"/>
      <c r="QNL663" s="613"/>
      <c r="QNM663" s="613"/>
      <c r="QNN663" s="613"/>
      <c r="QNO663" s="613"/>
      <c r="QNP663" s="613"/>
      <c r="QNQ663" s="613"/>
      <c r="QNR663" s="613"/>
      <c r="QNS663" s="613"/>
      <c r="QNT663" s="613"/>
      <c r="QNU663" s="613"/>
      <c r="QNV663" s="613"/>
      <c r="QNW663" s="613"/>
      <c r="QNX663" s="613"/>
      <c r="QNY663" s="613"/>
      <c r="QNZ663" s="613"/>
      <c r="QOA663" s="613"/>
      <c r="QOB663" s="613"/>
      <c r="QOC663" s="613"/>
      <c r="QOD663" s="613"/>
      <c r="QOE663" s="613"/>
      <c r="QOF663" s="613"/>
      <c r="QOG663" s="613"/>
      <c r="QOH663" s="613"/>
      <c r="QOI663" s="613"/>
      <c r="QOJ663" s="613"/>
      <c r="QOK663" s="613"/>
      <c r="QOL663" s="613"/>
      <c r="QOM663" s="613"/>
      <c r="QON663" s="613"/>
      <c r="QOO663" s="613"/>
      <c r="QOP663" s="613"/>
      <c r="QOQ663" s="613"/>
      <c r="QOR663" s="613"/>
      <c r="QOS663" s="613"/>
      <c r="QOT663" s="613"/>
      <c r="QOU663" s="613"/>
      <c r="QOV663" s="613"/>
      <c r="QOW663" s="613"/>
      <c r="QOX663" s="613"/>
      <c r="QOY663" s="613"/>
      <c r="QOZ663" s="613"/>
      <c r="QPA663" s="613"/>
      <c r="QPB663" s="613"/>
      <c r="QPC663" s="613"/>
      <c r="QPD663" s="613"/>
      <c r="QPE663" s="613"/>
      <c r="QPF663" s="613"/>
      <c r="QPG663" s="613"/>
      <c r="QPH663" s="613"/>
      <c r="QPI663" s="613"/>
      <c r="QPJ663" s="613"/>
      <c r="QPK663" s="613"/>
      <c r="QPL663" s="613"/>
      <c r="QPM663" s="613"/>
      <c r="QPN663" s="613"/>
      <c r="QPO663" s="613"/>
      <c r="QPP663" s="613"/>
      <c r="QPQ663" s="613"/>
      <c r="QPR663" s="613"/>
      <c r="QPS663" s="613"/>
      <c r="QPT663" s="613"/>
      <c r="QPU663" s="613"/>
      <c r="QPV663" s="613"/>
      <c r="QPW663" s="613"/>
      <c r="QPX663" s="613"/>
      <c r="QPY663" s="613"/>
      <c r="QPZ663" s="613"/>
      <c r="QQA663" s="613"/>
      <c r="QQB663" s="613"/>
      <c r="QQC663" s="613"/>
      <c r="QQD663" s="613"/>
      <c r="QQE663" s="613"/>
      <c r="QQF663" s="613"/>
      <c r="QQG663" s="613"/>
      <c r="QQH663" s="613"/>
      <c r="QQI663" s="613"/>
      <c r="QQJ663" s="613"/>
      <c r="QQK663" s="613"/>
      <c r="QQL663" s="613"/>
      <c r="QQM663" s="613"/>
      <c r="QQN663" s="613"/>
      <c r="QQO663" s="613"/>
      <c r="QQP663" s="613"/>
      <c r="QQQ663" s="613"/>
      <c r="QQR663" s="613"/>
      <c r="QQS663" s="613"/>
      <c r="QQT663" s="613"/>
      <c r="QQU663" s="613"/>
      <c r="QQV663" s="613"/>
      <c r="QQW663" s="613"/>
      <c r="QQX663" s="613"/>
      <c r="QQY663" s="613"/>
      <c r="QQZ663" s="613"/>
      <c r="QRA663" s="613"/>
      <c r="QRB663" s="613"/>
      <c r="QRC663" s="613"/>
      <c r="QRD663" s="613"/>
      <c r="QRE663" s="613"/>
      <c r="QRF663" s="613"/>
      <c r="QRG663" s="613"/>
      <c r="QRH663" s="613"/>
      <c r="QRI663" s="613"/>
      <c r="QRJ663" s="613"/>
      <c r="QRK663" s="613"/>
      <c r="QRL663" s="613"/>
      <c r="QRM663" s="613"/>
      <c r="QRN663" s="613"/>
      <c r="QRO663" s="613"/>
      <c r="QRP663" s="613"/>
      <c r="QRQ663" s="613"/>
      <c r="QRR663" s="613"/>
      <c r="QRS663" s="613"/>
      <c r="QRT663" s="613"/>
      <c r="QRU663" s="613"/>
      <c r="QRV663" s="613"/>
      <c r="QRW663" s="613"/>
      <c r="QRX663" s="613"/>
      <c r="QRY663" s="613"/>
      <c r="QRZ663" s="613"/>
      <c r="QSA663" s="613"/>
      <c r="QSB663" s="613"/>
      <c r="QSC663" s="613"/>
      <c r="QSD663" s="613"/>
      <c r="QSE663" s="613"/>
      <c r="QSF663" s="613"/>
      <c r="QSG663" s="613"/>
      <c r="QSH663" s="613"/>
      <c r="QSI663" s="613"/>
      <c r="QSJ663" s="613"/>
      <c r="QSK663" s="613"/>
      <c r="QSL663" s="613"/>
      <c r="QSM663" s="613"/>
      <c r="QSN663" s="613"/>
      <c r="QSO663" s="613"/>
      <c r="QSP663" s="613"/>
      <c r="QSQ663" s="613"/>
      <c r="QSR663" s="613"/>
      <c r="QSS663" s="613"/>
      <c r="QST663" s="613"/>
      <c r="QSU663" s="613"/>
      <c r="QSV663" s="613"/>
      <c r="QSW663" s="613"/>
      <c r="QSX663" s="613"/>
      <c r="QSY663" s="613"/>
      <c r="QSZ663" s="613"/>
      <c r="QTA663" s="613"/>
      <c r="QTB663" s="613"/>
      <c r="QTC663" s="613"/>
      <c r="QTD663" s="613"/>
      <c r="QTE663" s="613"/>
      <c r="QTF663" s="613"/>
      <c r="QTG663" s="613"/>
      <c r="QTH663" s="613"/>
      <c r="QTI663" s="613"/>
      <c r="QTJ663" s="613"/>
      <c r="QTK663" s="613"/>
      <c r="QTL663" s="613"/>
      <c r="QTM663" s="613"/>
      <c r="QTN663" s="613"/>
      <c r="QTO663" s="613"/>
      <c r="QTP663" s="613"/>
      <c r="QTQ663" s="613"/>
      <c r="QTR663" s="613"/>
      <c r="QTS663" s="613"/>
      <c r="QTT663" s="613"/>
      <c r="QTU663" s="613"/>
      <c r="QTV663" s="613"/>
      <c r="QTW663" s="613"/>
      <c r="QTX663" s="613"/>
      <c r="QTY663" s="613"/>
      <c r="QTZ663" s="613"/>
      <c r="QUA663" s="613"/>
      <c r="QUB663" s="613"/>
      <c r="QUC663" s="613"/>
      <c r="QUD663" s="613"/>
      <c r="QUE663" s="613"/>
      <c r="QUF663" s="613"/>
      <c r="QUG663" s="613"/>
      <c r="QUH663" s="613"/>
      <c r="QUI663" s="613"/>
      <c r="QUJ663" s="613"/>
      <c r="QUK663" s="613"/>
      <c r="QUL663" s="613"/>
      <c r="QUM663" s="613"/>
      <c r="QUN663" s="613"/>
      <c r="QUO663" s="613"/>
      <c r="QUP663" s="613"/>
      <c r="QUQ663" s="613"/>
      <c r="QUR663" s="613"/>
      <c r="QUS663" s="613"/>
      <c r="QUT663" s="613"/>
      <c r="QUU663" s="613"/>
      <c r="QUV663" s="613"/>
      <c r="QUW663" s="613"/>
      <c r="QUX663" s="613"/>
      <c r="QUY663" s="613"/>
      <c r="QUZ663" s="613"/>
      <c r="QVA663" s="613"/>
      <c r="QVB663" s="613"/>
      <c r="QVC663" s="613"/>
      <c r="QVD663" s="613"/>
      <c r="QVE663" s="613"/>
      <c r="QVF663" s="613"/>
      <c r="QVG663" s="613"/>
      <c r="QVH663" s="613"/>
      <c r="QVI663" s="613"/>
      <c r="QVJ663" s="613"/>
      <c r="QVK663" s="613"/>
      <c r="QVL663" s="613"/>
      <c r="QVM663" s="613"/>
      <c r="QVN663" s="613"/>
      <c r="QVO663" s="613"/>
      <c r="QVP663" s="613"/>
      <c r="QVQ663" s="613"/>
      <c r="QVR663" s="613"/>
      <c r="QVS663" s="613"/>
      <c r="QVT663" s="613"/>
      <c r="QVU663" s="613"/>
      <c r="QVV663" s="613"/>
      <c r="QVW663" s="613"/>
      <c r="QVX663" s="613"/>
      <c r="QVY663" s="613"/>
      <c r="QVZ663" s="613"/>
      <c r="QWA663" s="613"/>
      <c r="QWB663" s="613"/>
      <c r="QWC663" s="613"/>
      <c r="QWD663" s="613"/>
      <c r="QWE663" s="613"/>
      <c r="QWF663" s="613"/>
      <c r="QWG663" s="613"/>
      <c r="QWH663" s="613"/>
      <c r="QWI663" s="613"/>
      <c r="QWJ663" s="613"/>
      <c r="QWK663" s="613"/>
      <c r="QWL663" s="613"/>
      <c r="QWM663" s="613"/>
      <c r="QWN663" s="613"/>
      <c r="QWO663" s="613"/>
      <c r="QWP663" s="613"/>
      <c r="QWQ663" s="613"/>
      <c r="QWR663" s="613"/>
      <c r="QWS663" s="613"/>
      <c r="QWT663" s="613"/>
      <c r="QWU663" s="613"/>
      <c r="QWV663" s="613"/>
      <c r="QWW663" s="613"/>
      <c r="QWX663" s="613"/>
      <c r="QWY663" s="613"/>
      <c r="QWZ663" s="613"/>
      <c r="QXA663" s="613"/>
      <c r="QXB663" s="613"/>
      <c r="QXC663" s="613"/>
      <c r="QXD663" s="613"/>
      <c r="QXE663" s="613"/>
      <c r="QXF663" s="613"/>
      <c r="QXG663" s="613"/>
      <c r="QXH663" s="613"/>
      <c r="QXI663" s="613"/>
      <c r="QXJ663" s="613"/>
      <c r="QXK663" s="613"/>
      <c r="QXL663" s="613"/>
      <c r="QXM663" s="613"/>
      <c r="QXN663" s="613"/>
      <c r="QXO663" s="613"/>
      <c r="QXP663" s="613"/>
      <c r="QXQ663" s="613"/>
      <c r="QXR663" s="613"/>
      <c r="QXS663" s="613"/>
      <c r="QXT663" s="613"/>
      <c r="QXU663" s="613"/>
      <c r="QXV663" s="613"/>
      <c r="QXW663" s="613"/>
      <c r="QXX663" s="613"/>
      <c r="QXY663" s="613"/>
      <c r="QXZ663" s="613"/>
      <c r="QYA663" s="613"/>
      <c r="QYB663" s="613"/>
      <c r="QYC663" s="613"/>
      <c r="QYD663" s="613"/>
      <c r="QYE663" s="613"/>
      <c r="QYF663" s="613"/>
      <c r="QYG663" s="613"/>
      <c r="QYH663" s="613"/>
      <c r="QYI663" s="613"/>
      <c r="QYJ663" s="613"/>
      <c r="QYK663" s="613"/>
      <c r="QYL663" s="613"/>
      <c r="QYM663" s="613"/>
      <c r="QYN663" s="613"/>
      <c r="QYO663" s="613"/>
      <c r="QYP663" s="613"/>
      <c r="QYQ663" s="613"/>
      <c r="QYR663" s="613"/>
      <c r="QYS663" s="613"/>
      <c r="QYT663" s="613"/>
      <c r="QYU663" s="613"/>
      <c r="QYV663" s="613"/>
      <c r="QYW663" s="613"/>
      <c r="QYX663" s="613"/>
      <c r="QYY663" s="613"/>
      <c r="QYZ663" s="613"/>
      <c r="QZA663" s="613"/>
      <c r="QZB663" s="613"/>
      <c r="QZC663" s="613"/>
      <c r="QZD663" s="613"/>
      <c r="QZE663" s="613"/>
      <c r="QZF663" s="613"/>
      <c r="QZG663" s="613"/>
      <c r="QZH663" s="613"/>
      <c r="QZI663" s="613"/>
      <c r="QZJ663" s="613"/>
      <c r="QZK663" s="613"/>
      <c r="QZL663" s="613"/>
      <c r="QZM663" s="613"/>
      <c r="QZN663" s="613"/>
      <c r="QZO663" s="613"/>
      <c r="QZP663" s="613"/>
      <c r="QZQ663" s="613"/>
      <c r="QZR663" s="613"/>
      <c r="QZS663" s="613"/>
      <c r="QZT663" s="613"/>
      <c r="QZU663" s="613"/>
      <c r="QZV663" s="613"/>
      <c r="QZW663" s="613"/>
      <c r="QZX663" s="613"/>
      <c r="QZY663" s="613"/>
      <c r="QZZ663" s="613"/>
      <c r="RAA663" s="613"/>
      <c r="RAB663" s="613"/>
      <c r="RAC663" s="613"/>
      <c r="RAD663" s="613"/>
      <c r="RAE663" s="613"/>
      <c r="RAF663" s="613"/>
      <c r="RAG663" s="613"/>
      <c r="RAH663" s="613"/>
      <c r="RAI663" s="613"/>
      <c r="RAJ663" s="613"/>
      <c r="RAK663" s="613"/>
      <c r="RAL663" s="613"/>
      <c r="RAM663" s="613"/>
      <c r="RAN663" s="613"/>
      <c r="RAO663" s="613"/>
      <c r="RAP663" s="613"/>
      <c r="RAQ663" s="613"/>
      <c r="RAR663" s="613"/>
      <c r="RAS663" s="613"/>
      <c r="RAT663" s="613"/>
      <c r="RAU663" s="613"/>
      <c r="RAV663" s="613"/>
      <c r="RAW663" s="613"/>
      <c r="RAX663" s="613"/>
      <c r="RAY663" s="613"/>
      <c r="RAZ663" s="613"/>
      <c r="RBA663" s="613"/>
      <c r="RBB663" s="613"/>
      <c r="RBC663" s="613"/>
      <c r="RBD663" s="613"/>
      <c r="RBE663" s="613"/>
      <c r="RBF663" s="613"/>
      <c r="RBG663" s="613"/>
      <c r="RBH663" s="613"/>
      <c r="RBI663" s="613"/>
      <c r="RBJ663" s="613"/>
      <c r="RBK663" s="613"/>
      <c r="RBL663" s="613"/>
      <c r="RBM663" s="613"/>
      <c r="RBN663" s="613"/>
      <c r="RBO663" s="613"/>
      <c r="RBP663" s="613"/>
      <c r="RBQ663" s="613"/>
      <c r="RBR663" s="613"/>
      <c r="RBS663" s="613"/>
      <c r="RBT663" s="613"/>
      <c r="RBU663" s="613"/>
      <c r="RBV663" s="613"/>
      <c r="RBW663" s="613"/>
      <c r="RBX663" s="613"/>
      <c r="RBY663" s="613"/>
      <c r="RBZ663" s="613"/>
      <c r="RCA663" s="613"/>
      <c r="RCB663" s="613"/>
      <c r="RCC663" s="613"/>
      <c r="RCD663" s="613"/>
      <c r="RCE663" s="613"/>
      <c r="RCF663" s="613"/>
      <c r="RCG663" s="613"/>
      <c r="RCH663" s="613"/>
      <c r="RCI663" s="613"/>
      <c r="RCJ663" s="613"/>
      <c r="RCK663" s="613"/>
      <c r="RCL663" s="613"/>
      <c r="RCM663" s="613"/>
      <c r="RCN663" s="613"/>
      <c r="RCO663" s="613"/>
      <c r="RCP663" s="613"/>
      <c r="RCQ663" s="613"/>
      <c r="RCR663" s="613"/>
      <c r="RCS663" s="613"/>
      <c r="RCT663" s="613"/>
      <c r="RCU663" s="613"/>
      <c r="RCV663" s="613"/>
      <c r="RCW663" s="613"/>
      <c r="RCX663" s="613"/>
      <c r="RCY663" s="613"/>
      <c r="RCZ663" s="613"/>
      <c r="RDA663" s="613"/>
      <c r="RDB663" s="613"/>
      <c r="RDC663" s="613"/>
      <c r="RDD663" s="613"/>
      <c r="RDE663" s="613"/>
      <c r="RDF663" s="613"/>
      <c r="RDG663" s="613"/>
      <c r="RDH663" s="613"/>
      <c r="RDI663" s="613"/>
      <c r="RDJ663" s="613"/>
      <c r="RDK663" s="613"/>
      <c r="RDL663" s="613"/>
      <c r="RDM663" s="613"/>
      <c r="RDN663" s="613"/>
      <c r="RDO663" s="613"/>
      <c r="RDP663" s="613"/>
      <c r="RDQ663" s="613"/>
      <c r="RDR663" s="613"/>
      <c r="RDS663" s="613"/>
      <c r="RDT663" s="613"/>
      <c r="RDU663" s="613"/>
      <c r="RDV663" s="613"/>
      <c r="RDW663" s="613"/>
      <c r="RDX663" s="613"/>
      <c r="RDY663" s="613"/>
      <c r="RDZ663" s="613"/>
      <c r="REA663" s="613"/>
      <c r="REB663" s="613"/>
      <c r="REC663" s="613"/>
      <c r="RED663" s="613"/>
      <c r="REE663" s="613"/>
      <c r="REF663" s="613"/>
      <c r="REG663" s="613"/>
      <c r="REH663" s="613"/>
      <c r="REI663" s="613"/>
      <c r="REJ663" s="613"/>
      <c r="REK663" s="613"/>
      <c r="REL663" s="613"/>
      <c r="REM663" s="613"/>
      <c r="REN663" s="613"/>
      <c r="REO663" s="613"/>
      <c r="REP663" s="613"/>
      <c r="REQ663" s="613"/>
      <c r="RER663" s="613"/>
      <c r="RES663" s="613"/>
      <c r="RET663" s="613"/>
      <c r="REU663" s="613"/>
      <c r="REV663" s="613"/>
      <c r="REW663" s="613"/>
      <c r="REX663" s="613"/>
      <c r="REY663" s="613"/>
      <c r="REZ663" s="613"/>
      <c r="RFA663" s="613"/>
      <c r="RFB663" s="613"/>
      <c r="RFC663" s="613"/>
      <c r="RFD663" s="613"/>
      <c r="RFE663" s="613"/>
      <c r="RFF663" s="613"/>
      <c r="RFG663" s="613"/>
      <c r="RFH663" s="613"/>
      <c r="RFI663" s="613"/>
      <c r="RFJ663" s="613"/>
      <c r="RFK663" s="613"/>
      <c r="RFL663" s="613"/>
      <c r="RFM663" s="613"/>
      <c r="RFN663" s="613"/>
      <c r="RFO663" s="613"/>
      <c r="RFP663" s="613"/>
      <c r="RFQ663" s="613"/>
      <c r="RFR663" s="613"/>
      <c r="RFS663" s="613"/>
      <c r="RFT663" s="613"/>
      <c r="RFU663" s="613"/>
      <c r="RFV663" s="613"/>
      <c r="RFW663" s="613"/>
      <c r="RFX663" s="613"/>
      <c r="RFY663" s="613"/>
      <c r="RFZ663" s="613"/>
      <c r="RGA663" s="613"/>
      <c r="RGB663" s="613"/>
      <c r="RGC663" s="613"/>
      <c r="RGD663" s="613"/>
      <c r="RGE663" s="613"/>
      <c r="RGF663" s="613"/>
      <c r="RGG663" s="613"/>
      <c r="RGH663" s="613"/>
      <c r="RGI663" s="613"/>
      <c r="RGJ663" s="613"/>
      <c r="RGK663" s="613"/>
      <c r="RGL663" s="613"/>
      <c r="RGM663" s="613"/>
      <c r="RGN663" s="613"/>
      <c r="RGO663" s="613"/>
      <c r="RGP663" s="613"/>
      <c r="RGQ663" s="613"/>
      <c r="RGR663" s="613"/>
      <c r="RGS663" s="613"/>
      <c r="RGT663" s="613"/>
      <c r="RGU663" s="613"/>
      <c r="RGV663" s="613"/>
      <c r="RGW663" s="613"/>
      <c r="RGX663" s="613"/>
      <c r="RGY663" s="613"/>
      <c r="RGZ663" s="613"/>
      <c r="RHA663" s="613"/>
      <c r="RHB663" s="613"/>
      <c r="RHC663" s="613"/>
      <c r="RHD663" s="613"/>
      <c r="RHE663" s="613"/>
      <c r="RHF663" s="613"/>
      <c r="RHG663" s="613"/>
      <c r="RHH663" s="613"/>
      <c r="RHI663" s="613"/>
      <c r="RHJ663" s="613"/>
      <c r="RHK663" s="613"/>
      <c r="RHL663" s="613"/>
      <c r="RHM663" s="613"/>
      <c r="RHN663" s="613"/>
      <c r="RHO663" s="613"/>
      <c r="RHP663" s="613"/>
      <c r="RHQ663" s="613"/>
      <c r="RHR663" s="613"/>
      <c r="RHS663" s="613"/>
      <c r="RHT663" s="613"/>
      <c r="RHU663" s="613"/>
      <c r="RHV663" s="613"/>
      <c r="RHW663" s="613"/>
      <c r="RHX663" s="613"/>
      <c r="RHY663" s="613"/>
      <c r="RHZ663" s="613"/>
      <c r="RIA663" s="613"/>
      <c r="RIB663" s="613"/>
      <c r="RIC663" s="613"/>
      <c r="RID663" s="613"/>
      <c r="RIE663" s="613"/>
      <c r="RIF663" s="613"/>
      <c r="RIG663" s="613"/>
      <c r="RIH663" s="613"/>
      <c r="RII663" s="613"/>
      <c r="RIJ663" s="613"/>
      <c r="RIK663" s="613"/>
      <c r="RIL663" s="613"/>
      <c r="RIM663" s="613"/>
      <c r="RIN663" s="613"/>
      <c r="RIO663" s="613"/>
      <c r="RIP663" s="613"/>
      <c r="RIQ663" s="613"/>
      <c r="RIR663" s="613"/>
      <c r="RIS663" s="613"/>
      <c r="RIT663" s="613"/>
      <c r="RIU663" s="613"/>
      <c r="RIV663" s="613"/>
      <c r="RIW663" s="613"/>
      <c r="RIX663" s="613"/>
      <c r="RIY663" s="613"/>
      <c r="RIZ663" s="613"/>
      <c r="RJA663" s="613"/>
      <c r="RJB663" s="613"/>
      <c r="RJC663" s="613"/>
      <c r="RJD663" s="613"/>
      <c r="RJE663" s="613"/>
      <c r="RJF663" s="613"/>
      <c r="RJG663" s="613"/>
      <c r="RJH663" s="613"/>
      <c r="RJI663" s="613"/>
      <c r="RJJ663" s="613"/>
      <c r="RJK663" s="613"/>
      <c r="RJL663" s="613"/>
      <c r="RJM663" s="613"/>
      <c r="RJN663" s="613"/>
      <c r="RJO663" s="613"/>
      <c r="RJP663" s="613"/>
      <c r="RJQ663" s="613"/>
      <c r="RJR663" s="613"/>
      <c r="RJS663" s="613"/>
      <c r="RJT663" s="613"/>
      <c r="RJU663" s="613"/>
      <c r="RJV663" s="613"/>
      <c r="RJW663" s="613"/>
      <c r="RJX663" s="613"/>
      <c r="RJY663" s="613"/>
      <c r="RJZ663" s="613"/>
      <c r="RKA663" s="613"/>
      <c r="RKB663" s="613"/>
      <c r="RKC663" s="613"/>
      <c r="RKD663" s="613"/>
      <c r="RKE663" s="613"/>
      <c r="RKF663" s="613"/>
      <c r="RKG663" s="613"/>
      <c r="RKH663" s="613"/>
      <c r="RKI663" s="613"/>
      <c r="RKJ663" s="613"/>
      <c r="RKK663" s="613"/>
      <c r="RKL663" s="613"/>
      <c r="RKM663" s="613"/>
      <c r="RKN663" s="613"/>
      <c r="RKO663" s="613"/>
      <c r="RKP663" s="613"/>
      <c r="RKQ663" s="613"/>
      <c r="RKR663" s="613"/>
      <c r="RKS663" s="613"/>
      <c r="RKT663" s="613"/>
      <c r="RKU663" s="613"/>
      <c r="RKV663" s="613"/>
      <c r="RKW663" s="613"/>
      <c r="RKX663" s="613"/>
      <c r="RKY663" s="613"/>
      <c r="RKZ663" s="613"/>
      <c r="RLA663" s="613"/>
      <c r="RLB663" s="613"/>
      <c r="RLC663" s="613"/>
      <c r="RLD663" s="613"/>
      <c r="RLE663" s="613"/>
      <c r="RLF663" s="613"/>
      <c r="RLG663" s="613"/>
      <c r="RLH663" s="613"/>
      <c r="RLI663" s="613"/>
      <c r="RLJ663" s="613"/>
      <c r="RLK663" s="613"/>
      <c r="RLL663" s="613"/>
      <c r="RLM663" s="613"/>
      <c r="RLN663" s="613"/>
      <c r="RLO663" s="613"/>
      <c r="RLP663" s="613"/>
      <c r="RLQ663" s="613"/>
      <c r="RLR663" s="613"/>
      <c r="RLS663" s="613"/>
      <c r="RLT663" s="613"/>
      <c r="RLU663" s="613"/>
      <c r="RLV663" s="613"/>
      <c r="RLW663" s="613"/>
      <c r="RLX663" s="613"/>
      <c r="RLY663" s="613"/>
      <c r="RLZ663" s="613"/>
      <c r="RMA663" s="613"/>
      <c r="RMB663" s="613"/>
      <c r="RMC663" s="613"/>
      <c r="RMD663" s="613"/>
      <c r="RME663" s="613"/>
      <c r="RMF663" s="613"/>
      <c r="RMG663" s="613"/>
      <c r="RMH663" s="613"/>
      <c r="RMI663" s="613"/>
      <c r="RMJ663" s="613"/>
      <c r="RMK663" s="613"/>
      <c r="RML663" s="613"/>
      <c r="RMM663" s="613"/>
      <c r="RMN663" s="613"/>
      <c r="RMO663" s="613"/>
      <c r="RMP663" s="613"/>
      <c r="RMQ663" s="613"/>
      <c r="RMR663" s="613"/>
      <c r="RMS663" s="613"/>
      <c r="RMT663" s="613"/>
      <c r="RMU663" s="613"/>
      <c r="RMV663" s="613"/>
      <c r="RMW663" s="613"/>
      <c r="RMX663" s="613"/>
      <c r="RMY663" s="613"/>
      <c r="RMZ663" s="613"/>
      <c r="RNA663" s="613"/>
      <c r="RNB663" s="613"/>
      <c r="RNC663" s="613"/>
      <c r="RND663" s="613"/>
      <c r="RNE663" s="613"/>
      <c r="RNF663" s="613"/>
      <c r="RNG663" s="613"/>
      <c r="RNH663" s="613"/>
      <c r="RNI663" s="613"/>
      <c r="RNJ663" s="613"/>
      <c r="RNK663" s="613"/>
      <c r="RNL663" s="613"/>
      <c r="RNM663" s="613"/>
      <c r="RNN663" s="613"/>
      <c r="RNO663" s="613"/>
      <c r="RNP663" s="613"/>
      <c r="RNQ663" s="613"/>
      <c r="RNR663" s="613"/>
      <c r="RNS663" s="613"/>
      <c r="RNT663" s="613"/>
      <c r="RNU663" s="613"/>
      <c r="RNV663" s="613"/>
      <c r="RNW663" s="613"/>
      <c r="RNX663" s="613"/>
      <c r="RNY663" s="613"/>
      <c r="RNZ663" s="613"/>
      <c r="ROA663" s="613"/>
      <c r="ROB663" s="613"/>
      <c r="ROC663" s="613"/>
      <c r="ROD663" s="613"/>
      <c r="ROE663" s="613"/>
      <c r="ROF663" s="613"/>
      <c r="ROG663" s="613"/>
      <c r="ROH663" s="613"/>
      <c r="ROI663" s="613"/>
      <c r="ROJ663" s="613"/>
      <c r="ROK663" s="613"/>
      <c r="ROL663" s="613"/>
      <c r="ROM663" s="613"/>
      <c r="RON663" s="613"/>
      <c r="ROO663" s="613"/>
      <c r="ROP663" s="613"/>
      <c r="ROQ663" s="613"/>
      <c r="ROR663" s="613"/>
      <c r="ROS663" s="613"/>
      <c r="ROT663" s="613"/>
      <c r="ROU663" s="613"/>
      <c r="ROV663" s="613"/>
      <c r="ROW663" s="613"/>
      <c r="ROX663" s="613"/>
      <c r="ROY663" s="613"/>
      <c r="ROZ663" s="613"/>
      <c r="RPA663" s="613"/>
      <c r="RPB663" s="613"/>
      <c r="RPC663" s="613"/>
      <c r="RPD663" s="613"/>
      <c r="RPE663" s="613"/>
      <c r="RPF663" s="613"/>
      <c r="RPG663" s="613"/>
      <c r="RPH663" s="613"/>
      <c r="RPI663" s="613"/>
      <c r="RPJ663" s="613"/>
      <c r="RPK663" s="613"/>
      <c r="RPL663" s="613"/>
      <c r="RPM663" s="613"/>
      <c r="RPN663" s="613"/>
      <c r="RPO663" s="613"/>
      <c r="RPP663" s="613"/>
      <c r="RPQ663" s="613"/>
      <c r="RPR663" s="613"/>
      <c r="RPS663" s="613"/>
      <c r="RPT663" s="613"/>
      <c r="RPU663" s="613"/>
      <c r="RPV663" s="613"/>
      <c r="RPW663" s="613"/>
      <c r="RPX663" s="613"/>
      <c r="RPY663" s="613"/>
      <c r="RPZ663" s="613"/>
      <c r="RQA663" s="613"/>
      <c r="RQB663" s="613"/>
      <c r="RQC663" s="613"/>
      <c r="RQD663" s="613"/>
      <c r="RQE663" s="613"/>
      <c r="RQF663" s="613"/>
      <c r="RQG663" s="613"/>
      <c r="RQH663" s="613"/>
      <c r="RQI663" s="613"/>
      <c r="RQJ663" s="613"/>
      <c r="RQK663" s="613"/>
      <c r="RQL663" s="613"/>
      <c r="RQM663" s="613"/>
      <c r="RQN663" s="613"/>
      <c r="RQO663" s="613"/>
      <c r="RQP663" s="613"/>
      <c r="RQQ663" s="613"/>
      <c r="RQR663" s="613"/>
      <c r="RQS663" s="613"/>
      <c r="RQT663" s="613"/>
      <c r="RQU663" s="613"/>
      <c r="RQV663" s="613"/>
      <c r="RQW663" s="613"/>
      <c r="RQX663" s="613"/>
      <c r="RQY663" s="613"/>
      <c r="RQZ663" s="613"/>
      <c r="RRA663" s="613"/>
      <c r="RRB663" s="613"/>
      <c r="RRC663" s="613"/>
      <c r="RRD663" s="613"/>
      <c r="RRE663" s="613"/>
      <c r="RRF663" s="613"/>
      <c r="RRG663" s="613"/>
      <c r="RRH663" s="613"/>
      <c r="RRI663" s="613"/>
      <c r="RRJ663" s="613"/>
      <c r="RRK663" s="613"/>
      <c r="RRL663" s="613"/>
      <c r="RRM663" s="613"/>
      <c r="RRN663" s="613"/>
      <c r="RRO663" s="613"/>
      <c r="RRP663" s="613"/>
      <c r="RRQ663" s="613"/>
      <c r="RRR663" s="613"/>
      <c r="RRS663" s="613"/>
      <c r="RRT663" s="613"/>
      <c r="RRU663" s="613"/>
      <c r="RRV663" s="613"/>
      <c r="RRW663" s="613"/>
      <c r="RRX663" s="613"/>
      <c r="RRY663" s="613"/>
      <c r="RRZ663" s="613"/>
      <c r="RSA663" s="613"/>
      <c r="RSB663" s="613"/>
      <c r="RSC663" s="613"/>
      <c r="RSD663" s="613"/>
      <c r="RSE663" s="613"/>
      <c r="RSF663" s="613"/>
      <c r="RSG663" s="613"/>
      <c r="RSH663" s="613"/>
      <c r="RSI663" s="613"/>
      <c r="RSJ663" s="613"/>
      <c r="RSK663" s="613"/>
      <c r="RSL663" s="613"/>
      <c r="RSM663" s="613"/>
      <c r="RSN663" s="613"/>
      <c r="RSO663" s="613"/>
      <c r="RSP663" s="613"/>
      <c r="RSQ663" s="613"/>
      <c r="RSR663" s="613"/>
      <c r="RSS663" s="613"/>
      <c r="RST663" s="613"/>
      <c r="RSU663" s="613"/>
      <c r="RSV663" s="613"/>
      <c r="RSW663" s="613"/>
      <c r="RSX663" s="613"/>
      <c r="RSY663" s="613"/>
      <c r="RSZ663" s="613"/>
      <c r="RTA663" s="613"/>
      <c r="RTB663" s="613"/>
      <c r="RTC663" s="613"/>
      <c r="RTD663" s="613"/>
      <c r="RTE663" s="613"/>
      <c r="RTF663" s="613"/>
      <c r="RTG663" s="613"/>
      <c r="RTH663" s="613"/>
      <c r="RTI663" s="613"/>
      <c r="RTJ663" s="613"/>
      <c r="RTK663" s="613"/>
      <c r="RTL663" s="613"/>
      <c r="RTM663" s="613"/>
      <c r="RTN663" s="613"/>
      <c r="RTO663" s="613"/>
      <c r="RTP663" s="613"/>
      <c r="RTQ663" s="613"/>
      <c r="RTR663" s="613"/>
      <c r="RTS663" s="613"/>
      <c r="RTT663" s="613"/>
      <c r="RTU663" s="613"/>
      <c r="RTV663" s="613"/>
      <c r="RTW663" s="613"/>
      <c r="RTX663" s="613"/>
      <c r="RTY663" s="613"/>
      <c r="RTZ663" s="613"/>
      <c r="RUA663" s="613"/>
      <c r="RUB663" s="613"/>
      <c r="RUC663" s="613"/>
      <c r="RUD663" s="613"/>
      <c r="RUE663" s="613"/>
      <c r="RUF663" s="613"/>
      <c r="RUG663" s="613"/>
      <c r="RUH663" s="613"/>
      <c r="RUI663" s="613"/>
      <c r="RUJ663" s="613"/>
      <c r="RUK663" s="613"/>
      <c r="RUL663" s="613"/>
      <c r="RUM663" s="613"/>
      <c r="RUN663" s="613"/>
      <c r="RUO663" s="613"/>
      <c r="RUP663" s="613"/>
      <c r="RUQ663" s="613"/>
      <c r="RUR663" s="613"/>
      <c r="RUS663" s="613"/>
      <c r="RUT663" s="613"/>
      <c r="RUU663" s="613"/>
      <c r="RUV663" s="613"/>
      <c r="RUW663" s="613"/>
      <c r="RUX663" s="613"/>
      <c r="RUY663" s="613"/>
      <c r="RUZ663" s="613"/>
      <c r="RVA663" s="613"/>
      <c r="RVB663" s="613"/>
      <c r="RVC663" s="613"/>
      <c r="RVD663" s="613"/>
      <c r="RVE663" s="613"/>
      <c r="RVF663" s="613"/>
      <c r="RVG663" s="613"/>
      <c r="RVH663" s="613"/>
      <c r="RVI663" s="613"/>
      <c r="RVJ663" s="613"/>
      <c r="RVK663" s="613"/>
      <c r="RVL663" s="613"/>
      <c r="RVM663" s="613"/>
      <c r="RVN663" s="613"/>
      <c r="RVO663" s="613"/>
      <c r="RVP663" s="613"/>
      <c r="RVQ663" s="613"/>
      <c r="RVR663" s="613"/>
      <c r="RVS663" s="613"/>
      <c r="RVT663" s="613"/>
      <c r="RVU663" s="613"/>
      <c r="RVV663" s="613"/>
      <c r="RVW663" s="613"/>
      <c r="RVX663" s="613"/>
      <c r="RVY663" s="613"/>
      <c r="RVZ663" s="613"/>
      <c r="RWA663" s="613"/>
      <c r="RWB663" s="613"/>
      <c r="RWC663" s="613"/>
      <c r="RWD663" s="613"/>
      <c r="RWE663" s="613"/>
      <c r="RWF663" s="613"/>
      <c r="RWG663" s="613"/>
      <c r="RWH663" s="613"/>
      <c r="RWI663" s="613"/>
      <c r="RWJ663" s="613"/>
      <c r="RWK663" s="613"/>
      <c r="RWL663" s="613"/>
      <c r="RWM663" s="613"/>
      <c r="RWN663" s="613"/>
      <c r="RWO663" s="613"/>
      <c r="RWP663" s="613"/>
      <c r="RWQ663" s="613"/>
      <c r="RWR663" s="613"/>
      <c r="RWS663" s="613"/>
      <c r="RWT663" s="613"/>
      <c r="RWU663" s="613"/>
      <c r="RWV663" s="613"/>
      <c r="RWW663" s="613"/>
      <c r="RWX663" s="613"/>
      <c r="RWY663" s="613"/>
      <c r="RWZ663" s="613"/>
      <c r="RXA663" s="613"/>
      <c r="RXB663" s="613"/>
      <c r="RXC663" s="613"/>
      <c r="RXD663" s="613"/>
      <c r="RXE663" s="613"/>
      <c r="RXF663" s="613"/>
      <c r="RXG663" s="613"/>
      <c r="RXH663" s="613"/>
      <c r="RXI663" s="613"/>
      <c r="RXJ663" s="613"/>
      <c r="RXK663" s="613"/>
      <c r="RXL663" s="613"/>
      <c r="RXM663" s="613"/>
      <c r="RXN663" s="613"/>
      <c r="RXO663" s="613"/>
      <c r="RXP663" s="613"/>
      <c r="RXQ663" s="613"/>
      <c r="RXR663" s="613"/>
      <c r="RXS663" s="613"/>
      <c r="RXT663" s="613"/>
      <c r="RXU663" s="613"/>
      <c r="RXV663" s="613"/>
      <c r="RXW663" s="613"/>
      <c r="RXX663" s="613"/>
      <c r="RXY663" s="613"/>
      <c r="RXZ663" s="613"/>
      <c r="RYA663" s="613"/>
      <c r="RYB663" s="613"/>
      <c r="RYC663" s="613"/>
      <c r="RYD663" s="613"/>
      <c r="RYE663" s="613"/>
      <c r="RYF663" s="613"/>
      <c r="RYG663" s="613"/>
      <c r="RYH663" s="613"/>
      <c r="RYI663" s="613"/>
      <c r="RYJ663" s="613"/>
      <c r="RYK663" s="613"/>
      <c r="RYL663" s="613"/>
      <c r="RYM663" s="613"/>
      <c r="RYN663" s="613"/>
      <c r="RYO663" s="613"/>
      <c r="RYP663" s="613"/>
      <c r="RYQ663" s="613"/>
      <c r="RYR663" s="613"/>
      <c r="RYS663" s="613"/>
      <c r="RYT663" s="613"/>
      <c r="RYU663" s="613"/>
      <c r="RYV663" s="613"/>
      <c r="RYW663" s="613"/>
      <c r="RYX663" s="613"/>
      <c r="RYY663" s="613"/>
      <c r="RYZ663" s="613"/>
      <c r="RZA663" s="613"/>
      <c r="RZB663" s="613"/>
      <c r="RZC663" s="613"/>
      <c r="RZD663" s="613"/>
      <c r="RZE663" s="613"/>
      <c r="RZF663" s="613"/>
      <c r="RZG663" s="613"/>
      <c r="RZH663" s="613"/>
      <c r="RZI663" s="613"/>
      <c r="RZJ663" s="613"/>
      <c r="RZK663" s="613"/>
      <c r="RZL663" s="613"/>
      <c r="RZM663" s="613"/>
      <c r="RZN663" s="613"/>
      <c r="RZO663" s="613"/>
      <c r="RZP663" s="613"/>
      <c r="RZQ663" s="613"/>
      <c r="RZR663" s="613"/>
      <c r="RZS663" s="613"/>
      <c r="RZT663" s="613"/>
      <c r="RZU663" s="613"/>
      <c r="RZV663" s="613"/>
      <c r="RZW663" s="613"/>
      <c r="RZX663" s="613"/>
      <c r="RZY663" s="613"/>
      <c r="RZZ663" s="613"/>
      <c r="SAA663" s="613"/>
      <c r="SAB663" s="613"/>
      <c r="SAC663" s="613"/>
      <c r="SAD663" s="613"/>
      <c r="SAE663" s="613"/>
      <c r="SAF663" s="613"/>
      <c r="SAG663" s="613"/>
      <c r="SAH663" s="613"/>
      <c r="SAI663" s="613"/>
      <c r="SAJ663" s="613"/>
      <c r="SAK663" s="613"/>
      <c r="SAL663" s="613"/>
      <c r="SAM663" s="613"/>
      <c r="SAN663" s="613"/>
      <c r="SAO663" s="613"/>
      <c r="SAP663" s="613"/>
      <c r="SAQ663" s="613"/>
      <c r="SAR663" s="613"/>
      <c r="SAS663" s="613"/>
      <c r="SAT663" s="613"/>
      <c r="SAU663" s="613"/>
      <c r="SAV663" s="613"/>
      <c r="SAW663" s="613"/>
      <c r="SAX663" s="613"/>
      <c r="SAY663" s="613"/>
      <c r="SAZ663" s="613"/>
      <c r="SBA663" s="613"/>
      <c r="SBB663" s="613"/>
      <c r="SBC663" s="613"/>
      <c r="SBD663" s="613"/>
      <c r="SBE663" s="613"/>
      <c r="SBF663" s="613"/>
      <c r="SBG663" s="613"/>
      <c r="SBH663" s="613"/>
      <c r="SBI663" s="613"/>
      <c r="SBJ663" s="613"/>
      <c r="SBK663" s="613"/>
      <c r="SBL663" s="613"/>
      <c r="SBM663" s="613"/>
      <c r="SBN663" s="613"/>
      <c r="SBO663" s="613"/>
      <c r="SBP663" s="613"/>
      <c r="SBQ663" s="613"/>
      <c r="SBR663" s="613"/>
      <c r="SBS663" s="613"/>
      <c r="SBT663" s="613"/>
      <c r="SBU663" s="613"/>
      <c r="SBV663" s="613"/>
      <c r="SBW663" s="613"/>
      <c r="SBX663" s="613"/>
      <c r="SBY663" s="613"/>
      <c r="SBZ663" s="613"/>
      <c r="SCA663" s="613"/>
      <c r="SCB663" s="613"/>
      <c r="SCC663" s="613"/>
      <c r="SCD663" s="613"/>
      <c r="SCE663" s="613"/>
      <c r="SCF663" s="613"/>
      <c r="SCG663" s="613"/>
      <c r="SCH663" s="613"/>
      <c r="SCI663" s="613"/>
      <c r="SCJ663" s="613"/>
      <c r="SCK663" s="613"/>
      <c r="SCL663" s="613"/>
      <c r="SCM663" s="613"/>
      <c r="SCN663" s="613"/>
      <c r="SCO663" s="613"/>
      <c r="SCP663" s="613"/>
      <c r="SCQ663" s="613"/>
      <c r="SCR663" s="613"/>
      <c r="SCS663" s="613"/>
      <c r="SCT663" s="613"/>
      <c r="SCU663" s="613"/>
      <c r="SCV663" s="613"/>
      <c r="SCW663" s="613"/>
      <c r="SCX663" s="613"/>
      <c r="SCY663" s="613"/>
      <c r="SCZ663" s="613"/>
      <c r="SDA663" s="613"/>
      <c r="SDB663" s="613"/>
      <c r="SDC663" s="613"/>
      <c r="SDD663" s="613"/>
      <c r="SDE663" s="613"/>
      <c r="SDF663" s="613"/>
      <c r="SDG663" s="613"/>
      <c r="SDH663" s="613"/>
      <c r="SDI663" s="613"/>
      <c r="SDJ663" s="613"/>
      <c r="SDK663" s="613"/>
      <c r="SDL663" s="613"/>
      <c r="SDM663" s="613"/>
      <c r="SDN663" s="613"/>
      <c r="SDO663" s="613"/>
      <c r="SDP663" s="613"/>
      <c r="SDQ663" s="613"/>
      <c r="SDR663" s="613"/>
      <c r="SDS663" s="613"/>
      <c r="SDT663" s="613"/>
      <c r="SDU663" s="613"/>
      <c r="SDV663" s="613"/>
      <c r="SDW663" s="613"/>
      <c r="SDX663" s="613"/>
      <c r="SDY663" s="613"/>
      <c r="SDZ663" s="613"/>
      <c r="SEA663" s="613"/>
      <c r="SEB663" s="613"/>
      <c r="SEC663" s="613"/>
      <c r="SED663" s="613"/>
      <c r="SEE663" s="613"/>
      <c r="SEF663" s="613"/>
      <c r="SEG663" s="613"/>
      <c r="SEH663" s="613"/>
      <c r="SEI663" s="613"/>
      <c r="SEJ663" s="613"/>
      <c r="SEK663" s="613"/>
      <c r="SEL663" s="613"/>
      <c r="SEM663" s="613"/>
      <c r="SEN663" s="613"/>
      <c r="SEO663" s="613"/>
      <c r="SEP663" s="613"/>
      <c r="SEQ663" s="613"/>
      <c r="SER663" s="613"/>
      <c r="SES663" s="613"/>
      <c r="SET663" s="613"/>
      <c r="SEU663" s="613"/>
      <c r="SEV663" s="613"/>
      <c r="SEW663" s="613"/>
      <c r="SEX663" s="613"/>
      <c r="SEY663" s="613"/>
      <c r="SEZ663" s="613"/>
      <c r="SFA663" s="613"/>
      <c r="SFB663" s="613"/>
      <c r="SFC663" s="613"/>
      <c r="SFD663" s="613"/>
      <c r="SFE663" s="613"/>
      <c r="SFF663" s="613"/>
      <c r="SFG663" s="613"/>
      <c r="SFH663" s="613"/>
      <c r="SFI663" s="613"/>
      <c r="SFJ663" s="613"/>
      <c r="SFK663" s="613"/>
      <c r="SFL663" s="613"/>
      <c r="SFM663" s="613"/>
      <c r="SFN663" s="613"/>
      <c r="SFO663" s="613"/>
      <c r="SFP663" s="613"/>
      <c r="SFQ663" s="613"/>
      <c r="SFR663" s="613"/>
      <c r="SFS663" s="613"/>
      <c r="SFT663" s="613"/>
      <c r="SFU663" s="613"/>
      <c r="SFV663" s="613"/>
      <c r="SFW663" s="613"/>
      <c r="SFX663" s="613"/>
      <c r="SFY663" s="613"/>
      <c r="SFZ663" s="613"/>
      <c r="SGA663" s="613"/>
      <c r="SGB663" s="613"/>
      <c r="SGC663" s="613"/>
      <c r="SGD663" s="613"/>
      <c r="SGE663" s="613"/>
      <c r="SGF663" s="613"/>
      <c r="SGG663" s="613"/>
      <c r="SGH663" s="613"/>
      <c r="SGI663" s="613"/>
      <c r="SGJ663" s="613"/>
      <c r="SGK663" s="613"/>
      <c r="SGL663" s="613"/>
      <c r="SGM663" s="613"/>
      <c r="SGN663" s="613"/>
      <c r="SGO663" s="613"/>
      <c r="SGP663" s="613"/>
      <c r="SGQ663" s="613"/>
      <c r="SGR663" s="613"/>
      <c r="SGS663" s="613"/>
      <c r="SGT663" s="613"/>
      <c r="SGU663" s="613"/>
      <c r="SGV663" s="613"/>
      <c r="SGW663" s="613"/>
      <c r="SGX663" s="613"/>
      <c r="SGY663" s="613"/>
      <c r="SGZ663" s="613"/>
      <c r="SHA663" s="613"/>
      <c r="SHB663" s="613"/>
      <c r="SHC663" s="613"/>
      <c r="SHD663" s="613"/>
      <c r="SHE663" s="613"/>
      <c r="SHF663" s="613"/>
      <c r="SHG663" s="613"/>
      <c r="SHH663" s="613"/>
      <c r="SHI663" s="613"/>
      <c r="SHJ663" s="613"/>
      <c r="SHK663" s="613"/>
      <c r="SHL663" s="613"/>
      <c r="SHM663" s="613"/>
      <c r="SHN663" s="613"/>
      <c r="SHO663" s="613"/>
      <c r="SHP663" s="613"/>
      <c r="SHQ663" s="613"/>
      <c r="SHR663" s="613"/>
      <c r="SHS663" s="613"/>
      <c r="SHT663" s="613"/>
      <c r="SHU663" s="613"/>
      <c r="SHV663" s="613"/>
      <c r="SHW663" s="613"/>
      <c r="SHX663" s="613"/>
      <c r="SHY663" s="613"/>
      <c r="SHZ663" s="613"/>
      <c r="SIA663" s="613"/>
      <c r="SIB663" s="613"/>
      <c r="SIC663" s="613"/>
      <c r="SID663" s="613"/>
      <c r="SIE663" s="613"/>
      <c r="SIF663" s="613"/>
      <c r="SIG663" s="613"/>
      <c r="SIH663" s="613"/>
      <c r="SII663" s="613"/>
      <c r="SIJ663" s="613"/>
      <c r="SIK663" s="613"/>
      <c r="SIL663" s="613"/>
      <c r="SIM663" s="613"/>
      <c r="SIN663" s="613"/>
      <c r="SIO663" s="613"/>
      <c r="SIP663" s="613"/>
      <c r="SIQ663" s="613"/>
      <c r="SIR663" s="613"/>
      <c r="SIS663" s="613"/>
      <c r="SIT663" s="613"/>
      <c r="SIU663" s="613"/>
      <c r="SIV663" s="613"/>
      <c r="SIW663" s="613"/>
      <c r="SIX663" s="613"/>
      <c r="SIY663" s="613"/>
      <c r="SIZ663" s="613"/>
      <c r="SJA663" s="613"/>
      <c r="SJB663" s="613"/>
      <c r="SJC663" s="613"/>
      <c r="SJD663" s="613"/>
      <c r="SJE663" s="613"/>
      <c r="SJF663" s="613"/>
      <c r="SJG663" s="613"/>
      <c r="SJH663" s="613"/>
      <c r="SJI663" s="613"/>
      <c r="SJJ663" s="613"/>
      <c r="SJK663" s="613"/>
      <c r="SJL663" s="613"/>
      <c r="SJM663" s="613"/>
      <c r="SJN663" s="613"/>
      <c r="SJO663" s="613"/>
      <c r="SJP663" s="613"/>
      <c r="SJQ663" s="613"/>
      <c r="SJR663" s="613"/>
      <c r="SJS663" s="613"/>
      <c r="SJT663" s="613"/>
      <c r="SJU663" s="613"/>
      <c r="SJV663" s="613"/>
      <c r="SJW663" s="613"/>
      <c r="SJX663" s="613"/>
      <c r="SJY663" s="613"/>
      <c r="SJZ663" s="613"/>
      <c r="SKA663" s="613"/>
      <c r="SKB663" s="613"/>
      <c r="SKC663" s="613"/>
      <c r="SKD663" s="613"/>
      <c r="SKE663" s="613"/>
      <c r="SKF663" s="613"/>
      <c r="SKG663" s="613"/>
      <c r="SKH663" s="613"/>
      <c r="SKI663" s="613"/>
      <c r="SKJ663" s="613"/>
      <c r="SKK663" s="613"/>
      <c r="SKL663" s="613"/>
      <c r="SKM663" s="613"/>
      <c r="SKN663" s="613"/>
      <c r="SKO663" s="613"/>
      <c r="SKP663" s="613"/>
      <c r="SKQ663" s="613"/>
      <c r="SKR663" s="613"/>
      <c r="SKS663" s="613"/>
      <c r="SKT663" s="613"/>
      <c r="SKU663" s="613"/>
      <c r="SKV663" s="613"/>
      <c r="SKW663" s="613"/>
      <c r="SKX663" s="613"/>
      <c r="SKY663" s="613"/>
      <c r="SKZ663" s="613"/>
      <c r="SLA663" s="613"/>
      <c r="SLB663" s="613"/>
      <c r="SLC663" s="613"/>
      <c r="SLD663" s="613"/>
      <c r="SLE663" s="613"/>
      <c r="SLF663" s="613"/>
      <c r="SLG663" s="613"/>
      <c r="SLH663" s="613"/>
      <c r="SLI663" s="613"/>
      <c r="SLJ663" s="613"/>
      <c r="SLK663" s="613"/>
      <c r="SLL663" s="613"/>
      <c r="SLM663" s="613"/>
      <c r="SLN663" s="613"/>
      <c r="SLO663" s="613"/>
      <c r="SLP663" s="613"/>
      <c r="SLQ663" s="613"/>
      <c r="SLR663" s="613"/>
      <c r="SLS663" s="613"/>
      <c r="SLT663" s="613"/>
      <c r="SLU663" s="613"/>
      <c r="SLV663" s="613"/>
      <c r="SLW663" s="613"/>
      <c r="SLX663" s="613"/>
      <c r="SLY663" s="613"/>
      <c r="SLZ663" s="613"/>
      <c r="SMA663" s="613"/>
      <c r="SMB663" s="613"/>
      <c r="SMC663" s="613"/>
      <c r="SMD663" s="613"/>
      <c r="SME663" s="613"/>
      <c r="SMF663" s="613"/>
      <c r="SMG663" s="613"/>
      <c r="SMH663" s="613"/>
      <c r="SMI663" s="613"/>
      <c r="SMJ663" s="613"/>
      <c r="SMK663" s="613"/>
      <c r="SML663" s="613"/>
      <c r="SMM663" s="613"/>
      <c r="SMN663" s="613"/>
      <c r="SMO663" s="613"/>
      <c r="SMP663" s="613"/>
      <c r="SMQ663" s="613"/>
      <c r="SMR663" s="613"/>
      <c r="SMS663" s="613"/>
      <c r="SMT663" s="613"/>
      <c r="SMU663" s="613"/>
      <c r="SMV663" s="613"/>
      <c r="SMW663" s="613"/>
      <c r="SMX663" s="613"/>
      <c r="SMY663" s="613"/>
      <c r="SMZ663" s="613"/>
      <c r="SNA663" s="613"/>
      <c r="SNB663" s="613"/>
      <c r="SNC663" s="613"/>
      <c r="SND663" s="613"/>
      <c r="SNE663" s="613"/>
      <c r="SNF663" s="613"/>
      <c r="SNG663" s="613"/>
      <c r="SNH663" s="613"/>
      <c r="SNI663" s="613"/>
      <c r="SNJ663" s="613"/>
      <c r="SNK663" s="613"/>
      <c r="SNL663" s="613"/>
      <c r="SNM663" s="613"/>
      <c r="SNN663" s="613"/>
      <c r="SNO663" s="613"/>
      <c r="SNP663" s="613"/>
      <c r="SNQ663" s="613"/>
      <c r="SNR663" s="613"/>
      <c r="SNS663" s="613"/>
      <c r="SNT663" s="613"/>
      <c r="SNU663" s="613"/>
      <c r="SNV663" s="613"/>
      <c r="SNW663" s="613"/>
      <c r="SNX663" s="613"/>
      <c r="SNY663" s="613"/>
      <c r="SNZ663" s="613"/>
      <c r="SOA663" s="613"/>
      <c r="SOB663" s="613"/>
      <c r="SOC663" s="613"/>
      <c r="SOD663" s="613"/>
      <c r="SOE663" s="613"/>
      <c r="SOF663" s="613"/>
      <c r="SOG663" s="613"/>
      <c r="SOH663" s="613"/>
      <c r="SOI663" s="613"/>
      <c r="SOJ663" s="613"/>
      <c r="SOK663" s="613"/>
      <c r="SOL663" s="613"/>
      <c r="SOM663" s="613"/>
      <c r="SON663" s="613"/>
      <c r="SOO663" s="613"/>
      <c r="SOP663" s="613"/>
      <c r="SOQ663" s="613"/>
      <c r="SOR663" s="613"/>
      <c r="SOS663" s="613"/>
      <c r="SOT663" s="613"/>
      <c r="SOU663" s="613"/>
      <c r="SOV663" s="613"/>
      <c r="SOW663" s="613"/>
      <c r="SOX663" s="613"/>
      <c r="SOY663" s="613"/>
      <c r="SOZ663" s="613"/>
      <c r="SPA663" s="613"/>
      <c r="SPB663" s="613"/>
      <c r="SPC663" s="613"/>
      <c r="SPD663" s="613"/>
      <c r="SPE663" s="613"/>
      <c r="SPF663" s="613"/>
      <c r="SPG663" s="613"/>
      <c r="SPH663" s="613"/>
      <c r="SPI663" s="613"/>
      <c r="SPJ663" s="613"/>
      <c r="SPK663" s="613"/>
      <c r="SPL663" s="613"/>
      <c r="SPM663" s="613"/>
      <c r="SPN663" s="613"/>
      <c r="SPO663" s="613"/>
      <c r="SPP663" s="613"/>
      <c r="SPQ663" s="613"/>
      <c r="SPR663" s="613"/>
      <c r="SPS663" s="613"/>
      <c r="SPT663" s="613"/>
      <c r="SPU663" s="613"/>
      <c r="SPV663" s="613"/>
      <c r="SPW663" s="613"/>
      <c r="SPX663" s="613"/>
      <c r="SPY663" s="613"/>
      <c r="SPZ663" s="613"/>
      <c r="SQA663" s="613"/>
      <c r="SQB663" s="613"/>
      <c r="SQC663" s="613"/>
      <c r="SQD663" s="613"/>
      <c r="SQE663" s="613"/>
      <c r="SQF663" s="613"/>
      <c r="SQG663" s="613"/>
      <c r="SQH663" s="613"/>
      <c r="SQI663" s="613"/>
      <c r="SQJ663" s="613"/>
      <c r="SQK663" s="613"/>
      <c r="SQL663" s="613"/>
      <c r="SQM663" s="613"/>
      <c r="SQN663" s="613"/>
      <c r="SQO663" s="613"/>
      <c r="SQP663" s="613"/>
      <c r="SQQ663" s="613"/>
      <c r="SQR663" s="613"/>
      <c r="SQS663" s="613"/>
      <c r="SQT663" s="613"/>
      <c r="SQU663" s="613"/>
      <c r="SQV663" s="613"/>
      <c r="SQW663" s="613"/>
      <c r="SQX663" s="613"/>
      <c r="SQY663" s="613"/>
      <c r="SQZ663" s="613"/>
      <c r="SRA663" s="613"/>
      <c r="SRB663" s="613"/>
      <c r="SRC663" s="613"/>
      <c r="SRD663" s="613"/>
      <c r="SRE663" s="613"/>
      <c r="SRF663" s="613"/>
      <c r="SRG663" s="613"/>
      <c r="SRH663" s="613"/>
      <c r="SRI663" s="613"/>
      <c r="SRJ663" s="613"/>
      <c r="SRK663" s="613"/>
      <c r="SRL663" s="613"/>
      <c r="SRM663" s="613"/>
      <c r="SRN663" s="613"/>
      <c r="SRO663" s="613"/>
      <c r="SRP663" s="613"/>
      <c r="SRQ663" s="613"/>
      <c r="SRR663" s="613"/>
      <c r="SRS663" s="613"/>
      <c r="SRT663" s="613"/>
      <c r="SRU663" s="613"/>
      <c r="SRV663" s="613"/>
      <c r="SRW663" s="613"/>
      <c r="SRX663" s="613"/>
      <c r="SRY663" s="613"/>
      <c r="SRZ663" s="613"/>
      <c r="SSA663" s="613"/>
      <c r="SSB663" s="613"/>
      <c r="SSC663" s="613"/>
      <c r="SSD663" s="613"/>
      <c r="SSE663" s="613"/>
      <c r="SSF663" s="613"/>
      <c r="SSG663" s="613"/>
      <c r="SSH663" s="613"/>
      <c r="SSI663" s="613"/>
      <c r="SSJ663" s="613"/>
      <c r="SSK663" s="613"/>
      <c r="SSL663" s="613"/>
      <c r="SSM663" s="613"/>
      <c r="SSN663" s="613"/>
      <c r="SSO663" s="613"/>
      <c r="SSP663" s="613"/>
      <c r="SSQ663" s="613"/>
      <c r="SSR663" s="613"/>
      <c r="SSS663" s="613"/>
      <c r="SST663" s="613"/>
      <c r="SSU663" s="613"/>
      <c r="SSV663" s="613"/>
      <c r="SSW663" s="613"/>
      <c r="SSX663" s="613"/>
      <c r="SSY663" s="613"/>
      <c r="SSZ663" s="613"/>
      <c r="STA663" s="613"/>
      <c r="STB663" s="613"/>
      <c r="STC663" s="613"/>
      <c r="STD663" s="613"/>
      <c r="STE663" s="613"/>
      <c r="STF663" s="613"/>
      <c r="STG663" s="613"/>
      <c r="STH663" s="613"/>
      <c r="STI663" s="613"/>
      <c r="STJ663" s="613"/>
      <c r="STK663" s="613"/>
      <c r="STL663" s="613"/>
      <c r="STM663" s="613"/>
      <c r="STN663" s="613"/>
      <c r="STO663" s="613"/>
      <c r="STP663" s="613"/>
      <c r="STQ663" s="613"/>
      <c r="STR663" s="613"/>
      <c r="STS663" s="613"/>
      <c r="STT663" s="613"/>
      <c r="STU663" s="613"/>
      <c r="STV663" s="613"/>
      <c r="STW663" s="613"/>
      <c r="STX663" s="613"/>
      <c r="STY663" s="613"/>
      <c r="STZ663" s="613"/>
      <c r="SUA663" s="613"/>
      <c r="SUB663" s="613"/>
      <c r="SUC663" s="613"/>
      <c r="SUD663" s="613"/>
      <c r="SUE663" s="613"/>
      <c r="SUF663" s="613"/>
      <c r="SUG663" s="613"/>
      <c r="SUH663" s="613"/>
      <c r="SUI663" s="613"/>
      <c r="SUJ663" s="613"/>
      <c r="SUK663" s="613"/>
      <c r="SUL663" s="613"/>
      <c r="SUM663" s="613"/>
      <c r="SUN663" s="613"/>
      <c r="SUO663" s="613"/>
      <c r="SUP663" s="613"/>
      <c r="SUQ663" s="613"/>
      <c r="SUR663" s="613"/>
      <c r="SUS663" s="613"/>
      <c r="SUT663" s="613"/>
      <c r="SUU663" s="613"/>
      <c r="SUV663" s="613"/>
      <c r="SUW663" s="613"/>
      <c r="SUX663" s="613"/>
      <c r="SUY663" s="613"/>
      <c r="SUZ663" s="613"/>
      <c r="SVA663" s="613"/>
      <c r="SVB663" s="613"/>
      <c r="SVC663" s="613"/>
      <c r="SVD663" s="613"/>
      <c r="SVE663" s="613"/>
      <c r="SVF663" s="613"/>
      <c r="SVG663" s="613"/>
      <c r="SVH663" s="613"/>
      <c r="SVI663" s="613"/>
      <c r="SVJ663" s="613"/>
      <c r="SVK663" s="613"/>
      <c r="SVL663" s="613"/>
      <c r="SVM663" s="613"/>
      <c r="SVN663" s="613"/>
      <c r="SVO663" s="613"/>
      <c r="SVP663" s="613"/>
      <c r="SVQ663" s="613"/>
      <c r="SVR663" s="613"/>
      <c r="SVS663" s="613"/>
      <c r="SVT663" s="613"/>
      <c r="SVU663" s="613"/>
      <c r="SVV663" s="613"/>
      <c r="SVW663" s="613"/>
      <c r="SVX663" s="613"/>
      <c r="SVY663" s="613"/>
      <c r="SVZ663" s="613"/>
      <c r="SWA663" s="613"/>
      <c r="SWB663" s="613"/>
      <c r="SWC663" s="613"/>
      <c r="SWD663" s="613"/>
      <c r="SWE663" s="613"/>
      <c r="SWF663" s="613"/>
      <c r="SWG663" s="613"/>
      <c r="SWH663" s="613"/>
      <c r="SWI663" s="613"/>
      <c r="SWJ663" s="613"/>
      <c r="SWK663" s="613"/>
      <c r="SWL663" s="613"/>
      <c r="SWM663" s="613"/>
      <c r="SWN663" s="613"/>
      <c r="SWO663" s="613"/>
      <c r="SWP663" s="613"/>
      <c r="SWQ663" s="613"/>
      <c r="SWR663" s="613"/>
      <c r="SWS663" s="613"/>
      <c r="SWT663" s="613"/>
      <c r="SWU663" s="613"/>
      <c r="SWV663" s="613"/>
      <c r="SWW663" s="613"/>
      <c r="SWX663" s="613"/>
      <c r="SWY663" s="613"/>
      <c r="SWZ663" s="613"/>
      <c r="SXA663" s="613"/>
      <c r="SXB663" s="613"/>
      <c r="SXC663" s="613"/>
      <c r="SXD663" s="613"/>
      <c r="SXE663" s="613"/>
      <c r="SXF663" s="613"/>
      <c r="SXG663" s="613"/>
      <c r="SXH663" s="613"/>
      <c r="SXI663" s="613"/>
      <c r="SXJ663" s="613"/>
      <c r="SXK663" s="613"/>
      <c r="SXL663" s="613"/>
      <c r="SXM663" s="613"/>
      <c r="SXN663" s="613"/>
      <c r="SXO663" s="613"/>
      <c r="SXP663" s="613"/>
      <c r="SXQ663" s="613"/>
      <c r="SXR663" s="613"/>
      <c r="SXS663" s="613"/>
      <c r="SXT663" s="613"/>
      <c r="SXU663" s="613"/>
      <c r="SXV663" s="613"/>
      <c r="SXW663" s="613"/>
      <c r="SXX663" s="613"/>
      <c r="SXY663" s="613"/>
      <c r="SXZ663" s="613"/>
      <c r="SYA663" s="613"/>
      <c r="SYB663" s="613"/>
      <c r="SYC663" s="613"/>
      <c r="SYD663" s="613"/>
      <c r="SYE663" s="613"/>
      <c r="SYF663" s="613"/>
      <c r="SYG663" s="613"/>
      <c r="SYH663" s="613"/>
      <c r="SYI663" s="613"/>
      <c r="SYJ663" s="613"/>
      <c r="SYK663" s="613"/>
      <c r="SYL663" s="613"/>
      <c r="SYM663" s="613"/>
      <c r="SYN663" s="613"/>
      <c r="SYO663" s="613"/>
      <c r="SYP663" s="613"/>
      <c r="SYQ663" s="613"/>
      <c r="SYR663" s="613"/>
      <c r="SYS663" s="613"/>
      <c r="SYT663" s="613"/>
      <c r="SYU663" s="613"/>
      <c r="SYV663" s="613"/>
      <c r="SYW663" s="613"/>
      <c r="SYX663" s="613"/>
      <c r="SYY663" s="613"/>
      <c r="SYZ663" s="613"/>
      <c r="SZA663" s="613"/>
      <c r="SZB663" s="613"/>
      <c r="SZC663" s="613"/>
      <c r="SZD663" s="613"/>
      <c r="SZE663" s="613"/>
      <c r="SZF663" s="613"/>
      <c r="SZG663" s="613"/>
      <c r="SZH663" s="613"/>
      <c r="SZI663" s="613"/>
      <c r="SZJ663" s="613"/>
      <c r="SZK663" s="613"/>
      <c r="SZL663" s="613"/>
      <c r="SZM663" s="613"/>
      <c r="SZN663" s="613"/>
      <c r="SZO663" s="613"/>
      <c r="SZP663" s="613"/>
      <c r="SZQ663" s="613"/>
      <c r="SZR663" s="613"/>
      <c r="SZS663" s="613"/>
      <c r="SZT663" s="613"/>
      <c r="SZU663" s="613"/>
      <c r="SZV663" s="613"/>
      <c r="SZW663" s="613"/>
      <c r="SZX663" s="613"/>
      <c r="SZY663" s="613"/>
      <c r="SZZ663" s="613"/>
      <c r="TAA663" s="613"/>
      <c r="TAB663" s="613"/>
      <c r="TAC663" s="613"/>
      <c r="TAD663" s="613"/>
      <c r="TAE663" s="613"/>
      <c r="TAF663" s="613"/>
      <c r="TAG663" s="613"/>
      <c r="TAH663" s="613"/>
      <c r="TAI663" s="613"/>
      <c r="TAJ663" s="613"/>
      <c r="TAK663" s="613"/>
      <c r="TAL663" s="613"/>
      <c r="TAM663" s="613"/>
      <c r="TAN663" s="613"/>
      <c r="TAO663" s="613"/>
      <c r="TAP663" s="613"/>
      <c r="TAQ663" s="613"/>
      <c r="TAR663" s="613"/>
      <c r="TAS663" s="613"/>
      <c r="TAT663" s="613"/>
      <c r="TAU663" s="613"/>
      <c r="TAV663" s="613"/>
      <c r="TAW663" s="613"/>
      <c r="TAX663" s="613"/>
      <c r="TAY663" s="613"/>
      <c r="TAZ663" s="613"/>
      <c r="TBA663" s="613"/>
      <c r="TBB663" s="613"/>
      <c r="TBC663" s="613"/>
      <c r="TBD663" s="613"/>
      <c r="TBE663" s="613"/>
      <c r="TBF663" s="613"/>
      <c r="TBG663" s="613"/>
      <c r="TBH663" s="613"/>
      <c r="TBI663" s="613"/>
      <c r="TBJ663" s="613"/>
      <c r="TBK663" s="613"/>
      <c r="TBL663" s="613"/>
      <c r="TBM663" s="613"/>
      <c r="TBN663" s="613"/>
      <c r="TBO663" s="613"/>
      <c r="TBP663" s="613"/>
      <c r="TBQ663" s="613"/>
      <c r="TBR663" s="613"/>
      <c r="TBS663" s="613"/>
      <c r="TBT663" s="613"/>
      <c r="TBU663" s="613"/>
      <c r="TBV663" s="613"/>
      <c r="TBW663" s="613"/>
      <c r="TBX663" s="613"/>
      <c r="TBY663" s="613"/>
      <c r="TBZ663" s="613"/>
      <c r="TCA663" s="613"/>
      <c r="TCB663" s="613"/>
      <c r="TCC663" s="613"/>
      <c r="TCD663" s="613"/>
      <c r="TCE663" s="613"/>
      <c r="TCF663" s="613"/>
      <c r="TCG663" s="613"/>
      <c r="TCH663" s="613"/>
      <c r="TCI663" s="613"/>
      <c r="TCJ663" s="613"/>
      <c r="TCK663" s="613"/>
      <c r="TCL663" s="613"/>
      <c r="TCM663" s="613"/>
      <c r="TCN663" s="613"/>
      <c r="TCO663" s="613"/>
      <c r="TCP663" s="613"/>
      <c r="TCQ663" s="613"/>
      <c r="TCR663" s="613"/>
      <c r="TCS663" s="613"/>
      <c r="TCT663" s="613"/>
      <c r="TCU663" s="613"/>
      <c r="TCV663" s="613"/>
      <c r="TCW663" s="613"/>
      <c r="TCX663" s="613"/>
      <c r="TCY663" s="613"/>
      <c r="TCZ663" s="613"/>
      <c r="TDA663" s="613"/>
      <c r="TDB663" s="613"/>
      <c r="TDC663" s="613"/>
      <c r="TDD663" s="613"/>
      <c r="TDE663" s="613"/>
      <c r="TDF663" s="613"/>
      <c r="TDG663" s="613"/>
      <c r="TDH663" s="613"/>
      <c r="TDI663" s="613"/>
      <c r="TDJ663" s="613"/>
      <c r="TDK663" s="613"/>
      <c r="TDL663" s="613"/>
      <c r="TDM663" s="613"/>
      <c r="TDN663" s="613"/>
      <c r="TDO663" s="613"/>
      <c r="TDP663" s="613"/>
      <c r="TDQ663" s="613"/>
      <c r="TDR663" s="613"/>
      <c r="TDS663" s="613"/>
      <c r="TDT663" s="613"/>
      <c r="TDU663" s="613"/>
      <c r="TDV663" s="613"/>
      <c r="TDW663" s="613"/>
      <c r="TDX663" s="613"/>
      <c r="TDY663" s="613"/>
      <c r="TDZ663" s="613"/>
      <c r="TEA663" s="613"/>
      <c r="TEB663" s="613"/>
      <c r="TEC663" s="613"/>
      <c r="TED663" s="613"/>
      <c r="TEE663" s="613"/>
      <c r="TEF663" s="613"/>
      <c r="TEG663" s="613"/>
      <c r="TEH663" s="613"/>
      <c r="TEI663" s="613"/>
      <c r="TEJ663" s="613"/>
      <c r="TEK663" s="613"/>
      <c r="TEL663" s="613"/>
      <c r="TEM663" s="613"/>
      <c r="TEN663" s="613"/>
      <c r="TEO663" s="613"/>
      <c r="TEP663" s="613"/>
      <c r="TEQ663" s="613"/>
      <c r="TER663" s="613"/>
      <c r="TES663" s="613"/>
      <c r="TET663" s="613"/>
      <c r="TEU663" s="613"/>
      <c r="TEV663" s="613"/>
      <c r="TEW663" s="613"/>
      <c r="TEX663" s="613"/>
      <c r="TEY663" s="613"/>
      <c r="TEZ663" s="613"/>
      <c r="TFA663" s="613"/>
      <c r="TFB663" s="613"/>
      <c r="TFC663" s="613"/>
      <c r="TFD663" s="613"/>
      <c r="TFE663" s="613"/>
      <c r="TFF663" s="613"/>
      <c r="TFG663" s="613"/>
      <c r="TFH663" s="613"/>
      <c r="TFI663" s="613"/>
      <c r="TFJ663" s="613"/>
      <c r="TFK663" s="613"/>
      <c r="TFL663" s="613"/>
      <c r="TFM663" s="613"/>
      <c r="TFN663" s="613"/>
      <c r="TFO663" s="613"/>
      <c r="TFP663" s="613"/>
      <c r="TFQ663" s="613"/>
      <c r="TFR663" s="613"/>
      <c r="TFS663" s="613"/>
      <c r="TFT663" s="613"/>
      <c r="TFU663" s="613"/>
      <c r="TFV663" s="613"/>
      <c r="TFW663" s="613"/>
      <c r="TFX663" s="613"/>
      <c r="TFY663" s="613"/>
      <c r="TFZ663" s="613"/>
      <c r="TGA663" s="613"/>
      <c r="TGB663" s="613"/>
      <c r="TGC663" s="613"/>
      <c r="TGD663" s="613"/>
      <c r="TGE663" s="613"/>
      <c r="TGF663" s="613"/>
      <c r="TGG663" s="613"/>
      <c r="TGH663" s="613"/>
      <c r="TGI663" s="613"/>
      <c r="TGJ663" s="613"/>
      <c r="TGK663" s="613"/>
      <c r="TGL663" s="613"/>
      <c r="TGM663" s="613"/>
      <c r="TGN663" s="613"/>
      <c r="TGO663" s="613"/>
      <c r="TGP663" s="613"/>
      <c r="TGQ663" s="613"/>
      <c r="TGR663" s="613"/>
      <c r="TGS663" s="613"/>
      <c r="TGT663" s="613"/>
      <c r="TGU663" s="613"/>
      <c r="TGV663" s="613"/>
      <c r="TGW663" s="613"/>
      <c r="TGX663" s="613"/>
      <c r="TGY663" s="613"/>
      <c r="TGZ663" s="613"/>
      <c r="THA663" s="613"/>
      <c r="THB663" s="613"/>
      <c r="THC663" s="613"/>
      <c r="THD663" s="613"/>
      <c r="THE663" s="613"/>
      <c r="THF663" s="613"/>
      <c r="THG663" s="613"/>
      <c r="THH663" s="613"/>
      <c r="THI663" s="613"/>
      <c r="THJ663" s="613"/>
      <c r="THK663" s="613"/>
      <c r="THL663" s="613"/>
      <c r="THM663" s="613"/>
      <c r="THN663" s="613"/>
      <c r="THO663" s="613"/>
      <c r="THP663" s="613"/>
      <c r="THQ663" s="613"/>
      <c r="THR663" s="613"/>
      <c r="THS663" s="613"/>
      <c r="THT663" s="613"/>
      <c r="THU663" s="613"/>
      <c r="THV663" s="613"/>
      <c r="THW663" s="613"/>
      <c r="THX663" s="613"/>
      <c r="THY663" s="613"/>
      <c r="THZ663" s="613"/>
      <c r="TIA663" s="613"/>
      <c r="TIB663" s="613"/>
      <c r="TIC663" s="613"/>
      <c r="TID663" s="613"/>
      <c r="TIE663" s="613"/>
      <c r="TIF663" s="613"/>
      <c r="TIG663" s="613"/>
      <c r="TIH663" s="613"/>
      <c r="TII663" s="613"/>
      <c r="TIJ663" s="613"/>
      <c r="TIK663" s="613"/>
      <c r="TIL663" s="613"/>
      <c r="TIM663" s="613"/>
      <c r="TIN663" s="613"/>
      <c r="TIO663" s="613"/>
      <c r="TIP663" s="613"/>
      <c r="TIQ663" s="613"/>
      <c r="TIR663" s="613"/>
      <c r="TIS663" s="613"/>
      <c r="TIT663" s="613"/>
      <c r="TIU663" s="613"/>
      <c r="TIV663" s="613"/>
      <c r="TIW663" s="613"/>
      <c r="TIX663" s="613"/>
      <c r="TIY663" s="613"/>
      <c r="TIZ663" s="613"/>
      <c r="TJA663" s="613"/>
      <c r="TJB663" s="613"/>
      <c r="TJC663" s="613"/>
      <c r="TJD663" s="613"/>
      <c r="TJE663" s="613"/>
      <c r="TJF663" s="613"/>
      <c r="TJG663" s="613"/>
      <c r="TJH663" s="613"/>
      <c r="TJI663" s="613"/>
      <c r="TJJ663" s="613"/>
      <c r="TJK663" s="613"/>
      <c r="TJL663" s="613"/>
      <c r="TJM663" s="613"/>
      <c r="TJN663" s="613"/>
      <c r="TJO663" s="613"/>
      <c r="TJP663" s="613"/>
      <c r="TJQ663" s="613"/>
      <c r="TJR663" s="613"/>
      <c r="TJS663" s="613"/>
      <c r="TJT663" s="613"/>
      <c r="TJU663" s="613"/>
      <c r="TJV663" s="613"/>
      <c r="TJW663" s="613"/>
      <c r="TJX663" s="613"/>
      <c r="TJY663" s="613"/>
      <c r="TJZ663" s="613"/>
      <c r="TKA663" s="613"/>
      <c r="TKB663" s="613"/>
      <c r="TKC663" s="613"/>
      <c r="TKD663" s="613"/>
      <c r="TKE663" s="613"/>
      <c r="TKF663" s="613"/>
      <c r="TKG663" s="613"/>
      <c r="TKH663" s="613"/>
      <c r="TKI663" s="613"/>
      <c r="TKJ663" s="613"/>
      <c r="TKK663" s="613"/>
      <c r="TKL663" s="613"/>
      <c r="TKM663" s="613"/>
      <c r="TKN663" s="613"/>
      <c r="TKO663" s="613"/>
      <c r="TKP663" s="613"/>
      <c r="TKQ663" s="613"/>
      <c r="TKR663" s="613"/>
      <c r="TKS663" s="613"/>
      <c r="TKT663" s="613"/>
      <c r="TKU663" s="613"/>
      <c r="TKV663" s="613"/>
      <c r="TKW663" s="613"/>
      <c r="TKX663" s="613"/>
      <c r="TKY663" s="613"/>
      <c r="TKZ663" s="613"/>
      <c r="TLA663" s="613"/>
      <c r="TLB663" s="613"/>
      <c r="TLC663" s="613"/>
      <c r="TLD663" s="613"/>
      <c r="TLE663" s="613"/>
      <c r="TLF663" s="613"/>
      <c r="TLG663" s="613"/>
      <c r="TLH663" s="613"/>
      <c r="TLI663" s="613"/>
      <c r="TLJ663" s="613"/>
      <c r="TLK663" s="613"/>
      <c r="TLL663" s="613"/>
      <c r="TLM663" s="613"/>
      <c r="TLN663" s="613"/>
      <c r="TLO663" s="613"/>
      <c r="TLP663" s="613"/>
      <c r="TLQ663" s="613"/>
      <c r="TLR663" s="613"/>
      <c r="TLS663" s="613"/>
      <c r="TLT663" s="613"/>
      <c r="TLU663" s="613"/>
      <c r="TLV663" s="613"/>
      <c r="TLW663" s="613"/>
      <c r="TLX663" s="613"/>
      <c r="TLY663" s="613"/>
      <c r="TLZ663" s="613"/>
      <c r="TMA663" s="613"/>
      <c r="TMB663" s="613"/>
      <c r="TMC663" s="613"/>
      <c r="TMD663" s="613"/>
      <c r="TME663" s="613"/>
      <c r="TMF663" s="613"/>
      <c r="TMG663" s="613"/>
      <c r="TMH663" s="613"/>
      <c r="TMI663" s="613"/>
      <c r="TMJ663" s="613"/>
      <c r="TMK663" s="613"/>
      <c r="TML663" s="613"/>
      <c r="TMM663" s="613"/>
      <c r="TMN663" s="613"/>
      <c r="TMO663" s="613"/>
      <c r="TMP663" s="613"/>
      <c r="TMQ663" s="613"/>
      <c r="TMR663" s="613"/>
      <c r="TMS663" s="613"/>
      <c r="TMT663" s="613"/>
      <c r="TMU663" s="613"/>
      <c r="TMV663" s="613"/>
      <c r="TMW663" s="613"/>
      <c r="TMX663" s="613"/>
      <c r="TMY663" s="613"/>
      <c r="TMZ663" s="613"/>
      <c r="TNA663" s="613"/>
      <c r="TNB663" s="613"/>
      <c r="TNC663" s="613"/>
      <c r="TND663" s="613"/>
      <c r="TNE663" s="613"/>
      <c r="TNF663" s="613"/>
      <c r="TNG663" s="613"/>
      <c r="TNH663" s="613"/>
      <c r="TNI663" s="613"/>
      <c r="TNJ663" s="613"/>
      <c r="TNK663" s="613"/>
      <c r="TNL663" s="613"/>
      <c r="TNM663" s="613"/>
      <c r="TNN663" s="613"/>
      <c r="TNO663" s="613"/>
      <c r="TNP663" s="613"/>
      <c r="TNQ663" s="613"/>
      <c r="TNR663" s="613"/>
      <c r="TNS663" s="613"/>
      <c r="TNT663" s="613"/>
      <c r="TNU663" s="613"/>
      <c r="TNV663" s="613"/>
      <c r="TNW663" s="613"/>
      <c r="TNX663" s="613"/>
      <c r="TNY663" s="613"/>
      <c r="TNZ663" s="613"/>
      <c r="TOA663" s="613"/>
      <c r="TOB663" s="613"/>
      <c r="TOC663" s="613"/>
      <c r="TOD663" s="613"/>
      <c r="TOE663" s="613"/>
      <c r="TOF663" s="613"/>
      <c r="TOG663" s="613"/>
      <c r="TOH663" s="613"/>
      <c r="TOI663" s="613"/>
      <c r="TOJ663" s="613"/>
      <c r="TOK663" s="613"/>
      <c r="TOL663" s="613"/>
      <c r="TOM663" s="613"/>
      <c r="TON663" s="613"/>
      <c r="TOO663" s="613"/>
      <c r="TOP663" s="613"/>
      <c r="TOQ663" s="613"/>
      <c r="TOR663" s="613"/>
      <c r="TOS663" s="613"/>
      <c r="TOT663" s="613"/>
      <c r="TOU663" s="613"/>
      <c r="TOV663" s="613"/>
      <c r="TOW663" s="613"/>
      <c r="TOX663" s="613"/>
      <c r="TOY663" s="613"/>
      <c r="TOZ663" s="613"/>
      <c r="TPA663" s="613"/>
      <c r="TPB663" s="613"/>
      <c r="TPC663" s="613"/>
      <c r="TPD663" s="613"/>
      <c r="TPE663" s="613"/>
      <c r="TPF663" s="613"/>
      <c r="TPG663" s="613"/>
      <c r="TPH663" s="613"/>
      <c r="TPI663" s="613"/>
      <c r="TPJ663" s="613"/>
      <c r="TPK663" s="613"/>
      <c r="TPL663" s="613"/>
      <c r="TPM663" s="613"/>
      <c r="TPN663" s="613"/>
      <c r="TPO663" s="613"/>
      <c r="TPP663" s="613"/>
      <c r="TPQ663" s="613"/>
      <c r="TPR663" s="613"/>
      <c r="TPS663" s="613"/>
      <c r="TPT663" s="613"/>
      <c r="TPU663" s="613"/>
      <c r="TPV663" s="613"/>
      <c r="TPW663" s="613"/>
      <c r="TPX663" s="613"/>
      <c r="TPY663" s="613"/>
      <c r="TPZ663" s="613"/>
      <c r="TQA663" s="613"/>
      <c r="TQB663" s="613"/>
      <c r="TQC663" s="613"/>
      <c r="TQD663" s="613"/>
      <c r="TQE663" s="613"/>
      <c r="TQF663" s="613"/>
      <c r="TQG663" s="613"/>
      <c r="TQH663" s="613"/>
      <c r="TQI663" s="613"/>
      <c r="TQJ663" s="613"/>
      <c r="TQK663" s="613"/>
      <c r="TQL663" s="613"/>
      <c r="TQM663" s="613"/>
      <c r="TQN663" s="613"/>
      <c r="TQO663" s="613"/>
      <c r="TQP663" s="613"/>
      <c r="TQQ663" s="613"/>
      <c r="TQR663" s="613"/>
      <c r="TQS663" s="613"/>
      <c r="TQT663" s="613"/>
      <c r="TQU663" s="613"/>
      <c r="TQV663" s="613"/>
      <c r="TQW663" s="613"/>
      <c r="TQX663" s="613"/>
      <c r="TQY663" s="613"/>
      <c r="TQZ663" s="613"/>
      <c r="TRA663" s="613"/>
      <c r="TRB663" s="613"/>
      <c r="TRC663" s="613"/>
      <c r="TRD663" s="613"/>
      <c r="TRE663" s="613"/>
      <c r="TRF663" s="613"/>
      <c r="TRG663" s="613"/>
      <c r="TRH663" s="613"/>
      <c r="TRI663" s="613"/>
      <c r="TRJ663" s="613"/>
      <c r="TRK663" s="613"/>
      <c r="TRL663" s="613"/>
      <c r="TRM663" s="613"/>
      <c r="TRN663" s="613"/>
      <c r="TRO663" s="613"/>
      <c r="TRP663" s="613"/>
      <c r="TRQ663" s="613"/>
      <c r="TRR663" s="613"/>
      <c r="TRS663" s="613"/>
      <c r="TRT663" s="613"/>
      <c r="TRU663" s="613"/>
      <c r="TRV663" s="613"/>
      <c r="TRW663" s="613"/>
      <c r="TRX663" s="613"/>
      <c r="TRY663" s="613"/>
      <c r="TRZ663" s="613"/>
      <c r="TSA663" s="613"/>
      <c r="TSB663" s="613"/>
      <c r="TSC663" s="613"/>
      <c r="TSD663" s="613"/>
      <c r="TSE663" s="613"/>
      <c r="TSF663" s="613"/>
      <c r="TSG663" s="613"/>
      <c r="TSH663" s="613"/>
      <c r="TSI663" s="613"/>
      <c r="TSJ663" s="613"/>
      <c r="TSK663" s="613"/>
      <c r="TSL663" s="613"/>
      <c r="TSM663" s="613"/>
      <c r="TSN663" s="613"/>
      <c r="TSO663" s="613"/>
      <c r="TSP663" s="613"/>
      <c r="TSQ663" s="613"/>
      <c r="TSR663" s="613"/>
      <c r="TSS663" s="613"/>
      <c r="TST663" s="613"/>
      <c r="TSU663" s="613"/>
      <c r="TSV663" s="613"/>
      <c r="TSW663" s="613"/>
      <c r="TSX663" s="613"/>
      <c r="TSY663" s="613"/>
      <c r="TSZ663" s="613"/>
      <c r="TTA663" s="613"/>
      <c r="TTB663" s="613"/>
      <c r="TTC663" s="613"/>
      <c r="TTD663" s="613"/>
      <c r="TTE663" s="613"/>
      <c r="TTF663" s="613"/>
      <c r="TTG663" s="613"/>
      <c r="TTH663" s="613"/>
      <c r="TTI663" s="613"/>
      <c r="TTJ663" s="613"/>
      <c r="TTK663" s="613"/>
      <c r="TTL663" s="613"/>
      <c r="TTM663" s="613"/>
      <c r="TTN663" s="613"/>
      <c r="TTO663" s="613"/>
      <c r="TTP663" s="613"/>
      <c r="TTQ663" s="613"/>
      <c r="TTR663" s="613"/>
      <c r="TTS663" s="613"/>
      <c r="TTT663" s="613"/>
      <c r="TTU663" s="613"/>
      <c r="TTV663" s="613"/>
      <c r="TTW663" s="613"/>
      <c r="TTX663" s="613"/>
      <c r="TTY663" s="613"/>
      <c r="TTZ663" s="613"/>
      <c r="TUA663" s="613"/>
      <c r="TUB663" s="613"/>
      <c r="TUC663" s="613"/>
      <c r="TUD663" s="613"/>
      <c r="TUE663" s="613"/>
      <c r="TUF663" s="613"/>
      <c r="TUG663" s="613"/>
      <c r="TUH663" s="613"/>
      <c r="TUI663" s="613"/>
      <c r="TUJ663" s="613"/>
      <c r="TUK663" s="613"/>
      <c r="TUL663" s="613"/>
      <c r="TUM663" s="613"/>
      <c r="TUN663" s="613"/>
      <c r="TUO663" s="613"/>
      <c r="TUP663" s="613"/>
      <c r="TUQ663" s="613"/>
      <c r="TUR663" s="613"/>
      <c r="TUS663" s="613"/>
      <c r="TUT663" s="613"/>
      <c r="TUU663" s="613"/>
      <c r="TUV663" s="613"/>
      <c r="TUW663" s="613"/>
      <c r="TUX663" s="613"/>
      <c r="TUY663" s="613"/>
      <c r="TUZ663" s="613"/>
      <c r="TVA663" s="613"/>
      <c r="TVB663" s="613"/>
      <c r="TVC663" s="613"/>
      <c r="TVD663" s="613"/>
      <c r="TVE663" s="613"/>
      <c r="TVF663" s="613"/>
      <c r="TVG663" s="613"/>
      <c r="TVH663" s="613"/>
      <c r="TVI663" s="613"/>
      <c r="TVJ663" s="613"/>
      <c r="TVK663" s="613"/>
      <c r="TVL663" s="613"/>
      <c r="TVM663" s="613"/>
      <c r="TVN663" s="613"/>
      <c r="TVO663" s="613"/>
      <c r="TVP663" s="613"/>
      <c r="TVQ663" s="613"/>
      <c r="TVR663" s="613"/>
      <c r="TVS663" s="613"/>
      <c r="TVT663" s="613"/>
      <c r="TVU663" s="613"/>
      <c r="TVV663" s="613"/>
      <c r="TVW663" s="613"/>
      <c r="TVX663" s="613"/>
      <c r="TVY663" s="613"/>
      <c r="TVZ663" s="613"/>
      <c r="TWA663" s="613"/>
      <c r="TWB663" s="613"/>
      <c r="TWC663" s="613"/>
      <c r="TWD663" s="613"/>
      <c r="TWE663" s="613"/>
      <c r="TWF663" s="613"/>
      <c r="TWG663" s="613"/>
      <c r="TWH663" s="613"/>
      <c r="TWI663" s="613"/>
      <c r="TWJ663" s="613"/>
      <c r="TWK663" s="613"/>
      <c r="TWL663" s="613"/>
      <c r="TWM663" s="613"/>
      <c r="TWN663" s="613"/>
      <c r="TWO663" s="613"/>
      <c r="TWP663" s="613"/>
      <c r="TWQ663" s="613"/>
      <c r="TWR663" s="613"/>
      <c r="TWS663" s="613"/>
      <c r="TWT663" s="613"/>
      <c r="TWU663" s="613"/>
      <c r="TWV663" s="613"/>
      <c r="TWW663" s="613"/>
      <c r="TWX663" s="613"/>
      <c r="TWY663" s="613"/>
      <c r="TWZ663" s="613"/>
      <c r="TXA663" s="613"/>
      <c r="TXB663" s="613"/>
      <c r="TXC663" s="613"/>
      <c r="TXD663" s="613"/>
      <c r="TXE663" s="613"/>
      <c r="TXF663" s="613"/>
      <c r="TXG663" s="613"/>
      <c r="TXH663" s="613"/>
      <c r="TXI663" s="613"/>
      <c r="TXJ663" s="613"/>
      <c r="TXK663" s="613"/>
      <c r="TXL663" s="613"/>
      <c r="TXM663" s="613"/>
      <c r="TXN663" s="613"/>
      <c r="TXO663" s="613"/>
      <c r="TXP663" s="613"/>
      <c r="TXQ663" s="613"/>
      <c r="TXR663" s="613"/>
      <c r="TXS663" s="613"/>
      <c r="TXT663" s="613"/>
      <c r="TXU663" s="613"/>
      <c r="TXV663" s="613"/>
      <c r="TXW663" s="613"/>
      <c r="TXX663" s="613"/>
      <c r="TXY663" s="613"/>
      <c r="TXZ663" s="613"/>
      <c r="TYA663" s="613"/>
      <c r="TYB663" s="613"/>
      <c r="TYC663" s="613"/>
      <c r="TYD663" s="613"/>
      <c r="TYE663" s="613"/>
      <c r="TYF663" s="613"/>
      <c r="TYG663" s="613"/>
      <c r="TYH663" s="613"/>
      <c r="TYI663" s="613"/>
      <c r="TYJ663" s="613"/>
      <c r="TYK663" s="613"/>
      <c r="TYL663" s="613"/>
      <c r="TYM663" s="613"/>
      <c r="TYN663" s="613"/>
      <c r="TYO663" s="613"/>
      <c r="TYP663" s="613"/>
      <c r="TYQ663" s="613"/>
      <c r="TYR663" s="613"/>
      <c r="TYS663" s="613"/>
      <c r="TYT663" s="613"/>
      <c r="TYU663" s="613"/>
      <c r="TYV663" s="613"/>
      <c r="TYW663" s="613"/>
      <c r="TYX663" s="613"/>
      <c r="TYY663" s="613"/>
      <c r="TYZ663" s="613"/>
      <c r="TZA663" s="613"/>
      <c r="TZB663" s="613"/>
      <c r="TZC663" s="613"/>
      <c r="TZD663" s="613"/>
      <c r="TZE663" s="613"/>
      <c r="TZF663" s="613"/>
      <c r="TZG663" s="613"/>
      <c r="TZH663" s="613"/>
      <c r="TZI663" s="613"/>
      <c r="TZJ663" s="613"/>
      <c r="TZK663" s="613"/>
      <c r="TZL663" s="613"/>
      <c r="TZM663" s="613"/>
      <c r="TZN663" s="613"/>
      <c r="TZO663" s="613"/>
      <c r="TZP663" s="613"/>
      <c r="TZQ663" s="613"/>
      <c r="TZR663" s="613"/>
      <c r="TZS663" s="613"/>
      <c r="TZT663" s="613"/>
      <c r="TZU663" s="613"/>
      <c r="TZV663" s="613"/>
      <c r="TZW663" s="613"/>
      <c r="TZX663" s="613"/>
      <c r="TZY663" s="613"/>
      <c r="TZZ663" s="613"/>
      <c r="UAA663" s="613"/>
      <c r="UAB663" s="613"/>
      <c r="UAC663" s="613"/>
      <c r="UAD663" s="613"/>
      <c r="UAE663" s="613"/>
      <c r="UAF663" s="613"/>
      <c r="UAG663" s="613"/>
      <c r="UAH663" s="613"/>
      <c r="UAI663" s="613"/>
      <c r="UAJ663" s="613"/>
      <c r="UAK663" s="613"/>
      <c r="UAL663" s="613"/>
      <c r="UAM663" s="613"/>
      <c r="UAN663" s="613"/>
      <c r="UAO663" s="613"/>
      <c r="UAP663" s="613"/>
      <c r="UAQ663" s="613"/>
      <c r="UAR663" s="613"/>
      <c r="UAS663" s="613"/>
      <c r="UAT663" s="613"/>
      <c r="UAU663" s="613"/>
      <c r="UAV663" s="613"/>
      <c r="UAW663" s="613"/>
      <c r="UAX663" s="613"/>
      <c r="UAY663" s="613"/>
      <c r="UAZ663" s="613"/>
      <c r="UBA663" s="613"/>
      <c r="UBB663" s="613"/>
      <c r="UBC663" s="613"/>
      <c r="UBD663" s="613"/>
      <c r="UBE663" s="613"/>
      <c r="UBF663" s="613"/>
      <c r="UBG663" s="613"/>
      <c r="UBH663" s="613"/>
      <c r="UBI663" s="613"/>
      <c r="UBJ663" s="613"/>
      <c r="UBK663" s="613"/>
      <c r="UBL663" s="613"/>
      <c r="UBM663" s="613"/>
      <c r="UBN663" s="613"/>
      <c r="UBO663" s="613"/>
      <c r="UBP663" s="613"/>
      <c r="UBQ663" s="613"/>
      <c r="UBR663" s="613"/>
      <c r="UBS663" s="613"/>
      <c r="UBT663" s="613"/>
      <c r="UBU663" s="613"/>
      <c r="UBV663" s="613"/>
      <c r="UBW663" s="613"/>
      <c r="UBX663" s="613"/>
      <c r="UBY663" s="613"/>
      <c r="UBZ663" s="613"/>
      <c r="UCA663" s="613"/>
      <c r="UCB663" s="613"/>
      <c r="UCC663" s="613"/>
      <c r="UCD663" s="613"/>
      <c r="UCE663" s="613"/>
      <c r="UCF663" s="613"/>
      <c r="UCG663" s="613"/>
      <c r="UCH663" s="613"/>
      <c r="UCI663" s="613"/>
      <c r="UCJ663" s="613"/>
      <c r="UCK663" s="613"/>
      <c r="UCL663" s="613"/>
      <c r="UCM663" s="613"/>
      <c r="UCN663" s="613"/>
      <c r="UCO663" s="613"/>
      <c r="UCP663" s="613"/>
      <c r="UCQ663" s="613"/>
      <c r="UCR663" s="613"/>
      <c r="UCS663" s="613"/>
      <c r="UCT663" s="613"/>
      <c r="UCU663" s="613"/>
      <c r="UCV663" s="613"/>
      <c r="UCW663" s="613"/>
      <c r="UCX663" s="613"/>
      <c r="UCY663" s="613"/>
      <c r="UCZ663" s="613"/>
      <c r="UDA663" s="613"/>
      <c r="UDB663" s="613"/>
      <c r="UDC663" s="613"/>
      <c r="UDD663" s="613"/>
      <c r="UDE663" s="613"/>
      <c r="UDF663" s="613"/>
      <c r="UDG663" s="613"/>
      <c r="UDH663" s="613"/>
      <c r="UDI663" s="613"/>
      <c r="UDJ663" s="613"/>
      <c r="UDK663" s="613"/>
      <c r="UDL663" s="613"/>
      <c r="UDM663" s="613"/>
      <c r="UDN663" s="613"/>
      <c r="UDO663" s="613"/>
      <c r="UDP663" s="613"/>
      <c r="UDQ663" s="613"/>
      <c r="UDR663" s="613"/>
      <c r="UDS663" s="613"/>
      <c r="UDT663" s="613"/>
      <c r="UDU663" s="613"/>
      <c r="UDV663" s="613"/>
      <c r="UDW663" s="613"/>
      <c r="UDX663" s="613"/>
      <c r="UDY663" s="613"/>
      <c r="UDZ663" s="613"/>
      <c r="UEA663" s="613"/>
      <c r="UEB663" s="613"/>
      <c r="UEC663" s="613"/>
      <c r="UED663" s="613"/>
      <c r="UEE663" s="613"/>
      <c r="UEF663" s="613"/>
      <c r="UEG663" s="613"/>
      <c r="UEH663" s="613"/>
      <c r="UEI663" s="613"/>
      <c r="UEJ663" s="613"/>
      <c r="UEK663" s="613"/>
      <c r="UEL663" s="613"/>
      <c r="UEM663" s="613"/>
      <c r="UEN663" s="613"/>
      <c r="UEO663" s="613"/>
      <c r="UEP663" s="613"/>
      <c r="UEQ663" s="613"/>
      <c r="UER663" s="613"/>
      <c r="UES663" s="613"/>
      <c r="UET663" s="613"/>
      <c r="UEU663" s="613"/>
      <c r="UEV663" s="613"/>
      <c r="UEW663" s="613"/>
      <c r="UEX663" s="613"/>
      <c r="UEY663" s="613"/>
      <c r="UEZ663" s="613"/>
      <c r="UFA663" s="613"/>
      <c r="UFB663" s="613"/>
      <c r="UFC663" s="613"/>
      <c r="UFD663" s="613"/>
      <c r="UFE663" s="613"/>
      <c r="UFF663" s="613"/>
      <c r="UFG663" s="613"/>
      <c r="UFH663" s="613"/>
      <c r="UFI663" s="613"/>
      <c r="UFJ663" s="613"/>
      <c r="UFK663" s="613"/>
      <c r="UFL663" s="613"/>
      <c r="UFM663" s="613"/>
      <c r="UFN663" s="613"/>
      <c r="UFO663" s="613"/>
      <c r="UFP663" s="613"/>
      <c r="UFQ663" s="613"/>
      <c r="UFR663" s="613"/>
      <c r="UFS663" s="613"/>
      <c r="UFT663" s="613"/>
      <c r="UFU663" s="613"/>
      <c r="UFV663" s="613"/>
      <c r="UFW663" s="613"/>
      <c r="UFX663" s="613"/>
      <c r="UFY663" s="613"/>
      <c r="UFZ663" s="613"/>
      <c r="UGA663" s="613"/>
      <c r="UGB663" s="613"/>
      <c r="UGC663" s="613"/>
      <c r="UGD663" s="613"/>
      <c r="UGE663" s="613"/>
      <c r="UGF663" s="613"/>
      <c r="UGG663" s="613"/>
      <c r="UGH663" s="613"/>
      <c r="UGI663" s="613"/>
      <c r="UGJ663" s="613"/>
      <c r="UGK663" s="613"/>
      <c r="UGL663" s="613"/>
      <c r="UGM663" s="613"/>
      <c r="UGN663" s="613"/>
      <c r="UGO663" s="613"/>
      <c r="UGP663" s="613"/>
      <c r="UGQ663" s="613"/>
      <c r="UGR663" s="613"/>
      <c r="UGS663" s="613"/>
      <c r="UGT663" s="613"/>
      <c r="UGU663" s="613"/>
      <c r="UGV663" s="613"/>
      <c r="UGW663" s="613"/>
      <c r="UGX663" s="613"/>
      <c r="UGY663" s="613"/>
      <c r="UGZ663" s="613"/>
      <c r="UHA663" s="613"/>
      <c r="UHB663" s="613"/>
      <c r="UHC663" s="613"/>
      <c r="UHD663" s="613"/>
      <c r="UHE663" s="613"/>
      <c r="UHF663" s="613"/>
      <c r="UHG663" s="613"/>
      <c r="UHH663" s="613"/>
      <c r="UHI663" s="613"/>
      <c r="UHJ663" s="613"/>
      <c r="UHK663" s="613"/>
      <c r="UHL663" s="613"/>
      <c r="UHM663" s="613"/>
      <c r="UHN663" s="613"/>
      <c r="UHO663" s="613"/>
      <c r="UHP663" s="613"/>
      <c r="UHQ663" s="613"/>
      <c r="UHR663" s="613"/>
      <c r="UHS663" s="613"/>
      <c r="UHT663" s="613"/>
      <c r="UHU663" s="613"/>
      <c r="UHV663" s="613"/>
      <c r="UHW663" s="613"/>
      <c r="UHX663" s="613"/>
      <c r="UHY663" s="613"/>
      <c r="UHZ663" s="613"/>
      <c r="UIA663" s="613"/>
      <c r="UIB663" s="613"/>
      <c r="UIC663" s="613"/>
      <c r="UID663" s="613"/>
      <c r="UIE663" s="613"/>
      <c r="UIF663" s="613"/>
      <c r="UIG663" s="613"/>
      <c r="UIH663" s="613"/>
      <c r="UII663" s="613"/>
      <c r="UIJ663" s="613"/>
      <c r="UIK663" s="613"/>
      <c r="UIL663" s="613"/>
      <c r="UIM663" s="613"/>
      <c r="UIN663" s="613"/>
      <c r="UIO663" s="613"/>
      <c r="UIP663" s="613"/>
      <c r="UIQ663" s="613"/>
      <c r="UIR663" s="613"/>
      <c r="UIS663" s="613"/>
      <c r="UIT663" s="613"/>
      <c r="UIU663" s="613"/>
      <c r="UIV663" s="613"/>
      <c r="UIW663" s="613"/>
      <c r="UIX663" s="613"/>
      <c r="UIY663" s="613"/>
      <c r="UIZ663" s="613"/>
      <c r="UJA663" s="613"/>
      <c r="UJB663" s="613"/>
      <c r="UJC663" s="613"/>
      <c r="UJD663" s="613"/>
      <c r="UJE663" s="613"/>
      <c r="UJF663" s="613"/>
      <c r="UJG663" s="613"/>
      <c r="UJH663" s="613"/>
      <c r="UJI663" s="613"/>
      <c r="UJJ663" s="613"/>
      <c r="UJK663" s="613"/>
      <c r="UJL663" s="613"/>
      <c r="UJM663" s="613"/>
      <c r="UJN663" s="613"/>
      <c r="UJO663" s="613"/>
      <c r="UJP663" s="613"/>
      <c r="UJQ663" s="613"/>
      <c r="UJR663" s="613"/>
      <c r="UJS663" s="613"/>
      <c r="UJT663" s="613"/>
      <c r="UJU663" s="613"/>
      <c r="UJV663" s="613"/>
      <c r="UJW663" s="613"/>
      <c r="UJX663" s="613"/>
      <c r="UJY663" s="613"/>
      <c r="UJZ663" s="613"/>
      <c r="UKA663" s="613"/>
      <c r="UKB663" s="613"/>
      <c r="UKC663" s="613"/>
      <c r="UKD663" s="613"/>
      <c r="UKE663" s="613"/>
      <c r="UKF663" s="613"/>
      <c r="UKG663" s="613"/>
      <c r="UKH663" s="613"/>
      <c r="UKI663" s="613"/>
      <c r="UKJ663" s="613"/>
      <c r="UKK663" s="613"/>
      <c r="UKL663" s="613"/>
      <c r="UKM663" s="613"/>
      <c r="UKN663" s="613"/>
      <c r="UKO663" s="613"/>
      <c r="UKP663" s="613"/>
      <c r="UKQ663" s="613"/>
      <c r="UKR663" s="613"/>
      <c r="UKS663" s="613"/>
      <c r="UKT663" s="613"/>
      <c r="UKU663" s="613"/>
      <c r="UKV663" s="613"/>
      <c r="UKW663" s="613"/>
      <c r="UKX663" s="613"/>
      <c r="UKY663" s="613"/>
      <c r="UKZ663" s="613"/>
      <c r="ULA663" s="613"/>
      <c r="ULB663" s="613"/>
      <c r="ULC663" s="613"/>
      <c r="ULD663" s="613"/>
      <c r="ULE663" s="613"/>
      <c r="ULF663" s="613"/>
      <c r="ULG663" s="613"/>
      <c r="ULH663" s="613"/>
      <c r="ULI663" s="613"/>
      <c r="ULJ663" s="613"/>
      <c r="ULK663" s="613"/>
      <c r="ULL663" s="613"/>
      <c r="ULM663" s="613"/>
      <c r="ULN663" s="613"/>
      <c r="ULO663" s="613"/>
      <c r="ULP663" s="613"/>
      <c r="ULQ663" s="613"/>
      <c r="ULR663" s="613"/>
      <c r="ULS663" s="613"/>
      <c r="ULT663" s="613"/>
      <c r="ULU663" s="613"/>
      <c r="ULV663" s="613"/>
      <c r="ULW663" s="613"/>
      <c r="ULX663" s="613"/>
      <c r="ULY663" s="613"/>
      <c r="ULZ663" s="613"/>
      <c r="UMA663" s="613"/>
      <c r="UMB663" s="613"/>
      <c r="UMC663" s="613"/>
      <c r="UMD663" s="613"/>
      <c r="UME663" s="613"/>
      <c r="UMF663" s="613"/>
      <c r="UMG663" s="613"/>
      <c r="UMH663" s="613"/>
      <c r="UMI663" s="613"/>
      <c r="UMJ663" s="613"/>
      <c r="UMK663" s="613"/>
      <c r="UML663" s="613"/>
      <c r="UMM663" s="613"/>
      <c r="UMN663" s="613"/>
      <c r="UMO663" s="613"/>
      <c r="UMP663" s="613"/>
      <c r="UMQ663" s="613"/>
      <c r="UMR663" s="613"/>
      <c r="UMS663" s="613"/>
      <c r="UMT663" s="613"/>
      <c r="UMU663" s="613"/>
      <c r="UMV663" s="613"/>
      <c r="UMW663" s="613"/>
      <c r="UMX663" s="613"/>
      <c r="UMY663" s="613"/>
      <c r="UMZ663" s="613"/>
      <c r="UNA663" s="613"/>
      <c r="UNB663" s="613"/>
      <c r="UNC663" s="613"/>
      <c r="UND663" s="613"/>
      <c r="UNE663" s="613"/>
      <c r="UNF663" s="613"/>
      <c r="UNG663" s="613"/>
      <c r="UNH663" s="613"/>
      <c r="UNI663" s="613"/>
      <c r="UNJ663" s="613"/>
      <c r="UNK663" s="613"/>
      <c r="UNL663" s="613"/>
      <c r="UNM663" s="613"/>
      <c r="UNN663" s="613"/>
      <c r="UNO663" s="613"/>
      <c r="UNP663" s="613"/>
      <c r="UNQ663" s="613"/>
      <c r="UNR663" s="613"/>
      <c r="UNS663" s="613"/>
      <c r="UNT663" s="613"/>
      <c r="UNU663" s="613"/>
      <c r="UNV663" s="613"/>
      <c r="UNW663" s="613"/>
      <c r="UNX663" s="613"/>
      <c r="UNY663" s="613"/>
      <c r="UNZ663" s="613"/>
      <c r="UOA663" s="613"/>
      <c r="UOB663" s="613"/>
      <c r="UOC663" s="613"/>
      <c r="UOD663" s="613"/>
      <c r="UOE663" s="613"/>
      <c r="UOF663" s="613"/>
      <c r="UOG663" s="613"/>
      <c r="UOH663" s="613"/>
      <c r="UOI663" s="613"/>
      <c r="UOJ663" s="613"/>
      <c r="UOK663" s="613"/>
      <c r="UOL663" s="613"/>
      <c r="UOM663" s="613"/>
      <c r="UON663" s="613"/>
      <c r="UOO663" s="613"/>
      <c r="UOP663" s="613"/>
      <c r="UOQ663" s="613"/>
      <c r="UOR663" s="613"/>
      <c r="UOS663" s="613"/>
      <c r="UOT663" s="613"/>
      <c r="UOU663" s="613"/>
      <c r="UOV663" s="613"/>
      <c r="UOW663" s="613"/>
      <c r="UOX663" s="613"/>
      <c r="UOY663" s="613"/>
      <c r="UOZ663" s="613"/>
      <c r="UPA663" s="613"/>
      <c r="UPB663" s="613"/>
      <c r="UPC663" s="613"/>
      <c r="UPD663" s="613"/>
      <c r="UPE663" s="613"/>
      <c r="UPF663" s="613"/>
      <c r="UPG663" s="613"/>
      <c r="UPH663" s="613"/>
      <c r="UPI663" s="613"/>
      <c r="UPJ663" s="613"/>
      <c r="UPK663" s="613"/>
      <c r="UPL663" s="613"/>
      <c r="UPM663" s="613"/>
      <c r="UPN663" s="613"/>
      <c r="UPO663" s="613"/>
      <c r="UPP663" s="613"/>
      <c r="UPQ663" s="613"/>
      <c r="UPR663" s="613"/>
      <c r="UPS663" s="613"/>
      <c r="UPT663" s="613"/>
      <c r="UPU663" s="613"/>
      <c r="UPV663" s="613"/>
      <c r="UPW663" s="613"/>
      <c r="UPX663" s="613"/>
      <c r="UPY663" s="613"/>
      <c r="UPZ663" s="613"/>
      <c r="UQA663" s="613"/>
      <c r="UQB663" s="613"/>
      <c r="UQC663" s="613"/>
      <c r="UQD663" s="613"/>
      <c r="UQE663" s="613"/>
      <c r="UQF663" s="613"/>
      <c r="UQG663" s="613"/>
      <c r="UQH663" s="613"/>
      <c r="UQI663" s="613"/>
      <c r="UQJ663" s="613"/>
      <c r="UQK663" s="613"/>
      <c r="UQL663" s="613"/>
      <c r="UQM663" s="613"/>
      <c r="UQN663" s="613"/>
      <c r="UQO663" s="613"/>
      <c r="UQP663" s="613"/>
      <c r="UQQ663" s="613"/>
      <c r="UQR663" s="613"/>
      <c r="UQS663" s="613"/>
      <c r="UQT663" s="613"/>
      <c r="UQU663" s="613"/>
      <c r="UQV663" s="613"/>
      <c r="UQW663" s="613"/>
      <c r="UQX663" s="613"/>
      <c r="UQY663" s="613"/>
      <c r="UQZ663" s="613"/>
      <c r="URA663" s="613"/>
      <c r="URB663" s="613"/>
      <c r="URC663" s="613"/>
      <c r="URD663" s="613"/>
      <c r="URE663" s="613"/>
      <c r="URF663" s="613"/>
      <c r="URG663" s="613"/>
      <c r="URH663" s="613"/>
      <c r="URI663" s="613"/>
      <c r="URJ663" s="613"/>
      <c r="URK663" s="613"/>
      <c r="URL663" s="613"/>
      <c r="URM663" s="613"/>
      <c r="URN663" s="613"/>
      <c r="URO663" s="613"/>
      <c r="URP663" s="613"/>
      <c r="URQ663" s="613"/>
      <c r="URR663" s="613"/>
      <c r="URS663" s="613"/>
      <c r="URT663" s="613"/>
      <c r="URU663" s="613"/>
      <c r="URV663" s="613"/>
      <c r="URW663" s="613"/>
      <c r="URX663" s="613"/>
      <c r="URY663" s="613"/>
      <c r="URZ663" s="613"/>
      <c r="USA663" s="613"/>
      <c r="USB663" s="613"/>
      <c r="USC663" s="613"/>
      <c r="USD663" s="613"/>
      <c r="USE663" s="613"/>
      <c r="USF663" s="613"/>
      <c r="USG663" s="613"/>
      <c r="USH663" s="613"/>
      <c r="USI663" s="613"/>
      <c r="USJ663" s="613"/>
      <c r="USK663" s="613"/>
      <c r="USL663" s="613"/>
      <c r="USM663" s="613"/>
      <c r="USN663" s="613"/>
      <c r="USO663" s="613"/>
      <c r="USP663" s="613"/>
      <c r="USQ663" s="613"/>
      <c r="USR663" s="613"/>
      <c r="USS663" s="613"/>
      <c r="UST663" s="613"/>
      <c r="USU663" s="613"/>
      <c r="USV663" s="613"/>
      <c r="USW663" s="613"/>
      <c r="USX663" s="613"/>
      <c r="USY663" s="613"/>
      <c r="USZ663" s="613"/>
      <c r="UTA663" s="613"/>
      <c r="UTB663" s="613"/>
      <c r="UTC663" s="613"/>
      <c r="UTD663" s="613"/>
      <c r="UTE663" s="613"/>
      <c r="UTF663" s="613"/>
      <c r="UTG663" s="613"/>
      <c r="UTH663" s="613"/>
      <c r="UTI663" s="613"/>
      <c r="UTJ663" s="613"/>
      <c r="UTK663" s="613"/>
      <c r="UTL663" s="613"/>
      <c r="UTM663" s="613"/>
      <c r="UTN663" s="613"/>
      <c r="UTO663" s="613"/>
      <c r="UTP663" s="613"/>
      <c r="UTQ663" s="613"/>
      <c r="UTR663" s="613"/>
      <c r="UTS663" s="613"/>
      <c r="UTT663" s="613"/>
      <c r="UTU663" s="613"/>
      <c r="UTV663" s="613"/>
      <c r="UTW663" s="613"/>
      <c r="UTX663" s="613"/>
      <c r="UTY663" s="613"/>
      <c r="UTZ663" s="613"/>
      <c r="UUA663" s="613"/>
      <c r="UUB663" s="613"/>
      <c r="UUC663" s="613"/>
      <c r="UUD663" s="613"/>
      <c r="UUE663" s="613"/>
      <c r="UUF663" s="613"/>
      <c r="UUG663" s="613"/>
      <c r="UUH663" s="613"/>
      <c r="UUI663" s="613"/>
      <c r="UUJ663" s="613"/>
      <c r="UUK663" s="613"/>
      <c r="UUL663" s="613"/>
      <c r="UUM663" s="613"/>
      <c r="UUN663" s="613"/>
      <c r="UUO663" s="613"/>
      <c r="UUP663" s="613"/>
      <c r="UUQ663" s="613"/>
      <c r="UUR663" s="613"/>
      <c r="UUS663" s="613"/>
      <c r="UUT663" s="613"/>
      <c r="UUU663" s="613"/>
      <c r="UUV663" s="613"/>
      <c r="UUW663" s="613"/>
      <c r="UUX663" s="613"/>
      <c r="UUY663" s="613"/>
      <c r="UUZ663" s="613"/>
      <c r="UVA663" s="613"/>
      <c r="UVB663" s="613"/>
      <c r="UVC663" s="613"/>
      <c r="UVD663" s="613"/>
      <c r="UVE663" s="613"/>
      <c r="UVF663" s="613"/>
      <c r="UVG663" s="613"/>
      <c r="UVH663" s="613"/>
      <c r="UVI663" s="613"/>
      <c r="UVJ663" s="613"/>
      <c r="UVK663" s="613"/>
      <c r="UVL663" s="613"/>
      <c r="UVM663" s="613"/>
      <c r="UVN663" s="613"/>
      <c r="UVO663" s="613"/>
      <c r="UVP663" s="613"/>
      <c r="UVQ663" s="613"/>
      <c r="UVR663" s="613"/>
      <c r="UVS663" s="613"/>
      <c r="UVT663" s="613"/>
      <c r="UVU663" s="613"/>
      <c r="UVV663" s="613"/>
      <c r="UVW663" s="613"/>
      <c r="UVX663" s="613"/>
      <c r="UVY663" s="613"/>
      <c r="UVZ663" s="613"/>
      <c r="UWA663" s="613"/>
      <c r="UWB663" s="613"/>
      <c r="UWC663" s="613"/>
      <c r="UWD663" s="613"/>
      <c r="UWE663" s="613"/>
      <c r="UWF663" s="613"/>
      <c r="UWG663" s="613"/>
      <c r="UWH663" s="613"/>
      <c r="UWI663" s="613"/>
      <c r="UWJ663" s="613"/>
      <c r="UWK663" s="613"/>
      <c r="UWL663" s="613"/>
      <c r="UWM663" s="613"/>
      <c r="UWN663" s="613"/>
      <c r="UWO663" s="613"/>
      <c r="UWP663" s="613"/>
      <c r="UWQ663" s="613"/>
      <c r="UWR663" s="613"/>
      <c r="UWS663" s="613"/>
      <c r="UWT663" s="613"/>
      <c r="UWU663" s="613"/>
      <c r="UWV663" s="613"/>
      <c r="UWW663" s="613"/>
      <c r="UWX663" s="613"/>
      <c r="UWY663" s="613"/>
      <c r="UWZ663" s="613"/>
      <c r="UXA663" s="613"/>
      <c r="UXB663" s="613"/>
      <c r="UXC663" s="613"/>
      <c r="UXD663" s="613"/>
      <c r="UXE663" s="613"/>
      <c r="UXF663" s="613"/>
      <c r="UXG663" s="613"/>
      <c r="UXH663" s="613"/>
      <c r="UXI663" s="613"/>
      <c r="UXJ663" s="613"/>
      <c r="UXK663" s="613"/>
      <c r="UXL663" s="613"/>
      <c r="UXM663" s="613"/>
      <c r="UXN663" s="613"/>
      <c r="UXO663" s="613"/>
      <c r="UXP663" s="613"/>
      <c r="UXQ663" s="613"/>
      <c r="UXR663" s="613"/>
      <c r="UXS663" s="613"/>
      <c r="UXT663" s="613"/>
      <c r="UXU663" s="613"/>
      <c r="UXV663" s="613"/>
      <c r="UXW663" s="613"/>
      <c r="UXX663" s="613"/>
      <c r="UXY663" s="613"/>
      <c r="UXZ663" s="613"/>
      <c r="UYA663" s="613"/>
      <c r="UYB663" s="613"/>
      <c r="UYC663" s="613"/>
      <c r="UYD663" s="613"/>
      <c r="UYE663" s="613"/>
      <c r="UYF663" s="613"/>
      <c r="UYG663" s="613"/>
      <c r="UYH663" s="613"/>
      <c r="UYI663" s="613"/>
      <c r="UYJ663" s="613"/>
      <c r="UYK663" s="613"/>
      <c r="UYL663" s="613"/>
      <c r="UYM663" s="613"/>
      <c r="UYN663" s="613"/>
      <c r="UYO663" s="613"/>
      <c r="UYP663" s="613"/>
      <c r="UYQ663" s="613"/>
      <c r="UYR663" s="613"/>
      <c r="UYS663" s="613"/>
      <c r="UYT663" s="613"/>
      <c r="UYU663" s="613"/>
      <c r="UYV663" s="613"/>
      <c r="UYW663" s="613"/>
      <c r="UYX663" s="613"/>
      <c r="UYY663" s="613"/>
      <c r="UYZ663" s="613"/>
      <c r="UZA663" s="613"/>
      <c r="UZB663" s="613"/>
      <c r="UZC663" s="613"/>
      <c r="UZD663" s="613"/>
      <c r="UZE663" s="613"/>
      <c r="UZF663" s="613"/>
      <c r="UZG663" s="613"/>
      <c r="UZH663" s="613"/>
      <c r="UZI663" s="613"/>
      <c r="UZJ663" s="613"/>
      <c r="UZK663" s="613"/>
      <c r="UZL663" s="613"/>
      <c r="UZM663" s="613"/>
      <c r="UZN663" s="613"/>
      <c r="UZO663" s="613"/>
      <c r="UZP663" s="613"/>
      <c r="UZQ663" s="613"/>
      <c r="UZR663" s="613"/>
      <c r="UZS663" s="613"/>
      <c r="UZT663" s="613"/>
      <c r="UZU663" s="613"/>
      <c r="UZV663" s="613"/>
      <c r="UZW663" s="613"/>
      <c r="UZX663" s="613"/>
      <c r="UZY663" s="613"/>
      <c r="UZZ663" s="613"/>
      <c r="VAA663" s="613"/>
      <c r="VAB663" s="613"/>
      <c r="VAC663" s="613"/>
      <c r="VAD663" s="613"/>
      <c r="VAE663" s="613"/>
      <c r="VAF663" s="613"/>
      <c r="VAG663" s="613"/>
      <c r="VAH663" s="613"/>
      <c r="VAI663" s="613"/>
      <c r="VAJ663" s="613"/>
      <c r="VAK663" s="613"/>
      <c r="VAL663" s="613"/>
      <c r="VAM663" s="613"/>
      <c r="VAN663" s="613"/>
      <c r="VAO663" s="613"/>
      <c r="VAP663" s="613"/>
      <c r="VAQ663" s="613"/>
      <c r="VAR663" s="613"/>
      <c r="VAS663" s="613"/>
      <c r="VAT663" s="613"/>
      <c r="VAU663" s="613"/>
      <c r="VAV663" s="613"/>
      <c r="VAW663" s="613"/>
      <c r="VAX663" s="613"/>
      <c r="VAY663" s="613"/>
      <c r="VAZ663" s="613"/>
      <c r="VBA663" s="613"/>
      <c r="VBB663" s="613"/>
      <c r="VBC663" s="613"/>
      <c r="VBD663" s="613"/>
      <c r="VBE663" s="613"/>
      <c r="VBF663" s="613"/>
      <c r="VBG663" s="613"/>
      <c r="VBH663" s="613"/>
      <c r="VBI663" s="613"/>
      <c r="VBJ663" s="613"/>
      <c r="VBK663" s="613"/>
      <c r="VBL663" s="613"/>
      <c r="VBM663" s="613"/>
      <c r="VBN663" s="613"/>
      <c r="VBO663" s="613"/>
      <c r="VBP663" s="613"/>
      <c r="VBQ663" s="613"/>
      <c r="VBR663" s="613"/>
      <c r="VBS663" s="613"/>
      <c r="VBT663" s="613"/>
      <c r="VBU663" s="613"/>
      <c r="VBV663" s="613"/>
      <c r="VBW663" s="613"/>
      <c r="VBX663" s="613"/>
      <c r="VBY663" s="613"/>
      <c r="VBZ663" s="613"/>
      <c r="VCA663" s="613"/>
      <c r="VCB663" s="613"/>
      <c r="VCC663" s="613"/>
      <c r="VCD663" s="613"/>
      <c r="VCE663" s="613"/>
      <c r="VCF663" s="613"/>
      <c r="VCG663" s="613"/>
      <c r="VCH663" s="613"/>
      <c r="VCI663" s="613"/>
      <c r="VCJ663" s="613"/>
      <c r="VCK663" s="613"/>
      <c r="VCL663" s="613"/>
      <c r="VCM663" s="613"/>
      <c r="VCN663" s="613"/>
      <c r="VCO663" s="613"/>
      <c r="VCP663" s="613"/>
      <c r="VCQ663" s="613"/>
      <c r="VCR663" s="613"/>
      <c r="VCS663" s="613"/>
      <c r="VCT663" s="613"/>
      <c r="VCU663" s="613"/>
      <c r="VCV663" s="613"/>
      <c r="VCW663" s="613"/>
      <c r="VCX663" s="613"/>
      <c r="VCY663" s="613"/>
      <c r="VCZ663" s="613"/>
      <c r="VDA663" s="613"/>
      <c r="VDB663" s="613"/>
      <c r="VDC663" s="613"/>
      <c r="VDD663" s="613"/>
      <c r="VDE663" s="613"/>
      <c r="VDF663" s="613"/>
      <c r="VDG663" s="613"/>
      <c r="VDH663" s="613"/>
      <c r="VDI663" s="613"/>
      <c r="VDJ663" s="613"/>
      <c r="VDK663" s="613"/>
      <c r="VDL663" s="613"/>
      <c r="VDM663" s="613"/>
      <c r="VDN663" s="613"/>
      <c r="VDO663" s="613"/>
      <c r="VDP663" s="613"/>
      <c r="VDQ663" s="613"/>
      <c r="VDR663" s="613"/>
      <c r="VDS663" s="613"/>
      <c r="VDT663" s="613"/>
      <c r="VDU663" s="613"/>
      <c r="VDV663" s="613"/>
      <c r="VDW663" s="613"/>
      <c r="VDX663" s="613"/>
      <c r="VDY663" s="613"/>
      <c r="VDZ663" s="613"/>
      <c r="VEA663" s="613"/>
      <c r="VEB663" s="613"/>
      <c r="VEC663" s="613"/>
      <c r="VED663" s="613"/>
      <c r="VEE663" s="613"/>
      <c r="VEF663" s="613"/>
      <c r="VEG663" s="613"/>
      <c r="VEH663" s="613"/>
      <c r="VEI663" s="613"/>
      <c r="VEJ663" s="613"/>
      <c r="VEK663" s="613"/>
      <c r="VEL663" s="613"/>
      <c r="VEM663" s="613"/>
      <c r="VEN663" s="613"/>
      <c r="VEO663" s="613"/>
      <c r="VEP663" s="613"/>
      <c r="VEQ663" s="613"/>
      <c r="VER663" s="613"/>
      <c r="VES663" s="613"/>
      <c r="VET663" s="613"/>
      <c r="VEU663" s="613"/>
      <c r="VEV663" s="613"/>
      <c r="VEW663" s="613"/>
      <c r="VEX663" s="613"/>
      <c r="VEY663" s="613"/>
      <c r="VEZ663" s="613"/>
      <c r="VFA663" s="613"/>
      <c r="VFB663" s="613"/>
      <c r="VFC663" s="613"/>
      <c r="VFD663" s="613"/>
      <c r="VFE663" s="613"/>
      <c r="VFF663" s="613"/>
      <c r="VFG663" s="613"/>
      <c r="VFH663" s="613"/>
      <c r="VFI663" s="613"/>
      <c r="VFJ663" s="613"/>
      <c r="VFK663" s="613"/>
      <c r="VFL663" s="613"/>
      <c r="VFM663" s="613"/>
      <c r="VFN663" s="613"/>
      <c r="VFO663" s="613"/>
      <c r="VFP663" s="613"/>
      <c r="VFQ663" s="613"/>
      <c r="VFR663" s="613"/>
      <c r="VFS663" s="613"/>
      <c r="VFT663" s="613"/>
      <c r="VFU663" s="613"/>
      <c r="VFV663" s="613"/>
      <c r="VFW663" s="613"/>
      <c r="VFX663" s="613"/>
      <c r="VFY663" s="613"/>
      <c r="VFZ663" s="613"/>
      <c r="VGA663" s="613"/>
      <c r="VGB663" s="613"/>
      <c r="VGC663" s="613"/>
      <c r="VGD663" s="613"/>
      <c r="VGE663" s="613"/>
      <c r="VGF663" s="613"/>
      <c r="VGG663" s="613"/>
      <c r="VGH663" s="613"/>
      <c r="VGI663" s="613"/>
      <c r="VGJ663" s="613"/>
      <c r="VGK663" s="613"/>
      <c r="VGL663" s="613"/>
      <c r="VGM663" s="613"/>
      <c r="VGN663" s="613"/>
      <c r="VGO663" s="613"/>
      <c r="VGP663" s="613"/>
      <c r="VGQ663" s="613"/>
      <c r="VGR663" s="613"/>
      <c r="VGS663" s="613"/>
      <c r="VGT663" s="613"/>
      <c r="VGU663" s="613"/>
      <c r="VGV663" s="613"/>
      <c r="VGW663" s="613"/>
      <c r="VGX663" s="613"/>
      <c r="VGY663" s="613"/>
      <c r="VGZ663" s="613"/>
      <c r="VHA663" s="613"/>
      <c r="VHB663" s="613"/>
      <c r="VHC663" s="613"/>
      <c r="VHD663" s="613"/>
      <c r="VHE663" s="613"/>
      <c r="VHF663" s="613"/>
      <c r="VHG663" s="613"/>
      <c r="VHH663" s="613"/>
      <c r="VHI663" s="613"/>
      <c r="VHJ663" s="613"/>
      <c r="VHK663" s="613"/>
      <c r="VHL663" s="613"/>
      <c r="VHM663" s="613"/>
      <c r="VHN663" s="613"/>
      <c r="VHO663" s="613"/>
      <c r="VHP663" s="613"/>
      <c r="VHQ663" s="613"/>
      <c r="VHR663" s="613"/>
      <c r="VHS663" s="613"/>
      <c r="VHT663" s="613"/>
      <c r="VHU663" s="613"/>
      <c r="VHV663" s="613"/>
      <c r="VHW663" s="613"/>
      <c r="VHX663" s="613"/>
      <c r="VHY663" s="613"/>
      <c r="VHZ663" s="613"/>
      <c r="VIA663" s="613"/>
      <c r="VIB663" s="613"/>
      <c r="VIC663" s="613"/>
      <c r="VID663" s="613"/>
      <c r="VIE663" s="613"/>
      <c r="VIF663" s="613"/>
      <c r="VIG663" s="613"/>
      <c r="VIH663" s="613"/>
      <c r="VII663" s="613"/>
      <c r="VIJ663" s="613"/>
      <c r="VIK663" s="613"/>
      <c r="VIL663" s="613"/>
      <c r="VIM663" s="613"/>
      <c r="VIN663" s="613"/>
      <c r="VIO663" s="613"/>
      <c r="VIP663" s="613"/>
      <c r="VIQ663" s="613"/>
      <c r="VIR663" s="613"/>
      <c r="VIS663" s="613"/>
      <c r="VIT663" s="613"/>
      <c r="VIU663" s="613"/>
      <c r="VIV663" s="613"/>
      <c r="VIW663" s="613"/>
      <c r="VIX663" s="613"/>
      <c r="VIY663" s="613"/>
      <c r="VIZ663" s="613"/>
      <c r="VJA663" s="613"/>
      <c r="VJB663" s="613"/>
      <c r="VJC663" s="613"/>
      <c r="VJD663" s="613"/>
      <c r="VJE663" s="613"/>
      <c r="VJF663" s="613"/>
      <c r="VJG663" s="613"/>
      <c r="VJH663" s="613"/>
      <c r="VJI663" s="613"/>
      <c r="VJJ663" s="613"/>
      <c r="VJK663" s="613"/>
      <c r="VJL663" s="613"/>
      <c r="VJM663" s="613"/>
      <c r="VJN663" s="613"/>
      <c r="VJO663" s="613"/>
      <c r="VJP663" s="613"/>
      <c r="VJQ663" s="613"/>
      <c r="VJR663" s="613"/>
      <c r="VJS663" s="613"/>
      <c r="VJT663" s="613"/>
      <c r="VJU663" s="613"/>
      <c r="VJV663" s="613"/>
      <c r="VJW663" s="613"/>
      <c r="VJX663" s="613"/>
      <c r="VJY663" s="613"/>
      <c r="VJZ663" s="613"/>
      <c r="VKA663" s="613"/>
      <c r="VKB663" s="613"/>
      <c r="VKC663" s="613"/>
      <c r="VKD663" s="613"/>
      <c r="VKE663" s="613"/>
      <c r="VKF663" s="613"/>
      <c r="VKG663" s="613"/>
      <c r="VKH663" s="613"/>
      <c r="VKI663" s="613"/>
      <c r="VKJ663" s="613"/>
      <c r="VKK663" s="613"/>
      <c r="VKL663" s="613"/>
      <c r="VKM663" s="613"/>
      <c r="VKN663" s="613"/>
      <c r="VKO663" s="613"/>
      <c r="VKP663" s="613"/>
      <c r="VKQ663" s="613"/>
      <c r="VKR663" s="613"/>
      <c r="VKS663" s="613"/>
      <c r="VKT663" s="613"/>
      <c r="VKU663" s="613"/>
      <c r="VKV663" s="613"/>
      <c r="VKW663" s="613"/>
      <c r="VKX663" s="613"/>
      <c r="VKY663" s="613"/>
      <c r="VKZ663" s="613"/>
      <c r="VLA663" s="613"/>
      <c r="VLB663" s="613"/>
      <c r="VLC663" s="613"/>
      <c r="VLD663" s="613"/>
      <c r="VLE663" s="613"/>
      <c r="VLF663" s="613"/>
      <c r="VLG663" s="613"/>
      <c r="VLH663" s="613"/>
      <c r="VLI663" s="613"/>
      <c r="VLJ663" s="613"/>
      <c r="VLK663" s="613"/>
      <c r="VLL663" s="613"/>
      <c r="VLM663" s="613"/>
      <c r="VLN663" s="613"/>
      <c r="VLO663" s="613"/>
      <c r="VLP663" s="613"/>
      <c r="VLQ663" s="613"/>
      <c r="VLR663" s="613"/>
      <c r="VLS663" s="613"/>
      <c r="VLT663" s="613"/>
      <c r="VLU663" s="613"/>
      <c r="VLV663" s="613"/>
      <c r="VLW663" s="613"/>
      <c r="VLX663" s="613"/>
      <c r="VLY663" s="613"/>
      <c r="VLZ663" s="613"/>
      <c r="VMA663" s="613"/>
      <c r="VMB663" s="613"/>
      <c r="VMC663" s="613"/>
      <c r="VMD663" s="613"/>
      <c r="VME663" s="613"/>
      <c r="VMF663" s="613"/>
      <c r="VMG663" s="613"/>
      <c r="VMH663" s="613"/>
      <c r="VMI663" s="613"/>
      <c r="VMJ663" s="613"/>
      <c r="VMK663" s="613"/>
      <c r="VML663" s="613"/>
      <c r="VMM663" s="613"/>
      <c r="VMN663" s="613"/>
      <c r="VMO663" s="613"/>
      <c r="VMP663" s="613"/>
      <c r="VMQ663" s="613"/>
      <c r="VMR663" s="613"/>
      <c r="VMS663" s="613"/>
      <c r="VMT663" s="613"/>
      <c r="VMU663" s="613"/>
      <c r="VMV663" s="613"/>
      <c r="VMW663" s="613"/>
      <c r="VMX663" s="613"/>
      <c r="VMY663" s="613"/>
      <c r="VMZ663" s="613"/>
      <c r="VNA663" s="613"/>
      <c r="VNB663" s="613"/>
      <c r="VNC663" s="613"/>
      <c r="VND663" s="613"/>
      <c r="VNE663" s="613"/>
      <c r="VNF663" s="613"/>
      <c r="VNG663" s="613"/>
      <c r="VNH663" s="613"/>
      <c r="VNI663" s="613"/>
      <c r="VNJ663" s="613"/>
      <c r="VNK663" s="613"/>
      <c r="VNL663" s="613"/>
      <c r="VNM663" s="613"/>
      <c r="VNN663" s="613"/>
      <c r="VNO663" s="613"/>
      <c r="VNP663" s="613"/>
      <c r="VNQ663" s="613"/>
      <c r="VNR663" s="613"/>
      <c r="VNS663" s="613"/>
      <c r="VNT663" s="613"/>
      <c r="VNU663" s="613"/>
      <c r="VNV663" s="613"/>
      <c r="VNW663" s="613"/>
      <c r="VNX663" s="613"/>
      <c r="VNY663" s="613"/>
      <c r="VNZ663" s="613"/>
      <c r="VOA663" s="613"/>
      <c r="VOB663" s="613"/>
      <c r="VOC663" s="613"/>
      <c r="VOD663" s="613"/>
      <c r="VOE663" s="613"/>
      <c r="VOF663" s="613"/>
      <c r="VOG663" s="613"/>
      <c r="VOH663" s="613"/>
      <c r="VOI663" s="613"/>
      <c r="VOJ663" s="613"/>
      <c r="VOK663" s="613"/>
      <c r="VOL663" s="613"/>
      <c r="VOM663" s="613"/>
      <c r="VON663" s="613"/>
      <c r="VOO663" s="613"/>
      <c r="VOP663" s="613"/>
      <c r="VOQ663" s="613"/>
      <c r="VOR663" s="613"/>
      <c r="VOS663" s="613"/>
      <c r="VOT663" s="613"/>
      <c r="VOU663" s="613"/>
      <c r="VOV663" s="613"/>
      <c r="VOW663" s="613"/>
      <c r="VOX663" s="613"/>
      <c r="VOY663" s="613"/>
      <c r="VOZ663" s="613"/>
      <c r="VPA663" s="613"/>
      <c r="VPB663" s="613"/>
      <c r="VPC663" s="613"/>
      <c r="VPD663" s="613"/>
      <c r="VPE663" s="613"/>
      <c r="VPF663" s="613"/>
      <c r="VPG663" s="613"/>
      <c r="VPH663" s="613"/>
      <c r="VPI663" s="613"/>
      <c r="VPJ663" s="613"/>
      <c r="VPK663" s="613"/>
      <c r="VPL663" s="613"/>
      <c r="VPM663" s="613"/>
      <c r="VPN663" s="613"/>
      <c r="VPO663" s="613"/>
      <c r="VPP663" s="613"/>
      <c r="VPQ663" s="613"/>
      <c r="VPR663" s="613"/>
      <c r="VPS663" s="613"/>
      <c r="VPT663" s="613"/>
      <c r="VPU663" s="613"/>
      <c r="VPV663" s="613"/>
      <c r="VPW663" s="613"/>
      <c r="VPX663" s="613"/>
      <c r="VPY663" s="613"/>
      <c r="VPZ663" s="613"/>
      <c r="VQA663" s="613"/>
      <c r="VQB663" s="613"/>
      <c r="VQC663" s="613"/>
      <c r="VQD663" s="613"/>
      <c r="VQE663" s="613"/>
      <c r="VQF663" s="613"/>
      <c r="VQG663" s="613"/>
      <c r="VQH663" s="613"/>
      <c r="VQI663" s="613"/>
      <c r="VQJ663" s="613"/>
      <c r="VQK663" s="613"/>
      <c r="VQL663" s="613"/>
      <c r="VQM663" s="613"/>
      <c r="VQN663" s="613"/>
      <c r="VQO663" s="613"/>
      <c r="VQP663" s="613"/>
      <c r="VQQ663" s="613"/>
      <c r="VQR663" s="613"/>
      <c r="VQS663" s="613"/>
      <c r="VQT663" s="613"/>
      <c r="VQU663" s="613"/>
      <c r="VQV663" s="613"/>
      <c r="VQW663" s="613"/>
      <c r="VQX663" s="613"/>
      <c r="VQY663" s="613"/>
      <c r="VQZ663" s="613"/>
      <c r="VRA663" s="613"/>
      <c r="VRB663" s="613"/>
      <c r="VRC663" s="613"/>
      <c r="VRD663" s="613"/>
      <c r="VRE663" s="613"/>
      <c r="VRF663" s="613"/>
      <c r="VRG663" s="613"/>
      <c r="VRH663" s="613"/>
      <c r="VRI663" s="613"/>
      <c r="VRJ663" s="613"/>
      <c r="VRK663" s="613"/>
      <c r="VRL663" s="613"/>
      <c r="VRM663" s="613"/>
      <c r="VRN663" s="613"/>
      <c r="VRO663" s="613"/>
      <c r="VRP663" s="613"/>
      <c r="VRQ663" s="613"/>
      <c r="VRR663" s="613"/>
      <c r="VRS663" s="613"/>
      <c r="VRT663" s="613"/>
      <c r="VRU663" s="613"/>
      <c r="VRV663" s="613"/>
      <c r="VRW663" s="613"/>
      <c r="VRX663" s="613"/>
      <c r="VRY663" s="613"/>
      <c r="VRZ663" s="613"/>
      <c r="VSA663" s="613"/>
      <c r="VSB663" s="613"/>
      <c r="VSC663" s="613"/>
      <c r="VSD663" s="613"/>
      <c r="VSE663" s="613"/>
      <c r="VSF663" s="613"/>
      <c r="VSG663" s="613"/>
      <c r="VSH663" s="613"/>
      <c r="VSI663" s="613"/>
      <c r="VSJ663" s="613"/>
      <c r="VSK663" s="613"/>
      <c r="VSL663" s="613"/>
      <c r="VSM663" s="613"/>
      <c r="VSN663" s="613"/>
      <c r="VSO663" s="613"/>
      <c r="VSP663" s="613"/>
      <c r="VSQ663" s="613"/>
      <c r="VSR663" s="613"/>
      <c r="VSS663" s="613"/>
      <c r="VST663" s="613"/>
      <c r="VSU663" s="613"/>
      <c r="VSV663" s="613"/>
      <c r="VSW663" s="613"/>
      <c r="VSX663" s="613"/>
      <c r="VSY663" s="613"/>
      <c r="VSZ663" s="613"/>
      <c r="VTA663" s="613"/>
      <c r="VTB663" s="613"/>
      <c r="VTC663" s="613"/>
      <c r="VTD663" s="613"/>
      <c r="VTE663" s="613"/>
      <c r="VTF663" s="613"/>
      <c r="VTG663" s="613"/>
      <c r="VTH663" s="613"/>
      <c r="VTI663" s="613"/>
      <c r="VTJ663" s="613"/>
      <c r="VTK663" s="613"/>
      <c r="VTL663" s="613"/>
      <c r="VTM663" s="613"/>
      <c r="VTN663" s="613"/>
      <c r="VTO663" s="613"/>
      <c r="VTP663" s="613"/>
      <c r="VTQ663" s="613"/>
      <c r="VTR663" s="613"/>
      <c r="VTS663" s="613"/>
      <c r="VTT663" s="613"/>
      <c r="VTU663" s="613"/>
      <c r="VTV663" s="613"/>
      <c r="VTW663" s="613"/>
      <c r="VTX663" s="613"/>
      <c r="VTY663" s="613"/>
      <c r="VTZ663" s="613"/>
      <c r="VUA663" s="613"/>
      <c r="VUB663" s="613"/>
      <c r="VUC663" s="613"/>
      <c r="VUD663" s="613"/>
      <c r="VUE663" s="613"/>
      <c r="VUF663" s="613"/>
      <c r="VUG663" s="613"/>
      <c r="VUH663" s="613"/>
      <c r="VUI663" s="613"/>
      <c r="VUJ663" s="613"/>
      <c r="VUK663" s="613"/>
      <c r="VUL663" s="613"/>
      <c r="VUM663" s="613"/>
      <c r="VUN663" s="613"/>
      <c r="VUO663" s="613"/>
      <c r="VUP663" s="613"/>
      <c r="VUQ663" s="613"/>
      <c r="VUR663" s="613"/>
      <c r="VUS663" s="613"/>
      <c r="VUT663" s="613"/>
      <c r="VUU663" s="613"/>
      <c r="VUV663" s="613"/>
      <c r="VUW663" s="613"/>
      <c r="VUX663" s="613"/>
      <c r="VUY663" s="613"/>
      <c r="VUZ663" s="613"/>
      <c r="VVA663" s="613"/>
      <c r="VVB663" s="613"/>
      <c r="VVC663" s="613"/>
      <c r="VVD663" s="613"/>
      <c r="VVE663" s="613"/>
      <c r="VVF663" s="613"/>
      <c r="VVG663" s="613"/>
      <c r="VVH663" s="613"/>
      <c r="VVI663" s="613"/>
      <c r="VVJ663" s="613"/>
      <c r="VVK663" s="613"/>
      <c r="VVL663" s="613"/>
      <c r="VVM663" s="613"/>
      <c r="VVN663" s="613"/>
      <c r="VVO663" s="613"/>
      <c r="VVP663" s="613"/>
      <c r="VVQ663" s="613"/>
      <c r="VVR663" s="613"/>
      <c r="VVS663" s="613"/>
      <c r="VVT663" s="613"/>
      <c r="VVU663" s="613"/>
      <c r="VVV663" s="613"/>
      <c r="VVW663" s="613"/>
      <c r="VVX663" s="613"/>
      <c r="VVY663" s="613"/>
      <c r="VVZ663" s="613"/>
      <c r="VWA663" s="613"/>
      <c r="VWB663" s="613"/>
      <c r="VWC663" s="613"/>
      <c r="VWD663" s="613"/>
      <c r="VWE663" s="613"/>
      <c r="VWF663" s="613"/>
      <c r="VWG663" s="613"/>
      <c r="VWH663" s="613"/>
      <c r="VWI663" s="613"/>
      <c r="VWJ663" s="613"/>
      <c r="VWK663" s="613"/>
      <c r="VWL663" s="613"/>
      <c r="VWM663" s="613"/>
      <c r="VWN663" s="613"/>
      <c r="VWO663" s="613"/>
      <c r="VWP663" s="613"/>
      <c r="VWQ663" s="613"/>
      <c r="VWR663" s="613"/>
      <c r="VWS663" s="613"/>
      <c r="VWT663" s="613"/>
      <c r="VWU663" s="613"/>
      <c r="VWV663" s="613"/>
      <c r="VWW663" s="613"/>
      <c r="VWX663" s="613"/>
      <c r="VWY663" s="613"/>
      <c r="VWZ663" s="613"/>
      <c r="VXA663" s="613"/>
      <c r="VXB663" s="613"/>
      <c r="VXC663" s="613"/>
      <c r="VXD663" s="613"/>
      <c r="VXE663" s="613"/>
      <c r="VXF663" s="613"/>
      <c r="VXG663" s="613"/>
      <c r="VXH663" s="613"/>
      <c r="VXI663" s="613"/>
      <c r="VXJ663" s="613"/>
      <c r="VXK663" s="613"/>
      <c r="VXL663" s="613"/>
      <c r="VXM663" s="613"/>
      <c r="VXN663" s="613"/>
      <c r="VXO663" s="613"/>
      <c r="VXP663" s="613"/>
      <c r="VXQ663" s="613"/>
      <c r="VXR663" s="613"/>
      <c r="VXS663" s="613"/>
      <c r="VXT663" s="613"/>
      <c r="VXU663" s="613"/>
      <c r="VXV663" s="613"/>
      <c r="VXW663" s="613"/>
      <c r="VXX663" s="613"/>
      <c r="VXY663" s="613"/>
      <c r="VXZ663" s="613"/>
      <c r="VYA663" s="613"/>
      <c r="VYB663" s="613"/>
      <c r="VYC663" s="613"/>
      <c r="VYD663" s="613"/>
      <c r="VYE663" s="613"/>
      <c r="VYF663" s="613"/>
      <c r="VYG663" s="613"/>
      <c r="VYH663" s="613"/>
      <c r="VYI663" s="613"/>
      <c r="VYJ663" s="613"/>
      <c r="VYK663" s="613"/>
      <c r="VYL663" s="613"/>
      <c r="VYM663" s="613"/>
      <c r="VYN663" s="613"/>
      <c r="VYO663" s="613"/>
      <c r="VYP663" s="613"/>
      <c r="VYQ663" s="613"/>
      <c r="VYR663" s="613"/>
      <c r="VYS663" s="613"/>
      <c r="VYT663" s="613"/>
      <c r="VYU663" s="613"/>
      <c r="VYV663" s="613"/>
      <c r="VYW663" s="613"/>
      <c r="VYX663" s="613"/>
      <c r="VYY663" s="613"/>
      <c r="VYZ663" s="613"/>
      <c r="VZA663" s="613"/>
      <c r="VZB663" s="613"/>
      <c r="VZC663" s="613"/>
      <c r="VZD663" s="613"/>
      <c r="VZE663" s="613"/>
      <c r="VZF663" s="613"/>
      <c r="VZG663" s="613"/>
      <c r="VZH663" s="613"/>
      <c r="VZI663" s="613"/>
      <c r="VZJ663" s="613"/>
      <c r="VZK663" s="613"/>
      <c r="VZL663" s="613"/>
      <c r="VZM663" s="613"/>
      <c r="VZN663" s="613"/>
      <c r="VZO663" s="613"/>
      <c r="VZP663" s="613"/>
      <c r="VZQ663" s="613"/>
      <c r="VZR663" s="613"/>
      <c r="VZS663" s="613"/>
      <c r="VZT663" s="613"/>
      <c r="VZU663" s="613"/>
      <c r="VZV663" s="613"/>
      <c r="VZW663" s="613"/>
      <c r="VZX663" s="613"/>
      <c r="VZY663" s="613"/>
      <c r="VZZ663" s="613"/>
      <c r="WAA663" s="613"/>
      <c r="WAB663" s="613"/>
      <c r="WAC663" s="613"/>
      <c r="WAD663" s="613"/>
      <c r="WAE663" s="613"/>
      <c r="WAF663" s="613"/>
      <c r="WAG663" s="613"/>
      <c r="WAH663" s="613"/>
      <c r="WAI663" s="613"/>
      <c r="WAJ663" s="613"/>
      <c r="WAK663" s="613"/>
      <c r="WAL663" s="613"/>
      <c r="WAM663" s="613"/>
      <c r="WAN663" s="613"/>
      <c r="WAO663" s="613"/>
      <c r="WAP663" s="613"/>
      <c r="WAQ663" s="613"/>
      <c r="WAR663" s="613"/>
      <c r="WAS663" s="613"/>
      <c r="WAT663" s="613"/>
      <c r="WAU663" s="613"/>
      <c r="WAV663" s="613"/>
      <c r="WAW663" s="613"/>
      <c r="WAX663" s="613"/>
      <c r="WAY663" s="613"/>
      <c r="WAZ663" s="613"/>
      <c r="WBA663" s="613"/>
      <c r="WBB663" s="613"/>
      <c r="WBC663" s="613"/>
      <c r="WBD663" s="613"/>
      <c r="WBE663" s="613"/>
      <c r="WBF663" s="613"/>
      <c r="WBG663" s="613"/>
      <c r="WBH663" s="613"/>
      <c r="WBI663" s="613"/>
      <c r="WBJ663" s="613"/>
      <c r="WBK663" s="613"/>
      <c r="WBL663" s="613"/>
      <c r="WBM663" s="613"/>
      <c r="WBN663" s="613"/>
      <c r="WBO663" s="613"/>
      <c r="WBP663" s="613"/>
      <c r="WBQ663" s="613"/>
      <c r="WBR663" s="613"/>
      <c r="WBS663" s="613"/>
      <c r="WBT663" s="613"/>
      <c r="WBU663" s="613"/>
      <c r="WBV663" s="613"/>
      <c r="WBW663" s="613"/>
      <c r="WBX663" s="613"/>
      <c r="WBY663" s="613"/>
      <c r="WBZ663" s="613"/>
      <c r="WCA663" s="613"/>
      <c r="WCB663" s="613"/>
      <c r="WCC663" s="613"/>
      <c r="WCD663" s="613"/>
      <c r="WCE663" s="613"/>
      <c r="WCF663" s="613"/>
      <c r="WCG663" s="613"/>
      <c r="WCH663" s="613"/>
      <c r="WCI663" s="613"/>
      <c r="WCJ663" s="613"/>
      <c r="WCK663" s="613"/>
      <c r="WCL663" s="613"/>
      <c r="WCM663" s="613"/>
      <c r="WCN663" s="613"/>
      <c r="WCO663" s="613"/>
      <c r="WCP663" s="613"/>
      <c r="WCQ663" s="613"/>
      <c r="WCR663" s="613"/>
      <c r="WCS663" s="613"/>
      <c r="WCT663" s="613"/>
      <c r="WCU663" s="613"/>
      <c r="WCV663" s="613"/>
      <c r="WCW663" s="613"/>
      <c r="WCX663" s="613"/>
      <c r="WCY663" s="613"/>
      <c r="WCZ663" s="613"/>
      <c r="WDA663" s="613"/>
      <c r="WDB663" s="613"/>
      <c r="WDC663" s="613"/>
      <c r="WDD663" s="613"/>
      <c r="WDE663" s="613"/>
      <c r="WDF663" s="613"/>
      <c r="WDG663" s="613"/>
      <c r="WDH663" s="613"/>
      <c r="WDI663" s="613"/>
      <c r="WDJ663" s="613"/>
      <c r="WDK663" s="613"/>
      <c r="WDL663" s="613"/>
      <c r="WDM663" s="613"/>
      <c r="WDN663" s="613"/>
      <c r="WDO663" s="613"/>
      <c r="WDP663" s="613"/>
      <c r="WDQ663" s="613"/>
      <c r="WDR663" s="613"/>
      <c r="WDS663" s="613"/>
      <c r="WDT663" s="613"/>
      <c r="WDU663" s="613"/>
      <c r="WDV663" s="613"/>
      <c r="WDW663" s="613"/>
      <c r="WDX663" s="613"/>
      <c r="WDY663" s="613"/>
      <c r="WDZ663" s="613"/>
      <c r="WEA663" s="613"/>
      <c r="WEB663" s="613"/>
      <c r="WEC663" s="613"/>
      <c r="WED663" s="613"/>
      <c r="WEE663" s="613"/>
      <c r="WEF663" s="613"/>
      <c r="WEG663" s="613"/>
      <c r="WEH663" s="613"/>
      <c r="WEI663" s="613"/>
      <c r="WEJ663" s="613"/>
      <c r="WEK663" s="613"/>
      <c r="WEL663" s="613"/>
      <c r="WEM663" s="613"/>
      <c r="WEN663" s="613"/>
      <c r="WEO663" s="613"/>
      <c r="WEP663" s="613"/>
      <c r="WEQ663" s="613"/>
      <c r="WER663" s="613"/>
      <c r="WES663" s="613"/>
      <c r="WET663" s="613"/>
      <c r="WEU663" s="613"/>
      <c r="WEV663" s="613"/>
      <c r="WEW663" s="613"/>
      <c r="WEX663" s="613"/>
      <c r="WEY663" s="613"/>
      <c r="WEZ663" s="613"/>
      <c r="WFA663" s="613"/>
      <c r="WFB663" s="613"/>
      <c r="WFC663" s="613"/>
      <c r="WFD663" s="613"/>
      <c r="WFE663" s="613"/>
      <c r="WFF663" s="613"/>
      <c r="WFG663" s="613"/>
      <c r="WFH663" s="613"/>
      <c r="WFI663" s="613"/>
      <c r="WFJ663" s="613"/>
      <c r="WFK663" s="613"/>
      <c r="WFL663" s="613"/>
      <c r="WFM663" s="613"/>
      <c r="WFN663" s="613"/>
      <c r="WFO663" s="613"/>
      <c r="WFP663" s="613"/>
      <c r="WFQ663" s="613"/>
      <c r="WFR663" s="613"/>
      <c r="WFS663" s="613"/>
      <c r="WFT663" s="613"/>
      <c r="WFU663" s="613"/>
      <c r="WFV663" s="613"/>
      <c r="WFW663" s="613"/>
      <c r="WFX663" s="613"/>
      <c r="WFY663" s="613"/>
      <c r="WFZ663" s="613"/>
      <c r="WGA663" s="613"/>
      <c r="WGB663" s="613"/>
      <c r="WGC663" s="613"/>
      <c r="WGD663" s="613"/>
      <c r="WGE663" s="613"/>
      <c r="WGF663" s="613"/>
      <c r="WGG663" s="613"/>
      <c r="WGH663" s="613"/>
      <c r="WGI663" s="613"/>
      <c r="WGJ663" s="613"/>
      <c r="WGK663" s="613"/>
      <c r="WGL663" s="613"/>
      <c r="WGM663" s="613"/>
      <c r="WGN663" s="613"/>
      <c r="WGO663" s="613"/>
      <c r="WGP663" s="613"/>
      <c r="WGQ663" s="613"/>
      <c r="WGR663" s="613"/>
      <c r="WGS663" s="613"/>
      <c r="WGT663" s="613"/>
      <c r="WGU663" s="613"/>
      <c r="WGV663" s="613"/>
      <c r="WGW663" s="613"/>
      <c r="WGX663" s="613"/>
      <c r="WGY663" s="613"/>
      <c r="WGZ663" s="613"/>
      <c r="WHA663" s="613"/>
      <c r="WHB663" s="613"/>
      <c r="WHC663" s="613"/>
      <c r="WHD663" s="613"/>
      <c r="WHE663" s="613"/>
      <c r="WHF663" s="613"/>
      <c r="WHG663" s="613"/>
      <c r="WHH663" s="613"/>
      <c r="WHI663" s="613"/>
      <c r="WHJ663" s="613"/>
      <c r="WHK663" s="613"/>
      <c r="WHL663" s="613"/>
      <c r="WHM663" s="613"/>
      <c r="WHN663" s="613"/>
      <c r="WHO663" s="613"/>
      <c r="WHP663" s="613"/>
      <c r="WHQ663" s="613"/>
      <c r="WHR663" s="613"/>
      <c r="WHS663" s="613"/>
      <c r="WHT663" s="613"/>
      <c r="WHU663" s="613"/>
      <c r="WHV663" s="613"/>
      <c r="WHW663" s="613"/>
      <c r="WHX663" s="613"/>
      <c r="WHY663" s="613"/>
      <c r="WHZ663" s="613"/>
      <c r="WIA663" s="613"/>
      <c r="WIB663" s="613"/>
      <c r="WIC663" s="613"/>
      <c r="WID663" s="613"/>
      <c r="WIE663" s="613"/>
      <c r="WIF663" s="613"/>
      <c r="WIG663" s="613"/>
      <c r="WIH663" s="613"/>
      <c r="WII663" s="613"/>
      <c r="WIJ663" s="613"/>
      <c r="WIK663" s="613"/>
      <c r="WIL663" s="613"/>
      <c r="WIM663" s="613"/>
      <c r="WIN663" s="613"/>
      <c r="WIO663" s="613"/>
      <c r="WIP663" s="613"/>
      <c r="WIQ663" s="613"/>
      <c r="WIR663" s="613"/>
      <c r="WIS663" s="613"/>
      <c r="WIT663" s="613"/>
      <c r="WIU663" s="613"/>
      <c r="WIV663" s="613"/>
      <c r="WIW663" s="613"/>
      <c r="WIX663" s="613"/>
      <c r="WIY663" s="613"/>
      <c r="WIZ663" s="613"/>
      <c r="WJA663" s="613"/>
      <c r="WJB663" s="613"/>
      <c r="WJC663" s="613"/>
      <c r="WJD663" s="613"/>
      <c r="WJE663" s="613"/>
      <c r="WJF663" s="613"/>
      <c r="WJG663" s="613"/>
      <c r="WJH663" s="613"/>
      <c r="WJI663" s="613"/>
      <c r="WJJ663" s="613"/>
      <c r="WJK663" s="613"/>
      <c r="WJL663" s="613"/>
      <c r="WJM663" s="613"/>
      <c r="WJN663" s="613"/>
      <c r="WJO663" s="613"/>
      <c r="WJP663" s="613"/>
      <c r="WJQ663" s="613"/>
      <c r="WJR663" s="613"/>
      <c r="WJS663" s="613"/>
      <c r="WJT663" s="613"/>
      <c r="WJU663" s="613"/>
      <c r="WJV663" s="613"/>
      <c r="WJW663" s="613"/>
      <c r="WJX663" s="613"/>
      <c r="WJY663" s="613"/>
      <c r="WJZ663" s="613"/>
      <c r="WKA663" s="613"/>
      <c r="WKB663" s="613"/>
      <c r="WKC663" s="613"/>
      <c r="WKD663" s="613"/>
      <c r="WKE663" s="613"/>
      <c r="WKF663" s="613"/>
      <c r="WKG663" s="613"/>
      <c r="WKH663" s="613"/>
      <c r="WKI663" s="613"/>
      <c r="WKJ663" s="613"/>
      <c r="WKK663" s="613"/>
      <c r="WKL663" s="613"/>
      <c r="WKM663" s="613"/>
      <c r="WKN663" s="613"/>
      <c r="WKO663" s="613"/>
      <c r="WKP663" s="613"/>
      <c r="WKQ663" s="613"/>
      <c r="WKR663" s="613"/>
      <c r="WKS663" s="613"/>
      <c r="WKT663" s="613"/>
      <c r="WKU663" s="613"/>
      <c r="WKV663" s="613"/>
      <c r="WKW663" s="613"/>
      <c r="WKX663" s="613"/>
      <c r="WKY663" s="613"/>
      <c r="WKZ663" s="613"/>
      <c r="WLA663" s="613"/>
      <c r="WLB663" s="613"/>
      <c r="WLC663" s="613"/>
      <c r="WLD663" s="613"/>
      <c r="WLE663" s="613"/>
      <c r="WLF663" s="613"/>
      <c r="WLG663" s="613"/>
      <c r="WLH663" s="613"/>
      <c r="WLI663" s="613"/>
      <c r="WLJ663" s="613"/>
      <c r="WLK663" s="613"/>
      <c r="WLL663" s="613"/>
      <c r="WLM663" s="613"/>
      <c r="WLN663" s="613"/>
      <c r="WLO663" s="613"/>
      <c r="WLP663" s="613"/>
      <c r="WLQ663" s="613"/>
      <c r="WLR663" s="613"/>
      <c r="WLS663" s="613"/>
      <c r="WLT663" s="613"/>
      <c r="WLU663" s="613"/>
      <c r="WLV663" s="613"/>
      <c r="WLW663" s="613"/>
      <c r="WLX663" s="613"/>
      <c r="WLY663" s="613"/>
      <c r="WLZ663" s="613"/>
      <c r="WMA663" s="613"/>
      <c r="WMB663" s="613"/>
      <c r="WMC663" s="613"/>
      <c r="WMD663" s="613"/>
      <c r="WME663" s="613"/>
      <c r="WMF663" s="613"/>
      <c r="WMG663" s="613"/>
      <c r="WMH663" s="613"/>
      <c r="WMI663" s="613"/>
      <c r="WMJ663" s="613"/>
      <c r="WMK663" s="613"/>
      <c r="WML663" s="613"/>
      <c r="WMM663" s="613"/>
      <c r="WMN663" s="613"/>
      <c r="WMO663" s="613"/>
      <c r="WMP663" s="613"/>
      <c r="WMQ663" s="613"/>
      <c r="WMR663" s="613"/>
      <c r="WMS663" s="613"/>
      <c r="WMT663" s="613"/>
      <c r="WMU663" s="613"/>
      <c r="WMV663" s="613"/>
      <c r="WMW663" s="613"/>
      <c r="WMX663" s="613"/>
      <c r="WMY663" s="613"/>
      <c r="WMZ663" s="613"/>
      <c r="WNA663" s="613"/>
      <c r="WNB663" s="613"/>
      <c r="WNC663" s="613"/>
      <c r="WND663" s="613"/>
      <c r="WNE663" s="613"/>
      <c r="WNF663" s="613"/>
      <c r="WNG663" s="613"/>
      <c r="WNH663" s="613"/>
      <c r="WNI663" s="613"/>
      <c r="WNJ663" s="613"/>
      <c r="WNK663" s="613"/>
      <c r="WNL663" s="613"/>
      <c r="WNM663" s="613"/>
      <c r="WNN663" s="613"/>
      <c r="WNO663" s="613"/>
      <c r="WNP663" s="613"/>
      <c r="WNQ663" s="613"/>
      <c r="WNR663" s="613"/>
      <c r="WNS663" s="613"/>
      <c r="WNT663" s="613"/>
      <c r="WNU663" s="613"/>
      <c r="WNV663" s="613"/>
      <c r="WNW663" s="613"/>
      <c r="WNX663" s="613"/>
      <c r="WNY663" s="613"/>
      <c r="WNZ663" s="613"/>
      <c r="WOA663" s="613"/>
      <c r="WOB663" s="613"/>
      <c r="WOC663" s="613"/>
      <c r="WOD663" s="613"/>
      <c r="WOE663" s="613"/>
      <c r="WOF663" s="613"/>
      <c r="WOG663" s="613"/>
      <c r="WOH663" s="613"/>
      <c r="WOI663" s="613"/>
      <c r="WOJ663" s="613"/>
      <c r="WOK663" s="613"/>
      <c r="WOL663" s="613"/>
      <c r="WOM663" s="613"/>
      <c r="WON663" s="613"/>
      <c r="WOO663" s="613"/>
      <c r="WOP663" s="613"/>
      <c r="WOQ663" s="613"/>
      <c r="WOR663" s="613"/>
      <c r="WOS663" s="613"/>
      <c r="WOT663" s="613"/>
      <c r="WOU663" s="613"/>
      <c r="WOV663" s="613"/>
      <c r="WOW663" s="613"/>
      <c r="WOX663" s="613"/>
      <c r="WOY663" s="613"/>
      <c r="WOZ663" s="613"/>
      <c r="WPA663" s="613"/>
      <c r="WPB663" s="613"/>
      <c r="WPC663" s="613"/>
      <c r="WPD663" s="613"/>
      <c r="WPE663" s="613"/>
      <c r="WPF663" s="613"/>
      <c r="WPG663" s="613"/>
      <c r="WPH663" s="613"/>
      <c r="WPI663" s="613"/>
      <c r="WPJ663" s="613"/>
      <c r="WPK663" s="613"/>
      <c r="WPL663" s="613"/>
      <c r="WPM663" s="613"/>
      <c r="WPN663" s="613"/>
      <c r="WPO663" s="613"/>
      <c r="WPP663" s="613"/>
      <c r="WPQ663" s="613"/>
      <c r="WPR663" s="613"/>
      <c r="WPS663" s="613"/>
      <c r="WPT663" s="613"/>
      <c r="WPU663" s="613"/>
      <c r="WPV663" s="613"/>
      <c r="WPW663" s="613"/>
      <c r="WPX663" s="613"/>
      <c r="WPY663" s="613"/>
      <c r="WPZ663" s="613"/>
      <c r="WQA663" s="613"/>
      <c r="WQB663" s="613"/>
      <c r="WQC663" s="613"/>
      <c r="WQD663" s="613"/>
      <c r="WQE663" s="613"/>
      <c r="WQF663" s="613"/>
      <c r="WQG663" s="613"/>
      <c r="WQH663" s="613"/>
      <c r="WQI663" s="613"/>
      <c r="WQJ663" s="613"/>
      <c r="WQK663" s="613"/>
      <c r="WQL663" s="613"/>
      <c r="WQM663" s="613"/>
      <c r="WQN663" s="613"/>
      <c r="WQO663" s="613"/>
      <c r="WQP663" s="613"/>
      <c r="WQQ663" s="613"/>
      <c r="WQR663" s="613"/>
      <c r="WQS663" s="613"/>
      <c r="WQT663" s="613"/>
      <c r="WQU663" s="613"/>
      <c r="WQV663" s="613"/>
      <c r="WQW663" s="613"/>
      <c r="WQX663" s="613"/>
      <c r="WQY663" s="613"/>
      <c r="WQZ663" s="613"/>
      <c r="WRA663" s="613"/>
      <c r="WRB663" s="613"/>
      <c r="WRC663" s="613"/>
      <c r="WRD663" s="613"/>
      <c r="WRE663" s="613"/>
      <c r="WRF663" s="613"/>
      <c r="WRG663" s="613"/>
      <c r="WRH663" s="613"/>
      <c r="WRI663" s="613"/>
      <c r="WRJ663" s="613"/>
      <c r="WRK663" s="613"/>
      <c r="WRL663" s="613"/>
      <c r="WRM663" s="613"/>
      <c r="WRN663" s="613"/>
      <c r="WRO663" s="613"/>
      <c r="WRP663" s="613"/>
      <c r="WRQ663" s="613"/>
      <c r="WRR663" s="613"/>
      <c r="WRS663" s="613"/>
      <c r="WRT663" s="613"/>
      <c r="WRU663" s="613"/>
      <c r="WRV663" s="613"/>
      <c r="WRW663" s="613"/>
      <c r="WRX663" s="613"/>
      <c r="WRY663" s="613"/>
      <c r="WRZ663" s="613"/>
      <c r="WSA663" s="613"/>
      <c r="WSB663" s="613"/>
      <c r="WSC663" s="613"/>
      <c r="WSD663" s="613"/>
      <c r="WSE663" s="613"/>
      <c r="WSF663" s="613"/>
      <c r="WSG663" s="613"/>
      <c r="WSH663" s="613"/>
      <c r="WSI663" s="613"/>
      <c r="WSJ663" s="613"/>
      <c r="WSK663" s="613"/>
      <c r="WSL663" s="613"/>
      <c r="WSM663" s="613"/>
      <c r="WSN663" s="613"/>
      <c r="WSO663" s="613"/>
      <c r="WSP663" s="613"/>
      <c r="WSQ663" s="613"/>
      <c r="WSR663" s="613"/>
      <c r="WSS663" s="613"/>
      <c r="WST663" s="613"/>
      <c r="WSU663" s="613"/>
      <c r="WSV663" s="613"/>
      <c r="WSW663" s="613"/>
      <c r="WSX663" s="613"/>
      <c r="WSY663" s="613"/>
      <c r="WSZ663" s="613"/>
      <c r="WTA663" s="613"/>
      <c r="WTB663" s="613"/>
      <c r="WTC663" s="613"/>
      <c r="WTD663" s="613"/>
      <c r="WTE663" s="613"/>
      <c r="WTF663" s="613"/>
      <c r="WTG663" s="613"/>
      <c r="WTH663" s="613"/>
      <c r="WTI663" s="613"/>
      <c r="WTJ663" s="613"/>
      <c r="WTK663" s="613"/>
      <c r="WTL663" s="613"/>
      <c r="WTM663" s="613"/>
      <c r="WTN663" s="613"/>
      <c r="WTO663" s="613"/>
      <c r="WTP663" s="613"/>
      <c r="WTQ663" s="613"/>
      <c r="WTR663" s="613"/>
      <c r="WTS663" s="613"/>
      <c r="WTT663" s="613"/>
      <c r="WTU663" s="613"/>
      <c r="WTV663" s="613"/>
      <c r="WTW663" s="613"/>
      <c r="WTX663" s="613"/>
      <c r="WTY663" s="613"/>
      <c r="WTZ663" s="613"/>
      <c r="WUA663" s="613"/>
      <c r="WUB663" s="613"/>
      <c r="WUC663" s="613"/>
      <c r="WUD663" s="613"/>
      <c r="WUE663" s="613"/>
      <c r="WUF663" s="613"/>
      <c r="WUG663" s="613"/>
      <c r="WUH663" s="613"/>
      <c r="WUI663" s="613"/>
      <c r="WUJ663" s="613"/>
      <c r="WUK663" s="613"/>
      <c r="WUL663" s="613"/>
      <c r="WUM663" s="613"/>
      <c r="WUN663" s="613"/>
      <c r="WUO663" s="613"/>
      <c r="WUP663" s="613"/>
      <c r="WUQ663" s="613"/>
      <c r="WUR663" s="613"/>
      <c r="WUS663" s="613"/>
      <c r="WUT663" s="613"/>
      <c r="WUU663" s="613"/>
      <c r="WUV663" s="613"/>
      <c r="WUW663" s="613"/>
      <c r="WUX663" s="613"/>
      <c r="WUY663" s="613"/>
      <c r="WUZ663" s="613"/>
      <c r="WVA663" s="613"/>
      <c r="WVB663" s="613"/>
      <c r="WVC663" s="613"/>
      <c r="WVD663" s="613"/>
      <c r="WVE663" s="613"/>
      <c r="WVF663" s="613"/>
      <c r="WVG663" s="613"/>
      <c r="WVH663" s="613"/>
      <c r="WVI663" s="613"/>
      <c r="WVJ663" s="613"/>
      <c r="WVK663" s="613"/>
      <c r="WVL663" s="613"/>
      <c r="WVM663" s="613"/>
      <c r="WVN663" s="613"/>
      <c r="WVO663" s="613"/>
      <c r="WVP663" s="613"/>
      <c r="WVQ663" s="613"/>
      <c r="WVR663" s="613"/>
      <c r="WVS663" s="613"/>
      <c r="WVT663" s="613"/>
      <c r="WVU663" s="613"/>
      <c r="WVV663" s="613"/>
      <c r="WVW663" s="613"/>
      <c r="WVX663" s="613"/>
      <c r="WVY663" s="613"/>
      <c r="WVZ663" s="613"/>
      <c r="WWA663" s="613"/>
      <c r="WWB663" s="613"/>
      <c r="WWC663" s="613"/>
      <c r="WWD663" s="613"/>
      <c r="WWE663" s="613"/>
      <c r="WWF663" s="613"/>
      <c r="WWG663" s="613"/>
      <c r="WWH663" s="613"/>
      <c r="WWI663" s="613"/>
      <c r="WWJ663" s="613"/>
      <c r="WWK663" s="613"/>
      <c r="WWL663" s="613"/>
      <c r="WWM663" s="613"/>
      <c r="WWN663" s="613"/>
      <c r="WWO663" s="613"/>
      <c r="WWP663" s="613"/>
      <c r="WWQ663" s="613"/>
      <c r="WWR663" s="613"/>
      <c r="WWS663" s="613"/>
      <c r="WWT663" s="613"/>
      <c r="WWU663" s="613"/>
      <c r="WWV663" s="613"/>
      <c r="WWW663" s="613"/>
      <c r="WWX663" s="613"/>
      <c r="WWY663" s="613"/>
      <c r="WWZ663" s="613"/>
      <c r="WXA663" s="613"/>
      <c r="WXB663" s="613"/>
      <c r="WXC663" s="613"/>
      <c r="WXD663" s="613"/>
      <c r="WXE663" s="613"/>
      <c r="WXF663" s="613"/>
      <c r="WXG663" s="613"/>
      <c r="WXH663" s="613"/>
      <c r="WXI663" s="613"/>
      <c r="WXJ663" s="613"/>
      <c r="WXK663" s="613"/>
      <c r="WXL663" s="613"/>
      <c r="WXM663" s="613"/>
      <c r="WXN663" s="613"/>
      <c r="WXO663" s="613"/>
      <c r="WXP663" s="613"/>
      <c r="WXQ663" s="613"/>
      <c r="WXR663" s="613"/>
      <c r="WXS663" s="613"/>
      <c r="WXT663" s="613"/>
      <c r="WXU663" s="613"/>
      <c r="WXV663" s="613"/>
      <c r="WXW663" s="613"/>
      <c r="WXX663" s="613"/>
      <c r="WXY663" s="613"/>
      <c r="WXZ663" s="613"/>
      <c r="WYA663" s="613"/>
      <c r="WYB663" s="613"/>
      <c r="WYC663" s="613"/>
      <c r="WYD663" s="613"/>
      <c r="WYE663" s="613"/>
      <c r="WYF663" s="613"/>
      <c r="WYG663" s="613"/>
      <c r="WYH663" s="613"/>
      <c r="WYI663" s="613"/>
      <c r="WYJ663" s="613"/>
      <c r="WYK663" s="613"/>
      <c r="WYL663" s="613"/>
      <c r="WYM663" s="613"/>
      <c r="WYN663" s="613"/>
      <c r="WYO663" s="613"/>
      <c r="WYP663" s="613"/>
      <c r="WYQ663" s="613"/>
      <c r="WYR663" s="613"/>
      <c r="WYS663" s="613"/>
      <c r="WYT663" s="613"/>
      <c r="WYU663" s="613"/>
      <c r="WYV663" s="613"/>
      <c r="WYW663" s="613"/>
      <c r="WYX663" s="613"/>
      <c r="WYY663" s="613"/>
      <c r="WYZ663" s="613"/>
      <c r="WZA663" s="613"/>
      <c r="WZB663" s="613"/>
      <c r="WZC663" s="613"/>
      <c r="WZD663" s="613"/>
      <c r="WZE663" s="613"/>
      <c r="WZF663" s="613"/>
      <c r="WZG663" s="613"/>
      <c r="WZH663" s="613"/>
      <c r="WZI663" s="613"/>
      <c r="WZJ663" s="613"/>
      <c r="WZK663" s="613"/>
      <c r="WZL663" s="613"/>
      <c r="WZM663" s="613"/>
      <c r="WZN663" s="613"/>
      <c r="WZO663" s="613"/>
      <c r="WZP663" s="613"/>
      <c r="WZQ663" s="613"/>
      <c r="WZR663" s="613"/>
      <c r="WZS663" s="613"/>
      <c r="WZT663" s="613"/>
      <c r="WZU663" s="613"/>
      <c r="WZV663" s="613"/>
      <c r="WZW663" s="613"/>
      <c r="WZX663" s="613"/>
      <c r="WZY663" s="613"/>
      <c r="WZZ663" s="613"/>
      <c r="XAA663" s="613"/>
      <c r="XAB663" s="613"/>
      <c r="XAC663" s="613"/>
      <c r="XAD663" s="613"/>
      <c r="XAE663" s="613"/>
      <c r="XAF663" s="613"/>
      <c r="XAG663" s="613"/>
      <c r="XAH663" s="613"/>
      <c r="XAI663" s="613"/>
      <c r="XAJ663" s="613"/>
      <c r="XAK663" s="613"/>
      <c r="XAL663" s="613"/>
      <c r="XAM663" s="613"/>
      <c r="XAN663" s="613"/>
      <c r="XAO663" s="613"/>
      <c r="XAP663" s="613"/>
      <c r="XAQ663" s="613"/>
      <c r="XAR663" s="613"/>
      <c r="XAS663" s="613"/>
      <c r="XAT663" s="613"/>
      <c r="XAU663" s="613"/>
      <c r="XAV663" s="613"/>
      <c r="XAW663" s="613"/>
      <c r="XAX663" s="613"/>
      <c r="XAY663" s="613"/>
      <c r="XAZ663" s="613"/>
      <c r="XBA663" s="613"/>
      <c r="XBB663" s="613"/>
      <c r="XBC663" s="613"/>
      <c r="XBD663" s="613"/>
      <c r="XBE663" s="613"/>
      <c r="XBF663" s="613"/>
      <c r="XBG663" s="613"/>
      <c r="XBH663" s="613"/>
      <c r="XBI663" s="613"/>
      <c r="XBJ663" s="613"/>
      <c r="XBK663" s="613"/>
      <c r="XBL663" s="613"/>
      <c r="XBM663" s="613"/>
      <c r="XBN663" s="613"/>
      <c r="XBO663" s="613"/>
      <c r="XBP663" s="613"/>
      <c r="XBQ663" s="613"/>
      <c r="XBR663" s="613"/>
      <c r="XBS663" s="613"/>
      <c r="XBT663" s="613"/>
      <c r="XBU663" s="613"/>
      <c r="XBV663" s="613"/>
      <c r="XBW663" s="613"/>
      <c r="XBX663" s="613"/>
      <c r="XBY663" s="613"/>
      <c r="XBZ663" s="613"/>
      <c r="XCA663" s="613"/>
      <c r="XCB663" s="613"/>
      <c r="XCC663" s="613"/>
      <c r="XCD663" s="613"/>
      <c r="XCE663" s="613"/>
      <c r="XCF663" s="613"/>
      <c r="XCG663" s="613"/>
      <c r="XCH663" s="613"/>
      <c r="XCI663" s="613"/>
      <c r="XCJ663" s="613"/>
      <c r="XCK663" s="613"/>
      <c r="XCL663" s="613"/>
      <c r="XCM663" s="613"/>
      <c r="XCN663" s="613"/>
      <c r="XCO663" s="613"/>
      <c r="XCP663" s="613"/>
      <c r="XCQ663" s="613"/>
    </row>
    <row r="664" spans="1:16319" ht="56.1" customHeight="1" x14ac:dyDescent="0.2">
      <c r="A664" s="645"/>
      <c r="B664" s="494"/>
      <c r="C664" s="494"/>
      <c r="D664" s="481">
        <v>225</v>
      </c>
      <c r="E664" s="481"/>
      <c r="F664" s="481" t="s">
        <v>2481</v>
      </c>
      <c r="G664" s="482" t="s">
        <v>53</v>
      </c>
      <c r="H664" s="481" t="s">
        <v>329</v>
      </c>
      <c r="I664" s="654" t="s">
        <v>456</v>
      </c>
      <c r="J664" s="654" t="s">
        <v>369</v>
      </c>
      <c r="K664" s="495" t="s">
        <v>468</v>
      </c>
      <c r="L664" s="621"/>
      <c r="M664" s="484" t="s">
        <v>58</v>
      </c>
      <c r="N664" s="327" t="s">
        <v>2601</v>
      </c>
      <c r="O664" s="484" t="s">
        <v>2996</v>
      </c>
      <c r="P664" s="484" t="s">
        <v>81</v>
      </c>
      <c r="Q664" s="667" t="s">
        <v>334</v>
      </c>
      <c r="R664" s="484" t="s">
        <v>334</v>
      </c>
      <c r="S664" s="484" t="s">
        <v>392</v>
      </c>
      <c r="T664" s="484"/>
      <c r="U664" s="620" t="s">
        <v>63</v>
      </c>
      <c r="V664" s="620" t="s">
        <v>63</v>
      </c>
      <c r="W664" s="723">
        <v>7362.4970431627389</v>
      </c>
      <c r="X664" s="723"/>
      <c r="Y664" s="654" t="s">
        <v>226</v>
      </c>
      <c r="Z664" s="654"/>
      <c r="AA664" s="723">
        <v>7362.4970431627389</v>
      </c>
      <c r="AB664" s="652" t="s">
        <v>82</v>
      </c>
      <c r="AC664" s="652"/>
      <c r="AD664" s="496"/>
      <c r="AE664" s="496"/>
      <c r="AF664" s="496"/>
      <c r="AG664" s="496"/>
      <c r="AH664" s="496"/>
      <c r="AI664" s="487"/>
      <c r="AJ664" s="496"/>
      <c r="AK664" s="496"/>
      <c r="AL664" s="496"/>
      <c r="AM664" s="496"/>
      <c r="AN664" s="496"/>
      <c r="AO664" s="496"/>
      <c r="AP664" s="496"/>
      <c r="AQ664" s="496"/>
      <c r="AR664" s="496" t="s">
        <v>66</v>
      </c>
      <c r="AS664" s="496"/>
      <c r="AT664" s="496"/>
      <c r="AU664" s="487"/>
      <c r="AV664" s="487"/>
      <c r="AW664" s="487"/>
      <c r="AX664" s="487"/>
      <c r="AY664" s="487"/>
      <c r="AZ664" s="487"/>
      <c r="BA664" s="484"/>
      <c r="BB664" s="484"/>
      <c r="BC664" s="484"/>
      <c r="BD664" s="494"/>
      <c r="BE664" s="494"/>
      <c r="BF664" s="613"/>
      <c r="BG664" s="613"/>
      <c r="BH664" s="613"/>
      <c r="BI664" s="613"/>
      <c r="BJ664" s="613"/>
      <c r="BK664" s="613"/>
      <c r="BL664" s="613"/>
      <c r="BM664" s="613"/>
      <c r="BN664" s="613"/>
      <c r="BO664" s="613"/>
      <c r="BP664" s="613"/>
      <c r="BQ664" s="613"/>
      <c r="BR664" s="613"/>
      <c r="BS664" s="613"/>
      <c r="BT664" s="613"/>
      <c r="BU664" s="613"/>
      <c r="BV664" s="613"/>
      <c r="BW664" s="613"/>
      <c r="BX664" s="613"/>
      <c r="BY664" s="613"/>
      <c r="BZ664" s="613"/>
      <c r="CA664" s="613"/>
      <c r="CB664" s="613"/>
      <c r="CC664" s="613"/>
      <c r="CD664" s="613"/>
      <c r="CE664" s="613"/>
      <c r="CF664" s="613"/>
      <c r="CG664" s="613"/>
      <c r="CH664" s="613"/>
      <c r="CI664" s="613"/>
      <c r="CJ664" s="613"/>
      <c r="CK664" s="613"/>
      <c r="CL664" s="613"/>
      <c r="CM664" s="613"/>
      <c r="CN664" s="613"/>
      <c r="CO664" s="613"/>
      <c r="CP664" s="613"/>
      <c r="CQ664" s="613"/>
      <c r="CR664" s="613"/>
      <c r="CS664" s="613"/>
      <c r="CT664" s="613"/>
      <c r="CU664" s="613"/>
      <c r="CV664" s="613"/>
      <c r="CW664" s="613"/>
      <c r="CX664" s="613"/>
      <c r="CY664" s="613"/>
      <c r="CZ664" s="613"/>
      <c r="DA664" s="613"/>
      <c r="DB664" s="613"/>
      <c r="DC664" s="613"/>
      <c r="DD664" s="613"/>
      <c r="DE664" s="613"/>
      <c r="DF664" s="613"/>
      <c r="DG664" s="613"/>
      <c r="DH664" s="613"/>
      <c r="DI664" s="613"/>
      <c r="DJ664" s="613"/>
      <c r="DK664" s="613"/>
      <c r="DL664" s="613"/>
      <c r="DM664" s="613"/>
      <c r="DN664" s="613"/>
      <c r="DO664" s="613"/>
      <c r="DP664" s="613"/>
      <c r="DQ664" s="613"/>
      <c r="DR664" s="613"/>
      <c r="DS664" s="613"/>
      <c r="DT664" s="613"/>
      <c r="DU664" s="613"/>
      <c r="DV664" s="613"/>
      <c r="DW664" s="613"/>
      <c r="DX664" s="613"/>
      <c r="DY664" s="613"/>
      <c r="DZ664" s="613"/>
      <c r="EA664" s="613"/>
      <c r="EB664" s="613"/>
      <c r="EC664" s="613"/>
      <c r="ED664" s="613"/>
      <c r="EE664" s="613"/>
      <c r="EF664" s="613"/>
      <c r="EG664" s="613"/>
      <c r="EH664" s="613"/>
      <c r="EI664" s="613"/>
      <c r="EJ664" s="613"/>
      <c r="EK664" s="613"/>
      <c r="EL664" s="613"/>
      <c r="EM664" s="613"/>
      <c r="EN664" s="613"/>
      <c r="EO664" s="613"/>
      <c r="EP664" s="613"/>
      <c r="EQ664" s="613"/>
      <c r="ER664" s="613"/>
      <c r="ES664" s="613"/>
      <c r="ET664" s="613"/>
      <c r="EU664" s="613"/>
      <c r="EV664" s="613"/>
      <c r="EW664" s="613"/>
      <c r="EX664" s="613"/>
      <c r="EY664" s="613"/>
      <c r="EZ664" s="613"/>
      <c r="FA664" s="613"/>
      <c r="FB664" s="613"/>
      <c r="FC664" s="613"/>
      <c r="FD664" s="613"/>
      <c r="FE664" s="613"/>
      <c r="FF664" s="613"/>
      <c r="FG664" s="613"/>
      <c r="FH664" s="613"/>
      <c r="FI664" s="613"/>
      <c r="FJ664" s="613"/>
      <c r="FK664" s="613"/>
      <c r="FL664" s="613"/>
      <c r="FM664" s="613"/>
      <c r="FN664" s="613"/>
      <c r="FO664" s="613"/>
      <c r="FP664" s="613"/>
      <c r="FQ664" s="613"/>
      <c r="FR664" s="613"/>
      <c r="FS664" s="613"/>
      <c r="FT664" s="613"/>
      <c r="FU664" s="613"/>
      <c r="FV664" s="613"/>
      <c r="FW664" s="613"/>
      <c r="FX664" s="613"/>
      <c r="FY664" s="613"/>
      <c r="FZ664" s="613"/>
      <c r="GA664" s="613"/>
      <c r="GB664" s="613"/>
      <c r="GC664" s="613"/>
      <c r="GD664" s="613"/>
      <c r="GE664" s="613"/>
      <c r="GF664" s="613"/>
      <c r="GG664" s="613"/>
      <c r="GH664" s="613"/>
      <c r="GI664" s="613"/>
      <c r="GJ664" s="613"/>
      <c r="GK664" s="613"/>
      <c r="GL664" s="613"/>
      <c r="GM664" s="613"/>
      <c r="GN664" s="613"/>
      <c r="GO664" s="613"/>
      <c r="GP664" s="613"/>
      <c r="GQ664" s="613"/>
      <c r="GR664" s="613"/>
      <c r="GS664" s="613"/>
      <c r="GT664" s="613"/>
      <c r="GU664" s="613"/>
      <c r="GV664" s="613"/>
      <c r="GW664" s="613"/>
      <c r="GX664" s="613"/>
      <c r="GY664" s="613"/>
      <c r="GZ664" s="613"/>
      <c r="HA664" s="613"/>
      <c r="HB664" s="613"/>
      <c r="HC664" s="613"/>
      <c r="HD664" s="613"/>
      <c r="HE664" s="613"/>
      <c r="HF664" s="613"/>
      <c r="HG664" s="613"/>
      <c r="HH664" s="613"/>
      <c r="HI664" s="613"/>
      <c r="HJ664" s="613"/>
      <c r="HK664" s="613"/>
      <c r="HL664" s="613"/>
      <c r="HM664" s="613"/>
      <c r="HN664" s="613"/>
      <c r="HO664" s="613"/>
      <c r="HP664" s="613"/>
      <c r="HQ664" s="613"/>
      <c r="HR664" s="613"/>
      <c r="HS664" s="613"/>
      <c r="HT664" s="613"/>
      <c r="HU664" s="613"/>
      <c r="HV664" s="613"/>
      <c r="HW664" s="613"/>
      <c r="HX664" s="613"/>
      <c r="HY664" s="613"/>
      <c r="HZ664" s="613"/>
      <c r="IA664" s="613"/>
      <c r="IB664" s="613"/>
      <c r="IC664" s="613"/>
      <c r="ID664" s="613"/>
      <c r="IE664" s="613"/>
      <c r="IF664" s="613"/>
      <c r="IG664" s="613"/>
      <c r="IH664" s="613"/>
      <c r="II664" s="613"/>
      <c r="IJ664" s="613"/>
      <c r="IK664" s="613"/>
      <c r="IL664" s="613"/>
      <c r="IM664" s="613"/>
      <c r="IN664" s="613"/>
      <c r="IO664" s="613"/>
      <c r="IP664" s="613"/>
      <c r="IQ664" s="613"/>
      <c r="IR664" s="613"/>
      <c r="IS664" s="613"/>
      <c r="IT664" s="613"/>
      <c r="IU664" s="613"/>
      <c r="IV664" s="613"/>
      <c r="IW664" s="613"/>
      <c r="IX664" s="613"/>
      <c r="IY664" s="613"/>
      <c r="IZ664" s="613"/>
      <c r="JA664" s="613"/>
      <c r="JB664" s="613"/>
      <c r="JC664" s="613"/>
      <c r="JD664" s="613"/>
      <c r="JE664" s="613"/>
      <c r="JF664" s="613"/>
      <c r="JG664" s="613"/>
      <c r="JH664" s="613"/>
      <c r="JI664" s="613"/>
      <c r="JJ664" s="613"/>
      <c r="JK664" s="613"/>
      <c r="JL664" s="613"/>
      <c r="JM664" s="613"/>
      <c r="JN664" s="613"/>
      <c r="JO664" s="613"/>
      <c r="JP664" s="613"/>
      <c r="JQ664" s="613"/>
      <c r="JR664" s="613"/>
      <c r="JS664" s="613"/>
      <c r="JT664" s="613"/>
      <c r="JU664" s="613"/>
      <c r="JV664" s="613"/>
      <c r="JW664" s="613"/>
      <c r="JX664" s="613"/>
      <c r="JY664" s="613"/>
      <c r="JZ664" s="613"/>
      <c r="KA664" s="613"/>
      <c r="KB664" s="613"/>
      <c r="KC664" s="613"/>
      <c r="KD664" s="613"/>
      <c r="KE664" s="613"/>
      <c r="KF664" s="613"/>
      <c r="KG664" s="613"/>
      <c r="KH664" s="613"/>
      <c r="KI664" s="613"/>
      <c r="KJ664" s="613"/>
      <c r="KK664" s="613"/>
      <c r="KL664" s="613"/>
      <c r="KM664" s="613"/>
      <c r="KN664" s="613"/>
      <c r="KO664" s="613"/>
      <c r="KP664" s="613"/>
      <c r="KQ664" s="613"/>
      <c r="KR664" s="613"/>
      <c r="KS664" s="613"/>
      <c r="KT664" s="613"/>
      <c r="KU664" s="613"/>
      <c r="KV664" s="613"/>
      <c r="KW664" s="613"/>
      <c r="KX664" s="613"/>
      <c r="KY664" s="613"/>
      <c r="KZ664" s="613"/>
      <c r="LA664" s="613"/>
      <c r="LB664" s="613"/>
      <c r="LC664" s="613"/>
      <c r="LD664" s="613"/>
      <c r="LE664" s="613"/>
      <c r="LF664" s="613"/>
      <c r="LG664" s="613"/>
      <c r="LH664" s="613"/>
      <c r="LI664" s="613"/>
      <c r="LJ664" s="613"/>
      <c r="LK664" s="613"/>
      <c r="LL664" s="613"/>
      <c r="LM664" s="613"/>
      <c r="LN664" s="613"/>
      <c r="LO664" s="613"/>
      <c r="LP664" s="613"/>
      <c r="LQ664" s="613"/>
      <c r="LR664" s="613"/>
      <c r="LS664" s="613"/>
      <c r="LT664" s="613"/>
      <c r="LU664" s="613"/>
      <c r="LV664" s="613"/>
      <c r="LW664" s="613"/>
      <c r="LX664" s="613"/>
      <c r="LY664" s="613"/>
      <c r="LZ664" s="613"/>
      <c r="MA664" s="613"/>
      <c r="MB664" s="613"/>
      <c r="MC664" s="613"/>
      <c r="MD664" s="613"/>
      <c r="ME664" s="613"/>
      <c r="MF664" s="613"/>
      <c r="MG664" s="613"/>
      <c r="MH664" s="613"/>
      <c r="MI664" s="613"/>
      <c r="MJ664" s="613"/>
      <c r="MK664" s="613"/>
      <c r="ML664" s="613"/>
      <c r="MM664" s="613"/>
      <c r="MN664" s="613"/>
      <c r="MO664" s="613"/>
      <c r="MP664" s="613"/>
      <c r="MQ664" s="613"/>
      <c r="MR664" s="613"/>
      <c r="MS664" s="613"/>
      <c r="MT664" s="613"/>
      <c r="MU664" s="613"/>
      <c r="MV664" s="613"/>
      <c r="MW664" s="613"/>
      <c r="MX664" s="613"/>
      <c r="MY664" s="613"/>
      <c r="MZ664" s="613"/>
      <c r="NA664" s="613"/>
      <c r="NB664" s="613"/>
      <c r="NC664" s="613"/>
      <c r="ND664" s="613"/>
      <c r="NE664" s="613"/>
      <c r="NF664" s="613"/>
      <c r="NG664" s="613"/>
      <c r="NH664" s="613"/>
      <c r="NI664" s="613"/>
      <c r="NJ664" s="613"/>
      <c r="NK664" s="613"/>
      <c r="NL664" s="613"/>
      <c r="NM664" s="613"/>
      <c r="NN664" s="613"/>
      <c r="NO664" s="613"/>
      <c r="NP664" s="613"/>
      <c r="NQ664" s="613"/>
      <c r="NR664" s="613"/>
      <c r="NS664" s="613"/>
      <c r="NT664" s="613"/>
      <c r="NU664" s="613"/>
      <c r="NV664" s="613"/>
      <c r="NW664" s="613"/>
      <c r="NX664" s="613"/>
      <c r="NY664" s="613"/>
      <c r="NZ664" s="613"/>
      <c r="OA664" s="613"/>
      <c r="OB664" s="613"/>
      <c r="OC664" s="613"/>
      <c r="OD664" s="613"/>
      <c r="OE664" s="613"/>
      <c r="OF664" s="613"/>
      <c r="OG664" s="613"/>
      <c r="OH664" s="613"/>
      <c r="OI664" s="613"/>
      <c r="OJ664" s="613"/>
      <c r="OK664" s="613"/>
      <c r="OL664" s="613"/>
      <c r="OM664" s="613"/>
      <c r="ON664" s="613"/>
      <c r="OO664" s="613"/>
      <c r="OP664" s="613"/>
      <c r="OQ664" s="613"/>
      <c r="OR664" s="613"/>
      <c r="OS664" s="613"/>
      <c r="OT664" s="613"/>
      <c r="OU664" s="613"/>
      <c r="OV664" s="613"/>
      <c r="OW664" s="613"/>
      <c r="OX664" s="613"/>
      <c r="OY664" s="613"/>
      <c r="OZ664" s="613"/>
      <c r="PA664" s="613"/>
      <c r="PB664" s="613"/>
      <c r="PC664" s="613"/>
      <c r="PD664" s="613"/>
      <c r="PE664" s="613"/>
      <c r="PF664" s="613"/>
      <c r="PG664" s="613"/>
      <c r="PH664" s="613"/>
      <c r="PI664" s="613"/>
      <c r="PJ664" s="613"/>
      <c r="PK664" s="613"/>
      <c r="PL664" s="613"/>
      <c r="PM664" s="613"/>
      <c r="PN664" s="613"/>
      <c r="PO664" s="613"/>
      <c r="PP664" s="613"/>
      <c r="PQ664" s="613"/>
      <c r="PR664" s="613"/>
      <c r="PS664" s="613"/>
      <c r="PT664" s="613"/>
      <c r="PU664" s="613"/>
      <c r="PV664" s="613"/>
      <c r="PW664" s="613"/>
      <c r="PX664" s="613"/>
      <c r="PY664" s="613"/>
      <c r="PZ664" s="613"/>
      <c r="QA664" s="613"/>
      <c r="QB664" s="613"/>
      <c r="QC664" s="613"/>
      <c r="QD664" s="613"/>
      <c r="QE664" s="613"/>
      <c r="QF664" s="613"/>
      <c r="QG664" s="613"/>
      <c r="QH664" s="613"/>
      <c r="QI664" s="613"/>
      <c r="QJ664" s="613"/>
      <c r="QK664" s="613"/>
      <c r="QL664" s="613"/>
      <c r="QM664" s="613"/>
      <c r="QN664" s="613"/>
      <c r="QO664" s="613"/>
      <c r="QP664" s="613"/>
      <c r="QQ664" s="613"/>
      <c r="QR664" s="613"/>
      <c r="QS664" s="613"/>
      <c r="QT664" s="613"/>
      <c r="QU664" s="613"/>
      <c r="QV664" s="613"/>
      <c r="QW664" s="613"/>
      <c r="QX664" s="613"/>
      <c r="QY664" s="613"/>
      <c r="QZ664" s="613"/>
      <c r="RA664" s="613"/>
      <c r="RB664" s="613"/>
      <c r="RC664" s="613"/>
      <c r="RD664" s="613"/>
      <c r="RE664" s="613"/>
      <c r="RF664" s="613"/>
      <c r="RG664" s="613"/>
      <c r="RH664" s="613"/>
      <c r="RI664" s="613"/>
      <c r="RJ664" s="613"/>
      <c r="RK664" s="613"/>
      <c r="RL664" s="613"/>
      <c r="RM664" s="613"/>
      <c r="RN664" s="613"/>
      <c r="RO664" s="613"/>
      <c r="RP664" s="613"/>
      <c r="RQ664" s="613"/>
      <c r="RR664" s="613"/>
      <c r="RS664" s="613"/>
      <c r="RT664" s="613"/>
      <c r="RU664" s="613"/>
      <c r="RV664" s="613"/>
      <c r="RW664" s="613"/>
      <c r="RX664" s="613"/>
      <c r="RY664" s="613"/>
      <c r="RZ664" s="613"/>
      <c r="SA664" s="613"/>
      <c r="SB664" s="613"/>
      <c r="SC664" s="613"/>
      <c r="SD664" s="613"/>
      <c r="SE664" s="613"/>
      <c r="SF664" s="613"/>
      <c r="SG664" s="613"/>
      <c r="SH664" s="613"/>
      <c r="SI664" s="613"/>
      <c r="SJ664" s="613"/>
      <c r="SK664" s="613"/>
      <c r="SL664" s="613"/>
      <c r="SM664" s="613"/>
      <c r="SN664" s="613"/>
      <c r="SO664" s="613"/>
      <c r="SP664" s="613"/>
      <c r="SQ664" s="613"/>
      <c r="SR664" s="613"/>
      <c r="SS664" s="613"/>
      <c r="ST664" s="613"/>
      <c r="SU664" s="613"/>
      <c r="SV664" s="613"/>
      <c r="SW664" s="613"/>
      <c r="SX664" s="613"/>
      <c r="SY664" s="613"/>
      <c r="SZ664" s="613"/>
      <c r="TA664" s="613"/>
      <c r="TB664" s="613"/>
      <c r="TC664" s="613"/>
      <c r="TD664" s="613"/>
      <c r="TE664" s="613"/>
      <c r="TF664" s="613"/>
      <c r="TG664" s="613"/>
      <c r="TH664" s="613"/>
      <c r="TI664" s="613"/>
      <c r="TJ664" s="613"/>
      <c r="TK664" s="613"/>
      <c r="TL664" s="613"/>
      <c r="TM664" s="613"/>
      <c r="TN664" s="613"/>
      <c r="TO664" s="613"/>
      <c r="TP664" s="613"/>
      <c r="TQ664" s="613"/>
      <c r="TR664" s="613"/>
      <c r="TS664" s="613"/>
      <c r="TT664" s="613"/>
      <c r="TU664" s="613"/>
      <c r="TV664" s="613"/>
      <c r="TW664" s="613"/>
      <c r="TX664" s="613"/>
      <c r="TY664" s="613"/>
      <c r="TZ664" s="613"/>
      <c r="UA664" s="613"/>
      <c r="UB664" s="613"/>
      <c r="UC664" s="613"/>
      <c r="UD664" s="613"/>
      <c r="UE664" s="613"/>
      <c r="UF664" s="613"/>
      <c r="UG664" s="613"/>
      <c r="UH664" s="613"/>
      <c r="UI664" s="613"/>
      <c r="UJ664" s="613"/>
      <c r="UK664" s="613"/>
      <c r="UL664" s="613"/>
      <c r="UM664" s="613"/>
      <c r="UN664" s="613"/>
      <c r="UO664" s="613"/>
      <c r="UP664" s="613"/>
      <c r="UQ664" s="613"/>
      <c r="UR664" s="613"/>
      <c r="US664" s="613"/>
      <c r="UT664" s="613"/>
      <c r="UU664" s="613"/>
      <c r="UV664" s="613"/>
      <c r="UW664" s="613"/>
      <c r="UX664" s="613"/>
      <c r="UY664" s="613"/>
      <c r="UZ664" s="613"/>
      <c r="VA664" s="613"/>
      <c r="VB664" s="613"/>
      <c r="VC664" s="613"/>
      <c r="VD664" s="613"/>
      <c r="VE664" s="613"/>
      <c r="VF664" s="613"/>
      <c r="VG664" s="613"/>
      <c r="VH664" s="613"/>
      <c r="VI664" s="613"/>
      <c r="VJ664" s="613"/>
      <c r="VK664" s="613"/>
      <c r="VL664" s="613"/>
      <c r="VM664" s="613"/>
      <c r="VN664" s="613"/>
      <c r="VO664" s="613"/>
      <c r="VP664" s="613"/>
      <c r="VQ664" s="613"/>
      <c r="VR664" s="613"/>
      <c r="VS664" s="613"/>
      <c r="VT664" s="613"/>
      <c r="VU664" s="613"/>
      <c r="VV664" s="613"/>
      <c r="VW664" s="613"/>
      <c r="VX664" s="613"/>
      <c r="VY664" s="613"/>
      <c r="VZ664" s="613"/>
      <c r="WA664" s="613"/>
      <c r="WB664" s="613"/>
      <c r="WC664" s="613"/>
      <c r="WD664" s="613"/>
      <c r="WE664" s="613"/>
      <c r="WF664" s="613"/>
      <c r="WG664" s="613"/>
      <c r="WH664" s="613"/>
      <c r="WI664" s="613"/>
      <c r="WJ664" s="613"/>
      <c r="WK664" s="613"/>
      <c r="WL664" s="613"/>
      <c r="WM664" s="613"/>
      <c r="WN664" s="613"/>
      <c r="WO664" s="613"/>
      <c r="WP664" s="613"/>
      <c r="WQ664" s="613"/>
      <c r="WR664" s="613"/>
      <c r="WS664" s="613"/>
      <c r="WT664" s="613"/>
      <c r="WU664" s="613"/>
      <c r="WV664" s="613"/>
      <c r="WW664" s="613"/>
      <c r="WX664" s="613"/>
      <c r="WY664" s="613"/>
      <c r="WZ664" s="613"/>
      <c r="XA664" s="613"/>
      <c r="XB664" s="613"/>
      <c r="XC664" s="613"/>
      <c r="XD664" s="613"/>
      <c r="XE664" s="613"/>
      <c r="XF664" s="613"/>
      <c r="XG664" s="613"/>
      <c r="XH664" s="613"/>
      <c r="XI664" s="613"/>
      <c r="XJ664" s="613"/>
      <c r="XK664" s="613"/>
      <c r="XL664" s="613"/>
      <c r="XM664" s="613"/>
      <c r="XN664" s="613"/>
      <c r="XO664" s="613"/>
      <c r="XP664" s="613"/>
      <c r="XQ664" s="613"/>
      <c r="XR664" s="613"/>
      <c r="XS664" s="613"/>
      <c r="XT664" s="613"/>
      <c r="XU664" s="613"/>
      <c r="XV664" s="613"/>
      <c r="XW664" s="613"/>
      <c r="XX664" s="613"/>
      <c r="XY664" s="613"/>
      <c r="XZ664" s="613"/>
      <c r="YA664" s="613"/>
      <c r="YB664" s="613"/>
      <c r="YC664" s="613"/>
      <c r="YD664" s="613"/>
      <c r="YE664" s="613"/>
      <c r="YF664" s="613"/>
      <c r="YG664" s="613"/>
      <c r="YH664" s="613"/>
      <c r="YI664" s="613"/>
      <c r="YJ664" s="613"/>
      <c r="YK664" s="613"/>
      <c r="YL664" s="613"/>
      <c r="YM664" s="613"/>
      <c r="YN664" s="613"/>
      <c r="YO664" s="613"/>
      <c r="YP664" s="613"/>
      <c r="YQ664" s="613"/>
      <c r="YR664" s="613"/>
      <c r="YS664" s="613"/>
      <c r="YT664" s="613"/>
      <c r="YU664" s="613"/>
      <c r="YV664" s="613"/>
      <c r="YW664" s="613"/>
      <c r="YX664" s="613"/>
      <c r="YY664" s="613"/>
      <c r="YZ664" s="613"/>
      <c r="ZA664" s="613"/>
      <c r="ZB664" s="613"/>
      <c r="ZC664" s="613"/>
      <c r="ZD664" s="613"/>
      <c r="ZE664" s="613"/>
      <c r="ZF664" s="613"/>
      <c r="ZG664" s="613"/>
      <c r="ZH664" s="613"/>
      <c r="ZI664" s="613"/>
      <c r="ZJ664" s="613"/>
      <c r="ZK664" s="613"/>
      <c r="ZL664" s="613"/>
      <c r="ZM664" s="613"/>
      <c r="ZN664" s="613"/>
      <c r="ZO664" s="613"/>
      <c r="ZP664" s="613"/>
      <c r="ZQ664" s="613"/>
      <c r="ZR664" s="613"/>
      <c r="ZS664" s="613"/>
      <c r="ZT664" s="613"/>
      <c r="ZU664" s="613"/>
      <c r="ZV664" s="613"/>
      <c r="ZW664" s="613"/>
      <c r="ZX664" s="613"/>
      <c r="ZY664" s="613"/>
      <c r="ZZ664" s="613"/>
      <c r="AAA664" s="613"/>
      <c r="AAB664" s="613"/>
      <c r="AAC664" s="613"/>
      <c r="AAD664" s="613"/>
      <c r="AAE664" s="613"/>
      <c r="AAF664" s="613"/>
      <c r="AAG664" s="613"/>
      <c r="AAH664" s="613"/>
      <c r="AAI664" s="613"/>
      <c r="AAJ664" s="613"/>
      <c r="AAK664" s="613"/>
      <c r="AAL664" s="613"/>
      <c r="AAM664" s="613"/>
      <c r="AAN664" s="613"/>
      <c r="AAO664" s="613"/>
      <c r="AAP664" s="613"/>
      <c r="AAQ664" s="613"/>
      <c r="AAR664" s="613"/>
      <c r="AAS664" s="613"/>
      <c r="AAT664" s="613"/>
      <c r="AAU664" s="613"/>
      <c r="AAV664" s="613"/>
      <c r="AAW664" s="613"/>
      <c r="AAX664" s="613"/>
      <c r="AAY664" s="613"/>
      <c r="AAZ664" s="613"/>
      <c r="ABA664" s="613"/>
      <c r="ABB664" s="613"/>
      <c r="ABC664" s="613"/>
      <c r="ABD664" s="613"/>
      <c r="ABE664" s="613"/>
      <c r="ABF664" s="613"/>
      <c r="ABG664" s="613"/>
      <c r="ABH664" s="613"/>
      <c r="ABI664" s="613"/>
      <c r="ABJ664" s="613"/>
      <c r="ABK664" s="613"/>
      <c r="ABL664" s="613"/>
      <c r="ABM664" s="613"/>
      <c r="ABN664" s="613"/>
      <c r="ABO664" s="613"/>
      <c r="ABP664" s="613"/>
      <c r="ABQ664" s="613"/>
      <c r="ABR664" s="613"/>
      <c r="ABS664" s="613"/>
      <c r="ABT664" s="613"/>
      <c r="ABU664" s="613"/>
      <c r="ABV664" s="613"/>
      <c r="ABW664" s="613"/>
      <c r="ABX664" s="613"/>
      <c r="ABY664" s="613"/>
      <c r="ABZ664" s="613"/>
      <c r="ACA664" s="613"/>
      <c r="ACB664" s="613"/>
      <c r="ACC664" s="613"/>
      <c r="ACD664" s="613"/>
      <c r="ACE664" s="613"/>
      <c r="ACF664" s="613"/>
      <c r="ACG664" s="613"/>
      <c r="ACH664" s="613"/>
      <c r="ACI664" s="613"/>
      <c r="ACJ664" s="613"/>
      <c r="ACK664" s="613"/>
      <c r="ACL664" s="613"/>
      <c r="ACM664" s="613"/>
      <c r="ACN664" s="613"/>
      <c r="ACO664" s="613"/>
      <c r="ACP664" s="613"/>
      <c r="ACQ664" s="613"/>
      <c r="ACR664" s="613"/>
      <c r="ACS664" s="613"/>
      <c r="ACT664" s="613"/>
      <c r="ACU664" s="613"/>
      <c r="ACV664" s="613"/>
      <c r="ACW664" s="613"/>
      <c r="ACX664" s="613"/>
      <c r="ACY664" s="613"/>
      <c r="ACZ664" s="613"/>
      <c r="ADA664" s="613"/>
      <c r="ADB664" s="613"/>
      <c r="ADC664" s="613"/>
      <c r="ADD664" s="613"/>
      <c r="ADE664" s="613"/>
      <c r="ADF664" s="613"/>
      <c r="ADG664" s="613"/>
      <c r="ADH664" s="613"/>
      <c r="ADI664" s="613"/>
      <c r="ADJ664" s="613"/>
      <c r="ADK664" s="613"/>
      <c r="ADL664" s="613"/>
      <c r="ADM664" s="613"/>
      <c r="ADN664" s="613"/>
      <c r="ADO664" s="613"/>
      <c r="ADP664" s="613"/>
      <c r="ADQ664" s="613"/>
      <c r="ADR664" s="613"/>
      <c r="ADS664" s="613"/>
      <c r="ADT664" s="613"/>
      <c r="ADU664" s="613"/>
      <c r="ADV664" s="613"/>
      <c r="ADW664" s="613"/>
      <c r="ADX664" s="613"/>
      <c r="ADY664" s="613"/>
      <c r="ADZ664" s="613"/>
      <c r="AEA664" s="613"/>
      <c r="AEB664" s="613"/>
      <c r="AEC664" s="613"/>
      <c r="AED664" s="613"/>
      <c r="AEE664" s="613"/>
      <c r="AEF664" s="613"/>
      <c r="AEG664" s="613"/>
      <c r="AEH664" s="613"/>
      <c r="AEI664" s="613"/>
      <c r="AEJ664" s="613"/>
      <c r="AEK664" s="613"/>
      <c r="AEL664" s="613"/>
      <c r="AEM664" s="613"/>
      <c r="AEN664" s="613"/>
      <c r="AEO664" s="613"/>
      <c r="AEP664" s="613"/>
      <c r="AEQ664" s="613"/>
      <c r="AER664" s="613"/>
      <c r="AES664" s="613"/>
      <c r="AET664" s="613"/>
      <c r="AEU664" s="613"/>
      <c r="AEV664" s="613"/>
      <c r="AEW664" s="613"/>
      <c r="AEX664" s="613"/>
      <c r="AEY664" s="613"/>
      <c r="AEZ664" s="613"/>
      <c r="AFA664" s="613"/>
      <c r="AFB664" s="613"/>
      <c r="AFC664" s="613"/>
      <c r="AFD664" s="613"/>
      <c r="AFE664" s="613"/>
      <c r="AFF664" s="613"/>
      <c r="AFG664" s="613"/>
      <c r="AFH664" s="613"/>
      <c r="AFI664" s="613"/>
      <c r="AFJ664" s="613"/>
      <c r="AFK664" s="613"/>
      <c r="AFL664" s="613"/>
      <c r="AFM664" s="613"/>
      <c r="AFN664" s="613"/>
      <c r="AFO664" s="613"/>
      <c r="AFP664" s="613"/>
      <c r="AFQ664" s="613"/>
      <c r="AFR664" s="613"/>
      <c r="AFS664" s="613"/>
      <c r="AFT664" s="613"/>
      <c r="AFU664" s="613"/>
      <c r="AFV664" s="613"/>
      <c r="AFW664" s="613"/>
      <c r="AFX664" s="613"/>
      <c r="AFY664" s="613"/>
      <c r="AFZ664" s="613"/>
      <c r="AGA664" s="613"/>
      <c r="AGB664" s="613"/>
      <c r="AGC664" s="613"/>
      <c r="AGD664" s="613"/>
      <c r="AGE664" s="613"/>
      <c r="AGF664" s="613"/>
      <c r="AGG664" s="613"/>
      <c r="AGH664" s="613"/>
      <c r="AGI664" s="613"/>
      <c r="AGJ664" s="613"/>
      <c r="AGK664" s="613"/>
      <c r="AGL664" s="613"/>
      <c r="AGM664" s="613"/>
      <c r="AGN664" s="613"/>
      <c r="AGO664" s="613"/>
      <c r="AGP664" s="613"/>
      <c r="AGQ664" s="613"/>
      <c r="AGR664" s="613"/>
      <c r="AGS664" s="613"/>
      <c r="AGT664" s="613"/>
      <c r="AGU664" s="613"/>
      <c r="AGV664" s="613"/>
      <c r="AGW664" s="613"/>
      <c r="AGX664" s="613"/>
      <c r="AGY664" s="613"/>
      <c r="AGZ664" s="613"/>
      <c r="AHA664" s="613"/>
      <c r="AHB664" s="613"/>
      <c r="AHC664" s="613"/>
      <c r="AHD664" s="613"/>
      <c r="AHE664" s="613"/>
      <c r="AHF664" s="613"/>
      <c r="AHG664" s="613"/>
      <c r="AHH664" s="613"/>
      <c r="AHI664" s="613"/>
      <c r="AHJ664" s="613"/>
      <c r="AHK664" s="613"/>
      <c r="AHL664" s="613"/>
      <c r="AHM664" s="613"/>
      <c r="AHN664" s="613"/>
      <c r="AHO664" s="613"/>
      <c r="AHP664" s="613"/>
      <c r="AHQ664" s="613"/>
      <c r="AHR664" s="613"/>
      <c r="AHS664" s="613"/>
      <c r="AHT664" s="613"/>
      <c r="AHU664" s="613"/>
      <c r="AHV664" s="613"/>
      <c r="AHW664" s="613"/>
      <c r="AHX664" s="613"/>
      <c r="AHY664" s="613"/>
      <c r="AHZ664" s="613"/>
      <c r="AIA664" s="613"/>
      <c r="AIB664" s="613"/>
      <c r="AIC664" s="613"/>
      <c r="AID664" s="613"/>
      <c r="AIE664" s="613"/>
      <c r="AIF664" s="613"/>
      <c r="AIG664" s="613"/>
      <c r="AIH664" s="613"/>
      <c r="AII664" s="613"/>
      <c r="AIJ664" s="613"/>
      <c r="AIK664" s="613"/>
      <c r="AIL664" s="613"/>
      <c r="AIM664" s="613"/>
      <c r="AIN664" s="613"/>
      <c r="AIO664" s="613"/>
      <c r="AIP664" s="613"/>
      <c r="AIQ664" s="613"/>
      <c r="AIR664" s="613"/>
      <c r="AIS664" s="613"/>
      <c r="AIT664" s="613"/>
      <c r="AIU664" s="613"/>
      <c r="AIV664" s="613"/>
      <c r="AIW664" s="613"/>
      <c r="AIX664" s="613"/>
      <c r="AIY664" s="613"/>
      <c r="AIZ664" s="613"/>
      <c r="AJA664" s="613"/>
      <c r="AJB664" s="613"/>
      <c r="AJC664" s="613"/>
      <c r="AJD664" s="613"/>
      <c r="AJE664" s="613"/>
      <c r="AJF664" s="613"/>
      <c r="AJG664" s="613"/>
      <c r="AJH664" s="613"/>
      <c r="AJI664" s="613"/>
      <c r="AJJ664" s="613"/>
      <c r="AJK664" s="613"/>
      <c r="AJL664" s="613"/>
      <c r="AJM664" s="613"/>
      <c r="AJN664" s="613"/>
      <c r="AJO664" s="613"/>
      <c r="AJP664" s="613"/>
      <c r="AJQ664" s="613"/>
      <c r="AJR664" s="613"/>
      <c r="AJS664" s="613"/>
      <c r="AJT664" s="613"/>
      <c r="AJU664" s="613"/>
      <c r="AJV664" s="613"/>
      <c r="AJW664" s="613"/>
      <c r="AJX664" s="613"/>
      <c r="AJY664" s="613"/>
      <c r="AJZ664" s="613"/>
      <c r="AKA664" s="613"/>
      <c r="AKB664" s="613"/>
      <c r="AKC664" s="613"/>
      <c r="AKD664" s="613"/>
      <c r="AKE664" s="613"/>
      <c r="AKF664" s="613"/>
      <c r="AKG664" s="613"/>
      <c r="AKH664" s="613"/>
      <c r="AKI664" s="613"/>
      <c r="AKJ664" s="613"/>
      <c r="AKK664" s="613"/>
      <c r="AKL664" s="613"/>
      <c r="AKM664" s="613"/>
      <c r="AKN664" s="613"/>
      <c r="AKO664" s="613"/>
      <c r="AKP664" s="613"/>
      <c r="AKQ664" s="613"/>
      <c r="AKR664" s="613"/>
      <c r="AKS664" s="613"/>
      <c r="AKT664" s="613"/>
      <c r="AKU664" s="613"/>
      <c r="AKV664" s="613"/>
      <c r="AKW664" s="613"/>
      <c r="AKX664" s="613"/>
      <c r="AKY664" s="613"/>
      <c r="AKZ664" s="613"/>
      <c r="ALA664" s="613"/>
      <c r="ALB664" s="613"/>
      <c r="ALC664" s="613"/>
      <c r="ALD664" s="613"/>
      <c r="ALE664" s="613"/>
      <c r="ALF664" s="613"/>
      <c r="ALG664" s="613"/>
      <c r="ALH664" s="613"/>
      <c r="ALI664" s="613"/>
      <c r="ALJ664" s="613"/>
      <c r="ALK664" s="613"/>
      <c r="ALL664" s="613"/>
      <c r="ALM664" s="613"/>
      <c r="ALN664" s="613"/>
      <c r="ALO664" s="613"/>
      <c r="ALP664" s="613"/>
      <c r="ALQ664" s="613"/>
      <c r="ALR664" s="613"/>
      <c r="ALS664" s="613"/>
      <c r="ALT664" s="613"/>
      <c r="ALU664" s="613"/>
      <c r="ALV664" s="613"/>
      <c r="ALW664" s="613"/>
      <c r="ALX664" s="613"/>
      <c r="ALY664" s="613"/>
      <c r="ALZ664" s="613"/>
      <c r="AMA664" s="613"/>
      <c r="AMB664" s="613"/>
      <c r="AMC664" s="613"/>
      <c r="AMD664" s="613"/>
      <c r="AME664" s="613"/>
      <c r="AMF664" s="613"/>
      <c r="AMG664" s="613"/>
      <c r="AMH664" s="613"/>
      <c r="AMI664" s="613"/>
      <c r="AMJ664" s="613"/>
      <c r="AMK664" s="613"/>
      <c r="AML664" s="613"/>
      <c r="AMM664" s="613"/>
      <c r="AMN664" s="613"/>
      <c r="AMO664" s="613"/>
      <c r="AMP664" s="613"/>
      <c r="AMQ664" s="613"/>
      <c r="AMR664" s="613"/>
      <c r="AMS664" s="613"/>
      <c r="AMT664" s="613"/>
      <c r="AMU664" s="613"/>
      <c r="AMV664" s="613"/>
      <c r="AMW664" s="613"/>
      <c r="AMX664" s="613"/>
      <c r="AMY664" s="613"/>
      <c r="AMZ664" s="613"/>
      <c r="ANA664" s="613"/>
      <c r="ANB664" s="613"/>
      <c r="ANC664" s="613"/>
      <c r="AND664" s="613"/>
      <c r="ANE664" s="613"/>
      <c r="ANF664" s="613"/>
      <c r="ANG664" s="613"/>
      <c r="ANH664" s="613"/>
      <c r="ANI664" s="613"/>
      <c r="ANJ664" s="613"/>
      <c r="ANK664" s="613"/>
      <c r="ANL664" s="613"/>
      <c r="ANM664" s="613"/>
      <c r="ANN664" s="613"/>
      <c r="ANO664" s="613"/>
      <c r="ANP664" s="613"/>
      <c r="ANQ664" s="613"/>
      <c r="ANR664" s="613"/>
      <c r="ANS664" s="613"/>
      <c r="ANT664" s="613"/>
      <c r="ANU664" s="613"/>
      <c r="ANV664" s="613"/>
      <c r="ANW664" s="613"/>
      <c r="ANX664" s="613"/>
      <c r="ANY664" s="613"/>
      <c r="ANZ664" s="613"/>
      <c r="AOA664" s="613"/>
      <c r="AOB664" s="613"/>
      <c r="AOC664" s="613"/>
      <c r="AOD664" s="613"/>
      <c r="AOE664" s="613"/>
      <c r="AOF664" s="613"/>
      <c r="AOG664" s="613"/>
      <c r="AOH664" s="613"/>
      <c r="AOI664" s="613"/>
      <c r="AOJ664" s="613"/>
      <c r="AOK664" s="613"/>
      <c r="AOL664" s="613"/>
      <c r="AOM664" s="613"/>
      <c r="AON664" s="613"/>
      <c r="AOO664" s="613"/>
      <c r="AOP664" s="613"/>
      <c r="AOQ664" s="613"/>
      <c r="AOR664" s="613"/>
      <c r="AOS664" s="613"/>
      <c r="AOT664" s="613"/>
      <c r="AOU664" s="613"/>
      <c r="AOV664" s="613"/>
      <c r="AOW664" s="613"/>
      <c r="AOX664" s="613"/>
      <c r="AOY664" s="613"/>
      <c r="AOZ664" s="613"/>
      <c r="APA664" s="613"/>
      <c r="APB664" s="613"/>
      <c r="APC664" s="613"/>
      <c r="APD664" s="613"/>
      <c r="APE664" s="613"/>
      <c r="APF664" s="613"/>
      <c r="APG664" s="613"/>
      <c r="APH664" s="613"/>
      <c r="API664" s="613"/>
      <c r="APJ664" s="613"/>
      <c r="APK664" s="613"/>
      <c r="APL664" s="613"/>
      <c r="APM664" s="613"/>
      <c r="APN664" s="613"/>
      <c r="APO664" s="613"/>
      <c r="APP664" s="613"/>
      <c r="APQ664" s="613"/>
      <c r="APR664" s="613"/>
      <c r="APS664" s="613"/>
      <c r="APT664" s="613"/>
      <c r="APU664" s="613"/>
      <c r="APV664" s="613"/>
      <c r="APW664" s="613"/>
      <c r="APX664" s="613"/>
      <c r="APY664" s="613"/>
      <c r="APZ664" s="613"/>
      <c r="AQA664" s="613"/>
      <c r="AQB664" s="613"/>
      <c r="AQC664" s="613"/>
      <c r="AQD664" s="613"/>
      <c r="AQE664" s="613"/>
      <c r="AQF664" s="613"/>
      <c r="AQG664" s="613"/>
      <c r="AQH664" s="613"/>
      <c r="AQI664" s="613"/>
      <c r="AQJ664" s="613"/>
      <c r="AQK664" s="613"/>
      <c r="AQL664" s="613"/>
      <c r="AQM664" s="613"/>
      <c r="AQN664" s="613"/>
      <c r="AQO664" s="613"/>
      <c r="AQP664" s="613"/>
      <c r="AQQ664" s="613"/>
      <c r="AQR664" s="613"/>
      <c r="AQS664" s="613"/>
      <c r="AQT664" s="613"/>
      <c r="AQU664" s="613"/>
      <c r="AQV664" s="613"/>
      <c r="AQW664" s="613"/>
      <c r="AQX664" s="613"/>
      <c r="AQY664" s="613"/>
      <c r="AQZ664" s="613"/>
      <c r="ARA664" s="613"/>
      <c r="ARB664" s="613"/>
      <c r="ARC664" s="613"/>
      <c r="ARD664" s="613"/>
      <c r="ARE664" s="613"/>
      <c r="ARF664" s="613"/>
      <c r="ARG664" s="613"/>
      <c r="ARH664" s="613"/>
      <c r="ARI664" s="613"/>
      <c r="ARJ664" s="613"/>
      <c r="ARK664" s="613"/>
      <c r="ARL664" s="613"/>
      <c r="ARM664" s="613"/>
      <c r="ARN664" s="613"/>
      <c r="ARO664" s="613"/>
      <c r="ARP664" s="613"/>
      <c r="ARQ664" s="613"/>
      <c r="ARR664" s="613"/>
      <c r="ARS664" s="613"/>
      <c r="ART664" s="613"/>
      <c r="ARU664" s="613"/>
      <c r="ARV664" s="613"/>
      <c r="ARW664" s="613"/>
      <c r="ARX664" s="613"/>
      <c r="ARY664" s="613"/>
      <c r="ARZ664" s="613"/>
      <c r="ASA664" s="613"/>
      <c r="ASB664" s="613"/>
      <c r="ASC664" s="613"/>
      <c r="ASD664" s="613"/>
      <c r="ASE664" s="613"/>
      <c r="ASF664" s="613"/>
      <c r="ASG664" s="613"/>
      <c r="ASH664" s="613"/>
      <c r="ASI664" s="613"/>
      <c r="ASJ664" s="613"/>
      <c r="ASK664" s="613"/>
      <c r="ASL664" s="613"/>
      <c r="ASM664" s="613"/>
      <c r="ASN664" s="613"/>
      <c r="ASO664" s="613"/>
      <c r="ASP664" s="613"/>
      <c r="ASQ664" s="613"/>
      <c r="ASR664" s="613"/>
      <c r="ASS664" s="613"/>
      <c r="AST664" s="613"/>
      <c r="ASU664" s="613"/>
      <c r="ASV664" s="613"/>
      <c r="ASW664" s="613"/>
      <c r="ASX664" s="613"/>
      <c r="ASY664" s="613"/>
      <c r="ASZ664" s="613"/>
      <c r="ATA664" s="613"/>
      <c r="ATB664" s="613"/>
      <c r="ATC664" s="613"/>
      <c r="ATD664" s="613"/>
      <c r="ATE664" s="613"/>
      <c r="ATF664" s="613"/>
      <c r="ATG664" s="613"/>
      <c r="ATH664" s="613"/>
      <c r="ATI664" s="613"/>
      <c r="ATJ664" s="613"/>
      <c r="ATK664" s="613"/>
      <c r="ATL664" s="613"/>
      <c r="ATM664" s="613"/>
      <c r="ATN664" s="613"/>
      <c r="ATO664" s="613"/>
      <c r="ATP664" s="613"/>
      <c r="ATQ664" s="613"/>
      <c r="ATR664" s="613"/>
      <c r="ATS664" s="613"/>
      <c r="ATT664" s="613"/>
      <c r="ATU664" s="613"/>
      <c r="ATV664" s="613"/>
      <c r="ATW664" s="613"/>
      <c r="ATX664" s="613"/>
      <c r="ATY664" s="613"/>
      <c r="ATZ664" s="613"/>
      <c r="AUA664" s="613"/>
      <c r="AUB664" s="613"/>
      <c r="AUC664" s="613"/>
      <c r="AUD664" s="613"/>
      <c r="AUE664" s="613"/>
      <c r="AUF664" s="613"/>
      <c r="AUG664" s="613"/>
      <c r="AUH664" s="613"/>
      <c r="AUI664" s="613"/>
      <c r="AUJ664" s="613"/>
      <c r="AUK664" s="613"/>
      <c r="AUL664" s="613"/>
      <c r="AUM664" s="613"/>
      <c r="AUN664" s="613"/>
      <c r="AUO664" s="613"/>
      <c r="AUP664" s="613"/>
      <c r="AUQ664" s="613"/>
      <c r="AUR664" s="613"/>
      <c r="AUS664" s="613"/>
      <c r="AUT664" s="613"/>
      <c r="AUU664" s="613"/>
      <c r="AUV664" s="613"/>
      <c r="AUW664" s="613"/>
      <c r="AUX664" s="613"/>
      <c r="AUY664" s="613"/>
      <c r="AUZ664" s="613"/>
      <c r="AVA664" s="613"/>
      <c r="AVB664" s="613"/>
      <c r="AVC664" s="613"/>
      <c r="AVD664" s="613"/>
      <c r="AVE664" s="613"/>
      <c r="AVF664" s="613"/>
      <c r="AVG664" s="613"/>
      <c r="AVH664" s="613"/>
      <c r="AVI664" s="613"/>
      <c r="AVJ664" s="613"/>
      <c r="AVK664" s="613"/>
      <c r="AVL664" s="613"/>
      <c r="AVM664" s="613"/>
      <c r="AVN664" s="613"/>
      <c r="AVO664" s="613"/>
      <c r="AVP664" s="613"/>
      <c r="AVQ664" s="613"/>
      <c r="AVR664" s="613"/>
      <c r="AVS664" s="613"/>
      <c r="AVT664" s="613"/>
      <c r="AVU664" s="613"/>
      <c r="AVV664" s="613"/>
      <c r="AVW664" s="613"/>
      <c r="AVX664" s="613"/>
      <c r="AVY664" s="613"/>
      <c r="AVZ664" s="613"/>
      <c r="AWA664" s="613"/>
      <c r="AWB664" s="613"/>
      <c r="AWC664" s="613"/>
      <c r="AWD664" s="613"/>
      <c r="AWE664" s="613"/>
      <c r="AWF664" s="613"/>
      <c r="AWG664" s="613"/>
      <c r="AWH664" s="613"/>
      <c r="AWI664" s="613"/>
      <c r="AWJ664" s="613"/>
      <c r="AWK664" s="613"/>
      <c r="AWL664" s="613"/>
      <c r="AWM664" s="613"/>
      <c r="AWN664" s="613"/>
      <c r="AWO664" s="613"/>
      <c r="AWP664" s="613"/>
      <c r="AWQ664" s="613"/>
      <c r="AWR664" s="613"/>
      <c r="AWS664" s="613"/>
      <c r="AWT664" s="613"/>
      <c r="AWU664" s="613"/>
      <c r="AWV664" s="613"/>
      <c r="AWW664" s="613"/>
      <c r="AWX664" s="613"/>
      <c r="AWY664" s="613"/>
      <c r="AWZ664" s="613"/>
      <c r="AXA664" s="613"/>
      <c r="AXB664" s="613"/>
      <c r="AXC664" s="613"/>
      <c r="AXD664" s="613"/>
      <c r="AXE664" s="613"/>
      <c r="AXF664" s="613"/>
      <c r="AXG664" s="613"/>
      <c r="AXH664" s="613"/>
      <c r="AXI664" s="613"/>
      <c r="AXJ664" s="613"/>
      <c r="AXK664" s="613"/>
      <c r="AXL664" s="613"/>
      <c r="AXM664" s="613"/>
      <c r="AXN664" s="613"/>
      <c r="AXO664" s="613"/>
      <c r="AXP664" s="613"/>
      <c r="AXQ664" s="613"/>
      <c r="AXR664" s="613"/>
      <c r="AXS664" s="613"/>
      <c r="AXT664" s="613"/>
      <c r="AXU664" s="613"/>
      <c r="AXV664" s="613"/>
      <c r="AXW664" s="613"/>
      <c r="AXX664" s="613"/>
      <c r="AXY664" s="613"/>
      <c r="AXZ664" s="613"/>
      <c r="AYA664" s="613"/>
      <c r="AYB664" s="613"/>
      <c r="AYC664" s="613"/>
      <c r="AYD664" s="613"/>
      <c r="AYE664" s="613"/>
      <c r="AYF664" s="613"/>
      <c r="AYG664" s="613"/>
      <c r="AYH664" s="613"/>
      <c r="AYI664" s="613"/>
      <c r="AYJ664" s="613"/>
      <c r="AYK664" s="613"/>
      <c r="AYL664" s="613"/>
      <c r="AYM664" s="613"/>
      <c r="AYN664" s="613"/>
      <c r="AYO664" s="613"/>
      <c r="AYP664" s="613"/>
      <c r="AYQ664" s="613"/>
      <c r="AYR664" s="613"/>
      <c r="AYS664" s="613"/>
      <c r="AYT664" s="613"/>
      <c r="AYU664" s="613"/>
      <c r="AYV664" s="613"/>
      <c r="AYW664" s="613"/>
      <c r="AYX664" s="613"/>
      <c r="AYY664" s="613"/>
      <c r="AYZ664" s="613"/>
      <c r="AZA664" s="613"/>
      <c r="AZB664" s="613"/>
      <c r="AZC664" s="613"/>
      <c r="AZD664" s="613"/>
      <c r="AZE664" s="613"/>
      <c r="AZF664" s="613"/>
      <c r="AZG664" s="613"/>
      <c r="AZH664" s="613"/>
      <c r="AZI664" s="613"/>
      <c r="AZJ664" s="613"/>
      <c r="AZK664" s="613"/>
      <c r="AZL664" s="613"/>
      <c r="AZM664" s="613"/>
      <c r="AZN664" s="613"/>
      <c r="AZO664" s="613"/>
      <c r="AZP664" s="613"/>
      <c r="AZQ664" s="613"/>
      <c r="AZR664" s="613"/>
      <c r="AZS664" s="613"/>
      <c r="AZT664" s="613"/>
      <c r="AZU664" s="613"/>
      <c r="AZV664" s="613"/>
      <c r="AZW664" s="613"/>
      <c r="AZX664" s="613"/>
      <c r="AZY664" s="613"/>
      <c r="AZZ664" s="613"/>
      <c r="BAA664" s="613"/>
      <c r="BAB664" s="613"/>
      <c r="BAC664" s="613"/>
      <c r="BAD664" s="613"/>
      <c r="BAE664" s="613"/>
      <c r="BAF664" s="613"/>
      <c r="BAG664" s="613"/>
      <c r="BAH664" s="613"/>
      <c r="BAI664" s="613"/>
      <c r="BAJ664" s="613"/>
      <c r="BAK664" s="613"/>
      <c r="BAL664" s="613"/>
      <c r="BAM664" s="613"/>
      <c r="BAN664" s="613"/>
      <c r="BAO664" s="613"/>
      <c r="BAP664" s="613"/>
      <c r="BAQ664" s="613"/>
      <c r="BAR664" s="613"/>
      <c r="BAS664" s="613"/>
      <c r="BAT664" s="613"/>
      <c r="BAU664" s="613"/>
      <c r="BAV664" s="613"/>
      <c r="BAW664" s="613"/>
      <c r="BAX664" s="613"/>
      <c r="BAY664" s="613"/>
      <c r="BAZ664" s="613"/>
      <c r="BBA664" s="613"/>
      <c r="BBB664" s="613"/>
      <c r="BBC664" s="613"/>
      <c r="BBD664" s="613"/>
      <c r="BBE664" s="613"/>
      <c r="BBF664" s="613"/>
      <c r="BBG664" s="613"/>
      <c r="BBH664" s="613"/>
      <c r="BBI664" s="613"/>
      <c r="BBJ664" s="613"/>
      <c r="BBK664" s="613"/>
      <c r="BBL664" s="613"/>
      <c r="BBM664" s="613"/>
      <c r="BBN664" s="613"/>
      <c r="BBO664" s="613"/>
      <c r="BBP664" s="613"/>
      <c r="BBQ664" s="613"/>
      <c r="BBR664" s="613"/>
      <c r="BBS664" s="613"/>
      <c r="BBT664" s="613"/>
      <c r="BBU664" s="613"/>
      <c r="BBV664" s="613"/>
      <c r="BBW664" s="613"/>
      <c r="BBX664" s="613"/>
      <c r="BBY664" s="613"/>
      <c r="BBZ664" s="613"/>
      <c r="BCA664" s="613"/>
      <c r="BCB664" s="613"/>
      <c r="BCC664" s="613"/>
      <c r="BCD664" s="613"/>
      <c r="BCE664" s="613"/>
      <c r="BCF664" s="613"/>
      <c r="BCG664" s="613"/>
      <c r="BCH664" s="613"/>
      <c r="BCI664" s="613"/>
      <c r="BCJ664" s="613"/>
      <c r="BCK664" s="613"/>
      <c r="BCL664" s="613"/>
      <c r="BCM664" s="613"/>
      <c r="BCN664" s="613"/>
      <c r="BCO664" s="613"/>
      <c r="BCP664" s="613"/>
      <c r="BCQ664" s="613"/>
      <c r="BCR664" s="613"/>
      <c r="BCS664" s="613"/>
      <c r="BCT664" s="613"/>
      <c r="BCU664" s="613"/>
      <c r="BCV664" s="613"/>
      <c r="BCW664" s="613"/>
      <c r="BCX664" s="613"/>
      <c r="BCY664" s="613"/>
      <c r="BCZ664" s="613"/>
      <c r="BDA664" s="613"/>
      <c r="BDB664" s="613"/>
      <c r="BDC664" s="613"/>
      <c r="BDD664" s="613"/>
      <c r="BDE664" s="613"/>
      <c r="BDF664" s="613"/>
      <c r="BDG664" s="613"/>
      <c r="BDH664" s="613"/>
      <c r="BDI664" s="613"/>
      <c r="BDJ664" s="613"/>
      <c r="BDK664" s="613"/>
      <c r="BDL664" s="613"/>
      <c r="BDM664" s="613"/>
      <c r="BDN664" s="613"/>
      <c r="BDO664" s="613"/>
      <c r="BDP664" s="613"/>
      <c r="BDQ664" s="613"/>
      <c r="BDR664" s="613"/>
      <c r="BDS664" s="613"/>
      <c r="BDT664" s="613"/>
      <c r="BDU664" s="613"/>
      <c r="BDV664" s="613"/>
      <c r="BDW664" s="613"/>
      <c r="BDX664" s="613"/>
      <c r="BDY664" s="613"/>
      <c r="BDZ664" s="613"/>
      <c r="BEA664" s="613"/>
      <c r="BEB664" s="613"/>
      <c r="BEC664" s="613"/>
      <c r="BED664" s="613"/>
      <c r="BEE664" s="613"/>
      <c r="BEF664" s="613"/>
      <c r="BEG664" s="613"/>
      <c r="BEH664" s="613"/>
      <c r="BEI664" s="613"/>
      <c r="BEJ664" s="613"/>
      <c r="BEK664" s="613"/>
      <c r="BEL664" s="613"/>
      <c r="BEM664" s="613"/>
      <c r="BEN664" s="613"/>
      <c r="BEO664" s="613"/>
      <c r="BEP664" s="613"/>
      <c r="BEQ664" s="613"/>
      <c r="BER664" s="613"/>
      <c r="BES664" s="613"/>
      <c r="BET664" s="613"/>
      <c r="BEU664" s="613"/>
      <c r="BEV664" s="613"/>
      <c r="BEW664" s="613"/>
      <c r="BEX664" s="613"/>
      <c r="BEY664" s="613"/>
      <c r="BEZ664" s="613"/>
      <c r="BFA664" s="613"/>
      <c r="BFB664" s="613"/>
      <c r="BFC664" s="613"/>
      <c r="BFD664" s="613"/>
      <c r="BFE664" s="613"/>
      <c r="BFF664" s="613"/>
      <c r="BFG664" s="613"/>
      <c r="BFH664" s="613"/>
      <c r="BFI664" s="613"/>
      <c r="BFJ664" s="613"/>
      <c r="BFK664" s="613"/>
      <c r="BFL664" s="613"/>
      <c r="BFM664" s="613"/>
      <c r="BFN664" s="613"/>
      <c r="BFO664" s="613"/>
      <c r="BFP664" s="613"/>
      <c r="BFQ664" s="613"/>
      <c r="BFR664" s="613"/>
      <c r="BFS664" s="613"/>
      <c r="BFT664" s="613"/>
      <c r="BFU664" s="613"/>
      <c r="BFV664" s="613"/>
      <c r="BFW664" s="613"/>
      <c r="BFX664" s="613"/>
      <c r="BFY664" s="613"/>
      <c r="BFZ664" s="613"/>
      <c r="BGA664" s="613"/>
      <c r="BGB664" s="613"/>
      <c r="BGC664" s="613"/>
      <c r="BGD664" s="613"/>
      <c r="BGE664" s="613"/>
      <c r="BGF664" s="613"/>
      <c r="BGG664" s="613"/>
      <c r="BGH664" s="613"/>
      <c r="BGI664" s="613"/>
      <c r="BGJ664" s="613"/>
      <c r="BGK664" s="613"/>
      <c r="BGL664" s="613"/>
      <c r="BGM664" s="613"/>
      <c r="BGN664" s="613"/>
      <c r="BGO664" s="613"/>
      <c r="BGP664" s="613"/>
      <c r="BGQ664" s="613"/>
      <c r="BGR664" s="613"/>
      <c r="BGS664" s="613"/>
      <c r="BGT664" s="613"/>
      <c r="BGU664" s="613"/>
      <c r="BGV664" s="613"/>
      <c r="BGW664" s="613"/>
      <c r="BGX664" s="613"/>
      <c r="BGY664" s="613"/>
      <c r="BGZ664" s="613"/>
      <c r="BHA664" s="613"/>
      <c r="BHB664" s="613"/>
      <c r="BHC664" s="613"/>
      <c r="BHD664" s="613"/>
      <c r="BHE664" s="613"/>
      <c r="BHF664" s="613"/>
      <c r="BHG664" s="613"/>
      <c r="BHH664" s="613"/>
      <c r="BHI664" s="613"/>
      <c r="BHJ664" s="613"/>
      <c r="BHK664" s="613"/>
      <c r="BHL664" s="613"/>
      <c r="BHM664" s="613"/>
      <c r="BHN664" s="613"/>
      <c r="BHO664" s="613"/>
      <c r="BHP664" s="613"/>
      <c r="BHQ664" s="613"/>
      <c r="BHR664" s="613"/>
      <c r="BHS664" s="613"/>
      <c r="BHT664" s="613"/>
      <c r="BHU664" s="613"/>
      <c r="BHV664" s="613"/>
      <c r="BHW664" s="613"/>
      <c r="BHX664" s="613"/>
      <c r="BHY664" s="613"/>
      <c r="BHZ664" s="613"/>
      <c r="BIA664" s="613"/>
      <c r="BIB664" s="613"/>
      <c r="BIC664" s="613"/>
      <c r="BID664" s="613"/>
      <c r="BIE664" s="613"/>
      <c r="BIF664" s="613"/>
      <c r="BIG664" s="613"/>
      <c r="BIH664" s="613"/>
      <c r="BII664" s="613"/>
      <c r="BIJ664" s="613"/>
      <c r="BIK664" s="613"/>
      <c r="BIL664" s="613"/>
      <c r="BIM664" s="613"/>
      <c r="BIN664" s="613"/>
      <c r="BIO664" s="613"/>
      <c r="BIP664" s="613"/>
      <c r="BIQ664" s="613"/>
      <c r="BIR664" s="613"/>
      <c r="BIS664" s="613"/>
      <c r="BIT664" s="613"/>
      <c r="BIU664" s="613"/>
      <c r="BIV664" s="613"/>
      <c r="BIW664" s="613"/>
      <c r="BIX664" s="613"/>
      <c r="BIY664" s="613"/>
      <c r="BIZ664" s="613"/>
      <c r="BJA664" s="613"/>
      <c r="BJB664" s="613"/>
      <c r="BJC664" s="613"/>
      <c r="BJD664" s="613"/>
      <c r="BJE664" s="613"/>
      <c r="BJF664" s="613"/>
      <c r="BJG664" s="613"/>
      <c r="BJH664" s="613"/>
      <c r="BJI664" s="613"/>
      <c r="BJJ664" s="613"/>
      <c r="BJK664" s="613"/>
      <c r="BJL664" s="613"/>
      <c r="BJM664" s="613"/>
      <c r="BJN664" s="613"/>
      <c r="BJO664" s="613"/>
      <c r="BJP664" s="613"/>
      <c r="BJQ664" s="613"/>
      <c r="BJR664" s="613"/>
      <c r="BJS664" s="613"/>
      <c r="BJT664" s="613"/>
      <c r="BJU664" s="613"/>
      <c r="BJV664" s="613"/>
      <c r="BJW664" s="613"/>
      <c r="BJX664" s="613"/>
      <c r="BJY664" s="613"/>
      <c r="BJZ664" s="613"/>
      <c r="BKA664" s="613"/>
      <c r="BKB664" s="613"/>
      <c r="BKC664" s="613"/>
      <c r="BKD664" s="613"/>
      <c r="BKE664" s="613"/>
      <c r="BKF664" s="613"/>
      <c r="BKG664" s="613"/>
      <c r="BKH664" s="613"/>
      <c r="BKI664" s="613"/>
      <c r="BKJ664" s="613"/>
      <c r="BKK664" s="613"/>
      <c r="BKL664" s="613"/>
      <c r="BKM664" s="613"/>
      <c r="BKN664" s="613"/>
      <c r="BKO664" s="613"/>
      <c r="BKP664" s="613"/>
      <c r="BKQ664" s="613"/>
      <c r="BKR664" s="613"/>
      <c r="BKS664" s="613"/>
      <c r="BKT664" s="613"/>
      <c r="BKU664" s="613"/>
      <c r="BKV664" s="613"/>
      <c r="BKW664" s="613"/>
      <c r="BKX664" s="613"/>
      <c r="BKY664" s="613"/>
      <c r="BKZ664" s="613"/>
      <c r="BLA664" s="613"/>
      <c r="BLB664" s="613"/>
      <c r="BLC664" s="613"/>
      <c r="BLD664" s="613"/>
      <c r="BLE664" s="613"/>
      <c r="BLF664" s="613"/>
      <c r="BLG664" s="613"/>
      <c r="BLH664" s="613"/>
      <c r="BLI664" s="613"/>
      <c r="BLJ664" s="613"/>
      <c r="BLK664" s="613"/>
      <c r="BLL664" s="613"/>
      <c r="BLM664" s="613"/>
      <c r="BLN664" s="613"/>
      <c r="BLO664" s="613"/>
      <c r="BLP664" s="613"/>
      <c r="BLQ664" s="613"/>
      <c r="BLR664" s="613"/>
      <c r="BLS664" s="613"/>
      <c r="BLT664" s="613"/>
      <c r="BLU664" s="613"/>
      <c r="BLV664" s="613"/>
      <c r="BLW664" s="613"/>
      <c r="BLX664" s="613"/>
      <c r="BLY664" s="613"/>
      <c r="BLZ664" s="613"/>
      <c r="BMA664" s="613"/>
      <c r="BMB664" s="613"/>
      <c r="BMC664" s="613"/>
      <c r="BMD664" s="613"/>
      <c r="BME664" s="613"/>
      <c r="BMF664" s="613"/>
      <c r="BMG664" s="613"/>
      <c r="BMH664" s="613"/>
      <c r="BMI664" s="613"/>
      <c r="BMJ664" s="613"/>
      <c r="BMK664" s="613"/>
      <c r="BML664" s="613"/>
      <c r="BMM664" s="613"/>
      <c r="BMN664" s="613"/>
      <c r="BMO664" s="613"/>
      <c r="BMP664" s="613"/>
      <c r="BMQ664" s="613"/>
      <c r="BMR664" s="613"/>
      <c r="BMS664" s="613"/>
      <c r="BMT664" s="613"/>
      <c r="BMU664" s="613"/>
      <c r="BMV664" s="613"/>
      <c r="BMW664" s="613"/>
      <c r="BMX664" s="613"/>
      <c r="BMY664" s="613"/>
      <c r="BMZ664" s="613"/>
      <c r="BNA664" s="613"/>
      <c r="BNB664" s="613"/>
      <c r="BNC664" s="613"/>
      <c r="BND664" s="613"/>
      <c r="BNE664" s="613"/>
      <c r="BNF664" s="613"/>
      <c r="BNG664" s="613"/>
      <c r="BNH664" s="613"/>
      <c r="BNI664" s="613"/>
      <c r="BNJ664" s="613"/>
      <c r="BNK664" s="613"/>
      <c r="BNL664" s="613"/>
      <c r="BNM664" s="613"/>
      <c r="BNN664" s="613"/>
      <c r="BNO664" s="613"/>
      <c r="BNP664" s="613"/>
      <c r="BNQ664" s="613"/>
      <c r="BNR664" s="613"/>
      <c r="BNS664" s="613"/>
      <c r="BNT664" s="613"/>
      <c r="BNU664" s="613"/>
      <c r="BNV664" s="613"/>
      <c r="BNW664" s="613"/>
      <c r="BNX664" s="613"/>
      <c r="BNY664" s="613"/>
      <c r="BNZ664" s="613"/>
      <c r="BOA664" s="613"/>
      <c r="BOB664" s="613"/>
      <c r="BOC664" s="613"/>
      <c r="BOD664" s="613"/>
      <c r="BOE664" s="613"/>
      <c r="BOF664" s="613"/>
      <c r="BOG664" s="613"/>
      <c r="BOH664" s="613"/>
      <c r="BOI664" s="613"/>
      <c r="BOJ664" s="613"/>
      <c r="BOK664" s="613"/>
      <c r="BOL664" s="613"/>
      <c r="BOM664" s="613"/>
      <c r="BON664" s="613"/>
      <c r="BOO664" s="613"/>
      <c r="BOP664" s="613"/>
      <c r="BOQ664" s="613"/>
      <c r="BOR664" s="613"/>
      <c r="BOS664" s="613"/>
      <c r="BOT664" s="613"/>
      <c r="BOU664" s="613"/>
      <c r="BOV664" s="613"/>
      <c r="BOW664" s="613"/>
      <c r="BOX664" s="613"/>
      <c r="BOY664" s="613"/>
      <c r="BOZ664" s="613"/>
      <c r="BPA664" s="613"/>
      <c r="BPB664" s="613"/>
      <c r="BPC664" s="613"/>
      <c r="BPD664" s="613"/>
      <c r="BPE664" s="613"/>
      <c r="BPF664" s="613"/>
      <c r="BPG664" s="613"/>
      <c r="BPH664" s="613"/>
      <c r="BPI664" s="613"/>
      <c r="BPJ664" s="613"/>
      <c r="BPK664" s="613"/>
      <c r="BPL664" s="613"/>
      <c r="BPM664" s="613"/>
      <c r="BPN664" s="613"/>
      <c r="BPO664" s="613"/>
      <c r="BPP664" s="613"/>
      <c r="BPQ664" s="613"/>
      <c r="BPR664" s="613"/>
      <c r="BPS664" s="613"/>
      <c r="BPT664" s="613"/>
      <c r="BPU664" s="613"/>
      <c r="BPV664" s="613"/>
      <c r="BPW664" s="613"/>
      <c r="BPX664" s="613"/>
      <c r="BPY664" s="613"/>
      <c r="BPZ664" s="613"/>
      <c r="BQA664" s="613"/>
      <c r="BQB664" s="613"/>
      <c r="BQC664" s="613"/>
      <c r="BQD664" s="613"/>
      <c r="BQE664" s="613"/>
      <c r="BQF664" s="613"/>
      <c r="BQG664" s="613"/>
      <c r="BQH664" s="613"/>
      <c r="BQI664" s="613"/>
      <c r="BQJ664" s="613"/>
      <c r="BQK664" s="613"/>
      <c r="BQL664" s="613"/>
      <c r="BQM664" s="613"/>
      <c r="BQN664" s="613"/>
      <c r="BQO664" s="613"/>
      <c r="BQP664" s="613"/>
      <c r="BQQ664" s="613"/>
      <c r="BQR664" s="613"/>
      <c r="BQS664" s="613"/>
      <c r="BQT664" s="613"/>
      <c r="BQU664" s="613"/>
      <c r="BQV664" s="613"/>
      <c r="BQW664" s="613"/>
      <c r="BQX664" s="613"/>
      <c r="BQY664" s="613"/>
      <c r="BQZ664" s="613"/>
      <c r="BRA664" s="613"/>
      <c r="BRB664" s="613"/>
      <c r="BRC664" s="613"/>
      <c r="BRD664" s="613"/>
      <c r="BRE664" s="613"/>
      <c r="BRF664" s="613"/>
      <c r="BRG664" s="613"/>
      <c r="BRH664" s="613"/>
      <c r="BRI664" s="613"/>
      <c r="BRJ664" s="613"/>
      <c r="BRK664" s="613"/>
      <c r="BRL664" s="613"/>
      <c r="BRM664" s="613"/>
      <c r="BRN664" s="613"/>
      <c r="BRO664" s="613"/>
      <c r="BRP664" s="613"/>
      <c r="BRQ664" s="613"/>
      <c r="BRR664" s="613"/>
      <c r="BRS664" s="613"/>
      <c r="BRT664" s="613"/>
      <c r="BRU664" s="613"/>
      <c r="BRV664" s="613"/>
      <c r="BRW664" s="613"/>
      <c r="BRX664" s="613"/>
      <c r="BRY664" s="613"/>
      <c r="BRZ664" s="613"/>
      <c r="BSA664" s="613"/>
      <c r="BSB664" s="613"/>
      <c r="BSC664" s="613"/>
      <c r="BSD664" s="613"/>
      <c r="BSE664" s="613"/>
      <c r="BSF664" s="613"/>
      <c r="BSG664" s="613"/>
      <c r="BSH664" s="613"/>
      <c r="BSI664" s="613"/>
      <c r="BSJ664" s="613"/>
      <c r="BSK664" s="613"/>
      <c r="BSL664" s="613"/>
      <c r="BSM664" s="613"/>
      <c r="BSN664" s="613"/>
      <c r="BSO664" s="613"/>
      <c r="BSP664" s="613"/>
      <c r="BSQ664" s="613"/>
      <c r="BSR664" s="613"/>
      <c r="BSS664" s="613"/>
      <c r="BST664" s="613"/>
      <c r="BSU664" s="613"/>
      <c r="BSV664" s="613"/>
      <c r="BSW664" s="613"/>
      <c r="BSX664" s="613"/>
      <c r="BSY664" s="613"/>
      <c r="BSZ664" s="613"/>
      <c r="BTA664" s="613"/>
      <c r="BTB664" s="613"/>
      <c r="BTC664" s="613"/>
      <c r="BTD664" s="613"/>
      <c r="BTE664" s="613"/>
      <c r="BTF664" s="613"/>
      <c r="BTG664" s="613"/>
      <c r="BTH664" s="613"/>
      <c r="BTI664" s="613"/>
      <c r="BTJ664" s="613"/>
      <c r="BTK664" s="613"/>
      <c r="BTL664" s="613"/>
      <c r="BTM664" s="613"/>
      <c r="BTN664" s="613"/>
      <c r="BTO664" s="613"/>
      <c r="BTP664" s="613"/>
      <c r="BTQ664" s="613"/>
      <c r="BTR664" s="613"/>
      <c r="BTS664" s="613"/>
      <c r="BTT664" s="613"/>
      <c r="BTU664" s="613"/>
      <c r="BTV664" s="613"/>
      <c r="BTW664" s="613"/>
      <c r="BTX664" s="613"/>
      <c r="BTY664" s="613"/>
      <c r="BTZ664" s="613"/>
      <c r="BUA664" s="613"/>
      <c r="BUB664" s="613"/>
      <c r="BUC664" s="613"/>
      <c r="BUD664" s="613"/>
      <c r="BUE664" s="613"/>
      <c r="BUF664" s="613"/>
      <c r="BUG664" s="613"/>
      <c r="BUH664" s="613"/>
      <c r="BUI664" s="613"/>
      <c r="BUJ664" s="613"/>
      <c r="BUK664" s="613"/>
      <c r="BUL664" s="613"/>
      <c r="BUM664" s="613"/>
      <c r="BUN664" s="613"/>
      <c r="BUO664" s="613"/>
      <c r="BUP664" s="613"/>
      <c r="BUQ664" s="613"/>
      <c r="BUR664" s="613"/>
      <c r="BUS664" s="613"/>
      <c r="BUT664" s="613"/>
      <c r="BUU664" s="613"/>
      <c r="BUV664" s="613"/>
      <c r="BUW664" s="613"/>
      <c r="BUX664" s="613"/>
      <c r="BUY664" s="613"/>
      <c r="BUZ664" s="613"/>
      <c r="BVA664" s="613"/>
      <c r="BVB664" s="613"/>
      <c r="BVC664" s="613"/>
      <c r="BVD664" s="613"/>
      <c r="BVE664" s="613"/>
      <c r="BVF664" s="613"/>
      <c r="BVG664" s="613"/>
      <c r="BVH664" s="613"/>
      <c r="BVI664" s="613"/>
      <c r="BVJ664" s="613"/>
      <c r="BVK664" s="613"/>
      <c r="BVL664" s="613"/>
      <c r="BVM664" s="613"/>
      <c r="BVN664" s="613"/>
      <c r="BVO664" s="613"/>
      <c r="BVP664" s="613"/>
      <c r="BVQ664" s="613"/>
      <c r="BVR664" s="613"/>
      <c r="BVS664" s="613"/>
      <c r="BVT664" s="613"/>
      <c r="BVU664" s="613"/>
      <c r="BVV664" s="613"/>
      <c r="BVW664" s="613"/>
      <c r="BVX664" s="613"/>
      <c r="BVY664" s="613"/>
      <c r="BVZ664" s="613"/>
      <c r="BWA664" s="613"/>
      <c r="BWB664" s="613"/>
      <c r="BWC664" s="613"/>
      <c r="BWD664" s="613"/>
      <c r="BWE664" s="613"/>
      <c r="BWF664" s="613"/>
      <c r="BWG664" s="613"/>
      <c r="BWH664" s="613"/>
      <c r="BWI664" s="613"/>
      <c r="BWJ664" s="613"/>
      <c r="BWK664" s="613"/>
      <c r="BWL664" s="613"/>
      <c r="BWM664" s="613"/>
      <c r="BWN664" s="613"/>
      <c r="BWO664" s="613"/>
      <c r="BWP664" s="613"/>
      <c r="BWQ664" s="613"/>
      <c r="BWR664" s="613"/>
      <c r="BWS664" s="613"/>
      <c r="BWT664" s="613"/>
      <c r="BWU664" s="613"/>
      <c r="BWV664" s="613"/>
      <c r="BWW664" s="613"/>
      <c r="BWX664" s="613"/>
      <c r="BWY664" s="613"/>
      <c r="BWZ664" s="613"/>
      <c r="BXA664" s="613"/>
      <c r="BXB664" s="613"/>
      <c r="BXC664" s="613"/>
      <c r="BXD664" s="613"/>
      <c r="BXE664" s="613"/>
      <c r="BXF664" s="613"/>
      <c r="BXG664" s="613"/>
      <c r="BXH664" s="613"/>
      <c r="BXI664" s="613"/>
      <c r="BXJ664" s="613"/>
      <c r="BXK664" s="613"/>
      <c r="BXL664" s="613"/>
      <c r="BXM664" s="613"/>
      <c r="BXN664" s="613"/>
      <c r="BXO664" s="613"/>
      <c r="BXP664" s="613"/>
      <c r="BXQ664" s="613"/>
      <c r="BXR664" s="613"/>
      <c r="BXS664" s="613"/>
      <c r="BXT664" s="613"/>
      <c r="BXU664" s="613"/>
      <c r="BXV664" s="613"/>
      <c r="BXW664" s="613"/>
      <c r="BXX664" s="613"/>
      <c r="BXY664" s="613"/>
      <c r="BXZ664" s="613"/>
      <c r="BYA664" s="613"/>
      <c r="BYB664" s="613"/>
      <c r="BYC664" s="613"/>
      <c r="BYD664" s="613"/>
      <c r="BYE664" s="613"/>
      <c r="BYF664" s="613"/>
      <c r="BYG664" s="613"/>
      <c r="BYH664" s="613"/>
      <c r="BYI664" s="613"/>
      <c r="BYJ664" s="613"/>
      <c r="BYK664" s="613"/>
      <c r="BYL664" s="613"/>
      <c r="BYM664" s="613"/>
      <c r="BYN664" s="613"/>
      <c r="BYO664" s="613"/>
      <c r="BYP664" s="613"/>
      <c r="BYQ664" s="613"/>
      <c r="BYR664" s="613"/>
      <c r="BYS664" s="613"/>
      <c r="BYT664" s="613"/>
      <c r="BYU664" s="613"/>
      <c r="BYV664" s="613"/>
      <c r="BYW664" s="613"/>
      <c r="BYX664" s="613"/>
      <c r="BYY664" s="613"/>
      <c r="BYZ664" s="613"/>
      <c r="BZA664" s="613"/>
      <c r="BZB664" s="613"/>
      <c r="BZC664" s="613"/>
      <c r="BZD664" s="613"/>
      <c r="BZE664" s="613"/>
      <c r="BZF664" s="613"/>
      <c r="BZG664" s="613"/>
      <c r="BZH664" s="613"/>
      <c r="BZI664" s="613"/>
      <c r="BZJ664" s="613"/>
      <c r="BZK664" s="613"/>
      <c r="BZL664" s="613"/>
      <c r="BZM664" s="613"/>
      <c r="BZN664" s="613"/>
      <c r="BZO664" s="613"/>
      <c r="BZP664" s="613"/>
      <c r="BZQ664" s="613"/>
      <c r="BZR664" s="613"/>
      <c r="BZS664" s="613"/>
      <c r="BZT664" s="613"/>
      <c r="BZU664" s="613"/>
      <c r="BZV664" s="613"/>
      <c r="BZW664" s="613"/>
      <c r="BZX664" s="613"/>
      <c r="BZY664" s="613"/>
      <c r="BZZ664" s="613"/>
      <c r="CAA664" s="613"/>
      <c r="CAB664" s="613"/>
      <c r="CAC664" s="613"/>
      <c r="CAD664" s="613"/>
      <c r="CAE664" s="613"/>
      <c r="CAF664" s="613"/>
      <c r="CAG664" s="613"/>
      <c r="CAH664" s="613"/>
      <c r="CAI664" s="613"/>
      <c r="CAJ664" s="613"/>
      <c r="CAK664" s="613"/>
      <c r="CAL664" s="613"/>
      <c r="CAM664" s="613"/>
      <c r="CAN664" s="613"/>
      <c r="CAO664" s="613"/>
      <c r="CAP664" s="613"/>
      <c r="CAQ664" s="613"/>
      <c r="CAR664" s="613"/>
      <c r="CAS664" s="613"/>
      <c r="CAT664" s="613"/>
      <c r="CAU664" s="613"/>
      <c r="CAV664" s="613"/>
      <c r="CAW664" s="613"/>
      <c r="CAX664" s="613"/>
      <c r="CAY664" s="613"/>
      <c r="CAZ664" s="613"/>
      <c r="CBA664" s="613"/>
      <c r="CBB664" s="613"/>
      <c r="CBC664" s="613"/>
      <c r="CBD664" s="613"/>
      <c r="CBE664" s="613"/>
      <c r="CBF664" s="613"/>
      <c r="CBG664" s="613"/>
      <c r="CBH664" s="613"/>
      <c r="CBI664" s="613"/>
      <c r="CBJ664" s="613"/>
      <c r="CBK664" s="613"/>
      <c r="CBL664" s="613"/>
      <c r="CBM664" s="613"/>
      <c r="CBN664" s="613"/>
      <c r="CBO664" s="613"/>
      <c r="CBP664" s="613"/>
      <c r="CBQ664" s="613"/>
      <c r="CBR664" s="613"/>
      <c r="CBS664" s="613"/>
      <c r="CBT664" s="613"/>
      <c r="CBU664" s="613"/>
      <c r="CBV664" s="613"/>
      <c r="CBW664" s="613"/>
      <c r="CBX664" s="613"/>
      <c r="CBY664" s="613"/>
      <c r="CBZ664" s="613"/>
      <c r="CCA664" s="613"/>
      <c r="CCB664" s="613"/>
      <c r="CCC664" s="613"/>
      <c r="CCD664" s="613"/>
      <c r="CCE664" s="613"/>
      <c r="CCF664" s="613"/>
      <c r="CCG664" s="613"/>
      <c r="CCH664" s="613"/>
      <c r="CCI664" s="613"/>
      <c r="CCJ664" s="613"/>
      <c r="CCK664" s="613"/>
      <c r="CCL664" s="613"/>
      <c r="CCM664" s="613"/>
      <c r="CCN664" s="613"/>
      <c r="CCO664" s="613"/>
      <c r="CCP664" s="613"/>
      <c r="CCQ664" s="613"/>
      <c r="CCR664" s="613"/>
      <c r="CCS664" s="613"/>
      <c r="CCT664" s="613"/>
      <c r="CCU664" s="613"/>
      <c r="CCV664" s="613"/>
      <c r="CCW664" s="613"/>
      <c r="CCX664" s="613"/>
      <c r="CCY664" s="613"/>
      <c r="CCZ664" s="613"/>
      <c r="CDA664" s="613"/>
      <c r="CDB664" s="613"/>
      <c r="CDC664" s="613"/>
      <c r="CDD664" s="613"/>
      <c r="CDE664" s="613"/>
      <c r="CDF664" s="613"/>
      <c r="CDG664" s="613"/>
      <c r="CDH664" s="613"/>
      <c r="CDI664" s="613"/>
      <c r="CDJ664" s="613"/>
      <c r="CDK664" s="613"/>
      <c r="CDL664" s="613"/>
      <c r="CDM664" s="613"/>
      <c r="CDN664" s="613"/>
      <c r="CDO664" s="613"/>
      <c r="CDP664" s="613"/>
      <c r="CDQ664" s="613"/>
      <c r="CDR664" s="613"/>
      <c r="CDS664" s="613"/>
      <c r="CDT664" s="613"/>
      <c r="CDU664" s="613"/>
      <c r="CDV664" s="613"/>
      <c r="CDW664" s="613"/>
      <c r="CDX664" s="613"/>
      <c r="CDY664" s="613"/>
      <c r="CDZ664" s="613"/>
      <c r="CEA664" s="613"/>
      <c r="CEB664" s="613"/>
      <c r="CEC664" s="613"/>
      <c r="CED664" s="613"/>
      <c r="CEE664" s="613"/>
      <c r="CEF664" s="613"/>
      <c r="CEG664" s="613"/>
      <c r="CEH664" s="613"/>
      <c r="CEI664" s="613"/>
      <c r="CEJ664" s="613"/>
      <c r="CEK664" s="613"/>
      <c r="CEL664" s="613"/>
      <c r="CEM664" s="613"/>
      <c r="CEN664" s="613"/>
      <c r="CEO664" s="613"/>
      <c r="CEP664" s="613"/>
      <c r="CEQ664" s="613"/>
      <c r="CER664" s="613"/>
      <c r="CES664" s="613"/>
      <c r="CET664" s="613"/>
      <c r="CEU664" s="613"/>
      <c r="CEV664" s="613"/>
      <c r="CEW664" s="613"/>
      <c r="CEX664" s="613"/>
      <c r="CEY664" s="613"/>
      <c r="CEZ664" s="613"/>
      <c r="CFA664" s="613"/>
      <c r="CFB664" s="613"/>
      <c r="CFC664" s="613"/>
      <c r="CFD664" s="613"/>
      <c r="CFE664" s="613"/>
      <c r="CFF664" s="613"/>
      <c r="CFG664" s="613"/>
      <c r="CFH664" s="613"/>
      <c r="CFI664" s="613"/>
      <c r="CFJ664" s="613"/>
      <c r="CFK664" s="613"/>
      <c r="CFL664" s="613"/>
      <c r="CFM664" s="613"/>
      <c r="CFN664" s="613"/>
      <c r="CFO664" s="613"/>
      <c r="CFP664" s="613"/>
      <c r="CFQ664" s="613"/>
      <c r="CFR664" s="613"/>
      <c r="CFS664" s="613"/>
      <c r="CFT664" s="613"/>
      <c r="CFU664" s="613"/>
      <c r="CFV664" s="613"/>
      <c r="CFW664" s="613"/>
      <c r="CFX664" s="613"/>
      <c r="CFY664" s="613"/>
      <c r="CFZ664" s="613"/>
      <c r="CGA664" s="613"/>
      <c r="CGB664" s="613"/>
      <c r="CGC664" s="613"/>
      <c r="CGD664" s="613"/>
      <c r="CGE664" s="613"/>
      <c r="CGF664" s="613"/>
      <c r="CGG664" s="613"/>
      <c r="CGH664" s="613"/>
      <c r="CGI664" s="613"/>
      <c r="CGJ664" s="613"/>
      <c r="CGK664" s="613"/>
      <c r="CGL664" s="613"/>
      <c r="CGM664" s="613"/>
      <c r="CGN664" s="613"/>
      <c r="CGO664" s="613"/>
      <c r="CGP664" s="613"/>
      <c r="CGQ664" s="613"/>
      <c r="CGR664" s="613"/>
      <c r="CGS664" s="613"/>
      <c r="CGT664" s="613"/>
      <c r="CGU664" s="613"/>
      <c r="CGV664" s="613"/>
      <c r="CGW664" s="613"/>
      <c r="CGX664" s="613"/>
      <c r="CGY664" s="613"/>
      <c r="CGZ664" s="613"/>
      <c r="CHA664" s="613"/>
      <c r="CHB664" s="613"/>
      <c r="CHC664" s="613"/>
      <c r="CHD664" s="613"/>
      <c r="CHE664" s="613"/>
      <c r="CHF664" s="613"/>
      <c r="CHG664" s="613"/>
      <c r="CHH664" s="613"/>
      <c r="CHI664" s="613"/>
      <c r="CHJ664" s="613"/>
      <c r="CHK664" s="613"/>
      <c r="CHL664" s="613"/>
      <c r="CHM664" s="613"/>
      <c r="CHN664" s="613"/>
      <c r="CHO664" s="613"/>
      <c r="CHP664" s="613"/>
      <c r="CHQ664" s="613"/>
      <c r="CHR664" s="613"/>
      <c r="CHS664" s="613"/>
      <c r="CHT664" s="613"/>
      <c r="CHU664" s="613"/>
      <c r="CHV664" s="613"/>
      <c r="CHW664" s="613"/>
      <c r="CHX664" s="613"/>
      <c r="CHY664" s="613"/>
      <c r="CHZ664" s="613"/>
      <c r="CIA664" s="613"/>
      <c r="CIB664" s="613"/>
      <c r="CIC664" s="613"/>
      <c r="CID664" s="613"/>
      <c r="CIE664" s="613"/>
      <c r="CIF664" s="613"/>
      <c r="CIG664" s="613"/>
      <c r="CIH664" s="613"/>
      <c r="CII664" s="613"/>
      <c r="CIJ664" s="613"/>
      <c r="CIK664" s="613"/>
      <c r="CIL664" s="613"/>
      <c r="CIM664" s="613"/>
      <c r="CIN664" s="613"/>
      <c r="CIO664" s="613"/>
      <c r="CIP664" s="613"/>
      <c r="CIQ664" s="613"/>
      <c r="CIR664" s="613"/>
      <c r="CIS664" s="613"/>
      <c r="CIT664" s="613"/>
      <c r="CIU664" s="613"/>
      <c r="CIV664" s="613"/>
      <c r="CIW664" s="613"/>
      <c r="CIX664" s="613"/>
      <c r="CIY664" s="613"/>
      <c r="CIZ664" s="613"/>
      <c r="CJA664" s="613"/>
      <c r="CJB664" s="613"/>
      <c r="CJC664" s="613"/>
      <c r="CJD664" s="613"/>
      <c r="CJE664" s="613"/>
      <c r="CJF664" s="613"/>
      <c r="CJG664" s="613"/>
      <c r="CJH664" s="613"/>
      <c r="CJI664" s="613"/>
      <c r="CJJ664" s="613"/>
      <c r="CJK664" s="613"/>
      <c r="CJL664" s="613"/>
      <c r="CJM664" s="613"/>
      <c r="CJN664" s="613"/>
      <c r="CJO664" s="613"/>
      <c r="CJP664" s="613"/>
      <c r="CJQ664" s="613"/>
      <c r="CJR664" s="613"/>
      <c r="CJS664" s="613"/>
      <c r="CJT664" s="613"/>
      <c r="CJU664" s="613"/>
      <c r="CJV664" s="613"/>
      <c r="CJW664" s="613"/>
      <c r="CJX664" s="613"/>
      <c r="CJY664" s="613"/>
      <c r="CJZ664" s="613"/>
      <c r="CKA664" s="613"/>
      <c r="CKB664" s="613"/>
      <c r="CKC664" s="613"/>
      <c r="CKD664" s="613"/>
      <c r="CKE664" s="613"/>
      <c r="CKF664" s="613"/>
      <c r="CKG664" s="613"/>
      <c r="CKH664" s="613"/>
      <c r="CKI664" s="613"/>
      <c r="CKJ664" s="613"/>
      <c r="CKK664" s="613"/>
      <c r="CKL664" s="613"/>
      <c r="CKM664" s="613"/>
      <c r="CKN664" s="613"/>
      <c r="CKO664" s="613"/>
      <c r="CKP664" s="613"/>
      <c r="CKQ664" s="613"/>
      <c r="CKR664" s="613"/>
      <c r="CKS664" s="613"/>
      <c r="CKT664" s="613"/>
      <c r="CKU664" s="613"/>
      <c r="CKV664" s="613"/>
      <c r="CKW664" s="613"/>
      <c r="CKX664" s="613"/>
      <c r="CKY664" s="613"/>
      <c r="CKZ664" s="613"/>
      <c r="CLA664" s="613"/>
      <c r="CLB664" s="613"/>
      <c r="CLC664" s="613"/>
      <c r="CLD664" s="613"/>
      <c r="CLE664" s="613"/>
      <c r="CLF664" s="613"/>
      <c r="CLG664" s="613"/>
      <c r="CLH664" s="613"/>
      <c r="CLI664" s="613"/>
      <c r="CLJ664" s="613"/>
      <c r="CLK664" s="613"/>
      <c r="CLL664" s="613"/>
      <c r="CLM664" s="613"/>
      <c r="CLN664" s="613"/>
      <c r="CLO664" s="613"/>
      <c r="CLP664" s="613"/>
      <c r="CLQ664" s="613"/>
      <c r="CLR664" s="613"/>
      <c r="CLS664" s="613"/>
      <c r="CLT664" s="613"/>
      <c r="CLU664" s="613"/>
      <c r="CLV664" s="613"/>
      <c r="CLW664" s="613"/>
      <c r="CLX664" s="613"/>
      <c r="CLY664" s="613"/>
      <c r="CLZ664" s="613"/>
      <c r="CMA664" s="613"/>
      <c r="CMB664" s="613"/>
      <c r="CMC664" s="613"/>
      <c r="CMD664" s="613"/>
      <c r="CME664" s="613"/>
      <c r="CMF664" s="613"/>
      <c r="CMG664" s="613"/>
      <c r="CMH664" s="613"/>
      <c r="CMI664" s="613"/>
      <c r="CMJ664" s="613"/>
      <c r="CMK664" s="613"/>
      <c r="CML664" s="613"/>
      <c r="CMM664" s="613"/>
      <c r="CMN664" s="613"/>
      <c r="CMO664" s="613"/>
      <c r="CMP664" s="613"/>
      <c r="CMQ664" s="613"/>
      <c r="CMR664" s="613"/>
      <c r="CMS664" s="613"/>
      <c r="CMT664" s="613"/>
      <c r="CMU664" s="613"/>
      <c r="CMV664" s="613"/>
      <c r="CMW664" s="613"/>
      <c r="CMX664" s="613"/>
      <c r="CMY664" s="613"/>
      <c r="CMZ664" s="613"/>
      <c r="CNA664" s="613"/>
      <c r="CNB664" s="613"/>
      <c r="CNC664" s="613"/>
      <c r="CND664" s="613"/>
      <c r="CNE664" s="613"/>
      <c r="CNF664" s="613"/>
      <c r="CNG664" s="613"/>
      <c r="CNH664" s="613"/>
      <c r="CNI664" s="613"/>
      <c r="CNJ664" s="613"/>
      <c r="CNK664" s="613"/>
      <c r="CNL664" s="613"/>
      <c r="CNM664" s="613"/>
      <c r="CNN664" s="613"/>
      <c r="CNO664" s="613"/>
      <c r="CNP664" s="613"/>
      <c r="CNQ664" s="613"/>
      <c r="CNR664" s="613"/>
      <c r="CNS664" s="613"/>
      <c r="CNT664" s="613"/>
      <c r="CNU664" s="613"/>
      <c r="CNV664" s="613"/>
      <c r="CNW664" s="613"/>
      <c r="CNX664" s="613"/>
      <c r="CNY664" s="613"/>
      <c r="CNZ664" s="613"/>
      <c r="COA664" s="613"/>
      <c r="COB664" s="613"/>
      <c r="COC664" s="613"/>
      <c r="COD664" s="613"/>
      <c r="COE664" s="613"/>
      <c r="COF664" s="613"/>
      <c r="COG664" s="613"/>
      <c r="COH664" s="613"/>
      <c r="COI664" s="613"/>
      <c r="COJ664" s="613"/>
      <c r="COK664" s="613"/>
      <c r="COL664" s="613"/>
      <c r="COM664" s="613"/>
      <c r="CON664" s="613"/>
      <c r="COO664" s="613"/>
      <c r="COP664" s="613"/>
      <c r="COQ664" s="613"/>
      <c r="COR664" s="613"/>
      <c r="COS664" s="613"/>
      <c r="COT664" s="613"/>
      <c r="COU664" s="613"/>
      <c r="COV664" s="613"/>
      <c r="COW664" s="613"/>
      <c r="COX664" s="613"/>
      <c r="COY664" s="613"/>
      <c r="COZ664" s="613"/>
      <c r="CPA664" s="613"/>
      <c r="CPB664" s="613"/>
      <c r="CPC664" s="613"/>
      <c r="CPD664" s="613"/>
      <c r="CPE664" s="613"/>
      <c r="CPF664" s="613"/>
      <c r="CPG664" s="613"/>
      <c r="CPH664" s="613"/>
      <c r="CPI664" s="613"/>
      <c r="CPJ664" s="613"/>
      <c r="CPK664" s="613"/>
      <c r="CPL664" s="613"/>
      <c r="CPM664" s="613"/>
      <c r="CPN664" s="613"/>
      <c r="CPO664" s="613"/>
      <c r="CPP664" s="613"/>
      <c r="CPQ664" s="613"/>
      <c r="CPR664" s="613"/>
      <c r="CPS664" s="613"/>
      <c r="CPT664" s="613"/>
      <c r="CPU664" s="613"/>
      <c r="CPV664" s="613"/>
      <c r="CPW664" s="613"/>
      <c r="CPX664" s="613"/>
      <c r="CPY664" s="613"/>
      <c r="CPZ664" s="613"/>
      <c r="CQA664" s="613"/>
      <c r="CQB664" s="613"/>
      <c r="CQC664" s="613"/>
      <c r="CQD664" s="613"/>
      <c r="CQE664" s="613"/>
      <c r="CQF664" s="613"/>
      <c r="CQG664" s="613"/>
      <c r="CQH664" s="613"/>
      <c r="CQI664" s="613"/>
      <c r="CQJ664" s="613"/>
      <c r="CQK664" s="613"/>
      <c r="CQL664" s="613"/>
      <c r="CQM664" s="613"/>
      <c r="CQN664" s="613"/>
      <c r="CQO664" s="613"/>
      <c r="CQP664" s="613"/>
      <c r="CQQ664" s="613"/>
      <c r="CQR664" s="613"/>
      <c r="CQS664" s="613"/>
      <c r="CQT664" s="613"/>
      <c r="CQU664" s="613"/>
      <c r="CQV664" s="613"/>
      <c r="CQW664" s="613"/>
      <c r="CQX664" s="613"/>
      <c r="CQY664" s="613"/>
      <c r="CQZ664" s="613"/>
      <c r="CRA664" s="613"/>
      <c r="CRB664" s="613"/>
      <c r="CRC664" s="613"/>
      <c r="CRD664" s="613"/>
      <c r="CRE664" s="613"/>
      <c r="CRF664" s="613"/>
      <c r="CRG664" s="613"/>
      <c r="CRH664" s="613"/>
      <c r="CRI664" s="613"/>
      <c r="CRJ664" s="613"/>
      <c r="CRK664" s="613"/>
      <c r="CRL664" s="613"/>
      <c r="CRM664" s="613"/>
      <c r="CRN664" s="613"/>
      <c r="CRO664" s="613"/>
      <c r="CRP664" s="613"/>
      <c r="CRQ664" s="613"/>
      <c r="CRR664" s="613"/>
      <c r="CRS664" s="613"/>
      <c r="CRT664" s="613"/>
      <c r="CRU664" s="613"/>
      <c r="CRV664" s="613"/>
      <c r="CRW664" s="613"/>
      <c r="CRX664" s="613"/>
      <c r="CRY664" s="613"/>
      <c r="CRZ664" s="613"/>
      <c r="CSA664" s="613"/>
      <c r="CSB664" s="613"/>
      <c r="CSC664" s="613"/>
      <c r="CSD664" s="613"/>
      <c r="CSE664" s="613"/>
      <c r="CSF664" s="613"/>
      <c r="CSG664" s="613"/>
      <c r="CSH664" s="613"/>
      <c r="CSI664" s="613"/>
      <c r="CSJ664" s="613"/>
      <c r="CSK664" s="613"/>
      <c r="CSL664" s="613"/>
      <c r="CSM664" s="613"/>
      <c r="CSN664" s="613"/>
      <c r="CSO664" s="613"/>
      <c r="CSP664" s="613"/>
      <c r="CSQ664" s="613"/>
      <c r="CSR664" s="613"/>
      <c r="CSS664" s="613"/>
      <c r="CST664" s="613"/>
      <c r="CSU664" s="613"/>
      <c r="CSV664" s="613"/>
      <c r="CSW664" s="613"/>
      <c r="CSX664" s="613"/>
      <c r="CSY664" s="613"/>
      <c r="CSZ664" s="613"/>
      <c r="CTA664" s="613"/>
      <c r="CTB664" s="613"/>
      <c r="CTC664" s="613"/>
      <c r="CTD664" s="613"/>
      <c r="CTE664" s="613"/>
      <c r="CTF664" s="613"/>
      <c r="CTG664" s="613"/>
      <c r="CTH664" s="613"/>
      <c r="CTI664" s="613"/>
      <c r="CTJ664" s="613"/>
      <c r="CTK664" s="613"/>
      <c r="CTL664" s="613"/>
      <c r="CTM664" s="613"/>
      <c r="CTN664" s="613"/>
      <c r="CTO664" s="613"/>
      <c r="CTP664" s="613"/>
      <c r="CTQ664" s="613"/>
      <c r="CTR664" s="613"/>
      <c r="CTS664" s="613"/>
      <c r="CTT664" s="613"/>
      <c r="CTU664" s="613"/>
      <c r="CTV664" s="613"/>
      <c r="CTW664" s="613"/>
      <c r="CTX664" s="613"/>
      <c r="CTY664" s="613"/>
      <c r="CTZ664" s="613"/>
      <c r="CUA664" s="613"/>
      <c r="CUB664" s="613"/>
      <c r="CUC664" s="613"/>
      <c r="CUD664" s="613"/>
      <c r="CUE664" s="613"/>
      <c r="CUF664" s="613"/>
      <c r="CUG664" s="613"/>
      <c r="CUH664" s="613"/>
      <c r="CUI664" s="613"/>
      <c r="CUJ664" s="613"/>
      <c r="CUK664" s="613"/>
      <c r="CUL664" s="613"/>
      <c r="CUM664" s="613"/>
      <c r="CUN664" s="613"/>
      <c r="CUO664" s="613"/>
      <c r="CUP664" s="613"/>
      <c r="CUQ664" s="613"/>
      <c r="CUR664" s="613"/>
      <c r="CUS664" s="613"/>
      <c r="CUT664" s="613"/>
      <c r="CUU664" s="613"/>
      <c r="CUV664" s="613"/>
      <c r="CUW664" s="613"/>
      <c r="CUX664" s="613"/>
      <c r="CUY664" s="613"/>
      <c r="CUZ664" s="613"/>
      <c r="CVA664" s="613"/>
      <c r="CVB664" s="613"/>
      <c r="CVC664" s="613"/>
      <c r="CVD664" s="613"/>
      <c r="CVE664" s="613"/>
      <c r="CVF664" s="613"/>
      <c r="CVG664" s="613"/>
      <c r="CVH664" s="613"/>
      <c r="CVI664" s="613"/>
      <c r="CVJ664" s="613"/>
      <c r="CVK664" s="613"/>
      <c r="CVL664" s="613"/>
      <c r="CVM664" s="613"/>
      <c r="CVN664" s="613"/>
      <c r="CVO664" s="613"/>
      <c r="CVP664" s="613"/>
      <c r="CVQ664" s="613"/>
      <c r="CVR664" s="613"/>
      <c r="CVS664" s="613"/>
      <c r="CVT664" s="613"/>
      <c r="CVU664" s="613"/>
      <c r="CVV664" s="613"/>
      <c r="CVW664" s="613"/>
      <c r="CVX664" s="613"/>
      <c r="CVY664" s="613"/>
      <c r="CVZ664" s="613"/>
      <c r="CWA664" s="613"/>
      <c r="CWB664" s="613"/>
      <c r="CWC664" s="613"/>
      <c r="CWD664" s="613"/>
      <c r="CWE664" s="613"/>
      <c r="CWF664" s="613"/>
      <c r="CWG664" s="613"/>
      <c r="CWH664" s="613"/>
      <c r="CWI664" s="613"/>
      <c r="CWJ664" s="613"/>
      <c r="CWK664" s="613"/>
      <c r="CWL664" s="613"/>
      <c r="CWM664" s="613"/>
      <c r="CWN664" s="613"/>
      <c r="CWO664" s="613"/>
      <c r="CWP664" s="613"/>
      <c r="CWQ664" s="613"/>
      <c r="CWR664" s="613"/>
      <c r="CWS664" s="613"/>
      <c r="CWT664" s="613"/>
      <c r="CWU664" s="613"/>
      <c r="CWV664" s="613"/>
      <c r="CWW664" s="613"/>
      <c r="CWX664" s="613"/>
      <c r="CWY664" s="613"/>
      <c r="CWZ664" s="613"/>
      <c r="CXA664" s="613"/>
      <c r="CXB664" s="613"/>
      <c r="CXC664" s="613"/>
      <c r="CXD664" s="613"/>
      <c r="CXE664" s="613"/>
      <c r="CXF664" s="613"/>
      <c r="CXG664" s="613"/>
      <c r="CXH664" s="613"/>
      <c r="CXI664" s="613"/>
      <c r="CXJ664" s="613"/>
      <c r="CXK664" s="613"/>
      <c r="CXL664" s="613"/>
      <c r="CXM664" s="613"/>
      <c r="CXN664" s="613"/>
      <c r="CXO664" s="613"/>
      <c r="CXP664" s="613"/>
      <c r="CXQ664" s="613"/>
      <c r="CXR664" s="613"/>
      <c r="CXS664" s="613"/>
      <c r="CXT664" s="613"/>
      <c r="CXU664" s="613"/>
      <c r="CXV664" s="613"/>
      <c r="CXW664" s="613"/>
      <c r="CXX664" s="613"/>
      <c r="CXY664" s="613"/>
      <c r="CXZ664" s="613"/>
      <c r="CYA664" s="613"/>
      <c r="CYB664" s="613"/>
      <c r="CYC664" s="613"/>
      <c r="CYD664" s="613"/>
      <c r="CYE664" s="613"/>
      <c r="CYF664" s="613"/>
      <c r="CYG664" s="613"/>
      <c r="CYH664" s="613"/>
      <c r="CYI664" s="613"/>
      <c r="CYJ664" s="613"/>
      <c r="CYK664" s="613"/>
      <c r="CYL664" s="613"/>
      <c r="CYM664" s="613"/>
      <c r="CYN664" s="613"/>
      <c r="CYO664" s="613"/>
      <c r="CYP664" s="613"/>
      <c r="CYQ664" s="613"/>
      <c r="CYR664" s="613"/>
      <c r="CYS664" s="613"/>
      <c r="CYT664" s="613"/>
      <c r="CYU664" s="613"/>
      <c r="CYV664" s="613"/>
      <c r="CYW664" s="613"/>
      <c r="CYX664" s="613"/>
      <c r="CYY664" s="613"/>
      <c r="CYZ664" s="613"/>
      <c r="CZA664" s="613"/>
      <c r="CZB664" s="613"/>
      <c r="CZC664" s="613"/>
      <c r="CZD664" s="613"/>
      <c r="CZE664" s="613"/>
      <c r="CZF664" s="613"/>
      <c r="CZG664" s="613"/>
      <c r="CZH664" s="613"/>
      <c r="CZI664" s="613"/>
      <c r="CZJ664" s="613"/>
      <c r="CZK664" s="613"/>
      <c r="CZL664" s="613"/>
      <c r="CZM664" s="613"/>
      <c r="CZN664" s="613"/>
      <c r="CZO664" s="613"/>
      <c r="CZP664" s="613"/>
      <c r="CZQ664" s="613"/>
      <c r="CZR664" s="613"/>
      <c r="CZS664" s="613"/>
      <c r="CZT664" s="613"/>
      <c r="CZU664" s="613"/>
      <c r="CZV664" s="613"/>
      <c r="CZW664" s="613"/>
      <c r="CZX664" s="613"/>
      <c r="CZY664" s="613"/>
      <c r="CZZ664" s="613"/>
      <c r="DAA664" s="613"/>
      <c r="DAB664" s="613"/>
      <c r="DAC664" s="613"/>
      <c r="DAD664" s="613"/>
      <c r="DAE664" s="613"/>
      <c r="DAF664" s="613"/>
      <c r="DAG664" s="613"/>
      <c r="DAH664" s="613"/>
      <c r="DAI664" s="613"/>
      <c r="DAJ664" s="613"/>
      <c r="DAK664" s="613"/>
      <c r="DAL664" s="613"/>
      <c r="DAM664" s="613"/>
      <c r="DAN664" s="613"/>
      <c r="DAO664" s="613"/>
      <c r="DAP664" s="613"/>
      <c r="DAQ664" s="613"/>
      <c r="DAR664" s="613"/>
      <c r="DAS664" s="613"/>
      <c r="DAT664" s="613"/>
      <c r="DAU664" s="613"/>
      <c r="DAV664" s="613"/>
      <c r="DAW664" s="613"/>
      <c r="DAX664" s="613"/>
      <c r="DAY664" s="613"/>
      <c r="DAZ664" s="613"/>
      <c r="DBA664" s="613"/>
      <c r="DBB664" s="613"/>
      <c r="DBC664" s="613"/>
      <c r="DBD664" s="613"/>
      <c r="DBE664" s="613"/>
      <c r="DBF664" s="613"/>
      <c r="DBG664" s="613"/>
      <c r="DBH664" s="613"/>
      <c r="DBI664" s="613"/>
      <c r="DBJ664" s="613"/>
      <c r="DBK664" s="613"/>
      <c r="DBL664" s="613"/>
      <c r="DBM664" s="613"/>
      <c r="DBN664" s="613"/>
      <c r="DBO664" s="613"/>
      <c r="DBP664" s="613"/>
      <c r="DBQ664" s="613"/>
      <c r="DBR664" s="613"/>
      <c r="DBS664" s="613"/>
      <c r="DBT664" s="613"/>
      <c r="DBU664" s="613"/>
      <c r="DBV664" s="613"/>
      <c r="DBW664" s="613"/>
      <c r="DBX664" s="613"/>
      <c r="DBY664" s="613"/>
      <c r="DBZ664" s="613"/>
      <c r="DCA664" s="613"/>
      <c r="DCB664" s="613"/>
      <c r="DCC664" s="613"/>
      <c r="DCD664" s="613"/>
      <c r="DCE664" s="613"/>
      <c r="DCF664" s="613"/>
      <c r="DCG664" s="613"/>
      <c r="DCH664" s="613"/>
      <c r="DCI664" s="613"/>
      <c r="DCJ664" s="613"/>
      <c r="DCK664" s="613"/>
      <c r="DCL664" s="613"/>
      <c r="DCM664" s="613"/>
      <c r="DCN664" s="613"/>
      <c r="DCO664" s="613"/>
      <c r="DCP664" s="613"/>
      <c r="DCQ664" s="613"/>
      <c r="DCR664" s="613"/>
      <c r="DCS664" s="613"/>
      <c r="DCT664" s="613"/>
      <c r="DCU664" s="613"/>
      <c r="DCV664" s="613"/>
      <c r="DCW664" s="613"/>
      <c r="DCX664" s="613"/>
      <c r="DCY664" s="613"/>
      <c r="DCZ664" s="613"/>
      <c r="DDA664" s="613"/>
      <c r="DDB664" s="613"/>
      <c r="DDC664" s="613"/>
      <c r="DDD664" s="613"/>
      <c r="DDE664" s="613"/>
      <c r="DDF664" s="613"/>
      <c r="DDG664" s="613"/>
      <c r="DDH664" s="613"/>
      <c r="DDI664" s="613"/>
      <c r="DDJ664" s="613"/>
      <c r="DDK664" s="613"/>
      <c r="DDL664" s="613"/>
      <c r="DDM664" s="613"/>
      <c r="DDN664" s="613"/>
      <c r="DDO664" s="613"/>
      <c r="DDP664" s="613"/>
      <c r="DDQ664" s="613"/>
      <c r="DDR664" s="613"/>
      <c r="DDS664" s="613"/>
      <c r="DDT664" s="613"/>
      <c r="DDU664" s="613"/>
      <c r="DDV664" s="613"/>
      <c r="DDW664" s="613"/>
      <c r="DDX664" s="613"/>
      <c r="DDY664" s="613"/>
      <c r="DDZ664" s="613"/>
      <c r="DEA664" s="613"/>
      <c r="DEB664" s="613"/>
      <c r="DEC664" s="613"/>
      <c r="DED664" s="613"/>
      <c r="DEE664" s="613"/>
      <c r="DEF664" s="613"/>
      <c r="DEG664" s="613"/>
      <c r="DEH664" s="613"/>
      <c r="DEI664" s="613"/>
      <c r="DEJ664" s="613"/>
      <c r="DEK664" s="613"/>
      <c r="DEL664" s="613"/>
      <c r="DEM664" s="613"/>
      <c r="DEN664" s="613"/>
      <c r="DEO664" s="613"/>
      <c r="DEP664" s="613"/>
      <c r="DEQ664" s="613"/>
      <c r="DER664" s="613"/>
      <c r="DES664" s="613"/>
      <c r="DET664" s="613"/>
      <c r="DEU664" s="613"/>
      <c r="DEV664" s="613"/>
      <c r="DEW664" s="613"/>
      <c r="DEX664" s="613"/>
      <c r="DEY664" s="613"/>
      <c r="DEZ664" s="613"/>
      <c r="DFA664" s="613"/>
      <c r="DFB664" s="613"/>
      <c r="DFC664" s="613"/>
      <c r="DFD664" s="613"/>
      <c r="DFE664" s="613"/>
      <c r="DFF664" s="613"/>
      <c r="DFG664" s="613"/>
      <c r="DFH664" s="613"/>
      <c r="DFI664" s="613"/>
      <c r="DFJ664" s="613"/>
      <c r="DFK664" s="613"/>
      <c r="DFL664" s="613"/>
      <c r="DFM664" s="613"/>
      <c r="DFN664" s="613"/>
      <c r="DFO664" s="613"/>
      <c r="DFP664" s="613"/>
      <c r="DFQ664" s="613"/>
      <c r="DFR664" s="613"/>
      <c r="DFS664" s="613"/>
      <c r="DFT664" s="613"/>
      <c r="DFU664" s="613"/>
      <c r="DFV664" s="613"/>
      <c r="DFW664" s="613"/>
      <c r="DFX664" s="613"/>
      <c r="DFY664" s="613"/>
      <c r="DFZ664" s="613"/>
      <c r="DGA664" s="613"/>
      <c r="DGB664" s="613"/>
      <c r="DGC664" s="613"/>
      <c r="DGD664" s="613"/>
      <c r="DGE664" s="613"/>
      <c r="DGF664" s="613"/>
      <c r="DGG664" s="613"/>
      <c r="DGH664" s="613"/>
      <c r="DGI664" s="613"/>
      <c r="DGJ664" s="613"/>
      <c r="DGK664" s="613"/>
      <c r="DGL664" s="613"/>
      <c r="DGM664" s="613"/>
      <c r="DGN664" s="613"/>
      <c r="DGO664" s="613"/>
      <c r="DGP664" s="613"/>
      <c r="DGQ664" s="613"/>
      <c r="DGR664" s="613"/>
      <c r="DGS664" s="613"/>
      <c r="DGT664" s="613"/>
      <c r="DGU664" s="613"/>
      <c r="DGV664" s="613"/>
      <c r="DGW664" s="613"/>
      <c r="DGX664" s="613"/>
      <c r="DGY664" s="613"/>
      <c r="DGZ664" s="613"/>
      <c r="DHA664" s="613"/>
      <c r="DHB664" s="613"/>
      <c r="DHC664" s="613"/>
      <c r="DHD664" s="613"/>
      <c r="DHE664" s="613"/>
      <c r="DHF664" s="613"/>
      <c r="DHG664" s="613"/>
      <c r="DHH664" s="613"/>
      <c r="DHI664" s="613"/>
      <c r="DHJ664" s="613"/>
      <c r="DHK664" s="613"/>
      <c r="DHL664" s="613"/>
      <c r="DHM664" s="613"/>
      <c r="DHN664" s="613"/>
      <c r="DHO664" s="613"/>
      <c r="DHP664" s="613"/>
      <c r="DHQ664" s="613"/>
      <c r="DHR664" s="613"/>
      <c r="DHS664" s="613"/>
      <c r="DHT664" s="613"/>
      <c r="DHU664" s="613"/>
      <c r="DHV664" s="613"/>
      <c r="DHW664" s="613"/>
      <c r="DHX664" s="613"/>
      <c r="DHY664" s="613"/>
      <c r="DHZ664" s="613"/>
      <c r="DIA664" s="613"/>
      <c r="DIB664" s="613"/>
      <c r="DIC664" s="613"/>
      <c r="DID664" s="613"/>
      <c r="DIE664" s="613"/>
      <c r="DIF664" s="613"/>
      <c r="DIG664" s="613"/>
      <c r="DIH664" s="613"/>
      <c r="DII664" s="613"/>
      <c r="DIJ664" s="613"/>
      <c r="DIK664" s="613"/>
      <c r="DIL664" s="613"/>
      <c r="DIM664" s="613"/>
      <c r="DIN664" s="613"/>
      <c r="DIO664" s="613"/>
      <c r="DIP664" s="613"/>
      <c r="DIQ664" s="613"/>
      <c r="DIR664" s="613"/>
      <c r="DIS664" s="613"/>
      <c r="DIT664" s="613"/>
      <c r="DIU664" s="613"/>
      <c r="DIV664" s="613"/>
      <c r="DIW664" s="613"/>
      <c r="DIX664" s="613"/>
      <c r="DIY664" s="613"/>
      <c r="DIZ664" s="613"/>
      <c r="DJA664" s="613"/>
      <c r="DJB664" s="613"/>
      <c r="DJC664" s="613"/>
      <c r="DJD664" s="613"/>
      <c r="DJE664" s="613"/>
      <c r="DJF664" s="613"/>
      <c r="DJG664" s="613"/>
      <c r="DJH664" s="613"/>
      <c r="DJI664" s="613"/>
      <c r="DJJ664" s="613"/>
      <c r="DJK664" s="613"/>
      <c r="DJL664" s="613"/>
      <c r="DJM664" s="613"/>
      <c r="DJN664" s="613"/>
      <c r="DJO664" s="613"/>
      <c r="DJP664" s="613"/>
      <c r="DJQ664" s="613"/>
      <c r="DJR664" s="613"/>
      <c r="DJS664" s="613"/>
      <c r="DJT664" s="613"/>
      <c r="DJU664" s="613"/>
      <c r="DJV664" s="613"/>
      <c r="DJW664" s="613"/>
      <c r="DJX664" s="613"/>
      <c r="DJY664" s="613"/>
      <c r="DJZ664" s="613"/>
      <c r="DKA664" s="613"/>
      <c r="DKB664" s="613"/>
      <c r="DKC664" s="613"/>
      <c r="DKD664" s="613"/>
      <c r="DKE664" s="613"/>
      <c r="DKF664" s="613"/>
      <c r="DKG664" s="613"/>
      <c r="DKH664" s="613"/>
      <c r="DKI664" s="613"/>
      <c r="DKJ664" s="613"/>
      <c r="DKK664" s="613"/>
      <c r="DKL664" s="613"/>
      <c r="DKM664" s="613"/>
      <c r="DKN664" s="613"/>
      <c r="DKO664" s="613"/>
      <c r="DKP664" s="613"/>
      <c r="DKQ664" s="613"/>
      <c r="DKR664" s="613"/>
      <c r="DKS664" s="613"/>
      <c r="DKT664" s="613"/>
      <c r="DKU664" s="613"/>
      <c r="DKV664" s="613"/>
      <c r="DKW664" s="613"/>
      <c r="DKX664" s="613"/>
      <c r="DKY664" s="613"/>
      <c r="DKZ664" s="613"/>
      <c r="DLA664" s="613"/>
      <c r="DLB664" s="613"/>
      <c r="DLC664" s="613"/>
      <c r="DLD664" s="613"/>
      <c r="DLE664" s="613"/>
      <c r="DLF664" s="613"/>
      <c r="DLG664" s="613"/>
      <c r="DLH664" s="613"/>
      <c r="DLI664" s="613"/>
      <c r="DLJ664" s="613"/>
      <c r="DLK664" s="613"/>
      <c r="DLL664" s="613"/>
      <c r="DLM664" s="613"/>
      <c r="DLN664" s="613"/>
      <c r="DLO664" s="613"/>
      <c r="DLP664" s="613"/>
      <c r="DLQ664" s="613"/>
      <c r="DLR664" s="613"/>
      <c r="DLS664" s="613"/>
      <c r="DLT664" s="613"/>
      <c r="DLU664" s="613"/>
      <c r="DLV664" s="613"/>
      <c r="DLW664" s="613"/>
      <c r="DLX664" s="613"/>
      <c r="DLY664" s="613"/>
      <c r="DLZ664" s="613"/>
      <c r="DMA664" s="613"/>
      <c r="DMB664" s="613"/>
      <c r="DMC664" s="613"/>
      <c r="DMD664" s="613"/>
      <c r="DME664" s="613"/>
      <c r="DMF664" s="613"/>
      <c r="DMG664" s="613"/>
      <c r="DMH664" s="613"/>
      <c r="DMI664" s="613"/>
      <c r="DMJ664" s="613"/>
      <c r="DMK664" s="613"/>
      <c r="DML664" s="613"/>
      <c r="DMM664" s="613"/>
      <c r="DMN664" s="613"/>
      <c r="DMO664" s="613"/>
      <c r="DMP664" s="613"/>
      <c r="DMQ664" s="613"/>
      <c r="DMR664" s="613"/>
      <c r="DMS664" s="613"/>
      <c r="DMT664" s="613"/>
      <c r="DMU664" s="613"/>
      <c r="DMV664" s="613"/>
      <c r="DMW664" s="613"/>
      <c r="DMX664" s="613"/>
      <c r="DMY664" s="613"/>
      <c r="DMZ664" s="613"/>
      <c r="DNA664" s="613"/>
      <c r="DNB664" s="613"/>
      <c r="DNC664" s="613"/>
      <c r="DND664" s="613"/>
      <c r="DNE664" s="613"/>
      <c r="DNF664" s="613"/>
      <c r="DNG664" s="613"/>
      <c r="DNH664" s="613"/>
      <c r="DNI664" s="613"/>
      <c r="DNJ664" s="613"/>
      <c r="DNK664" s="613"/>
      <c r="DNL664" s="613"/>
      <c r="DNM664" s="613"/>
      <c r="DNN664" s="613"/>
      <c r="DNO664" s="613"/>
      <c r="DNP664" s="613"/>
      <c r="DNQ664" s="613"/>
      <c r="DNR664" s="613"/>
      <c r="DNS664" s="613"/>
      <c r="DNT664" s="613"/>
      <c r="DNU664" s="613"/>
      <c r="DNV664" s="613"/>
      <c r="DNW664" s="613"/>
      <c r="DNX664" s="613"/>
      <c r="DNY664" s="613"/>
      <c r="DNZ664" s="613"/>
      <c r="DOA664" s="613"/>
      <c r="DOB664" s="613"/>
      <c r="DOC664" s="613"/>
      <c r="DOD664" s="613"/>
      <c r="DOE664" s="613"/>
      <c r="DOF664" s="613"/>
      <c r="DOG664" s="613"/>
      <c r="DOH664" s="613"/>
      <c r="DOI664" s="613"/>
      <c r="DOJ664" s="613"/>
      <c r="DOK664" s="613"/>
      <c r="DOL664" s="613"/>
      <c r="DOM664" s="613"/>
      <c r="DON664" s="613"/>
      <c r="DOO664" s="613"/>
      <c r="DOP664" s="613"/>
      <c r="DOQ664" s="613"/>
      <c r="DOR664" s="613"/>
      <c r="DOS664" s="613"/>
      <c r="DOT664" s="613"/>
      <c r="DOU664" s="613"/>
      <c r="DOV664" s="613"/>
      <c r="DOW664" s="613"/>
      <c r="DOX664" s="613"/>
      <c r="DOY664" s="613"/>
      <c r="DOZ664" s="613"/>
      <c r="DPA664" s="613"/>
      <c r="DPB664" s="613"/>
      <c r="DPC664" s="613"/>
      <c r="DPD664" s="613"/>
      <c r="DPE664" s="613"/>
      <c r="DPF664" s="613"/>
      <c r="DPG664" s="613"/>
      <c r="DPH664" s="613"/>
      <c r="DPI664" s="613"/>
      <c r="DPJ664" s="613"/>
      <c r="DPK664" s="613"/>
      <c r="DPL664" s="613"/>
      <c r="DPM664" s="613"/>
      <c r="DPN664" s="613"/>
      <c r="DPO664" s="613"/>
      <c r="DPP664" s="613"/>
      <c r="DPQ664" s="613"/>
      <c r="DPR664" s="613"/>
      <c r="DPS664" s="613"/>
      <c r="DPT664" s="613"/>
      <c r="DPU664" s="613"/>
      <c r="DPV664" s="613"/>
      <c r="DPW664" s="613"/>
      <c r="DPX664" s="613"/>
      <c r="DPY664" s="613"/>
      <c r="DPZ664" s="613"/>
      <c r="DQA664" s="613"/>
      <c r="DQB664" s="613"/>
      <c r="DQC664" s="613"/>
      <c r="DQD664" s="613"/>
      <c r="DQE664" s="613"/>
      <c r="DQF664" s="613"/>
      <c r="DQG664" s="613"/>
      <c r="DQH664" s="613"/>
      <c r="DQI664" s="613"/>
      <c r="DQJ664" s="613"/>
      <c r="DQK664" s="613"/>
      <c r="DQL664" s="613"/>
      <c r="DQM664" s="613"/>
      <c r="DQN664" s="613"/>
      <c r="DQO664" s="613"/>
      <c r="DQP664" s="613"/>
      <c r="DQQ664" s="613"/>
      <c r="DQR664" s="613"/>
      <c r="DQS664" s="613"/>
      <c r="DQT664" s="613"/>
      <c r="DQU664" s="613"/>
      <c r="DQV664" s="613"/>
      <c r="DQW664" s="613"/>
      <c r="DQX664" s="613"/>
      <c r="DQY664" s="613"/>
      <c r="DQZ664" s="613"/>
      <c r="DRA664" s="613"/>
      <c r="DRB664" s="613"/>
      <c r="DRC664" s="613"/>
      <c r="DRD664" s="613"/>
      <c r="DRE664" s="613"/>
      <c r="DRF664" s="613"/>
      <c r="DRG664" s="613"/>
      <c r="DRH664" s="613"/>
      <c r="DRI664" s="613"/>
      <c r="DRJ664" s="613"/>
      <c r="DRK664" s="613"/>
      <c r="DRL664" s="613"/>
      <c r="DRM664" s="613"/>
      <c r="DRN664" s="613"/>
      <c r="DRO664" s="613"/>
      <c r="DRP664" s="613"/>
      <c r="DRQ664" s="613"/>
      <c r="DRR664" s="613"/>
      <c r="DRS664" s="613"/>
      <c r="DRT664" s="613"/>
      <c r="DRU664" s="613"/>
      <c r="DRV664" s="613"/>
      <c r="DRW664" s="613"/>
      <c r="DRX664" s="613"/>
      <c r="DRY664" s="613"/>
      <c r="DRZ664" s="613"/>
      <c r="DSA664" s="613"/>
      <c r="DSB664" s="613"/>
      <c r="DSC664" s="613"/>
      <c r="DSD664" s="613"/>
      <c r="DSE664" s="613"/>
      <c r="DSF664" s="613"/>
      <c r="DSG664" s="613"/>
      <c r="DSH664" s="613"/>
      <c r="DSI664" s="613"/>
      <c r="DSJ664" s="613"/>
      <c r="DSK664" s="613"/>
      <c r="DSL664" s="613"/>
      <c r="DSM664" s="613"/>
      <c r="DSN664" s="613"/>
      <c r="DSO664" s="613"/>
      <c r="DSP664" s="613"/>
      <c r="DSQ664" s="613"/>
      <c r="DSR664" s="613"/>
      <c r="DSS664" s="613"/>
      <c r="DST664" s="613"/>
      <c r="DSU664" s="613"/>
      <c r="DSV664" s="613"/>
      <c r="DSW664" s="613"/>
      <c r="DSX664" s="613"/>
      <c r="DSY664" s="613"/>
      <c r="DSZ664" s="613"/>
      <c r="DTA664" s="613"/>
      <c r="DTB664" s="613"/>
      <c r="DTC664" s="613"/>
      <c r="DTD664" s="613"/>
      <c r="DTE664" s="613"/>
      <c r="DTF664" s="613"/>
      <c r="DTG664" s="613"/>
      <c r="DTH664" s="613"/>
      <c r="DTI664" s="613"/>
      <c r="DTJ664" s="613"/>
      <c r="DTK664" s="613"/>
      <c r="DTL664" s="613"/>
      <c r="DTM664" s="613"/>
      <c r="DTN664" s="613"/>
      <c r="DTO664" s="613"/>
      <c r="DTP664" s="613"/>
      <c r="DTQ664" s="613"/>
      <c r="DTR664" s="613"/>
      <c r="DTS664" s="613"/>
      <c r="DTT664" s="613"/>
      <c r="DTU664" s="613"/>
      <c r="DTV664" s="613"/>
      <c r="DTW664" s="613"/>
      <c r="DTX664" s="613"/>
      <c r="DTY664" s="613"/>
      <c r="DTZ664" s="613"/>
      <c r="DUA664" s="613"/>
      <c r="DUB664" s="613"/>
      <c r="DUC664" s="613"/>
      <c r="DUD664" s="613"/>
      <c r="DUE664" s="613"/>
      <c r="DUF664" s="613"/>
      <c r="DUG664" s="613"/>
      <c r="DUH664" s="613"/>
      <c r="DUI664" s="613"/>
      <c r="DUJ664" s="613"/>
      <c r="DUK664" s="613"/>
      <c r="DUL664" s="613"/>
      <c r="DUM664" s="613"/>
      <c r="DUN664" s="613"/>
      <c r="DUO664" s="613"/>
      <c r="DUP664" s="613"/>
      <c r="DUQ664" s="613"/>
      <c r="DUR664" s="613"/>
      <c r="DUS664" s="613"/>
      <c r="DUT664" s="613"/>
      <c r="DUU664" s="613"/>
      <c r="DUV664" s="613"/>
      <c r="DUW664" s="613"/>
      <c r="DUX664" s="613"/>
      <c r="DUY664" s="613"/>
      <c r="DUZ664" s="613"/>
      <c r="DVA664" s="613"/>
      <c r="DVB664" s="613"/>
      <c r="DVC664" s="613"/>
      <c r="DVD664" s="613"/>
      <c r="DVE664" s="613"/>
      <c r="DVF664" s="613"/>
      <c r="DVG664" s="613"/>
      <c r="DVH664" s="613"/>
      <c r="DVI664" s="613"/>
      <c r="DVJ664" s="613"/>
      <c r="DVK664" s="613"/>
      <c r="DVL664" s="613"/>
      <c r="DVM664" s="613"/>
      <c r="DVN664" s="613"/>
      <c r="DVO664" s="613"/>
      <c r="DVP664" s="613"/>
      <c r="DVQ664" s="613"/>
      <c r="DVR664" s="613"/>
      <c r="DVS664" s="613"/>
      <c r="DVT664" s="613"/>
      <c r="DVU664" s="613"/>
      <c r="DVV664" s="613"/>
      <c r="DVW664" s="613"/>
      <c r="DVX664" s="613"/>
      <c r="DVY664" s="613"/>
      <c r="DVZ664" s="613"/>
      <c r="DWA664" s="613"/>
      <c r="DWB664" s="613"/>
      <c r="DWC664" s="613"/>
      <c r="DWD664" s="613"/>
      <c r="DWE664" s="613"/>
      <c r="DWF664" s="613"/>
      <c r="DWG664" s="613"/>
      <c r="DWH664" s="613"/>
      <c r="DWI664" s="613"/>
      <c r="DWJ664" s="613"/>
      <c r="DWK664" s="613"/>
      <c r="DWL664" s="613"/>
      <c r="DWM664" s="613"/>
      <c r="DWN664" s="613"/>
      <c r="DWO664" s="613"/>
      <c r="DWP664" s="613"/>
      <c r="DWQ664" s="613"/>
      <c r="DWR664" s="613"/>
      <c r="DWS664" s="613"/>
      <c r="DWT664" s="613"/>
      <c r="DWU664" s="613"/>
      <c r="DWV664" s="613"/>
      <c r="DWW664" s="613"/>
      <c r="DWX664" s="613"/>
      <c r="DWY664" s="613"/>
      <c r="DWZ664" s="613"/>
      <c r="DXA664" s="613"/>
      <c r="DXB664" s="613"/>
      <c r="DXC664" s="613"/>
      <c r="DXD664" s="613"/>
      <c r="DXE664" s="613"/>
      <c r="DXF664" s="613"/>
      <c r="DXG664" s="613"/>
      <c r="DXH664" s="613"/>
      <c r="DXI664" s="613"/>
      <c r="DXJ664" s="613"/>
      <c r="DXK664" s="613"/>
      <c r="DXL664" s="613"/>
      <c r="DXM664" s="613"/>
      <c r="DXN664" s="613"/>
      <c r="DXO664" s="613"/>
      <c r="DXP664" s="613"/>
      <c r="DXQ664" s="613"/>
      <c r="DXR664" s="613"/>
      <c r="DXS664" s="613"/>
      <c r="DXT664" s="613"/>
      <c r="DXU664" s="613"/>
      <c r="DXV664" s="613"/>
      <c r="DXW664" s="613"/>
      <c r="DXX664" s="613"/>
      <c r="DXY664" s="613"/>
      <c r="DXZ664" s="613"/>
      <c r="DYA664" s="613"/>
      <c r="DYB664" s="613"/>
      <c r="DYC664" s="613"/>
      <c r="DYD664" s="613"/>
      <c r="DYE664" s="613"/>
      <c r="DYF664" s="613"/>
      <c r="DYG664" s="613"/>
      <c r="DYH664" s="613"/>
      <c r="DYI664" s="613"/>
      <c r="DYJ664" s="613"/>
      <c r="DYK664" s="613"/>
      <c r="DYL664" s="613"/>
      <c r="DYM664" s="613"/>
      <c r="DYN664" s="613"/>
      <c r="DYO664" s="613"/>
      <c r="DYP664" s="613"/>
      <c r="DYQ664" s="613"/>
      <c r="DYR664" s="613"/>
      <c r="DYS664" s="613"/>
      <c r="DYT664" s="613"/>
      <c r="DYU664" s="613"/>
      <c r="DYV664" s="613"/>
      <c r="DYW664" s="613"/>
      <c r="DYX664" s="613"/>
      <c r="DYY664" s="613"/>
      <c r="DYZ664" s="613"/>
      <c r="DZA664" s="613"/>
      <c r="DZB664" s="613"/>
      <c r="DZC664" s="613"/>
      <c r="DZD664" s="613"/>
      <c r="DZE664" s="613"/>
      <c r="DZF664" s="613"/>
      <c r="DZG664" s="613"/>
      <c r="DZH664" s="613"/>
      <c r="DZI664" s="613"/>
      <c r="DZJ664" s="613"/>
      <c r="DZK664" s="613"/>
      <c r="DZL664" s="613"/>
      <c r="DZM664" s="613"/>
      <c r="DZN664" s="613"/>
      <c r="DZO664" s="613"/>
      <c r="DZP664" s="613"/>
      <c r="DZQ664" s="613"/>
      <c r="DZR664" s="613"/>
      <c r="DZS664" s="613"/>
      <c r="DZT664" s="613"/>
      <c r="DZU664" s="613"/>
      <c r="DZV664" s="613"/>
      <c r="DZW664" s="613"/>
      <c r="DZX664" s="613"/>
      <c r="DZY664" s="613"/>
      <c r="DZZ664" s="613"/>
      <c r="EAA664" s="613"/>
      <c r="EAB664" s="613"/>
      <c r="EAC664" s="613"/>
      <c r="EAD664" s="613"/>
      <c r="EAE664" s="613"/>
      <c r="EAF664" s="613"/>
      <c r="EAG664" s="613"/>
      <c r="EAH664" s="613"/>
      <c r="EAI664" s="613"/>
      <c r="EAJ664" s="613"/>
      <c r="EAK664" s="613"/>
      <c r="EAL664" s="613"/>
      <c r="EAM664" s="613"/>
      <c r="EAN664" s="613"/>
      <c r="EAO664" s="613"/>
      <c r="EAP664" s="613"/>
      <c r="EAQ664" s="613"/>
      <c r="EAR664" s="613"/>
      <c r="EAS664" s="613"/>
      <c r="EAT664" s="613"/>
      <c r="EAU664" s="613"/>
      <c r="EAV664" s="613"/>
      <c r="EAW664" s="613"/>
      <c r="EAX664" s="613"/>
      <c r="EAY664" s="613"/>
      <c r="EAZ664" s="613"/>
      <c r="EBA664" s="613"/>
      <c r="EBB664" s="613"/>
      <c r="EBC664" s="613"/>
      <c r="EBD664" s="613"/>
      <c r="EBE664" s="613"/>
      <c r="EBF664" s="613"/>
      <c r="EBG664" s="613"/>
      <c r="EBH664" s="613"/>
      <c r="EBI664" s="613"/>
      <c r="EBJ664" s="613"/>
      <c r="EBK664" s="613"/>
      <c r="EBL664" s="613"/>
      <c r="EBM664" s="613"/>
      <c r="EBN664" s="613"/>
      <c r="EBO664" s="613"/>
      <c r="EBP664" s="613"/>
      <c r="EBQ664" s="613"/>
      <c r="EBR664" s="613"/>
      <c r="EBS664" s="613"/>
      <c r="EBT664" s="613"/>
      <c r="EBU664" s="613"/>
      <c r="EBV664" s="613"/>
      <c r="EBW664" s="613"/>
      <c r="EBX664" s="613"/>
      <c r="EBY664" s="613"/>
      <c r="EBZ664" s="613"/>
      <c r="ECA664" s="613"/>
      <c r="ECB664" s="613"/>
      <c r="ECC664" s="613"/>
      <c r="ECD664" s="613"/>
      <c r="ECE664" s="613"/>
      <c r="ECF664" s="613"/>
      <c r="ECG664" s="613"/>
      <c r="ECH664" s="613"/>
      <c r="ECI664" s="613"/>
      <c r="ECJ664" s="613"/>
      <c r="ECK664" s="613"/>
      <c r="ECL664" s="613"/>
      <c r="ECM664" s="613"/>
      <c r="ECN664" s="613"/>
      <c r="ECO664" s="613"/>
      <c r="ECP664" s="613"/>
      <c r="ECQ664" s="613"/>
      <c r="ECR664" s="613"/>
      <c r="ECS664" s="613"/>
      <c r="ECT664" s="613"/>
      <c r="ECU664" s="613"/>
      <c r="ECV664" s="613"/>
      <c r="ECW664" s="613"/>
      <c r="ECX664" s="613"/>
      <c r="ECY664" s="613"/>
      <c r="ECZ664" s="613"/>
      <c r="EDA664" s="613"/>
      <c r="EDB664" s="613"/>
      <c r="EDC664" s="613"/>
      <c r="EDD664" s="613"/>
      <c r="EDE664" s="613"/>
      <c r="EDF664" s="613"/>
      <c r="EDG664" s="613"/>
      <c r="EDH664" s="613"/>
      <c r="EDI664" s="613"/>
      <c r="EDJ664" s="613"/>
      <c r="EDK664" s="613"/>
      <c r="EDL664" s="613"/>
      <c r="EDM664" s="613"/>
      <c r="EDN664" s="613"/>
      <c r="EDO664" s="613"/>
      <c r="EDP664" s="613"/>
      <c r="EDQ664" s="613"/>
      <c r="EDR664" s="613"/>
      <c r="EDS664" s="613"/>
      <c r="EDT664" s="613"/>
      <c r="EDU664" s="613"/>
      <c r="EDV664" s="613"/>
      <c r="EDW664" s="613"/>
      <c r="EDX664" s="613"/>
      <c r="EDY664" s="613"/>
      <c r="EDZ664" s="613"/>
      <c r="EEA664" s="613"/>
      <c r="EEB664" s="613"/>
      <c r="EEC664" s="613"/>
      <c r="EED664" s="613"/>
      <c r="EEE664" s="613"/>
      <c r="EEF664" s="613"/>
      <c r="EEG664" s="613"/>
      <c r="EEH664" s="613"/>
      <c r="EEI664" s="613"/>
      <c r="EEJ664" s="613"/>
      <c r="EEK664" s="613"/>
      <c r="EEL664" s="613"/>
      <c r="EEM664" s="613"/>
      <c r="EEN664" s="613"/>
      <c r="EEO664" s="613"/>
      <c r="EEP664" s="613"/>
      <c r="EEQ664" s="613"/>
      <c r="EER664" s="613"/>
      <c r="EES664" s="613"/>
      <c r="EET664" s="613"/>
      <c r="EEU664" s="613"/>
      <c r="EEV664" s="613"/>
      <c r="EEW664" s="613"/>
      <c r="EEX664" s="613"/>
      <c r="EEY664" s="613"/>
      <c r="EEZ664" s="613"/>
      <c r="EFA664" s="613"/>
      <c r="EFB664" s="613"/>
      <c r="EFC664" s="613"/>
      <c r="EFD664" s="613"/>
      <c r="EFE664" s="613"/>
      <c r="EFF664" s="613"/>
      <c r="EFG664" s="613"/>
      <c r="EFH664" s="613"/>
      <c r="EFI664" s="613"/>
      <c r="EFJ664" s="613"/>
      <c r="EFK664" s="613"/>
      <c r="EFL664" s="613"/>
      <c r="EFM664" s="613"/>
      <c r="EFN664" s="613"/>
      <c r="EFO664" s="613"/>
      <c r="EFP664" s="613"/>
      <c r="EFQ664" s="613"/>
      <c r="EFR664" s="613"/>
      <c r="EFS664" s="613"/>
      <c r="EFT664" s="613"/>
      <c r="EFU664" s="613"/>
      <c r="EFV664" s="613"/>
      <c r="EFW664" s="613"/>
      <c r="EFX664" s="613"/>
      <c r="EFY664" s="613"/>
      <c r="EFZ664" s="613"/>
      <c r="EGA664" s="613"/>
      <c r="EGB664" s="613"/>
      <c r="EGC664" s="613"/>
      <c r="EGD664" s="613"/>
      <c r="EGE664" s="613"/>
      <c r="EGF664" s="613"/>
      <c r="EGG664" s="613"/>
      <c r="EGH664" s="613"/>
      <c r="EGI664" s="613"/>
      <c r="EGJ664" s="613"/>
      <c r="EGK664" s="613"/>
      <c r="EGL664" s="613"/>
      <c r="EGM664" s="613"/>
      <c r="EGN664" s="613"/>
      <c r="EGO664" s="613"/>
      <c r="EGP664" s="613"/>
      <c r="EGQ664" s="613"/>
      <c r="EGR664" s="613"/>
      <c r="EGS664" s="613"/>
      <c r="EGT664" s="613"/>
      <c r="EGU664" s="613"/>
      <c r="EGV664" s="613"/>
      <c r="EGW664" s="613"/>
      <c r="EGX664" s="613"/>
      <c r="EGY664" s="613"/>
      <c r="EGZ664" s="613"/>
      <c r="EHA664" s="613"/>
      <c r="EHB664" s="613"/>
      <c r="EHC664" s="613"/>
      <c r="EHD664" s="613"/>
      <c r="EHE664" s="613"/>
      <c r="EHF664" s="613"/>
      <c r="EHG664" s="613"/>
      <c r="EHH664" s="613"/>
      <c r="EHI664" s="613"/>
      <c r="EHJ664" s="613"/>
      <c r="EHK664" s="613"/>
      <c r="EHL664" s="613"/>
      <c r="EHM664" s="613"/>
      <c r="EHN664" s="613"/>
      <c r="EHO664" s="613"/>
      <c r="EHP664" s="613"/>
      <c r="EHQ664" s="613"/>
      <c r="EHR664" s="613"/>
      <c r="EHS664" s="613"/>
      <c r="EHT664" s="613"/>
      <c r="EHU664" s="613"/>
      <c r="EHV664" s="613"/>
      <c r="EHW664" s="613"/>
      <c r="EHX664" s="613"/>
      <c r="EHY664" s="613"/>
      <c r="EHZ664" s="613"/>
      <c r="EIA664" s="613"/>
      <c r="EIB664" s="613"/>
      <c r="EIC664" s="613"/>
      <c r="EID664" s="613"/>
      <c r="EIE664" s="613"/>
      <c r="EIF664" s="613"/>
      <c r="EIG664" s="613"/>
      <c r="EIH664" s="613"/>
      <c r="EII664" s="613"/>
      <c r="EIJ664" s="613"/>
      <c r="EIK664" s="613"/>
      <c r="EIL664" s="613"/>
      <c r="EIM664" s="613"/>
      <c r="EIN664" s="613"/>
      <c r="EIO664" s="613"/>
      <c r="EIP664" s="613"/>
      <c r="EIQ664" s="613"/>
      <c r="EIR664" s="613"/>
      <c r="EIS664" s="613"/>
      <c r="EIT664" s="613"/>
      <c r="EIU664" s="613"/>
      <c r="EIV664" s="613"/>
      <c r="EIW664" s="613"/>
      <c r="EIX664" s="613"/>
      <c r="EIY664" s="613"/>
      <c r="EIZ664" s="613"/>
      <c r="EJA664" s="613"/>
      <c r="EJB664" s="613"/>
      <c r="EJC664" s="613"/>
      <c r="EJD664" s="613"/>
      <c r="EJE664" s="613"/>
      <c r="EJF664" s="613"/>
      <c r="EJG664" s="613"/>
      <c r="EJH664" s="613"/>
      <c r="EJI664" s="613"/>
      <c r="EJJ664" s="613"/>
      <c r="EJK664" s="613"/>
      <c r="EJL664" s="613"/>
      <c r="EJM664" s="613"/>
      <c r="EJN664" s="613"/>
      <c r="EJO664" s="613"/>
      <c r="EJP664" s="613"/>
      <c r="EJQ664" s="613"/>
      <c r="EJR664" s="613"/>
      <c r="EJS664" s="613"/>
      <c r="EJT664" s="613"/>
      <c r="EJU664" s="613"/>
      <c r="EJV664" s="613"/>
      <c r="EJW664" s="613"/>
      <c r="EJX664" s="613"/>
      <c r="EJY664" s="613"/>
      <c r="EJZ664" s="613"/>
      <c r="EKA664" s="613"/>
      <c r="EKB664" s="613"/>
      <c r="EKC664" s="613"/>
      <c r="EKD664" s="613"/>
      <c r="EKE664" s="613"/>
      <c r="EKF664" s="613"/>
      <c r="EKG664" s="613"/>
      <c r="EKH664" s="613"/>
      <c r="EKI664" s="613"/>
      <c r="EKJ664" s="613"/>
      <c r="EKK664" s="613"/>
      <c r="EKL664" s="613"/>
      <c r="EKM664" s="613"/>
      <c r="EKN664" s="613"/>
      <c r="EKO664" s="613"/>
      <c r="EKP664" s="613"/>
      <c r="EKQ664" s="613"/>
      <c r="EKR664" s="613"/>
      <c r="EKS664" s="613"/>
      <c r="EKT664" s="613"/>
      <c r="EKU664" s="613"/>
      <c r="EKV664" s="613"/>
      <c r="EKW664" s="613"/>
      <c r="EKX664" s="613"/>
      <c r="EKY664" s="613"/>
      <c r="EKZ664" s="613"/>
      <c r="ELA664" s="613"/>
      <c r="ELB664" s="613"/>
      <c r="ELC664" s="613"/>
      <c r="ELD664" s="613"/>
      <c r="ELE664" s="613"/>
      <c r="ELF664" s="613"/>
      <c r="ELG664" s="613"/>
      <c r="ELH664" s="613"/>
      <c r="ELI664" s="613"/>
      <c r="ELJ664" s="613"/>
      <c r="ELK664" s="613"/>
      <c r="ELL664" s="613"/>
      <c r="ELM664" s="613"/>
      <c r="ELN664" s="613"/>
      <c r="ELO664" s="613"/>
      <c r="ELP664" s="613"/>
      <c r="ELQ664" s="613"/>
      <c r="ELR664" s="613"/>
      <c r="ELS664" s="613"/>
      <c r="ELT664" s="613"/>
      <c r="ELU664" s="613"/>
      <c r="ELV664" s="613"/>
      <c r="ELW664" s="613"/>
      <c r="ELX664" s="613"/>
      <c r="ELY664" s="613"/>
      <c r="ELZ664" s="613"/>
      <c r="EMA664" s="613"/>
      <c r="EMB664" s="613"/>
      <c r="EMC664" s="613"/>
      <c r="EMD664" s="613"/>
      <c r="EME664" s="613"/>
      <c r="EMF664" s="613"/>
      <c r="EMG664" s="613"/>
      <c r="EMH664" s="613"/>
      <c r="EMI664" s="613"/>
      <c r="EMJ664" s="613"/>
      <c r="EMK664" s="613"/>
      <c r="EML664" s="613"/>
      <c r="EMM664" s="613"/>
      <c r="EMN664" s="613"/>
      <c r="EMO664" s="613"/>
      <c r="EMP664" s="613"/>
      <c r="EMQ664" s="613"/>
      <c r="EMR664" s="613"/>
      <c r="EMS664" s="613"/>
      <c r="EMT664" s="613"/>
      <c r="EMU664" s="613"/>
      <c r="EMV664" s="613"/>
      <c r="EMW664" s="613"/>
      <c r="EMX664" s="613"/>
      <c r="EMY664" s="613"/>
      <c r="EMZ664" s="613"/>
      <c r="ENA664" s="613"/>
      <c r="ENB664" s="613"/>
      <c r="ENC664" s="613"/>
      <c r="END664" s="613"/>
      <c r="ENE664" s="613"/>
      <c r="ENF664" s="613"/>
      <c r="ENG664" s="613"/>
      <c r="ENH664" s="613"/>
      <c r="ENI664" s="613"/>
      <c r="ENJ664" s="613"/>
      <c r="ENK664" s="613"/>
      <c r="ENL664" s="613"/>
      <c r="ENM664" s="613"/>
      <c r="ENN664" s="613"/>
      <c r="ENO664" s="613"/>
      <c r="ENP664" s="613"/>
      <c r="ENQ664" s="613"/>
      <c r="ENR664" s="613"/>
      <c r="ENS664" s="613"/>
      <c r="ENT664" s="613"/>
      <c r="ENU664" s="613"/>
      <c r="ENV664" s="613"/>
      <c r="ENW664" s="613"/>
      <c r="ENX664" s="613"/>
      <c r="ENY664" s="613"/>
      <c r="ENZ664" s="613"/>
      <c r="EOA664" s="613"/>
      <c r="EOB664" s="613"/>
      <c r="EOC664" s="613"/>
      <c r="EOD664" s="613"/>
      <c r="EOE664" s="613"/>
      <c r="EOF664" s="613"/>
      <c r="EOG664" s="613"/>
      <c r="EOH664" s="613"/>
      <c r="EOI664" s="613"/>
      <c r="EOJ664" s="613"/>
      <c r="EOK664" s="613"/>
      <c r="EOL664" s="613"/>
      <c r="EOM664" s="613"/>
      <c r="EON664" s="613"/>
      <c r="EOO664" s="613"/>
      <c r="EOP664" s="613"/>
      <c r="EOQ664" s="613"/>
      <c r="EOR664" s="613"/>
      <c r="EOS664" s="613"/>
      <c r="EOT664" s="613"/>
      <c r="EOU664" s="613"/>
      <c r="EOV664" s="613"/>
      <c r="EOW664" s="613"/>
      <c r="EOX664" s="613"/>
      <c r="EOY664" s="613"/>
      <c r="EOZ664" s="613"/>
      <c r="EPA664" s="613"/>
      <c r="EPB664" s="613"/>
      <c r="EPC664" s="613"/>
      <c r="EPD664" s="613"/>
      <c r="EPE664" s="613"/>
      <c r="EPF664" s="613"/>
      <c r="EPG664" s="613"/>
      <c r="EPH664" s="613"/>
      <c r="EPI664" s="613"/>
      <c r="EPJ664" s="613"/>
      <c r="EPK664" s="613"/>
      <c r="EPL664" s="613"/>
      <c r="EPM664" s="613"/>
      <c r="EPN664" s="613"/>
      <c r="EPO664" s="613"/>
      <c r="EPP664" s="613"/>
      <c r="EPQ664" s="613"/>
      <c r="EPR664" s="613"/>
      <c r="EPS664" s="613"/>
      <c r="EPT664" s="613"/>
      <c r="EPU664" s="613"/>
      <c r="EPV664" s="613"/>
      <c r="EPW664" s="613"/>
      <c r="EPX664" s="613"/>
      <c r="EPY664" s="613"/>
      <c r="EPZ664" s="613"/>
      <c r="EQA664" s="613"/>
      <c r="EQB664" s="613"/>
      <c r="EQC664" s="613"/>
      <c r="EQD664" s="613"/>
      <c r="EQE664" s="613"/>
      <c r="EQF664" s="613"/>
      <c r="EQG664" s="613"/>
      <c r="EQH664" s="613"/>
      <c r="EQI664" s="613"/>
      <c r="EQJ664" s="613"/>
      <c r="EQK664" s="613"/>
      <c r="EQL664" s="613"/>
      <c r="EQM664" s="613"/>
      <c r="EQN664" s="613"/>
      <c r="EQO664" s="613"/>
      <c r="EQP664" s="613"/>
      <c r="EQQ664" s="613"/>
      <c r="EQR664" s="613"/>
      <c r="EQS664" s="613"/>
      <c r="EQT664" s="613"/>
      <c r="EQU664" s="613"/>
      <c r="EQV664" s="613"/>
      <c r="EQW664" s="613"/>
      <c r="EQX664" s="613"/>
      <c r="EQY664" s="613"/>
      <c r="EQZ664" s="613"/>
      <c r="ERA664" s="613"/>
      <c r="ERB664" s="613"/>
      <c r="ERC664" s="613"/>
      <c r="ERD664" s="613"/>
      <c r="ERE664" s="613"/>
      <c r="ERF664" s="613"/>
      <c r="ERG664" s="613"/>
      <c r="ERH664" s="613"/>
      <c r="ERI664" s="613"/>
      <c r="ERJ664" s="613"/>
      <c r="ERK664" s="613"/>
      <c r="ERL664" s="613"/>
      <c r="ERM664" s="613"/>
      <c r="ERN664" s="613"/>
      <c r="ERO664" s="613"/>
      <c r="ERP664" s="613"/>
      <c r="ERQ664" s="613"/>
      <c r="ERR664" s="613"/>
      <c r="ERS664" s="613"/>
      <c r="ERT664" s="613"/>
      <c r="ERU664" s="613"/>
      <c r="ERV664" s="613"/>
      <c r="ERW664" s="613"/>
      <c r="ERX664" s="613"/>
      <c r="ERY664" s="613"/>
      <c r="ERZ664" s="613"/>
      <c r="ESA664" s="613"/>
      <c r="ESB664" s="613"/>
      <c r="ESC664" s="613"/>
      <c r="ESD664" s="613"/>
      <c r="ESE664" s="613"/>
      <c r="ESF664" s="613"/>
      <c r="ESG664" s="613"/>
      <c r="ESH664" s="613"/>
      <c r="ESI664" s="613"/>
      <c r="ESJ664" s="613"/>
      <c r="ESK664" s="613"/>
      <c r="ESL664" s="613"/>
      <c r="ESM664" s="613"/>
      <c r="ESN664" s="613"/>
      <c r="ESO664" s="613"/>
      <c r="ESP664" s="613"/>
      <c r="ESQ664" s="613"/>
      <c r="ESR664" s="613"/>
      <c r="ESS664" s="613"/>
      <c r="EST664" s="613"/>
      <c r="ESU664" s="613"/>
      <c r="ESV664" s="613"/>
      <c r="ESW664" s="613"/>
      <c r="ESX664" s="613"/>
      <c r="ESY664" s="613"/>
      <c r="ESZ664" s="613"/>
      <c r="ETA664" s="613"/>
      <c r="ETB664" s="613"/>
      <c r="ETC664" s="613"/>
      <c r="ETD664" s="613"/>
      <c r="ETE664" s="613"/>
      <c r="ETF664" s="613"/>
      <c r="ETG664" s="613"/>
      <c r="ETH664" s="613"/>
      <c r="ETI664" s="613"/>
      <c r="ETJ664" s="613"/>
      <c r="ETK664" s="613"/>
      <c r="ETL664" s="613"/>
      <c r="ETM664" s="613"/>
      <c r="ETN664" s="613"/>
      <c r="ETO664" s="613"/>
      <c r="ETP664" s="613"/>
      <c r="ETQ664" s="613"/>
      <c r="ETR664" s="613"/>
      <c r="ETS664" s="613"/>
      <c r="ETT664" s="613"/>
      <c r="ETU664" s="613"/>
      <c r="ETV664" s="613"/>
      <c r="ETW664" s="613"/>
      <c r="ETX664" s="613"/>
      <c r="ETY664" s="613"/>
      <c r="ETZ664" s="613"/>
      <c r="EUA664" s="613"/>
      <c r="EUB664" s="613"/>
      <c r="EUC664" s="613"/>
      <c r="EUD664" s="613"/>
      <c r="EUE664" s="613"/>
      <c r="EUF664" s="613"/>
      <c r="EUG664" s="613"/>
      <c r="EUH664" s="613"/>
      <c r="EUI664" s="613"/>
      <c r="EUJ664" s="613"/>
      <c r="EUK664" s="613"/>
      <c r="EUL664" s="613"/>
      <c r="EUM664" s="613"/>
      <c r="EUN664" s="613"/>
      <c r="EUO664" s="613"/>
      <c r="EUP664" s="613"/>
      <c r="EUQ664" s="613"/>
      <c r="EUR664" s="613"/>
      <c r="EUS664" s="613"/>
      <c r="EUT664" s="613"/>
      <c r="EUU664" s="613"/>
      <c r="EUV664" s="613"/>
      <c r="EUW664" s="613"/>
      <c r="EUX664" s="613"/>
      <c r="EUY664" s="613"/>
      <c r="EUZ664" s="613"/>
      <c r="EVA664" s="613"/>
      <c r="EVB664" s="613"/>
      <c r="EVC664" s="613"/>
      <c r="EVD664" s="613"/>
      <c r="EVE664" s="613"/>
      <c r="EVF664" s="613"/>
      <c r="EVG664" s="613"/>
      <c r="EVH664" s="613"/>
      <c r="EVI664" s="613"/>
      <c r="EVJ664" s="613"/>
      <c r="EVK664" s="613"/>
      <c r="EVL664" s="613"/>
      <c r="EVM664" s="613"/>
      <c r="EVN664" s="613"/>
      <c r="EVO664" s="613"/>
      <c r="EVP664" s="613"/>
      <c r="EVQ664" s="613"/>
      <c r="EVR664" s="613"/>
      <c r="EVS664" s="613"/>
      <c r="EVT664" s="613"/>
      <c r="EVU664" s="613"/>
      <c r="EVV664" s="613"/>
      <c r="EVW664" s="613"/>
      <c r="EVX664" s="613"/>
      <c r="EVY664" s="613"/>
      <c r="EVZ664" s="613"/>
      <c r="EWA664" s="613"/>
      <c r="EWB664" s="613"/>
      <c r="EWC664" s="613"/>
      <c r="EWD664" s="613"/>
      <c r="EWE664" s="613"/>
      <c r="EWF664" s="613"/>
      <c r="EWG664" s="613"/>
      <c r="EWH664" s="613"/>
      <c r="EWI664" s="613"/>
      <c r="EWJ664" s="613"/>
      <c r="EWK664" s="613"/>
      <c r="EWL664" s="613"/>
      <c r="EWM664" s="613"/>
      <c r="EWN664" s="613"/>
      <c r="EWO664" s="613"/>
      <c r="EWP664" s="613"/>
      <c r="EWQ664" s="613"/>
      <c r="EWR664" s="613"/>
      <c r="EWS664" s="613"/>
      <c r="EWT664" s="613"/>
      <c r="EWU664" s="613"/>
      <c r="EWV664" s="613"/>
      <c r="EWW664" s="613"/>
      <c r="EWX664" s="613"/>
      <c r="EWY664" s="613"/>
      <c r="EWZ664" s="613"/>
      <c r="EXA664" s="613"/>
      <c r="EXB664" s="613"/>
      <c r="EXC664" s="613"/>
      <c r="EXD664" s="613"/>
      <c r="EXE664" s="613"/>
      <c r="EXF664" s="613"/>
      <c r="EXG664" s="613"/>
      <c r="EXH664" s="613"/>
      <c r="EXI664" s="613"/>
      <c r="EXJ664" s="613"/>
      <c r="EXK664" s="613"/>
      <c r="EXL664" s="613"/>
      <c r="EXM664" s="613"/>
      <c r="EXN664" s="613"/>
      <c r="EXO664" s="613"/>
      <c r="EXP664" s="613"/>
      <c r="EXQ664" s="613"/>
      <c r="EXR664" s="613"/>
      <c r="EXS664" s="613"/>
      <c r="EXT664" s="613"/>
      <c r="EXU664" s="613"/>
      <c r="EXV664" s="613"/>
      <c r="EXW664" s="613"/>
      <c r="EXX664" s="613"/>
      <c r="EXY664" s="613"/>
      <c r="EXZ664" s="613"/>
      <c r="EYA664" s="613"/>
      <c r="EYB664" s="613"/>
      <c r="EYC664" s="613"/>
      <c r="EYD664" s="613"/>
      <c r="EYE664" s="613"/>
      <c r="EYF664" s="613"/>
      <c r="EYG664" s="613"/>
      <c r="EYH664" s="613"/>
      <c r="EYI664" s="613"/>
      <c r="EYJ664" s="613"/>
      <c r="EYK664" s="613"/>
      <c r="EYL664" s="613"/>
      <c r="EYM664" s="613"/>
      <c r="EYN664" s="613"/>
      <c r="EYO664" s="613"/>
      <c r="EYP664" s="613"/>
      <c r="EYQ664" s="613"/>
      <c r="EYR664" s="613"/>
      <c r="EYS664" s="613"/>
      <c r="EYT664" s="613"/>
      <c r="EYU664" s="613"/>
      <c r="EYV664" s="613"/>
      <c r="EYW664" s="613"/>
      <c r="EYX664" s="613"/>
      <c r="EYY664" s="613"/>
      <c r="EYZ664" s="613"/>
      <c r="EZA664" s="613"/>
      <c r="EZB664" s="613"/>
      <c r="EZC664" s="613"/>
      <c r="EZD664" s="613"/>
      <c r="EZE664" s="613"/>
      <c r="EZF664" s="613"/>
      <c r="EZG664" s="613"/>
      <c r="EZH664" s="613"/>
      <c r="EZI664" s="613"/>
      <c r="EZJ664" s="613"/>
      <c r="EZK664" s="613"/>
      <c r="EZL664" s="613"/>
      <c r="EZM664" s="613"/>
      <c r="EZN664" s="613"/>
      <c r="EZO664" s="613"/>
      <c r="EZP664" s="613"/>
      <c r="EZQ664" s="613"/>
      <c r="EZR664" s="613"/>
      <c r="EZS664" s="613"/>
      <c r="EZT664" s="613"/>
      <c r="EZU664" s="613"/>
      <c r="EZV664" s="613"/>
      <c r="EZW664" s="613"/>
      <c r="EZX664" s="613"/>
      <c r="EZY664" s="613"/>
      <c r="EZZ664" s="613"/>
      <c r="FAA664" s="613"/>
      <c r="FAB664" s="613"/>
      <c r="FAC664" s="613"/>
      <c r="FAD664" s="613"/>
      <c r="FAE664" s="613"/>
      <c r="FAF664" s="613"/>
      <c r="FAG664" s="613"/>
      <c r="FAH664" s="613"/>
      <c r="FAI664" s="613"/>
      <c r="FAJ664" s="613"/>
      <c r="FAK664" s="613"/>
      <c r="FAL664" s="613"/>
      <c r="FAM664" s="613"/>
      <c r="FAN664" s="613"/>
      <c r="FAO664" s="613"/>
      <c r="FAP664" s="613"/>
      <c r="FAQ664" s="613"/>
      <c r="FAR664" s="613"/>
      <c r="FAS664" s="613"/>
      <c r="FAT664" s="613"/>
      <c r="FAU664" s="613"/>
      <c r="FAV664" s="613"/>
      <c r="FAW664" s="613"/>
      <c r="FAX664" s="613"/>
      <c r="FAY664" s="613"/>
      <c r="FAZ664" s="613"/>
      <c r="FBA664" s="613"/>
      <c r="FBB664" s="613"/>
      <c r="FBC664" s="613"/>
      <c r="FBD664" s="613"/>
      <c r="FBE664" s="613"/>
      <c r="FBF664" s="613"/>
      <c r="FBG664" s="613"/>
      <c r="FBH664" s="613"/>
      <c r="FBI664" s="613"/>
      <c r="FBJ664" s="613"/>
      <c r="FBK664" s="613"/>
      <c r="FBL664" s="613"/>
      <c r="FBM664" s="613"/>
      <c r="FBN664" s="613"/>
      <c r="FBO664" s="613"/>
      <c r="FBP664" s="613"/>
      <c r="FBQ664" s="613"/>
      <c r="FBR664" s="613"/>
      <c r="FBS664" s="613"/>
      <c r="FBT664" s="613"/>
      <c r="FBU664" s="613"/>
      <c r="FBV664" s="613"/>
      <c r="FBW664" s="613"/>
      <c r="FBX664" s="613"/>
      <c r="FBY664" s="613"/>
      <c r="FBZ664" s="613"/>
      <c r="FCA664" s="613"/>
      <c r="FCB664" s="613"/>
      <c r="FCC664" s="613"/>
      <c r="FCD664" s="613"/>
      <c r="FCE664" s="613"/>
      <c r="FCF664" s="613"/>
      <c r="FCG664" s="613"/>
      <c r="FCH664" s="613"/>
      <c r="FCI664" s="613"/>
      <c r="FCJ664" s="613"/>
      <c r="FCK664" s="613"/>
      <c r="FCL664" s="613"/>
      <c r="FCM664" s="613"/>
      <c r="FCN664" s="613"/>
      <c r="FCO664" s="613"/>
      <c r="FCP664" s="613"/>
      <c r="FCQ664" s="613"/>
      <c r="FCR664" s="613"/>
      <c r="FCS664" s="613"/>
      <c r="FCT664" s="613"/>
      <c r="FCU664" s="613"/>
      <c r="FCV664" s="613"/>
      <c r="FCW664" s="613"/>
      <c r="FCX664" s="613"/>
      <c r="FCY664" s="613"/>
      <c r="FCZ664" s="613"/>
      <c r="FDA664" s="613"/>
      <c r="FDB664" s="613"/>
      <c r="FDC664" s="613"/>
      <c r="FDD664" s="613"/>
      <c r="FDE664" s="613"/>
      <c r="FDF664" s="613"/>
      <c r="FDG664" s="613"/>
      <c r="FDH664" s="613"/>
      <c r="FDI664" s="613"/>
      <c r="FDJ664" s="613"/>
      <c r="FDK664" s="613"/>
      <c r="FDL664" s="613"/>
      <c r="FDM664" s="613"/>
      <c r="FDN664" s="613"/>
      <c r="FDO664" s="613"/>
      <c r="FDP664" s="613"/>
      <c r="FDQ664" s="613"/>
      <c r="FDR664" s="613"/>
      <c r="FDS664" s="613"/>
      <c r="FDT664" s="613"/>
      <c r="FDU664" s="613"/>
      <c r="FDV664" s="613"/>
      <c r="FDW664" s="613"/>
      <c r="FDX664" s="613"/>
      <c r="FDY664" s="613"/>
      <c r="FDZ664" s="613"/>
      <c r="FEA664" s="613"/>
      <c r="FEB664" s="613"/>
      <c r="FEC664" s="613"/>
      <c r="FED664" s="613"/>
      <c r="FEE664" s="613"/>
      <c r="FEF664" s="613"/>
      <c r="FEG664" s="613"/>
      <c r="FEH664" s="613"/>
      <c r="FEI664" s="613"/>
      <c r="FEJ664" s="613"/>
      <c r="FEK664" s="613"/>
      <c r="FEL664" s="613"/>
      <c r="FEM664" s="613"/>
      <c r="FEN664" s="613"/>
      <c r="FEO664" s="613"/>
      <c r="FEP664" s="613"/>
      <c r="FEQ664" s="613"/>
      <c r="FER664" s="613"/>
      <c r="FES664" s="613"/>
      <c r="FET664" s="613"/>
      <c r="FEU664" s="613"/>
      <c r="FEV664" s="613"/>
      <c r="FEW664" s="613"/>
      <c r="FEX664" s="613"/>
      <c r="FEY664" s="613"/>
      <c r="FEZ664" s="613"/>
      <c r="FFA664" s="613"/>
      <c r="FFB664" s="613"/>
      <c r="FFC664" s="613"/>
      <c r="FFD664" s="613"/>
      <c r="FFE664" s="613"/>
      <c r="FFF664" s="613"/>
      <c r="FFG664" s="613"/>
      <c r="FFH664" s="613"/>
      <c r="FFI664" s="613"/>
      <c r="FFJ664" s="613"/>
      <c r="FFK664" s="613"/>
      <c r="FFL664" s="613"/>
      <c r="FFM664" s="613"/>
      <c r="FFN664" s="613"/>
      <c r="FFO664" s="613"/>
      <c r="FFP664" s="613"/>
      <c r="FFQ664" s="613"/>
      <c r="FFR664" s="613"/>
      <c r="FFS664" s="613"/>
      <c r="FFT664" s="613"/>
      <c r="FFU664" s="613"/>
      <c r="FFV664" s="613"/>
      <c r="FFW664" s="613"/>
      <c r="FFX664" s="613"/>
      <c r="FFY664" s="613"/>
      <c r="FFZ664" s="613"/>
      <c r="FGA664" s="613"/>
      <c r="FGB664" s="613"/>
      <c r="FGC664" s="613"/>
      <c r="FGD664" s="613"/>
      <c r="FGE664" s="613"/>
      <c r="FGF664" s="613"/>
      <c r="FGG664" s="613"/>
      <c r="FGH664" s="613"/>
      <c r="FGI664" s="613"/>
      <c r="FGJ664" s="613"/>
      <c r="FGK664" s="613"/>
      <c r="FGL664" s="613"/>
      <c r="FGM664" s="613"/>
      <c r="FGN664" s="613"/>
      <c r="FGO664" s="613"/>
      <c r="FGP664" s="613"/>
      <c r="FGQ664" s="613"/>
      <c r="FGR664" s="613"/>
      <c r="FGS664" s="613"/>
      <c r="FGT664" s="613"/>
      <c r="FGU664" s="613"/>
      <c r="FGV664" s="613"/>
      <c r="FGW664" s="613"/>
      <c r="FGX664" s="613"/>
      <c r="FGY664" s="613"/>
      <c r="FGZ664" s="613"/>
      <c r="FHA664" s="613"/>
      <c r="FHB664" s="613"/>
      <c r="FHC664" s="613"/>
      <c r="FHD664" s="613"/>
      <c r="FHE664" s="613"/>
      <c r="FHF664" s="613"/>
      <c r="FHG664" s="613"/>
      <c r="FHH664" s="613"/>
      <c r="FHI664" s="613"/>
      <c r="FHJ664" s="613"/>
      <c r="FHK664" s="613"/>
      <c r="FHL664" s="613"/>
      <c r="FHM664" s="613"/>
      <c r="FHN664" s="613"/>
      <c r="FHO664" s="613"/>
      <c r="FHP664" s="613"/>
      <c r="FHQ664" s="613"/>
      <c r="FHR664" s="613"/>
      <c r="FHS664" s="613"/>
      <c r="FHT664" s="613"/>
      <c r="FHU664" s="613"/>
      <c r="FHV664" s="613"/>
      <c r="FHW664" s="613"/>
      <c r="FHX664" s="613"/>
      <c r="FHY664" s="613"/>
      <c r="FHZ664" s="613"/>
      <c r="FIA664" s="613"/>
      <c r="FIB664" s="613"/>
      <c r="FIC664" s="613"/>
      <c r="FID664" s="613"/>
      <c r="FIE664" s="613"/>
      <c r="FIF664" s="613"/>
      <c r="FIG664" s="613"/>
      <c r="FIH664" s="613"/>
      <c r="FII664" s="613"/>
      <c r="FIJ664" s="613"/>
      <c r="FIK664" s="613"/>
      <c r="FIL664" s="613"/>
      <c r="FIM664" s="613"/>
      <c r="FIN664" s="613"/>
      <c r="FIO664" s="613"/>
      <c r="FIP664" s="613"/>
      <c r="FIQ664" s="613"/>
      <c r="FIR664" s="613"/>
      <c r="FIS664" s="613"/>
      <c r="FIT664" s="613"/>
      <c r="FIU664" s="613"/>
      <c r="FIV664" s="613"/>
      <c r="FIW664" s="613"/>
      <c r="FIX664" s="613"/>
      <c r="FIY664" s="613"/>
      <c r="FIZ664" s="613"/>
      <c r="FJA664" s="613"/>
      <c r="FJB664" s="613"/>
      <c r="FJC664" s="613"/>
      <c r="FJD664" s="613"/>
      <c r="FJE664" s="613"/>
      <c r="FJF664" s="613"/>
      <c r="FJG664" s="613"/>
      <c r="FJH664" s="613"/>
      <c r="FJI664" s="613"/>
      <c r="FJJ664" s="613"/>
      <c r="FJK664" s="613"/>
      <c r="FJL664" s="613"/>
      <c r="FJM664" s="613"/>
      <c r="FJN664" s="613"/>
      <c r="FJO664" s="613"/>
      <c r="FJP664" s="613"/>
      <c r="FJQ664" s="613"/>
      <c r="FJR664" s="613"/>
      <c r="FJS664" s="613"/>
      <c r="FJT664" s="613"/>
      <c r="FJU664" s="613"/>
      <c r="FJV664" s="613"/>
      <c r="FJW664" s="613"/>
      <c r="FJX664" s="613"/>
      <c r="FJY664" s="613"/>
      <c r="FJZ664" s="613"/>
      <c r="FKA664" s="613"/>
      <c r="FKB664" s="613"/>
      <c r="FKC664" s="613"/>
      <c r="FKD664" s="613"/>
      <c r="FKE664" s="613"/>
      <c r="FKF664" s="613"/>
      <c r="FKG664" s="613"/>
      <c r="FKH664" s="613"/>
      <c r="FKI664" s="613"/>
      <c r="FKJ664" s="613"/>
      <c r="FKK664" s="613"/>
      <c r="FKL664" s="613"/>
      <c r="FKM664" s="613"/>
      <c r="FKN664" s="613"/>
      <c r="FKO664" s="613"/>
      <c r="FKP664" s="613"/>
      <c r="FKQ664" s="613"/>
      <c r="FKR664" s="613"/>
      <c r="FKS664" s="613"/>
      <c r="FKT664" s="613"/>
      <c r="FKU664" s="613"/>
      <c r="FKV664" s="613"/>
      <c r="FKW664" s="613"/>
      <c r="FKX664" s="613"/>
      <c r="FKY664" s="613"/>
      <c r="FKZ664" s="613"/>
      <c r="FLA664" s="613"/>
      <c r="FLB664" s="613"/>
      <c r="FLC664" s="613"/>
      <c r="FLD664" s="613"/>
      <c r="FLE664" s="613"/>
      <c r="FLF664" s="613"/>
      <c r="FLG664" s="613"/>
      <c r="FLH664" s="613"/>
      <c r="FLI664" s="613"/>
      <c r="FLJ664" s="613"/>
      <c r="FLK664" s="613"/>
      <c r="FLL664" s="613"/>
      <c r="FLM664" s="613"/>
      <c r="FLN664" s="613"/>
      <c r="FLO664" s="613"/>
      <c r="FLP664" s="613"/>
      <c r="FLQ664" s="613"/>
      <c r="FLR664" s="613"/>
      <c r="FLS664" s="613"/>
      <c r="FLT664" s="613"/>
      <c r="FLU664" s="613"/>
      <c r="FLV664" s="613"/>
      <c r="FLW664" s="613"/>
      <c r="FLX664" s="613"/>
      <c r="FLY664" s="613"/>
      <c r="FLZ664" s="613"/>
      <c r="FMA664" s="613"/>
      <c r="FMB664" s="613"/>
      <c r="FMC664" s="613"/>
      <c r="FMD664" s="613"/>
      <c r="FME664" s="613"/>
      <c r="FMF664" s="613"/>
      <c r="FMG664" s="613"/>
      <c r="FMH664" s="613"/>
      <c r="FMI664" s="613"/>
      <c r="FMJ664" s="613"/>
      <c r="FMK664" s="613"/>
      <c r="FML664" s="613"/>
      <c r="FMM664" s="613"/>
      <c r="FMN664" s="613"/>
      <c r="FMO664" s="613"/>
      <c r="FMP664" s="613"/>
      <c r="FMQ664" s="613"/>
      <c r="FMR664" s="613"/>
      <c r="FMS664" s="613"/>
      <c r="FMT664" s="613"/>
      <c r="FMU664" s="613"/>
      <c r="FMV664" s="613"/>
      <c r="FMW664" s="613"/>
      <c r="FMX664" s="613"/>
      <c r="FMY664" s="613"/>
      <c r="FMZ664" s="613"/>
      <c r="FNA664" s="613"/>
      <c r="FNB664" s="613"/>
      <c r="FNC664" s="613"/>
      <c r="FND664" s="613"/>
      <c r="FNE664" s="613"/>
      <c r="FNF664" s="613"/>
      <c r="FNG664" s="613"/>
      <c r="FNH664" s="613"/>
      <c r="FNI664" s="613"/>
      <c r="FNJ664" s="613"/>
      <c r="FNK664" s="613"/>
      <c r="FNL664" s="613"/>
      <c r="FNM664" s="613"/>
      <c r="FNN664" s="613"/>
      <c r="FNO664" s="613"/>
      <c r="FNP664" s="613"/>
      <c r="FNQ664" s="613"/>
      <c r="FNR664" s="613"/>
      <c r="FNS664" s="613"/>
      <c r="FNT664" s="613"/>
      <c r="FNU664" s="613"/>
      <c r="FNV664" s="613"/>
      <c r="FNW664" s="613"/>
      <c r="FNX664" s="613"/>
      <c r="FNY664" s="613"/>
      <c r="FNZ664" s="613"/>
      <c r="FOA664" s="613"/>
      <c r="FOB664" s="613"/>
      <c r="FOC664" s="613"/>
      <c r="FOD664" s="613"/>
      <c r="FOE664" s="613"/>
      <c r="FOF664" s="613"/>
      <c r="FOG664" s="613"/>
      <c r="FOH664" s="613"/>
      <c r="FOI664" s="613"/>
      <c r="FOJ664" s="613"/>
      <c r="FOK664" s="613"/>
      <c r="FOL664" s="613"/>
      <c r="FOM664" s="613"/>
      <c r="FON664" s="613"/>
      <c r="FOO664" s="613"/>
      <c r="FOP664" s="613"/>
      <c r="FOQ664" s="613"/>
      <c r="FOR664" s="613"/>
      <c r="FOS664" s="613"/>
      <c r="FOT664" s="613"/>
      <c r="FOU664" s="613"/>
      <c r="FOV664" s="613"/>
      <c r="FOW664" s="613"/>
      <c r="FOX664" s="613"/>
      <c r="FOY664" s="613"/>
      <c r="FOZ664" s="613"/>
      <c r="FPA664" s="613"/>
      <c r="FPB664" s="613"/>
      <c r="FPC664" s="613"/>
      <c r="FPD664" s="613"/>
      <c r="FPE664" s="613"/>
      <c r="FPF664" s="613"/>
      <c r="FPG664" s="613"/>
      <c r="FPH664" s="613"/>
      <c r="FPI664" s="613"/>
      <c r="FPJ664" s="613"/>
      <c r="FPK664" s="613"/>
      <c r="FPL664" s="613"/>
      <c r="FPM664" s="613"/>
      <c r="FPN664" s="613"/>
      <c r="FPO664" s="613"/>
      <c r="FPP664" s="613"/>
      <c r="FPQ664" s="613"/>
      <c r="FPR664" s="613"/>
      <c r="FPS664" s="613"/>
      <c r="FPT664" s="613"/>
      <c r="FPU664" s="613"/>
      <c r="FPV664" s="613"/>
      <c r="FPW664" s="613"/>
      <c r="FPX664" s="613"/>
      <c r="FPY664" s="613"/>
      <c r="FPZ664" s="613"/>
      <c r="FQA664" s="613"/>
      <c r="FQB664" s="613"/>
      <c r="FQC664" s="613"/>
      <c r="FQD664" s="613"/>
      <c r="FQE664" s="613"/>
      <c r="FQF664" s="613"/>
      <c r="FQG664" s="613"/>
      <c r="FQH664" s="613"/>
      <c r="FQI664" s="613"/>
      <c r="FQJ664" s="613"/>
      <c r="FQK664" s="613"/>
      <c r="FQL664" s="613"/>
      <c r="FQM664" s="613"/>
      <c r="FQN664" s="613"/>
      <c r="FQO664" s="613"/>
      <c r="FQP664" s="613"/>
      <c r="FQQ664" s="613"/>
      <c r="FQR664" s="613"/>
      <c r="FQS664" s="613"/>
      <c r="FQT664" s="613"/>
      <c r="FQU664" s="613"/>
      <c r="FQV664" s="613"/>
      <c r="FQW664" s="613"/>
      <c r="FQX664" s="613"/>
      <c r="FQY664" s="613"/>
      <c r="FQZ664" s="613"/>
      <c r="FRA664" s="613"/>
      <c r="FRB664" s="613"/>
      <c r="FRC664" s="613"/>
      <c r="FRD664" s="613"/>
      <c r="FRE664" s="613"/>
      <c r="FRF664" s="613"/>
      <c r="FRG664" s="613"/>
      <c r="FRH664" s="613"/>
      <c r="FRI664" s="613"/>
      <c r="FRJ664" s="613"/>
      <c r="FRK664" s="613"/>
      <c r="FRL664" s="613"/>
      <c r="FRM664" s="613"/>
      <c r="FRN664" s="613"/>
      <c r="FRO664" s="613"/>
      <c r="FRP664" s="613"/>
      <c r="FRQ664" s="613"/>
      <c r="FRR664" s="613"/>
      <c r="FRS664" s="613"/>
      <c r="FRT664" s="613"/>
      <c r="FRU664" s="613"/>
      <c r="FRV664" s="613"/>
      <c r="FRW664" s="613"/>
      <c r="FRX664" s="613"/>
      <c r="FRY664" s="613"/>
      <c r="FRZ664" s="613"/>
      <c r="FSA664" s="613"/>
      <c r="FSB664" s="613"/>
      <c r="FSC664" s="613"/>
      <c r="FSD664" s="613"/>
      <c r="FSE664" s="613"/>
      <c r="FSF664" s="613"/>
      <c r="FSG664" s="613"/>
      <c r="FSH664" s="613"/>
      <c r="FSI664" s="613"/>
      <c r="FSJ664" s="613"/>
      <c r="FSK664" s="613"/>
      <c r="FSL664" s="613"/>
      <c r="FSM664" s="613"/>
      <c r="FSN664" s="613"/>
      <c r="FSO664" s="613"/>
      <c r="FSP664" s="613"/>
      <c r="FSQ664" s="613"/>
      <c r="FSR664" s="613"/>
      <c r="FSS664" s="613"/>
      <c r="FST664" s="613"/>
      <c r="FSU664" s="613"/>
      <c r="FSV664" s="613"/>
      <c r="FSW664" s="613"/>
      <c r="FSX664" s="613"/>
      <c r="FSY664" s="613"/>
      <c r="FSZ664" s="613"/>
      <c r="FTA664" s="613"/>
      <c r="FTB664" s="613"/>
      <c r="FTC664" s="613"/>
      <c r="FTD664" s="613"/>
      <c r="FTE664" s="613"/>
      <c r="FTF664" s="613"/>
      <c r="FTG664" s="613"/>
      <c r="FTH664" s="613"/>
      <c r="FTI664" s="613"/>
      <c r="FTJ664" s="613"/>
      <c r="FTK664" s="613"/>
      <c r="FTL664" s="613"/>
      <c r="FTM664" s="613"/>
      <c r="FTN664" s="613"/>
      <c r="FTO664" s="613"/>
      <c r="FTP664" s="613"/>
      <c r="FTQ664" s="613"/>
      <c r="FTR664" s="613"/>
      <c r="FTS664" s="613"/>
      <c r="FTT664" s="613"/>
      <c r="FTU664" s="613"/>
      <c r="FTV664" s="613"/>
      <c r="FTW664" s="613"/>
      <c r="FTX664" s="613"/>
      <c r="FTY664" s="613"/>
      <c r="FTZ664" s="613"/>
      <c r="FUA664" s="613"/>
      <c r="FUB664" s="613"/>
      <c r="FUC664" s="613"/>
      <c r="FUD664" s="613"/>
      <c r="FUE664" s="613"/>
      <c r="FUF664" s="613"/>
      <c r="FUG664" s="613"/>
      <c r="FUH664" s="613"/>
      <c r="FUI664" s="613"/>
      <c r="FUJ664" s="613"/>
      <c r="FUK664" s="613"/>
      <c r="FUL664" s="613"/>
      <c r="FUM664" s="613"/>
      <c r="FUN664" s="613"/>
      <c r="FUO664" s="613"/>
      <c r="FUP664" s="613"/>
      <c r="FUQ664" s="613"/>
      <c r="FUR664" s="613"/>
      <c r="FUS664" s="613"/>
      <c r="FUT664" s="613"/>
      <c r="FUU664" s="613"/>
      <c r="FUV664" s="613"/>
      <c r="FUW664" s="613"/>
      <c r="FUX664" s="613"/>
      <c r="FUY664" s="613"/>
      <c r="FUZ664" s="613"/>
      <c r="FVA664" s="613"/>
      <c r="FVB664" s="613"/>
      <c r="FVC664" s="613"/>
      <c r="FVD664" s="613"/>
      <c r="FVE664" s="613"/>
      <c r="FVF664" s="613"/>
      <c r="FVG664" s="613"/>
      <c r="FVH664" s="613"/>
      <c r="FVI664" s="613"/>
      <c r="FVJ664" s="613"/>
      <c r="FVK664" s="613"/>
      <c r="FVL664" s="613"/>
      <c r="FVM664" s="613"/>
      <c r="FVN664" s="613"/>
      <c r="FVO664" s="613"/>
      <c r="FVP664" s="613"/>
      <c r="FVQ664" s="613"/>
      <c r="FVR664" s="613"/>
      <c r="FVS664" s="613"/>
      <c r="FVT664" s="613"/>
      <c r="FVU664" s="613"/>
      <c r="FVV664" s="613"/>
      <c r="FVW664" s="613"/>
      <c r="FVX664" s="613"/>
      <c r="FVY664" s="613"/>
      <c r="FVZ664" s="613"/>
      <c r="FWA664" s="613"/>
      <c r="FWB664" s="613"/>
      <c r="FWC664" s="613"/>
      <c r="FWD664" s="613"/>
      <c r="FWE664" s="613"/>
      <c r="FWF664" s="613"/>
      <c r="FWG664" s="613"/>
      <c r="FWH664" s="613"/>
      <c r="FWI664" s="613"/>
      <c r="FWJ664" s="613"/>
      <c r="FWK664" s="613"/>
      <c r="FWL664" s="613"/>
      <c r="FWM664" s="613"/>
      <c r="FWN664" s="613"/>
      <c r="FWO664" s="613"/>
      <c r="FWP664" s="613"/>
      <c r="FWQ664" s="613"/>
      <c r="FWR664" s="613"/>
      <c r="FWS664" s="613"/>
      <c r="FWT664" s="613"/>
      <c r="FWU664" s="613"/>
      <c r="FWV664" s="613"/>
      <c r="FWW664" s="613"/>
      <c r="FWX664" s="613"/>
      <c r="FWY664" s="613"/>
      <c r="FWZ664" s="613"/>
      <c r="FXA664" s="613"/>
      <c r="FXB664" s="613"/>
      <c r="FXC664" s="613"/>
      <c r="FXD664" s="613"/>
      <c r="FXE664" s="613"/>
      <c r="FXF664" s="613"/>
      <c r="FXG664" s="613"/>
      <c r="FXH664" s="613"/>
      <c r="FXI664" s="613"/>
      <c r="FXJ664" s="613"/>
      <c r="FXK664" s="613"/>
      <c r="FXL664" s="613"/>
      <c r="FXM664" s="613"/>
      <c r="FXN664" s="613"/>
      <c r="FXO664" s="613"/>
      <c r="FXP664" s="613"/>
      <c r="FXQ664" s="613"/>
      <c r="FXR664" s="613"/>
      <c r="FXS664" s="613"/>
      <c r="FXT664" s="613"/>
      <c r="FXU664" s="613"/>
      <c r="FXV664" s="613"/>
      <c r="FXW664" s="613"/>
      <c r="FXX664" s="613"/>
      <c r="FXY664" s="613"/>
      <c r="FXZ664" s="613"/>
      <c r="FYA664" s="613"/>
      <c r="FYB664" s="613"/>
      <c r="FYC664" s="613"/>
      <c r="FYD664" s="613"/>
      <c r="FYE664" s="613"/>
      <c r="FYF664" s="613"/>
      <c r="FYG664" s="613"/>
      <c r="FYH664" s="613"/>
      <c r="FYI664" s="613"/>
      <c r="FYJ664" s="613"/>
      <c r="FYK664" s="613"/>
      <c r="FYL664" s="613"/>
      <c r="FYM664" s="613"/>
      <c r="FYN664" s="613"/>
      <c r="FYO664" s="613"/>
      <c r="FYP664" s="613"/>
      <c r="FYQ664" s="613"/>
      <c r="FYR664" s="613"/>
      <c r="FYS664" s="613"/>
      <c r="FYT664" s="613"/>
      <c r="FYU664" s="613"/>
      <c r="FYV664" s="613"/>
      <c r="FYW664" s="613"/>
      <c r="FYX664" s="613"/>
      <c r="FYY664" s="613"/>
      <c r="FYZ664" s="613"/>
      <c r="FZA664" s="613"/>
      <c r="FZB664" s="613"/>
      <c r="FZC664" s="613"/>
      <c r="FZD664" s="613"/>
      <c r="FZE664" s="613"/>
      <c r="FZF664" s="613"/>
      <c r="FZG664" s="613"/>
      <c r="FZH664" s="613"/>
      <c r="FZI664" s="613"/>
      <c r="FZJ664" s="613"/>
      <c r="FZK664" s="613"/>
      <c r="FZL664" s="613"/>
      <c r="FZM664" s="613"/>
      <c r="FZN664" s="613"/>
      <c r="FZO664" s="613"/>
      <c r="FZP664" s="613"/>
      <c r="FZQ664" s="613"/>
      <c r="FZR664" s="613"/>
      <c r="FZS664" s="613"/>
      <c r="FZT664" s="613"/>
      <c r="FZU664" s="613"/>
      <c r="FZV664" s="613"/>
      <c r="FZW664" s="613"/>
      <c r="FZX664" s="613"/>
      <c r="FZY664" s="613"/>
      <c r="FZZ664" s="613"/>
      <c r="GAA664" s="613"/>
      <c r="GAB664" s="613"/>
      <c r="GAC664" s="613"/>
      <c r="GAD664" s="613"/>
      <c r="GAE664" s="613"/>
      <c r="GAF664" s="613"/>
      <c r="GAG664" s="613"/>
      <c r="GAH664" s="613"/>
      <c r="GAI664" s="613"/>
      <c r="GAJ664" s="613"/>
      <c r="GAK664" s="613"/>
      <c r="GAL664" s="613"/>
      <c r="GAM664" s="613"/>
      <c r="GAN664" s="613"/>
      <c r="GAO664" s="613"/>
      <c r="GAP664" s="613"/>
      <c r="GAQ664" s="613"/>
      <c r="GAR664" s="613"/>
      <c r="GAS664" s="613"/>
      <c r="GAT664" s="613"/>
      <c r="GAU664" s="613"/>
      <c r="GAV664" s="613"/>
      <c r="GAW664" s="613"/>
      <c r="GAX664" s="613"/>
      <c r="GAY664" s="613"/>
      <c r="GAZ664" s="613"/>
      <c r="GBA664" s="613"/>
      <c r="GBB664" s="613"/>
      <c r="GBC664" s="613"/>
      <c r="GBD664" s="613"/>
      <c r="GBE664" s="613"/>
      <c r="GBF664" s="613"/>
      <c r="GBG664" s="613"/>
      <c r="GBH664" s="613"/>
      <c r="GBI664" s="613"/>
      <c r="GBJ664" s="613"/>
      <c r="GBK664" s="613"/>
      <c r="GBL664" s="613"/>
      <c r="GBM664" s="613"/>
      <c r="GBN664" s="613"/>
      <c r="GBO664" s="613"/>
      <c r="GBP664" s="613"/>
      <c r="GBQ664" s="613"/>
      <c r="GBR664" s="613"/>
      <c r="GBS664" s="613"/>
      <c r="GBT664" s="613"/>
      <c r="GBU664" s="613"/>
      <c r="GBV664" s="613"/>
      <c r="GBW664" s="613"/>
      <c r="GBX664" s="613"/>
      <c r="GBY664" s="613"/>
      <c r="GBZ664" s="613"/>
      <c r="GCA664" s="613"/>
      <c r="GCB664" s="613"/>
      <c r="GCC664" s="613"/>
      <c r="GCD664" s="613"/>
      <c r="GCE664" s="613"/>
      <c r="GCF664" s="613"/>
      <c r="GCG664" s="613"/>
      <c r="GCH664" s="613"/>
      <c r="GCI664" s="613"/>
      <c r="GCJ664" s="613"/>
      <c r="GCK664" s="613"/>
      <c r="GCL664" s="613"/>
      <c r="GCM664" s="613"/>
      <c r="GCN664" s="613"/>
      <c r="GCO664" s="613"/>
      <c r="GCP664" s="613"/>
      <c r="GCQ664" s="613"/>
      <c r="GCR664" s="613"/>
      <c r="GCS664" s="613"/>
      <c r="GCT664" s="613"/>
      <c r="GCU664" s="613"/>
      <c r="GCV664" s="613"/>
      <c r="GCW664" s="613"/>
      <c r="GCX664" s="613"/>
      <c r="GCY664" s="613"/>
      <c r="GCZ664" s="613"/>
      <c r="GDA664" s="613"/>
      <c r="GDB664" s="613"/>
      <c r="GDC664" s="613"/>
      <c r="GDD664" s="613"/>
      <c r="GDE664" s="613"/>
      <c r="GDF664" s="613"/>
      <c r="GDG664" s="613"/>
      <c r="GDH664" s="613"/>
      <c r="GDI664" s="613"/>
      <c r="GDJ664" s="613"/>
      <c r="GDK664" s="613"/>
      <c r="GDL664" s="613"/>
      <c r="GDM664" s="613"/>
      <c r="GDN664" s="613"/>
      <c r="GDO664" s="613"/>
      <c r="GDP664" s="613"/>
      <c r="GDQ664" s="613"/>
      <c r="GDR664" s="613"/>
      <c r="GDS664" s="613"/>
      <c r="GDT664" s="613"/>
      <c r="GDU664" s="613"/>
      <c r="GDV664" s="613"/>
      <c r="GDW664" s="613"/>
      <c r="GDX664" s="613"/>
      <c r="GDY664" s="613"/>
      <c r="GDZ664" s="613"/>
      <c r="GEA664" s="613"/>
      <c r="GEB664" s="613"/>
      <c r="GEC664" s="613"/>
      <c r="GED664" s="613"/>
      <c r="GEE664" s="613"/>
      <c r="GEF664" s="613"/>
      <c r="GEG664" s="613"/>
      <c r="GEH664" s="613"/>
      <c r="GEI664" s="613"/>
      <c r="GEJ664" s="613"/>
      <c r="GEK664" s="613"/>
      <c r="GEL664" s="613"/>
      <c r="GEM664" s="613"/>
      <c r="GEN664" s="613"/>
      <c r="GEO664" s="613"/>
      <c r="GEP664" s="613"/>
      <c r="GEQ664" s="613"/>
      <c r="GER664" s="613"/>
      <c r="GES664" s="613"/>
      <c r="GET664" s="613"/>
      <c r="GEU664" s="613"/>
      <c r="GEV664" s="613"/>
      <c r="GEW664" s="613"/>
      <c r="GEX664" s="613"/>
      <c r="GEY664" s="613"/>
      <c r="GEZ664" s="613"/>
      <c r="GFA664" s="613"/>
      <c r="GFB664" s="613"/>
      <c r="GFC664" s="613"/>
      <c r="GFD664" s="613"/>
      <c r="GFE664" s="613"/>
      <c r="GFF664" s="613"/>
      <c r="GFG664" s="613"/>
      <c r="GFH664" s="613"/>
      <c r="GFI664" s="613"/>
      <c r="GFJ664" s="613"/>
      <c r="GFK664" s="613"/>
      <c r="GFL664" s="613"/>
      <c r="GFM664" s="613"/>
      <c r="GFN664" s="613"/>
      <c r="GFO664" s="613"/>
      <c r="GFP664" s="613"/>
      <c r="GFQ664" s="613"/>
      <c r="GFR664" s="613"/>
      <c r="GFS664" s="613"/>
      <c r="GFT664" s="613"/>
      <c r="GFU664" s="613"/>
      <c r="GFV664" s="613"/>
      <c r="GFW664" s="613"/>
      <c r="GFX664" s="613"/>
      <c r="GFY664" s="613"/>
      <c r="GFZ664" s="613"/>
      <c r="GGA664" s="613"/>
      <c r="GGB664" s="613"/>
      <c r="GGC664" s="613"/>
      <c r="GGD664" s="613"/>
      <c r="GGE664" s="613"/>
      <c r="GGF664" s="613"/>
      <c r="GGG664" s="613"/>
      <c r="GGH664" s="613"/>
      <c r="GGI664" s="613"/>
      <c r="GGJ664" s="613"/>
      <c r="GGK664" s="613"/>
      <c r="GGL664" s="613"/>
      <c r="GGM664" s="613"/>
      <c r="GGN664" s="613"/>
      <c r="GGO664" s="613"/>
      <c r="GGP664" s="613"/>
      <c r="GGQ664" s="613"/>
      <c r="GGR664" s="613"/>
      <c r="GGS664" s="613"/>
      <c r="GGT664" s="613"/>
      <c r="GGU664" s="613"/>
      <c r="GGV664" s="613"/>
      <c r="GGW664" s="613"/>
      <c r="GGX664" s="613"/>
      <c r="GGY664" s="613"/>
      <c r="GGZ664" s="613"/>
      <c r="GHA664" s="613"/>
      <c r="GHB664" s="613"/>
      <c r="GHC664" s="613"/>
      <c r="GHD664" s="613"/>
      <c r="GHE664" s="613"/>
      <c r="GHF664" s="613"/>
      <c r="GHG664" s="613"/>
      <c r="GHH664" s="613"/>
      <c r="GHI664" s="613"/>
      <c r="GHJ664" s="613"/>
      <c r="GHK664" s="613"/>
      <c r="GHL664" s="613"/>
      <c r="GHM664" s="613"/>
      <c r="GHN664" s="613"/>
      <c r="GHO664" s="613"/>
      <c r="GHP664" s="613"/>
      <c r="GHQ664" s="613"/>
      <c r="GHR664" s="613"/>
      <c r="GHS664" s="613"/>
      <c r="GHT664" s="613"/>
      <c r="GHU664" s="613"/>
      <c r="GHV664" s="613"/>
      <c r="GHW664" s="613"/>
      <c r="GHX664" s="613"/>
      <c r="GHY664" s="613"/>
      <c r="GHZ664" s="613"/>
      <c r="GIA664" s="613"/>
      <c r="GIB664" s="613"/>
      <c r="GIC664" s="613"/>
      <c r="GID664" s="613"/>
      <c r="GIE664" s="613"/>
      <c r="GIF664" s="613"/>
      <c r="GIG664" s="613"/>
      <c r="GIH664" s="613"/>
      <c r="GII664" s="613"/>
      <c r="GIJ664" s="613"/>
      <c r="GIK664" s="613"/>
      <c r="GIL664" s="613"/>
      <c r="GIM664" s="613"/>
      <c r="GIN664" s="613"/>
      <c r="GIO664" s="613"/>
      <c r="GIP664" s="613"/>
      <c r="GIQ664" s="613"/>
      <c r="GIR664" s="613"/>
      <c r="GIS664" s="613"/>
      <c r="GIT664" s="613"/>
      <c r="GIU664" s="613"/>
      <c r="GIV664" s="613"/>
      <c r="GIW664" s="613"/>
      <c r="GIX664" s="613"/>
      <c r="GIY664" s="613"/>
      <c r="GIZ664" s="613"/>
      <c r="GJA664" s="613"/>
      <c r="GJB664" s="613"/>
      <c r="GJC664" s="613"/>
      <c r="GJD664" s="613"/>
      <c r="GJE664" s="613"/>
      <c r="GJF664" s="613"/>
      <c r="GJG664" s="613"/>
      <c r="GJH664" s="613"/>
      <c r="GJI664" s="613"/>
      <c r="GJJ664" s="613"/>
      <c r="GJK664" s="613"/>
      <c r="GJL664" s="613"/>
      <c r="GJM664" s="613"/>
      <c r="GJN664" s="613"/>
      <c r="GJO664" s="613"/>
      <c r="GJP664" s="613"/>
      <c r="GJQ664" s="613"/>
      <c r="GJR664" s="613"/>
      <c r="GJS664" s="613"/>
      <c r="GJT664" s="613"/>
      <c r="GJU664" s="613"/>
      <c r="GJV664" s="613"/>
      <c r="GJW664" s="613"/>
      <c r="GJX664" s="613"/>
      <c r="GJY664" s="613"/>
      <c r="GJZ664" s="613"/>
      <c r="GKA664" s="613"/>
      <c r="GKB664" s="613"/>
      <c r="GKC664" s="613"/>
      <c r="GKD664" s="613"/>
      <c r="GKE664" s="613"/>
      <c r="GKF664" s="613"/>
      <c r="GKG664" s="613"/>
      <c r="GKH664" s="613"/>
      <c r="GKI664" s="613"/>
      <c r="GKJ664" s="613"/>
      <c r="GKK664" s="613"/>
      <c r="GKL664" s="613"/>
      <c r="GKM664" s="613"/>
      <c r="GKN664" s="613"/>
      <c r="GKO664" s="613"/>
      <c r="GKP664" s="613"/>
      <c r="GKQ664" s="613"/>
      <c r="GKR664" s="613"/>
      <c r="GKS664" s="613"/>
      <c r="GKT664" s="613"/>
      <c r="GKU664" s="613"/>
      <c r="GKV664" s="613"/>
      <c r="GKW664" s="613"/>
      <c r="GKX664" s="613"/>
      <c r="GKY664" s="613"/>
      <c r="GKZ664" s="613"/>
      <c r="GLA664" s="613"/>
      <c r="GLB664" s="613"/>
      <c r="GLC664" s="613"/>
      <c r="GLD664" s="613"/>
      <c r="GLE664" s="613"/>
      <c r="GLF664" s="613"/>
      <c r="GLG664" s="613"/>
      <c r="GLH664" s="613"/>
      <c r="GLI664" s="613"/>
      <c r="GLJ664" s="613"/>
      <c r="GLK664" s="613"/>
      <c r="GLL664" s="613"/>
      <c r="GLM664" s="613"/>
      <c r="GLN664" s="613"/>
      <c r="GLO664" s="613"/>
      <c r="GLP664" s="613"/>
      <c r="GLQ664" s="613"/>
      <c r="GLR664" s="613"/>
      <c r="GLS664" s="613"/>
      <c r="GLT664" s="613"/>
      <c r="GLU664" s="613"/>
      <c r="GLV664" s="613"/>
      <c r="GLW664" s="613"/>
      <c r="GLX664" s="613"/>
      <c r="GLY664" s="613"/>
      <c r="GLZ664" s="613"/>
      <c r="GMA664" s="613"/>
      <c r="GMB664" s="613"/>
      <c r="GMC664" s="613"/>
      <c r="GMD664" s="613"/>
      <c r="GME664" s="613"/>
      <c r="GMF664" s="613"/>
      <c r="GMG664" s="613"/>
      <c r="GMH664" s="613"/>
      <c r="GMI664" s="613"/>
      <c r="GMJ664" s="613"/>
      <c r="GMK664" s="613"/>
      <c r="GML664" s="613"/>
      <c r="GMM664" s="613"/>
      <c r="GMN664" s="613"/>
      <c r="GMO664" s="613"/>
      <c r="GMP664" s="613"/>
      <c r="GMQ664" s="613"/>
      <c r="GMR664" s="613"/>
      <c r="GMS664" s="613"/>
      <c r="GMT664" s="613"/>
      <c r="GMU664" s="613"/>
      <c r="GMV664" s="613"/>
      <c r="GMW664" s="613"/>
      <c r="GMX664" s="613"/>
      <c r="GMY664" s="613"/>
      <c r="GMZ664" s="613"/>
      <c r="GNA664" s="613"/>
      <c r="GNB664" s="613"/>
      <c r="GNC664" s="613"/>
      <c r="GND664" s="613"/>
      <c r="GNE664" s="613"/>
      <c r="GNF664" s="613"/>
      <c r="GNG664" s="613"/>
      <c r="GNH664" s="613"/>
      <c r="GNI664" s="613"/>
      <c r="GNJ664" s="613"/>
      <c r="GNK664" s="613"/>
      <c r="GNL664" s="613"/>
      <c r="GNM664" s="613"/>
      <c r="GNN664" s="613"/>
      <c r="GNO664" s="613"/>
      <c r="GNP664" s="613"/>
      <c r="GNQ664" s="613"/>
      <c r="GNR664" s="613"/>
      <c r="GNS664" s="613"/>
      <c r="GNT664" s="613"/>
      <c r="GNU664" s="613"/>
      <c r="GNV664" s="613"/>
      <c r="GNW664" s="613"/>
      <c r="GNX664" s="613"/>
      <c r="GNY664" s="613"/>
      <c r="GNZ664" s="613"/>
      <c r="GOA664" s="613"/>
      <c r="GOB664" s="613"/>
      <c r="GOC664" s="613"/>
      <c r="GOD664" s="613"/>
      <c r="GOE664" s="613"/>
      <c r="GOF664" s="613"/>
      <c r="GOG664" s="613"/>
      <c r="GOH664" s="613"/>
      <c r="GOI664" s="613"/>
      <c r="GOJ664" s="613"/>
      <c r="GOK664" s="613"/>
      <c r="GOL664" s="613"/>
      <c r="GOM664" s="613"/>
      <c r="GON664" s="613"/>
      <c r="GOO664" s="613"/>
      <c r="GOP664" s="613"/>
      <c r="GOQ664" s="613"/>
      <c r="GOR664" s="613"/>
      <c r="GOS664" s="613"/>
      <c r="GOT664" s="613"/>
      <c r="GOU664" s="613"/>
      <c r="GOV664" s="613"/>
      <c r="GOW664" s="613"/>
      <c r="GOX664" s="613"/>
      <c r="GOY664" s="613"/>
      <c r="GOZ664" s="613"/>
      <c r="GPA664" s="613"/>
      <c r="GPB664" s="613"/>
      <c r="GPC664" s="613"/>
      <c r="GPD664" s="613"/>
      <c r="GPE664" s="613"/>
      <c r="GPF664" s="613"/>
      <c r="GPG664" s="613"/>
      <c r="GPH664" s="613"/>
      <c r="GPI664" s="613"/>
      <c r="GPJ664" s="613"/>
      <c r="GPK664" s="613"/>
      <c r="GPL664" s="613"/>
      <c r="GPM664" s="613"/>
      <c r="GPN664" s="613"/>
      <c r="GPO664" s="613"/>
      <c r="GPP664" s="613"/>
      <c r="GPQ664" s="613"/>
      <c r="GPR664" s="613"/>
      <c r="GPS664" s="613"/>
      <c r="GPT664" s="613"/>
      <c r="GPU664" s="613"/>
      <c r="GPV664" s="613"/>
      <c r="GPW664" s="613"/>
      <c r="GPX664" s="613"/>
      <c r="GPY664" s="613"/>
      <c r="GPZ664" s="613"/>
      <c r="GQA664" s="613"/>
      <c r="GQB664" s="613"/>
      <c r="GQC664" s="613"/>
      <c r="GQD664" s="613"/>
      <c r="GQE664" s="613"/>
      <c r="GQF664" s="613"/>
      <c r="GQG664" s="613"/>
      <c r="GQH664" s="613"/>
      <c r="GQI664" s="613"/>
      <c r="GQJ664" s="613"/>
      <c r="GQK664" s="613"/>
      <c r="GQL664" s="613"/>
      <c r="GQM664" s="613"/>
      <c r="GQN664" s="613"/>
      <c r="GQO664" s="613"/>
      <c r="GQP664" s="613"/>
      <c r="GQQ664" s="613"/>
      <c r="GQR664" s="613"/>
      <c r="GQS664" s="613"/>
      <c r="GQT664" s="613"/>
      <c r="GQU664" s="613"/>
      <c r="GQV664" s="613"/>
      <c r="GQW664" s="613"/>
      <c r="GQX664" s="613"/>
      <c r="GQY664" s="613"/>
      <c r="GQZ664" s="613"/>
      <c r="GRA664" s="613"/>
      <c r="GRB664" s="613"/>
      <c r="GRC664" s="613"/>
      <c r="GRD664" s="613"/>
      <c r="GRE664" s="613"/>
      <c r="GRF664" s="613"/>
      <c r="GRG664" s="613"/>
      <c r="GRH664" s="613"/>
      <c r="GRI664" s="613"/>
      <c r="GRJ664" s="613"/>
      <c r="GRK664" s="613"/>
      <c r="GRL664" s="613"/>
      <c r="GRM664" s="613"/>
      <c r="GRN664" s="613"/>
      <c r="GRO664" s="613"/>
      <c r="GRP664" s="613"/>
      <c r="GRQ664" s="613"/>
      <c r="GRR664" s="613"/>
      <c r="GRS664" s="613"/>
      <c r="GRT664" s="613"/>
      <c r="GRU664" s="613"/>
      <c r="GRV664" s="613"/>
      <c r="GRW664" s="613"/>
      <c r="GRX664" s="613"/>
      <c r="GRY664" s="613"/>
      <c r="GRZ664" s="613"/>
      <c r="GSA664" s="613"/>
      <c r="GSB664" s="613"/>
      <c r="GSC664" s="613"/>
      <c r="GSD664" s="613"/>
      <c r="GSE664" s="613"/>
      <c r="GSF664" s="613"/>
      <c r="GSG664" s="613"/>
      <c r="GSH664" s="613"/>
      <c r="GSI664" s="613"/>
      <c r="GSJ664" s="613"/>
      <c r="GSK664" s="613"/>
      <c r="GSL664" s="613"/>
      <c r="GSM664" s="613"/>
      <c r="GSN664" s="613"/>
      <c r="GSO664" s="613"/>
      <c r="GSP664" s="613"/>
      <c r="GSQ664" s="613"/>
      <c r="GSR664" s="613"/>
      <c r="GSS664" s="613"/>
      <c r="GST664" s="613"/>
      <c r="GSU664" s="613"/>
      <c r="GSV664" s="613"/>
      <c r="GSW664" s="613"/>
      <c r="GSX664" s="613"/>
      <c r="GSY664" s="613"/>
      <c r="GSZ664" s="613"/>
      <c r="GTA664" s="613"/>
      <c r="GTB664" s="613"/>
      <c r="GTC664" s="613"/>
      <c r="GTD664" s="613"/>
      <c r="GTE664" s="613"/>
      <c r="GTF664" s="613"/>
      <c r="GTG664" s="613"/>
      <c r="GTH664" s="613"/>
      <c r="GTI664" s="613"/>
      <c r="GTJ664" s="613"/>
      <c r="GTK664" s="613"/>
      <c r="GTL664" s="613"/>
      <c r="GTM664" s="613"/>
      <c r="GTN664" s="613"/>
      <c r="GTO664" s="613"/>
      <c r="GTP664" s="613"/>
      <c r="GTQ664" s="613"/>
      <c r="GTR664" s="613"/>
      <c r="GTS664" s="613"/>
      <c r="GTT664" s="613"/>
      <c r="GTU664" s="613"/>
      <c r="GTV664" s="613"/>
      <c r="GTW664" s="613"/>
      <c r="GTX664" s="613"/>
      <c r="GTY664" s="613"/>
      <c r="GTZ664" s="613"/>
      <c r="GUA664" s="613"/>
      <c r="GUB664" s="613"/>
      <c r="GUC664" s="613"/>
      <c r="GUD664" s="613"/>
      <c r="GUE664" s="613"/>
      <c r="GUF664" s="613"/>
      <c r="GUG664" s="613"/>
      <c r="GUH664" s="613"/>
      <c r="GUI664" s="613"/>
      <c r="GUJ664" s="613"/>
      <c r="GUK664" s="613"/>
      <c r="GUL664" s="613"/>
      <c r="GUM664" s="613"/>
      <c r="GUN664" s="613"/>
      <c r="GUO664" s="613"/>
      <c r="GUP664" s="613"/>
      <c r="GUQ664" s="613"/>
      <c r="GUR664" s="613"/>
      <c r="GUS664" s="613"/>
      <c r="GUT664" s="613"/>
      <c r="GUU664" s="613"/>
      <c r="GUV664" s="613"/>
      <c r="GUW664" s="613"/>
      <c r="GUX664" s="613"/>
      <c r="GUY664" s="613"/>
      <c r="GUZ664" s="613"/>
      <c r="GVA664" s="613"/>
      <c r="GVB664" s="613"/>
      <c r="GVC664" s="613"/>
      <c r="GVD664" s="613"/>
      <c r="GVE664" s="613"/>
      <c r="GVF664" s="613"/>
      <c r="GVG664" s="613"/>
      <c r="GVH664" s="613"/>
      <c r="GVI664" s="613"/>
      <c r="GVJ664" s="613"/>
      <c r="GVK664" s="613"/>
      <c r="GVL664" s="613"/>
      <c r="GVM664" s="613"/>
      <c r="GVN664" s="613"/>
      <c r="GVO664" s="613"/>
      <c r="GVP664" s="613"/>
      <c r="GVQ664" s="613"/>
      <c r="GVR664" s="613"/>
      <c r="GVS664" s="613"/>
      <c r="GVT664" s="613"/>
      <c r="GVU664" s="613"/>
      <c r="GVV664" s="613"/>
      <c r="GVW664" s="613"/>
      <c r="GVX664" s="613"/>
      <c r="GVY664" s="613"/>
      <c r="GVZ664" s="613"/>
      <c r="GWA664" s="613"/>
      <c r="GWB664" s="613"/>
      <c r="GWC664" s="613"/>
      <c r="GWD664" s="613"/>
      <c r="GWE664" s="613"/>
      <c r="GWF664" s="613"/>
      <c r="GWG664" s="613"/>
      <c r="GWH664" s="613"/>
      <c r="GWI664" s="613"/>
      <c r="GWJ664" s="613"/>
      <c r="GWK664" s="613"/>
      <c r="GWL664" s="613"/>
      <c r="GWM664" s="613"/>
      <c r="GWN664" s="613"/>
      <c r="GWO664" s="613"/>
      <c r="GWP664" s="613"/>
      <c r="GWQ664" s="613"/>
      <c r="GWR664" s="613"/>
      <c r="GWS664" s="613"/>
      <c r="GWT664" s="613"/>
      <c r="GWU664" s="613"/>
      <c r="GWV664" s="613"/>
      <c r="GWW664" s="613"/>
      <c r="GWX664" s="613"/>
      <c r="GWY664" s="613"/>
      <c r="GWZ664" s="613"/>
      <c r="GXA664" s="613"/>
      <c r="GXB664" s="613"/>
      <c r="GXC664" s="613"/>
      <c r="GXD664" s="613"/>
      <c r="GXE664" s="613"/>
      <c r="GXF664" s="613"/>
      <c r="GXG664" s="613"/>
      <c r="GXH664" s="613"/>
      <c r="GXI664" s="613"/>
      <c r="GXJ664" s="613"/>
      <c r="GXK664" s="613"/>
      <c r="GXL664" s="613"/>
      <c r="GXM664" s="613"/>
      <c r="GXN664" s="613"/>
      <c r="GXO664" s="613"/>
      <c r="GXP664" s="613"/>
      <c r="GXQ664" s="613"/>
      <c r="GXR664" s="613"/>
      <c r="GXS664" s="613"/>
      <c r="GXT664" s="613"/>
      <c r="GXU664" s="613"/>
      <c r="GXV664" s="613"/>
      <c r="GXW664" s="613"/>
      <c r="GXX664" s="613"/>
      <c r="GXY664" s="613"/>
      <c r="GXZ664" s="613"/>
      <c r="GYA664" s="613"/>
      <c r="GYB664" s="613"/>
      <c r="GYC664" s="613"/>
      <c r="GYD664" s="613"/>
      <c r="GYE664" s="613"/>
      <c r="GYF664" s="613"/>
      <c r="GYG664" s="613"/>
      <c r="GYH664" s="613"/>
      <c r="GYI664" s="613"/>
      <c r="GYJ664" s="613"/>
      <c r="GYK664" s="613"/>
      <c r="GYL664" s="613"/>
      <c r="GYM664" s="613"/>
      <c r="GYN664" s="613"/>
      <c r="GYO664" s="613"/>
      <c r="GYP664" s="613"/>
      <c r="GYQ664" s="613"/>
      <c r="GYR664" s="613"/>
      <c r="GYS664" s="613"/>
      <c r="GYT664" s="613"/>
      <c r="GYU664" s="613"/>
      <c r="GYV664" s="613"/>
      <c r="GYW664" s="613"/>
      <c r="GYX664" s="613"/>
      <c r="GYY664" s="613"/>
      <c r="GYZ664" s="613"/>
      <c r="GZA664" s="613"/>
      <c r="GZB664" s="613"/>
      <c r="GZC664" s="613"/>
      <c r="GZD664" s="613"/>
      <c r="GZE664" s="613"/>
      <c r="GZF664" s="613"/>
      <c r="GZG664" s="613"/>
      <c r="GZH664" s="613"/>
      <c r="GZI664" s="613"/>
      <c r="GZJ664" s="613"/>
      <c r="GZK664" s="613"/>
      <c r="GZL664" s="613"/>
      <c r="GZM664" s="613"/>
      <c r="GZN664" s="613"/>
      <c r="GZO664" s="613"/>
      <c r="GZP664" s="613"/>
      <c r="GZQ664" s="613"/>
      <c r="GZR664" s="613"/>
      <c r="GZS664" s="613"/>
      <c r="GZT664" s="613"/>
      <c r="GZU664" s="613"/>
      <c r="GZV664" s="613"/>
      <c r="GZW664" s="613"/>
      <c r="GZX664" s="613"/>
      <c r="GZY664" s="613"/>
      <c r="GZZ664" s="613"/>
      <c r="HAA664" s="613"/>
      <c r="HAB664" s="613"/>
      <c r="HAC664" s="613"/>
      <c r="HAD664" s="613"/>
      <c r="HAE664" s="613"/>
      <c r="HAF664" s="613"/>
      <c r="HAG664" s="613"/>
      <c r="HAH664" s="613"/>
      <c r="HAI664" s="613"/>
      <c r="HAJ664" s="613"/>
      <c r="HAK664" s="613"/>
      <c r="HAL664" s="613"/>
      <c r="HAM664" s="613"/>
      <c r="HAN664" s="613"/>
      <c r="HAO664" s="613"/>
      <c r="HAP664" s="613"/>
      <c r="HAQ664" s="613"/>
      <c r="HAR664" s="613"/>
      <c r="HAS664" s="613"/>
      <c r="HAT664" s="613"/>
      <c r="HAU664" s="613"/>
      <c r="HAV664" s="613"/>
      <c r="HAW664" s="613"/>
      <c r="HAX664" s="613"/>
      <c r="HAY664" s="613"/>
      <c r="HAZ664" s="613"/>
      <c r="HBA664" s="613"/>
      <c r="HBB664" s="613"/>
      <c r="HBC664" s="613"/>
      <c r="HBD664" s="613"/>
      <c r="HBE664" s="613"/>
      <c r="HBF664" s="613"/>
      <c r="HBG664" s="613"/>
      <c r="HBH664" s="613"/>
      <c r="HBI664" s="613"/>
      <c r="HBJ664" s="613"/>
      <c r="HBK664" s="613"/>
      <c r="HBL664" s="613"/>
      <c r="HBM664" s="613"/>
      <c r="HBN664" s="613"/>
      <c r="HBO664" s="613"/>
      <c r="HBP664" s="613"/>
      <c r="HBQ664" s="613"/>
      <c r="HBR664" s="613"/>
      <c r="HBS664" s="613"/>
      <c r="HBT664" s="613"/>
      <c r="HBU664" s="613"/>
      <c r="HBV664" s="613"/>
      <c r="HBW664" s="613"/>
      <c r="HBX664" s="613"/>
      <c r="HBY664" s="613"/>
      <c r="HBZ664" s="613"/>
      <c r="HCA664" s="613"/>
      <c r="HCB664" s="613"/>
      <c r="HCC664" s="613"/>
      <c r="HCD664" s="613"/>
      <c r="HCE664" s="613"/>
      <c r="HCF664" s="613"/>
      <c r="HCG664" s="613"/>
      <c r="HCH664" s="613"/>
      <c r="HCI664" s="613"/>
      <c r="HCJ664" s="613"/>
      <c r="HCK664" s="613"/>
      <c r="HCL664" s="613"/>
      <c r="HCM664" s="613"/>
      <c r="HCN664" s="613"/>
      <c r="HCO664" s="613"/>
      <c r="HCP664" s="613"/>
      <c r="HCQ664" s="613"/>
      <c r="HCR664" s="613"/>
      <c r="HCS664" s="613"/>
      <c r="HCT664" s="613"/>
      <c r="HCU664" s="613"/>
      <c r="HCV664" s="613"/>
      <c r="HCW664" s="613"/>
      <c r="HCX664" s="613"/>
      <c r="HCY664" s="613"/>
      <c r="HCZ664" s="613"/>
      <c r="HDA664" s="613"/>
      <c r="HDB664" s="613"/>
      <c r="HDC664" s="613"/>
      <c r="HDD664" s="613"/>
      <c r="HDE664" s="613"/>
      <c r="HDF664" s="613"/>
      <c r="HDG664" s="613"/>
      <c r="HDH664" s="613"/>
      <c r="HDI664" s="613"/>
      <c r="HDJ664" s="613"/>
      <c r="HDK664" s="613"/>
      <c r="HDL664" s="613"/>
      <c r="HDM664" s="613"/>
      <c r="HDN664" s="613"/>
      <c r="HDO664" s="613"/>
      <c r="HDP664" s="613"/>
      <c r="HDQ664" s="613"/>
      <c r="HDR664" s="613"/>
      <c r="HDS664" s="613"/>
      <c r="HDT664" s="613"/>
      <c r="HDU664" s="613"/>
      <c r="HDV664" s="613"/>
      <c r="HDW664" s="613"/>
      <c r="HDX664" s="613"/>
      <c r="HDY664" s="613"/>
      <c r="HDZ664" s="613"/>
      <c r="HEA664" s="613"/>
      <c r="HEB664" s="613"/>
      <c r="HEC664" s="613"/>
      <c r="HED664" s="613"/>
      <c r="HEE664" s="613"/>
      <c r="HEF664" s="613"/>
      <c r="HEG664" s="613"/>
      <c r="HEH664" s="613"/>
      <c r="HEI664" s="613"/>
      <c r="HEJ664" s="613"/>
      <c r="HEK664" s="613"/>
      <c r="HEL664" s="613"/>
      <c r="HEM664" s="613"/>
      <c r="HEN664" s="613"/>
      <c r="HEO664" s="613"/>
      <c r="HEP664" s="613"/>
      <c r="HEQ664" s="613"/>
      <c r="HER664" s="613"/>
      <c r="HES664" s="613"/>
      <c r="HET664" s="613"/>
      <c r="HEU664" s="613"/>
      <c r="HEV664" s="613"/>
      <c r="HEW664" s="613"/>
      <c r="HEX664" s="613"/>
      <c r="HEY664" s="613"/>
      <c r="HEZ664" s="613"/>
      <c r="HFA664" s="613"/>
      <c r="HFB664" s="613"/>
      <c r="HFC664" s="613"/>
      <c r="HFD664" s="613"/>
      <c r="HFE664" s="613"/>
      <c r="HFF664" s="613"/>
      <c r="HFG664" s="613"/>
      <c r="HFH664" s="613"/>
      <c r="HFI664" s="613"/>
      <c r="HFJ664" s="613"/>
      <c r="HFK664" s="613"/>
      <c r="HFL664" s="613"/>
      <c r="HFM664" s="613"/>
      <c r="HFN664" s="613"/>
      <c r="HFO664" s="613"/>
      <c r="HFP664" s="613"/>
      <c r="HFQ664" s="613"/>
      <c r="HFR664" s="613"/>
      <c r="HFS664" s="613"/>
      <c r="HFT664" s="613"/>
      <c r="HFU664" s="613"/>
      <c r="HFV664" s="613"/>
      <c r="HFW664" s="613"/>
      <c r="HFX664" s="613"/>
      <c r="HFY664" s="613"/>
      <c r="HFZ664" s="613"/>
      <c r="HGA664" s="613"/>
      <c r="HGB664" s="613"/>
      <c r="HGC664" s="613"/>
      <c r="HGD664" s="613"/>
      <c r="HGE664" s="613"/>
      <c r="HGF664" s="613"/>
      <c r="HGG664" s="613"/>
      <c r="HGH664" s="613"/>
      <c r="HGI664" s="613"/>
      <c r="HGJ664" s="613"/>
      <c r="HGK664" s="613"/>
      <c r="HGL664" s="613"/>
      <c r="HGM664" s="613"/>
      <c r="HGN664" s="613"/>
      <c r="HGO664" s="613"/>
      <c r="HGP664" s="613"/>
      <c r="HGQ664" s="613"/>
      <c r="HGR664" s="613"/>
      <c r="HGS664" s="613"/>
      <c r="HGT664" s="613"/>
      <c r="HGU664" s="613"/>
      <c r="HGV664" s="613"/>
      <c r="HGW664" s="613"/>
      <c r="HGX664" s="613"/>
      <c r="HGY664" s="613"/>
      <c r="HGZ664" s="613"/>
      <c r="HHA664" s="613"/>
      <c r="HHB664" s="613"/>
      <c r="HHC664" s="613"/>
      <c r="HHD664" s="613"/>
      <c r="HHE664" s="613"/>
      <c r="HHF664" s="613"/>
      <c r="HHG664" s="613"/>
      <c r="HHH664" s="613"/>
      <c r="HHI664" s="613"/>
      <c r="HHJ664" s="613"/>
      <c r="HHK664" s="613"/>
      <c r="HHL664" s="613"/>
      <c r="HHM664" s="613"/>
      <c r="HHN664" s="613"/>
      <c r="HHO664" s="613"/>
      <c r="HHP664" s="613"/>
      <c r="HHQ664" s="613"/>
      <c r="HHR664" s="613"/>
      <c r="HHS664" s="613"/>
      <c r="HHT664" s="613"/>
      <c r="HHU664" s="613"/>
      <c r="HHV664" s="613"/>
      <c r="HHW664" s="613"/>
      <c r="HHX664" s="613"/>
      <c r="HHY664" s="613"/>
      <c r="HHZ664" s="613"/>
      <c r="HIA664" s="613"/>
      <c r="HIB664" s="613"/>
      <c r="HIC664" s="613"/>
      <c r="HID664" s="613"/>
      <c r="HIE664" s="613"/>
      <c r="HIF664" s="613"/>
      <c r="HIG664" s="613"/>
      <c r="HIH664" s="613"/>
      <c r="HII664" s="613"/>
      <c r="HIJ664" s="613"/>
      <c r="HIK664" s="613"/>
      <c r="HIL664" s="613"/>
      <c r="HIM664" s="613"/>
      <c r="HIN664" s="613"/>
      <c r="HIO664" s="613"/>
      <c r="HIP664" s="613"/>
      <c r="HIQ664" s="613"/>
      <c r="HIR664" s="613"/>
      <c r="HIS664" s="613"/>
      <c r="HIT664" s="613"/>
      <c r="HIU664" s="613"/>
      <c r="HIV664" s="613"/>
      <c r="HIW664" s="613"/>
      <c r="HIX664" s="613"/>
      <c r="HIY664" s="613"/>
      <c r="HIZ664" s="613"/>
      <c r="HJA664" s="613"/>
      <c r="HJB664" s="613"/>
      <c r="HJC664" s="613"/>
      <c r="HJD664" s="613"/>
      <c r="HJE664" s="613"/>
      <c r="HJF664" s="613"/>
      <c r="HJG664" s="613"/>
      <c r="HJH664" s="613"/>
      <c r="HJI664" s="613"/>
      <c r="HJJ664" s="613"/>
      <c r="HJK664" s="613"/>
      <c r="HJL664" s="613"/>
      <c r="HJM664" s="613"/>
      <c r="HJN664" s="613"/>
      <c r="HJO664" s="613"/>
      <c r="HJP664" s="613"/>
      <c r="HJQ664" s="613"/>
      <c r="HJR664" s="613"/>
      <c r="HJS664" s="613"/>
      <c r="HJT664" s="613"/>
      <c r="HJU664" s="613"/>
      <c r="HJV664" s="613"/>
      <c r="HJW664" s="613"/>
      <c r="HJX664" s="613"/>
      <c r="HJY664" s="613"/>
      <c r="HJZ664" s="613"/>
      <c r="HKA664" s="613"/>
      <c r="HKB664" s="613"/>
      <c r="HKC664" s="613"/>
      <c r="HKD664" s="613"/>
      <c r="HKE664" s="613"/>
      <c r="HKF664" s="613"/>
      <c r="HKG664" s="613"/>
      <c r="HKH664" s="613"/>
      <c r="HKI664" s="613"/>
      <c r="HKJ664" s="613"/>
      <c r="HKK664" s="613"/>
      <c r="HKL664" s="613"/>
      <c r="HKM664" s="613"/>
      <c r="HKN664" s="613"/>
      <c r="HKO664" s="613"/>
      <c r="HKP664" s="613"/>
      <c r="HKQ664" s="613"/>
      <c r="HKR664" s="613"/>
      <c r="HKS664" s="613"/>
      <c r="HKT664" s="613"/>
      <c r="HKU664" s="613"/>
      <c r="HKV664" s="613"/>
      <c r="HKW664" s="613"/>
      <c r="HKX664" s="613"/>
      <c r="HKY664" s="613"/>
      <c r="HKZ664" s="613"/>
      <c r="HLA664" s="613"/>
      <c r="HLB664" s="613"/>
      <c r="HLC664" s="613"/>
      <c r="HLD664" s="613"/>
      <c r="HLE664" s="613"/>
      <c r="HLF664" s="613"/>
      <c r="HLG664" s="613"/>
      <c r="HLH664" s="613"/>
      <c r="HLI664" s="613"/>
      <c r="HLJ664" s="613"/>
      <c r="HLK664" s="613"/>
      <c r="HLL664" s="613"/>
      <c r="HLM664" s="613"/>
      <c r="HLN664" s="613"/>
      <c r="HLO664" s="613"/>
      <c r="HLP664" s="613"/>
      <c r="HLQ664" s="613"/>
      <c r="HLR664" s="613"/>
      <c r="HLS664" s="613"/>
      <c r="HLT664" s="613"/>
      <c r="HLU664" s="613"/>
      <c r="HLV664" s="613"/>
      <c r="HLW664" s="613"/>
      <c r="HLX664" s="613"/>
      <c r="HLY664" s="613"/>
      <c r="HLZ664" s="613"/>
      <c r="HMA664" s="613"/>
      <c r="HMB664" s="613"/>
      <c r="HMC664" s="613"/>
      <c r="HMD664" s="613"/>
      <c r="HME664" s="613"/>
      <c r="HMF664" s="613"/>
      <c r="HMG664" s="613"/>
      <c r="HMH664" s="613"/>
      <c r="HMI664" s="613"/>
      <c r="HMJ664" s="613"/>
      <c r="HMK664" s="613"/>
      <c r="HML664" s="613"/>
      <c r="HMM664" s="613"/>
      <c r="HMN664" s="613"/>
      <c r="HMO664" s="613"/>
      <c r="HMP664" s="613"/>
      <c r="HMQ664" s="613"/>
      <c r="HMR664" s="613"/>
      <c r="HMS664" s="613"/>
      <c r="HMT664" s="613"/>
      <c r="HMU664" s="613"/>
      <c r="HMV664" s="613"/>
      <c r="HMW664" s="613"/>
      <c r="HMX664" s="613"/>
      <c r="HMY664" s="613"/>
      <c r="HMZ664" s="613"/>
      <c r="HNA664" s="613"/>
      <c r="HNB664" s="613"/>
      <c r="HNC664" s="613"/>
      <c r="HND664" s="613"/>
      <c r="HNE664" s="613"/>
      <c r="HNF664" s="613"/>
      <c r="HNG664" s="613"/>
      <c r="HNH664" s="613"/>
      <c r="HNI664" s="613"/>
      <c r="HNJ664" s="613"/>
      <c r="HNK664" s="613"/>
      <c r="HNL664" s="613"/>
      <c r="HNM664" s="613"/>
      <c r="HNN664" s="613"/>
      <c r="HNO664" s="613"/>
      <c r="HNP664" s="613"/>
      <c r="HNQ664" s="613"/>
      <c r="HNR664" s="613"/>
      <c r="HNS664" s="613"/>
      <c r="HNT664" s="613"/>
      <c r="HNU664" s="613"/>
      <c r="HNV664" s="613"/>
      <c r="HNW664" s="613"/>
      <c r="HNX664" s="613"/>
      <c r="HNY664" s="613"/>
      <c r="HNZ664" s="613"/>
      <c r="HOA664" s="613"/>
      <c r="HOB664" s="613"/>
      <c r="HOC664" s="613"/>
      <c r="HOD664" s="613"/>
      <c r="HOE664" s="613"/>
      <c r="HOF664" s="613"/>
      <c r="HOG664" s="613"/>
      <c r="HOH664" s="613"/>
      <c r="HOI664" s="613"/>
      <c r="HOJ664" s="613"/>
      <c r="HOK664" s="613"/>
      <c r="HOL664" s="613"/>
      <c r="HOM664" s="613"/>
      <c r="HON664" s="613"/>
      <c r="HOO664" s="613"/>
      <c r="HOP664" s="613"/>
      <c r="HOQ664" s="613"/>
      <c r="HOR664" s="613"/>
      <c r="HOS664" s="613"/>
      <c r="HOT664" s="613"/>
      <c r="HOU664" s="613"/>
      <c r="HOV664" s="613"/>
      <c r="HOW664" s="613"/>
      <c r="HOX664" s="613"/>
      <c r="HOY664" s="613"/>
      <c r="HOZ664" s="613"/>
      <c r="HPA664" s="613"/>
      <c r="HPB664" s="613"/>
      <c r="HPC664" s="613"/>
      <c r="HPD664" s="613"/>
      <c r="HPE664" s="613"/>
      <c r="HPF664" s="613"/>
      <c r="HPG664" s="613"/>
      <c r="HPH664" s="613"/>
      <c r="HPI664" s="613"/>
      <c r="HPJ664" s="613"/>
      <c r="HPK664" s="613"/>
      <c r="HPL664" s="613"/>
      <c r="HPM664" s="613"/>
      <c r="HPN664" s="613"/>
      <c r="HPO664" s="613"/>
      <c r="HPP664" s="613"/>
      <c r="HPQ664" s="613"/>
      <c r="HPR664" s="613"/>
      <c r="HPS664" s="613"/>
      <c r="HPT664" s="613"/>
      <c r="HPU664" s="613"/>
      <c r="HPV664" s="613"/>
      <c r="HPW664" s="613"/>
      <c r="HPX664" s="613"/>
      <c r="HPY664" s="613"/>
      <c r="HPZ664" s="613"/>
      <c r="HQA664" s="613"/>
      <c r="HQB664" s="613"/>
      <c r="HQC664" s="613"/>
      <c r="HQD664" s="613"/>
      <c r="HQE664" s="613"/>
      <c r="HQF664" s="613"/>
      <c r="HQG664" s="613"/>
      <c r="HQH664" s="613"/>
      <c r="HQI664" s="613"/>
      <c r="HQJ664" s="613"/>
      <c r="HQK664" s="613"/>
      <c r="HQL664" s="613"/>
      <c r="HQM664" s="613"/>
      <c r="HQN664" s="613"/>
      <c r="HQO664" s="613"/>
      <c r="HQP664" s="613"/>
      <c r="HQQ664" s="613"/>
      <c r="HQR664" s="613"/>
      <c r="HQS664" s="613"/>
      <c r="HQT664" s="613"/>
      <c r="HQU664" s="613"/>
      <c r="HQV664" s="613"/>
      <c r="HQW664" s="613"/>
      <c r="HQX664" s="613"/>
      <c r="HQY664" s="613"/>
      <c r="HQZ664" s="613"/>
      <c r="HRA664" s="613"/>
      <c r="HRB664" s="613"/>
      <c r="HRC664" s="613"/>
      <c r="HRD664" s="613"/>
      <c r="HRE664" s="613"/>
      <c r="HRF664" s="613"/>
      <c r="HRG664" s="613"/>
      <c r="HRH664" s="613"/>
      <c r="HRI664" s="613"/>
      <c r="HRJ664" s="613"/>
      <c r="HRK664" s="613"/>
      <c r="HRL664" s="613"/>
      <c r="HRM664" s="613"/>
      <c r="HRN664" s="613"/>
      <c r="HRO664" s="613"/>
      <c r="HRP664" s="613"/>
      <c r="HRQ664" s="613"/>
      <c r="HRR664" s="613"/>
      <c r="HRS664" s="613"/>
      <c r="HRT664" s="613"/>
      <c r="HRU664" s="613"/>
      <c r="HRV664" s="613"/>
      <c r="HRW664" s="613"/>
      <c r="HRX664" s="613"/>
      <c r="HRY664" s="613"/>
      <c r="HRZ664" s="613"/>
      <c r="HSA664" s="613"/>
      <c r="HSB664" s="613"/>
      <c r="HSC664" s="613"/>
      <c r="HSD664" s="613"/>
      <c r="HSE664" s="613"/>
      <c r="HSF664" s="613"/>
      <c r="HSG664" s="613"/>
      <c r="HSH664" s="613"/>
      <c r="HSI664" s="613"/>
      <c r="HSJ664" s="613"/>
      <c r="HSK664" s="613"/>
      <c r="HSL664" s="613"/>
      <c r="HSM664" s="613"/>
      <c r="HSN664" s="613"/>
      <c r="HSO664" s="613"/>
      <c r="HSP664" s="613"/>
      <c r="HSQ664" s="613"/>
      <c r="HSR664" s="613"/>
      <c r="HSS664" s="613"/>
      <c r="HST664" s="613"/>
      <c r="HSU664" s="613"/>
      <c r="HSV664" s="613"/>
      <c r="HSW664" s="613"/>
      <c r="HSX664" s="613"/>
      <c r="HSY664" s="613"/>
      <c r="HSZ664" s="613"/>
      <c r="HTA664" s="613"/>
      <c r="HTB664" s="613"/>
      <c r="HTC664" s="613"/>
      <c r="HTD664" s="613"/>
      <c r="HTE664" s="613"/>
      <c r="HTF664" s="613"/>
      <c r="HTG664" s="613"/>
      <c r="HTH664" s="613"/>
      <c r="HTI664" s="613"/>
      <c r="HTJ664" s="613"/>
      <c r="HTK664" s="613"/>
      <c r="HTL664" s="613"/>
      <c r="HTM664" s="613"/>
      <c r="HTN664" s="613"/>
      <c r="HTO664" s="613"/>
      <c r="HTP664" s="613"/>
      <c r="HTQ664" s="613"/>
      <c r="HTR664" s="613"/>
      <c r="HTS664" s="613"/>
      <c r="HTT664" s="613"/>
      <c r="HTU664" s="613"/>
      <c r="HTV664" s="613"/>
      <c r="HTW664" s="613"/>
      <c r="HTX664" s="613"/>
      <c r="HTY664" s="613"/>
      <c r="HTZ664" s="613"/>
      <c r="HUA664" s="613"/>
      <c r="HUB664" s="613"/>
      <c r="HUC664" s="613"/>
      <c r="HUD664" s="613"/>
      <c r="HUE664" s="613"/>
      <c r="HUF664" s="613"/>
      <c r="HUG664" s="613"/>
      <c r="HUH664" s="613"/>
      <c r="HUI664" s="613"/>
      <c r="HUJ664" s="613"/>
      <c r="HUK664" s="613"/>
      <c r="HUL664" s="613"/>
      <c r="HUM664" s="613"/>
      <c r="HUN664" s="613"/>
      <c r="HUO664" s="613"/>
      <c r="HUP664" s="613"/>
      <c r="HUQ664" s="613"/>
      <c r="HUR664" s="613"/>
      <c r="HUS664" s="613"/>
      <c r="HUT664" s="613"/>
      <c r="HUU664" s="613"/>
      <c r="HUV664" s="613"/>
      <c r="HUW664" s="613"/>
      <c r="HUX664" s="613"/>
      <c r="HUY664" s="613"/>
      <c r="HUZ664" s="613"/>
      <c r="HVA664" s="613"/>
      <c r="HVB664" s="613"/>
      <c r="HVC664" s="613"/>
      <c r="HVD664" s="613"/>
      <c r="HVE664" s="613"/>
      <c r="HVF664" s="613"/>
      <c r="HVG664" s="613"/>
      <c r="HVH664" s="613"/>
      <c r="HVI664" s="613"/>
      <c r="HVJ664" s="613"/>
      <c r="HVK664" s="613"/>
      <c r="HVL664" s="613"/>
      <c r="HVM664" s="613"/>
      <c r="HVN664" s="613"/>
      <c r="HVO664" s="613"/>
      <c r="HVP664" s="613"/>
      <c r="HVQ664" s="613"/>
      <c r="HVR664" s="613"/>
      <c r="HVS664" s="613"/>
      <c r="HVT664" s="613"/>
      <c r="HVU664" s="613"/>
      <c r="HVV664" s="613"/>
      <c r="HVW664" s="613"/>
      <c r="HVX664" s="613"/>
      <c r="HVY664" s="613"/>
      <c r="HVZ664" s="613"/>
      <c r="HWA664" s="613"/>
      <c r="HWB664" s="613"/>
      <c r="HWC664" s="613"/>
      <c r="HWD664" s="613"/>
      <c r="HWE664" s="613"/>
      <c r="HWF664" s="613"/>
      <c r="HWG664" s="613"/>
      <c r="HWH664" s="613"/>
      <c r="HWI664" s="613"/>
      <c r="HWJ664" s="613"/>
      <c r="HWK664" s="613"/>
      <c r="HWL664" s="613"/>
      <c r="HWM664" s="613"/>
      <c r="HWN664" s="613"/>
      <c r="HWO664" s="613"/>
      <c r="HWP664" s="613"/>
      <c r="HWQ664" s="613"/>
      <c r="HWR664" s="613"/>
      <c r="HWS664" s="613"/>
      <c r="HWT664" s="613"/>
      <c r="HWU664" s="613"/>
      <c r="HWV664" s="613"/>
      <c r="HWW664" s="613"/>
      <c r="HWX664" s="613"/>
      <c r="HWY664" s="613"/>
      <c r="HWZ664" s="613"/>
      <c r="HXA664" s="613"/>
      <c r="HXB664" s="613"/>
      <c r="HXC664" s="613"/>
      <c r="HXD664" s="613"/>
      <c r="HXE664" s="613"/>
      <c r="HXF664" s="613"/>
      <c r="HXG664" s="613"/>
      <c r="HXH664" s="613"/>
      <c r="HXI664" s="613"/>
      <c r="HXJ664" s="613"/>
      <c r="HXK664" s="613"/>
      <c r="HXL664" s="613"/>
      <c r="HXM664" s="613"/>
      <c r="HXN664" s="613"/>
      <c r="HXO664" s="613"/>
      <c r="HXP664" s="613"/>
      <c r="HXQ664" s="613"/>
      <c r="HXR664" s="613"/>
      <c r="HXS664" s="613"/>
      <c r="HXT664" s="613"/>
      <c r="HXU664" s="613"/>
      <c r="HXV664" s="613"/>
      <c r="HXW664" s="613"/>
      <c r="HXX664" s="613"/>
      <c r="HXY664" s="613"/>
      <c r="HXZ664" s="613"/>
      <c r="HYA664" s="613"/>
      <c r="HYB664" s="613"/>
      <c r="HYC664" s="613"/>
      <c r="HYD664" s="613"/>
      <c r="HYE664" s="613"/>
      <c r="HYF664" s="613"/>
      <c r="HYG664" s="613"/>
      <c r="HYH664" s="613"/>
      <c r="HYI664" s="613"/>
      <c r="HYJ664" s="613"/>
      <c r="HYK664" s="613"/>
      <c r="HYL664" s="613"/>
      <c r="HYM664" s="613"/>
      <c r="HYN664" s="613"/>
      <c r="HYO664" s="613"/>
      <c r="HYP664" s="613"/>
      <c r="HYQ664" s="613"/>
      <c r="HYR664" s="613"/>
      <c r="HYS664" s="613"/>
      <c r="HYT664" s="613"/>
      <c r="HYU664" s="613"/>
      <c r="HYV664" s="613"/>
      <c r="HYW664" s="613"/>
      <c r="HYX664" s="613"/>
      <c r="HYY664" s="613"/>
      <c r="HYZ664" s="613"/>
      <c r="HZA664" s="613"/>
      <c r="HZB664" s="613"/>
      <c r="HZC664" s="613"/>
      <c r="HZD664" s="613"/>
      <c r="HZE664" s="613"/>
      <c r="HZF664" s="613"/>
      <c r="HZG664" s="613"/>
      <c r="HZH664" s="613"/>
      <c r="HZI664" s="613"/>
      <c r="HZJ664" s="613"/>
      <c r="HZK664" s="613"/>
      <c r="HZL664" s="613"/>
      <c r="HZM664" s="613"/>
      <c r="HZN664" s="613"/>
      <c r="HZO664" s="613"/>
      <c r="HZP664" s="613"/>
      <c r="HZQ664" s="613"/>
      <c r="HZR664" s="613"/>
      <c r="HZS664" s="613"/>
      <c r="HZT664" s="613"/>
      <c r="HZU664" s="613"/>
      <c r="HZV664" s="613"/>
      <c r="HZW664" s="613"/>
      <c r="HZX664" s="613"/>
      <c r="HZY664" s="613"/>
      <c r="HZZ664" s="613"/>
      <c r="IAA664" s="613"/>
      <c r="IAB664" s="613"/>
      <c r="IAC664" s="613"/>
      <c r="IAD664" s="613"/>
      <c r="IAE664" s="613"/>
      <c r="IAF664" s="613"/>
      <c r="IAG664" s="613"/>
      <c r="IAH664" s="613"/>
      <c r="IAI664" s="613"/>
      <c r="IAJ664" s="613"/>
      <c r="IAK664" s="613"/>
      <c r="IAL664" s="613"/>
      <c r="IAM664" s="613"/>
      <c r="IAN664" s="613"/>
      <c r="IAO664" s="613"/>
      <c r="IAP664" s="613"/>
      <c r="IAQ664" s="613"/>
      <c r="IAR664" s="613"/>
      <c r="IAS664" s="613"/>
      <c r="IAT664" s="613"/>
      <c r="IAU664" s="613"/>
      <c r="IAV664" s="613"/>
      <c r="IAW664" s="613"/>
      <c r="IAX664" s="613"/>
      <c r="IAY664" s="613"/>
      <c r="IAZ664" s="613"/>
      <c r="IBA664" s="613"/>
      <c r="IBB664" s="613"/>
      <c r="IBC664" s="613"/>
      <c r="IBD664" s="613"/>
      <c r="IBE664" s="613"/>
      <c r="IBF664" s="613"/>
      <c r="IBG664" s="613"/>
      <c r="IBH664" s="613"/>
      <c r="IBI664" s="613"/>
      <c r="IBJ664" s="613"/>
      <c r="IBK664" s="613"/>
      <c r="IBL664" s="613"/>
      <c r="IBM664" s="613"/>
      <c r="IBN664" s="613"/>
      <c r="IBO664" s="613"/>
      <c r="IBP664" s="613"/>
      <c r="IBQ664" s="613"/>
      <c r="IBR664" s="613"/>
      <c r="IBS664" s="613"/>
      <c r="IBT664" s="613"/>
      <c r="IBU664" s="613"/>
      <c r="IBV664" s="613"/>
      <c r="IBW664" s="613"/>
      <c r="IBX664" s="613"/>
      <c r="IBY664" s="613"/>
      <c r="IBZ664" s="613"/>
      <c r="ICA664" s="613"/>
      <c r="ICB664" s="613"/>
      <c r="ICC664" s="613"/>
      <c r="ICD664" s="613"/>
      <c r="ICE664" s="613"/>
      <c r="ICF664" s="613"/>
      <c r="ICG664" s="613"/>
      <c r="ICH664" s="613"/>
      <c r="ICI664" s="613"/>
      <c r="ICJ664" s="613"/>
      <c r="ICK664" s="613"/>
      <c r="ICL664" s="613"/>
      <c r="ICM664" s="613"/>
      <c r="ICN664" s="613"/>
      <c r="ICO664" s="613"/>
      <c r="ICP664" s="613"/>
      <c r="ICQ664" s="613"/>
      <c r="ICR664" s="613"/>
      <c r="ICS664" s="613"/>
      <c r="ICT664" s="613"/>
      <c r="ICU664" s="613"/>
      <c r="ICV664" s="613"/>
      <c r="ICW664" s="613"/>
      <c r="ICX664" s="613"/>
      <c r="ICY664" s="613"/>
      <c r="ICZ664" s="613"/>
      <c r="IDA664" s="613"/>
      <c r="IDB664" s="613"/>
      <c r="IDC664" s="613"/>
      <c r="IDD664" s="613"/>
      <c r="IDE664" s="613"/>
      <c r="IDF664" s="613"/>
      <c r="IDG664" s="613"/>
      <c r="IDH664" s="613"/>
      <c r="IDI664" s="613"/>
      <c r="IDJ664" s="613"/>
      <c r="IDK664" s="613"/>
      <c r="IDL664" s="613"/>
      <c r="IDM664" s="613"/>
      <c r="IDN664" s="613"/>
      <c r="IDO664" s="613"/>
      <c r="IDP664" s="613"/>
      <c r="IDQ664" s="613"/>
      <c r="IDR664" s="613"/>
      <c r="IDS664" s="613"/>
      <c r="IDT664" s="613"/>
      <c r="IDU664" s="613"/>
      <c r="IDV664" s="613"/>
      <c r="IDW664" s="613"/>
      <c r="IDX664" s="613"/>
      <c r="IDY664" s="613"/>
      <c r="IDZ664" s="613"/>
      <c r="IEA664" s="613"/>
      <c r="IEB664" s="613"/>
      <c r="IEC664" s="613"/>
      <c r="IED664" s="613"/>
      <c r="IEE664" s="613"/>
      <c r="IEF664" s="613"/>
      <c r="IEG664" s="613"/>
      <c r="IEH664" s="613"/>
      <c r="IEI664" s="613"/>
      <c r="IEJ664" s="613"/>
      <c r="IEK664" s="613"/>
      <c r="IEL664" s="613"/>
      <c r="IEM664" s="613"/>
      <c r="IEN664" s="613"/>
      <c r="IEO664" s="613"/>
      <c r="IEP664" s="613"/>
      <c r="IEQ664" s="613"/>
      <c r="IER664" s="613"/>
      <c r="IES664" s="613"/>
      <c r="IET664" s="613"/>
      <c r="IEU664" s="613"/>
      <c r="IEV664" s="613"/>
      <c r="IEW664" s="613"/>
      <c r="IEX664" s="613"/>
      <c r="IEY664" s="613"/>
      <c r="IEZ664" s="613"/>
      <c r="IFA664" s="613"/>
      <c r="IFB664" s="613"/>
      <c r="IFC664" s="613"/>
      <c r="IFD664" s="613"/>
      <c r="IFE664" s="613"/>
      <c r="IFF664" s="613"/>
      <c r="IFG664" s="613"/>
      <c r="IFH664" s="613"/>
      <c r="IFI664" s="613"/>
      <c r="IFJ664" s="613"/>
      <c r="IFK664" s="613"/>
      <c r="IFL664" s="613"/>
      <c r="IFM664" s="613"/>
      <c r="IFN664" s="613"/>
      <c r="IFO664" s="613"/>
      <c r="IFP664" s="613"/>
      <c r="IFQ664" s="613"/>
      <c r="IFR664" s="613"/>
      <c r="IFS664" s="613"/>
      <c r="IFT664" s="613"/>
      <c r="IFU664" s="613"/>
      <c r="IFV664" s="613"/>
      <c r="IFW664" s="613"/>
      <c r="IFX664" s="613"/>
      <c r="IFY664" s="613"/>
      <c r="IFZ664" s="613"/>
      <c r="IGA664" s="613"/>
      <c r="IGB664" s="613"/>
      <c r="IGC664" s="613"/>
      <c r="IGD664" s="613"/>
      <c r="IGE664" s="613"/>
      <c r="IGF664" s="613"/>
      <c r="IGG664" s="613"/>
      <c r="IGH664" s="613"/>
      <c r="IGI664" s="613"/>
      <c r="IGJ664" s="613"/>
      <c r="IGK664" s="613"/>
      <c r="IGL664" s="613"/>
      <c r="IGM664" s="613"/>
      <c r="IGN664" s="613"/>
      <c r="IGO664" s="613"/>
      <c r="IGP664" s="613"/>
      <c r="IGQ664" s="613"/>
      <c r="IGR664" s="613"/>
      <c r="IGS664" s="613"/>
      <c r="IGT664" s="613"/>
      <c r="IGU664" s="613"/>
      <c r="IGV664" s="613"/>
      <c r="IGW664" s="613"/>
      <c r="IGX664" s="613"/>
      <c r="IGY664" s="613"/>
      <c r="IGZ664" s="613"/>
      <c r="IHA664" s="613"/>
      <c r="IHB664" s="613"/>
      <c r="IHC664" s="613"/>
      <c r="IHD664" s="613"/>
      <c r="IHE664" s="613"/>
      <c r="IHF664" s="613"/>
      <c r="IHG664" s="613"/>
      <c r="IHH664" s="613"/>
      <c r="IHI664" s="613"/>
      <c r="IHJ664" s="613"/>
      <c r="IHK664" s="613"/>
      <c r="IHL664" s="613"/>
      <c r="IHM664" s="613"/>
      <c r="IHN664" s="613"/>
      <c r="IHO664" s="613"/>
      <c r="IHP664" s="613"/>
      <c r="IHQ664" s="613"/>
      <c r="IHR664" s="613"/>
      <c r="IHS664" s="613"/>
      <c r="IHT664" s="613"/>
      <c r="IHU664" s="613"/>
      <c r="IHV664" s="613"/>
      <c r="IHW664" s="613"/>
      <c r="IHX664" s="613"/>
      <c r="IHY664" s="613"/>
      <c r="IHZ664" s="613"/>
      <c r="IIA664" s="613"/>
      <c r="IIB664" s="613"/>
      <c r="IIC664" s="613"/>
      <c r="IID664" s="613"/>
      <c r="IIE664" s="613"/>
      <c r="IIF664" s="613"/>
      <c r="IIG664" s="613"/>
      <c r="IIH664" s="613"/>
      <c r="III664" s="613"/>
      <c r="IIJ664" s="613"/>
      <c r="IIK664" s="613"/>
      <c r="IIL664" s="613"/>
      <c r="IIM664" s="613"/>
      <c r="IIN664" s="613"/>
      <c r="IIO664" s="613"/>
      <c r="IIP664" s="613"/>
      <c r="IIQ664" s="613"/>
      <c r="IIR664" s="613"/>
      <c r="IIS664" s="613"/>
      <c r="IIT664" s="613"/>
      <c r="IIU664" s="613"/>
      <c r="IIV664" s="613"/>
      <c r="IIW664" s="613"/>
      <c r="IIX664" s="613"/>
      <c r="IIY664" s="613"/>
      <c r="IIZ664" s="613"/>
      <c r="IJA664" s="613"/>
      <c r="IJB664" s="613"/>
      <c r="IJC664" s="613"/>
      <c r="IJD664" s="613"/>
      <c r="IJE664" s="613"/>
      <c r="IJF664" s="613"/>
      <c r="IJG664" s="613"/>
      <c r="IJH664" s="613"/>
      <c r="IJI664" s="613"/>
      <c r="IJJ664" s="613"/>
      <c r="IJK664" s="613"/>
      <c r="IJL664" s="613"/>
      <c r="IJM664" s="613"/>
      <c r="IJN664" s="613"/>
      <c r="IJO664" s="613"/>
      <c r="IJP664" s="613"/>
      <c r="IJQ664" s="613"/>
      <c r="IJR664" s="613"/>
      <c r="IJS664" s="613"/>
      <c r="IJT664" s="613"/>
      <c r="IJU664" s="613"/>
      <c r="IJV664" s="613"/>
      <c r="IJW664" s="613"/>
      <c r="IJX664" s="613"/>
      <c r="IJY664" s="613"/>
      <c r="IJZ664" s="613"/>
      <c r="IKA664" s="613"/>
      <c r="IKB664" s="613"/>
      <c r="IKC664" s="613"/>
      <c r="IKD664" s="613"/>
      <c r="IKE664" s="613"/>
      <c r="IKF664" s="613"/>
      <c r="IKG664" s="613"/>
      <c r="IKH664" s="613"/>
      <c r="IKI664" s="613"/>
      <c r="IKJ664" s="613"/>
      <c r="IKK664" s="613"/>
      <c r="IKL664" s="613"/>
      <c r="IKM664" s="613"/>
      <c r="IKN664" s="613"/>
      <c r="IKO664" s="613"/>
      <c r="IKP664" s="613"/>
      <c r="IKQ664" s="613"/>
      <c r="IKR664" s="613"/>
      <c r="IKS664" s="613"/>
      <c r="IKT664" s="613"/>
      <c r="IKU664" s="613"/>
      <c r="IKV664" s="613"/>
      <c r="IKW664" s="613"/>
      <c r="IKX664" s="613"/>
      <c r="IKY664" s="613"/>
      <c r="IKZ664" s="613"/>
      <c r="ILA664" s="613"/>
      <c r="ILB664" s="613"/>
      <c r="ILC664" s="613"/>
      <c r="ILD664" s="613"/>
      <c r="ILE664" s="613"/>
      <c r="ILF664" s="613"/>
      <c r="ILG664" s="613"/>
      <c r="ILH664" s="613"/>
      <c r="ILI664" s="613"/>
      <c r="ILJ664" s="613"/>
      <c r="ILK664" s="613"/>
      <c r="ILL664" s="613"/>
      <c r="ILM664" s="613"/>
      <c r="ILN664" s="613"/>
      <c r="ILO664" s="613"/>
      <c r="ILP664" s="613"/>
      <c r="ILQ664" s="613"/>
      <c r="ILR664" s="613"/>
      <c r="ILS664" s="613"/>
      <c r="ILT664" s="613"/>
      <c r="ILU664" s="613"/>
      <c r="ILV664" s="613"/>
      <c r="ILW664" s="613"/>
      <c r="ILX664" s="613"/>
      <c r="ILY664" s="613"/>
      <c r="ILZ664" s="613"/>
      <c r="IMA664" s="613"/>
      <c r="IMB664" s="613"/>
      <c r="IMC664" s="613"/>
      <c r="IMD664" s="613"/>
      <c r="IME664" s="613"/>
      <c r="IMF664" s="613"/>
      <c r="IMG664" s="613"/>
      <c r="IMH664" s="613"/>
      <c r="IMI664" s="613"/>
      <c r="IMJ664" s="613"/>
      <c r="IMK664" s="613"/>
      <c r="IML664" s="613"/>
      <c r="IMM664" s="613"/>
      <c r="IMN664" s="613"/>
      <c r="IMO664" s="613"/>
      <c r="IMP664" s="613"/>
      <c r="IMQ664" s="613"/>
      <c r="IMR664" s="613"/>
      <c r="IMS664" s="613"/>
      <c r="IMT664" s="613"/>
      <c r="IMU664" s="613"/>
      <c r="IMV664" s="613"/>
      <c r="IMW664" s="613"/>
      <c r="IMX664" s="613"/>
      <c r="IMY664" s="613"/>
      <c r="IMZ664" s="613"/>
      <c r="INA664" s="613"/>
      <c r="INB664" s="613"/>
      <c r="INC664" s="613"/>
      <c r="IND664" s="613"/>
      <c r="INE664" s="613"/>
      <c r="INF664" s="613"/>
      <c r="ING664" s="613"/>
      <c r="INH664" s="613"/>
      <c r="INI664" s="613"/>
      <c r="INJ664" s="613"/>
      <c r="INK664" s="613"/>
      <c r="INL664" s="613"/>
      <c r="INM664" s="613"/>
      <c r="INN664" s="613"/>
      <c r="INO664" s="613"/>
      <c r="INP664" s="613"/>
      <c r="INQ664" s="613"/>
      <c r="INR664" s="613"/>
      <c r="INS664" s="613"/>
      <c r="INT664" s="613"/>
      <c r="INU664" s="613"/>
      <c r="INV664" s="613"/>
      <c r="INW664" s="613"/>
      <c r="INX664" s="613"/>
      <c r="INY664" s="613"/>
      <c r="INZ664" s="613"/>
      <c r="IOA664" s="613"/>
      <c r="IOB664" s="613"/>
      <c r="IOC664" s="613"/>
      <c r="IOD664" s="613"/>
      <c r="IOE664" s="613"/>
      <c r="IOF664" s="613"/>
      <c r="IOG664" s="613"/>
      <c r="IOH664" s="613"/>
      <c r="IOI664" s="613"/>
      <c r="IOJ664" s="613"/>
      <c r="IOK664" s="613"/>
      <c r="IOL664" s="613"/>
      <c r="IOM664" s="613"/>
      <c r="ION664" s="613"/>
      <c r="IOO664" s="613"/>
      <c r="IOP664" s="613"/>
      <c r="IOQ664" s="613"/>
      <c r="IOR664" s="613"/>
      <c r="IOS664" s="613"/>
      <c r="IOT664" s="613"/>
      <c r="IOU664" s="613"/>
      <c r="IOV664" s="613"/>
      <c r="IOW664" s="613"/>
      <c r="IOX664" s="613"/>
      <c r="IOY664" s="613"/>
      <c r="IOZ664" s="613"/>
      <c r="IPA664" s="613"/>
      <c r="IPB664" s="613"/>
      <c r="IPC664" s="613"/>
      <c r="IPD664" s="613"/>
      <c r="IPE664" s="613"/>
      <c r="IPF664" s="613"/>
      <c r="IPG664" s="613"/>
      <c r="IPH664" s="613"/>
      <c r="IPI664" s="613"/>
      <c r="IPJ664" s="613"/>
      <c r="IPK664" s="613"/>
      <c r="IPL664" s="613"/>
      <c r="IPM664" s="613"/>
      <c r="IPN664" s="613"/>
      <c r="IPO664" s="613"/>
      <c r="IPP664" s="613"/>
      <c r="IPQ664" s="613"/>
      <c r="IPR664" s="613"/>
      <c r="IPS664" s="613"/>
      <c r="IPT664" s="613"/>
      <c r="IPU664" s="613"/>
      <c r="IPV664" s="613"/>
      <c r="IPW664" s="613"/>
      <c r="IPX664" s="613"/>
      <c r="IPY664" s="613"/>
      <c r="IPZ664" s="613"/>
      <c r="IQA664" s="613"/>
      <c r="IQB664" s="613"/>
      <c r="IQC664" s="613"/>
      <c r="IQD664" s="613"/>
      <c r="IQE664" s="613"/>
      <c r="IQF664" s="613"/>
      <c r="IQG664" s="613"/>
      <c r="IQH664" s="613"/>
      <c r="IQI664" s="613"/>
      <c r="IQJ664" s="613"/>
      <c r="IQK664" s="613"/>
      <c r="IQL664" s="613"/>
      <c r="IQM664" s="613"/>
      <c r="IQN664" s="613"/>
      <c r="IQO664" s="613"/>
      <c r="IQP664" s="613"/>
      <c r="IQQ664" s="613"/>
      <c r="IQR664" s="613"/>
      <c r="IQS664" s="613"/>
      <c r="IQT664" s="613"/>
      <c r="IQU664" s="613"/>
      <c r="IQV664" s="613"/>
      <c r="IQW664" s="613"/>
      <c r="IQX664" s="613"/>
      <c r="IQY664" s="613"/>
      <c r="IQZ664" s="613"/>
      <c r="IRA664" s="613"/>
      <c r="IRB664" s="613"/>
      <c r="IRC664" s="613"/>
      <c r="IRD664" s="613"/>
      <c r="IRE664" s="613"/>
      <c r="IRF664" s="613"/>
      <c r="IRG664" s="613"/>
      <c r="IRH664" s="613"/>
      <c r="IRI664" s="613"/>
      <c r="IRJ664" s="613"/>
      <c r="IRK664" s="613"/>
      <c r="IRL664" s="613"/>
      <c r="IRM664" s="613"/>
      <c r="IRN664" s="613"/>
      <c r="IRO664" s="613"/>
      <c r="IRP664" s="613"/>
      <c r="IRQ664" s="613"/>
      <c r="IRR664" s="613"/>
      <c r="IRS664" s="613"/>
      <c r="IRT664" s="613"/>
      <c r="IRU664" s="613"/>
      <c r="IRV664" s="613"/>
      <c r="IRW664" s="613"/>
      <c r="IRX664" s="613"/>
      <c r="IRY664" s="613"/>
      <c r="IRZ664" s="613"/>
      <c r="ISA664" s="613"/>
      <c r="ISB664" s="613"/>
      <c r="ISC664" s="613"/>
      <c r="ISD664" s="613"/>
      <c r="ISE664" s="613"/>
      <c r="ISF664" s="613"/>
      <c r="ISG664" s="613"/>
      <c r="ISH664" s="613"/>
      <c r="ISI664" s="613"/>
      <c r="ISJ664" s="613"/>
      <c r="ISK664" s="613"/>
      <c r="ISL664" s="613"/>
      <c r="ISM664" s="613"/>
      <c r="ISN664" s="613"/>
      <c r="ISO664" s="613"/>
      <c r="ISP664" s="613"/>
      <c r="ISQ664" s="613"/>
      <c r="ISR664" s="613"/>
      <c r="ISS664" s="613"/>
      <c r="IST664" s="613"/>
      <c r="ISU664" s="613"/>
      <c r="ISV664" s="613"/>
      <c r="ISW664" s="613"/>
      <c r="ISX664" s="613"/>
      <c r="ISY664" s="613"/>
      <c r="ISZ664" s="613"/>
      <c r="ITA664" s="613"/>
      <c r="ITB664" s="613"/>
      <c r="ITC664" s="613"/>
      <c r="ITD664" s="613"/>
      <c r="ITE664" s="613"/>
      <c r="ITF664" s="613"/>
      <c r="ITG664" s="613"/>
      <c r="ITH664" s="613"/>
      <c r="ITI664" s="613"/>
      <c r="ITJ664" s="613"/>
      <c r="ITK664" s="613"/>
      <c r="ITL664" s="613"/>
      <c r="ITM664" s="613"/>
      <c r="ITN664" s="613"/>
      <c r="ITO664" s="613"/>
      <c r="ITP664" s="613"/>
      <c r="ITQ664" s="613"/>
      <c r="ITR664" s="613"/>
      <c r="ITS664" s="613"/>
      <c r="ITT664" s="613"/>
      <c r="ITU664" s="613"/>
      <c r="ITV664" s="613"/>
      <c r="ITW664" s="613"/>
      <c r="ITX664" s="613"/>
      <c r="ITY664" s="613"/>
      <c r="ITZ664" s="613"/>
      <c r="IUA664" s="613"/>
      <c r="IUB664" s="613"/>
      <c r="IUC664" s="613"/>
      <c r="IUD664" s="613"/>
      <c r="IUE664" s="613"/>
      <c r="IUF664" s="613"/>
      <c r="IUG664" s="613"/>
      <c r="IUH664" s="613"/>
      <c r="IUI664" s="613"/>
      <c r="IUJ664" s="613"/>
      <c r="IUK664" s="613"/>
      <c r="IUL664" s="613"/>
      <c r="IUM664" s="613"/>
      <c r="IUN664" s="613"/>
      <c r="IUO664" s="613"/>
      <c r="IUP664" s="613"/>
      <c r="IUQ664" s="613"/>
      <c r="IUR664" s="613"/>
      <c r="IUS664" s="613"/>
      <c r="IUT664" s="613"/>
      <c r="IUU664" s="613"/>
      <c r="IUV664" s="613"/>
      <c r="IUW664" s="613"/>
      <c r="IUX664" s="613"/>
      <c r="IUY664" s="613"/>
      <c r="IUZ664" s="613"/>
      <c r="IVA664" s="613"/>
      <c r="IVB664" s="613"/>
      <c r="IVC664" s="613"/>
      <c r="IVD664" s="613"/>
      <c r="IVE664" s="613"/>
      <c r="IVF664" s="613"/>
      <c r="IVG664" s="613"/>
      <c r="IVH664" s="613"/>
      <c r="IVI664" s="613"/>
      <c r="IVJ664" s="613"/>
      <c r="IVK664" s="613"/>
      <c r="IVL664" s="613"/>
      <c r="IVM664" s="613"/>
      <c r="IVN664" s="613"/>
      <c r="IVO664" s="613"/>
      <c r="IVP664" s="613"/>
      <c r="IVQ664" s="613"/>
      <c r="IVR664" s="613"/>
      <c r="IVS664" s="613"/>
      <c r="IVT664" s="613"/>
      <c r="IVU664" s="613"/>
      <c r="IVV664" s="613"/>
      <c r="IVW664" s="613"/>
      <c r="IVX664" s="613"/>
      <c r="IVY664" s="613"/>
      <c r="IVZ664" s="613"/>
      <c r="IWA664" s="613"/>
      <c r="IWB664" s="613"/>
      <c r="IWC664" s="613"/>
      <c r="IWD664" s="613"/>
      <c r="IWE664" s="613"/>
      <c r="IWF664" s="613"/>
      <c r="IWG664" s="613"/>
      <c r="IWH664" s="613"/>
      <c r="IWI664" s="613"/>
      <c r="IWJ664" s="613"/>
      <c r="IWK664" s="613"/>
      <c r="IWL664" s="613"/>
      <c r="IWM664" s="613"/>
      <c r="IWN664" s="613"/>
      <c r="IWO664" s="613"/>
      <c r="IWP664" s="613"/>
      <c r="IWQ664" s="613"/>
      <c r="IWR664" s="613"/>
      <c r="IWS664" s="613"/>
      <c r="IWT664" s="613"/>
      <c r="IWU664" s="613"/>
      <c r="IWV664" s="613"/>
      <c r="IWW664" s="613"/>
      <c r="IWX664" s="613"/>
      <c r="IWY664" s="613"/>
      <c r="IWZ664" s="613"/>
      <c r="IXA664" s="613"/>
      <c r="IXB664" s="613"/>
      <c r="IXC664" s="613"/>
      <c r="IXD664" s="613"/>
      <c r="IXE664" s="613"/>
      <c r="IXF664" s="613"/>
      <c r="IXG664" s="613"/>
      <c r="IXH664" s="613"/>
      <c r="IXI664" s="613"/>
      <c r="IXJ664" s="613"/>
      <c r="IXK664" s="613"/>
      <c r="IXL664" s="613"/>
      <c r="IXM664" s="613"/>
      <c r="IXN664" s="613"/>
      <c r="IXO664" s="613"/>
      <c r="IXP664" s="613"/>
      <c r="IXQ664" s="613"/>
      <c r="IXR664" s="613"/>
      <c r="IXS664" s="613"/>
      <c r="IXT664" s="613"/>
      <c r="IXU664" s="613"/>
      <c r="IXV664" s="613"/>
      <c r="IXW664" s="613"/>
      <c r="IXX664" s="613"/>
      <c r="IXY664" s="613"/>
      <c r="IXZ664" s="613"/>
      <c r="IYA664" s="613"/>
      <c r="IYB664" s="613"/>
      <c r="IYC664" s="613"/>
      <c r="IYD664" s="613"/>
      <c r="IYE664" s="613"/>
      <c r="IYF664" s="613"/>
      <c r="IYG664" s="613"/>
      <c r="IYH664" s="613"/>
      <c r="IYI664" s="613"/>
      <c r="IYJ664" s="613"/>
      <c r="IYK664" s="613"/>
      <c r="IYL664" s="613"/>
      <c r="IYM664" s="613"/>
      <c r="IYN664" s="613"/>
      <c r="IYO664" s="613"/>
      <c r="IYP664" s="613"/>
      <c r="IYQ664" s="613"/>
      <c r="IYR664" s="613"/>
      <c r="IYS664" s="613"/>
      <c r="IYT664" s="613"/>
      <c r="IYU664" s="613"/>
      <c r="IYV664" s="613"/>
      <c r="IYW664" s="613"/>
      <c r="IYX664" s="613"/>
      <c r="IYY664" s="613"/>
      <c r="IYZ664" s="613"/>
      <c r="IZA664" s="613"/>
      <c r="IZB664" s="613"/>
      <c r="IZC664" s="613"/>
      <c r="IZD664" s="613"/>
      <c r="IZE664" s="613"/>
      <c r="IZF664" s="613"/>
      <c r="IZG664" s="613"/>
      <c r="IZH664" s="613"/>
      <c r="IZI664" s="613"/>
      <c r="IZJ664" s="613"/>
      <c r="IZK664" s="613"/>
      <c r="IZL664" s="613"/>
      <c r="IZM664" s="613"/>
      <c r="IZN664" s="613"/>
      <c r="IZO664" s="613"/>
      <c r="IZP664" s="613"/>
      <c r="IZQ664" s="613"/>
      <c r="IZR664" s="613"/>
      <c r="IZS664" s="613"/>
      <c r="IZT664" s="613"/>
      <c r="IZU664" s="613"/>
      <c r="IZV664" s="613"/>
      <c r="IZW664" s="613"/>
      <c r="IZX664" s="613"/>
      <c r="IZY664" s="613"/>
      <c r="IZZ664" s="613"/>
      <c r="JAA664" s="613"/>
      <c r="JAB664" s="613"/>
      <c r="JAC664" s="613"/>
      <c r="JAD664" s="613"/>
      <c r="JAE664" s="613"/>
      <c r="JAF664" s="613"/>
      <c r="JAG664" s="613"/>
      <c r="JAH664" s="613"/>
      <c r="JAI664" s="613"/>
      <c r="JAJ664" s="613"/>
      <c r="JAK664" s="613"/>
      <c r="JAL664" s="613"/>
      <c r="JAM664" s="613"/>
      <c r="JAN664" s="613"/>
      <c r="JAO664" s="613"/>
      <c r="JAP664" s="613"/>
      <c r="JAQ664" s="613"/>
      <c r="JAR664" s="613"/>
      <c r="JAS664" s="613"/>
      <c r="JAT664" s="613"/>
      <c r="JAU664" s="613"/>
      <c r="JAV664" s="613"/>
      <c r="JAW664" s="613"/>
      <c r="JAX664" s="613"/>
      <c r="JAY664" s="613"/>
      <c r="JAZ664" s="613"/>
      <c r="JBA664" s="613"/>
      <c r="JBB664" s="613"/>
      <c r="JBC664" s="613"/>
      <c r="JBD664" s="613"/>
      <c r="JBE664" s="613"/>
      <c r="JBF664" s="613"/>
      <c r="JBG664" s="613"/>
      <c r="JBH664" s="613"/>
      <c r="JBI664" s="613"/>
      <c r="JBJ664" s="613"/>
      <c r="JBK664" s="613"/>
      <c r="JBL664" s="613"/>
      <c r="JBM664" s="613"/>
      <c r="JBN664" s="613"/>
      <c r="JBO664" s="613"/>
      <c r="JBP664" s="613"/>
      <c r="JBQ664" s="613"/>
      <c r="JBR664" s="613"/>
      <c r="JBS664" s="613"/>
      <c r="JBT664" s="613"/>
      <c r="JBU664" s="613"/>
      <c r="JBV664" s="613"/>
      <c r="JBW664" s="613"/>
      <c r="JBX664" s="613"/>
      <c r="JBY664" s="613"/>
      <c r="JBZ664" s="613"/>
      <c r="JCA664" s="613"/>
      <c r="JCB664" s="613"/>
      <c r="JCC664" s="613"/>
      <c r="JCD664" s="613"/>
      <c r="JCE664" s="613"/>
      <c r="JCF664" s="613"/>
      <c r="JCG664" s="613"/>
      <c r="JCH664" s="613"/>
      <c r="JCI664" s="613"/>
      <c r="JCJ664" s="613"/>
      <c r="JCK664" s="613"/>
      <c r="JCL664" s="613"/>
      <c r="JCM664" s="613"/>
      <c r="JCN664" s="613"/>
      <c r="JCO664" s="613"/>
      <c r="JCP664" s="613"/>
      <c r="JCQ664" s="613"/>
      <c r="JCR664" s="613"/>
      <c r="JCS664" s="613"/>
      <c r="JCT664" s="613"/>
      <c r="JCU664" s="613"/>
      <c r="JCV664" s="613"/>
      <c r="JCW664" s="613"/>
      <c r="JCX664" s="613"/>
      <c r="JCY664" s="613"/>
      <c r="JCZ664" s="613"/>
      <c r="JDA664" s="613"/>
      <c r="JDB664" s="613"/>
      <c r="JDC664" s="613"/>
      <c r="JDD664" s="613"/>
      <c r="JDE664" s="613"/>
      <c r="JDF664" s="613"/>
      <c r="JDG664" s="613"/>
      <c r="JDH664" s="613"/>
      <c r="JDI664" s="613"/>
      <c r="JDJ664" s="613"/>
      <c r="JDK664" s="613"/>
      <c r="JDL664" s="613"/>
      <c r="JDM664" s="613"/>
      <c r="JDN664" s="613"/>
      <c r="JDO664" s="613"/>
      <c r="JDP664" s="613"/>
      <c r="JDQ664" s="613"/>
      <c r="JDR664" s="613"/>
      <c r="JDS664" s="613"/>
      <c r="JDT664" s="613"/>
      <c r="JDU664" s="613"/>
      <c r="JDV664" s="613"/>
      <c r="JDW664" s="613"/>
      <c r="JDX664" s="613"/>
      <c r="JDY664" s="613"/>
      <c r="JDZ664" s="613"/>
      <c r="JEA664" s="613"/>
      <c r="JEB664" s="613"/>
      <c r="JEC664" s="613"/>
      <c r="JED664" s="613"/>
      <c r="JEE664" s="613"/>
      <c r="JEF664" s="613"/>
      <c r="JEG664" s="613"/>
      <c r="JEH664" s="613"/>
      <c r="JEI664" s="613"/>
      <c r="JEJ664" s="613"/>
      <c r="JEK664" s="613"/>
      <c r="JEL664" s="613"/>
      <c r="JEM664" s="613"/>
      <c r="JEN664" s="613"/>
      <c r="JEO664" s="613"/>
      <c r="JEP664" s="613"/>
      <c r="JEQ664" s="613"/>
      <c r="JER664" s="613"/>
      <c r="JES664" s="613"/>
      <c r="JET664" s="613"/>
      <c r="JEU664" s="613"/>
      <c r="JEV664" s="613"/>
      <c r="JEW664" s="613"/>
      <c r="JEX664" s="613"/>
      <c r="JEY664" s="613"/>
      <c r="JEZ664" s="613"/>
      <c r="JFA664" s="613"/>
      <c r="JFB664" s="613"/>
      <c r="JFC664" s="613"/>
      <c r="JFD664" s="613"/>
      <c r="JFE664" s="613"/>
      <c r="JFF664" s="613"/>
      <c r="JFG664" s="613"/>
      <c r="JFH664" s="613"/>
      <c r="JFI664" s="613"/>
      <c r="JFJ664" s="613"/>
      <c r="JFK664" s="613"/>
      <c r="JFL664" s="613"/>
      <c r="JFM664" s="613"/>
      <c r="JFN664" s="613"/>
      <c r="JFO664" s="613"/>
      <c r="JFP664" s="613"/>
      <c r="JFQ664" s="613"/>
      <c r="JFR664" s="613"/>
      <c r="JFS664" s="613"/>
      <c r="JFT664" s="613"/>
      <c r="JFU664" s="613"/>
      <c r="JFV664" s="613"/>
      <c r="JFW664" s="613"/>
      <c r="JFX664" s="613"/>
      <c r="JFY664" s="613"/>
      <c r="JFZ664" s="613"/>
      <c r="JGA664" s="613"/>
      <c r="JGB664" s="613"/>
      <c r="JGC664" s="613"/>
      <c r="JGD664" s="613"/>
      <c r="JGE664" s="613"/>
      <c r="JGF664" s="613"/>
      <c r="JGG664" s="613"/>
      <c r="JGH664" s="613"/>
      <c r="JGI664" s="613"/>
      <c r="JGJ664" s="613"/>
      <c r="JGK664" s="613"/>
      <c r="JGL664" s="613"/>
      <c r="JGM664" s="613"/>
      <c r="JGN664" s="613"/>
      <c r="JGO664" s="613"/>
      <c r="JGP664" s="613"/>
      <c r="JGQ664" s="613"/>
      <c r="JGR664" s="613"/>
      <c r="JGS664" s="613"/>
      <c r="JGT664" s="613"/>
      <c r="JGU664" s="613"/>
      <c r="JGV664" s="613"/>
      <c r="JGW664" s="613"/>
      <c r="JGX664" s="613"/>
      <c r="JGY664" s="613"/>
      <c r="JGZ664" s="613"/>
      <c r="JHA664" s="613"/>
      <c r="JHB664" s="613"/>
      <c r="JHC664" s="613"/>
      <c r="JHD664" s="613"/>
      <c r="JHE664" s="613"/>
      <c r="JHF664" s="613"/>
      <c r="JHG664" s="613"/>
      <c r="JHH664" s="613"/>
      <c r="JHI664" s="613"/>
      <c r="JHJ664" s="613"/>
      <c r="JHK664" s="613"/>
      <c r="JHL664" s="613"/>
      <c r="JHM664" s="613"/>
      <c r="JHN664" s="613"/>
      <c r="JHO664" s="613"/>
      <c r="JHP664" s="613"/>
      <c r="JHQ664" s="613"/>
      <c r="JHR664" s="613"/>
      <c r="JHS664" s="613"/>
      <c r="JHT664" s="613"/>
      <c r="JHU664" s="613"/>
      <c r="JHV664" s="613"/>
      <c r="JHW664" s="613"/>
      <c r="JHX664" s="613"/>
      <c r="JHY664" s="613"/>
      <c r="JHZ664" s="613"/>
      <c r="JIA664" s="613"/>
      <c r="JIB664" s="613"/>
      <c r="JIC664" s="613"/>
      <c r="JID664" s="613"/>
      <c r="JIE664" s="613"/>
      <c r="JIF664" s="613"/>
      <c r="JIG664" s="613"/>
      <c r="JIH664" s="613"/>
      <c r="JII664" s="613"/>
      <c r="JIJ664" s="613"/>
      <c r="JIK664" s="613"/>
      <c r="JIL664" s="613"/>
      <c r="JIM664" s="613"/>
      <c r="JIN664" s="613"/>
      <c r="JIO664" s="613"/>
      <c r="JIP664" s="613"/>
      <c r="JIQ664" s="613"/>
      <c r="JIR664" s="613"/>
      <c r="JIS664" s="613"/>
      <c r="JIT664" s="613"/>
      <c r="JIU664" s="613"/>
      <c r="JIV664" s="613"/>
      <c r="JIW664" s="613"/>
      <c r="JIX664" s="613"/>
      <c r="JIY664" s="613"/>
      <c r="JIZ664" s="613"/>
      <c r="JJA664" s="613"/>
      <c r="JJB664" s="613"/>
      <c r="JJC664" s="613"/>
      <c r="JJD664" s="613"/>
      <c r="JJE664" s="613"/>
      <c r="JJF664" s="613"/>
      <c r="JJG664" s="613"/>
      <c r="JJH664" s="613"/>
      <c r="JJI664" s="613"/>
      <c r="JJJ664" s="613"/>
      <c r="JJK664" s="613"/>
      <c r="JJL664" s="613"/>
      <c r="JJM664" s="613"/>
      <c r="JJN664" s="613"/>
      <c r="JJO664" s="613"/>
      <c r="JJP664" s="613"/>
      <c r="JJQ664" s="613"/>
      <c r="JJR664" s="613"/>
      <c r="JJS664" s="613"/>
      <c r="JJT664" s="613"/>
      <c r="JJU664" s="613"/>
      <c r="JJV664" s="613"/>
      <c r="JJW664" s="613"/>
      <c r="JJX664" s="613"/>
      <c r="JJY664" s="613"/>
      <c r="JJZ664" s="613"/>
      <c r="JKA664" s="613"/>
      <c r="JKB664" s="613"/>
      <c r="JKC664" s="613"/>
      <c r="JKD664" s="613"/>
      <c r="JKE664" s="613"/>
      <c r="JKF664" s="613"/>
      <c r="JKG664" s="613"/>
      <c r="JKH664" s="613"/>
      <c r="JKI664" s="613"/>
      <c r="JKJ664" s="613"/>
      <c r="JKK664" s="613"/>
      <c r="JKL664" s="613"/>
      <c r="JKM664" s="613"/>
      <c r="JKN664" s="613"/>
      <c r="JKO664" s="613"/>
      <c r="JKP664" s="613"/>
      <c r="JKQ664" s="613"/>
      <c r="JKR664" s="613"/>
      <c r="JKS664" s="613"/>
      <c r="JKT664" s="613"/>
      <c r="JKU664" s="613"/>
      <c r="JKV664" s="613"/>
      <c r="JKW664" s="613"/>
      <c r="JKX664" s="613"/>
      <c r="JKY664" s="613"/>
      <c r="JKZ664" s="613"/>
      <c r="JLA664" s="613"/>
      <c r="JLB664" s="613"/>
      <c r="JLC664" s="613"/>
      <c r="JLD664" s="613"/>
      <c r="JLE664" s="613"/>
      <c r="JLF664" s="613"/>
      <c r="JLG664" s="613"/>
      <c r="JLH664" s="613"/>
      <c r="JLI664" s="613"/>
      <c r="JLJ664" s="613"/>
      <c r="JLK664" s="613"/>
      <c r="JLL664" s="613"/>
      <c r="JLM664" s="613"/>
      <c r="JLN664" s="613"/>
      <c r="JLO664" s="613"/>
      <c r="JLP664" s="613"/>
      <c r="JLQ664" s="613"/>
      <c r="JLR664" s="613"/>
      <c r="JLS664" s="613"/>
      <c r="JLT664" s="613"/>
      <c r="JLU664" s="613"/>
      <c r="JLV664" s="613"/>
      <c r="JLW664" s="613"/>
      <c r="JLX664" s="613"/>
      <c r="JLY664" s="613"/>
      <c r="JLZ664" s="613"/>
      <c r="JMA664" s="613"/>
      <c r="JMB664" s="613"/>
      <c r="JMC664" s="613"/>
      <c r="JMD664" s="613"/>
      <c r="JME664" s="613"/>
      <c r="JMF664" s="613"/>
      <c r="JMG664" s="613"/>
      <c r="JMH664" s="613"/>
      <c r="JMI664" s="613"/>
      <c r="JMJ664" s="613"/>
      <c r="JMK664" s="613"/>
      <c r="JML664" s="613"/>
      <c r="JMM664" s="613"/>
      <c r="JMN664" s="613"/>
      <c r="JMO664" s="613"/>
      <c r="JMP664" s="613"/>
      <c r="JMQ664" s="613"/>
      <c r="JMR664" s="613"/>
      <c r="JMS664" s="613"/>
      <c r="JMT664" s="613"/>
      <c r="JMU664" s="613"/>
      <c r="JMV664" s="613"/>
      <c r="JMW664" s="613"/>
      <c r="JMX664" s="613"/>
      <c r="JMY664" s="613"/>
      <c r="JMZ664" s="613"/>
      <c r="JNA664" s="613"/>
      <c r="JNB664" s="613"/>
      <c r="JNC664" s="613"/>
      <c r="JND664" s="613"/>
      <c r="JNE664" s="613"/>
      <c r="JNF664" s="613"/>
      <c r="JNG664" s="613"/>
      <c r="JNH664" s="613"/>
      <c r="JNI664" s="613"/>
      <c r="JNJ664" s="613"/>
      <c r="JNK664" s="613"/>
      <c r="JNL664" s="613"/>
      <c r="JNM664" s="613"/>
      <c r="JNN664" s="613"/>
      <c r="JNO664" s="613"/>
      <c r="JNP664" s="613"/>
      <c r="JNQ664" s="613"/>
      <c r="JNR664" s="613"/>
      <c r="JNS664" s="613"/>
      <c r="JNT664" s="613"/>
      <c r="JNU664" s="613"/>
      <c r="JNV664" s="613"/>
      <c r="JNW664" s="613"/>
      <c r="JNX664" s="613"/>
      <c r="JNY664" s="613"/>
      <c r="JNZ664" s="613"/>
      <c r="JOA664" s="613"/>
      <c r="JOB664" s="613"/>
      <c r="JOC664" s="613"/>
      <c r="JOD664" s="613"/>
      <c r="JOE664" s="613"/>
      <c r="JOF664" s="613"/>
      <c r="JOG664" s="613"/>
      <c r="JOH664" s="613"/>
      <c r="JOI664" s="613"/>
      <c r="JOJ664" s="613"/>
      <c r="JOK664" s="613"/>
      <c r="JOL664" s="613"/>
      <c r="JOM664" s="613"/>
      <c r="JON664" s="613"/>
      <c r="JOO664" s="613"/>
      <c r="JOP664" s="613"/>
      <c r="JOQ664" s="613"/>
      <c r="JOR664" s="613"/>
      <c r="JOS664" s="613"/>
      <c r="JOT664" s="613"/>
      <c r="JOU664" s="613"/>
      <c r="JOV664" s="613"/>
      <c r="JOW664" s="613"/>
      <c r="JOX664" s="613"/>
      <c r="JOY664" s="613"/>
      <c r="JOZ664" s="613"/>
      <c r="JPA664" s="613"/>
      <c r="JPB664" s="613"/>
      <c r="JPC664" s="613"/>
      <c r="JPD664" s="613"/>
      <c r="JPE664" s="613"/>
      <c r="JPF664" s="613"/>
      <c r="JPG664" s="613"/>
      <c r="JPH664" s="613"/>
      <c r="JPI664" s="613"/>
      <c r="JPJ664" s="613"/>
      <c r="JPK664" s="613"/>
      <c r="JPL664" s="613"/>
      <c r="JPM664" s="613"/>
      <c r="JPN664" s="613"/>
      <c r="JPO664" s="613"/>
      <c r="JPP664" s="613"/>
      <c r="JPQ664" s="613"/>
      <c r="JPR664" s="613"/>
      <c r="JPS664" s="613"/>
      <c r="JPT664" s="613"/>
      <c r="JPU664" s="613"/>
      <c r="JPV664" s="613"/>
      <c r="JPW664" s="613"/>
      <c r="JPX664" s="613"/>
      <c r="JPY664" s="613"/>
      <c r="JPZ664" s="613"/>
      <c r="JQA664" s="613"/>
      <c r="JQB664" s="613"/>
      <c r="JQC664" s="613"/>
      <c r="JQD664" s="613"/>
      <c r="JQE664" s="613"/>
      <c r="JQF664" s="613"/>
      <c r="JQG664" s="613"/>
      <c r="JQH664" s="613"/>
      <c r="JQI664" s="613"/>
      <c r="JQJ664" s="613"/>
      <c r="JQK664" s="613"/>
      <c r="JQL664" s="613"/>
      <c r="JQM664" s="613"/>
      <c r="JQN664" s="613"/>
      <c r="JQO664" s="613"/>
      <c r="JQP664" s="613"/>
      <c r="JQQ664" s="613"/>
      <c r="JQR664" s="613"/>
      <c r="JQS664" s="613"/>
      <c r="JQT664" s="613"/>
      <c r="JQU664" s="613"/>
      <c r="JQV664" s="613"/>
      <c r="JQW664" s="613"/>
      <c r="JQX664" s="613"/>
      <c r="JQY664" s="613"/>
      <c r="JQZ664" s="613"/>
      <c r="JRA664" s="613"/>
      <c r="JRB664" s="613"/>
      <c r="JRC664" s="613"/>
      <c r="JRD664" s="613"/>
      <c r="JRE664" s="613"/>
      <c r="JRF664" s="613"/>
      <c r="JRG664" s="613"/>
      <c r="JRH664" s="613"/>
      <c r="JRI664" s="613"/>
      <c r="JRJ664" s="613"/>
      <c r="JRK664" s="613"/>
      <c r="JRL664" s="613"/>
      <c r="JRM664" s="613"/>
      <c r="JRN664" s="613"/>
      <c r="JRO664" s="613"/>
      <c r="JRP664" s="613"/>
      <c r="JRQ664" s="613"/>
      <c r="JRR664" s="613"/>
      <c r="JRS664" s="613"/>
      <c r="JRT664" s="613"/>
      <c r="JRU664" s="613"/>
      <c r="JRV664" s="613"/>
      <c r="JRW664" s="613"/>
      <c r="JRX664" s="613"/>
      <c r="JRY664" s="613"/>
      <c r="JRZ664" s="613"/>
      <c r="JSA664" s="613"/>
      <c r="JSB664" s="613"/>
      <c r="JSC664" s="613"/>
      <c r="JSD664" s="613"/>
      <c r="JSE664" s="613"/>
      <c r="JSF664" s="613"/>
      <c r="JSG664" s="613"/>
      <c r="JSH664" s="613"/>
      <c r="JSI664" s="613"/>
      <c r="JSJ664" s="613"/>
      <c r="JSK664" s="613"/>
      <c r="JSL664" s="613"/>
      <c r="JSM664" s="613"/>
      <c r="JSN664" s="613"/>
      <c r="JSO664" s="613"/>
      <c r="JSP664" s="613"/>
      <c r="JSQ664" s="613"/>
      <c r="JSR664" s="613"/>
      <c r="JSS664" s="613"/>
      <c r="JST664" s="613"/>
      <c r="JSU664" s="613"/>
      <c r="JSV664" s="613"/>
      <c r="JSW664" s="613"/>
      <c r="JSX664" s="613"/>
      <c r="JSY664" s="613"/>
      <c r="JSZ664" s="613"/>
      <c r="JTA664" s="613"/>
      <c r="JTB664" s="613"/>
      <c r="JTC664" s="613"/>
      <c r="JTD664" s="613"/>
      <c r="JTE664" s="613"/>
      <c r="JTF664" s="613"/>
      <c r="JTG664" s="613"/>
      <c r="JTH664" s="613"/>
      <c r="JTI664" s="613"/>
      <c r="JTJ664" s="613"/>
      <c r="JTK664" s="613"/>
      <c r="JTL664" s="613"/>
      <c r="JTM664" s="613"/>
      <c r="JTN664" s="613"/>
      <c r="JTO664" s="613"/>
      <c r="JTP664" s="613"/>
      <c r="JTQ664" s="613"/>
      <c r="JTR664" s="613"/>
      <c r="JTS664" s="613"/>
      <c r="JTT664" s="613"/>
      <c r="JTU664" s="613"/>
      <c r="JTV664" s="613"/>
      <c r="JTW664" s="613"/>
      <c r="JTX664" s="613"/>
      <c r="JTY664" s="613"/>
      <c r="JTZ664" s="613"/>
      <c r="JUA664" s="613"/>
      <c r="JUB664" s="613"/>
      <c r="JUC664" s="613"/>
      <c r="JUD664" s="613"/>
      <c r="JUE664" s="613"/>
      <c r="JUF664" s="613"/>
      <c r="JUG664" s="613"/>
      <c r="JUH664" s="613"/>
      <c r="JUI664" s="613"/>
      <c r="JUJ664" s="613"/>
      <c r="JUK664" s="613"/>
      <c r="JUL664" s="613"/>
      <c r="JUM664" s="613"/>
      <c r="JUN664" s="613"/>
      <c r="JUO664" s="613"/>
      <c r="JUP664" s="613"/>
      <c r="JUQ664" s="613"/>
      <c r="JUR664" s="613"/>
      <c r="JUS664" s="613"/>
      <c r="JUT664" s="613"/>
      <c r="JUU664" s="613"/>
      <c r="JUV664" s="613"/>
      <c r="JUW664" s="613"/>
      <c r="JUX664" s="613"/>
      <c r="JUY664" s="613"/>
      <c r="JUZ664" s="613"/>
      <c r="JVA664" s="613"/>
      <c r="JVB664" s="613"/>
      <c r="JVC664" s="613"/>
      <c r="JVD664" s="613"/>
      <c r="JVE664" s="613"/>
      <c r="JVF664" s="613"/>
      <c r="JVG664" s="613"/>
      <c r="JVH664" s="613"/>
      <c r="JVI664" s="613"/>
      <c r="JVJ664" s="613"/>
      <c r="JVK664" s="613"/>
      <c r="JVL664" s="613"/>
      <c r="JVM664" s="613"/>
      <c r="JVN664" s="613"/>
      <c r="JVO664" s="613"/>
      <c r="JVP664" s="613"/>
      <c r="JVQ664" s="613"/>
      <c r="JVR664" s="613"/>
      <c r="JVS664" s="613"/>
      <c r="JVT664" s="613"/>
      <c r="JVU664" s="613"/>
      <c r="JVV664" s="613"/>
      <c r="JVW664" s="613"/>
      <c r="JVX664" s="613"/>
      <c r="JVY664" s="613"/>
      <c r="JVZ664" s="613"/>
      <c r="JWA664" s="613"/>
      <c r="JWB664" s="613"/>
      <c r="JWC664" s="613"/>
      <c r="JWD664" s="613"/>
      <c r="JWE664" s="613"/>
      <c r="JWF664" s="613"/>
      <c r="JWG664" s="613"/>
      <c r="JWH664" s="613"/>
      <c r="JWI664" s="613"/>
      <c r="JWJ664" s="613"/>
      <c r="JWK664" s="613"/>
      <c r="JWL664" s="613"/>
      <c r="JWM664" s="613"/>
      <c r="JWN664" s="613"/>
      <c r="JWO664" s="613"/>
      <c r="JWP664" s="613"/>
      <c r="JWQ664" s="613"/>
      <c r="JWR664" s="613"/>
      <c r="JWS664" s="613"/>
      <c r="JWT664" s="613"/>
      <c r="JWU664" s="613"/>
      <c r="JWV664" s="613"/>
      <c r="JWW664" s="613"/>
      <c r="JWX664" s="613"/>
      <c r="JWY664" s="613"/>
      <c r="JWZ664" s="613"/>
      <c r="JXA664" s="613"/>
      <c r="JXB664" s="613"/>
      <c r="JXC664" s="613"/>
      <c r="JXD664" s="613"/>
      <c r="JXE664" s="613"/>
      <c r="JXF664" s="613"/>
      <c r="JXG664" s="613"/>
      <c r="JXH664" s="613"/>
      <c r="JXI664" s="613"/>
      <c r="JXJ664" s="613"/>
      <c r="JXK664" s="613"/>
      <c r="JXL664" s="613"/>
      <c r="JXM664" s="613"/>
      <c r="JXN664" s="613"/>
      <c r="JXO664" s="613"/>
      <c r="JXP664" s="613"/>
      <c r="JXQ664" s="613"/>
      <c r="JXR664" s="613"/>
      <c r="JXS664" s="613"/>
      <c r="JXT664" s="613"/>
      <c r="JXU664" s="613"/>
      <c r="JXV664" s="613"/>
      <c r="JXW664" s="613"/>
      <c r="JXX664" s="613"/>
      <c r="JXY664" s="613"/>
      <c r="JXZ664" s="613"/>
      <c r="JYA664" s="613"/>
      <c r="JYB664" s="613"/>
      <c r="JYC664" s="613"/>
      <c r="JYD664" s="613"/>
      <c r="JYE664" s="613"/>
      <c r="JYF664" s="613"/>
      <c r="JYG664" s="613"/>
      <c r="JYH664" s="613"/>
      <c r="JYI664" s="613"/>
      <c r="JYJ664" s="613"/>
      <c r="JYK664" s="613"/>
      <c r="JYL664" s="613"/>
      <c r="JYM664" s="613"/>
      <c r="JYN664" s="613"/>
      <c r="JYO664" s="613"/>
      <c r="JYP664" s="613"/>
      <c r="JYQ664" s="613"/>
      <c r="JYR664" s="613"/>
      <c r="JYS664" s="613"/>
      <c r="JYT664" s="613"/>
      <c r="JYU664" s="613"/>
      <c r="JYV664" s="613"/>
      <c r="JYW664" s="613"/>
      <c r="JYX664" s="613"/>
      <c r="JYY664" s="613"/>
      <c r="JYZ664" s="613"/>
      <c r="JZA664" s="613"/>
      <c r="JZB664" s="613"/>
      <c r="JZC664" s="613"/>
      <c r="JZD664" s="613"/>
      <c r="JZE664" s="613"/>
      <c r="JZF664" s="613"/>
      <c r="JZG664" s="613"/>
      <c r="JZH664" s="613"/>
      <c r="JZI664" s="613"/>
      <c r="JZJ664" s="613"/>
      <c r="JZK664" s="613"/>
      <c r="JZL664" s="613"/>
      <c r="JZM664" s="613"/>
      <c r="JZN664" s="613"/>
      <c r="JZO664" s="613"/>
      <c r="JZP664" s="613"/>
      <c r="JZQ664" s="613"/>
      <c r="JZR664" s="613"/>
      <c r="JZS664" s="613"/>
      <c r="JZT664" s="613"/>
      <c r="JZU664" s="613"/>
      <c r="JZV664" s="613"/>
      <c r="JZW664" s="613"/>
      <c r="JZX664" s="613"/>
      <c r="JZY664" s="613"/>
      <c r="JZZ664" s="613"/>
      <c r="KAA664" s="613"/>
      <c r="KAB664" s="613"/>
      <c r="KAC664" s="613"/>
      <c r="KAD664" s="613"/>
      <c r="KAE664" s="613"/>
      <c r="KAF664" s="613"/>
      <c r="KAG664" s="613"/>
      <c r="KAH664" s="613"/>
      <c r="KAI664" s="613"/>
      <c r="KAJ664" s="613"/>
      <c r="KAK664" s="613"/>
      <c r="KAL664" s="613"/>
      <c r="KAM664" s="613"/>
      <c r="KAN664" s="613"/>
      <c r="KAO664" s="613"/>
      <c r="KAP664" s="613"/>
      <c r="KAQ664" s="613"/>
      <c r="KAR664" s="613"/>
      <c r="KAS664" s="613"/>
      <c r="KAT664" s="613"/>
      <c r="KAU664" s="613"/>
      <c r="KAV664" s="613"/>
      <c r="KAW664" s="613"/>
      <c r="KAX664" s="613"/>
      <c r="KAY664" s="613"/>
      <c r="KAZ664" s="613"/>
      <c r="KBA664" s="613"/>
      <c r="KBB664" s="613"/>
      <c r="KBC664" s="613"/>
      <c r="KBD664" s="613"/>
      <c r="KBE664" s="613"/>
      <c r="KBF664" s="613"/>
      <c r="KBG664" s="613"/>
      <c r="KBH664" s="613"/>
      <c r="KBI664" s="613"/>
      <c r="KBJ664" s="613"/>
      <c r="KBK664" s="613"/>
      <c r="KBL664" s="613"/>
      <c r="KBM664" s="613"/>
      <c r="KBN664" s="613"/>
      <c r="KBO664" s="613"/>
      <c r="KBP664" s="613"/>
      <c r="KBQ664" s="613"/>
      <c r="KBR664" s="613"/>
      <c r="KBS664" s="613"/>
      <c r="KBT664" s="613"/>
      <c r="KBU664" s="613"/>
      <c r="KBV664" s="613"/>
      <c r="KBW664" s="613"/>
      <c r="KBX664" s="613"/>
      <c r="KBY664" s="613"/>
      <c r="KBZ664" s="613"/>
      <c r="KCA664" s="613"/>
      <c r="KCB664" s="613"/>
      <c r="KCC664" s="613"/>
      <c r="KCD664" s="613"/>
      <c r="KCE664" s="613"/>
      <c r="KCF664" s="613"/>
      <c r="KCG664" s="613"/>
      <c r="KCH664" s="613"/>
      <c r="KCI664" s="613"/>
      <c r="KCJ664" s="613"/>
      <c r="KCK664" s="613"/>
      <c r="KCL664" s="613"/>
      <c r="KCM664" s="613"/>
      <c r="KCN664" s="613"/>
      <c r="KCO664" s="613"/>
      <c r="KCP664" s="613"/>
      <c r="KCQ664" s="613"/>
      <c r="KCR664" s="613"/>
      <c r="KCS664" s="613"/>
      <c r="KCT664" s="613"/>
      <c r="KCU664" s="613"/>
      <c r="KCV664" s="613"/>
      <c r="KCW664" s="613"/>
      <c r="KCX664" s="613"/>
      <c r="KCY664" s="613"/>
      <c r="KCZ664" s="613"/>
      <c r="KDA664" s="613"/>
      <c r="KDB664" s="613"/>
      <c r="KDC664" s="613"/>
      <c r="KDD664" s="613"/>
      <c r="KDE664" s="613"/>
      <c r="KDF664" s="613"/>
      <c r="KDG664" s="613"/>
      <c r="KDH664" s="613"/>
      <c r="KDI664" s="613"/>
      <c r="KDJ664" s="613"/>
      <c r="KDK664" s="613"/>
      <c r="KDL664" s="613"/>
      <c r="KDM664" s="613"/>
      <c r="KDN664" s="613"/>
      <c r="KDO664" s="613"/>
      <c r="KDP664" s="613"/>
      <c r="KDQ664" s="613"/>
      <c r="KDR664" s="613"/>
      <c r="KDS664" s="613"/>
      <c r="KDT664" s="613"/>
      <c r="KDU664" s="613"/>
      <c r="KDV664" s="613"/>
      <c r="KDW664" s="613"/>
      <c r="KDX664" s="613"/>
      <c r="KDY664" s="613"/>
      <c r="KDZ664" s="613"/>
      <c r="KEA664" s="613"/>
      <c r="KEB664" s="613"/>
      <c r="KEC664" s="613"/>
      <c r="KED664" s="613"/>
      <c r="KEE664" s="613"/>
      <c r="KEF664" s="613"/>
      <c r="KEG664" s="613"/>
      <c r="KEH664" s="613"/>
      <c r="KEI664" s="613"/>
      <c r="KEJ664" s="613"/>
      <c r="KEK664" s="613"/>
      <c r="KEL664" s="613"/>
      <c r="KEM664" s="613"/>
      <c r="KEN664" s="613"/>
      <c r="KEO664" s="613"/>
      <c r="KEP664" s="613"/>
      <c r="KEQ664" s="613"/>
      <c r="KER664" s="613"/>
      <c r="KES664" s="613"/>
      <c r="KET664" s="613"/>
      <c r="KEU664" s="613"/>
      <c r="KEV664" s="613"/>
      <c r="KEW664" s="613"/>
      <c r="KEX664" s="613"/>
      <c r="KEY664" s="613"/>
      <c r="KEZ664" s="613"/>
      <c r="KFA664" s="613"/>
      <c r="KFB664" s="613"/>
      <c r="KFC664" s="613"/>
      <c r="KFD664" s="613"/>
      <c r="KFE664" s="613"/>
      <c r="KFF664" s="613"/>
      <c r="KFG664" s="613"/>
      <c r="KFH664" s="613"/>
      <c r="KFI664" s="613"/>
      <c r="KFJ664" s="613"/>
      <c r="KFK664" s="613"/>
      <c r="KFL664" s="613"/>
      <c r="KFM664" s="613"/>
      <c r="KFN664" s="613"/>
      <c r="KFO664" s="613"/>
      <c r="KFP664" s="613"/>
      <c r="KFQ664" s="613"/>
      <c r="KFR664" s="613"/>
      <c r="KFS664" s="613"/>
      <c r="KFT664" s="613"/>
      <c r="KFU664" s="613"/>
      <c r="KFV664" s="613"/>
      <c r="KFW664" s="613"/>
      <c r="KFX664" s="613"/>
      <c r="KFY664" s="613"/>
      <c r="KFZ664" s="613"/>
      <c r="KGA664" s="613"/>
      <c r="KGB664" s="613"/>
      <c r="KGC664" s="613"/>
      <c r="KGD664" s="613"/>
      <c r="KGE664" s="613"/>
      <c r="KGF664" s="613"/>
      <c r="KGG664" s="613"/>
      <c r="KGH664" s="613"/>
      <c r="KGI664" s="613"/>
      <c r="KGJ664" s="613"/>
      <c r="KGK664" s="613"/>
      <c r="KGL664" s="613"/>
      <c r="KGM664" s="613"/>
      <c r="KGN664" s="613"/>
      <c r="KGO664" s="613"/>
      <c r="KGP664" s="613"/>
      <c r="KGQ664" s="613"/>
      <c r="KGR664" s="613"/>
      <c r="KGS664" s="613"/>
      <c r="KGT664" s="613"/>
      <c r="KGU664" s="613"/>
      <c r="KGV664" s="613"/>
      <c r="KGW664" s="613"/>
      <c r="KGX664" s="613"/>
      <c r="KGY664" s="613"/>
      <c r="KGZ664" s="613"/>
      <c r="KHA664" s="613"/>
      <c r="KHB664" s="613"/>
      <c r="KHC664" s="613"/>
      <c r="KHD664" s="613"/>
      <c r="KHE664" s="613"/>
      <c r="KHF664" s="613"/>
      <c r="KHG664" s="613"/>
      <c r="KHH664" s="613"/>
      <c r="KHI664" s="613"/>
      <c r="KHJ664" s="613"/>
      <c r="KHK664" s="613"/>
      <c r="KHL664" s="613"/>
      <c r="KHM664" s="613"/>
      <c r="KHN664" s="613"/>
      <c r="KHO664" s="613"/>
      <c r="KHP664" s="613"/>
      <c r="KHQ664" s="613"/>
      <c r="KHR664" s="613"/>
      <c r="KHS664" s="613"/>
      <c r="KHT664" s="613"/>
      <c r="KHU664" s="613"/>
      <c r="KHV664" s="613"/>
      <c r="KHW664" s="613"/>
      <c r="KHX664" s="613"/>
      <c r="KHY664" s="613"/>
      <c r="KHZ664" s="613"/>
      <c r="KIA664" s="613"/>
      <c r="KIB664" s="613"/>
      <c r="KIC664" s="613"/>
      <c r="KID664" s="613"/>
      <c r="KIE664" s="613"/>
      <c r="KIF664" s="613"/>
      <c r="KIG664" s="613"/>
      <c r="KIH664" s="613"/>
      <c r="KII664" s="613"/>
      <c r="KIJ664" s="613"/>
      <c r="KIK664" s="613"/>
      <c r="KIL664" s="613"/>
      <c r="KIM664" s="613"/>
      <c r="KIN664" s="613"/>
      <c r="KIO664" s="613"/>
      <c r="KIP664" s="613"/>
      <c r="KIQ664" s="613"/>
      <c r="KIR664" s="613"/>
      <c r="KIS664" s="613"/>
      <c r="KIT664" s="613"/>
      <c r="KIU664" s="613"/>
      <c r="KIV664" s="613"/>
      <c r="KIW664" s="613"/>
      <c r="KIX664" s="613"/>
      <c r="KIY664" s="613"/>
      <c r="KIZ664" s="613"/>
      <c r="KJA664" s="613"/>
      <c r="KJB664" s="613"/>
      <c r="KJC664" s="613"/>
      <c r="KJD664" s="613"/>
      <c r="KJE664" s="613"/>
      <c r="KJF664" s="613"/>
      <c r="KJG664" s="613"/>
      <c r="KJH664" s="613"/>
      <c r="KJI664" s="613"/>
      <c r="KJJ664" s="613"/>
      <c r="KJK664" s="613"/>
      <c r="KJL664" s="613"/>
      <c r="KJM664" s="613"/>
      <c r="KJN664" s="613"/>
      <c r="KJO664" s="613"/>
      <c r="KJP664" s="613"/>
      <c r="KJQ664" s="613"/>
      <c r="KJR664" s="613"/>
      <c r="KJS664" s="613"/>
      <c r="KJT664" s="613"/>
      <c r="KJU664" s="613"/>
      <c r="KJV664" s="613"/>
      <c r="KJW664" s="613"/>
      <c r="KJX664" s="613"/>
      <c r="KJY664" s="613"/>
      <c r="KJZ664" s="613"/>
      <c r="KKA664" s="613"/>
      <c r="KKB664" s="613"/>
      <c r="KKC664" s="613"/>
      <c r="KKD664" s="613"/>
      <c r="KKE664" s="613"/>
      <c r="KKF664" s="613"/>
      <c r="KKG664" s="613"/>
      <c r="KKH664" s="613"/>
      <c r="KKI664" s="613"/>
      <c r="KKJ664" s="613"/>
      <c r="KKK664" s="613"/>
      <c r="KKL664" s="613"/>
      <c r="KKM664" s="613"/>
      <c r="KKN664" s="613"/>
      <c r="KKO664" s="613"/>
      <c r="KKP664" s="613"/>
      <c r="KKQ664" s="613"/>
      <c r="KKR664" s="613"/>
      <c r="KKS664" s="613"/>
      <c r="KKT664" s="613"/>
      <c r="KKU664" s="613"/>
      <c r="KKV664" s="613"/>
      <c r="KKW664" s="613"/>
      <c r="KKX664" s="613"/>
      <c r="KKY664" s="613"/>
      <c r="KKZ664" s="613"/>
      <c r="KLA664" s="613"/>
      <c r="KLB664" s="613"/>
      <c r="KLC664" s="613"/>
      <c r="KLD664" s="613"/>
      <c r="KLE664" s="613"/>
      <c r="KLF664" s="613"/>
      <c r="KLG664" s="613"/>
      <c r="KLH664" s="613"/>
      <c r="KLI664" s="613"/>
      <c r="KLJ664" s="613"/>
      <c r="KLK664" s="613"/>
      <c r="KLL664" s="613"/>
      <c r="KLM664" s="613"/>
      <c r="KLN664" s="613"/>
      <c r="KLO664" s="613"/>
      <c r="KLP664" s="613"/>
      <c r="KLQ664" s="613"/>
      <c r="KLR664" s="613"/>
      <c r="KLS664" s="613"/>
      <c r="KLT664" s="613"/>
      <c r="KLU664" s="613"/>
      <c r="KLV664" s="613"/>
      <c r="KLW664" s="613"/>
      <c r="KLX664" s="613"/>
      <c r="KLY664" s="613"/>
      <c r="KLZ664" s="613"/>
      <c r="KMA664" s="613"/>
      <c r="KMB664" s="613"/>
      <c r="KMC664" s="613"/>
      <c r="KMD664" s="613"/>
      <c r="KME664" s="613"/>
      <c r="KMF664" s="613"/>
      <c r="KMG664" s="613"/>
      <c r="KMH664" s="613"/>
      <c r="KMI664" s="613"/>
      <c r="KMJ664" s="613"/>
      <c r="KMK664" s="613"/>
      <c r="KML664" s="613"/>
      <c r="KMM664" s="613"/>
      <c r="KMN664" s="613"/>
      <c r="KMO664" s="613"/>
      <c r="KMP664" s="613"/>
      <c r="KMQ664" s="613"/>
      <c r="KMR664" s="613"/>
      <c r="KMS664" s="613"/>
      <c r="KMT664" s="613"/>
      <c r="KMU664" s="613"/>
      <c r="KMV664" s="613"/>
      <c r="KMW664" s="613"/>
      <c r="KMX664" s="613"/>
      <c r="KMY664" s="613"/>
      <c r="KMZ664" s="613"/>
      <c r="KNA664" s="613"/>
      <c r="KNB664" s="613"/>
      <c r="KNC664" s="613"/>
      <c r="KND664" s="613"/>
      <c r="KNE664" s="613"/>
      <c r="KNF664" s="613"/>
      <c r="KNG664" s="613"/>
      <c r="KNH664" s="613"/>
      <c r="KNI664" s="613"/>
      <c r="KNJ664" s="613"/>
      <c r="KNK664" s="613"/>
      <c r="KNL664" s="613"/>
      <c r="KNM664" s="613"/>
      <c r="KNN664" s="613"/>
      <c r="KNO664" s="613"/>
      <c r="KNP664" s="613"/>
      <c r="KNQ664" s="613"/>
      <c r="KNR664" s="613"/>
      <c r="KNS664" s="613"/>
      <c r="KNT664" s="613"/>
      <c r="KNU664" s="613"/>
      <c r="KNV664" s="613"/>
      <c r="KNW664" s="613"/>
      <c r="KNX664" s="613"/>
      <c r="KNY664" s="613"/>
      <c r="KNZ664" s="613"/>
      <c r="KOA664" s="613"/>
      <c r="KOB664" s="613"/>
      <c r="KOC664" s="613"/>
      <c r="KOD664" s="613"/>
      <c r="KOE664" s="613"/>
      <c r="KOF664" s="613"/>
      <c r="KOG664" s="613"/>
      <c r="KOH664" s="613"/>
      <c r="KOI664" s="613"/>
      <c r="KOJ664" s="613"/>
      <c r="KOK664" s="613"/>
      <c r="KOL664" s="613"/>
      <c r="KOM664" s="613"/>
      <c r="KON664" s="613"/>
      <c r="KOO664" s="613"/>
      <c r="KOP664" s="613"/>
      <c r="KOQ664" s="613"/>
      <c r="KOR664" s="613"/>
      <c r="KOS664" s="613"/>
      <c r="KOT664" s="613"/>
      <c r="KOU664" s="613"/>
      <c r="KOV664" s="613"/>
      <c r="KOW664" s="613"/>
      <c r="KOX664" s="613"/>
      <c r="KOY664" s="613"/>
      <c r="KOZ664" s="613"/>
      <c r="KPA664" s="613"/>
      <c r="KPB664" s="613"/>
      <c r="KPC664" s="613"/>
      <c r="KPD664" s="613"/>
      <c r="KPE664" s="613"/>
      <c r="KPF664" s="613"/>
      <c r="KPG664" s="613"/>
      <c r="KPH664" s="613"/>
      <c r="KPI664" s="613"/>
      <c r="KPJ664" s="613"/>
      <c r="KPK664" s="613"/>
      <c r="KPL664" s="613"/>
      <c r="KPM664" s="613"/>
      <c r="KPN664" s="613"/>
      <c r="KPO664" s="613"/>
      <c r="KPP664" s="613"/>
      <c r="KPQ664" s="613"/>
      <c r="KPR664" s="613"/>
      <c r="KPS664" s="613"/>
      <c r="KPT664" s="613"/>
      <c r="KPU664" s="613"/>
      <c r="KPV664" s="613"/>
      <c r="KPW664" s="613"/>
      <c r="KPX664" s="613"/>
      <c r="KPY664" s="613"/>
      <c r="KPZ664" s="613"/>
      <c r="KQA664" s="613"/>
      <c r="KQB664" s="613"/>
      <c r="KQC664" s="613"/>
      <c r="KQD664" s="613"/>
      <c r="KQE664" s="613"/>
      <c r="KQF664" s="613"/>
      <c r="KQG664" s="613"/>
      <c r="KQH664" s="613"/>
      <c r="KQI664" s="613"/>
      <c r="KQJ664" s="613"/>
      <c r="KQK664" s="613"/>
      <c r="KQL664" s="613"/>
      <c r="KQM664" s="613"/>
      <c r="KQN664" s="613"/>
      <c r="KQO664" s="613"/>
      <c r="KQP664" s="613"/>
      <c r="KQQ664" s="613"/>
      <c r="KQR664" s="613"/>
      <c r="KQS664" s="613"/>
      <c r="KQT664" s="613"/>
      <c r="KQU664" s="613"/>
      <c r="KQV664" s="613"/>
      <c r="KQW664" s="613"/>
      <c r="KQX664" s="613"/>
      <c r="KQY664" s="613"/>
      <c r="KQZ664" s="613"/>
      <c r="KRA664" s="613"/>
      <c r="KRB664" s="613"/>
      <c r="KRC664" s="613"/>
      <c r="KRD664" s="613"/>
      <c r="KRE664" s="613"/>
      <c r="KRF664" s="613"/>
      <c r="KRG664" s="613"/>
      <c r="KRH664" s="613"/>
      <c r="KRI664" s="613"/>
      <c r="KRJ664" s="613"/>
      <c r="KRK664" s="613"/>
      <c r="KRL664" s="613"/>
      <c r="KRM664" s="613"/>
      <c r="KRN664" s="613"/>
      <c r="KRO664" s="613"/>
      <c r="KRP664" s="613"/>
      <c r="KRQ664" s="613"/>
      <c r="KRR664" s="613"/>
      <c r="KRS664" s="613"/>
      <c r="KRT664" s="613"/>
      <c r="KRU664" s="613"/>
      <c r="KRV664" s="613"/>
      <c r="KRW664" s="613"/>
      <c r="KRX664" s="613"/>
      <c r="KRY664" s="613"/>
      <c r="KRZ664" s="613"/>
      <c r="KSA664" s="613"/>
      <c r="KSB664" s="613"/>
      <c r="KSC664" s="613"/>
      <c r="KSD664" s="613"/>
      <c r="KSE664" s="613"/>
      <c r="KSF664" s="613"/>
      <c r="KSG664" s="613"/>
      <c r="KSH664" s="613"/>
      <c r="KSI664" s="613"/>
      <c r="KSJ664" s="613"/>
      <c r="KSK664" s="613"/>
      <c r="KSL664" s="613"/>
      <c r="KSM664" s="613"/>
      <c r="KSN664" s="613"/>
      <c r="KSO664" s="613"/>
      <c r="KSP664" s="613"/>
      <c r="KSQ664" s="613"/>
      <c r="KSR664" s="613"/>
      <c r="KSS664" s="613"/>
      <c r="KST664" s="613"/>
      <c r="KSU664" s="613"/>
      <c r="KSV664" s="613"/>
      <c r="KSW664" s="613"/>
      <c r="KSX664" s="613"/>
      <c r="KSY664" s="613"/>
      <c r="KSZ664" s="613"/>
      <c r="KTA664" s="613"/>
      <c r="KTB664" s="613"/>
      <c r="KTC664" s="613"/>
      <c r="KTD664" s="613"/>
      <c r="KTE664" s="613"/>
      <c r="KTF664" s="613"/>
      <c r="KTG664" s="613"/>
      <c r="KTH664" s="613"/>
      <c r="KTI664" s="613"/>
      <c r="KTJ664" s="613"/>
      <c r="KTK664" s="613"/>
      <c r="KTL664" s="613"/>
      <c r="KTM664" s="613"/>
      <c r="KTN664" s="613"/>
      <c r="KTO664" s="613"/>
      <c r="KTP664" s="613"/>
      <c r="KTQ664" s="613"/>
      <c r="KTR664" s="613"/>
      <c r="KTS664" s="613"/>
      <c r="KTT664" s="613"/>
      <c r="KTU664" s="613"/>
      <c r="KTV664" s="613"/>
      <c r="KTW664" s="613"/>
      <c r="KTX664" s="613"/>
      <c r="KTY664" s="613"/>
      <c r="KTZ664" s="613"/>
      <c r="KUA664" s="613"/>
      <c r="KUB664" s="613"/>
      <c r="KUC664" s="613"/>
      <c r="KUD664" s="613"/>
      <c r="KUE664" s="613"/>
      <c r="KUF664" s="613"/>
      <c r="KUG664" s="613"/>
      <c r="KUH664" s="613"/>
      <c r="KUI664" s="613"/>
      <c r="KUJ664" s="613"/>
      <c r="KUK664" s="613"/>
      <c r="KUL664" s="613"/>
      <c r="KUM664" s="613"/>
      <c r="KUN664" s="613"/>
      <c r="KUO664" s="613"/>
      <c r="KUP664" s="613"/>
      <c r="KUQ664" s="613"/>
      <c r="KUR664" s="613"/>
      <c r="KUS664" s="613"/>
      <c r="KUT664" s="613"/>
      <c r="KUU664" s="613"/>
      <c r="KUV664" s="613"/>
      <c r="KUW664" s="613"/>
      <c r="KUX664" s="613"/>
      <c r="KUY664" s="613"/>
      <c r="KUZ664" s="613"/>
      <c r="KVA664" s="613"/>
      <c r="KVB664" s="613"/>
      <c r="KVC664" s="613"/>
      <c r="KVD664" s="613"/>
      <c r="KVE664" s="613"/>
      <c r="KVF664" s="613"/>
      <c r="KVG664" s="613"/>
      <c r="KVH664" s="613"/>
      <c r="KVI664" s="613"/>
      <c r="KVJ664" s="613"/>
      <c r="KVK664" s="613"/>
      <c r="KVL664" s="613"/>
      <c r="KVM664" s="613"/>
      <c r="KVN664" s="613"/>
      <c r="KVO664" s="613"/>
      <c r="KVP664" s="613"/>
      <c r="KVQ664" s="613"/>
      <c r="KVR664" s="613"/>
      <c r="KVS664" s="613"/>
      <c r="KVT664" s="613"/>
      <c r="KVU664" s="613"/>
      <c r="KVV664" s="613"/>
      <c r="KVW664" s="613"/>
      <c r="KVX664" s="613"/>
      <c r="KVY664" s="613"/>
      <c r="KVZ664" s="613"/>
      <c r="KWA664" s="613"/>
      <c r="KWB664" s="613"/>
      <c r="KWC664" s="613"/>
      <c r="KWD664" s="613"/>
      <c r="KWE664" s="613"/>
      <c r="KWF664" s="613"/>
      <c r="KWG664" s="613"/>
      <c r="KWH664" s="613"/>
      <c r="KWI664" s="613"/>
      <c r="KWJ664" s="613"/>
      <c r="KWK664" s="613"/>
      <c r="KWL664" s="613"/>
      <c r="KWM664" s="613"/>
      <c r="KWN664" s="613"/>
      <c r="KWO664" s="613"/>
      <c r="KWP664" s="613"/>
      <c r="KWQ664" s="613"/>
      <c r="KWR664" s="613"/>
      <c r="KWS664" s="613"/>
      <c r="KWT664" s="613"/>
      <c r="KWU664" s="613"/>
      <c r="KWV664" s="613"/>
      <c r="KWW664" s="613"/>
      <c r="KWX664" s="613"/>
      <c r="KWY664" s="613"/>
      <c r="KWZ664" s="613"/>
      <c r="KXA664" s="613"/>
      <c r="KXB664" s="613"/>
      <c r="KXC664" s="613"/>
      <c r="KXD664" s="613"/>
      <c r="KXE664" s="613"/>
      <c r="KXF664" s="613"/>
      <c r="KXG664" s="613"/>
      <c r="KXH664" s="613"/>
      <c r="KXI664" s="613"/>
      <c r="KXJ664" s="613"/>
      <c r="KXK664" s="613"/>
      <c r="KXL664" s="613"/>
      <c r="KXM664" s="613"/>
      <c r="KXN664" s="613"/>
      <c r="KXO664" s="613"/>
      <c r="KXP664" s="613"/>
      <c r="KXQ664" s="613"/>
      <c r="KXR664" s="613"/>
      <c r="KXS664" s="613"/>
      <c r="KXT664" s="613"/>
      <c r="KXU664" s="613"/>
      <c r="KXV664" s="613"/>
      <c r="KXW664" s="613"/>
      <c r="KXX664" s="613"/>
      <c r="KXY664" s="613"/>
      <c r="KXZ664" s="613"/>
      <c r="KYA664" s="613"/>
      <c r="KYB664" s="613"/>
      <c r="KYC664" s="613"/>
      <c r="KYD664" s="613"/>
      <c r="KYE664" s="613"/>
      <c r="KYF664" s="613"/>
      <c r="KYG664" s="613"/>
      <c r="KYH664" s="613"/>
      <c r="KYI664" s="613"/>
      <c r="KYJ664" s="613"/>
      <c r="KYK664" s="613"/>
      <c r="KYL664" s="613"/>
      <c r="KYM664" s="613"/>
      <c r="KYN664" s="613"/>
      <c r="KYO664" s="613"/>
      <c r="KYP664" s="613"/>
      <c r="KYQ664" s="613"/>
      <c r="KYR664" s="613"/>
      <c r="KYS664" s="613"/>
      <c r="KYT664" s="613"/>
      <c r="KYU664" s="613"/>
      <c r="KYV664" s="613"/>
      <c r="KYW664" s="613"/>
      <c r="KYX664" s="613"/>
      <c r="KYY664" s="613"/>
      <c r="KYZ664" s="613"/>
      <c r="KZA664" s="613"/>
      <c r="KZB664" s="613"/>
      <c r="KZC664" s="613"/>
      <c r="KZD664" s="613"/>
      <c r="KZE664" s="613"/>
      <c r="KZF664" s="613"/>
      <c r="KZG664" s="613"/>
      <c r="KZH664" s="613"/>
      <c r="KZI664" s="613"/>
      <c r="KZJ664" s="613"/>
      <c r="KZK664" s="613"/>
      <c r="KZL664" s="613"/>
      <c r="KZM664" s="613"/>
      <c r="KZN664" s="613"/>
      <c r="KZO664" s="613"/>
      <c r="KZP664" s="613"/>
      <c r="KZQ664" s="613"/>
      <c r="KZR664" s="613"/>
      <c r="KZS664" s="613"/>
      <c r="KZT664" s="613"/>
      <c r="KZU664" s="613"/>
      <c r="KZV664" s="613"/>
      <c r="KZW664" s="613"/>
      <c r="KZX664" s="613"/>
      <c r="KZY664" s="613"/>
      <c r="KZZ664" s="613"/>
      <c r="LAA664" s="613"/>
      <c r="LAB664" s="613"/>
      <c r="LAC664" s="613"/>
      <c r="LAD664" s="613"/>
      <c r="LAE664" s="613"/>
      <c r="LAF664" s="613"/>
      <c r="LAG664" s="613"/>
      <c r="LAH664" s="613"/>
      <c r="LAI664" s="613"/>
      <c r="LAJ664" s="613"/>
      <c r="LAK664" s="613"/>
      <c r="LAL664" s="613"/>
      <c r="LAM664" s="613"/>
      <c r="LAN664" s="613"/>
      <c r="LAO664" s="613"/>
      <c r="LAP664" s="613"/>
      <c r="LAQ664" s="613"/>
      <c r="LAR664" s="613"/>
      <c r="LAS664" s="613"/>
      <c r="LAT664" s="613"/>
      <c r="LAU664" s="613"/>
      <c r="LAV664" s="613"/>
      <c r="LAW664" s="613"/>
      <c r="LAX664" s="613"/>
      <c r="LAY664" s="613"/>
      <c r="LAZ664" s="613"/>
      <c r="LBA664" s="613"/>
      <c r="LBB664" s="613"/>
      <c r="LBC664" s="613"/>
      <c r="LBD664" s="613"/>
      <c r="LBE664" s="613"/>
      <c r="LBF664" s="613"/>
      <c r="LBG664" s="613"/>
      <c r="LBH664" s="613"/>
      <c r="LBI664" s="613"/>
      <c r="LBJ664" s="613"/>
      <c r="LBK664" s="613"/>
      <c r="LBL664" s="613"/>
      <c r="LBM664" s="613"/>
      <c r="LBN664" s="613"/>
      <c r="LBO664" s="613"/>
      <c r="LBP664" s="613"/>
      <c r="LBQ664" s="613"/>
      <c r="LBR664" s="613"/>
      <c r="LBS664" s="613"/>
      <c r="LBT664" s="613"/>
      <c r="LBU664" s="613"/>
      <c r="LBV664" s="613"/>
      <c r="LBW664" s="613"/>
      <c r="LBX664" s="613"/>
      <c r="LBY664" s="613"/>
      <c r="LBZ664" s="613"/>
      <c r="LCA664" s="613"/>
      <c r="LCB664" s="613"/>
      <c r="LCC664" s="613"/>
      <c r="LCD664" s="613"/>
      <c r="LCE664" s="613"/>
      <c r="LCF664" s="613"/>
      <c r="LCG664" s="613"/>
      <c r="LCH664" s="613"/>
      <c r="LCI664" s="613"/>
      <c r="LCJ664" s="613"/>
      <c r="LCK664" s="613"/>
      <c r="LCL664" s="613"/>
      <c r="LCM664" s="613"/>
      <c r="LCN664" s="613"/>
      <c r="LCO664" s="613"/>
      <c r="LCP664" s="613"/>
      <c r="LCQ664" s="613"/>
      <c r="LCR664" s="613"/>
      <c r="LCS664" s="613"/>
      <c r="LCT664" s="613"/>
      <c r="LCU664" s="613"/>
      <c r="LCV664" s="613"/>
      <c r="LCW664" s="613"/>
      <c r="LCX664" s="613"/>
      <c r="LCY664" s="613"/>
      <c r="LCZ664" s="613"/>
      <c r="LDA664" s="613"/>
      <c r="LDB664" s="613"/>
      <c r="LDC664" s="613"/>
      <c r="LDD664" s="613"/>
      <c r="LDE664" s="613"/>
      <c r="LDF664" s="613"/>
      <c r="LDG664" s="613"/>
      <c r="LDH664" s="613"/>
      <c r="LDI664" s="613"/>
      <c r="LDJ664" s="613"/>
      <c r="LDK664" s="613"/>
      <c r="LDL664" s="613"/>
      <c r="LDM664" s="613"/>
      <c r="LDN664" s="613"/>
      <c r="LDO664" s="613"/>
      <c r="LDP664" s="613"/>
      <c r="LDQ664" s="613"/>
      <c r="LDR664" s="613"/>
      <c r="LDS664" s="613"/>
      <c r="LDT664" s="613"/>
      <c r="LDU664" s="613"/>
      <c r="LDV664" s="613"/>
      <c r="LDW664" s="613"/>
      <c r="LDX664" s="613"/>
      <c r="LDY664" s="613"/>
      <c r="LDZ664" s="613"/>
      <c r="LEA664" s="613"/>
      <c r="LEB664" s="613"/>
      <c r="LEC664" s="613"/>
      <c r="LED664" s="613"/>
      <c r="LEE664" s="613"/>
      <c r="LEF664" s="613"/>
      <c r="LEG664" s="613"/>
      <c r="LEH664" s="613"/>
      <c r="LEI664" s="613"/>
      <c r="LEJ664" s="613"/>
      <c r="LEK664" s="613"/>
      <c r="LEL664" s="613"/>
      <c r="LEM664" s="613"/>
      <c r="LEN664" s="613"/>
      <c r="LEO664" s="613"/>
      <c r="LEP664" s="613"/>
      <c r="LEQ664" s="613"/>
      <c r="LER664" s="613"/>
      <c r="LES664" s="613"/>
      <c r="LET664" s="613"/>
      <c r="LEU664" s="613"/>
      <c r="LEV664" s="613"/>
      <c r="LEW664" s="613"/>
      <c r="LEX664" s="613"/>
      <c r="LEY664" s="613"/>
      <c r="LEZ664" s="613"/>
      <c r="LFA664" s="613"/>
      <c r="LFB664" s="613"/>
      <c r="LFC664" s="613"/>
      <c r="LFD664" s="613"/>
      <c r="LFE664" s="613"/>
      <c r="LFF664" s="613"/>
      <c r="LFG664" s="613"/>
      <c r="LFH664" s="613"/>
      <c r="LFI664" s="613"/>
      <c r="LFJ664" s="613"/>
      <c r="LFK664" s="613"/>
      <c r="LFL664" s="613"/>
      <c r="LFM664" s="613"/>
      <c r="LFN664" s="613"/>
      <c r="LFO664" s="613"/>
      <c r="LFP664" s="613"/>
      <c r="LFQ664" s="613"/>
      <c r="LFR664" s="613"/>
      <c r="LFS664" s="613"/>
      <c r="LFT664" s="613"/>
      <c r="LFU664" s="613"/>
      <c r="LFV664" s="613"/>
      <c r="LFW664" s="613"/>
      <c r="LFX664" s="613"/>
      <c r="LFY664" s="613"/>
      <c r="LFZ664" s="613"/>
      <c r="LGA664" s="613"/>
      <c r="LGB664" s="613"/>
      <c r="LGC664" s="613"/>
      <c r="LGD664" s="613"/>
      <c r="LGE664" s="613"/>
      <c r="LGF664" s="613"/>
      <c r="LGG664" s="613"/>
      <c r="LGH664" s="613"/>
      <c r="LGI664" s="613"/>
      <c r="LGJ664" s="613"/>
      <c r="LGK664" s="613"/>
      <c r="LGL664" s="613"/>
      <c r="LGM664" s="613"/>
      <c r="LGN664" s="613"/>
      <c r="LGO664" s="613"/>
      <c r="LGP664" s="613"/>
      <c r="LGQ664" s="613"/>
      <c r="LGR664" s="613"/>
      <c r="LGS664" s="613"/>
      <c r="LGT664" s="613"/>
      <c r="LGU664" s="613"/>
      <c r="LGV664" s="613"/>
      <c r="LGW664" s="613"/>
      <c r="LGX664" s="613"/>
      <c r="LGY664" s="613"/>
      <c r="LGZ664" s="613"/>
      <c r="LHA664" s="613"/>
      <c r="LHB664" s="613"/>
      <c r="LHC664" s="613"/>
      <c r="LHD664" s="613"/>
      <c r="LHE664" s="613"/>
      <c r="LHF664" s="613"/>
      <c r="LHG664" s="613"/>
      <c r="LHH664" s="613"/>
      <c r="LHI664" s="613"/>
      <c r="LHJ664" s="613"/>
      <c r="LHK664" s="613"/>
      <c r="LHL664" s="613"/>
      <c r="LHM664" s="613"/>
      <c r="LHN664" s="613"/>
      <c r="LHO664" s="613"/>
      <c r="LHP664" s="613"/>
      <c r="LHQ664" s="613"/>
      <c r="LHR664" s="613"/>
      <c r="LHS664" s="613"/>
      <c r="LHT664" s="613"/>
      <c r="LHU664" s="613"/>
      <c r="LHV664" s="613"/>
      <c r="LHW664" s="613"/>
      <c r="LHX664" s="613"/>
      <c r="LHY664" s="613"/>
      <c r="LHZ664" s="613"/>
      <c r="LIA664" s="613"/>
      <c r="LIB664" s="613"/>
      <c r="LIC664" s="613"/>
      <c r="LID664" s="613"/>
      <c r="LIE664" s="613"/>
      <c r="LIF664" s="613"/>
      <c r="LIG664" s="613"/>
      <c r="LIH664" s="613"/>
      <c r="LII664" s="613"/>
      <c r="LIJ664" s="613"/>
      <c r="LIK664" s="613"/>
      <c r="LIL664" s="613"/>
      <c r="LIM664" s="613"/>
      <c r="LIN664" s="613"/>
      <c r="LIO664" s="613"/>
      <c r="LIP664" s="613"/>
      <c r="LIQ664" s="613"/>
      <c r="LIR664" s="613"/>
      <c r="LIS664" s="613"/>
      <c r="LIT664" s="613"/>
      <c r="LIU664" s="613"/>
      <c r="LIV664" s="613"/>
      <c r="LIW664" s="613"/>
      <c r="LIX664" s="613"/>
      <c r="LIY664" s="613"/>
      <c r="LIZ664" s="613"/>
      <c r="LJA664" s="613"/>
      <c r="LJB664" s="613"/>
      <c r="LJC664" s="613"/>
      <c r="LJD664" s="613"/>
      <c r="LJE664" s="613"/>
      <c r="LJF664" s="613"/>
      <c r="LJG664" s="613"/>
      <c r="LJH664" s="613"/>
      <c r="LJI664" s="613"/>
      <c r="LJJ664" s="613"/>
      <c r="LJK664" s="613"/>
      <c r="LJL664" s="613"/>
      <c r="LJM664" s="613"/>
      <c r="LJN664" s="613"/>
      <c r="LJO664" s="613"/>
      <c r="LJP664" s="613"/>
      <c r="LJQ664" s="613"/>
      <c r="LJR664" s="613"/>
      <c r="LJS664" s="613"/>
      <c r="LJT664" s="613"/>
      <c r="LJU664" s="613"/>
      <c r="LJV664" s="613"/>
      <c r="LJW664" s="613"/>
      <c r="LJX664" s="613"/>
      <c r="LJY664" s="613"/>
      <c r="LJZ664" s="613"/>
      <c r="LKA664" s="613"/>
      <c r="LKB664" s="613"/>
      <c r="LKC664" s="613"/>
      <c r="LKD664" s="613"/>
      <c r="LKE664" s="613"/>
      <c r="LKF664" s="613"/>
      <c r="LKG664" s="613"/>
      <c r="LKH664" s="613"/>
      <c r="LKI664" s="613"/>
      <c r="LKJ664" s="613"/>
      <c r="LKK664" s="613"/>
      <c r="LKL664" s="613"/>
      <c r="LKM664" s="613"/>
      <c r="LKN664" s="613"/>
      <c r="LKO664" s="613"/>
      <c r="LKP664" s="613"/>
      <c r="LKQ664" s="613"/>
      <c r="LKR664" s="613"/>
      <c r="LKS664" s="613"/>
      <c r="LKT664" s="613"/>
      <c r="LKU664" s="613"/>
      <c r="LKV664" s="613"/>
      <c r="LKW664" s="613"/>
      <c r="LKX664" s="613"/>
      <c r="LKY664" s="613"/>
      <c r="LKZ664" s="613"/>
      <c r="LLA664" s="613"/>
      <c r="LLB664" s="613"/>
      <c r="LLC664" s="613"/>
      <c r="LLD664" s="613"/>
      <c r="LLE664" s="613"/>
      <c r="LLF664" s="613"/>
      <c r="LLG664" s="613"/>
      <c r="LLH664" s="613"/>
      <c r="LLI664" s="613"/>
      <c r="LLJ664" s="613"/>
      <c r="LLK664" s="613"/>
      <c r="LLL664" s="613"/>
      <c r="LLM664" s="613"/>
      <c r="LLN664" s="613"/>
      <c r="LLO664" s="613"/>
      <c r="LLP664" s="613"/>
      <c r="LLQ664" s="613"/>
      <c r="LLR664" s="613"/>
      <c r="LLS664" s="613"/>
      <c r="LLT664" s="613"/>
      <c r="LLU664" s="613"/>
      <c r="LLV664" s="613"/>
      <c r="LLW664" s="613"/>
      <c r="LLX664" s="613"/>
      <c r="LLY664" s="613"/>
      <c r="LLZ664" s="613"/>
      <c r="LMA664" s="613"/>
      <c r="LMB664" s="613"/>
      <c r="LMC664" s="613"/>
      <c r="LMD664" s="613"/>
      <c r="LME664" s="613"/>
      <c r="LMF664" s="613"/>
      <c r="LMG664" s="613"/>
      <c r="LMH664" s="613"/>
      <c r="LMI664" s="613"/>
      <c r="LMJ664" s="613"/>
      <c r="LMK664" s="613"/>
      <c r="LML664" s="613"/>
      <c r="LMM664" s="613"/>
      <c r="LMN664" s="613"/>
      <c r="LMO664" s="613"/>
      <c r="LMP664" s="613"/>
      <c r="LMQ664" s="613"/>
      <c r="LMR664" s="613"/>
      <c r="LMS664" s="613"/>
      <c r="LMT664" s="613"/>
      <c r="LMU664" s="613"/>
      <c r="LMV664" s="613"/>
      <c r="LMW664" s="613"/>
      <c r="LMX664" s="613"/>
      <c r="LMY664" s="613"/>
      <c r="LMZ664" s="613"/>
      <c r="LNA664" s="613"/>
      <c r="LNB664" s="613"/>
      <c r="LNC664" s="613"/>
      <c r="LND664" s="613"/>
      <c r="LNE664" s="613"/>
      <c r="LNF664" s="613"/>
      <c r="LNG664" s="613"/>
      <c r="LNH664" s="613"/>
      <c r="LNI664" s="613"/>
      <c r="LNJ664" s="613"/>
      <c r="LNK664" s="613"/>
      <c r="LNL664" s="613"/>
      <c r="LNM664" s="613"/>
      <c r="LNN664" s="613"/>
      <c r="LNO664" s="613"/>
      <c r="LNP664" s="613"/>
      <c r="LNQ664" s="613"/>
      <c r="LNR664" s="613"/>
      <c r="LNS664" s="613"/>
      <c r="LNT664" s="613"/>
      <c r="LNU664" s="613"/>
      <c r="LNV664" s="613"/>
      <c r="LNW664" s="613"/>
      <c r="LNX664" s="613"/>
      <c r="LNY664" s="613"/>
      <c r="LNZ664" s="613"/>
      <c r="LOA664" s="613"/>
      <c r="LOB664" s="613"/>
      <c r="LOC664" s="613"/>
      <c r="LOD664" s="613"/>
      <c r="LOE664" s="613"/>
      <c r="LOF664" s="613"/>
      <c r="LOG664" s="613"/>
      <c r="LOH664" s="613"/>
      <c r="LOI664" s="613"/>
      <c r="LOJ664" s="613"/>
      <c r="LOK664" s="613"/>
      <c r="LOL664" s="613"/>
      <c r="LOM664" s="613"/>
      <c r="LON664" s="613"/>
      <c r="LOO664" s="613"/>
      <c r="LOP664" s="613"/>
      <c r="LOQ664" s="613"/>
      <c r="LOR664" s="613"/>
      <c r="LOS664" s="613"/>
      <c r="LOT664" s="613"/>
      <c r="LOU664" s="613"/>
      <c r="LOV664" s="613"/>
      <c r="LOW664" s="613"/>
      <c r="LOX664" s="613"/>
      <c r="LOY664" s="613"/>
      <c r="LOZ664" s="613"/>
      <c r="LPA664" s="613"/>
      <c r="LPB664" s="613"/>
      <c r="LPC664" s="613"/>
      <c r="LPD664" s="613"/>
      <c r="LPE664" s="613"/>
      <c r="LPF664" s="613"/>
      <c r="LPG664" s="613"/>
      <c r="LPH664" s="613"/>
      <c r="LPI664" s="613"/>
      <c r="LPJ664" s="613"/>
      <c r="LPK664" s="613"/>
      <c r="LPL664" s="613"/>
      <c r="LPM664" s="613"/>
      <c r="LPN664" s="613"/>
      <c r="LPO664" s="613"/>
      <c r="LPP664" s="613"/>
      <c r="LPQ664" s="613"/>
      <c r="LPR664" s="613"/>
      <c r="LPS664" s="613"/>
      <c r="LPT664" s="613"/>
      <c r="LPU664" s="613"/>
      <c r="LPV664" s="613"/>
      <c r="LPW664" s="613"/>
      <c r="LPX664" s="613"/>
      <c r="LPY664" s="613"/>
      <c r="LPZ664" s="613"/>
      <c r="LQA664" s="613"/>
      <c r="LQB664" s="613"/>
      <c r="LQC664" s="613"/>
      <c r="LQD664" s="613"/>
      <c r="LQE664" s="613"/>
      <c r="LQF664" s="613"/>
      <c r="LQG664" s="613"/>
      <c r="LQH664" s="613"/>
      <c r="LQI664" s="613"/>
      <c r="LQJ664" s="613"/>
      <c r="LQK664" s="613"/>
      <c r="LQL664" s="613"/>
      <c r="LQM664" s="613"/>
      <c r="LQN664" s="613"/>
      <c r="LQO664" s="613"/>
      <c r="LQP664" s="613"/>
      <c r="LQQ664" s="613"/>
      <c r="LQR664" s="613"/>
      <c r="LQS664" s="613"/>
      <c r="LQT664" s="613"/>
      <c r="LQU664" s="613"/>
      <c r="LQV664" s="613"/>
      <c r="LQW664" s="613"/>
      <c r="LQX664" s="613"/>
      <c r="LQY664" s="613"/>
      <c r="LQZ664" s="613"/>
      <c r="LRA664" s="613"/>
      <c r="LRB664" s="613"/>
      <c r="LRC664" s="613"/>
      <c r="LRD664" s="613"/>
      <c r="LRE664" s="613"/>
      <c r="LRF664" s="613"/>
      <c r="LRG664" s="613"/>
      <c r="LRH664" s="613"/>
      <c r="LRI664" s="613"/>
      <c r="LRJ664" s="613"/>
      <c r="LRK664" s="613"/>
      <c r="LRL664" s="613"/>
      <c r="LRM664" s="613"/>
      <c r="LRN664" s="613"/>
      <c r="LRO664" s="613"/>
      <c r="LRP664" s="613"/>
      <c r="LRQ664" s="613"/>
      <c r="LRR664" s="613"/>
      <c r="LRS664" s="613"/>
      <c r="LRT664" s="613"/>
      <c r="LRU664" s="613"/>
      <c r="LRV664" s="613"/>
      <c r="LRW664" s="613"/>
      <c r="LRX664" s="613"/>
      <c r="LRY664" s="613"/>
      <c r="LRZ664" s="613"/>
      <c r="LSA664" s="613"/>
      <c r="LSB664" s="613"/>
      <c r="LSC664" s="613"/>
      <c r="LSD664" s="613"/>
      <c r="LSE664" s="613"/>
      <c r="LSF664" s="613"/>
      <c r="LSG664" s="613"/>
      <c r="LSH664" s="613"/>
      <c r="LSI664" s="613"/>
      <c r="LSJ664" s="613"/>
      <c r="LSK664" s="613"/>
      <c r="LSL664" s="613"/>
      <c r="LSM664" s="613"/>
      <c r="LSN664" s="613"/>
      <c r="LSO664" s="613"/>
      <c r="LSP664" s="613"/>
      <c r="LSQ664" s="613"/>
      <c r="LSR664" s="613"/>
      <c r="LSS664" s="613"/>
      <c r="LST664" s="613"/>
      <c r="LSU664" s="613"/>
      <c r="LSV664" s="613"/>
      <c r="LSW664" s="613"/>
      <c r="LSX664" s="613"/>
      <c r="LSY664" s="613"/>
      <c r="LSZ664" s="613"/>
      <c r="LTA664" s="613"/>
      <c r="LTB664" s="613"/>
      <c r="LTC664" s="613"/>
      <c r="LTD664" s="613"/>
      <c r="LTE664" s="613"/>
      <c r="LTF664" s="613"/>
      <c r="LTG664" s="613"/>
      <c r="LTH664" s="613"/>
      <c r="LTI664" s="613"/>
      <c r="LTJ664" s="613"/>
      <c r="LTK664" s="613"/>
      <c r="LTL664" s="613"/>
      <c r="LTM664" s="613"/>
      <c r="LTN664" s="613"/>
      <c r="LTO664" s="613"/>
      <c r="LTP664" s="613"/>
      <c r="LTQ664" s="613"/>
      <c r="LTR664" s="613"/>
      <c r="LTS664" s="613"/>
      <c r="LTT664" s="613"/>
      <c r="LTU664" s="613"/>
      <c r="LTV664" s="613"/>
      <c r="LTW664" s="613"/>
      <c r="LTX664" s="613"/>
      <c r="LTY664" s="613"/>
      <c r="LTZ664" s="613"/>
      <c r="LUA664" s="613"/>
      <c r="LUB664" s="613"/>
      <c r="LUC664" s="613"/>
      <c r="LUD664" s="613"/>
      <c r="LUE664" s="613"/>
      <c r="LUF664" s="613"/>
      <c r="LUG664" s="613"/>
      <c r="LUH664" s="613"/>
      <c r="LUI664" s="613"/>
      <c r="LUJ664" s="613"/>
      <c r="LUK664" s="613"/>
      <c r="LUL664" s="613"/>
      <c r="LUM664" s="613"/>
      <c r="LUN664" s="613"/>
      <c r="LUO664" s="613"/>
      <c r="LUP664" s="613"/>
      <c r="LUQ664" s="613"/>
      <c r="LUR664" s="613"/>
      <c r="LUS664" s="613"/>
      <c r="LUT664" s="613"/>
      <c r="LUU664" s="613"/>
      <c r="LUV664" s="613"/>
      <c r="LUW664" s="613"/>
      <c r="LUX664" s="613"/>
      <c r="LUY664" s="613"/>
      <c r="LUZ664" s="613"/>
      <c r="LVA664" s="613"/>
      <c r="LVB664" s="613"/>
      <c r="LVC664" s="613"/>
      <c r="LVD664" s="613"/>
      <c r="LVE664" s="613"/>
      <c r="LVF664" s="613"/>
      <c r="LVG664" s="613"/>
      <c r="LVH664" s="613"/>
      <c r="LVI664" s="613"/>
      <c r="LVJ664" s="613"/>
      <c r="LVK664" s="613"/>
      <c r="LVL664" s="613"/>
      <c r="LVM664" s="613"/>
      <c r="LVN664" s="613"/>
      <c r="LVO664" s="613"/>
      <c r="LVP664" s="613"/>
      <c r="LVQ664" s="613"/>
      <c r="LVR664" s="613"/>
      <c r="LVS664" s="613"/>
      <c r="LVT664" s="613"/>
      <c r="LVU664" s="613"/>
      <c r="LVV664" s="613"/>
      <c r="LVW664" s="613"/>
      <c r="LVX664" s="613"/>
      <c r="LVY664" s="613"/>
      <c r="LVZ664" s="613"/>
      <c r="LWA664" s="613"/>
      <c r="LWB664" s="613"/>
      <c r="LWC664" s="613"/>
      <c r="LWD664" s="613"/>
      <c r="LWE664" s="613"/>
      <c r="LWF664" s="613"/>
      <c r="LWG664" s="613"/>
      <c r="LWH664" s="613"/>
      <c r="LWI664" s="613"/>
      <c r="LWJ664" s="613"/>
      <c r="LWK664" s="613"/>
      <c r="LWL664" s="613"/>
      <c r="LWM664" s="613"/>
      <c r="LWN664" s="613"/>
      <c r="LWO664" s="613"/>
      <c r="LWP664" s="613"/>
      <c r="LWQ664" s="613"/>
      <c r="LWR664" s="613"/>
      <c r="LWS664" s="613"/>
      <c r="LWT664" s="613"/>
      <c r="LWU664" s="613"/>
      <c r="LWV664" s="613"/>
      <c r="LWW664" s="613"/>
      <c r="LWX664" s="613"/>
      <c r="LWY664" s="613"/>
      <c r="LWZ664" s="613"/>
      <c r="LXA664" s="613"/>
      <c r="LXB664" s="613"/>
      <c r="LXC664" s="613"/>
      <c r="LXD664" s="613"/>
      <c r="LXE664" s="613"/>
      <c r="LXF664" s="613"/>
      <c r="LXG664" s="613"/>
      <c r="LXH664" s="613"/>
      <c r="LXI664" s="613"/>
      <c r="LXJ664" s="613"/>
      <c r="LXK664" s="613"/>
      <c r="LXL664" s="613"/>
      <c r="LXM664" s="613"/>
      <c r="LXN664" s="613"/>
      <c r="LXO664" s="613"/>
      <c r="LXP664" s="613"/>
      <c r="LXQ664" s="613"/>
      <c r="LXR664" s="613"/>
      <c r="LXS664" s="613"/>
      <c r="LXT664" s="613"/>
      <c r="LXU664" s="613"/>
      <c r="LXV664" s="613"/>
      <c r="LXW664" s="613"/>
      <c r="LXX664" s="613"/>
      <c r="LXY664" s="613"/>
      <c r="LXZ664" s="613"/>
      <c r="LYA664" s="613"/>
      <c r="LYB664" s="613"/>
      <c r="LYC664" s="613"/>
      <c r="LYD664" s="613"/>
      <c r="LYE664" s="613"/>
      <c r="LYF664" s="613"/>
      <c r="LYG664" s="613"/>
      <c r="LYH664" s="613"/>
      <c r="LYI664" s="613"/>
      <c r="LYJ664" s="613"/>
      <c r="LYK664" s="613"/>
      <c r="LYL664" s="613"/>
      <c r="LYM664" s="613"/>
      <c r="LYN664" s="613"/>
      <c r="LYO664" s="613"/>
      <c r="LYP664" s="613"/>
      <c r="LYQ664" s="613"/>
      <c r="LYR664" s="613"/>
      <c r="LYS664" s="613"/>
      <c r="LYT664" s="613"/>
      <c r="LYU664" s="613"/>
      <c r="LYV664" s="613"/>
      <c r="LYW664" s="613"/>
      <c r="LYX664" s="613"/>
      <c r="LYY664" s="613"/>
      <c r="LYZ664" s="613"/>
      <c r="LZA664" s="613"/>
      <c r="LZB664" s="613"/>
      <c r="LZC664" s="613"/>
      <c r="LZD664" s="613"/>
      <c r="LZE664" s="613"/>
      <c r="LZF664" s="613"/>
      <c r="LZG664" s="613"/>
      <c r="LZH664" s="613"/>
      <c r="LZI664" s="613"/>
      <c r="LZJ664" s="613"/>
      <c r="LZK664" s="613"/>
      <c r="LZL664" s="613"/>
      <c r="LZM664" s="613"/>
      <c r="LZN664" s="613"/>
      <c r="LZO664" s="613"/>
      <c r="LZP664" s="613"/>
      <c r="LZQ664" s="613"/>
      <c r="LZR664" s="613"/>
      <c r="LZS664" s="613"/>
      <c r="LZT664" s="613"/>
      <c r="LZU664" s="613"/>
      <c r="LZV664" s="613"/>
      <c r="LZW664" s="613"/>
      <c r="LZX664" s="613"/>
      <c r="LZY664" s="613"/>
      <c r="LZZ664" s="613"/>
      <c r="MAA664" s="613"/>
      <c r="MAB664" s="613"/>
      <c r="MAC664" s="613"/>
      <c r="MAD664" s="613"/>
      <c r="MAE664" s="613"/>
      <c r="MAF664" s="613"/>
      <c r="MAG664" s="613"/>
      <c r="MAH664" s="613"/>
      <c r="MAI664" s="613"/>
      <c r="MAJ664" s="613"/>
      <c r="MAK664" s="613"/>
      <c r="MAL664" s="613"/>
      <c r="MAM664" s="613"/>
      <c r="MAN664" s="613"/>
      <c r="MAO664" s="613"/>
      <c r="MAP664" s="613"/>
      <c r="MAQ664" s="613"/>
      <c r="MAR664" s="613"/>
      <c r="MAS664" s="613"/>
      <c r="MAT664" s="613"/>
      <c r="MAU664" s="613"/>
      <c r="MAV664" s="613"/>
      <c r="MAW664" s="613"/>
      <c r="MAX664" s="613"/>
      <c r="MAY664" s="613"/>
      <c r="MAZ664" s="613"/>
      <c r="MBA664" s="613"/>
      <c r="MBB664" s="613"/>
      <c r="MBC664" s="613"/>
      <c r="MBD664" s="613"/>
      <c r="MBE664" s="613"/>
      <c r="MBF664" s="613"/>
      <c r="MBG664" s="613"/>
      <c r="MBH664" s="613"/>
      <c r="MBI664" s="613"/>
      <c r="MBJ664" s="613"/>
      <c r="MBK664" s="613"/>
      <c r="MBL664" s="613"/>
      <c r="MBM664" s="613"/>
      <c r="MBN664" s="613"/>
      <c r="MBO664" s="613"/>
      <c r="MBP664" s="613"/>
      <c r="MBQ664" s="613"/>
      <c r="MBR664" s="613"/>
      <c r="MBS664" s="613"/>
      <c r="MBT664" s="613"/>
      <c r="MBU664" s="613"/>
      <c r="MBV664" s="613"/>
      <c r="MBW664" s="613"/>
      <c r="MBX664" s="613"/>
      <c r="MBY664" s="613"/>
      <c r="MBZ664" s="613"/>
      <c r="MCA664" s="613"/>
      <c r="MCB664" s="613"/>
      <c r="MCC664" s="613"/>
      <c r="MCD664" s="613"/>
      <c r="MCE664" s="613"/>
      <c r="MCF664" s="613"/>
      <c r="MCG664" s="613"/>
      <c r="MCH664" s="613"/>
      <c r="MCI664" s="613"/>
      <c r="MCJ664" s="613"/>
      <c r="MCK664" s="613"/>
      <c r="MCL664" s="613"/>
      <c r="MCM664" s="613"/>
      <c r="MCN664" s="613"/>
      <c r="MCO664" s="613"/>
      <c r="MCP664" s="613"/>
      <c r="MCQ664" s="613"/>
      <c r="MCR664" s="613"/>
      <c r="MCS664" s="613"/>
      <c r="MCT664" s="613"/>
      <c r="MCU664" s="613"/>
      <c r="MCV664" s="613"/>
      <c r="MCW664" s="613"/>
      <c r="MCX664" s="613"/>
      <c r="MCY664" s="613"/>
      <c r="MCZ664" s="613"/>
      <c r="MDA664" s="613"/>
      <c r="MDB664" s="613"/>
      <c r="MDC664" s="613"/>
      <c r="MDD664" s="613"/>
      <c r="MDE664" s="613"/>
      <c r="MDF664" s="613"/>
      <c r="MDG664" s="613"/>
      <c r="MDH664" s="613"/>
      <c r="MDI664" s="613"/>
      <c r="MDJ664" s="613"/>
      <c r="MDK664" s="613"/>
      <c r="MDL664" s="613"/>
      <c r="MDM664" s="613"/>
      <c r="MDN664" s="613"/>
      <c r="MDO664" s="613"/>
      <c r="MDP664" s="613"/>
      <c r="MDQ664" s="613"/>
      <c r="MDR664" s="613"/>
      <c r="MDS664" s="613"/>
      <c r="MDT664" s="613"/>
      <c r="MDU664" s="613"/>
      <c r="MDV664" s="613"/>
      <c r="MDW664" s="613"/>
      <c r="MDX664" s="613"/>
      <c r="MDY664" s="613"/>
      <c r="MDZ664" s="613"/>
      <c r="MEA664" s="613"/>
      <c r="MEB664" s="613"/>
      <c r="MEC664" s="613"/>
      <c r="MED664" s="613"/>
      <c r="MEE664" s="613"/>
      <c r="MEF664" s="613"/>
      <c r="MEG664" s="613"/>
      <c r="MEH664" s="613"/>
      <c r="MEI664" s="613"/>
      <c r="MEJ664" s="613"/>
      <c r="MEK664" s="613"/>
      <c r="MEL664" s="613"/>
      <c r="MEM664" s="613"/>
      <c r="MEN664" s="613"/>
      <c r="MEO664" s="613"/>
      <c r="MEP664" s="613"/>
      <c r="MEQ664" s="613"/>
      <c r="MER664" s="613"/>
      <c r="MES664" s="613"/>
      <c r="MET664" s="613"/>
      <c r="MEU664" s="613"/>
      <c r="MEV664" s="613"/>
      <c r="MEW664" s="613"/>
      <c r="MEX664" s="613"/>
      <c r="MEY664" s="613"/>
      <c r="MEZ664" s="613"/>
      <c r="MFA664" s="613"/>
      <c r="MFB664" s="613"/>
      <c r="MFC664" s="613"/>
      <c r="MFD664" s="613"/>
      <c r="MFE664" s="613"/>
      <c r="MFF664" s="613"/>
      <c r="MFG664" s="613"/>
      <c r="MFH664" s="613"/>
      <c r="MFI664" s="613"/>
      <c r="MFJ664" s="613"/>
      <c r="MFK664" s="613"/>
      <c r="MFL664" s="613"/>
      <c r="MFM664" s="613"/>
      <c r="MFN664" s="613"/>
      <c r="MFO664" s="613"/>
      <c r="MFP664" s="613"/>
      <c r="MFQ664" s="613"/>
      <c r="MFR664" s="613"/>
      <c r="MFS664" s="613"/>
      <c r="MFT664" s="613"/>
      <c r="MFU664" s="613"/>
      <c r="MFV664" s="613"/>
      <c r="MFW664" s="613"/>
      <c r="MFX664" s="613"/>
      <c r="MFY664" s="613"/>
      <c r="MFZ664" s="613"/>
      <c r="MGA664" s="613"/>
      <c r="MGB664" s="613"/>
      <c r="MGC664" s="613"/>
      <c r="MGD664" s="613"/>
      <c r="MGE664" s="613"/>
      <c r="MGF664" s="613"/>
      <c r="MGG664" s="613"/>
      <c r="MGH664" s="613"/>
      <c r="MGI664" s="613"/>
      <c r="MGJ664" s="613"/>
      <c r="MGK664" s="613"/>
      <c r="MGL664" s="613"/>
      <c r="MGM664" s="613"/>
      <c r="MGN664" s="613"/>
      <c r="MGO664" s="613"/>
      <c r="MGP664" s="613"/>
      <c r="MGQ664" s="613"/>
      <c r="MGR664" s="613"/>
      <c r="MGS664" s="613"/>
      <c r="MGT664" s="613"/>
      <c r="MGU664" s="613"/>
      <c r="MGV664" s="613"/>
      <c r="MGW664" s="613"/>
      <c r="MGX664" s="613"/>
      <c r="MGY664" s="613"/>
      <c r="MGZ664" s="613"/>
      <c r="MHA664" s="613"/>
      <c r="MHB664" s="613"/>
      <c r="MHC664" s="613"/>
      <c r="MHD664" s="613"/>
      <c r="MHE664" s="613"/>
      <c r="MHF664" s="613"/>
      <c r="MHG664" s="613"/>
      <c r="MHH664" s="613"/>
      <c r="MHI664" s="613"/>
      <c r="MHJ664" s="613"/>
      <c r="MHK664" s="613"/>
      <c r="MHL664" s="613"/>
      <c r="MHM664" s="613"/>
      <c r="MHN664" s="613"/>
      <c r="MHO664" s="613"/>
      <c r="MHP664" s="613"/>
      <c r="MHQ664" s="613"/>
      <c r="MHR664" s="613"/>
      <c r="MHS664" s="613"/>
      <c r="MHT664" s="613"/>
      <c r="MHU664" s="613"/>
      <c r="MHV664" s="613"/>
      <c r="MHW664" s="613"/>
      <c r="MHX664" s="613"/>
      <c r="MHY664" s="613"/>
      <c r="MHZ664" s="613"/>
      <c r="MIA664" s="613"/>
      <c r="MIB664" s="613"/>
      <c r="MIC664" s="613"/>
      <c r="MID664" s="613"/>
      <c r="MIE664" s="613"/>
      <c r="MIF664" s="613"/>
      <c r="MIG664" s="613"/>
      <c r="MIH664" s="613"/>
      <c r="MII664" s="613"/>
      <c r="MIJ664" s="613"/>
      <c r="MIK664" s="613"/>
      <c r="MIL664" s="613"/>
      <c r="MIM664" s="613"/>
      <c r="MIN664" s="613"/>
      <c r="MIO664" s="613"/>
      <c r="MIP664" s="613"/>
      <c r="MIQ664" s="613"/>
      <c r="MIR664" s="613"/>
      <c r="MIS664" s="613"/>
      <c r="MIT664" s="613"/>
      <c r="MIU664" s="613"/>
      <c r="MIV664" s="613"/>
      <c r="MIW664" s="613"/>
      <c r="MIX664" s="613"/>
      <c r="MIY664" s="613"/>
      <c r="MIZ664" s="613"/>
      <c r="MJA664" s="613"/>
      <c r="MJB664" s="613"/>
      <c r="MJC664" s="613"/>
      <c r="MJD664" s="613"/>
      <c r="MJE664" s="613"/>
      <c r="MJF664" s="613"/>
      <c r="MJG664" s="613"/>
      <c r="MJH664" s="613"/>
      <c r="MJI664" s="613"/>
      <c r="MJJ664" s="613"/>
      <c r="MJK664" s="613"/>
      <c r="MJL664" s="613"/>
      <c r="MJM664" s="613"/>
      <c r="MJN664" s="613"/>
      <c r="MJO664" s="613"/>
      <c r="MJP664" s="613"/>
      <c r="MJQ664" s="613"/>
      <c r="MJR664" s="613"/>
      <c r="MJS664" s="613"/>
      <c r="MJT664" s="613"/>
      <c r="MJU664" s="613"/>
      <c r="MJV664" s="613"/>
      <c r="MJW664" s="613"/>
      <c r="MJX664" s="613"/>
      <c r="MJY664" s="613"/>
      <c r="MJZ664" s="613"/>
      <c r="MKA664" s="613"/>
      <c r="MKB664" s="613"/>
      <c r="MKC664" s="613"/>
      <c r="MKD664" s="613"/>
      <c r="MKE664" s="613"/>
      <c r="MKF664" s="613"/>
      <c r="MKG664" s="613"/>
      <c r="MKH664" s="613"/>
      <c r="MKI664" s="613"/>
      <c r="MKJ664" s="613"/>
      <c r="MKK664" s="613"/>
      <c r="MKL664" s="613"/>
      <c r="MKM664" s="613"/>
      <c r="MKN664" s="613"/>
      <c r="MKO664" s="613"/>
      <c r="MKP664" s="613"/>
      <c r="MKQ664" s="613"/>
      <c r="MKR664" s="613"/>
      <c r="MKS664" s="613"/>
      <c r="MKT664" s="613"/>
      <c r="MKU664" s="613"/>
      <c r="MKV664" s="613"/>
      <c r="MKW664" s="613"/>
      <c r="MKX664" s="613"/>
      <c r="MKY664" s="613"/>
      <c r="MKZ664" s="613"/>
      <c r="MLA664" s="613"/>
      <c r="MLB664" s="613"/>
      <c r="MLC664" s="613"/>
      <c r="MLD664" s="613"/>
      <c r="MLE664" s="613"/>
      <c r="MLF664" s="613"/>
      <c r="MLG664" s="613"/>
      <c r="MLH664" s="613"/>
      <c r="MLI664" s="613"/>
      <c r="MLJ664" s="613"/>
      <c r="MLK664" s="613"/>
      <c r="MLL664" s="613"/>
      <c r="MLM664" s="613"/>
      <c r="MLN664" s="613"/>
      <c r="MLO664" s="613"/>
      <c r="MLP664" s="613"/>
      <c r="MLQ664" s="613"/>
      <c r="MLR664" s="613"/>
      <c r="MLS664" s="613"/>
      <c r="MLT664" s="613"/>
      <c r="MLU664" s="613"/>
      <c r="MLV664" s="613"/>
      <c r="MLW664" s="613"/>
      <c r="MLX664" s="613"/>
      <c r="MLY664" s="613"/>
      <c r="MLZ664" s="613"/>
      <c r="MMA664" s="613"/>
      <c r="MMB664" s="613"/>
      <c r="MMC664" s="613"/>
      <c r="MMD664" s="613"/>
      <c r="MME664" s="613"/>
      <c r="MMF664" s="613"/>
      <c r="MMG664" s="613"/>
      <c r="MMH664" s="613"/>
      <c r="MMI664" s="613"/>
      <c r="MMJ664" s="613"/>
      <c r="MMK664" s="613"/>
      <c r="MML664" s="613"/>
      <c r="MMM664" s="613"/>
      <c r="MMN664" s="613"/>
      <c r="MMO664" s="613"/>
      <c r="MMP664" s="613"/>
      <c r="MMQ664" s="613"/>
      <c r="MMR664" s="613"/>
      <c r="MMS664" s="613"/>
      <c r="MMT664" s="613"/>
      <c r="MMU664" s="613"/>
      <c r="MMV664" s="613"/>
      <c r="MMW664" s="613"/>
      <c r="MMX664" s="613"/>
      <c r="MMY664" s="613"/>
      <c r="MMZ664" s="613"/>
      <c r="MNA664" s="613"/>
      <c r="MNB664" s="613"/>
      <c r="MNC664" s="613"/>
      <c r="MND664" s="613"/>
      <c r="MNE664" s="613"/>
      <c r="MNF664" s="613"/>
      <c r="MNG664" s="613"/>
      <c r="MNH664" s="613"/>
      <c r="MNI664" s="613"/>
      <c r="MNJ664" s="613"/>
      <c r="MNK664" s="613"/>
      <c r="MNL664" s="613"/>
      <c r="MNM664" s="613"/>
      <c r="MNN664" s="613"/>
      <c r="MNO664" s="613"/>
      <c r="MNP664" s="613"/>
      <c r="MNQ664" s="613"/>
      <c r="MNR664" s="613"/>
      <c r="MNS664" s="613"/>
      <c r="MNT664" s="613"/>
      <c r="MNU664" s="613"/>
      <c r="MNV664" s="613"/>
      <c r="MNW664" s="613"/>
      <c r="MNX664" s="613"/>
      <c r="MNY664" s="613"/>
      <c r="MNZ664" s="613"/>
      <c r="MOA664" s="613"/>
      <c r="MOB664" s="613"/>
      <c r="MOC664" s="613"/>
      <c r="MOD664" s="613"/>
      <c r="MOE664" s="613"/>
      <c r="MOF664" s="613"/>
      <c r="MOG664" s="613"/>
      <c r="MOH664" s="613"/>
      <c r="MOI664" s="613"/>
      <c r="MOJ664" s="613"/>
      <c r="MOK664" s="613"/>
      <c r="MOL664" s="613"/>
      <c r="MOM664" s="613"/>
      <c r="MON664" s="613"/>
      <c r="MOO664" s="613"/>
      <c r="MOP664" s="613"/>
      <c r="MOQ664" s="613"/>
      <c r="MOR664" s="613"/>
      <c r="MOS664" s="613"/>
      <c r="MOT664" s="613"/>
      <c r="MOU664" s="613"/>
      <c r="MOV664" s="613"/>
      <c r="MOW664" s="613"/>
      <c r="MOX664" s="613"/>
      <c r="MOY664" s="613"/>
      <c r="MOZ664" s="613"/>
      <c r="MPA664" s="613"/>
      <c r="MPB664" s="613"/>
      <c r="MPC664" s="613"/>
      <c r="MPD664" s="613"/>
      <c r="MPE664" s="613"/>
      <c r="MPF664" s="613"/>
      <c r="MPG664" s="613"/>
      <c r="MPH664" s="613"/>
      <c r="MPI664" s="613"/>
      <c r="MPJ664" s="613"/>
      <c r="MPK664" s="613"/>
      <c r="MPL664" s="613"/>
      <c r="MPM664" s="613"/>
      <c r="MPN664" s="613"/>
      <c r="MPO664" s="613"/>
      <c r="MPP664" s="613"/>
      <c r="MPQ664" s="613"/>
      <c r="MPR664" s="613"/>
      <c r="MPS664" s="613"/>
      <c r="MPT664" s="613"/>
      <c r="MPU664" s="613"/>
      <c r="MPV664" s="613"/>
      <c r="MPW664" s="613"/>
      <c r="MPX664" s="613"/>
      <c r="MPY664" s="613"/>
      <c r="MPZ664" s="613"/>
      <c r="MQA664" s="613"/>
      <c r="MQB664" s="613"/>
      <c r="MQC664" s="613"/>
      <c r="MQD664" s="613"/>
      <c r="MQE664" s="613"/>
      <c r="MQF664" s="613"/>
      <c r="MQG664" s="613"/>
      <c r="MQH664" s="613"/>
      <c r="MQI664" s="613"/>
      <c r="MQJ664" s="613"/>
      <c r="MQK664" s="613"/>
      <c r="MQL664" s="613"/>
      <c r="MQM664" s="613"/>
      <c r="MQN664" s="613"/>
      <c r="MQO664" s="613"/>
      <c r="MQP664" s="613"/>
      <c r="MQQ664" s="613"/>
      <c r="MQR664" s="613"/>
      <c r="MQS664" s="613"/>
      <c r="MQT664" s="613"/>
      <c r="MQU664" s="613"/>
      <c r="MQV664" s="613"/>
      <c r="MQW664" s="613"/>
      <c r="MQX664" s="613"/>
      <c r="MQY664" s="613"/>
      <c r="MQZ664" s="613"/>
      <c r="MRA664" s="613"/>
      <c r="MRB664" s="613"/>
      <c r="MRC664" s="613"/>
      <c r="MRD664" s="613"/>
      <c r="MRE664" s="613"/>
      <c r="MRF664" s="613"/>
      <c r="MRG664" s="613"/>
      <c r="MRH664" s="613"/>
      <c r="MRI664" s="613"/>
      <c r="MRJ664" s="613"/>
      <c r="MRK664" s="613"/>
      <c r="MRL664" s="613"/>
      <c r="MRM664" s="613"/>
      <c r="MRN664" s="613"/>
      <c r="MRO664" s="613"/>
      <c r="MRP664" s="613"/>
      <c r="MRQ664" s="613"/>
      <c r="MRR664" s="613"/>
      <c r="MRS664" s="613"/>
      <c r="MRT664" s="613"/>
      <c r="MRU664" s="613"/>
      <c r="MRV664" s="613"/>
      <c r="MRW664" s="613"/>
      <c r="MRX664" s="613"/>
      <c r="MRY664" s="613"/>
      <c r="MRZ664" s="613"/>
      <c r="MSA664" s="613"/>
      <c r="MSB664" s="613"/>
      <c r="MSC664" s="613"/>
      <c r="MSD664" s="613"/>
      <c r="MSE664" s="613"/>
      <c r="MSF664" s="613"/>
      <c r="MSG664" s="613"/>
      <c r="MSH664" s="613"/>
      <c r="MSI664" s="613"/>
      <c r="MSJ664" s="613"/>
      <c r="MSK664" s="613"/>
      <c r="MSL664" s="613"/>
      <c r="MSM664" s="613"/>
      <c r="MSN664" s="613"/>
      <c r="MSO664" s="613"/>
      <c r="MSP664" s="613"/>
      <c r="MSQ664" s="613"/>
      <c r="MSR664" s="613"/>
      <c r="MSS664" s="613"/>
      <c r="MST664" s="613"/>
      <c r="MSU664" s="613"/>
      <c r="MSV664" s="613"/>
      <c r="MSW664" s="613"/>
      <c r="MSX664" s="613"/>
      <c r="MSY664" s="613"/>
      <c r="MSZ664" s="613"/>
      <c r="MTA664" s="613"/>
      <c r="MTB664" s="613"/>
      <c r="MTC664" s="613"/>
      <c r="MTD664" s="613"/>
      <c r="MTE664" s="613"/>
      <c r="MTF664" s="613"/>
      <c r="MTG664" s="613"/>
      <c r="MTH664" s="613"/>
      <c r="MTI664" s="613"/>
      <c r="MTJ664" s="613"/>
      <c r="MTK664" s="613"/>
      <c r="MTL664" s="613"/>
      <c r="MTM664" s="613"/>
      <c r="MTN664" s="613"/>
      <c r="MTO664" s="613"/>
      <c r="MTP664" s="613"/>
      <c r="MTQ664" s="613"/>
      <c r="MTR664" s="613"/>
      <c r="MTS664" s="613"/>
      <c r="MTT664" s="613"/>
      <c r="MTU664" s="613"/>
      <c r="MTV664" s="613"/>
      <c r="MTW664" s="613"/>
      <c r="MTX664" s="613"/>
      <c r="MTY664" s="613"/>
      <c r="MTZ664" s="613"/>
      <c r="MUA664" s="613"/>
      <c r="MUB664" s="613"/>
      <c r="MUC664" s="613"/>
      <c r="MUD664" s="613"/>
      <c r="MUE664" s="613"/>
      <c r="MUF664" s="613"/>
      <c r="MUG664" s="613"/>
      <c r="MUH664" s="613"/>
      <c r="MUI664" s="613"/>
      <c r="MUJ664" s="613"/>
      <c r="MUK664" s="613"/>
      <c r="MUL664" s="613"/>
      <c r="MUM664" s="613"/>
      <c r="MUN664" s="613"/>
      <c r="MUO664" s="613"/>
      <c r="MUP664" s="613"/>
      <c r="MUQ664" s="613"/>
      <c r="MUR664" s="613"/>
      <c r="MUS664" s="613"/>
      <c r="MUT664" s="613"/>
      <c r="MUU664" s="613"/>
      <c r="MUV664" s="613"/>
      <c r="MUW664" s="613"/>
      <c r="MUX664" s="613"/>
      <c r="MUY664" s="613"/>
      <c r="MUZ664" s="613"/>
      <c r="MVA664" s="613"/>
      <c r="MVB664" s="613"/>
      <c r="MVC664" s="613"/>
      <c r="MVD664" s="613"/>
      <c r="MVE664" s="613"/>
      <c r="MVF664" s="613"/>
      <c r="MVG664" s="613"/>
      <c r="MVH664" s="613"/>
      <c r="MVI664" s="613"/>
      <c r="MVJ664" s="613"/>
      <c r="MVK664" s="613"/>
      <c r="MVL664" s="613"/>
      <c r="MVM664" s="613"/>
      <c r="MVN664" s="613"/>
      <c r="MVO664" s="613"/>
      <c r="MVP664" s="613"/>
      <c r="MVQ664" s="613"/>
      <c r="MVR664" s="613"/>
      <c r="MVS664" s="613"/>
      <c r="MVT664" s="613"/>
      <c r="MVU664" s="613"/>
      <c r="MVV664" s="613"/>
      <c r="MVW664" s="613"/>
      <c r="MVX664" s="613"/>
      <c r="MVY664" s="613"/>
      <c r="MVZ664" s="613"/>
      <c r="MWA664" s="613"/>
      <c r="MWB664" s="613"/>
      <c r="MWC664" s="613"/>
      <c r="MWD664" s="613"/>
      <c r="MWE664" s="613"/>
      <c r="MWF664" s="613"/>
      <c r="MWG664" s="613"/>
      <c r="MWH664" s="613"/>
      <c r="MWI664" s="613"/>
      <c r="MWJ664" s="613"/>
      <c r="MWK664" s="613"/>
      <c r="MWL664" s="613"/>
      <c r="MWM664" s="613"/>
      <c r="MWN664" s="613"/>
      <c r="MWO664" s="613"/>
      <c r="MWP664" s="613"/>
      <c r="MWQ664" s="613"/>
      <c r="MWR664" s="613"/>
      <c r="MWS664" s="613"/>
      <c r="MWT664" s="613"/>
      <c r="MWU664" s="613"/>
      <c r="MWV664" s="613"/>
      <c r="MWW664" s="613"/>
      <c r="MWX664" s="613"/>
      <c r="MWY664" s="613"/>
      <c r="MWZ664" s="613"/>
      <c r="MXA664" s="613"/>
      <c r="MXB664" s="613"/>
      <c r="MXC664" s="613"/>
      <c r="MXD664" s="613"/>
      <c r="MXE664" s="613"/>
      <c r="MXF664" s="613"/>
      <c r="MXG664" s="613"/>
      <c r="MXH664" s="613"/>
      <c r="MXI664" s="613"/>
      <c r="MXJ664" s="613"/>
      <c r="MXK664" s="613"/>
      <c r="MXL664" s="613"/>
      <c r="MXM664" s="613"/>
      <c r="MXN664" s="613"/>
      <c r="MXO664" s="613"/>
      <c r="MXP664" s="613"/>
      <c r="MXQ664" s="613"/>
      <c r="MXR664" s="613"/>
      <c r="MXS664" s="613"/>
      <c r="MXT664" s="613"/>
      <c r="MXU664" s="613"/>
      <c r="MXV664" s="613"/>
      <c r="MXW664" s="613"/>
      <c r="MXX664" s="613"/>
      <c r="MXY664" s="613"/>
      <c r="MXZ664" s="613"/>
      <c r="MYA664" s="613"/>
      <c r="MYB664" s="613"/>
      <c r="MYC664" s="613"/>
      <c r="MYD664" s="613"/>
      <c r="MYE664" s="613"/>
      <c r="MYF664" s="613"/>
      <c r="MYG664" s="613"/>
      <c r="MYH664" s="613"/>
      <c r="MYI664" s="613"/>
      <c r="MYJ664" s="613"/>
      <c r="MYK664" s="613"/>
      <c r="MYL664" s="613"/>
      <c r="MYM664" s="613"/>
      <c r="MYN664" s="613"/>
      <c r="MYO664" s="613"/>
      <c r="MYP664" s="613"/>
      <c r="MYQ664" s="613"/>
      <c r="MYR664" s="613"/>
      <c r="MYS664" s="613"/>
      <c r="MYT664" s="613"/>
      <c r="MYU664" s="613"/>
      <c r="MYV664" s="613"/>
      <c r="MYW664" s="613"/>
      <c r="MYX664" s="613"/>
      <c r="MYY664" s="613"/>
      <c r="MYZ664" s="613"/>
      <c r="MZA664" s="613"/>
      <c r="MZB664" s="613"/>
      <c r="MZC664" s="613"/>
      <c r="MZD664" s="613"/>
      <c r="MZE664" s="613"/>
      <c r="MZF664" s="613"/>
      <c r="MZG664" s="613"/>
      <c r="MZH664" s="613"/>
      <c r="MZI664" s="613"/>
      <c r="MZJ664" s="613"/>
      <c r="MZK664" s="613"/>
      <c r="MZL664" s="613"/>
      <c r="MZM664" s="613"/>
      <c r="MZN664" s="613"/>
      <c r="MZO664" s="613"/>
      <c r="MZP664" s="613"/>
      <c r="MZQ664" s="613"/>
      <c r="MZR664" s="613"/>
      <c r="MZS664" s="613"/>
      <c r="MZT664" s="613"/>
      <c r="MZU664" s="613"/>
      <c r="MZV664" s="613"/>
      <c r="MZW664" s="613"/>
      <c r="MZX664" s="613"/>
      <c r="MZY664" s="613"/>
      <c r="MZZ664" s="613"/>
      <c r="NAA664" s="613"/>
      <c r="NAB664" s="613"/>
      <c r="NAC664" s="613"/>
      <c r="NAD664" s="613"/>
      <c r="NAE664" s="613"/>
      <c r="NAF664" s="613"/>
      <c r="NAG664" s="613"/>
      <c r="NAH664" s="613"/>
      <c r="NAI664" s="613"/>
      <c r="NAJ664" s="613"/>
      <c r="NAK664" s="613"/>
      <c r="NAL664" s="613"/>
      <c r="NAM664" s="613"/>
      <c r="NAN664" s="613"/>
      <c r="NAO664" s="613"/>
      <c r="NAP664" s="613"/>
      <c r="NAQ664" s="613"/>
      <c r="NAR664" s="613"/>
      <c r="NAS664" s="613"/>
      <c r="NAT664" s="613"/>
      <c r="NAU664" s="613"/>
      <c r="NAV664" s="613"/>
      <c r="NAW664" s="613"/>
      <c r="NAX664" s="613"/>
      <c r="NAY664" s="613"/>
      <c r="NAZ664" s="613"/>
      <c r="NBA664" s="613"/>
      <c r="NBB664" s="613"/>
      <c r="NBC664" s="613"/>
      <c r="NBD664" s="613"/>
      <c r="NBE664" s="613"/>
      <c r="NBF664" s="613"/>
      <c r="NBG664" s="613"/>
      <c r="NBH664" s="613"/>
      <c r="NBI664" s="613"/>
      <c r="NBJ664" s="613"/>
      <c r="NBK664" s="613"/>
      <c r="NBL664" s="613"/>
      <c r="NBM664" s="613"/>
      <c r="NBN664" s="613"/>
      <c r="NBO664" s="613"/>
      <c r="NBP664" s="613"/>
      <c r="NBQ664" s="613"/>
      <c r="NBR664" s="613"/>
      <c r="NBS664" s="613"/>
      <c r="NBT664" s="613"/>
      <c r="NBU664" s="613"/>
      <c r="NBV664" s="613"/>
      <c r="NBW664" s="613"/>
      <c r="NBX664" s="613"/>
      <c r="NBY664" s="613"/>
      <c r="NBZ664" s="613"/>
      <c r="NCA664" s="613"/>
      <c r="NCB664" s="613"/>
      <c r="NCC664" s="613"/>
      <c r="NCD664" s="613"/>
      <c r="NCE664" s="613"/>
      <c r="NCF664" s="613"/>
      <c r="NCG664" s="613"/>
      <c r="NCH664" s="613"/>
      <c r="NCI664" s="613"/>
      <c r="NCJ664" s="613"/>
      <c r="NCK664" s="613"/>
      <c r="NCL664" s="613"/>
      <c r="NCM664" s="613"/>
      <c r="NCN664" s="613"/>
      <c r="NCO664" s="613"/>
      <c r="NCP664" s="613"/>
      <c r="NCQ664" s="613"/>
      <c r="NCR664" s="613"/>
      <c r="NCS664" s="613"/>
      <c r="NCT664" s="613"/>
      <c r="NCU664" s="613"/>
      <c r="NCV664" s="613"/>
      <c r="NCW664" s="613"/>
      <c r="NCX664" s="613"/>
      <c r="NCY664" s="613"/>
      <c r="NCZ664" s="613"/>
      <c r="NDA664" s="613"/>
      <c r="NDB664" s="613"/>
      <c r="NDC664" s="613"/>
      <c r="NDD664" s="613"/>
      <c r="NDE664" s="613"/>
      <c r="NDF664" s="613"/>
      <c r="NDG664" s="613"/>
      <c r="NDH664" s="613"/>
      <c r="NDI664" s="613"/>
      <c r="NDJ664" s="613"/>
      <c r="NDK664" s="613"/>
      <c r="NDL664" s="613"/>
      <c r="NDM664" s="613"/>
      <c r="NDN664" s="613"/>
      <c r="NDO664" s="613"/>
      <c r="NDP664" s="613"/>
      <c r="NDQ664" s="613"/>
      <c r="NDR664" s="613"/>
      <c r="NDS664" s="613"/>
      <c r="NDT664" s="613"/>
      <c r="NDU664" s="613"/>
      <c r="NDV664" s="613"/>
      <c r="NDW664" s="613"/>
      <c r="NDX664" s="613"/>
      <c r="NDY664" s="613"/>
      <c r="NDZ664" s="613"/>
      <c r="NEA664" s="613"/>
      <c r="NEB664" s="613"/>
      <c r="NEC664" s="613"/>
      <c r="NED664" s="613"/>
      <c r="NEE664" s="613"/>
      <c r="NEF664" s="613"/>
      <c r="NEG664" s="613"/>
      <c r="NEH664" s="613"/>
      <c r="NEI664" s="613"/>
      <c r="NEJ664" s="613"/>
      <c r="NEK664" s="613"/>
      <c r="NEL664" s="613"/>
      <c r="NEM664" s="613"/>
      <c r="NEN664" s="613"/>
      <c r="NEO664" s="613"/>
      <c r="NEP664" s="613"/>
      <c r="NEQ664" s="613"/>
      <c r="NER664" s="613"/>
      <c r="NES664" s="613"/>
      <c r="NET664" s="613"/>
      <c r="NEU664" s="613"/>
      <c r="NEV664" s="613"/>
      <c r="NEW664" s="613"/>
      <c r="NEX664" s="613"/>
      <c r="NEY664" s="613"/>
      <c r="NEZ664" s="613"/>
      <c r="NFA664" s="613"/>
      <c r="NFB664" s="613"/>
      <c r="NFC664" s="613"/>
      <c r="NFD664" s="613"/>
      <c r="NFE664" s="613"/>
      <c r="NFF664" s="613"/>
      <c r="NFG664" s="613"/>
      <c r="NFH664" s="613"/>
      <c r="NFI664" s="613"/>
      <c r="NFJ664" s="613"/>
      <c r="NFK664" s="613"/>
      <c r="NFL664" s="613"/>
      <c r="NFM664" s="613"/>
      <c r="NFN664" s="613"/>
      <c r="NFO664" s="613"/>
      <c r="NFP664" s="613"/>
      <c r="NFQ664" s="613"/>
      <c r="NFR664" s="613"/>
      <c r="NFS664" s="613"/>
      <c r="NFT664" s="613"/>
      <c r="NFU664" s="613"/>
      <c r="NFV664" s="613"/>
      <c r="NFW664" s="613"/>
      <c r="NFX664" s="613"/>
      <c r="NFY664" s="613"/>
      <c r="NFZ664" s="613"/>
      <c r="NGA664" s="613"/>
      <c r="NGB664" s="613"/>
      <c r="NGC664" s="613"/>
      <c r="NGD664" s="613"/>
      <c r="NGE664" s="613"/>
      <c r="NGF664" s="613"/>
      <c r="NGG664" s="613"/>
      <c r="NGH664" s="613"/>
      <c r="NGI664" s="613"/>
      <c r="NGJ664" s="613"/>
      <c r="NGK664" s="613"/>
      <c r="NGL664" s="613"/>
      <c r="NGM664" s="613"/>
      <c r="NGN664" s="613"/>
      <c r="NGO664" s="613"/>
      <c r="NGP664" s="613"/>
      <c r="NGQ664" s="613"/>
      <c r="NGR664" s="613"/>
      <c r="NGS664" s="613"/>
      <c r="NGT664" s="613"/>
      <c r="NGU664" s="613"/>
      <c r="NGV664" s="613"/>
      <c r="NGW664" s="613"/>
      <c r="NGX664" s="613"/>
      <c r="NGY664" s="613"/>
      <c r="NGZ664" s="613"/>
      <c r="NHA664" s="613"/>
      <c r="NHB664" s="613"/>
      <c r="NHC664" s="613"/>
      <c r="NHD664" s="613"/>
      <c r="NHE664" s="613"/>
      <c r="NHF664" s="613"/>
      <c r="NHG664" s="613"/>
      <c r="NHH664" s="613"/>
      <c r="NHI664" s="613"/>
      <c r="NHJ664" s="613"/>
      <c r="NHK664" s="613"/>
      <c r="NHL664" s="613"/>
      <c r="NHM664" s="613"/>
      <c r="NHN664" s="613"/>
      <c r="NHO664" s="613"/>
      <c r="NHP664" s="613"/>
      <c r="NHQ664" s="613"/>
      <c r="NHR664" s="613"/>
      <c r="NHS664" s="613"/>
      <c r="NHT664" s="613"/>
      <c r="NHU664" s="613"/>
      <c r="NHV664" s="613"/>
      <c r="NHW664" s="613"/>
      <c r="NHX664" s="613"/>
      <c r="NHY664" s="613"/>
      <c r="NHZ664" s="613"/>
      <c r="NIA664" s="613"/>
      <c r="NIB664" s="613"/>
      <c r="NIC664" s="613"/>
      <c r="NID664" s="613"/>
      <c r="NIE664" s="613"/>
      <c r="NIF664" s="613"/>
      <c r="NIG664" s="613"/>
      <c r="NIH664" s="613"/>
      <c r="NII664" s="613"/>
      <c r="NIJ664" s="613"/>
      <c r="NIK664" s="613"/>
      <c r="NIL664" s="613"/>
      <c r="NIM664" s="613"/>
      <c r="NIN664" s="613"/>
      <c r="NIO664" s="613"/>
      <c r="NIP664" s="613"/>
      <c r="NIQ664" s="613"/>
      <c r="NIR664" s="613"/>
      <c r="NIS664" s="613"/>
      <c r="NIT664" s="613"/>
      <c r="NIU664" s="613"/>
      <c r="NIV664" s="613"/>
      <c r="NIW664" s="613"/>
      <c r="NIX664" s="613"/>
      <c r="NIY664" s="613"/>
      <c r="NIZ664" s="613"/>
      <c r="NJA664" s="613"/>
      <c r="NJB664" s="613"/>
      <c r="NJC664" s="613"/>
      <c r="NJD664" s="613"/>
      <c r="NJE664" s="613"/>
      <c r="NJF664" s="613"/>
      <c r="NJG664" s="613"/>
      <c r="NJH664" s="613"/>
      <c r="NJI664" s="613"/>
      <c r="NJJ664" s="613"/>
      <c r="NJK664" s="613"/>
      <c r="NJL664" s="613"/>
      <c r="NJM664" s="613"/>
      <c r="NJN664" s="613"/>
      <c r="NJO664" s="613"/>
      <c r="NJP664" s="613"/>
      <c r="NJQ664" s="613"/>
      <c r="NJR664" s="613"/>
      <c r="NJS664" s="613"/>
      <c r="NJT664" s="613"/>
      <c r="NJU664" s="613"/>
      <c r="NJV664" s="613"/>
      <c r="NJW664" s="613"/>
      <c r="NJX664" s="613"/>
      <c r="NJY664" s="613"/>
      <c r="NJZ664" s="613"/>
      <c r="NKA664" s="613"/>
      <c r="NKB664" s="613"/>
      <c r="NKC664" s="613"/>
      <c r="NKD664" s="613"/>
      <c r="NKE664" s="613"/>
      <c r="NKF664" s="613"/>
      <c r="NKG664" s="613"/>
      <c r="NKH664" s="613"/>
      <c r="NKI664" s="613"/>
      <c r="NKJ664" s="613"/>
      <c r="NKK664" s="613"/>
      <c r="NKL664" s="613"/>
      <c r="NKM664" s="613"/>
      <c r="NKN664" s="613"/>
      <c r="NKO664" s="613"/>
      <c r="NKP664" s="613"/>
      <c r="NKQ664" s="613"/>
      <c r="NKR664" s="613"/>
      <c r="NKS664" s="613"/>
      <c r="NKT664" s="613"/>
      <c r="NKU664" s="613"/>
      <c r="NKV664" s="613"/>
      <c r="NKW664" s="613"/>
      <c r="NKX664" s="613"/>
      <c r="NKY664" s="613"/>
      <c r="NKZ664" s="613"/>
      <c r="NLA664" s="613"/>
      <c r="NLB664" s="613"/>
      <c r="NLC664" s="613"/>
      <c r="NLD664" s="613"/>
      <c r="NLE664" s="613"/>
      <c r="NLF664" s="613"/>
      <c r="NLG664" s="613"/>
      <c r="NLH664" s="613"/>
      <c r="NLI664" s="613"/>
      <c r="NLJ664" s="613"/>
      <c r="NLK664" s="613"/>
      <c r="NLL664" s="613"/>
      <c r="NLM664" s="613"/>
      <c r="NLN664" s="613"/>
      <c r="NLO664" s="613"/>
      <c r="NLP664" s="613"/>
      <c r="NLQ664" s="613"/>
      <c r="NLR664" s="613"/>
      <c r="NLS664" s="613"/>
      <c r="NLT664" s="613"/>
      <c r="NLU664" s="613"/>
      <c r="NLV664" s="613"/>
      <c r="NLW664" s="613"/>
      <c r="NLX664" s="613"/>
      <c r="NLY664" s="613"/>
      <c r="NLZ664" s="613"/>
      <c r="NMA664" s="613"/>
      <c r="NMB664" s="613"/>
      <c r="NMC664" s="613"/>
      <c r="NMD664" s="613"/>
      <c r="NME664" s="613"/>
      <c r="NMF664" s="613"/>
      <c r="NMG664" s="613"/>
      <c r="NMH664" s="613"/>
      <c r="NMI664" s="613"/>
      <c r="NMJ664" s="613"/>
      <c r="NMK664" s="613"/>
      <c r="NML664" s="613"/>
      <c r="NMM664" s="613"/>
      <c r="NMN664" s="613"/>
      <c r="NMO664" s="613"/>
      <c r="NMP664" s="613"/>
      <c r="NMQ664" s="613"/>
      <c r="NMR664" s="613"/>
      <c r="NMS664" s="613"/>
      <c r="NMT664" s="613"/>
      <c r="NMU664" s="613"/>
      <c r="NMV664" s="613"/>
      <c r="NMW664" s="613"/>
      <c r="NMX664" s="613"/>
      <c r="NMY664" s="613"/>
      <c r="NMZ664" s="613"/>
      <c r="NNA664" s="613"/>
      <c r="NNB664" s="613"/>
      <c r="NNC664" s="613"/>
      <c r="NND664" s="613"/>
      <c r="NNE664" s="613"/>
      <c r="NNF664" s="613"/>
      <c r="NNG664" s="613"/>
      <c r="NNH664" s="613"/>
      <c r="NNI664" s="613"/>
      <c r="NNJ664" s="613"/>
      <c r="NNK664" s="613"/>
      <c r="NNL664" s="613"/>
      <c r="NNM664" s="613"/>
      <c r="NNN664" s="613"/>
      <c r="NNO664" s="613"/>
      <c r="NNP664" s="613"/>
      <c r="NNQ664" s="613"/>
      <c r="NNR664" s="613"/>
      <c r="NNS664" s="613"/>
      <c r="NNT664" s="613"/>
      <c r="NNU664" s="613"/>
      <c r="NNV664" s="613"/>
      <c r="NNW664" s="613"/>
      <c r="NNX664" s="613"/>
      <c r="NNY664" s="613"/>
      <c r="NNZ664" s="613"/>
      <c r="NOA664" s="613"/>
      <c r="NOB664" s="613"/>
      <c r="NOC664" s="613"/>
      <c r="NOD664" s="613"/>
      <c r="NOE664" s="613"/>
      <c r="NOF664" s="613"/>
      <c r="NOG664" s="613"/>
      <c r="NOH664" s="613"/>
      <c r="NOI664" s="613"/>
      <c r="NOJ664" s="613"/>
      <c r="NOK664" s="613"/>
      <c r="NOL664" s="613"/>
      <c r="NOM664" s="613"/>
      <c r="NON664" s="613"/>
      <c r="NOO664" s="613"/>
      <c r="NOP664" s="613"/>
      <c r="NOQ664" s="613"/>
      <c r="NOR664" s="613"/>
      <c r="NOS664" s="613"/>
      <c r="NOT664" s="613"/>
      <c r="NOU664" s="613"/>
      <c r="NOV664" s="613"/>
      <c r="NOW664" s="613"/>
      <c r="NOX664" s="613"/>
      <c r="NOY664" s="613"/>
      <c r="NOZ664" s="613"/>
      <c r="NPA664" s="613"/>
      <c r="NPB664" s="613"/>
      <c r="NPC664" s="613"/>
      <c r="NPD664" s="613"/>
      <c r="NPE664" s="613"/>
      <c r="NPF664" s="613"/>
      <c r="NPG664" s="613"/>
      <c r="NPH664" s="613"/>
      <c r="NPI664" s="613"/>
      <c r="NPJ664" s="613"/>
      <c r="NPK664" s="613"/>
      <c r="NPL664" s="613"/>
      <c r="NPM664" s="613"/>
      <c r="NPN664" s="613"/>
      <c r="NPO664" s="613"/>
      <c r="NPP664" s="613"/>
      <c r="NPQ664" s="613"/>
      <c r="NPR664" s="613"/>
      <c r="NPS664" s="613"/>
      <c r="NPT664" s="613"/>
      <c r="NPU664" s="613"/>
      <c r="NPV664" s="613"/>
      <c r="NPW664" s="613"/>
      <c r="NPX664" s="613"/>
      <c r="NPY664" s="613"/>
      <c r="NPZ664" s="613"/>
      <c r="NQA664" s="613"/>
      <c r="NQB664" s="613"/>
      <c r="NQC664" s="613"/>
      <c r="NQD664" s="613"/>
      <c r="NQE664" s="613"/>
      <c r="NQF664" s="613"/>
      <c r="NQG664" s="613"/>
      <c r="NQH664" s="613"/>
      <c r="NQI664" s="613"/>
      <c r="NQJ664" s="613"/>
      <c r="NQK664" s="613"/>
      <c r="NQL664" s="613"/>
      <c r="NQM664" s="613"/>
      <c r="NQN664" s="613"/>
      <c r="NQO664" s="613"/>
      <c r="NQP664" s="613"/>
      <c r="NQQ664" s="613"/>
      <c r="NQR664" s="613"/>
      <c r="NQS664" s="613"/>
      <c r="NQT664" s="613"/>
      <c r="NQU664" s="613"/>
      <c r="NQV664" s="613"/>
      <c r="NQW664" s="613"/>
      <c r="NQX664" s="613"/>
      <c r="NQY664" s="613"/>
      <c r="NQZ664" s="613"/>
      <c r="NRA664" s="613"/>
      <c r="NRB664" s="613"/>
      <c r="NRC664" s="613"/>
      <c r="NRD664" s="613"/>
      <c r="NRE664" s="613"/>
      <c r="NRF664" s="613"/>
      <c r="NRG664" s="613"/>
      <c r="NRH664" s="613"/>
      <c r="NRI664" s="613"/>
      <c r="NRJ664" s="613"/>
      <c r="NRK664" s="613"/>
      <c r="NRL664" s="613"/>
      <c r="NRM664" s="613"/>
      <c r="NRN664" s="613"/>
      <c r="NRO664" s="613"/>
      <c r="NRP664" s="613"/>
      <c r="NRQ664" s="613"/>
      <c r="NRR664" s="613"/>
      <c r="NRS664" s="613"/>
      <c r="NRT664" s="613"/>
      <c r="NRU664" s="613"/>
      <c r="NRV664" s="613"/>
      <c r="NRW664" s="613"/>
      <c r="NRX664" s="613"/>
      <c r="NRY664" s="613"/>
      <c r="NRZ664" s="613"/>
      <c r="NSA664" s="613"/>
      <c r="NSB664" s="613"/>
      <c r="NSC664" s="613"/>
      <c r="NSD664" s="613"/>
      <c r="NSE664" s="613"/>
      <c r="NSF664" s="613"/>
      <c r="NSG664" s="613"/>
      <c r="NSH664" s="613"/>
      <c r="NSI664" s="613"/>
      <c r="NSJ664" s="613"/>
      <c r="NSK664" s="613"/>
      <c r="NSL664" s="613"/>
      <c r="NSM664" s="613"/>
      <c r="NSN664" s="613"/>
      <c r="NSO664" s="613"/>
      <c r="NSP664" s="613"/>
      <c r="NSQ664" s="613"/>
      <c r="NSR664" s="613"/>
      <c r="NSS664" s="613"/>
      <c r="NST664" s="613"/>
      <c r="NSU664" s="613"/>
      <c r="NSV664" s="613"/>
      <c r="NSW664" s="613"/>
      <c r="NSX664" s="613"/>
      <c r="NSY664" s="613"/>
      <c r="NSZ664" s="613"/>
      <c r="NTA664" s="613"/>
      <c r="NTB664" s="613"/>
      <c r="NTC664" s="613"/>
      <c r="NTD664" s="613"/>
      <c r="NTE664" s="613"/>
      <c r="NTF664" s="613"/>
      <c r="NTG664" s="613"/>
      <c r="NTH664" s="613"/>
      <c r="NTI664" s="613"/>
      <c r="NTJ664" s="613"/>
      <c r="NTK664" s="613"/>
      <c r="NTL664" s="613"/>
      <c r="NTM664" s="613"/>
      <c r="NTN664" s="613"/>
      <c r="NTO664" s="613"/>
      <c r="NTP664" s="613"/>
      <c r="NTQ664" s="613"/>
      <c r="NTR664" s="613"/>
      <c r="NTS664" s="613"/>
      <c r="NTT664" s="613"/>
      <c r="NTU664" s="613"/>
      <c r="NTV664" s="613"/>
      <c r="NTW664" s="613"/>
      <c r="NTX664" s="613"/>
      <c r="NTY664" s="613"/>
      <c r="NTZ664" s="613"/>
      <c r="NUA664" s="613"/>
      <c r="NUB664" s="613"/>
      <c r="NUC664" s="613"/>
      <c r="NUD664" s="613"/>
      <c r="NUE664" s="613"/>
      <c r="NUF664" s="613"/>
      <c r="NUG664" s="613"/>
      <c r="NUH664" s="613"/>
      <c r="NUI664" s="613"/>
      <c r="NUJ664" s="613"/>
      <c r="NUK664" s="613"/>
      <c r="NUL664" s="613"/>
      <c r="NUM664" s="613"/>
      <c r="NUN664" s="613"/>
      <c r="NUO664" s="613"/>
      <c r="NUP664" s="613"/>
      <c r="NUQ664" s="613"/>
      <c r="NUR664" s="613"/>
      <c r="NUS664" s="613"/>
      <c r="NUT664" s="613"/>
      <c r="NUU664" s="613"/>
      <c r="NUV664" s="613"/>
      <c r="NUW664" s="613"/>
      <c r="NUX664" s="613"/>
      <c r="NUY664" s="613"/>
      <c r="NUZ664" s="613"/>
      <c r="NVA664" s="613"/>
      <c r="NVB664" s="613"/>
      <c r="NVC664" s="613"/>
      <c r="NVD664" s="613"/>
      <c r="NVE664" s="613"/>
      <c r="NVF664" s="613"/>
      <c r="NVG664" s="613"/>
      <c r="NVH664" s="613"/>
      <c r="NVI664" s="613"/>
      <c r="NVJ664" s="613"/>
      <c r="NVK664" s="613"/>
      <c r="NVL664" s="613"/>
      <c r="NVM664" s="613"/>
      <c r="NVN664" s="613"/>
      <c r="NVO664" s="613"/>
      <c r="NVP664" s="613"/>
      <c r="NVQ664" s="613"/>
      <c r="NVR664" s="613"/>
      <c r="NVS664" s="613"/>
      <c r="NVT664" s="613"/>
      <c r="NVU664" s="613"/>
      <c r="NVV664" s="613"/>
      <c r="NVW664" s="613"/>
      <c r="NVX664" s="613"/>
      <c r="NVY664" s="613"/>
      <c r="NVZ664" s="613"/>
      <c r="NWA664" s="613"/>
      <c r="NWB664" s="613"/>
      <c r="NWC664" s="613"/>
      <c r="NWD664" s="613"/>
      <c r="NWE664" s="613"/>
      <c r="NWF664" s="613"/>
      <c r="NWG664" s="613"/>
      <c r="NWH664" s="613"/>
      <c r="NWI664" s="613"/>
      <c r="NWJ664" s="613"/>
      <c r="NWK664" s="613"/>
      <c r="NWL664" s="613"/>
      <c r="NWM664" s="613"/>
      <c r="NWN664" s="613"/>
      <c r="NWO664" s="613"/>
      <c r="NWP664" s="613"/>
      <c r="NWQ664" s="613"/>
      <c r="NWR664" s="613"/>
      <c r="NWS664" s="613"/>
      <c r="NWT664" s="613"/>
      <c r="NWU664" s="613"/>
      <c r="NWV664" s="613"/>
      <c r="NWW664" s="613"/>
      <c r="NWX664" s="613"/>
      <c r="NWY664" s="613"/>
      <c r="NWZ664" s="613"/>
      <c r="NXA664" s="613"/>
      <c r="NXB664" s="613"/>
      <c r="NXC664" s="613"/>
      <c r="NXD664" s="613"/>
      <c r="NXE664" s="613"/>
      <c r="NXF664" s="613"/>
      <c r="NXG664" s="613"/>
      <c r="NXH664" s="613"/>
      <c r="NXI664" s="613"/>
      <c r="NXJ664" s="613"/>
      <c r="NXK664" s="613"/>
      <c r="NXL664" s="613"/>
      <c r="NXM664" s="613"/>
      <c r="NXN664" s="613"/>
      <c r="NXO664" s="613"/>
      <c r="NXP664" s="613"/>
      <c r="NXQ664" s="613"/>
      <c r="NXR664" s="613"/>
      <c r="NXS664" s="613"/>
      <c r="NXT664" s="613"/>
      <c r="NXU664" s="613"/>
      <c r="NXV664" s="613"/>
      <c r="NXW664" s="613"/>
      <c r="NXX664" s="613"/>
      <c r="NXY664" s="613"/>
      <c r="NXZ664" s="613"/>
      <c r="NYA664" s="613"/>
      <c r="NYB664" s="613"/>
      <c r="NYC664" s="613"/>
      <c r="NYD664" s="613"/>
      <c r="NYE664" s="613"/>
      <c r="NYF664" s="613"/>
      <c r="NYG664" s="613"/>
      <c r="NYH664" s="613"/>
      <c r="NYI664" s="613"/>
      <c r="NYJ664" s="613"/>
      <c r="NYK664" s="613"/>
      <c r="NYL664" s="613"/>
      <c r="NYM664" s="613"/>
      <c r="NYN664" s="613"/>
      <c r="NYO664" s="613"/>
      <c r="NYP664" s="613"/>
      <c r="NYQ664" s="613"/>
      <c r="NYR664" s="613"/>
      <c r="NYS664" s="613"/>
      <c r="NYT664" s="613"/>
      <c r="NYU664" s="613"/>
      <c r="NYV664" s="613"/>
      <c r="NYW664" s="613"/>
      <c r="NYX664" s="613"/>
      <c r="NYY664" s="613"/>
      <c r="NYZ664" s="613"/>
      <c r="NZA664" s="613"/>
      <c r="NZB664" s="613"/>
      <c r="NZC664" s="613"/>
      <c r="NZD664" s="613"/>
      <c r="NZE664" s="613"/>
      <c r="NZF664" s="613"/>
      <c r="NZG664" s="613"/>
      <c r="NZH664" s="613"/>
      <c r="NZI664" s="613"/>
      <c r="NZJ664" s="613"/>
      <c r="NZK664" s="613"/>
      <c r="NZL664" s="613"/>
      <c r="NZM664" s="613"/>
      <c r="NZN664" s="613"/>
      <c r="NZO664" s="613"/>
      <c r="NZP664" s="613"/>
      <c r="NZQ664" s="613"/>
      <c r="NZR664" s="613"/>
      <c r="NZS664" s="613"/>
      <c r="NZT664" s="613"/>
      <c r="NZU664" s="613"/>
      <c r="NZV664" s="613"/>
      <c r="NZW664" s="613"/>
      <c r="NZX664" s="613"/>
      <c r="NZY664" s="613"/>
      <c r="NZZ664" s="613"/>
      <c r="OAA664" s="613"/>
      <c r="OAB664" s="613"/>
      <c r="OAC664" s="613"/>
      <c r="OAD664" s="613"/>
      <c r="OAE664" s="613"/>
      <c r="OAF664" s="613"/>
      <c r="OAG664" s="613"/>
      <c r="OAH664" s="613"/>
      <c r="OAI664" s="613"/>
      <c r="OAJ664" s="613"/>
      <c r="OAK664" s="613"/>
      <c r="OAL664" s="613"/>
      <c r="OAM664" s="613"/>
      <c r="OAN664" s="613"/>
      <c r="OAO664" s="613"/>
      <c r="OAP664" s="613"/>
      <c r="OAQ664" s="613"/>
      <c r="OAR664" s="613"/>
      <c r="OAS664" s="613"/>
      <c r="OAT664" s="613"/>
      <c r="OAU664" s="613"/>
      <c r="OAV664" s="613"/>
      <c r="OAW664" s="613"/>
      <c r="OAX664" s="613"/>
      <c r="OAY664" s="613"/>
      <c r="OAZ664" s="613"/>
      <c r="OBA664" s="613"/>
      <c r="OBB664" s="613"/>
      <c r="OBC664" s="613"/>
      <c r="OBD664" s="613"/>
      <c r="OBE664" s="613"/>
      <c r="OBF664" s="613"/>
      <c r="OBG664" s="613"/>
      <c r="OBH664" s="613"/>
      <c r="OBI664" s="613"/>
      <c r="OBJ664" s="613"/>
      <c r="OBK664" s="613"/>
      <c r="OBL664" s="613"/>
      <c r="OBM664" s="613"/>
      <c r="OBN664" s="613"/>
      <c r="OBO664" s="613"/>
      <c r="OBP664" s="613"/>
      <c r="OBQ664" s="613"/>
      <c r="OBR664" s="613"/>
      <c r="OBS664" s="613"/>
      <c r="OBT664" s="613"/>
      <c r="OBU664" s="613"/>
      <c r="OBV664" s="613"/>
      <c r="OBW664" s="613"/>
      <c r="OBX664" s="613"/>
      <c r="OBY664" s="613"/>
      <c r="OBZ664" s="613"/>
      <c r="OCA664" s="613"/>
      <c r="OCB664" s="613"/>
      <c r="OCC664" s="613"/>
      <c r="OCD664" s="613"/>
      <c r="OCE664" s="613"/>
      <c r="OCF664" s="613"/>
      <c r="OCG664" s="613"/>
      <c r="OCH664" s="613"/>
      <c r="OCI664" s="613"/>
      <c r="OCJ664" s="613"/>
      <c r="OCK664" s="613"/>
      <c r="OCL664" s="613"/>
      <c r="OCM664" s="613"/>
      <c r="OCN664" s="613"/>
      <c r="OCO664" s="613"/>
      <c r="OCP664" s="613"/>
      <c r="OCQ664" s="613"/>
      <c r="OCR664" s="613"/>
      <c r="OCS664" s="613"/>
      <c r="OCT664" s="613"/>
      <c r="OCU664" s="613"/>
      <c r="OCV664" s="613"/>
      <c r="OCW664" s="613"/>
      <c r="OCX664" s="613"/>
      <c r="OCY664" s="613"/>
      <c r="OCZ664" s="613"/>
      <c r="ODA664" s="613"/>
      <c r="ODB664" s="613"/>
      <c r="ODC664" s="613"/>
      <c r="ODD664" s="613"/>
      <c r="ODE664" s="613"/>
      <c r="ODF664" s="613"/>
      <c r="ODG664" s="613"/>
      <c r="ODH664" s="613"/>
      <c r="ODI664" s="613"/>
      <c r="ODJ664" s="613"/>
      <c r="ODK664" s="613"/>
      <c r="ODL664" s="613"/>
      <c r="ODM664" s="613"/>
      <c r="ODN664" s="613"/>
      <c r="ODO664" s="613"/>
      <c r="ODP664" s="613"/>
      <c r="ODQ664" s="613"/>
      <c r="ODR664" s="613"/>
      <c r="ODS664" s="613"/>
      <c r="ODT664" s="613"/>
      <c r="ODU664" s="613"/>
      <c r="ODV664" s="613"/>
      <c r="ODW664" s="613"/>
      <c r="ODX664" s="613"/>
      <c r="ODY664" s="613"/>
      <c r="ODZ664" s="613"/>
      <c r="OEA664" s="613"/>
      <c r="OEB664" s="613"/>
      <c r="OEC664" s="613"/>
      <c r="OED664" s="613"/>
      <c r="OEE664" s="613"/>
      <c r="OEF664" s="613"/>
      <c r="OEG664" s="613"/>
      <c r="OEH664" s="613"/>
      <c r="OEI664" s="613"/>
      <c r="OEJ664" s="613"/>
      <c r="OEK664" s="613"/>
      <c r="OEL664" s="613"/>
      <c r="OEM664" s="613"/>
      <c r="OEN664" s="613"/>
      <c r="OEO664" s="613"/>
      <c r="OEP664" s="613"/>
      <c r="OEQ664" s="613"/>
      <c r="OER664" s="613"/>
      <c r="OES664" s="613"/>
      <c r="OET664" s="613"/>
      <c r="OEU664" s="613"/>
      <c r="OEV664" s="613"/>
      <c r="OEW664" s="613"/>
      <c r="OEX664" s="613"/>
      <c r="OEY664" s="613"/>
      <c r="OEZ664" s="613"/>
      <c r="OFA664" s="613"/>
      <c r="OFB664" s="613"/>
      <c r="OFC664" s="613"/>
      <c r="OFD664" s="613"/>
      <c r="OFE664" s="613"/>
      <c r="OFF664" s="613"/>
      <c r="OFG664" s="613"/>
      <c r="OFH664" s="613"/>
      <c r="OFI664" s="613"/>
      <c r="OFJ664" s="613"/>
      <c r="OFK664" s="613"/>
      <c r="OFL664" s="613"/>
      <c r="OFM664" s="613"/>
      <c r="OFN664" s="613"/>
      <c r="OFO664" s="613"/>
      <c r="OFP664" s="613"/>
      <c r="OFQ664" s="613"/>
      <c r="OFR664" s="613"/>
      <c r="OFS664" s="613"/>
      <c r="OFT664" s="613"/>
      <c r="OFU664" s="613"/>
      <c r="OFV664" s="613"/>
      <c r="OFW664" s="613"/>
      <c r="OFX664" s="613"/>
      <c r="OFY664" s="613"/>
      <c r="OFZ664" s="613"/>
      <c r="OGA664" s="613"/>
      <c r="OGB664" s="613"/>
      <c r="OGC664" s="613"/>
      <c r="OGD664" s="613"/>
      <c r="OGE664" s="613"/>
      <c r="OGF664" s="613"/>
      <c r="OGG664" s="613"/>
      <c r="OGH664" s="613"/>
      <c r="OGI664" s="613"/>
      <c r="OGJ664" s="613"/>
      <c r="OGK664" s="613"/>
      <c r="OGL664" s="613"/>
      <c r="OGM664" s="613"/>
      <c r="OGN664" s="613"/>
      <c r="OGO664" s="613"/>
      <c r="OGP664" s="613"/>
      <c r="OGQ664" s="613"/>
      <c r="OGR664" s="613"/>
      <c r="OGS664" s="613"/>
      <c r="OGT664" s="613"/>
      <c r="OGU664" s="613"/>
      <c r="OGV664" s="613"/>
      <c r="OGW664" s="613"/>
      <c r="OGX664" s="613"/>
      <c r="OGY664" s="613"/>
      <c r="OGZ664" s="613"/>
      <c r="OHA664" s="613"/>
      <c r="OHB664" s="613"/>
      <c r="OHC664" s="613"/>
      <c r="OHD664" s="613"/>
      <c r="OHE664" s="613"/>
      <c r="OHF664" s="613"/>
      <c r="OHG664" s="613"/>
      <c r="OHH664" s="613"/>
      <c r="OHI664" s="613"/>
      <c r="OHJ664" s="613"/>
      <c r="OHK664" s="613"/>
      <c r="OHL664" s="613"/>
      <c r="OHM664" s="613"/>
      <c r="OHN664" s="613"/>
      <c r="OHO664" s="613"/>
      <c r="OHP664" s="613"/>
      <c r="OHQ664" s="613"/>
      <c r="OHR664" s="613"/>
      <c r="OHS664" s="613"/>
      <c r="OHT664" s="613"/>
      <c r="OHU664" s="613"/>
      <c r="OHV664" s="613"/>
      <c r="OHW664" s="613"/>
      <c r="OHX664" s="613"/>
      <c r="OHY664" s="613"/>
      <c r="OHZ664" s="613"/>
      <c r="OIA664" s="613"/>
      <c r="OIB664" s="613"/>
      <c r="OIC664" s="613"/>
      <c r="OID664" s="613"/>
      <c r="OIE664" s="613"/>
      <c r="OIF664" s="613"/>
      <c r="OIG664" s="613"/>
      <c r="OIH664" s="613"/>
      <c r="OII664" s="613"/>
      <c r="OIJ664" s="613"/>
      <c r="OIK664" s="613"/>
      <c r="OIL664" s="613"/>
      <c r="OIM664" s="613"/>
      <c r="OIN664" s="613"/>
      <c r="OIO664" s="613"/>
      <c r="OIP664" s="613"/>
      <c r="OIQ664" s="613"/>
      <c r="OIR664" s="613"/>
      <c r="OIS664" s="613"/>
      <c r="OIT664" s="613"/>
      <c r="OIU664" s="613"/>
      <c r="OIV664" s="613"/>
      <c r="OIW664" s="613"/>
      <c r="OIX664" s="613"/>
      <c r="OIY664" s="613"/>
      <c r="OIZ664" s="613"/>
      <c r="OJA664" s="613"/>
      <c r="OJB664" s="613"/>
      <c r="OJC664" s="613"/>
      <c r="OJD664" s="613"/>
      <c r="OJE664" s="613"/>
      <c r="OJF664" s="613"/>
      <c r="OJG664" s="613"/>
      <c r="OJH664" s="613"/>
      <c r="OJI664" s="613"/>
      <c r="OJJ664" s="613"/>
      <c r="OJK664" s="613"/>
      <c r="OJL664" s="613"/>
      <c r="OJM664" s="613"/>
      <c r="OJN664" s="613"/>
      <c r="OJO664" s="613"/>
      <c r="OJP664" s="613"/>
      <c r="OJQ664" s="613"/>
      <c r="OJR664" s="613"/>
      <c r="OJS664" s="613"/>
      <c r="OJT664" s="613"/>
      <c r="OJU664" s="613"/>
      <c r="OJV664" s="613"/>
      <c r="OJW664" s="613"/>
      <c r="OJX664" s="613"/>
      <c r="OJY664" s="613"/>
      <c r="OJZ664" s="613"/>
      <c r="OKA664" s="613"/>
      <c r="OKB664" s="613"/>
      <c r="OKC664" s="613"/>
      <c r="OKD664" s="613"/>
      <c r="OKE664" s="613"/>
      <c r="OKF664" s="613"/>
      <c r="OKG664" s="613"/>
      <c r="OKH664" s="613"/>
      <c r="OKI664" s="613"/>
      <c r="OKJ664" s="613"/>
      <c r="OKK664" s="613"/>
      <c r="OKL664" s="613"/>
      <c r="OKM664" s="613"/>
      <c r="OKN664" s="613"/>
      <c r="OKO664" s="613"/>
      <c r="OKP664" s="613"/>
      <c r="OKQ664" s="613"/>
      <c r="OKR664" s="613"/>
      <c r="OKS664" s="613"/>
      <c r="OKT664" s="613"/>
      <c r="OKU664" s="613"/>
      <c r="OKV664" s="613"/>
      <c r="OKW664" s="613"/>
      <c r="OKX664" s="613"/>
      <c r="OKY664" s="613"/>
      <c r="OKZ664" s="613"/>
      <c r="OLA664" s="613"/>
      <c r="OLB664" s="613"/>
      <c r="OLC664" s="613"/>
      <c r="OLD664" s="613"/>
      <c r="OLE664" s="613"/>
      <c r="OLF664" s="613"/>
      <c r="OLG664" s="613"/>
      <c r="OLH664" s="613"/>
      <c r="OLI664" s="613"/>
      <c r="OLJ664" s="613"/>
      <c r="OLK664" s="613"/>
      <c r="OLL664" s="613"/>
      <c r="OLM664" s="613"/>
      <c r="OLN664" s="613"/>
      <c r="OLO664" s="613"/>
      <c r="OLP664" s="613"/>
      <c r="OLQ664" s="613"/>
      <c r="OLR664" s="613"/>
      <c r="OLS664" s="613"/>
      <c r="OLT664" s="613"/>
      <c r="OLU664" s="613"/>
      <c r="OLV664" s="613"/>
      <c r="OLW664" s="613"/>
      <c r="OLX664" s="613"/>
      <c r="OLY664" s="613"/>
      <c r="OLZ664" s="613"/>
      <c r="OMA664" s="613"/>
      <c r="OMB664" s="613"/>
      <c r="OMC664" s="613"/>
      <c r="OMD664" s="613"/>
      <c r="OME664" s="613"/>
      <c r="OMF664" s="613"/>
      <c r="OMG664" s="613"/>
      <c r="OMH664" s="613"/>
      <c r="OMI664" s="613"/>
      <c r="OMJ664" s="613"/>
      <c r="OMK664" s="613"/>
      <c r="OML664" s="613"/>
      <c r="OMM664" s="613"/>
      <c r="OMN664" s="613"/>
      <c r="OMO664" s="613"/>
      <c r="OMP664" s="613"/>
      <c r="OMQ664" s="613"/>
      <c r="OMR664" s="613"/>
      <c r="OMS664" s="613"/>
      <c r="OMT664" s="613"/>
      <c r="OMU664" s="613"/>
      <c r="OMV664" s="613"/>
      <c r="OMW664" s="613"/>
      <c r="OMX664" s="613"/>
      <c r="OMY664" s="613"/>
      <c r="OMZ664" s="613"/>
      <c r="ONA664" s="613"/>
      <c r="ONB664" s="613"/>
      <c r="ONC664" s="613"/>
      <c r="OND664" s="613"/>
      <c r="ONE664" s="613"/>
      <c r="ONF664" s="613"/>
      <c r="ONG664" s="613"/>
      <c r="ONH664" s="613"/>
      <c r="ONI664" s="613"/>
      <c r="ONJ664" s="613"/>
      <c r="ONK664" s="613"/>
      <c r="ONL664" s="613"/>
      <c r="ONM664" s="613"/>
      <c r="ONN664" s="613"/>
      <c r="ONO664" s="613"/>
      <c r="ONP664" s="613"/>
      <c r="ONQ664" s="613"/>
      <c r="ONR664" s="613"/>
      <c r="ONS664" s="613"/>
      <c r="ONT664" s="613"/>
      <c r="ONU664" s="613"/>
      <c r="ONV664" s="613"/>
      <c r="ONW664" s="613"/>
      <c r="ONX664" s="613"/>
      <c r="ONY664" s="613"/>
      <c r="ONZ664" s="613"/>
      <c r="OOA664" s="613"/>
      <c r="OOB664" s="613"/>
      <c r="OOC664" s="613"/>
      <c r="OOD664" s="613"/>
      <c r="OOE664" s="613"/>
      <c r="OOF664" s="613"/>
      <c r="OOG664" s="613"/>
      <c r="OOH664" s="613"/>
      <c r="OOI664" s="613"/>
      <c r="OOJ664" s="613"/>
      <c r="OOK664" s="613"/>
      <c r="OOL664" s="613"/>
      <c r="OOM664" s="613"/>
      <c r="OON664" s="613"/>
      <c r="OOO664" s="613"/>
      <c r="OOP664" s="613"/>
      <c r="OOQ664" s="613"/>
      <c r="OOR664" s="613"/>
      <c r="OOS664" s="613"/>
      <c r="OOT664" s="613"/>
      <c r="OOU664" s="613"/>
      <c r="OOV664" s="613"/>
      <c r="OOW664" s="613"/>
      <c r="OOX664" s="613"/>
      <c r="OOY664" s="613"/>
      <c r="OOZ664" s="613"/>
      <c r="OPA664" s="613"/>
      <c r="OPB664" s="613"/>
      <c r="OPC664" s="613"/>
      <c r="OPD664" s="613"/>
      <c r="OPE664" s="613"/>
      <c r="OPF664" s="613"/>
      <c r="OPG664" s="613"/>
      <c r="OPH664" s="613"/>
      <c r="OPI664" s="613"/>
      <c r="OPJ664" s="613"/>
      <c r="OPK664" s="613"/>
      <c r="OPL664" s="613"/>
      <c r="OPM664" s="613"/>
      <c r="OPN664" s="613"/>
      <c r="OPO664" s="613"/>
      <c r="OPP664" s="613"/>
      <c r="OPQ664" s="613"/>
      <c r="OPR664" s="613"/>
      <c r="OPS664" s="613"/>
      <c r="OPT664" s="613"/>
      <c r="OPU664" s="613"/>
      <c r="OPV664" s="613"/>
      <c r="OPW664" s="613"/>
      <c r="OPX664" s="613"/>
      <c r="OPY664" s="613"/>
      <c r="OPZ664" s="613"/>
      <c r="OQA664" s="613"/>
      <c r="OQB664" s="613"/>
      <c r="OQC664" s="613"/>
      <c r="OQD664" s="613"/>
      <c r="OQE664" s="613"/>
      <c r="OQF664" s="613"/>
      <c r="OQG664" s="613"/>
      <c r="OQH664" s="613"/>
      <c r="OQI664" s="613"/>
      <c r="OQJ664" s="613"/>
      <c r="OQK664" s="613"/>
      <c r="OQL664" s="613"/>
      <c r="OQM664" s="613"/>
      <c r="OQN664" s="613"/>
      <c r="OQO664" s="613"/>
      <c r="OQP664" s="613"/>
      <c r="OQQ664" s="613"/>
      <c r="OQR664" s="613"/>
      <c r="OQS664" s="613"/>
      <c r="OQT664" s="613"/>
      <c r="OQU664" s="613"/>
      <c r="OQV664" s="613"/>
      <c r="OQW664" s="613"/>
      <c r="OQX664" s="613"/>
      <c r="OQY664" s="613"/>
      <c r="OQZ664" s="613"/>
      <c r="ORA664" s="613"/>
      <c r="ORB664" s="613"/>
      <c r="ORC664" s="613"/>
      <c r="ORD664" s="613"/>
      <c r="ORE664" s="613"/>
      <c r="ORF664" s="613"/>
      <c r="ORG664" s="613"/>
      <c r="ORH664" s="613"/>
      <c r="ORI664" s="613"/>
      <c r="ORJ664" s="613"/>
      <c r="ORK664" s="613"/>
      <c r="ORL664" s="613"/>
      <c r="ORM664" s="613"/>
      <c r="ORN664" s="613"/>
      <c r="ORO664" s="613"/>
      <c r="ORP664" s="613"/>
      <c r="ORQ664" s="613"/>
      <c r="ORR664" s="613"/>
      <c r="ORS664" s="613"/>
      <c r="ORT664" s="613"/>
      <c r="ORU664" s="613"/>
      <c r="ORV664" s="613"/>
      <c r="ORW664" s="613"/>
      <c r="ORX664" s="613"/>
      <c r="ORY664" s="613"/>
      <c r="ORZ664" s="613"/>
      <c r="OSA664" s="613"/>
      <c r="OSB664" s="613"/>
      <c r="OSC664" s="613"/>
      <c r="OSD664" s="613"/>
      <c r="OSE664" s="613"/>
      <c r="OSF664" s="613"/>
      <c r="OSG664" s="613"/>
      <c r="OSH664" s="613"/>
      <c r="OSI664" s="613"/>
      <c r="OSJ664" s="613"/>
      <c r="OSK664" s="613"/>
      <c r="OSL664" s="613"/>
      <c r="OSM664" s="613"/>
      <c r="OSN664" s="613"/>
      <c r="OSO664" s="613"/>
      <c r="OSP664" s="613"/>
      <c r="OSQ664" s="613"/>
      <c r="OSR664" s="613"/>
      <c r="OSS664" s="613"/>
      <c r="OST664" s="613"/>
      <c r="OSU664" s="613"/>
      <c r="OSV664" s="613"/>
      <c r="OSW664" s="613"/>
      <c r="OSX664" s="613"/>
      <c r="OSY664" s="613"/>
      <c r="OSZ664" s="613"/>
      <c r="OTA664" s="613"/>
      <c r="OTB664" s="613"/>
      <c r="OTC664" s="613"/>
      <c r="OTD664" s="613"/>
      <c r="OTE664" s="613"/>
      <c r="OTF664" s="613"/>
      <c r="OTG664" s="613"/>
      <c r="OTH664" s="613"/>
      <c r="OTI664" s="613"/>
      <c r="OTJ664" s="613"/>
      <c r="OTK664" s="613"/>
      <c r="OTL664" s="613"/>
      <c r="OTM664" s="613"/>
      <c r="OTN664" s="613"/>
      <c r="OTO664" s="613"/>
      <c r="OTP664" s="613"/>
      <c r="OTQ664" s="613"/>
      <c r="OTR664" s="613"/>
      <c r="OTS664" s="613"/>
      <c r="OTT664" s="613"/>
      <c r="OTU664" s="613"/>
      <c r="OTV664" s="613"/>
      <c r="OTW664" s="613"/>
      <c r="OTX664" s="613"/>
      <c r="OTY664" s="613"/>
      <c r="OTZ664" s="613"/>
      <c r="OUA664" s="613"/>
      <c r="OUB664" s="613"/>
      <c r="OUC664" s="613"/>
      <c r="OUD664" s="613"/>
      <c r="OUE664" s="613"/>
      <c r="OUF664" s="613"/>
      <c r="OUG664" s="613"/>
      <c r="OUH664" s="613"/>
      <c r="OUI664" s="613"/>
      <c r="OUJ664" s="613"/>
      <c r="OUK664" s="613"/>
      <c r="OUL664" s="613"/>
      <c r="OUM664" s="613"/>
      <c r="OUN664" s="613"/>
      <c r="OUO664" s="613"/>
      <c r="OUP664" s="613"/>
      <c r="OUQ664" s="613"/>
      <c r="OUR664" s="613"/>
      <c r="OUS664" s="613"/>
      <c r="OUT664" s="613"/>
      <c r="OUU664" s="613"/>
      <c r="OUV664" s="613"/>
      <c r="OUW664" s="613"/>
      <c r="OUX664" s="613"/>
      <c r="OUY664" s="613"/>
      <c r="OUZ664" s="613"/>
      <c r="OVA664" s="613"/>
      <c r="OVB664" s="613"/>
      <c r="OVC664" s="613"/>
      <c r="OVD664" s="613"/>
      <c r="OVE664" s="613"/>
      <c r="OVF664" s="613"/>
      <c r="OVG664" s="613"/>
      <c r="OVH664" s="613"/>
      <c r="OVI664" s="613"/>
      <c r="OVJ664" s="613"/>
      <c r="OVK664" s="613"/>
      <c r="OVL664" s="613"/>
      <c r="OVM664" s="613"/>
      <c r="OVN664" s="613"/>
      <c r="OVO664" s="613"/>
      <c r="OVP664" s="613"/>
      <c r="OVQ664" s="613"/>
      <c r="OVR664" s="613"/>
      <c r="OVS664" s="613"/>
      <c r="OVT664" s="613"/>
      <c r="OVU664" s="613"/>
      <c r="OVV664" s="613"/>
      <c r="OVW664" s="613"/>
      <c r="OVX664" s="613"/>
      <c r="OVY664" s="613"/>
      <c r="OVZ664" s="613"/>
      <c r="OWA664" s="613"/>
      <c r="OWB664" s="613"/>
      <c r="OWC664" s="613"/>
      <c r="OWD664" s="613"/>
      <c r="OWE664" s="613"/>
      <c r="OWF664" s="613"/>
      <c r="OWG664" s="613"/>
      <c r="OWH664" s="613"/>
      <c r="OWI664" s="613"/>
      <c r="OWJ664" s="613"/>
      <c r="OWK664" s="613"/>
      <c r="OWL664" s="613"/>
      <c r="OWM664" s="613"/>
      <c r="OWN664" s="613"/>
      <c r="OWO664" s="613"/>
      <c r="OWP664" s="613"/>
      <c r="OWQ664" s="613"/>
      <c r="OWR664" s="613"/>
      <c r="OWS664" s="613"/>
      <c r="OWT664" s="613"/>
      <c r="OWU664" s="613"/>
      <c r="OWV664" s="613"/>
      <c r="OWW664" s="613"/>
      <c r="OWX664" s="613"/>
      <c r="OWY664" s="613"/>
      <c r="OWZ664" s="613"/>
      <c r="OXA664" s="613"/>
      <c r="OXB664" s="613"/>
      <c r="OXC664" s="613"/>
      <c r="OXD664" s="613"/>
      <c r="OXE664" s="613"/>
      <c r="OXF664" s="613"/>
      <c r="OXG664" s="613"/>
      <c r="OXH664" s="613"/>
      <c r="OXI664" s="613"/>
      <c r="OXJ664" s="613"/>
      <c r="OXK664" s="613"/>
      <c r="OXL664" s="613"/>
      <c r="OXM664" s="613"/>
      <c r="OXN664" s="613"/>
      <c r="OXO664" s="613"/>
      <c r="OXP664" s="613"/>
      <c r="OXQ664" s="613"/>
      <c r="OXR664" s="613"/>
      <c r="OXS664" s="613"/>
      <c r="OXT664" s="613"/>
      <c r="OXU664" s="613"/>
      <c r="OXV664" s="613"/>
      <c r="OXW664" s="613"/>
      <c r="OXX664" s="613"/>
      <c r="OXY664" s="613"/>
      <c r="OXZ664" s="613"/>
      <c r="OYA664" s="613"/>
      <c r="OYB664" s="613"/>
      <c r="OYC664" s="613"/>
      <c r="OYD664" s="613"/>
      <c r="OYE664" s="613"/>
      <c r="OYF664" s="613"/>
      <c r="OYG664" s="613"/>
      <c r="OYH664" s="613"/>
      <c r="OYI664" s="613"/>
      <c r="OYJ664" s="613"/>
      <c r="OYK664" s="613"/>
      <c r="OYL664" s="613"/>
      <c r="OYM664" s="613"/>
      <c r="OYN664" s="613"/>
      <c r="OYO664" s="613"/>
      <c r="OYP664" s="613"/>
      <c r="OYQ664" s="613"/>
      <c r="OYR664" s="613"/>
      <c r="OYS664" s="613"/>
      <c r="OYT664" s="613"/>
      <c r="OYU664" s="613"/>
      <c r="OYV664" s="613"/>
      <c r="OYW664" s="613"/>
      <c r="OYX664" s="613"/>
      <c r="OYY664" s="613"/>
      <c r="OYZ664" s="613"/>
      <c r="OZA664" s="613"/>
      <c r="OZB664" s="613"/>
      <c r="OZC664" s="613"/>
      <c r="OZD664" s="613"/>
      <c r="OZE664" s="613"/>
      <c r="OZF664" s="613"/>
      <c r="OZG664" s="613"/>
      <c r="OZH664" s="613"/>
      <c r="OZI664" s="613"/>
      <c r="OZJ664" s="613"/>
      <c r="OZK664" s="613"/>
      <c r="OZL664" s="613"/>
      <c r="OZM664" s="613"/>
      <c r="OZN664" s="613"/>
      <c r="OZO664" s="613"/>
      <c r="OZP664" s="613"/>
      <c r="OZQ664" s="613"/>
      <c r="OZR664" s="613"/>
      <c r="OZS664" s="613"/>
      <c r="OZT664" s="613"/>
      <c r="OZU664" s="613"/>
      <c r="OZV664" s="613"/>
      <c r="OZW664" s="613"/>
      <c r="OZX664" s="613"/>
      <c r="OZY664" s="613"/>
      <c r="OZZ664" s="613"/>
      <c r="PAA664" s="613"/>
      <c r="PAB664" s="613"/>
      <c r="PAC664" s="613"/>
      <c r="PAD664" s="613"/>
      <c r="PAE664" s="613"/>
      <c r="PAF664" s="613"/>
      <c r="PAG664" s="613"/>
      <c r="PAH664" s="613"/>
      <c r="PAI664" s="613"/>
      <c r="PAJ664" s="613"/>
      <c r="PAK664" s="613"/>
      <c r="PAL664" s="613"/>
      <c r="PAM664" s="613"/>
      <c r="PAN664" s="613"/>
      <c r="PAO664" s="613"/>
      <c r="PAP664" s="613"/>
      <c r="PAQ664" s="613"/>
      <c r="PAR664" s="613"/>
      <c r="PAS664" s="613"/>
      <c r="PAT664" s="613"/>
      <c r="PAU664" s="613"/>
      <c r="PAV664" s="613"/>
      <c r="PAW664" s="613"/>
      <c r="PAX664" s="613"/>
      <c r="PAY664" s="613"/>
      <c r="PAZ664" s="613"/>
      <c r="PBA664" s="613"/>
      <c r="PBB664" s="613"/>
      <c r="PBC664" s="613"/>
      <c r="PBD664" s="613"/>
      <c r="PBE664" s="613"/>
      <c r="PBF664" s="613"/>
      <c r="PBG664" s="613"/>
      <c r="PBH664" s="613"/>
      <c r="PBI664" s="613"/>
      <c r="PBJ664" s="613"/>
      <c r="PBK664" s="613"/>
      <c r="PBL664" s="613"/>
      <c r="PBM664" s="613"/>
      <c r="PBN664" s="613"/>
      <c r="PBO664" s="613"/>
      <c r="PBP664" s="613"/>
      <c r="PBQ664" s="613"/>
      <c r="PBR664" s="613"/>
      <c r="PBS664" s="613"/>
      <c r="PBT664" s="613"/>
      <c r="PBU664" s="613"/>
      <c r="PBV664" s="613"/>
      <c r="PBW664" s="613"/>
      <c r="PBX664" s="613"/>
      <c r="PBY664" s="613"/>
      <c r="PBZ664" s="613"/>
      <c r="PCA664" s="613"/>
      <c r="PCB664" s="613"/>
      <c r="PCC664" s="613"/>
      <c r="PCD664" s="613"/>
      <c r="PCE664" s="613"/>
      <c r="PCF664" s="613"/>
      <c r="PCG664" s="613"/>
      <c r="PCH664" s="613"/>
      <c r="PCI664" s="613"/>
      <c r="PCJ664" s="613"/>
      <c r="PCK664" s="613"/>
      <c r="PCL664" s="613"/>
      <c r="PCM664" s="613"/>
      <c r="PCN664" s="613"/>
      <c r="PCO664" s="613"/>
      <c r="PCP664" s="613"/>
      <c r="PCQ664" s="613"/>
      <c r="PCR664" s="613"/>
      <c r="PCS664" s="613"/>
      <c r="PCT664" s="613"/>
      <c r="PCU664" s="613"/>
      <c r="PCV664" s="613"/>
      <c r="PCW664" s="613"/>
      <c r="PCX664" s="613"/>
      <c r="PCY664" s="613"/>
      <c r="PCZ664" s="613"/>
      <c r="PDA664" s="613"/>
      <c r="PDB664" s="613"/>
      <c r="PDC664" s="613"/>
      <c r="PDD664" s="613"/>
      <c r="PDE664" s="613"/>
      <c r="PDF664" s="613"/>
      <c r="PDG664" s="613"/>
      <c r="PDH664" s="613"/>
      <c r="PDI664" s="613"/>
      <c r="PDJ664" s="613"/>
      <c r="PDK664" s="613"/>
      <c r="PDL664" s="613"/>
      <c r="PDM664" s="613"/>
      <c r="PDN664" s="613"/>
      <c r="PDO664" s="613"/>
      <c r="PDP664" s="613"/>
      <c r="PDQ664" s="613"/>
      <c r="PDR664" s="613"/>
      <c r="PDS664" s="613"/>
      <c r="PDT664" s="613"/>
      <c r="PDU664" s="613"/>
      <c r="PDV664" s="613"/>
      <c r="PDW664" s="613"/>
      <c r="PDX664" s="613"/>
      <c r="PDY664" s="613"/>
      <c r="PDZ664" s="613"/>
      <c r="PEA664" s="613"/>
      <c r="PEB664" s="613"/>
      <c r="PEC664" s="613"/>
      <c r="PED664" s="613"/>
      <c r="PEE664" s="613"/>
      <c r="PEF664" s="613"/>
      <c r="PEG664" s="613"/>
      <c r="PEH664" s="613"/>
      <c r="PEI664" s="613"/>
      <c r="PEJ664" s="613"/>
      <c r="PEK664" s="613"/>
      <c r="PEL664" s="613"/>
      <c r="PEM664" s="613"/>
      <c r="PEN664" s="613"/>
      <c r="PEO664" s="613"/>
      <c r="PEP664" s="613"/>
      <c r="PEQ664" s="613"/>
      <c r="PER664" s="613"/>
      <c r="PES664" s="613"/>
      <c r="PET664" s="613"/>
      <c r="PEU664" s="613"/>
      <c r="PEV664" s="613"/>
      <c r="PEW664" s="613"/>
      <c r="PEX664" s="613"/>
      <c r="PEY664" s="613"/>
      <c r="PEZ664" s="613"/>
      <c r="PFA664" s="613"/>
      <c r="PFB664" s="613"/>
      <c r="PFC664" s="613"/>
      <c r="PFD664" s="613"/>
      <c r="PFE664" s="613"/>
      <c r="PFF664" s="613"/>
      <c r="PFG664" s="613"/>
      <c r="PFH664" s="613"/>
      <c r="PFI664" s="613"/>
      <c r="PFJ664" s="613"/>
      <c r="PFK664" s="613"/>
      <c r="PFL664" s="613"/>
      <c r="PFM664" s="613"/>
      <c r="PFN664" s="613"/>
      <c r="PFO664" s="613"/>
      <c r="PFP664" s="613"/>
      <c r="PFQ664" s="613"/>
      <c r="PFR664" s="613"/>
      <c r="PFS664" s="613"/>
      <c r="PFT664" s="613"/>
      <c r="PFU664" s="613"/>
      <c r="PFV664" s="613"/>
      <c r="PFW664" s="613"/>
      <c r="PFX664" s="613"/>
      <c r="PFY664" s="613"/>
      <c r="PFZ664" s="613"/>
      <c r="PGA664" s="613"/>
      <c r="PGB664" s="613"/>
      <c r="PGC664" s="613"/>
      <c r="PGD664" s="613"/>
      <c r="PGE664" s="613"/>
      <c r="PGF664" s="613"/>
      <c r="PGG664" s="613"/>
      <c r="PGH664" s="613"/>
      <c r="PGI664" s="613"/>
      <c r="PGJ664" s="613"/>
      <c r="PGK664" s="613"/>
      <c r="PGL664" s="613"/>
      <c r="PGM664" s="613"/>
      <c r="PGN664" s="613"/>
      <c r="PGO664" s="613"/>
      <c r="PGP664" s="613"/>
      <c r="PGQ664" s="613"/>
      <c r="PGR664" s="613"/>
      <c r="PGS664" s="613"/>
      <c r="PGT664" s="613"/>
      <c r="PGU664" s="613"/>
      <c r="PGV664" s="613"/>
      <c r="PGW664" s="613"/>
      <c r="PGX664" s="613"/>
      <c r="PGY664" s="613"/>
      <c r="PGZ664" s="613"/>
      <c r="PHA664" s="613"/>
      <c r="PHB664" s="613"/>
      <c r="PHC664" s="613"/>
      <c r="PHD664" s="613"/>
      <c r="PHE664" s="613"/>
      <c r="PHF664" s="613"/>
      <c r="PHG664" s="613"/>
      <c r="PHH664" s="613"/>
      <c r="PHI664" s="613"/>
      <c r="PHJ664" s="613"/>
      <c r="PHK664" s="613"/>
      <c r="PHL664" s="613"/>
      <c r="PHM664" s="613"/>
      <c r="PHN664" s="613"/>
      <c r="PHO664" s="613"/>
      <c r="PHP664" s="613"/>
      <c r="PHQ664" s="613"/>
      <c r="PHR664" s="613"/>
      <c r="PHS664" s="613"/>
      <c r="PHT664" s="613"/>
      <c r="PHU664" s="613"/>
      <c r="PHV664" s="613"/>
      <c r="PHW664" s="613"/>
      <c r="PHX664" s="613"/>
      <c r="PHY664" s="613"/>
      <c r="PHZ664" s="613"/>
      <c r="PIA664" s="613"/>
      <c r="PIB664" s="613"/>
      <c r="PIC664" s="613"/>
      <c r="PID664" s="613"/>
      <c r="PIE664" s="613"/>
      <c r="PIF664" s="613"/>
      <c r="PIG664" s="613"/>
      <c r="PIH664" s="613"/>
      <c r="PII664" s="613"/>
      <c r="PIJ664" s="613"/>
      <c r="PIK664" s="613"/>
      <c r="PIL664" s="613"/>
      <c r="PIM664" s="613"/>
      <c r="PIN664" s="613"/>
      <c r="PIO664" s="613"/>
      <c r="PIP664" s="613"/>
      <c r="PIQ664" s="613"/>
      <c r="PIR664" s="613"/>
      <c r="PIS664" s="613"/>
      <c r="PIT664" s="613"/>
      <c r="PIU664" s="613"/>
      <c r="PIV664" s="613"/>
      <c r="PIW664" s="613"/>
      <c r="PIX664" s="613"/>
      <c r="PIY664" s="613"/>
      <c r="PIZ664" s="613"/>
      <c r="PJA664" s="613"/>
      <c r="PJB664" s="613"/>
      <c r="PJC664" s="613"/>
      <c r="PJD664" s="613"/>
      <c r="PJE664" s="613"/>
      <c r="PJF664" s="613"/>
      <c r="PJG664" s="613"/>
      <c r="PJH664" s="613"/>
      <c r="PJI664" s="613"/>
      <c r="PJJ664" s="613"/>
      <c r="PJK664" s="613"/>
      <c r="PJL664" s="613"/>
      <c r="PJM664" s="613"/>
      <c r="PJN664" s="613"/>
      <c r="PJO664" s="613"/>
      <c r="PJP664" s="613"/>
      <c r="PJQ664" s="613"/>
      <c r="PJR664" s="613"/>
      <c r="PJS664" s="613"/>
      <c r="PJT664" s="613"/>
      <c r="PJU664" s="613"/>
      <c r="PJV664" s="613"/>
      <c r="PJW664" s="613"/>
      <c r="PJX664" s="613"/>
      <c r="PJY664" s="613"/>
      <c r="PJZ664" s="613"/>
      <c r="PKA664" s="613"/>
      <c r="PKB664" s="613"/>
      <c r="PKC664" s="613"/>
      <c r="PKD664" s="613"/>
      <c r="PKE664" s="613"/>
      <c r="PKF664" s="613"/>
      <c r="PKG664" s="613"/>
      <c r="PKH664" s="613"/>
      <c r="PKI664" s="613"/>
      <c r="PKJ664" s="613"/>
      <c r="PKK664" s="613"/>
      <c r="PKL664" s="613"/>
      <c r="PKM664" s="613"/>
      <c r="PKN664" s="613"/>
      <c r="PKO664" s="613"/>
      <c r="PKP664" s="613"/>
      <c r="PKQ664" s="613"/>
      <c r="PKR664" s="613"/>
      <c r="PKS664" s="613"/>
      <c r="PKT664" s="613"/>
      <c r="PKU664" s="613"/>
      <c r="PKV664" s="613"/>
      <c r="PKW664" s="613"/>
      <c r="PKX664" s="613"/>
      <c r="PKY664" s="613"/>
      <c r="PKZ664" s="613"/>
      <c r="PLA664" s="613"/>
      <c r="PLB664" s="613"/>
      <c r="PLC664" s="613"/>
      <c r="PLD664" s="613"/>
      <c r="PLE664" s="613"/>
      <c r="PLF664" s="613"/>
      <c r="PLG664" s="613"/>
      <c r="PLH664" s="613"/>
      <c r="PLI664" s="613"/>
      <c r="PLJ664" s="613"/>
      <c r="PLK664" s="613"/>
      <c r="PLL664" s="613"/>
      <c r="PLM664" s="613"/>
      <c r="PLN664" s="613"/>
      <c r="PLO664" s="613"/>
      <c r="PLP664" s="613"/>
      <c r="PLQ664" s="613"/>
      <c r="PLR664" s="613"/>
      <c r="PLS664" s="613"/>
      <c r="PLT664" s="613"/>
      <c r="PLU664" s="613"/>
      <c r="PLV664" s="613"/>
      <c r="PLW664" s="613"/>
      <c r="PLX664" s="613"/>
      <c r="PLY664" s="613"/>
      <c r="PLZ664" s="613"/>
      <c r="PMA664" s="613"/>
      <c r="PMB664" s="613"/>
      <c r="PMC664" s="613"/>
      <c r="PMD664" s="613"/>
      <c r="PME664" s="613"/>
      <c r="PMF664" s="613"/>
      <c r="PMG664" s="613"/>
      <c r="PMH664" s="613"/>
      <c r="PMI664" s="613"/>
      <c r="PMJ664" s="613"/>
      <c r="PMK664" s="613"/>
      <c r="PML664" s="613"/>
      <c r="PMM664" s="613"/>
      <c r="PMN664" s="613"/>
      <c r="PMO664" s="613"/>
      <c r="PMP664" s="613"/>
      <c r="PMQ664" s="613"/>
      <c r="PMR664" s="613"/>
      <c r="PMS664" s="613"/>
      <c r="PMT664" s="613"/>
      <c r="PMU664" s="613"/>
      <c r="PMV664" s="613"/>
      <c r="PMW664" s="613"/>
      <c r="PMX664" s="613"/>
      <c r="PMY664" s="613"/>
      <c r="PMZ664" s="613"/>
      <c r="PNA664" s="613"/>
      <c r="PNB664" s="613"/>
      <c r="PNC664" s="613"/>
      <c r="PND664" s="613"/>
      <c r="PNE664" s="613"/>
      <c r="PNF664" s="613"/>
      <c r="PNG664" s="613"/>
      <c r="PNH664" s="613"/>
      <c r="PNI664" s="613"/>
      <c r="PNJ664" s="613"/>
      <c r="PNK664" s="613"/>
      <c r="PNL664" s="613"/>
      <c r="PNM664" s="613"/>
      <c r="PNN664" s="613"/>
      <c r="PNO664" s="613"/>
      <c r="PNP664" s="613"/>
      <c r="PNQ664" s="613"/>
      <c r="PNR664" s="613"/>
      <c r="PNS664" s="613"/>
      <c r="PNT664" s="613"/>
      <c r="PNU664" s="613"/>
      <c r="PNV664" s="613"/>
      <c r="PNW664" s="613"/>
      <c r="PNX664" s="613"/>
      <c r="PNY664" s="613"/>
      <c r="PNZ664" s="613"/>
      <c r="POA664" s="613"/>
      <c r="POB664" s="613"/>
      <c r="POC664" s="613"/>
      <c r="POD664" s="613"/>
      <c r="POE664" s="613"/>
      <c r="POF664" s="613"/>
      <c r="POG664" s="613"/>
      <c r="POH664" s="613"/>
      <c r="POI664" s="613"/>
      <c r="POJ664" s="613"/>
      <c r="POK664" s="613"/>
      <c r="POL664" s="613"/>
      <c r="POM664" s="613"/>
      <c r="PON664" s="613"/>
      <c r="POO664" s="613"/>
      <c r="POP664" s="613"/>
      <c r="POQ664" s="613"/>
      <c r="POR664" s="613"/>
      <c r="POS664" s="613"/>
      <c r="POT664" s="613"/>
      <c r="POU664" s="613"/>
      <c r="POV664" s="613"/>
      <c r="POW664" s="613"/>
      <c r="POX664" s="613"/>
      <c r="POY664" s="613"/>
      <c r="POZ664" s="613"/>
      <c r="PPA664" s="613"/>
      <c r="PPB664" s="613"/>
      <c r="PPC664" s="613"/>
      <c r="PPD664" s="613"/>
      <c r="PPE664" s="613"/>
      <c r="PPF664" s="613"/>
      <c r="PPG664" s="613"/>
      <c r="PPH664" s="613"/>
      <c r="PPI664" s="613"/>
      <c r="PPJ664" s="613"/>
      <c r="PPK664" s="613"/>
      <c r="PPL664" s="613"/>
      <c r="PPM664" s="613"/>
      <c r="PPN664" s="613"/>
      <c r="PPO664" s="613"/>
      <c r="PPP664" s="613"/>
      <c r="PPQ664" s="613"/>
      <c r="PPR664" s="613"/>
      <c r="PPS664" s="613"/>
      <c r="PPT664" s="613"/>
      <c r="PPU664" s="613"/>
      <c r="PPV664" s="613"/>
      <c r="PPW664" s="613"/>
      <c r="PPX664" s="613"/>
      <c r="PPY664" s="613"/>
      <c r="PPZ664" s="613"/>
      <c r="PQA664" s="613"/>
      <c r="PQB664" s="613"/>
      <c r="PQC664" s="613"/>
      <c r="PQD664" s="613"/>
      <c r="PQE664" s="613"/>
      <c r="PQF664" s="613"/>
      <c r="PQG664" s="613"/>
      <c r="PQH664" s="613"/>
      <c r="PQI664" s="613"/>
      <c r="PQJ664" s="613"/>
      <c r="PQK664" s="613"/>
      <c r="PQL664" s="613"/>
      <c r="PQM664" s="613"/>
      <c r="PQN664" s="613"/>
      <c r="PQO664" s="613"/>
      <c r="PQP664" s="613"/>
      <c r="PQQ664" s="613"/>
      <c r="PQR664" s="613"/>
      <c r="PQS664" s="613"/>
      <c r="PQT664" s="613"/>
      <c r="PQU664" s="613"/>
      <c r="PQV664" s="613"/>
      <c r="PQW664" s="613"/>
      <c r="PQX664" s="613"/>
      <c r="PQY664" s="613"/>
      <c r="PQZ664" s="613"/>
      <c r="PRA664" s="613"/>
      <c r="PRB664" s="613"/>
      <c r="PRC664" s="613"/>
      <c r="PRD664" s="613"/>
      <c r="PRE664" s="613"/>
      <c r="PRF664" s="613"/>
      <c r="PRG664" s="613"/>
      <c r="PRH664" s="613"/>
      <c r="PRI664" s="613"/>
      <c r="PRJ664" s="613"/>
      <c r="PRK664" s="613"/>
      <c r="PRL664" s="613"/>
      <c r="PRM664" s="613"/>
      <c r="PRN664" s="613"/>
      <c r="PRO664" s="613"/>
      <c r="PRP664" s="613"/>
      <c r="PRQ664" s="613"/>
      <c r="PRR664" s="613"/>
      <c r="PRS664" s="613"/>
      <c r="PRT664" s="613"/>
      <c r="PRU664" s="613"/>
      <c r="PRV664" s="613"/>
      <c r="PRW664" s="613"/>
      <c r="PRX664" s="613"/>
      <c r="PRY664" s="613"/>
      <c r="PRZ664" s="613"/>
      <c r="PSA664" s="613"/>
      <c r="PSB664" s="613"/>
      <c r="PSC664" s="613"/>
      <c r="PSD664" s="613"/>
      <c r="PSE664" s="613"/>
      <c r="PSF664" s="613"/>
      <c r="PSG664" s="613"/>
      <c r="PSH664" s="613"/>
      <c r="PSI664" s="613"/>
      <c r="PSJ664" s="613"/>
      <c r="PSK664" s="613"/>
      <c r="PSL664" s="613"/>
      <c r="PSM664" s="613"/>
      <c r="PSN664" s="613"/>
      <c r="PSO664" s="613"/>
      <c r="PSP664" s="613"/>
      <c r="PSQ664" s="613"/>
      <c r="PSR664" s="613"/>
      <c r="PSS664" s="613"/>
      <c r="PST664" s="613"/>
      <c r="PSU664" s="613"/>
      <c r="PSV664" s="613"/>
      <c r="PSW664" s="613"/>
      <c r="PSX664" s="613"/>
      <c r="PSY664" s="613"/>
      <c r="PSZ664" s="613"/>
      <c r="PTA664" s="613"/>
      <c r="PTB664" s="613"/>
      <c r="PTC664" s="613"/>
      <c r="PTD664" s="613"/>
      <c r="PTE664" s="613"/>
      <c r="PTF664" s="613"/>
      <c r="PTG664" s="613"/>
      <c r="PTH664" s="613"/>
      <c r="PTI664" s="613"/>
      <c r="PTJ664" s="613"/>
      <c r="PTK664" s="613"/>
      <c r="PTL664" s="613"/>
      <c r="PTM664" s="613"/>
      <c r="PTN664" s="613"/>
      <c r="PTO664" s="613"/>
      <c r="PTP664" s="613"/>
      <c r="PTQ664" s="613"/>
      <c r="PTR664" s="613"/>
      <c r="PTS664" s="613"/>
      <c r="PTT664" s="613"/>
      <c r="PTU664" s="613"/>
      <c r="PTV664" s="613"/>
      <c r="PTW664" s="613"/>
      <c r="PTX664" s="613"/>
      <c r="PTY664" s="613"/>
      <c r="PTZ664" s="613"/>
      <c r="PUA664" s="613"/>
      <c r="PUB664" s="613"/>
      <c r="PUC664" s="613"/>
      <c r="PUD664" s="613"/>
      <c r="PUE664" s="613"/>
      <c r="PUF664" s="613"/>
      <c r="PUG664" s="613"/>
      <c r="PUH664" s="613"/>
      <c r="PUI664" s="613"/>
      <c r="PUJ664" s="613"/>
      <c r="PUK664" s="613"/>
      <c r="PUL664" s="613"/>
      <c r="PUM664" s="613"/>
      <c r="PUN664" s="613"/>
      <c r="PUO664" s="613"/>
      <c r="PUP664" s="613"/>
      <c r="PUQ664" s="613"/>
      <c r="PUR664" s="613"/>
      <c r="PUS664" s="613"/>
      <c r="PUT664" s="613"/>
      <c r="PUU664" s="613"/>
      <c r="PUV664" s="613"/>
      <c r="PUW664" s="613"/>
      <c r="PUX664" s="613"/>
      <c r="PUY664" s="613"/>
      <c r="PUZ664" s="613"/>
      <c r="PVA664" s="613"/>
      <c r="PVB664" s="613"/>
      <c r="PVC664" s="613"/>
      <c r="PVD664" s="613"/>
      <c r="PVE664" s="613"/>
      <c r="PVF664" s="613"/>
      <c r="PVG664" s="613"/>
      <c r="PVH664" s="613"/>
      <c r="PVI664" s="613"/>
      <c r="PVJ664" s="613"/>
      <c r="PVK664" s="613"/>
      <c r="PVL664" s="613"/>
      <c r="PVM664" s="613"/>
      <c r="PVN664" s="613"/>
      <c r="PVO664" s="613"/>
      <c r="PVP664" s="613"/>
      <c r="PVQ664" s="613"/>
      <c r="PVR664" s="613"/>
      <c r="PVS664" s="613"/>
      <c r="PVT664" s="613"/>
      <c r="PVU664" s="613"/>
      <c r="PVV664" s="613"/>
      <c r="PVW664" s="613"/>
      <c r="PVX664" s="613"/>
      <c r="PVY664" s="613"/>
      <c r="PVZ664" s="613"/>
      <c r="PWA664" s="613"/>
      <c r="PWB664" s="613"/>
      <c r="PWC664" s="613"/>
      <c r="PWD664" s="613"/>
      <c r="PWE664" s="613"/>
      <c r="PWF664" s="613"/>
      <c r="PWG664" s="613"/>
      <c r="PWH664" s="613"/>
      <c r="PWI664" s="613"/>
      <c r="PWJ664" s="613"/>
      <c r="PWK664" s="613"/>
      <c r="PWL664" s="613"/>
      <c r="PWM664" s="613"/>
      <c r="PWN664" s="613"/>
      <c r="PWO664" s="613"/>
      <c r="PWP664" s="613"/>
      <c r="PWQ664" s="613"/>
      <c r="PWR664" s="613"/>
      <c r="PWS664" s="613"/>
      <c r="PWT664" s="613"/>
      <c r="PWU664" s="613"/>
      <c r="PWV664" s="613"/>
      <c r="PWW664" s="613"/>
      <c r="PWX664" s="613"/>
      <c r="PWY664" s="613"/>
      <c r="PWZ664" s="613"/>
      <c r="PXA664" s="613"/>
      <c r="PXB664" s="613"/>
      <c r="PXC664" s="613"/>
      <c r="PXD664" s="613"/>
      <c r="PXE664" s="613"/>
      <c r="PXF664" s="613"/>
      <c r="PXG664" s="613"/>
      <c r="PXH664" s="613"/>
      <c r="PXI664" s="613"/>
      <c r="PXJ664" s="613"/>
      <c r="PXK664" s="613"/>
      <c r="PXL664" s="613"/>
      <c r="PXM664" s="613"/>
      <c r="PXN664" s="613"/>
      <c r="PXO664" s="613"/>
      <c r="PXP664" s="613"/>
      <c r="PXQ664" s="613"/>
      <c r="PXR664" s="613"/>
      <c r="PXS664" s="613"/>
      <c r="PXT664" s="613"/>
      <c r="PXU664" s="613"/>
      <c r="PXV664" s="613"/>
      <c r="PXW664" s="613"/>
      <c r="PXX664" s="613"/>
      <c r="PXY664" s="613"/>
      <c r="PXZ664" s="613"/>
      <c r="PYA664" s="613"/>
      <c r="PYB664" s="613"/>
      <c r="PYC664" s="613"/>
      <c r="PYD664" s="613"/>
      <c r="PYE664" s="613"/>
      <c r="PYF664" s="613"/>
      <c r="PYG664" s="613"/>
      <c r="PYH664" s="613"/>
      <c r="PYI664" s="613"/>
      <c r="PYJ664" s="613"/>
      <c r="PYK664" s="613"/>
      <c r="PYL664" s="613"/>
      <c r="PYM664" s="613"/>
      <c r="PYN664" s="613"/>
      <c r="PYO664" s="613"/>
      <c r="PYP664" s="613"/>
      <c r="PYQ664" s="613"/>
      <c r="PYR664" s="613"/>
      <c r="PYS664" s="613"/>
      <c r="PYT664" s="613"/>
      <c r="PYU664" s="613"/>
      <c r="PYV664" s="613"/>
      <c r="PYW664" s="613"/>
      <c r="PYX664" s="613"/>
      <c r="PYY664" s="613"/>
      <c r="PYZ664" s="613"/>
      <c r="PZA664" s="613"/>
      <c r="PZB664" s="613"/>
      <c r="PZC664" s="613"/>
      <c r="PZD664" s="613"/>
      <c r="PZE664" s="613"/>
      <c r="PZF664" s="613"/>
      <c r="PZG664" s="613"/>
      <c r="PZH664" s="613"/>
      <c r="PZI664" s="613"/>
      <c r="PZJ664" s="613"/>
      <c r="PZK664" s="613"/>
      <c r="PZL664" s="613"/>
      <c r="PZM664" s="613"/>
      <c r="PZN664" s="613"/>
      <c r="PZO664" s="613"/>
      <c r="PZP664" s="613"/>
      <c r="PZQ664" s="613"/>
      <c r="PZR664" s="613"/>
      <c r="PZS664" s="613"/>
      <c r="PZT664" s="613"/>
      <c r="PZU664" s="613"/>
      <c r="PZV664" s="613"/>
      <c r="PZW664" s="613"/>
      <c r="PZX664" s="613"/>
      <c r="PZY664" s="613"/>
      <c r="PZZ664" s="613"/>
      <c r="QAA664" s="613"/>
      <c r="QAB664" s="613"/>
      <c r="QAC664" s="613"/>
      <c r="QAD664" s="613"/>
      <c r="QAE664" s="613"/>
      <c r="QAF664" s="613"/>
      <c r="QAG664" s="613"/>
      <c r="QAH664" s="613"/>
      <c r="QAI664" s="613"/>
      <c r="QAJ664" s="613"/>
      <c r="QAK664" s="613"/>
      <c r="QAL664" s="613"/>
      <c r="QAM664" s="613"/>
      <c r="QAN664" s="613"/>
      <c r="QAO664" s="613"/>
      <c r="QAP664" s="613"/>
      <c r="QAQ664" s="613"/>
      <c r="QAR664" s="613"/>
      <c r="QAS664" s="613"/>
      <c r="QAT664" s="613"/>
      <c r="QAU664" s="613"/>
      <c r="QAV664" s="613"/>
      <c r="QAW664" s="613"/>
      <c r="QAX664" s="613"/>
      <c r="QAY664" s="613"/>
      <c r="QAZ664" s="613"/>
      <c r="QBA664" s="613"/>
      <c r="QBB664" s="613"/>
      <c r="QBC664" s="613"/>
      <c r="QBD664" s="613"/>
      <c r="QBE664" s="613"/>
      <c r="QBF664" s="613"/>
      <c r="QBG664" s="613"/>
      <c r="QBH664" s="613"/>
      <c r="QBI664" s="613"/>
      <c r="QBJ664" s="613"/>
      <c r="QBK664" s="613"/>
      <c r="QBL664" s="613"/>
      <c r="QBM664" s="613"/>
      <c r="QBN664" s="613"/>
      <c r="QBO664" s="613"/>
      <c r="QBP664" s="613"/>
      <c r="QBQ664" s="613"/>
      <c r="QBR664" s="613"/>
      <c r="QBS664" s="613"/>
      <c r="QBT664" s="613"/>
      <c r="QBU664" s="613"/>
      <c r="QBV664" s="613"/>
      <c r="QBW664" s="613"/>
      <c r="QBX664" s="613"/>
      <c r="QBY664" s="613"/>
      <c r="QBZ664" s="613"/>
      <c r="QCA664" s="613"/>
      <c r="QCB664" s="613"/>
      <c r="QCC664" s="613"/>
      <c r="QCD664" s="613"/>
      <c r="QCE664" s="613"/>
      <c r="QCF664" s="613"/>
      <c r="QCG664" s="613"/>
      <c r="QCH664" s="613"/>
      <c r="QCI664" s="613"/>
      <c r="QCJ664" s="613"/>
      <c r="QCK664" s="613"/>
      <c r="QCL664" s="613"/>
      <c r="QCM664" s="613"/>
      <c r="QCN664" s="613"/>
      <c r="QCO664" s="613"/>
      <c r="QCP664" s="613"/>
      <c r="QCQ664" s="613"/>
      <c r="QCR664" s="613"/>
      <c r="QCS664" s="613"/>
      <c r="QCT664" s="613"/>
      <c r="QCU664" s="613"/>
      <c r="QCV664" s="613"/>
      <c r="QCW664" s="613"/>
      <c r="QCX664" s="613"/>
      <c r="QCY664" s="613"/>
      <c r="QCZ664" s="613"/>
      <c r="QDA664" s="613"/>
      <c r="QDB664" s="613"/>
      <c r="QDC664" s="613"/>
      <c r="QDD664" s="613"/>
      <c r="QDE664" s="613"/>
      <c r="QDF664" s="613"/>
      <c r="QDG664" s="613"/>
      <c r="QDH664" s="613"/>
      <c r="QDI664" s="613"/>
      <c r="QDJ664" s="613"/>
      <c r="QDK664" s="613"/>
      <c r="QDL664" s="613"/>
      <c r="QDM664" s="613"/>
      <c r="QDN664" s="613"/>
      <c r="QDO664" s="613"/>
      <c r="QDP664" s="613"/>
      <c r="QDQ664" s="613"/>
      <c r="QDR664" s="613"/>
      <c r="QDS664" s="613"/>
      <c r="QDT664" s="613"/>
      <c r="QDU664" s="613"/>
      <c r="QDV664" s="613"/>
      <c r="QDW664" s="613"/>
      <c r="QDX664" s="613"/>
      <c r="QDY664" s="613"/>
      <c r="QDZ664" s="613"/>
      <c r="QEA664" s="613"/>
      <c r="QEB664" s="613"/>
      <c r="QEC664" s="613"/>
      <c r="QED664" s="613"/>
      <c r="QEE664" s="613"/>
      <c r="QEF664" s="613"/>
      <c r="QEG664" s="613"/>
      <c r="QEH664" s="613"/>
      <c r="QEI664" s="613"/>
      <c r="QEJ664" s="613"/>
      <c r="QEK664" s="613"/>
      <c r="QEL664" s="613"/>
      <c r="QEM664" s="613"/>
      <c r="QEN664" s="613"/>
      <c r="QEO664" s="613"/>
      <c r="QEP664" s="613"/>
      <c r="QEQ664" s="613"/>
      <c r="QER664" s="613"/>
      <c r="QES664" s="613"/>
      <c r="QET664" s="613"/>
      <c r="QEU664" s="613"/>
      <c r="QEV664" s="613"/>
      <c r="QEW664" s="613"/>
      <c r="QEX664" s="613"/>
      <c r="QEY664" s="613"/>
      <c r="QEZ664" s="613"/>
      <c r="QFA664" s="613"/>
      <c r="QFB664" s="613"/>
      <c r="QFC664" s="613"/>
      <c r="QFD664" s="613"/>
      <c r="QFE664" s="613"/>
      <c r="QFF664" s="613"/>
      <c r="QFG664" s="613"/>
      <c r="QFH664" s="613"/>
      <c r="QFI664" s="613"/>
      <c r="QFJ664" s="613"/>
      <c r="QFK664" s="613"/>
      <c r="QFL664" s="613"/>
      <c r="QFM664" s="613"/>
      <c r="QFN664" s="613"/>
      <c r="QFO664" s="613"/>
      <c r="QFP664" s="613"/>
      <c r="QFQ664" s="613"/>
      <c r="QFR664" s="613"/>
      <c r="QFS664" s="613"/>
      <c r="QFT664" s="613"/>
      <c r="QFU664" s="613"/>
      <c r="QFV664" s="613"/>
      <c r="QFW664" s="613"/>
      <c r="QFX664" s="613"/>
      <c r="QFY664" s="613"/>
      <c r="QFZ664" s="613"/>
      <c r="QGA664" s="613"/>
      <c r="QGB664" s="613"/>
      <c r="QGC664" s="613"/>
      <c r="QGD664" s="613"/>
      <c r="QGE664" s="613"/>
      <c r="QGF664" s="613"/>
      <c r="QGG664" s="613"/>
      <c r="QGH664" s="613"/>
      <c r="QGI664" s="613"/>
      <c r="QGJ664" s="613"/>
      <c r="QGK664" s="613"/>
      <c r="QGL664" s="613"/>
      <c r="QGM664" s="613"/>
      <c r="QGN664" s="613"/>
      <c r="QGO664" s="613"/>
      <c r="QGP664" s="613"/>
      <c r="QGQ664" s="613"/>
      <c r="QGR664" s="613"/>
      <c r="QGS664" s="613"/>
      <c r="QGT664" s="613"/>
      <c r="QGU664" s="613"/>
      <c r="QGV664" s="613"/>
      <c r="QGW664" s="613"/>
      <c r="QGX664" s="613"/>
      <c r="QGY664" s="613"/>
      <c r="QGZ664" s="613"/>
      <c r="QHA664" s="613"/>
      <c r="QHB664" s="613"/>
      <c r="QHC664" s="613"/>
      <c r="QHD664" s="613"/>
      <c r="QHE664" s="613"/>
      <c r="QHF664" s="613"/>
      <c r="QHG664" s="613"/>
      <c r="QHH664" s="613"/>
      <c r="QHI664" s="613"/>
      <c r="QHJ664" s="613"/>
      <c r="QHK664" s="613"/>
      <c r="QHL664" s="613"/>
      <c r="QHM664" s="613"/>
      <c r="QHN664" s="613"/>
      <c r="QHO664" s="613"/>
      <c r="QHP664" s="613"/>
      <c r="QHQ664" s="613"/>
      <c r="QHR664" s="613"/>
      <c r="QHS664" s="613"/>
      <c r="QHT664" s="613"/>
      <c r="QHU664" s="613"/>
      <c r="QHV664" s="613"/>
      <c r="QHW664" s="613"/>
      <c r="QHX664" s="613"/>
      <c r="QHY664" s="613"/>
      <c r="QHZ664" s="613"/>
      <c r="QIA664" s="613"/>
      <c r="QIB664" s="613"/>
      <c r="QIC664" s="613"/>
      <c r="QID664" s="613"/>
      <c r="QIE664" s="613"/>
      <c r="QIF664" s="613"/>
      <c r="QIG664" s="613"/>
      <c r="QIH664" s="613"/>
      <c r="QII664" s="613"/>
      <c r="QIJ664" s="613"/>
      <c r="QIK664" s="613"/>
      <c r="QIL664" s="613"/>
      <c r="QIM664" s="613"/>
      <c r="QIN664" s="613"/>
      <c r="QIO664" s="613"/>
      <c r="QIP664" s="613"/>
      <c r="QIQ664" s="613"/>
      <c r="QIR664" s="613"/>
      <c r="QIS664" s="613"/>
      <c r="QIT664" s="613"/>
      <c r="QIU664" s="613"/>
      <c r="QIV664" s="613"/>
      <c r="QIW664" s="613"/>
      <c r="QIX664" s="613"/>
      <c r="QIY664" s="613"/>
      <c r="QIZ664" s="613"/>
      <c r="QJA664" s="613"/>
      <c r="QJB664" s="613"/>
      <c r="QJC664" s="613"/>
      <c r="QJD664" s="613"/>
      <c r="QJE664" s="613"/>
      <c r="QJF664" s="613"/>
      <c r="QJG664" s="613"/>
      <c r="QJH664" s="613"/>
      <c r="QJI664" s="613"/>
      <c r="QJJ664" s="613"/>
      <c r="QJK664" s="613"/>
      <c r="QJL664" s="613"/>
      <c r="QJM664" s="613"/>
      <c r="QJN664" s="613"/>
      <c r="QJO664" s="613"/>
      <c r="QJP664" s="613"/>
      <c r="QJQ664" s="613"/>
      <c r="QJR664" s="613"/>
      <c r="QJS664" s="613"/>
      <c r="QJT664" s="613"/>
      <c r="QJU664" s="613"/>
      <c r="QJV664" s="613"/>
      <c r="QJW664" s="613"/>
      <c r="QJX664" s="613"/>
      <c r="QJY664" s="613"/>
      <c r="QJZ664" s="613"/>
      <c r="QKA664" s="613"/>
      <c r="QKB664" s="613"/>
      <c r="QKC664" s="613"/>
      <c r="QKD664" s="613"/>
      <c r="QKE664" s="613"/>
      <c r="QKF664" s="613"/>
      <c r="QKG664" s="613"/>
      <c r="QKH664" s="613"/>
      <c r="QKI664" s="613"/>
      <c r="QKJ664" s="613"/>
      <c r="QKK664" s="613"/>
      <c r="QKL664" s="613"/>
      <c r="QKM664" s="613"/>
      <c r="QKN664" s="613"/>
      <c r="QKO664" s="613"/>
      <c r="QKP664" s="613"/>
      <c r="QKQ664" s="613"/>
      <c r="QKR664" s="613"/>
      <c r="QKS664" s="613"/>
      <c r="QKT664" s="613"/>
      <c r="QKU664" s="613"/>
      <c r="QKV664" s="613"/>
      <c r="QKW664" s="613"/>
      <c r="QKX664" s="613"/>
      <c r="QKY664" s="613"/>
      <c r="QKZ664" s="613"/>
      <c r="QLA664" s="613"/>
      <c r="QLB664" s="613"/>
      <c r="QLC664" s="613"/>
      <c r="QLD664" s="613"/>
      <c r="QLE664" s="613"/>
      <c r="QLF664" s="613"/>
      <c r="QLG664" s="613"/>
      <c r="QLH664" s="613"/>
      <c r="QLI664" s="613"/>
      <c r="QLJ664" s="613"/>
      <c r="QLK664" s="613"/>
      <c r="QLL664" s="613"/>
      <c r="QLM664" s="613"/>
      <c r="QLN664" s="613"/>
      <c r="QLO664" s="613"/>
      <c r="QLP664" s="613"/>
      <c r="QLQ664" s="613"/>
      <c r="QLR664" s="613"/>
      <c r="QLS664" s="613"/>
      <c r="QLT664" s="613"/>
      <c r="QLU664" s="613"/>
      <c r="QLV664" s="613"/>
      <c r="QLW664" s="613"/>
      <c r="QLX664" s="613"/>
      <c r="QLY664" s="613"/>
      <c r="QLZ664" s="613"/>
      <c r="QMA664" s="613"/>
      <c r="QMB664" s="613"/>
      <c r="QMC664" s="613"/>
      <c r="QMD664" s="613"/>
      <c r="QME664" s="613"/>
      <c r="QMF664" s="613"/>
      <c r="QMG664" s="613"/>
      <c r="QMH664" s="613"/>
      <c r="QMI664" s="613"/>
      <c r="QMJ664" s="613"/>
      <c r="QMK664" s="613"/>
      <c r="QML664" s="613"/>
      <c r="QMM664" s="613"/>
      <c r="QMN664" s="613"/>
      <c r="QMO664" s="613"/>
      <c r="QMP664" s="613"/>
      <c r="QMQ664" s="613"/>
      <c r="QMR664" s="613"/>
      <c r="QMS664" s="613"/>
      <c r="QMT664" s="613"/>
      <c r="QMU664" s="613"/>
      <c r="QMV664" s="613"/>
      <c r="QMW664" s="613"/>
      <c r="QMX664" s="613"/>
      <c r="QMY664" s="613"/>
      <c r="QMZ664" s="613"/>
      <c r="QNA664" s="613"/>
      <c r="QNB664" s="613"/>
      <c r="QNC664" s="613"/>
      <c r="QND664" s="613"/>
      <c r="QNE664" s="613"/>
      <c r="QNF664" s="613"/>
      <c r="QNG664" s="613"/>
      <c r="QNH664" s="613"/>
      <c r="QNI664" s="613"/>
      <c r="QNJ664" s="613"/>
      <c r="QNK664" s="613"/>
      <c r="QNL664" s="613"/>
      <c r="QNM664" s="613"/>
      <c r="QNN664" s="613"/>
      <c r="QNO664" s="613"/>
      <c r="QNP664" s="613"/>
      <c r="QNQ664" s="613"/>
      <c r="QNR664" s="613"/>
      <c r="QNS664" s="613"/>
      <c r="QNT664" s="613"/>
      <c r="QNU664" s="613"/>
      <c r="QNV664" s="613"/>
      <c r="QNW664" s="613"/>
      <c r="QNX664" s="613"/>
      <c r="QNY664" s="613"/>
      <c r="QNZ664" s="613"/>
      <c r="QOA664" s="613"/>
      <c r="QOB664" s="613"/>
      <c r="QOC664" s="613"/>
      <c r="QOD664" s="613"/>
      <c r="QOE664" s="613"/>
      <c r="QOF664" s="613"/>
      <c r="QOG664" s="613"/>
      <c r="QOH664" s="613"/>
      <c r="QOI664" s="613"/>
      <c r="QOJ664" s="613"/>
      <c r="QOK664" s="613"/>
      <c r="QOL664" s="613"/>
      <c r="QOM664" s="613"/>
      <c r="QON664" s="613"/>
      <c r="QOO664" s="613"/>
      <c r="QOP664" s="613"/>
      <c r="QOQ664" s="613"/>
      <c r="QOR664" s="613"/>
      <c r="QOS664" s="613"/>
      <c r="QOT664" s="613"/>
      <c r="QOU664" s="613"/>
      <c r="QOV664" s="613"/>
      <c r="QOW664" s="613"/>
      <c r="QOX664" s="613"/>
      <c r="QOY664" s="613"/>
      <c r="QOZ664" s="613"/>
      <c r="QPA664" s="613"/>
      <c r="QPB664" s="613"/>
      <c r="QPC664" s="613"/>
      <c r="QPD664" s="613"/>
      <c r="QPE664" s="613"/>
      <c r="QPF664" s="613"/>
      <c r="QPG664" s="613"/>
      <c r="QPH664" s="613"/>
      <c r="QPI664" s="613"/>
      <c r="QPJ664" s="613"/>
      <c r="QPK664" s="613"/>
      <c r="QPL664" s="613"/>
      <c r="QPM664" s="613"/>
      <c r="QPN664" s="613"/>
      <c r="QPO664" s="613"/>
      <c r="QPP664" s="613"/>
      <c r="QPQ664" s="613"/>
      <c r="QPR664" s="613"/>
      <c r="QPS664" s="613"/>
      <c r="QPT664" s="613"/>
      <c r="QPU664" s="613"/>
      <c r="QPV664" s="613"/>
      <c r="QPW664" s="613"/>
      <c r="QPX664" s="613"/>
      <c r="QPY664" s="613"/>
      <c r="QPZ664" s="613"/>
      <c r="QQA664" s="613"/>
      <c r="QQB664" s="613"/>
      <c r="QQC664" s="613"/>
      <c r="QQD664" s="613"/>
      <c r="QQE664" s="613"/>
      <c r="QQF664" s="613"/>
      <c r="QQG664" s="613"/>
      <c r="QQH664" s="613"/>
      <c r="QQI664" s="613"/>
      <c r="QQJ664" s="613"/>
      <c r="QQK664" s="613"/>
      <c r="QQL664" s="613"/>
      <c r="QQM664" s="613"/>
      <c r="QQN664" s="613"/>
      <c r="QQO664" s="613"/>
      <c r="QQP664" s="613"/>
      <c r="QQQ664" s="613"/>
      <c r="QQR664" s="613"/>
      <c r="QQS664" s="613"/>
      <c r="QQT664" s="613"/>
      <c r="QQU664" s="613"/>
      <c r="QQV664" s="613"/>
      <c r="QQW664" s="613"/>
      <c r="QQX664" s="613"/>
      <c r="QQY664" s="613"/>
      <c r="QQZ664" s="613"/>
      <c r="QRA664" s="613"/>
      <c r="QRB664" s="613"/>
      <c r="QRC664" s="613"/>
      <c r="QRD664" s="613"/>
      <c r="QRE664" s="613"/>
      <c r="QRF664" s="613"/>
      <c r="QRG664" s="613"/>
      <c r="QRH664" s="613"/>
      <c r="QRI664" s="613"/>
      <c r="QRJ664" s="613"/>
      <c r="QRK664" s="613"/>
      <c r="QRL664" s="613"/>
      <c r="QRM664" s="613"/>
      <c r="QRN664" s="613"/>
      <c r="QRO664" s="613"/>
      <c r="QRP664" s="613"/>
      <c r="QRQ664" s="613"/>
      <c r="QRR664" s="613"/>
      <c r="QRS664" s="613"/>
      <c r="QRT664" s="613"/>
      <c r="QRU664" s="613"/>
      <c r="QRV664" s="613"/>
      <c r="QRW664" s="613"/>
      <c r="QRX664" s="613"/>
      <c r="QRY664" s="613"/>
      <c r="QRZ664" s="613"/>
      <c r="QSA664" s="613"/>
      <c r="QSB664" s="613"/>
      <c r="QSC664" s="613"/>
      <c r="QSD664" s="613"/>
      <c r="QSE664" s="613"/>
      <c r="QSF664" s="613"/>
      <c r="QSG664" s="613"/>
      <c r="QSH664" s="613"/>
      <c r="QSI664" s="613"/>
      <c r="QSJ664" s="613"/>
      <c r="QSK664" s="613"/>
      <c r="QSL664" s="613"/>
      <c r="QSM664" s="613"/>
      <c r="QSN664" s="613"/>
      <c r="QSO664" s="613"/>
      <c r="QSP664" s="613"/>
      <c r="QSQ664" s="613"/>
      <c r="QSR664" s="613"/>
      <c r="QSS664" s="613"/>
      <c r="QST664" s="613"/>
      <c r="QSU664" s="613"/>
      <c r="QSV664" s="613"/>
      <c r="QSW664" s="613"/>
      <c r="QSX664" s="613"/>
      <c r="QSY664" s="613"/>
      <c r="QSZ664" s="613"/>
      <c r="QTA664" s="613"/>
      <c r="QTB664" s="613"/>
      <c r="QTC664" s="613"/>
      <c r="QTD664" s="613"/>
      <c r="QTE664" s="613"/>
      <c r="QTF664" s="613"/>
      <c r="QTG664" s="613"/>
      <c r="QTH664" s="613"/>
      <c r="QTI664" s="613"/>
      <c r="QTJ664" s="613"/>
      <c r="QTK664" s="613"/>
      <c r="QTL664" s="613"/>
      <c r="QTM664" s="613"/>
      <c r="QTN664" s="613"/>
      <c r="QTO664" s="613"/>
      <c r="QTP664" s="613"/>
      <c r="QTQ664" s="613"/>
      <c r="QTR664" s="613"/>
      <c r="QTS664" s="613"/>
      <c r="QTT664" s="613"/>
      <c r="QTU664" s="613"/>
      <c r="QTV664" s="613"/>
      <c r="QTW664" s="613"/>
      <c r="QTX664" s="613"/>
      <c r="QTY664" s="613"/>
      <c r="QTZ664" s="613"/>
      <c r="QUA664" s="613"/>
      <c r="QUB664" s="613"/>
      <c r="QUC664" s="613"/>
      <c r="QUD664" s="613"/>
      <c r="QUE664" s="613"/>
      <c r="QUF664" s="613"/>
      <c r="QUG664" s="613"/>
      <c r="QUH664" s="613"/>
      <c r="QUI664" s="613"/>
      <c r="QUJ664" s="613"/>
      <c r="QUK664" s="613"/>
      <c r="QUL664" s="613"/>
      <c r="QUM664" s="613"/>
      <c r="QUN664" s="613"/>
      <c r="QUO664" s="613"/>
      <c r="QUP664" s="613"/>
      <c r="QUQ664" s="613"/>
      <c r="QUR664" s="613"/>
      <c r="QUS664" s="613"/>
      <c r="QUT664" s="613"/>
      <c r="QUU664" s="613"/>
      <c r="QUV664" s="613"/>
      <c r="QUW664" s="613"/>
      <c r="QUX664" s="613"/>
      <c r="QUY664" s="613"/>
      <c r="QUZ664" s="613"/>
      <c r="QVA664" s="613"/>
      <c r="QVB664" s="613"/>
      <c r="QVC664" s="613"/>
      <c r="QVD664" s="613"/>
      <c r="QVE664" s="613"/>
      <c r="QVF664" s="613"/>
      <c r="QVG664" s="613"/>
      <c r="QVH664" s="613"/>
      <c r="QVI664" s="613"/>
      <c r="QVJ664" s="613"/>
      <c r="QVK664" s="613"/>
      <c r="QVL664" s="613"/>
      <c r="QVM664" s="613"/>
      <c r="QVN664" s="613"/>
      <c r="QVO664" s="613"/>
      <c r="QVP664" s="613"/>
      <c r="QVQ664" s="613"/>
      <c r="QVR664" s="613"/>
      <c r="QVS664" s="613"/>
      <c r="QVT664" s="613"/>
      <c r="QVU664" s="613"/>
      <c r="QVV664" s="613"/>
      <c r="QVW664" s="613"/>
      <c r="QVX664" s="613"/>
      <c r="QVY664" s="613"/>
      <c r="QVZ664" s="613"/>
      <c r="QWA664" s="613"/>
      <c r="QWB664" s="613"/>
      <c r="QWC664" s="613"/>
      <c r="QWD664" s="613"/>
      <c r="QWE664" s="613"/>
      <c r="QWF664" s="613"/>
      <c r="QWG664" s="613"/>
      <c r="QWH664" s="613"/>
      <c r="QWI664" s="613"/>
      <c r="QWJ664" s="613"/>
      <c r="QWK664" s="613"/>
      <c r="QWL664" s="613"/>
      <c r="QWM664" s="613"/>
      <c r="QWN664" s="613"/>
      <c r="QWO664" s="613"/>
      <c r="QWP664" s="613"/>
      <c r="QWQ664" s="613"/>
      <c r="QWR664" s="613"/>
      <c r="QWS664" s="613"/>
      <c r="QWT664" s="613"/>
      <c r="QWU664" s="613"/>
      <c r="QWV664" s="613"/>
      <c r="QWW664" s="613"/>
      <c r="QWX664" s="613"/>
      <c r="QWY664" s="613"/>
      <c r="QWZ664" s="613"/>
      <c r="QXA664" s="613"/>
      <c r="QXB664" s="613"/>
      <c r="QXC664" s="613"/>
      <c r="QXD664" s="613"/>
      <c r="QXE664" s="613"/>
      <c r="QXF664" s="613"/>
      <c r="QXG664" s="613"/>
      <c r="QXH664" s="613"/>
      <c r="QXI664" s="613"/>
      <c r="QXJ664" s="613"/>
      <c r="QXK664" s="613"/>
      <c r="QXL664" s="613"/>
      <c r="QXM664" s="613"/>
      <c r="QXN664" s="613"/>
      <c r="QXO664" s="613"/>
      <c r="QXP664" s="613"/>
      <c r="QXQ664" s="613"/>
      <c r="QXR664" s="613"/>
      <c r="QXS664" s="613"/>
      <c r="QXT664" s="613"/>
      <c r="QXU664" s="613"/>
      <c r="QXV664" s="613"/>
      <c r="QXW664" s="613"/>
      <c r="QXX664" s="613"/>
      <c r="QXY664" s="613"/>
      <c r="QXZ664" s="613"/>
      <c r="QYA664" s="613"/>
      <c r="QYB664" s="613"/>
      <c r="QYC664" s="613"/>
      <c r="QYD664" s="613"/>
      <c r="QYE664" s="613"/>
      <c r="QYF664" s="613"/>
      <c r="QYG664" s="613"/>
      <c r="QYH664" s="613"/>
      <c r="QYI664" s="613"/>
      <c r="QYJ664" s="613"/>
      <c r="QYK664" s="613"/>
      <c r="QYL664" s="613"/>
      <c r="QYM664" s="613"/>
      <c r="QYN664" s="613"/>
      <c r="QYO664" s="613"/>
      <c r="QYP664" s="613"/>
      <c r="QYQ664" s="613"/>
      <c r="QYR664" s="613"/>
      <c r="QYS664" s="613"/>
      <c r="QYT664" s="613"/>
      <c r="QYU664" s="613"/>
      <c r="QYV664" s="613"/>
      <c r="QYW664" s="613"/>
      <c r="QYX664" s="613"/>
      <c r="QYY664" s="613"/>
      <c r="QYZ664" s="613"/>
      <c r="QZA664" s="613"/>
      <c r="QZB664" s="613"/>
      <c r="QZC664" s="613"/>
      <c r="QZD664" s="613"/>
      <c r="QZE664" s="613"/>
      <c r="QZF664" s="613"/>
      <c r="QZG664" s="613"/>
      <c r="QZH664" s="613"/>
      <c r="QZI664" s="613"/>
      <c r="QZJ664" s="613"/>
      <c r="QZK664" s="613"/>
      <c r="QZL664" s="613"/>
      <c r="QZM664" s="613"/>
      <c r="QZN664" s="613"/>
      <c r="QZO664" s="613"/>
      <c r="QZP664" s="613"/>
      <c r="QZQ664" s="613"/>
      <c r="QZR664" s="613"/>
      <c r="QZS664" s="613"/>
      <c r="QZT664" s="613"/>
      <c r="QZU664" s="613"/>
      <c r="QZV664" s="613"/>
      <c r="QZW664" s="613"/>
      <c r="QZX664" s="613"/>
      <c r="QZY664" s="613"/>
      <c r="QZZ664" s="613"/>
      <c r="RAA664" s="613"/>
      <c r="RAB664" s="613"/>
      <c r="RAC664" s="613"/>
      <c r="RAD664" s="613"/>
      <c r="RAE664" s="613"/>
      <c r="RAF664" s="613"/>
      <c r="RAG664" s="613"/>
      <c r="RAH664" s="613"/>
      <c r="RAI664" s="613"/>
      <c r="RAJ664" s="613"/>
      <c r="RAK664" s="613"/>
      <c r="RAL664" s="613"/>
      <c r="RAM664" s="613"/>
      <c r="RAN664" s="613"/>
      <c r="RAO664" s="613"/>
      <c r="RAP664" s="613"/>
      <c r="RAQ664" s="613"/>
      <c r="RAR664" s="613"/>
      <c r="RAS664" s="613"/>
      <c r="RAT664" s="613"/>
      <c r="RAU664" s="613"/>
      <c r="RAV664" s="613"/>
      <c r="RAW664" s="613"/>
      <c r="RAX664" s="613"/>
      <c r="RAY664" s="613"/>
      <c r="RAZ664" s="613"/>
      <c r="RBA664" s="613"/>
      <c r="RBB664" s="613"/>
      <c r="RBC664" s="613"/>
      <c r="RBD664" s="613"/>
      <c r="RBE664" s="613"/>
      <c r="RBF664" s="613"/>
      <c r="RBG664" s="613"/>
      <c r="RBH664" s="613"/>
      <c r="RBI664" s="613"/>
      <c r="RBJ664" s="613"/>
      <c r="RBK664" s="613"/>
      <c r="RBL664" s="613"/>
      <c r="RBM664" s="613"/>
      <c r="RBN664" s="613"/>
      <c r="RBO664" s="613"/>
      <c r="RBP664" s="613"/>
      <c r="RBQ664" s="613"/>
      <c r="RBR664" s="613"/>
      <c r="RBS664" s="613"/>
      <c r="RBT664" s="613"/>
      <c r="RBU664" s="613"/>
      <c r="RBV664" s="613"/>
      <c r="RBW664" s="613"/>
      <c r="RBX664" s="613"/>
      <c r="RBY664" s="613"/>
      <c r="RBZ664" s="613"/>
      <c r="RCA664" s="613"/>
      <c r="RCB664" s="613"/>
      <c r="RCC664" s="613"/>
      <c r="RCD664" s="613"/>
      <c r="RCE664" s="613"/>
      <c r="RCF664" s="613"/>
      <c r="RCG664" s="613"/>
      <c r="RCH664" s="613"/>
      <c r="RCI664" s="613"/>
      <c r="RCJ664" s="613"/>
      <c r="RCK664" s="613"/>
      <c r="RCL664" s="613"/>
      <c r="RCM664" s="613"/>
      <c r="RCN664" s="613"/>
      <c r="RCO664" s="613"/>
      <c r="RCP664" s="613"/>
      <c r="RCQ664" s="613"/>
      <c r="RCR664" s="613"/>
      <c r="RCS664" s="613"/>
      <c r="RCT664" s="613"/>
      <c r="RCU664" s="613"/>
      <c r="RCV664" s="613"/>
      <c r="RCW664" s="613"/>
      <c r="RCX664" s="613"/>
      <c r="RCY664" s="613"/>
      <c r="RCZ664" s="613"/>
      <c r="RDA664" s="613"/>
      <c r="RDB664" s="613"/>
      <c r="RDC664" s="613"/>
      <c r="RDD664" s="613"/>
      <c r="RDE664" s="613"/>
      <c r="RDF664" s="613"/>
      <c r="RDG664" s="613"/>
      <c r="RDH664" s="613"/>
      <c r="RDI664" s="613"/>
      <c r="RDJ664" s="613"/>
      <c r="RDK664" s="613"/>
      <c r="RDL664" s="613"/>
      <c r="RDM664" s="613"/>
      <c r="RDN664" s="613"/>
      <c r="RDO664" s="613"/>
      <c r="RDP664" s="613"/>
      <c r="RDQ664" s="613"/>
      <c r="RDR664" s="613"/>
      <c r="RDS664" s="613"/>
      <c r="RDT664" s="613"/>
      <c r="RDU664" s="613"/>
      <c r="RDV664" s="613"/>
      <c r="RDW664" s="613"/>
      <c r="RDX664" s="613"/>
      <c r="RDY664" s="613"/>
      <c r="RDZ664" s="613"/>
      <c r="REA664" s="613"/>
      <c r="REB664" s="613"/>
      <c r="REC664" s="613"/>
      <c r="RED664" s="613"/>
      <c r="REE664" s="613"/>
      <c r="REF664" s="613"/>
      <c r="REG664" s="613"/>
      <c r="REH664" s="613"/>
      <c r="REI664" s="613"/>
      <c r="REJ664" s="613"/>
      <c r="REK664" s="613"/>
      <c r="REL664" s="613"/>
      <c r="REM664" s="613"/>
      <c r="REN664" s="613"/>
      <c r="REO664" s="613"/>
      <c r="REP664" s="613"/>
      <c r="REQ664" s="613"/>
      <c r="RER664" s="613"/>
      <c r="RES664" s="613"/>
      <c r="RET664" s="613"/>
      <c r="REU664" s="613"/>
      <c r="REV664" s="613"/>
      <c r="REW664" s="613"/>
      <c r="REX664" s="613"/>
      <c r="REY664" s="613"/>
      <c r="REZ664" s="613"/>
      <c r="RFA664" s="613"/>
      <c r="RFB664" s="613"/>
      <c r="RFC664" s="613"/>
      <c r="RFD664" s="613"/>
      <c r="RFE664" s="613"/>
      <c r="RFF664" s="613"/>
      <c r="RFG664" s="613"/>
      <c r="RFH664" s="613"/>
      <c r="RFI664" s="613"/>
      <c r="RFJ664" s="613"/>
      <c r="RFK664" s="613"/>
      <c r="RFL664" s="613"/>
      <c r="RFM664" s="613"/>
      <c r="RFN664" s="613"/>
      <c r="RFO664" s="613"/>
      <c r="RFP664" s="613"/>
      <c r="RFQ664" s="613"/>
      <c r="RFR664" s="613"/>
      <c r="RFS664" s="613"/>
      <c r="RFT664" s="613"/>
      <c r="RFU664" s="613"/>
      <c r="RFV664" s="613"/>
      <c r="RFW664" s="613"/>
      <c r="RFX664" s="613"/>
      <c r="RFY664" s="613"/>
      <c r="RFZ664" s="613"/>
      <c r="RGA664" s="613"/>
      <c r="RGB664" s="613"/>
      <c r="RGC664" s="613"/>
      <c r="RGD664" s="613"/>
      <c r="RGE664" s="613"/>
      <c r="RGF664" s="613"/>
      <c r="RGG664" s="613"/>
      <c r="RGH664" s="613"/>
      <c r="RGI664" s="613"/>
      <c r="RGJ664" s="613"/>
      <c r="RGK664" s="613"/>
      <c r="RGL664" s="613"/>
      <c r="RGM664" s="613"/>
      <c r="RGN664" s="613"/>
      <c r="RGO664" s="613"/>
      <c r="RGP664" s="613"/>
      <c r="RGQ664" s="613"/>
      <c r="RGR664" s="613"/>
      <c r="RGS664" s="613"/>
      <c r="RGT664" s="613"/>
      <c r="RGU664" s="613"/>
      <c r="RGV664" s="613"/>
      <c r="RGW664" s="613"/>
      <c r="RGX664" s="613"/>
      <c r="RGY664" s="613"/>
      <c r="RGZ664" s="613"/>
      <c r="RHA664" s="613"/>
      <c r="RHB664" s="613"/>
      <c r="RHC664" s="613"/>
      <c r="RHD664" s="613"/>
      <c r="RHE664" s="613"/>
      <c r="RHF664" s="613"/>
      <c r="RHG664" s="613"/>
      <c r="RHH664" s="613"/>
      <c r="RHI664" s="613"/>
      <c r="RHJ664" s="613"/>
      <c r="RHK664" s="613"/>
      <c r="RHL664" s="613"/>
      <c r="RHM664" s="613"/>
      <c r="RHN664" s="613"/>
      <c r="RHO664" s="613"/>
      <c r="RHP664" s="613"/>
      <c r="RHQ664" s="613"/>
      <c r="RHR664" s="613"/>
      <c r="RHS664" s="613"/>
      <c r="RHT664" s="613"/>
      <c r="RHU664" s="613"/>
      <c r="RHV664" s="613"/>
      <c r="RHW664" s="613"/>
      <c r="RHX664" s="613"/>
      <c r="RHY664" s="613"/>
      <c r="RHZ664" s="613"/>
      <c r="RIA664" s="613"/>
      <c r="RIB664" s="613"/>
      <c r="RIC664" s="613"/>
      <c r="RID664" s="613"/>
      <c r="RIE664" s="613"/>
      <c r="RIF664" s="613"/>
      <c r="RIG664" s="613"/>
      <c r="RIH664" s="613"/>
      <c r="RII664" s="613"/>
      <c r="RIJ664" s="613"/>
      <c r="RIK664" s="613"/>
      <c r="RIL664" s="613"/>
      <c r="RIM664" s="613"/>
      <c r="RIN664" s="613"/>
      <c r="RIO664" s="613"/>
      <c r="RIP664" s="613"/>
      <c r="RIQ664" s="613"/>
      <c r="RIR664" s="613"/>
      <c r="RIS664" s="613"/>
      <c r="RIT664" s="613"/>
      <c r="RIU664" s="613"/>
      <c r="RIV664" s="613"/>
      <c r="RIW664" s="613"/>
      <c r="RIX664" s="613"/>
      <c r="RIY664" s="613"/>
      <c r="RIZ664" s="613"/>
      <c r="RJA664" s="613"/>
      <c r="RJB664" s="613"/>
      <c r="RJC664" s="613"/>
      <c r="RJD664" s="613"/>
      <c r="RJE664" s="613"/>
      <c r="RJF664" s="613"/>
      <c r="RJG664" s="613"/>
      <c r="RJH664" s="613"/>
      <c r="RJI664" s="613"/>
      <c r="RJJ664" s="613"/>
      <c r="RJK664" s="613"/>
      <c r="RJL664" s="613"/>
      <c r="RJM664" s="613"/>
      <c r="RJN664" s="613"/>
      <c r="RJO664" s="613"/>
      <c r="RJP664" s="613"/>
      <c r="RJQ664" s="613"/>
      <c r="RJR664" s="613"/>
      <c r="RJS664" s="613"/>
      <c r="RJT664" s="613"/>
      <c r="RJU664" s="613"/>
      <c r="RJV664" s="613"/>
      <c r="RJW664" s="613"/>
      <c r="RJX664" s="613"/>
      <c r="RJY664" s="613"/>
      <c r="RJZ664" s="613"/>
      <c r="RKA664" s="613"/>
      <c r="RKB664" s="613"/>
      <c r="RKC664" s="613"/>
      <c r="RKD664" s="613"/>
      <c r="RKE664" s="613"/>
      <c r="RKF664" s="613"/>
      <c r="RKG664" s="613"/>
      <c r="RKH664" s="613"/>
      <c r="RKI664" s="613"/>
      <c r="RKJ664" s="613"/>
      <c r="RKK664" s="613"/>
      <c r="RKL664" s="613"/>
      <c r="RKM664" s="613"/>
      <c r="RKN664" s="613"/>
      <c r="RKO664" s="613"/>
      <c r="RKP664" s="613"/>
      <c r="RKQ664" s="613"/>
      <c r="RKR664" s="613"/>
      <c r="RKS664" s="613"/>
      <c r="RKT664" s="613"/>
      <c r="RKU664" s="613"/>
      <c r="RKV664" s="613"/>
      <c r="RKW664" s="613"/>
      <c r="RKX664" s="613"/>
      <c r="RKY664" s="613"/>
      <c r="RKZ664" s="613"/>
      <c r="RLA664" s="613"/>
      <c r="RLB664" s="613"/>
      <c r="RLC664" s="613"/>
      <c r="RLD664" s="613"/>
      <c r="RLE664" s="613"/>
      <c r="RLF664" s="613"/>
      <c r="RLG664" s="613"/>
      <c r="RLH664" s="613"/>
      <c r="RLI664" s="613"/>
      <c r="RLJ664" s="613"/>
      <c r="RLK664" s="613"/>
      <c r="RLL664" s="613"/>
      <c r="RLM664" s="613"/>
      <c r="RLN664" s="613"/>
      <c r="RLO664" s="613"/>
      <c r="RLP664" s="613"/>
      <c r="RLQ664" s="613"/>
      <c r="RLR664" s="613"/>
      <c r="RLS664" s="613"/>
      <c r="RLT664" s="613"/>
      <c r="RLU664" s="613"/>
      <c r="RLV664" s="613"/>
      <c r="RLW664" s="613"/>
      <c r="RLX664" s="613"/>
      <c r="RLY664" s="613"/>
      <c r="RLZ664" s="613"/>
      <c r="RMA664" s="613"/>
      <c r="RMB664" s="613"/>
      <c r="RMC664" s="613"/>
      <c r="RMD664" s="613"/>
      <c r="RME664" s="613"/>
      <c r="RMF664" s="613"/>
      <c r="RMG664" s="613"/>
      <c r="RMH664" s="613"/>
      <c r="RMI664" s="613"/>
      <c r="RMJ664" s="613"/>
      <c r="RMK664" s="613"/>
      <c r="RML664" s="613"/>
      <c r="RMM664" s="613"/>
      <c r="RMN664" s="613"/>
      <c r="RMO664" s="613"/>
      <c r="RMP664" s="613"/>
      <c r="RMQ664" s="613"/>
      <c r="RMR664" s="613"/>
      <c r="RMS664" s="613"/>
      <c r="RMT664" s="613"/>
      <c r="RMU664" s="613"/>
      <c r="RMV664" s="613"/>
      <c r="RMW664" s="613"/>
      <c r="RMX664" s="613"/>
      <c r="RMY664" s="613"/>
      <c r="RMZ664" s="613"/>
      <c r="RNA664" s="613"/>
      <c r="RNB664" s="613"/>
      <c r="RNC664" s="613"/>
      <c r="RND664" s="613"/>
      <c r="RNE664" s="613"/>
      <c r="RNF664" s="613"/>
      <c r="RNG664" s="613"/>
      <c r="RNH664" s="613"/>
      <c r="RNI664" s="613"/>
      <c r="RNJ664" s="613"/>
      <c r="RNK664" s="613"/>
      <c r="RNL664" s="613"/>
      <c r="RNM664" s="613"/>
      <c r="RNN664" s="613"/>
      <c r="RNO664" s="613"/>
      <c r="RNP664" s="613"/>
      <c r="RNQ664" s="613"/>
      <c r="RNR664" s="613"/>
      <c r="RNS664" s="613"/>
      <c r="RNT664" s="613"/>
      <c r="RNU664" s="613"/>
      <c r="RNV664" s="613"/>
      <c r="RNW664" s="613"/>
      <c r="RNX664" s="613"/>
      <c r="RNY664" s="613"/>
      <c r="RNZ664" s="613"/>
      <c r="ROA664" s="613"/>
      <c r="ROB664" s="613"/>
      <c r="ROC664" s="613"/>
      <c r="ROD664" s="613"/>
      <c r="ROE664" s="613"/>
      <c r="ROF664" s="613"/>
      <c r="ROG664" s="613"/>
      <c r="ROH664" s="613"/>
      <c r="ROI664" s="613"/>
      <c r="ROJ664" s="613"/>
      <c r="ROK664" s="613"/>
      <c r="ROL664" s="613"/>
      <c r="ROM664" s="613"/>
      <c r="RON664" s="613"/>
      <c r="ROO664" s="613"/>
      <c r="ROP664" s="613"/>
      <c r="ROQ664" s="613"/>
      <c r="ROR664" s="613"/>
      <c r="ROS664" s="613"/>
      <c r="ROT664" s="613"/>
      <c r="ROU664" s="613"/>
      <c r="ROV664" s="613"/>
      <c r="ROW664" s="613"/>
      <c r="ROX664" s="613"/>
      <c r="ROY664" s="613"/>
      <c r="ROZ664" s="613"/>
      <c r="RPA664" s="613"/>
      <c r="RPB664" s="613"/>
      <c r="RPC664" s="613"/>
      <c r="RPD664" s="613"/>
      <c r="RPE664" s="613"/>
      <c r="RPF664" s="613"/>
      <c r="RPG664" s="613"/>
      <c r="RPH664" s="613"/>
      <c r="RPI664" s="613"/>
      <c r="RPJ664" s="613"/>
      <c r="RPK664" s="613"/>
      <c r="RPL664" s="613"/>
      <c r="RPM664" s="613"/>
      <c r="RPN664" s="613"/>
      <c r="RPO664" s="613"/>
      <c r="RPP664" s="613"/>
      <c r="RPQ664" s="613"/>
      <c r="RPR664" s="613"/>
      <c r="RPS664" s="613"/>
      <c r="RPT664" s="613"/>
      <c r="RPU664" s="613"/>
      <c r="RPV664" s="613"/>
      <c r="RPW664" s="613"/>
      <c r="RPX664" s="613"/>
      <c r="RPY664" s="613"/>
      <c r="RPZ664" s="613"/>
      <c r="RQA664" s="613"/>
      <c r="RQB664" s="613"/>
      <c r="RQC664" s="613"/>
      <c r="RQD664" s="613"/>
      <c r="RQE664" s="613"/>
      <c r="RQF664" s="613"/>
      <c r="RQG664" s="613"/>
      <c r="RQH664" s="613"/>
      <c r="RQI664" s="613"/>
      <c r="RQJ664" s="613"/>
      <c r="RQK664" s="613"/>
      <c r="RQL664" s="613"/>
      <c r="RQM664" s="613"/>
      <c r="RQN664" s="613"/>
      <c r="RQO664" s="613"/>
      <c r="RQP664" s="613"/>
      <c r="RQQ664" s="613"/>
      <c r="RQR664" s="613"/>
      <c r="RQS664" s="613"/>
      <c r="RQT664" s="613"/>
      <c r="RQU664" s="613"/>
      <c r="RQV664" s="613"/>
      <c r="RQW664" s="613"/>
      <c r="RQX664" s="613"/>
      <c r="RQY664" s="613"/>
      <c r="RQZ664" s="613"/>
      <c r="RRA664" s="613"/>
      <c r="RRB664" s="613"/>
      <c r="RRC664" s="613"/>
      <c r="RRD664" s="613"/>
      <c r="RRE664" s="613"/>
      <c r="RRF664" s="613"/>
      <c r="RRG664" s="613"/>
      <c r="RRH664" s="613"/>
      <c r="RRI664" s="613"/>
      <c r="RRJ664" s="613"/>
      <c r="RRK664" s="613"/>
      <c r="RRL664" s="613"/>
      <c r="RRM664" s="613"/>
      <c r="RRN664" s="613"/>
      <c r="RRO664" s="613"/>
      <c r="RRP664" s="613"/>
      <c r="RRQ664" s="613"/>
      <c r="RRR664" s="613"/>
      <c r="RRS664" s="613"/>
      <c r="RRT664" s="613"/>
      <c r="RRU664" s="613"/>
      <c r="RRV664" s="613"/>
      <c r="RRW664" s="613"/>
      <c r="RRX664" s="613"/>
      <c r="RRY664" s="613"/>
      <c r="RRZ664" s="613"/>
      <c r="RSA664" s="613"/>
      <c r="RSB664" s="613"/>
      <c r="RSC664" s="613"/>
      <c r="RSD664" s="613"/>
      <c r="RSE664" s="613"/>
      <c r="RSF664" s="613"/>
      <c r="RSG664" s="613"/>
      <c r="RSH664" s="613"/>
      <c r="RSI664" s="613"/>
      <c r="RSJ664" s="613"/>
      <c r="RSK664" s="613"/>
      <c r="RSL664" s="613"/>
      <c r="RSM664" s="613"/>
      <c r="RSN664" s="613"/>
      <c r="RSO664" s="613"/>
      <c r="RSP664" s="613"/>
      <c r="RSQ664" s="613"/>
      <c r="RSR664" s="613"/>
      <c r="RSS664" s="613"/>
      <c r="RST664" s="613"/>
      <c r="RSU664" s="613"/>
      <c r="RSV664" s="613"/>
      <c r="RSW664" s="613"/>
      <c r="RSX664" s="613"/>
      <c r="RSY664" s="613"/>
      <c r="RSZ664" s="613"/>
      <c r="RTA664" s="613"/>
      <c r="RTB664" s="613"/>
      <c r="RTC664" s="613"/>
      <c r="RTD664" s="613"/>
      <c r="RTE664" s="613"/>
      <c r="RTF664" s="613"/>
      <c r="RTG664" s="613"/>
      <c r="RTH664" s="613"/>
      <c r="RTI664" s="613"/>
      <c r="RTJ664" s="613"/>
      <c r="RTK664" s="613"/>
      <c r="RTL664" s="613"/>
      <c r="RTM664" s="613"/>
      <c r="RTN664" s="613"/>
      <c r="RTO664" s="613"/>
      <c r="RTP664" s="613"/>
      <c r="RTQ664" s="613"/>
      <c r="RTR664" s="613"/>
      <c r="RTS664" s="613"/>
      <c r="RTT664" s="613"/>
      <c r="RTU664" s="613"/>
      <c r="RTV664" s="613"/>
      <c r="RTW664" s="613"/>
      <c r="RTX664" s="613"/>
      <c r="RTY664" s="613"/>
      <c r="RTZ664" s="613"/>
      <c r="RUA664" s="613"/>
      <c r="RUB664" s="613"/>
      <c r="RUC664" s="613"/>
      <c r="RUD664" s="613"/>
      <c r="RUE664" s="613"/>
      <c r="RUF664" s="613"/>
      <c r="RUG664" s="613"/>
      <c r="RUH664" s="613"/>
      <c r="RUI664" s="613"/>
      <c r="RUJ664" s="613"/>
      <c r="RUK664" s="613"/>
      <c r="RUL664" s="613"/>
      <c r="RUM664" s="613"/>
      <c r="RUN664" s="613"/>
      <c r="RUO664" s="613"/>
      <c r="RUP664" s="613"/>
      <c r="RUQ664" s="613"/>
      <c r="RUR664" s="613"/>
      <c r="RUS664" s="613"/>
      <c r="RUT664" s="613"/>
      <c r="RUU664" s="613"/>
      <c r="RUV664" s="613"/>
      <c r="RUW664" s="613"/>
      <c r="RUX664" s="613"/>
      <c r="RUY664" s="613"/>
      <c r="RUZ664" s="613"/>
      <c r="RVA664" s="613"/>
      <c r="RVB664" s="613"/>
      <c r="RVC664" s="613"/>
      <c r="RVD664" s="613"/>
      <c r="RVE664" s="613"/>
      <c r="RVF664" s="613"/>
      <c r="RVG664" s="613"/>
      <c r="RVH664" s="613"/>
      <c r="RVI664" s="613"/>
      <c r="RVJ664" s="613"/>
      <c r="RVK664" s="613"/>
      <c r="RVL664" s="613"/>
      <c r="RVM664" s="613"/>
      <c r="RVN664" s="613"/>
      <c r="RVO664" s="613"/>
      <c r="RVP664" s="613"/>
      <c r="RVQ664" s="613"/>
      <c r="RVR664" s="613"/>
      <c r="RVS664" s="613"/>
      <c r="RVT664" s="613"/>
      <c r="RVU664" s="613"/>
      <c r="RVV664" s="613"/>
      <c r="RVW664" s="613"/>
      <c r="RVX664" s="613"/>
      <c r="RVY664" s="613"/>
      <c r="RVZ664" s="613"/>
      <c r="RWA664" s="613"/>
      <c r="RWB664" s="613"/>
      <c r="RWC664" s="613"/>
      <c r="RWD664" s="613"/>
      <c r="RWE664" s="613"/>
      <c r="RWF664" s="613"/>
      <c r="RWG664" s="613"/>
      <c r="RWH664" s="613"/>
      <c r="RWI664" s="613"/>
      <c r="RWJ664" s="613"/>
      <c r="RWK664" s="613"/>
      <c r="RWL664" s="613"/>
      <c r="RWM664" s="613"/>
      <c r="RWN664" s="613"/>
      <c r="RWO664" s="613"/>
      <c r="RWP664" s="613"/>
      <c r="RWQ664" s="613"/>
      <c r="RWR664" s="613"/>
      <c r="RWS664" s="613"/>
      <c r="RWT664" s="613"/>
      <c r="RWU664" s="613"/>
      <c r="RWV664" s="613"/>
      <c r="RWW664" s="613"/>
      <c r="RWX664" s="613"/>
      <c r="RWY664" s="613"/>
      <c r="RWZ664" s="613"/>
      <c r="RXA664" s="613"/>
      <c r="RXB664" s="613"/>
      <c r="RXC664" s="613"/>
      <c r="RXD664" s="613"/>
      <c r="RXE664" s="613"/>
      <c r="RXF664" s="613"/>
      <c r="RXG664" s="613"/>
      <c r="RXH664" s="613"/>
      <c r="RXI664" s="613"/>
      <c r="RXJ664" s="613"/>
      <c r="RXK664" s="613"/>
      <c r="RXL664" s="613"/>
      <c r="RXM664" s="613"/>
      <c r="RXN664" s="613"/>
      <c r="RXO664" s="613"/>
      <c r="RXP664" s="613"/>
      <c r="RXQ664" s="613"/>
      <c r="RXR664" s="613"/>
      <c r="RXS664" s="613"/>
      <c r="RXT664" s="613"/>
      <c r="RXU664" s="613"/>
      <c r="RXV664" s="613"/>
      <c r="RXW664" s="613"/>
      <c r="RXX664" s="613"/>
      <c r="RXY664" s="613"/>
      <c r="RXZ664" s="613"/>
      <c r="RYA664" s="613"/>
      <c r="RYB664" s="613"/>
      <c r="RYC664" s="613"/>
      <c r="RYD664" s="613"/>
      <c r="RYE664" s="613"/>
      <c r="RYF664" s="613"/>
      <c r="RYG664" s="613"/>
      <c r="RYH664" s="613"/>
      <c r="RYI664" s="613"/>
      <c r="RYJ664" s="613"/>
      <c r="RYK664" s="613"/>
      <c r="RYL664" s="613"/>
      <c r="RYM664" s="613"/>
      <c r="RYN664" s="613"/>
      <c r="RYO664" s="613"/>
      <c r="RYP664" s="613"/>
      <c r="RYQ664" s="613"/>
      <c r="RYR664" s="613"/>
      <c r="RYS664" s="613"/>
      <c r="RYT664" s="613"/>
      <c r="RYU664" s="613"/>
      <c r="RYV664" s="613"/>
      <c r="RYW664" s="613"/>
      <c r="RYX664" s="613"/>
      <c r="RYY664" s="613"/>
      <c r="RYZ664" s="613"/>
      <c r="RZA664" s="613"/>
      <c r="RZB664" s="613"/>
      <c r="RZC664" s="613"/>
      <c r="RZD664" s="613"/>
      <c r="RZE664" s="613"/>
      <c r="RZF664" s="613"/>
      <c r="RZG664" s="613"/>
      <c r="RZH664" s="613"/>
      <c r="RZI664" s="613"/>
      <c r="RZJ664" s="613"/>
      <c r="RZK664" s="613"/>
      <c r="RZL664" s="613"/>
      <c r="RZM664" s="613"/>
      <c r="RZN664" s="613"/>
      <c r="RZO664" s="613"/>
      <c r="RZP664" s="613"/>
      <c r="RZQ664" s="613"/>
      <c r="RZR664" s="613"/>
      <c r="RZS664" s="613"/>
      <c r="RZT664" s="613"/>
      <c r="RZU664" s="613"/>
      <c r="RZV664" s="613"/>
      <c r="RZW664" s="613"/>
      <c r="RZX664" s="613"/>
      <c r="RZY664" s="613"/>
      <c r="RZZ664" s="613"/>
      <c r="SAA664" s="613"/>
      <c r="SAB664" s="613"/>
      <c r="SAC664" s="613"/>
      <c r="SAD664" s="613"/>
      <c r="SAE664" s="613"/>
      <c r="SAF664" s="613"/>
      <c r="SAG664" s="613"/>
      <c r="SAH664" s="613"/>
      <c r="SAI664" s="613"/>
      <c r="SAJ664" s="613"/>
      <c r="SAK664" s="613"/>
      <c r="SAL664" s="613"/>
      <c r="SAM664" s="613"/>
      <c r="SAN664" s="613"/>
      <c r="SAO664" s="613"/>
      <c r="SAP664" s="613"/>
      <c r="SAQ664" s="613"/>
      <c r="SAR664" s="613"/>
      <c r="SAS664" s="613"/>
      <c r="SAT664" s="613"/>
      <c r="SAU664" s="613"/>
      <c r="SAV664" s="613"/>
      <c r="SAW664" s="613"/>
      <c r="SAX664" s="613"/>
      <c r="SAY664" s="613"/>
      <c r="SAZ664" s="613"/>
      <c r="SBA664" s="613"/>
      <c r="SBB664" s="613"/>
      <c r="SBC664" s="613"/>
      <c r="SBD664" s="613"/>
      <c r="SBE664" s="613"/>
      <c r="SBF664" s="613"/>
      <c r="SBG664" s="613"/>
      <c r="SBH664" s="613"/>
      <c r="SBI664" s="613"/>
      <c r="SBJ664" s="613"/>
      <c r="SBK664" s="613"/>
      <c r="SBL664" s="613"/>
      <c r="SBM664" s="613"/>
      <c r="SBN664" s="613"/>
      <c r="SBO664" s="613"/>
      <c r="SBP664" s="613"/>
      <c r="SBQ664" s="613"/>
      <c r="SBR664" s="613"/>
      <c r="SBS664" s="613"/>
      <c r="SBT664" s="613"/>
      <c r="SBU664" s="613"/>
      <c r="SBV664" s="613"/>
      <c r="SBW664" s="613"/>
      <c r="SBX664" s="613"/>
      <c r="SBY664" s="613"/>
      <c r="SBZ664" s="613"/>
      <c r="SCA664" s="613"/>
      <c r="SCB664" s="613"/>
      <c r="SCC664" s="613"/>
      <c r="SCD664" s="613"/>
      <c r="SCE664" s="613"/>
      <c r="SCF664" s="613"/>
      <c r="SCG664" s="613"/>
      <c r="SCH664" s="613"/>
      <c r="SCI664" s="613"/>
      <c r="SCJ664" s="613"/>
      <c r="SCK664" s="613"/>
      <c r="SCL664" s="613"/>
      <c r="SCM664" s="613"/>
      <c r="SCN664" s="613"/>
      <c r="SCO664" s="613"/>
      <c r="SCP664" s="613"/>
      <c r="SCQ664" s="613"/>
      <c r="SCR664" s="613"/>
      <c r="SCS664" s="613"/>
      <c r="SCT664" s="613"/>
      <c r="SCU664" s="613"/>
      <c r="SCV664" s="613"/>
      <c r="SCW664" s="613"/>
      <c r="SCX664" s="613"/>
      <c r="SCY664" s="613"/>
      <c r="SCZ664" s="613"/>
      <c r="SDA664" s="613"/>
      <c r="SDB664" s="613"/>
      <c r="SDC664" s="613"/>
      <c r="SDD664" s="613"/>
      <c r="SDE664" s="613"/>
      <c r="SDF664" s="613"/>
      <c r="SDG664" s="613"/>
      <c r="SDH664" s="613"/>
      <c r="SDI664" s="613"/>
      <c r="SDJ664" s="613"/>
      <c r="SDK664" s="613"/>
      <c r="SDL664" s="613"/>
      <c r="SDM664" s="613"/>
      <c r="SDN664" s="613"/>
      <c r="SDO664" s="613"/>
      <c r="SDP664" s="613"/>
      <c r="SDQ664" s="613"/>
      <c r="SDR664" s="613"/>
      <c r="SDS664" s="613"/>
      <c r="SDT664" s="613"/>
      <c r="SDU664" s="613"/>
      <c r="SDV664" s="613"/>
      <c r="SDW664" s="613"/>
      <c r="SDX664" s="613"/>
      <c r="SDY664" s="613"/>
      <c r="SDZ664" s="613"/>
      <c r="SEA664" s="613"/>
      <c r="SEB664" s="613"/>
      <c r="SEC664" s="613"/>
      <c r="SED664" s="613"/>
      <c r="SEE664" s="613"/>
      <c r="SEF664" s="613"/>
      <c r="SEG664" s="613"/>
      <c r="SEH664" s="613"/>
      <c r="SEI664" s="613"/>
      <c r="SEJ664" s="613"/>
      <c r="SEK664" s="613"/>
      <c r="SEL664" s="613"/>
      <c r="SEM664" s="613"/>
      <c r="SEN664" s="613"/>
      <c r="SEO664" s="613"/>
      <c r="SEP664" s="613"/>
      <c r="SEQ664" s="613"/>
      <c r="SER664" s="613"/>
      <c r="SES664" s="613"/>
      <c r="SET664" s="613"/>
      <c r="SEU664" s="613"/>
      <c r="SEV664" s="613"/>
      <c r="SEW664" s="613"/>
      <c r="SEX664" s="613"/>
      <c r="SEY664" s="613"/>
      <c r="SEZ664" s="613"/>
      <c r="SFA664" s="613"/>
      <c r="SFB664" s="613"/>
      <c r="SFC664" s="613"/>
      <c r="SFD664" s="613"/>
      <c r="SFE664" s="613"/>
      <c r="SFF664" s="613"/>
      <c r="SFG664" s="613"/>
      <c r="SFH664" s="613"/>
      <c r="SFI664" s="613"/>
      <c r="SFJ664" s="613"/>
      <c r="SFK664" s="613"/>
      <c r="SFL664" s="613"/>
      <c r="SFM664" s="613"/>
      <c r="SFN664" s="613"/>
      <c r="SFO664" s="613"/>
      <c r="SFP664" s="613"/>
      <c r="SFQ664" s="613"/>
      <c r="SFR664" s="613"/>
      <c r="SFS664" s="613"/>
      <c r="SFT664" s="613"/>
      <c r="SFU664" s="613"/>
      <c r="SFV664" s="613"/>
      <c r="SFW664" s="613"/>
      <c r="SFX664" s="613"/>
      <c r="SFY664" s="613"/>
      <c r="SFZ664" s="613"/>
      <c r="SGA664" s="613"/>
      <c r="SGB664" s="613"/>
      <c r="SGC664" s="613"/>
      <c r="SGD664" s="613"/>
      <c r="SGE664" s="613"/>
      <c r="SGF664" s="613"/>
      <c r="SGG664" s="613"/>
      <c r="SGH664" s="613"/>
      <c r="SGI664" s="613"/>
      <c r="SGJ664" s="613"/>
      <c r="SGK664" s="613"/>
      <c r="SGL664" s="613"/>
      <c r="SGM664" s="613"/>
      <c r="SGN664" s="613"/>
      <c r="SGO664" s="613"/>
      <c r="SGP664" s="613"/>
      <c r="SGQ664" s="613"/>
      <c r="SGR664" s="613"/>
      <c r="SGS664" s="613"/>
      <c r="SGT664" s="613"/>
      <c r="SGU664" s="613"/>
      <c r="SGV664" s="613"/>
      <c r="SGW664" s="613"/>
      <c r="SGX664" s="613"/>
      <c r="SGY664" s="613"/>
      <c r="SGZ664" s="613"/>
      <c r="SHA664" s="613"/>
      <c r="SHB664" s="613"/>
      <c r="SHC664" s="613"/>
      <c r="SHD664" s="613"/>
      <c r="SHE664" s="613"/>
      <c r="SHF664" s="613"/>
      <c r="SHG664" s="613"/>
      <c r="SHH664" s="613"/>
      <c r="SHI664" s="613"/>
      <c r="SHJ664" s="613"/>
      <c r="SHK664" s="613"/>
      <c r="SHL664" s="613"/>
      <c r="SHM664" s="613"/>
      <c r="SHN664" s="613"/>
      <c r="SHO664" s="613"/>
      <c r="SHP664" s="613"/>
      <c r="SHQ664" s="613"/>
      <c r="SHR664" s="613"/>
      <c r="SHS664" s="613"/>
      <c r="SHT664" s="613"/>
      <c r="SHU664" s="613"/>
      <c r="SHV664" s="613"/>
      <c r="SHW664" s="613"/>
      <c r="SHX664" s="613"/>
      <c r="SHY664" s="613"/>
      <c r="SHZ664" s="613"/>
      <c r="SIA664" s="613"/>
      <c r="SIB664" s="613"/>
      <c r="SIC664" s="613"/>
      <c r="SID664" s="613"/>
      <c r="SIE664" s="613"/>
      <c r="SIF664" s="613"/>
      <c r="SIG664" s="613"/>
      <c r="SIH664" s="613"/>
      <c r="SII664" s="613"/>
      <c r="SIJ664" s="613"/>
      <c r="SIK664" s="613"/>
      <c r="SIL664" s="613"/>
      <c r="SIM664" s="613"/>
      <c r="SIN664" s="613"/>
      <c r="SIO664" s="613"/>
      <c r="SIP664" s="613"/>
      <c r="SIQ664" s="613"/>
      <c r="SIR664" s="613"/>
      <c r="SIS664" s="613"/>
      <c r="SIT664" s="613"/>
      <c r="SIU664" s="613"/>
      <c r="SIV664" s="613"/>
      <c r="SIW664" s="613"/>
      <c r="SIX664" s="613"/>
      <c r="SIY664" s="613"/>
      <c r="SIZ664" s="613"/>
      <c r="SJA664" s="613"/>
      <c r="SJB664" s="613"/>
      <c r="SJC664" s="613"/>
      <c r="SJD664" s="613"/>
      <c r="SJE664" s="613"/>
      <c r="SJF664" s="613"/>
      <c r="SJG664" s="613"/>
      <c r="SJH664" s="613"/>
      <c r="SJI664" s="613"/>
      <c r="SJJ664" s="613"/>
      <c r="SJK664" s="613"/>
      <c r="SJL664" s="613"/>
      <c r="SJM664" s="613"/>
      <c r="SJN664" s="613"/>
      <c r="SJO664" s="613"/>
      <c r="SJP664" s="613"/>
      <c r="SJQ664" s="613"/>
      <c r="SJR664" s="613"/>
      <c r="SJS664" s="613"/>
      <c r="SJT664" s="613"/>
      <c r="SJU664" s="613"/>
      <c r="SJV664" s="613"/>
      <c r="SJW664" s="613"/>
      <c r="SJX664" s="613"/>
      <c r="SJY664" s="613"/>
      <c r="SJZ664" s="613"/>
      <c r="SKA664" s="613"/>
      <c r="SKB664" s="613"/>
      <c r="SKC664" s="613"/>
      <c r="SKD664" s="613"/>
      <c r="SKE664" s="613"/>
      <c r="SKF664" s="613"/>
      <c r="SKG664" s="613"/>
      <c r="SKH664" s="613"/>
      <c r="SKI664" s="613"/>
      <c r="SKJ664" s="613"/>
      <c r="SKK664" s="613"/>
      <c r="SKL664" s="613"/>
      <c r="SKM664" s="613"/>
      <c r="SKN664" s="613"/>
      <c r="SKO664" s="613"/>
      <c r="SKP664" s="613"/>
      <c r="SKQ664" s="613"/>
      <c r="SKR664" s="613"/>
      <c r="SKS664" s="613"/>
      <c r="SKT664" s="613"/>
      <c r="SKU664" s="613"/>
      <c r="SKV664" s="613"/>
      <c r="SKW664" s="613"/>
      <c r="SKX664" s="613"/>
      <c r="SKY664" s="613"/>
      <c r="SKZ664" s="613"/>
      <c r="SLA664" s="613"/>
      <c r="SLB664" s="613"/>
      <c r="SLC664" s="613"/>
      <c r="SLD664" s="613"/>
      <c r="SLE664" s="613"/>
      <c r="SLF664" s="613"/>
      <c r="SLG664" s="613"/>
      <c r="SLH664" s="613"/>
      <c r="SLI664" s="613"/>
      <c r="SLJ664" s="613"/>
      <c r="SLK664" s="613"/>
      <c r="SLL664" s="613"/>
      <c r="SLM664" s="613"/>
      <c r="SLN664" s="613"/>
      <c r="SLO664" s="613"/>
      <c r="SLP664" s="613"/>
      <c r="SLQ664" s="613"/>
      <c r="SLR664" s="613"/>
      <c r="SLS664" s="613"/>
      <c r="SLT664" s="613"/>
      <c r="SLU664" s="613"/>
      <c r="SLV664" s="613"/>
      <c r="SLW664" s="613"/>
      <c r="SLX664" s="613"/>
      <c r="SLY664" s="613"/>
      <c r="SLZ664" s="613"/>
      <c r="SMA664" s="613"/>
      <c r="SMB664" s="613"/>
      <c r="SMC664" s="613"/>
      <c r="SMD664" s="613"/>
      <c r="SME664" s="613"/>
      <c r="SMF664" s="613"/>
      <c r="SMG664" s="613"/>
      <c r="SMH664" s="613"/>
      <c r="SMI664" s="613"/>
      <c r="SMJ664" s="613"/>
      <c r="SMK664" s="613"/>
      <c r="SML664" s="613"/>
      <c r="SMM664" s="613"/>
      <c r="SMN664" s="613"/>
      <c r="SMO664" s="613"/>
      <c r="SMP664" s="613"/>
      <c r="SMQ664" s="613"/>
      <c r="SMR664" s="613"/>
      <c r="SMS664" s="613"/>
      <c r="SMT664" s="613"/>
      <c r="SMU664" s="613"/>
      <c r="SMV664" s="613"/>
      <c r="SMW664" s="613"/>
      <c r="SMX664" s="613"/>
      <c r="SMY664" s="613"/>
      <c r="SMZ664" s="613"/>
      <c r="SNA664" s="613"/>
      <c r="SNB664" s="613"/>
      <c r="SNC664" s="613"/>
      <c r="SND664" s="613"/>
      <c r="SNE664" s="613"/>
      <c r="SNF664" s="613"/>
      <c r="SNG664" s="613"/>
      <c r="SNH664" s="613"/>
      <c r="SNI664" s="613"/>
      <c r="SNJ664" s="613"/>
      <c r="SNK664" s="613"/>
      <c r="SNL664" s="613"/>
      <c r="SNM664" s="613"/>
      <c r="SNN664" s="613"/>
      <c r="SNO664" s="613"/>
      <c r="SNP664" s="613"/>
      <c r="SNQ664" s="613"/>
      <c r="SNR664" s="613"/>
      <c r="SNS664" s="613"/>
      <c r="SNT664" s="613"/>
      <c r="SNU664" s="613"/>
      <c r="SNV664" s="613"/>
      <c r="SNW664" s="613"/>
      <c r="SNX664" s="613"/>
      <c r="SNY664" s="613"/>
      <c r="SNZ664" s="613"/>
      <c r="SOA664" s="613"/>
      <c r="SOB664" s="613"/>
      <c r="SOC664" s="613"/>
      <c r="SOD664" s="613"/>
      <c r="SOE664" s="613"/>
      <c r="SOF664" s="613"/>
      <c r="SOG664" s="613"/>
      <c r="SOH664" s="613"/>
      <c r="SOI664" s="613"/>
      <c r="SOJ664" s="613"/>
      <c r="SOK664" s="613"/>
      <c r="SOL664" s="613"/>
      <c r="SOM664" s="613"/>
      <c r="SON664" s="613"/>
      <c r="SOO664" s="613"/>
      <c r="SOP664" s="613"/>
      <c r="SOQ664" s="613"/>
      <c r="SOR664" s="613"/>
      <c r="SOS664" s="613"/>
      <c r="SOT664" s="613"/>
      <c r="SOU664" s="613"/>
      <c r="SOV664" s="613"/>
      <c r="SOW664" s="613"/>
      <c r="SOX664" s="613"/>
      <c r="SOY664" s="613"/>
      <c r="SOZ664" s="613"/>
      <c r="SPA664" s="613"/>
      <c r="SPB664" s="613"/>
      <c r="SPC664" s="613"/>
      <c r="SPD664" s="613"/>
      <c r="SPE664" s="613"/>
      <c r="SPF664" s="613"/>
      <c r="SPG664" s="613"/>
      <c r="SPH664" s="613"/>
      <c r="SPI664" s="613"/>
      <c r="SPJ664" s="613"/>
      <c r="SPK664" s="613"/>
      <c r="SPL664" s="613"/>
      <c r="SPM664" s="613"/>
      <c r="SPN664" s="613"/>
      <c r="SPO664" s="613"/>
      <c r="SPP664" s="613"/>
      <c r="SPQ664" s="613"/>
      <c r="SPR664" s="613"/>
      <c r="SPS664" s="613"/>
      <c r="SPT664" s="613"/>
      <c r="SPU664" s="613"/>
      <c r="SPV664" s="613"/>
      <c r="SPW664" s="613"/>
      <c r="SPX664" s="613"/>
      <c r="SPY664" s="613"/>
      <c r="SPZ664" s="613"/>
      <c r="SQA664" s="613"/>
      <c r="SQB664" s="613"/>
      <c r="SQC664" s="613"/>
      <c r="SQD664" s="613"/>
      <c r="SQE664" s="613"/>
      <c r="SQF664" s="613"/>
      <c r="SQG664" s="613"/>
      <c r="SQH664" s="613"/>
      <c r="SQI664" s="613"/>
      <c r="SQJ664" s="613"/>
      <c r="SQK664" s="613"/>
      <c r="SQL664" s="613"/>
      <c r="SQM664" s="613"/>
      <c r="SQN664" s="613"/>
      <c r="SQO664" s="613"/>
      <c r="SQP664" s="613"/>
      <c r="SQQ664" s="613"/>
      <c r="SQR664" s="613"/>
      <c r="SQS664" s="613"/>
      <c r="SQT664" s="613"/>
      <c r="SQU664" s="613"/>
      <c r="SQV664" s="613"/>
      <c r="SQW664" s="613"/>
      <c r="SQX664" s="613"/>
      <c r="SQY664" s="613"/>
      <c r="SQZ664" s="613"/>
      <c r="SRA664" s="613"/>
      <c r="SRB664" s="613"/>
      <c r="SRC664" s="613"/>
      <c r="SRD664" s="613"/>
      <c r="SRE664" s="613"/>
      <c r="SRF664" s="613"/>
      <c r="SRG664" s="613"/>
      <c r="SRH664" s="613"/>
      <c r="SRI664" s="613"/>
      <c r="SRJ664" s="613"/>
      <c r="SRK664" s="613"/>
      <c r="SRL664" s="613"/>
      <c r="SRM664" s="613"/>
      <c r="SRN664" s="613"/>
      <c r="SRO664" s="613"/>
      <c r="SRP664" s="613"/>
      <c r="SRQ664" s="613"/>
      <c r="SRR664" s="613"/>
      <c r="SRS664" s="613"/>
      <c r="SRT664" s="613"/>
      <c r="SRU664" s="613"/>
      <c r="SRV664" s="613"/>
      <c r="SRW664" s="613"/>
      <c r="SRX664" s="613"/>
      <c r="SRY664" s="613"/>
      <c r="SRZ664" s="613"/>
      <c r="SSA664" s="613"/>
      <c r="SSB664" s="613"/>
      <c r="SSC664" s="613"/>
      <c r="SSD664" s="613"/>
      <c r="SSE664" s="613"/>
      <c r="SSF664" s="613"/>
      <c r="SSG664" s="613"/>
      <c r="SSH664" s="613"/>
      <c r="SSI664" s="613"/>
      <c r="SSJ664" s="613"/>
      <c r="SSK664" s="613"/>
      <c r="SSL664" s="613"/>
      <c r="SSM664" s="613"/>
      <c r="SSN664" s="613"/>
      <c r="SSO664" s="613"/>
      <c r="SSP664" s="613"/>
      <c r="SSQ664" s="613"/>
      <c r="SSR664" s="613"/>
      <c r="SSS664" s="613"/>
      <c r="SST664" s="613"/>
      <c r="SSU664" s="613"/>
      <c r="SSV664" s="613"/>
      <c r="SSW664" s="613"/>
      <c r="SSX664" s="613"/>
      <c r="SSY664" s="613"/>
      <c r="SSZ664" s="613"/>
      <c r="STA664" s="613"/>
      <c r="STB664" s="613"/>
      <c r="STC664" s="613"/>
      <c r="STD664" s="613"/>
      <c r="STE664" s="613"/>
      <c r="STF664" s="613"/>
      <c r="STG664" s="613"/>
      <c r="STH664" s="613"/>
      <c r="STI664" s="613"/>
      <c r="STJ664" s="613"/>
      <c r="STK664" s="613"/>
      <c r="STL664" s="613"/>
      <c r="STM664" s="613"/>
      <c r="STN664" s="613"/>
      <c r="STO664" s="613"/>
      <c r="STP664" s="613"/>
      <c r="STQ664" s="613"/>
      <c r="STR664" s="613"/>
      <c r="STS664" s="613"/>
      <c r="STT664" s="613"/>
      <c r="STU664" s="613"/>
      <c r="STV664" s="613"/>
      <c r="STW664" s="613"/>
      <c r="STX664" s="613"/>
      <c r="STY664" s="613"/>
      <c r="STZ664" s="613"/>
      <c r="SUA664" s="613"/>
      <c r="SUB664" s="613"/>
      <c r="SUC664" s="613"/>
      <c r="SUD664" s="613"/>
      <c r="SUE664" s="613"/>
      <c r="SUF664" s="613"/>
      <c r="SUG664" s="613"/>
      <c r="SUH664" s="613"/>
      <c r="SUI664" s="613"/>
      <c r="SUJ664" s="613"/>
      <c r="SUK664" s="613"/>
      <c r="SUL664" s="613"/>
      <c r="SUM664" s="613"/>
      <c r="SUN664" s="613"/>
      <c r="SUO664" s="613"/>
      <c r="SUP664" s="613"/>
      <c r="SUQ664" s="613"/>
      <c r="SUR664" s="613"/>
      <c r="SUS664" s="613"/>
      <c r="SUT664" s="613"/>
      <c r="SUU664" s="613"/>
      <c r="SUV664" s="613"/>
      <c r="SUW664" s="613"/>
      <c r="SUX664" s="613"/>
      <c r="SUY664" s="613"/>
      <c r="SUZ664" s="613"/>
      <c r="SVA664" s="613"/>
      <c r="SVB664" s="613"/>
      <c r="SVC664" s="613"/>
      <c r="SVD664" s="613"/>
      <c r="SVE664" s="613"/>
      <c r="SVF664" s="613"/>
      <c r="SVG664" s="613"/>
      <c r="SVH664" s="613"/>
      <c r="SVI664" s="613"/>
      <c r="SVJ664" s="613"/>
      <c r="SVK664" s="613"/>
      <c r="SVL664" s="613"/>
      <c r="SVM664" s="613"/>
      <c r="SVN664" s="613"/>
      <c r="SVO664" s="613"/>
      <c r="SVP664" s="613"/>
      <c r="SVQ664" s="613"/>
      <c r="SVR664" s="613"/>
      <c r="SVS664" s="613"/>
      <c r="SVT664" s="613"/>
      <c r="SVU664" s="613"/>
      <c r="SVV664" s="613"/>
      <c r="SVW664" s="613"/>
      <c r="SVX664" s="613"/>
      <c r="SVY664" s="613"/>
      <c r="SVZ664" s="613"/>
      <c r="SWA664" s="613"/>
      <c r="SWB664" s="613"/>
      <c r="SWC664" s="613"/>
      <c r="SWD664" s="613"/>
      <c r="SWE664" s="613"/>
      <c r="SWF664" s="613"/>
      <c r="SWG664" s="613"/>
      <c r="SWH664" s="613"/>
      <c r="SWI664" s="613"/>
      <c r="SWJ664" s="613"/>
      <c r="SWK664" s="613"/>
      <c r="SWL664" s="613"/>
      <c r="SWM664" s="613"/>
      <c r="SWN664" s="613"/>
      <c r="SWO664" s="613"/>
      <c r="SWP664" s="613"/>
      <c r="SWQ664" s="613"/>
      <c r="SWR664" s="613"/>
      <c r="SWS664" s="613"/>
      <c r="SWT664" s="613"/>
      <c r="SWU664" s="613"/>
      <c r="SWV664" s="613"/>
      <c r="SWW664" s="613"/>
      <c r="SWX664" s="613"/>
      <c r="SWY664" s="613"/>
      <c r="SWZ664" s="613"/>
      <c r="SXA664" s="613"/>
      <c r="SXB664" s="613"/>
      <c r="SXC664" s="613"/>
      <c r="SXD664" s="613"/>
      <c r="SXE664" s="613"/>
      <c r="SXF664" s="613"/>
      <c r="SXG664" s="613"/>
      <c r="SXH664" s="613"/>
      <c r="SXI664" s="613"/>
      <c r="SXJ664" s="613"/>
      <c r="SXK664" s="613"/>
      <c r="SXL664" s="613"/>
      <c r="SXM664" s="613"/>
      <c r="SXN664" s="613"/>
      <c r="SXO664" s="613"/>
      <c r="SXP664" s="613"/>
      <c r="SXQ664" s="613"/>
      <c r="SXR664" s="613"/>
      <c r="SXS664" s="613"/>
      <c r="SXT664" s="613"/>
      <c r="SXU664" s="613"/>
      <c r="SXV664" s="613"/>
      <c r="SXW664" s="613"/>
      <c r="SXX664" s="613"/>
      <c r="SXY664" s="613"/>
      <c r="SXZ664" s="613"/>
      <c r="SYA664" s="613"/>
      <c r="SYB664" s="613"/>
      <c r="SYC664" s="613"/>
      <c r="SYD664" s="613"/>
      <c r="SYE664" s="613"/>
      <c r="SYF664" s="613"/>
      <c r="SYG664" s="613"/>
      <c r="SYH664" s="613"/>
      <c r="SYI664" s="613"/>
      <c r="SYJ664" s="613"/>
      <c r="SYK664" s="613"/>
      <c r="SYL664" s="613"/>
      <c r="SYM664" s="613"/>
      <c r="SYN664" s="613"/>
      <c r="SYO664" s="613"/>
      <c r="SYP664" s="613"/>
      <c r="SYQ664" s="613"/>
      <c r="SYR664" s="613"/>
      <c r="SYS664" s="613"/>
      <c r="SYT664" s="613"/>
      <c r="SYU664" s="613"/>
      <c r="SYV664" s="613"/>
      <c r="SYW664" s="613"/>
      <c r="SYX664" s="613"/>
      <c r="SYY664" s="613"/>
      <c r="SYZ664" s="613"/>
      <c r="SZA664" s="613"/>
      <c r="SZB664" s="613"/>
      <c r="SZC664" s="613"/>
      <c r="SZD664" s="613"/>
      <c r="SZE664" s="613"/>
      <c r="SZF664" s="613"/>
      <c r="SZG664" s="613"/>
      <c r="SZH664" s="613"/>
      <c r="SZI664" s="613"/>
      <c r="SZJ664" s="613"/>
      <c r="SZK664" s="613"/>
      <c r="SZL664" s="613"/>
      <c r="SZM664" s="613"/>
      <c r="SZN664" s="613"/>
      <c r="SZO664" s="613"/>
      <c r="SZP664" s="613"/>
      <c r="SZQ664" s="613"/>
      <c r="SZR664" s="613"/>
      <c r="SZS664" s="613"/>
      <c r="SZT664" s="613"/>
      <c r="SZU664" s="613"/>
      <c r="SZV664" s="613"/>
      <c r="SZW664" s="613"/>
      <c r="SZX664" s="613"/>
      <c r="SZY664" s="613"/>
      <c r="SZZ664" s="613"/>
      <c r="TAA664" s="613"/>
      <c r="TAB664" s="613"/>
      <c r="TAC664" s="613"/>
      <c r="TAD664" s="613"/>
      <c r="TAE664" s="613"/>
      <c r="TAF664" s="613"/>
      <c r="TAG664" s="613"/>
      <c r="TAH664" s="613"/>
      <c r="TAI664" s="613"/>
      <c r="TAJ664" s="613"/>
      <c r="TAK664" s="613"/>
      <c r="TAL664" s="613"/>
      <c r="TAM664" s="613"/>
      <c r="TAN664" s="613"/>
      <c r="TAO664" s="613"/>
      <c r="TAP664" s="613"/>
      <c r="TAQ664" s="613"/>
      <c r="TAR664" s="613"/>
      <c r="TAS664" s="613"/>
      <c r="TAT664" s="613"/>
      <c r="TAU664" s="613"/>
      <c r="TAV664" s="613"/>
      <c r="TAW664" s="613"/>
      <c r="TAX664" s="613"/>
      <c r="TAY664" s="613"/>
      <c r="TAZ664" s="613"/>
      <c r="TBA664" s="613"/>
      <c r="TBB664" s="613"/>
      <c r="TBC664" s="613"/>
      <c r="TBD664" s="613"/>
      <c r="TBE664" s="613"/>
      <c r="TBF664" s="613"/>
      <c r="TBG664" s="613"/>
      <c r="TBH664" s="613"/>
      <c r="TBI664" s="613"/>
      <c r="TBJ664" s="613"/>
      <c r="TBK664" s="613"/>
      <c r="TBL664" s="613"/>
      <c r="TBM664" s="613"/>
      <c r="TBN664" s="613"/>
      <c r="TBO664" s="613"/>
      <c r="TBP664" s="613"/>
      <c r="TBQ664" s="613"/>
      <c r="TBR664" s="613"/>
      <c r="TBS664" s="613"/>
      <c r="TBT664" s="613"/>
      <c r="TBU664" s="613"/>
      <c r="TBV664" s="613"/>
      <c r="TBW664" s="613"/>
      <c r="TBX664" s="613"/>
      <c r="TBY664" s="613"/>
      <c r="TBZ664" s="613"/>
      <c r="TCA664" s="613"/>
      <c r="TCB664" s="613"/>
      <c r="TCC664" s="613"/>
      <c r="TCD664" s="613"/>
      <c r="TCE664" s="613"/>
      <c r="TCF664" s="613"/>
      <c r="TCG664" s="613"/>
      <c r="TCH664" s="613"/>
      <c r="TCI664" s="613"/>
      <c r="TCJ664" s="613"/>
      <c r="TCK664" s="613"/>
      <c r="TCL664" s="613"/>
      <c r="TCM664" s="613"/>
      <c r="TCN664" s="613"/>
      <c r="TCO664" s="613"/>
      <c r="TCP664" s="613"/>
      <c r="TCQ664" s="613"/>
      <c r="TCR664" s="613"/>
      <c r="TCS664" s="613"/>
      <c r="TCT664" s="613"/>
      <c r="TCU664" s="613"/>
      <c r="TCV664" s="613"/>
      <c r="TCW664" s="613"/>
      <c r="TCX664" s="613"/>
      <c r="TCY664" s="613"/>
      <c r="TCZ664" s="613"/>
      <c r="TDA664" s="613"/>
      <c r="TDB664" s="613"/>
      <c r="TDC664" s="613"/>
      <c r="TDD664" s="613"/>
      <c r="TDE664" s="613"/>
      <c r="TDF664" s="613"/>
      <c r="TDG664" s="613"/>
      <c r="TDH664" s="613"/>
      <c r="TDI664" s="613"/>
      <c r="TDJ664" s="613"/>
      <c r="TDK664" s="613"/>
      <c r="TDL664" s="613"/>
      <c r="TDM664" s="613"/>
      <c r="TDN664" s="613"/>
      <c r="TDO664" s="613"/>
      <c r="TDP664" s="613"/>
      <c r="TDQ664" s="613"/>
      <c r="TDR664" s="613"/>
      <c r="TDS664" s="613"/>
      <c r="TDT664" s="613"/>
      <c r="TDU664" s="613"/>
      <c r="TDV664" s="613"/>
      <c r="TDW664" s="613"/>
      <c r="TDX664" s="613"/>
      <c r="TDY664" s="613"/>
      <c r="TDZ664" s="613"/>
      <c r="TEA664" s="613"/>
      <c r="TEB664" s="613"/>
      <c r="TEC664" s="613"/>
      <c r="TED664" s="613"/>
      <c r="TEE664" s="613"/>
      <c r="TEF664" s="613"/>
      <c r="TEG664" s="613"/>
      <c r="TEH664" s="613"/>
      <c r="TEI664" s="613"/>
      <c r="TEJ664" s="613"/>
      <c r="TEK664" s="613"/>
      <c r="TEL664" s="613"/>
      <c r="TEM664" s="613"/>
      <c r="TEN664" s="613"/>
      <c r="TEO664" s="613"/>
      <c r="TEP664" s="613"/>
      <c r="TEQ664" s="613"/>
      <c r="TER664" s="613"/>
      <c r="TES664" s="613"/>
      <c r="TET664" s="613"/>
      <c r="TEU664" s="613"/>
      <c r="TEV664" s="613"/>
      <c r="TEW664" s="613"/>
      <c r="TEX664" s="613"/>
      <c r="TEY664" s="613"/>
      <c r="TEZ664" s="613"/>
      <c r="TFA664" s="613"/>
      <c r="TFB664" s="613"/>
      <c r="TFC664" s="613"/>
      <c r="TFD664" s="613"/>
      <c r="TFE664" s="613"/>
      <c r="TFF664" s="613"/>
      <c r="TFG664" s="613"/>
      <c r="TFH664" s="613"/>
      <c r="TFI664" s="613"/>
      <c r="TFJ664" s="613"/>
      <c r="TFK664" s="613"/>
      <c r="TFL664" s="613"/>
      <c r="TFM664" s="613"/>
      <c r="TFN664" s="613"/>
      <c r="TFO664" s="613"/>
      <c r="TFP664" s="613"/>
      <c r="TFQ664" s="613"/>
      <c r="TFR664" s="613"/>
      <c r="TFS664" s="613"/>
      <c r="TFT664" s="613"/>
      <c r="TFU664" s="613"/>
      <c r="TFV664" s="613"/>
      <c r="TFW664" s="613"/>
      <c r="TFX664" s="613"/>
      <c r="TFY664" s="613"/>
      <c r="TFZ664" s="613"/>
      <c r="TGA664" s="613"/>
      <c r="TGB664" s="613"/>
      <c r="TGC664" s="613"/>
      <c r="TGD664" s="613"/>
      <c r="TGE664" s="613"/>
      <c r="TGF664" s="613"/>
      <c r="TGG664" s="613"/>
      <c r="TGH664" s="613"/>
      <c r="TGI664" s="613"/>
      <c r="TGJ664" s="613"/>
      <c r="TGK664" s="613"/>
      <c r="TGL664" s="613"/>
      <c r="TGM664" s="613"/>
      <c r="TGN664" s="613"/>
      <c r="TGO664" s="613"/>
      <c r="TGP664" s="613"/>
      <c r="TGQ664" s="613"/>
      <c r="TGR664" s="613"/>
      <c r="TGS664" s="613"/>
      <c r="TGT664" s="613"/>
      <c r="TGU664" s="613"/>
      <c r="TGV664" s="613"/>
      <c r="TGW664" s="613"/>
      <c r="TGX664" s="613"/>
      <c r="TGY664" s="613"/>
      <c r="TGZ664" s="613"/>
      <c r="THA664" s="613"/>
      <c r="THB664" s="613"/>
      <c r="THC664" s="613"/>
      <c r="THD664" s="613"/>
      <c r="THE664" s="613"/>
      <c r="THF664" s="613"/>
      <c r="THG664" s="613"/>
      <c r="THH664" s="613"/>
      <c r="THI664" s="613"/>
      <c r="THJ664" s="613"/>
      <c r="THK664" s="613"/>
      <c r="THL664" s="613"/>
      <c r="THM664" s="613"/>
      <c r="THN664" s="613"/>
      <c r="THO664" s="613"/>
      <c r="THP664" s="613"/>
      <c r="THQ664" s="613"/>
      <c r="THR664" s="613"/>
      <c r="THS664" s="613"/>
      <c r="THT664" s="613"/>
      <c r="THU664" s="613"/>
      <c r="THV664" s="613"/>
      <c r="THW664" s="613"/>
      <c r="THX664" s="613"/>
      <c r="THY664" s="613"/>
      <c r="THZ664" s="613"/>
      <c r="TIA664" s="613"/>
      <c r="TIB664" s="613"/>
      <c r="TIC664" s="613"/>
      <c r="TID664" s="613"/>
      <c r="TIE664" s="613"/>
      <c r="TIF664" s="613"/>
      <c r="TIG664" s="613"/>
      <c r="TIH664" s="613"/>
      <c r="TII664" s="613"/>
      <c r="TIJ664" s="613"/>
      <c r="TIK664" s="613"/>
      <c r="TIL664" s="613"/>
      <c r="TIM664" s="613"/>
      <c r="TIN664" s="613"/>
      <c r="TIO664" s="613"/>
      <c r="TIP664" s="613"/>
      <c r="TIQ664" s="613"/>
      <c r="TIR664" s="613"/>
      <c r="TIS664" s="613"/>
      <c r="TIT664" s="613"/>
      <c r="TIU664" s="613"/>
      <c r="TIV664" s="613"/>
      <c r="TIW664" s="613"/>
      <c r="TIX664" s="613"/>
      <c r="TIY664" s="613"/>
      <c r="TIZ664" s="613"/>
      <c r="TJA664" s="613"/>
      <c r="TJB664" s="613"/>
      <c r="TJC664" s="613"/>
      <c r="TJD664" s="613"/>
      <c r="TJE664" s="613"/>
      <c r="TJF664" s="613"/>
      <c r="TJG664" s="613"/>
      <c r="TJH664" s="613"/>
      <c r="TJI664" s="613"/>
      <c r="TJJ664" s="613"/>
      <c r="TJK664" s="613"/>
      <c r="TJL664" s="613"/>
      <c r="TJM664" s="613"/>
      <c r="TJN664" s="613"/>
      <c r="TJO664" s="613"/>
      <c r="TJP664" s="613"/>
      <c r="TJQ664" s="613"/>
      <c r="TJR664" s="613"/>
      <c r="TJS664" s="613"/>
      <c r="TJT664" s="613"/>
      <c r="TJU664" s="613"/>
      <c r="TJV664" s="613"/>
      <c r="TJW664" s="613"/>
      <c r="TJX664" s="613"/>
      <c r="TJY664" s="613"/>
      <c r="TJZ664" s="613"/>
      <c r="TKA664" s="613"/>
      <c r="TKB664" s="613"/>
      <c r="TKC664" s="613"/>
      <c r="TKD664" s="613"/>
      <c r="TKE664" s="613"/>
      <c r="TKF664" s="613"/>
      <c r="TKG664" s="613"/>
      <c r="TKH664" s="613"/>
      <c r="TKI664" s="613"/>
      <c r="TKJ664" s="613"/>
      <c r="TKK664" s="613"/>
      <c r="TKL664" s="613"/>
      <c r="TKM664" s="613"/>
      <c r="TKN664" s="613"/>
      <c r="TKO664" s="613"/>
      <c r="TKP664" s="613"/>
      <c r="TKQ664" s="613"/>
      <c r="TKR664" s="613"/>
      <c r="TKS664" s="613"/>
      <c r="TKT664" s="613"/>
      <c r="TKU664" s="613"/>
      <c r="TKV664" s="613"/>
      <c r="TKW664" s="613"/>
      <c r="TKX664" s="613"/>
      <c r="TKY664" s="613"/>
      <c r="TKZ664" s="613"/>
      <c r="TLA664" s="613"/>
      <c r="TLB664" s="613"/>
      <c r="TLC664" s="613"/>
      <c r="TLD664" s="613"/>
      <c r="TLE664" s="613"/>
      <c r="TLF664" s="613"/>
      <c r="TLG664" s="613"/>
      <c r="TLH664" s="613"/>
      <c r="TLI664" s="613"/>
      <c r="TLJ664" s="613"/>
      <c r="TLK664" s="613"/>
      <c r="TLL664" s="613"/>
      <c r="TLM664" s="613"/>
      <c r="TLN664" s="613"/>
      <c r="TLO664" s="613"/>
      <c r="TLP664" s="613"/>
      <c r="TLQ664" s="613"/>
      <c r="TLR664" s="613"/>
      <c r="TLS664" s="613"/>
      <c r="TLT664" s="613"/>
      <c r="TLU664" s="613"/>
      <c r="TLV664" s="613"/>
      <c r="TLW664" s="613"/>
      <c r="TLX664" s="613"/>
      <c r="TLY664" s="613"/>
      <c r="TLZ664" s="613"/>
      <c r="TMA664" s="613"/>
      <c r="TMB664" s="613"/>
      <c r="TMC664" s="613"/>
      <c r="TMD664" s="613"/>
      <c r="TME664" s="613"/>
      <c r="TMF664" s="613"/>
      <c r="TMG664" s="613"/>
      <c r="TMH664" s="613"/>
      <c r="TMI664" s="613"/>
      <c r="TMJ664" s="613"/>
      <c r="TMK664" s="613"/>
      <c r="TML664" s="613"/>
      <c r="TMM664" s="613"/>
      <c r="TMN664" s="613"/>
      <c r="TMO664" s="613"/>
      <c r="TMP664" s="613"/>
      <c r="TMQ664" s="613"/>
      <c r="TMR664" s="613"/>
      <c r="TMS664" s="613"/>
      <c r="TMT664" s="613"/>
      <c r="TMU664" s="613"/>
      <c r="TMV664" s="613"/>
      <c r="TMW664" s="613"/>
      <c r="TMX664" s="613"/>
      <c r="TMY664" s="613"/>
      <c r="TMZ664" s="613"/>
      <c r="TNA664" s="613"/>
      <c r="TNB664" s="613"/>
      <c r="TNC664" s="613"/>
      <c r="TND664" s="613"/>
      <c r="TNE664" s="613"/>
      <c r="TNF664" s="613"/>
      <c r="TNG664" s="613"/>
      <c r="TNH664" s="613"/>
      <c r="TNI664" s="613"/>
      <c r="TNJ664" s="613"/>
      <c r="TNK664" s="613"/>
      <c r="TNL664" s="613"/>
      <c r="TNM664" s="613"/>
      <c r="TNN664" s="613"/>
      <c r="TNO664" s="613"/>
      <c r="TNP664" s="613"/>
      <c r="TNQ664" s="613"/>
      <c r="TNR664" s="613"/>
      <c r="TNS664" s="613"/>
      <c r="TNT664" s="613"/>
      <c r="TNU664" s="613"/>
      <c r="TNV664" s="613"/>
      <c r="TNW664" s="613"/>
      <c r="TNX664" s="613"/>
      <c r="TNY664" s="613"/>
      <c r="TNZ664" s="613"/>
      <c r="TOA664" s="613"/>
      <c r="TOB664" s="613"/>
      <c r="TOC664" s="613"/>
      <c r="TOD664" s="613"/>
      <c r="TOE664" s="613"/>
      <c r="TOF664" s="613"/>
      <c r="TOG664" s="613"/>
      <c r="TOH664" s="613"/>
      <c r="TOI664" s="613"/>
      <c r="TOJ664" s="613"/>
      <c r="TOK664" s="613"/>
      <c r="TOL664" s="613"/>
      <c r="TOM664" s="613"/>
      <c r="TON664" s="613"/>
      <c r="TOO664" s="613"/>
      <c r="TOP664" s="613"/>
      <c r="TOQ664" s="613"/>
      <c r="TOR664" s="613"/>
      <c r="TOS664" s="613"/>
      <c r="TOT664" s="613"/>
      <c r="TOU664" s="613"/>
      <c r="TOV664" s="613"/>
      <c r="TOW664" s="613"/>
      <c r="TOX664" s="613"/>
      <c r="TOY664" s="613"/>
      <c r="TOZ664" s="613"/>
      <c r="TPA664" s="613"/>
      <c r="TPB664" s="613"/>
      <c r="TPC664" s="613"/>
      <c r="TPD664" s="613"/>
      <c r="TPE664" s="613"/>
      <c r="TPF664" s="613"/>
      <c r="TPG664" s="613"/>
      <c r="TPH664" s="613"/>
      <c r="TPI664" s="613"/>
      <c r="TPJ664" s="613"/>
      <c r="TPK664" s="613"/>
      <c r="TPL664" s="613"/>
      <c r="TPM664" s="613"/>
      <c r="TPN664" s="613"/>
      <c r="TPO664" s="613"/>
      <c r="TPP664" s="613"/>
      <c r="TPQ664" s="613"/>
      <c r="TPR664" s="613"/>
      <c r="TPS664" s="613"/>
      <c r="TPT664" s="613"/>
      <c r="TPU664" s="613"/>
      <c r="TPV664" s="613"/>
      <c r="TPW664" s="613"/>
      <c r="TPX664" s="613"/>
      <c r="TPY664" s="613"/>
      <c r="TPZ664" s="613"/>
      <c r="TQA664" s="613"/>
      <c r="TQB664" s="613"/>
      <c r="TQC664" s="613"/>
      <c r="TQD664" s="613"/>
      <c r="TQE664" s="613"/>
      <c r="TQF664" s="613"/>
      <c r="TQG664" s="613"/>
      <c r="TQH664" s="613"/>
      <c r="TQI664" s="613"/>
      <c r="TQJ664" s="613"/>
      <c r="TQK664" s="613"/>
      <c r="TQL664" s="613"/>
      <c r="TQM664" s="613"/>
      <c r="TQN664" s="613"/>
      <c r="TQO664" s="613"/>
      <c r="TQP664" s="613"/>
      <c r="TQQ664" s="613"/>
      <c r="TQR664" s="613"/>
      <c r="TQS664" s="613"/>
      <c r="TQT664" s="613"/>
      <c r="TQU664" s="613"/>
      <c r="TQV664" s="613"/>
      <c r="TQW664" s="613"/>
      <c r="TQX664" s="613"/>
      <c r="TQY664" s="613"/>
      <c r="TQZ664" s="613"/>
      <c r="TRA664" s="613"/>
      <c r="TRB664" s="613"/>
      <c r="TRC664" s="613"/>
      <c r="TRD664" s="613"/>
      <c r="TRE664" s="613"/>
      <c r="TRF664" s="613"/>
      <c r="TRG664" s="613"/>
      <c r="TRH664" s="613"/>
      <c r="TRI664" s="613"/>
      <c r="TRJ664" s="613"/>
      <c r="TRK664" s="613"/>
      <c r="TRL664" s="613"/>
      <c r="TRM664" s="613"/>
      <c r="TRN664" s="613"/>
      <c r="TRO664" s="613"/>
      <c r="TRP664" s="613"/>
      <c r="TRQ664" s="613"/>
      <c r="TRR664" s="613"/>
      <c r="TRS664" s="613"/>
      <c r="TRT664" s="613"/>
      <c r="TRU664" s="613"/>
      <c r="TRV664" s="613"/>
      <c r="TRW664" s="613"/>
      <c r="TRX664" s="613"/>
      <c r="TRY664" s="613"/>
      <c r="TRZ664" s="613"/>
      <c r="TSA664" s="613"/>
      <c r="TSB664" s="613"/>
      <c r="TSC664" s="613"/>
      <c r="TSD664" s="613"/>
      <c r="TSE664" s="613"/>
      <c r="TSF664" s="613"/>
      <c r="TSG664" s="613"/>
      <c r="TSH664" s="613"/>
      <c r="TSI664" s="613"/>
      <c r="TSJ664" s="613"/>
      <c r="TSK664" s="613"/>
      <c r="TSL664" s="613"/>
      <c r="TSM664" s="613"/>
      <c r="TSN664" s="613"/>
      <c r="TSO664" s="613"/>
      <c r="TSP664" s="613"/>
      <c r="TSQ664" s="613"/>
      <c r="TSR664" s="613"/>
      <c r="TSS664" s="613"/>
      <c r="TST664" s="613"/>
      <c r="TSU664" s="613"/>
      <c r="TSV664" s="613"/>
      <c r="TSW664" s="613"/>
      <c r="TSX664" s="613"/>
      <c r="TSY664" s="613"/>
      <c r="TSZ664" s="613"/>
      <c r="TTA664" s="613"/>
      <c r="TTB664" s="613"/>
      <c r="TTC664" s="613"/>
      <c r="TTD664" s="613"/>
      <c r="TTE664" s="613"/>
      <c r="TTF664" s="613"/>
      <c r="TTG664" s="613"/>
      <c r="TTH664" s="613"/>
      <c r="TTI664" s="613"/>
      <c r="TTJ664" s="613"/>
      <c r="TTK664" s="613"/>
      <c r="TTL664" s="613"/>
      <c r="TTM664" s="613"/>
      <c r="TTN664" s="613"/>
      <c r="TTO664" s="613"/>
      <c r="TTP664" s="613"/>
      <c r="TTQ664" s="613"/>
      <c r="TTR664" s="613"/>
      <c r="TTS664" s="613"/>
      <c r="TTT664" s="613"/>
      <c r="TTU664" s="613"/>
      <c r="TTV664" s="613"/>
      <c r="TTW664" s="613"/>
      <c r="TTX664" s="613"/>
      <c r="TTY664" s="613"/>
      <c r="TTZ664" s="613"/>
      <c r="TUA664" s="613"/>
      <c r="TUB664" s="613"/>
      <c r="TUC664" s="613"/>
      <c r="TUD664" s="613"/>
      <c r="TUE664" s="613"/>
      <c r="TUF664" s="613"/>
      <c r="TUG664" s="613"/>
      <c r="TUH664" s="613"/>
      <c r="TUI664" s="613"/>
      <c r="TUJ664" s="613"/>
      <c r="TUK664" s="613"/>
      <c r="TUL664" s="613"/>
      <c r="TUM664" s="613"/>
      <c r="TUN664" s="613"/>
      <c r="TUO664" s="613"/>
      <c r="TUP664" s="613"/>
      <c r="TUQ664" s="613"/>
      <c r="TUR664" s="613"/>
      <c r="TUS664" s="613"/>
      <c r="TUT664" s="613"/>
      <c r="TUU664" s="613"/>
      <c r="TUV664" s="613"/>
      <c r="TUW664" s="613"/>
      <c r="TUX664" s="613"/>
      <c r="TUY664" s="613"/>
      <c r="TUZ664" s="613"/>
      <c r="TVA664" s="613"/>
      <c r="TVB664" s="613"/>
      <c r="TVC664" s="613"/>
      <c r="TVD664" s="613"/>
      <c r="TVE664" s="613"/>
      <c r="TVF664" s="613"/>
      <c r="TVG664" s="613"/>
      <c r="TVH664" s="613"/>
      <c r="TVI664" s="613"/>
      <c r="TVJ664" s="613"/>
      <c r="TVK664" s="613"/>
      <c r="TVL664" s="613"/>
      <c r="TVM664" s="613"/>
      <c r="TVN664" s="613"/>
      <c r="TVO664" s="613"/>
      <c r="TVP664" s="613"/>
      <c r="TVQ664" s="613"/>
      <c r="TVR664" s="613"/>
      <c r="TVS664" s="613"/>
      <c r="TVT664" s="613"/>
      <c r="TVU664" s="613"/>
      <c r="TVV664" s="613"/>
      <c r="TVW664" s="613"/>
      <c r="TVX664" s="613"/>
      <c r="TVY664" s="613"/>
      <c r="TVZ664" s="613"/>
      <c r="TWA664" s="613"/>
      <c r="TWB664" s="613"/>
      <c r="TWC664" s="613"/>
      <c r="TWD664" s="613"/>
      <c r="TWE664" s="613"/>
      <c r="TWF664" s="613"/>
      <c r="TWG664" s="613"/>
      <c r="TWH664" s="613"/>
      <c r="TWI664" s="613"/>
      <c r="TWJ664" s="613"/>
      <c r="TWK664" s="613"/>
      <c r="TWL664" s="613"/>
      <c r="TWM664" s="613"/>
      <c r="TWN664" s="613"/>
      <c r="TWO664" s="613"/>
      <c r="TWP664" s="613"/>
      <c r="TWQ664" s="613"/>
      <c r="TWR664" s="613"/>
      <c r="TWS664" s="613"/>
      <c r="TWT664" s="613"/>
      <c r="TWU664" s="613"/>
      <c r="TWV664" s="613"/>
      <c r="TWW664" s="613"/>
      <c r="TWX664" s="613"/>
      <c r="TWY664" s="613"/>
      <c r="TWZ664" s="613"/>
      <c r="TXA664" s="613"/>
      <c r="TXB664" s="613"/>
      <c r="TXC664" s="613"/>
      <c r="TXD664" s="613"/>
      <c r="TXE664" s="613"/>
      <c r="TXF664" s="613"/>
      <c r="TXG664" s="613"/>
      <c r="TXH664" s="613"/>
      <c r="TXI664" s="613"/>
      <c r="TXJ664" s="613"/>
      <c r="TXK664" s="613"/>
      <c r="TXL664" s="613"/>
      <c r="TXM664" s="613"/>
      <c r="TXN664" s="613"/>
      <c r="TXO664" s="613"/>
      <c r="TXP664" s="613"/>
      <c r="TXQ664" s="613"/>
      <c r="TXR664" s="613"/>
      <c r="TXS664" s="613"/>
      <c r="TXT664" s="613"/>
      <c r="TXU664" s="613"/>
      <c r="TXV664" s="613"/>
      <c r="TXW664" s="613"/>
      <c r="TXX664" s="613"/>
      <c r="TXY664" s="613"/>
      <c r="TXZ664" s="613"/>
      <c r="TYA664" s="613"/>
      <c r="TYB664" s="613"/>
      <c r="TYC664" s="613"/>
      <c r="TYD664" s="613"/>
      <c r="TYE664" s="613"/>
      <c r="TYF664" s="613"/>
      <c r="TYG664" s="613"/>
      <c r="TYH664" s="613"/>
      <c r="TYI664" s="613"/>
      <c r="TYJ664" s="613"/>
      <c r="TYK664" s="613"/>
      <c r="TYL664" s="613"/>
      <c r="TYM664" s="613"/>
      <c r="TYN664" s="613"/>
      <c r="TYO664" s="613"/>
      <c r="TYP664" s="613"/>
      <c r="TYQ664" s="613"/>
      <c r="TYR664" s="613"/>
      <c r="TYS664" s="613"/>
      <c r="TYT664" s="613"/>
      <c r="TYU664" s="613"/>
      <c r="TYV664" s="613"/>
      <c r="TYW664" s="613"/>
      <c r="TYX664" s="613"/>
      <c r="TYY664" s="613"/>
      <c r="TYZ664" s="613"/>
      <c r="TZA664" s="613"/>
      <c r="TZB664" s="613"/>
      <c r="TZC664" s="613"/>
      <c r="TZD664" s="613"/>
      <c r="TZE664" s="613"/>
      <c r="TZF664" s="613"/>
      <c r="TZG664" s="613"/>
      <c r="TZH664" s="613"/>
      <c r="TZI664" s="613"/>
      <c r="TZJ664" s="613"/>
      <c r="TZK664" s="613"/>
      <c r="TZL664" s="613"/>
      <c r="TZM664" s="613"/>
      <c r="TZN664" s="613"/>
      <c r="TZO664" s="613"/>
      <c r="TZP664" s="613"/>
      <c r="TZQ664" s="613"/>
      <c r="TZR664" s="613"/>
      <c r="TZS664" s="613"/>
      <c r="TZT664" s="613"/>
      <c r="TZU664" s="613"/>
      <c r="TZV664" s="613"/>
      <c r="TZW664" s="613"/>
      <c r="TZX664" s="613"/>
      <c r="TZY664" s="613"/>
      <c r="TZZ664" s="613"/>
      <c r="UAA664" s="613"/>
      <c r="UAB664" s="613"/>
      <c r="UAC664" s="613"/>
      <c r="UAD664" s="613"/>
      <c r="UAE664" s="613"/>
      <c r="UAF664" s="613"/>
      <c r="UAG664" s="613"/>
      <c r="UAH664" s="613"/>
      <c r="UAI664" s="613"/>
      <c r="UAJ664" s="613"/>
      <c r="UAK664" s="613"/>
      <c r="UAL664" s="613"/>
      <c r="UAM664" s="613"/>
      <c r="UAN664" s="613"/>
      <c r="UAO664" s="613"/>
      <c r="UAP664" s="613"/>
      <c r="UAQ664" s="613"/>
      <c r="UAR664" s="613"/>
      <c r="UAS664" s="613"/>
      <c r="UAT664" s="613"/>
      <c r="UAU664" s="613"/>
      <c r="UAV664" s="613"/>
      <c r="UAW664" s="613"/>
      <c r="UAX664" s="613"/>
      <c r="UAY664" s="613"/>
      <c r="UAZ664" s="613"/>
      <c r="UBA664" s="613"/>
      <c r="UBB664" s="613"/>
      <c r="UBC664" s="613"/>
      <c r="UBD664" s="613"/>
      <c r="UBE664" s="613"/>
      <c r="UBF664" s="613"/>
      <c r="UBG664" s="613"/>
      <c r="UBH664" s="613"/>
      <c r="UBI664" s="613"/>
      <c r="UBJ664" s="613"/>
      <c r="UBK664" s="613"/>
      <c r="UBL664" s="613"/>
      <c r="UBM664" s="613"/>
      <c r="UBN664" s="613"/>
      <c r="UBO664" s="613"/>
      <c r="UBP664" s="613"/>
      <c r="UBQ664" s="613"/>
      <c r="UBR664" s="613"/>
      <c r="UBS664" s="613"/>
      <c r="UBT664" s="613"/>
      <c r="UBU664" s="613"/>
      <c r="UBV664" s="613"/>
      <c r="UBW664" s="613"/>
      <c r="UBX664" s="613"/>
      <c r="UBY664" s="613"/>
      <c r="UBZ664" s="613"/>
      <c r="UCA664" s="613"/>
      <c r="UCB664" s="613"/>
      <c r="UCC664" s="613"/>
      <c r="UCD664" s="613"/>
      <c r="UCE664" s="613"/>
      <c r="UCF664" s="613"/>
      <c r="UCG664" s="613"/>
      <c r="UCH664" s="613"/>
      <c r="UCI664" s="613"/>
      <c r="UCJ664" s="613"/>
      <c r="UCK664" s="613"/>
      <c r="UCL664" s="613"/>
      <c r="UCM664" s="613"/>
      <c r="UCN664" s="613"/>
      <c r="UCO664" s="613"/>
      <c r="UCP664" s="613"/>
      <c r="UCQ664" s="613"/>
      <c r="UCR664" s="613"/>
      <c r="UCS664" s="613"/>
      <c r="UCT664" s="613"/>
      <c r="UCU664" s="613"/>
      <c r="UCV664" s="613"/>
      <c r="UCW664" s="613"/>
      <c r="UCX664" s="613"/>
      <c r="UCY664" s="613"/>
      <c r="UCZ664" s="613"/>
      <c r="UDA664" s="613"/>
      <c r="UDB664" s="613"/>
      <c r="UDC664" s="613"/>
      <c r="UDD664" s="613"/>
      <c r="UDE664" s="613"/>
      <c r="UDF664" s="613"/>
      <c r="UDG664" s="613"/>
      <c r="UDH664" s="613"/>
      <c r="UDI664" s="613"/>
      <c r="UDJ664" s="613"/>
      <c r="UDK664" s="613"/>
      <c r="UDL664" s="613"/>
      <c r="UDM664" s="613"/>
      <c r="UDN664" s="613"/>
      <c r="UDO664" s="613"/>
      <c r="UDP664" s="613"/>
      <c r="UDQ664" s="613"/>
      <c r="UDR664" s="613"/>
      <c r="UDS664" s="613"/>
      <c r="UDT664" s="613"/>
      <c r="UDU664" s="613"/>
      <c r="UDV664" s="613"/>
      <c r="UDW664" s="613"/>
      <c r="UDX664" s="613"/>
      <c r="UDY664" s="613"/>
      <c r="UDZ664" s="613"/>
      <c r="UEA664" s="613"/>
      <c r="UEB664" s="613"/>
      <c r="UEC664" s="613"/>
      <c r="UED664" s="613"/>
      <c r="UEE664" s="613"/>
      <c r="UEF664" s="613"/>
      <c r="UEG664" s="613"/>
      <c r="UEH664" s="613"/>
      <c r="UEI664" s="613"/>
      <c r="UEJ664" s="613"/>
      <c r="UEK664" s="613"/>
      <c r="UEL664" s="613"/>
      <c r="UEM664" s="613"/>
      <c r="UEN664" s="613"/>
      <c r="UEO664" s="613"/>
      <c r="UEP664" s="613"/>
      <c r="UEQ664" s="613"/>
      <c r="UER664" s="613"/>
      <c r="UES664" s="613"/>
      <c r="UET664" s="613"/>
      <c r="UEU664" s="613"/>
      <c r="UEV664" s="613"/>
      <c r="UEW664" s="613"/>
      <c r="UEX664" s="613"/>
      <c r="UEY664" s="613"/>
      <c r="UEZ664" s="613"/>
      <c r="UFA664" s="613"/>
      <c r="UFB664" s="613"/>
      <c r="UFC664" s="613"/>
      <c r="UFD664" s="613"/>
      <c r="UFE664" s="613"/>
      <c r="UFF664" s="613"/>
      <c r="UFG664" s="613"/>
      <c r="UFH664" s="613"/>
      <c r="UFI664" s="613"/>
      <c r="UFJ664" s="613"/>
      <c r="UFK664" s="613"/>
      <c r="UFL664" s="613"/>
      <c r="UFM664" s="613"/>
      <c r="UFN664" s="613"/>
      <c r="UFO664" s="613"/>
      <c r="UFP664" s="613"/>
      <c r="UFQ664" s="613"/>
      <c r="UFR664" s="613"/>
      <c r="UFS664" s="613"/>
      <c r="UFT664" s="613"/>
      <c r="UFU664" s="613"/>
      <c r="UFV664" s="613"/>
      <c r="UFW664" s="613"/>
      <c r="UFX664" s="613"/>
      <c r="UFY664" s="613"/>
      <c r="UFZ664" s="613"/>
      <c r="UGA664" s="613"/>
      <c r="UGB664" s="613"/>
      <c r="UGC664" s="613"/>
      <c r="UGD664" s="613"/>
      <c r="UGE664" s="613"/>
      <c r="UGF664" s="613"/>
      <c r="UGG664" s="613"/>
      <c r="UGH664" s="613"/>
      <c r="UGI664" s="613"/>
      <c r="UGJ664" s="613"/>
      <c r="UGK664" s="613"/>
      <c r="UGL664" s="613"/>
      <c r="UGM664" s="613"/>
      <c r="UGN664" s="613"/>
      <c r="UGO664" s="613"/>
      <c r="UGP664" s="613"/>
      <c r="UGQ664" s="613"/>
      <c r="UGR664" s="613"/>
      <c r="UGS664" s="613"/>
      <c r="UGT664" s="613"/>
      <c r="UGU664" s="613"/>
      <c r="UGV664" s="613"/>
      <c r="UGW664" s="613"/>
      <c r="UGX664" s="613"/>
      <c r="UGY664" s="613"/>
      <c r="UGZ664" s="613"/>
      <c r="UHA664" s="613"/>
      <c r="UHB664" s="613"/>
      <c r="UHC664" s="613"/>
      <c r="UHD664" s="613"/>
      <c r="UHE664" s="613"/>
      <c r="UHF664" s="613"/>
      <c r="UHG664" s="613"/>
      <c r="UHH664" s="613"/>
      <c r="UHI664" s="613"/>
      <c r="UHJ664" s="613"/>
      <c r="UHK664" s="613"/>
      <c r="UHL664" s="613"/>
      <c r="UHM664" s="613"/>
      <c r="UHN664" s="613"/>
      <c r="UHO664" s="613"/>
      <c r="UHP664" s="613"/>
      <c r="UHQ664" s="613"/>
      <c r="UHR664" s="613"/>
      <c r="UHS664" s="613"/>
      <c r="UHT664" s="613"/>
      <c r="UHU664" s="613"/>
      <c r="UHV664" s="613"/>
      <c r="UHW664" s="613"/>
      <c r="UHX664" s="613"/>
      <c r="UHY664" s="613"/>
      <c r="UHZ664" s="613"/>
      <c r="UIA664" s="613"/>
      <c r="UIB664" s="613"/>
      <c r="UIC664" s="613"/>
      <c r="UID664" s="613"/>
      <c r="UIE664" s="613"/>
      <c r="UIF664" s="613"/>
      <c r="UIG664" s="613"/>
      <c r="UIH664" s="613"/>
      <c r="UII664" s="613"/>
      <c r="UIJ664" s="613"/>
      <c r="UIK664" s="613"/>
      <c r="UIL664" s="613"/>
      <c r="UIM664" s="613"/>
      <c r="UIN664" s="613"/>
      <c r="UIO664" s="613"/>
      <c r="UIP664" s="613"/>
      <c r="UIQ664" s="613"/>
      <c r="UIR664" s="613"/>
      <c r="UIS664" s="613"/>
      <c r="UIT664" s="613"/>
      <c r="UIU664" s="613"/>
      <c r="UIV664" s="613"/>
      <c r="UIW664" s="613"/>
      <c r="UIX664" s="613"/>
      <c r="UIY664" s="613"/>
      <c r="UIZ664" s="613"/>
      <c r="UJA664" s="613"/>
      <c r="UJB664" s="613"/>
      <c r="UJC664" s="613"/>
      <c r="UJD664" s="613"/>
      <c r="UJE664" s="613"/>
      <c r="UJF664" s="613"/>
      <c r="UJG664" s="613"/>
      <c r="UJH664" s="613"/>
      <c r="UJI664" s="613"/>
      <c r="UJJ664" s="613"/>
      <c r="UJK664" s="613"/>
      <c r="UJL664" s="613"/>
      <c r="UJM664" s="613"/>
      <c r="UJN664" s="613"/>
      <c r="UJO664" s="613"/>
      <c r="UJP664" s="613"/>
      <c r="UJQ664" s="613"/>
      <c r="UJR664" s="613"/>
      <c r="UJS664" s="613"/>
      <c r="UJT664" s="613"/>
      <c r="UJU664" s="613"/>
      <c r="UJV664" s="613"/>
      <c r="UJW664" s="613"/>
      <c r="UJX664" s="613"/>
      <c r="UJY664" s="613"/>
      <c r="UJZ664" s="613"/>
      <c r="UKA664" s="613"/>
      <c r="UKB664" s="613"/>
      <c r="UKC664" s="613"/>
      <c r="UKD664" s="613"/>
      <c r="UKE664" s="613"/>
      <c r="UKF664" s="613"/>
      <c r="UKG664" s="613"/>
      <c r="UKH664" s="613"/>
      <c r="UKI664" s="613"/>
      <c r="UKJ664" s="613"/>
      <c r="UKK664" s="613"/>
      <c r="UKL664" s="613"/>
      <c r="UKM664" s="613"/>
      <c r="UKN664" s="613"/>
      <c r="UKO664" s="613"/>
      <c r="UKP664" s="613"/>
      <c r="UKQ664" s="613"/>
      <c r="UKR664" s="613"/>
      <c r="UKS664" s="613"/>
      <c r="UKT664" s="613"/>
      <c r="UKU664" s="613"/>
      <c r="UKV664" s="613"/>
      <c r="UKW664" s="613"/>
      <c r="UKX664" s="613"/>
      <c r="UKY664" s="613"/>
      <c r="UKZ664" s="613"/>
      <c r="ULA664" s="613"/>
      <c r="ULB664" s="613"/>
      <c r="ULC664" s="613"/>
      <c r="ULD664" s="613"/>
      <c r="ULE664" s="613"/>
      <c r="ULF664" s="613"/>
      <c r="ULG664" s="613"/>
      <c r="ULH664" s="613"/>
      <c r="ULI664" s="613"/>
      <c r="ULJ664" s="613"/>
      <c r="ULK664" s="613"/>
      <c r="ULL664" s="613"/>
      <c r="ULM664" s="613"/>
      <c r="ULN664" s="613"/>
      <c r="ULO664" s="613"/>
      <c r="ULP664" s="613"/>
      <c r="ULQ664" s="613"/>
      <c r="ULR664" s="613"/>
      <c r="ULS664" s="613"/>
      <c r="ULT664" s="613"/>
      <c r="ULU664" s="613"/>
      <c r="ULV664" s="613"/>
      <c r="ULW664" s="613"/>
      <c r="ULX664" s="613"/>
      <c r="ULY664" s="613"/>
      <c r="ULZ664" s="613"/>
      <c r="UMA664" s="613"/>
      <c r="UMB664" s="613"/>
      <c r="UMC664" s="613"/>
      <c r="UMD664" s="613"/>
      <c r="UME664" s="613"/>
      <c r="UMF664" s="613"/>
      <c r="UMG664" s="613"/>
      <c r="UMH664" s="613"/>
      <c r="UMI664" s="613"/>
      <c r="UMJ664" s="613"/>
      <c r="UMK664" s="613"/>
      <c r="UML664" s="613"/>
      <c r="UMM664" s="613"/>
      <c r="UMN664" s="613"/>
      <c r="UMO664" s="613"/>
      <c r="UMP664" s="613"/>
      <c r="UMQ664" s="613"/>
      <c r="UMR664" s="613"/>
      <c r="UMS664" s="613"/>
      <c r="UMT664" s="613"/>
      <c r="UMU664" s="613"/>
      <c r="UMV664" s="613"/>
      <c r="UMW664" s="613"/>
      <c r="UMX664" s="613"/>
      <c r="UMY664" s="613"/>
      <c r="UMZ664" s="613"/>
      <c r="UNA664" s="613"/>
      <c r="UNB664" s="613"/>
      <c r="UNC664" s="613"/>
      <c r="UND664" s="613"/>
      <c r="UNE664" s="613"/>
      <c r="UNF664" s="613"/>
      <c r="UNG664" s="613"/>
      <c r="UNH664" s="613"/>
      <c r="UNI664" s="613"/>
      <c r="UNJ664" s="613"/>
      <c r="UNK664" s="613"/>
      <c r="UNL664" s="613"/>
      <c r="UNM664" s="613"/>
      <c r="UNN664" s="613"/>
      <c r="UNO664" s="613"/>
      <c r="UNP664" s="613"/>
      <c r="UNQ664" s="613"/>
      <c r="UNR664" s="613"/>
      <c r="UNS664" s="613"/>
      <c r="UNT664" s="613"/>
      <c r="UNU664" s="613"/>
      <c r="UNV664" s="613"/>
      <c r="UNW664" s="613"/>
      <c r="UNX664" s="613"/>
      <c r="UNY664" s="613"/>
      <c r="UNZ664" s="613"/>
      <c r="UOA664" s="613"/>
      <c r="UOB664" s="613"/>
      <c r="UOC664" s="613"/>
      <c r="UOD664" s="613"/>
      <c r="UOE664" s="613"/>
      <c r="UOF664" s="613"/>
      <c r="UOG664" s="613"/>
      <c r="UOH664" s="613"/>
      <c r="UOI664" s="613"/>
      <c r="UOJ664" s="613"/>
      <c r="UOK664" s="613"/>
      <c r="UOL664" s="613"/>
      <c r="UOM664" s="613"/>
      <c r="UON664" s="613"/>
      <c r="UOO664" s="613"/>
      <c r="UOP664" s="613"/>
      <c r="UOQ664" s="613"/>
      <c r="UOR664" s="613"/>
      <c r="UOS664" s="613"/>
      <c r="UOT664" s="613"/>
      <c r="UOU664" s="613"/>
      <c r="UOV664" s="613"/>
      <c r="UOW664" s="613"/>
      <c r="UOX664" s="613"/>
      <c r="UOY664" s="613"/>
      <c r="UOZ664" s="613"/>
      <c r="UPA664" s="613"/>
      <c r="UPB664" s="613"/>
      <c r="UPC664" s="613"/>
      <c r="UPD664" s="613"/>
      <c r="UPE664" s="613"/>
      <c r="UPF664" s="613"/>
      <c r="UPG664" s="613"/>
      <c r="UPH664" s="613"/>
      <c r="UPI664" s="613"/>
      <c r="UPJ664" s="613"/>
      <c r="UPK664" s="613"/>
      <c r="UPL664" s="613"/>
      <c r="UPM664" s="613"/>
      <c r="UPN664" s="613"/>
      <c r="UPO664" s="613"/>
      <c r="UPP664" s="613"/>
      <c r="UPQ664" s="613"/>
      <c r="UPR664" s="613"/>
      <c r="UPS664" s="613"/>
      <c r="UPT664" s="613"/>
      <c r="UPU664" s="613"/>
      <c r="UPV664" s="613"/>
      <c r="UPW664" s="613"/>
      <c r="UPX664" s="613"/>
      <c r="UPY664" s="613"/>
      <c r="UPZ664" s="613"/>
      <c r="UQA664" s="613"/>
      <c r="UQB664" s="613"/>
      <c r="UQC664" s="613"/>
      <c r="UQD664" s="613"/>
      <c r="UQE664" s="613"/>
      <c r="UQF664" s="613"/>
      <c r="UQG664" s="613"/>
      <c r="UQH664" s="613"/>
      <c r="UQI664" s="613"/>
      <c r="UQJ664" s="613"/>
      <c r="UQK664" s="613"/>
      <c r="UQL664" s="613"/>
      <c r="UQM664" s="613"/>
      <c r="UQN664" s="613"/>
      <c r="UQO664" s="613"/>
      <c r="UQP664" s="613"/>
      <c r="UQQ664" s="613"/>
      <c r="UQR664" s="613"/>
      <c r="UQS664" s="613"/>
      <c r="UQT664" s="613"/>
      <c r="UQU664" s="613"/>
      <c r="UQV664" s="613"/>
      <c r="UQW664" s="613"/>
      <c r="UQX664" s="613"/>
      <c r="UQY664" s="613"/>
      <c r="UQZ664" s="613"/>
      <c r="URA664" s="613"/>
      <c r="URB664" s="613"/>
      <c r="URC664" s="613"/>
      <c r="URD664" s="613"/>
      <c r="URE664" s="613"/>
      <c r="URF664" s="613"/>
      <c r="URG664" s="613"/>
      <c r="URH664" s="613"/>
      <c r="URI664" s="613"/>
      <c r="URJ664" s="613"/>
      <c r="URK664" s="613"/>
      <c r="URL664" s="613"/>
      <c r="URM664" s="613"/>
      <c r="URN664" s="613"/>
      <c r="URO664" s="613"/>
      <c r="URP664" s="613"/>
      <c r="URQ664" s="613"/>
      <c r="URR664" s="613"/>
      <c r="URS664" s="613"/>
      <c r="URT664" s="613"/>
      <c r="URU664" s="613"/>
      <c r="URV664" s="613"/>
      <c r="URW664" s="613"/>
      <c r="URX664" s="613"/>
      <c r="URY664" s="613"/>
      <c r="URZ664" s="613"/>
      <c r="USA664" s="613"/>
      <c r="USB664" s="613"/>
      <c r="USC664" s="613"/>
      <c r="USD664" s="613"/>
      <c r="USE664" s="613"/>
      <c r="USF664" s="613"/>
      <c r="USG664" s="613"/>
      <c r="USH664" s="613"/>
      <c r="USI664" s="613"/>
      <c r="USJ664" s="613"/>
      <c r="USK664" s="613"/>
      <c r="USL664" s="613"/>
      <c r="USM664" s="613"/>
      <c r="USN664" s="613"/>
      <c r="USO664" s="613"/>
      <c r="USP664" s="613"/>
      <c r="USQ664" s="613"/>
      <c r="USR664" s="613"/>
      <c r="USS664" s="613"/>
      <c r="UST664" s="613"/>
      <c r="USU664" s="613"/>
      <c r="USV664" s="613"/>
      <c r="USW664" s="613"/>
      <c r="USX664" s="613"/>
      <c r="USY664" s="613"/>
      <c r="USZ664" s="613"/>
      <c r="UTA664" s="613"/>
      <c r="UTB664" s="613"/>
      <c r="UTC664" s="613"/>
      <c r="UTD664" s="613"/>
      <c r="UTE664" s="613"/>
      <c r="UTF664" s="613"/>
      <c r="UTG664" s="613"/>
      <c r="UTH664" s="613"/>
      <c r="UTI664" s="613"/>
      <c r="UTJ664" s="613"/>
      <c r="UTK664" s="613"/>
      <c r="UTL664" s="613"/>
      <c r="UTM664" s="613"/>
      <c r="UTN664" s="613"/>
      <c r="UTO664" s="613"/>
      <c r="UTP664" s="613"/>
      <c r="UTQ664" s="613"/>
      <c r="UTR664" s="613"/>
      <c r="UTS664" s="613"/>
      <c r="UTT664" s="613"/>
      <c r="UTU664" s="613"/>
      <c r="UTV664" s="613"/>
      <c r="UTW664" s="613"/>
      <c r="UTX664" s="613"/>
      <c r="UTY664" s="613"/>
      <c r="UTZ664" s="613"/>
      <c r="UUA664" s="613"/>
      <c r="UUB664" s="613"/>
      <c r="UUC664" s="613"/>
      <c r="UUD664" s="613"/>
      <c r="UUE664" s="613"/>
      <c r="UUF664" s="613"/>
      <c r="UUG664" s="613"/>
      <c r="UUH664" s="613"/>
      <c r="UUI664" s="613"/>
      <c r="UUJ664" s="613"/>
      <c r="UUK664" s="613"/>
      <c r="UUL664" s="613"/>
      <c r="UUM664" s="613"/>
      <c r="UUN664" s="613"/>
      <c r="UUO664" s="613"/>
      <c r="UUP664" s="613"/>
      <c r="UUQ664" s="613"/>
      <c r="UUR664" s="613"/>
      <c r="UUS664" s="613"/>
      <c r="UUT664" s="613"/>
      <c r="UUU664" s="613"/>
      <c r="UUV664" s="613"/>
      <c r="UUW664" s="613"/>
      <c r="UUX664" s="613"/>
      <c r="UUY664" s="613"/>
      <c r="UUZ664" s="613"/>
      <c r="UVA664" s="613"/>
      <c r="UVB664" s="613"/>
      <c r="UVC664" s="613"/>
      <c r="UVD664" s="613"/>
      <c r="UVE664" s="613"/>
      <c r="UVF664" s="613"/>
      <c r="UVG664" s="613"/>
      <c r="UVH664" s="613"/>
      <c r="UVI664" s="613"/>
      <c r="UVJ664" s="613"/>
      <c r="UVK664" s="613"/>
      <c r="UVL664" s="613"/>
      <c r="UVM664" s="613"/>
      <c r="UVN664" s="613"/>
      <c r="UVO664" s="613"/>
      <c r="UVP664" s="613"/>
      <c r="UVQ664" s="613"/>
      <c r="UVR664" s="613"/>
      <c r="UVS664" s="613"/>
      <c r="UVT664" s="613"/>
      <c r="UVU664" s="613"/>
      <c r="UVV664" s="613"/>
      <c r="UVW664" s="613"/>
      <c r="UVX664" s="613"/>
      <c r="UVY664" s="613"/>
      <c r="UVZ664" s="613"/>
      <c r="UWA664" s="613"/>
      <c r="UWB664" s="613"/>
      <c r="UWC664" s="613"/>
      <c r="UWD664" s="613"/>
      <c r="UWE664" s="613"/>
      <c r="UWF664" s="613"/>
      <c r="UWG664" s="613"/>
      <c r="UWH664" s="613"/>
      <c r="UWI664" s="613"/>
      <c r="UWJ664" s="613"/>
      <c r="UWK664" s="613"/>
      <c r="UWL664" s="613"/>
      <c r="UWM664" s="613"/>
      <c r="UWN664" s="613"/>
      <c r="UWO664" s="613"/>
      <c r="UWP664" s="613"/>
      <c r="UWQ664" s="613"/>
      <c r="UWR664" s="613"/>
      <c r="UWS664" s="613"/>
      <c r="UWT664" s="613"/>
      <c r="UWU664" s="613"/>
      <c r="UWV664" s="613"/>
      <c r="UWW664" s="613"/>
      <c r="UWX664" s="613"/>
      <c r="UWY664" s="613"/>
      <c r="UWZ664" s="613"/>
      <c r="UXA664" s="613"/>
      <c r="UXB664" s="613"/>
      <c r="UXC664" s="613"/>
      <c r="UXD664" s="613"/>
      <c r="UXE664" s="613"/>
      <c r="UXF664" s="613"/>
      <c r="UXG664" s="613"/>
      <c r="UXH664" s="613"/>
      <c r="UXI664" s="613"/>
      <c r="UXJ664" s="613"/>
      <c r="UXK664" s="613"/>
      <c r="UXL664" s="613"/>
      <c r="UXM664" s="613"/>
      <c r="UXN664" s="613"/>
      <c r="UXO664" s="613"/>
      <c r="UXP664" s="613"/>
      <c r="UXQ664" s="613"/>
      <c r="UXR664" s="613"/>
      <c r="UXS664" s="613"/>
      <c r="UXT664" s="613"/>
      <c r="UXU664" s="613"/>
      <c r="UXV664" s="613"/>
      <c r="UXW664" s="613"/>
      <c r="UXX664" s="613"/>
      <c r="UXY664" s="613"/>
      <c r="UXZ664" s="613"/>
      <c r="UYA664" s="613"/>
      <c r="UYB664" s="613"/>
      <c r="UYC664" s="613"/>
      <c r="UYD664" s="613"/>
      <c r="UYE664" s="613"/>
      <c r="UYF664" s="613"/>
      <c r="UYG664" s="613"/>
      <c r="UYH664" s="613"/>
      <c r="UYI664" s="613"/>
      <c r="UYJ664" s="613"/>
      <c r="UYK664" s="613"/>
      <c r="UYL664" s="613"/>
      <c r="UYM664" s="613"/>
      <c r="UYN664" s="613"/>
      <c r="UYO664" s="613"/>
      <c r="UYP664" s="613"/>
      <c r="UYQ664" s="613"/>
      <c r="UYR664" s="613"/>
      <c r="UYS664" s="613"/>
      <c r="UYT664" s="613"/>
      <c r="UYU664" s="613"/>
      <c r="UYV664" s="613"/>
      <c r="UYW664" s="613"/>
      <c r="UYX664" s="613"/>
      <c r="UYY664" s="613"/>
      <c r="UYZ664" s="613"/>
      <c r="UZA664" s="613"/>
      <c r="UZB664" s="613"/>
      <c r="UZC664" s="613"/>
      <c r="UZD664" s="613"/>
      <c r="UZE664" s="613"/>
      <c r="UZF664" s="613"/>
      <c r="UZG664" s="613"/>
      <c r="UZH664" s="613"/>
      <c r="UZI664" s="613"/>
      <c r="UZJ664" s="613"/>
      <c r="UZK664" s="613"/>
      <c r="UZL664" s="613"/>
      <c r="UZM664" s="613"/>
      <c r="UZN664" s="613"/>
      <c r="UZO664" s="613"/>
      <c r="UZP664" s="613"/>
      <c r="UZQ664" s="613"/>
      <c r="UZR664" s="613"/>
      <c r="UZS664" s="613"/>
      <c r="UZT664" s="613"/>
      <c r="UZU664" s="613"/>
      <c r="UZV664" s="613"/>
      <c r="UZW664" s="613"/>
      <c r="UZX664" s="613"/>
      <c r="UZY664" s="613"/>
      <c r="UZZ664" s="613"/>
      <c r="VAA664" s="613"/>
      <c r="VAB664" s="613"/>
      <c r="VAC664" s="613"/>
      <c r="VAD664" s="613"/>
      <c r="VAE664" s="613"/>
      <c r="VAF664" s="613"/>
      <c r="VAG664" s="613"/>
      <c r="VAH664" s="613"/>
      <c r="VAI664" s="613"/>
      <c r="VAJ664" s="613"/>
      <c r="VAK664" s="613"/>
      <c r="VAL664" s="613"/>
      <c r="VAM664" s="613"/>
      <c r="VAN664" s="613"/>
      <c r="VAO664" s="613"/>
      <c r="VAP664" s="613"/>
      <c r="VAQ664" s="613"/>
      <c r="VAR664" s="613"/>
      <c r="VAS664" s="613"/>
      <c r="VAT664" s="613"/>
      <c r="VAU664" s="613"/>
      <c r="VAV664" s="613"/>
      <c r="VAW664" s="613"/>
      <c r="VAX664" s="613"/>
      <c r="VAY664" s="613"/>
      <c r="VAZ664" s="613"/>
      <c r="VBA664" s="613"/>
      <c r="VBB664" s="613"/>
      <c r="VBC664" s="613"/>
      <c r="VBD664" s="613"/>
      <c r="VBE664" s="613"/>
      <c r="VBF664" s="613"/>
      <c r="VBG664" s="613"/>
      <c r="VBH664" s="613"/>
      <c r="VBI664" s="613"/>
      <c r="VBJ664" s="613"/>
      <c r="VBK664" s="613"/>
      <c r="VBL664" s="613"/>
      <c r="VBM664" s="613"/>
      <c r="VBN664" s="613"/>
      <c r="VBO664" s="613"/>
      <c r="VBP664" s="613"/>
      <c r="VBQ664" s="613"/>
      <c r="VBR664" s="613"/>
      <c r="VBS664" s="613"/>
      <c r="VBT664" s="613"/>
      <c r="VBU664" s="613"/>
      <c r="VBV664" s="613"/>
      <c r="VBW664" s="613"/>
      <c r="VBX664" s="613"/>
      <c r="VBY664" s="613"/>
      <c r="VBZ664" s="613"/>
      <c r="VCA664" s="613"/>
      <c r="VCB664" s="613"/>
      <c r="VCC664" s="613"/>
      <c r="VCD664" s="613"/>
      <c r="VCE664" s="613"/>
      <c r="VCF664" s="613"/>
      <c r="VCG664" s="613"/>
      <c r="VCH664" s="613"/>
      <c r="VCI664" s="613"/>
      <c r="VCJ664" s="613"/>
      <c r="VCK664" s="613"/>
      <c r="VCL664" s="613"/>
      <c r="VCM664" s="613"/>
      <c r="VCN664" s="613"/>
      <c r="VCO664" s="613"/>
      <c r="VCP664" s="613"/>
      <c r="VCQ664" s="613"/>
      <c r="VCR664" s="613"/>
      <c r="VCS664" s="613"/>
      <c r="VCT664" s="613"/>
      <c r="VCU664" s="613"/>
      <c r="VCV664" s="613"/>
      <c r="VCW664" s="613"/>
      <c r="VCX664" s="613"/>
      <c r="VCY664" s="613"/>
      <c r="VCZ664" s="613"/>
      <c r="VDA664" s="613"/>
      <c r="VDB664" s="613"/>
      <c r="VDC664" s="613"/>
      <c r="VDD664" s="613"/>
      <c r="VDE664" s="613"/>
      <c r="VDF664" s="613"/>
      <c r="VDG664" s="613"/>
      <c r="VDH664" s="613"/>
      <c r="VDI664" s="613"/>
      <c r="VDJ664" s="613"/>
      <c r="VDK664" s="613"/>
      <c r="VDL664" s="613"/>
      <c r="VDM664" s="613"/>
      <c r="VDN664" s="613"/>
      <c r="VDO664" s="613"/>
      <c r="VDP664" s="613"/>
      <c r="VDQ664" s="613"/>
      <c r="VDR664" s="613"/>
      <c r="VDS664" s="613"/>
      <c r="VDT664" s="613"/>
      <c r="VDU664" s="613"/>
      <c r="VDV664" s="613"/>
      <c r="VDW664" s="613"/>
      <c r="VDX664" s="613"/>
      <c r="VDY664" s="613"/>
      <c r="VDZ664" s="613"/>
      <c r="VEA664" s="613"/>
      <c r="VEB664" s="613"/>
      <c r="VEC664" s="613"/>
      <c r="VED664" s="613"/>
      <c r="VEE664" s="613"/>
      <c r="VEF664" s="613"/>
      <c r="VEG664" s="613"/>
      <c r="VEH664" s="613"/>
      <c r="VEI664" s="613"/>
      <c r="VEJ664" s="613"/>
      <c r="VEK664" s="613"/>
      <c r="VEL664" s="613"/>
      <c r="VEM664" s="613"/>
      <c r="VEN664" s="613"/>
      <c r="VEO664" s="613"/>
      <c r="VEP664" s="613"/>
      <c r="VEQ664" s="613"/>
      <c r="VER664" s="613"/>
      <c r="VES664" s="613"/>
      <c r="VET664" s="613"/>
      <c r="VEU664" s="613"/>
      <c r="VEV664" s="613"/>
      <c r="VEW664" s="613"/>
      <c r="VEX664" s="613"/>
      <c r="VEY664" s="613"/>
      <c r="VEZ664" s="613"/>
      <c r="VFA664" s="613"/>
      <c r="VFB664" s="613"/>
      <c r="VFC664" s="613"/>
      <c r="VFD664" s="613"/>
      <c r="VFE664" s="613"/>
      <c r="VFF664" s="613"/>
      <c r="VFG664" s="613"/>
      <c r="VFH664" s="613"/>
      <c r="VFI664" s="613"/>
      <c r="VFJ664" s="613"/>
      <c r="VFK664" s="613"/>
      <c r="VFL664" s="613"/>
      <c r="VFM664" s="613"/>
      <c r="VFN664" s="613"/>
      <c r="VFO664" s="613"/>
      <c r="VFP664" s="613"/>
      <c r="VFQ664" s="613"/>
      <c r="VFR664" s="613"/>
      <c r="VFS664" s="613"/>
      <c r="VFT664" s="613"/>
      <c r="VFU664" s="613"/>
      <c r="VFV664" s="613"/>
      <c r="VFW664" s="613"/>
      <c r="VFX664" s="613"/>
      <c r="VFY664" s="613"/>
      <c r="VFZ664" s="613"/>
      <c r="VGA664" s="613"/>
      <c r="VGB664" s="613"/>
      <c r="VGC664" s="613"/>
      <c r="VGD664" s="613"/>
      <c r="VGE664" s="613"/>
      <c r="VGF664" s="613"/>
      <c r="VGG664" s="613"/>
      <c r="VGH664" s="613"/>
      <c r="VGI664" s="613"/>
      <c r="VGJ664" s="613"/>
      <c r="VGK664" s="613"/>
      <c r="VGL664" s="613"/>
      <c r="VGM664" s="613"/>
      <c r="VGN664" s="613"/>
      <c r="VGO664" s="613"/>
      <c r="VGP664" s="613"/>
      <c r="VGQ664" s="613"/>
      <c r="VGR664" s="613"/>
      <c r="VGS664" s="613"/>
      <c r="VGT664" s="613"/>
      <c r="VGU664" s="613"/>
      <c r="VGV664" s="613"/>
      <c r="VGW664" s="613"/>
      <c r="VGX664" s="613"/>
      <c r="VGY664" s="613"/>
      <c r="VGZ664" s="613"/>
      <c r="VHA664" s="613"/>
      <c r="VHB664" s="613"/>
      <c r="VHC664" s="613"/>
      <c r="VHD664" s="613"/>
      <c r="VHE664" s="613"/>
      <c r="VHF664" s="613"/>
      <c r="VHG664" s="613"/>
      <c r="VHH664" s="613"/>
      <c r="VHI664" s="613"/>
      <c r="VHJ664" s="613"/>
      <c r="VHK664" s="613"/>
      <c r="VHL664" s="613"/>
      <c r="VHM664" s="613"/>
      <c r="VHN664" s="613"/>
      <c r="VHO664" s="613"/>
      <c r="VHP664" s="613"/>
      <c r="VHQ664" s="613"/>
      <c r="VHR664" s="613"/>
      <c r="VHS664" s="613"/>
      <c r="VHT664" s="613"/>
      <c r="VHU664" s="613"/>
      <c r="VHV664" s="613"/>
      <c r="VHW664" s="613"/>
      <c r="VHX664" s="613"/>
      <c r="VHY664" s="613"/>
      <c r="VHZ664" s="613"/>
      <c r="VIA664" s="613"/>
      <c r="VIB664" s="613"/>
      <c r="VIC664" s="613"/>
      <c r="VID664" s="613"/>
      <c r="VIE664" s="613"/>
      <c r="VIF664" s="613"/>
      <c r="VIG664" s="613"/>
      <c r="VIH664" s="613"/>
      <c r="VII664" s="613"/>
      <c r="VIJ664" s="613"/>
      <c r="VIK664" s="613"/>
      <c r="VIL664" s="613"/>
      <c r="VIM664" s="613"/>
      <c r="VIN664" s="613"/>
      <c r="VIO664" s="613"/>
      <c r="VIP664" s="613"/>
      <c r="VIQ664" s="613"/>
      <c r="VIR664" s="613"/>
      <c r="VIS664" s="613"/>
      <c r="VIT664" s="613"/>
      <c r="VIU664" s="613"/>
      <c r="VIV664" s="613"/>
      <c r="VIW664" s="613"/>
      <c r="VIX664" s="613"/>
      <c r="VIY664" s="613"/>
      <c r="VIZ664" s="613"/>
      <c r="VJA664" s="613"/>
      <c r="VJB664" s="613"/>
      <c r="VJC664" s="613"/>
      <c r="VJD664" s="613"/>
      <c r="VJE664" s="613"/>
      <c r="VJF664" s="613"/>
      <c r="VJG664" s="613"/>
      <c r="VJH664" s="613"/>
      <c r="VJI664" s="613"/>
      <c r="VJJ664" s="613"/>
      <c r="VJK664" s="613"/>
      <c r="VJL664" s="613"/>
      <c r="VJM664" s="613"/>
      <c r="VJN664" s="613"/>
      <c r="VJO664" s="613"/>
      <c r="VJP664" s="613"/>
      <c r="VJQ664" s="613"/>
      <c r="VJR664" s="613"/>
      <c r="VJS664" s="613"/>
      <c r="VJT664" s="613"/>
      <c r="VJU664" s="613"/>
      <c r="VJV664" s="613"/>
      <c r="VJW664" s="613"/>
      <c r="VJX664" s="613"/>
      <c r="VJY664" s="613"/>
      <c r="VJZ664" s="613"/>
      <c r="VKA664" s="613"/>
      <c r="VKB664" s="613"/>
      <c r="VKC664" s="613"/>
      <c r="VKD664" s="613"/>
      <c r="VKE664" s="613"/>
      <c r="VKF664" s="613"/>
      <c r="VKG664" s="613"/>
      <c r="VKH664" s="613"/>
      <c r="VKI664" s="613"/>
      <c r="VKJ664" s="613"/>
      <c r="VKK664" s="613"/>
      <c r="VKL664" s="613"/>
      <c r="VKM664" s="613"/>
      <c r="VKN664" s="613"/>
      <c r="VKO664" s="613"/>
      <c r="VKP664" s="613"/>
      <c r="VKQ664" s="613"/>
      <c r="VKR664" s="613"/>
      <c r="VKS664" s="613"/>
      <c r="VKT664" s="613"/>
      <c r="VKU664" s="613"/>
      <c r="VKV664" s="613"/>
      <c r="VKW664" s="613"/>
      <c r="VKX664" s="613"/>
      <c r="VKY664" s="613"/>
      <c r="VKZ664" s="613"/>
      <c r="VLA664" s="613"/>
      <c r="VLB664" s="613"/>
      <c r="VLC664" s="613"/>
      <c r="VLD664" s="613"/>
      <c r="VLE664" s="613"/>
      <c r="VLF664" s="613"/>
      <c r="VLG664" s="613"/>
      <c r="VLH664" s="613"/>
      <c r="VLI664" s="613"/>
      <c r="VLJ664" s="613"/>
      <c r="VLK664" s="613"/>
      <c r="VLL664" s="613"/>
      <c r="VLM664" s="613"/>
      <c r="VLN664" s="613"/>
      <c r="VLO664" s="613"/>
      <c r="VLP664" s="613"/>
      <c r="VLQ664" s="613"/>
      <c r="VLR664" s="613"/>
      <c r="VLS664" s="613"/>
      <c r="VLT664" s="613"/>
      <c r="VLU664" s="613"/>
      <c r="VLV664" s="613"/>
      <c r="VLW664" s="613"/>
      <c r="VLX664" s="613"/>
      <c r="VLY664" s="613"/>
      <c r="VLZ664" s="613"/>
      <c r="VMA664" s="613"/>
      <c r="VMB664" s="613"/>
      <c r="VMC664" s="613"/>
      <c r="VMD664" s="613"/>
      <c r="VME664" s="613"/>
      <c r="VMF664" s="613"/>
      <c r="VMG664" s="613"/>
      <c r="VMH664" s="613"/>
      <c r="VMI664" s="613"/>
      <c r="VMJ664" s="613"/>
      <c r="VMK664" s="613"/>
      <c r="VML664" s="613"/>
      <c r="VMM664" s="613"/>
      <c r="VMN664" s="613"/>
      <c r="VMO664" s="613"/>
      <c r="VMP664" s="613"/>
      <c r="VMQ664" s="613"/>
      <c r="VMR664" s="613"/>
      <c r="VMS664" s="613"/>
      <c r="VMT664" s="613"/>
      <c r="VMU664" s="613"/>
      <c r="VMV664" s="613"/>
      <c r="VMW664" s="613"/>
      <c r="VMX664" s="613"/>
      <c r="VMY664" s="613"/>
      <c r="VMZ664" s="613"/>
      <c r="VNA664" s="613"/>
      <c r="VNB664" s="613"/>
      <c r="VNC664" s="613"/>
      <c r="VND664" s="613"/>
      <c r="VNE664" s="613"/>
      <c r="VNF664" s="613"/>
      <c r="VNG664" s="613"/>
      <c r="VNH664" s="613"/>
      <c r="VNI664" s="613"/>
      <c r="VNJ664" s="613"/>
      <c r="VNK664" s="613"/>
      <c r="VNL664" s="613"/>
      <c r="VNM664" s="613"/>
      <c r="VNN664" s="613"/>
      <c r="VNO664" s="613"/>
      <c r="VNP664" s="613"/>
      <c r="VNQ664" s="613"/>
      <c r="VNR664" s="613"/>
      <c r="VNS664" s="613"/>
      <c r="VNT664" s="613"/>
      <c r="VNU664" s="613"/>
      <c r="VNV664" s="613"/>
      <c r="VNW664" s="613"/>
      <c r="VNX664" s="613"/>
      <c r="VNY664" s="613"/>
      <c r="VNZ664" s="613"/>
      <c r="VOA664" s="613"/>
      <c r="VOB664" s="613"/>
      <c r="VOC664" s="613"/>
      <c r="VOD664" s="613"/>
      <c r="VOE664" s="613"/>
      <c r="VOF664" s="613"/>
      <c r="VOG664" s="613"/>
      <c r="VOH664" s="613"/>
      <c r="VOI664" s="613"/>
      <c r="VOJ664" s="613"/>
      <c r="VOK664" s="613"/>
      <c r="VOL664" s="613"/>
      <c r="VOM664" s="613"/>
      <c r="VON664" s="613"/>
      <c r="VOO664" s="613"/>
      <c r="VOP664" s="613"/>
      <c r="VOQ664" s="613"/>
      <c r="VOR664" s="613"/>
      <c r="VOS664" s="613"/>
      <c r="VOT664" s="613"/>
      <c r="VOU664" s="613"/>
      <c r="VOV664" s="613"/>
      <c r="VOW664" s="613"/>
      <c r="VOX664" s="613"/>
      <c r="VOY664" s="613"/>
      <c r="VOZ664" s="613"/>
      <c r="VPA664" s="613"/>
      <c r="VPB664" s="613"/>
      <c r="VPC664" s="613"/>
      <c r="VPD664" s="613"/>
      <c r="VPE664" s="613"/>
      <c r="VPF664" s="613"/>
      <c r="VPG664" s="613"/>
      <c r="VPH664" s="613"/>
      <c r="VPI664" s="613"/>
      <c r="VPJ664" s="613"/>
      <c r="VPK664" s="613"/>
      <c r="VPL664" s="613"/>
      <c r="VPM664" s="613"/>
      <c r="VPN664" s="613"/>
      <c r="VPO664" s="613"/>
      <c r="VPP664" s="613"/>
      <c r="VPQ664" s="613"/>
      <c r="VPR664" s="613"/>
      <c r="VPS664" s="613"/>
      <c r="VPT664" s="613"/>
      <c r="VPU664" s="613"/>
      <c r="VPV664" s="613"/>
      <c r="VPW664" s="613"/>
      <c r="VPX664" s="613"/>
      <c r="VPY664" s="613"/>
      <c r="VPZ664" s="613"/>
      <c r="VQA664" s="613"/>
      <c r="VQB664" s="613"/>
      <c r="VQC664" s="613"/>
      <c r="VQD664" s="613"/>
      <c r="VQE664" s="613"/>
      <c r="VQF664" s="613"/>
      <c r="VQG664" s="613"/>
      <c r="VQH664" s="613"/>
      <c r="VQI664" s="613"/>
      <c r="VQJ664" s="613"/>
      <c r="VQK664" s="613"/>
      <c r="VQL664" s="613"/>
      <c r="VQM664" s="613"/>
      <c r="VQN664" s="613"/>
      <c r="VQO664" s="613"/>
      <c r="VQP664" s="613"/>
      <c r="VQQ664" s="613"/>
      <c r="VQR664" s="613"/>
      <c r="VQS664" s="613"/>
      <c r="VQT664" s="613"/>
      <c r="VQU664" s="613"/>
      <c r="VQV664" s="613"/>
      <c r="VQW664" s="613"/>
      <c r="VQX664" s="613"/>
      <c r="VQY664" s="613"/>
      <c r="VQZ664" s="613"/>
      <c r="VRA664" s="613"/>
      <c r="VRB664" s="613"/>
      <c r="VRC664" s="613"/>
      <c r="VRD664" s="613"/>
      <c r="VRE664" s="613"/>
      <c r="VRF664" s="613"/>
      <c r="VRG664" s="613"/>
      <c r="VRH664" s="613"/>
      <c r="VRI664" s="613"/>
      <c r="VRJ664" s="613"/>
      <c r="VRK664" s="613"/>
      <c r="VRL664" s="613"/>
      <c r="VRM664" s="613"/>
      <c r="VRN664" s="613"/>
      <c r="VRO664" s="613"/>
      <c r="VRP664" s="613"/>
      <c r="VRQ664" s="613"/>
      <c r="VRR664" s="613"/>
      <c r="VRS664" s="613"/>
      <c r="VRT664" s="613"/>
      <c r="VRU664" s="613"/>
      <c r="VRV664" s="613"/>
      <c r="VRW664" s="613"/>
      <c r="VRX664" s="613"/>
      <c r="VRY664" s="613"/>
      <c r="VRZ664" s="613"/>
      <c r="VSA664" s="613"/>
      <c r="VSB664" s="613"/>
      <c r="VSC664" s="613"/>
      <c r="VSD664" s="613"/>
      <c r="VSE664" s="613"/>
      <c r="VSF664" s="613"/>
      <c r="VSG664" s="613"/>
      <c r="VSH664" s="613"/>
      <c r="VSI664" s="613"/>
      <c r="VSJ664" s="613"/>
      <c r="VSK664" s="613"/>
      <c r="VSL664" s="613"/>
      <c r="VSM664" s="613"/>
      <c r="VSN664" s="613"/>
      <c r="VSO664" s="613"/>
      <c r="VSP664" s="613"/>
      <c r="VSQ664" s="613"/>
      <c r="VSR664" s="613"/>
      <c r="VSS664" s="613"/>
      <c r="VST664" s="613"/>
      <c r="VSU664" s="613"/>
      <c r="VSV664" s="613"/>
      <c r="VSW664" s="613"/>
      <c r="VSX664" s="613"/>
      <c r="VSY664" s="613"/>
      <c r="VSZ664" s="613"/>
      <c r="VTA664" s="613"/>
      <c r="VTB664" s="613"/>
      <c r="VTC664" s="613"/>
      <c r="VTD664" s="613"/>
      <c r="VTE664" s="613"/>
      <c r="VTF664" s="613"/>
      <c r="VTG664" s="613"/>
      <c r="VTH664" s="613"/>
      <c r="VTI664" s="613"/>
      <c r="VTJ664" s="613"/>
      <c r="VTK664" s="613"/>
      <c r="VTL664" s="613"/>
      <c r="VTM664" s="613"/>
      <c r="VTN664" s="613"/>
      <c r="VTO664" s="613"/>
      <c r="VTP664" s="613"/>
      <c r="VTQ664" s="613"/>
      <c r="VTR664" s="613"/>
      <c r="VTS664" s="613"/>
      <c r="VTT664" s="613"/>
      <c r="VTU664" s="613"/>
      <c r="VTV664" s="613"/>
      <c r="VTW664" s="613"/>
      <c r="VTX664" s="613"/>
      <c r="VTY664" s="613"/>
      <c r="VTZ664" s="613"/>
      <c r="VUA664" s="613"/>
      <c r="VUB664" s="613"/>
      <c r="VUC664" s="613"/>
      <c r="VUD664" s="613"/>
      <c r="VUE664" s="613"/>
      <c r="VUF664" s="613"/>
      <c r="VUG664" s="613"/>
      <c r="VUH664" s="613"/>
      <c r="VUI664" s="613"/>
      <c r="VUJ664" s="613"/>
      <c r="VUK664" s="613"/>
      <c r="VUL664" s="613"/>
      <c r="VUM664" s="613"/>
      <c r="VUN664" s="613"/>
      <c r="VUO664" s="613"/>
      <c r="VUP664" s="613"/>
      <c r="VUQ664" s="613"/>
      <c r="VUR664" s="613"/>
      <c r="VUS664" s="613"/>
      <c r="VUT664" s="613"/>
      <c r="VUU664" s="613"/>
      <c r="VUV664" s="613"/>
      <c r="VUW664" s="613"/>
      <c r="VUX664" s="613"/>
      <c r="VUY664" s="613"/>
      <c r="VUZ664" s="613"/>
      <c r="VVA664" s="613"/>
      <c r="VVB664" s="613"/>
      <c r="VVC664" s="613"/>
      <c r="VVD664" s="613"/>
      <c r="VVE664" s="613"/>
      <c r="VVF664" s="613"/>
      <c r="VVG664" s="613"/>
      <c r="VVH664" s="613"/>
      <c r="VVI664" s="613"/>
      <c r="VVJ664" s="613"/>
      <c r="VVK664" s="613"/>
      <c r="VVL664" s="613"/>
      <c r="VVM664" s="613"/>
      <c r="VVN664" s="613"/>
      <c r="VVO664" s="613"/>
      <c r="VVP664" s="613"/>
      <c r="VVQ664" s="613"/>
      <c r="VVR664" s="613"/>
      <c r="VVS664" s="613"/>
      <c r="VVT664" s="613"/>
      <c r="VVU664" s="613"/>
      <c r="VVV664" s="613"/>
      <c r="VVW664" s="613"/>
      <c r="VVX664" s="613"/>
      <c r="VVY664" s="613"/>
      <c r="VVZ664" s="613"/>
      <c r="VWA664" s="613"/>
      <c r="VWB664" s="613"/>
      <c r="VWC664" s="613"/>
      <c r="VWD664" s="613"/>
      <c r="VWE664" s="613"/>
      <c r="VWF664" s="613"/>
      <c r="VWG664" s="613"/>
      <c r="VWH664" s="613"/>
      <c r="VWI664" s="613"/>
      <c r="VWJ664" s="613"/>
      <c r="VWK664" s="613"/>
      <c r="VWL664" s="613"/>
      <c r="VWM664" s="613"/>
      <c r="VWN664" s="613"/>
      <c r="VWO664" s="613"/>
      <c r="VWP664" s="613"/>
      <c r="VWQ664" s="613"/>
      <c r="VWR664" s="613"/>
      <c r="VWS664" s="613"/>
      <c r="VWT664" s="613"/>
      <c r="VWU664" s="613"/>
      <c r="VWV664" s="613"/>
      <c r="VWW664" s="613"/>
      <c r="VWX664" s="613"/>
      <c r="VWY664" s="613"/>
      <c r="VWZ664" s="613"/>
      <c r="VXA664" s="613"/>
      <c r="VXB664" s="613"/>
      <c r="VXC664" s="613"/>
      <c r="VXD664" s="613"/>
      <c r="VXE664" s="613"/>
      <c r="VXF664" s="613"/>
      <c r="VXG664" s="613"/>
      <c r="VXH664" s="613"/>
      <c r="VXI664" s="613"/>
      <c r="VXJ664" s="613"/>
      <c r="VXK664" s="613"/>
      <c r="VXL664" s="613"/>
      <c r="VXM664" s="613"/>
      <c r="VXN664" s="613"/>
      <c r="VXO664" s="613"/>
      <c r="VXP664" s="613"/>
      <c r="VXQ664" s="613"/>
      <c r="VXR664" s="613"/>
      <c r="VXS664" s="613"/>
      <c r="VXT664" s="613"/>
      <c r="VXU664" s="613"/>
      <c r="VXV664" s="613"/>
      <c r="VXW664" s="613"/>
      <c r="VXX664" s="613"/>
      <c r="VXY664" s="613"/>
      <c r="VXZ664" s="613"/>
      <c r="VYA664" s="613"/>
      <c r="VYB664" s="613"/>
      <c r="VYC664" s="613"/>
      <c r="VYD664" s="613"/>
      <c r="VYE664" s="613"/>
      <c r="VYF664" s="613"/>
      <c r="VYG664" s="613"/>
      <c r="VYH664" s="613"/>
      <c r="VYI664" s="613"/>
      <c r="VYJ664" s="613"/>
      <c r="VYK664" s="613"/>
      <c r="VYL664" s="613"/>
      <c r="VYM664" s="613"/>
      <c r="VYN664" s="613"/>
      <c r="VYO664" s="613"/>
      <c r="VYP664" s="613"/>
      <c r="VYQ664" s="613"/>
      <c r="VYR664" s="613"/>
      <c r="VYS664" s="613"/>
      <c r="VYT664" s="613"/>
      <c r="VYU664" s="613"/>
      <c r="VYV664" s="613"/>
      <c r="VYW664" s="613"/>
      <c r="VYX664" s="613"/>
      <c r="VYY664" s="613"/>
      <c r="VYZ664" s="613"/>
      <c r="VZA664" s="613"/>
      <c r="VZB664" s="613"/>
      <c r="VZC664" s="613"/>
      <c r="VZD664" s="613"/>
      <c r="VZE664" s="613"/>
      <c r="VZF664" s="613"/>
      <c r="VZG664" s="613"/>
      <c r="VZH664" s="613"/>
      <c r="VZI664" s="613"/>
      <c r="VZJ664" s="613"/>
      <c r="VZK664" s="613"/>
      <c r="VZL664" s="613"/>
      <c r="VZM664" s="613"/>
      <c r="VZN664" s="613"/>
      <c r="VZO664" s="613"/>
      <c r="VZP664" s="613"/>
      <c r="VZQ664" s="613"/>
      <c r="VZR664" s="613"/>
      <c r="VZS664" s="613"/>
      <c r="VZT664" s="613"/>
      <c r="VZU664" s="613"/>
      <c r="VZV664" s="613"/>
      <c r="VZW664" s="613"/>
      <c r="VZX664" s="613"/>
      <c r="VZY664" s="613"/>
      <c r="VZZ664" s="613"/>
      <c r="WAA664" s="613"/>
      <c r="WAB664" s="613"/>
      <c r="WAC664" s="613"/>
      <c r="WAD664" s="613"/>
      <c r="WAE664" s="613"/>
      <c r="WAF664" s="613"/>
      <c r="WAG664" s="613"/>
      <c r="WAH664" s="613"/>
      <c r="WAI664" s="613"/>
      <c r="WAJ664" s="613"/>
      <c r="WAK664" s="613"/>
      <c r="WAL664" s="613"/>
      <c r="WAM664" s="613"/>
      <c r="WAN664" s="613"/>
      <c r="WAO664" s="613"/>
      <c r="WAP664" s="613"/>
      <c r="WAQ664" s="613"/>
      <c r="WAR664" s="613"/>
      <c r="WAS664" s="613"/>
      <c r="WAT664" s="613"/>
      <c r="WAU664" s="613"/>
      <c r="WAV664" s="613"/>
      <c r="WAW664" s="613"/>
      <c r="WAX664" s="613"/>
      <c r="WAY664" s="613"/>
      <c r="WAZ664" s="613"/>
      <c r="WBA664" s="613"/>
      <c r="WBB664" s="613"/>
      <c r="WBC664" s="613"/>
      <c r="WBD664" s="613"/>
      <c r="WBE664" s="613"/>
      <c r="WBF664" s="613"/>
      <c r="WBG664" s="613"/>
      <c r="WBH664" s="613"/>
      <c r="WBI664" s="613"/>
      <c r="WBJ664" s="613"/>
      <c r="WBK664" s="613"/>
      <c r="WBL664" s="613"/>
      <c r="WBM664" s="613"/>
      <c r="WBN664" s="613"/>
      <c r="WBO664" s="613"/>
      <c r="WBP664" s="613"/>
      <c r="WBQ664" s="613"/>
      <c r="WBR664" s="613"/>
      <c r="WBS664" s="613"/>
      <c r="WBT664" s="613"/>
      <c r="WBU664" s="613"/>
      <c r="WBV664" s="613"/>
      <c r="WBW664" s="613"/>
      <c r="WBX664" s="613"/>
      <c r="WBY664" s="613"/>
      <c r="WBZ664" s="613"/>
      <c r="WCA664" s="613"/>
      <c r="WCB664" s="613"/>
      <c r="WCC664" s="613"/>
      <c r="WCD664" s="613"/>
      <c r="WCE664" s="613"/>
      <c r="WCF664" s="613"/>
      <c r="WCG664" s="613"/>
      <c r="WCH664" s="613"/>
      <c r="WCI664" s="613"/>
      <c r="WCJ664" s="613"/>
      <c r="WCK664" s="613"/>
      <c r="WCL664" s="613"/>
      <c r="WCM664" s="613"/>
      <c r="WCN664" s="613"/>
      <c r="WCO664" s="613"/>
      <c r="WCP664" s="613"/>
      <c r="WCQ664" s="613"/>
      <c r="WCR664" s="613"/>
      <c r="WCS664" s="613"/>
      <c r="WCT664" s="613"/>
      <c r="WCU664" s="613"/>
      <c r="WCV664" s="613"/>
      <c r="WCW664" s="613"/>
      <c r="WCX664" s="613"/>
      <c r="WCY664" s="613"/>
      <c r="WCZ664" s="613"/>
      <c r="WDA664" s="613"/>
      <c r="WDB664" s="613"/>
      <c r="WDC664" s="613"/>
      <c r="WDD664" s="613"/>
      <c r="WDE664" s="613"/>
      <c r="WDF664" s="613"/>
      <c r="WDG664" s="613"/>
      <c r="WDH664" s="613"/>
      <c r="WDI664" s="613"/>
      <c r="WDJ664" s="613"/>
      <c r="WDK664" s="613"/>
      <c r="WDL664" s="613"/>
      <c r="WDM664" s="613"/>
      <c r="WDN664" s="613"/>
      <c r="WDO664" s="613"/>
      <c r="WDP664" s="613"/>
      <c r="WDQ664" s="613"/>
      <c r="WDR664" s="613"/>
      <c r="WDS664" s="613"/>
      <c r="WDT664" s="613"/>
      <c r="WDU664" s="613"/>
      <c r="WDV664" s="613"/>
      <c r="WDW664" s="613"/>
      <c r="WDX664" s="613"/>
      <c r="WDY664" s="613"/>
      <c r="WDZ664" s="613"/>
      <c r="WEA664" s="613"/>
      <c r="WEB664" s="613"/>
      <c r="WEC664" s="613"/>
      <c r="WED664" s="613"/>
      <c r="WEE664" s="613"/>
      <c r="WEF664" s="613"/>
      <c r="WEG664" s="613"/>
      <c r="WEH664" s="613"/>
      <c r="WEI664" s="613"/>
      <c r="WEJ664" s="613"/>
      <c r="WEK664" s="613"/>
      <c r="WEL664" s="613"/>
      <c r="WEM664" s="613"/>
      <c r="WEN664" s="613"/>
      <c r="WEO664" s="613"/>
      <c r="WEP664" s="613"/>
      <c r="WEQ664" s="613"/>
      <c r="WER664" s="613"/>
      <c r="WES664" s="613"/>
      <c r="WET664" s="613"/>
      <c r="WEU664" s="613"/>
      <c r="WEV664" s="613"/>
      <c r="WEW664" s="613"/>
      <c r="WEX664" s="613"/>
      <c r="WEY664" s="613"/>
      <c r="WEZ664" s="613"/>
      <c r="WFA664" s="613"/>
      <c r="WFB664" s="613"/>
      <c r="WFC664" s="613"/>
      <c r="WFD664" s="613"/>
      <c r="WFE664" s="613"/>
      <c r="WFF664" s="613"/>
      <c r="WFG664" s="613"/>
      <c r="WFH664" s="613"/>
      <c r="WFI664" s="613"/>
      <c r="WFJ664" s="613"/>
      <c r="WFK664" s="613"/>
      <c r="WFL664" s="613"/>
      <c r="WFM664" s="613"/>
      <c r="WFN664" s="613"/>
      <c r="WFO664" s="613"/>
      <c r="WFP664" s="613"/>
      <c r="WFQ664" s="613"/>
      <c r="WFR664" s="613"/>
      <c r="WFS664" s="613"/>
      <c r="WFT664" s="613"/>
      <c r="WFU664" s="613"/>
      <c r="WFV664" s="613"/>
      <c r="WFW664" s="613"/>
      <c r="WFX664" s="613"/>
      <c r="WFY664" s="613"/>
      <c r="WFZ664" s="613"/>
      <c r="WGA664" s="613"/>
      <c r="WGB664" s="613"/>
      <c r="WGC664" s="613"/>
      <c r="WGD664" s="613"/>
      <c r="WGE664" s="613"/>
      <c r="WGF664" s="613"/>
      <c r="WGG664" s="613"/>
      <c r="WGH664" s="613"/>
      <c r="WGI664" s="613"/>
      <c r="WGJ664" s="613"/>
      <c r="WGK664" s="613"/>
      <c r="WGL664" s="613"/>
      <c r="WGM664" s="613"/>
      <c r="WGN664" s="613"/>
      <c r="WGO664" s="613"/>
      <c r="WGP664" s="613"/>
      <c r="WGQ664" s="613"/>
      <c r="WGR664" s="613"/>
      <c r="WGS664" s="613"/>
      <c r="WGT664" s="613"/>
      <c r="WGU664" s="613"/>
      <c r="WGV664" s="613"/>
      <c r="WGW664" s="613"/>
      <c r="WGX664" s="613"/>
      <c r="WGY664" s="613"/>
      <c r="WGZ664" s="613"/>
      <c r="WHA664" s="613"/>
      <c r="WHB664" s="613"/>
      <c r="WHC664" s="613"/>
      <c r="WHD664" s="613"/>
      <c r="WHE664" s="613"/>
      <c r="WHF664" s="613"/>
      <c r="WHG664" s="613"/>
      <c r="WHH664" s="613"/>
      <c r="WHI664" s="613"/>
      <c r="WHJ664" s="613"/>
      <c r="WHK664" s="613"/>
      <c r="WHL664" s="613"/>
      <c r="WHM664" s="613"/>
      <c r="WHN664" s="613"/>
      <c r="WHO664" s="613"/>
      <c r="WHP664" s="613"/>
      <c r="WHQ664" s="613"/>
      <c r="WHR664" s="613"/>
      <c r="WHS664" s="613"/>
      <c r="WHT664" s="613"/>
      <c r="WHU664" s="613"/>
      <c r="WHV664" s="613"/>
      <c r="WHW664" s="613"/>
      <c r="WHX664" s="613"/>
      <c r="WHY664" s="613"/>
      <c r="WHZ664" s="613"/>
      <c r="WIA664" s="613"/>
      <c r="WIB664" s="613"/>
      <c r="WIC664" s="613"/>
      <c r="WID664" s="613"/>
      <c r="WIE664" s="613"/>
      <c r="WIF664" s="613"/>
      <c r="WIG664" s="613"/>
      <c r="WIH664" s="613"/>
      <c r="WII664" s="613"/>
      <c r="WIJ664" s="613"/>
      <c r="WIK664" s="613"/>
      <c r="WIL664" s="613"/>
      <c r="WIM664" s="613"/>
      <c r="WIN664" s="613"/>
      <c r="WIO664" s="613"/>
      <c r="WIP664" s="613"/>
      <c r="WIQ664" s="613"/>
      <c r="WIR664" s="613"/>
      <c r="WIS664" s="613"/>
      <c r="WIT664" s="613"/>
      <c r="WIU664" s="613"/>
      <c r="WIV664" s="613"/>
      <c r="WIW664" s="613"/>
      <c r="WIX664" s="613"/>
      <c r="WIY664" s="613"/>
      <c r="WIZ664" s="613"/>
      <c r="WJA664" s="613"/>
      <c r="WJB664" s="613"/>
      <c r="WJC664" s="613"/>
      <c r="WJD664" s="613"/>
      <c r="WJE664" s="613"/>
      <c r="WJF664" s="613"/>
      <c r="WJG664" s="613"/>
      <c r="WJH664" s="613"/>
      <c r="WJI664" s="613"/>
      <c r="WJJ664" s="613"/>
      <c r="WJK664" s="613"/>
      <c r="WJL664" s="613"/>
      <c r="WJM664" s="613"/>
      <c r="WJN664" s="613"/>
      <c r="WJO664" s="613"/>
      <c r="WJP664" s="613"/>
      <c r="WJQ664" s="613"/>
      <c r="WJR664" s="613"/>
      <c r="WJS664" s="613"/>
      <c r="WJT664" s="613"/>
      <c r="WJU664" s="613"/>
      <c r="WJV664" s="613"/>
      <c r="WJW664" s="613"/>
      <c r="WJX664" s="613"/>
      <c r="WJY664" s="613"/>
      <c r="WJZ664" s="613"/>
      <c r="WKA664" s="613"/>
      <c r="WKB664" s="613"/>
      <c r="WKC664" s="613"/>
      <c r="WKD664" s="613"/>
      <c r="WKE664" s="613"/>
      <c r="WKF664" s="613"/>
      <c r="WKG664" s="613"/>
      <c r="WKH664" s="613"/>
      <c r="WKI664" s="613"/>
      <c r="WKJ664" s="613"/>
      <c r="WKK664" s="613"/>
      <c r="WKL664" s="613"/>
      <c r="WKM664" s="613"/>
      <c r="WKN664" s="613"/>
      <c r="WKO664" s="613"/>
      <c r="WKP664" s="613"/>
      <c r="WKQ664" s="613"/>
      <c r="WKR664" s="613"/>
      <c r="WKS664" s="613"/>
      <c r="WKT664" s="613"/>
      <c r="WKU664" s="613"/>
      <c r="WKV664" s="613"/>
      <c r="WKW664" s="613"/>
      <c r="WKX664" s="613"/>
      <c r="WKY664" s="613"/>
      <c r="WKZ664" s="613"/>
      <c r="WLA664" s="613"/>
      <c r="WLB664" s="613"/>
      <c r="WLC664" s="613"/>
      <c r="WLD664" s="613"/>
      <c r="WLE664" s="613"/>
      <c r="WLF664" s="613"/>
      <c r="WLG664" s="613"/>
      <c r="WLH664" s="613"/>
      <c r="WLI664" s="613"/>
      <c r="WLJ664" s="613"/>
      <c r="WLK664" s="613"/>
      <c r="WLL664" s="613"/>
      <c r="WLM664" s="613"/>
      <c r="WLN664" s="613"/>
      <c r="WLO664" s="613"/>
      <c r="WLP664" s="613"/>
      <c r="WLQ664" s="613"/>
      <c r="WLR664" s="613"/>
      <c r="WLS664" s="613"/>
      <c r="WLT664" s="613"/>
      <c r="WLU664" s="613"/>
      <c r="WLV664" s="613"/>
      <c r="WLW664" s="613"/>
      <c r="WLX664" s="613"/>
      <c r="WLY664" s="613"/>
      <c r="WLZ664" s="613"/>
      <c r="WMA664" s="613"/>
      <c r="WMB664" s="613"/>
      <c r="WMC664" s="613"/>
      <c r="WMD664" s="613"/>
      <c r="WME664" s="613"/>
      <c r="WMF664" s="613"/>
      <c r="WMG664" s="613"/>
      <c r="WMH664" s="613"/>
      <c r="WMI664" s="613"/>
      <c r="WMJ664" s="613"/>
      <c r="WMK664" s="613"/>
      <c r="WML664" s="613"/>
      <c r="WMM664" s="613"/>
      <c r="WMN664" s="613"/>
      <c r="WMO664" s="613"/>
      <c r="WMP664" s="613"/>
      <c r="WMQ664" s="613"/>
      <c r="WMR664" s="613"/>
      <c r="WMS664" s="613"/>
      <c r="WMT664" s="613"/>
      <c r="WMU664" s="613"/>
      <c r="WMV664" s="613"/>
      <c r="WMW664" s="613"/>
      <c r="WMX664" s="613"/>
      <c r="WMY664" s="613"/>
      <c r="WMZ664" s="613"/>
      <c r="WNA664" s="613"/>
      <c r="WNB664" s="613"/>
      <c r="WNC664" s="613"/>
      <c r="WND664" s="613"/>
      <c r="WNE664" s="613"/>
      <c r="WNF664" s="613"/>
      <c r="WNG664" s="613"/>
      <c r="WNH664" s="613"/>
      <c r="WNI664" s="613"/>
      <c r="WNJ664" s="613"/>
      <c r="WNK664" s="613"/>
      <c r="WNL664" s="613"/>
      <c r="WNM664" s="613"/>
      <c r="WNN664" s="613"/>
      <c r="WNO664" s="613"/>
      <c r="WNP664" s="613"/>
      <c r="WNQ664" s="613"/>
      <c r="WNR664" s="613"/>
      <c r="WNS664" s="613"/>
      <c r="WNT664" s="613"/>
      <c r="WNU664" s="613"/>
      <c r="WNV664" s="613"/>
      <c r="WNW664" s="613"/>
      <c r="WNX664" s="613"/>
      <c r="WNY664" s="613"/>
      <c r="WNZ664" s="613"/>
      <c r="WOA664" s="613"/>
      <c r="WOB664" s="613"/>
      <c r="WOC664" s="613"/>
      <c r="WOD664" s="613"/>
      <c r="WOE664" s="613"/>
      <c r="WOF664" s="613"/>
      <c r="WOG664" s="613"/>
      <c r="WOH664" s="613"/>
      <c r="WOI664" s="613"/>
      <c r="WOJ664" s="613"/>
      <c r="WOK664" s="613"/>
      <c r="WOL664" s="613"/>
      <c r="WOM664" s="613"/>
      <c r="WON664" s="613"/>
      <c r="WOO664" s="613"/>
      <c r="WOP664" s="613"/>
      <c r="WOQ664" s="613"/>
      <c r="WOR664" s="613"/>
      <c r="WOS664" s="613"/>
      <c r="WOT664" s="613"/>
      <c r="WOU664" s="613"/>
      <c r="WOV664" s="613"/>
      <c r="WOW664" s="613"/>
      <c r="WOX664" s="613"/>
      <c r="WOY664" s="613"/>
      <c r="WOZ664" s="613"/>
      <c r="WPA664" s="613"/>
      <c r="WPB664" s="613"/>
      <c r="WPC664" s="613"/>
      <c r="WPD664" s="613"/>
      <c r="WPE664" s="613"/>
      <c r="WPF664" s="613"/>
      <c r="WPG664" s="613"/>
      <c r="WPH664" s="613"/>
      <c r="WPI664" s="613"/>
      <c r="WPJ664" s="613"/>
      <c r="WPK664" s="613"/>
      <c r="WPL664" s="613"/>
      <c r="WPM664" s="613"/>
      <c r="WPN664" s="613"/>
      <c r="WPO664" s="613"/>
      <c r="WPP664" s="613"/>
      <c r="WPQ664" s="613"/>
      <c r="WPR664" s="613"/>
      <c r="WPS664" s="613"/>
      <c r="WPT664" s="613"/>
      <c r="WPU664" s="613"/>
      <c r="WPV664" s="613"/>
      <c r="WPW664" s="613"/>
      <c r="WPX664" s="613"/>
      <c r="WPY664" s="613"/>
      <c r="WPZ664" s="613"/>
      <c r="WQA664" s="613"/>
      <c r="WQB664" s="613"/>
      <c r="WQC664" s="613"/>
      <c r="WQD664" s="613"/>
      <c r="WQE664" s="613"/>
      <c r="WQF664" s="613"/>
      <c r="WQG664" s="613"/>
      <c r="WQH664" s="613"/>
      <c r="WQI664" s="613"/>
      <c r="WQJ664" s="613"/>
      <c r="WQK664" s="613"/>
      <c r="WQL664" s="613"/>
      <c r="WQM664" s="613"/>
      <c r="WQN664" s="613"/>
      <c r="WQO664" s="613"/>
      <c r="WQP664" s="613"/>
      <c r="WQQ664" s="613"/>
      <c r="WQR664" s="613"/>
      <c r="WQS664" s="613"/>
      <c r="WQT664" s="613"/>
      <c r="WQU664" s="613"/>
      <c r="WQV664" s="613"/>
      <c r="WQW664" s="613"/>
      <c r="WQX664" s="613"/>
      <c r="WQY664" s="613"/>
      <c r="WQZ664" s="613"/>
      <c r="WRA664" s="613"/>
      <c r="WRB664" s="613"/>
      <c r="WRC664" s="613"/>
      <c r="WRD664" s="613"/>
      <c r="WRE664" s="613"/>
      <c r="WRF664" s="613"/>
      <c r="WRG664" s="613"/>
      <c r="WRH664" s="613"/>
      <c r="WRI664" s="613"/>
      <c r="WRJ664" s="613"/>
      <c r="WRK664" s="613"/>
      <c r="WRL664" s="613"/>
      <c r="WRM664" s="613"/>
      <c r="WRN664" s="613"/>
      <c r="WRO664" s="613"/>
      <c r="WRP664" s="613"/>
      <c r="WRQ664" s="613"/>
      <c r="WRR664" s="613"/>
      <c r="WRS664" s="613"/>
      <c r="WRT664" s="613"/>
      <c r="WRU664" s="613"/>
      <c r="WRV664" s="613"/>
      <c r="WRW664" s="613"/>
      <c r="WRX664" s="613"/>
      <c r="WRY664" s="613"/>
      <c r="WRZ664" s="613"/>
      <c r="WSA664" s="613"/>
      <c r="WSB664" s="613"/>
      <c r="WSC664" s="613"/>
      <c r="WSD664" s="613"/>
      <c r="WSE664" s="613"/>
      <c r="WSF664" s="613"/>
      <c r="WSG664" s="613"/>
      <c r="WSH664" s="613"/>
      <c r="WSI664" s="613"/>
      <c r="WSJ664" s="613"/>
      <c r="WSK664" s="613"/>
      <c r="WSL664" s="613"/>
      <c r="WSM664" s="613"/>
      <c r="WSN664" s="613"/>
      <c r="WSO664" s="613"/>
      <c r="WSP664" s="613"/>
      <c r="WSQ664" s="613"/>
      <c r="WSR664" s="613"/>
      <c r="WSS664" s="613"/>
      <c r="WST664" s="613"/>
      <c r="WSU664" s="613"/>
      <c r="WSV664" s="613"/>
      <c r="WSW664" s="613"/>
      <c r="WSX664" s="613"/>
      <c r="WSY664" s="613"/>
      <c r="WSZ664" s="613"/>
      <c r="WTA664" s="613"/>
      <c r="WTB664" s="613"/>
      <c r="WTC664" s="613"/>
      <c r="WTD664" s="613"/>
      <c r="WTE664" s="613"/>
      <c r="WTF664" s="613"/>
      <c r="WTG664" s="613"/>
      <c r="WTH664" s="613"/>
      <c r="WTI664" s="613"/>
      <c r="WTJ664" s="613"/>
      <c r="WTK664" s="613"/>
      <c r="WTL664" s="613"/>
      <c r="WTM664" s="613"/>
      <c r="WTN664" s="613"/>
      <c r="WTO664" s="613"/>
      <c r="WTP664" s="613"/>
      <c r="WTQ664" s="613"/>
      <c r="WTR664" s="613"/>
      <c r="WTS664" s="613"/>
      <c r="WTT664" s="613"/>
      <c r="WTU664" s="613"/>
      <c r="WTV664" s="613"/>
      <c r="WTW664" s="613"/>
      <c r="WTX664" s="613"/>
      <c r="WTY664" s="613"/>
      <c r="WTZ664" s="613"/>
      <c r="WUA664" s="613"/>
      <c r="WUB664" s="613"/>
      <c r="WUC664" s="613"/>
      <c r="WUD664" s="613"/>
      <c r="WUE664" s="613"/>
      <c r="WUF664" s="613"/>
      <c r="WUG664" s="613"/>
      <c r="WUH664" s="613"/>
      <c r="WUI664" s="613"/>
      <c r="WUJ664" s="613"/>
      <c r="WUK664" s="613"/>
      <c r="WUL664" s="613"/>
      <c r="WUM664" s="613"/>
      <c r="WUN664" s="613"/>
      <c r="WUO664" s="613"/>
      <c r="WUP664" s="613"/>
      <c r="WUQ664" s="613"/>
      <c r="WUR664" s="613"/>
      <c r="WUS664" s="613"/>
      <c r="WUT664" s="613"/>
      <c r="WUU664" s="613"/>
      <c r="WUV664" s="613"/>
      <c r="WUW664" s="613"/>
      <c r="WUX664" s="613"/>
      <c r="WUY664" s="613"/>
      <c r="WUZ664" s="613"/>
      <c r="WVA664" s="613"/>
      <c r="WVB664" s="613"/>
      <c r="WVC664" s="613"/>
      <c r="WVD664" s="613"/>
      <c r="WVE664" s="613"/>
      <c r="WVF664" s="613"/>
      <c r="WVG664" s="613"/>
      <c r="WVH664" s="613"/>
      <c r="WVI664" s="613"/>
      <c r="WVJ664" s="613"/>
      <c r="WVK664" s="613"/>
      <c r="WVL664" s="613"/>
      <c r="WVM664" s="613"/>
      <c r="WVN664" s="613"/>
      <c r="WVO664" s="613"/>
      <c r="WVP664" s="613"/>
      <c r="WVQ664" s="613"/>
      <c r="WVR664" s="613"/>
      <c r="WVS664" s="613"/>
      <c r="WVT664" s="613"/>
      <c r="WVU664" s="613"/>
      <c r="WVV664" s="613"/>
      <c r="WVW664" s="613"/>
      <c r="WVX664" s="613"/>
      <c r="WVY664" s="613"/>
      <c r="WVZ664" s="613"/>
      <c r="WWA664" s="613"/>
      <c r="WWB664" s="613"/>
      <c r="WWC664" s="613"/>
      <c r="WWD664" s="613"/>
      <c r="WWE664" s="613"/>
      <c r="WWF664" s="613"/>
      <c r="WWG664" s="613"/>
      <c r="WWH664" s="613"/>
      <c r="WWI664" s="613"/>
      <c r="WWJ664" s="613"/>
      <c r="WWK664" s="613"/>
      <c r="WWL664" s="613"/>
      <c r="WWM664" s="613"/>
      <c r="WWN664" s="613"/>
      <c r="WWO664" s="613"/>
      <c r="WWP664" s="613"/>
      <c r="WWQ664" s="613"/>
      <c r="WWR664" s="613"/>
      <c r="WWS664" s="613"/>
      <c r="WWT664" s="613"/>
      <c r="WWU664" s="613"/>
      <c r="WWV664" s="613"/>
      <c r="WWW664" s="613"/>
      <c r="WWX664" s="613"/>
      <c r="WWY664" s="613"/>
      <c r="WWZ664" s="613"/>
      <c r="WXA664" s="613"/>
      <c r="WXB664" s="613"/>
      <c r="WXC664" s="613"/>
      <c r="WXD664" s="613"/>
      <c r="WXE664" s="613"/>
      <c r="WXF664" s="613"/>
      <c r="WXG664" s="613"/>
      <c r="WXH664" s="613"/>
      <c r="WXI664" s="613"/>
      <c r="WXJ664" s="613"/>
      <c r="WXK664" s="613"/>
      <c r="WXL664" s="613"/>
      <c r="WXM664" s="613"/>
      <c r="WXN664" s="613"/>
      <c r="WXO664" s="613"/>
      <c r="WXP664" s="613"/>
      <c r="WXQ664" s="613"/>
      <c r="WXR664" s="613"/>
      <c r="WXS664" s="613"/>
      <c r="WXT664" s="613"/>
      <c r="WXU664" s="613"/>
      <c r="WXV664" s="613"/>
      <c r="WXW664" s="613"/>
      <c r="WXX664" s="613"/>
      <c r="WXY664" s="613"/>
      <c r="WXZ664" s="613"/>
      <c r="WYA664" s="613"/>
      <c r="WYB664" s="613"/>
      <c r="WYC664" s="613"/>
      <c r="WYD664" s="613"/>
      <c r="WYE664" s="613"/>
      <c r="WYF664" s="613"/>
      <c r="WYG664" s="613"/>
      <c r="WYH664" s="613"/>
      <c r="WYI664" s="613"/>
      <c r="WYJ664" s="613"/>
      <c r="WYK664" s="613"/>
      <c r="WYL664" s="613"/>
      <c r="WYM664" s="613"/>
      <c r="WYN664" s="613"/>
      <c r="WYO664" s="613"/>
      <c r="WYP664" s="613"/>
      <c r="WYQ664" s="613"/>
      <c r="WYR664" s="613"/>
      <c r="WYS664" s="613"/>
      <c r="WYT664" s="613"/>
      <c r="WYU664" s="613"/>
      <c r="WYV664" s="613"/>
      <c r="WYW664" s="613"/>
      <c r="WYX664" s="613"/>
      <c r="WYY664" s="613"/>
      <c r="WYZ664" s="613"/>
      <c r="WZA664" s="613"/>
      <c r="WZB664" s="613"/>
      <c r="WZC664" s="613"/>
      <c r="WZD664" s="613"/>
      <c r="WZE664" s="613"/>
      <c r="WZF664" s="613"/>
      <c r="WZG664" s="613"/>
      <c r="WZH664" s="613"/>
      <c r="WZI664" s="613"/>
      <c r="WZJ664" s="613"/>
      <c r="WZK664" s="613"/>
      <c r="WZL664" s="613"/>
      <c r="WZM664" s="613"/>
      <c r="WZN664" s="613"/>
      <c r="WZO664" s="613"/>
      <c r="WZP664" s="613"/>
      <c r="WZQ664" s="613"/>
      <c r="WZR664" s="613"/>
      <c r="WZS664" s="613"/>
      <c r="WZT664" s="613"/>
      <c r="WZU664" s="613"/>
      <c r="WZV664" s="613"/>
      <c r="WZW664" s="613"/>
      <c r="WZX664" s="613"/>
      <c r="WZY664" s="613"/>
      <c r="WZZ664" s="613"/>
      <c r="XAA664" s="613"/>
      <c r="XAB664" s="613"/>
      <c r="XAC664" s="613"/>
      <c r="XAD664" s="613"/>
      <c r="XAE664" s="613"/>
      <c r="XAF664" s="613"/>
      <c r="XAG664" s="613"/>
      <c r="XAH664" s="613"/>
      <c r="XAI664" s="613"/>
      <c r="XAJ664" s="613"/>
      <c r="XAK664" s="613"/>
      <c r="XAL664" s="613"/>
      <c r="XAM664" s="613"/>
      <c r="XAN664" s="613"/>
      <c r="XAO664" s="613"/>
      <c r="XAP664" s="613"/>
      <c r="XAQ664" s="613"/>
      <c r="XAR664" s="613"/>
      <c r="XAS664" s="613"/>
      <c r="XAT664" s="613"/>
      <c r="XAU664" s="613"/>
      <c r="XAV664" s="613"/>
      <c r="XAW664" s="613"/>
      <c r="XAX664" s="613"/>
      <c r="XAY664" s="613"/>
      <c r="XAZ664" s="613"/>
      <c r="XBA664" s="613"/>
      <c r="XBB664" s="613"/>
      <c r="XBC664" s="613"/>
      <c r="XBD664" s="613"/>
      <c r="XBE664" s="613"/>
      <c r="XBF664" s="613"/>
      <c r="XBG664" s="613"/>
      <c r="XBH664" s="613"/>
      <c r="XBI664" s="613"/>
      <c r="XBJ664" s="613"/>
      <c r="XBK664" s="613"/>
      <c r="XBL664" s="613"/>
      <c r="XBM664" s="613"/>
      <c r="XBN664" s="613"/>
      <c r="XBO664" s="613"/>
      <c r="XBP664" s="613"/>
      <c r="XBQ664" s="613"/>
      <c r="XBR664" s="613"/>
      <c r="XBS664" s="613"/>
      <c r="XBT664" s="613"/>
      <c r="XBU664" s="613"/>
      <c r="XBV664" s="613"/>
      <c r="XBW664" s="613"/>
      <c r="XBX664" s="613"/>
      <c r="XBY664" s="613"/>
      <c r="XBZ664" s="613"/>
      <c r="XCA664" s="613"/>
      <c r="XCB664" s="613"/>
      <c r="XCC664" s="613"/>
      <c r="XCD664" s="613"/>
      <c r="XCE664" s="613"/>
      <c r="XCF664" s="613"/>
      <c r="XCG664" s="613"/>
      <c r="XCH664" s="613"/>
      <c r="XCI664" s="613"/>
      <c r="XCJ664" s="613"/>
      <c r="XCK664" s="613"/>
      <c r="XCL664" s="613"/>
      <c r="XCM664" s="613"/>
      <c r="XCN664" s="613"/>
      <c r="XCO664" s="613"/>
      <c r="XCP664" s="613"/>
      <c r="XCQ664" s="613"/>
    </row>
    <row r="665" spans="1:16319" ht="56.1" customHeight="1" x14ac:dyDescent="0.2">
      <c r="A665" s="494"/>
      <c r="B665" s="494"/>
      <c r="C665" s="494"/>
      <c r="D665" s="481">
        <v>214</v>
      </c>
      <c r="E665" s="481"/>
      <c r="F665" s="481" t="s">
        <v>2481</v>
      </c>
      <c r="G665" s="482" t="s">
        <v>53</v>
      </c>
      <c r="H665" s="481" t="s">
        <v>329</v>
      </c>
      <c r="I665" s="654" t="s">
        <v>456</v>
      </c>
      <c r="J665" s="654" t="s">
        <v>369</v>
      </c>
      <c r="K665" s="495" t="s">
        <v>476</v>
      </c>
      <c r="L665" s="621"/>
      <c r="M665" s="484" t="s">
        <v>58</v>
      </c>
      <c r="N665" s="327" t="s">
        <v>1363</v>
      </c>
      <c r="O665" s="484" t="s">
        <v>2996</v>
      </c>
      <c r="P665" s="484" t="s">
        <v>81</v>
      </c>
      <c r="Q665" s="667" t="s">
        <v>334</v>
      </c>
      <c r="R665" s="484" t="s">
        <v>334</v>
      </c>
      <c r="S665" s="484" t="s">
        <v>375</v>
      </c>
      <c r="T665" s="484"/>
      <c r="U665" s="620" t="s">
        <v>63</v>
      </c>
      <c r="V665" s="620" t="s">
        <v>63</v>
      </c>
      <c r="W665" s="723">
        <v>28614</v>
      </c>
      <c r="X665" s="723"/>
      <c r="Y665" s="654" t="s">
        <v>226</v>
      </c>
      <c r="Z665" s="654"/>
      <c r="AA665" s="723">
        <v>28614</v>
      </c>
      <c r="AB665" s="652" t="s">
        <v>82</v>
      </c>
      <c r="AC665" s="652"/>
      <c r="AD665" s="496"/>
      <c r="AE665" s="496"/>
      <c r="AF665" s="496"/>
      <c r="AG665" s="487" t="s">
        <v>66</v>
      </c>
      <c r="AH665" s="496"/>
      <c r="AI665" s="496"/>
      <c r="AJ665" s="496"/>
      <c r="AK665" s="496"/>
      <c r="AL665" s="496"/>
      <c r="AM665" s="496"/>
      <c r="AN665" s="496"/>
      <c r="AO665" s="496"/>
      <c r="AP665" s="496"/>
      <c r="AQ665" s="496"/>
      <c r="AR665" s="496"/>
      <c r="AS665" s="496"/>
      <c r="AT665" s="496"/>
      <c r="AU665" s="487"/>
      <c r="AV665" s="487"/>
      <c r="AW665" s="487"/>
      <c r="AX665" s="487"/>
      <c r="AY665" s="487"/>
      <c r="AZ665" s="487"/>
      <c r="BA665" s="484"/>
      <c r="BB665" s="484" t="s">
        <v>462</v>
      </c>
      <c r="BC665" s="484" t="s">
        <v>3041</v>
      </c>
      <c r="BD665" s="494"/>
      <c r="BE665" s="494"/>
      <c r="BF665" s="613"/>
      <c r="BG665" s="613"/>
      <c r="BH665" s="613"/>
      <c r="BI665" s="613"/>
      <c r="BJ665" s="613"/>
      <c r="BK665" s="613"/>
      <c r="BL665" s="613"/>
      <c r="BM665" s="613"/>
      <c r="BN665" s="613"/>
      <c r="BO665" s="613"/>
      <c r="BP665" s="613"/>
      <c r="BQ665" s="613"/>
      <c r="BR665" s="613"/>
      <c r="BS665" s="613"/>
      <c r="BT665" s="613"/>
      <c r="BU665" s="613"/>
      <c r="BV665" s="613"/>
      <c r="BW665" s="613"/>
      <c r="BX665" s="613"/>
      <c r="BY665" s="613"/>
      <c r="BZ665" s="613"/>
      <c r="CA665" s="613"/>
      <c r="CB665" s="613"/>
      <c r="CC665" s="613"/>
      <c r="CD665" s="613"/>
      <c r="CE665" s="613"/>
      <c r="CF665" s="613"/>
      <c r="CG665" s="613"/>
      <c r="CH665" s="613"/>
      <c r="CI665" s="613"/>
      <c r="CJ665" s="613"/>
      <c r="CK665" s="613"/>
      <c r="CL665" s="613"/>
      <c r="CM665" s="613"/>
      <c r="CN665" s="613"/>
      <c r="CO665" s="613"/>
      <c r="CP665" s="613"/>
      <c r="CQ665" s="613"/>
      <c r="CR665" s="613"/>
      <c r="CS665" s="613"/>
      <c r="CT665" s="613"/>
      <c r="CU665" s="613"/>
      <c r="CV665" s="613"/>
      <c r="CW665" s="613"/>
      <c r="CX665" s="613"/>
      <c r="CY665" s="613"/>
      <c r="CZ665" s="613"/>
      <c r="DA665" s="613"/>
      <c r="DB665" s="613"/>
      <c r="DC665" s="613"/>
      <c r="DD665" s="613"/>
      <c r="DE665" s="613"/>
      <c r="DF665" s="613"/>
      <c r="DG665" s="613"/>
      <c r="DH665" s="613"/>
      <c r="DI665" s="613"/>
      <c r="DJ665" s="613"/>
      <c r="DK665" s="613"/>
      <c r="DL665" s="613"/>
      <c r="DM665" s="613"/>
      <c r="DN665" s="613"/>
      <c r="DO665" s="613"/>
      <c r="DP665" s="613"/>
      <c r="DQ665" s="613"/>
      <c r="DR665" s="613"/>
      <c r="DS665" s="613"/>
      <c r="DT665" s="613"/>
      <c r="DU665" s="613"/>
      <c r="DV665" s="613"/>
      <c r="DW665" s="613"/>
      <c r="DX665" s="613"/>
      <c r="DY665" s="613"/>
      <c r="DZ665" s="613"/>
      <c r="EA665" s="613"/>
      <c r="EB665" s="613"/>
      <c r="EC665" s="613"/>
      <c r="ED665" s="613"/>
      <c r="EE665" s="613"/>
      <c r="EF665" s="613"/>
      <c r="EG665" s="613"/>
      <c r="EH665" s="613"/>
      <c r="EI665" s="613"/>
      <c r="EJ665" s="613"/>
      <c r="EK665" s="613"/>
      <c r="EL665" s="613"/>
      <c r="EM665" s="613"/>
      <c r="EN665" s="613"/>
      <c r="EO665" s="613"/>
      <c r="EP665" s="613"/>
      <c r="EQ665" s="613"/>
      <c r="ER665" s="613"/>
      <c r="ES665" s="613"/>
      <c r="ET665" s="613"/>
      <c r="EU665" s="613"/>
      <c r="EV665" s="613"/>
      <c r="EW665" s="613"/>
      <c r="EX665" s="613"/>
      <c r="EY665" s="613"/>
      <c r="EZ665" s="613"/>
      <c r="FA665" s="613"/>
      <c r="FB665" s="613"/>
      <c r="FC665" s="613"/>
      <c r="FD665" s="613"/>
      <c r="FE665" s="613"/>
      <c r="FF665" s="613"/>
      <c r="FG665" s="613"/>
      <c r="FH665" s="613"/>
      <c r="FI665" s="613"/>
      <c r="FJ665" s="613"/>
      <c r="FK665" s="613"/>
      <c r="FL665" s="613"/>
      <c r="FM665" s="613"/>
      <c r="FN665" s="613"/>
      <c r="FO665" s="613"/>
      <c r="FP665" s="613"/>
      <c r="FQ665" s="613"/>
      <c r="FR665" s="613"/>
      <c r="FS665" s="613"/>
      <c r="FT665" s="613"/>
      <c r="FU665" s="613"/>
      <c r="FV665" s="613"/>
      <c r="FW665" s="613"/>
      <c r="FX665" s="613"/>
      <c r="FY665" s="613"/>
      <c r="FZ665" s="613"/>
      <c r="GA665" s="613"/>
      <c r="GB665" s="613"/>
      <c r="GC665" s="613"/>
      <c r="GD665" s="613"/>
      <c r="GE665" s="613"/>
      <c r="GF665" s="613"/>
      <c r="GG665" s="613"/>
      <c r="GH665" s="613"/>
      <c r="GI665" s="613"/>
      <c r="GJ665" s="613"/>
      <c r="GK665" s="613"/>
      <c r="GL665" s="613"/>
      <c r="GM665" s="613"/>
      <c r="GN665" s="613"/>
      <c r="GO665" s="613"/>
      <c r="GP665" s="613"/>
      <c r="GQ665" s="613"/>
      <c r="GR665" s="613"/>
      <c r="GS665" s="613"/>
      <c r="GT665" s="613"/>
      <c r="GU665" s="613"/>
      <c r="GV665" s="613"/>
      <c r="GW665" s="613"/>
      <c r="GX665" s="613"/>
      <c r="GY665" s="613"/>
      <c r="GZ665" s="613"/>
      <c r="HA665" s="613"/>
      <c r="HB665" s="613"/>
      <c r="HC665" s="613"/>
      <c r="HD665" s="613"/>
      <c r="HE665" s="613"/>
      <c r="HF665" s="613"/>
      <c r="HG665" s="613"/>
      <c r="HH665" s="613"/>
      <c r="HI665" s="613"/>
      <c r="HJ665" s="613"/>
      <c r="HK665" s="613"/>
      <c r="HL665" s="613"/>
      <c r="HM665" s="613"/>
      <c r="HN665" s="613"/>
      <c r="HO665" s="613"/>
      <c r="HP665" s="613"/>
      <c r="HQ665" s="613"/>
      <c r="HR665" s="613"/>
      <c r="HS665" s="613"/>
      <c r="HT665" s="613"/>
      <c r="HU665" s="613"/>
      <c r="HV665" s="613"/>
      <c r="HW665" s="613"/>
      <c r="HX665" s="613"/>
      <c r="HY665" s="613"/>
      <c r="HZ665" s="613"/>
      <c r="IA665" s="613"/>
      <c r="IB665" s="613"/>
      <c r="IC665" s="613"/>
      <c r="ID665" s="613"/>
      <c r="IE665" s="613"/>
      <c r="IF665" s="613"/>
      <c r="IG665" s="613"/>
      <c r="IH665" s="613"/>
      <c r="II665" s="613"/>
      <c r="IJ665" s="613"/>
      <c r="IK665" s="613"/>
      <c r="IL665" s="613"/>
      <c r="IM665" s="613"/>
      <c r="IN665" s="613"/>
      <c r="IO665" s="613"/>
      <c r="IP665" s="613"/>
      <c r="IQ665" s="613"/>
      <c r="IR665" s="613"/>
      <c r="IS665" s="613"/>
      <c r="IT665" s="613"/>
      <c r="IU665" s="613"/>
      <c r="IV665" s="613"/>
      <c r="IW665" s="613"/>
      <c r="IX665" s="613"/>
      <c r="IY665" s="613"/>
      <c r="IZ665" s="613"/>
      <c r="JA665" s="613"/>
      <c r="JB665" s="613"/>
      <c r="JC665" s="613"/>
      <c r="JD665" s="613"/>
      <c r="JE665" s="613"/>
      <c r="JF665" s="613"/>
      <c r="JG665" s="613"/>
      <c r="JH665" s="613"/>
      <c r="JI665" s="613"/>
      <c r="JJ665" s="613"/>
      <c r="JK665" s="613"/>
      <c r="JL665" s="613"/>
      <c r="JM665" s="613"/>
      <c r="JN665" s="613"/>
      <c r="JO665" s="613"/>
      <c r="JP665" s="613"/>
      <c r="JQ665" s="613"/>
      <c r="JR665" s="613"/>
      <c r="JS665" s="613"/>
      <c r="JT665" s="613"/>
      <c r="JU665" s="613"/>
      <c r="JV665" s="613"/>
      <c r="JW665" s="613"/>
      <c r="JX665" s="613"/>
      <c r="JY665" s="613"/>
      <c r="JZ665" s="613"/>
      <c r="KA665" s="613"/>
      <c r="KB665" s="613"/>
      <c r="KC665" s="613"/>
      <c r="KD665" s="613"/>
      <c r="KE665" s="613"/>
      <c r="KF665" s="613"/>
      <c r="KG665" s="613"/>
      <c r="KH665" s="613"/>
      <c r="KI665" s="613"/>
      <c r="KJ665" s="613"/>
      <c r="KK665" s="613"/>
      <c r="KL665" s="613"/>
      <c r="KM665" s="613"/>
      <c r="KN665" s="613"/>
      <c r="KO665" s="613"/>
      <c r="KP665" s="613"/>
      <c r="KQ665" s="613"/>
      <c r="KR665" s="613"/>
      <c r="KS665" s="613"/>
      <c r="KT665" s="613"/>
      <c r="KU665" s="613"/>
      <c r="KV665" s="613"/>
      <c r="KW665" s="613"/>
      <c r="KX665" s="613"/>
      <c r="KY665" s="613"/>
      <c r="KZ665" s="613"/>
      <c r="LA665" s="613"/>
      <c r="LB665" s="613"/>
      <c r="LC665" s="613"/>
      <c r="LD665" s="613"/>
      <c r="LE665" s="613"/>
      <c r="LF665" s="613"/>
      <c r="LG665" s="613"/>
      <c r="LH665" s="613"/>
      <c r="LI665" s="613"/>
      <c r="LJ665" s="613"/>
      <c r="LK665" s="613"/>
      <c r="LL665" s="613"/>
      <c r="LM665" s="613"/>
      <c r="LN665" s="613"/>
      <c r="LO665" s="613"/>
      <c r="LP665" s="613"/>
      <c r="LQ665" s="613"/>
      <c r="LR665" s="613"/>
      <c r="LS665" s="613"/>
      <c r="LT665" s="613"/>
      <c r="LU665" s="613"/>
      <c r="LV665" s="613"/>
      <c r="LW665" s="613"/>
      <c r="LX665" s="613"/>
      <c r="LY665" s="613"/>
      <c r="LZ665" s="613"/>
      <c r="MA665" s="613"/>
      <c r="MB665" s="613"/>
      <c r="MC665" s="613"/>
      <c r="MD665" s="613"/>
      <c r="ME665" s="613"/>
      <c r="MF665" s="613"/>
      <c r="MG665" s="613"/>
      <c r="MH665" s="613"/>
      <c r="MI665" s="613"/>
      <c r="MJ665" s="613"/>
      <c r="MK665" s="613"/>
      <c r="ML665" s="613"/>
      <c r="MM665" s="613"/>
      <c r="MN665" s="613"/>
      <c r="MO665" s="613"/>
      <c r="MP665" s="613"/>
      <c r="MQ665" s="613"/>
      <c r="MR665" s="613"/>
      <c r="MS665" s="613"/>
      <c r="MT665" s="613"/>
      <c r="MU665" s="613"/>
      <c r="MV665" s="613"/>
      <c r="MW665" s="613"/>
      <c r="MX665" s="613"/>
      <c r="MY665" s="613"/>
      <c r="MZ665" s="613"/>
      <c r="NA665" s="613"/>
      <c r="NB665" s="613"/>
      <c r="NC665" s="613"/>
      <c r="ND665" s="613"/>
      <c r="NE665" s="613"/>
      <c r="NF665" s="613"/>
      <c r="NG665" s="613"/>
      <c r="NH665" s="613"/>
      <c r="NI665" s="613"/>
      <c r="NJ665" s="613"/>
      <c r="NK665" s="613"/>
      <c r="NL665" s="613"/>
      <c r="NM665" s="613"/>
      <c r="NN665" s="613"/>
      <c r="NO665" s="613"/>
      <c r="NP665" s="613"/>
      <c r="NQ665" s="613"/>
      <c r="NR665" s="613"/>
      <c r="NS665" s="613"/>
      <c r="NT665" s="613"/>
      <c r="NU665" s="613"/>
      <c r="NV665" s="613"/>
      <c r="NW665" s="613"/>
      <c r="NX665" s="613"/>
      <c r="NY665" s="613"/>
      <c r="NZ665" s="613"/>
      <c r="OA665" s="613"/>
      <c r="OB665" s="613"/>
      <c r="OC665" s="613"/>
      <c r="OD665" s="613"/>
      <c r="OE665" s="613"/>
      <c r="OF665" s="613"/>
      <c r="OG665" s="613"/>
      <c r="OH665" s="613"/>
      <c r="OI665" s="613"/>
      <c r="OJ665" s="613"/>
      <c r="OK665" s="613"/>
      <c r="OL665" s="613"/>
      <c r="OM665" s="613"/>
      <c r="ON665" s="613"/>
      <c r="OO665" s="613"/>
      <c r="OP665" s="613"/>
      <c r="OQ665" s="613"/>
      <c r="OR665" s="613"/>
      <c r="OS665" s="613"/>
      <c r="OT665" s="613"/>
      <c r="OU665" s="613"/>
      <c r="OV665" s="613"/>
      <c r="OW665" s="613"/>
      <c r="OX665" s="613"/>
      <c r="OY665" s="613"/>
      <c r="OZ665" s="613"/>
      <c r="PA665" s="613"/>
      <c r="PB665" s="613"/>
      <c r="PC665" s="613"/>
      <c r="PD665" s="613"/>
      <c r="PE665" s="613"/>
      <c r="PF665" s="613"/>
      <c r="PG665" s="613"/>
      <c r="PH665" s="613"/>
      <c r="PI665" s="613"/>
      <c r="PJ665" s="613"/>
      <c r="PK665" s="613"/>
      <c r="PL665" s="613"/>
      <c r="PM665" s="613"/>
      <c r="PN665" s="613"/>
      <c r="PO665" s="613"/>
      <c r="PP665" s="613"/>
      <c r="PQ665" s="613"/>
      <c r="PR665" s="613"/>
      <c r="PS665" s="613"/>
      <c r="PT665" s="613"/>
      <c r="PU665" s="613"/>
      <c r="PV665" s="613"/>
      <c r="PW665" s="613"/>
      <c r="PX665" s="613"/>
      <c r="PY665" s="613"/>
      <c r="PZ665" s="613"/>
      <c r="QA665" s="613"/>
      <c r="QB665" s="613"/>
      <c r="QC665" s="613"/>
      <c r="QD665" s="613"/>
      <c r="QE665" s="613"/>
      <c r="QF665" s="613"/>
      <c r="QG665" s="613"/>
      <c r="QH665" s="613"/>
      <c r="QI665" s="613"/>
      <c r="QJ665" s="613"/>
      <c r="QK665" s="613"/>
      <c r="QL665" s="613"/>
      <c r="QM665" s="613"/>
      <c r="QN665" s="613"/>
      <c r="QO665" s="613"/>
      <c r="QP665" s="613"/>
      <c r="QQ665" s="613"/>
      <c r="QR665" s="613"/>
      <c r="QS665" s="613"/>
      <c r="QT665" s="613"/>
      <c r="QU665" s="613"/>
      <c r="QV665" s="613"/>
      <c r="QW665" s="613"/>
      <c r="QX665" s="613"/>
      <c r="QY665" s="613"/>
      <c r="QZ665" s="613"/>
      <c r="RA665" s="613"/>
      <c r="RB665" s="613"/>
      <c r="RC665" s="613"/>
      <c r="RD665" s="613"/>
      <c r="RE665" s="613"/>
      <c r="RF665" s="613"/>
      <c r="RG665" s="613"/>
      <c r="RH665" s="613"/>
      <c r="RI665" s="613"/>
      <c r="RJ665" s="613"/>
      <c r="RK665" s="613"/>
      <c r="RL665" s="613"/>
      <c r="RM665" s="613"/>
      <c r="RN665" s="613"/>
      <c r="RO665" s="613"/>
      <c r="RP665" s="613"/>
      <c r="RQ665" s="613"/>
      <c r="RR665" s="613"/>
      <c r="RS665" s="613"/>
      <c r="RT665" s="613"/>
      <c r="RU665" s="613"/>
      <c r="RV665" s="613"/>
      <c r="RW665" s="613"/>
      <c r="RX665" s="613"/>
      <c r="RY665" s="613"/>
      <c r="RZ665" s="613"/>
      <c r="SA665" s="613"/>
      <c r="SB665" s="613"/>
      <c r="SC665" s="613"/>
      <c r="SD665" s="613"/>
      <c r="SE665" s="613"/>
      <c r="SF665" s="613"/>
      <c r="SG665" s="613"/>
      <c r="SH665" s="613"/>
      <c r="SI665" s="613"/>
      <c r="SJ665" s="613"/>
      <c r="SK665" s="613"/>
      <c r="SL665" s="613"/>
      <c r="SM665" s="613"/>
      <c r="SN665" s="613"/>
      <c r="SO665" s="613"/>
      <c r="SP665" s="613"/>
      <c r="SQ665" s="613"/>
      <c r="SR665" s="613"/>
      <c r="SS665" s="613"/>
      <c r="ST665" s="613"/>
      <c r="SU665" s="613"/>
      <c r="SV665" s="613"/>
      <c r="SW665" s="613"/>
      <c r="SX665" s="613"/>
      <c r="SY665" s="613"/>
      <c r="SZ665" s="613"/>
      <c r="TA665" s="613"/>
      <c r="TB665" s="613"/>
      <c r="TC665" s="613"/>
      <c r="TD665" s="613"/>
      <c r="TE665" s="613"/>
      <c r="TF665" s="613"/>
      <c r="TG665" s="613"/>
      <c r="TH665" s="613"/>
      <c r="TI665" s="613"/>
      <c r="TJ665" s="613"/>
      <c r="TK665" s="613"/>
      <c r="TL665" s="613"/>
      <c r="TM665" s="613"/>
      <c r="TN665" s="613"/>
      <c r="TO665" s="613"/>
      <c r="TP665" s="613"/>
      <c r="TQ665" s="613"/>
      <c r="TR665" s="613"/>
      <c r="TS665" s="613"/>
      <c r="TT665" s="613"/>
      <c r="TU665" s="613"/>
      <c r="TV665" s="613"/>
      <c r="TW665" s="613"/>
      <c r="TX665" s="613"/>
      <c r="TY665" s="613"/>
      <c r="TZ665" s="613"/>
      <c r="UA665" s="613"/>
      <c r="UB665" s="613"/>
      <c r="UC665" s="613"/>
      <c r="UD665" s="613"/>
      <c r="UE665" s="613"/>
      <c r="UF665" s="613"/>
      <c r="UG665" s="613"/>
      <c r="UH665" s="613"/>
      <c r="UI665" s="613"/>
      <c r="UJ665" s="613"/>
      <c r="UK665" s="613"/>
      <c r="UL665" s="613"/>
      <c r="UM665" s="613"/>
      <c r="UN665" s="613"/>
      <c r="UO665" s="613"/>
      <c r="UP665" s="613"/>
      <c r="UQ665" s="613"/>
      <c r="UR665" s="613"/>
      <c r="US665" s="613"/>
      <c r="UT665" s="613"/>
      <c r="UU665" s="613"/>
      <c r="UV665" s="613"/>
      <c r="UW665" s="613"/>
      <c r="UX665" s="613"/>
      <c r="UY665" s="613"/>
      <c r="UZ665" s="613"/>
      <c r="VA665" s="613"/>
      <c r="VB665" s="613"/>
      <c r="VC665" s="613"/>
      <c r="VD665" s="613"/>
      <c r="VE665" s="613"/>
      <c r="VF665" s="613"/>
      <c r="VG665" s="613"/>
      <c r="VH665" s="613"/>
      <c r="VI665" s="613"/>
      <c r="VJ665" s="613"/>
      <c r="VK665" s="613"/>
      <c r="VL665" s="613"/>
      <c r="VM665" s="613"/>
      <c r="VN665" s="613"/>
      <c r="VO665" s="613"/>
      <c r="VP665" s="613"/>
      <c r="VQ665" s="613"/>
      <c r="VR665" s="613"/>
      <c r="VS665" s="613"/>
      <c r="VT665" s="613"/>
      <c r="VU665" s="613"/>
      <c r="VV665" s="613"/>
      <c r="VW665" s="613"/>
      <c r="VX665" s="613"/>
      <c r="VY665" s="613"/>
      <c r="VZ665" s="613"/>
      <c r="WA665" s="613"/>
      <c r="WB665" s="613"/>
      <c r="WC665" s="613"/>
      <c r="WD665" s="613"/>
      <c r="WE665" s="613"/>
      <c r="WF665" s="613"/>
      <c r="WG665" s="613"/>
      <c r="WH665" s="613"/>
      <c r="WI665" s="613"/>
      <c r="WJ665" s="613"/>
      <c r="WK665" s="613"/>
      <c r="WL665" s="613"/>
      <c r="WM665" s="613"/>
      <c r="WN665" s="613"/>
      <c r="WO665" s="613"/>
      <c r="WP665" s="613"/>
      <c r="WQ665" s="613"/>
      <c r="WR665" s="613"/>
      <c r="WS665" s="613"/>
      <c r="WT665" s="613"/>
      <c r="WU665" s="613"/>
      <c r="WV665" s="613"/>
      <c r="WW665" s="613"/>
      <c r="WX665" s="613"/>
      <c r="WY665" s="613"/>
      <c r="WZ665" s="613"/>
      <c r="XA665" s="613"/>
      <c r="XB665" s="613"/>
      <c r="XC665" s="613"/>
      <c r="XD665" s="613"/>
      <c r="XE665" s="613"/>
      <c r="XF665" s="613"/>
      <c r="XG665" s="613"/>
      <c r="XH665" s="613"/>
      <c r="XI665" s="613"/>
      <c r="XJ665" s="613"/>
      <c r="XK665" s="613"/>
      <c r="XL665" s="613"/>
      <c r="XM665" s="613"/>
      <c r="XN665" s="613"/>
      <c r="XO665" s="613"/>
      <c r="XP665" s="613"/>
      <c r="XQ665" s="613"/>
      <c r="XR665" s="613"/>
      <c r="XS665" s="613"/>
      <c r="XT665" s="613"/>
      <c r="XU665" s="613"/>
      <c r="XV665" s="613"/>
      <c r="XW665" s="613"/>
      <c r="XX665" s="613"/>
      <c r="XY665" s="613"/>
      <c r="XZ665" s="613"/>
      <c r="YA665" s="613"/>
      <c r="YB665" s="613"/>
      <c r="YC665" s="613"/>
      <c r="YD665" s="613"/>
      <c r="YE665" s="613"/>
      <c r="YF665" s="613"/>
      <c r="YG665" s="613"/>
      <c r="YH665" s="613"/>
      <c r="YI665" s="613"/>
      <c r="YJ665" s="613"/>
      <c r="YK665" s="613"/>
      <c r="YL665" s="613"/>
      <c r="YM665" s="613"/>
      <c r="YN665" s="613"/>
      <c r="YO665" s="613"/>
      <c r="YP665" s="613"/>
      <c r="YQ665" s="613"/>
      <c r="YR665" s="613"/>
      <c r="YS665" s="613"/>
      <c r="YT665" s="613"/>
      <c r="YU665" s="613"/>
      <c r="YV665" s="613"/>
      <c r="YW665" s="613"/>
      <c r="YX665" s="613"/>
      <c r="YY665" s="613"/>
      <c r="YZ665" s="613"/>
      <c r="ZA665" s="613"/>
      <c r="ZB665" s="613"/>
      <c r="ZC665" s="613"/>
      <c r="ZD665" s="613"/>
      <c r="ZE665" s="613"/>
      <c r="ZF665" s="613"/>
      <c r="ZG665" s="613"/>
      <c r="ZH665" s="613"/>
      <c r="ZI665" s="613"/>
      <c r="ZJ665" s="613"/>
      <c r="ZK665" s="613"/>
      <c r="ZL665" s="613"/>
      <c r="ZM665" s="613"/>
      <c r="ZN665" s="613"/>
      <c r="ZO665" s="613"/>
      <c r="ZP665" s="613"/>
      <c r="ZQ665" s="613"/>
      <c r="ZR665" s="613"/>
      <c r="ZS665" s="613"/>
      <c r="ZT665" s="613"/>
      <c r="ZU665" s="613"/>
      <c r="ZV665" s="613"/>
      <c r="ZW665" s="613"/>
      <c r="ZX665" s="613"/>
      <c r="ZY665" s="613"/>
      <c r="ZZ665" s="613"/>
      <c r="AAA665" s="613"/>
      <c r="AAB665" s="613"/>
      <c r="AAC665" s="613"/>
      <c r="AAD665" s="613"/>
      <c r="AAE665" s="613"/>
      <c r="AAF665" s="613"/>
      <c r="AAG665" s="613"/>
      <c r="AAH665" s="613"/>
      <c r="AAI665" s="613"/>
      <c r="AAJ665" s="613"/>
      <c r="AAK665" s="613"/>
      <c r="AAL665" s="613"/>
      <c r="AAM665" s="613"/>
      <c r="AAN665" s="613"/>
      <c r="AAO665" s="613"/>
      <c r="AAP665" s="613"/>
      <c r="AAQ665" s="613"/>
      <c r="AAR665" s="613"/>
      <c r="AAS665" s="613"/>
      <c r="AAT665" s="613"/>
      <c r="AAU665" s="613"/>
      <c r="AAV665" s="613"/>
      <c r="AAW665" s="613"/>
      <c r="AAX665" s="613"/>
      <c r="AAY665" s="613"/>
      <c r="AAZ665" s="613"/>
      <c r="ABA665" s="613"/>
      <c r="ABB665" s="613"/>
      <c r="ABC665" s="613"/>
      <c r="ABD665" s="613"/>
      <c r="ABE665" s="613"/>
      <c r="ABF665" s="613"/>
      <c r="ABG665" s="613"/>
      <c r="ABH665" s="613"/>
      <c r="ABI665" s="613"/>
      <c r="ABJ665" s="613"/>
      <c r="ABK665" s="613"/>
      <c r="ABL665" s="613"/>
      <c r="ABM665" s="613"/>
      <c r="ABN665" s="613"/>
      <c r="ABO665" s="613"/>
      <c r="ABP665" s="613"/>
      <c r="ABQ665" s="613"/>
      <c r="ABR665" s="613"/>
      <c r="ABS665" s="613"/>
      <c r="ABT665" s="613"/>
      <c r="ABU665" s="613"/>
      <c r="ABV665" s="613"/>
      <c r="ABW665" s="613"/>
      <c r="ABX665" s="613"/>
      <c r="ABY665" s="613"/>
      <c r="ABZ665" s="613"/>
      <c r="ACA665" s="613"/>
      <c r="ACB665" s="613"/>
      <c r="ACC665" s="613"/>
      <c r="ACD665" s="613"/>
      <c r="ACE665" s="613"/>
      <c r="ACF665" s="613"/>
      <c r="ACG665" s="613"/>
      <c r="ACH665" s="613"/>
      <c r="ACI665" s="613"/>
      <c r="ACJ665" s="613"/>
      <c r="ACK665" s="613"/>
      <c r="ACL665" s="613"/>
      <c r="ACM665" s="613"/>
      <c r="ACN665" s="613"/>
      <c r="ACO665" s="613"/>
      <c r="ACP665" s="613"/>
      <c r="ACQ665" s="613"/>
      <c r="ACR665" s="613"/>
      <c r="ACS665" s="613"/>
      <c r="ACT665" s="613"/>
      <c r="ACU665" s="613"/>
      <c r="ACV665" s="613"/>
      <c r="ACW665" s="613"/>
      <c r="ACX665" s="613"/>
      <c r="ACY665" s="613"/>
      <c r="ACZ665" s="613"/>
      <c r="ADA665" s="613"/>
      <c r="ADB665" s="613"/>
      <c r="ADC665" s="613"/>
      <c r="ADD665" s="613"/>
      <c r="ADE665" s="613"/>
      <c r="ADF665" s="613"/>
      <c r="ADG665" s="613"/>
      <c r="ADH665" s="613"/>
      <c r="ADI665" s="613"/>
      <c r="ADJ665" s="613"/>
      <c r="ADK665" s="613"/>
      <c r="ADL665" s="613"/>
      <c r="ADM665" s="613"/>
      <c r="ADN665" s="613"/>
      <c r="ADO665" s="613"/>
      <c r="ADP665" s="613"/>
      <c r="ADQ665" s="613"/>
      <c r="ADR665" s="613"/>
      <c r="ADS665" s="613"/>
      <c r="ADT665" s="613"/>
      <c r="ADU665" s="613"/>
      <c r="ADV665" s="613"/>
      <c r="ADW665" s="613"/>
      <c r="ADX665" s="613"/>
      <c r="ADY665" s="613"/>
      <c r="ADZ665" s="613"/>
      <c r="AEA665" s="613"/>
      <c r="AEB665" s="613"/>
      <c r="AEC665" s="613"/>
      <c r="AED665" s="613"/>
      <c r="AEE665" s="613"/>
      <c r="AEF665" s="613"/>
      <c r="AEG665" s="613"/>
      <c r="AEH665" s="613"/>
      <c r="AEI665" s="613"/>
      <c r="AEJ665" s="613"/>
      <c r="AEK665" s="613"/>
      <c r="AEL665" s="613"/>
      <c r="AEM665" s="613"/>
      <c r="AEN665" s="613"/>
      <c r="AEO665" s="613"/>
      <c r="AEP665" s="613"/>
      <c r="AEQ665" s="613"/>
      <c r="AER665" s="613"/>
      <c r="AES665" s="613"/>
      <c r="AET665" s="613"/>
      <c r="AEU665" s="613"/>
      <c r="AEV665" s="613"/>
      <c r="AEW665" s="613"/>
      <c r="AEX665" s="613"/>
      <c r="AEY665" s="613"/>
      <c r="AEZ665" s="613"/>
      <c r="AFA665" s="613"/>
      <c r="AFB665" s="613"/>
      <c r="AFC665" s="613"/>
      <c r="AFD665" s="613"/>
      <c r="AFE665" s="613"/>
      <c r="AFF665" s="613"/>
      <c r="AFG665" s="613"/>
      <c r="AFH665" s="613"/>
      <c r="AFI665" s="613"/>
      <c r="AFJ665" s="613"/>
      <c r="AFK665" s="613"/>
      <c r="AFL665" s="613"/>
      <c r="AFM665" s="613"/>
      <c r="AFN665" s="613"/>
      <c r="AFO665" s="613"/>
      <c r="AFP665" s="613"/>
      <c r="AFQ665" s="613"/>
      <c r="AFR665" s="613"/>
      <c r="AFS665" s="613"/>
      <c r="AFT665" s="613"/>
      <c r="AFU665" s="613"/>
      <c r="AFV665" s="613"/>
      <c r="AFW665" s="613"/>
      <c r="AFX665" s="613"/>
      <c r="AFY665" s="613"/>
      <c r="AFZ665" s="613"/>
      <c r="AGA665" s="613"/>
      <c r="AGB665" s="613"/>
      <c r="AGC665" s="613"/>
      <c r="AGD665" s="613"/>
      <c r="AGE665" s="613"/>
      <c r="AGF665" s="613"/>
      <c r="AGG665" s="613"/>
      <c r="AGH665" s="613"/>
      <c r="AGI665" s="613"/>
      <c r="AGJ665" s="613"/>
      <c r="AGK665" s="613"/>
      <c r="AGL665" s="613"/>
      <c r="AGM665" s="613"/>
      <c r="AGN665" s="613"/>
      <c r="AGO665" s="613"/>
      <c r="AGP665" s="613"/>
      <c r="AGQ665" s="613"/>
      <c r="AGR665" s="613"/>
      <c r="AGS665" s="613"/>
      <c r="AGT665" s="613"/>
      <c r="AGU665" s="613"/>
      <c r="AGV665" s="613"/>
      <c r="AGW665" s="613"/>
      <c r="AGX665" s="613"/>
      <c r="AGY665" s="613"/>
      <c r="AGZ665" s="613"/>
      <c r="AHA665" s="613"/>
      <c r="AHB665" s="613"/>
      <c r="AHC665" s="613"/>
      <c r="AHD665" s="613"/>
      <c r="AHE665" s="613"/>
      <c r="AHF665" s="613"/>
      <c r="AHG665" s="613"/>
      <c r="AHH665" s="613"/>
      <c r="AHI665" s="613"/>
      <c r="AHJ665" s="613"/>
      <c r="AHK665" s="613"/>
      <c r="AHL665" s="613"/>
      <c r="AHM665" s="613"/>
      <c r="AHN665" s="613"/>
      <c r="AHO665" s="613"/>
      <c r="AHP665" s="613"/>
      <c r="AHQ665" s="613"/>
      <c r="AHR665" s="613"/>
      <c r="AHS665" s="613"/>
      <c r="AHT665" s="613"/>
      <c r="AHU665" s="613"/>
      <c r="AHV665" s="613"/>
      <c r="AHW665" s="613"/>
      <c r="AHX665" s="613"/>
      <c r="AHY665" s="613"/>
      <c r="AHZ665" s="613"/>
      <c r="AIA665" s="613"/>
      <c r="AIB665" s="613"/>
      <c r="AIC665" s="613"/>
      <c r="AID665" s="613"/>
      <c r="AIE665" s="613"/>
      <c r="AIF665" s="613"/>
      <c r="AIG665" s="613"/>
      <c r="AIH665" s="613"/>
      <c r="AII665" s="613"/>
      <c r="AIJ665" s="613"/>
      <c r="AIK665" s="613"/>
      <c r="AIL665" s="613"/>
      <c r="AIM665" s="613"/>
      <c r="AIN665" s="613"/>
      <c r="AIO665" s="613"/>
      <c r="AIP665" s="613"/>
      <c r="AIQ665" s="613"/>
      <c r="AIR665" s="613"/>
      <c r="AIS665" s="613"/>
      <c r="AIT665" s="613"/>
      <c r="AIU665" s="613"/>
      <c r="AIV665" s="613"/>
      <c r="AIW665" s="613"/>
      <c r="AIX665" s="613"/>
      <c r="AIY665" s="613"/>
      <c r="AIZ665" s="613"/>
      <c r="AJA665" s="613"/>
      <c r="AJB665" s="613"/>
      <c r="AJC665" s="613"/>
      <c r="AJD665" s="613"/>
      <c r="AJE665" s="613"/>
      <c r="AJF665" s="613"/>
      <c r="AJG665" s="613"/>
      <c r="AJH665" s="613"/>
      <c r="AJI665" s="613"/>
      <c r="AJJ665" s="613"/>
      <c r="AJK665" s="613"/>
      <c r="AJL665" s="613"/>
      <c r="AJM665" s="613"/>
      <c r="AJN665" s="613"/>
      <c r="AJO665" s="613"/>
      <c r="AJP665" s="613"/>
      <c r="AJQ665" s="613"/>
      <c r="AJR665" s="613"/>
      <c r="AJS665" s="613"/>
      <c r="AJT665" s="613"/>
      <c r="AJU665" s="613"/>
      <c r="AJV665" s="613"/>
      <c r="AJW665" s="613"/>
      <c r="AJX665" s="613"/>
      <c r="AJY665" s="613"/>
      <c r="AJZ665" s="613"/>
      <c r="AKA665" s="613"/>
      <c r="AKB665" s="613"/>
      <c r="AKC665" s="613"/>
      <c r="AKD665" s="613"/>
      <c r="AKE665" s="613"/>
      <c r="AKF665" s="613"/>
      <c r="AKG665" s="613"/>
      <c r="AKH665" s="613"/>
      <c r="AKI665" s="613"/>
      <c r="AKJ665" s="613"/>
      <c r="AKK665" s="613"/>
      <c r="AKL665" s="613"/>
      <c r="AKM665" s="613"/>
      <c r="AKN665" s="613"/>
      <c r="AKO665" s="613"/>
      <c r="AKP665" s="613"/>
      <c r="AKQ665" s="613"/>
      <c r="AKR665" s="613"/>
      <c r="AKS665" s="613"/>
      <c r="AKT665" s="613"/>
      <c r="AKU665" s="613"/>
      <c r="AKV665" s="613"/>
      <c r="AKW665" s="613"/>
      <c r="AKX665" s="613"/>
      <c r="AKY665" s="613"/>
      <c r="AKZ665" s="613"/>
      <c r="ALA665" s="613"/>
      <c r="ALB665" s="613"/>
      <c r="ALC665" s="613"/>
      <c r="ALD665" s="613"/>
      <c r="ALE665" s="613"/>
      <c r="ALF665" s="613"/>
      <c r="ALG665" s="613"/>
      <c r="ALH665" s="613"/>
      <c r="ALI665" s="613"/>
      <c r="ALJ665" s="613"/>
      <c r="ALK665" s="613"/>
      <c r="ALL665" s="613"/>
      <c r="ALM665" s="613"/>
      <c r="ALN665" s="613"/>
      <c r="ALO665" s="613"/>
      <c r="ALP665" s="613"/>
      <c r="ALQ665" s="613"/>
      <c r="ALR665" s="613"/>
      <c r="ALS665" s="613"/>
      <c r="ALT665" s="613"/>
      <c r="ALU665" s="613"/>
      <c r="ALV665" s="613"/>
      <c r="ALW665" s="613"/>
      <c r="ALX665" s="613"/>
      <c r="ALY665" s="613"/>
      <c r="ALZ665" s="613"/>
      <c r="AMA665" s="613"/>
      <c r="AMB665" s="613"/>
      <c r="AMC665" s="613"/>
      <c r="AMD665" s="613"/>
      <c r="AME665" s="613"/>
      <c r="AMF665" s="613"/>
      <c r="AMG665" s="613"/>
      <c r="AMH665" s="613"/>
      <c r="AMI665" s="613"/>
      <c r="AMJ665" s="613"/>
      <c r="AMK665" s="613"/>
      <c r="AML665" s="613"/>
      <c r="AMM665" s="613"/>
      <c r="AMN665" s="613"/>
      <c r="AMO665" s="613"/>
      <c r="AMP665" s="613"/>
      <c r="AMQ665" s="613"/>
      <c r="AMR665" s="613"/>
      <c r="AMS665" s="613"/>
      <c r="AMT665" s="613"/>
      <c r="AMU665" s="613"/>
      <c r="AMV665" s="613"/>
      <c r="AMW665" s="613"/>
      <c r="AMX665" s="613"/>
      <c r="AMY665" s="613"/>
      <c r="AMZ665" s="613"/>
      <c r="ANA665" s="613"/>
      <c r="ANB665" s="613"/>
      <c r="ANC665" s="613"/>
      <c r="AND665" s="613"/>
      <c r="ANE665" s="613"/>
      <c r="ANF665" s="613"/>
      <c r="ANG665" s="613"/>
      <c r="ANH665" s="613"/>
      <c r="ANI665" s="613"/>
      <c r="ANJ665" s="613"/>
      <c r="ANK665" s="613"/>
      <c r="ANL665" s="613"/>
      <c r="ANM665" s="613"/>
      <c r="ANN665" s="613"/>
      <c r="ANO665" s="613"/>
      <c r="ANP665" s="613"/>
      <c r="ANQ665" s="613"/>
      <c r="ANR665" s="613"/>
      <c r="ANS665" s="613"/>
      <c r="ANT665" s="613"/>
      <c r="ANU665" s="613"/>
      <c r="ANV665" s="613"/>
      <c r="ANW665" s="613"/>
      <c r="ANX665" s="613"/>
      <c r="ANY665" s="613"/>
      <c r="ANZ665" s="613"/>
      <c r="AOA665" s="613"/>
      <c r="AOB665" s="613"/>
      <c r="AOC665" s="613"/>
      <c r="AOD665" s="613"/>
      <c r="AOE665" s="613"/>
      <c r="AOF665" s="613"/>
      <c r="AOG665" s="613"/>
      <c r="AOH665" s="613"/>
      <c r="AOI665" s="613"/>
      <c r="AOJ665" s="613"/>
      <c r="AOK665" s="613"/>
      <c r="AOL665" s="613"/>
      <c r="AOM665" s="613"/>
      <c r="AON665" s="613"/>
      <c r="AOO665" s="613"/>
      <c r="AOP665" s="613"/>
      <c r="AOQ665" s="613"/>
      <c r="AOR665" s="613"/>
      <c r="AOS665" s="613"/>
      <c r="AOT665" s="613"/>
      <c r="AOU665" s="613"/>
      <c r="AOV665" s="613"/>
      <c r="AOW665" s="613"/>
      <c r="AOX665" s="613"/>
      <c r="AOY665" s="613"/>
      <c r="AOZ665" s="613"/>
      <c r="APA665" s="613"/>
      <c r="APB665" s="613"/>
      <c r="APC665" s="613"/>
      <c r="APD665" s="613"/>
      <c r="APE665" s="613"/>
      <c r="APF665" s="613"/>
      <c r="APG665" s="613"/>
      <c r="APH665" s="613"/>
      <c r="API665" s="613"/>
      <c r="APJ665" s="613"/>
      <c r="APK665" s="613"/>
      <c r="APL665" s="613"/>
      <c r="APM665" s="613"/>
      <c r="APN665" s="613"/>
      <c r="APO665" s="613"/>
      <c r="APP665" s="613"/>
      <c r="APQ665" s="613"/>
      <c r="APR665" s="613"/>
      <c r="APS665" s="613"/>
      <c r="APT665" s="613"/>
      <c r="APU665" s="613"/>
      <c r="APV665" s="613"/>
      <c r="APW665" s="613"/>
      <c r="APX665" s="613"/>
      <c r="APY665" s="613"/>
      <c r="APZ665" s="613"/>
      <c r="AQA665" s="613"/>
      <c r="AQB665" s="613"/>
      <c r="AQC665" s="613"/>
      <c r="AQD665" s="613"/>
      <c r="AQE665" s="613"/>
      <c r="AQF665" s="613"/>
      <c r="AQG665" s="613"/>
      <c r="AQH665" s="613"/>
      <c r="AQI665" s="613"/>
      <c r="AQJ665" s="613"/>
      <c r="AQK665" s="613"/>
      <c r="AQL665" s="613"/>
      <c r="AQM665" s="613"/>
      <c r="AQN665" s="613"/>
      <c r="AQO665" s="613"/>
      <c r="AQP665" s="613"/>
      <c r="AQQ665" s="613"/>
      <c r="AQR665" s="613"/>
      <c r="AQS665" s="613"/>
      <c r="AQT665" s="613"/>
      <c r="AQU665" s="613"/>
      <c r="AQV665" s="613"/>
      <c r="AQW665" s="613"/>
      <c r="AQX665" s="613"/>
      <c r="AQY665" s="613"/>
      <c r="AQZ665" s="613"/>
      <c r="ARA665" s="613"/>
      <c r="ARB665" s="613"/>
      <c r="ARC665" s="613"/>
      <c r="ARD665" s="613"/>
      <c r="ARE665" s="613"/>
      <c r="ARF665" s="613"/>
      <c r="ARG665" s="613"/>
      <c r="ARH665" s="613"/>
      <c r="ARI665" s="613"/>
      <c r="ARJ665" s="613"/>
      <c r="ARK665" s="613"/>
      <c r="ARL665" s="613"/>
      <c r="ARM665" s="613"/>
      <c r="ARN665" s="613"/>
      <c r="ARO665" s="613"/>
      <c r="ARP665" s="613"/>
      <c r="ARQ665" s="613"/>
      <c r="ARR665" s="613"/>
      <c r="ARS665" s="613"/>
      <c r="ART665" s="613"/>
      <c r="ARU665" s="613"/>
      <c r="ARV665" s="613"/>
      <c r="ARW665" s="613"/>
      <c r="ARX665" s="613"/>
      <c r="ARY665" s="613"/>
      <c r="ARZ665" s="613"/>
      <c r="ASA665" s="613"/>
      <c r="ASB665" s="613"/>
      <c r="ASC665" s="613"/>
      <c r="ASD665" s="613"/>
      <c r="ASE665" s="613"/>
      <c r="ASF665" s="613"/>
      <c r="ASG665" s="613"/>
      <c r="ASH665" s="613"/>
      <c r="ASI665" s="613"/>
      <c r="ASJ665" s="613"/>
      <c r="ASK665" s="613"/>
      <c r="ASL665" s="613"/>
      <c r="ASM665" s="613"/>
      <c r="ASN665" s="613"/>
      <c r="ASO665" s="613"/>
      <c r="ASP665" s="613"/>
      <c r="ASQ665" s="613"/>
      <c r="ASR665" s="613"/>
      <c r="ASS665" s="613"/>
      <c r="AST665" s="613"/>
      <c r="ASU665" s="613"/>
      <c r="ASV665" s="613"/>
      <c r="ASW665" s="613"/>
      <c r="ASX665" s="613"/>
      <c r="ASY665" s="613"/>
      <c r="ASZ665" s="613"/>
      <c r="ATA665" s="613"/>
      <c r="ATB665" s="613"/>
      <c r="ATC665" s="613"/>
      <c r="ATD665" s="613"/>
      <c r="ATE665" s="613"/>
      <c r="ATF665" s="613"/>
      <c r="ATG665" s="613"/>
      <c r="ATH665" s="613"/>
      <c r="ATI665" s="613"/>
      <c r="ATJ665" s="613"/>
      <c r="ATK665" s="613"/>
      <c r="ATL665" s="613"/>
      <c r="ATM665" s="613"/>
      <c r="ATN665" s="613"/>
      <c r="ATO665" s="613"/>
      <c r="ATP665" s="613"/>
      <c r="ATQ665" s="613"/>
      <c r="ATR665" s="613"/>
      <c r="ATS665" s="613"/>
      <c r="ATT665" s="613"/>
      <c r="ATU665" s="613"/>
      <c r="ATV665" s="613"/>
      <c r="ATW665" s="613"/>
      <c r="ATX665" s="613"/>
      <c r="ATY665" s="613"/>
      <c r="ATZ665" s="613"/>
      <c r="AUA665" s="613"/>
      <c r="AUB665" s="613"/>
      <c r="AUC665" s="613"/>
      <c r="AUD665" s="613"/>
      <c r="AUE665" s="613"/>
      <c r="AUF665" s="613"/>
      <c r="AUG665" s="613"/>
      <c r="AUH665" s="613"/>
      <c r="AUI665" s="613"/>
      <c r="AUJ665" s="613"/>
      <c r="AUK665" s="613"/>
      <c r="AUL665" s="613"/>
      <c r="AUM665" s="613"/>
      <c r="AUN665" s="613"/>
      <c r="AUO665" s="613"/>
      <c r="AUP665" s="613"/>
      <c r="AUQ665" s="613"/>
      <c r="AUR665" s="613"/>
      <c r="AUS665" s="613"/>
      <c r="AUT665" s="613"/>
      <c r="AUU665" s="613"/>
      <c r="AUV665" s="613"/>
      <c r="AUW665" s="613"/>
      <c r="AUX665" s="613"/>
      <c r="AUY665" s="613"/>
      <c r="AUZ665" s="613"/>
      <c r="AVA665" s="613"/>
      <c r="AVB665" s="613"/>
      <c r="AVC665" s="613"/>
      <c r="AVD665" s="613"/>
      <c r="AVE665" s="613"/>
      <c r="AVF665" s="613"/>
      <c r="AVG665" s="613"/>
      <c r="AVH665" s="613"/>
      <c r="AVI665" s="613"/>
      <c r="AVJ665" s="613"/>
      <c r="AVK665" s="613"/>
      <c r="AVL665" s="613"/>
      <c r="AVM665" s="613"/>
      <c r="AVN665" s="613"/>
      <c r="AVO665" s="613"/>
      <c r="AVP665" s="613"/>
      <c r="AVQ665" s="613"/>
      <c r="AVR665" s="613"/>
      <c r="AVS665" s="613"/>
      <c r="AVT665" s="613"/>
      <c r="AVU665" s="613"/>
      <c r="AVV665" s="613"/>
      <c r="AVW665" s="613"/>
      <c r="AVX665" s="613"/>
      <c r="AVY665" s="613"/>
      <c r="AVZ665" s="613"/>
      <c r="AWA665" s="613"/>
      <c r="AWB665" s="613"/>
      <c r="AWC665" s="613"/>
      <c r="AWD665" s="613"/>
      <c r="AWE665" s="613"/>
      <c r="AWF665" s="613"/>
      <c r="AWG665" s="613"/>
      <c r="AWH665" s="613"/>
      <c r="AWI665" s="613"/>
      <c r="AWJ665" s="613"/>
      <c r="AWK665" s="613"/>
      <c r="AWL665" s="613"/>
      <c r="AWM665" s="613"/>
      <c r="AWN665" s="613"/>
      <c r="AWO665" s="613"/>
      <c r="AWP665" s="613"/>
      <c r="AWQ665" s="613"/>
      <c r="AWR665" s="613"/>
      <c r="AWS665" s="613"/>
      <c r="AWT665" s="613"/>
      <c r="AWU665" s="613"/>
      <c r="AWV665" s="613"/>
      <c r="AWW665" s="613"/>
      <c r="AWX665" s="613"/>
      <c r="AWY665" s="613"/>
      <c r="AWZ665" s="613"/>
      <c r="AXA665" s="613"/>
      <c r="AXB665" s="613"/>
      <c r="AXC665" s="613"/>
      <c r="AXD665" s="613"/>
      <c r="AXE665" s="613"/>
      <c r="AXF665" s="613"/>
      <c r="AXG665" s="613"/>
      <c r="AXH665" s="613"/>
      <c r="AXI665" s="613"/>
      <c r="AXJ665" s="613"/>
      <c r="AXK665" s="613"/>
      <c r="AXL665" s="613"/>
      <c r="AXM665" s="613"/>
      <c r="AXN665" s="613"/>
      <c r="AXO665" s="613"/>
      <c r="AXP665" s="613"/>
      <c r="AXQ665" s="613"/>
      <c r="AXR665" s="613"/>
      <c r="AXS665" s="613"/>
      <c r="AXT665" s="613"/>
      <c r="AXU665" s="613"/>
      <c r="AXV665" s="613"/>
      <c r="AXW665" s="613"/>
      <c r="AXX665" s="613"/>
      <c r="AXY665" s="613"/>
      <c r="AXZ665" s="613"/>
      <c r="AYA665" s="613"/>
      <c r="AYB665" s="613"/>
      <c r="AYC665" s="613"/>
      <c r="AYD665" s="613"/>
      <c r="AYE665" s="613"/>
      <c r="AYF665" s="613"/>
      <c r="AYG665" s="613"/>
      <c r="AYH665" s="613"/>
      <c r="AYI665" s="613"/>
      <c r="AYJ665" s="613"/>
      <c r="AYK665" s="613"/>
      <c r="AYL665" s="613"/>
      <c r="AYM665" s="613"/>
      <c r="AYN665" s="613"/>
      <c r="AYO665" s="613"/>
      <c r="AYP665" s="613"/>
      <c r="AYQ665" s="613"/>
      <c r="AYR665" s="613"/>
      <c r="AYS665" s="613"/>
      <c r="AYT665" s="613"/>
      <c r="AYU665" s="613"/>
      <c r="AYV665" s="613"/>
      <c r="AYW665" s="613"/>
      <c r="AYX665" s="613"/>
      <c r="AYY665" s="613"/>
      <c r="AYZ665" s="613"/>
      <c r="AZA665" s="613"/>
      <c r="AZB665" s="613"/>
      <c r="AZC665" s="613"/>
      <c r="AZD665" s="613"/>
      <c r="AZE665" s="613"/>
      <c r="AZF665" s="613"/>
      <c r="AZG665" s="613"/>
      <c r="AZH665" s="613"/>
      <c r="AZI665" s="613"/>
      <c r="AZJ665" s="613"/>
      <c r="AZK665" s="613"/>
      <c r="AZL665" s="613"/>
      <c r="AZM665" s="613"/>
      <c r="AZN665" s="613"/>
      <c r="AZO665" s="613"/>
      <c r="AZP665" s="613"/>
      <c r="AZQ665" s="613"/>
      <c r="AZR665" s="613"/>
      <c r="AZS665" s="613"/>
      <c r="AZT665" s="613"/>
      <c r="AZU665" s="613"/>
      <c r="AZV665" s="613"/>
      <c r="AZW665" s="613"/>
      <c r="AZX665" s="613"/>
      <c r="AZY665" s="613"/>
      <c r="AZZ665" s="613"/>
      <c r="BAA665" s="613"/>
      <c r="BAB665" s="613"/>
      <c r="BAC665" s="613"/>
      <c r="BAD665" s="613"/>
      <c r="BAE665" s="613"/>
      <c r="BAF665" s="613"/>
      <c r="BAG665" s="613"/>
      <c r="BAH665" s="613"/>
      <c r="BAI665" s="613"/>
      <c r="BAJ665" s="613"/>
      <c r="BAK665" s="613"/>
      <c r="BAL665" s="613"/>
      <c r="BAM665" s="613"/>
      <c r="BAN665" s="613"/>
      <c r="BAO665" s="613"/>
      <c r="BAP665" s="613"/>
      <c r="BAQ665" s="613"/>
      <c r="BAR665" s="613"/>
      <c r="BAS665" s="613"/>
      <c r="BAT665" s="613"/>
      <c r="BAU665" s="613"/>
      <c r="BAV665" s="613"/>
      <c r="BAW665" s="613"/>
      <c r="BAX665" s="613"/>
      <c r="BAY665" s="613"/>
      <c r="BAZ665" s="613"/>
      <c r="BBA665" s="613"/>
      <c r="BBB665" s="613"/>
      <c r="BBC665" s="613"/>
      <c r="BBD665" s="613"/>
      <c r="BBE665" s="613"/>
      <c r="BBF665" s="613"/>
      <c r="BBG665" s="613"/>
      <c r="BBH665" s="613"/>
      <c r="BBI665" s="613"/>
      <c r="BBJ665" s="613"/>
      <c r="BBK665" s="613"/>
      <c r="BBL665" s="613"/>
      <c r="BBM665" s="613"/>
      <c r="BBN665" s="613"/>
      <c r="BBO665" s="613"/>
      <c r="BBP665" s="613"/>
      <c r="BBQ665" s="613"/>
      <c r="BBR665" s="613"/>
      <c r="BBS665" s="613"/>
      <c r="BBT665" s="613"/>
      <c r="BBU665" s="613"/>
      <c r="BBV665" s="613"/>
      <c r="BBW665" s="613"/>
      <c r="BBX665" s="613"/>
      <c r="BBY665" s="613"/>
      <c r="BBZ665" s="613"/>
      <c r="BCA665" s="613"/>
      <c r="BCB665" s="613"/>
      <c r="BCC665" s="613"/>
      <c r="BCD665" s="613"/>
      <c r="BCE665" s="613"/>
      <c r="BCF665" s="613"/>
      <c r="BCG665" s="613"/>
      <c r="BCH665" s="613"/>
      <c r="BCI665" s="613"/>
      <c r="BCJ665" s="613"/>
      <c r="BCK665" s="613"/>
      <c r="BCL665" s="613"/>
      <c r="BCM665" s="613"/>
      <c r="BCN665" s="613"/>
      <c r="BCO665" s="613"/>
      <c r="BCP665" s="613"/>
      <c r="BCQ665" s="613"/>
      <c r="BCR665" s="613"/>
      <c r="BCS665" s="613"/>
      <c r="BCT665" s="613"/>
      <c r="BCU665" s="613"/>
      <c r="BCV665" s="613"/>
      <c r="BCW665" s="613"/>
      <c r="BCX665" s="613"/>
      <c r="BCY665" s="613"/>
      <c r="BCZ665" s="613"/>
      <c r="BDA665" s="613"/>
      <c r="BDB665" s="613"/>
      <c r="BDC665" s="613"/>
      <c r="BDD665" s="613"/>
      <c r="BDE665" s="613"/>
      <c r="BDF665" s="613"/>
      <c r="BDG665" s="613"/>
      <c r="BDH665" s="613"/>
      <c r="BDI665" s="613"/>
      <c r="BDJ665" s="613"/>
      <c r="BDK665" s="613"/>
      <c r="BDL665" s="613"/>
      <c r="BDM665" s="613"/>
      <c r="BDN665" s="613"/>
      <c r="BDO665" s="613"/>
      <c r="BDP665" s="613"/>
      <c r="BDQ665" s="613"/>
      <c r="BDR665" s="613"/>
      <c r="BDS665" s="613"/>
      <c r="BDT665" s="613"/>
      <c r="BDU665" s="613"/>
      <c r="BDV665" s="613"/>
      <c r="BDW665" s="613"/>
      <c r="BDX665" s="613"/>
      <c r="BDY665" s="613"/>
      <c r="BDZ665" s="613"/>
      <c r="BEA665" s="613"/>
      <c r="BEB665" s="613"/>
      <c r="BEC665" s="613"/>
      <c r="BED665" s="613"/>
      <c r="BEE665" s="613"/>
      <c r="BEF665" s="613"/>
      <c r="BEG665" s="613"/>
      <c r="BEH665" s="613"/>
      <c r="BEI665" s="613"/>
      <c r="BEJ665" s="613"/>
      <c r="BEK665" s="613"/>
      <c r="BEL665" s="613"/>
      <c r="BEM665" s="613"/>
      <c r="BEN665" s="613"/>
      <c r="BEO665" s="613"/>
      <c r="BEP665" s="613"/>
      <c r="BEQ665" s="613"/>
      <c r="BER665" s="613"/>
      <c r="BES665" s="613"/>
      <c r="BET665" s="613"/>
      <c r="BEU665" s="613"/>
      <c r="BEV665" s="613"/>
      <c r="BEW665" s="613"/>
      <c r="BEX665" s="613"/>
      <c r="BEY665" s="613"/>
      <c r="BEZ665" s="613"/>
      <c r="BFA665" s="613"/>
      <c r="BFB665" s="613"/>
      <c r="BFC665" s="613"/>
      <c r="BFD665" s="613"/>
      <c r="BFE665" s="613"/>
      <c r="BFF665" s="613"/>
      <c r="BFG665" s="613"/>
      <c r="BFH665" s="613"/>
      <c r="BFI665" s="613"/>
      <c r="BFJ665" s="613"/>
      <c r="BFK665" s="613"/>
      <c r="BFL665" s="613"/>
      <c r="BFM665" s="613"/>
      <c r="BFN665" s="613"/>
      <c r="BFO665" s="613"/>
      <c r="BFP665" s="613"/>
      <c r="BFQ665" s="613"/>
      <c r="BFR665" s="613"/>
      <c r="BFS665" s="613"/>
      <c r="BFT665" s="613"/>
      <c r="BFU665" s="613"/>
      <c r="BFV665" s="613"/>
      <c r="BFW665" s="613"/>
      <c r="BFX665" s="613"/>
      <c r="BFY665" s="613"/>
      <c r="BFZ665" s="613"/>
      <c r="BGA665" s="613"/>
      <c r="BGB665" s="613"/>
      <c r="BGC665" s="613"/>
      <c r="BGD665" s="613"/>
      <c r="BGE665" s="613"/>
      <c r="BGF665" s="613"/>
      <c r="BGG665" s="613"/>
      <c r="BGH665" s="613"/>
      <c r="BGI665" s="613"/>
      <c r="BGJ665" s="613"/>
      <c r="BGK665" s="613"/>
      <c r="BGL665" s="613"/>
      <c r="BGM665" s="613"/>
      <c r="BGN665" s="613"/>
      <c r="BGO665" s="613"/>
      <c r="BGP665" s="613"/>
      <c r="BGQ665" s="613"/>
      <c r="BGR665" s="613"/>
      <c r="BGS665" s="613"/>
      <c r="BGT665" s="613"/>
      <c r="BGU665" s="613"/>
      <c r="BGV665" s="613"/>
      <c r="BGW665" s="613"/>
      <c r="BGX665" s="613"/>
      <c r="BGY665" s="613"/>
      <c r="BGZ665" s="613"/>
      <c r="BHA665" s="613"/>
      <c r="BHB665" s="613"/>
      <c r="BHC665" s="613"/>
      <c r="BHD665" s="613"/>
      <c r="BHE665" s="613"/>
      <c r="BHF665" s="613"/>
      <c r="BHG665" s="613"/>
      <c r="BHH665" s="613"/>
      <c r="BHI665" s="613"/>
      <c r="BHJ665" s="613"/>
      <c r="BHK665" s="613"/>
      <c r="BHL665" s="613"/>
      <c r="BHM665" s="613"/>
      <c r="BHN665" s="613"/>
      <c r="BHO665" s="613"/>
      <c r="BHP665" s="613"/>
      <c r="BHQ665" s="613"/>
      <c r="BHR665" s="613"/>
      <c r="BHS665" s="613"/>
      <c r="BHT665" s="613"/>
      <c r="BHU665" s="613"/>
      <c r="BHV665" s="613"/>
      <c r="BHW665" s="613"/>
      <c r="BHX665" s="613"/>
      <c r="BHY665" s="613"/>
      <c r="BHZ665" s="613"/>
      <c r="BIA665" s="613"/>
      <c r="BIB665" s="613"/>
      <c r="BIC665" s="613"/>
      <c r="BID665" s="613"/>
      <c r="BIE665" s="613"/>
      <c r="BIF665" s="613"/>
      <c r="BIG665" s="613"/>
      <c r="BIH665" s="613"/>
      <c r="BII665" s="613"/>
      <c r="BIJ665" s="613"/>
      <c r="BIK665" s="613"/>
      <c r="BIL665" s="613"/>
      <c r="BIM665" s="613"/>
      <c r="BIN665" s="613"/>
      <c r="BIO665" s="613"/>
      <c r="BIP665" s="613"/>
      <c r="BIQ665" s="613"/>
      <c r="BIR665" s="613"/>
      <c r="BIS665" s="613"/>
      <c r="BIT665" s="613"/>
      <c r="BIU665" s="613"/>
      <c r="BIV665" s="613"/>
      <c r="BIW665" s="613"/>
      <c r="BIX665" s="613"/>
      <c r="BIY665" s="613"/>
      <c r="BIZ665" s="613"/>
      <c r="BJA665" s="613"/>
      <c r="BJB665" s="613"/>
      <c r="BJC665" s="613"/>
      <c r="BJD665" s="613"/>
      <c r="BJE665" s="613"/>
      <c r="BJF665" s="613"/>
      <c r="BJG665" s="613"/>
      <c r="BJH665" s="613"/>
      <c r="BJI665" s="613"/>
      <c r="BJJ665" s="613"/>
      <c r="BJK665" s="613"/>
      <c r="BJL665" s="613"/>
      <c r="BJM665" s="613"/>
      <c r="BJN665" s="613"/>
      <c r="BJO665" s="613"/>
      <c r="BJP665" s="613"/>
      <c r="BJQ665" s="613"/>
      <c r="BJR665" s="613"/>
      <c r="BJS665" s="613"/>
      <c r="BJT665" s="613"/>
      <c r="BJU665" s="613"/>
      <c r="BJV665" s="613"/>
      <c r="BJW665" s="613"/>
      <c r="BJX665" s="613"/>
      <c r="BJY665" s="613"/>
      <c r="BJZ665" s="613"/>
      <c r="BKA665" s="613"/>
      <c r="BKB665" s="613"/>
      <c r="BKC665" s="613"/>
      <c r="BKD665" s="613"/>
      <c r="BKE665" s="613"/>
      <c r="BKF665" s="613"/>
      <c r="BKG665" s="613"/>
      <c r="BKH665" s="613"/>
      <c r="BKI665" s="613"/>
      <c r="BKJ665" s="613"/>
      <c r="BKK665" s="613"/>
      <c r="BKL665" s="613"/>
      <c r="BKM665" s="613"/>
      <c r="BKN665" s="613"/>
      <c r="BKO665" s="613"/>
      <c r="BKP665" s="613"/>
      <c r="BKQ665" s="613"/>
      <c r="BKR665" s="613"/>
      <c r="BKS665" s="613"/>
      <c r="BKT665" s="613"/>
      <c r="BKU665" s="613"/>
      <c r="BKV665" s="613"/>
      <c r="BKW665" s="613"/>
      <c r="BKX665" s="613"/>
      <c r="BKY665" s="613"/>
      <c r="BKZ665" s="613"/>
      <c r="BLA665" s="613"/>
      <c r="BLB665" s="613"/>
      <c r="BLC665" s="613"/>
      <c r="BLD665" s="613"/>
      <c r="BLE665" s="613"/>
      <c r="BLF665" s="613"/>
      <c r="BLG665" s="613"/>
      <c r="BLH665" s="613"/>
      <c r="BLI665" s="613"/>
      <c r="BLJ665" s="613"/>
      <c r="BLK665" s="613"/>
      <c r="BLL665" s="613"/>
      <c r="BLM665" s="613"/>
      <c r="BLN665" s="613"/>
      <c r="BLO665" s="613"/>
      <c r="BLP665" s="613"/>
      <c r="BLQ665" s="613"/>
      <c r="BLR665" s="613"/>
      <c r="BLS665" s="613"/>
      <c r="BLT665" s="613"/>
      <c r="BLU665" s="613"/>
      <c r="BLV665" s="613"/>
      <c r="BLW665" s="613"/>
      <c r="BLX665" s="613"/>
      <c r="BLY665" s="613"/>
      <c r="BLZ665" s="613"/>
      <c r="BMA665" s="613"/>
      <c r="BMB665" s="613"/>
      <c r="BMC665" s="613"/>
      <c r="BMD665" s="613"/>
      <c r="BME665" s="613"/>
      <c r="BMF665" s="613"/>
      <c r="BMG665" s="613"/>
      <c r="BMH665" s="613"/>
      <c r="BMI665" s="613"/>
      <c r="BMJ665" s="613"/>
      <c r="BMK665" s="613"/>
      <c r="BML665" s="613"/>
      <c r="BMM665" s="613"/>
      <c r="BMN665" s="613"/>
      <c r="BMO665" s="613"/>
      <c r="BMP665" s="613"/>
      <c r="BMQ665" s="613"/>
      <c r="BMR665" s="613"/>
      <c r="BMS665" s="613"/>
      <c r="BMT665" s="613"/>
      <c r="BMU665" s="613"/>
      <c r="BMV665" s="613"/>
      <c r="BMW665" s="613"/>
      <c r="BMX665" s="613"/>
      <c r="BMY665" s="613"/>
      <c r="BMZ665" s="613"/>
      <c r="BNA665" s="613"/>
      <c r="BNB665" s="613"/>
      <c r="BNC665" s="613"/>
      <c r="BND665" s="613"/>
      <c r="BNE665" s="613"/>
      <c r="BNF665" s="613"/>
      <c r="BNG665" s="613"/>
      <c r="BNH665" s="613"/>
      <c r="BNI665" s="613"/>
      <c r="BNJ665" s="613"/>
      <c r="BNK665" s="613"/>
      <c r="BNL665" s="613"/>
      <c r="BNM665" s="613"/>
      <c r="BNN665" s="613"/>
      <c r="BNO665" s="613"/>
      <c r="BNP665" s="613"/>
      <c r="BNQ665" s="613"/>
      <c r="BNR665" s="613"/>
      <c r="BNS665" s="613"/>
      <c r="BNT665" s="613"/>
      <c r="BNU665" s="613"/>
      <c r="BNV665" s="613"/>
      <c r="BNW665" s="613"/>
      <c r="BNX665" s="613"/>
      <c r="BNY665" s="613"/>
      <c r="BNZ665" s="613"/>
      <c r="BOA665" s="613"/>
      <c r="BOB665" s="613"/>
      <c r="BOC665" s="613"/>
      <c r="BOD665" s="613"/>
      <c r="BOE665" s="613"/>
      <c r="BOF665" s="613"/>
      <c r="BOG665" s="613"/>
      <c r="BOH665" s="613"/>
      <c r="BOI665" s="613"/>
      <c r="BOJ665" s="613"/>
      <c r="BOK665" s="613"/>
      <c r="BOL665" s="613"/>
      <c r="BOM665" s="613"/>
      <c r="BON665" s="613"/>
      <c r="BOO665" s="613"/>
      <c r="BOP665" s="613"/>
      <c r="BOQ665" s="613"/>
      <c r="BOR665" s="613"/>
      <c r="BOS665" s="613"/>
      <c r="BOT665" s="613"/>
      <c r="BOU665" s="613"/>
      <c r="BOV665" s="613"/>
      <c r="BOW665" s="613"/>
      <c r="BOX665" s="613"/>
      <c r="BOY665" s="613"/>
      <c r="BOZ665" s="613"/>
      <c r="BPA665" s="613"/>
      <c r="BPB665" s="613"/>
      <c r="BPC665" s="613"/>
      <c r="BPD665" s="613"/>
      <c r="BPE665" s="613"/>
      <c r="BPF665" s="613"/>
      <c r="BPG665" s="613"/>
      <c r="BPH665" s="613"/>
      <c r="BPI665" s="613"/>
      <c r="BPJ665" s="613"/>
      <c r="BPK665" s="613"/>
      <c r="BPL665" s="613"/>
      <c r="BPM665" s="613"/>
      <c r="BPN665" s="613"/>
      <c r="BPO665" s="613"/>
      <c r="BPP665" s="613"/>
      <c r="BPQ665" s="613"/>
      <c r="BPR665" s="613"/>
      <c r="BPS665" s="613"/>
      <c r="BPT665" s="613"/>
      <c r="BPU665" s="613"/>
      <c r="BPV665" s="613"/>
      <c r="BPW665" s="613"/>
      <c r="BPX665" s="613"/>
      <c r="BPY665" s="613"/>
      <c r="BPZ665" s="613"/>
      <c r="BQA665" s="613"/>
      <c r="BQB665" s="613"/>
      <c r="BQC665" s="613"/>
      <c r="BQD665" s="613"/>
      <c r="BQE665" s="613"/>
      <c r="BQF665" s="613"/>
      <c r="BQG665" s="613"/>
      <c r="BQH665" s="613"/>
      <c r="BQI665" s="613"/>
      <c r="BQJ665" s="613"/>
      <c r="BQK665" s="613"/>
      <c r="BQL665" s="613"/>
      <c r="BQM665" s="613"/>
      <c r="BQN665" s="613"/>
      <c r="BQO665" s="613"/>
      <c r="BQP665" s="613"/>
      <c r="BQQ665" s="613"/>
      <c r="BQR665" s="613"/>
      <c r="BQS665" s="613"/>
      <c r="BQT665" s="613"/>
      <c r="BQU665" s="613"/>
      <c r="BQV665" s="613"/>
      <c r="BQW665" s="613"/>
      <c r="BQX665" s="613"/>
      <c r="BQY665" s="613"/>
      <c r="BQZ665" s="613"/>
      <c r="BRA665" s="613"/>
      <c r="BRB665" s="613"/>
      <c r="BRC665" s="613"/>
      <c r="BRD665" s="613"/>
      <c r="BRE665" s="613"/>
      <c r="BRF665" s="613"/>
      <c r="BRG665" s="613"/>
      <c r="BRH665" s="613"/>
      <c r="BRI665" s="613"/>
      <c r="BRJ665" s="613"/>
      <c r="BRK665" s="613"/>
      <c r="BRL665" s="613"/>
      <c r="BRM665" s="613"/>
      <c r="BRN665" s="613"/>
      <c r="BRO665" s="613"/>
      <c r="BRP665" s="613"/>
      <c r="BRQ665" s="613"/>
      <c r="BRR665" s="613"/>
      <c r="BRS665" s="613"/>
      <c r="BRT665" s="613"/>
      <c r="BRU665" s="613"/>
      <c r="BRV665" s="613"/>
      <c r="BRW665" s="613"/>
      <c r="BRX665" s="613"/>
      <c r="BRY665" s="613"/>
      <c r="BRZ665" s="613"/>
      <c r="BSA665" s="613"/>
      <c r="BSB665" s="613"/>
      <c r="BSC665" s="613"/>
      <c r="BSD665" s="613"/>
      <c r="BSE665" s="613"/>
      <c r="BSF665" s="613"/>
      <c r="BSG665" s="613"/>
      <c r="BSH665" s="613"/>
      <c r="BSI665" s="613"/>
      <c r="BSJ665" s="613"/>
      <c r="BSK665" s="613"/>
      <c r="BSL665" s="613"/>
      <c r="BSM665" s="613"/>
      <c r="BSN665" s="613"/>
      <c r="BSO665" s="613"/>
      <c r="BSP665" s="613"/>
      <c r="BSQ665" s="613"/>
      <c r="BSR665" s="613"/>
      <c r="BSS665" s="613"/>
      <c r="BST665" s="613"/>
      <c r="BSU665" s="613"/>
      <c r="BSV665" s="613"/>
      <c r="BSW665" s="613"/>
      <c r="BSX665" s="613"/>
      <c r="BSY665" s="613"/>
      <c r="BSZ665" s="613"/>
      <c r="BTA665" s="613"/>
      <c r="BTB665" s="613"/>
      <c r="BTC665" s="613"/>
      <c r="BTD665" s="613"/>
      <c r="BTE665" s="613"/>
      <c r="BTF665" s="613"/>
      <c r="BTG665" s="613"/>
      <c r="BTH665" s="613"/>
      <c r="BTI665" s="613"/>
      <c r="BTJ665" s="613"/>
      <c r="BTK665" s="613"/>
      <c r="BTL665" s="613"/>
      <c r="BTM665" s="613"/>
      <c r="BTN665" s="613"/>
      <c r="BTO665" s="613"/>
      <c r="BTP665" s="613"/>
      <c r="BTQ665" s="613"/>
      <c r="BTR665" s="613"/>
      <c r="BTS665" s="613"/>
      <c r="BTT665" s="613"/>
      <c r="BTU665" s="613"/>
      <c r="BTV665" s="613"/>
      <c r="BTW665" s="613"/>
      <c r="BTX665" s="613"/>
      <c r="BTY665" s="613"/>
      <c r="BTZ665" s="613"/>
      <c r="BUA665" s="613"/>
      <c r="BUB665" s="613"/>
      <c r="BUC665" s="613"/>
      <c r="BUD665" s="613"/>
      <c r="BUE665" s="613"/>
      <c r="BUF665" s="613"/>
      <c r="BUG665" s="613"/>
      <c r="BUH665" s="613"/>
      <c r="BUI665" s="613"/>
      <c r="BUJ665" s="613"/>
      <c r="BUK665" s="613"/>
      <c r="BUL665" s="613"/>
      <c r="BUM665" s="613"/>
      <c r="BUN665" s="613"/>
      <c r="BUO665" s="613"/>
      <c r="BUP665" s="613"/>
      <c r="BUQ665" s="613"/>
      <c r="BUR665" s="613"/>
      <c r="BUS665" s="613"/>
      <c r="BUT665" s="613"/>
      <c r="BUU665" s="613"/>
      <c r="BUV665" s="613"/>
      <c r="BUW665" s="613"/>
      <c r="BUX665" s="613"/>
      <c r="BUY665" s="613"/>
      <c r="BUZ665" s="613"/>
      <c r="BVA665" s="613"/>
      <c r="BVB665" s="613"/>
      <c r="BVC665" s="613"/>
      <c r="BVD665" s="613"/>
      <c r="BVE665" s="613"/>
      <c r="BVF665" s="613"/>
      <c r="BVG665" s="613"/>
      <c r="BVH665" s="613"/>
      <c r="BVI665" s="613"/>
      <c r="BVJ665" s="613"/>
      <c r="BVK665" s="613"/>
      <c r="BVL665" s="613"/>
      <c r="BVM665" s="613"/>
      <c r="BVN665" s="613"/>
      <c r="BVO665" s="613"/>
      <c r="BVP665" s="613"/>
      <c r="BVQ665" s="613"/>
      <c r="BVR665" s="613"/>
      <c r="BVS665" s="613"/>
      <c r="BVT665" s="613"/>
      <c r="BVU665" s="613"/>
      <c r="BVV665" s="613"/>
      <c r="BVW665" s="613"/>
      <c r="BVX665" s="613"/>
      <c r="BVY665" s="613"/>
      <c r="BVZ665" s="613"/>
      <c r="BWA665" s="613"/>
      <c r="BWB665" s="613"/>
      <c r="BWC665" s="613"/>
      <c r="BWD665" s="613"/>
      <c r="BWE665" s="613"/>
      <c r="BWF665" s="613"/>
      <c r="BWG665" s="613"/>
      <c r="BWH665" s="613"/>
      <c r="BWI665" s="613"/>
      <c r="BWJ665" s="613"/>
      <c r="BWK665" s="613"/>
      <c r="BWL665" s="613"/>
      <c r="BWM665" s="613"/>
      <c r="BWN665" s="613"/>
      <c r="BWO665" s="613"/>
      <c r="BWP665" s="613"/>
      <c r="BWQ665" s="613"/>
      <c r="BWR665" s="613"/>
      <c r="BWS665" s="613"/>
      <c r="BWT665" s="613"/>
      <c r="BWU665" s="613"/>
      <c r="BWV665" s="613"/>
      <c r="BWW665" s="613"/>
      <c r="BWX665" s="613"/>
      <c r="BWY665" s="613"/>
      <c r="BWZ665" s="613"/>
      <c r="BXA665" s="613"/>
      <c r="BXB665" s="613"/>
      <c r="BXC665" s="613"/>
      <c r="BXD665" s="613"/>
      <c r="BXE665" s="613"/>
      <c r="BXF665" s="613"/>
      <c r="BXG665" s="613"/>
      <c r="BXH665" s="613"/>
      <c r="BXI665" s="613"/>
      <c r="BXJ665" s="613"/>
      <c r="BXK665" s="613"/>
      <c r="BXL665" s="613"/>
      <c r="BXM665" s="613"/>
      <c r="BXN665" s="613"/>
      <c r="BXO665" s="613"/>
      <c r="BXP665" s="613"/>
      <c r="BXQ665" s="613"/>
      <c r="BXR665" s="613"/>
      <c r="BXS665" s="613"/>
      <c r="BXT665" s="613"/>
      <c r="BXU665" s="613"/>
      <c r="BXV665" s="613"/>
      <c r="BXW665" s="613"/>
      <c r="BXX665" s="613"/>
      <c r="BXY665" s="613"/>
      <c r="BXZ665" s="613"/>
      <c r="BYA665" s="613"/>
      <c r="BYB665" s="613"/>
      <c r="BYC665" s="613"/>
      <c r="BYD665" s="613"/>
      <c r="BYE665" s="613"/>
      <c r="BYF665" s="613"/>
      <c r="BYG665" s="613"/>
      <c r="BYH665" s="613"/>
      <c r="BYI665" s="613"/>
      <c r="BYJ665" s="613"/>
      <c r="BYK665" s="613"/>
      <c r="BYL665" s="613"/>
      <c r="BYM665" s="613"/>
      <c r="BYN665" s="613"/>
      <c r="BYO665" s="613"/>
      <c r="BYP665" s="613"/>
      <c r="BYQ665" s="613"/>
      <c r="BYR665" s="613"/>
      <c r="BYS665" s="613"/>
      <c r="BYT665" s="613"/>
      <c r="BYU665" s="613"/>
      <c r="BYV665" s="613"/>
      <c r="BYW665" s="613"/>
      <c r="BYX665" s="613"/>
      <c r="BYY665" s="613"/>
      <c r="BYZ665" s="613"/>
      <c r="BZA665" s="613"/>
      <c r="BZB665" s="613"/>
      <c r="BZC665" s="613"/>
      <c r="BZD665" s="613"/>
      <c r="BZE665" s="613"/>
      <c r="BZF665" s="613"/>
      <c r="BZG665" s="613"/>
      <c r="BZH665" s="613"/>
      <c r="BZI665" s="613"/>
      <c r="BZJ665" s="613"/>
      <c r="BZK665" s="613"/>
      <c r="BZL665" s="613"/>
      <c r="BZM665" s="613"/>
      <c r="BZN665" s="613"/>
      <c r="BZO665" s="613"/>
      <c r="BZP665" s="613"/>
      <c r="BZQ665" s="613"/>
      <c r="BZR665" s="613"/>
      <c r="BZS665" s="613"/>
      <c r="BZT665" s="613"/>
      <c r="BZU665" s="613"/>
      <c r="BZV665" s="613"/>
      <c r="BZW665" s="613"/>
      <c r="BZX665" s="613"/>
      <c r="BZY665" s="613"/>
      <c r="BZZ665" s="613"/>
      <c r="CAA665" s="613"/>
      <c r="CAB665" s="613"/>
      <c r="CAC665" s="613"/>
      <c r="CAD665" s="613"/>
      <c r="CAE665" s="613"/>
      <c r="CAF665" s="613"/>
      <c r="CAG665" s="613"/>
      <c r="CAH665" s="613"/>
      <c r="CAI665" s="613"/>
      <c r="CAJ665" s="613"/>
      <c r="CAK665" s="613"/>
      <c r="CAL665" s="613"/>
      <c r="CAM665" s="613"/>
      <c r="CAN665" s="613"/>
      <c r="CAO665" s="613"/>
      <c r="CAP665" s="613"/>
      <c r="CAQ665" s="613"/>
      <c r="CAR665" s="613"/>
      <c r="CAS665" s="613"/>
      <c r="CAT665" s="613"/>
      <c r="CAU665" s="613"/>
      <c r="CAV665" s="613"/>
      <c r="CAW665" s="613"/>
      <c r="CAX665" s="613"/>
      <c r="CAY665" s="613"/>
      <c r="CAZ665" s="613"/>
      <c r="CBA665" s="613"/>
      <c r="CBB665" s="613"/>
      <c r="CBC665" s="613"/>
      <c r="CBD665" s="613"/>
      <c r="CBE665" s="613"/>
      <c r="CBF665" s="613"/>
      <c r="CBG665" s="613"/>
      <c r="CBH665" s="613"/>
      <c r="CBI665" s="613"/>
      <c r="CBJ665" s="613"/>
      <c r="CBK665" s="613"/>
      <c r="CBL665" s="613"/>
      <c r="CBM665" s="613"/>
      <c r="CBN665" s="613"/>
      <c r="CBO665" s="613"/>
      <c r="CBP665" s="613"/>
      <c r="CBQ665" s="613"/>
      <c r="CBR665" s="613"/>
      <c r="CBS665" s="613"/>
      <c r="CBT665" s="613"/>
      <c r="CBU665" s="613"/>
      <c r="CBV665" s="613"/>
      <c r="CBW665" s="613"/>
      <c r="CBX665" s="613"/>
      <c r="CBY665" s="613"/>
      <c r="CBZ665" s="613"/>
      <c r="CCA665" s="613"/>
      <c r="CCB665" s="613"/>
      <c r="CCC665" s="613"/>
      <c r="CCD665" s="613"/>
      <c r="CCE665" s="613"/>
      <c r="CCF665" s="613"/>
      <c r="CCG665" s="613"/>
      <c r="CCH665" s="613"/>
      <c r="CCI665" s="613"/>
      <c r="CCJ665" s="613"/>
      <c r="CCK665" s="613"/>
      <c r="CCL665" s="613"/>
      <c r="CCM665" s="613"/>
      <c r="CCN665" s="613"/>
      <c r="CCO665" s="613"/>
      <c r="CCP665" s="613"/>
      <c r="CCQ665" s="613"/>
      <c r="CCR665" s="613"/>
      <c r="CCS665" s="613"/>
      <c r="CCT665" s="613"/>
      <c r="CCU665" s="613"/>
      <c r="CCV665" s="613"/>
      <c r="CCW665" s="613"/>
      <c r="CCX665" s="613"/>
      <c r="CCY665" s="613"/>
      <c r="CCZ665" s="613"/>
      <c r="CDA665" s="613"/>
      <c r="CDB665" s="613"/>
      <c r="CDC665" s="613"/>
      <c r="CDD665" s="613"/>
      <c r="CDE665" s="613"/>
      <c r="CDF665" s="613"/>
      <c r="CDG665" s="613"/>
      <c r="CDH665" s="613"/>
      <c r="CDI665" s="613"/>
      <c r="CDJ665" s="613"/>
      <c r="CDK665" s="613"/>
      <c r="CDL665" s="613"/>
      <c r="CDM665" s="613"/>
      <c r="CDN665" s="613"/>
      <c r="CDO665" s="613"/>
      <c r="CDP665" s="613"/>
      <c r="CDQ665" s="613"/>
      <c r="CDR665" s="613"/>
      <c r="CDS665" s="613"/>
      <c r="CDT665" s="613"/>
      <c r="CDU665" s="613"/>
      <c r="CDV665" s="613"/>
      <c r="CDW665" s="613"/>
      <c r="CDX665" s="613"/>
      <c r="CDY665" s="613"/>
      <c r="CDZ665" s="613"/>
      <c r="CEA665" s="613"/>
      <c r="CEB665" s="613"/>
      <c r="CEC665" s="613"/>
      <c r="CED665" s="613"/>
      <c r="CEE665" s="613"/>
      <c r="CEF665" s="613"/>
      <c r="CEG665" s="613"/>
      <c r="CEH665" s="613"/>
      <c r="CEI665" s="613"/>
      <c r="CEJ665" s="613"/>
      <c r="CEK665" s="613"/>
      <c r="CEL665" s="613"/>
      <c r="CEM665" s="613"/>
      <c r="CEN665" s="613"/>
      <c r="CEO665" s="613"/>
      <c r="CEP665" s="613"/>
      <c r="CEQ665" s="613"/>
      <c r="CER665" s="613"/>
      <c r="CES665" s="613"/>
      <c r="CET665" s="613"/>
      <c r="CEU665" s="613"/>
      <c r="CEV665" s="613"/>
      <c r="CEW665" s="613"/>
      <c r="CEX665" s="613"/>
      <c r="CEY665" s="613"/>
      <c r="CEZ665" s="613"/>
      <c r="CFA665" s="613"/>
      <c r="CFB665" s="613"/>
      <c r="CFC665" s="613"/>
      <c r="CFD665" s="613"/>
      <c r="CFE665" s="613"/>
      <c r="CFF665" s="613"/>
      <c r="CFG665" s="613"/>
      <c r="CFH665" s="613"/>
      <c r="CFI665" s="613"/>
      <c r="CFJ665" s="613"/>
      <c r="CFK665" s="613"/>
      <c r="CFL665" s="613"/>
      <c r="CFM665" s="613"/>
      <c r="CFN665" s="613"/>
      <c r="CFO665" s="613"/>
      <c r="CFP665" s="613"/>
      <c r="CFQ665" s="613"/>
      <c r="CFR665" s="613"/>
      <c r="CFS665" s="613"/>
      <c r="CFT665" s="613"/>
      <c r="CFU665" s="613"/>
      <c r="CFV665" s="613"/>
      <c r="CFW665" s="613"/>
      <c r="CFX665" s="613"/>
      <c r="CFY665" s="613"/>
      <c r="CFZ665" s="613"/>
      <c r="CGA665" s="613"/>
      <c r="CGB665" s="613"/>
      <c r="CGC665" s="613"/>
      <c r="CGD665" s="613"/>
      <c r="CGE665" s="613"/>
      <c r="CGF665" s="613"/>
      <c r="CGG665" s="613"/>
      <c r="CGH665" s="613"/>
      <c r="CGI665" s="613"/>
      <c r="CGJ665" s="613"/>
      <c r="CGK665" s="613"/>
      <c r="CGL665" s="613"/>
      <c r="CGM665" s="613"/>
      <c r="CGN665" s="613"/>
      <c r="CGO665" s="613"/>
      <c r="CGP665" s="613"/>
      <c r="CGQ665" s="613"/>
      <c r="CGR665" s="613"/>
      <c r="CGS665" s="613"/>
      <c r="CGT665" s="613"/>
      <c r="CGU665" s="613"/>
      <c r="CGV665" s="613"/>
      <c r="CGW665" s="613"/>
      <c r="CGX665" s="613"/>
      <c r="CGY665" s="613"/>
      <c r="CGZ665" s="613"/>
      <c r="CHA665" s="613"/>
      <c r="CHB665" s="613"/>
      <c r="CHC665" s="613"/>
      <c r="CHD665" s="613"/>
      <c r="CHE665" s="613"/>
      <c r="CHF665" s="613"/>
      <c r="CHG665" s="613"/>
      <c r="CHH665" s="613"/>
      <c r="CHI665" s="613"/>
      <c r="CHJ665" s="613"/>
      <c r="CHK665" s="613"/>
      <c r="CHL665" s="613"/>
      <c r="CHM665" s="613"/>
      <c r="CHN665" s="613"/>
      <c r="CHO665" s="613"/>
      <c r="CHP665" s="613"/>
      <c r="CHQ665" s="613"/>
      <c r="CHR665" s="613"/>
      <c r="CHS665" s="613"/>
      <c r="CHT665" s="613"/>
      <c r="CHU665" s="613"/>
      <c r="CHV665" s="613"/>
      <c r="CHW665" s="613"/>
      <c r="CHX665" s="613"/>
      <c r="CHY665" s="613"/>
      <c r="CHZ665" s="613"/>
      <c r="CIA665" s="613"/>
      <c r="CIB665" s="613"/>
      <c r="CIC665" s="613"/>
      <c r="CID665" s="613"/>
      <c r="CIE665" s="613"/>
      <c r="CIF665" s="613"/>
      <c r="CIG665" s="613"/>
      <c r="CIH665" s="613"/>
      <c r="CII665" s="613"/>
      <c r="CIJ665" s="613"/>
      <c r="CIK665" s="613"/>
      <c r="CIL665" s="613"/>
      <c r="CIM665" s="613"/>
      <c r="CIN665" s="613"/>
      <c r="CIO665" s="613"/>
      <c r="CIP665" s="613"/>
      <c r="CIQ665" s="613"/>
      <c r="CIR665" s="613"/>
      <c r="CIS665" s="613"/>
      <c r="CIT665" s="613"/>
      <c r="CIU665" s="613"/>
      <c r="CIV665" s="613"/>
      <c r="CIW665" s="613"/>
      <c r="CIX665" s="613"/>
      <c r="CIY665" s="613"/>
      <c r="CIZ665" s="613"/>
      <c r="CJA665" s="613"/>
      <c r="CJB665" s="613"/>
      <c r="CJC665" s="613"/>
      <c r="CJD665" s="613"/>
      <c r="CJE665" s="613"/>
      <c r="CJF665" s="613"/>
      <c r="CJG665" s="613"/>
      <c r="CJH665" s="613"/>
      <c r="CJI665" s="613"/>
      <c r="CJJ665" s="613"/>
      <c r="CJK665" s="613"/>
      <c r="CJL665" s="613"/>
      <c r="CJM665" s="613"/>
      <c r="CJN665" s="613"/>
      <c r="CJO665" s="613"/>
      <c r="CJP665" s="613"/>
      <c r="CJQ665" s="613"/>
      <c r="CJR665" s="613"/>
      <c r="CJS665" s="613"/>
      <c r="CJT665" s="613"/>
      <c r="CJU665" s="613"/>
      <c r="CJV665" s="613"/>
      <c r="CJW665" s="613"/>
      <c r="CJX665" s="613"/>
      <c r="CJY665" s="613"/>
      <c r="CJZ665" s="613"/>
      <c r="CKA665" s="613"/>
      <c r="CKB665" s="613"/>
      <c r="CKC665" s="613"/>
      <c r="CKD665" s="613"/>
      <c r="CKE665" s="613"/>
      <c r="CKF665" s="613"/>
      <c r="CKG665" s="613"/>
      <c r="CKH665" s="613"/>
      <c r="CKI665" s="613"/>
      <c r="CKJ665" s="613"/>
      <c r="CKK665" s="613"/>
      <c r="CKL665" s="613"/>
      <c r="CKM665" s="613"/>
      <c r="CKN665" s="613"/>
      <c r="CKO665" s="613"/>
      <c r="CKP665" s="613"/>
      <c r="CKQ665" s="613"/>
      <c r="CKR665" s="613"/>
      <c r="CKS665" s="613"/>
      <c r="CKT665" s="613"/>
      <c r="CKU665" s="613"/>
      <c r="CKV665" s="613"/>
      <c r="CKW665" s="613"/>
      <c r="CKX665" s="613"/>
      <c r="CKY665" s="613"/>
      <c r="CKZ665" s="613"/>
      <c r="CLA665" s="613"/>
      <c r="CLB665" s="613"/>
      <c r="CLC665" s="613"/>
      <c r="CLD665" s="613"/>
      <c r="CLE665" s="613"/>
      <c r="CLF665" s="613"/>
      <c r="CLG665" s="613"/>
      <c r="CLH665" s="613"/>
      <c r="CLI665" s="613"/>
      <c r="CLJ665" s="613"/>
      <c r="CLK665" s="613"/>
      <c r="CLL665" s="613"/>
      <c r="CLM665" s="613"/>
      <c r="CLN665" s="613"/>
      <c r="CLO665" s="613"/>
      <c r="CLP665" s="613"/>
      <c r="CLQ665" s="613"/>
      <c r="CLR665" s="613"/>
      <c r="CLS665" s="613"/>
      <c r="CLT665" s="613"/>
      <c r="CLU665" s="613"/>
      <c r="CLV665" s="613"/>
      <c r="CLW665" s="613"/>
      <c r="CLX665" s="613"/>
      <c r="CLY665" s="613"/>
      <c r="CLZ665" s="613"/>
      <c r="CMA665" s="613"/>
      <c r="CMB665" s="613"/>
      <c r="CMC665" s="613"/>
      <c r="CMD665" s="613"/>
      <c r="CME665" s="613"/>
      <c r="CMF665" s="613"/>
      <c r="CMG665" s="613"/>
      <c r="CMH665" s="613"/>
      <c r="CMI665" s="613"/>
      <c r="CMJ665" s="613"/>
      <c r="CMK665" s="613"/>
      <c r="CML665" s="613"/>
      <c r="CMM665" s="613"/>
      <c r="CMN665" s="613"/>
      <c r="CMO665" s="613"/>
      <c r="CMP665" s="613"/>
      <c r="CMQ665" s="613"/>
      <c r="CMR665" s="613"/>
      <c r="CMS665" s="613"/>
      <c r="CMT665" s="613"/>
      <c r="CMU665" s="613"/>
      <c r="CMV665" s="613"/>
      <c r="CMW665" s="613"/>
      <c r="CMX665" s="613"/>
      <c r="CMY665" s="613"/>
      <c r="CMZ665" s="613"/>
      <c r="CNA665" s="613"/>
      <c r="CNB665" s="613"/>
      <c r="CNC665" s="613"/>
      <c r="CND665" s="613"/>
      <c r="CNE665" s="613"/>
      <c r="CNF665" s="613"/>
      <c r="CNG665" s="613"/>
      <c r="CNH665" s="613"/>
      <c r="CNI665" s="613"/>
      <c r="CNJ665" s="613"/>
      <c r="CNK665" s="613"/>
      <c r="CNL665" s="613"/>
      <c r="CNM665" s="613"/>
      <c r="CNN665" s="613"/>
      <c r="CNO665" s="613"/>
      <c r="CNP665" s="613"/>
      <c r="CNQ665" s="613"/>
      <c r="CNR665" s="613"/>
      <c r="CNS665" s="613"/>
      <c r="CNT665" s="613"/>
      <c r="CNU665" s="613"/>
      <c r="CNV665" s="613"/>
      <c r="CNW665" s="613"/>
      <c r="CNX665" s="613"/>
      <c r="CNY665" s="613"/>
      <c r="CNZ665" s="613"/>
      <c r="COA665" s="613"/>
      <c r="COB665" s="613"/>
      <c r="COC665" s="613"/>
      <c r="COD665" s="613"/>
      <c r="COE665" s="613"/>
      <c r="COF665" s="613"/>
      <c r="COG665" s="613"/>
      <c r="COH665" s="613"/>
      <c r="COI665" s="613"/>
      <c r="COJ665" s="613"/>
      <c r="COK665" s="613"/>
      <c r="COL665" s="613"/>
      <c r="COM665" s="613"/>
      <c r="CON665" s="613"/>
      <c r="COO665" s="613"/>
      <c r="COP665" s="613"/>
      <c r="COQ665" s="613"/>
      <c r="COR665" s="613"/>
      <c r="COS665" s="613"/>
      <c r="COT665" s="613"/>
      <c r="COU665" s="613"/>
      <c r="COV665" s="613"/>
      <c r="COW665" s="613"/>
      <c r="COX665" s="613"/>
      <c r="COY665" s="613"/>
      <c r="COZ665" s="613"/>
      <c r="CPA665" s="613"/>
      <c r="CPB665" s="613"/>
      <c r="CPC665" s="613"/>
      <c r="CPD665" s="613"/>
      <c r="CPE665" s="613"/>
      <c r="CPF665" s="613"/>
      <c r="CPG665" s="613"/>
      <c r="CPH665" s="613"/>
      <c r="CPI665" s="613"/>
      <c r="CPJ665" s="613"/>
      <c r="CPK665" s="613"/>
      <c r="CPL665" s="613"/>
      <c r="CPM665" s="613"/>
      <c r="CPN665" s="613"/>
      <c r="CPO665" s="613"/>
      <c r="CPP665" s="613"/>
      <c r="CPQ665" s="613"/>
      <c r="CPR665" s="613"/>
      <c r="CPS665" s="613"/>
      <c r="CPT665" s="613"/>
      <c r="CPU665" s="613"/>
      <c r="CPV665" s="613"/>
      <c r="CPW665" s="613"/>
      <c r="CPX665" s="613"/>
      <c r="CPY665" s="613"/>
      <c r="CPZ665" s="613"/>
      <c r="CQA665" s="613"/>
      <c r="CQB665" s="613"/>
      <c r="CQC665" s="613"/>
      <c r="CQD665" s="613"/>
      <c r="CQE665" s="613"/>
      <c r="CQF665" s="613"/>
      <c r="CQG665" s="613"/>
      <c r="CQH665" s="613"/>
      <c r="CQI665" s="613"/>
      <c r="CQJ665" s="613"/>
      <c r="CQK665" s="613"/>
      <c r="CQL665" s="613"/>
      <c r="CQM665" s="613"/>
      <c r="CQN665" s="613"/>
      <c r="CQO665" s="613"/>
      <c r="CQP665" s="613"/>
      <c r="CQQ665" s="613"/>
      <c r="CQR665" s="613"/>
      <c r="CQS665" s="613"/>
      <c r="CQT665" s="613"/>
      <c r="CQU665" s="613"/>
      <c r="CQV665" s="613"/>
      <c r="CQW665" s="613"/>
      <c r="CQX665" s="613"/>
      <c r="CQY665" s="613"/>
      <c r="CQZ665" s="613"/>
      <c r="CRA665" s="613"/>
      <c r="CRB665" s="613"/>
      <c r="CRC665" s="613"/>
      <c r="CRD665" s="613"/>
      <c r="CRE665" s="613"/>
      <c r="CRF665" s="613"/>
      <c r="CRG665" s="613"/>
      <c r="CRH665" s="613"/>
      <c r="CRI665" s="613"/>
      <c r="CRJ665" s="613"/>
      <c r="CRK665" s="613"/>
      <c r="CRL665" s="613"/>
      <c r="CRM665" s="613"/>
      <c r="CRN665" s="613"/>
      <c r="CRO665" s="613"/>
      <c r="CRP665" s="613"/>
      <c r="CRQ665" s="613"/>
      <c r="CRR665" s="613"/>
      <c r="CRS665" s="613"/>
      <c r="CRT665" s="613"/>
      <c r="CRU665" s="613"/>
      <c r="CRV665" s="613"/>
      <c r="CRW665" s="613"/>
      <c r="CRX665" s="613"/>
      <c r="CRY665" s="613"/>
      <c r="CRZ665" s="613"/>
      <c r="CSA665" s="613"/>
      <c r="CSB665" s="613"/>
      <c r="CSC665" s="613"/>
      <c r="CSD665" s="613"/>
      <c r="CSE665" s="613"/>
      <c r="CSF665" s="613"/>
      <c r="CSG665" s="613"/>
      <c r="CSH665" s="613"/>
      <c r="CSI665" s="613"/>
      <c r="CSJ665" s="613"/>
      <c r="CSK665" s="613"/>
      <c r="CSL665" s="613"/>
      <c r="CSM665" s="613"/>
      <c r="CSN665" s="613"/>
      <c r="CSO665" s="613"/>
      <c r="CSP665" s="613"/>
      <c r="CSQ665" s="613"/>
      <c r="CSR665" s="613"/>
      <c r="CSS665" s="613"/>
      <c r="CST665" s="613"/>
      <c r="CSU665" s="613"/>
      <c r="CSV665" s="613"/>
      <c r="CSW665" s="613"/>
      <c r="CSX665" s="613"/>
      <c r="CSY665" s="613"/>
      <c r="CSZ665" s="613"/>
      <c r="CTA665" s="613"/>
      <c r="CTB665" s="613"/>
      <c r="CTC665" s="613"/>
      <c r="CTD665" s="613"/>
      <c r="CTE665" s="613"/>
      <c r="CTF665" s="613"/>
      <c r="CTG665" s="613"/>
      <c r="CTH665" s="613"/>
      <c r="CTI665" s="613"/>
      <c r="CTJ665" s="613"/>
      <c r="CTK665" s="613"/>
      <c r="CTL665" s="613"/>
      <c r="CTM665" s="613"/>
      <c r="CTN665" s="613"/>
      <c r="CTO665" s="613"/>
      <c r="CTP665" s="613"/>
      <c r="CTQ665" s="613"/>
      <c r="CTR665" s="613"/>
      <c r="CTS665" s="613"/>
      <c r="CTT665" s="613"/>
      <c r="CTU665" s="613"/>
      <c r="CTV665" s="613"/>
      <c r="CTW665" s="613"/>
      <c r="CTX665" s="613"/>
      <c r="CTY665" s="613"/>
      <c r="CTZ665" s="613"/>
      <c r="CUA665" s="613"/>
      <c r="CUB665" s="613"/>
      <c r="CUC665" s="613"/>
      <c r="CUD665" s="613"/>
      <c r="CUE665" s="613"/>
      <c r="CUF665" s="613"/>
      <c r="CUG665" s="613"/>
      <c r="CUH665" s="613"/>
      <c r="CUI665" s="613"/>
      <c r="CUJ665" s="613"/>
      <c r="CUK665" s="613"/>
      <c r="CUL665" s="613"/>
      <c r="CUM665" s="613"/>
      <c r="CUN665" s="613"/>
      <c r="CUO665" s="613"/>
      <c r="CUP665" s="613"/>
      <c r="CUQ665" s="613"/>
      <c r="CUR665" s="613"/>
      <c r="CUS665" s="613"/>
      <c r="CUT665" s="613"/>
      <c r="CUU665" s="613"/>
      <c r="CUV665" s="613"/>
      <c r="CUW665" s="613"/>
      <c r="CUX665" s="613"/>
      <c r="CUY665" s="613"/>
      <c r="CUZ665" s="613"/>
      <c r="CVA665" s="613"/>
      <c r="CVB665" s="613"/>
      <c r="CVC665" s="613"/>
      <c r="CVD665" s="613"/>
      <c r="CVE665" s="613"/>
      <c r="CVF665" s="613"/>
      <c r="CVG665" s="613"/>
      <c r="CVH665" s="613"/>
      <c r="CVI665" s="613"/>
      <c r="CVJ665" s="613"/>
      <c r="CVK665" s="613"/>
      <c r="CVL665" s="613"/>
      <c r="CVM665" s="613"/>
      <c r="CVN665" s="613"/>
      <c r="CVO665" s="613"/>
      <c r="CVP665" s="613"/>
      <c r="CVQ665" s="613"/>
      <c r="CVR665" s="613"/>
      <c r="CVS665" s="613"/>
      <c r="CVT665" s="613"/>
      <c r="CVU665" s="613"/>
      <c r="CVV665" s="613"/>
      <c r="CVW665" s="613"/>
      <c r="CVX665" s="613"/>
      <c r="CVY665" s="613"/>
      <c r="CVZ665" s="613"/>
      <c r="CWA665" s="613"/>
      <c r="CWB665" s="613"/>
      <c r="CWC665" s="613"/>
      <c r="CWD665" s="613"/>
      <c r="CWE665" s="613"/>
      <c r="CWF665" s="613"/>
      <c r="CWG665" s="613"/>
      <c r="CWH665" s="613"/>
      <c r="CWI665" s="613"/>
      <c r="CWJ665" s="613"/>
      <c r="CWK665" s="613"/>
      <c r="CWL665" s="613"/>
      <c r="CWM665" s="613"/>
      <c r="CWN665" s="613"/>
      <c r="CWO665" s="613"/>
      <c r="CWP665" s="613"/>
      <c r="CWQ665" s="613"/>
      <c r="CWR665" s="613"/>
      <c r="CWS665" s="613"/>
      <c r="CWT665" s="613"/>
      <c r="CWU665" s="613"/>
      <c r="CWV665" s="613"/>
      <c r="CWW665" s="613"/>
      <c r="CWX665" s="613"/>
      <c r="CWY665" s="613"/>
      <c r="CWZ665" s="613"/>
      <c r="CXA665" s="613"/>
      <c r="CXB665" s="613"/>
      <c r="CXC665" s="613"/>
      <c r="CXD665" s="613"/>
      <c r="CXE665" s="613"/>
      <c r="CXF665" s="613"/>
      <c r="CXG665" s="613"/>
      <c r="CXH665" s="613"/>
      <c r="CXI665" s="613"/>
      <c r="CXJ665" s="613"/>
      <c r="CXK665" s="613"/>
      <c r="CXL665" s="613"/>
      <c r="CXM665" s="613"/>
      <c r="CXN665" s="613"/>
      <c r="CXO665" s="613"/>
      <c r="CXP665" s="613"/>
      <c r="CXQ665" s="613"/>
      <c r="CXR665" s="613"/>
      <c r="CXS665" s="613"/>
      <c r="CXT665" s="613"/>
      <c r="CXU665" s="613"/>
      <c r="CXV665" s="613"/>
      <c r="CXW665" s="613"/>
      <c r="CXX665" s="613"/>
      <c r="CXY665" s="613"/>
      <c r="CXZ665" s="613"/>
      <c r="CYA665" s="613"/>
      <c r="CYB665" s="613"/>
      <c r="CYC665" s="613"/>
      <c r="CYD665" s="613"/>
      <c r="CYE665" s="613"/>
      <c r="CYF665" s="613"/>
      <c r="CYG665" s="613"/>
      <c r="CYH665" s="613"/>
      <c r="CYI665" s="613"/>
      <c r="CYJ665" s="613"/>
      <c r="CYK665" s="613"/>
      <c r="CYL665" s="613"/>
      <c r="CYM665" s="613"/>
      <c r="CYN665" s="613"/>
      <c r="CYO665" s="613"/>
      <c r="CYP665" s="613"/>
      <c r="CYQ665" s="613"/>
      <c r="CYR665" s="613"/>
      <c r="CYS665" s="613"/>
      <c r="CYT665" s="613"/>
      <c r="CYU665" s="613"/>
      <c r="CYV665" s="613"/>
      <c r="CYW665" s="613"/>
      <c r="CYX665" s="613"/>
      <c r="CYY665" s="613"/>
      <c r="CYZ665" s="613"/>
      <c r="CZA665" s="613"/>
      <c r="CZB665" s="613"/>
      <c r="CZC665" s="613"/>
      <c r="CZD665" s="613"/>
      <c r="CZE665" s="613"/>
      <c r="CZF665" s="613"/>
      <c r="CZG665" s="613"/>
      <c r="CZH665" s="613"/>
      <c r="CZI665" s="613"/>
      <c r="CZJ665" s="613"/>
      <c r="CZK665" s="613"/>
      <c r="CZL665" s="613"/>
      <c r="CZM665" s="613"/>
      <c r="CZN665" s="613"/>
      <c r="CZO665" s="613"/>
      <c r="CZP665" s="613"/>
      <c r="CZQ665" s="613"/>
      <c r="CZR665" s="613"/>
      <c r="CZS665" s="613"/>
      <c r="CZT665" s="613"/>
      <c r="CZU665" s="613"/>
      <c r="CZV665" s="613"/>
      <c r="CZW665" s="613"/>
      <c r="CZX665" s="613"/>
      <c r="CZY665" s="613"/>
      <c r="CZZ665" s="613"/>
      <c r="DAA665" s="613"/>
      <c r="DAB665" s="613"/>
      <c r="DAC665" s="613"/>
      <c r="DAD665" s="613"/>
      <c r="DAE665" s="613"/>
      <c r="DAF665" s="613"/>
      <c r="DAG665" s="613"/>
      <c r="DAH665" s="613"/>
      <c r="DAI665" s="613"/>
      <c r="DAJ665" s="613"/>
      <c r="DAK665" s="613"/>
      <c r="DAL665" s="613"/>
      <c r="DAM665" s="613"/>
      <c r="DAN665" s="613"/>
      <c r="DAO665" s="613"/>
      <c r="DAP665" s="613"/>
      <c r="DAQ665" s="613"/>
      <c r="DAR665" s="613"/>
      <c r="DAS665" s="613"/>
      <c r="DAT665" s="613"/>
      <c r="DAU665" s="613"/>
      <c r="DAV665" s="613"/>
      <c r="DAW665" s="613"/>
      <c r="DAX665" s="613"/>
      <c r="DAY665" s="613"/>
      <c r="DAZ665" s="613"/>
      <c r="DBA665" s="613"/>
      <c r="DBB665" s="613"/>
      <c r="DBC665" s="613"/>
      <c r="DBD665" s="613"/>
      <c r="DBE665" s="613"/>
      <c r="DBF665" s="613"/>
      <c r="DBG665" s="613"/>
      <c r="DBH665" s="613"/>
      <c r="DBI665" s="613"/>
      <c r="DBJ665" s="613"/>
      <c r="DBK665" s="613"/>
      <c r="DBL665" s="613"/>
      <c r="DBM665" s="613"/>
      <c r="DBN665" s="613"/>
      <c r="DBO665" s="613"/>
      <c r="DBP665" s="613"/>
      <c r="DBQ665" s="613"/>
      <c r="DBR665" s="613"/>
      <c r="DBS665" s="613"/>
      <c r="DBT665" s="613"/>
      <c r="DBU665" s="613"/>
      <c r="DBV665" s="613"/>
      <c r="DBW665" s="613"/>
      <c r="DBX665" s="613"/>
      <c r="DBY665" s="613"/>
      <c r="DBZ665" s="613"/>
      <c r="DCA665" s="613"/>
      <c r="DCB665" s="613"/>
      <c r="DCC665" s="613"/>
      <c r="DCD665" s="613"/>
      <c r="DCE665" s="613"/>
      <c r="DCF665" s="613"/>
      <c r="DCG665" s="613"/>
      <c r="DCH665" s="613"/>
      <c r="DCI665" s="613"/>
      <c r="DCJ665" s="613"/>
      <c r="DCK665" s="613"/>
      <c r="DCL665" s="613"/>
      <c r="DCM665" s="613"/>
      <c r="DCN665" s="613"/>
      <c r="DCO665" s="613"/>
      <c r="DCP665" s="613"/>
      <c r="DCQ665" s="613"/>
      <c r="DCR665" s="613"/>
      <c r="DCS665" s="613"/>
      <c r="DCT665" s="613"/>
      <c r="DCU665" s="613"/>
      <c r="DCV665" s="613"/>
      <c r="DCW665" s="613"/>
      <c r="DCX665" s="613"/>
      <c r="DCY665" s="613"/>
      <c r="DCZ665" s="613"/>
      <c r="DDA665" s="613"/>
      <c r="DDB665" s="613"/>
      <c r="DDC665" s="613"/>
      <c r="DDD665" s="613"/>
      <c r="DDE665" s="613"/>
      <c r="DDF665" s="613"/>
      <c r="DDG665" s="613"/>
      <c r="DDH665" s="613"/>
      <c r="DDI665" s="613"/>
      <c r="DDJ665" s="613"/>
      <c r="DDK665" s="613"/>
      <c r="DDL665" s="613"/>
      <c r="DDM665" s="613"/>
      <c r="DDN665" s="613"/>
      <c r="DDO665" s="613"/>
      <c r="DDP665" s="613"/>
      <c r="DDQ665" s="613"/>
      <c r="DDR665" s="613"/>
      <c r="DDS665" s="613"/>
      <c r="DDT665" s="613"/>
      <c r="DDU665" s="613"/>
      <c r="DDV665" s="613"/>
      <c r="DDW665" s="613"/>
      <c r="DDX665" s="613"/>
      <c r="DDY665" s="613"/>
      <c r="DDZ665" s="613"/>
      <c r="DEA665" s="613"/>
      <c r="DEB665" s="613"/>
      <c r="DEC665" s="613"/>
      <c r="DED665" s="613"/>
      <c r="DEE665" s="613"/>
      <c r="DEF665" s="613"/>
      <c r="DEG665" s="613"/>
      <c r="DEH665" s="613"/>
      <c r="DEI665" s="613"/>
      <c r="DEJ665" s="613"/>
      <c r="DEK665" s="613"/>
      <c r="DEL665" s="613"/>
      <c r="DEM665" s="613"/>
      <c r="DEN665" s="613"/>
      <c r="DEO665" s="613"/>
      <c r="DEP665" s="613"/>
      <c r="DEQ665" s="613"/>
      <c r="DER665" s="613"/>
      <c r="DES665" s="613"/>
      <c r="DET665" s="613"/>
      <c r="DEU665" s="613"/>
      <c r="DEV665" s="613"/>
      <c r="DEW665" s="613"/>
      <c r="DEX665" s="613"/>
      <c r="DEY665" s="613"/>
      <c r="DEZ665" s="613"/>
      <c r="DFA665" s="613"/>
      <c r="DFB665" s="613"/>
      <c r="DFC665" s="613"/>
      <c r="DFD665" s="613"/>
      <c r="DFE665" s="613"/>
      <c r="DFF665" s="613"/>
      <c r="DFG665" s="613"/>
      <c r="DFH665" s="613"/>
      <c r="DFI665" s="613"/>
      <c r="DFJ665" s="613"/>
      <c r="DFK665" s="613"/>
      <c r="DFL665" s="613"/>
      <c r="DFM665" s="613"/>
      <c r="DFN665" s="613"/>
      <c r="DFO665" s="613"/>
      <c r="DFP665" s="613"/>
      <c r="DFQ665" s="613"/>
      <c r="DFR665" s="613"/>
      <c r="DFS665" s="613"/>
      <c r="DFT665" s="613"/>
      <c r="DFU665" s="613"/>
      <c r="DFV665" s="613"/>
      <c r="DFW665" s="613"/>
      <c r="DFX665" s="613"/>
      <c r="DFY665" s="613"/>
      <c r="DFZ665" s="613"/>
      <c r="DGA665" s="613"/>
      <c r="DGB665" s="613"/>
      <c r="DGC665" s="613"/>
      <c r="DGD665" s="613"/>
      <c r="DGE665" s="613"/>
      <c r="DGF665" s="613"/>
      <c r="DGG665" s="613"/>
      <c r="DGH665" s="613"/>
      <c r="DGI665" s="613"/>
      <c r="DGJ665" s="613"/>
      <c r="DGK665" s="613"/>
      <c r="DGL665" s="613"/>
      <c r="DGM665" s="613"/>
      <c r="DGN665" s="613"/>
      <c r="DGO665" s="613"/>
      <c r="DGP665" s="613"/>
      <c r="DGQ665" s="613"/>
      <c r="DGR665" s="613"/>
      <c r="DGS665" s="613"/>
      <c r="DGT665" s="613"/>
      <c r="DGU665" s="613"/>
      <c r="DGV665" s="613"/>
      <c r="DGW665" s="613"/>
      <c r="DGX665" s="613"/>
      <c r="DGY665" s="613"/>
      <c r="DGZ665" s="613"/>
      <c r="DHA665" s="613"/>
      <c r="DHB665" s="613"/>
      <c r="DHC665" s="613"/>
      <c r="DHD665" s="613"/>
      <c r="DHE665" s="613"/>
      <c r="DHF665" s="613"/>
      <c r="DHG665" s="613"/>
      <c r="DHH665" s="613"/>
      <c r="DHI665" s="613"/>
      <c r="DHJ665" s="613"/>
      <c r="DHK665" s="613"/>
      <c r="DHL665" s="613"/>
      <c r="DHM665" s="613"/>
      <c r="DHN665" s="613"/>
      <c r="DHO665" s="613"/>
      <c r="DHP665" s="613"/>
      <c r="DHQ665" s="613"/>
      <c r="DHR665" s="613"/>
      <c r="DHS665" s="613"/>
      <c r="DHT665" s="613"/>
      <c r="DHU665" s="613"/>
      <c r="DHV665" s="613"/>
      <c r="DHW665" s="613"/>
      <c r="DHX665" s="613"/>
      <c r="DHY665" s="613"/>
      <c r="DHZ665" s="613"/>
      <c r="DIA665" s="613"/>
      <c r="DIB665" s="613"/>
      <c r="DIC665" s="613"/>
      <c r="DID665" s="613"/>
      <c r="DIE665" s="613"/>
      <c r="DIF665" s="613"/>
      <c r="DIG665" s="613"/>
      <c r="DIH665" s="613"/>
      <c r="DII665" s="613"/>
      <c r="DIJ665" s="613"/>
      <c r="DIK665" s="613"/>
      <c r="DIL665" s="613"/>
      <c r="DIM665" s="613"/>
      <c r="DIN665" s="613"/>
      <c r="DIO665" s="613"/>
      <c r="DIP665" s="613"/>
      <c r="DIQ665" s="613"/>
      <c r="DIR665" s="613"/>
      <c r="DIS665" s="613"/>
      <c r="DIT665" s="613"/>
      <c r="DIU665" s="613"/>
      <c r="DIV665" s="613"/>
      <c r="DIW665" s="613"/>
      <c r="DIX665" s="613"/>
      <c r="DIY665" s="613"/>
      <c r="DIZ665" s="613"/>
      <c r="DJA665" s="613"/>
      <c r="DJB665" s="613"/>
      <c r="DJC665" s="613"/>
      <c r="DJD665" s="613"/>
      <c r="DJE665" s="613"/>
      <c r="DJF665" s="613"/>
      <c r="DJG665" s="613"/>
      <c r="DJH665" s="613"/>
      <c r="DJI665" s="613"/>
      <c r="DJJ665" s="613"/>
      <c r="DJK665" s="613"/>
      <c r="DJL665" s="613"/>
      <c r="DJM665" s="613"/>
      <c r="DJN665" s="613"/>
      <c r="DJO665" s="613"/>
      <c r="DJP665" s="613"/>
      <c r="DJQ665" s="613"/>
      <c r="DJR665" s="613"/>
      <c r="DJS665" s="613"/>
      <c r="DJT665" s="613"/>
      <c r="DJU665" s="613"/>
      <c r="DJV665" s="613"/>
      <c r="DJW665" s="613"/>
      <c r="DJX665" s="613"/>
      <c r="DJY665" s="613"/>
      <c r="DJZ665" s="613"/>
      <c r="DKA665" s="613"/>
      <c r="DKB665" s="613"/>
      <c r="DKC665" s="613"/>
      <c r="DKD665" s="613"/>
      <c r="DKE665" s="613"/>
      <c r="DKF665" s="613"/>
      <c r="DKG665" s="613"/>
      <c r="DKH665" s="613"/>
      <c r="DKI665" s="613"/>
      <c r="DKJ665" s="613"/>
      <c r="DKK665" s="613"/>
      <c r="DKL665" s="613"/>
      <c r="DKM665" s="613"/>
      <c r="DKN665" s="613"/>
      <c r="DKO665" s="613"/>
      <c r="DKP665" s="613"/>
      <c r="DKQ665" s="613"/>
      <c r="DKR665" s="613"/>
      <c r="DKS665" s="613"/>
      <c r="DKT665" s="613"/>
      <c r="DKU665" s="613"/>
      <c r="DKV665" s="613"/>
      <c r="DKW665" s="613"/>
      <c r="DKX665" s="613"/>
      <c r="DKY665" s="613"/>
      <c r="DKZ665" s="613"/>
      <c r="DLA665" s="613"/>
      <c r="DLB665" s="613"/>
      <c r="DLC665" s="613"/>
      <c r="DLD665" s="613"/>
      <c r="DLE665" s="613"/>
      <c r="DLF665" s="613"/>
      <c r="DLG665" s="613"/>
      <c r="DLH665" s="613"/>
      <c r="DLI665" s="613"/>
      <c r="DLJ665" s="613"/>
      <c r="DLK665" s="613"/>
      <c r="DLL665" s="613"/>
      <c r="DLM665" s="613"/>
      <c r="DLN665" s="613"/>
      <c r="DLO665" s="613"/>
      <c r="DLP665" s="613"/>
      <c r="DLQ665" s="613"/>
      <c r="DLR665" s="613"/>
      <c r="DLS665" s="613"/>
      <c r="DLT665" s="613"/>
      <c r="DLU665" s="613"/>
      <c r="DLV665" s="613"/>
      <c r="DLW665" s="613"/>
      <c r="DLX665" s="613"/>
      <c r="DLY665" s="613"/>
      <c r="DLZ665" s="613"/>
      <c r="DMA665" s="613"/>
      <c r="DMB665" s="613"/>
      <c r="DMC665" s="613"/>
      <c r="DMD665" s="613"/>
      <c r="DME665" s="613"/>
      <c r="DMF665" s="613"/>
      <c r="DMG665" s="613"/>
      <c r="DMH665" s="613"/>
      <c r="DMI665" s="613"/>
      <c r="DMJ665" s="613"/>
      <c r="DMK665" s="613"/>
      <c r="DML665" s="613"/>
      <c r="DMM665" s="613"/>
      <c r="DMN665" s="613"/>
      <c r="DMO665" s="613"/>
      <c r="DMP665" s="613"/>
      <c r="DMQ665" s="613"/>
      <c r="DMR665" s="613"/>
      <c r="DMS665" s="613"/>
      <c r="DMT665" s="613"/>
      <c r="DMU665" s="613"/>
      <c r="DMV665" s="613"/>
      <c r="DMW665" s="613"/>
      <c r="DMX665" s="613"/>
      <c r="DMY665" s="613"/>
      <c r="DMZ665" s="613"/>
      <c r="DNA665" s="613"/>
      <c r="DNB665" s="613"/>
      <c r="DNC665" s="613"/>
      <c r="DND665" s="613"/>
      <c r="DNE665" s="613"/>
      <c r="DNF665" s="613"/>
      <c r="DNG665" s="613"/>
      <c r="DNH665" s="613"/>
      <c r="DNI665" s="613"/>
      <c r="DNJ665" s="613"/>
      <c r="DNK665" s="613"/>
      <c r="DNL665" s="613"/>
      <c r="DNM665" s="613"/>
      <c r="DNN665" s="613"/>
      <c r="DNO665" s="613"/>
      <c r="DNP665" s="613"/>
      <c r="DNQ665" s="613"/>
      <c r="DNR665" s="613"/>
      <c r="DNS665" s="613"/>
      <c r="DNT665" s="613"/>
      <c r="DNU665" s="613"/>
      <c r="DNV665" s="613"/>
      <c r="DNW665" s="613"/>
      <c r="DNX665" s="613"/>
      <c r="DNY665" s="613"/>
      <c r="DNZ665" s="613"/>
      <c r="DOA665" s="613"/>
      <c r="DOB665" s="613"/>
      <c r="DOC665" s="613"/>
      <c r="DOD665" s="613"/>
      <c r="DOE665" s="613"/>
      <c r="DOF665" s="613"/>
      <c r="DOG665" s="613"/>
      <c r="DOH665" s="613"/>
      <c r="DOI665" s="613"/>
      <c r="DOJ665" s="613"/>
      <c r="DOK665" s="613"/>
      <c r="DOL665" s="613"/>
      <c r="DOM665" s="613"/>
      <c r="DON665" s="613"/>
      <c r="DOO665" s="613"/>
      <c r="DOP665" s="613"/>
      <c r="DOQ665" s="613"/>
      <c r="DOR665" s="613"/>
      <c r="DOS665" s="613"/>
      <c r="DOT665" s="613"/>
      <c r="DOU665" s="613"/>
      <c r="DOV665" s="613"/>
      <c r="DOW665" s="613"/>
      <c r="DOX665" s="613"/>
      <c r="DOY665" s="613"/>
      <c r="DOZ665" s="613"/>
      <c r="DPA665" s="613"/>
      <c r="DPB665" s="613"/>
      <c r="DPC665" s="613"/>
      <c r="DPD665" s="613"/>
      <c r="DPE665" s="613"/>
      <c r="DPF665" s="613"/>
      <c r="DPG665" s="613"/>
      <c r="DPH665" s="613"/>
      <c r="DPI665" s="613"/>
      <c r="DPJ665" s="613"/>
      <c r="DPK665" s="613"/>
      <c r="DPL665" s="613"/>
      <c r="DPM665" s="613"/>
      <c r="DPN665" s="613"/>
      <c r="DPO665" s="613"/>
      <c r="DPP665" s="613"/>
      <c r="DPQ665" s="613"/>
      <c r="DPR665" s="613"/>
      <c r="DPS665" s="613"/>
      <c r="DPT665" s="613"/>
      <c r="DPU665" s="613"/>
      <c r="DPV665" s="613"/>
      <c r="DPW665" s="613"/>
      <c r="DPX665" s="613"/>
      <c r="DPY665" s="613"/>
      <c r="DPZ665" s="613"/>
      <c r="DQA665" s="613"/>
      <c r="DQB665" s="613"/>
      <c r="DQC665" s="613"/>
      <c r="DQD665" s="613"/>
      <c r="DQE665" s="613"/>
      <c r="DQF665" s="613"/>
      <c r="DQG665" s="613"/>
      <c r="DQH665" s="613"/>
      <c r="DQI665" s="613"/>
      <c r="DQJ665" s="613"/>
      <c r="DQK665" s="613"/>
      <c r="DQL665" s="613"/>
      <c r="DQM665" s="613"/>
      <c r="DQN665" s="613"/>
      <c r="DQO665" s="613"/>
      <c r="DQP665" s="613"/>
      <c r="DQQ665" s="613"/>
      <c r="DQR665" s="613"/>
      <c r="DQS665" s="613"/>
      <c r="DQT665" s="613"/>
      <c r="DQU665" s="613"/>
      <c r="DQV665" s="613"/>
      <c r="DQW665" s="613"/>
      <c r="DQX665" s="613"/>
      <c r="DQY665" s="613"/>
      <c r="DQZ665" s="613"/>
      <c r="DRA665" s="613"/>
      <c r="DRB665" s="613"/>
      <c r="DRC665" s="613"/>
      <c r="DRD665" s="613"/>
      <c r="DRE665" s="613"/>
      <c r="DRF665" s="613"/>
      <c r="DRG665" s="613"/>
      <c r="DRH665" s="613"/>
      <c r="DRI665" s="613"/>
      <c r="DRJ665" s="613"/>
      <c r="DRK665" s="613"/>
      <c r="DRL665" s="613"/>
      <c r="DRM665" s="613"/>
      <c r="DRN665" s="613"/>
      <c r="DRO665" s="613"/>
      <c r="DRP665" s="613"/>
      <c r="DRQ665" s="613"/>
      <c r="DRR665" s="613"/>
      <c r="DRS665" s="613"/>
      <c r="DRT665" s="613"/>
      <c r="DRU665" s="613"/>
      <c r="DRV665" s="613"/>
      <c r="DRW665" s="613"/>
      <c r="DRX665" s="613"/>
      <c r="DRY665" s="613"/>
      <c r="DRZ665" s="613"/>
      <c r="DSA665" s="613"/>
      <c r="DSB665" s="613"/>
      <c r="DSC665" s="613"/>
      <c r="DSD665" s="613"/>
      <c r="DSE665" s="613"/>
      <c r="DSF665" s="613"/>
      <c r="DSG665" s="613"/>
      <c r="DSH665" s="613"/>
      <c r="DSI665" s="613"/>
      <c r="DSJ665" s="613"/>
      <c r="DSK665" s="613"/>
      <c r="DSL665" s="613"/>
      <c r="DSM665" s="613"/>
      <c r="DSN665" s="613"/>
      <c r="DSO665" s="613"/>
      <c r="DSP665" s="613"/>
      <c r="DSQ665" s="613"/>
      <c r="DSR665" s="613"/>
      <c r="DSS665" s="613"/>
      <c r="DST665" s="613"/>
      <c r="DSU665" s="613"/>
      <c r="DSV665" s="613"/>
      <c r="DSW665" s="613"/>
      <c r="DSX665" s="613"/>
      <c r="DSY665" s="613"/>
      <c r="DSZ665" s="613"/>
      <c r="DTA665" s="613"/>
      <c r="DTB665" s="613"/>
      <c r="DTC665" s="613"/>
      <c r="DTD665" s="613"/>
      <c r="DTE665" s="613"/>
      <c r="DTF665" s="613"/>
      <c r="DTG665" s="613"/>
      <c r="DTH665" s="613"/>
      <c r="DTI665" s="613"/>
      <c r="DTJ665" s="613"/>
      <c r="DTK665" s="613"/>
      <c r="DTL665" s="613"/>
      <c r="DTM665" s="613"/>
      <c r="DTN665" s="613"/>
      <c r="DTO665" s="613"/>
      <c r="DTP665" s="613"/>
      <c r="DTQ665" s="613"/>
      <c r="DTR665" s="613"/>
      <c r="DTS665" s="613"/>
      <c r="DTT665" s="613"/>
      <c r="DTU665" s="613"/>
      <c r="DTV665" s="613"/>
      <c r="DTW665" s="613"/>
      <c r="DTX665" s="613"/>
      <c r="DTY665" s="613"/>
      <c r="DTZ665" s="613"/>
      <c r="DUA665" s="613"/>
      <c r="DUB665" s="613"/>
      <c r="DUC665" s="613"/>
      <c r="DUD665" s="613"/>
      <c r="DUE665" s="613"/>
      <c r="DUF665" s="613"/>
      <c r="DUG665" s="613"/>
      <c r="DUH665" s="613"/>
      <c r="DUI665" s="613"/>
      <c r="DUJ665" s="613"/>
      <c r="DUK665" s="613"/>
      <c r="DUL665" s="613"/>
      <c r="DUM665" s="613"/>
      <c r="DUN665" s="613"/>
      <c r="DUO665" s="613"/>
      <c r="DUP665" s="613"/>
      <c r="DUQ665" s="613"/>
      <c r="DUR665" s="613"/>
      <c r="DUS665" s="613"/>
      <c r="DUT665" s="613"/>
      <c r="DUU665" s="613"/>
      <c r="DUV665" s="613"/>
      <c r="DUW665" s="613"/>
      <c r="DUX665" s="613"/>
      <c r="DUY665" s="613"/>
      <c r="DUZ665" s="613"/>
      <c r="DVA665" s="613"/>
      <c r="DVB665" s="613"/>
      <c r="DVC665" s="613"/>
      <c r="DVD665" s="613"/>
      <c r="DVE665" s="613"/>
      <c r="DVF665" s="613"/>
      <c r="DVG665" s="613"/>
      <c r="DVH665" s="613"/>
      <c r="DVI665" s="613"/>
      <c r="DVJ665" s="613"/>
      <c r="DVK665" s="613"/>
      <c r="DVL665" s="613"/>
      <c r="DVM665" s="613"/>
      <c r="DVN665" s="613"/>
      <c r="DVO665" s="613"/>
      <c r="DVP665" s="613"/>
      <c r="DVQ665" s="613"/>
      <c r="DVR665" s="613"/>
      <c r="DVS665" s="613"/>
      <c r="DVT665" s="613"/>
      <c r="DVU665" s="613"/>
      <c r="DVV665" s="613"/>
      <c r="DVW665" s="613"/>
      <c r="DVX665" s="613"/>
      <c r="DVY665" s="613"/>
      <c r="DVZ665" s="613"/>
      <c r="DWA665" s="613"/>
      <c r="DWB665" s="613"/>
      <c r="DWC665" s="613"/>
      <c r="DWD665" s="613"/>
      <c r="DWE665" s="613"/>
      <c r="DWF665" s="613"/>
      <c r="DWG665" s="613"/>
      <c r="DWH665" s="613"/>
      <c r="DWI665" s="613"/>
      <c r="DWJ665" s="613"/>
      <c r="DWK665" s="613"/>
      <c r="DWL665" s="613"/>
      <c r="DWM665" s="613"/>
      <c r="DWN665" s="613"/>
      <c r="DWO665" s="613"/>
      <c r="DWP665" s="613"/>
      <c r="DWQ665" s="613"/>
      <c r="DWR665" s="613"/>
      <c r="DWS665" s="613"/>
      <c r="DWT665" s="613"/>
      <c r="DWU665" s="613"/>
      <c r="DWV665" s="613"/>
      <c r="DWW665" s="613"/>
      <c r="DWX665" s="613"/>
      <c r="DWY665" s="613"/>
      <c r="DWZ665" s="613"/>
      <c r="DXA665" s="613"/>
      <c r="DXB665" s="613"/>
      <c r="DXC665" s="613"/>
      <c r="DXD665" s="613"/>
      <c r="DXE665" s="613"/>
      <c r="DXF665" s="613"/>
      <c r="DXG665" s="613"/>
      <c r="DXH665" s="613"/>
      <c r="DXI665" s="613"/>
      <c r="DXJ665" s="613"/>
      <c r="DXK665" s="613"/>
      <c r="DXL665" s="613"/>
      <c r="DXM665" s="613"/>
      <c r="DXN665" s="613"/>
      <c r="DXO665" s="613"/>
      <c r="DXP665" s="613"/>
      <c r="DXQ665" s="613"/>
      <c r="DXR665" s="613"/>
      <c r="DXS665" s="613"/>
      <c r="DXT665" s="613"/>
      <c r="DXU665" s="613"/>
      <c r="DXV665" s="613"/>
      <c r="DXW665" s="613"/>
      <c r="DXX665" s="613"/>
      <c r="DXY665" s="613"/>
      <c r="DXZ665" s="613"/>
      <c r="DYA665" s="613"/>
      <c r="DYB665" s="613"/>
      <c r="DYC665" s="613"/>
      <c r="DYD665" s="613"/>
      <c r="DYE665" s="613"/>
      <c r="DYF665" s="613"/>
      <c r="DYG665" s="613"/>
      <c r="DYH665" s="613"/>
      <c r="DYI665" s="613"/>
      <c r="DYJ665" s="613"/>
      <c r="DYK665" s="613"/>
      <c r="DYL665" s="613"/>
      <c r="DYM665" s="613"/>
      <c r="DYN665" s="613"/>
      <c r="DYO665" s="613"/>
      <c r="DYP665" s="613"/>
      <c r="DYQ665" s="613"/>
      <c r="DYR665" s="613"/>
      <c r="DYS665" s="613"/>
      <c r="DYT665" s="613"/>
      <c r="DYU665" s="613"/>
      <c r="DYV665" s="613"/>
      <c r="DYW665" s="613"/>
      <c r="DYX665" s="613"/>
      <c r="DYY665" s="613"/>
      <c r="DYZ665" s="613"/>
      <c r="DZA665" s="613"/>
      <c r="DZB665" s="613"/>
      <c r="DZC665" s="613"/>
      <c r="DZD665" s="613"/>
      <c r="DZE665" s="613"/>
      <c r="DZF665" s="613"/>
      <c r="DZG665" s="613"/>
      <c r="DZH665" s="613"/>
      <c r="DZI665" s="613"/>
      <c r="DZJ665" s="613"/>
      <c r="DZK665" s="613"/>
      <c r="DZL665" s="613"/>
      <c r="DZM665" s="613"/>
      <c r="DZN665" s="613"/>
      <c r="DZO665" s="613"/>
      <c r="DZP665" s="613"/>
      <c r="DZQ665" s="613"/>
      <c r="DZR665" s="613"/>
      <c r="DZS665" s="613"/>
      <c r="DZT665" s="613"/>
      <c r="DZU665" s="613"/>
      <c r="DZV665" s="613"/>
      <c r="DZW665" s="613"/>
      <c r="DZX665" s="613"/>
      <c r="DZY665" s="613"/>
      <c r="DZZ665" s="613"/>
      <c r="EAA665" s="613"/>
      <c r="EAB665" s="613"/>
      <c r="EAC665" s="613"/>
      <c r="EAD665" s="613"/>
      <c r="EAE665" s="613"/>
      <c r="EAF665" s="613"/>
      <c r="EAG665" s="613"/>
      <c r="EAH665" s="613"/>
      <c r="EAI665" s="613"/>
      <c r="EAJ665" s="613"/>
      <c r="EAK665" s="613"/>
      <c r="EAL665" s="613"/>
      <c r="EAM665" s="613"/>
      <c r="EAN665" s="613"/>
      <c r="EAO665" s="613"/>
      <c r="EAP665" s="613"/>
      <c r="EAQ665" s="613"/>
      <c r="EAR665" s="613"/>
      <c r="EAS665" s="613"/>
      <c r="EAT665" s="613"/>
      <c r="EAU665" s="613"/>
      <c r="EAV665" s="613"/>
      <c r="EAW665" s="613"/>
      <c r="EAX665" s="613"/>
      <c r="EAY665" s="613"/>
      <c r="EAZ665" s="613"/>
      <c r="EBA665" s="613"/>
      <c r="EBB665" s="613"/>
      <c r="EBC665" s="613"/>
      <c r="EBD665" s="613"/>
      <c r="EBE665" s="613"/>
      <c r="EBF665" s="613"/>
      <c r="EBG665" s="613"/>
      <c r="EBH665" s="613"/>
      <c r="EBI665" s="613"/>
      <c r="EBJ665" s="613"/>
      <c r="EBK665" s="613"/>
      <c r="EBL665" s="613"/>
      <c r="EBM665" s="613"/>
      <c r="EBN665" s="613"/>
      <c r="EBO665" s="613"/>
      <c r="EBP665" s="613"/>
      <c r="EBQ665" s="613"/>
      <c r="EBR665" s="613"/>
      <c r="EBS665" s="613"/>
      <c r="EBT665" s="613"/>
      <c r="EBU665" s="613"/>
      <c r="EBV665" s="613"/>
      <c r="EBW665" s="613"/>
      <c r="EBX665" s="613"/>
      <c r="EBY665" s="613"/>
      <c r="EBZ665" s="613"/>
      <c r="ECA665" s="613"/>
      <c r="ECB665" s="613"/>
      <c r="ECC665" s="613"/>
      <c r="ECD665" s="613"/>
      <c r="ECE665" s="613"/>
      <c r="ECF665" s="613"/>
      <c r="ECG665" s="613"/>
      <c r="ECH665" s="613"/>
      <c r="ECI665" s="613"/>
      <c r="ECJ665" s="613"/>
      <c r="ECK665" s="613"/>
      <c r="ECL665" s="613"/>
      <c r="ECM665" s="613"/>
      <c r="ECN665" s="613"/>
      <c r="ECO665" s="613"/>
      <c r="ECP665" s="613"/>
      <c r="ECQ665" s="613"/>
      <c r="ECR665" s="613"/>
      <c r="ECS665" s="613"/>
      <c r="ECT665" s="613"/>
      <c r="ECU665" s="613"/>
      <c r="ECV665" s="613"/>
      <c r="ECW665" s="613"/>
      <c r="ECX665" s="613"/>
      <c r="ECY665" s="613"/>
      <c r="ECZ665" s="613"/>
      <c r="EDA665" s="613"/>
      <c r="EDB665" s="613"/>
      <c r="EDC665" s="613"/>
      <c r="EDD665" s="613"/>
      <c r="EDE665" s="613"/>
      <c r="EDF665" s="613"/>
      <c r="EDG665" s="613"/>
      <c r="EDH665" s="613"/>
      <c r="EDI665" s="613"/>
      <c r="EDJ665" s="613"/>
      <c r="EDK665" s="613"/>
      <c r="EDL665" s="613"/>
      <c r="EDM665" s="613"/>
      <c r="EDN665" s="613"/>
      <c r="EDO665" s="613"/>
      <c r="EDP665" s="613"/>
      <c r="EDQ665" s="613"/>
      <c r="EDR665" s="613"/>
      <c r="EDS665" s="613"/>
      <c r="EDT665" s="613"/>
      <c r="EDU665" s="613"/>
      <c r="EDV665" s="613"/>
      <c r="EDW665" s="613"/>
      <c r="EDX665" s="613"/>
      <c r="EDY665" s="613"/>
      <c r="EDZ665" s="613"/>
      <c r="EEA665" s="613"/>
      <c r="EEB665" s="613"/>
      <c r="EEC665" s="613"/>
      <c r="EED665" s="613"/>
      <c r="EEE665" s="613"/>
      <c r="EEF665" s="613"/>
      <c r="EEG665" s="613"/>
      <c r="EEH665" s="613"/>
      <c r="EEI665" s="613"/>
      <c r="EEJ665" s="613"/>
      <c r="EEK665" s="613"/>
      <c r="EEL665" s="613"/>
      <c r="EEM665" s="613"/>
      <c r="EEN665" s="613"/>
      <c r="EEO665" s="613"/>
      <c r="EEP665" s="613"/>
      <c r="EEQ665" s="613"/>
      <c r="EER665" s="613"/>
      <c r="EES665" s="613"/>
      <c r="EET665" s="613"/>
      <c r="EEU665" s="613"/>
      <c r="EEV665" s="613"/>
      <c r="EEW665" s="613"/>
      <c r="EEX665" s="613"/>
      <c r="EEY665" s="613"/>
      <c r="EEZ665" s="613"/>
      <c r="EFA665" s="613"/>
      <c r="EFB665" s="613"/>
      <c r="EFC665" s="613"/>
      <c r="EFD665" s="613"/>
      <c r="EFE665" s="613"/>
      <c r="EFF665" s="613"/>
      <c r="EFG665" s="613"/>
      <c r="EFH665" s="613"/>
      <c r="EFI665" s="613"/>
      <c r="EFJ665" s="613"/>
      <c r="EFK665" s="613"/>
      <c r="EFL665" s="613"/>
      <c r="EFM665" s="613"/>
      <c r="EFN665" s="613"/>
      <c r="EFO665" s="613"/>
      <c r="EFP665" s="613"/>
      <c r="EFQ665" s="613"/>
      <c r="EFR665" s="613"/>
      <c r="EFS665" s="613"/>
      <c r="EFT665" s="613"/>
      <c r="EFU665" s="613"/>
      <c r="EFV665" s="613"/>
      <c r="EFW665" s="613"/>
      <c r="EFX665" s="613"/>
      <c r="EFY665" s="613"/>
      <c r="EFZ665" s="613"/>
      <c r="EGA665" s="613"/>
      <c r="EGB665" s="613"/>
      <c r="EGC665" s="613"/>
      <c r="EGD665" s="613"/>
      <c r="EGE665" s="613"/>
      <c r="EGF665" s="613"/>
      <c r="EGG665" s="613"/>
      <c r="EGH665" s="613"/>
      <c r="EGI665" s="613"/>
      <c r="EGJ665" s="613"/>
      <c r="EGK665" s="613"/>
      <c r="EGL665" s="613"/>
      <c r="EGM665" s="613"/>
      <c r="EGN665" s="613"/>
      <c r="EGO665" s="613"/>
      <c r="EGP665" s="613"/>
      <c r="EGQ665" s="613"/>
      <c r="EGR665" s="613"/>
      <c r="EGS665" s="613"/>
      <c r="EGT665" s="613"/>
      <c r="EGU665" s="613"/>
      <c r="EGV665" s="613"/>
      <c r="EGW665" s="613"/>
      <c r="EGX665" s="613"/>
      <c r="EGY665" s="613"/>
      <c r="EGZ665" s="613"/>
      <c r="EHA665" s="613"/>
      <c r="EHB665" s="613"/>
      <c r="EHC665" s="613"/>
      <c r="EHD665" s="613"/>
      <c r="EHE665" s="613"/>
      <c r="EHF665" s="613"/>
      <c r="EHG665" s="613"/>
      <c r="EHH665" s="613"/>
      <c r="EHI665" s="613"/>
      <c r="EHJ665" s="613"/>
      <c r="EHK665" s="613"/>
      <c r="EHL665" s="613"/>
      <c r="EHM665" s="613"/>
      <c r="EHN665" s="613"/>
      <c r="EHO665" s="613"/>
      <c r="EHP665" s="613"/>
      <c r="EHQ665" s="613"/>
      <c r="EHR665" s="613"/>
      <c r="EHS665" s="613"/>
      <c r="EHT665" s="613"/>
      <c r="EHU665" s="613"/>
      <c r="EHV665" s="613"/>
      <c r="EHW665" s="613"/>
      <c r="EHX665" s="613"/>
      <c r="EHY665" s="613"/>
      <c r="EHZ665" s="613"/>
      <c r="EIA665" s="613"/>
      <c r="EIB665" s="613"/>
      <c r="EIC665" s="613"/>
      <c r="EID665" s="613"/>
      <c r="EIE665" s="613"/>
      <c r="EIF665" s="613"/>
      <c r="EIG665" s="613"/>
      <c r="EIH665" s="613"/>
      <c r="EII665" s="613"/>
      <c r="EIJ665" s="613"/>
      <c r="EIK665" s="613"/>
      <c r="EIL665" s="613"/>
      <c r="EIM665" s="613"/>
      <c r="EIN665" s="613"/>
      <c r="EIO665" s="613"/>
      <c r="EIP665" s="613"/>
      <c r="EIQ665" s="613"/>
      <c r="EIR665" s="613"/>
      <c r="EIS665" s="613"/>
      <c r="EIT665" s="613"/>
      <c r="EIU665" s="613"/>
      <c r="EIV665" s="613"/>
      <c r="EIW665" s="613"/>
      <c r="EIX665" s="613"/>
      <c r="EIY665" s="613"/>
      <c r="EIZ665" s="613"/>
      <c r="EJA665" s="613"/>
      <c r="EJB665" s="613"/>
      <c r="EJC665" s="613"/>
      <c r="EJD665" s="613"/>
      <c r="EJE665" s="613"/>
      <c r="EJF665" s="613"/>
      <c r="EJG665" s="613"/>
      <c r="EJH665" s="613"/>
      <c r="EJI665" s="613"/>
      <c r="EJJ665" s="613"/>
      <c r="EJK665" s="613"/>
      <c r="EJL665" s="613"/>
      <c r="EJM665" s="613"/>
      <c r="EJN665" s="613"/>
      <c r="EJO665" s="613"/>
      <c r="EJP665" s="613"/>
      <c r="EJQ665" s="613"/>
      <c r="EJR665" s="613"/>
      <c r="EJS665" s="613"/>
      <c r="EJT665" s="613"/>
      <c r="EJU665" s="613"/>
      <c r="EJV665" s="613"/>
      <c r="EJW665" s="613"/>
      <c r="EJX665" s="613"/>
      <c r="EJY665" s="613"/>
      <c r="EJZ665" s="613"/>
      <c r="EKA665" s="613"/>
      <c r="EKB665" s="613"/>
      <c r="EKC665" s="613"/>
      <c r="EKD665" s="613"/>
      <c r="EKE665" s="613"/>
      <c r="EKF665" s="613"/>
      <c r="EKG665" s="613"/>
      <c r="EKH665" s="613"/>
      <c r="EKI665" s="613"/>
      <c r="EKJ665" s="613"/>
      <c r="EKK665" s="613"/>
      <c r="EKL665" s="613"/>
      <c r="EKM665" s="613"/>
      <c r="EKN665" s="613"/>
      <c r="EKO665" s="613"/>
      <c r="EKP665" s="613"/>
      <c r="EKQ665" s="613"/>
      <c r="EKR665" s="613"/>
      <c r="EKS665" s="613"/>
      <c r="EKT665" s="613"/>
      <c r="EKU665" s="613"/>
      <c r="EKV665" s="613"/>
      <c r="EKW665" s="613"/>
      <c r="EKX665" s="613"/>
      <c r="EKY665" s="613"/>
      <c r="EKZ665" s="613"/>
      <c r="ELA665" s="613"/>
      <c r="ELB665" s="613"/>
      <c r="ELC665" s="613"/>
      <c r="ELD665" s="613"/>
      <c r="ELE665" s="613"/>
      <c r="ELF665" s="613"/>
      <c r="ELG665" s="613"/>
      <c r="ELH665" s="613"/>
      <c r="ELI665" s="613"/>
      <c r="ELJ665" s="613"/>
      <c r="ELK665" s="613"/>
      <c r="ELL665" s="613"/>
      <c r="ELM665" s="613"/>
      <c r="ELN665" s="613"/>
      <c r="ELO665" s="613"/>
      <c r="ELP665" s="613"/>
      <c r="ELQ665" s="613"/>
      <c r="ELR665" s="613"/>
      <c r="ELS665" s="613"/>
      <c r="ELT665" s="613"/>
      <c r="ELU665" s="613"/>
      <c r="ELV665" s="613"/>
      <c r="ELW665" s="613"/>
      <c r="ELX665" s="613"/>
      <c r="ELY665" s="613"/>
      <c r="ELZ665" s="613"/>
      <c r="EMA665" s="613"/>
      <c r="EMB665" s="613"/>
      <c r="EMC665" s="613"/>
      <c r="EMD665" s="613"/>
      <c r="EME665" s="613"/>
      <c r="EMF665" s="613"/>
      <c r="EMG665" s="613"/>
      <c r="EMH665" s="613"/>
      <c r="EMI665" s="613"/>
      <c r="EMJ665" s="613"/>
      <c r="EMK665" s="613"/>
      <c r="EML665" s="613"/>
      <c r="EMM665" s="613"/>
      <c r="EMN665" s="613"/>
      <c r="EMO665" s="613"/>
      <c r="EMP665" s="613"/>
      <c r="EMQ665" s="613"/>
      <c r="EMR665" s="613"/>
      <c r="EMS665" s="613"/>
      <c r="EMT665" s="613"/>
      <c r="EMU665" s="613"/>
      <c r="EMV665" s="613"/>
      <c r="EMW665" s="613"/>
      <c r="EMX665" s="613"/>
      <c r="EMY665" s="613"/>
      <c r="EMZ665" s="613"/>
      <c r="ENA665" s="613"/>
      <c r="ENB665" s="613"/>
      <c r="ENC665" s="613"/>
      <c r="END665" s="613"/>
      <c r="ENE665" s="613"/>
      <c r="ENF665" s="613"/>
      <c r="ENG665" s="613"/>
      <c r="ENH665" s="613"/>
      <c r="ENI665" s="613"/>
      <c r="ENJ665" s="613"/>
      <c r="ENK665" s="613"/>
      <c r="ENL665" s="613"/>
      <c r="ENM665" s="613"/>
      <c r="ENN665" s="613"/>
      <c r="ENO665" s="613"/>
      <c r="ENP665" s="613"/>
      <c r="ENQ665" s="613"/>
      <c r="ENR665" s="613"/>
      <c r="ENS665" s="613"/>
      <c r="ENT665" s="613"/>
      <c r="ENU665" s="613"/>
      <c r="ENV665" s="613"/>
      <c r="ENW665" s="613"/>
      <c r="ENX665" s="613"/>
      <c r="ENY665" s="613"/>
      <c r="ENZ665" s="613"/>
      <c r="EOA665" s="613"/>
      <c r="EOB665" s="613"/>
      <c r="EOC665" s="613"/>
      <c r="EOD665" s="613"/>
      <c r="EOE665" s="613"/>
      <c r="EOF665" s="613"/>
      <c r="EOG665" s="613"/>
      <c r="EOH665" s="613"/>
      <c r="EOI665" s="613"/>
      <c r="EOJ665" s="613"/>
      <c r="EOK665" s="613"/>
      <c r="EOL665" s="613"/>
      <c r="EOM665" s="613"/>
      <c r="EON665" s="613"/>
      <c r="EOO665" s="613"/>
      <c r="EOP665" s="613"/>
      <c r="EOQ665" s="613"/>
      <c r="EOR665" s="613"/>
      <c r="EOS665" s="613"/>
      <c r="EOT665" s="613"/>
      <c r="EOU665" s="613"/>
      <c r="EOV665" s="613"/>
      <c r="EOW665" s="613"/>
      <c r="EOX665" s="613"/>
      <c r="EOY665" s="613"/>
      <c r="EOZ665" s="613"/>
      <c r="EPA665" s="613"/>
      <c r="EPB665" s="613"/>
      <c r="EPC665" s="613"/>
      <c r="EPD665" s="613"/>
      <c r="EPE665" s="613"/>
      <c r="EPF665" s="613"/>
      <c r="EPG665" s="613"/>
      <c r="EPH665" s="613"/>
      <c r="EPI665" s="613"/>
      <c r="EPJ665" s="613"/>
      <c r="EPK665" s="613"/>
      <c r="EPL665" s="613"/>
      <c r="EPM665" s="613"/>
      <c r="EPN665" s="613"/>
      <c r="EPO665" s="613"/>
      <c r="EPP665" s="613"/>
      <c r="EPQ665" s="613"/>
      <c r="EPR665" s="613"/>
      <c r="EPS665" s="613"/>
      <c r="EPT665" s="613"/>
      <c r="EPU665" s="613"/>
      <c r="EPV665" s="613"/>
      <c r="EPW665" s="613"/>
      <c r="EPX665" s="613"/>
      <c r="EPY665" s="613"/>
      <c r="EPZ665" s="613"/>
      <c r="EQA665" s="613"/>
      <c r="EQB665" s="613"/>
      <c r="EQC665" s="613"/>
      <c r="EQD665" s="613"/>
      <c r="EQE665" s="613"/>
      <c r="EQF665" s="613"/>
      <c r="EQG665" s="613"/>
      <c r="EQH665" s="613"/>
      <c r="EQI665" s="613"/>
      <c r="EQJ665" s="613"/>
      <c r="EQK665" s="613"/>
      <c r="EQL665" s="613"/>
      <c r="EQM665" s="613"/>
      <c r="EQN665" s="613"/>
      <c r="EQO665" s="613"/>
      <c r="EQP665" s="613"/>
      <c r="EQQ665" s="613"/>
      <c r="EQR665" s="613"/>
      <c r="EQS665" s="613"/>
      <c r="EQT665" s="613"/>
      <c r="EQU665" s="613"/>
      <c r="EQV665" s="613"/>
      <c r="EQW665" s="613"/>
      <c r="EQX665" s="613"/>
      <c r="EQY665" s="613"/>
      <c r="EQZ665" s="613"/>
      <c r="ERA665" s="613"/>
      <c r="ERB665" s="613"/>
      <c r="ERC665" s="613"/>
      <c r="ERD665" s="613"/>
      <c r="ERE665" s="613"/>
      <c r="ERF665" s="613"/>
      <c r="ERG665" s="613"/>
      <c r="ERH665" s="613"/>
      <c r="ERI665" s="613"/>
      <c r="ERJ665" s="613"/>
      <c r="ERK665" s="613"/>
      <c r="ERL665" s="613"/>
      <c r="ERM665" s="613"/>
      <c r="ERN665" s="613"/>
      <c r="ERO665" s="613"/>
      <c r="ERP665" s="613"/>
      <c r="ERQ665" s="613"/>
      <c r="ERR665" s="613"/>
      <c r="ERS665" s="613"/>
      <c r="ERT665" s="613"/>
      <c r="ERU665" s="613"/>
      <c r="ERV665" s="613"/>
      <c r="ERW665" s="613"/>
      <c r="ERX665" s="613"/>
      <c r="ERY665" s="613"/>
      <c r="ERZ665" s="613"/>
      <c r="ESA665" s="613"/>
      <c r="ESB665" s="613"/>
      <c r="ESC665" s="613"/>
      <c r="ESD665" s="613"/>
      <c r="ESE665" s="613"/>
      <c r="ESF665" s="613"/>
      <c r="ESG665" s="613"/>
      <c r="ESH665" s="613"/>
      <c r="ESI665" s="613"/>
      <c r="ESJ665" s="613"/>
      <c r="ESK665" s="613"/>
      <c r="ESL665" s="613"/>
      <c r="ESM665" s="613"/>
      <c r="ESN665" s="613"/>
      <c r="ESO665" s="613"/>
      <c r="ESP665" s="613"/>
      <c r="ESQ665" s="613"/>
      <c r="ESR665" s="613"/>
      <c r="ESS665" s="613"/>
      <c r="EST665" s="613"/>
      <c r="ESU665" s="613"/>
      <c r="ESV665" s="613"/>
      <c r="ESW665" s="613"/>
      <c r="ESX665" s="613"/>
      <c r="ESY665" s="613"/>
      <c r="ESZ665" s="613"/>
      <c r="ETA665" s="613"/>
      <c r="ETB665" s="613"/>
      <c r="ETC665" s="613"/>
      <c r="ETD665" s="613"/>
      <c r="ETE665" s="613"/>
      <c r="ETF665" s="613"/>
      <c r="ETG665" s="613"/>
      <c r="ETH665" s="613"/>
      <c r="ETI665" s="613"/>
      <c r="ETJ665" s="613"/>
      <c r="ETK665" s="613"/>
      <c r="ETL665" s="613"/>
      <c r="ETM665" s="613"/>
      <c r="ETN665" s="613"/>
      <c r="ETO665" s="613"/>
      <c r="ETP665" s="613"/>
      <c r="ETQ665" s="613"/>
      <c r="ETR665" s="613"/>
      <c r="ETS665" s="613"/>
      <c r="ETT665" s="613"/>
      <c r="ETU665" s="613"/>
      <c r="ETV665" s="613"/>
      <c r="ETW665" s="613"/>
      <c r="ETX665" s="613"/>
      <c r="ETY665" s="613"/>
      <c r="ETZ665" s="613"/>
      <c r="EUA665" s="613"/>
      <c r="EUB665" s="613"/>
      <c r="EUC665" s="613"/>
      <c r="EUD665" s="613"/>
      <c r="EUE665" s="613"/>
      <c r="EUF665" s="613"/>
      <c r="EUG665" s="613"/>
      <c r="EUH665" s="613"/>
      <c r="EUI665" s="613"/>
      <c r="EUJ665" s="613"/>
      <c r="EUK665" s="613"/>
      <c r="EUL665" s="613"/>
      <c r="EUM665" s="613"/>
      <c r="EUN665" s="613"/>
      <c r="EUO665" s="613"/>
      <c r="EUP665" s="613"/>
      <c r="EUQ665" s="613"/>
      <c r="EUR665" s="613"/>
      <c r="EUS665" s="613"/>
      <c r="EUT665" s="613"/>
      <c r="EUU665" s="613"/>
      <c r="EUV665" s="613"/>
      <c r="EUW665" s="613"/>
      <c r="EUX665" s="613"/>
      <c r="EUY665" s="613"/>
      <c r="EUZ665" s="613"/>
      <c r="EVA665" s="613"/>
      <c r="EVB665" s="613"/>
      <c r="EVC665" s="613"/>
      <c r="EVD665" s="613"/>
      <c r="EVE665" s="613"/>
      <c r="EVF665" s="613"/>
      <c r="EVG665" s="613"/>
      <c r="EVH665" s="613"/>
      <c r="EVI665" s="613"/>
      <c r="EVJ665" s="613"/>
      <c r="EVK665" s="613"/>
      <c r="EVL665" s="613"/>
      <c r="EVM665" s="613"/>
      <c r="EVN665" s="613"/>
      <c r="EVO665" s="613"/>
      <c r="EVP665" s="613"/>
      <c r="EVQ665" s="613"/>
      <c r="EVR665" s="613"/>
      <c r="EVS665" s="613"/>
      <c r="EVT665" s="613"/>
      <c r="EVU665" s="613"/>
      <c r="EVV665" s="613"/>
      <c r="EVW665" s="613"/>
      <c r="EVX665" s="613"/>
      <c r="EVY665" s="613"/>
      <c r="EVZ665" s="613"/>
      <c r="EWA665" s="613"/>
      <c r="EWB665" s="613"/>
      <c r="EWC665" s="613"/>
      <c r="EWD665" s="613"/>
      <c r="EWE665" s="613"/>
      <c r="EWF665" s="613"/>
      <c r="EWG665" s="613"/>
      <c r="EWH665" s="613"/>
      <c r="EWI665" s="613"/>
      <c r="EWJ665" s="613"/>
      <c r="EWK665" s="613"/>
      <c r="EWL665" s="613"/>
      <c r="EWM665" s="613"/>
      <c r="EWN665" s="613"/>
      <c r="EWO665" s="613"/>
      <c r="EWP665" s="613"/>
      <c r="EWQ665" s="613"/>
      <c r="EWR665" s="613"/>
      <c r="EWS665" s="613"/>
      <c r="EWT665" s="613"/>
      <c r="EWU665" s="613"/>
      <c r="EWV665" s="613"/>
      <c r="EWW665" s="613"/>
      <c r="EWX665" s="613"/>
      <c r="EWY665" s="613"/>
      <c r="EWZ665" s="613"/>
      <c r="EXA665" s="613"/>
      <c r="EXB665" s="613"/>
      <c r="EXC665" s="613"/>
      <c r="EXD665" s="613"/>
      <c r="EXE665" s="613"/>
      <c r="EXF665" s="613"/>
      <c r="EXG665" s="613"/>
      <c r="EXH665" s="613"/>
      <c r="EXI665" s="613"/>
      <c r="EXJ665" s="613"/>
      <c r="EXK665" s="613"/>
      <c r="EXL665" s="613"/>
      <c r="EXM665" s="613"/>
      <c r="EXN665" s="613"/>
      <c r="EXO665" s="613"/>
      <c r="EXP665" s="613"/>
      <c r="EXQ665" s="613"/>
      <c r="EXR665" s="613"/>
      <c r="EXS665" s="613"/>
      <c r="EXT665" s="613"/>
      <c r="EXU665" s="613"/>
      <c r="EXV665" s="613"/>
      <c r="EXW665" s="613"/>
      <c r="EXX665" s="613"/>
      <c r="EXY665" s="613"/>
      <c r="EXZ665" s="613"/>
      <c r="EYA665" s="613"/>
      <c r="EYB665" s="613"/>
      <c r="EYC665" s="613"/>
      <c r="EYD665" s="613"/>
      <c r="EYE665" s="613"/>
      <c r="EYF665" s="613"/>
      <c r="EYG665" s="613"/>
      <c r="EYH665" s="613"/>
      <c r="EYI665" s="613"/>
      <c r="EYJ665" s="613"/>
      <c r="EYK665" s="613"/>
      <c r="EYL665" s="613"/>
      <c r="EYM665" s="613"/>
      <c r="EYN665" s="613"/>
      <c r="EYO665" s="613"/>
      <c r="EYP665" s="613"/>
      <c r="EYQ665" s="613"/>
      <c r="EYR665" s="613"/>
      <c r="EYS665" s="613"/>
      <c r="EYT665" s="613"/>
      <c r="EYU665" s="613"/>
      <c r="EYV665" s="613"/>
      <c r="EYW665" s="613"/>
      <c r="EYX665" s="613"/>
      <c r="EYY665" s="613"/>
      <c r="EYZ665" s="613"/>
      <c r="EZA665" s="613"/>
      <c r="EZB665" s="613"/>
      <c r="EZC665" s="613"/>
      <c r="EZD665" s="613"/>
      <c r="EZE665" s="613"/>
      <c r="EZF665" s="613"/>
      <c r="EZG665" s="613"/>
      <c r="EZH665" s="613"/>
      <c r="EZI665" s="613"/>
      <c r="EZJ665" s="613"/>
      <c r="EZK665" s="613"/>
      <c r="EZL665" s="613"/>
      <c r="EZM665" s="613"/>
      <c r="EZN665" s="613"/>
      <c r="EZO665" s="613"/>
      <c r="EZP665" s="613"/>
      <c r="EZQ665" s="613"/>
      <c r="EZR665" s="613"/>
      <c r="EZS665" s="613"/>
      <c r="EZT665" s="613"/>
      <c r="EZU665" s="613"/>
      <c r="EZV665" s="613"/>
      <c r="EZW665" s="613"/>
      <c r="EZX665" s="613"/>
      <c r="EZY665" s="613"/>
      <c r="EZZ665" s="613"/>
      <c r="FAA665" s="613"/>
      <c r="FAB665" s="613"/>
      <c r="FAC665" s="613"/>
      <c r="FAD665" s="613"/>
      <c r="FAE665" s="613"/>
      <c r="FAF665" s="613"/>
      <c r="FAG665" s="613"/>
      <c r="FAH665" s="613"/>
      <c r="FAI665" s="613"/>
      <c r="FAJ665" s="613"/>
      <c r="FAK665" s="613"/>
      <c r="FAL665" s="613"/>
      <c r="FAM665" s="613"/>
      <c r="FAN665" s="613"/>
      <c r="FAO665" s="613"/>
      <c r="FAP665" s="613"/>
      <c r="FAQ665" s="613"/>
      <c r="FAR665" s="613"/>
      <c r="FAS665" s="613"/>
      <c r="FAT665" s="613"/>
      <c r="FAU665" s="613"/>
      <c r="FAV665" s="613"/>
      <c r="FAW665" s="613"/>
      <c r="FAX665" s="613"/>
      <c r="FAY665" s="613"/>
      <c r="FAZ665" s="613"/>
      <c r="FBA665" s="613"/>
      <c r="FBB665" s="613"/>
      <c r="FBC665" s="613"/>
      <c r="FBD665" s="613"/>
      <c r="FBE665" s="613"/>
      <c r="FBF665" s="613"/>
      <c r="FBG665" s="613"/>
      <c r="FBH665" s="613"/>
      <c r="FBI665" s="613"/>
      <c r="FBJ665" s="613"/>
      <c r="FBK665" s="613"/>
      <c r="FBL665" s="613"/>
      <c r="FBM665" s="613"/>
      <c r="FBN665" s="613"/>
      <c r="FBO665" s="613"/>
      <c r="FBP665" s="613"/>
      <c r="FBQ665" s="613"/>
      <c r="FBR665" s="613"/>
      <c r="FBS665" s="613"/>
      <c r="FBT665" s="613"/>
      <c r="FBU665" s="613"/>
      <c r="FBV665" s="613"/>
      <c r="FBW665" s="613"/>
      <c r="FBX665" s="613"/>
      <c r="FBY665" s="613"/>
      <c r="FBZ665" s="613"/>
      <c r="FCA665" s="613"/>
      <c r="FCB665" s="613"/>
      <c r="FCC665" s="613"/>
      <c r="FCD665" s="613"/>
      <c r="FCE665" s="613"/>
      <c r="FCF665" s="613"/>
      <c r="FCG665" s="613"/>
      <c r="FCH665" s="613"/>
      <c r="FCI665" s="613"/>
      <c r="FCJ665" s="613"/>
      <c r="FCK665" s="613"/>
      <c r="FCL665" s="613"/>
      <c r="FCM665" s="613"/>
      <c r="FCN665" s="613"/>
      <c r="FCO665" s="613"/>
      <c r="FCP665" s="613"/>
      <c r="FCQ665" s="613"/>
      <c r="FCR665" s="613"/>
      <c r="FCS665" s="613"/>
      <c r="FCT665" s="613"/>
      <c r="FCU665" s="613"/>
      <c r="FCV665" s="613"/>
      <c r="FCW665" s="613"/>
      <c r="FCX665" s="613"/>
      <c r="FCY665" s="613"/>
      <c r="FCZ665" s="613"/>
      <c r="FDA665" s="613"/>
      <c r="FDB665" s="613"/>
      <c r="FDC665" s="613"/>
      <c r="FDD665" s="613"/>
      <c r="FDE665" s="613"/>
      <c r="FDF665" s="613"/>
      <c r="FDG665" s="613"/>
      <c r="FDH665" s="613"/>
      <c r="FDI665" s="613"/>
      <c r="FDJ665" s="613"/>
      <c r="FDK665" s="613"/>
      <c r="FDL665" s="613"/>
      <c r="FDM665" s="613"/>
      <c r="FDN665" s="613"/>
      <c r="FDO665" s="613"/>
      <c r="FDP665" s="613"/>
      <c r="FDQ665" s="613"/>
      <c r="FDR665" s="613"/>
      <c r="FDS665" s="613"/>
      <c r="FDT665" s="613"/>
      <c r="FDU665" s="613"/>
      <c r="FDV665" s="613"/>
      <c r="FDW665" s="613"/>
      <c r="FDX665" s="613"/>
      <c r="FDY665" s="613"/>
      <c r="FDZ665" s="613"/>
      <c r="FEA665" s="613"/>
      <c r="FEB665" s="613"/>
      <c r="FEC665" s="613"/>
      <c r="FED665" s="613"/>
      <c r="FEE665" s="613"/>
      <c r="FEF665" s="613"/>
      <c r="FEG665" s="613"/>
      <c r="FEH665" s="613"/>
      <c r="FEI665" s="613"/>
      <c r="FEJ665" s="613"/>
      <c r="FEK665" s="613"/>
      <c r="FEL665" s="613"/>
      <c r="FEM665" s="613"/>
      <c r="FEN665" s="613"/>
      <c r="FEO665" s="613"/>
      <c r="FEP665" s="613"/>
      <c r="FEQ665" s="613"/>
      <c r="FER665" s="613"/>
      <c r="FES665" s="613"/>
      <c r="FET665" s="613"/>
      <c r="FEU665" s="613"/>
      <c r="FEV665" s="613"/>
      <c r="FEW665" s="613"/>
      <c r="FEX665" s="613"/>
      <c r="FEY665" s="613"/>
      <c r="FEZ665" s="613"/>
      <c r="FFA665" s="613"/>
      <c r="FFB665" s="613"/>
      <c r="FFC665" s="613"/>
      <c r="FFD665" s="613"/>
      <c r="FFE665" s="613"/>
      <c r="FFF665" s="613"/>
      <c r="FFG665" s="613"/>
      <c r="FFH665" s="613"/>
      <c r="FFI665" s="613"/>
      <c r="FFJ665" s="613"/>
      <c r="FFK665" s="613"/>
      <c r="FFL665" s="613"/>
      <c r="FFM665" s="613"/>
      <c r="FFN665" s="613"/>
      <c r="FFO665" s="613"/>
      <c r="FFP665" s="613"/>
      <c r="FFQ665" s="613"/>
      <c r="FFR665" s="613"/>
      <c r="FFS665" s="613"/>
      <c r="FFT665" s="613"/>
      <c r="FFU665" s="613"/>
      <c r="FFV665" s="613"/>
      <c r="FFW665" s="613"/>
      <c r="FFX665" s="613"/>
      <c r="FFY665" s="613"/>
      <c r="FFZ665" s="613"/>
      <c r="FGA665" s="613"/>
      <c r="FGB665" s="613"/>
      <c r="FGC665" s="613"/>
      <c r="FGD665" s="613"/>
      <c r="FGE665" s="613"/>
      <c r="FGF665" s="613"/>
      <c r="FGG665" s="613"/>
      <c r="FGH665" s="613"/>
      <c r="FGI665" s="613"/>
      <c r="FGJ665" s="613"/>
      <c r="FGK665" s="613"/>
      <c r="FGL665" s="613"/>
      <c r="FGM665" s="613"/>
      <c r="FGN665" s="613"/>
      <c r="FGO665" s="613"/>
      <c r="FGP665" s="613"/>
      <c r="FGQ665" s="613"/>
      <c r="FGR665" s="613"/>
      <c r="FGS665" s="613"/>
      <c r="FGT665" s="613"/>
      <c r="FGU665" s="613"/>
      <c r="FGV665" s="613"/>
      <c r="FGW665" s="613"/>
      <c r="FGX665" s="613"/>
      <c r="FGY665" s="613"/>
      <c r="FGZ665" s="613"/>
      <c r="FHA665" s="613"/>
      <c r="FHB665" s="613"/>
      <c r="FHC665" s="613"/>
      <c r="FHD665" s="613"/>
      <c r="FHE665" s="613"/>
      <c r="FHF665" s="613"/>
      <c r="FHG665" s="613"/>
      <c r="FHH665" s="613"/>
      <c r="FHI665" s="613"/>
      <c r="FHJ665" s="613"/>
      <c r="FHK665" s="613"/>
      <c r="FHL665" s="613"/>
      <c r="FHM665" s="613"/>
      <c r="FHN665" s="613"/>
      <c r="FHO665" s="613"/>
      <c r="FHP665" s="613"/>
      <c r="FHQ665" s="613"/>
      <c r="FHR665" s="613"/>
      <c r="FHS665" s="613"/>
      <c r="FHT665" s="613"/>
      <c r="FHU665" s="613"/>
      <c r="FHV665" s="613"/>
      <c r="FHW665" s="613"/>
      <c r="FHX665" s="613"/>
      <c r="FHY665" s="613"/>
      <c r="FHZ665" s="613"/>
      <c r="FIA665" s="613"/>
      <c r="FIB665" s="613"/>
      <c r="FIC665" s="613"/>
      <c r="FID665" s="613"/>
      <c r="FIE665" s="613"/>
      <c r="FIF665" s="613"/>
      <c r="FIG665" s="613"/>
      <c r="FIH665" s="613"/>
      <c r="FII665" s="613"/>
      <c r="FIJ665" s="613"/>
      <c r="FIK665" s="613"/>
      <c r="FIL665" s="613"/>
      <c r="FIM665" s="613"/>
      <c r="FIN665" s="613"/>
      <c r="FIO665" s="613"/>
      <c r="FIP665" s="613"/>
      <c r="FIQ665" s="613"/>
      <c r="FIR665" s="613"/>
      <c r="FIS665" s="613"/>
      <c r="FIT665" s="613"/>
      <c r="FIU665" s="613"/>
      <c r="FIV665" s="613"/>
      <c r="FIW665" s="613"/>
      <c r="FIX665" s="613"/>
      <c r="FIY665" s="613"/>
      <c r="FIZ665" s="613"/>
      <c r="FJA665" s="613"/>
      <c r="FJB665" s="613"/>
      <c r="FJC665" s="613"/>
      <c r="FJD665" s="613"/>
      <c r="FJE665" s="613"/>
      <c r="FJF665" s="613"/>
      <c r="FJG665" s="613"/>
      <c r="FJH665" s="613"/>
      <c r="FJI665" s="613"/>
      <c r="FJJ665" s="613"/>
      <c r="FJK665" s="613"/>
      <c r="FJL665" s="613"/>
      <c r="FJM665" s="613"/>
      <c r="FJN665" s="613"/>
      <c r="FJO665" s="613"/>
      <c r="FJP665" s="613"/>
      <c r="FJQ665" s="613"/>
      <c r="FJR665" s="613"/>
      <c r="FJS665" s="613"/>
      <c r="FJT665" s="613"/>
      <c r="FJU665" s="613"/>
      <c r="FJV665" s="613"/>
      <c r="FJW665" s="613"/>
      <c r="FJX665" s="613"/>
      <c r="FJY665" s="613"/>
      <c r="FJZ665" s="613"/>
      <c r="FKA665" s="613"/>
      <c r="FKB665" s="613"/>
      <c r="FKC665" s="613"/>
      <c r="FKD665" s="613"/>
      <c r="FKE665" s="613"/>
      <c r="FKF665" s="613"/>
      <c r="FKG665" s="613"/>
      <c r="FKH665" s="613"/>
      <c r="FKI665" s="613"/>
      <c r="FKJ665" s="613"/>
      <c r="FKK665" s="613"/>
      <c r="FKL665" s="613"/>
      <c r="FKM665" s="613"/>
      <c r="FKN665" s="613"/>
      <c r="FKO665" s="613"/>
      <c r="FKP665" s="613"/>
      <c r="FKQ665" s="613"/>
      <c r="FKR665" s="613"/>
      <c r="FKS665" s="613"/>
      <c r="FKT665" s="613"/>
      <c r="FKU665" s="613"/>
      <c r="FKV665" s="613"/>
      <c r="FKW665" s="613"/>
      <c r="FKX665" s="613"/>
      <c r="FKY665" s="613"/>
      <c r="FKZ665" s="613"/>
      <c r="FLA665" s="613"/>
      <c r="FLB665" s="613"/>
      <c r="FLC665" s="613"/>
      <c r="FLD665" s="613"/>
      <c r="FLE665" s="613"/>
      <c r="FLF665" s="613"/>
      <c r="FLG665" s="613"/>
      <c r="FLH665" s="613"/>
      <c r="FLI665" s="613"/>
      <c r="FLJ665" s="613"/>
      <c r="FLK665" s="613"/>
      <c r="FLL665" s="613"/>
      <c r="FLM665" s="613"/>
      <c r="FLN665" s="613"/>
      <c r="FLO665" s="613"/>
      <c r="FLP665" s="613"/>
      <c r="FLQ665" s="613"/>
      <c r="FLR665" s="613"/>
      <c r="FLS665" s="613"/>
      <c r="FLT665" s="613"/>
      <c r="FLU665" s="613"/>
      <c r="FLV665" s="613"/>
      <c r="FLW665" s="613"/>
      <c r="FLX665" s="613"/>
      <c r="FLY665" s="613"/>
      <c r="FLZ665" s="613"/>
      <c r="FMA665" s="613"/>
      <c r="FMB665" s="613"/>
      <c r="FMC665" s="613"/>
      <c r="FMD665" s="613"/>
      <c r="FME665" s="613"/>
      <c r="FMF665" s="613"/>
      <c r="FMG665" s="613"/>
      <c r="FMH665" s="613"/>
      <c r="FMI665" s="613"/>
      <c r="FMJ665" s="613"/>
      <c r="FMK665" s="613"/>
      <c r="FML665" s="613"/>
      <c r="FMM665" s="613"/>
      <c r="FMN665" s="613"/>
      <c r="FMO665" s="613"/>
      <c r="FMP665" s="613"/>
      <c r="FMQ665" s="613"/>
      <c r="FMR665" s="613"/>
      <c r="FMS665" s="613"/>
      <c r="FMT665" s="613"/>
      <c r="FMU665" s="613"/>
      <c r="FMV665" s="613"/>
      <c r="FMW665" s="613"/>
      <c r="FMX665" s="613"/>
      <c r="FMY665" s="613"/>
      <c r="FMZ665" s="613"/>
      <c r="FNA665" s="613"/>
      <c r="FNB665" s="613"/>
      <c r="FNC665" s="613"/>
      <c r="FND665" s="613"/>
      <c r="FNE665" s="613"/>
      <c r="FNF665" s="613"/>
      <c r="FNG665" s="613"/>
      <c r="FNH665" s="613"/>
      <c r="FNI665" s="613"/>
      <c r="FNJ665" s="613"/>
      <c r="FNK665" s="613"/>
      <c r="FNL665" s="613"/>
      <c r="FNM665" s="613"/>
      <c r="FNN665" s="613"/>
      <c r="FNO665" s="613"/>
      <c r="FNP665" s="613"/>
      <c r="FNQ665" s="613"/>
      <c r="FNR665" s="613"/>
      <c r="FNS665" s="613"/>
      <c r="FNT665" s="613"/>
      <c r="FNU665" s="613"/>
      <c r="FNV665" s="613"/>
      <c r="FNW665" s="613"/>
      <c r="FNX665" s="613"/>
      <c r="FNY665" s="613"/>
      <c r="FNZ665" s="613"/>
      <c r="FOA665" s="613"/>
      <c r="FOB665" s="613"/>
      <c r="FOC665" s="613"/>
      <c r="FOD665" s="613"/>
      <c r="FOE665" s="613"/>
      <c r="FOF665" s="613"/>
      <c r="FOG665" s="613"/>
      <c r="FOH665" s="613"/>
      <c r="FOI665" s="613"/>
      <c r="FOJ665" s="613"/>
      <c r="FOK665" s="613"/>
      <c r="FOL665" s="613"/>
      <c r="FOM665" s="613"/>
      <c r="FON665" s="613"/>
      <c r="FOO665" s="613"/>
      <c r="FOP665" s="613"/>
      <c r="FOQ665" s="613"/>
      <c r="FOR665" s="613"/>
      <c r="FOS665" s="613"/>
      <c r="FOT665" s="613"/>
      <c r="FOU665" s="613"/>
      <c r="FOV665" s="613"/>
      <c r="FOW665" s="613"/>
      <c r="FOX665" s="613"/>
      <c r="FOY665" s="613"/>
      <c r="FOZ665" s="613"/>
      <c r="FPA665" s="613"/>
      <c r="FPB665" s="613"/>
      <c r="FPC665" s="613"/>
      <c r="FPD665" s="613"/>
      <c r="FPE665" s="613"/>
      <c r="FPF665" s="613"/>
      <c r="FPG665" s="613"/>
      <c r="FPH665" s="613"/>
      <c r="FPI665" s="613"/>
      <c r="FPJ665" s="613"/>
      <c r="FPK665" s="613"/>
      <c r="FPL665" s="613"/>
      <c r="FPM665" s="613"/>
      <c r="FPN665" s="613"/>
      <c r="FPO665" s="613"/>
      <c r="FPP665" s="613"/>
      <c r="FPQ665" s="613"/>
      <c r="FPR665" s="613"/>
      <c r="FPS665" s="613"/>
      <c r="FPT665" s="613"/>
      <c r="FPU665" s="613"/>
      <c r="FPV665" s="613"/>
      <c r="FPW665" s="613"/>
      <c r="FPX665" s="613"/>
      <c r="FPY665" s="613"/>
      <c r="FPZ665" s="613"/>
      <c r="FQA665" s="613"/>
      <c r="FQB665" s="613"/>
      <c r="FQC665" s="613"/>
      <c r="FQD665" s="613"/>
      <c r="FQE665" s="613"/>
      <c r="FQF665" s="613"/>
      <c r="FQG665" s="613"/>
      <c r="FQH665" s="613"/>
      <c r="FQI665" s="613"/>
      <c r="FQJ665" s="613"/>
      <c r="FQK665" s="613"/>
      <c r="FQL665" s="613"/>
      <c r="FQM665" s="613"/>
      <c r="FQN665" s="613"/>
      <c r="FQO665" s="613"/>
      <c r="FQP665" s="613"/>
      <c r="FQQ665" s="613"/>
      <c r="FQR665" s="613"/>
      <c r="FQS665" s="613"/>
      <c r="FQT665" s="613"/>
      <c r="FQU665" s="613"/>
      <c r="FQV665" s="613"/>
      <c r="FQW665" s="613"/>
      <c r="FQX665" s="613"/>
      <c r="FQY665" s="613"/>
      <c r="FQZ665" s="613"/>
      <c r="FRA665" s="613"/>
      <c r="FRB665" s="613"/>
      <c r="FRC665" s="613"/>
      <c r="FRD665" s="613"/>
      <c r="FRE665" s="613"/>
      <c r="FRF665" s="613"/>
      <c r="FRG665" s="613"/>
      <c r="FRH665" s="613"/>
      <c r="FRI665" s="613"/>
      <c r="FRJ665" s="613"/>
      <c r="FRK665" s="613"/>
      <c r="FRL665" s="613"/>
      <c r="FRM665" s="613"/>
      <c r="FRN665" s="613"/>
      <c r="FRO665" s="613"/>
      <c r="FRP665" s="613"/>
      <c r="FRQ665" s="613"/>
      <c r="FRR665" s="613"/>
      <c r="FRS665" s="613"/>
      <c r="FRT665" s="613"/>
      <c r="FRU665" s="613"/>
      <c r="FRV665" s="613"/>
      <c r="FRW665" s="613"/>
      <c r="FRX665" s="613"/>
      <c r="FRY665" s="613"/>
      <c r="FRZ665" s="613"/>
      <c r="FSA665" s="613"/>
      <c r="FSB665" s="613"/>
      <c r="FSC665" s="613"/>
      <c r="FSD665" s="613"/>
      <c r="FSE665" s="613"/>
      <c r="FSF665" s="613"/>
      <c r="FSG665" s="613"/>
      <c r="FSH665" s="613"/>
      <c r="FSI665" s="613"/>
      <c r="FSJ665" s="613"/>
      <c r="FSK665" s="613"/>
      <c r="FSL665" s="613"/>
      <c r="FSM665" s="613"/>
      <c r="FSN665" s="613"/>
      <c r="FSO665" s="613"/>
      <c r="FSP665" s="613"/>
      <c r="FSQ665" s="613"/>
      <c r="FSR665" s="613"/>
      <c r="FSS665" s="613"/>
      <c r="FST665" s="613"/>
      <c r="FSU665" s="613"/>
      <c r="FSV665" s="613"/>
      <c r="FSW665" s="613"/>
      <c r="FSX665" s="613"/>
      <c r="FSY665" s="613"/>
      <c r="FSZ665" s="613"/>
      <c r="FTA665" s="613"/>
      <c r="FTB665" s="613"/>
      <c r="FTC665" s="613"/>
      <c r="FTD665" s="613"/>
      <c r="FTE665" s="613"/>
      <c r="FTF665" s="613"/>
      <c r="FTG665" s="613"/>
      <c r="FTH665" s="613"/>
      <c r="FTI665" s="613"/>
      <c r="FTJ665" s="613"/>
      <c r="FTK665" s="613"/>
      <c r="FTL665" s="613"/>
      <c r="FTM665" s="613"/>
      <c r="FTN665" s="613"/>
      <c r="FTO665" s="613"/>
      <c r="FTP665" s="613"/>
      <c r="FTQ665" s="613"/>
      <c r="FTR665" s="613"/>
      <c r="FTS665" s="613"/>
      <c r="FTT665" s="613"/>
      <c r="FTU665" s="613"/>
      <c r="FTV665" s="613"/>
      <c r="FTW665" s="613"/>
      <c r="FTX665" s="613"/>
      <c r="FTY665" s="613"/>
      <c r="FTZ665" s="613"/>
      <c r="FUA665" s="613"/>
      <c r="FUB665" s="613"/>
      <c r="FUC665" s="613"/>
      <c r="FUD665" s="613"/>
      <c r="FUE665" s="613"/>
      <c r="FUF665" s="613"/>
      <c r="FUG665" s="613"/>
      <c r="FUH665" s="613"/>
      <c r="FUI665" s="613"/>
      <c r="FUJ665" s="613"/>
      <c r="FUK665" s="613"/>
      <c r="FUL665" s="613"/>
      <c r="FUM665" s="613"/>
      <c r="FUN665" s="613"/>
      <c r="FUO665" s="613"/>
      <c r="FUP665" s="613"/>
      <c r="FUQ665" s="613"/>
      <c r="FUR665" s="613"/>
      <c r="FUS665" s="613"/>
      <c r="FUT665" s="613"/>
      <c r="FUU665" s="613"/>
      <c r="FUV665" s="613"/>
      <c r="FUW665" s="613"/>
      <c r="FUX665" s="613"/>
      <c r="FUY665" s="613"/>
      <c r="FUZ665" s="613"/>
      <c r="FVA665" s="613"/>
      <c r="FVB665" s="613"/>
      <c r="FVC665" s="613"/>
      <c r="FVD665" s="613"/>
      <c r="FVE665" s="613"/>
      <c r="FVF665" s="613"/>
      <c r="FVG665" s="613"/>
      <c r="FVH665" s="613"/>
      <c r="FVI665" s="613"/>
      <c r="FVJ665" s="613"/>
      <c r="FVK665" s="613"/>
      <c r="FVL665" s="613"/>
      <c r="FVM665" s="613"/>
      <c r="FVN665" s="613"/>
      <c r="FVO665" s="613"/>
      <c r="FVP665" s="613"/>
      <c r="FVQ665" s="613"/>
      <c r="FVR665" s="613"/>
      <c r="FVS665" s="613"/>
      <c r="FVT665" s="613"/>
      <c r="FVU665" s="613"/>
      <c r="FVV665" s="613"/>
      <c r="FVW665" s="613"/>
      <c r="FVX665" s="613"/>
      <c r="FVY665" s="613"/>
      <c r="FVZ665" s="613"/>
      <c r="FWA665" s="613"/>
      <c r="FWB665" s="613"/>
      <c r="FWC665" s="613"/>
      <c r="FWD665" s="613"/>
      <c r="FWE665" s="613"/>
      <c r="FWF665" s="613"/>
      <c r="FWG665" s="613"/>
      <c r="FWH665" s="613"/>
      <c r="FWI665" s="613"/>
      <c r="FWJ665" s="613"/>
      <c r="FWK665" s="613"/>
      <c r="FWL665" s="613"/>
      <c r="FWM665" s="613"/>
      <c r="FWN665" s="613"/>
      <c r="FWO665" s="613"/>
      <c r="FWP665" s="613"/>
      <c r="FWQ665" s="613"/>
      <c r="FWR665" s="613"/>
      <c r="FWS665" s="613"/>
      <c r="FWT665" s="613"/>
      <c r="FWU665" s="613"/>
      <c r="FWV665" s="613"/>
      <c r="FWW665" s="613"/>
      <c r="FWX665" s="613"/>
      <c r="FWY665" s="613"/>
      <c r="FWZ665" s="613"/>
      <c r="FXA665" s="613"/>
      <c r="FXB665" s="613"/>
      <c r="FXC665" s="613"/>
      <c r="FXD665" s="613"/>
      <c r="FXE665" s="613"/>
      <c r="FXF665" s="613"/>
      <c r="FXG665" s="613"/>
      <c r="FXH665" s="613"/>
      <c r="FXI665" s="613"/>
      <c r="FXJ665" s="613"/>
      <c r="FXK665" s="613"/>
      <c r="FXL665" s="613"/>
      <c r="FXM665" s="613"/>
      <c r="FXN665" s="613"/>
      <c r="FXO665" s="613"/>
      <c r="FXP665" s="613"/>
      <c r="FXQ665" s="613"/>
      <c r="FXR665" s="613"/>
      <c r="FXS665" s="613"/>
      <c r="FXT665" s="613"/>
      <c r="FXU665" s="613"/>
      <c r="FXV665" s="613"/>
      <c r="FXW665" s="613"/>
      <c r="FXX665" s="613"/>
      <c r="FXY665" s="613"/>
      <c r="FXZ665" s="613"/>
      <c r="FYA665" s="613"/>
      <c r="FYB665" s="613"/>
      <c r="FYC665" s="613"/>
      <c r="FYD665" s="613"/>
      <c r="FYE665" s="613"/>
      <c r="FYF665" s="613"/>
      <c r="FYG665" s="613"/>
      <c r="FYH665" s="613"/>
      <c r="FYI665" s="613"/>
      <c r="FYJ665" s="613"/>
      <c r="FYK665" s="613"/>
      <c r="FYL665" s="613"/>
      <c r="FYM665" s="613"/>
      <c r="FYN665" s="613"/>
      <c r="FYO665" s="613"/>
      <c r="FYP665" s="613"/>
      <c r="FYQ665" s="613"/>
      <c r="FYR665" s="613"/>
      <c r="FYS665" s="613"/>
      <c r="FYT665" s="613"/>
      <c r="FYU665" s="613"/>
      <c r="FYV665" s="613"/>
      <c r="FYW665" s="613"/>
      <c r="FYX665" s="613"/>
      <c r="FYY665" s="613"/>
      <c r="FYZ665" s="613"/>
      <c r="FZA665" s="613"/>
      <c r="FZB665" s="613"/>
      <c r="FZC665" s="613"/>
      <c r="FZD665" s="613"/>
      <c r="FZE665" s="613"/>
      <c r="FZF665" s="613"/>
      <c r="FZG665" s="613"/>
      <c r="FZH665" s="613"/>
      <c r="FZI665" s="613"/>
      <c r="FZJ665" s="613"/>
      <c r="FZK665" s="613"/>
      <c r="FZL665" s="613"/>
      <c r="FZM665" s="613"/>
      <c r="FZN665" s="613"/>
      <c r="FZO665" s="613"/>
      <c r="FZP665" s="613"/>
      <c r="FZQ665" s="613"/>
      <c r="FZR665" s="613"/>
      <c r="FZS665" s="613"/>
      <c r="FZT665" s="613"/>
      <c r="FZU665" s="613"/>
      <c r="FZV665" s="613"/>
      <c r="FZW665" s="613"/>
      <c r="FZX665" s="613"/>
      <c r="FZY665" s="613"/>
      <c r="FZZ665" s="613"/>
      <c r="GAA665" s="613"/>
      <c r="GAB665" s="613"/>
      <c r="GAC665" s="613"/>
      <c r="GAD665" s="613"/>
      <c r="GAE665" s="613"/>
      <c r="GAF665" s="613"/>
      <c r="GAG665" s="613"/>
      <c r="GAH665" s="613"/>
      <c r="GAI665" s="613"/>
      <c r="GAJ665" s="613"/>
      <c r="GAK665" s="613"/>
      <c r="GAL665" s="613"/>
      <c r="GAM665" s="613"/>
      <c r="GAN665" s="613"/>
      <c r="GAO665" s="613"/>
      <c r="GAP665" s="613"/>
      <c r="GAQ665" s="613"/>
      <c r="GAR665" s="613"/>
      <c r="GAS665" s="613"/>
      <c r="GAT665" s="613"/>
      <c r="GAU665" s="613"/>
      <c r="GAV665" s="613"/>
      <c r="GAW665" s="613"/>
      <c r="GAX665" s="613"/>
      <c r="GAY665" s="613"/>
      <c r="GAZ665" s="613"/>
      <c r="GBA665" s="613"/>
      <c r="GBB665" s="613"/>
      <c r="GBC665" s="613"/>
      <c r="GBD665" s="613"/>
      <c r="GBE665" s="613"/>
      <c r="GBF665" s="613"/>
      <c r="GBG665" s="613"/>
      <c r="GBH665" s="613"/>
      <c r="GBI665" s="613"/>
      <c r="GBJ665" s="613"/>
      <c r="GBK665" s="613"/>
      <c r="GBL665" s="613"/>
      <c r="GBM665" s="613"/>
      <c r="GBN665" s="613"/>
      <c r="GBO665" s="613"/>
      <c r="GBP665" s="613"/>
      <c r="GBQ665" s="613"/>
      <c r="GBR665" s="613"/>
      <c r="GBS665" s="613"/>
      <c r="GBT665" s="613"/>
      <c r="GBU665" s="613"/>
      <c r="GBV665" s="613"/>
      <c r="GBW665" s="613"/>
      <c r="GBX665" s="613"/>
      <c r="GBY665" s="613"/>
      <c r="GBZ665" s="613"/>
      <c r="GCA665" s="613"/>
      <c r="GCB665" s="613"/>
      <c r="GCC665" s="613"/>
      <c r="GCD665" s="613"/>
      <c r="GCE665" s="613"/>
      <c r="GCF665" s="613"/>
      <c r="GCG665" s="613"/>
      <c r="GCH665" s="613"/>
      <c r="GCI665" s="613"/>
      <c r="GCJ665" s="613"/>
      <c r="GCK665" s="613"/>
      <c r="GCL665" s="613"/>
      <c r="GCM665" s="613"/>
      <c r="GCN665" s="613"/>
      <c r="GCO665" s="613"/>
      <c r="GCP665" s="613"/>
      <c r="GCQ665" s="613"/>
      <c r="GCR665" s="613"/>
      <c r="GCS665" s="613"/>
      <c r="GCT665" s="613"/>
      <c r="GCU665" s="613"/>
      <c r="GCV665" s="613"/>
      <c r="GCW665" s="613"/>
      <c r="GCX665" s="613"/>
      <c r="GCY665" s="613"/>
      <c r="GCZ665" s="613"/>
      <c r="GDA665" s="613"/>
      <c r="GDB665" s="613"/>
      <c r="GDC665" s="613"/>
      <c r="GDD665" s="613"/>
      <c r="GDE665" s="613"/>
      <c r="GDF665" s="613"/>
      <c r="GDG665" s="613"/>
      <c r="GDH665" s="613"/>
      <c r="GDI665" s="613"/>
      <c r="GDJ665" s="613"/>
      <c r="GDK665" s="613"/>
      <c r="GDL665" s="613"/>
      <c r="GDM665" s="613"/>
      <c r="GDN665" s="613"/>
      <c r="GDO665" s="613"/>
      <c r="GDP665" s="613"/>
      <c r="GDQ665" s="613"/>
      <c r="GDR665" s="613"/>
      <c r="GDS665" s="613"/>
      <c r="GDT665" s="613"/>
      <c r="GDU665" s="613"/>
      <c r="GDV665" s="613"/>
      <c r="GDW665" s="613"/>
      <c r="GDX665" s="613"/>
      <c r="GDY665" s="613"/>
      <c r="GDZ665" s="613"/>
      <c r="GEA665" s="613"/>
      <c r="GEB665" s="613"/>
      <c r="GEC665" s="613"/>
      <c r="GED665" s="613"/>
      <c r="GEE665" s="613"/>
      <c r="GEF665" s="613"/>
      <c r="GEG665" s="613"/>
      <c r="GEH665" s="613"/>
      <c r="GEI665" s="613"/>
      <c r="GEJ665" s="613"/>
      <c r="GEK665" s="613"/>
      <c r="GEL665" s="613"/>
      <c r="GEM665" s="613"/>
      <c r="GEN665" s="613"/>
      <c r="GEO665" s="613"/>
      <c r="GEP665" s="613"/>
      <c r="GEQ665" s="613"/>
      <c r="GER665" s="613"/>
      <c r="GES665" s="613"/>
      <c r="GET665" s="613"/>
      <c r="GEU665" s="613"/>
      <c r="GEV665" s="613"/>
      <c r="GEW665" s="613"/>
      <c r="GEX665" s="613"/>
      <c r="GEY665" s="613"/>
      <c r="GEZ665" s="613"/>
      <c r="GFA665" s="613"/>
      <c r="GFB665" s="613"/>
      <c r="GFC665" s="613"/>
      <c r="GFD665" s="613"/>
      <c r="GFE665" s="613"/>
      <c r="GFF665" s="613"/>
      <c r="GFG665" s="613"/>
      <c r="GFH665" s="613"/>
      <c r="GFI665" s="613"/>
      <c r="GFJ665" s="613"/>
      <c r="GFK665" s="613"/>
      <c r="GFL665" s="613"/>
      <c r="GFM665" s="613"/>
      <c r="GFN665" s="613"/>
      <c r="GFO665" s="613"/>
      <c r="GFP665" s="613"/>
      <c r="GFQ665" s="613"/>
      <c r="GFR665" s="613"/>
      <c r="GFS665" s="613"/>
      <c r="GFT665" s="613"/>
      <c r="GFU665" s="613"/>
      <c r="GFV665" s="613"/>
      <c r="GFW665" s="613"/>
      <c r="GFX665" s="613"/>
      <c r="GFY665" s="613"/>
      <c r="GFZ665" s="613"/>
      <c r="GGA665" s="613"/>
      <c r="GGB665" s="613"/>
      <c r="GGC665" s="613"/>
      <c r="GGD665" s="613"/>
      <c r="GGE665" s="613"/>
      <c r="GGF665" s="613"/>
      <c r="GGG665" s="613"/>
      <c r="GGH665" s="613"/>
      <c r="GGI665" s="613"/>
      <c r="GGJ665" s="613"/>
      <c r="GGK665" s="613"/>
      <c r="GGL665" s="613"/>
      <c r="GGM665" s="613"/>
      <c r="GGN665" s="613"/>
      <c r="GGO665" s="613"/>
      <c r="GGP665" s="613"/>
      <c r="GGQ665" s="613"/>
      <c r="GGR665" s="613"/>
      <c r="GGS665" s="613"/>
      <c r="GGT665" s="613"/>
      <c r="GGU665" s="613"/>
      <c r="GGV665" s="613"/>
      <c r="GGW665" s="613"/>
      <c r="GGX665" s="613"/>
      <c r="GGY665" s="613"/>
      <c r="GGZ665" s="613"/>
      <c r="GHA665" s="613"/>
      <c r="GHB665" s="613"/>
      <c r="GHC665" s="613"/>
      <c r="GHD665" s="613"/>
      <c r="GHE665" s="613"/>
      <c r="GHF665" s="613"/>
      <c r="GHG665" s="613"/>
      <c r="GHH665" s="613"/>
      <c r="GHI665" s="613"/>
      <c r="GHJ665" s="613"/>
      <c r="GHK665" s="613"/>
      <c r="GHL665" s="613"/>
      <c r="GHM665" s="613"/>
      <c r="GHN665" s="613"/>
      <c r="GHO665" s="613"/>
      <c r="GHP665" s="613"/>
      <c r="GHQ665" s="613"/>
      <c r="GHR665" s="613"/>
      <c r="GHS665" s="613"/>
      <c r="GHT665" s="613"/>
      <c r="GHU665" s="613"/>
      <c r="GHV665" s="613"/>
      <c r="GHW665" s="613"/>
      <c r="GHX665" s="613"/>
      <c r="GHY665" s="613"/>
      <c r="GHZ665" s="613"/>
      <c r="GIA665" s="613"/>
      <c r="GIB665" s="613"/>
      <c r="GIC665" s="613"/>
      <c r="GID665" s="613"/>
      <c r="GIE665" s="613"/>
      <c r="GIF665" s="613"/>
      <c r="GIG665" s="613"/>
      <c r="GIH665" s="613"/>
      <c r="GII665" s="613"/>
      <c r="GIJ665" s="613"/>
      <c r="GIK665" s="613"/>
      <c r="GIL665" s="613"/>
      <c r="GIM665" s="613"/>
      <c r="GIN665" s="613"/>
      <c r="GIO665" s="613"/>
      <c r="GIP665" s="613"/>
      <c r="GIQ665" s="613"/>
      <c r="GIR665" s="613"/>
      <c r="GIS665" s="613"/>
      <c r="GIT665" s="613"/>
      <c r="GIU665" s="613"/>
      <c r="GIV665" s="613"/>
      <c r="GIW665" s="613"/>
      <c r="GIX665" s="613"/>
      <c r="GIY665" s="613"/>
      <c r="GIZ665" s="613"/>
      <c r="GJA665" s="613"/>
      <c r="GJB665" s="613"/>
      <c r="GJC665" s="613"/>
      <c r="GJD665" s="613"/>
      <c r="GJE665" s="613"/>
      <c r="GJF665" s="613"/>
      <c r="GJG665" s="613"/>
      <c r="GJH665" s="613"/>
      <c r="GJI665" s="613"/>
      <c r="GJJ665" s="613"/>
      <c r="GJK665" s="613"/>
      <c r="GJL665" s="613"/>
      <c r="GJM665" s="613"/>
      <c r="GJN665" s="613"/>
      <c r="GJO665" s="613"/>
      <c r="GJP665" s="613"/>
      <c r="GJQ665" s="613"/>
      <c r="GJR665" s="613"/>
      <c r="GJS665" s="613"/>
      <c r="GJT665" s="613"/>
      <c r="GJU665" s="613"/>
      <c r="GJV665" s="613"/>
      <c r="GJW665" s="613"/>
      <c r="GJX665" s="613"/>
      <c r="GJY665" s="613"/>
      <c r="GJZ665" s="613"/>
      <c r="GKA665" s="613"/>
      <c r="GKB665" s="613"/>
      <c r="GKC665" s="613"/>
      <c r="GKD665" s="613"/>
      <c r="GKE665" s="613"/>
      <c r="GKF665" s="613"/>
      <c r="GKG665" s="613"/>
      <c r="GKH665" s="613"/>
      <c r="GKI665" s="613"/>
      <c r="GKJ665" s="613"/>
      <c r="GKK665" s="613"/>
      <c r="GKL665" s="613"/>
      <c r="GKM665" s="613"/>
      <c r="GKN665" s="613"/>
      <c r="GKO665" s="613"/>
      <c r="GKP665" s="613"/>
      <c r="GKQ665" s="613"/>
      <c r="GKR665" s="613"/>
      <c r="GKS665" s="613"/>
      <c r="GKT665" s="613"/>
      <c r="GKU665" s="613"/>
      <c r="GKV665" s="613"/>
      <c r="GKW665" s="613"/>
      <c r="GKX665" s="613"/>
      <c r="GKY665" s="613"/>
      <c r="GKZ665" s="613"/>
      <c r="GLA665" s="613"/>
      <c r="GLB665" s="613"/>
      <c r="GLC665" s="613"/>
      <c r="GLD665" s="613"/>
      <c r="GLE665" s="613"/>
      <c r="GLF665" s="613"/>
      <c r="GLG665" s="613"/>
      <c r="GLH665" s="613"/>
      <c r="GLI665" s="613"/>
      <c r="GLJ665" s="613"/>
      <c r="GLK665" s="613"/>
      <c r="GLL665" s="613"/>
      <c r="GLM665" s="613"/>
      <c r="GLN665" s="613"/>
      <c r="GLO665" s="613"/>
      <c r="GLP665" s="613"/>
      <c r="GLQ665" s="613"/>
      <c r="GLR665" s="613"/>
      <c r="GLS665" s="613"/>
      <c r="GLT665" s="613"/>
      <c r="GLU665" s="613"/>
      <c r="GLV665" s="613"/>
      <c r="GLW665" s="613"/>
      <c r="GLX665" s="613"/>
      <c r="GLY665" s="613"/>
      <c r="GLZ665" s="613"/>
      <c r="GMA665" s="613"/>
      <c r="GMB665" s="613"/>
      <c r="GMC665" s="613"/>
      <c r="GMD665" s="613"/>
      <c r="GME665" s="613"/>
      <c r="GMF665" s="613"/>
      <c r="GMG665" s="613"/>
      <c r="GMH665" s="613"/>
      <c r="GMI665" s="613"/>
      <c r="GMJ665" s="613"/>
      <c r="GMK665" s="613"/>
      <c r="GML665" s="613"/>
      <c r="GMM665" s="613"/>
      <c r="GMN665" s="613"/>
      <c r="GMO665" s="613"/>
      <c r="GMP665" s="613"/>
      <c r="GMQ665" s="613"/>
      <c r="GMR665" s="613"/>
      <c r="GMS665" s="613"/>
      <c r="GMT665" s="613"/>
      <c r="GMU665" s="613"/>
      <c r="GMV665" s="613"/>
      <c r="GMW665" s="613"/>
      <c r="GMX665" s="613"/>
      <c r="GMY665" s="613"/>
      <c r="GMZ665" s="613"/>
      <c r="GNA665" s="613"/>
      <c r="GNB665" s="613"/>
      <c r="GNC665" s="613"/>
      <c r="GND665" s="613"/>
      <c r="GNE665" s="613"/>
      <c r="GNF665" s="613"/>
      <c r="GNG665" s="613"/>
      <c r="GNH665" s="613"/>
      <c r="GNI665" s="613"/>
      <c r="GNJ665" s="613"/>
      <c r="GNK665" s="613"/>
      <c r="GNL665" s="613"/>
      <c r="GNM665" s="613"/>
      <c r="GNN665" s="613"/>
      <c r="GNO665" s="613"/>
      <c r="GNP665" s="613"/>
      <c r="GNQ665" s="613"/>
      <c r="GNR665" s="613"/>
      <c r="GNS665" s="613"/>
      <c r="GNT665" s="613"/>
      <c r="GNU665" s="613"/>
      <c r="GNV665" s="613"/>
      <c r="GNW665" s="613"/>
      <c r="GNX665" s="613"/>
      <c r="GNY665" s="613"/>
      <c r="GNZ665" s="613"/>
      <c r="GOA665" s="613"/>
      <c r="GOB665" s="613"/>
      <c r="GOC665" s="613"/>
      <c r="GOD665" s="613"/>
      <c r="GOE665" s="613"/>
      <c r="GOF665" s="613"/>
      <c r="GOG665" s="613"/>
      <c r="GOH665" s="613"/>
      <c r="GOI665" s="613"/>
      <c r="GOJ665" s="613"/>
      <c r="GOK665" s="613"/>
      <c r="GOL665" s="613"/>
      <c r="GOM665" s="613"/>
      <c r="GON665" s="613"/>
      <c r="GOO665" s="613"/>
      <c r="GOP665" s="613"/>
      <c r="GOQ665" s="613"/>
      <c r="GOR665" s="613"/>
      <c r="GOS665" s="613"/>
      <c r="GOT665" s="613"/>
      <c r="GOU665" s="613"/>
      <c r="GOV665" s="613"/>
      <c r="GOW665" s="613"/>
      <c r="GOX665" s="613"/>
      <c r="GOY665" s="613"/>
      <c r="GOZ665" s="613"/>
      <c r="GPA665" s="613"/>
      <c r="GPB665" s="613"/>
      <c r="GPC665" s="613"/>
      <c r="GPD665" s="613"/>
      <c r="GPE665" s="613"/>
      <c r="GPF665" s="613"/>
      <c r="GPG665" s="613"/>
      <c r="GPH665" s="613"/>
      <c r="GPI665" s="613"/>
      <c r="GPJ665" s="613"/>
      <c r="GPK665" s="613"/>
      <c r="GPL665" s="613"/>
      <c r="GPM665" s="613"/>
      <c r="GPN665" s="613"/>
      <c r="GPO665" s="613"/>
      <c r="GPP665" s="613"/>
      <c r="GPQ665" s="613"/>
      <c r="GPR665" s="613"/>
      <c r="GPS665" s="613"/>
      <c r="GPT665" s="613"/>
      <c r="GPU665" s="613"/>
      <c r="GPV665" s="613"/>
      <c r="GPW665" s="613"/>
      <c r="GPX665" s="613"/>
      <c r="GPY665" s="613"/>
      <c r="GPZ665" s="613"/>
      <c r="GQA665" s="613"/>
      <c r="GQB665" s="613"/>
      <c r="GQC665" s="613"/>
      <c r="GQD665" s="613"/>
      <c r="GQE665" s="613"/>
      <c r="GQF665" s="613"/>
      <c r="GQG665" s="613"/>
      <c r="GQH665" s="613"/>
      <c r="GQI665" s="613"/>
      <c r="GQJ665" s="613"/>
      <c r="GQK665" s="613"/>
      <c r="GQL665" s="613"/>
      <c r="GQM665" s="613"/>
      <c r="GQN665" s="613"/>
      <c r="GQO665" s="613"/>
      <c r="GQP665" s="613"/>
      <c r="GQQ665" s="613"/>
      <c r="GQR665" s="613"/>
      <c r="GQS665" s="613"/>
      <c r="GQT665" s="613"/>
      <c r="GQU665" s="613"/>
      <c r="GQV665" s="613"/>
      <c r="GQW665" s="613"/>
      <c r="GQX665" s="613"/>
      <c r="GQY665" s="613"/>
      <c r="GQZ665" s="613"/>
      <c r="GRA665" s="613"/>
      <c r="GRB665" s="613"/>
      <c r="GRC665" s="613"/>
      <c r="GRD665" s="613"/>
      <c r="GRE665" s="613"/>
      <c r="GRF665" s="613"/>
      <c r="GRG665" s="613"/>
      <c r="GRH665" s="613"/>
      <c r="GRI665" s="613"/>
      <c r="GRJ665" s="613"/>
      <c r="GRK665" s="613"/>
      <c r="GRL665" s="613"/>
      <c r="GRM665" s="613"/>
      <c r="GRN665" s="613"/>
      <c r="GRO665" s="613"/>
      <c r="GRP665" s="613"/>
      <c r="GRQ665" s="613"/>
      <c r="GRR665" s="613"/>
      <c r="GRS665" s="613"/>
      <c r="GRT665" s="613"/>
      <c r="GRU665" s="613"/>
      <c r="GRV665" s="613"/>
      <c r="GRW665" s="613"/>
      <c r="GRX665" s="613"/>
      <c r="GRY665" s="613"/>
      <c r="GRZ665" s="613"/>
      <c r="GSA665" s="613"/>
      <c r="GSB665" s="613"/>
      <c r="GSC665" s="613"/>
      <c r="GSD665" s="613"/>
      <c r="GSE665" s="613"/>
      <c r="GSF665" s="613"/>
      <c r="GSG665" s="613"/>
      <c r="GSH665" s="613"/>
      <c r="GSI665" s="613"/>
      <c r="GSJ665" s="613"/>
      <c r="GSK665" s="613"/>
      <c r="GSL665" s="613"/>
      <c r="GSM665" s="613"/>
      <c r="GSN665" s="613"/>
      <c r="GSO665" s="613"/>
      <c r="GSP665" s="613"/>
      <c r="GSQ665" s="613"/>
      <c r="GSR665" s="613"/>
      <c r="GSS665" s="613"/>
      <c r="GST665" s="613"/>
      <c r="GSU665" s="613"/>
      <c r="GSV665" s="613"/>
      <c r="GSW665" s="613"/>
      <c r="GSX665" s="613"/>
      <c r="GSY665" s="613"/>
      <c r="GSZ665" s="613"/>
      <c r="GTA665" s="613"/>
      <c r="GTB665" s="613"/>
      <c r="GTC665" s="613"/>
      <c r="GTD665" s="613"/>
      <c r="GTE665" s="613"/>
      <c r="GTF665" s="613"/>
      <c r="GTG665" s="613"/>
      <c r="GTH665" s="613"/>
      <c r="GTI665" s="613"/>
      <c r="GTJ665" s="613"/>
      <c r="GTK665" s="613"/>
      <c r="GTL665" s="613"/>
      <c r="GTM665" s="613"/>
      <c r="GTN665" s="613"/>
      <c r="GTO665" s="613"/>
      <c r="GTP665" s="613"/>
      <c r="GTQ665" s="613"/>
      <c r="GTR665" s="613"/>
      <c r="GTS665" s="613"/>
      <c r="GTT665" s="613"/>
      <c r="GTU665" s="613"/>
      <c r="GTV665" s="613"/>
      <c r="GTW665" s="613"/>
      <c r="GTX665" s="613"/>
      <c r="GTY665" s="613"/>
      <c r="GTZ665" s="613"/>
      <c r="GUA665" s="613"/>
      <c r="GUB665" s="613"/>
      <c r="GUC665" s="613"/>
      <c r="GUD665" s="613"/>
      <c r="GUE665" s="613"/>
      <c r="GUF665" s="613"/>
      <c r="GUG665" s="613"/>
      <c r="GUH665" s="613"/>
      <c r="GUI665" s="613"/>
      <c r="GUJ665" s="613"/>
      <c r="GUK665" s="613"/>
      <c r="GUL665" s="613"/>
      <c r="GUM665" s="613"/>
      <c r="GUN665" s="613"/>
      <c r="GUO665" s="613"/>
      <c r="GUP665" s="613"/>
      <c r="GUQ665" s="613"/>
      <c r="GUR665" s="613"/>
      <c r="GUS665" s="613"/>
      <c r="GUT665" s="613"/>
      <c r="GUU665" s="613"/>
      <c r="GUV665" s="613"/>
      <c r="GUW665" s="613"/>
      <c r="GUX665" s="613"/>
      <c r="GUY665" s="613"/>
      <c r="GUZ665" s="613"/>
      <c r="GVA665" s="613"/>
      <c r="GVB665" s="613"/>
      <c r="GVC665" s="613"/>
      <c r="GVD665" s="613"/>
      <c r="GVE665" s="613"/>
      <c r="GVF665" s="613"/>
      <c r="GVG665" s="613"/>
      <c r="GVH665" s="613"/>
      <c r="GVI665" s="613"/>
      <c r="GVJ665" s="613"/>
      <c r="GVK665" s="613"/>
      <c r="GVL665" s="613"/>
      <c r="GVM665" s="613"/>
      <c r="GVN665" s="613"/>
      <c r="GVO665" s="613"/>
      <c r="GVP665" s="613"/>
      <c r="GVQ665" s="613"/>
      <c r="GVR665" s="613"/>
      <c r="GVS665" s="613"/>
      <c r="GVT665" s="613"/>
      <c r="GVU665" s="613"/>
      <c r="GVV665" s="613"/>
      <c r="GVW665" s="613"/>
      <c r="GVX665" s="613"/>
      <c r="GVY665" s="613"/>
      <c r="GVZ665" s="613"/>
      <c r="GWA665" s="613"/>
      <c r="GWB665" s="613"/>
      <c r="GWC665" s="613"/>
      <c r="GWD665" s="613"/>
      <c r="GWE665" s="613"/>
      <c r="GWF665" s="613"/>
      <c r="GWG665" s="613"/>
      <c r="GWH665" s="613"/>
      <c r="GWI665" s="613"/>
      <c r="GWJ665" s="613"/>
      <c r="GWK665" s="613"/>
      <c r="GWL665" s="613"/>
      <c r="GWM665" s="613"/>
      <c r="GWN665" s="613"/>
      <c r="GWO665" s="613"/>
      <c r="GWP665" s="613"/>
      <c r="GWQ665" s="613"/>
      <c r="GWR665" s="613"/>
      <c r="GWS665" s="613"/>
      <c r="GWT665" s="613"/>
      <c r="GWU665" s="613"/>
      <c r="GWV665" s="613"/>
      <c r="GWW665" s="613"/>
      <c r="GWX665" s="613"/>
      <c r="GWY665" s="613"/>
      <c r="GWZ665" s="613"/>
      <c r="GXA665" s="613"/>
      <c r="GXB665" s="613"/>
      <c r="GXC665" s="613"/>
      <c r="GXD665" s="613"/>
      <c r="GXE665" s="613"/>
      <c r="GXF665" s="613"/>
      <c r="GXG665" s="613"/>
      <c r="GXH665" s="613"/>
      <c r="GXI665" s="613"/>
      <c r="GXJ665" s="613"/>
      <c r="GXK665" s="613"/>
      <c r="GXL665" s="613"/>
      <c r="GXM665" s="613"/>
      <c r="GXN665" s="613"/>
      <c r="GXO665" s="613"/>
      <c r="GXP665" s="613"/>
      <c r="GXQ665" s="613"/>
      <c r="GXR665" s="613"/>
      <c r="GXS665" s="613"/>
      <c r="GXT665" s="613"/>
      <c r="GXU665" s="613"/>
      <c r="GXV665" s="613"/>
      <c r="GXW665" s="613"/>
      <c r="GXX665" s="613"/>
      <c r="GXY665" s="613"/>
      <c r="GXZ665" s="613"/>
      <c r="GYA665" s="613"/>
      <c r="GYB665" s="613"/>
      <c r="GYC665" s="613"/>
      <c r="GYD665" s="613"/>
      <c r="GYE665" s="613"/>
      <c r="GYF665" s="613"/>
      <c r="GYG665" s="613"/>
      <c r="GYH665" s="613"/>
      <c r="GYI665" s="613"/>
      <c r="GYJ665" s="613"/>
      <c r="GYK665" s="613"/>
      <c r="GYL665" s="613"/>
      <c r="GYM665" s="613"/>
      <c r="GYN665" s="613"/>
      <c r="GYO665" s="613"/>
      <c r="GYP665" s="613"/>
      <c r="GYQ665" s="613"/>
      <c r="GYR665" s="613"/>
      <c r="GYS665" s="613"/>
      <c r="GYT665" s="613"/>
      <c r="GYU665" s="613"/>
      <c r="GYV665" s="613"/>
      <c r="GYW665" s="613"/>
      <c r="GYX665" s="613"/>
      <c r="GYY665" s="613"/>
      <c r="GYZ665" s="613"/>
      <c r="GZA665" s="613"/>
      <c r="GZB665" s="613"/>
      <c r="GZC665" s="613"/>
      <c r="GZD665" s="613"/>
      <c r="GZE665" s="613"/>
      <c r="GZF665" s="613"/>
      <c r="GZG665" s="613"/>
      <c r="GZH665" s="613"/>
      <c r="GZI665" s="613"/>
      <c r="GZJ665" s="613"/>
      <c r="GZK665" s="613"/>
      <c r="GZL665" s="613"/>
      <c r="GZM665" s="613"/>
      <c r="GZN665" s="613"/>
      <c r="GZO665" s="613"/>
      <c r="GZP665" s="613"/>
      <c r="GZQ665" s="613"/>
      <c r="GZR665" s="613"/>
      <c r="GZS665" s="613"/>
      <c r="GZT665" s="613"/>
      <c r="GZU665" s="613"/>
      <c r="GZV665" s="613"/>
      <c r="GZW665" s="613"/>
      <c r="GZX665" s="613"/>
      <c r="GZY665" s="613"/>
      <c r="GZZ665" s="613"/>
      <c r="HAA665" s="613"/>
      <c r="HAB665" s="613"/>
      <c r="HAC665" s="613"/>
      <c r="HAD665" s="613"/>
      <c r="HAE665" s="613"/>
      <c r="HAF665" s="613"/>
      <c r="HAG665" s="613"/>
      <c r="HAH665" s="613"/>
      <c r="HAI665" s="613"/>
      <c r="HAJ665" s="613"/>
      <c r="HAK665" s="613"/>
      <c r="HAL665" s="613"/>
      <c r="HAM665" s="613"/>
      <c r="HAN665" s="613"/>
      <c r="HAO665" s="613"/>
      <c r="HAP665" s="613"/>
      <c r="HAQ665" s="613"/>
      <c r="HAR665" s="613"/>
      <c r="HAS665" s="613"/>
      <c r="HAT665" s="613"/>
      <c r="HAU665" s="613"/>
      <c r="HAV665" s="613"/>
      <c r="HAW665" s="613"/>
      <c r="HAX665" s="613"/>
      <c r="HAY665" s="613"/>
      <c r="HAZ665" s="613"/>
      <c r="HBA665" s="613"/>
      <c r="HBB665" s="613"/>
      <c r="HBC665" s="613"/>
      <c r="HBD665" s="613"/>
      <c r="HBE665" s="613"/>
      <c r="HBF665" s="613"/>
      <c r="HBG665" s="613"/>
      <c r="HBH665" s="613"/>
      <c r="HBI665" s="613"/>
      <c r="HBJ665" s="613"/>
      <c r="HBK665" s="613"/>
      <c r="HBL665" s="613"/>
      <c r="HBM665" s="613"/>
      <c r="HBN665" s="613"/>
      <c r="HBO665" s="613"/>
      <c r="HBP665" s="613"/>
      <c r="HBQ665" s="613"/>
      <c r="HBR665" s="613"/>
      <c r="HBS665" s="613"/>
      <c r="HBT665" s="613"/>
      <c r="HBU665" s="613"/>
      <c r="HBV665" s="613"/>
      <c r="HBW665" s="613"/>
      <c r="HBX665" s="613"/>
      <c r="HBY665" s="613"/>
      <c r="HBZ665" s="613"/>
      <c r="HCA665" s="613"/>
      <c r="HCB665" s="613"/>
      <c r="HCC665" s="613"/>
      <c r="HCD665" s="613"/>
      <c r="HCE665" s="613"/>
      <c r="HCF665" s="613"/>
      <c r="HCG665" s="613"/>
      <c r="HCH665" s="613"/>
      <c r="HCI665" s="613"/>
      <c r="HCJ665" s="613"/>
      <c r="HCK665" s="613"/>
      <c r="HCL665" s="613"/>
      <c r="HCM665" s="613"/>
      <c r="HCN665" s="613"/>
      <c r="HCO665" s="613"/>
      <c r="HCP665" s="613"/>
      <c r="HCQ665" s="613"/>
      <c r="HCR665" s="613"/>
      <c r="HCS665" s="613"/>
      <c r="HCT665" s="613"/>
      <c r="HCU665" s="613"/>
      <c r="HCV665" s="613"/>
      <c r="HCW665" s="613"/>
      <c r="HCX665" s="613"/>
      <c r="HCY665" s="613"/>
      <c r="HCZ665" s="613"/>
      <c r="HDA665" s="613"/>
      <c r="HDB665" s="613"/>
      <c r="HDC665" s="613"/>
      <c r="HDD665" s="613"/>
      <c r="HDE665" s="613"/>
      <c r="HDF665" s="613"/>
      <c r="HDG665" s="613"/>
      <c r="HDH665" s="613"/>
      <c r="HDI665" s="613"/>
      <c r="HDJ665" s="613"/>
      <c r="HDK665" s="613"/>
      <c r="HDL665" s="613"/>
      <c r="HDM665" s="613"/>
      <c r="HDN665" s="613"/>
      <c r="HDO665" s="613"/>
      <c r="HDP665" s="613"/>
      <c r="HDQ665" s="613"/>
      <c r="HDR665" s="613"/>
      <c r="HDS665" s="613"/>
      <c r="HDT665" s="613"/>
      <c r="HDU665" s="613"/>
      <c r="HDV665" s="613"/>
      <c r="HDW665" s="613"/>
      <c r="HDX665" s="613"/>
      <c r="HDY665" s="613"/>
      <c r="HDZ665" s="613"/>
      <c r="HEA665" s="613"/>
      <c r="HEB665" s="613"/>
      <c r="HEC665" s="613"/>
      <c r="HED665" s="613"/>
      <c r="HEE665" s="613"/>
      <c r="HEF665" s="613"/>
      <c r="HEG665" s="613"/>
      <c r="HEH665" s="613"/>
      <c r="HEI665" s="613"/>
      <c r="HEJ665" s="613"/>
      <c r="HEK665" s="613"/>
      <c r="HEL665" s="613"/>
      <c r="HEM665" s="613"/>
      <c r="HEN665" s="613"/>
      <c r="HEO665" s="613"/>
      <c r="HEP665" s="613"/>
      <c r="HEQ665" s="613"/>
      <c r="HER665" s="613"/>
      <c r="HES665" s="613"/>
      <c r="HET665" s="613"/>
      <c r="HEU665" s="613"/>
      <c r="HEV665" s="613"/>
      <c r="HEW665" s="613"/>
      <c r="HEX665" s="613"/>
      <c r="HEY665" s="613"/>
      <c r="HEZ665" s="613"/>
      <c r="HFA665" s="613"/>
      <c r="HFB665" s="613"/>
      <c r="HFC665" s="613"/>
      <c r="HFD665" s="613"/>
      <c r="HFE665" s="613"/>
      <c r="HFF665" s="613"/>
      <c r="HFG665" s="613"/>
      <c r="HFH665" s="613"/>
      <c r="HFI665" s="613"/>
      <c r="HFJ665" s="613"/>
      <c r="HFK665" s="613"/>
      <c r="HFL665" s="613"/>
      <c r="HFM665" s="613"/>
      <c r="HFN665" s="613"/>
      <c r="HFO665" s="613"/>
      <c r="HFP665" s="613"/>
      <c r="HFQ665" s="613"/>
      <c r="HFR665" s="613"/>
      <c r="HFS665" s="613"/>
      <c r="HFT665" s="613"/>
      <c r="HFU665" s="613"/>
      <c r="HFV665" s="613"/>
      <c r="HFW665" s="613"/>
      <c r="HFX665" s="613"/>
      <c r="HFY665" s="613"/>
      <c r="HFZ665" s="613"/>
      <c r="HGA665" s="613"/>
      <c r="HGB665" s="613"/>
      <c r="HGC665" s="613"/>
      <c r="HGD665" s="613"/>
      <c r="HGE665" s="613"/>
      <c r="HGF665" s="613"/>
      <c r="HGG665" s="613"/>
      <c r="HGH665" s="613"/>
      <c r="HGI665" s="613"/>
      <c r="HGJ665" s="613"/>
      <c r="HGK665" s="613"/>
      <c r="HGL665" s="613"/>
      <c r="HGM665" s="613"/>
      <c r="HGN665" s="613"/>
      <c r="HGO665" s="613"/>
      <c r="HGP665" s="613"/>
      <c r="HGQ665" s="613"/>
      <c r="HGR665" s="613"/>
      <c r="HGS665" s="613"/>
      <c r="HGT665" s="613"/>
      <c r="HGU665" s="613"/>
      <c r="HGV665" s="613"/>
      <c r="HGW665" s="613"/>
      <c r="HGX665" s="613"/>
      <c r="HGY665" s="613"/>
      <c r="HGZ665" s="613"/>
      <c r="HHA665" s="613"/>
      <c r="HHB665" s="613"/>
      <c r="HHC665" s="613"/>
      <c r="HHD665" s="613"/>
      <c r="HHE665" s="613"/>
      <c r="HHF665" s="613"/>
      <c r="HHG665" s="613"/>
      <c r="HHH665" s="613"/>
      <c r="HHI665" s="613"/>
      <c r="HHJ665" s="613"/>
      <c r="HHK665" s="613"/>
      <c r="HHL665" s="613"/>
      <c r="HHM665" s="613"/>
      <c r="HHN665" s="613"/>
      <c r="HHO665" s="613"/>
      <c r="HHP665" s="613"/>
      <c r="HHQ665" s="613"/>
      <c r="HHR665" s="613"/>
      <c r="HHS665" s="613"/>
      <c r="HHT665" s="613"/>
      <c r="HHU665" s="613"/>
      <c r="HHV665" s="613"/>
      <c r="HHW665" s="613"/>
      <c r="HHX665" s="613"/>
      <c r="HHY665" s="613"/>
      <c r="HHZ665" s="613"/>
      <c r="HIA665" s="613"/>
      <c r="HIB665" s="613"/>
      <c r="HIC665" s="613"/>
      <c r="HID665" s="613"/>
      <c r="HIE665" s="613"/>
      <c r="HIF665" s="613"/>
      <c r="HIG665" s="613"/>
      <c r="HIH665" s="613"/>
      <c r="HII665" s="613"/>
      <c r="HIJ665" s="613"/>
      <c r="HIK665" s="613"/>
      <c r="HIL665" s="613"/>
      <c r="HIM665" s="613"/>
      <c r="HIN665" s="613"/>
      <c r="HIO665" s="613"/>
      <c r="HIP665" s="613"/>
      <c r="HIQ665" s="613"/>
      <c r="HIR665" s="613"/>
      <c r="HIS665" s="613"/>
      <c r="HIT665" s="613"/>
      <c r="HIU665" s="613"/>
      <c r="HIV665" s="613"/>
      <c r="HIW665" s="613"/>
      <c r="HIX665" s="613"/>
      <c r="HIY665" s="613"/>
      <c r="HIZ665" s="613"/>
      <c r="HJA665" s="613"/>
      <c r="HJB665" s="613"/>
      <c r="HJC665" s="613"/>
      <c r="HJD665" s="613"/>
      <c r="HJE665" s="613"/>
      <c r="HJF665" s="613"/>
      <c r="HJG665" s="613"/>
      <c r="HJH665" s="613"/>
      <c r="HJI665" s="613"/>
      <c r="HJJ665" s="613"/>
      <c r="HJK665" s="613"/>
      <c r="HJL665" s="613"/>
      <c r="HJM665" s="613"/>
      <c r="HJN665" s="613"/>
      <c r="HJO665" s="613"/>
      <c r="HJP665" s="613"/>
      <c r="HJQ665" s="613"/>
      <c r="HJR665" s="613"/>
      <c r="HJS665" s="613"/>
      <c r="HJT665" s="613"/>
      <c r="HJU665" s="613"/>
      <c r="HJV665" s="613"/>
      <c r="HJW665" s="613"/>
      <c r="HJX665" s="613"/>
      <c r="HJY665" s="613"/>
      <c r="HJZ665" s="613"/>
      <c r="HKA665" s="613"/>
      <c r="HKB665" s="613"/>
      <c r="HKC665" s="613"/>
      <c r="HKD665" s="613"/>
      <c r="HKE665" s="613"/>
      <c r="HKF665" s="613"/>
      <c r="HKG665" s="613"/>
      <c r="HKH665" s="613"/>
      <c r="HKI665" s="613"/>
      <c r="HKJ665" s="613"/>
      <c r="HKK665" s="613"/>
      <c r="HKL665" s="613"/>
      <c r="HKM665" s="613"/>
      <c r="HKN665" s="613"/>
      <c r="HKO665" s="613"/>
      <c r="HKP665" s="613"/>
      <c r="HKQ665" s="613"/>
      <c r="HKR665" s="613"/>
      <c r="HKS665" s="613"/>
      <c r="HKT665" s="613"/>
      <c r="HKU665" s="613"/>
      <c r="HKV665" s="613"/>
      <c r="HKW665" s="613"/>
      <c r="HKX665" s="613"/>
      <c r="HKY665" s="613"/>
      <c r="HKZ665" s="613"/>
      <c r="HLA665" s="613"/>
      <c r="HLB665" s="613"/>
      <c r="HLC665" s="613"/>
      <c r="HLD665" s="613"/>
      <c r="HLE665" s="613"/>
      <c r="HLF665" s="613"/>
      <c r="HLG665" s="613"/>
      <c r="HLH665" s="613"/>
      <c r="HLI665" s="613"/>
      <c r="HLJ665" s="613"/>
      <c r="HLK665" s="613"/>
      <c r="HLL665" s="613"/>
      <c r="HLM665" s="613"/>
      <c r="HLN665" s="613"/>
      <c r="HLO665" s="613"/>
      <c r="HLP665" s="613"/>
      <c r="HLQ665" s="613"/>
      <c r="HLR665" s="613"/>
      <c r="HLS665" s="613"/>
      <c r="HLT665" s="613"/>
      <c r="HLU665" s="613"/>
      <c r="HLV665" s="613"/>
      <c r="HLW665" s="613"/>
      <c r="HLX665" s="613"/>
      <c r="HLY665" s="613"/>
      <c r="HLZ665" s="613"/>
      <c r="HMA665" s="613"/>
      <c r="HMB665" s="613"/>
      <c r="HMC665" s="613"/>
      <c r="HMD665" s="613"/>
      <c r="HME665" s="613"/>
      <c r="HMF665" s="613"/>
      <c r="HMG665" s="613"/>
      <c r="HMH665" s="613"/>
      <c r="HMI665" s="613"/>
      <c r="HMJ665" s="613"/>
      <c r="HMK665" s="613"/>
      <c r="HML665" s="613"/>
      <c r="HMM665" s="613"/>
      <c r="HMN665" s="613"/>
      <c r="HMO665" s="613"/>
      <c r="HMP665" s="613"/>
      <c r="HMQ665" s="613"/>
      <c r="HMR665" s="613"/>
      <c r="HMS665" s="613"/>
      <c r="HMT665" s="613"/>
      <c r="HMU665" s="613"/>
      <c r="HMV665" s="613"/>
      <c r="HMW665" s="613"/>
      <c r="HMX665" s="613"/>
      <c r="HMY665" s="613"/>
      <c r="HMZ665" s="613"/>
      <c r="HNA665" s="613"/>
      <c r="HNB665" s="613"/>
      <c r="HNC665" s="613"/>
      <c r="HND665" s="613"/>
      <c r="HNE665" s="613"/>
      <c r="HNF665" s="613"/>
      <c r="HNG665" s="613"/>
      <c r="HNH665" s="613"/>
      <c r="HNI665" s="613"/>
      <c r="HNJ665" s="613"/>
      <c r="HNK665" s="613"/>
      <c r="HNL665" s="613"/>
      <c r="HNM665" s="613"/>
      <c r="HNN665" s="613"/>
      <c r="HNO665" s="613"/>
      <c r="HNP665" s="613"/>
      <c r="HNQ665" s="613"/>
      <c r="HNR665" s="613"/>
      <c r="HNS665" s="613"/>
      <c r="HNT665" s="613"/>
      <c r="HNU665" s="613"/>
      <c r="HNV665" s="613"/>
      <c r="HNW665" s="613"/>
      <c r="HNX665" s="613"/>
      <c r="HNY665" s="613"/>
      <c r="HNZ665" s="613"/>
      <c r="HOA665" s="613"/>
      <c r="HOB665" s="613"/>
      <c r="HOC665" s="613"/>
      <c r="HOD665" s="613"/>
      <c r="HOE665" s="613"/>
      <c r="HOF665" s="613"/>
      <c r="HOG665" s="613"/>
      <c r="HOH665" s="613"/>
      <c r="HOI665" s="613"/>
      <c r="HOJ665" s="613"/>
      <c r="HOK665" s="613"/>
      <c r="HOL665" s="613"/>
      <c r="HOM665" s="613"/>
      <c r="HON665" s="613"/>
      <c r="HOO665" s="613"/>
      <c r="HOP665" s="613"/>
      <c r="HOQ665" s="613"/>
      <c r="HOR665" s="613"/>
      <c r="HOS665" s="613"/>
      <c r="HOT665" s="613"/>
      <c r="HOU665" s="613"/>
      <c r="HOV665" s="613"/>
      <c r="HOW665" s="613"/>
      <c r="HOX665" s="613"/>
      <c r="HOY665" s="613"/>
      <c r="HOZ665" s="613"/>
      <c r="HPA665" s="613"/>
      <c r="HPB665" s="613"/>
      <c r="HPC665" s="613"/>
      <c r="HPD665" s="613"/>
      <c r="HPE665" s="613"/>
      <c r="HPF665" s="613"/>
      <c r="HPG665" s="613"/>
      <c r="HPH665" s="613"/>
      <c r="HPI665" s="613"/>
      <c r="HPJ665" s="613"/>
      <c r="HPK665" s="613"/>
      <c r="HPL665" s="613"/>
      <c r="HPM665" s="613"/>
      <c r="HPN665" s="613"/>
      <c r="HPO665" s="613"/>
      <c r="HPP665" s="613"/>
      <c r="HPQ665" s="613"/>
      <c r="HPR665" s="613"/>
      <c r="HPS665" s="613"/>
      <c r="HPT665" s="613"/>
      <c r="HPU665" s="613"/>
      <c r="HPV665" s="613"/>
      <c r="HPW665" s="613"/>
      <c r="HPX665" s="613"/>
      <c r="HPY665" s="613"/>
      <c r="HPZ665" s="613"/>
      <c r="HQA665" s="613"/>
      <c r="HQB665" s="613"/>
      <c r="HQC665" s="613"/>
      <c r="HQD665" s="613"/>
      <c r="HQE665" s="613"/>
      <c r="HQF665" s="613"/>
      <c r="HQG665" s="613"/>
      <c r="HQH665" s="613"/>
      <c r="HQI665" s="613"/>
      <c r="HQJ665" s="613"/>
      <c r="HQK665" s="613"/>
      <c r="HQL665" s="613"/>
      <c r="HQM665" s="613"/>
      <c r="HQN665" s="613"/>
      <c r="HQO665" s="613"/>
      <c r="HQP665" s="613"/>
      <c r="HQQ665" s="613"/>
      <c r="HQR665" s="613"/>
      <c r="HQS665" s="613"/>
      <c r="HQT665" s="613"/>
      <c r="HQU665" s="613"/>
      <c r="HQV665" s="613"/>
      <c r="HQW665" s="613"/>
      <c r="HQX665" s="613"/>
      <c r="HQY665" s="613"/>
      <c r="HQZ665" s="613"/>
      <c r="HRA665" s="613"/>
      <c r="HRB665" s="613"/>
      <c r="HRC665" s="613"/>
      <c r="HRD665" s="613"/>
      <c r="HRE665" s="613"/>
      <c r="HRF665" s="613"/>
      <c r="HRG665" s="613"/>
      <c r="HRH665" s="613"/>
      <c r="HRI665" s="613"/>
      <c r="HRJ665" s="613"/>
      <c r="HRK665" s="613"/>
      <c r="HRL665" s="613"/>
      <c r="HRM665" s="613"/>
      <c r="HRN665" s="613"/>
      <c r="HRO665" s="613"/>
      <c r="HRP665" s="613"/>
      <c r="HRQ665" s="613"/>
      <c r="HRR665" s="613"/>
      <c r="HRS665" s="613"/>
      <c r="HRT665" s="613"/>
      <c r="HRU665" s="613"/>
      <c r="HRV665" s="613"/>
      <c r="HRW665" s="613"/>
      <c r="HRX665" s="613"/>
      <c r="HRY665" s="613"/>
      <c r="HRZ665" s="613"/>
      <c r="HSA665" s="613"/>
      <c r="HSB665" s="613"/>
      <c r="HSC665" s="613"/>
      <c r="HSD665" s="613"/>
      <c r="HSE665" s="613"/>
      <c r="HSF665" s="613"/>
      <c r="HSG665" s="613"/>
      <c r="HSH665" s="613"/>
      <c r="HSI665" s="613"/>
      <c r="HSJ665" s="613"/>
      <c r="HSK665" s="613"/>
      <c r="HSL665" s="613"/>
      <c r="HSM665" s="613"/>
      <c r="HSN665" s="613"/>
      <c r="HSO665" s="613"/>
      <c r="HSP665" s="613"/>
      <c r="HSQ665" s="613"/>
      <c r="HSR665" s="613"/>
      <c r="HSS665" s="613"/>
      <c r="HST665" s="613"/>
      <c r="HSU665" s="613"/>
      <c r="HSV665" s="613"/>
      <c r="HSW665" s="613"/>
      <c r="HSX665" s="613"/>
      <c r="HSY665" s="613"/>
      <c r="HSZ665" s="613"/>
      <c r="HTA665" s="613"/>
      <c r="HTB665" s="613"/>
      <c r="HTC665" s="613"/>
      <c r="HTD665" s="613"/>
      <c r="HTE665" s="613"/>
      <c r="HTF665" s="613"/>
      <c r="HTG665" s="613"/>
      <c r="HTH665" s="613"/>
      <c r="HTI665" s="613"/>
      <c r="HTJ665" s="613"/>
      <c r="HTK665" s="613"/>
      <c r="HTL665" s="613"/>
      <c r="HTM665" s="613"/>
      <c r="HTN665" s="613"/>
      <c r="HTO665" s="613"/>
      <c r="HTP665" s="613"/>
      <c r="HTQ665" s="613"/>
      <c r="HTR665" s="613"/>
      <c r="HTS665" s="613"/>
      <c r="HTT665" s="613"/>
      <c r="HTU665" s="613"/>
      <c r="HTV665" s="613"/>
      <c r="HTW665" s="613"/>
      <c r="HTX665" s="613"/>
      <c r="HTY665" s="613"/>
      <c r="HTZ665" s="613"/>
      <c r="HUA665" s="613"/>
      <c r="HUB665" s="613"/>
      <c r="HUC665" s="613"/>
      <c r="HUD665" s="613"/>
      <c r="HUE665" s="613"/>
      <c r="HUF665" s="613"/>
      <c r="HUG665" s="613"/>
      <c r="HUH665" s="613"/>
      <c r="HUI665" s="613"/>
      <c r="HUJ665" s="613"/>
      <c r="HUK665" s="613"/>
      <c r="HUL665" s="613"/>
      <c r="HUM665" s="613"/>
      <c r="HUN665" s="613"/>
      <c r="HUO665" s="613"/>
      <c r="HUP665" s="613"/>
      <c r="HUQ665" s="613"/>
      <c r="HUR665" s="613"/>
      <c r="HUS665" s="613"/>
      <c r="HUT665" s="613"/>
      <c r="HUU665" s="613"/>
      <c r="HUV665" s="613"/>
      <c r="HUW665" s="613"/>
      <c r="HUX665" s="613"/>
      <c r="HUY665" s="613"/>
      <c r="HUZ665" s="613"/>
      <c r="HVA665" s="613"/>
      <c r="HVB665" s="613"/>
      <c r="HVC665" s="613"/>
      <c r="HVD665" s="613"/>
      <c r="HVE665" s="613"/>
      <c r="HVF665" s="613"/>
      <c r="HVG665" s="613"/>
      <c r="HVH665" s="613"/>
      <c r="HVI665" s="613"/>
      <c r="HVJ665" s="613"/>
      <c r="HVK665" s="613"/>
      <c r="HVL665" s="613"/>
      <c r="HVM665" s="613"/>
      <c r="HVN665" s="613"/>
      <c r="HVO665" s="613"/>
      <c r="HVP665" s="613"/>
      <c r="HVQ665" s="613"/>
      <c r="HVR665" s="613"/>
      <c r="HVS665" s="613"/>
      <c r="HVT665" s="613"/>
      <c r="HVU665" s="613"/>
      <c r="HVV665" s="613"/>
      <c r="HVW665" s="613"/>
      <c r="HVX665" s="613"/>
      <c r="HVY665" s="613"/>
      <c r="HVZ665" s="613"/>
      <c r="HWA665" s="613"/>
      <c r="HWB665" s="613"/>
      <c r="HWC665" s="613"/>
      <c r="HWD665" s="613"/>
      <c r="HWE665" s="613"/>
      <c r="HWF665" s="613"/>
      <c r="HWG665" s="613"/>
      <c r="HWH665" s="613"/>
      <c r="HWI665" s="613"/>
      <c r="HWJ665" s="613"/>
      <c r="HWK665" s="613"/>
      <c r="HWL665" s="613"/>
      <c r="HWM665" s="613"/>
      <c r="HWN665" s="613"/>
      <c r="HWO665" s="613"/>
      <c r="HWP665" s="613"/>
      <c r="HWQ665" s="613"/>
      <c r="HWR665" s="613"/>
      <c r="HWS665" s="613"/>
      <c r="HWT665" s="613"/>
      <c r="HWU665" s="613"/>
      <c r="HWV665" s="613"/>
      <c r="HWW665" s="613"/>
      <c r="HWX665" s="613"/>
      <c r="HWY665" s="613"/>
      <c r="HWZ665" s="613"/>
      <c r="HXA665" s="613"/>
      <c r="HXB665" s="613"/>
      <c r="HXC665" s="613"/>
      <c r="HXD665" s="613"/>
      <c r="HXE665" s="613"/>
      <c r="HXF665" s="613"/>
      <c r="HXG665" s="613"/>
      <c r="HXH665" s="613"/>
      <c r="HXI665" s="613"/>
      <c r="HXJ665" s="613"/>
      <c r="HXK665" s="613"/>
      <c r="HXL665" s="613"/>
      <c r="HXM665" s="613"/>
      <c r="HXN665" s="613"/>
      <c r="HXO665" s="613"/>
      <c r="HXP665" s="613"/>
      <c r="HXQ665" s="613"/>
      <c r="HXR665" s="613"/>
      <c r="HXS665" s="613"/>
      <c r="HXT665" s="613"/>
      <c r="HXU665" s="613"/>
      <c r="HXV665" s="613"/>
      <c r="HXW665" s="613"/>
      <c r="HXX665" s="613"/>
      <c r="HXY665" s="613"/>
      <c r="HXZ665" s="613"/>
      <c r="HYA665" s="613"/>
      <c r="HYB665" s="613"/>
      <c r="HYC665" s="613"/>
      <c r="HYD665" s="613"/>
      <c r="HYE665" s="613"/>
      <c r="HYF665" s="613"/>
      <c r="HYG665" s="613"/>
      <c r="HYH665" s="613"/>
      <c r="HYI665" s="613"/>
      <c r="HYJ665" s="613"/>
      <c r="HYK665" s="613"/>
      <c r="HYL665" s="613"/>
      <c r="HYM665" s="613"/>
      <c r="HYN665" s="613"/>
      <c r="HYO665" s="613"/>
      <c r="HYP665" s="613"/>
      <c r="HYQ665" s="613"/>
      <c r="HYR665" s="613"/>
      <c r="HYS665" s="613"/>
      <c r="HYT665" s="613"/>
      <c r="HYU665" s="613"/>
      <c r="HYV665" s="613"/>
      <c r="HYW665" s="613"/>
      <c r="HYX665" s="613"/>
      <c r="HYY665" s="613"/>
      <c r="HYZ665" s="613"/>
      <c r="HZA665" s="613"/>
      <c r="HZB665" s="613"/>
      <c r="HZC665" s="613"/>
      <c r="HZD665" s="613"/>
      <c r="HZE665" s="613"/>
      <c r="HZF665" s="613"/>
      <c r="HZG665" s="613"/>
      <c r="HZH665" s="613"/>
      <c r="HZI665" s="613"/>
      <c r="HZJ665" s="613"/>
      <c r="HZK665" s="613"/>
      <c r="HZL665" s="613"/>
      <c r="HZM665" s="613"/>
      <c r="HZN665" s="613"/>
      <c r="HZO665" s="613"/>
      <c r="HZP665" s="613"/>
      <c r="HZQ665" s="613"/>
      <c r="HZR665" s="613"/>
      <c r="HZS665" s="613"/>
      <c r="HZT665" s="613"/>
      <c r="HZU665" s="613"/>
      <c r="HZV665" s="613"/>
      <c r="HZW665" s="613"/>
      <c r="HZX665" s="613"/>
      <c r="HZY665" s="613"/>
      <c r="HZZ665" s="613"/>
      <c r="IAA665" s="613"/>
      <c r="IAB665" s="613"/>
      <c r="IAC665" s="613"/>
      <c r="IAD665" s="613"/>
      <c r="IAE665" s="613"/>
      <c r="IAF665" s="613"/>
      <c r="IAG665" s="613"/>
      <c r="IAH665" s="613"/>
      <c r="IAI665" s="613"/>
      <c r="IAJ665" s="613"/>
      <c r="IAK665" s="613"/>
      <c r="IAL665" s="613"/>
      <c r="IAM665" s="613"/>
      <c r="IAN665" s="613"/>
      <c r="IAO665" s="613"/>
      <c r="IAP665" s="613"/>
      <c r="IAQ665" s="613"/>
      <c r="IAR665" s="613"/>
      <c r="IAS665" s="613"/>
      <c r="IAT665" s="613"/>
      <c r="IAU665" s="613"/>
      <c r="IAV665" s="613"/>
      <c r="IAW665" s="613"/>
      <c r="IAX665" s="613"/>
      <c r="IAY665" s="613"/>
      <c r="IAZ665" s="613"/>
      <c r="IBA665" s="613"/>
      <c r="IBB665" s="613"/>
      <c r="IBC665" s="613"/>
      <c r="IBD665" s="613"/>
      <c r="IBE665" s="613"/>
      <c r="IBF665" s="613"/>
      <c r="IBG665" s="613"/>
      <c r="IBH665" s="613"/>
      <c r="IBI665" s="613"/>
      <c r="IBJ665" s="613"/>
      <c r="IBK665" s="613"/>
      <c r="IBL665" s="613"/>
      <c r="IBM665" s="613"/>
      <c r="IBN665" s="613"/>
      <c r="IBO665" s="613"/>
      <c r="IBP665" s="613"/>
      <c r="IBQ665" s="613"/>
      <c r="IBR665" s="613"/>
      <c r="IBS665" s="613"/>
      <c r="IBT665" s="613"/>
      <c r="IBU665" s="613"/>
      <c r="IBV665" s="613"/>
      <c r="IBW665" s="613"/>
      <c r="IBX665" s="613"/>
      <c r="IBY665" s="613"/>
      <c r="IBZ665" s="613"/>
      <c r="ICA665" s="613"/>
      <c r="ICB665" s="613"/>
      <c r="ICC665" s="613"/>
      <c r="ICD665" s="613"/>
      <c r="ICE665" s="613"/>
      <c r="ICF665" s="613"/>
      <c r="ICG665" s="613"/>
      <c r="ICH665" s="613"/>
      <c r="ICI665" s="613"/>
      <c r="ICJ665" s="613"/>
      <c r="ICK665" s="613"/>
      <c r="ICL665" s="613"/>
      <c r="ICM665" s="613"/>
      <c r="ICN665" s="613"/>
      <c r="ICO665" s="613"/>
      <c r="ICP665" s="613"/>
      <c r="ICQ665" s="613"/>
      <c r="ICR665" s="613"/>
      <c r="ICS665" s="613"/>
      <c r="ICT665" s="613"/>
      <c r="ICU665" s="613"/>
      <c r="ICV665" s="613"/>
      <c r="ICW665" s="613"/>
      <c r="ICX665" s="613"/>
      <c r="ICY665" s="613"/>
      <c r="ICZ665" s="613"/>
      <c r="IDA665" s="613"/>
      <c r="IDB665" s="613"/>
      <c r="IDC665" s="613"/>
      <c r="IDD665" s="613"/>
      <c r="IDE665" s="613"/>
      <c r="IDF665" s="613"/>
      <c r="IDG665" s="613"/>
      <c r="IDH665" s="613"/>
      <c r="IDI665" s="613"/>
      <c r="IDJ665" s="613"/>
      <c r="IDK665" s="613"/>
      <c r="IDL665" s="613"/>
      <c r="IDM665" s="613"/>
      <c r="IDN665" s="613"/>
      <c r="IDO665" s="613"/>
      <c r="IDP665" s="613"/>
      <c r="IDQ665" s="613"/>
      <c r="IDR665" s="613"/>
      <c r="IDS665" s="613"/>
      <c r="IDT665" s="613"/>
      <c r="IDU665" s="613"/>
      <c r="IDV665" s="613"/>
      <c r="IDW665" s="613"/>
      <c r="IDX665" s="613"/>
      <c r="IDY665" s="613"/>
      <c r="IDZ665" s="613"/>
      <c r="IEA665" s="613"/>
      <c r="IEB665" s="613"/>
      <c r="IEC665" s="613"/>
      <c r="IED665" s="613"/>
      <c r="IEE665" s="613"/>
      <c r="IEF665" s="613"/>
      <c r="IEG665" s="613"/>
      <c r="IEH665" s="613"/>
      <c r="IEI665" s="613"/>
      <c r="IEJ665" s="613"/>
      <c r="IEK665" s="613"/>
      <c r="IEL665" s="613"/>
      <c r="IEM665" s="613"/>
      <c r="IEN665" s="613"/>
      <c r="IEO665" s="613"/>
      <c r="IEP665" s="613"/>
      <c r="IEQ665" s="613"/>
      <c r="IER665" s="613"/>
      <c r="IES665" s="613"/>
      <c r="IET665" s="613"/>
      <c r="IEU665" s="613"/>
      <c r="IEV665" s="613"/>
      <c r="IEW665" s="613"/>
      <c r="IEX665" s="613"/>
      <c r="IEY665" s="613"/>
      <c r="IEZ665" s="613"/>
      <c r="IFA665" s="613"/>
      <c r="IFB665" s="613"/>
      <c r="IFC665" s="613"/>
      <c r="IFD665" s="613"/>
      <c r="IFE665" s="613"/>
      <c r="IFF665" s="613"/>
      <c r="IFG665" s="613"/>
      <c r="IFH665" s="613"/>
      <c r="IFI665" s="613"/>
      <c r="IFJ665" s="613"/>
      <c r="IFK665" s="613"/>
      <c r="IFL665" s="613"/>
      <c r="IFM665" s="613"/>
      <c r="IFN665" s="613"/>
      <c r="IFO665" s="613"/>
      <c r="IFP665" s="613"/>
      <c r="IFQ665" s="613"/>
      <c r="IFR665" s="613"/>
      <c r="IFS665" s="613"/>
      <c r="IFT665" s="613"/>
      <c r="IFU665" s="613"/>
      <c r="IFV665" s="613"/>
      <c r="IFW665" s="613"/>
      <c r="IFX665" s="613"/>
      <c r="IFY665" s="613"/>
      <c r="IFZ665" s="613"/>
      <c r="IGA665" s="613"/>
      <c r="IGB665" s="613"/>
      <c r="IGC665" s="613"/>
      <c r="IGD665" s="613"/>
      <c r="IGE665" s="613"/>
      <c r="IGF665" s="613"/>
      <c r="IGG665" s="613"/>
      <c r="IGH665" s="613"/>
      <c r="IGI665" s="613"/>
      <c r="IGJ665" s="613"/>
      <c r="IGK665" s="613"/>
      <c r="IGL665" s="613"/>
      <c r="IGM665" s="613"/>
      <c r="IGN665" s="613"/>
      <c r="IGO665" s="613"/>
      <c r="IGP665" s="613"/>
      <c r="IGQ665" s="613"/>
      <c r="IGR665" s="613"/>
      <c r="IGS665" s="613"/>
      <c r="IGT665" s="613"/>
      <c r="IGU665" s="613"/>
      <c r="IGV665" s="613"/>
      <c r="IGW665" s="613"/>
      <c r="IGX665" s="613"/>
      <c r="IGY665" s="613"/>
      <c r="IGZ665" s="613"/>
      <c r="IHA665" s="613"/>
      <c r="IHB665" s="613"/>
      <c r="IHC665" s="613"/>
      <c r="IHD665" s="613"/>
      <c r="IHE665" s="613"/>
      <c r="IHF665" s="613"/>
      <c r="IHG665" s="613"/>
      <c r="IHH665" s="613"/>
      <c r="IHI665" s="613"/>
      <c r="IHJ665" s="613"/>
      <c r="IHK665" s="613"/>
      <c r="IHL665" s="613"/>
      <c r="IHM665" s="613"/>
      <c r="IHN665" s="613"/>
      <c r="IHO665" s="613"/>
      <c r="IHP665" s="613"/>
      <c r="IHQ665" s="613"/>
      <c r="IHR665" s="613"/>
      <c r="IHS665" s="613"/>
      <c r="IHT665" s="613"/>
      <c r="IHU665" s="613"/>
      <c r="IHV665" s="613"/>
      <c r="IHW665" s="613"/>
      <c r="IHX665" s="613"/>
      <c r="IHY665" s="613"/>
      <c r="IHZ665" s="613"/>
      <c r="IIA665" s="613"/>
      <c r="IIB665" s="613"/>
      <c r="IIC665" s="613"/>
      <c r="IID665" s="613"/>
      <c r="IIE665" s="613"/>
      <c r="IIF665" s="613"/>
      <c r="IIG665" s="613"/>
      <c r="IIH665" s="613"/>
      <c r="III665" s="613"/>
      <c r="IIJ665" s="613"/>
      <c r="IIK665" s="613"/>
      <c r="IIL665" s="613"/>
      <c r="IIM665" s="613"/>
      <c r="IIN665" s="613"/>
      <c r="IIO665" s="613"/>
      <c r="IIP665" s="613"/>
      <c r="IIQ665" s="613"/>
      <c r="IIR665" s="613"/>
      <c r="IIS665" s="613"/>
      <c r="IIT665" s="613"/>
      <c r="IIU665" s="613"/>
      <c r="IIV665" s="613"/>
      <c r="IIW665" s="613"/>
      <c r="IIX665" s="613"/>
      <c r="IIY665" s="613"/>
      <c r="IIZ665" s="613"/>
      <c r="IJA665" s="613"/>
      <c r="IJB665" s="613"/>
      <c r="IJC665" s="613"/>
      <c r="IJD665" s="613"/>
      <c r="IJE665" s="613"/>
      <c r="IJF665" s="613"/>
      <c r="IJG665" s="613"/>
      <c r="IJH665" s="613"/>
      <c r="IJI665" s="613"/>
      <c r="IJJ665" s="613"/>
      <c r="IJK665" s="613"/>
      <c r="IJL665" s="613"/>
      <c r="IJM665" s="613"/>
      <c r="IJN665" s="613"/>
      <c r="IJO665" s="613"/>
      <c r="IJP665" s="613"/>
      <c r="IJQ665" s="613"/>
      <c r="IJR665" s="613"/>
      <c r="IJS665" s="613"/>
      <c r="IJT665" s="613"/>
      <c r="IJU665" s="613"/>
      <c r="IJV665" s="613"/>
      <c r="IJW665" s="613"/>
      <c r="IJX665" s="613"/>
      <c r="IJY665" s="613"/>
      <c r="IJZ665" s="613"/>
      <c r="IKA665" s="613"/>
      <c r="IKB665" s="613"/>
      <c r="IKC665" s="613"/>
      <c r="IKD665" s="613"/>
      <c r="IKE665" s="613"/>
      <c r="IKF665" s="613"/>
      <c r="IKG665" s="613"/>
      <c r="IKH665" s="613"/>
      <c r="IKI665" s="613"/>
      <c r="IKJ665" s="613"/>
      <c r="IKK665" s="613"/>
      <c r="IKL665" s="613"/>
      <c r="IKM665" s="613"/>
      <c r="IKN665" s="613"/>
      <c r="IKO665" s="613"/>
      <c r="IKP665" s="613"/>
      <c r="IKQ665" s="613"/>
      <c r="IKR665" s="613"/>
      <c r="IKS665" s="613"/>
      <c r="IKT665" s="613"/>
      <c r="IKU665" s="613"/>
      <c r="IKV665" s="613"/>
      <c r="IKW665" s="613"/>
      <c r="IKX665" s="613"/>
      <c r="IKY665" s="613"/>
      <c r="IKZ665" s="613"/>
      <c r="ILA665" s="613"/>
      <c r="ILB665" s="613"/>
      <c r="ILC665" s="613"/>
      <c r="ILD665" s="613"/>
      <c r="ILE665" s="613"/>
      <c r="ILF665" s="613"/>
      <c r="ILG665" s="613"/>
      <c r="ILH665" s="613"/>
      <c r="ILI665" s="613"/>
      <c r="ILJ665" s="613"/>
      <c r="ILK665" s="613"/>
      <c r="ILL665" s="613"/>
      <c r="ILM665" s="613"/>
      <c r="ILN665" s="613"/>
      <c r="ILO665" s="613"/>
      <c r="ILP665" s="613"/>
      <c r="ILQ665" s="613"/>
      <c r="ILR665" s="613"/>
      <c r="ILS665" s="613"/>
      <c r="ILT665" s="613"/>
      <c r="ILU665" s="613"/>
      <c r="ILV665" s="613"/>
      <c r="ILW665" s="613"/>
      <c r="ILX665" s="613"/>
      <c r="ILY665" s="613"/>
      <c r="ILZ665" s="613"/>
      <c r="IMA665" s="613"/>
      <c r="IMB665" s="613"/>
      <c r="IMC665" s="613"/>
      <c r="IMD665" s="613"/>
      <c r="IME665" s="613"/>
      <c r="IMF665" s="613"/>
      <c r="IMG665" s="613"/>
      <c r="IMH665" s="613"/>
      <c r="IMI665" s="613"/>
      <c r="IMJ665" s="613"/>
      <c r="IMK665" s="613"/>
      <c r="IML665" s="613"/>
      <c r="IMM665" s="613"/>
      <c r="IMN665" s="613"/>
      <c r="IMO665" s="613"/>
      <c r="IMP665" s="613"/>
      <c r="IMQ665" s="613"/>
      <c r="IMR665" s="613"/>
      <c r="IMS665" s="613"/>
      <c r="IMT665" s="613"/>
      <c r="IMU665" s="613"/>
      <c r="IMV665" s="613"/>
      <c r="IMW665" s="613"/>
      <c r="IMX665" s="613"/>
      <c r="IMY665" s="613"/>
      <c r="IMZ665" s="613"/>
      <c r="INA665" s="613"/>
      <c r="INB665" s="613"/>
      <c r="INC665" s="613"/>
      <c r="IND665" s="613"/>
      <c r="INE665" s="613"/>
      <c r="INF665" s="613"/>
      <c r="ING665" s="613"/>
      <c r="INH665" s="613"/>
      <c r="INI665" s="613"/>
      <c r="INJ665" s="613"/>
      <c r="INK665" s="613"/>
      <c r="INL665" s="613"/>
      <c r="INM665" s="613"/>
      <c r="INN665" s="613"/>
      <c r="INO665" s="613"/>
      <c r="INP665" s="613"/>
      <c r="INQ665" s="613"/>
      <c r="INR665" s="613"/>
      <c r="INS665" s="613"/>
      <c r="INT665" s="613"/>
      <c r="INU665" s="613"/>
      <c r="INV665" s="613"/>
      <c r="INW665" s="613"/>
      <c r="INX665" s="613"/>
      <c r="INY665" s="613"/>
      <c r="INZ665" s="613"/>
      <c r="IOA665" s="613"/>
      <c r="IOB665" s="613"/>
      <c r="IOC665" s="613"/>
      <c r="IOD665" s="613"/>
      <c r="IOE665" s="613"/>
      <c r="IOF665" s="613"/>
      <c r="IOG665" s="613"/>
      <c r="IOH665" s="613"/>
      <c r="IOI665" s="613"/>
      <c r="IOJ665" s="613"/>
      <c r="IOK665" s="613"/>
      <c r="IOL665" s="613"/>
      <c r="IOM665" s="613"/>
      <c r="ION665" s="613"/>
      <c r="IOO665" s="613"/>
      <c r="IOP665" s="613"/>
      <c r="IOQ665" s="613"/>
      <c r="IOR665" s="613"/>
      <c r="IOS665" s="613"/>
      <c r="IOT665" s="613"/>
      <c r="IOU665" s="613"/>
      <c r="IOV665" s="613"/>
      <c r="IOW665" s="613"/>
      <c r="IOX665" s="613"/>
      <c r="IOY665" s="613"/>
      <c r="IOZ665" s="613"/>
      <c r="IPA665" s="613"/>
      <c r="IPB665" s="613"/>
      <c r="IPC665" s="613"/>
      <c r="IPD665" s="613"/>
      <c r="IPE665" s="613"/>
      <c r="IPF665" s="613"/>
      <c r="IPG665" s="613"/>
      <c r="IPH665" s="613"/>
      <c r="IPI665" s="613"/>
      <c r="IPJ665" s="613"/>
      <c r="IPK665" s="613"/>
      <c r="IPL665" s="613"/>
      <c r="IPM665" s="613"/>
      <c r="IPN665" s="613"/>
      <c r="IPO665" s="613"/>
      <c r="IPP665" s="613"/>
      <c r="IPQ665" s="613"/>
      <c r="IPR665" s="613"/>
      <c r="IPS665" s="613"/>
      <c r="IPT665" s="613"/>
      <c r="IPU665" s="613"/>
      <c r="IPV665" s="613"/>
      <c r="IPW665" s="613"/>
      <c r="IPX665" s="613"/>
      <c r="IPY665" s="613"/>
      <c r="IPZ665" s="613"/>
      <c r="IQA665" s="613"/>
      <c r="IQB665" s="613"/>
      <c r="IQC665" s="613"/>
      <c r="IQD665" s="613"/>
      <c r="IQE665" s="613"/>
      <c r="IQF665" s="613"/>
      <c r="IQG665" s="613"/>
      <c r="IQH665" s="613"/>
      <c r="IQI665" s="613"/>
      <c r="IQJ665" s="613"/>
      <c r="IQK665" s="613"/>
      <c r="IQL665" s="613"/>
      <c r="IQM665" s="613"/>
      <c r="IQN665" s="613"/>
      <c r="IQO665" s="613"/>
      <c r="IQP665" s="613"/>
      <c r="IQQ665" s="613"/>
      <c r="IQR665" s="613"/>
      <c r="IQS665" s="613"/>
      <c r="IQT665" s="613"/>
      <c r="IQU665" s="613"/>
      <c r="IQV665" s="613"/>
      <c r="IQW665" s="613"/>
      <c r="IQX665" s="613"/>
      <c r="IQY665" s="613"/>
      <c r="IQZ665" s="613"/>
      <c r="IRA665" s="613"/>
      <c r="IRB665" s="613"/>
      <c r="IRC665" s="613"/>
      <c r="IRD665" s="613"/>
      <c r="IRE665" s="613"/>
      <c r="IRF665" s="613"/>
      <c r="IRG665" s="613"/>
      <c r="IRH665" s="613"/>
      <c r="IRI665" s="613"/>
      <c r="IRJ665" s="613"/>
      <c r="IRK665" s="613"/>
      <c r="IRL665" s="613"/>
      <c r="IRM665" s="613"/>
      <c r="IRN665" s="613"/>
      <c r="IRO665" s="613"/>
      <c r="IRP665" s="613"/>
      <c r="IRQ665" s="613"/>
      <c r="IRR665" s="613"/>
      <c r="IRS665" s="613"/>
      <c r="IRT665" s="613"/>
      <c r="IRU665" s="613"/>
      <c r="IRV665" s="613"/>
      <c r="IRW665" s="613"/>
      <c r="IRX665" s="613"/>
      <c r="IRY665" s="613"/>
      <c r="IRZ665" s="613"/>
      <c r="ISA665" s="613"/>
      <c r="ISB665" s="613"/>
      <c r="ISC665" s="613"/>
      <c r="ISD665" s="613"/>
      <c r="ISE665" s="613"/>
      <c r="ISF665" s="613"/>
      <c r="ISG665" s="613"/>
      <c r="ISH665" s="613"/>
      <c r="ISI665" s="613"/>
      <c r="ISJ665" s="613"/>
      <c r="ISK665" s="613"/>
      <c r="ISL665" s="613"/>
      <c r="ISM665" s="613"/>
      <c r="ISN665" s="613"/>
      <c r="ISO665" s="613"/>
      <c r="ISP665" s="613"/>
      <c r="ISQ665" s="613"/>
      <c r="ISR665" s="613"/>
      <c r="ISS665" s="613"/>
      <c r="IST665" s="613"/>
      <c r="ISU665" s="613"/>
      <c r="ISV665" s="613"/>
      <c r="ISW665" s="613"/>
      <c r="ISX665" s="613"/>
      <c r="ISY665" s="613"/>
      <c r="ISZ665" s="613"/>
      <c r="ITA665" s="613"/>
      <c r="ITB665" s="613"/>
      <c r="ITC665" s="613"/>
      <c r="ITD665" s="613"/>
      <c r="ITE665" s="613"/>
      <c r="ITF665" s="613"/>
      <c r="ITG665" s="613"/>
      <c r="ITH665" s="613"/>
      <c r="ITI665" s="613"/>
      <c r="ITJ665" s="613"/>
      <c r="ITK665" s="613"/>
      <c r="ITL665" s="613"/>
      <c r="ITM665" s="613"/>
      <c r="ITN665" s="613"/>
      <c r="ITO665" s="613"/>
      <c r="ITP665" s="613"/>
      <c r="ITQ665" s="613"/>
      <c r="ITR665" s="613"/>
      <c r="ITS665" s="613"/>
      <c r="ITT665" s="613"/>
      <c r="ITU665" s="613"/>
      <c r="ITV665" s="613"/>
      <c r="ITW665" s="613"/>
      <c r="ITX665" s="613"/>
      <c r="ITY665" s="613"/>
      <c r="ITZ665" s="613"/>
      <c r="IUA665" s="613"/>
      <c r="IUB665" s="613"/>
      <c r="IUC665" s="613"/>
      <c r="IUD665" s="613"/>
      <c r="IUE665" s="613"/>
      <c r="IUF665" s="613"/>
      <c r="IUG665" s="613"/>
      <c r="IUH665" s="613"/>
      <c r="IUI665" s="613"/>
      <c r="IUJ665" s="613"/>
      <c r="IUK665" s="613"/>
      <c r="IUL665" s="613"/>
      <c r="IUM665" s="613"/>
      <c r="IUN665" s="613"/>
      <c r="IUO665" s="613"/>
      <c r="IUP665" s="613"/>
      <c r="IUQ665" s="613"/>
      <c r="IUR665" s="613"/>
      <c r="IUS665" s="613"/>
      <c r="IUT665" s="613"/>
      <c r="IUU665" s="613"/>
      <c r="IUV665" s="613"/>
      <c r="IUW665" s="613"/>
      <c r="IUX665" s="613"/>
      <c r="IUY665" s="613"/>
      <c r="IUZ665" s="613"/>
      <c r="IVA665" s="613"/>
      <c r="IVB665" s="613"/>
      <c r="IVC665" s="613"/>
      <c r="IVD665" s="613"/>
      <c r="IVE665" s="613"/>
      <c r="IVF665" s="613"/>
      <c r="IVG665" s="613"/>
      <c r="IVH665" s="613"/>
      <c r="IVI665" s="613"/>
      <c r="IVJ665" s="613"/>
      <c r="IVK665" s="613"/>
      <c r="IVL665" s="613"/>
      <c r="IVM665" s="613"/>
      <c r="IVN665" s="613"/>
      <c r="IVO665" s="613"/>
      <c r="IVP665" s="613"/>
      <c r="IVQ665" s="613"/>
      <c r="IVR665" s="613"/>
      <c r="IVS665" s="613"/>
      <c r="IVT665" s="613"/>
      <c r="IVU665" s="613"/>
      <c r="IVV665" s="613"/>
      <c r="IVW665" s="613"/>
      <c r="IVX665" s="613"/>
      <c r="IVY665" s="613"/>
      <c r="IVZ665" s="613"/>
      <c r="IWA665" s="613"/>
      <c r="IWB665" s="613"/>
      <c r="IWC665" s="613"/>
      <c r="IWD665" s="613"/>
      <c r="IWE665" s="613"/>
      <c r="IWF665" s="613"/>
      <c r="IWG665" s="613"/>
      <c r="IWH665" s="613"/>
      <c r="IWI665" s="613"/>
      <c r="IWJ665" s="613"/>
      <c r="IWK665" s="613"/>
      <c r="IWL665" s="613"/>
      <c r="IWM665" s="613"/>
      <c r="IWN665" s="613"/>
      <c r="IWO665" s="613"/>
      <c r="IWP665" s="613"/>
      <c r="IWQ665" s="613"/>
      <c r="IWR665" s="613"/>
      <c r="IWS665" s="613"/>
      <c r="IWT665" s="613"/>
      <c r="IWU665" s="613"/>
      <c r="IWV665" s="613"/>
      <c r="IWW665" s="613"/>
      <c r="IWX665" s="613"/>
      <c r="IWY665" s="613"/>
      <c r="IWZ665" s="613"/>
      <c r="IXA665" s="613"/>
      <c r="IXB665" s="613"/>
      <c r="IXC665" s="613"/>
      <c r="IXD665" s="613"/>
      <c r="IXE665" s="613"/>
      <c r="IXF665" s="613"/>
      <c r="IXG665" s="613"/>
      <c r="IXH665" s="613"/>
      <c r="IXI665" s="613"/>
      <c r="IXJ665" s="613"/>
      <c r="IXK665" s="613"/>
      <c r="IXL665" s="613"/>
      <c r="IXM665" s="613"/>
      <c r="IXN665" s="613"/>
      <c r="IXO665" s="613"/>
      <c r="IXP665" s="613"/>
      <c r="IXQ665" s="613"/>
      <c r="IXR665" s="613"/>
      <c r="IXS665" s="613"/>
      <c r="IXT665" s="613"/>
      <c r="IXU665" s="613"/>
      <c r="IXV665" s="613"/>
      <c r="IXW665" s="613"/>
      <c r="IXX665" s="613"/>
      <c r="IXY665" s="613"/>
      <c r="IXZ665" s="613"/>
      <c r="IYA665" s="613"/>
      <c r="IYB665" s="613"/>
      <c r="IYC665" s="613"/>
      <c r="IYD665" s="613"/>
      <c r="IYE665" s="613"/>
      <c r="IYF665" s="613"/>
      <c r="IYG665" s="613"/>
      <c r="IYH665" s="613"/>
      <c r="IYI665" s="613"/>
      <c r="IYJ665" s="613"/>
      <c r="IYK665" s="613"/>
      <c r="IYL665" s="613"/>
      <c r="IYM665" s="613"/>
      <c r="IYN665" s="613"/>
      <c r="IYO665" s="613"/>
      <c r="IYP665" s="613"/>
      <c r="IYQ665" s="613"/>
      <c r="IYR665" s="613"/>
      <c r="IYS665" s="613"/>
      <c r="IYT665" s="613"/>
      <c r="IYU665" s="613"/>
      <c r="IYV665" s="613"/>
      <c r="IYW665" s="613"/>
      <c r="IYX665" s="613"/>
      <c r="IYY665" s="613"/>
      <c r="IYZ665" s="613"/>
      <c r="IZA665" s="613"/>
      <c r="IZB665" s="613"/>
      <c r="IZC665" s="613"/>
      <c r="IZD665" s="613"/>
      <c r="IZE665" s="613"/>
      <c r="IZF665" s="613"/>
      <c r="IZG665" s="613"/>
      <c r="IZH665" s="613"/>
      <c r="IZI665" s="613"/>
      <c r="IZJ665" s="613"/>
      <c r="IZK665" s="613"/>
      <c r="IZL665" s="613"/>
      <c r="IZM665" s="613"/>
      <c r="IZN665" s="613"/>
      <c r="IZO665" s="613"/>
      <c r="IZP665" s="613"/>
      <c r="IZQ665" s="613"/>
      <c r="IZR665" s="613"/>
      <c r="IZS665" s="613"/>
      <c r="IZT665" s="613"/>
      <c r="IZU665" s="613"/>
      <c r="IZV665" s="613"/>
      <c r="IZW665" s="613"/>
      <c r="IZX665" s="613"/>
      <c r="IZY665" s="613"/>
      <c r="IZZ665" s="613"/>
      <c r="JAA665" s="613"/>
      <c r="JAB665" s="613"/>
      <c r="JAC665" s="613"/>
      <c r="JAD665" s="613"/>
      <c r="JAE665" s="613"/>
      <c r="JAF665" s="613"/>
      <c r="JAG665" s="613"/>
      <c r="JAH665" s="613"/>
      <c r="JAI665" s="613"/>
      <c r="JAJ665" s="613"/>
      <c r="JAK665" s="613"/>
      <c r="JAL665" s="613"/>
      <c r="JAM665" s="613"/>
      <c r="JAN665" s="613"/>
      <c r="JAO665" s="613"/>
      <c r="JAP665" s="613"/>
      <c r="JAQ665" s="613"/>
      <c r="JAR665" s="613"/>
      <c r="JAS665" s="613"/>
      <c r="JAT665" s="613"/>
      <c r="JAU665" s="613"/>
      <c r="JAV665" s="613"/>
      <c r="JAW665" s="613"/>
      <c r="JAX665" s="613"/>
      <c r="JAY665" s="613"/>
      <c r="JAZ665" s="613"/>
      <c r="JBA665" s="613"/>
      <c r="JBB665" s="613"/>
      <c r="JBC665" s="613"/>
      <c r="JBD665" s="613"/>
      <c r="JBE665" s="613"/>
      <c r="JBF665" s="613"/>
      <c r="JBG665" s="613"/>
      <c r="JBH665" s="613"/>
      <c r="JBI665" s="613"/>
      <c r="JBJ665" s="613"/>
      <c r="JBK665" s="613"/>
      <c r="JBL665" s="613"/>
      <c r="JBM665" s="613"/>
      <c r="JBN665" s="613"/>
      <c r="JBO665" s="613"/>
      <c r="JBP665" s="613"/>
      <c r="JBQ665" s="613"/>
      <c r="JBR665" s="613"/>
      <c r="JBS665" s="613"/>
      <c r="JBT665" s="613"/>
      <c r="JBU665" s="613"/>
      <c r="JBV665" s="613"/>
      <c r="JBW665" s="613"/>
      <c r="JBX665" s="613"/>
      <c r="JBY665" s="613"/>
      <c r="JBZ665" s="613"/>
      <c r="JCA665" s="613"/>
      <c r="JCB665" s="613"/>
      <c r="JCC665" s="613"/>
      <c r="JCD665" s="613"/>
      <c r="JCE665" s="613"/>
      <c r="JCF665" s="613"/>
      <c r="JCG665" s="613"/>
      <c r="JCH665" s="613"/>
      <c r="JCI665" s="613"/>
      <c r="JCJ665" s="613"/>
      <c r="JCK665" s="613"/>
      <c r="JCL665" s="613"/>
      <c r="JCM665" s="613"/>
      <c r="JCN665" s="613"/>
      <c r="JCO665" s="613"/>
      <c r="JCP665" s="613"/>
      <c r="JCQ665" s="613"/>
      <c r="JCR665" s="613"/>
      <c r="JCS665" s="613"/>
      <c r="JCT665" s="613"/>
      <c r="JCU665" s="613"/>
      <c r="JCV665" s="613"/>
      <c r="JCW665" s="613"/>
      <c r="JCX665" s="613"/>
      <c r="JCY665" s="613"/>
      <c r="JCZ665" s="613"/>
      <c r="JDA665" s="613"/>
      <c r="JDB665" s="613"/>
      <c r="JDC665" s="613"/>
      <c r="JDD665" s="613"/>
      <c r="JDE665" s="613"/>
      <c r="JDF665" s="613"/>
      <c r="JDG665" s="613"/>
      <c r="JDH665" s="613"/>
      <c r="JDI665" s="613"/>
      <c r="JDJ665" s="613"/>
      <c r="JDK665" s="613"/>
      <c r="JDL665" s="613"/>
      <c r="JDM665" s="613"/>
      <c r="JDN665" s="613"/>
      <c r="JDO665" s="613"/>
      <c r="JDP665" s="613"/>
      <c r="JDQ665" s="613"/>
      <c r="JDR665" s="613"/>
      <c r="JDS665" s="613"/>
      <c r="JDT665" s="613"/>
      <c r="JDU665" s="613"/>
      <c r="JDV665" s="613"/>
      <c r="JDW665" s="613"/>
      <c r="JDX665" s="613"/>
      <c r="JDY665" s="613"/>
      <c r="JDZ665" s="613"/>
      <c r="JEA665" s="613"/>
      <c r="JEB665" s="613"/>
      <c r="JEC665" s="613"/>
      <c r="JED665" s="613"/>
      <c r="JEE665" s="613"/>
      <c r="JEF665" s="613"/>
      <c r="JEG665" s="613"/>
      <c r="JEH665" s="613"/>
      <c r="JEI665" s="613"/>
      <c r="JEJ665" s="613"/>
      <c r="JEK665" s="613"/>
      <c r="JEL665" s="613"/>
      <c r="JEM665" s="613"/>
      <c r="JEN665" s="613"/>
      <c r="JEO665" s="613"/>
      <c r="JEP665" s="613"/>
      <c r="JEQ665" s="613"/>
      <c r="JER665" s="613"/>
      <c r="JES665" s="613"/>
      <c r="JET665" s="613"/>
      <c r="JEU665" s="613"/>
      <c r="JEV665" s="613"/>
      <c r="JEW665" s="613"/>
      <c r="JEX665" s="613"/>
      <c r="JEY665" s="613"/>
      <c r="JEZ665" s="613"/>
      <c r="JFA665" s="613"/>
      <c r="JFB665" s="613"/>
      <c r="JFC665" s="613"/>
      <c r="JFD665" s="613"/>
      <c r="JFE665" s="613"/>
      <c r="JFF665" s="613"/>
      <c r="JFG665" s="613"/>
      <c r="JFH665" s="613"/>
      <c r="JFI665" s="613"/>
      <c r="JFJ665" s="613"/>
      <c r="JFK665" s="613"/>
      <c r="JFL665" s="613"/>
      <c r="JFM665" s="613"/>
      <c r="JFN665" s="613"/>
      <c r="JFO665" s="613"/>
      <c r="JFP665" s="613"/>
      <c r="JFQ665" s="613"/>
      <c r="JFR665" s="613"/>
      <c r="JFS665" s="613"/>
      <c r="JFT665" s="613"/>
      <c r="JFU665" s="613"/>
      <c r="JFV665" s="613"/>
      <c r="JFW665" s="613"/>
      <c r="JFX665" s="613"/>
      <c r="JFY665" s="613"/>
      <c r="JFZ665" s="613"/>
      <c r="JGA665" s="613"/>
      <c r="JGB665" s="613"/>
      <c r="JGC665" s="613"/>
      <c r="JGD665" s="613"/>
      <c r="JGE665" s="613"/>
      <c r="JGF665" s="613"/>
      <c r="JGG665" s="613"/>
      <c r="JGH665" s="613"/>
      <c r="JGI665" s="613"/>
      <c r="JGJ665" s="613"/>
      <c r="JGK665" s="613"/>
      <c r="JGL665" s="613"/>
      <c r="JGM665" s="613"/>
      <c r="JGN665" s="613"/>
      <c r="JGO665" s="613"/>
      <c r="JGP665" s="613"/>
      <c r="JGQ665" s="613"/>
      <c r="JGR665" s="613"/>
      <c r="JGS665" s="613"/>
      <c r="JGT665" s="613"/>
      <c r="JGU665" s="613"/>
      <c r="JGV665" s="613"/>
      <c r="JGW665" s="613"/>
      <c r="JGX665" s="613"/>
      <c r="JGY665" s="613"/>
      <c r="JGZ665" s="613"/>
      <c r="JHA665" s="613"/>
      <c r="JHB665" s="613"/>
      <c r="JHC665" s="613"/>
      <c r="JHD665" s="613"/>
      <c r="JHE665" s="613"/>
      <c r="JHF665" s="613"/>
      <c r="JHG665" s="613"/>
      <c r="JHH665" s="613"/>
      <c r="JHI665" s="613"/>
      <c r="JHJ665" s="613"/>
      <c r="JHK665" s="613"/>
      <c r="JHL665" s="613"/>
      <c r="JHM665" s="613"/>
      <c r="JHN665" s="613"/>
      <c r="JHO665" s="613"/>
      <c r="JHP665" s="613"/>
      <c r="JHQ665" s="613"/>
      <c r="JHR665" s="613"/>
      <c r="JHS665" s="613"/>
      <c r="JHT665" s="613"/>
      <c r="JHU665" s="613"/>
      <c r="JHV665" s="613"/>
      <c r="JHW665" s="613"/>
      <c r="JHX665" s="613"/>
      <c r="JHY665" s="613"/>
      <c r="JHZ665" s="613"/>
      <c r="JIA665" s="613"/>
      <c r="JIB665" s="613"/>
      <c r="JIC665" s="613"/>
      <c r="JID665" s="613"/>
      <c r="JIE665" s="613"/>
      <c r="JIF665" s="613"/>
      <c r="JIG665" s="613"/>
      <c r="JIH665" s="613"/>
      <c r="JII665" s="613"/>
      <c r="JIJ665" s="613"/>
      <c r="JIK665" s="613"/>
      <c r="JIL665" s="613"/>
      <c r="JIM665" s="613"/>
      <c r="JIN665" s="613"/>
      <c r="JIO665" s="613"/>
      <c r="JIP665" s="613"/>
      <c r="JIQ665" s="613"/>
      <c r="JIR665" s="613"/>
      <c r="JIS665" s="613"/>
      <c r="JIT665" s="613"/>
      <c r="JIU665" s="613"/>
      <c r="JIV665" s="613"/>
      <c r="JIW665" s="613"/>
      <c r="JIX665" s="613"/>
      <c r="JIY665" s="613"/>
      <c r="JIZ665" s="613"/>
      <c r="JJA665" s="613"/>
      <c r="JJB665" s="613"/>
      <c r="JJC665" s="613"/>
      <c r="JJD665" s="613"/>
      <c r="JJE665" s="613"/>
      <c r="JJF665" s="613"/>
      <c r="JJG665" s="613"/>
      <c r="JJH665" s="613"/>
      <c r="JJI665" s="613"/>
      <c r="JJJ665" s="613"/>
      <c r="JJK665" s="613"/>
      <c r="JJL665" s="613"/>
      <c r="JJM665" s="613"/>
      <c r="JJN665" s="613"/>
      <c r="JJO665" s="613"/>
      <c r="JJP665" s="613"/>
      <c r="JJQ665" s="613"/>
      <c r="JJR665" s="613"/>
      <c r="JJS665" s="613"/>
      <c r="JJT665" s="613"/>
      <c r="JJU665" s="613"/>
      <c r="JJV665" s="613"/>
      <c r="JJW665" s="613"/>
      <c r="JJX665" s="613"/>
      <c r="JJY665" s="613"/>
      <c r="JJZ665" s="613"/>
      <c r="JKA665" s="613"/>
      <c r="JKB665" s="613"/>
      <c r="JKC665" s="613"/>
      <c r="JKD665" s="613"/>
      <c r="JKE665" s="613"/>
      <c r="JKF665" s="613"/>
      <c r="JKG665" s="613"/>
      <c r="JKH665" s="613"/>
      <c r="JKI665" s="613"/>
      <c r="JKJ665" s="613"/>
      <c r="JKK665" s="613"/>
      <c r="JKL665" s="613"/>
      <c r="JKM665" s="613"/>
      <c r="JKN665" s="613"/>
      <c r="JKO665" s="613"/>
      <c r="JKP665" s="613"/>
      <c r="JKQ665" s="613"/>
      <c r="JKR665" s="613"/>
      <c r="JKS665" s="613"/>
      <c r="JKT665" s="613"/>
      <c r="JKU665" s="613"/>
      <c r="JKV665" s="613"/>
      <c r="JKW665" s="613"/>
      <c r="JKX665" s="613"/>
      <c r="JKY665" s="613"/>
      <c r="JKZ665" s="613"/>
      <c r="JLA665" s="613"/>
      <c r="JLB665" s="613"/>
      <c r="JLC665" s="613"/>
      <c r="JLD665" s="613"/>
      <c r="JLE665" s="613"/>
      <c r="JLF665" s="613"/>
      <c r="JLG665" s="613"/>
      <c r="JLH665" s="613"/>
      <c r="JLI665" s="613"/>
      <c r="JLJ665" s="613"/>
      <c r="JLK665" s="613"/>
      <c r="JLL665" s="613"/>
      <c r="JLM665" s="613"/>
      <c r="JLN665" s="613"/>
      <c r="JLO665" s="613"/>
      <c r="JLP665" s="613"/>
      <c r="JLQ665" s="613"/>
      <c r="JLR665" s="613"/>
      <c r="JLS665" s="613"/>
      <c r="JLT665" s="613"/>
      <c r="JLU665" s="613"/>
      <c r="JLV665" s="613"/>
      <c r="JLW665" s="613"/>
      <c r="JLX665" s="613"/>
      <c r="JLY665" s="613"/>
      <c r="JLZ665" s="613"/>
      <c r="JMA665" s="613"/>
      <c r="JMB665" s="613"/>
      <c r="JMC665" s="613"/>
      <c r="JMD665" s="613"/>
      <c r="JME665" s="613"/>
      <c r="JMF665" s="613"/>
      <c r="JMG665" s="613"/>
      <c r="JMH665" s="613"/>
      <c r="JMI665" s="613"/>
      <c r="JMJ665" s="613"/>
      <c r="JMK665" s="613"/>
      <c r="JML665" s="613"/>
      <c r="JMM665" s="613"/>
      <c r="JMN665" s="613"/>
      <c r="JMO665" s="613"/>
      <c r="JMP665" s="613"/>
      <c r="JMQ665" s="613"/>
      <c r="JMR665" s="613"/>
      <c r="JMS665" s="613"/>
      <c r="JMT665" s="613"/>
      <c r="JMU665" s="613"/>
      <c r="JMV665" s="613"/>
      <c r="JMW665" s="613"/>
      <c r="JMX665" s="613"/>
      <c r="JMY665" s="613"/>
      <c r="JMZ665" s="613"/>
      <c r="JNA665" s="613"/>
      <c r="JNB665" s="613"/>
      <c r="JNC665" s="613"/>
      <c r="JND665" s="613"/>
      <c r="JNE665" s="613"/>
      <c r="JNF665" s="613"/>
      <c r="JNG665" s="613"/>
      <c r="JNH665" s="613"/>
      <c r="JNI665" s="613"/>
      <c r="JNJ665" s="613"/>
      <c r="JNK665" s="613"/>
      <c r="JNL665" s="613"/>
      <c r="JNM665" s="613"/>
      <c r="JNN665" s="613"/>
      <c r="JNO665" s="613"/>
      <c r="JNP665" s="613"/>
      <c r="JNQ665" s="613"/>
      <c r="JNR665" s="613"/>
      <c r="JNS665" s="613"/>
      <c r="JNT665" s="613"/>
      <c r="JNU665" s="613"/>
      <c r="JNV665" s="613"/>
      <c r="JNW665" s="613"/>
      <c r="JNX665" s="613"/>
      <c r="JNY665" s="613"/>
      <c r="JNZ665" s="613"/>
      <c r="JOA665" s="613"/>
      <c r="JOB665" s="613"/>
      <c r="JOC665" s="613"/>
      <c r="JOD665" s="613"/>
      <c r="JOE665" s="613"/>
      <c r="JOF665" s="613"/>
      <c r="JOG665" s="613"/>
      <c r="JOH665" s="613"/>
      <c r="JOI665" s="613"/>
      <c r="JOJ665" s="613"/>
      <c r="JOK665" s="613"/>
      <c r="JOL665" s="613"/>
      <c r="JOM665" s="613"/>
      <c r="JON665" s="613"/>
      <c r="JOO665" s="613"/>
      <c r="JOP665" s="613"/>
      <c r="JOQ665" s="613"/>
      <c r="JOR665" s="613"/>
      <c r="JOS665" s="613"/>
      <c r="JOT665" s="613"/>
      <c r="JOU665" s="613"/>
      <c r="JOV665" s="613"/>
      <c r="JOW665" s="613"/>
      <c r="JOX665" s="613"/>
      <c r="JOY665" s="613"/>
      <c r="JOZ665" s="613"/>
      <c r="JPA665" s="613"/>
      <c r="JPB665" s="613"/>
      <c r="JPC665" s="613"/>
      <c r="JPD665" s="613"/>
      <c r="JPE665" s="613"/>
      <c r="JPF665" s="613"/>
      <c r="JPG665" s="613"/>
      <c r="JPH665" s="613"/>
      <c r="JPI665" s="613"/>
      <c r="JPJ665" s="613"/>
      <c r="JPK665" s="613"/>
      <c r="JPL665" s="613"/>
      <c r="JPM665" s="613"/>
      <c r="JPN665" s="613"/>
      <c r="JPO665" s="613"/>
      <c r="JPP665" s="613"/>
      <c r="JPQ665" s="613"/>
      <c r="JPR665" s="613"/>
      <c r="JPS665" s="613"/>
      <c r="JPT665" s="613"/>
      <c r="JPU665" s="613"/>
      <c r="JPV665" s="613"/>
      <c r="JPW665" s="613"/>
      <c r="JPX665" s="613"/>
      <c r="JPY665" s="613"/>
      <c r="JPZ665" s="613"/>
      <c r="JQA665" s="613"/>
      <c r="JQB665" s="613"/>
      <c r="JQC665" s="613"/>
      <c r="JQD665" s="613"/>
      <c r="JQE665" s="613"/>
      <c r="JQF665" s="613"/>
      <c r="JQG665" s="613"/>
      <c r="JQH665" s="613"/>
      <c r="JQI665" s="613"/>
      <c r="JQJ665" s="613"/>
      <c r="JQK665" s="613"/>
      <c r="JQL665" s="613"/>
      <c r="JQM665" s="613"/>
      <c r="JQN665" s="613"/>
      <c r="JQO665" s="613"/>
      <c r="JQP665" s="613"/>
      <c r="JQQ665" s="613"/>
      <c r="JQR665" s="613"/>
      <c r="JQS665" s="613"/>
      <c r="JQT665" s="613"/>
      <c r="JQU665" s="613"/>
      <c r="JQV665" s="613"/>
      <c r="JQW665" s="613"/>
      <c r="JQX665" s="613"/>
      <c r="JQY665" s="613"/>
      <c r="JQZ665" s="613"/>
      <c r="JRA665" s="613"/>
      <c r="JRB665" s="613"/>
      <c r="JRC665" s="613"/>
      <c r="JRD665" s="613"/>
      <c r="JRE665" s="613"/>
      <c r="JRF665" s="613"/>
      <c r="JRG665" s="613"/>
      <c r="JRH665" s="613"/>
      <c r="JRI665" s="613"/>
      <c r="JRJ665" s="613"/>
      <c r="JRK665" s="613"/>
      <c r="JRL665" s="613"/>
      <c r="JRM665" s="613"/>
      <c r="JRN665" s="613"/>
      <c r="JRO665" s="613"/>
      <c r="JRP665" s="613"/>
      <c r="JRQ665" s="613"/>
      <c r="JRR665" s="613"/>
      <c r="JRS665" s="613"/>
      <c r="JRT665" s="613"/>
      <c r="JRU665" s="613"/>
      <c r="JRV665" s="613"/>
      <c r="JRW665" s="613"/>
      <c r="JRX665" s="613"/>
      <c r="JRY665" s="613"/>
      <c r="JRZ665" s="613"/>
      <c r="JSA665" s="613"/>
      <c r="JSB665" s="613"/>
      <c r="JSC665" s="613"/>
      <c r="JSD665" s="613"/>
      <c r="JSE665" s="613"/>
      <c r="JSF665" s="613"/>
      <c r="JSG665" s="613"/>
      <c r="JSH665" s="613"/>
      <c r="JSI665" s="613"/>
      <c r="JSJ665" s="613"/>
      <c r="JSK665" s="613"/>
      <c r="JSL665" s="613"/>
      <c r="JSM665" s="613"/>
      <c r="JSN665" s="613"/>
      <c r="JSO665" s="613"/>
      <c r="JSP665" s="613"/>
      <c r="JSQ665" s="613"/>
      <c r="JSR665" s="613"/>
      <c r="JSS665" s="613"/>
      <c r="JST665" s="613"/>
      <c r="JSU665" s="613"/>
      <c r="JSV665" s="613"/>
      <c r="JSW665" s="613"/>
      <c r="JSX665" s="613"/>
      <c r="JSY665" s="613"/>
      <c r="JSZ665" s="613"/>
      <c r="JTA665" s="613"/>
      <c r="JTB665" s="613"/>
      <c r="JTC665" s="613"/>
      <c r="JTD665" s="613"/>
      <c r="JTE665" s="613"/>
      <c r="JTF665" s="613"/>
      <c r="JTG665" s="613"/>
      <c r="JTH665" s="613"/>
      <c r="JTI665" s="613"/>
      <c r="JTJ665" s="613"/>
      <c r="JTK665" s="613"/>
      <c r="JTL665" s="613"/>
      <c r="JTM665" s="613"/>
      <c r="JTN665" s="613"/>
      <c r="JTO665" s="613"/>
      <c r="JTP665" s="613"/>
      <c r="JTQ665" s="613"/>
      <c r="JTR665" s="613"/>
      <c r="JTS665" s="613"/>
      <c r="JTT665" s="613"/>
      <c r="JTU665" s="613"/>
      <c r="JTV665" s="613"/>
      <c r="JTW665" s="613"/>
      <c r="JTX665" s="613"/>
      <c r="JTY665" s="613"/>
      <c r="JTZ665" s="613"/>
      <c r="JUA665" s="613"/>
      <c r="JUB665" s="613"/>
      <c r="JUC665" s="613"/>
      <c r="JUD665" s="613"/>
      <c r="JUE665" s="613"/>
      <c r="JUF665" s="613"/>
      <c r="JUG665" s="613"/>
      <c r="JUH665" s="613"/>
      <c r="JUI665" s="613"/>
      <c r="JUJ665" s="613"/>
      <c r="JUK665" s="613"/>
      <c r="JUL665" s="613"/>
      <c r="JUM665" s="613"/>
      <c r="JUN665" s="613"/>
      <c r="JUO665" s="613"/>
      <c r="JUP665" s="613"/>
      <c r="JUQ665" s="613"/>
      <c r="JUR665" s="613"/>
      <c r="JUS665" s="613"/>
      <c r="JUT665" s="613"/>
      <c r="JUU665" s="613"/>
      <c r="JUV665" s="613"/>
      <c r="JUW665" s="613"/>
      <c r="JUX665" s="613"/>
      <c r="JUY665" s="613"/>
      <c r="JUZ665" s="613"/>
      <c r="JVA665" s="613"/>
      <c r="JVB665" s="613"/>
      <c r="JVC665" s="613"/>
      <c r="JVD665" s="613"/>
      <c r="JVE665" s="613"/>
      <c r="JVF665" s="613"/>
      <c r="JVG665" s="613"/>
      <c r="JVH665" s="613"/>
      <c r="JVI665" s="613"/>
      <c r="JVJ665" s="613"/>
      <c r="JVK665" s="613"/>
      <c r="JVL665" s="613"/>
      <c r="JVM665" s="613"/>
      <c r="JVN665" s="613"/>
      <c r="JVO665" s="613"/>
      <c r="JVP665" s="613"/>
      <c r="JVQ665" s="613"/>
      <c r="JVR665" s="613"/>
      <c r="JVS665" s="613"/>
      <c r="JVT665" s="613"/>
      <c r="JVU665" s="613"/>
      <c r="JVV665" s="613"/>
      <c r="JVW665" s="613"/>
      <c r="JVX665" s="613"/>
      <c r="JVY665" s="613"/>
      <c r="JVZ665" s="613"/>
      <c r="JWA665" s="613"/>
      <c r="JWB665" s="613"/>
      <c r="JWC665" s="613"/>
      <c r="JWD665" s="613"/>
      <c r="JWE665" s="613"/>
      <c r="JWF665" s="613"/>
      <c r="JWG665" s="613"/>
      <c r="JWH665" s="613"/>
      <c r="JWI665" s="613"/>
      <c r="JWJ665" s="613"/>
      <c r="JWK665" s="613"/>
      <c r="JWL665" s="613"/>
      <c r="JWM665" s="613"/>
      <c r="JWN665" s="613"/>
      <c r="JWO665" s="613"/>
      <c r="JWP665" s="613"/>
      <c r="JWQ665" s="613"/>
      <c r="JWR665" s="613"/>
      <c r="JWS665" s="613"/>
      <c r="JWT665" s="613"/>
      <c r="JWU665" s="613"/>
      <c r="JWV665" s="613"/>
      <c r="JWW665" s="613"/>
      <c r="JWX665" s="613"/>
      <c r="JWY665" s="613"/>
      <c r="JWZ665" s="613"/>
      <c r="JXA665" s="613"/>
      <c r="JXB665" s="613"/>
      <c r="JXC665" s="613"/>
      <c r="JXD665" s="613"/>
      <c r="JXE665" s="613"/>
      <c r="JXF665" s="613"/>
      <c r="JXG665" s="613"/>
      <c r="JXH665" s="613"/>
      <c r="JXI665" s="613"/>
      <c r="JXJ665" s="613"/>
      <c r="JXK665" s="613"/>
      <c r="JXL665" s="613"/>
      <c r="JXM665" s="613"/>
      <c r="JXN665" s="613"/>
      <c r="JXO665" s="613"/>
      <c r="JXP665" s="613"/>
      <c r="JXQ665" s="613"/>
      <c r="JXR665" s="613"/>
      <c r="JXS665" s="613"/>
      <c r="JXT665" s="613"/>
      <c r="JXU665" s="613"/>
      <c r="JXV665" s="613"/>
      <c r="JXW665" s="613"/>
      <c r="JXX665" s="613"/>
      <c r="JXY665" s="613"/>
      <c r="JXZ665" s="613"/>
      <c r="JYA665" s="613"/>
      <c r="JYB665" s="613"/>
      <c r="JYC665" s="613"/>
      <c r="JYD665" s="613"/>
      <c r="JYE665" s="613"/>
      <c r="JYF665" s="613"/>
      <c r="JYG665" s="613"/>
      <c r="JYH665" s="613"/>
      <c r="JYI665" s="613"/>
      <c r="JYJ665" s="613"/>
      <c r="JYK665" s="613"/>
      <c r="JYL665" s="613"/>
      <c r="JYM665" s="613"/>
      <c r="JYN665" s="613"/>
      <c r="JYO665" s="613"/>
      <c r="JYP665" s="613"/>
      <c r="JYQ665" s="613"/>
      <c r="JYR665" s="613"/>
      <c r="JYS665" s="613"/>
      <c r="JYT665" s="613"/>
      <c r="JYU665" s="613"/>
      <c r="JYV665" s="613"/>
      <c r="JYW665" s="613"/>
      <c r="JYX665" s="613"/>
      <c r="JYY665" s="613"/>
      <c r="JYZ665" s="613"/>
      <c r="JZA665" s="613"/>
      <c r="JZB665" s="613"/>
      <c r="JZC665" s="613"/>
      <c r="JZD665" s="613"/>
      <c r="JZE665" s="613"/>
      <c r="JZF665" s="613"/>
      <c r="JZG665" s="613"/>
      <c r="JZH665" s="613"/>
      <c r="JZI665" s="613"/>
      <c r="JZJ665" s="613"/>
      <c r="JZK665" s="613"/>
      <c r="JZL665" s="613"/>
      <c r="JZM665" s="613"/>
      <c r="JZN665" s="613"/>
      <c r="JZO665" s="613"/>
      <c r="JZP665" s="613"/>
      <c r="JZQ665" s="613"/>
      <c r="JZR665" s="613"/>
      <c r="JZS665" s="613"/>
      <c r="JZT665" s="613"/>
      <c r="JZU665" s="613"/>
      <c r="JZV665" s="613"/>
      <c r="JZW665" s="613"/>
      <c r="JZX665" s="613"/>
      <c r="JZY665" s="613"/>
      <c r="JZZ665" s="613"/>
      <c r="KAA665" s="613"/>
      <c r="KAB665" s="613"/>
      <c r="KAC665" s="613"/>
      <c r="KAD665" s="613"/>
      <c r="KAE665" s="613"/>
      <c r="KAF665" s="613"/>
      <c r="KAG665" s="613"/>
      <c r="KAH665" s="613"/>
      <c r="KAI665" s="613"/>
      <c r="KAJ665" s="613"/>
      <c r="KAK665" s="613"/>
      <c r="KAL665" s="613"/>
      <c r="KAM665" s="613"/>
      <c r="KAN665" s="613"/>
      <c r="KAO665" s="613"/>
      <c r="KAP665" s="613"/>
      <c r="KAQ665" s="613"/>
      <c r="KAR665" s="613"/>
      <c r="KAS665" s="613"/>
      <c r="KAT665" s="613"/>
      <c r="KAU665" s="613"/>
      <c r="KAV665" s="613"/>
      <c r="KAW665" s="613"/>
      <c r="KAX665" s="613"/>
      <c r="KAY665" s="613"/>
      <c r="KAZ665" s="613"/>
      <c r="KBA665" s="613"/>
      <c r="KBB665" s="613"/>
      <c r="KBC665" s="613"/>
      <c r="KBD665" s="613"/>
      <c r="KBE665" s="613"/>
      <c r="KBF665" s="613"/>
      <c r="KBG665" s="613"/>
      <c r="KBH665" s="613"/>
      <c r="KBI665" s="613"/>
      <c r="KBJ665" s="613"/>
      <c r="KBK665" s="613"/>
      <c r="KBL665" s="613"/>
      <c r="KBM665" s="613"/>
      <c r="KBN665" s="613"/>
      <c r="KBO665" s="613"/>
      <c r="KBP665" s="613"/>
      <c r="KBQ665" s="613"/>
      <c r="KBR665" s="613"/>
      <c r="KBS665" s="613"/>
      <c r="KBT665" s="613"/>
      <c r="KBU665" s="613"/>
      <c r="KBV665" s="613"/>
      <c r="KBW665" s="613"/>
      <c r="KBX665" s="613"/>
      <c r="KBY665" s="613"/>
      <c r="KBZ665" s="613"/>
      <c r="KCA665" s="613"/>
      <c r="KCB665" s="613"/>
      <c r="KCC665" s="613"/>
      <c r="KCD665" s="613"/>
      <c r="KCE665" s="613"/>
      <c r="KCF665" s="613"/>
      <c r="KCG665" s="613"/>
      <c r="KCH665" s="613"/>
      <c r="KCI665" s="613"/>
      <c r="KCJ665" s="613"/>
      <c r="KCK665" s="613"/>
      <c r="KCL665" s="613"/>
      <c r="KCM665" s="613"/>
      <c r="KCN665" s="613"/>
      <c r="KCO665" s="613"/>
      <c r="KCP665" s="613"/>
      <c r="KCQ665" s="613"/>
      <c r="KCR665" s="613"/>
      <c r="KCS665" s="613"/>
      <c r="KCT665" s="613"/>
      <c r="KCU665" s="613"/>
      <c r="KCV665" s="613"/>
      <c r="KCW665" s="613"/>
      <c r="KCX665" s="613"/>
      <c r="KCY665" s="613"/>
      <c r="KCZ665" s="613"/>
      <c r="KDA665" s="613"/>
      <c r="KDB665" s="613"/>
      <c r="KDC665" s="613"/>
      <c r="KDD665" s="613"/>
      <c r="KDE665" s="613"/>
      <c r="KDF665" s="613"/>
      <c r="KDG665" s="613"/>
      <c r="KDH665" s="613"/>
      <c r="KDI665" s="613"/>
      <c r="KDJ665" s="613"/>
      <c r="KDK665" s="613"/>
      <c r="KDL665" s="613"/>
      <c r="KDM665" s="613"/>
      <c r="KDN665" s="613"/>
      <c r="KDO665" s="613"/>
      <c r="KDP665" s="613"/>
      <c r="KDQ665" s="613"/>
      <c r="KDR665" s="613"/>
      <c r="KDS665" s="613"/>
      <c r="KDT665" s="613"/>
      <c r="KDU665" s="613"/>
      <c r="KDV665" s="613"/>
      <c r="KDW665" s="613"/>
      <c r="KDX665" s="613"/>
      <c r="KDY665" s="613"/>
      <c r="KDZ665" s="613"/>
      <c r="KEA665" s="613"/>
      <c r="KEB665" s="613"/>
      <c r="KEC665" s="613"/>
      <c r="KED665" s="613"/>
      <c r="KEE665" s="613"/>
      <c r="KEF665" s="613"/>
      <c r="KEG665" s="613"/>
      <c r="KEH665" s="613"/>
      <c r="KEI665" s="613"/>
      <c r="KEJ665" s="613"/>
      <c r="KEK665" s="613"/>
      <c r="KEL665" s="613"/>
      <c r="KEM665" s="613"/>
      <c r="KEN665" s="613"/>
      <c r="KEO665" s="613"/>
      <c r="KEP665" s="613"/>
      <c r="KEQ665" s="613"/>
      <c r="KER665" s="613"/>
      <c r="KES665" s="613"/>
      <c r="KET665" s="613"/>
      <c r="KEU665" s="613"/>
      <c r="KEV665" s="613"/>
      <c r="KEW665" s="613"/>
      <c r="KEX665" s="613"/>
      <c r="KEY665" s="613"/>
      <c r="KEZ665" s="613"/>
      <c r="KFA665" s="613"/>
      <c r="KFB665" s="613"/>
      <c r="KFC665" s="613"/>
      <c r="KFD665" s="613"/>
      <c r="KFE665" s="613"/>
      <c r="KFF665" s="613"/>
      <c r="KFG665" s="613"/>
      <c r="KFH665" s="613"/>
      <c r="KFI665" s="613"/>
      <c r="KFJ665" s="613"/>
      <c r="KFK665" s="613"/>
      <c r="KFL665" s="613"/>
      <c r="KFM665" s="613"/>
      <c r="KFN665" s="613"/>
      <c r="KFO665" s="613"/>
      <c r="KFP665" s="613"/>
      <c r="KFQ665" s="613"/>
      <c r="KFR665" s="613"/>
      <c r="KFS665" s="613"/>
      <c r="KFT665" s="613"/>
      <c r="KFU665" s="613"/>
      <c r="KFV665" s="613"/>
      <c r="KFW665" s="613"/>
      <c r="KFX665" s="613"/>
      <c r="KFY665" s="613"/>
      <c r="KFZ665" s="613"/>
      <c r="KGA665" s="613"/>
      <c r="KGB665" s="613"/>
      <c r="KGC665" s="613"/>
      <c r="KGD665" s="613"/>
      <c r="KGE665" s="613"/>
      <c r="KGF665" s="613"/>
      <c r="KGG665" s="613"/>
      <c r="KGH665" s="613"/>
      <c r="KGI665" s="613"/>
      <c r="KGJ665" s="613"/>
      <c r="KGK665" s="613"/>
      <c r="KGL665" s="613"/>
      <c r="KGM665" s="613"/>
      <c r="KGN665" s="613"/>
      <c r="KGO665" s="613"/>
      <c r="KGP665" s="613"/>
      <c r="KGQ665" s="613"/>
      <c r="KGR665" s="613"/>
      <c r="KGS665" s="613"/>
      <c r="KGT665" s="613"/>
      <c r="KGU665" s="613"/>
      <c r="KGV665" s="613"/>
      <c r="KGW665" s="613"/>
      <c r="KGX665" s="613"/>
      <c r="KGY665" s="613"/>
      <c r="KGZ665" s="613"/>
      <c r="KHA665" s="613"/>
      <c r="KHB665" s="613"/>
      <c r="KHC665" s="613"/>
      <c r="KHD665" s="613"/>
      <c r="KHE665" s="613"/>
      <c r="KHF665" s="613"/>
      <c r="KHG665" s="613"/>
      <c r="KHH665" s="613"/>
      <c r="KHI665" s="613"/>
      <c r="KHJ665" s="613"/>
      <c r="KHK665" s="613"/>
      <c r="KHL665" s="613"/>
      <c r="KHM665" s="613"/>
      <c r="KHN665" s="613"/>
      <c r="KHO665" s="613"/>
      <c r="KHP665" s="613"/>
      <c r="KHQ665" s="613"/>
      <c r="KHR665" s="613"/>
      <c r="KHS665" s="613"/>
      <c r="KHT665" s="613"/>
      <c r="KHU665" s="613"/>
      <c r="KHV665" s="613"/>
      <c r="KHW665" s="613"/>
      <c r="KHX665" s="613"/>
      <c r="KHY665" s="613"/>
      <c r="KHZ665" s="613"/>
      <c r="KIA665" s="613"/>
      <c r="KIB665" s="613"/>
      <c r="KIC665" s="613"/>
      <c r="KID665" s="613"/>
      <c r="KIE665" s="613"/>
      <c r="KIF665" s="613"/>
      <c r="KIG665" s="613"/>
      <c r="KIH665" s="613"/>
      <c r="KII665" s="613"/>
      <c r="KIJ665" s="613"/>
      <c r="KIK665" s="613"/>
      <c r="KIL665" s="613"/>
      <c r="KIM665" s="613"/>
      <c r="KIN665" s="613"/>
      <c r="KIO665" s="613"/>
      <c r="KIP665" s="613"/>
      <c r="KIQ665" s="613"/>
      <c r="KIR665" s="613"/>
      <c r="KIS665" s="613"/>
      <c r="KIT665" s="613"/>
      <c r="KIU665" s="613"/>
      <c r="KIV665" s="613"/>
      <c r="KIW665" s="613"/>
      <c r="KIX665" s="613"/>
      <c r="KIY665" s="613"/>
      <c r="KIZ665" s="613"/>
      <c r="KJA665" s="613"/>
      <c r="KJB665" s="613"/>
      <c r="KJC665" s="613"/>
      <c r="KJD665" s="613"/>
      <c r="KJE665" s="613"/>
      <c r="KJF665" s="613"/>
      <c r="KJG665" s="613"/>
      <c r="KJH665" s="613"/>
      <c r="KJI665" s="613"/>
      <c r="KJJ665" s="613"/>
      <c r="KJK665" s="613"/>
      <c r="KJL665" s="613"/>
      <c r="KJM665" s="613"/>
      <c r="KJN665" s="613"/>
      <c r="KJO665" s="613"/>
      <c r="KJP665" s="613"/>
      <c r="KJQ665" s="613"/>
      <c r="KJR665" s="613"/>
      <c r="KJS665" s="613"/>
      <c r="KJT665" s="613"/>
      <c r="KJU665" s="613"/>
      <c r="KJV665" s="613"/>
      <c r="KJW665" s="613"/>
      <c r="KJX665" s="613"/>
      <c r="KJY665" s="613"/>
      <c r="KJZ665" s="613"/>
      <c r="KKA665" s="613"/>
      <c r="KKB665" s="613"/>
      <c r="KKC665" s="613"/>
      <c r="KKD665" s="613"/>
      <c r="KKE665" s="613"/>
      <c r="KKF665" s="613"/>
      <c r="KKG665" s="613"/>
      <c r="KKH665" s="613"/>
      <c r="KKI665" s="613"/>
      <c r="KKJ665" s="613"/>
      <c r="KKK665" s="613"/>
      <c r="KKL665" s="613"/>
      <c r="KKM665" s="613"/>
      <c r="KKN665" s="613"/>
      <c r="KKO665" s="613"/>
      <c r="KKP665" s="613"/>
      <c r="KKQ665" s="613"/>
      <c r="KKR665" s="613"/>
      <c r="KKS665" s="613"/>
      <c r="KKT665" s="613"/>
      <c r="KKU665" s="613"/>
      <c r="KKV665" s="613"/>
      <c r="KKW665" s="613"/>
      <c r="KKX665" s="613"/>
      <c r="KKY665" s="613"/>
      <c r="KKZ665" s="613"/>
      <c r="KLA665" s="613"/>
      <c r="KLB665" s="613"/>
      <c r="KLC665" s="613"/>
      <c r="KLD665" s="613"/>
      <c r="KLE665" s="613"/>
      <c r="KLF665" s="613"/>
      <c r="KLG665" s="613"/>
      <c r="KLH665" s="613"/>
      <c r="KLI665" s="613"/>
      <c r="KLJ665" s="613"/>
      <c r="KLK665" s="613"/>
      <c r="KLL665" s="613"/>
      <c r="KLM665" s="613"/>
      <c r="KLN665" s="613"/>
      <c r="KLO665" s="613"/>
      <c r="KLP665" s="613"/>
      <c r="KLQ665" s="613"/>
      <c r="KLR665" s="613"/>
      <c r="KLS665" s="613"/>
      <c r="KLT665" s="613"/>
      <c r="KLU665" s="613"/>
      <c r="KLV665" s="613"/>
      <c r="KLW665" s="613"/>
      <c r="KLX665" s="613"/>
      <c r="KLY665" s="613"/>
      <c r="KLZ665" s="613"/>
      <c r="KMA665" s="613"/>
      <c r="KMB665" s="613"/>
      <c r="KMC665" s="613"/>
      <c r="KMD665" s="613"/>
      <c r="KME665" s="613"/>
      <c r="KMF665" s="613"/>
      <c r="KMG665" s="613"/>
      <c r="KMH665" s="613"/>
      <c r="KMI665" s="613"/>
      <c r="KMJ665" s="613"/>
      <c r="KMK665" s="613"/>
      <c r="KML665" s="613"/>
      <c r="KMM665" s="613"/>
      <c r="KMN665" s="613"/>
      <c r="KMO665" s="613"/>
      <c r="KMP665" s="613"/>
      <c r="KMQ665" s="613"/>
      <c r="KMR665" s="613"/>
      <c r="KMS665" s="613"/>
      <c r="KMT665" s="613"/>
      <c r="KMU665" s="613"/>
      <c r="KMV665" s="613"/>
      <c r="KMW665" s="613"/>
      <c r="KMX665" s="613"/>
      <c r="KMY665" s="613"/>
      <c r="KMZ665" s="613"/>
      <c r="KNA665" s="613"/>
      <c r="KNB665" s="613"/>
      <c r="KNC665" s="613"/>
      <c r="KND665" s="613"/>
      <c r="KNE665" s="613"/>
      <c r="KNF665" s="613"/>
      <c r="KNG665" s="613"/>
      <c r="KNH665" s="613"/>
      <c r="KNI665" s="613"/>
      <c r="KNJ665" s="613"/>
      <c r="KNK665" s="613"/>
      <c r="KNL665" s="613"/>
      <c r="KNM665" s="613"/>
      <c r="KNN665" s="613"/>
      <c r="KNO665" s="613"/>
      <c r="KNP665" s="613"/>
      <c r="KNQ665" s="613"/>
      <c r="KNR665" s="613"/>
      <c r="KNS665" s="613"/>
      <c r="KNT665" s="613"/>
      <c r="KNU665" s="613"/>
      <c r="KNV665" s="613"/>
      <c r="KNW665" s="613"/>
      <c r="KNX665" s="613"/>
      <c r="KNY665" s="613"/>
      <c r="KNZ665" s="613"/>
      <c r="KOA665" s="613"/>
      <c r="KOB665" s="613"/>
      <c r="KOC665" s="613"/>
      <c r="KOD665" s="613"/>
      <c r="KOE665" s="613"/>
      <c r="KOF665" s="613"/>
      <c r="KOG665" s="613"/>
      <c r="KOH665" s="613"/>
      <c r="KOI665" s="613"/>
      <c r="KOJ665" s="613"/>
      <c r="KOK665" s="613"/>
      <c r="KOL665" s="613"/>
      <c r="KOM665" s="613"/>
      <c r="KON665" s="613"/>
      <c r="KOO665" s="613"/>
      <c r="KOP665" s="613"/>
      <c r="KOQ665" s="613"/>
      <c r="KOR665" s="613"/>
      <c r="KOS665" s="613"/>
      <c r="KOT665" s="613"/>
      <c r="KOU665" s="613"/>
      <c r="KOV665" s="613"/>
      <c r="KOW665" s="613"/>
      <c r="KOX665" s="613"/>
      <c r="KOY665" s="613"/>
      <c r="KOZ665" s="613"/>
      <c r="KPA665" s="613"/>
      <c r="KPB665" s="613"/>
      <c r="KPC665" s="613"/>
      <c r="KPD665" s="613"/>
      <c r="KPE665" s="613"/>
      <c r="KPF665" s="613"/>
      <c r="KPG665" s="613"/>
      <c r="KPH665" s="613"/>
      <c r="KPI665" s="613"/>
      <c r="KPJ665" s="613"/>
      <c r="KPK665" s="613"/>
      <c r="KPL665" s="613"/>
      <c r="KPM665" s="613"/>
      <c r="KPN665" s="613"/>
      <c r="KPO665" s="613"/>
      <c r="KPP665" s="613"/>
      <c r="KPQ665" s="613"/>
      <c r="KPR665" s="613"/>
      <c r="KPS665" s="613"/>
      <c r="KPT665" s="613"/>
      <c r="KPU665" s="613"/>
      <c r="KPV665" s="613"/>
      <c r="KPW665" s="613"/>
      <c r="KPX665" s="613"/>
      <c r="KPY665" s="613"/>
      <c r="KPZ665" s="613"/>
      <c r="KQA665" s="613"/>
      <c r="KQB665" s="613"/>
      <c r="KQC665" s="613"/>
      <c r="KQD665" s="613"/>
      <c r="KQE665" s="613"/>
      <c r="KQF665" s="613"/>
      <c r="KQG665" s="613"/>
      <c r="KQH665" s="613"/>
      <c r="KQI665" s="613"/>
      <c r="KQJ665" s="613"/>
      <c r="KQK665" s="613"/>
      <c r="KQL665" s="613"/>
      <c r="KQM665" s="613"/>
      <c r="KQN665" s="613"/>
      <c r="KQO665" s="613"/>
      <c r="KQP665" s="613"/>
      <c r="KQQ665" s="613"/>
      <c r="KQR665" s="613"/>
      <c r="KQS665" s="613"/>
      <c r="KQT665" s="613"/>
      <c r="KQU665" s="613"/>
      <c r="KQV665" s="613"/>
      <c r="KQW665" s="613"/>
      <c r="KQX665" s="613"/>
      <c r="KQY665" s="613"/>
      <c r="KQZ665" s="613"/>
      <c r="KRA665" s="613"/>
      <c r="KRB665" s="613"/>
      <c r="KRC665" s="613"/>
      <c r="KRD665" s="613"/>
      <c r="KRE665" s="613"/>
      <c r="KRF665" s="613"/>
      <c r="KRG665" s="613"/>
      <c r="KRH665" s="613"/>
      <c r="KRI665" s="613"/>
      <c r="KRJ665" s="613"/>
      <c r="KRK665" s="613"/>
      <c r="KRL665" s="613"/>
      <c r="KRM665" s="613"/>
      <c r="KRN665" s="613"/>
      <c r="KRO665" s="613"/>
      <c r="KRP665" s="613"/>
      <c r="KRQ665" s="613"/>
      <c r="KRR665" s="613"/>
      <c r="KRS665" s="613"/>
      <c r="KRT665" s="613"/>
      <c r="KRU665" s="613"/>
      <c r="KRV665" s="613"/>
      <c r="KRW665" s="613"/>
      <c r="KRX665" s="613"/>
      <c r="KRY665" s="613"/>
      <c r="KRZ665" s="613"/>
      <c r="KSA665" s="613"/>
      <c r="KSB665" s="613"/>
      <c r="KSC665" s="613"/>
      <c r="KSD665" s="613"/>
      <c r="KSE665" s="613"/>
      <c r="KSF665" s="613"/>
      <c r="KSG665" s="613"/>
      <c r="KSH665" s="613"/>
      <c r="KSI665" s="613"/>
      <c r="KSJ665" s="613"/>
      <c r="KSK665" s="613"/>
      <c r="KSL665" s="613"/>
      <c r="KSM665" s="613"/>
      <c r="KSN665" s="613"/>
      <c r="KSO665" s="613"/>
      <c r="KSP665" s="613"/>
      <c r="KSQ665" s="613"/>
      <c r="KSR665" s="613"/>
      <c r="KSS665" s="613"/>
      <c r="KST665" s="613"/>
      <c r="KSU665" s="613"/>
      <c r="KSV665" s="613"/>
      <c r="KSW665" s="613"/>
      <c r="KSX665" s="613"/>
      <c r="KSY665" s="613"/>
      <c r="KSZ665" s="613"/>
      <c r="KTA665" s="613"/>
      <c r="KTB665" s="613"/>
      <c r="KTC665" s="613"/>
      <c r="KTD665" s="613"/>
      <c r="KTE665" s="613"/>
      <c r="KTF665" s="613"/>
      <c r="KTG665" s="613"/>
      <c r="KTH665" s="613"/>
      <c r="KTI665" s="613"/>
      <c r="KTJ665" s="613"/>
      <c r="KTK665" s="613"/>
      <c r="KTL665" s="613"/>
      <c r="KTM665" s="613"/>
      <c r="KTN665" s="613"/>
      <c r="KTO665" s="613"/>
      <c r="KTP665" s="613"/>
      <c r="KTQ665" s="613"/>
      <c r="KTR665" s="613"/>
      <c r="KTS665" s="613"/>
      <c r="KTT665" s="613"/>
      <c r="KTU665" s="613"/>
      <c r="KTV665" s="613"/>
      <c r="KTW665" s="613"/>
      <c r="KTX665" s="613"/>
      <c r="KTY665" s="613"/>
      <c r="KTZ665" s="613"/>
      <c r="KUA665" s="613"/>
      <c r="KUB665" s="613"/>
      <c r="KUC665" s="613"/>
      <c r="KUD665" s="613"/>
      <c r="KUE665" s="613"/>
      <c r="KUF665" s="613"/>
      <c r="KUG665" s="613"/>
      <c r="KUH665" s="613"/>
      <c r="KUI665" s="613"/>
      <c r="KUJ665" s="613"/>
      <c r="KUK665" s="613"/>
      <c r="KUL665" s="613"/>
      <c r="KUM665" s="613"/>
      <c r="KUN665" s="613"/>
      <c r="KUO665" s="613"/>
      <c r="KUP665" s="613"/>
      <c r="KUQ665" s="613"/>
      <c r="KUR665" s="613"/>
      <c r="KUS665" s="613"/>
      <c r="KUT665" s="613"/>
      <c r="KUU665" s="613"/>
      <c r="KUV665" s="613"/>
      <c r="KUW665" s="613"/>
      <c r="KUX665" s="613"/>
      <c r="KUY665" s="613"/>
      <c r="KUZ665" s="613"/>
      <c r="KVA665" s="613"/>
      <c r="KVB665" s="613"/>
      <c r="KVC665" s="613"/>
      <c r="KVD665" s="613"/>
      <c r="KVE665" s="613"/>
      <c r="KVF665" s="613"/>
      <c r="KVG665" s="613"/>
      <c r="KVH665" s="613"/>
      <c r="KVI665" s="613"/>
      <c r="KVJ665" s="613"/>
      <c r="KVK665" s="613"/>
      <c r="KVL665" s="613"/>
      <c r="KVM665" s="613"/>
      <c r="KVN665" s="613"/>
      <c r="KVO665" s="613"/>
      <c r="KVP665" s="613"/>
      <c r="KVQ665" s="613"/>
      <c r="KVR665" s="613"/>
      <c r="KVS665" s="613"/>
      <c r="KVT665" s="613"/>
      <c r="KVU665" s="613"/>
      <c r="KVV665" s="613"/>
      <c r="KVW665" s="613"/>
      <c r="KVX665" s="613"/>
      <c r="KVY665" s="613"/>
      <c r="KVZ665" s="613"/>
      <c r="KWA665" s="613"/>
      <c r="KWB665" s="613"/>
      <c r="KWC665" s="613"/>
      <c r="KWD665" s="613"/>
      <c r="KWE665" s="613"/>
      <c r="KWF665" s="613"/>
      <c r="KWG665" s="613"/>
      <c r="KWH665" s="613"/>
      <c r="KWI665" s="613"/>
      <c r="KWJ665" s="613"/>
      <c r="KWK665" s="613"/>
      <c r="KWL665" s="613"/>
      <c r="KWM665" s="613"/>
      <c r="KWN665" s="613"/>
      <c r="KWO665" s="613"/>
      <c r="KWP665" s="613"/>
      <c r="KWQ665" s="613"/>
      <c r="KWR665" s="613"/>
      <c r="KWS665" s="613"/>
      <c r="KWT665" s="613"/>
      <c r="KWU665" s="613"/>
      <c r="KWV665" s="613"/>
      <c r="KWW665" s="613"/>
      <c r="KWX665" s="613"/>
      <c r="KWY665" s="613"/>
      <c r="KWZ665" s="613"/>
      <c r="KXA665" s="613"/>
      <c r="KXB665" s="613"/>
      <c r="KXC665" s="613"/>
      <c r="KXD665" s="613"/>
      <c r="KXE665" s="613"/>
      <c r="KXF665" s="613"/>
      <c r="KXG665" s="613"/>
      <c r="KXH665" s="613"/>
      <c r="KXI665" s="613"/>
      <c r="KXJ665" s="613"/>
      <c r="KXK665" s="613"/>
      <c r="KXL665" s="613"/>
      <c r="KXM665" s="613"/>
      <c r="KXN665" s="613"/>
      <c r="KXO665" s="613"/>
      <c r="KXP665" s="613"/>
      <c r="KXQ665" s="613"/>
      <c r="KXR665" s="613"/>
      <c r="KXS665" s="613"/>
      <c r="KXT665" s="613"/>
      <c r="KXU665" s="613"/>
      <c r="KXV665" s="613"/>
      <c r="KXW665" s="613"/>
      <c r="KXX665" s="613"/>
      <c r="KXY665" s="613"/>
      <c r="KXZ665" s="613"/>
      <c r="KYA665" s="613"/>
      <c r="KYB665" s="613"/>
      <c r="KYC665" s="613"/>
      <c r="KYD665" s="613"/>
      <c r="KYE665" s="613"/>
      <c r="KYF665" s="613"/>
      <c r="KYG665" s="613"/>
      <c r="KYH665" s="613"/>
      <c r="KYI665" s="613"/>
      <c r="KYJ665" s="613"/>
      <c r="KYK665" s="613"/>
      <c r="KYL665" s="613"/>
      <c r="KYM665" s="613"/>
      <c r="KYN665" s="613"/>
      <c r="KYO665" s="613"/>
      <c r="KYP665" s="613"/>
      <c r="KYQ665" s="613"/>
      <c r="KYR665" s="613"/>
      <c r="KYS665" s="613"/>
      <c r="KYT665" s="613"/>
      <c r="KYU665" s="613"/>
      <c r="KYV665" s="613"/>
      <c r="KYW665" s="613"/>
      <c r="KYX665" s="613"/>
      <c r="KYY665" s="613"/>
      <c r="KYZ665" s="613"/>
      <c r="KZA665" s="613"/>
      <c r="KZB665" s="613"/>
      <c r="KZC665" s="613"/>
      <c r="KZD665" s="613"/>
      <c r="KZE665" s="613"/>
      <c r="KZF665" s="613"/>
      <c r="KZG665" s="613"/>
      <c r="KZH665" s="613"/>
      <c r="KZI665" s="613"/>
      <c r="KZJ665" s="613"/>
      <c r="KZK665" s="613"/>
      <c r="KZL665" s="613"/>
      <c r="KZM665" s="613"/>
      <c r="KZN665" s="613"/>
      <c r="KZO665" s="613"/>
      <c r="KZP665" s="613"/>
      <c r="KZQ665" s="613"/>
      <c r="KZR665" s="613"/>
      <c r="KZS665" s="613"/>
      <c r="KZT665" s="613"/>
      <c r="KZU665" s="613"/>
      <c r="KZV665" s="613"/>
      <c r="KZW665" s="613"/>
      <c r="KZX665" s="613"/>
      <c r="KZY665" s="613"/>
      <c r="KZZ665" s="613"/>
      <c r="LAA665" s="613"/>
      <c r="LAB665" s="613"/>
      <c r="LAC665" s="613"/>
      <c r="LAD665" s="613"/>
      <c r="LAE665" s="613"/>
      <c r="LAF665" s="613"/>
      <c r="LAG665" s="613"/>
      <c r="LAH665" s="613"/>
      <c r="LAI665" s="613"/>
      <c r="LAJ665" s="613"/>
      <c r="LAK665" s="613"/>
      <c r="LAL665" s="613"/>
      <c r="LAM665" s="613"/>
      <c r="LAN665" s="613"/>
      <c r="LAO665" s="613"/>
      <c r="LAP665" s="613"/>
      <c r="LAQ665" s="613"/>
      <c r="LAR665" s="613"/>
      <c r="LAS665" s="613"/>
      <c r="LAT665" s="613"/>
      <c r="LAU665" s="613"/>
      <c r="LAV665" s="613"/>
      <c r="LAW665" s="613"/>
      <c r="LAX665" s="613"/>
      <c r="LAY665" s="613"/>
      <c r="LAZ665" s="613"/>
      <c r="LBA665" s="613"/>
      <c r="LBB665" s="613"/>
      <c r="LBC665" s="613"/>
      <c r="LBD665" s="613"/>
      <c r="LBE665" s="613"/>
      <c r="LBF665" s="613"/>
      <c r="LBG665" s="613"/>
      <c r="LBH665" s="613"/>
      <c r="LBI665" s="613"/>
      <c r="LBJ665" s="613"/>
      <c r="LBK665" s="613"/>
      <c r="LBL665" s="613"/>
      <c r="LBM665" s="613"/>
      <c r="LBN665" s="613"/>
      <c r="LBO665" s="613"/>
      <c r="LBP665" s="613"/>
      <c r="LBQ665" s="613"/>
      <c r="LBR665" s="613"/>
      <c r="LBS665" s="613"/>
      <c r="LBT665" s="613"/>
      <c r="LBU665" s="613"/>
      <c r="LBV665" s="613"/>
      <c r="LBW665" s="613"/>
      <c r="LBX665" s="613"/>
      <c r="LBY665" s="613"/>
      <c r="LBZ665" s="613"/>
      <c r="LCA665" s="613"/>
      <c r="LCB665" s="613"/>
      <c r="LCC665" s="613"/>
      <c r="LCD665" s="613"/>
      <c r="LCE665" s="613"/>
      <c r="LCF665" s="613"/>
      <c r="LCG665" s="613"/>
      <c r="LCH665" s="613"/>
      <c r="LCI665" s="613"/>
      <c r="LCJ665" s="613"/>
      <c r="LCK665" s="613"/>
      <c r="LCL665" s="613"/>
      <c r="LCM665" s="613"/>
      <c r="LCN665" s="613"/>
      <c r="LCO665" s="613"/>
      <c r="LCP665" s="613"/>
      <c r="LCQ665" s="613"/>
      <c r="LCR665" s="613"/>
      <c r="LCS665" s="613"/>
      <c r="LCT665" s="613"/>
      <c r="LCU665" s="613"/>
      <c r="LCV665" s="613"/>
      <c r="LCW665" s="613"/>
      <c r="LCX665" s="613"/>
      <c r="LCY665" s="613"/>
      <c r="LCZ665" s="613"/>
      <c r="LDA665" s="613"/>
      <c r="LDB665" s="613"/>
      <c r="LDC665" s="613"/>
      <c r="LDD665" s="613"/>
      <c r="LDE665" s="613"/>
      <c r="LDF665" s="613"/>
      <c r="LDG665" s="613"/>
      <c r="LDH665" s="613"/>
      <c r="LDI665" s="613"/>
      <c r="LDJ665" s="613"/>
      <c r="LDK665" s="613"/>
      <c r="LDL665" s="613"/>
      <c r="LDM665" s="613"/>
      <c r="LDN665" s="613"/>
      <c r="LDO665" s="613"/>
      <c r="LDP665" s="613"/>
      <c r="LDQ665" s="613"/>
      <c r="LDR665" s="613"/>
      <c r="LDS665" s="613"/>
      <c r="LDT665" s="613"/>
      <c r="LDU665" s="613"/>
      <c r="LDV665" s="613"/>
      <c r="LDW665" s="613"/>
      <c r="LDX665" s="613"/>
      <c r="LDY665" s="613"/>
      <c r="LDZ665" s="613"/>
      <c r="LEA665" s="613"/>
      <c r="LEB665" s="613"/>
      <c r="LEC665" s="613"/>
      <c r="LED665" s="613"/>
      <c r="LEE665" s="613"/>
      <c r="LEF665" s="613"/>
      <c r="LEG665" s="613"/>
      <c r="LEH665" s="613"/>
      <c r="LEI665" s="613"/>
      <c r="LEJ665" s="613"/>
      <c r="LEK665" s="613"/>
      <c r="LEL665" s="613"/>
      <c r="LEM665" s="613"/>
      <c r="LEN665" s="613"/>
      <c r="LEO665" s="613"/>
      <c r="LEP665" s="613"/>
      <c r="LEQ665" s="613"/>
      <c r="LER665" s="613"/>
      <c r="LES665" s="613"/>
      <c r="LET665" s="613"/>
      <c r="LEU665" s="613"/>
      <c r="LEV665" s="613"/>
      <c r="LEW665" s="613"/>
      <c r="LEX665" s="613"/>
      <c r="LEY665" s="613"/>
      <c r="LEZ665" s="613"/>
      <c r="LFA665" s="613"/>
      <c r="LFB665" s="613"/>
      <c r="LFC665" s="613"/>
      <c r="LFD665" s="613"/>
      <c r="LFE665" s="613"/>
      <c r="LFF665" s="613"/>
      <c r="LFG665" s="613"/>
      <c r="LFH665" s="613"/>
      <c r="LFI665" s="613"/>
      <c r="LFJ665" s="613"/>
      <c r="LFK665" s="613"/>
      <c r="LFL665" s="613"/>
      <c r="LFM665" s="613"/>
      <c r="LFN665" s="613"/>
      <c r="LFO665" s="613"/>
      <c r="LFP665" s="613"/>
      <c r="LFQ665" s="613"/>
      <c r="LFR665" s="613"/>
      <c r="LFS665" s="613"/>
      <c r="LFT665" s="613"/>
      <c r="LFU665" s="613"/>
      <c r="LFV665" s="613"/>
      <c r="LFW665" s="613"/>
      <c r="LFX665" s="613"/>
      <c r="LFY665" s="613"/>
      <c r="LFZ665" s="613"/>
      <c r="LGA665" s="613"/>
      <c r="LGB665" s="613"/>
      <c r="LGC665" s="613"/>
      <c r="LGD665" s="613"/>
      <c r="LGE665" s="613"/>
      <c r="LGF665" s="613"/>
      <c r="LGG665" s="613"/>
      <c r="LGH665" s="613"/>
      <c r="LGI665" s="613"/>
      <c r="LGJ665" s="613"/>
      <c r="LGK665" s="613"/>
      <c r="LGL665" s="613"/>
      <c r="LGM665" s="613"/>
      <c r="LGN665" s="613"/>
      <c r="LGO665" s="613"/>
      <c r="LGP665" s="613"/>
      <c r="LGQ665" s="613"/>
      <c r="LGR665" s="613"/>
      <c r="LGS665" s="613"/>
      <c r="LGT665" s="613"/>
      <c r="LGU665" s="613"/>
      <c r="LGV665" s="613"/>
      <c r="LGW665" s="613"/>
      <c r="LGX665" s="613"/>
      <c r="LGY665" s="613"/>
      <c r="LGZ665" s="613"/>
      <c r="LHA665" s="613"/>
      <c r="LHB665" s="613"/>
      <c r="LHC665" s="613"/>
      <c r="LHD665" s="613"/>
      <c r="LHE665" s="613"/>
      <c r="LHF665" s="613"/>
      <c r="LHG665" s="613"/>
      <c r="LHH665" s="613"/>
      <c r="LHI665" s="613"/>
      <c r="LHJ665" s="613"/>
      <c r="LHK665" s="613"/>
      <c r="LHL665" s="613"/>
      <c r="LHM665" s="613"/>
      <c r="LHN665" s="613"/>
      <c r="LHO665" s="613"/>
      <c r="LHP665" s="613"/>
      <c r="LHQ665" s="613"/>
      <c r="LHR665" s="613"/>
      <c r="LHS665" s="613"/>
      <c r="LHT665" s="613"/>
      <c r="LHU665" s="613"/>
      <c r="LHV665" s="613"/>
      <c r="LHW665" s="613"/>
      <c r="LHX665" s="613"/>
      <c r="LHY665" s="613"/>
      <c r="LHZ665" s="613"/>
      <c r="LIA665" s="613"/>
      <c r="LIB665" s="613"/>
      <c r="LIC665" s="613"/>
      <c r="LID665" s="613"/>
      <c r="LIE665" s="613"/>
      <c r="LIF665" s="613"/>
      <c r="LIG665" s="613"/>
      <c r="LIH665" s="613"/>
      <c r="LII665" s="613"/>
      <c r="LIJ665" s="613"/>
      <c r="LIK665" s="613"/>
      <c r="LIL665" s="613"/>
      <c r="LIM665" s="613"/>
      <c r="LIN665" s="613"/>
      <c r="LIO665" s="613"/>
      <c r="LIP665" s="613"/>
      <c r="LIQ665" s="613"/>
      <c r="LIR665" s="613"/>
      <c r="LIS665" s="613"/>
      <c r="LIT665" s="613"/>
      <c r="LIU665" s="613"/>
      <c r="LIV665" s="613"/>
      <c r="LIW665" s="613"/>
      <c r="LIX665" s="613"/>
      <c r="LIY665" s="613"/>
      <c r="LIZ665" s="613"/>
      <c r="LJA665" s="613"/>
      <c r="LJB665" s="613"/>
      <c r="LJC665" s="613"/>
      <c r="LJD665" s="613"/>
      <c r="LJE665" s="613"/>
      <c r="LJF665" s="613"/>
      <c r="LJG665" s="613"/>
      <c r="LJH665" s="613"/>
      <c r="LJI665" s="613"/>
      <c r="LJJ665" s="613"/>
      <c r="LJK665" s="613"/>
      <c r="LJL665" s="613"/>
      <c r="LJM665" s="613"/>
      <c r="LJN665" s="613"/>
      <c r="LJO665" s="613"/>
      <c r="LJP665" s="613"/>
      <c r="LJQ665" s="613"/>
      <c r="LJR665" s="613"/>
      <c r="LJS665" s="613"/>
      <c r="LJT665" s="613"/>
      <c r="LJU665" s="613"/>
      <c r="LJV665" s="613"/>
      <c r="LJW665" s="613"/>
      <c r="LJX665" s="613"/>
      <c r="LJY665" s="613"/>
      <c r="LJZ665" s="613"/>
      <c r="LKA665" s="613"/>
      <c r="LKB665" s="613"/>
      <c r="LKC665" s="613"/>
      <c r="LKD665" s="613"/>
      <c r="LKE665" s="613"/>
      <c r="LKF665" s="613"/>
      <c r="LKG665" s="613"/>
      <c r="LKH665" s="613"/>
      <c r="LKI665" s="613"/>
      <c r="LKJ665" s="613"/>
      <c r="LKK665" s="613"/>
      <c r="LKL665" s="613"/>
      <c r="LKM665" s="613"/>
      <c r="LKN665" s="613"/>
      <c r="LKO665" s="613"/>
      <c r="LKP665" s="613"/>
      <c r="LKQ665" s="613"/>
      <c r="LKR665" s="613"/>
      <c r="LKS665" s="613"/>
      <c r="LKT665" s="613"/>
      <c r="LKU665" s="613"/>
      <c r="LKV665" s="613"/>
      <c r="LKW665" s="613"/>
      <c r="LKX665" s="613"/>
      <c r="LKY665" s="613"/>
      <c r="LKZ665" s="613"/>
      <c r="LLA665" s="613"/>
      <c r="LLB665" s="613"/>
      <c r="LLC665" s="613"/>
      <c r="LLD665" s="613"/>
      <c r="LLE665" s="613"/>
      <c r="LLF665" s="613"/>
      <c r="LLG665" s="613"/>
      <c r="LLH665" s="613"/>
      <c r="LLI665" s="613"/>
      <c r="LLJ665" s="613"/>
      <c r="LLK665" s="613"/>
      <c r="LLL665" s="613"/>
      <c r="LLM665" s="613"/>
      <c r="LLN665" s="613"/>
      <c r="LLO665" s="613"/>
      <c r="LLP665" s="613"/>
      <c r="LLQ665" s="613"/>
      <c r="LLR665" s="613"/>
      <c r="LLS665" s="613"/>
      <c r="LLT665" s="613"/>
      <c r="LLU665" s="613"/>
      <c r="LLV665" s="613"/>
      <c r="LLW665" s="613"/>
      <c r="LLX665" s="613"/>
      <c r="LLY665" s="613"/>
      <c r="LLZ665" s="613"/>
      <c r="LMA665" s="613"/>
      <c r="LMB665" s="613"/>
      <c r="LMC665" s="613"/>
      <c r="LMD665" s="613"/>
      <c r="LME665" s="613"/>
      <c r="LMF665" s="613"/>
      <c r="LMG665" s="613"/>
      <c r="LMH665" s="613"/>
      <c r="LMI665" s="613"/>
      <c r="LMJ665" s="613"/>
      <c r="LMK665" s="613"/>
      <c r="LML665" s="613"/>
      <c r="LMM665" s="613"/>
      <c r="LMN665" s="613"/>
      <c r="LMO665" s="613"/>
      <c r="LMP665" s="613"/>
      <c r="LMQ665" s="613"/>
      <c r="LMR665" s="613"/>
      <c r="LMS665" s="613"/>
      <c r="LMT665" s="613"/>
      <c r="LMU665" s="613"/>
      <c r="LMV665" s="613"/>
      <c r="LMW665" s="613"/>
      <c r="LMX665" s="613"/>
      <c r="LMY665" s="613"/>
      <c r="LMZ665" s="613"/>
      <c r="LNA665" s="613"/>
      <c r="LNB665" s="613"/>
      <c r="LNC665" s="613"/>
      <c r="LND665" s="613"/>
      <c r="LNE665" s="613"/>
      <c r="LNF665" s="613"/>
      <c r="LNG665" s="613"/>
      <c r="LNH665" s="613"/>
      <c r="LNI665" s="613"/>
      <c r="LNJ665" s="613"/>
      <c r="LNK665" s="613"/>
      <c r="LNL665" s="613"/>
      <c r="LNM665" s="613"/>
      <c r="LNN665" s="613"/>
      <c r="LNO665" s="613"/>
      <c r="LNP665" s="613"/>
      <c r="LNQ665" s="613"/>
      <c r="LNR665" s="613"/>
      <c r="LNS665" s="613"/>
      <c r="LNT665" s="613"/>
      <c r="LNU665" s="613"/>
      <c r="LNV665" s="613"/>
      <c r="LNW665" s="613"/>
      <c r="LNX665" s="613"/>
      <c r="LNY665" s="613"/>
      <c r="LNZ665" s="613"/>
      <c r="LOA665" s="613"/>
      <c r="LOB665" s="613"/>
      <c r="LOC665" s="613"/>
      <c r="LOD665" s="613"/>
      <c r="LOE665" s="613"/>
      <c r="LOF665" s="613"/>
      <c r="LOG665" s="613"/>
      <c r="LOH665" s="613"/>
      <c r="LOI665" s="613"/>
      <c r="LOJ665" s="613"/>
      <c r="LOK665" s="613"/>
      <c r="LOL665" s="613"/>
      <c r="LOM665" s="613"/>
      <c r="LON665" s="613"/>
      <c r="LOO665" s="613"/>
      <c r="LOP665" s="613"/>
      <c r="LOQ665" s="613"/>
      <c r="LOR665" s="613"/>
      <c r="LOS665" s="613"/>
      <c r="LOT665" s="613"/>
      <c r="LOU665" s="613"/>
      <c r="LOV665" s="613"/>
      <c r="LOW665" s="613"/>
      <c r="LOX665" s="613"/>
      <c r="LOY665" s="613"/>
      <c r="LOZ665" s="613"/>
      <c r="LPA665" s="613"/>
      <c r="LPB665" s="613"/>
      <c r="LPC665" s="613"/>
      <c r="LPD665" s="613"/>
      <c r="LPE665" s="613"/>
      <c r="LPF665" s="613"/>
      <c r="LPG665" s="613"/>
      <c r="LPH665" s="613"/>
      <c r="LPI665" s="613"/>
      <c r="LPJ665" s="613"/>
      <c r="LPK665" s="613"/>
      <c r="LPL665" s="613"/>
      <c r="LPM665" s="613"/>
      <c r="LPN665" s="613"/>
      <c r="LPO665" s="613"/>
      <c r="LPP665" s="613"/>
      <c r="LPQ665" s="613"/>
      <c r="LPR665" s="613"/>
      <c r="LPS665" s="613"/>
      <c r="LPT665" s="613"/>
      <c r="LPU665" s="613"/>
      <c r="LPV665" s="613"/>
      <c r="LPW665" s="613"/>
      <c r="LPX665" s="613"/>
      <c r="LPY665" s="613"/>
      <c r="LPZ665" s="613"/>
      <c r="LQA665" s="613"/>
      <c r="LQB665" s="613"/>
      <c r="LQC665" s="613"/>
      <c r="LQD665" s="613"/>
      <c r="LQE665" s="613"/>
      <c r="LQF665" s="613"/>
      <c r="LQG665" s="613"/>
      <c r="LQH665" s="613"/>
      <c r="LQI665" s="613"/>
      <c r="LQJ665" s="613"/>
      <c r="LQK665" s="613"/>
      <c r="LQL665" s="613"/>
      <c r="LQM665" s="613"/>
      <c r="LQN665" s="613"/>
      <c r="LQO665" s="613"/>
      <c r="LQP665" s="613"/>
      <c r="LQQ665" s="613"/>
      <c r="LQR665" s="613"/>
      <c r="LQS665" s="613"/>
      <c r="LQT665" s="613"/>
      <c r="LQU665" s="613"/>
      <c r="LQV665" s="613"/>
      <c r="LQW665" s="613"/>
      <c r="LQX665" s="613"/>
      <c r="LQY665" s="613"/>
      <c r="LQZ665" s="613"/>
      <c r="LRA665" s="613"/>
      <c r="LRB665" s="613"/>
      <c r="LRC665" s="613"/>
      <c r="LRD665" s="613"/>
      <c r="LRE665" s="613"/>
      <c r="LRF665" s="613"/>
      <c r="LRG665" s="613"/>
      <c r="LRH665" s="613"/>
      <c r="LRI665" s="613"/>
      <c r="LRJ665" s="613"/>
      <c r="LRK665" s="613"/>
      <c r="LRL665" s="613"/>
      <c r="LRM665" s="613"/>
      <c r="LRN665" s="613"/>
      <c r="LRO665" s="613"/>
      <c r="LRP665" s="613"/>
      <c r="LRQ665" s="613"/>
      <c r="LRR665" s="613"/>
      <c r="LRS665" s="613"/>
      <c r="LRT665" s="613"/>
      <c r="LRU665" s="613"/>
      <c r="LRV665" s="613"/>
      <c r="LRW665" s="613"/>
      <c r="LRX665" s="613"/>
      <c r="LRY665" s="613"/>
      <c r="LRZ665" s="613"/>
      <c r="LSA665" s="613"/>
      <c r="LSB665" s="613"/>
      <c r="LSC665" s="613"/>
      <c r="LSD665" s="613"/>
      <c r="LSE665" s="613"/>
      <c r="LSF665" s="613"/>
      <c r="LSG665" s="613"/>
      <c r="LSH665" s="613"/>
      <c r="LSI665" s="613"/>
      <c r="LSJ665" s="613"/>
      <c r="LSK665" s="613"/>
      <c r="LSL665" s="613"/>
      <c r="LSM665" s="613"/>
      <c r="LSN665" s="613"/>
      <c r="LSO665" s="613"/>
      <c r="LSP665" s="613"/>
      <c r="LSQ665" s="613"/>
      <c r="LSR665" s="613"/>
      <c r="LSS665" s="613"/>
      <c r="LST665" s="613"/>
      <c r="LSU665" s="613"/>
      <c r="LSV665" s="613"/>
      <c r="LSW665" s="613"/>
      <c r="LSX665" s="613"/>
      <c r="LSY665" s="613"/>
      <c r="LSZ665" s="613"/>
      <c r="LTA665" s="613"/>
      <c r="LTB665" s="613"/>
      <c r="LTC665" s="613"/>
      <c r="LTD665" s="613"/>
      <c r="LTE665" s="613"/>
      <c r="LTF665" s="613"/>
      <c r="LTG665" s="613"/>
      <c r="LTH665" s="613"/>
      <c r="LTI665" s="613"/>
      <c r="LTJ665" s="613"/>
      <c r="LTK665" s="613"/>
      <c r="LTL665" s="613"/>
      <c r="LTM665" s="613"/>
      <c r="LTN665" s="613"/>
      <c r="LTO665" s="613"/>
      <c r="LTP665" s="613"/>
      <c r="LTQ665" s="613"/>
      <c r="LTR665" s="613"/>
      <c r="LTS665" s="613"/>
      <c r="LTT665" s="613"/>
      <c r="LTU665" s="613"/>
      <c r="LTV665" s="613"/>
      <c r="LTW665" s="613"/>
      <c r="LTX665" s="613"/>
      <c r="LTY665" s="613"/>
      <c r="LTZ665" s="613"/>
      <c r="LUA665" s="613"/>
      <c r="LUB665" s="613"/>
      <c r="LUC665" s="613"/>
      <c r="LUD665" s="613"/>
      <c r="LUE665" s="613"/>
      <c r="LUF665" s="613"/>
      <c r="LUG665" s="613"/>
      <c r="LUH665" s="613"/>
      <c r="LUI665" s="613"/>
      <c r="LUJ665" s="613"/>
      <c r="LUK665" s="613"/>
      <c r="LUL665" s="613"/>
      <c r="LUM665" s="613"/>
      <c r="LUN665" s="613"/>
      <c r="LUO665" s="613"/>
      <c r="LUP665" s="613"/>
      <c r="LUQ665" s="613"/>
      <c r="LUR665" s="613"/>
      <c r="LUS665" s="613"/>
      <c r="LUT665" s="613"/>
      <c r="LUU665" s="613"/>
      <c r="LUV665" s="613"/>
      <c r="LUW665" s="613"/>
      <c r="LUX665" s="613"/>
      <c r="LUY665" s="613"/>
      <c r="LUZ665" s="613"/>
      <c r="LVA665" s="613"/>
      <c r="LVB665" s="613"/>
      <c r="LVC665" s="613"/>
      <c r="LVD665" s="613"/>
      <c r="LVE665" s="613"/>
      <c r="LVF665" s="613"/>
      <c r="LVG665" s="613"/>
      <c r="LVH665" s="613"/>
      <c r="LVI665" s="613"/>
      <c r="LVJ665" s="613"/>
      <c r="LVK665" s="613"/>
      <c r="LVL665" s="613"/>
      <c r="LVM665" s="613"/>
      <c r="LVN665" s="613"/>
      <c r="LVO665" s="613"/>
      <c r="LVP665" s="613"/>
      <c r="LVQ665" s="613"/>
      <c r="LVR665" s="613"/>
      <c r="LVS665" s="613"/>
      <c r="LVT665" s="613"/>
      <c r="LVU665" s="613"/>
      <c r="LVV665" s="613"/>
      <c r="LVW665" s="613"/>
      <c r="LVX665" s="613"/>
      <c r="LVY665" s="613"/>
      <c r="LVZ665" s="613"/>
      <c r="LWA665" s="613"/>
      <c r="LWB665" s="613"/>
      <c r="LWC665" s="613"/>
      <c r="LWD665" s="613"/>
      <c r="LWE665" s="613"/>
      <c r="LWF665" s="613"/>
      <c r="LWG665" s="613"/>
      <c r="LWH665" s="613"/>
      <c r="LWI665" s="613"/>
      <c r="LWJ665" s="613"/>
      <c r="LWK665" s="613"/>
      <c r="LWL665" s="613"/>
      <c r="LWM665" s="613"/>
      <c r="LWN665" s="613"/>
      <c r="LWO665" s="613"/>
      <c r="LWP665" s="613"/>
      <c r="LWQ665" s="613"/>
      <c r="LWR665" s="613"/>
      <c r="LWS665" s="613"/>
      <c r="LWT665" s="613"/>
      <c r="LWU665" s="613"/>
      <c r="LWV665" s="613"/>
      <c r="LWW665" s="613"/>
      <c r="LWX665" s="613"/>
      <c r="LWY665" s="613"/>
      <c r="LWZ665" s="613"/>
      <c r="LXA665" s="613"/>
      <c r="LXB665" s="613"/>
      <c r="LXC665" s="613"/>
      <c r="LXD665" s="613"/>
      <c r="LXE665" s="613"/>
      <c r="LXF665" s="613"/>
      <c r="LXG665" s="613"/>
      <c r="LXH665" s="613"/>
      <c r="LXI665" s="613"/>
      <c r="LXJ665" s="613"/>
      <c r="LXK665" s="613"/>
      <c r="LXL665" s="613"/>
      <c r="LXM665" s="613"/>
      <c r="LXN665" s="613"/>
      <c r="LXO665" s="613"/>
      <c r="LXP665" s="613"/>
      <c r="LXQ665" s="613"/>
      <c r="LXR665" s="613"/>
      <c r="LXS665" s="613"/>
      <c r="LXT665" s="613"/>
      <c r="LXU665" s="613"/>
      <c r="LXV665" s="613"/>
      <c r="LXW665" s="613"/>
      <c r="LXX665" s="613"/>
      <c r="LXY665" s="613"/>
      <c r="LXZ665" s="613"/>
      <c r="LYA665" s="613"/>
      <c r="LYB665" s="613"/>
      <c r="LYC665" s="613"/>
      <c r="LYD665" s="613"/>
      <c r="LYE665" s="613"/>
      <c r="LYF665" s="613"/>
      <c r="LYG665" s="613"/>
      <c r="LYH665" s="613"/>
      <c r="LYI665" s="613"/>
      <c r="LYJ665" s="613"/>
      <c r="LYK665" s="613"/>
      <c r="LYL665" s="613"/>
      <c r="LYM665" s="613"/>
      <c r="LYN665" s="613"/>
      <c r="LYO665" s="613"/>
      <c r="LYP665" s="613"/>
      <c r="LYQ665" s="613"/>
      <c r="LYR665" s="613"/>
      <c r="LYS665" s="613"/>
      <c r="LYT665" s="613"/>
      <c r="LYU665" s="613"/>
      <c r="LYV665" s="613"/>
      <c r="LYW665" s="613"/>
      <c r="LYX665" s="613"/>
      <c r="LYY665" s="613"/>
      <c r="LYZ665" s="613"/>
      <c r="LZA665" s="613"/>
      <c r="LZB665" s="613"/>
      <c r="LZC665" s="613"/>
      <c r="LZD665" s="613"/>
      <c r="LZE665" s="613"/>
      <c r="LZF665" s="613"/>
      <c r="LZG665" s="613"/>
      <c r="LZH665" s="613"/>
      <c r="LZI665" s="613"/>
      <c r="LZJ665" s="613"/>
      <c r="LZK665" s="613"/>
      <c r="LZL665" s="613"/>
      <c r="LZM665" s="613"/>
      <c r="LZN665" s="613"/>
      <c r="LZO665" s="613"/>
      <c r="LZP665" s="613"/>
      <c r="LZQ665" s="613"/>
      <c r="LZR665" s="613"/>
      <c r="LZS665" s="613"/>
      <c r="LZT665" s="613"/>
      <c r="LZU665" s="613"/>
      <c r="LZV665" s="613"/>
      <c r="LZW665" s="613"/>
      <c r="LZX665" s="613"/>
      <c r="LZY665" s="613"/>
      <c r="LZZ665" s="613"/>
      <c r="MAA665" s="613"/>
      <c r="MAB665" s="613"/>
      <c r="MAC665" s="613"/>
      <c r="MAD665" s="613"/>
      <c r="MAE665" s="613"/>
      <c r="MAF665" s="613"/>
      <c r="MAG665" s="613"/>
      <c r="MAH665" s="613"/>
      <c r="MAI665" s="613"/>
      <c r="MAJ665" s="613"/>
      <c r="MAK665" s="613"/>
      <c r="MAL665" s="613"/>
      <c r="MAM665" s="613"/>
      <c r="MAN665" s="613"/>
      <c r="MAO665" s="613"/>
      <c r="MAP665" s="613"/>
      <c r="MAQ665" s="613"/>
      <c r="MAR665" s="613"/>
      <c r="MAS665" s="613"/>
      <c r="MAT665" s="613"/>
      <c r="MAU665" s="613"/>
      <c r="MAV665" s="613"/>
      <c r="MAW665" s="613"/>
      <c r="MAX665" s="613"/>
      <c r="MAY665" s="613"/>
      <c r="MAZ665" s="613"/>
      <c r="MBA665" s="613"/>
      <c r="MBB665" s="613"/>
      <c r="MBC665" s="613"/>
      <c r="MBD665" s="613"/>
      <c r="MBE665" s="613"/>
      <c r="MBF665" s="613"/>
      <c r="MBG665" s="613"/>
      <c r="MBH665" s="613"/>
      <c r="MBI665" s="613"/>
      <c r="MBJ665" s="613"/>
      <c r="MBK665" s="613"/>
      <c r="MBL665" s="613"/>
      <c r="MBM665" s="613"/>
      <c r="MBN665" s="613"/>
      <c r="MBO665" s="613"/>
      <c r="MBP665" s="613"/>
      <c r="MBQ665" s="613"/>
      <c r="MBR665" s="613"/>
      <c r="MBS665" s="613"/>
      <c r="MBT665" s="613"/>
      <c r="MBU665" s="613"/>
      <c r="MBV665" s="613"/>
      <c r="MBW665" s="613"/>
      <c r="MBX665" s="613"/>
      <c r="MBY665" s="613"/>
      <c r="MBZ665" s="613"/>
      <c r="MCA665" s="613"/>
      <c r="MCB665" s="613"/>
      <c r="MCC665" s="613"/>
      <c r="MCD665" s="613"/>
      <c r="MCE665" s="613"/>
      <c r="MCF665" s="613"/>
      <c r="MCG665" s="613"/>
      <c r="MCH665" s="613"/>
      <c r="MCI665" s="613"/>
      <c r="MCJ665" s="613"/>
      <c r="MCK665" s="613"/>
      <c r="MCL665" s="613"/>
      <c r="MCM665" s="613"/>
      <c r="MCN665" s="613"/>
      <c r="MCO665" s="613"/>
      <c r="MCP665" s="613"/>
      <c r="MCQ665" s="613"/>
      <c r="MCR665" s="613"/>
      <c r="MCS665" s="613"/>
      <c r="MCT665" s="613"/>
      <c r="MCU665" s="613"/>
      <c r="MCV665" s="613"/>
      <c r="MCW665" s="613"/>
      <c r="MCX665" s="613"/>
      <c r="MCY665" s="613"/>
      <c r="MCZ665" s="613"/>
      <c r="MDA665" s="613"/>
      <c r="MDB665" s="613"/>
      <c r="MDC665" s="613"/>
      <c r="MDD665" s="613"/>
      <c r="MDE665" s="613"/>
      <c r="MDF665" s="613"/>
      <c r="MDG665" s="613"/>
      <c r="MDH665" s="613"/>
      <c r="MDI665" s="613"/>
      <c r="MDJ665" s="613"/>
      <c r="MDK665" s="613"/>
      <c r="MDL665" s="613"/>
      <c r="MDM665" s="613"/>
      <c r="MDN665" s="613"/>
      <c r="MDO665" s="613"/>
      <c r="MDP665" s="613"/>
      <c r="MDQ665" s="613"/>
      <c r="MDR665" s="613"/>
      <c r="MDS665" s="613"/>
      <c r="MDT665" s="613"/>
      <c r="MDU665" s="613"/>
      <c r="MDV665" s="613"/>
      <c r="MDW665" s="613"/>
      <c r="MDX665" s="613"/>
      <c r="MDY665" s="613"/>
      <c r="MDZ665" s="613"/>
      <c r="MEA665" s="613"/>
      <c r="MEB665" s="613"/>
      <c r="MEC665" s="613"/>
      <c r="MED665" s="613"/>
      <c r="MEE665" s="613"/>
      <c r="MEF665" s="613"/>
      <c r="MEG665" s="613"/>
      <c r="MEH665" s="613"/>
      <c r="MEI665" s="613"/>
      <c r="MEJ665" s="613"/>
      <c r="MEK665" s="613"/>
      <c r="MEL665" s="613"/>
      <c r="MEM665" s="613"/>
      <c r="MEN665" s="613"/>
      <c r="MEO665" s="613"/>
      <c r="MEP665" s="613"/>
      <c r="MEQ665" s="613"/>
      <c r="MER665" s="613"/>
      <c r="MES665" s="613"/>
      <c r="MET665" s="613"/>
      <c r="MEU665" s="613"/>
      <c r="MEV665" s="613"/>
      <c r="MEW665" s="613"/>
      <c r="MEX665" s="613"/>
      <c r="MEY665" s="613"/>
      <c r="MEZ665" s="613"/>
      <c r="MFA665" s="613"/>
      <c r="MFB665" s="613"/>
      <c r="MFC665" s="613"/>
      <c r="MFD665" s="613"/>
      <c r="MFE665" s="613"/>
      <c r="MFF665" s="613"/>
      <c r="MFG665" s="613"/>
      <c r="MFH665" s="613"/>
      <c r="MFI665" s="613"/>
      <c r="MFJ665" s="613"/>
      <c r="MFK665" s="613"/>
      <c r="MFL665" s="613"/>
      <c r="MFM665" s="613"/>
      <c r="MFN665" s="613"/>
      <c r="MFO665" s="613"/>
      <c r="MFP665" s="613"/>
      <c r="MFQ665" s="613"/>
      <c r="MFR665" s="613"/>
      <c r="MFS665" s="613"/>
      <c r="MFT665" s="613"/>
      <c r="MFU665" s="613"/>
      <c r="MFV665" s="613"/>
      <c r="MFW665" s="613"/>
      <c r="MFX665" s="613"/>
      <c r="MFY665" s="613"/>
      <c r="MFZ665" s="613"/>
      <c r="MGA665" s="613"/>
      <c r="MGB665" s="613"/>
      <c r="MGC665" s="613"/>
      <c r="MGD665" s="613"/>
      <c r="MGE665" s="613"/>
      <c r="MGF665" s="613"/>
      <c r="MGG665" s="613"/>
      <c r="MGH665" s="613"/>
      <c r="MGI665" s="613"/>
      <c r="MGJ665" s="613"/>
      <c r="MGK665" s="613"/>
      <c r="MGL665" s="613"/>
      <c r="MGM665" s="613"/>
      <c r="MGN665" s="613"/>
      <c r="MGO665" s="613"/>
      <c r="MGP665" s="613"/>
      <c r="MGQ665" s="613"/>
      <c r="MGR665" s="613"/>
      <c r="MGS665" s="613"/>
      <c r="MGT665" s="613"/>
      <c r="MGU665" s="613"/>
      <c r="MGV665" s="613"/>
      <c r="MGW665" s="613"/>
      <c r="MGX665" s="613"/>
      <c r="MGY665" s="613"/>
      <c r="MGZ665" s="613"/>
      <c r="MHA665" s="613"/>
      <c r="MHB665" s="613"/>
      <c r="MHC665" s="613"/>
      <c r="MHD665" s="613"/>
      <c r="MHE665" s="613"/>
      <c r="MHF665" s="613"/>
      <c r="MHG665" s="613"/>
      <c r="MHH665" s="613"/>
      <c r="MHI665" s="613"/>
      <c r="MHJ665" s="613"/>
      <c r="MHK665" s="613"/>
      <c r="MHL665" s="613"/>
      <c r="MHM665" s="613"/>
      <c r="MHN665" s="613"/>
      <c r="MHO665" s="613"/>
      <c r="MHP665" s="613"/>
      <c r="MHQ665" s="613"/>
      <c r="MHR665" s="613"/>
      <c r="MHS665" s="613"/>
      <c r="MHT665" s="613"/>
      <c r="MHU665" s="613"/>
      <c r="MHV665" s="613"/>
      <c r="MHW665" s="613"/>
      <c r="MHX665" s="613"/>
      <c r="MHY665" s="613"/>
      <c r="MHZ665" s="613"/>
      <c r="MIA665" s="613"/>
      <c r="MIB665" s="613"/>
      <c r="MIC665" s="613"/>
      <c r="MID665" s="613"/>
      <c r="MIE665" s="613"/>
      <c r="MIF665" s="613"/>
      <c r="MIG665" s="613"/>
      <c r="MIH665" s="613"/>
      <c r="MII665" s="613"/>
      <c r="MIJ665" s="613"/>
      <c r="MIK665" s="613"/>
      <c r="MIL665" s="613"/>
      <c r="MIM665" s="613"/>
      <c r="MIN665" s="613"/>
      <c r="MIO665" s="613"/>
      <c r="MIP665" s="613"/>
      <c r="MIQ665" s="613"/>
      <c r="MIR665" s="613"/>
      <c r="MIS665" s="613"/>
      <c r="MIT665" s="613"/>
      <c r="MIU665" s="613"/>
      <c r="MIV665" s="613"/>
      <c r="MIW665" s="613"/>
      <c r="MIX665" s="613"/>
      <c r="MIY665" s="613"/>
      <c r="MIZ665" s="613"/>
      <c r="MJA665" s="613"/>
      <c r="MJB665" s="613"/>
      <c r="MJC665" s="613"/>
      <c r="MJD665" s="613"/>
      <c r="MJE665" s="613"/>
      <c r="MJF665" s="613"/>
      <c r="MJG665" s="613"/>
      <c r="MJH665" s="613"/>
      <c r="MJI665" s="613"/>
      <c r="MJJ665" s="613"/>
      <c r="MJK665" s="613"/>
      <c r="MJL665" s="613"/>
      <c r="MJM665" s="613"/>
      <c r="MJN665" s="613"/>
      <c r="MJO665" s="613"/>
      <c r="MJP665" s="613"/>
      <c r="MJQ665" s="613"/>
      <c r="MJR665" s="613"/>
      <c r="MJS665" s="613"/>
      <c r="MJT665" s="613"/>
      <c r="MJU665" s="613"/>
      <c r="MJV665" s="613"/>
      <c r="MJW665" s="613"/>
      <c r="MJX665" s="613"/>
      <c r="MJY665" s="613"/>
      <c r="MJZ665" s="613"/>
      <c r="MKA665" s="613"/>
      <c r="MKB665" s="613"/>
      <c r="MKC665" s="613"/>
      <c r="MKD665" s="613"/>
      <c r="MKE665" s="613"/>
      <c r="MKF665" s="613"/>
      <c r="MKG665" s="613"/>
      <c r="MKH665" s="613"/>
      <c r="MKI665" s="613"/>
      <c r="MKJ665" s="613"/>
      <c r="MKK665" s="613"/>
      <c r="MKL665" s="613"/>
      <c r="MKM665" s="613"/>
      <c r="MKN665" s="613"/>
      <c r="MKO665" s="613"/>
      <c r="MKP665" s="613"/>
      <c r="MKQ665" s="613"/>
      <c r="MKR665" s="613"/>
      <c r="MKS665" s="613"/>
      <c r="MKT665" s="613"/>
      <c r="MKU665" s="613"/>
      <c r="MKV665" s="613"/>
      <c r="MKW665" s="613"/>
      <c r="MKX665" s="613"/>
      <c r="MKY665" s="613"/>
      <c r="MKZ665" s="613"/>
      <c r="MLA665" s="613"/>
      <c r="MLB665" s="613"/>
      <c r="MLC665" s="613"/>
      <c r="MLD665" s="613"/>
      <c r="MLE665" s="613"/>
      <c r="MLF665" s="613"/>
      <c r="MLG665" s="613"/>
      <c r="MLH665" s="613"/>
      <c r="MLI665" s="613"/>
      <c r="MLJ665" s="613"/>
      <c r="MLK665" s="613"/>
      <c r="MLL665" s="613"/>
      <c r="MLM665" s="613"/>
      <c r="MLN665" s="613"/>
      <c r="MLO665" s="613"/>
      <c r="MLP665" s="613"/>
      <c r="MLQ665" s="613"/>
      <c r="MLR665" s="613"/>
      <c r="MLS665" s="613"/>
      <c r="MLT665" s="613"/>
      <c r="MLU665" s="613"/>
      <c r="MLV665" s="613"/>
      <c r="MLW665" s="613"/>
      <c r="MLX665" s="613"/>
      <c r="MLY665" s="613"/>
      <c r="MLZ665" s="613"/>
      <c r="MMA665" s="613"/>
      <c r="MMB665" s="613"/>
      <c r="MMC665" s="613"/>
      <c r="MMD665" s="613"/>
      <c r="MME665" s="613"/>
      <c r="MMF665" s="613"/>
      <c r="MMG665" s="613"/>
      <c r="MMH665" s="613"/>
      <c r="MMI665" s="613"/>
      <c r="MMJ665" s="613"/>
      <c r="MMK665" s="613"/>
      <c r="MML665" s="613"/>
      <c r="MMM665" s="613"/>
      <c r="MMN665" s="613"/>
      <c r="MMO665" s="613"/>
      <c r="MMP665" s="613"/>
      <c r="MMQ665" s="613"/>
      <c r="MMR665" s="613"/>
      <c r="MMS665" s="613"/>
      <c r="MMT665" s="613"/>
      <c r="MMU665" s="613"/>
      <c r="MMV665" s="613"/>
      <c r="MMW665" s="613"/>
      <c r="MMX665" s="613"/>
      <c r="MMY665" s="613"/>
      <c r="MMZ665" s="613"/>
      <c r="MNA665" s="613"/>
      <c r="MNB665" s="613"/>
      <c r="MNC665" s="613"/>
      <c r="MND665" s="613"/>
      <c r="MNE665" s="613"/>
      <c r="MNF665" s="613"/>
      <c r="MNG665" s="613"/>
      <c r="MNH665" s="613"/>
      <c r="MNI665" s="613"/>
      <c r="MNJ665" s="613"/>
      <c r="MNK665" s="613"/>
      <c r="MNL665" s="613"/>
      <c r="MNM665" s="613"/>
      <c r="MNN665" s="613"/>
      <c r="MNO665" s="613"/>
      <c r="MNP665" s="613"/>
      <c r="MNQ665" s="613"/>
      <c r="MNR665" s="613"/>
      <c r="MNS665" s="613"/>
      <c r="MNT665" s="613"/>
      <c r="MNU665" s="613"/>
      <c r="MNV665" s="613"/>
      <c r="MNW665" s="613"/>
      <c r="MNX665" s="613"/>
      <c r="MNY665" s="613"/>
      <c r="MNZ665" s="613"/>
      <c r="MOA665" s="613"/>
      <c r="MOB665" s="613"/>
      <c r="MOC665" s="613"/>
      <c r="MOD665" s="613"/>
      <c r="MOE665" s="613"/>
      <c r="MOF665" s="613"/>
      <c r="MOG665" s="613"/>
      <c r="MOH665" s="613"/>
      <c r="MOI665" s="613"/>
      <c r="MOJ665" s="613"/>
      <c r="MOK665" s="613"/>
      <c r="MOL665" s="613"/>
      <c r="MOM665" s="613"/>
      <c r="MON665" s="613"/>
      <c r="MOO665" s="613"/>
      <c r="MOP665" s="613"/>
      <c r="MOQ665" s="613"/>
      <c r="MOR665" s="613"/>
      <c r="MOS665" s="613"/>
      <c r="MOT665" s="613"/>
      <c r="MOU665" s="613"/>
      <c r="MOV665" s="613"/>
      <c r="MOW665" s="613"/>
      <c r="MOX665" s="613"/>
      <c r="MOY665" s="613"/>
      <c r="MOZ665" s="613"/>
      <c r="MPA665" s="613"/>
      <c r="MPB665" s="613"/>
      <c r="MPC665" s="613"/>
      <c r="MPD665" s="613"/>
      <c r="MPE665" s="613"/>
      <c r="MPF665" s="613"/>
      <c r="MPG665" s="613"/>
      <c r="MPH665" s="613"/>
      <c r="MPI665" s="613"/>
      <c r="MPJ665" s="613"/>
      <c r="MPK665" s="613"/>
      <c r="MPL665" s="613"/>
      <c r="MPM665" s="613"/>
      <c r="MPN665" s="613"/>
      <c r="MPO665" s="613"/>
      <c r="MPP665" s="613"/>
      <c r="MPQ665" s="613"/>
      <c r="MPR665" s="613"/>
      <c r="MPS665" s="613"/>
      <c r="MPT665" s="613"/>
      <c r="MPU665" s="613"/>
      <c r="MPV665" s="613"/>
      <c r="MPW665" s="613"/>
      <c r="MPX665" s="613"/>
      <c r="MPY665" s="613"/>
      <c r="MPZ665" s="613"/>
      <c r="MQA665" s="613"/>
      <c r="MQB665" s="613"/>
      <c r="MQC665" s="613"/>
      <c r="MQD665" s="613"/>
      <c r="MQE665" s="613"/>
      <c r="MQF665" s="613"/>
      <c r="MQG665" s="613"/>
      <c r="MQH665" s="613"/>
      <c r="MQI665" s="613"/>
      <c r="MQJ665" s="613"/>
      <c r="MQK665" s="613"/>
      <c r="MQL665" s="613"/>
      <c r="MQM665" s="613"/>
      <c r="MQN665" s="613"/>
      <c r="MQO665" s="613"/>
      <c r="MQP665" s="613"/>
      <c r="MQQ665" s="613"/>
      <c r="MQR665" s="613"/>
      <c r="MQS665" s="613"/>
      <c r="MQT665" s="613"/>
      <c r="MQU665" s="613"/>
      <c r="MQV665" s="613"/>
      <c r="MQW665" s="613"/>
      <c r="MQX665" s="613"/>
      <c r="MQY665" s="613"/>
      <c r="MQZ665" s="613"/>
      <c r="MRA665" s="613"/>
      <c r="MRB665" s="613"/>
      <c r="MRC665" s="613"/>
      <c r="MRD665" s="613"/>
      <c r="MRE665" s="613"/>
      <c r="MRF665" s="613"/>
      <c r="MRG665" s="613"/>
      <c r="MRH665" s="613"/>
      <c r="MRI665" s="613"/>
      <c r="MRJ665" s="613"/>
      <c r="MRK665" s="613"/>
      <c r="MRL665" s="613"/>
      <c r="MRM665" s="613"/>
      <c r="MRN665" s="613"/>
      <c r="MRO665" s="613"/>
      <c r="MRP665" s="613"/>
      <c r="MRQ665" s="613"/>
      <c r="MRR665" s="613"/>
      <c r="MRS665" s="613"/>
      <c r="MRT665" s="613"/>
      <c r="MRU665" s="613"/>
      <c r="MRV665" s="613"/>
      <c r="MRW665" s="613"/>
      <c r="MRX665" s="613"/>
      <c r="MRY665" s="613"/>
      <c r="MRZ665" s="613"/>
      <c r="MSA665" s="613"/>
      <c r="MSB665" s="613"/>
      <c r="MSC665" s="613"/>
      <c r="MSD665" s="613"/>
      <c r="MSE665" s="613"/>
      <c r="MSF665" s="613"/>
      <c r="MSG665" s="613"/>
      <c r="MSH665" s="613"/>
      <c r="MSI665" s="613"/>
      <c r="MSJ665" s="613"/>
      <c r="MSK665" s="613"/>
      <c r="MSL665" s="613"/>
      <c r="MSM665" s="613"/>
      <c r="MSN665" s="613"/>
      <c r="MSO665" s="613"/>
      <c r="MSP665" s="613"/>
      <c r="MSQ665" s="613"/>
      <c r="MSR665" s="613"/>
      <c r="MSS665" s="613"/>
      <c r="MST665" s="613"/>
      <c r="MSU665" s="613"/>
      <c r="MSV665" s="613"/>
      <c r="MSW665" s="613"/>
      <c r="MSX665" s="613"/>
      <c r="MSY665" s="613"/>
      <c r="MSZ665" s="613"/>
      <c r="MTA665" s="613"/>
      <c r="MTB665" s="613"/>
      <c r="MTC665" s="613"/>
      <c r="MTD665" s="613"/>
      <c r="MTE665" s="613"/>
      <c r="MTF665" s="613"/>
      <c r="MTG665" s="613"/>
      <c r="MTH665" s="613"/>
      <c r="MTI665" s="613"/>
      <c r="MTJ665" s="613"/>
      <c r="MTK665" s="613"/>
      <c r="MTL665" s="613"/>
      <c r="MTM665" s="613"/>
      <c r="MTN665" s="613"/>
      <c r="MTO665" s="613"/>
      <c r="MTP665" s="613"/>
      <c r="MTQ665" s="613"/>
      <c r="MTR665" s="613"/>
      <c r="MTS665" s="613"/>
      <c r="MTT665" s="613"/>
      <c r="MTU665" s="613"/>
      <c r="MTV665" s="613"/>
      <c r="MTW665" s="613"/>
      <c r="MTX665" s="613"/>
      <c r="MTY665" s="613"/>
      <c r="MTZ665" s="613"/>
      <c r="MUA665" s="613"/>
      <c r="MUB665" s="613"/>
      <c r="MUC665" s="613"/>
      <c r="MUD665" s="613"/>
      <c r="MUE665" s="613"/>
      <c r="MUF665" s="613"/>
      <c r="MUG665" s="613"/>
      <c r="MUH665" s="613"/>
      <c r="MUI665" s="613"/>
      <c r="MUJ665" s="613"/>
      <c r="MUK665" s="613"/>
      <c r="MUL665" s="613"/>
      <c r="MUM665" s="613"/>
      <c r="MUN665" s="613"/>
      <c r="MUO665" s="613"/>
      <c r="MUP665" s="613"/>
      <c r="MUQ665" s="613"/>
      <c r="MUR665" s="613"/>
      <c r="MUS665" s="613"/>
      <c r="MUT665" s="613"/>
      <c r="MUU665" s="613"/>
      <c r="MUV665" s="613"/>
      <c r="MUW665" s="613"/>
      <c r="MUX665" s="613"/>
      <c r="MUY665" s="613"/>
      <c r="MUZ665" s="613"/>
      <c r="MVA665" s="613"/>
      <c r="MVB665" s="613"/>
      <c r="MVC665" s="613"/>
      <c r="MVD665" s="613"/>
      <c r="MVE665" s="613"/>
      <c r="MVF665" s="613"/>
      <c r="MVG665" s="613"/>
      <c r="MVH665" s="613"/>
      <c r="MVI665" s="613"/>
      <c r="MVJ665" s="613"/>
      <c r="MVK665" s="613"/>
      <c r="MVL665" s="613"/>
      <c r="MVM665" s="613"/>
      <c r="MVN665" s="613"/>
      <c r="MVO665" s="613"/>
      <c r="MVP665" s="613"/>
      <c r="MVQ665" s="613"/>
      <c r="MVR665" s="613"/>
      <c r="MVS665" s="613"/>
      <c r="MVT665" s="613"/>
      <c r="MVU665" s="613"/>
      <c r="MVV665" s="613"/>
      <c r="MVW665" s="613"/>
      <c r="MVX665" s="613"/>
      <c r="MVY665" s="613"/>
      <c r="MVZ665" s="613"/>
      <c r="MWA665" s="613"/>
      <c r="MWB665" s="613"/>
      <c r="MWC665" s="613"/>
      <c r="MWD665" s="613"/>
      <c r="MWE665" s="613"/>
      <c r="MWF665" s="613"/>
      <c r="MWG665" s="613"/>
      <c r="MWH665" s="613"/>
      <c r="MWI665" s="613"/>
      <c r="MWJ665" s="613"/>
      <c r="MWK665" s="613"/>
      <c r="MWL665" s="613"/>
      <c r="MWM665" s="613"/>
      <c r="MWN665" s="613"/>
      <c r="MWO665" s="613"/>
      <c r="MWP665" s="613"/>
      <c r="MWQ665" s="613"/>
      <c r="MWR665" s="613"/>
      <c r="MWS665" s="613"/>
      <c r="MWT665" s="613"/>
      <c r="MWU665" s="613"/>
      <c r="MWV665" s="613"/>
      <c r="MWW665" s="613"/>
      <c r="MWX665" s="613"/>
      <c r="MWY665" s="613"/>
      <c r="MWZ665" s="613"/>
      <c r="MXA665" s="613"/>
      <c r="MXB665" s="613"/>
      <c r="MXC665" s="613"/>
      <c r="MXD665" s="613"/>
      <c r="MXE665" s="613"/>
      <c r="MXF665" s="613"/>
      <c r="MXG665" s="613"/>
      <c r="MXH665" s="613"/>
      <c r="MXI665" s="613"/>
      <c r="MXJ665" s="613"/>
      <c r="MXK665" s="613"/>
      <c r="MXL665" s="613"/>
      <c r="MXM665" s="613"/>
      <c r="MXN665" s="613"/>
      <c r="MXO665" s="613"/>
      <c r="MXP665" s="613"/>
      <c r="MXQ665" s="613"/>
      <c r="MXR665" s="613"/>
      <c r="MXS665" s="613"/>
      <c r="MXT665" s="613"/>
      <c r="MXU665" s="613"/>
      <c r="MXV665" s="613"/>
      <c r="MXW665" s="613"/>
      <c r="MXX665" s="613"/>
      <c r="MXY665" s="613"/>
      <c r="MXZ665" s="613"/>
      <c r="MYA665" s="613"/>
      <c r="MYB665" s="613"/>
      <c r="MYC665" s="613"/>
      <c r="MYD665" s="613"/>
      <c r="MYE665" s="613"/>
      <c r="MYF665" s="613"/>
      <c r="MYG665" s="613"/>
      <c r="MYH665" s="613"/>
      <c r="MYI665" s="613"/>
      <c r="MYJ665" s="613"/>
      <c r="MYK665" s="613"/>
      <c r="MYL665" s="613"/>
      <c r="MYM665" s="613"/>
      <c r="MYN665" s="613"/>
      <c r="MYO665" s="613"/>
      <c r="MYP665" s="613"/>
      <c r="MYQ665" s="613"/>
      <c r="MYR665" s="613"/>
      <c r="MYS665" s="613"/>
      <c r="MYT665" s="613"/>
      <c r="MYU665" s="613"/>
      <c r="MYV665" s="613"/>
      <c r="MYW665" s="613"/>
      <c r="MYX665" s="613"/>
      <c r="MYY665" s="613"/>
      <c r="MYZ665" s="613"/>
      <c r="MZA665" s="613"/>
      <c r="MZB665" s="613"/>
      <c r="MZC665" s="613"/>
      <c r="MZD665" s="613"/>
      <c r="MZE665" s="613"/>
      <c r="MZF665" s="613"/>
      <c r="MZG665" s="613"/>
      <c r="MZH665" s="613"/>
      <c r="MZI665" s="613"/>
      <c r="MZJ665" s="613"/>
      <c r="MZK665" s="613"/>
      <c r="MZL665" s="613"/>
      <c r="MZM665" s="613"/>
      <c r="MZN665" s="613"/>
      <c r="MZO665" s="613"/>
      <c r="MZP665" s="613"/>
      <c r="MZQ665" s="613"/>
      <c r="MZR665" s="613"/>
      <c r="MZS665" s="613"/>
      <c r="MZT665" s="613"/>
      <c r="MZU665" s="613"/>
      <c r="MZV665" s="613"/>
      <c r="MZW665" s="613"/>
      <c r="MZX665" s="613"/>
      <c r="MZY665" s="613"/>
      <c r="MZZ665" s="613"/>
      <c r="NAA665" s="613"/>
      <c r="NAB665" s="613"/>
      <c r="NAC665" s="613"/>
      <c r="NAD665" s="613"/>
      <c r="NAE665" s="613"/>
      <c r="NAF665" s="613"/>
      <c r="NAG665" s="613"/>
      <c r="NAH665" s="613"/>
      <c r="NAI665" s="613"/>
      <c r="NAJ665" s="613"/>
      <c r="NAK665" s="613"/>
      <c r="NAL665" s="613"/>
      <c r="NAM665" s="613"/>
      <c r="NAN665" s="613"/>
      <c r="NAO665" s="613"/>
      <c r="NAP665" s="613"/>
      <c r="NAQ665" s="613"/>
      <c r="NAR665" s="613"/>
      <c r="NAS665" s="613"/>
      <c r="NAT665" s="613"/>
      <c r="NAU665" s="613"/>
      <c r="NAV665" s="613"/>
      <c r="NAW665" s="613"/>
      <c r="NAX665" s="613"/>
      <c r="NAY665" s="613"/>
      <c r="NAZ665" s="613"/>
      <c r="NBA665" s="613"/>
      <c r="NBB665" s="613"/>
      <c r="NBC665" s="613"/>
      <c r="NBD665" s="613"/>
      <c r="NBE665" s="613"/>
      <c r="NBF665" s="613"/>
      <c r="NBG665" s="613"/>
      <c r="NBH665" s="613"/>
      <c r="NBI665" s="613"/>
      <c r="NBJ665" s="613"/>
      <c r="NBK665" s="613"/>
      <c r="NBL665" s="613"/>
      <c r="NBM665" s="613"/>
      <c r="NBN665" s="613"/>
      <c r="NBO665" s="613"/>
      <c r="NBP665" s="613"/>
      <c r="NBQ665" s="613"/>
      <c r="NBR665" s="613"/>
      <c r="NBS665" s="613"/>
      <c r="NBT665" s="613"/>
      <c r="NBU665" s="613"/>
      <c r="NBV665" s="613"/>
      <c r="NBW665" s="613"/>
      <c r="NBX665" s="613"/>
      <c r="NBY665" s="613"/>
      <c r="NBZ665" s="613"/>
      <c r="NCA665" s="613"/>
      <c r="NCB665" s="613"/>
      <c r="NCC665" s="613"/>
      <c r="NCD665" s="613"/>
      <c r="NCE665" s="613"/>
      <c r="NCF665" s="613"/>
      <c r="NCG665" s="613"/>
      <c r="NCH665" s="613"/>
      <c r="NCI665" s="613"/>
      <c r="NCJ665" s="613"/>
      <c r="NCK665" s="613"/>
      <c r="NCL665" s="613"/>
      <c r="NCM665" s="613"/>
      <c r="NCN665" s="613"/>
      <c r="NCO665" s="613"/>
      <c r="NCP665" s="613"/>
      <c r="NCQ665" s="613"/>
      <c r="NCR665" s="613"/>
      <c r="NCS665" s="613"/>
      <c r="NCT665" s="613"/>
      <c r="NCU665" s="613"/>
      <c r="NCV665" s="613"/>
      <c r="NCW665" s="613"/>
      <c r="NCX665" s="613"/>
      <c r="NCY665" s="613"/>
      <c r="NCZ665" s="613"/>
      <c r="NDA665" s="613"/>
      <c r="NDB665" s="613"/>
      <c r="NDC665" s="613"/>
      <c r="NDD665" s="613"/>
      <c r="NDE665" s="613"/>
      <c r="NDF665" s="613"/>
      <c r="NDG665" s="613"/>
      <c r="NDH665" s="613"/>
      <c r="NDI665" s="613"/>
      <c r="NDJ665" s="613"/>
      <c r="NDK665" s="613"/>
      <c r="NDL665" s="613"/>
      <c r="NDM665" s="613"/>
      <c r="NDN665" s="613"/>
      <c r="NDO665" s="613"/>
      <c r="NDP665" s="613"/>
      <c r="NDQ665" s="613"/>
      <c r="NDR665" s="613"/>
      <c r="NDS665" s="613"/>
      <c r="NDT665" s="613"/>
      <c r="NDU665" s="613"/>
      <c r="NDV665" s="613"/>
      <c r="NDW665" s="613"/>
      <c r="NDX665" s="613"/>
      <c r="NDY665" s="613"/>
      <c r="NDZ665" s="613"/>
      <c r="NEA665" s="613"/>
      <c r="NEB665" s="613"/>
      <c r="NEC665" s="613"/>
      <c r="NED665" s="613"/>
      <c r="NEE665" s="613"/>
      <c r="NEF665" s="613"/>
      <c r="NEG665" s="613"/>
      <c r="NEH665" s="613"/>
      <c r="NEI665" s="613"/>
      <c r="NEJ665" s="613"/>
      <c r="NEK665" s="613"/>
      <c r="NEL665" s="613"/>
      <c r="NEM665" s="613"/>
      <c r="NEN665" s="613"/>
      <c r="NEO665" s="613"/>
      <c r="NEP665" s="613"/>
      <c r="NEQ665" s="613"/>
      <c r="NER665" s="613"/>
      <c r="NES665" s="613"/>
      <c r="NET665" s="613"/>
      <c r="NEU665" s="613"/>
      <c r="NEV665" s="613"/>
      <c r="NEW665" s="613"/>
      <c r="NEX665" s="613"/>
      <c r="NEY665" s="613"/>
      <c r="NEZ665" s="613"/>
      <c r="NFA665" s="613"/>
      <c r="NFB665" s="613"/>
      <c r="NFC665" s="613"/>
      <c r="NFD665" s="613"/>
      <c r="NFE665" s="613"/>
      <c r="NFF665" s="613"/>
      <c r="NFG665" s="613"/>
      <c r="NFH665" s="613"/>
      <c r="NFI665" s="613"/>
      <c r="NFJ665" s="613"/>
      <c r="NFK665" s="613"/>
      <c r="NFL665" s="613"/>
      <c r="NFM665" s="613"/>
      <c r="NFN665" s="613"/>
      <c r="NFO665" s="613"/>
      <c r="NFP665" s="613"/>
      <c r="NFQ665" s="613"/>
      <c r="NFR665" s="613"/>
      <c r="NFS665" s="613"/>
      <c r="NFT665" s="613"/>
      <c r="NFU665" s="613"/>
      <c r="NFV665" s="613"/>
      <c r="NFW665" s="613"/>
      <c r="NFX665" s="613"/>
      <c r="NFY665" s="613"/>
      <c r="NFZ665" s="613"/>
      <c r="NGA665" s="613"/>
      <c r="NGB665" s="613"/>
      <c r="NGC665" s="613"/>
      <c r="NGD665" s="613"/>
      <c r="NGE665" s="613"/>
      <c r="NGF665" s="613"/>
      <c r="NGG665" s="613"/>
      <c r="NGH665" s="613"/>
      <c r="NGI665" s="613"/>
      <c r="NGJ665" s="613"/>
      <c r="NGK665" s="613"/>
      <c r="NGL665" s="613"/>
      <c r="NGM665" s="613"/>
      <c r="NGN665" s="613"/>
      <c r="NGO665" s="613"/>
      <c r="NGP665" s="613"/>
      <c r="NGQ665" s="613"/>
      <c r="NGR665" s="613"/>
      <c r="NGS665" s="613"/>
      <c r="NGT665" s="613"/>
      <c r="NGU665" s="613"/>
      <c r="NGV665" s="613"/>
      <c r="NGW665" s="613"/>
      <c r="NGX665" s="613"/>
      <c r="NGY665" s="613"/>
      <c r="NGZ665" s="613"/>
      <c r="NHA665" s="613"/>
      <c r="NHB665" s="613"/>
      <c r="NHC665" s="613"/>
      <c r="NHD665" s="613"/>
      <c r="NHE665" s="613"/>
      <c r="NHF665" s="613"/>
      <c r="NHG665" s="613"/>
      <c r="NHH665" s="613"/>
      <c r="NHI665" s="613"/>
      <c r="NHJ665" s="613"/>
      <c r="NHK665" s="613"/>
      <c r="NHL665" s="613"/>
      <c r="NHM665" s="613"/>
      <c r="NHN665" s="613"/>
      <c r="NHO665" s="613"/>
      <c r="NHP665" s="613"/>
      <c r="NHQ665" s="613"/>
      <c r="NHR665" s="613"/>
      <c r="NHS665" s="613"/>
      <c r="NHT665" s="613"/>
      <c r="NHU665" s="613"/>
      <c r="NHV665" s="613"/>
      <c r="NHW665" s="613"/>
      <c r="NHX665" s="613"/>
      <c r="NHY665" s="613"/>
      <c r="NHZ665" s="613"/>
      <c r="NIA665" s="613"/>
      <c r="NIB665" s="613"/>
      <c r="NIC665" s="613"/>
      <c r="NID665" s="613"/>
      <c r="NIE665" s="613"/>
      <c r="NIF665" s="613"/>
      <c r="NIG665" s="613"/>
      <c r="NIH665" s="613"/>
      <c r="NII665" s="613"/>
      <c r="NIJ665" s="613"/>
      <c r="NIK665" s="613"/>
      <c r="NIL665" s="613"/>
      <c r="NIM665" s="613"/>
      <c r="NIN665" s="613"/>
      <c r="NIO665" s="613"/>
      <c r="NIP665" s="613"/>
      <c r="NIQ665" s="613"/>
      <c r="NIR665" s="613"/>
      <c r="NIS665" s="613"/>
      <c r="NIT665" s="613"/>
      <c r="NIU665" s="613"/>
      <c r="NIV665" s="613"/>
      <c r="NIW665" s="613"/>
      <c r="NIX665" s="613"/>
      <c r="NIY665" s="613"/>
      <c r="NIZ665" s="613"/>
      <c r="NJA665" s="613"/>
      <c r="NJB665" s="613"/>
      <c r="NJC665" s="613"/>
      <c r="NJD665" s="613"/>
      <c r="NJE665" s="613"/>
      <c r="NJF665" s="613"/>
      <c r="NJG665" s="613"/>
      <c r="NJH665" s="613"/>
      <c r="NJI665" s="613"/>
      <c r="NJJ665" s="613"/>
      <c r="NJK665" s="613"/>
      <c r="NJL665" s="613"/>
      <c r="NJM665" s="613"/>
      <c r="NJN665" s="613"/>
      <c r="NJO665" s="613"/>
      <c r="NJP665" s="613"/>
      <c r="NJQ665" s="613"/>
      <c r="NJR665" s="613"/>
      <c r="NJS665" s="613"/>
      <c r="NJT665" s="613"/>
      <c r="NJU665" s="613"/>
      <c r="NJV665" s="613"/>
      <c r="NJW665" s="613"/>
      <c r="NJX665" s="613"/>
      <c r="NJY665" s="613"/>
      <c r="NJZ665" s="613"/>
      <c r="NKA665" s="613"/>
      <c r="NKB665" s="613"/>
      <c r="NKC665" s="613"/>
      <c r="NKD665" s="613"/>
      <c r="NKE665" s="613"/>
      <c r="NKF665" s="613"/>
      <c r="NKG665" s="613"/>
      <c r="NKH665" s="613"/>
      <c r="NKI665" s="613"/>
      <c r="NKJ665" s="613"/>
      <c r="NKK665" s="613"/>
      <c r="NKL665" s="613"/>
      <c r="NKM665" s="613"/>
      <c r="NKN665" s="613"/>
      <c r="NKO665" s="613"/>
      <c r="NKP665" s="613"/>
      <c r="NKQ665" s="613"/>
      <c r="NKR665" s="613"/>
      <c r="NKS665" s="613"/>
      <c r="NKT665" s="613"/>
      <c r="NKU665" s="613"/>
      <c r="NKV665" s="613"/>
      <c r="NKW665" s="613"/>
      <c r="NKX665" s="613"/>
      <c r="NKY665" s="613"/>
      <c r="NKZ665" s="613"/>
      <c r="NLA665" s="613"/>
      <c r="NLB665" s="613"/>
      <c r="NLC665" s="613"/>
      <c r="NLD665" s="613"/>
      <c r="NLE665" s="613"/>
      <c r="NLF665" s="613"/>
      <c r="NLG665" s="613"/>
      <c r="NLH665" s="613"/>
      <c r="NLI665" s="613"/>
      <c r="NLJ665" s="613"/>
      <c r="NLK665" s="613"/>
      <c r="NLL665" s="613"/>
      <c r="NLM665" s="613"/>
      <c r="NLN665" s="613"/>
      <c r="NLO665" s="613"/>
      <c r="NLP665" s="613"/>
      <c r="NLQ665" s="613"/>
      <c r="NLR665" s="613"/>
      <c r="NLS665" s="613"/>
      <c r="NLT665" s="613"/>
      <c r="NLU665" s="613"/>
      <c r="NLV665" s="613"/>
      <c r="NLW665" s="613"/>
      <c r="NLX665" s="613"/>
      <c r="NLY665" s="613"/>
      <c r="NLZ665" s="613"/>
      <c r="NMA665" s="613"/>
      <c r="NMB665" s="613"/>
      <c r="NMC665" s="613"/>
      <c r="NMD665" s="613"/>
      <c r="NME665" s="613"/>
      <c r="NMF665" s="613"/>
      <c r="NMG665" s="613"/>
      <c r="NMH665" s="613"/>
      <c r="NMI665" s="613"/>
      <c r="NMJ665" s="613"/>
      <c r="NMK665" s="613"/>
      <c r="NML665" s="613"/>
      <c r="NMM665" s="613"/>
      <c r="NMN665" s="613"/>
      <c r="NMO665" s="613"/>
      <c r="NMP665" s="613"/>
      <c r="NMQ665" s="613"/>
      <c r="NMR665" s="613"/>
      <c r="NMS665" s="613"/>
      <c r="NMT665" s="613"/>
      <c r="NMU665" s="613"/>
      <c r="NMV665" s="613"/>
      <c r="NMW665" s="613"/>
      <c r="NMX665" s="613"/>
      <c r="NMY665" s="613"/>
      <c r="NMZ665" s="613"/>
      <c r="NNA665" s="613"/>
      <c r="NNB665" s="613"/>
      <c r="NNC665" s="613"/>
      <c r="NND665" s="613"/>
      <c r="NNE665" s="613"/>
      <c r="NNF665" s="613"/>
      <c r="NNG665" s="613"/>
      <c r="NNH665" s="613"/>
      <c r="NNI665" s="613"/>
      <c r="NNJ665" s="613"/>
      <c r="NNK665" s="613"/>
      <c r="NNL665" s="613"/>
      <c r="NNM665" s="613"/>
      <c r="NNN665" s="613"/>
      <c r="NNO665" s="613"/>
      <c r="NNP665" s="613"/>
      <c r="NNQ665" s="613"/>
      <c r="NNR665" s="613"/>
      <c r="NNS665" s="613"/>
      <c r="NNT665" s="613"/>
      <c r="NNU665" s="613"/>
      <c r="NNV665" s="613"/>
      <c r="NNW665" s="613"/>
      <c r="NNX665" s="613"/>
      <c r="NNY665" s="613"/>
      <c r="NNZ665" s="613"/>
      <c r="NOA665" s="613"/>
      <c r="NOB665" s="613"/>
      <c r="NOC665" s="613"/>
      <c r="NOD665" s="613"/>
      <c r="NOE665" s="613"/>
      <c r="NOF665" s="613"/>
      <c r="NOG665" s="613"/>
      <c r="NOH665" s="613"/>
      <c r="NOI665" s="613"/>
      <c r="NOJ665" s="613"/>
      <c r="NOK665" s="613"/>
      <c r="NOL665" s="613"/>
      <c r="NOM665" s="613"/>
      <c r="NON665" s="613"/>
      <c r="NOO665" s="613"/>
      <c r="NOP665" s="613"/>
      <c r="NOQ665" s="613"/>
      <c r="NOR665" s="613"/>
      <c r="NOS665" s="613"/>
      <c r="NOT665" s="613"/>
      <c r="NOU665" s="613"/>
      <c r="NOV665" s="613"/>
      <c r="NOW665" s="613"/>
      <c r="NOX665" s="613"/>
      <c r="NOY665" s="613"/>
      <c r="NOZ665" s="613"/>
      <c r="NPA665" s="613"/>
      <c r="NPB665" s="613"/>
      <c r="NPC665" s="613"/>
      <c r="NPD665" s="613"/>
      <c r="NPE665" s="613"/>
      <c r="NPF665" s="613"/>
      <c r="NPG665" s="613"/>
      <c r="NPH665" s="613"/>
      <c r="NPI665" s="613"/>
      <c r="NPJ665" s="613"/>
      <c r="NPK665" s="613"/>
      <c r="NPL665" s="613"/>
      <c r="NPM665" s="613"/>
      <c r="NPN665" s="613"/>
      <c r="NPO665" s="613"/>
      <c r="NPP665" s="613"/>
      <c r="NPQ665" s="613"/>
      <c r="NPR665" s="613"/>
      <c r="NPS665" s="613"/>
      <c r="NPT665" s="613"/>
      <c r="NPU665" s="613"/>
      <c r="NPV665" s="613"/>
      <c r="NPW665" s="613"/>
      <c r="NPX665" s="613"/>
      <c r="NPY665" s="613"/>
      <c r="NPZ665" s="613"/>
      <c r="NQA665" s="613"/>
      <c r="NQB665" s="613"/>
      <c r="NQC665" s="613"/>
      <c r="NQD665" s="613"/>
      <c r="NQE665" s="613"/>
      <c r="NQF665" s="613"/>
      <c r="NQG665" s="613"/>
      <c r="NQH665" s="613"/>
      <c r="NQI665" s="613"/>
      <c r="NQJ665" s="613"/>
      <c r="NQK665" s="613"/>
      <c r="NQL665" s="613"/>
      <c r="NQM665" s="613"/>
      <c r="NQN665" s="613"/>
      <c r="NQO665" s="613"/>
      <c r="NQP665" s="613"/>
      <c r="NQQ665" s="613"/>
      <c r="NQR665" s="613"/>
      <c r="NQS665" s="613"/>
      <c r="NQT665" s="613"/>
      <c r="NQU665" s="613"/>
      <c r="NQV665" s="613"/>
      <c r="NQW665" s="613"/>
      <c r="NQX665" s="613"/>
      <c r="NQY665" s="613"/>
      <c r="NQZ665" s="613"/>
      <c r="NRA665" s="613"/>
      <c r="NRB665" s="613"/>
      <c r="NRC665" s="613"/>
      <c r="NRD665" s="613"/>
      <c r="NRE665" s="613"/>
      <c r="NRF665" s="613"/>
      <c r="NRG665" s="613"/>
      <c r="NRH665" s="613"/>
      <c r="NRI665" s="613"/>
      <c r="NRJ665" s="613"/>
      <c r="NRK665" s="613"/>
      <c r="NRL665" s="613"/>
      <c r="NRM665" s="613"/>
      <c r="NRN665" s="613"/>
      <c r="NRO665" s="613"/>
      <c r="NRP665" s="613"/>
      <c r="NRQ665" s="613"/>
      <c r="NRR665" s="613"/>
      <c r="NRS665" s="613"/>
      <c r="NRT665" s="613"/>
      <c r="NRU665" s="613"/>
      <c r="NRV665" s="613"/>
      <c r="NRW665" s="613"/>
      <c r="NRX665" s="613"/>
      <c r="NRY665" s="613"/>
      <c r="NRZ665" s="613"/>
      <c r="NSA665" s="613"/>
      <c r="NSB665" s="613"/>
      <c r="NSC665" s="613"/>
      <c r="NSD665" s="613"/>
      <c r="NSE665" s="613"/>
      <c r="NSF665" s="613"/>
      <c r="NSG665" s="613"/>
      <c r="NSH665" s="613"/>
      <c r="NSI665" s="613"/>
      <c r="NSJ665" s="613"/>
      <c r="NSK665" s="613"/>
      <c r="NSL665" s="613"/>
      <c r="NSM665" s="613"/>
      <c r="NSN665" s="613"/>
      <c r="NSO665" s="613"/>
      <c r="NSP665" s="613"/>
      <c r="NSQ665" s="613"/>
      <c r="NSR665" s="613"/>
      <c r="NSS665" s="613"/>
      <c r="NST665" s="613"/>
      <c r="NSU665" s="613"/>
      <c r="NSV665" s="613"/>
      <c r="NSW665" s="613"/>
      <c r="NSX665" s="613"/>
      <c r="NSY665" s="613"/>
      <c r="NSZ665" s="613"/>
      <c r="NTA665" s="613"/>
      <c r="NTB665" s="613"/>
      <c r="NTC665" s="613"/>
      <c r="NTD665" s="613"/>
      <c r="NTE665" s="613"/>
      <c r="NTF665" s="613"/>
      <c r="NTG665" s="613"/>
      <c r="NTH665" s="613"/>
      <c r="NTI665" s="613"/>
      <c r="NTJ665" s="613"/>
      <c r="NTK665" s="613"/>
      <c r="NTL665" s="613"/>
      <c r="NTM665" s="613"/>
      <c r="NTN665" s="613"/>
      <c r="NTO665" s="613"/>
      <c r="NTP665" s="613"/>
      <c r="NTQ665" s="613"/>
      <c r="NTR665" s="613"/>
      <c r="NTS665" s="613"/>
      <c r="NTT665" s="613"/>
      <c r="NTU665" s="613"/>
      <c r="NTV665" s="613"/>
      <c r="NTW665" s="613"/>
      <c r="NTX665" s="613"/>
      <c r="NTY665" s="613"/>
      <c r="NTZ665" s="613"/>
      <c r="NUA665" s="613"/>
      <c r="NUB665" s="613"/>
      <c r="NUC665" s="613"/>
      <c r="NUD665" s="613"/>
      <c r="NUE665" s="613"/>
      <c r="NUF665" s="613"/>
      <c r="NUG665" s="613"/>
      <c r="NUH665" s="613"/>
      <c r="NUI665" s="613"/>
      <c r="NUJ665" s="613"/>
      <c r="NUK665" s="613"/>
      <c r="NUL665" s="613"/>
      <c r="NUM665" s="613"/>
      <c r="NUN665" s="613"/>
      <c r="NUO665" s="613"/>
      <c r="NUP665" s="613"/>
      <c r="NUQ665" s="613"/>
      <c r="NUR665" s="613"/>
      <c r="NUS665" s="613"/>
      <c r="NUT665" s="613"/>
      <c r="NUU665" s="613"/>
      <c r="NUV665" s="613"/>
      <c r="NUW665" s="613"/>
      <c r="NUX665" s="613"/>
      <c r="NUY665" s="613"/>
      <c r="NUZ665" s="613"/>
      <c r="NVA665" s="613"/>
      <c r="NVB665" s="613"/>
      <c r="NVC665" s="613"/>
      <c r="NVD665" s="613"/>
      <c r="NVE665" s="613"/>
      <c r="NVF665" s="613"/>
      <c r="NVG665" s="613"/>
      <c r="NVH665" s="613"/>
      <c r="NVI665" s="613"/>
      <c r="NVJ665" s="613"/>
      <c r="NVK665" s="613"/>
      <c r="NVL665" s="613"/>
      <c r="NVM665" s="613"/>
      <c r="NVN665" s="613"/>
      <c r="NVO665" s="613"/>
      <c r="NVP665" s="613"/>
      <c r="NVQ665" s="613"/>
      <c r="NVR665" s="613"/>
      <c r="NVS665" s="613"/>
      <c r="NVT665" s="613"/>
      <c r="NVU665" s="613"/>
      <c r="NVV665" s="613"/>
      <c r="NVW665" s="613"/>
      <c r="NVX665" s="613"/>
      <c r="NVY665" s="613"/>
      <c r="NVZ665" s="613"/>
      <c r="NWA665" s="613"/>
      <c r="NWB665" s="613"/>
      <c r="NWC665" s="613"/>
      <c r="NWD665" s="613"/>
      <c r="NWE665" s="613"/>
      <c r="NWF665" s="613"/>
      <c r="NWG665" s="613"/>
      <c r="NWH665" s="613"/>
      <c r="NWI665" s="613"/>
      <c r="NWJ665" s="613"/>
      <c r="NWK665" s="613"/>
      <c r="NWL665" s="613"/>
      <c r="NWM665" s="613"/>
      <c r="NWN665" s="613"/>
      <c r="NWO665" s="613"/>
      <c r="NWP665" s="613"/>
      <c r="NWQ665" s="613"/>
      <c r="NWR665" s="613"/>
      <c r="NWS665" s="613"/>
      <c r="NWT665" s="613"/>
      <c r="NWU665" s="613"/>
      <c r="NWV665" s="613"/>
      <c r="NWW665" s="613"/>
      <c r="NWX665" s="613"/>
      <c r="NWY665" s="613"/>
      <c r="NWZ665" s="613"/>
      <c r="NXA665" s="613"/>
      <c r="NXB665" s="613"/>
      <c r="NXC665" s="613"/>
      <c r="NXD665" s="613"/>
      <c r="NXE665" s="613"/>
      <c r="NXF665" s="613"/>
      <c r="NXG665" s="613"/>
      <c r="NXH665" s="613"/>
      <c r="NXI665" s="613"/>
      <c r="NXJ665" s="613"/>
      <c r="NXK665" s="613"/>
      <c r="NXL665" s="613"/>
      <c r="NXM665" s="613"/>
      <c r="NXN665" s="613"/>
      <c r="NXO665" s="613"/>
      <c r="NXP665" s="613"/>
      <c r="NXQ665" s="613"/>
      <c r="NXR665" s="613"/>
      <c r="NXS665" s="613"/>
      <c r="NXT665" s="613"/>
      <c r="NXU665" s="613"/>
      <c r="NXV665" s="613"/>
      <c r="NXW665" s="613"/>
      <c r="NXX665" s="613"/>
      <c r="NXY665" s="613"/>
      <c r="NXZ665" s="613"/>
      <c r="NYA665" s="613"/>
      <c r="NYB665" s="613"/>
      <c r="NYC665" s="613"/>
      <c r="NYD665" s="613"/>
      <c r="NYE665" s="613"/>
      <c r="NYF665" s="613"/>
      <c r="NYG665" s="613"/>
      <c r="NYH665" s="613"/>
      <c r="NYI665" s="613"/>
      <c r="NYJ665" s="613"/>
      <c r="NYK665" s="613"/>
      <c r="NYL665" s="613"/>
      <c r="NYM665" s="613"/>
      <c r="NYN665" s="613"/>
      <c r="NYO665" s="613"/>
      <c r="NYP665" s="613"/>
      <c r="NYQ665" s="613"/>
      <c r="NYR665" s="613"/>
      <c r="NYS665" s="613"/>
      <c r="NYT665" s="613"/>
      <c r="NYU665" s="613"/>
      <c r="NYV665" s="613"/>
      <c r="NYW665" s="613"/>
      <c r="NYX665" s="613"/>
      <c r="NYY665" s="613"/>
      <c r="NYZ665" s="613"/>
      <c r="NZA665" s="613"/>
      <c r="NZB665" s="613"/>
      <c r="NZC665" s="613"/>
      <c r="NZD665" s="613"/>
      <c r="NZE665" s="613"/>
      <c r="NZF665" s="613"/>
      <c r="NZG665" s="613"/>
      <c r="NZH665" s="613"/>
      <c r="NZI665" s="613"/>
      <c r="NZJ665" s="613"/>
      <c r="NZK665" s="613"/>
      <c r="NZL665" s="613"/>
      <c r="NZM665" s="613"/>
      <c r="NZN665" s="613"/>
      <c r="NZO665" s="613"/>
      <c r="NZP665" s="613"/>
      <c r="NZQ665" s="613"/>
      <c r="NZR665" s="613"/>
      <c r="NZS665" s="613"/>
      <c r="NZT665" s="613"/>
      <c r="NZU665" s="613"/>
      <c r="NZV665" s="613"/>
      <c r="NZW665" s="613"/>
      <c r="NZX665" s="613"/>
      <c r="NZY665" s="613"/>
      <c r="NZZ665" s="613"/>
      <c r="OAA665" s="613"/>
      <c r="OAB665" s="613"/>
      <c r="OAC665" s="613"/>
      <c r="OAD665" s="613"/>
      <c r="OAE665" s="613"/>
      <c r="OAF665" s="613"/>
      <c r="OAG665" s="613"/>
      <c r="OAH665" s="613"/>
      <c r="OAI665" s="613"/>
      <c r="OAJ665" s="613"/>
      <c r="OAK665" s="613"/>
      <c r="OAL665" s="613"/>
      <c r="OAM665" s="613"/>
      <c r="OAN665" s="613"/>
      <c r="OAO665" s="613"/>
      <c r="OAP665" s="613"/>
      <c r="OAQ665" s="613"/>
      <c r="OAR665" s="613"/>
      <c r="OAS665" s="613"/>
      <c r="OAT665" s="613"/>
      <c r="OAU665" s="613"/>
      <c r="OAV665" s="613"/>
      <c r="OAW665" s="613"/>
      <c r="OAX665" s="613"/>
      <c r="OAY665" s="613"/>
      <c r="OAZ665" s="613"/>
      <c r="OBA665" s="613"/>
      <c r="OBB665" s="613"/>
      <c r="OBC665" s="613"/>
      <c r="OBD665" s="613"/>
      <c r="OBE665" s="613"/>
      <c r="OBF665" s="613"/>
      <c r="OBG665" s="613"/>
      <c r="OBH665" s="613"/>
      <c r="OBI665" s="613"/>
      <c r="OBJ665" s="613"/>
      <c r="OBK665" s="613"/>
      <c r="OBL665" s="613"/>
      <c r="OBM665" s="613"/>
      <c r="OBN665" s="613"/>
      <c r="OBO665" s="613"/>
      <c r="OBP665" s="613"/>
      <c r="OBQ665" s="613"/>
      <c r="OBR665" s="613"/>
      <c r="OBS665" s="613"/>
      <c r="OBT665" s="613"/>
      <c r="OBU665" s="613"/>
      <c r="OBV665" s="613"/>
      <c r="OBW665" s="613"/>
      <c r="OBX665" s="613"/>
      <c r="OBY665" s="613"/>
      <c r="OBZ665" s="613"/>
      <c r="OCA665" s="613"/>
      <c r="OCB665" s="613"/>
      <c r="OCC665" s="613"/>
      <c r="OCD665" s="613"/>
      <c r="OCE665" s="613"/>
      <c r="OCF665" s="613"/>
      <c r="OCG665" s="613"/>
      <c r="OCH665" s="613"/>
      <c r="OCI665" s="613"/>
      <c r="OCJ665" s="613"/>
      <c r="OCK665" s="613"/>
      <c r="OCL665" s="613"/>
      <c r="OCM665" s="613"/>
      <c r="OCN665" s="613"/>
      <c r="OCO665" s="613"/>
      <c r="OCP665" s="613"/>
      <c r="OCQ665" s="613"/>
      <c r="OCR665" s="613"/>
      <c r="OCS665" s="613"/>
      <c r="OCT665" s="613"/>
      <c r="OCU665" s="613"/>
      <c r="OCV665" s="613"/>
      <c r="OCW665" s="613"/>
      <c r="OCX665" s="613"/>
      <c r="OCY665" s="613"/>
      <c r="OCZ665" s="613"/>
      <c r="ODA665" s="613"/>
      <c r="ODB665" s="613"/>
      <c r="ODC665" s="613"/>
      <c r="ODD665" s="613"/>
      <c r="ODE665" s="613"/>
      <c r="ODF665" s="613"/>
      <c r="ODG665" s="613"/>
      <c r="ODH665" s="613"/>
      <c r="ODI665" s="613"/>
      <c r="ODJ665" s="613"/>
      <c r="ODK665" s="613"/>
      <c r="ODL665" s="613"/>
      <c r="ODM665" s="613"/>
      <c r="ODN665" s="613"/>
      <c r="ODO665" s="613"/>
      <c r="ODP665" s="613"/>
      <c r="ODQ665" s="613"/>
      <c r="ODR665" s="613"/>
      <c r="ODS665" s="613"/>
      <c r="ODT665" s="613"/>
      <c r="ODU665" s="613"/>
      <c r="ODV665" s="613"/>
      <c r="ODW665" s="613"/>
      <c r="ODX665" s="613"/>
      <c r="ODY665" s="613"/>
      <c r="ODZ665" s="613"/>
      <c r="OEA665" s="613"/>
      <c r="OEB665" s="613"/>
      <c r="OEC665" s="613"/>
      <c r="OED665" s="613"/>
      <c r="OEE665" s="613"/>
      <c r="OEF665" s="613"/>
      <c r="OEG665" s="613"/>
      <c r="OEH665" s="613"/>
      <c r="OEI665" s="613"/>
      <c r="OEJ665" s="613"/>
      <c r="OEK665" s="613"/>
      <c r="OEL665" s="613"/>
      <c r="OEM665" s="613"/>
      <c r="OEN665" s="613"/>
      <c r="OEO665" s="613"/>
      <c r="OEP665" s="613"/>
      <c r="OEQ665" s="613"/>
      <c r="OER665" s="613"/>
      <c r="OES665" s="613"/>
      <c r="OET665" s="613"/>
      <c r="OEU665" s="613"/>
      <c r="OEV665" s="613"/>
      <c r="OEW665" s="613"/>
      <c r="OEX665" s="613"/>
      <c r="OEY665" s="613"/>
      <c r="OEZ665" s="613"/>
      <c r="OFA665" s="613"/>
      <c r="OFB665" s="613"/>
      <c r="OFC665" s="613"/>
      <c r="OFD665" s="613"/>
      <c r="OFE665" s="613"/>
      <c r="OFF665" s="613"/>
      <c r="OFG665" s="613"/>
      <c r="OFH665" s="613"/>
      <c r="OFI665" s="613"/>
      <c r="OFJ665" s="613"/>
      <c r="OFK665" s="613"/>
      <c r="OFL665" s="613"/>
      <c r="OFM665" s="613"/>
      <c r="OFN665" s="613"/>
      <c r="OFO665" s="613"/>
      <c r="OFP665" s="613"/>
      <c r="OFQ665" s="613"/>
      <c r="OFR665" s="613"/>
      <c r="OFS665" s="613"/>
      <c r="OFT665" s="613"/>
      <c r="OFU665" s="613"/>
      <c r="OFV665" s="613"/>
      <c r="OFW665" s="613"/>
      <c r="OFX665" s="613"/>
      <c r="OFY665" s="613"/>
      <c r="OFZ665" s="613"/>
      <c r="OGA665" s="613"/>
      <c r="OGB665" s="613"/>
      <c r="OGC665" s="613"/>
      <c r="OGD665" s="613"/>
      <c r="OGE665" s="613"/>
      <c r="OGF665" s="613"/>
      <c r="OGG665" s="613"/>
      <c r="OGH665" s="613"/>
      <c r="OGI665" s="613"/>
      <c r="OGJ665" s="613"/>
      <c r="OGK665" s="613"/>
      <c r="OGL665" s="613"/>
      <c r="OGM665" s="613"/>
      <c r="OGN665" s="613"/>
      <c r="OGO665" s="613"/>
      <c r="OGP665" s="613"/>
      <c r="OGQ665" s="613"/>
      <c r="OGR665" s="613"/>
      <c r="OGS665" s="613"/>
      <c r="OGT665" s="613"/>
      <c r="OGU665" s="613"/>
      <c r="OGV665" s="613"/>
      <c r="OGW665" s="613"/>
      <c r="OGX665" s="613"/>
      <c r="OGY665" s="613"/>
      <c r="OGZ665" s="613"/>
      <c r="OHA665" s="613"/>
      <c r="OHB665" s="613"/>
      <c r="OHC665" s="613"/>
      <c r="OHD665" s="613"/>
      <c r="OHE665" s="613"/>
      <c r="OHF665" s="613"/>
      <c r="OHG665" s="613"/>
      <c r="OHH665" s="613"/>
      <c r="OHI665" s="613"/>
      <c r="OHJ665" s="613"/>
      <c r="OHK665" s="613"/>
      <c r="OHL665" s="613"/>
      <c r="OHM665" s="613"/>
      <c r="OHN665" s="613"/>
      <c r="OHO665" s="613"/>
      <c r="OHP665" s="613"/>
      <c r="OHQ665" s="613"/>
      <c r="OHR665" s="613"/>
      <c r="OHS665" s="613"/>
      <c r="OHT665" s="613"/>
      <c r="OHU665" s="613"/>
      <c r="OHV665" s="613"/>
      <c r="OHW665" s="613"/>
      <c r="OHX665" s="613"/>
      <c r="OHY665" s="613"/>
      <c r="OHZ665" s="613"/>
      <c r="OIA665" s="613"/>
      <c r="OIB665" s="613"/>
      <c r="OIC665" s="613"/>
      <c r="OID665" s="613"/>
      <c r="OIE665" s="613"/>
      <c r="OIF665" s="613"/>
      <c r="OIG665" s="613"/>
      <c r="OIH665" s="613"/>
      <c r="OII665" s="613"/>
      <c r="OIJ665" s="613"/>
      <c r="OIK665" s="613"/>
      <c r="OIL665" s="613"/>
      <c r="OIM665" s="613"/>
      <c r="OIN665" s="613"/>
      <c r="OIO665" s="613"/>
      <c r="OIP665" s="613"/>
      <c r="OIQ665" s="613"/>
      <c r="OIR665" s="613"/>
      <c r="OIS665" s="613"/>
      <c r="OIT665" s="613"/>
      <c r="OIU665" s="613"/>
      <c r="OIV665" s="613"/>
      <c r="OIW665" s="613"/>
      <c r="OIX665" s="613"/>
      <c r="OIY665" s="613"/>
      <c r="OIZ665" s="613"/>
      <c r="OJA665" s="613"/>
      <c r="OJB665" s="613"/>
      <c r="OJC665" s="613"/>
      <c r="OJD665" s="613"/>
      <c r="OJE665" s="613"/>
      <c r="OJF665" s="613"/>
      <c r="OJG665" s="613"/>
      <c r="OJH665" s="613"/>
      <c r="OJI665" s="613"/>
      <c r="OJJ665" s="613"/>
      <c r="OJK665" s="613"/>
      <c r="OJL665" s="613"/>
      <c r="OJM665" s="613"/>
      <c r="OJN665" s="613"/>
      <c r="OJO665" s="613"/>
      <c r="OJP665" s="613"/>
      <c r="OJQ665" s="613"/>
      <c r="OJR665" s="613"/>
      <c r="OJS665" s="613"/>
      <c r="OJT665" s="613"/>
      <c r="OJU665" s="613"/>
      <c r="OJV665" s="613"/>
      <c r="OJW665" s="613"/>
      <c r="OJX665" s="613"/>
      <c r="OJY665" s="613"/>
      <c r="OJZ665" s="613"/>
      <c r="OKA665" s="613"/>
      <c r="OKB665" s="613"/>
      <c r="OKC665" s="613"/>
      <c r="OKD665" s="613"/>
      <c r="OKE665" s="613"/>
      <c r="OKF665" s="613"/>
      <c r="OKG665" s="613"/>
      <c r="OKH665" s="613"/>
      <c r="OKI665" s="613"/>
      <c r="OKJ665" s="613"/>
      <c r="OKK665" s="613"/>
      <c r="OKL665" s="613"/>
      <c r="OKM665" s="613"/>
      <c r="OKN665" s="613"/>
      <c r="OKO665" s="613"/>
      <c r="OKP665" s="613"/>
      <c r="OKQ665" s="613"/>
      <c r="OKR665" s="613"/>
      <c r="OKS665" s="613"/>
      <c r="OKT665" s="613"/>
      <c r="OKU665" s="613"/>
      <c r="OKV665" s="613"/>
      <c r="OKW665" s="613"/>
      <c r="OKX665" s="613"/>
      <c r="OKY665" s="613"/>
      <c r="OKZ665" s="613"/>
      <c r="OLA665" s="613"/>
      <c r="OLB665" s="613"/>
      <c r="OLC665" s="613"/>
      <c r="OLD665" s="613"/>
      <c r="OLE665" s="613"/>
      <c r="OLF665" s="613"/>
      <c r="OLG665" s="613"/>
      <c r="OLH665" s="613"/>
      <c r="OLI665" s="613"/>
      <c r="OLJ665" s="613"/>
      <c r="OLK665" s="613"/>
      <c r="OLL665" s="613"/>
      <c r="OLM665" s="613"/>
      <c r="OLN665" s="613"/>
      <c r="OLO665" s="613"/>
      <c r="OLP665" s="613"/>
      <c r="OLQ665" s="613"/>
      <c r="OLR665" s="613"/>
      <c r="OLS665" s="613"/>
      <c r="OLT665" s="613"/>
      <c r="OLU665" s="613"/>
      <c r="OLV665" s="613"/>
      <c r="OLW665" s="613"/>
      <c r="OLX665" s="613"/>
      <c r="OLY665" s="613"/>
      <c r="OLZ665" s="613"/>
      <c r="OMA665" s="613"/>
      <c r="OMB665" s="613"/>
      <c r="OMC665" s="613"/>
      <c r="OMD665" s="613"/>
      <c r="OME665" s="613"/>
      <c r="OMF665" s="613"/>
      <c r="OMG665" s="613"/>
      <c r="OMH665" s="613"/>
      <c r="OMI665" s="613"/>
      <c r="OMJ665" s="613"/>
      <c r="OMK665" s="613"/>
      <c r="OML665" s="613"/>
      <c r="OMM665" s="613"/>
      <c r="OMN665" s="613"/>
      <c r="OMO665" s="613"/>
      <c r="OMP665" s="613"/>
      <c r="OMQ665" s="613"/>
      <c r="OMR665" s="613"/>
      <c r="OMS665" s="613"/>
      <c r="OMT665" s="613"/>
      <c r="OMU665" s="613"/>
      <c r="OMV665" s="613"/>
      <c r="OMW665" s="613"/>
      <c r="OMX665" s="613"/>
      <c r="OMY665" s="613"/>
      <c r="OMZ665" s="613"/>
      <c r="ONA665" s="613"/>
      <c r="ONB665" s="613"/>
      <c r="ONC665" s="613"/>
      <c r="OND665" s="613"/>
      <c r="ONE665" s="613"/>
      <c r="ONF665" s="613"/>
      <c r="ONG665" s="613"/>
      <c r="ONH665" s="613"/>
      <c r="ONI665" s="613"/>
      <c r="ONJ665" s="613"/>
      <c r="ONK665" s="613"/>
      <c r="ONL665" s="613"/>
      <c r="ONM665" s="613"/>
      <c r="ONN665" s="613"/>
      <c r="ONO665" s="613"/>
      <c r="ONP665" s="613"/>
      <c r="ONQ665" s="613"/>
      <c r="ONR665" s="613"/>
      <c r="ONS665" s="613"/>
      <c r="ONT665" s="613"/>
      <c r="ONU665" s="613"/>
      <c r="ONV665" s="613"/>
      <c r="ONW665" s="613"/>
      <c r="ONX665" s="613"/>
      <c r="ONY665" s="613"/>
      <c r="ONZ665" s="613"/>
      <c r="OOA665" s="613"/>
      <c r="OOB665" s="613"/>
      <c r="OOC665" s="613"/>
      <c r="OOD665" s="613"/>
      <c r="OOE665" s="613"/>
      <c r="OOF665" s="613"/>
      <c r="OOG665" s="613"/>
      <c r="OOH665" s="613"/>
      <c r="OOI665" s="613"/>
      <c r="OOJ665" s="613"/>
      <c r="OOK665" s="613"/>
      <c r="OOL665" s="613"/>
      <c r="OOM665" s="613"/>
      <c r="OON665" s="613"/>
      <c r="OOO665" s="613"/>
      <c r="OOP665" s="613"/>
      <c r="OOQ665" s="613"/>
      <c r="OOR665" s="613"/>
      <c r="OOS665" s="613"/>
      <c r="OOT665" s="613"/>
      <c r="OOU665" s="613"/>
      <c r="OOV665" s="613"/>
      <c r="OOW665" s="613"/>
      <c r="OOX665" s="613"/>
      <c r="OOY665" s="613"/>
      <c r="OOZ665" s="613"/>
      <c r="OPA665" s="613"/>
      <c r="OPB665" s="613"/>
      <c r="OPC665" s="613"/>
      <c r="OPD665" s="613"/>
      <c r="OPE665" s="613"/>
      <c r="OPF665" s="613"/>
      <c r="OPG665" s="613"/>
      <c r="OPH665" s="613"/>
      <c r="OPI665" s="613"/>
      <c r="OPJ665" s="613"/>
      <c r="OPK665" s="613"/>
      <c r="OPL665" s="613"/>
      <c r="OPM665" s="613"/>
      <c r="OPN665" s="613"/>
      <c r="OPO665" s="613"/>
      <c r="OPP665" s="613"/>
      <c r="OPQ665" s="613"/>
      <c r="OPR665" s="613"/>
      <c r="OPS665" s="613"/>
      <c r="OPT665" s="613"/>
      <c r="OPU665" s="613"/>
      <c r="OPV665" s="613"/>
      <c r="OPW665" s="613"/>
      <c r="OPX665" s="613"/>
      <c r="OPY665" s="613"/>
      <c r="OPZ665" s="613"/>
      <c r="OQA665" s="613"/>
      <c r="OQB665" s="613"/>
      <c r="OQC665" s="613"/>
      <c r="OQD665" s="613"/>
      <c r="OQE665" s="613"/>
      <c r="OQF665" s="613"/>
      <c r="OQG665" s="613"/>
      <c r="OQH665" s="613"/>
      <c r="OQI665" s="613"/>
      <c r="OQJ665" s="613"/>
      <c r="OQK665" s="613"/>
      <c r="OQL665" s="613"/>
      <c r="OQM665" s="613"/>
      <c r="OQN665" s="613"/>
      <c r="OQO665" s="613"/>
      <c r="OQP665" s="613"/>
      <c r="OQQ665" s="613"/>
      <c r="OQR665" s="613"/>
      <c r="OQS665" s="613"/>
      <c r="OQT665" s="613"/>
      <c r="OQU665" s="613"/>
      <c r="OQV665" s="613"/>
      <c r="OQW665" s="613"/>
      <c r="OQX665" s="613"/>
      <c r="OQY665" s="613"/>
      <c r="OQZ665" s="613"/>
      <c r="ORA665" s="613"/>
      <c r="ORB665" s="613"/>
      <c r="ORC665" s="613"/>
      <c r="ORD665" s="613"/>
      <c r="ORE665" s="613"/>
      <c r="ORF665" s="613"/>
      <c r="ORG665" s="613"/>
      <c r="ORH665" s="613"/>
      <c r="ORI665" s="613"/>
      <c r="ORJ665" s="613"/>
      <c r="ORK665" s="613"/>
      <c r="ORL665" s="613"/>
      <c r="ORM665" s="613"/>
      <c r="ORN665" s="613"/>
      <c r="ORO665" s="613"/>
      <c r="ORP665" s="613"/>
      <c r="ORQ665" s="613"/>
      <c r="ORR665" s="613"/>
      <c r="ORS665" s="613"/>
      <c r="ORT665" s="613"/>
      <c r="ORU665" s="613"/>
      <c r="ORV665" s="613"/>
      <c r="ORW665" s="613"/>
      <c r="ORX665" s="613"/>
      <c r="ORY665" s="613"/>
      <c r="ORZ665" s="613"/>
      <c r="OSA665" s="613"/>
      <c r="OSB665" s="613"/>
      <c r="OSC665" s="613"/>
      <c r="OSD665" s="613"/>
      <c r="OSE665" s="613"/>
      <c r="OSF665" s="613"/>
      <c r="OSG665" s="613"/>
      <c r="OSH665" s="613"/>
      <c r="OSI665" s="613"/>
      <c r="OSJ665" s="613"/>
      <c r="OSK665" s="613"/>
      <c r="OSL665" s="613"/>
      <c r="OSM665" s="613"/>
      <c r="OSN665" s="613"/>
      <c r="OSO665" s="613"/>
      <c r="OSP665" s="613"/>
      <c r="OSQ665" s="613"/>
      <c r="OSR665" s="613"/>
      <c r="OSS665" s="613"/>
      <c r="OST665" s="613"/>
      <c r="OSU665" s="613"/>
      <c r="OSV665" s="613"/>
      <c r="OSW665" s="613"/>
      <c r="OSX665" s="613"/>
      <c r="OSY665" s="613"/>
      <c r="OSZ665" s="613"/>
      <c r="OTA665" s="613"/>
      <c r="OTB665" s="613"/>
      <c r="OTC665" s="613"/>
      <c r="OTD665" s="613"/>
      <c r="OTE665" s="613"/>
      <c r="OTF665" s="613"/>
      <c r="OTG665" s="613"/>
      <c r="OTH665" s="613"/>
      <c r="OTI665" s="613"/>
      <c r="OTJ665" s="613"/>
      <c r="OTK665" s="613"/>
      <c r="OTL665" s="613"/>
      <c r="OTM665" s="613"/>
      <c r="OTN665" s="613"/>
      <c r="OTO665" s="613"/>
      <c r="OTP665" s="613"/>
      <c r="OTQ665" s="613"/>
      <c r="OTR665" s="613"/>
      <c r="OTS665" s="613"/>
      <c r="OTT665" s="613"/>
      <c r="OTU665" s="613"/>
      <c r="OTV665" s="613"/>
      <c r="OTW665" s="613"/>
      <c r="OTX665" s="613"/>
      <c r="OTY665" s="613"/>
      <c r="OTZ665" s="613"/>
      <c r="OUA665" s="613"/>
      <c r="OUB665" s="613"/>
      <c r="OUC665" s="613"/>
      <c r="OUD665" s="613"/>
      <c r="OUE665" s="613"/>
      <c r="OUF665" s="613"/>
      <c r="OUG665" s="613"/>
      <c r="OUH665" s="613"/>
      <c r="OUI665" s="613"/>
      <c r="OUJ665" s="613"/>
      <c r="OUK665" s="613"/>
      <c r="OUL665" s="613"/>
      <c r="OUM665" s="613"/>
      <c r="OUN665" s="613"/>
      <c r="OUO665" s="613"/>
      <c r="OUP665" s="613"/>
      <c r="OUQ665" s="613"/>
      <c r="OUR665" s="613"/>
      <c r="OUS665" s="613"/>
      <c r="OUT665" s="613"/>
      <c r="OUU665" s="613"/>
      <c r="OUV665" s="613"/>
      <c r="OUW665" s="613"/>
      <c r="OUX665" s="613"/>
      <c r="OUY665" s="613"/>
      <c r="OUZ665" s="613"/>
      <c r="OVA665" s="613"/>
      <c r="OVB665" s="613"/>
      <c r="OVC665" s="613"/>
      <c r="OVD665" s="613"/>
      <c r="OVE665" s="613"/>
      <c r="OVF665" s="613"/>
      <c r="OVG665" s="613"/>
      <c r="OVH665" s="613"/>
      <c r="OVI665" s="613"/>
      <c r="OVJ665" s="613"/>
      <c r="OVK665" s="613"/>
      <c r="OVL665" s="613"/>
      <c r="OVM665" s="613"/>
      <c r="OVN665" s="613"/>
      <c r="OVO665" s="613"/>
      <c r="OVP665" s="613"/>
      <c r="OVQ665" s="613"/>
      <c r="OVR665" s="613"/>
      <c r="OVS665" s="613"/>
      <c r="OVT665" s="613"/>
      <c r="OVU665" s="613"/>
      <c r="OVV665" s="613"/>
      <c r="OVW665" s="613"/>
      <c r="OVX665" s="613"/>
      <c r="OVY665" s="613"/>
      <c r="OVZ665" s="613"/>
      <c r="OWA665" s="613"/>
      <c r="OWB665" s="613"/>
      <c r="OWC665" s="613"/>
      <c r="OWD665" s="613"/>
      <c r="OWE665" s="613"/>
      <c r="OWF665" s="613"/>
      <c r="OWG665" s="613"/>
      <c r="OWH665" s="613"/>
      <c r="OWI665" s="613"/>
      <c r="OWJ665" s="613"/>
      <c r="OWK665" s="613"/>
      <c r="OWL665" s="613"/>
      <c r="OWM665" s="613"/>
      <c r="OWN665" s="613"/>
      <c r="OWO665" s="613"/>
      <c r="OWP665" s="613"/>
      <c r="OWQ665" s="613"/>
      <c r="OWR665" s="613"/>
      <c r="OWS665" s="613"/>
      <c r="OWT665" s="613"/>
      <c r="OWU665" s="613"/>
      <c r="OWV665" s="613"/>
      <c r="OWW665" s="613"/>
      <c r="OWX665" s="613"/>
      <c r="OWY665" s="613"/>
      <c r="OWZ665" s="613"/>
      <c r="OXA665" s="613"/>
      <c r="OXB665" s="613"/>
      <c r="OXC665" s="613"/>
      <c r="OXD665" s="613"/>
      <c r="OXE665" s="613"/>
      <c r="OXF665" s="613"/>
      <c r="OXG665" s="613"/>
      <c r="OXH665" s="613"/>
      <c r="OXI665" s="613"/>
      <c r="OXJ665" s="613"/>
      <c r="OXK665" s="613"/>
      <c r="OXL665" s="613"/>
      <c r="OXM665" s="613"/>
      <c r="OXN665" s="613"/>
      <c r="OXO665" s="613"/>
      <c r="OXP665" s="613"/>
      <c r="OXQ665" s="613"/>
      <c r="OXR665" s="613"/>
      <c r="OXS665" s="613"/>
      <c r="OXT665" s="613"/>
      <c r="OXU665" s="613"/>
      <c r="OXV665" s="613"/>
      <c r="OXW665" s="613"/>
      <c r="OXX665" s="613"/>
      <c r="OXY665" s="613"/>
      <c r="OXZ665" s="613"/>
      <c r="OYA665" s="613"/>
      <c r="OYB665" s="613"/>
      <c r="OYC665" s="613"/>
      <c r="OYD665" s="613"/>
      <c r="OYE665" s="613"/>
      <c r="OYF665" s="613"/>
      <c r="OYG665" s="613"/>
      <c r="OYH665" s="613"/>
      <c r="OYI665" s="613"/>
      <c r="OYJ665" s="613"/>
      <c r="OYK665" s="613"/>
      <c r="OYL665" s="613"/>
      <c r="OYM665" s="613"/>
      <c r="OYN665" s="613"/>
      <c r="OYO665" s="613"/>
      <c r="OYP665" s="613"/>
      <c r="OYQ665" s="613"/>
      <c r="OYR665" s="613"/>
      <c r="OYS665" s="613"/>
      <c r="OYT665" s="613"/>
      <c r="OYU665" s="613"/>
      <c r="OYV665" s="613"/>
      <c r="OYW665" s="613"/>
      <c r="OYX665" s="613"/>
      <c r="OYY665" s="613"/>
      <c r="OYZ665" s="613"/>
      <c r="OZA665" s="613"/>
      <c r="OZB665" s="613"/>
      <c r="OZC665" s="613"/>
      <c r="OZD665" s="613"/>
      <c r="OZE665" s="613"/>
      <c r="OZF665" s="613"/>
      <c r="OZG665" s="613"/>
      <c r="OZH665" s="613"/>
      <c r="OZI665" s="613"/>
      <c r="OZJ665" s="613"/>
      <c r="OZK665" s="613"/>
      <c r="OZL665" s="613"/>
      <c r="OZM665" s="613"/>
      <c r="OZN665" s="613"/>
      <c r="OZO665" s="613"/>
      <c r="OZP665" s="613"/>
      <c r="OZQ665" s="613"/>
      <c r="OZR665" s="613"/>
      <c r="OZS665" s="613"/>
      <c r="OZT665" s="613"/>
      <c r="OZU665" s="613"/>
      <c r="OZV665" s="613"/>
      <c r="OZW665" s="613"/>
      <c r="OZX665" s="613"/>
      <c r="OZY665" s="613"/>
      <c r="OZZ665" s="613"/>
      <c r="PAA665" s="613"/>
      <c r="PAB665" s="613"/>
      <c r="PAC665" s="613"/>
      <c r="PAD665" s="613"/>
      <c r="PAE665" s="613"/>
      <c r="PAF665" s="613"/>
      <c r="PAG665" s="613"/>
      <c r="PAH665" s="613"/>
      <c r="PAI665" s="613"/>
      <c r="PAJ665" s="613"/>
      <c r="PAK665" s="613"/>
      <c r="PAL665" s="613"/>
      <c r="PAM665" s="613"/>
      <c r="PAN665" s="613"/>
      <c r="PAO665" s="613"/>
      <c r="PAP665" s="613"/>
      <c r="PAQ665" s="613"/>
      <c r="PAR665" s="613"/>
      <c r="PAS665" s="613"/>
      <c r="PAT665" s="613"/>
      <c r="PAU665" s="613"/>
      <c r="PAV665" s="613"/>
      <c r="PAW665" s="613"/>
      <c r="PAX665" s="613"/>
      <c r="PAY665" s="613"/>
      <c r="PAZ665" s="613"/>
      <c r="PBA665" s="613"/>
      <c r="PBB665" s="613"/>
      <c r="PBC665" s="613"/>
      <c r="PBD665" s="613"/>
      <c r="PBE665" s="613"/>
      <c r="PBF665" s="613"/>
      <c r="PBG665" s="613"/>
      <c r="PBH665" s="613"/>
      <c r="PBI665" s="613"/>
      <c r="PBJ665" s="613"/>
      <c r="PBK665" s="613"/>
      <c r="PBL665" s="613"/>
      <c r="PBM665" s="613"/>
      <c r="PBN665" s="613"/>
      <c r="PBO665" s="613"/>
      <c r="PBP665" s="613"/>
      <c r="PBQ665" s="613"/>
      <c r="PBR665" s="613"/>
      <c r="PBS665" s="613"/>
      <c r="PBT665" s="613"/>
      <c r="PBU665" s="613"/>
      <c r="PBV665" s="613"/>
      <c r="PBW665" s="613"/>
      <c r="PBX665" s="613"/>
      <c r="PBY665" s="613"/>
      <c r="PBZ665" s="613"/>
      <c r="PCA665" s="613"/>
      <c r="PCB665" s="613"/>
      <c r="PCC665" s="613"/>
      <c r="PCD665" s="613"/>
      <c r="PCE665" s="613"/>
      <c r="PCF665" s="613"/>
      <c r="PCG665" s="613"/>
      <c r="PCH665" s="613"/>
      <c r="PCI665" s="613"/>
      <c r="PCJ665" s="613"/>
      <c r="PCK665" s="613"/>
      <c r="PCL665" s="613"/>
      <c r="PCM665" s="613"/>
      <c r="PCN665" s="613"/>
      <c r="PCO665" s="613"/>
      <c r="PCP665" s="613"/>
      <c r="PCQ665" s="613"/>
      <c r="PCR665" s="613"/>
      <c r="PCS665" s="613"/>
      <c r="PCT665" s="613"/>
      <c r="PCU665" s="613"/>
      <c r="PCV665" s="613"/>
      <c r="PCW665" s="613"/>
      <c r="PCX665" s="613"/>
      <c r="PCY665" s="613"/>
      <c r="PCZ665" s="613"/>
      <c r="PDA665" s="613"/>
      <c r="PDB665" s="613"/>
      <c r="PDC665" s="613"/>
      <c r="PDD665" s="613"/>
      <c r="PDE665" s="613"/>
      <c r="PDF665" s="613"/>
      <c r="PDG665" s="613"/>
      <c r="PDH665" s="613"/>
      <c r="PDI665" s="613"/>
      <c r="PDJ665" s="613"/>
      <c r="PDK665" s="613"/>
      <c r="PDL665" s="613"/>
      <c r="PDM665" s="613"/>
      <c r="PDN665" s="613"/>
      <c r="PDO665" s="613"/>
      <c r="PDP665" s="613"/>
      <c r="PDQ665" s="613"/>
      <c r="PDR665" s="613"/>
      <c r="PDS665" s="613"/>
      <c r="PDT665" s="613"/>
      <c r="PDU665" s="613"/>
      <c r="PDV665" s="613"/>
      <c r="PDW665" s="613"/>
      <c r="PDX665" s="613"/>
      <c r="PDY665" s="613"/>
      <c r="PDZ665" s="613"/>
      <c r="PEA665" s="613"/>
      <c r="PEB665" s="613"/>
      <c r="PEC665" s="613"/>
      <c r="PED665" s="613"/>
      <c r="PEE665" s="613"/>
      <c r="PEF665" s="613"/>
      <c r="PEG665" s="613"/>
      <c r="PEH665" s="613"/>
      <c r="PEI665" s="613"/>
      <c r="PEJ665" s="613"/>
      <c r="PEK665" s="613"/>
      <c r="PEL665" s="613"/>
      <c r="PEM665" s="613"/>
      <c r="PEN665" s="613"/>
      <c r="PEO665" s="613"/>
      <c r="PEP665" s="613"/>
      <c r="PEQ665" s="613"/>
      <c r="PER665" s="613"/>
      <c r="PES665" s="613"/>
      <c r="PET665" s="613"/>
      <c r="PEU665" s="613"/>
      <c r="PEV665" s="613"/>
      <c r="PEW665" s="613"/>
      <c r="PEX665" s="613"/>
      <c r="PEY665" s="613"/>
      <c r="PEZ665" s="613"/>
      <c r="PFA665" s="613"/>
      <c r="PFB665" s="613"/>
      <c r="PFC665" s="613"/>
      <c r="PFD665" s="613"/>
      <c r="PFE665" s="613"/>
      <c r="PFF665" s="613"/>
      <c r="PFG665" s="613"/>
      <c r="PFH665" s="613"/>
      <c r="PFI665" s="613"/>
      <c r="PFJ665" s="613"/>
      <c r="PFK665" s="613"/>
      <c r="PFL665" s="613"/>
      <c r="PFM665" s="613"/>
      <c r="PFN665" s="613"/>
      <c r="PFO665" s="613"/>
      <c r="PFP665" s="613"/>
      <c r="PFQ665" s="613"/>
      <c r="PFR665" s="613"/>
      <c r="PFS665" s="613"/>
      <c r="PFT665" s="613"/>
      <c r="PFU665" s="613"/>
      <c r="PFV665" s="613"/>
      <c r="PFW665" s="613"/>
      <c r="PFX665" s="613"/>
      <c r="PFY665" s="613"/>
      <c r="PFZ665" s="613"/>
      <c r="PGA665" s="613"/>
      <c r="PGB665" s="613"/>
      <c r="PGC665" s="613"/>
      <c r="PGD665" s="613"/>
      <c r="PGE665" s="613"/>
      <c r="PGF665" s="613"/>
      <c r="PGG665" s="613"/>
      <c r="PGH665" s="613"/>
      <c r="PGI665" s="613"/>
      <c r="PGJ665" s="613"/>
      <c r="PGK665" s="613"/>
      <c r="PGL665" s="613"/>
      <c r="PGM665" s="613"/>
      <c r="PGN665" s="613"/>
      <c r="PGO665" s="613"/>
      <c r="PGP665" s="613"/>
      <c r="PGQ665" s="613"/>
      <c r="PGR665" s="613"/>
      <c r="PGS665" s="613"/>
      <c r="PGT665" s="613"/>
      <c r="PGU665" s="613"/>
      <c r="PGV665" s="613"/>
      <c r="PGW665" s="613"/>
      <c r="PGX665" s="613"/>
      <c r="PGY665" s="613"/>
      <c r="PGZ665" s="613"/>
      <c r="PHA665" s="613"/>
      <c r="PHB665" s="613"/>
      <c r="PHC665" s="613"/>
      <c r="PHD665" s="613"/>
      <c r="PHE665" s="613"/>
      <c r="PHF665" s="613"/>
      <c r="PHG665" s="613"/>
      <c r="PHH665" s="613"/>
      <c r="PHI665" s="613"/>
      <c r="PHJ665" s="613"/>
      <c r="PHK665" s="613"/>
      <c r="PHL665" s="613"/>
      <c r="PHM665" s="613"/>
      <c r="PHN665" s="613"/>
      <c r="PHO665" s="613"/>
      <c r="PHP665" s="613"/>
      <c r="PHQ665" s="613"/>
      <c r="PHR665" s="613"/>
      <c r="PHS665" s="613"/>
      <c r="PHT665" s="613"/>
      <c r="PHU665" s="613"/>
      <c r="PHV665" s="613"/>
      <c r="PHW665" s="613"/>
      <c r="PHX665" s="613"/>
      <c r="PHY665" s="613"/>
      <c r="PHZ665" s="613"/>
      <c r="PIA665" s="613"/>
      <c r="PIB665" s="613"/>
      <c r="PIC665" s="613"/>
      <c r="PID665" s="613"/>
      <c r="PIE665" s="613"/>
      <c r="PIF665" s="613"/>
      <c r="PIG665" s="613"/>
      <c r="PIH665" s="613"/>
      <c r="PII665" s="613"/>
      <c r="PIJ665" s="613"/>
      <c r="PIK665" s="613"/>
      <c r="PIL665" s="613"/>
      <c r="PIM665" s="613"/>
      <c r="PIN665" s="613"/>
      <c r="PIO665" s="613"/>
      <c r="PIP665" s="613"/>
      <c r="PIQ665" s="613"/>
      <c r="PIR665" s="613"/>
      <c r="PIS665" s="613"/>
      <c r="PIT665" s="613"/>
      <c r="PIU665" s="613"/>
      <c r="PIV665" s="613"/>
      <c r="PIW665" s="613"/>
      <c r="PIX665" s="613"/>
      <c r="PIY665" s="613"/>
      <c r="PIZ665" s="613"/>
      <c r="PJA665" s="613"/>
      <c r="PJB665" s="613"/>
      <c r="PJC665" s="613"/>
      <c r="PJD665" s="613"/>
      <c r="PJE665" s="613"/>
      <c r="PJF665" s="613"/>
      <c r="PJG665" s="613"/>
      <c r="PJH665" s="613"/>
      <c r="PJI665" s="613"/>
      <c r="PJJ665" s="613"/>
      <c r="PJK665" s="613"/>
      <c r="PJL665" s="613"/>
      <c r="PJM665" s="613"/>
      <c r="PJN665" s="613"/>
      <c r="PJO665" s="613"/>
      <c r="PJP665" s="613"/>
      <c r="PJQ665" s="613"/>
      <c r="PJR665" s="613"/>
      <c r="PJS665" s="613"/>
      <c r="PJT665" s="613"/>
      <c r="PJU665" s="613"/>
      <c r="PJV665" s="613"/>
      <c r="PJW665" s="613"/>
      <c r="PJX665" s="613"/>
      <c r="PJY665" s="613"/>
      <c r="PJZ665" s="613"/>
      <c r="PKA665" s="613"/>
      <c r="PKB665" s="613"/>
      <c r="PKC665" s="613"/>
      <c r="PKD665" s="613"/>
      <c r="PKE665" s="613"/>
      <c r="PKF665" s="613"/>
      <c r="PKG665" s="613"/>
      <c r="PKH665" s="613"/>
      <c r="PKI665" s="613"/>
      <c r="PKJ665" s="613"/>
      <c r="PKK665" s="613"/>
      <c r="PKL665" s="613"/>
      <c r="PKM665" s="613"/>
      <c r="PKN665" s="613"/>
      <c r="PKO665" s="613"/>
      <c r="PKP665" s="613"/>
      <c r="PKQ665" s="613"/>
      <c r="PKR665" s="613"/>
      <c r="PKS665" s="613"/>
      <c r="PKT665" s="613"/>
      <c r="PKU665" s="613"/>
      <c r="PKV665" s="613"/>
      <c r="PKW665" s="613"/>
      <c r="PKX665" s="613"/>
      <c r="PKY665" s="613"/>
      <c r="PKZ665" s="613"/>
      <c r="PLA665" s="613"/>
      <c r="PLB665" s="613"/>
      <c r="PLC665" s="613"/>
      <c r="PLD665" s="613"/>
      <c r="PLE665" s="613"/>
      <c r="PLF665" s="613"/>
      <c r="PLG665" s="613"/>
      <c r="PLH665" s="613"/>
      <c r="PLI665" s="613"/>
      <c r="PLJ665" s="613"/>
      <c r="PLK665" s="613"/>
      <c r="PLL665" s="613"/>
      <c r="PLM665" s="613"/>
      <c r="PLN665" s="613"/>
      <c r="PLO665" s="613"/>
      <c r="PLP665" s="613"/>
      <c r="PLQ665" s="613"/>
      <c r="PLR665" s="613"/>
      <c r="PLS665" s="613"/>
      <c r="PLT665" s="613"/>
      <c r="PLU665" s="613"/>
      <c r="PLV665" s="613"/>
      <c r="PLW665" s="613"/>
      <c r="PLX665" s="613"/>
      <c r="PLY665" s="613"/>
      <c r="PLZ665" s="613"/>
      <c r="PMA665" s="613"/>
      <c r="PMB665" s="613"/>
      <c r="PMC665" s="613"/>
      <c r="PMD665" s="613"/>
      <c r="PME665" s="613"/>
      <c r="PMF665" s="613"/>
      <c r="PMG665" s="613"/>
      <c r="PMH665" s="613"/>
      <c r="PMI665" s="613"/>
      <c r="PMJ665" s="613"/>
      <c r="PMK665" s="613"/>
      <c r="PML665" s="613"/>
      <c r="PMM665" s="613"/>
      <c r="PMN665" s="613"/>
      <c r="PMO665" s="613"/>
      <c r="PMP665" s="613"/>
      <c r="PMQ665" s="613"/>
      <c r="PMR665" s="613"/>
      <c r="PMS665" s="613"/>
      <c r="PMT665" s="613"/>
      <c r="PMU665" s="613"/>
      <c r="PMV665" s="613"/>
      <c r="PMW665" s="613"/>
      <c r="PMX665" s="613"/>
      <c r="PMY665" s="613"/>
      <c r="PMZ665" s="613"/>
      <c r="PNA665" s="613"/>
      <c r="PNB665" s="613"/>
      <c r="PNC665" s="613"/>
      <c r="PND665" s="613"/>
      <c r="PNE665" s="613"/>
      <c r="PNF665" s="613"/>
      <c r="PNG665" s="613"/>
      <c r="PNH665" s="613"/>
      <c r="PNI665" s="613"/>
      <c r="PNJ665" s="613"/>
      <c r="PNK665" s="613"/>
      <c r="PNL665" s="613"/>
      <c r="PNM665" s="613"/>
      <c r="PNN665" s="613"/>
      <c r="PNO665" s="613"/>
      <c r="PNP665" s="613"/>
      <c r="PNQ665" s="613"/>
      <c r="PNR665" s="613"/>
      <c r="PNS665" s="613"/>
      <c r="PNT665" s="613"/>
      <c r="PNU665" s="613"/>
      <c r="PNV665" s="613"/>
      <c r="PNW665" s="613"/>
      <c r="PNX665" s="613"/>
      <c r="PNY665" s="613"/>
      <c r="PNZ665" s="613"/>
      <c r="POA665" s="613"/>
      <c r="POB665" s="613"/>
      <c r="POC665" s="613"/>
      <c r="POD665" s="613"/>
      <c r="POE665" s="613"/>
      <c r="POF665" s="613"/>
      <c r="POG665" s="613"/>
      <c r="POH665" s="613"/>
      <c r="POI665" s="613"/>
      <c r="POJ665" s="613"/>
      <c r="POK665" s="613"/>
      <c r="POL665" s="613"/>
      <c r="POM665" s="613"/>
      <c r="PON665" s="613"/>
      <c r="POO665" s="613"/>
      <c r="POP665" s="613"/>
      <c r="POQ665" s="613"/>
      <c r="POR665" s="613"/>
      <c r="POS665" s="613"/>
      <c r="POT665" s="613"/>
      <c r="POU665" s="613"/>
      <c r="POV665" s="613"/>
      <c r="POW665" s="613"/>
      <c r="POX665" s="613"/>
      <c r="POY665" s="613"/>
      <c r="POZ665" s="613"/>
      <c r="PPA665" s="613"/>
      <c r="PPB665" s="613"/>
      <c r="PPC665" s="613"/>
      <c r="PPD665" s="613"/>
      <c r="PPE665" s="613"/>
      <c r="PPF665" s="613"/>
      <c r="PPG665" s="613"/>
      <c r="PPH665" s="613"/>
      <c r="PPI665" s="613"/>
      <c r="PPJ665" s="613"/>
      <c r="PPK665" s="613"/>
      <c r="PPL665" s="613"/>
      <c r="PPM665" s="613"/>
      <c r="PPN665" s="613"/>
      <c r="PPO665" s="613"/>
      <c r="PPP665" s="613"/>
      <c r="PPQ665" s="613"/>
      <c r="PPR665" s="613"/>
      <c r="PPS665" s="613"/>
      <c r="PPT665" s="613"/>
      <c r="PPU665" s="613"/>
      <c r="PPV665" s="613"/>
      <c r="PPW665" s="613"/>
      <c r="PPX665" s="613"/>
      <c r="PPY665" s="613"/>
      <c r="PPZ665" s="613"/>
      <c r="PQA665" s="613"/>
      <c r="PQB665" s="613"/>
      <c r="PQC665" s="613"/>
      <c r="PQD665" s="613"/>
      <c r="PQE665" s="613"/>
      <c r="PQF665" s="613"/>
      <c r="PQG665" s="613"/>
      <c r="PQH665" s="613"/>
      <c r="PQI665" s="613"/>
      <c r="PQJ665" s="613"/>
      <c r="PQK665" s="613"/>
      <c r="PQL665" s="613"/>
      <c r="PQM665" s="613"/>
      <c r="PQN665" s="613"/>
      <c r="PQO665" s="613"/>
      <c r="PQP665" s="613"/>
      <c r="PQQ665" s="613"/>
      <c r="PQR665" s="613"/>
      <c r="PQS665" s="613"/>
      <c r="PQT665" s="613"/>
      <c r="PQU665" s="613"/>
      <c r="PQV665" s="613"/>
      <c r="PQW665" s="613"/>
      <c r="PQX665" s="613"/>
      <c r="PQY665" s="613"/>
      <c r="PQZ665" s="613"/>
      <c r="PRA665" s="613"/>
      <c r="PRB665" s="613"/>
      <c r="PRC665" s="613"/>
      <c r="PRD665" s="613"/>
      <c r="PRE665" s="613"/>
      <c r="PRF665" s="613"/>
      <c r="PRG665" s="613"/>
      <c r="PRH665" s="613"/>
      <c r="PRI665" s="613"/>
      <c r="PRJ665" s="613"/>
      <c r="PRK665" s="613"/>
      <c r="PRL665" s="613"/>
      <c r="PRM665" s="613"/>
      <c r="PRN665" s="613"/>
      <c r="PRO665" s="613"/>
      <c r="PRP665" s="613"/>
      <c r="PRQ665" s="613"/>
      <c r="PRR665" s="613"/>
      <c r="PRS665" s="613"/>
      <c r="PRT665" s="613"/>
      <c r="PRU665" s="613"/>
      <c r="PRV665" s="613"/>
      <c r="PRW665" s="613"/>
      <c r="PRX665" s="613"/>
      <c r="PRY665" s="613"/>
      <c r="PRZ665" s="613"/>
      <c r="PSA665" s="613"/>
      <c r="PSB665" s="613"/>
      <c r="PSC665" s="613"/>
      <c r="PSD665" s="613"/>
      <c r="PSE665" s="613"/>
      <c r="PSF665" s="613"/>
      <c r="PSG665" s="613"/>
      <c r="PSH665" s="613"/>
      <c r="PSI665" s="613"/>
      <c r="PSJ665" s="613"/>
      <c r="PSK665" s="613"/>
      <c r="PSL665" s="613"/>
      <c r="PSM665" s="613"/>
      <c r="PSN665" s="613"/>
      <c r="PSO665" s="613"/>
      <c r="PSP665" s="613"/>
      <c r="PSQ665" s="613"/>
      <c r="PSR665" s="613"/>
      <c r="PSS665" s="613"/>
      <c r="PST665" s="613"/>
      <c r="PSU665" s="613"/>
      <c r="PSV665" s="613"/>
      <c r="PSW665" s="613"/>
      <c r="PSX665" s="613"/>
      <c r="PSY665" s="613"/>
      <c r="PSZ665" s="613"/>
      <c r="PTA665" s="613"/>
      <c r="PTB665" s="613"/>
      <c r="PTC665" s="613"/>
      <c r="PTD665" s="613"/>
      <c r="PTE665" s="613"/>
      <c r="PTF665" s="613"/>
      <c r="PTG665" s="613"/>
      <c r="PTH665" s="613"/>
      <c r="PTI665" s="613"/>
      <c r="PTJ665" s="613"/>
      <c r="PTK665" s="613"/>
      <c r="PTL665" s="613"/>
      <c r="PTM665" s="613"/>
      <c r="PTN665" s="613"/>
      <c r="PTO665" s="613"/>
      <c r="PTP665" s="613"/>
      <c r="PTQ665" s="613"/>
      <c r="PTR665" s="613"/>
      <c r="PTS665" s="613"/>
      <c r="PTT665" s="613"/>
      <c r="PTU665" s="613"/>
      <c r="PTV665" s="613"/>
      <c r="PTW665" s="613"/>
      <c r="PTX665" s="613"/>
      <c r="PTY665" s="613"/>
      <c r="PTZ665" s="613"/>
      <c r="PUA665" s="613"/>
      <c r="PUB665" s="613"/>
      <c r="PUC665" s="613"/>
      <c r="PUD665" s="613"/>
      <c r="PUE665" s="613"/>
      <c r="PUF665" s="613"/>
      <c r="PUG665" s="613"/>
      <c r="PUH665" s="613"/>
      <c r="PUI665" s="613"/>
      <c r="PUJ665" s="613"/>
      <c r="PUK665" s="613"/>
      <c r="PUL665" s="613"/>
      <c r="PUM665" s="613"/>
      <c r="PUN665" s="613"/>
      <c r="PUO665" s="613"/>
      <c r="PUP665" s="613"/>
      <c r="PUQ665" s="613"/>
      <c r="PUR665" s="613"/>
      <c r="PUS665" s="613"/>
      <c r="PUT665" s="613"/>
      <c r="PUU665" s="613"/>
      <c r="PUV665" s="613"/>
      <c r="PUW665" s="613"/>
      <c r="PUX665" s="613"/>
      <c r="PUY665" s="613"/>
      <c r="PUZ665" s="613"/>
      <c r="PVA665" s="613"/>
      <c r="PVB665" s="613"/>
      <c r="PVC665" s="613"/>
      <c r="PVD665" s="613"/>
      <c r="PVE665" s="613"/>
      <c r="PVF665" s="613"/>
      <c r="PVG665" s="613"/>
      <c r="PVH665" s="613"/>
      <c r="PVI665" s="613"/>
      <c r="PVJ665" s="613"/>
      <c r="PVK665" s="613"/>
      <c r="PVL665" s="613"/>
      <c r="PVM665" s="613"/>
      <c r="PVN665" s="613"/>
      <c r="PVO665" s="613"/>
      <c r="PVP665" s="613"/>
      <c r="PVQ665" s="613"/>
      <c r="PVR665" s="613"/>
      <c r="PVS665" s="613"/>
      <c r="PVT665" s="613"/>
      <c r="PVU665" s="613"/>
      <c r="PVV665" s="613"/>
      <c r="PVW665" s="613"/>
      <c r="PVX665" s="613"/>
      <c r="PVY665" s="613"/>
      <c r="PVZ665" s="613"/>
      <c r="PWA665" s="613"/>
      <c r="PWB665" s="613"/>
      <c r="PWC665" s="613"/>
      <c r="PWD665" s="613"/>
      <c r="PWE665" s="613"/>
      <c r="PWF665" s="613"/>
      <c r="PWG665" s="613"/>
      <c r="PWH665" s="613"/>
      <c r="PWI665" s="613"/>
      <c r="PWJ665" s="613"/>
      <c r="PWK665" s="613"/>
      <c r="PWL665" s="613"/>
      <c r="PWM665" s="613"/>
      <c r="PWN665" s="613"/>
      <c r="PWO665" s="613"/>
      <c r="PWP665" s="613"/>
      <c r="PWQ665" s="613"/>
      <c r="PWR665" s="613"/>
      <c r="PWS665" s="613"/>
      <c r="PWT665" s="613"/>
      <c r="PWU665" s="613"/>
      <c r="PWV665" s="613"/>
      <c r="PWW665" s="613"/>
      <c r="PWX665" s="613"/>
      <c r="PWY665" s="613"/>
      <c r="PWZ665" s="613"/>
      <c r="PXA665" s="613"/>
      <c r="PXB665" s="613"/>
      <c r="PXC665" s="613"/>
      <c r="PXD665" s="613"/>
      <c r="PXE665" s="613"/>
      <c r="PXF665" s="613"/>
      <c r="PXG665" s="613"/>
      <c r="PXH665" s="613"/>
      <c r="PXI665" s="613"/>
      <c r="PXJ665" s="613"/>
      <c r="PXK665" s="613"/>
      <c r="PXL665" s="613"/>
      <c r="PXM665" s="613"/>
      <c r="PXN665" s="613"/>
      <c r="PXO665" s="613"/>
      <c r="PXP665" s="613"/>
      <c r="PXQ665" s="613"/>
      <c r="PXR665" s="613"/>
      <c r="PXS665" s="613"/>
      <c r="PXT665" s="613"/>
      <c r="PXU665" s="613"/>
      <c r="PXV665" s="613"/>
      <c r="PXW665" s="613"/>
      <c r="PXX665" s="613"/>
      <c r="PXY665" s="613"/>
      <c r="PXZ665" s="613"/>
      <c r="PYA665" s="613"/>
      <c r="PYB665" s="613"/>
      <c r="PYC665" s="613"/>
      <c r="PYD665" s="613"/>
      <c r="PYE665" s="613"/>
      <c r="PYF665" s="613"/>
      <c r="PYG665" s="613"/>
      <c r="PYH665" s="613"/>
      <c r="PYI665" s="613"/>
      <c r="PYJ665" s="613"/>
      <c r="PYK665" s="613"/>
      <c r="PYL665" s="613"/>
      <c r="PYM665" s="613"/>
      <c r="PYN665" s="613"/>
      <c r="PYO665" s="613"/>
      <c r="PYP665" s="613"/>
      <c r="PYQ665" s="613"/>
      <c r="PYR665" s="613"/>
      <c r="PYS665" s="613"/>
      <c r="PYT665" s="613"/>
      <c r="PYU665" s="613"/>
      <c r="PYV665" s="613"/>
      <c r="PYW665" s="613"/>
      <c r="PYX665" s="613"/>
      <c r="PYY665" s="613"/>
      <c r="PYZ665" s="613"/>
      <c r="PZA665" s="613"/>
      <c r="PZB665" s="613"/>
      <c r="PZC665" s="613"/>
      <c r="PZD665" s="613"/>
      <c r="PZE665" s="613"/>
      <c r="PZF665" s="613"/>
      <c r="PZG665" s="613"/>
      <c r="PZH665" s="613"/>
      <c r="PZI665" s="613"/>
      <c r="PZJ665" s="613"/>
      <c r="PZK665" s="613"/>
      <c r="PZL665" s="613"/>
      <c r="PZM665" s="613"/>
      <c r="PZN665" s="613"/>
      <c r="PZO665" s="613"/>
      <c r="PZP665" s="613"/>
      <c r="PZQ665" s="613"/>
      <c r="PZR665" s="613"/>
      <c r="PZS665" s="613"/>
      <c r="PZT665" s="613"/>
      <c r="PZU665" s="613"/>
      <c r="PZV665" s="613"/>
      <c r="PZW665" s="613"/>
      <c r="PZX665" s="613"/>
      <c r="PZY665" s="613"/>
      <c r="PZZ665" s="613"/>
      <c r="QAA665" s="613"/>
      <c r="QAB665" s="613"/>
      <c r="QAC665" s="613"/>
      <c r="QAD665" s="613"/>
      <c r="QAE665" s="613"/>
      <c r="QAF665" s="613"/>
      <c r="QAG665" s="613"/>
      <c r="QAH665" s="613"/>
      <c r="QAI665" s="613"/>
      <c r="QAJ665" s="613"/>
      <c r="QAK665" s="613"/>
      <c r="QAL665" s="613"/>
      <c r="QAM665" s="613"/>
      <c r="QAN665" s="613"/>
      <c r="QAO665" s="613"/>
      <c r="QAP665" s="613"/>
      <c r="QAQ665" s="613"/>
      <c r="QAR665" s="613"/>
      <c r="QAS665" s="613"/>
      <c r="QAT665" s="613"/>
      <c r="QAU665" s="613"/>
      <c r="QAV665" s="613"/>
      <c r="QAW665" s="613"/>
      <c r="QAX665" s="613"/>
      <c r="QAY665" s="613"/>
      <c r="QAZ665" s="613"/>
      <c r="QBA665" s="613"/>
      <c r="QBB665" s="613"/>
      <c r="QBC665" s="613"/>
      <c r="QBD665" s="613"/>
      <c r="QBE665" s="613"/>
      <c r="QBF665" s="613"/>
      <c r="QBG665" s="613"/>
      <c r="QBH665" s="613"/>
      <c r="QBI665" s="613"/>
      <c r="QBJ665" s="613"/>
      <c r="QBK665" s="613"/>
      <c r="QBL665" s="613"/>
      <c r="QBM665" s="613"/>
      <c r="QBN665" s="613"/>
      <c r="QBO665" s="613"/>
      <c r="QBP665" s="613"/>
      <c r="QBQ665" s="613"/>
      <c r="QBR665" s="613"/>
      <c r="QBS665" s="613"/>
      <c r="QBT665" s="613"/>
      <c r="QBU665" s="613"/>
      <c r="QBV665" s="613"/>
      <c r="QBW665" s="613"/>
      <c r="QBX665" s="613"/>
      <c r="QBY665" s="613"/>
      <c r="QBZ665" s="613"/>
      <c r="QCA665" s="613"/>
      <c r="QCB665" s="613"/>
      <c r="QCC665" s="613"/>
      <c r="QCD665" s="613"/>
      <c r="QCE665" s="613"/>
      <c r="QCF665" s="613"/>
      <c r="QCG665" s="613"/>
      <c r="QCH665" s="613"/>
      <c r="QCI665" s="613"/>
      <c r="QCJ665" s="613"/>
      <c r="QCK665" s="613"/>
      <c r="QCL665" s="613"/>
      <c r="QCM665" s="613"/>
      <c r="QCN665" s="613"/>
      <c r="QCO665" s="613"/>
      <c r="QCP665" s="613"/>
      <c r="QCQ665" s="613"/>
      <c r="QCR665" s="613"/>
      <c r="QCS665" s="613"/>
      <c r="QCT665" s="613"/>
      <c r="QCU665" s="613"/>
      <c r="QCV665" s="613"/>
      <c r="QCW665" s="613"/>
      <c r="QCX665" s="613"/>
      <c r="QCY665" s="613"/>
      <c r="QCZ665" s="613"/>
      <c r="QDA665" s="613"/>
      <c r="QDB665" s="613"/>
      <c r="QDC665" s="613"/>
      <c r="QDD665" s="613"/>
      <c r="QDE665" s="613"/>
      <c r="QDF665" s="613"/>
      <c r="QDG665" s="613"/>
      <c r="QDH665" s="613"/>
      <c r="QDI665" s="613"/>
      <c r="QDJ665" s="613"/>
      <c r="QDK665" s="613"/>
      <c r="QDL665" s="613"/>
      <c r="QDM665" s="613"/>
      <c r="QDN665" s="613"/>
      <c r="QDO665" s="613"/>
      <c r="QDP665" s="613"/>
      <c r="QDQ665" s="613"/>
      <c r="QDR665" s="613"/>
      <c r="QDS665" s="613"/>
      <c r="QDT665" s="613"/>
      <c r="QDU665" s="613"/>
      <c r="QDV665" s="613"/>
      <c r="QDW665" s="613"/>
      <c r="QDX665" s="613"/>
      <c r="QDY665" s="613"/>
      <c r="QDZ665" s="613"/>
      <c r="QEA665" s="613"/>
      <c r="QEB665" s="613"/>
      <c r="QEC665" s="613"/>
      <c r="QED665" s="613"/>
      <c r="QEE665" s="613"/>
      <c r="QEF665" s="613"/>
      <c r="QEG665" s="613"/>
      <c r="QEH665" s="613"/>
      <c r="QEI665" s="613"/>
      <c r="QEJ665" s="613"/>
      <c r="QEK665" s="613"/>
      <c r="QEL665" s="613"/>
      <c r="QEM665" s="613"/>
      <c r="QEN665" s="613"/>
      <c r="QEO665" s="613"/>
      <c r="QEP665" s="613"/>
      <c r="QEQ665" s="613"/>
      <c r="QER665" s="613"/>
      <c r="QES665" s="613"/>
      <c r="QET665" s="613"/>
      <c r="QEU665" s="613"/>
      <c r="QEV665" s="613"/>
      <c r="QEW665" s="613"/>
      <c r="QEX665" s="613"/>
      <c r="QEY665" s="613"/>
      <c r="QEZ665" s="613"/>
      <c r="QFA665" s="613"/>
      <c r="QFB665" s="613"/>
      <c r="QFC665" s="613"/>
      <c r="QFD665" s="613"/>
      <c r="QFE665" s="613"/>
      <c r="QFF665" s="613"/>
      <c r="QFG665" s="613"/>
      <c r="QFH665" s="613"/>
      <c r="QFI665" s="613"/>
      <c r="QFJ665" s="613"/>
      <c r="QFK665" s="613"/>
      <c r="QFL665" s="613"/>
      <c r="QFM665" s="613"/>
      <c r="QFN665" s="613"/>
      <c r="QFO665" s="613"/>
      <c r="QFP665" s="613"/>
      <c r="QFQ665" s="613"/>
      <c r="QFR665" s="613"/>
      <c r="QFS665" s="613"/>
      <c r="QFT665" s="613"/>
      <c r="QFU665" s="613"/>
      <c r="QFV665" s="613"/>
      <c r="QFW665" s="613"/>
      <c r="QFX665" s="613"/>
      <c r="QFY665" s="613"/>
      <c r="QFZ665" s="613"/>
      <c r="QGA665" s="613"/>
      <c r="QGB665" s="613"/>
      <c r="QGC665" s="613"/>
      <c r="QGD665" s="613"/>
      <c r="QGE665" s="613"/>
      <c r="QGF665" s="613"/>
      <c r="QGG665" s="613"/>
      <c r="QGH665" s="613"/>
      <c r="QGI665" s="613"/>
      <c r="QGJ665" s="613"/>
      <c r="QGK665" s="613"/>
      <c r="QGL665" s="613"/>
      <c r="QGM665" s="613"/>
      <c r="QGN665" s="613"/>
      <c r="QGO665" s="613"/>
      <c r="QGP665" s="613"/>
      <c r="QGQ665" s="613"/>
      <c r="QGR665" s="613"/>
      <c r="QGS665" s="613"/>
      <c r="QGT665" s="613"/>
      <c r="QGU665" s="613"/>
      <c r="QGV665" s="613"/>
      <c r="QGW665" s="613"/>
      <c r="QGX665" s="613"/>
      <c r="QGY665" s="613"/>
      <c r="QGZ665" s="613"/>
      <c r="QHA665" s="613"/>
      <c r="QHB665" s="613"/>
      <c r="QHC665" s="613"/>
      <c r="QHD665" s="613"/>
      <c r="QHE665" s="613"/>
      <c r="QHF665" s="613"/>
      <c r="QHG665" s="613"/>
      <c r="QHH665" s="613"/>
      <c r="QHI665" s="613"/>
      <c r="QHJ665" s="613"/>
      <c r="QHK665" s="613"/>
      <c r="QHL665" s="613"/>
      <c r="QHM665" s="613"/>
      <c r="QHN665" s="613"/>
      <c r="QHO665" s="613"/>
      <c r="QHP665" s="613"/>
      <c r="QHQ665" s="613"/>
      <c r="QHR665" s="613"/>
      <c r="QHS665" s="613"/>
      <c r="QHT665" s="613"/>
      <c r="QHU665" s="613"/>
      <c r="QHV665" s="613"/>
      <c r="QHW665" s="613"/>
      <c r="QHX665" s="613"/>
      <c r="QHY665" s="613"/>
      <c r="QHZ665" s="613"/>
      <c r="QIA665" s="613"/>
      <c r="QIB665" s="613"/>
      <c r="QIC665" s="613"/>
      <c r="QID665" s="613"/>
      <c r="QIE665" s="613"/>
      <c r="QIF665" s="613"/>
      <c r="QIG665" s="613"/>
      <c r="QIH665" s="613"/>
      <c r="QII665" s="613"/>
      <c r="QIJ665" s="613"/>
      <c r="QIK665" s="613"/>
      <c r="QIL665" s="613"/>
      <c r="QIM665" s="613"/>
      <c r="QIN665" s="613"/>
      <c r="QIO665" s="613"/>
      <c r="QIP665" s="613"/>
      <c r="QIQ665" s="613"/>
      <c r="QIR665" s="613"/>
      <c r="QIS665" s="613"/>
      <c r="QIT665" s="613"/>
      <c r="QIU665" s="613"/>
      <c r="QIV665" s="613"/>
      <c r="QIW665" s="613"/>
      <c r="QIX665" s="613"/>
      <c r="QIY665" s="613"/>
      <c r="QIZ665" s="613"/>
      <c r="QJA665" s="613"/>
      <c r="QJB665" s="613"/>
      <c r="QJC665" s="613"/>
      <c r="QJD665" s="613"/>
      <c r="QJE665" s="613"/>
      <c r="QJF665" s="613"/>
      <c r="QJG665" s="613"/>
      <c r="QJH665" s="613"/>
      <c r="QJI665" s="613"/>
      <c r="QJJ665" s="613"/>
      <c r="QJK665" s="613"/>
      <c r="QJL665" s="613"/>
      <c r="QJM665" s="613"/>
      <c r="QJN665" s="613"/>
      <c r="QJO665" s="613"/>
      <c r="QJP665" s="613"/>
      <c r="QJQ665" s="613"/>
      <c r="QJR665" s="613"/>
      <c r="QJS665" s="613"/>
      <c r="QJT665" s="613"/>
      <c r="QJU665" s="613"/>
      <c r="QJV665" s="613"/>
      <c r="QJW665" s="613"/>
      <c r="QJX665" s="613"/>
      <c r="QJY665" s="613"/>
      <c r="QJZ665" s="613"/>
      <c r="QKA665" s="613"/>
      <c r="QKB665" s="613"/>
      <c r="QKC665" s="613"/>
      <c r="QKD665" s="613"/>
      <c r="QKE665" s="613"/>
      <c r="QKF665" s="613"/>
      <c r="QKG665" s="613"/>
      <c r="QKH665" s="613"/>
      <c r="QKI665" s="613"/>
      <c r="QKJ665" s="613"/>
      <c r="QKK665" s="613"/>
      <c r="QKL665" s="613"/>
      <c r="QKM665" s="613"/>
      <c r="QKN665" s="613"/>
      <c r="QKO665" s="613"/>
      <c r="QKP665" s="613"/>
      <c r="QKQ665" s="613"/>
      <c r="QKR665" s="613"/>
      <c r="QKS665" s="613"/>
      <c r="QKT665" s="613"/>
      <c r="QKU665" s="613"/>
      <c r="QKV665" s="613"/>
      <c r="QKW665" s="613"/>
      <c r="QKX665" s="613"/>
      <c r="QKY665" s="613"/>
      <c r="QKZ665" s="613"/>
      <c r="QLA665" s="613"/>
      <c r="QLB665" s="613"/>
      <c r="QLC665" s="613"/>
      <c r="QLD665" s="613"/>
      <c r="QLE665" s="613"/>
      <c r="QLF665" s="613"/>
      <c r="QLG665" s="613"/>
      <c r="QLH665" s="613"/>
      <c r="QLI665" s="613"/>
      <c r="QLJ665" s="613"/>
      <c r="QLK665" s="613"/>
      <c r="QLL665" s="613"/>
      <c r="QLM665" s="613"/>
      <c r="QLN665" s="613"/>
      <c r="QLO665" s="613"/>
      <c r="QLP665" s="613"/>
      <c r="QLQ665" s="613"/>
      <c r="QLR665" s="613"/>
      <c r="QLS665" s="613"/>
      <c r="QLT665" s="613"/>
      <c r="QLU665" s="613"/>
      <c r="QLV665" s="613"/>
      <c r="QLW665" s="613"/>
      <c r="QLX665" s="613"/>
      <c r="QLY665" s="613"/>
      <c r="QLZ665" s="613"/>
      <c r="QMA665" s="613"/>
      <c r="QMB665" s="613"/>
      <c r="QMC665" s="613"/>
      <c r="QMD665" s="613"/>
      <c r="QME665" s="613"/>
      <c r="QMF665" s="613"/>
      <c r="QMG665" s="613"/>
      <c r="QMH665" s="613"/>
      <c r="QMI665" s="613"/>
      <c r="QMJ665" s="613"/>
      <c r="QMK665" s="613"/>
      <c r="QML665" s="613"/>
      <c r="QMM665" s="613"/>
      <c r="QMN665" s="613"/>
      <c r="QMO665" s="613"/>
      <c r="QMP665" s="613"/>
      <c r="QMQ665" s="613"/>
      <c r="QMR665" s="613"/>
      <c r="QMS665" s="613"/>
      <c r="QMT665" s="613"/>
      <c r="QMU665" s="613"/>
      <c r="QMV665" s="613"/>
      <c r="QMW665" s="613"/>
      <c r="QMX665" s="613"/>
      <c r="QMY665" s="613"/>
      <c r="QMZ665" s="613"/>
      <c r="QNA665" s="613"/>
      <c r="QNB665" s="613"/>
      <c r="QNC665" s="613"/>
      <c r="QND665" s="613"/>
      <c r="QNE665" s="613"/>
      <c r="QNF665" s="613"/>
      <c r="QNG665" s="613"/>
      <c r="QNH665" s="613"/>
      <c r="QNI665" s="613"/>
      <c r="QNJ665" s="613"/>
      <c r="QNK665" s="613"/>
      <c r="QNL665" s="613"/>
      <c r="QNM665" s="613"/>
      <c r="QNN665" s="613"/>
      <c r="QNO665" s="613"/>
      <c r="QNP665" s="613"/>
      <c r="QNQ665" s="613"/>
      <c r="QNR665" s="613"/>
      <c r="QNS665" s="613"/>
      <c r="QNT665" s="613"/>
      <c r="QNU665" s="613"/>
      <c r="QNV665" s="613"/>
      <c r="QNW665" s="613"/>
      <c r="QNX665" s="613"/>
      <c r="QNY665" s="613"/>
      <c r="QNZ665" s="613"/>
      <c r="QOA665" s="613"/>
      <c r="QOB665" s="613"/>
      <c r="QOC665" s="613"/>
      <c r="QOD665" s="613"/>
      <c r="QOE665" s="613"/>
      <c r="QOF665" s="613"/>
      <c r="QOG665" s="613"/>
      <c r="QOH665" s="613"/>
      <c r="QOI665" s="613"/>
      <c r="QOJ665" s="613"/>
      <c r="QOK665" s="613"/>
      <c r="QOL665" s="613"/>
      <c r="QOM665" s="613"/>
      <c r="QON665" s="613"/>
      <c r="QOO665" s="613"/>
      <c r="QOP665" s="613"/>
      <c r="QOQ665" s="613"/>
      <c r="QOR665" s="613"/>
      <c r="QOS665" s="613"/>
      <c r="QOT665" s="613"/>
      <c r="QOU665" s="613"/>
      <c r="QOV665" s="613"/>
      <c r="QOW665" s="613"/>
      <c r="QOX665" s="613"/>
      <c r="QOY665" s="613"/>
      <c r="QOZ665" s="613"/>
      <c r="QPA665" s="613"/>
      <c r="QPB665" s="613"/>
      <c r="QPC665" s="613"/>
      <c r="QPD665" s="613"/>
      <c r="QPE665" s="613"/>
      <c r="QPF665" s="613"/>
      <c r="QPG665" s="613"/>
      <c r="QPH665" s="613"/>
      <c r="QPI665" s="613"/>
      <c r="QPJ665" s="613"/>
      <c r="QPK665" s="613"/>
      <c r="QPL665" s="613"/>
      <c r="QPM665" s="613"/>
      <c r="QPN665" s="613"/>
      <c r="QPO665" s="613"/>
      <c r="QPP665" s="613"/>
      <c r="QPQ665" s="613"/>
      <c r="QPR665" s="613"/>
      <c r="QPS665" s="613"/>
      <c r="QPT665" s="613"/>
      <c r="QPU665" s="613"/>
      <c r="QPV665" s="613"/>
      <c r="QPW665" s="613"/>
      <c r="QPX665" s="613"/>
      <c r="QPY665" s="613"/>
      <c r="QPZ665" s="613"/>
      <c r="QQA665" s="613"/>
      <c r="QQB665" s="613"/>
      <c r="QQC665" s="613"/>
      <c r="QQD665" s="613"/>
      <c r="QQE665" s="613"/>
      <c r="QQF665" s="613"/>
      <c r="QQG665" s="613"/>
      <c r="QQH665" s="613"/>
      <c r="QQI665" s="613"/>
      <c r="QQJ665" s="613"/>
      <c r="QQK665" s="613"/>
      <c r="QQL665" s="613"/>
      <c r="QQM665" s="613"/>
      <c r="QQN665" s="613"/>
      <c r="QQO665" s="613"/>
      <c r="QQP665" s="613"/>
      <c r="QQQ665" s="613"/>
      <c r="QQR665" s="613"/>
      <c r="QQS665" s="613"/>
      <c r="QQT665" s="613"/>
      <c r="QQU665" s="613"/>
      <c r="QQV665" s="613"/>
      <c r="QQW665" s="613"/>
      <c r="QQX665" s="613"/>
      <c r="QQY665" s="613"/>
      <c r="QQZ665" s="613"/>
      <c r="QRA665" s="613"/>
      <c r="QRB665" s="613"/>
      <c r="QRC665" s="613"/>
      <c r="QRD665" s="613"/>
      <c r="QRE665" s="613"/>
      <c r="QRF665" s="613"/>
      <c r="QRG665" s="613"/>
      <c r="QRH665" s="613"/>
      <c r="QRI665" s="613"/>
      <c r="QRJ665" s="613"/>
      <c r="QRK665" s="613"/>
      <c r="QRL665" s="613"/>
      <c r="QRM665" s="613"/>
      <c r="QRN665" s="613"/>
      <c r="QRO665" s="613"/>
      <c r="QRP665" s="613"/>
      <c r="QRQ665" s="613"/>
      <c r="QRR665" s="613"/>
      <c r="QRS665" s="613"/>
      <c r="QRT665" s="613"/>
      <c r="QRU665" s="613"/>
      <c r="QRV665" s="613"/>
      <c r="QRW665" s="613"/>
      <c r="QRX665" s="613"/>
      <c r="QRY665" s="613"/>
      <c r="QRZ665" s="613"/>
      <c r="QSA665" s="613"/>
      <c r="QSB665" s="613"/>
      <c r="QSC665" s="613"/>
      <c r="QSD665" s="613"/>
      <c r="QSE665" s="613"/>
      <c r="QSF665" s="613"/>
      <c r="QSG665" s="613"/>
      <c r="QSH665" s="613"/>
      <c r="QSI665" s="613"/>
      <c r="QSJ665" s="613"/>
      <c r="QSK665" s="613"/>
      <c r="QSL665" s="613"/>
      <c r="QSM665" s="613"/>
      <c r="QSN665" s="613"/>
      <c r="QSO665" s="613"/>
      <c r="QSP665" s="613"/>
      <c r="QSQ665" s="613"/>
      <c r="QSR665" s="613"/>
      <c r="QSS665" s="613"/>
      <c r="QST665" s="613"/>
      <c r="QSU665" s="613"/>
      <c r="QSV665" s="613"/>
      <c r="QSW665" s="613"/>
      <c r="QSX665" s="613"/>
      <c r="QSY665" s="613"/>
      <c r="QSZ665" s="613"/>
      <c r="QTA665" s="613"/>
      <c r="QTB665" s="613"/>
      <c r="QTC665" s="613"/>
      <c r="QTD665" s="613"/>
      <c r="QTE665" s="613"/>
      <c r="QTF665" s="613"/>
      <c r="QTG665" s="613"/>
      <c r="QTH665" s="613"/>
      <c r="QTI665" s="613"/>
      <c r="QTJ665" s="613"/>
      <c r="QTK665" s="613"/>
      <c r="QTL665" s="613"/>
      <c r="QTM665" s="613"/>
      <c r="QTN665" s="613"/>
      <c r="QTO665" s="613"/>
      <c r="QTP665" s="613"/>
      <c r="QTQ665" s="613"/>
      <c r="QTR665" s="613"/>
      <c r="QTS665" s="613"/>
      <c r="QTT665" s="613"/>
      <c r="QTU665" s="613"/>
      <c r="QTV665" s="613"/>
      <c r="QTW665" s="613"/>
      <c r="QTX665" s="613"/>
      <c r="QTY665" s="613"/>
      <c r="QTZ665" s="613"/>
      <c r="QUA665" s="613"/>
      <c r="QUB665" s="613"/>
      <c r="QUC665" s="613"/>
      <c r="QUD665" s="613"/>
      <c r="QUE665" s="613"/>
      <c r="QUF665" s="613"/>
      <c r="QUG665" s="613"/>
      <c r="QUH665" s="613"/>
      <c r="QUI665" s="613"/>
      <c r="QUJ665" s="613"/>
      <c r="QUK665" s="613"/>
      <c r="QUL665" s="613"/>
      <c r="QUM665" s="613"/>
      <c r="QUN665" s="613"/>
      <c r="QUO665" s="613"/>
      <c r="QUP665" s="613"/>
      <c r="QUQ665" s="613"/>
      <c r="QUR665" s="613"/>
      <c r="QUS665" s="613"/>
      <c r="QUT665" s="613"/>
      <c r="QUU665" s="613"/>
      <c r="QUV665" s="613"/>
      <c r="QUW665" s="613"/>
      <c r="QUX665" s="613"/>
      <c r="QUY665" s="613"/>
      <c r="QUZ665" s="613"/>
      <c r="QVA665" s="613"/>
      <c r="QVB665" s="613"/>
      <c r="QVC665" s="613"/>
      <c r="QVD665" s="613"/>
      <c r="QVE665" s="613"/>
      <c r="QVF665" s="613"/>
      <c r="QVG665" s="613"/>
      <c r="QVH665" s="613"/>
      <c r="QVI665" s="613"/>
      <c r="QVJ665" s="613"/>
      <c r="QVK665" s="613"/>
      <c r="QVL665" s="613"/>
      <c r="QVM665" s="613"/>
      <c r="QVN665" s="613"/>
      <c r="QVO665" s="613"/>
      <c r="QVP665" s="613"/>
      <c r="QVQ665" s="613"/>
      <c r="QVR665" s="613"/>
      <c r="QVS665" s="613"/>
      <c r="QVT665" s="613"/>
      <c r="QVU665" s="613"/>
      <c r="QVV665" s="613"/>
      <c r="QVW665" s="613"/>
      <c r="QVX665" s="613"/>
      <c r="QVY665" s="613"/>
      <c r="QVZ665" s="613"/>
      <c r="QWA665" s="613"/>
      <c r="QWB665" s="613"/>
      <c r="QWC665" s="613"/>
      <c r="QWD665" s="613"/>
      <c r="QWE665" s="613"/>
      <c r="QWF665" s="613"/>
      <c r="QWG665" s="613"/>
      <c r="QWH665" s="613"/>
      <c r="QWI665" s="613"/>
      <c r="QWJ665" s="613"/>
      <c r="QWK665" s="613"/>
      <c r="QWL665" s="613"/>
      <c r="QWM665" s="613"/>
      <c r="QWN665" s="613"/>
      <c r="QWO665" s="613"/>
      <c r="QWP665" s="613"/>
      <c r="QWQ665" s="613"/>
      <c r="QWR665" s="613"/>
      <c r="QWS665" s="613"/>
      <c r="QWT665" s="613"/>
      <c r="QWU665" s="613"/>
      <c r="QWV665" s="613"/>
      <c r="QWW665" s="613"/>
      <c r="QWX665" s="613"/>
      <c r="QWY665" s="613"/>
      <c r="QWZ665" s="613"/>
      <c r="QXA665" s="613"/>
      <c r="QXB665" s="613"/>
      <c r="QXC665" s="613"/>
      <c r="QXD665" s="613"/>
      <c r="QXE665" s="613"/>
      <c r="QXF665" s="613"/>
      <c r="QXG665" s="613"/>
      <c r="QXH665" s="613"/>
      <c r="QXI665" s="613"/>
      <c r="QXJ665" s="613"/>
      <c r="QXK665" s="613"/>
      <c r="QXL665" s="613"/>
      <c r="QXM665" s="613"/>
      <c r="QXN665" s="613"/>
      <c r="QXO665" s="613"/>
      <c r="QXP665" s="613"/>
      <c r="QXQ665" s="613"/>
      <c r="QXR665" s="613"/>
      <c r="QXS665" s="613"/>
      <c r="QXT665" s="613"/>
      <c r="QXU665" s="613"/>
      <c r="QXV665" s="613"/>
      <c r="QXW665" s="613"/>
      <c r="QXX665" s="613"/>
      <c r="QXY665" s="613"/>
      <c r="QXZ665" s="613"/>
      <c r="QYA665" s="613"/>
      <c r="QYB665" s="613"/>
      <c r="QYC665" s="613"/>
      <c r="QYD665" s="613"/>
      <c r="QYE665" s="613"/>
      <c r="QYF665" s="613"/>
      <c r="QYG665" s="613"/>
      <c r="QYH665" s="613"/>
      <c r="QYI665" s="613"/>
      <c r="QYJ665" s="613"/>
      <c r="QYK665" s="613"/>
      <c r="QYL665" s="613"/>
      <c r="QYM665" s="613"/>
      <c r="QYN665" s="613"/>
      <c r="QYO665" s="613"/>
      <c r="QYP665" s="613"/>
      <c r="QYQ665" s="613"/>
      <c r="QYR665" s="613"/>
      <c r="QYS665" s="613"/>
      <c r="QYT665" s="613"/>
      <c r="QYU665" s="613"/>
      <c r="QYV665" s="613"/>
      <c r="QYW665" s="613"/>
      <c r="QYX665" s="613"/>
      <c r="QYY665" s="613"/>
      <c r="QYZ665" s="613"/>
      <c r="QZA665" s="613"/>
      <c r="QZB665" s="613"/>
      <c r="QZC665" s="613"/>
      <c r="QZD665" s="613"/>
      <c r="QZE665" s="613"/>
      <c r="QZF665" s="613"/>
      <c r="QZG665" s="613"/>
      <c r="QZH665" s="613"/>
      <c r="QZI665" s="613"/>
      <c r="QZJ665" s="613"/>
      <c r="QZK665" s="613"/>
      <c r="QZL665" s="613"/>
      <c r="QZM665" s="613"/>
      <c r="QZN665" s="613"/>
      <c r="QZO665" s="613"/>
      <c r="QZP665" s="613"/>
      <c r="QZQ665" s="613"/>
      <c r="QZR665" s="613"/>
      <c r="QZS665" s="613"/>
      <c r="QZT665" s="613"/>
      <c r="QZU665" s="613"/>
      <c r="QZV665" s="613"/>
      <c r="QZW665" s="613"/>
      <c r="QZX665" s="613"/>
      <c r="QZY665" s="613"/>
      <c r="QZZ665" s="613"/>
      <c r="RAA665" s="613"/>
      <c r="RAB665" s="613"/>
      <c r="RAC665" s="613"/>
      <c r="RAD665" s="613"/>
      <c r="RAE665" s="613"/>
      <c r="RAF665" s="613"/>
      <c r="RAG665" s="613"/>
      <c r="RAH665" s="613"/>
      <c r="RAI665" s="613"/>
      <c r="RAJ665" s="613"/>
      <c r="RAK665" s="613"/>
      <c r="RAL665" s="613"/>
      <c r="RAM665" s="613"/>
      <c r="RAN665" s="613"/>
      <c r="RAO665" s="613"/>
      <c r="RAP665" s="613"/>
      <c r="RAQ665" s="613"/>
      <c r="RAR665" s="613"/>
      <c r="RAS665" s="613"/>
      <c r="RAT665" s="613"/>
      <c r="RAU665" s="613"/>
      <c r="RAV665" s="613"/>
      <c r="RAW665" s="613"/>
      <c r="RAX665" s="613"/>
      <c r="RAY665" s="613"/>
      <c r="RAZ665" s="613"/>
      <c r="RBA665" s="613"/>
      <c r="RBB665" s="613"/>
      <c r="RBC665" s="613"/>
      <c r="RBD665" s="613"/>
      <c r="RBE665" s="613"/>
      <c r="RBF665" s="613"/>
      <c r="RBG665" s="613"/>
      <c r="RBH665" s="613"/>
      <c r="RBI665" s="613"/>
      <c r="RBJ665" s="613"/>
      <c r="RBK665" s="613"/>
      <c r="RBL665" s="613"/>
      <c r="RBM665" s="613"/>
      <c r="RBN665" s="613"/>
      <c r="RBO665" s="613"/>
      <c r="RBP665" s="613"/>
      <c r="RBQ665" s="613"/>
      <c r="RBR665" s="613"/>
      <c r="RBS665" s="613"/>
      <c r="RBT665" s="613"/>
      <c r="RBU665" s="613"/>
      <c r="RBV665" s="613"/>
      <c r="RBW665" s="613"/>
      <c r="RBX665" s="613"/>
      <c r="RBY665" s="613"/>
      <c r="RBZ665" s="613"/>
      <c r="RCA665" s="613"/>
      <c r="RCB665" s="613"/>
      <c r="RCC665" s="613"/>
      <c r="RCD665" s="613"/>
      <c r="RCE665" s="613"/>
      <c r="RCF665" s="613"/>
      <c r="RCG665" s="613"/>
      <c r="RCH665" s="613"/>
      <c r="RCI665" s="613"/>
      <c r="RCJ665" s="613"/>
      <c r="RCK665" s="613"/>
      <c r="RCL665" s="613"/>
      <c r="RCM665" s="613"/>
      <c r="RCN665" s="613"/>
      <c r="RCO665" s="613"/>
      <c r="RCP665" s="613"/>
      <c r="RCQ665" s="613"/>
      <c r="RCR665" s="613"/>
      <c r="RCS665" s="613"/>
      <c r="RCT665" s="613"/>
      <c r="RCU665" s="613"/>
      <c r="RCV665" s="613"/>
      <c r="RCW665" s="613"/>
      <c r="RCX665" s="613"/>
      <c r="RCY665" s="613"/>
      <c r="RCZ665" s="613"/>
      <c r="RDA665" s="613"/>
      <c r="RDB665" s="613"/>
      <c r="RDC665" s="613"/>
      <c r="RDD665" s="613"/>
      <c r="RDE665" s="613"/>
      <c r="RDF665" s="613"/>
      <c r="RDG665" s="613"/>
      <c r="RDH665" s="613"/>
      <c r="RDI665" s="613"/>
      <c r="RDJ665" s="613"/>
      <c r="RDK665" s="613"/>
      <c r="RDL665" s="613"/>
      <c r="RDM665" s="613"/>
      <c r="RDN665" s="613"/>
      <c r="RDO665" s="613"/>
      <c r="RDP665" s="613"/>
      <c r="RDQ665" s="613"/>
      <c r="RDR665" s="613"/>
      <c r="RDS665" s="613"/>
      <c r="RDT665" s="613"/>
      <c r="RDU665" s="613"/>
      <c r="RDV665" s="613"/>
      <c r="RDW665" s="613"/>
      <c r="RDX665" s="613"/>
      <c r="RDY665" s="613"/>
      <c r="RDZ665" s="613"/>
      <c r="REA665" s="613"/>
      <c r="REB665" s="613"/>
      <c r="REC665" s="613"/>
      <c r="RED665" s="613"/>
      <c r="REE665" s="613"/>
      <c r="REF665" s="613"/>
      <c r="REG665" s="613"/>
      <c r="REH665" s="613"/>
      <c r="REI665" s="613"/>
      <c r="REJ665" s="613"/>
      <c r="REK665" s="613"/>
      <c r="REL665" s="613"/>
      <c r="REM665" s="613"/>
      <c r="REN665" s="613"/>
      <c r="REO665" s="613"/>
      <c r="REP665" s="613"/>
      <c r="REQ665" s="613"/>
      <c r="RER665" s="613"/>
      <c r="RES665" s="613"/>
      <c r="RET665" s="613"/>
      <c r="REU665" s="613"/>
      <c r="REV665" s="613"/>
      <c r="REW665" s="613"/>
      <c r="REX665" s="613"/>
      <c r="REY665" s="613"/>
      <c r="REZ665" s="613"/>
      <c r="RFA665" s="613"/>
      <c r="RFB665" s="613"/>
      <c r="RFC665" s="613"/>
      <c r="RFD665" s="613"/>
      <c r="RFE665" s="613"/>
      <c r="RFF665" s="613"/>
      <c r="RFG665" s="613"/>
      <c r="RFH665" s="613"/>
      <c r="RFI665" s="613"/>
      <c r="RFJ665" s="613"/>
      <c r="RFK665" s="613"/>
      <c r="RFL665" s="613"/>
      <c r="RFM665" s="613"/>
      <c r="RFN665" s="613"/>
      <c r="RFO665" s="613"/>
      <c r="RFP665" s="613"/>
      <c r="RFQ665" s="613"/>
      <c r="RFR665" s="613"/>
      <c r="RFS665" s="613"/>
      <c r="RFT665" s="613"/>
      <c r="RFU665" s="613"/>
      <c r="RFV665" s="613"/>
      <c r="RFW665" s="613"/>
      <c r="RFX665" s="613"/>
      <c r="RFY665" s="613"/>
      <c r="RFZ665" s="613"/>
      <c r="RGA665" s="613"/>
      <c r="RGB665" s="613"/>
      <c r="RGC665" s="613"/>
      <c r="RGD665" s="613"/>
      <c r="RGE665" s="613"/>
      <c r="RGF665" s="613"/>
      <c r="RGG665" s="613"/>
      <c r="RGH665" s="613"/>
      <c r="RGI665" s="613"/>
      <c r="RGJ665" s="613"/>
      <c r="RGK665" s="613"/>
      <c r="RGL665" s="613"/>
      <c r="RGM665" s="613"/>
      <c r="RGN665" s="613"/>
      <c r="RGO665" s="613"/>
      <c r="RGP665" s="613"/>
      <c r="RGQ665" s="613"/>
      <c r="RGR665" s="613"/>
      <c r="RGS665" s="613"/>
      <c r="RGT665" s="613"/>
      <c r="RGU665" s="613"/>
      <c r="RGV665" s="613"/>
      <c r="RGW665" s="613"/>
      <c r="RGX665" s="613"/>
      <c r="RGY665" s="613"/>
      <c r="RGZ665" s="613"/>
      <c r="RHA665" s="613"/>
      <c r="RHB665" s="613"/>
      <c r="RHC665" s="613"/>
      <c r="RHD665" s="613"/>
      <c r="RHE665" s="613"/>
      <c r="RHF665" s="613"/>
      <c r="RHG665" s="613"/>
      <c r="RHH665" s="613"/>
      <c r="RHI665" s="613"/>
      <c r="RHJ665" s="613"/>
      <c r="RHK665" s="613"/>
      <c r="RHL665" s="613"/>
      <c r="RHM665" s="613"/>
      <c r="RHN665" s="613"/>
      <c r="RHO665" s="613"/>
      <c r="RHP665" s="613"/>
      <c r="RHQ665" s="613"/>
      <c r="RHR665" s="613"/>
      <c r="RHS665" s="613"/>
      <c r="RHT665" s="613"/>
      <c r="RHU665" s="613"/>
      <c r="RHV665" s="613"/>
      <c r="RHW665" s="613"/>
      <c r="RHX665" s="613"/>
      <c r="RHY665" s="613"/>
      <c r="RHZ665" s="613"/>
      <c r="RIA665" s="613"/>
      <c r="RIB665" s="613"/>
      <c r="RIC665" s="613"/>
      <c r="RID665" s="613"/>
      <c r="RIE665" s="613"/>
      <c r="RIF665" s="613"/>
      <c r="RIG665" s="613"/>
      <c r="RIH665" s="613"/>
      <c r="RII665" s="613"/>
      <c r="RIJ665" s="613"/>
      <c r="RIK665" s="613"/>
      <c r="RIL665" s="613"/>
      <c r="RIM665" s="613"/>
      <c r="RIN665" s="613"/>
      <c r="RIO665" s="613"/>
      <c r="RIP665" s="613"/>
      <c r="RIQ665" s="613"/>
      <c r="RIR665" s="613"/>
      <c r="RIS665" s="613"/>
      <c r="RIT665" s="613"/>
      <c r="RIU665" s="613"/>
      <c r="RIV665" s="613"/>
      <c r="RIW665" s="613"/>
      <c r="RIX665" s="613"/>
      <c r="RIY665" s="613"/>
      <c r="RIZ665" s="613"/>
      <c r="RJA665" s="613"/>
      <c r="RJB665" s="613"/>
      <c r="RJC665" s="613"/>
      <c r="RJD665" s="613"/>
      <c r="RJE665" s="613"/>
      <c r="RJF665" s="613"/>
      <c r="RJG665" s="613"/>
      <c r="RJH665" s="613"/>
      <c r="RJI665" s="613"/>
      <c r="RJJ665" s="613"/>
      <c r="RJK665" s="613"/>
      <c r="RJL665" s="613"/>
      <c r="RJM665" s="613"/>
      <c r="RJN665" s="613"/>
      <c r="RJO665" s="613"/>
      <c r="RJP665" s="613"/>
      <c r="RJQ665" s="613"/>
      <c r="RJR665" s="613"/>
      <c r="RJS665" s="613"/>
      <c r="RJT665" s="613"/>
      <c r="RJU665" s="613"/>
      <c r="RJV665" s="613"/>
      <c r="RJW665" s="613"/>
      <c r="RJX665" s="613"/>
      <c r="RJY665" s="613"/>
      <c r="RJZ665" s="613"/>
      <c r="RKA665" s="613"/>
      <c r="RKB665" s="613"/>
      <c r="RKC665" s="613"/>
      <c r="RKD665" s="613"/>
      <c r="RKE665" s="613"/>
      <c r="RKF665" s="613"/>
      <c r="RKG665" s="613"/>
      <c r="RKH665" s="613"/>
      <c r="RKI665" s="613"/>
      <c r="RKJ665" s="613"/>
      <c r="RKK665" s="613"/>
      <c r="RKL665" s="613"/>
      <c r="RKM665" s="613"/>
      <c r="RKN665" s="613"/>
      <c r="RKO665" s="613"/>
      <c r="RKP665" s="613"/>
      <c r="RKQ665" s="613"/>
      <c r="RKR665" s="613"/>
      <c r="RKS665" s="613"/>
      <c r="RKT665" s="613"/>
      <c r="RKU665" s="613"/>
      <c r="RKV665" s="613"/>
      <c r="RKW665" s="613"/>
      <c r="RKX665" s="613"/>
      <c r="RKY665" s="613"/>
      <c r="RKZ665" s="613"/>
      <c r="RLA665" s="613"/>
      <c r="RLB665" s="613"/>
      <c r="RLC665" s="613"/>
      <c r="RLD665" s="613"/>
      <c r="RLE665" s="613"/>
      <c r="RLF665" s="613"/>
      <c r="RLG665" s="613"/>
      <c r="RLH665" s="613"/>
      <c r="RLI665" s="613"/>
      <c r="RLJ665" s="613"/>
      <c r="RLK665" s="613"/>
      <c r="RLL665" s="613"/>
      <c r="RLM665" s="613"/>
      <c r="RLN665" s="613"/>
      <c r="RLO665" s="613"/>
      <c r="RLP665" s="613"/>
      <c r="RLQ665" s="613"/>
      <c r="RLR665" s="613"/>
      <c r="RLS665" s="613"/>
      <c r="RLT665" s="613"/>
      <c r="RLU665" s="613"/>
      <c r="RLV665" s="613"/>
      <c r="RLW665" s="613"/>
      <c r="RLX665" s="613"/>
      <c r="RLY665" s="613"/>
      <c r="RLZ665" s="613"/>
      <c r="RMA665" s="613"/>
      <c r="RMB665" s="613"/>
      <c r="RMC665" s="613"/>
      <c r="RMD665" s="613"/>
      <c r="RME665" s="613"/>
      <c r="RMF665" s="613"/>
      <c r="RMG665" s="613"/>
      <c r="RMH665" s="613"/>
      <c r="RMI665" s="613"/>
      <c r="RMJ665" s="613"/>
      <c r="RMK665" s="613"/>
      <c r="RML665" s="613"/>
      <c r="RMM665" s="613"/>
      <c r="RMN665" s="613"/>
      <c r="RMO665" s="613"/>
      <c r="RMP665" s="613"/>
      <c r="RMQ665" s="613"/>
      <c r="RMR665" s="613"/>
      <c r="RMS665" s="613"/>
      <c r="RMT665" s="613"/>
      <c r="RMU665" s="613"/>
      <c r="RMV665" s="613"/>
      <c r="RMW665" s="613"/>
      <c r="RMX665" s="613"/>
      <c r="RMY665" s="613"/>
      <c r="RMZ665" s="613"/>
      <c r="RNA665" s="613"/>
      <c r="RNB665" s="613"/>
      <c r="RNC665" s="613"/>
      <c r="RND665" s="613"/>
      <c r="RNE665" s="613"/>
      <c r="RNF665" s="613"/>
      <c r="RNG665" s="613"/>
      <c r="RNH665" s="613"/>
      <c r="RNI665" s="613"/>
      <c r="RNJ665" s="613"/>
      <c r="RNK665" s="613"/>
      <c r="RNL665" s="613"/>
      <c r="RNM665" s="613"/>
      <c r="RNN665" s="613"/>
      <c r="RNO665" s="613"/>
      <c r="RNP665" s="613"/>
      <c r="RNQ665" s="613"/>
      <c r="RNR665" s="613"/>
      <c r="RNS665" s="613"/>
      <c r="RNT665" s="613"/>
      <c r="RNU665" s="613"/>
      <c r="RNV665" s="613"/>
      <c r="RNW665" s="613"/>
      <c r="RNX665" s="613"/>
      <c r="RNY665" s="613"/>
      <c r="RNZ665" s="613"/>
      <c r="ROA665" s="613"/>
      <c r="ROB665" s="613"/>
      <c r="ROC665" s="613"/>
      <c r="ROD665" s="613"/>
      <c r="ROE665" s="613"/>
      <c r="ROF665" s="613"/>
      <c r="ROG665" s="613"/>
      <c r="ROH665" s="613"/>
      <c r="ROI665" s="613"/>
      <c r="ROJ665" s="613"/>
      <c r="ROK665" s="613"/>
      <c r="ROL665" s="613"/>
      <c r="ROM665" s="613"/>
      <c r="RON665" s="613"/>
      <c r="ROO665" s="613"/>
      <c r="ROP665" s="613"/>
      <c r="ROQ665" s="613"/>
      <c r="ROR665" s="613"/>
      <c r="ROS665" s="613"/>
      <c r="ROT665" s="613"/>
      <c r="ROU665" s="613"/>
      <c r="ROV665" s="613"/>
      <c r="ROW665" s="613"/>
      <c r="ROX665" s="613"/>
      <c r="ROY665" s="613"/>
      <c r="ROZ665" s="613"/>
      <c r="RPA665" s="613"/>
      <c r="RPB665" s="613"/>
      <c r="RPC665" s="613"/>
      <c r="RPD665" s="613"/>
      <c r="RPE665" s="613"/>
      <c r="RPF665" s="613"/>
      <c r="RPG665" s="613"/>
      <c r="RPH665" s="613"/>
      <c r="RPI665" s="613"/>
      <c r="RPJ665" s="613"/>
      <c r="RPK665" s="613"/>
      <c r="RPL665" s="613"/>
      <c r="RPM665" s="613"/>
      <c r="RPN665" s="613"/>
      <c r="RPO665" s="613"/>
      <c r="RPP665" s="613"/>
      <c r="RPQ665" s="613"/>
      <c r="RPR665" s="613"/>
      <c r="RPS665" s="613"/>
      <c r="RPT665" s="613"/>
      <c r="RPU665" s="613"/>
      <c r="RPV665" s="613"/>
      <c r="RPW665" s="613"/>
      <c r="RPX665" s="613"/>
      <c r="RPY665" s="613"/>
      <c r="RPZ665" s="613"/>
      <c r="RQA665" s="613"/>
      <c r="RQB665" s="613"/>
      <c r="RQC665" s="613"/>
      <c r="RQD665" s="613"/>
      <c r="RQE665" s="613"/>
      <c r="RQF665" s="613"/>
      <c r="RQG665" s="613"/>
      <c r="RQH665" s="613"/>
      <c r="RQI665" s="613"/>
      <c r="RQJ665" s="613"/>
      <c r="RQK665" s="613"/>
      <c r="RQL665" s="613"/>
      <c r="RQM665" s="613"/>
      <c r="RQN665" s="613"/>
      <c r="RQO665" s="613"/>
      <c r="RQP665" s="613"/>
      <c r="RQQ665" s="613"/>
      <c r="RQR665" s="613"/>
      <c r="RQS665" s="613"/>
      <c r="RQT665" s="613"/>
      <c r="RQU665" s="613"/>
      <c r="RQV665" s="613"/>
      <c r="RQW665" s="613"/>
      <c r="RQX665" s="613"/>
      <c r="RQY665" s="613"/>
      <c r="RQZ665" s="613"/>
      <c r="RRA665" s="613"/>
      <c r="RRB665" s="613"/>
      <c r="RRC665" s="613"/>
      <c r="RRD665" s="613"/>
      <c r="RRE665" s="613"/>
      <c r="RRF665" s="613"/>
      <c r="RRG665" s="613"/>
      <c r="RRH665" s="613"/>
      <c r="RRI665" s="613"/>
      <c r="RRJ665" s="613"/>
      <c r="RRK665" s="613"/>
      <c r="RRL665" s="613"/>
      <c r="RRM665" s="613"/>
      <c r="RRN665" s="613"/>
      <c r="RRO665" s="613"/>
      <c r="RRP665" s="613"/>
      <c r="RRQ665" s="613"/>
      <c r="RRR665" s="613"/>
      <c r="RRS665" s="613"/>
      <c r="RRT665" s="613"/>
      <c r="RRU665" s="613"/>
      <c r="RRV665" s="613"/>
      <c r="RRW665" s="613"/>
      <c r="RRX665" s="613"/>
      <c r="RRY665" s="613"/>
      <c r="RRZ665" s="613"/>
      <c r="RSA665" s="613"/>
      <c r="RSB665" s="613"/>
      <c r="RSC665" s="613"/>
      <c r="RSD665" s="613"/>
      <c r="RSE665" s="613"/>
      <c r="RSF665" s="613"/>
      <c r="RSG665" s="613"/>
      <c r="RSH665" s="613"/>
      <c r="RSI665" s="613"/>
      <c r="RSJ665" s="613"/>
      <c r="RSK665" s="613"/>
      <c r="RSL665" s="613"/>
      <c r="RSM665" s="613"/>
      <c r="RSN665" s="613"/>
      <c r="RSO665" s="613"/>
      <c r="RSP665" s="613"/>
      <c r="RSQ665" s="613"/>
      <c r="RSR665" s="613"/>
      <c r="RSS665" s="613"/>
      <c r="RST665" s="613"/>
      <c r="RSU665" s="613"/>
      <c r="RSV665" s="613"/>
      <c r="RSW665" s="613"/>
      <c r="RSX665" s="613"/>
      <c r="RSY665" s="613"/>
      <c r="RSZ665" s="613"/>
      <c r="RTA665" s="613"/>
      <c r="RTB665" s="613"/>
      <c r="RTC665" s="613"/>
      <c r="RTD665" s="613"/>
      <c r="RTE665" s="613"/>
      <c r="RTF665" s="613"/>
      <c r="RTG665" s="613"/>
      <c r="RTH665" s="613"/>
      <c r="RTI665" s="613"/>
      <c r="RTJ665" s="613"/>
      <c r="RTK665" s="613"/>
      <c r="RTL665" s="613"/>
      <c r="RTM665" s="613"/>
      <c r="RTN665" s="613"/>
      <c r="RTO665" s="613"/>
      <c r="RTP665" s="613"/>
      <c r="RTQ665" s="613"/>
      <c r="RTR665" s="613"/>
      <c r="RTS665" s="613"/>
      <c r="RTT665" s="613"/>
      <c r="RTU665" s="613"/>
      <c r="RTV665" s="613"/>
      <c r="RTW665" s="613"/>
      <c r="RTX665" s="613"/>
      <c r="RTY665" s="613"/>
      <c r="RTZ665" s="613"/>
      <c r="RUA665" s="613"/>
      <c r="RUB665" s="613"/>
      <c r="RUC665" s="613"/>
      <c r="RUD665" s="613"/>
      <c r="RUE665" s="613"/>
      <c r="RUF665" s="613"/>
      <c r="RUG665" s="613"/>
      <c r="RUH665" s="613"/>
      <c r="RUI665" s="613"/>
      <c r="RUJ665" s="613"/>
      <c r="RUK665" s="613"/>
      <c r="RUL665" s="613"/>
      <c r="RUM665" s="613"/>
      <c r="RUN665" s="613"/>
      <c r="RUO665" s="613"/>
      <c r="RUP665" s="613"/>
      <c r="RUQ665" s="613"/>
      <c r="RUR665" s="613"/>
      <c r="RUS665" s="613"/>
      <c r="RUT665" s="613"/>
      <c r="RUU665" s="613"/>
      <c r="RUV665" s="613"/>
      <c r="RUW665" s="613"/>
      <c r="RUX665" s="613"/>
      <c r="RUY665" s="613"/>
      <c r="RUZ665" s="613"/>
      <c r="RVA665" s="613"/>
      <c r="RVB665" s="613"/>
      <c r="RVC665" s="613"/>
      <c r="RVD665" s="613"/>
      <c r="RVE665" s="613"/>
      <c r="RVF665" s="613"/>
      <c r="RVG665" s="613"/>
      <c r="RVH665" s="613"/>
      <c r="RVI665" s="613"/>
      <c r="RVJ665" s="613"/>
      <c r="RVK665" s="613"/>
      <c r="RVL665" s="613"/>
      <c r="RVM665" s="613"/>
      <c r="RVN665" s="613"/>
      <c r="RVO665" s="613"/>
      <c r="RVP665" s="613"/>
      <c r="RVQ665" s="613"/>
      <c r="RVR665" s="613"/>
      <c r="RVS665" s="613"/>
      <c r="RVT665" s="613"/>
      <c r="RVU665" s="613"/>
      <c r="RVV665" s="613"/>
      <c r="RVW665" s="613"/>
      <c r="RVX665" s="613"/>
      <c r="RVY665" s="613"/>
      <c r="RVZ665" s="613"/>
      <c r="RWA665" s="613"/>
      <c r="RWB665" s="613"/>
      <c r="RWC665" s="613"/>
      <c r="RWD665" s="613"/>
      <c r="RWE665" s="613"/>
      <c r="RWF665" s="613"/>
      <c r="RWG665" s="613"/>
      <c r="RWH665" s="613"/>
      <c r="RWI665" s="613"/>
      <c r="RWJ665" s="613"/>
      <c r="RWK665" s="613"/>
      <c r="RWL665" s="613"/>
      <c r="RWM665" s="613"/>
      <c r="RWN665" s="613"/>
      <c r="RWO665" s="613"/>
      <c r="RWP665" s="613"/>
      <c r="RWQ665" s="613"/>
      <c r="RWR665" s="613"/>
      <c r="RWS665" s="613"/>
      <c r="RWT665" s="613"/>
      <c r="RWU665" s="613"/>
      <c r="RWV665" s="613"/>
      <c r="RWW665" s="613"/>
      <c r="RWX665" s="613"/>
      <c r="RWY665" s="613"/>
      <c r="RWZ665" s="613"/>
      <c r="RXA665" s="613"/>
      <c r="RXB665" s="613"/>
      <c r="RXC665" s="613"/>
      <c r="RXD665" s="613"/>
      <c r="RXE665" s="613"/>
      <c r="RXF665" s="613"/>
      <c r="RXG665" s="613"/>
      <c r="RXH665" s="613"/>
      <c r="RXI665" s="613"/>
      <c r="RXJ665" s="613"/>
      <c r="RXK665" s="613"/>
      <c r="RXL665" s="613"/>
      <c r="RXM665" s="613"/>
      <c r="RXN665" s="613"/>
      <c r="RXO665" s="613"/>
      <c r="RXP665" s="613"/>
      <c r="RXQ665" s="613"/>
      <c r="RXR665" s="613"/>
      <c r="RXS665" s="613"/>
      <c r="RXT665" s="613"/>
      <c r="RXU665" s="613"/>
      <c r="RXV665" s="613"/>
      <c r="RXW665" s="613"/>
      <c r="RXX665" s="613"/>
      <c r="RXY665" s="613"/>
      <c r="RXZ665" s="613"/>
      <c r="RYA665" s="613"/>
      <c r="RYB665" s="613"/>
      <c r="RYC665" s="613"/>
      <c r="RYD665" s="613"/>
      <c r="RYE665" s="613"/>
      <c r="RYF665" s="613"/>
      <c r="RYG665" s="613"/>
      <c r="RYH665" s="613"/>
      <c r="RYI665" s="613"/>
      <c r="RYJ665" s="613"/>
      <c r="RYK665" s="613"/>
      <c r="RYL665" s="613"/>
      <c r="RYM665" s="613"/>
      <c r="RYN665" s="613"/>
      <c r="RYO665" s="613"/>
      <c r="RYP665" s="613"/>
      <c r="RYQ665" s="613"/>
      <c r="RYR665" s="613"/>
      <c r="RYS665" s="613"/>
      <c r="RYT665" s="613"/>
      <c r="RYU665" s="613"/>
      <c r="RYV665" s="613"/>
      <c r="RYW665" s="613"/>
      <c r="RYX665" s="613"/>
      <c r="RYY665" s="613"/>
      <c r="RYZ665" s="613"/>
      <c r="RZA665" s="613"/>
      <c r="RZB665" s="613"/>
      <c r="RZC665" s="613"/>
      <c r="RZD665" s="613"/>
      <c r="RZE665" s="613"/>
      <c r="RZF665" s="613"/>
      <c r="RZG665" s="613"/>
      <c r="RZH665" s="613"/>
      <c r="RZI665" s="613"/>
      <c r="RZJ665" s="613"/>
      <c r="RZK665" s="613"/>
      <c r="RZL665" s="613"/>
      <c r="RZM665" s="613"/>
      <c r="RZN665" s="613"/>
      <c r="RZO665" s="613"/>
      <c r="RZP665" s="613"/>
      <c r="RZQ665" s="613"/>
      <c r="RZR665" s="613"/>
      <c r="RZS665" s="613"/>
      <c r="RZT665" s="613"/>
      <c r="RZU665" s="613"/>
      <c r="RZV665" s="613"/>
      <c r="RZW665" s="613"/>
      <c r="RZX665" s="613"/>
      <c r="RZY665" s="613"/>
      <c r="RZZ665" s="613"/>
      <c r="SAA665" s="613"/>
      <c r="SAB665" s="613"/>
      <c r="SAC665" s="613"/>
      <c r="SAD665" s="613"/>
      <c r="SAE665" s="613"/>
      <c r="SAF665" s="613"/>
      <c r="SAG665" s="613"/>
      <c r="SAH665" s="613"/>
      <c r="SAI665" s="613"/>
      <c r="SAJ665" s="613"/>
      <c r="SAK665" s="613"/>
      <c r="SAL665" s="613"/>
      <c r="SAM665" s="613"/>
      <c r="SAN665" s="613"/>
      <c r="SAO665" s="613"/>
      <c r="SAP665" s="613"/>
      <c r="SAQ665" s="613"/>
      <c r="SAR665" s="613"/>
      <c r="SAS665" s="613"/>
      <c r="SAT665" s="613"/>
      <c r="SAU665" s="613"/>
      <c r="SAV665" s="613"/>
      <c r="SAW665" s="613"/>
      <c r="SAX665" s="613"/>
      <c r="SAY665" s="613"/>
      <c r="SAZ665" s="613"/>
      <c r="SBA665" s="613"/>
      <c r="SBB665" s="613"/>
      <c r="SBC665" s="613"/>
      <c r="SBD665" s="613"/>
      <c r="SBE665" s="613"/>
      <c r="SBF665" s="613"/>
      <c r="SBG665" s="613"/>
      <c r="SBH665" s="613"/>
      <c r="SBI665" s="613"/>
      <c r="SBJ665" s="613"/>
      <c r="SBK665" s="613"/>
      <c r="SBL665" s="613"/>
      <c r="SBM665" s="613"/>
      <c r="SBN665" s="613"/>
      <c r="SBO665" s="613"/>
      <c r="SBP665" s="613"/>
      <c r="SBQ665" s="613"/>
      <c r="SBR665" s="613"/>
      <c r="SBS665" s="613"/>
      <c r="SBT665" s="613"/>
      <c r="SBU665" s="613"/>
      <c r="SBV665" s="613"/>
      <c r="SBW665" s="613"/>
      <c r="SBX665" s="613"/>
      <c r="SBY665" s="613"/>
      <c r="SBZ665" s="613"/>
      <c r="SCA665" s="613"/>
      <c r="SCB665" s="613"/>
      <c r="SCC665" s="613"/>
      <c r="SCD665" s="613"/>
      <c r="SCE665" s="613"/>
      <c r="SCF665" s="613"/>
      <c r="SCG665" s="613"/>
      <c r="SCH665" s="613"/>
      <c r="SCI665" s="613"/>
      <c r="SCJ665" s="613"/>
      <c r="SCK665" s="613"/>
      <c r="SCL665" s="613"/>
      <c r="SCM665" s="613"/>
      <c r="SCN665" s="613"/>
      <c r="SCO665" s="613"/>
      <c r="SCP665" s="613"/>
      <c r="SCQ665" s="613"/>
      <c r="SCR665" s="613"/>
      <c r="SCS665" s="613"/>
      <c r="SCT665" s="613"/>
      <c r="SCU665" s="613"/>
      <c r="SCV665" s="613"/>
      <c r="SCW665" s="613"/>
      <c r="SCX665" s="613"/>
      <c r="SCY665" s="613"/>
      <c r="SCZ665" s="613"/>
      <c r="SDA665" s="613"/>
      <c r="SDB665" s="613"/>
      <c r="SDC665" s="613"/>
      <c r="SDD665" s="613"/>
      <c r="SDE665" s="613"/>
      <c r="SDF665" s="613"/>
      <c r="SDG665" s="613"/>
      <c r="SDH665" s="613"/>
      <c r="SDI665" s="613"/>
      <c r="SDJ665" s="613"/>
      <c r="SDK665" s="613"/>
      <c r="SDL665" s="613"/>
      <c r="SDM665" s="613"/>
      <c r="SDN665" s="613"/>
      <c r="SDO665" s="613"/>
      <c r="SDP665" s="613"/>
      <c r="SDQ665" s="613"/>
      <c r="SDR665" s="613"/>
      <c r="SDS665" s="613"/>
      <c r="SDT665" s="613"/>
      <c r="SDU665" s="613"/>
      <c r="SDV665" s="613"/>
      <c r="SDW665" s="613"/>
      <c r="SDX665" s="613"/>
      <c r="SDY665" s="613"/>
      <c r="SDZ665" s="613"/>
      <c r="SEA665" s="613"/>
      <c r="SEB665" s="613"/>
      <c r="SEC665" s="613"/>
      <c r="SED665" s="613"/>
      <c r="SEE665" s="613"/>
      <c r="SEF665" s="613"/>
      <c r="SEG665" s="613"/>
      <c r="SEH665" s="613"/>
      <c r="SEI665" s="613"/>
      <c r="SEJ665" s="613"/>
      <c r="SEK665" s="613"/>
      <c r="SEL665" s="613"/>
      <c r="SEM665" s="613"/>
      <c r="SEN665" s="613"/>
      <c r="SEO665" s="613"/>
      <c r="SEP665" s="613"/>
      <c r="SEQ665" s="613"/>
      <c r="SER665" s="613"/>
      <c r="SES665" s="613"/>
      <c r="SET665" s="613"/>
      <c r="SEU665" s="613"/>
      <c r="SEV665" s="613"/>
      <c r="SEW665" s="613"/>
      <c r="SEX665" s="613"/>
      <c r="SEY665" s="613"/>
      <c r="SEZ665" s="613"/>
      <c r="SFA665" s="613"/>
      <c r="SFB665" s="613"/>
      <c r="SFC665" s="613"/>
      <c r="SFD665" s="613"/>
      <c r="SFE665" s="613"/>
      <c r="SFF665" s="613"/>
      <c r="SFG665" s="613"/>
      <c r="SFH665" s="613"/>
      <c r="SFI665" s="613"/>
      <c r="SFJ665" s="613"/>
      <c r="SFK665" s="613"/>
      <c r="SFL665" s="613"/>
      <c r="SFM665" s="613"/>
      <c r="SFN665" s="613"/>
      <c r="SFO665" s="613"/>
      <c r="SFP665" s="613"/>
      <c r="SFQ665" s="613"/>
      <c r="SFR665" s="613"/>
      <c r="SFS665" s="613"/>
      <c r="SFT665" s="613"/>
      <c r="SFU665" s="613"/>
      <c r="SFV665" s="613"/>
      <c r="SFW665" s="613"/>
      <c r="SFX665" s="613"/>
      <c r="SFY665" s="613"/>
      <c r="SFZ665" s="613"/>
      <c r="SGA665" s="613"/>
      <c r="SGB665" s="613"/>
      <c r="SGC665" s="613"/>
      <c r="SGD665" s="613"/>
      <c r="SGE665" s="613"/>
      <c r="SGF665" s="613"/>
      <c r="SGG665" s="613"/>
      <c r="SGH665" s="613"/>
      <c r="SGI665" s="613"/>
      <c r="SGJ665" s="613"/>
      <c r="SGK665" s="613"/>
      <c r="SGL665" s="613"/>
      <c r="SGM665" s="613"/>
      <c r="SGN665" s="613"/>
      <c r="SGO665" s="613"/>
      <c r="SGP665" s="613"/>
      <c r="SGQ665" s="613"/>
      <c r="SGR665" s="613"/>
      <c r="SGS665" s="613"/>
      <c r="SGT665" s="613"/>
      <c r="SGU665" s="613"/>
      <c r="SGV665" s="613"/>
      <c r="SGW665" s="613"/>
      <c r="SGX665" s="613"/>
      <c r="SGY665" s="613"/>
      <c r="SGZ665" s="613"/>
      <c r="SHA665" s="613"/>
      <c r="SHB665" s="613"/>
      <c r="SHC665" s="613"/>
      <c r="SHD665" s="613"/>
      <c r="SHE665" s="613"/>
      <c r="SHF665" s="613"/>
      <c r="SHG665" s="613"/>
      <c r="SHH665" s="613"/>
      <c r="SHI665" s="613"/>
      <c r="SHJ665" s="613"/>
      <c r="SHK665" s="613"/>
      <c r="SHL665" s="613"/>
      <c r="SHM665" s="613"/>
      <c r="SHN665" s="613"/>
      <c r="SHO665" s="613"/>
      <c r="SHP665" s="613"/>
      <c r="SHQ665" s="613"/>
      <c r="SHR665" s="613"/>
      <c r="SHS665" s="613"/>
      <c r="SHT665" s="613"/>
      <c r="SHU665" s="613"/>
      <c r="SHV665" s="613"/>
      <c r="SHW665" s="613"/>
      <c r="SHX665" s="613"/>
      <c r="SHY665" s="613"/>
      <c r="SHZ665" s="613"/>
      <c r="SIA665" s="613"/>
      <c r="SIB665" s="613"/>
      <c r="SIC665" s="613"/>
      <c r="SID665" s="613"/>
      <c r="SIE665" s="613"/>
      <c r="SIF665" s="613"/>
      <c r="SIG665" s="613"/>
      <c r="SIH665" s="613"/>
      <c r="SII665" s="613"/>
      <c r="SIJ665" s="613"/>
      <c r="SIK665" s="613"/>
      <c r="SIL665" s="613"/>
      <c r="SIM665" s="613"/>
      <c r="SIN665" s="613"/>
      <c r="SIO665" s="613"/>
      <c r="SIP665" s="613"/>
      <c r="SIQ665" s="613"/>
      <c r="SIR665" s="613"/>
      <c r="SIS665" s="613"/>
      <c r="SIT665" s="613"/>
      <c r="SIU665" s="613"/>
      <c r="SIV665" s="613"/>
      <c r="SIW665" s="613"/>
      <c r="SIX665" s="613"/>
      <c r="SIY665" s="613"/>
      <c r="SIZ665" s="613"/>
      <c r="SJA665" s="613"/>
      <c r="SJB665" s="613"/>
      <c r="SJC665" s="613"/>
      <c r="SJD665" s="613"/>
      <c r="SJE665" s="613"/>
      <c r="SJF665" s="613"/>
      <c r="SJG665" s="613"/>
      <c r="SJH665" s="613"/>
      <c r="SJI665" s="613"/>
      <c r="SJJ665" s="613"/>
      <c r="SJK665" s="613"/>
      <c r="SJL665" s="613"/>
      <c r="SJM665" s="613"/>
      <c r="SJN665" s="613"/>
      <c r="SJO665" s="613"/>
      <c r="SJP665" s="613"/>
      <c r="SJQ665" s="613"/>
      <c r="SJR665" s="613"/>
      <c r="SJS665" s="613"/>
      <c r="SJT665" s="613"/>
      <c r="SJU665" s="613"/>
      <c r="SJV665" s="613"/>
      <c r="SJW665" s="613"/>
      <c r="SJX665" s="613"/>
      <c r="SJY665" s="613"/>
      <c r="SJZ665" s="613"/>
      <c r="SKA665" s="613"/>
      <c r="SKB665" s="613"/>
      <c r="SKC665" s="613"/>
      <c r="SKD665" s="613"/>
      <c r="SKE665" s="613"/>
      <c r="SKF665" s="613"/>
      <c r="SKG665" s="613"/>
      <c r="SKH665" s="613"/>
      <c r="SKI665" s="613"/>
      <c r="SKJ665" s="613"/>
      <c r="SKK665" s="613"/>
      <c r="SKL665" s="613"/>
      <c r="SKM665" s="613"/>
      <c r="SKN665" s="613"/>
      <c r="SKO665" s="613"/>
      <c r="SKP665" s="613"/>
      <c r="SKQ665" s="613"/>
      <c r="SKR665" s="613"/>
      <c r="SKS665" s="613"/>
      <c r="SKT665" s="613"/>
      <c r="SKU665" s="613"/>
      <c r="SKV665" s="613"/>
      <c r="SKW665" s="613"/>
      <c r="SKX665" s="613"/>
      <c r="SKY665" s="613"/>
      <c r="SKZ665" s="613"/>
      <c r="SLA665" s="613"/>
      <c r="SLB665" s="613"/>
      <c r="SLC665" s="613"/>
      <c r="SLD665" s="613"/>
      <c r="SLE665" s="613"/>
      <c r="SLF665" s="613"/>
      <c r="SLG665" s="613"/>
      <c r="SLH665" s="613"/>
      <c r="SLI665" s="613"/>
      <c r="SLJ665" s="613"/>
      <c r="SLK665" s="613"/>
      <c r="SLL665" s="613"/>
      <c r="SLM665" s="613"/>
      <c r="SLN665" s="613"/>
      <c r="SLO665" s="613"/>
      <c r="SLP665" s="613"/>
      <c r="SLQ665" s="613"/>
      <c r="SLR665" s="613"/>
      <c r="SLS665" s="613"/>
      <c r="SLT665" s="613"/>
      <c r="SLU665" s="613"/>
      <c r="SLV665" s="613"/>
      <c r="SLW665" s="613"/>
      <c r="SLX665" s="613"/>
      <c r="SLY665" s="613"/>
      <c r="SLZ665" s="613"/>
      <c r="SMA665" s="613"/>
      <c r="SMB665" s="613"/>
      <c r="SMC665" s="613"/>
      <c r="SMD665" s="613"/>
      <c r="SME665" s="613"/>
      <c r="SMF665" s="613"/>
      <c r="SMG665" s="613"/>
      <c r="SMH665" s="613"/>
      <c r="SMI665" s="613"/>
      <c r="SMJ665" s="613"/>
      <c r="SMK665" s="613"/>
      <c r="SML665" s="613"/>
      <c r="SMM665" s="613"/>
      <c r="SMN665" s="613"/>
      <c r="SMO665" s="613"/>
      <c r="SMP665" s="613"/>
      <c r="SMQ665" s="613"/>
      <c r="SMR665" s="613"/>
      <c r="SMS665" s="613"/>
      <c r="SMT665" s="613"/>
      <c r="SMU665" s="613"/>
      <c r="SMV665" s="613"/>
      <c r="SMW665" s="613"/>
      <c r="SMX665" s="613"/>
      <c r="SMY665" s="613"/>
      <c r="SMZ665" s="613"/>
      <c r="SNA665" s="613"/>
      <c r="SNB665" s="613"/>
      <c r="SNC665" s="613"/>
      <c r="SND665" s="613"/>
      <c r="SNE665" s="613"/>
      <c r="SNF665" s="613"/>
      <c r="SNG665" s="613"/>
      <c r="SNH665" s="613"/>
      <c r="SNI665" s="613"/>
      <c r="SNJ665" s="613"/>
      <c r="SNK665" s="613"/>
      <c r="SNL665" s="613"/>
      <c r="SNM665" s="613"/>
      <c r="SNN665" s="613"/>
      <c r="SNO665" s="613"/>
      <c r="SNP665" s="613"/>
      <c r="SNQ665" s="613"/>
      <c r="SNR665" s="613"/>
      <c r="SNS665" s="613"/>
      <c r="SNT665" s="613"/>
      <c r="SNU665" s="613"/>
      <c r="SNV665" s="613"/>
      <c r="SNW665" s="613"/>
      <c r="SNX665" s="613"/>
      <c r="SNY665" s="613"/>
      <c r="SNZ665" s="613"/>
      <c r="SOA665" s="613"/>
      <c r="SOB665" s="613"/>
      <c r="SOC665" s="613"/>
      <c r="SOD665" s="613"/>
      <c r="SOE665" s="613"/>
      <c r="SOF665" s="613"/>
      <c r="SOG665" s="613"/>
      <c r="SOH665" s="613"/>
      <c r="SOI665" s="613"/>
      <c r="SOJ665" s="613"/>
      <c r="SOK665" s="613"/>
      <c r="SOL665" s="613"/>
      <c r="SOM665" s="613"/>
      <c r="SON665" s="613"/>
      <c r="SOO665" s="613"/>
      <c r="SOP665" s="613"/>
      <c r="SOQ665" s="613"/>
      <c r="SOR665" s="613"/>
      <c r="SOS665" s="613"/>
      <c r="SOT665" s="613"/>
      <c r="SOU665" s="613"/>
      <c r="SOV665" s="613"/>
      <c r="SOW665" s="613"/>
      <c r="SOX665" s="613"/>
      <c r="SOY665" s="613"/>
      <c r="SOZ665" s="613"/>
      <c r="SPA665" s="613"/>
      <c r="SPB665" s="613"/>
      <c r="SPC665" s="613"/>
      <c r="SPD665" s="613"/>
      <c r="SPE665" s="613"/>
      <c r="SPF665" s="613"/>
      <c r="SPG665" s="613"/>
      <c r="SPH665" s="613"/>
      <c r="SPI665" s="613"/>
      <c r="SPJ665" s="613"/>
      <c r="SPK665" s="613"/>
      <c r="SPL665" s="613"/>
      <c r="SPM665" s="613"/>
      <c r="SPN665" s="613"/>
      <c r="SPO665" s="613"/>
      <c r="SPP665" s="613"/>
      <c r="SPQ665" s="613"/>
      <c r="SPR665" s="613"/>
      <c r="SPS665" s="613"/>
      <c r="SPT665" s="613"/>
      <c r="SPU665" s="613"/>
      <c r="SPV665" s="613"/>
      <c r="SPW665" s="613"/>
      <c r="SPX665" s="613"/>
      <c r="SPY665" s="613"/>
      <c r="SPZ665" s="613"/>
      <c r="SQA665" s="613"/>
      <c r="SQB665" s="613"/>
      <c r="SQC665" s="613"/>
      <c r="SQD665" s="613"/>
      <c r="SQE665" s="613"/>
      <c r="SQF665" s="613"/>
      <c r="SQG665" s="613"/>
      <c r="SQH665" s="613"/>
      <c r="SQI665" s="613"/>
      <c r="SQJ665" s="613"/>
      <c r="SQK665" s="613"/>
      <c r="SQL665" s="613"/>
      <c r="SQM665" s="613"/>
      <c r="SQN665" s="613"/>
      <c r="SQO665" s="613"/>
      <c r="SQP665" s="613"/>
      <c r="SQQ665" s="613"/>
      <c r="SQR665" s="613"/>
      <c r="SQS665" s="613"/>
      <c r="SQT665" s="613"/>
      <c r="SQU665" s="613"/>
      <c r="SQV665" s="613"/>
      <c r="SQW665" s="613"/>
      <c r="SQX665" s="613"/>
      <c r="SQY665" s="613"/>
      <c r="SQZ665" s="613"/>
      <c r="SRA665" s="613"/>
      <c r="SRB665" s="613"/>
      <c r="SRC665" s="613"/>
      <c r="SRD665" s="613"/>
      <c r="SRE665" s="613"/>
      <c r="SRF665" s="613"/>
      <c r="SRG665" s="613"/>
      <c r="SRH665" s="613"/>
      <c r="SRI665" s="613"/>
      <c r="SRJ665" s="613"/>
      <c r="SRK665" s="613"/>
      <c r="SRL665" s="613"/>
      <c r="SRM665" s="613"/>
      <c r="SRN665" s="613"/>
      <c r="SRO665" s="613"/>
      <c r="SRP665" s="613"/>
      <c r="SRQ665" s="613"/>
      <c r="SRR665" s="613"/>
      <c r="SRS665" s="613"/>
      <c r="SRT665" s="613"/>
      <c r="SRU665" s="613"/>
      <c r="SRV665" s="613"/>
      <c r="SRW665" s="613"/>
      <c r="SRX665" s="613"/>
      <c r="SRY665" s="613"/>
      <c r="SRZ665" s="613"/>
      <c r="SSA665" s="613"/>
      <c r="SSB665" s="613"/>
      <c r="SSC665" s="613"/>
      <c r="SSD665" s="613"/>
      <c r="SSE665" s="613"/>
      <c r="SSF665" s="613"/>
      <c r="SSG665" s="613"/>
      <c r="SSH665" s="613"/>
      <c r="SSI665" s="613"/>
      <c r="SSJ665" s="613"/>
      <c r="SSK665" s="613"/>
      <c r="SSL665" s="613"/>
      <c r="SSM665" s="613"/>
      <c r="SSN665" s="613"/>
      <c r="SSO665" s="613"/>
      <c r="SSP665" s="613"/>
      <c r="SSQ665" s="613"/>
      <c r="SSR665" s="613"/>
      <c r="SSS665" s="613"/>
      <c r="SST665" s="613"/>
      <c r="SSU665" s="613"/>
      <c r="SSV665" s="613"/>
      <c r="SSW665" s="613"/>
      <c r="SSX665" s="613"/>
      <c r="SSY665" s="613"/>
      <c r="SSZ665" s="613"/>
      <c r="STA665" s="613"/>
      <c r="STB665" s="613"/>
      <c r="STC665" s="613"/>
      <c r="STD665" s="613"/>
      <c r="STE665" s="613"/>
      <c r="STF665" s="613"/>
      <c r="STG665" s="613"/>
      <c r="STH665" s="613"/>
      <c r="STI665" s="613"/>
      <c r="STJ665" s="613"/>
      <c r="STK665" s="613"/>
      <c r="STL665" s="613"/>
      <c r="STM665" s="613"/>
      <c r="STN665" s="613"/>
      <c r="STO665" s="613"/>
      <c r="STP665" s="613"/>
      <c r="STQ665" s="613"/>
      <c r="STR665" s="613"/>
      <c r="STS665" s="613"/>
      <c r="STT665" s="613"/>
      <c r="STU665" s="613"/>
      <c r="STV665" s="613"/>
      <c r="STW665" s="613"/>
      <c r="STX665" s="613"/>
      <c r="STY665" s="613"/>
      <c r="STZ665" s="613"/>
      <c r="SUA665" s="613"/>
      <c r="SUB665" s="613"/>
      <c r="SUC665" s="613"/>
      <c r="SUD665" s="613"/>
      <c r="SUE665" s="613"/>
      <c r="SUF665" s="613"/>
      <c r="SUG665" s="613"/>
      <c r="SUH665" s="613"/>
      <c r="SUI665" s="613"/>
      <c r="SUJ665" s="613"/>
      <c r="SUK665" s="613"/>
      <c r="SUL665" s="613"/>
      <c r="SUM665" s="613"/>
      <c r="SUN665" s="613"/>
      <c r="SUO665" s="613"/>
      <c r="SUP665" s="613"/>
      <c r="SUQ665" s="613"/>
      <c r="SUR665" s="613"/>
      <c r="SUS665" s="613"/>
      <c r="SUT665" s="613"/>
      <c r="SUU665" s="613"/>
      <c r="SUV665" s="613"/>
      <c r="SUW665" s="613"/>
      <c r="SUX665" s="613"/>
      <c r="SUY665" s="613"/>
      <c r="SUZ665" s="613"/>
      <c r="SVA665" s="613"/>
      <c r="SVB665" s="613"/>
      <c r="SVC665" s="613"/>
      <c r="SVD665" s="613"/>
      <c r="SVE665" s="613"/>
      <c r="SVF665" s="613"/>
      <c r="SVG665" s="613"/>
      <c r="SVH665" s="613"/>
      <c r="SVI665" s="613"/>
      <c r="SVJ665" s="613"/>
      <c r="SVK665" s="613"/>
      <c r="SVL665" s="613"/>
      <c r="SVM665" s="613"/>
      <c r="SVN665" s="613"/>
      <c r="SVO665" s="613"/>
      <c r="SVP665" s="613"/>
      <c r="SVQ665" s="613"/>
      <c r="SVR665" s="613"/>
      <c r="SVS665" s="613"/>
      <c r="SVT665" s="613"/>
      <c r="SVU665" s="613"/>
      <c r="SVV665" s="613"/>
      <c r="SVW665" s="613"/>
      <c r="SVX665" s="613"/>
      <c r="SVY665" s="613"/>
      <c r="SVZ665" s="613"/>
      <c r="SWA665" s="613"/>
      <c r="SWB665" s="613"/>
      <c r="SWC665" s="613"/>
      <c r="SWD665" s="613"/>
      <c r="SWE665" s="613"/>
      <c r="SWF665" s="613"/>
      <c r="SWG665" s="613"/>
      <c r="SWH665" s="613"/>
      <c r="SWI665" s="613"/>
      <c r="SWJ665" s="613"/>
      <c r="SWK665" s="613"/>
      <c r="SWL665" s="613"/>
      <c r="SWM665" s="613"/>
      <c r="SWN665" s="613"/>
      <c r="SWO665" s="613"/>
      <c r="SWP665" s="613"/>
      <c r="SWQ665" s="613"/>
      <c r="SWR665" s="613"/>
      <c r="SWS665" s="613"/>
      <c r="SWT665" s="613"/>
      <c r="SWU665" s="613"/>
      <c r="SWV665" s="613"/>
      <c r="SWW665" s="613"/>
      <c r="SWX665" s="613"/>
      <c r="SWY665" s="613"/>
      <c r="SWZ665" s="613"/>
      <c r="SXA665" s="613"/>
      <c r="SXB665" s="613"/>
      <c r="SXC665" s="613"/>
      <c r="SXD665" s="613"/>
      <c r="SXE665" s="613"/>
      <c r="SXF665" s="613"/>
      <c r="SXG665" s="613"/>
      <c r="SXH665" s="613"/>
      <c r="SXI665" s="613"/>
      <c r="SXJ665" s="613"/>
      <c r="SXK665" s="613"/>
      <c r="SXL665" s="613"/>
      <c r="SXM665" s="613"/>
      <c r="SXN665" s="613"/>
      <c r="SXO665" s="613"/>
      <c r="SXP665" s="613"/>
      <c r="SXQ665" s="613"/>
      <c r="SXR665" s="613"/>
      <c r="SXS665" s="613"/>
      <c r="SXT665" s="613"/>
      <c r="SXU665" s="613"/>
      <c r="SXV665" s="613"/>
      <c r="SXW665" s="613"/>
      <c r="SXX665" s="613"/>
      <c r="SXY665" s="613"/>
      <c r="SXZ665" s="613"/>
      <c r="SYA665" s="613"/>
      <c r="SYB665" s="613"/>
      <c r="SYC665" s="613"/>
      <c r="SYD665" s="613"/>
      <c r="SYE665" s="613"/>
      <c r="SYF665" s="613"/>
      <c r="SYG665" s="613"/>
      <c r="SYH665" s="613"/>
      <c r="SYI665" s="613"/>
      <c r="SYJ665" s="613"/>
      <c r="SYK665" s="613"/>
      <c r="SYL665" s="613"/>
      <c r="SYM665" s="613"/>
      <c r="SYN665" s="613"/>
      <c r="SYO665" s="613"/>
      <c r="SYP665" s="613"/>
      <c r="SYQ665" s="613"/>
      <c r="SYR665" s="613"/>
      <c r="SYS665" s="613"/>
      <c r="SYT665" s="613"/>
      <c r="SYU665" s="613"/>
      <c r="SYV665" s="613"/>
      <c r="SYW665" s="613"/>
      <c r="SYX665" s="613"/>
      <c r="SYY665" s="613"/>
      <c r="SYZ665" s="613"/>
      <c r="SZA665" s="613"/>
      <c r="SZB665" s="613"/>
      <c r="SZC665" s="613"/>
      <c r="SZD665" s="613"/>
      <c r="SZE665" s="613"/>
      <c r="SZF665" s="613"/>
      <c r="SZG665" s="613"/>
      <c r="SZH665" s="613"/>
      <c r="SZI665" s="613"/>
      <c r="SZJ665" s="613"/>
      <c r="SZK665" s="613"/>
      <c r="SZL665" s="613"/>
      <c r="SZM665" s="613"/>
      <c r="SZN665" s="613"/>
      <c r="SZO665" s="613"/>
      <c r="SZP665" s="613"/>
      <c r="SZQ665" s="613"/>
      <c r="SZR665" s="613"/>
      <c r="SZS665" s="613"/>
      <c r="SZT665" s="613"/>
      <c r="SZU665" s="613"/>
      <c r="SZV665" s="613"/>
      <c r="SZW665" s="613"/>
      <c r="SZX665" s="613"/>
      <c r="SZY665" s="613"/>
      <c r="SZZ665" s="613"/>
      <c r="TAA665" s="613"/>
      <c r="TAB665" s="613"/>
      <c r="TAC665" s="613"/>
      <c r="TAD665" s="613"/>
      <c r="TAE665" s="613"/>
      <c r="TAF665" s="613"/>
      <c r="TAG665" s="613"/>
      <c r="TAH665" s="613"/>
      <c r="TAI665" s="613"/>
      <c r="TAJ665" s="613"/>
      <c r="TAK665" s="613"/>
      <c r="TAL665" s="613"/>
      <c r="TAM665" s="613"/>
      <c r="TAN665" s="613"/>
      <c r="TAO665" s="613"/>
      <c r="TAP665" s="613"/>
      <c r="TAQ665" s="613"/>
      <c r="TAR665" s="613"/>
      <c r="TAS665" s="613"/>
      <c r="TAT665" s="613"/>
      <c r="TAU665" s="613"/>
      <c r="TAV665" s="613"/>
      <c r="TAW665" s="613"/>
      <c r="TAX665" s="613"/>
      <c r="TAY665" s="613"/>
      <c r="TAZ665" s="613"/>
      <c r="TBA665" s="613"/>
      <c r="TBB665" s="613"/>
      <c r="TBC665" s="613"/>
      <c r="TBD665" s="613"/>
      <c r="TBE665" s="613"/>
      <c r="TBF665" s="613"/>
      <c r="TBG665" s="613"/>
      <c r="TBH665" s="613"/>
      <c r="TBI665" s="613"/>
      <c r="TBJ665" s="613"/>
      <c r="TBK665" s="613"/>
      <c r="TBL665" s="613"/>
      <c r="TBM665" s="613"/>
      <c r="TBN665" s="613"/>
      <c r="TBO665" s="613"/>
      <c r="TBP665" s="613"/>
      <c r="TBQ665" s="613"/>
      <c r="TBR665" s="613"/>
      <c r="TBS665" s="613"/>
      <c r="TBT665" s="613"/>
      <c r="TBU665" s="613"/>
      <c r="TBV665" s="613"/>
      <c r="TBW665" s="613"/>
      <c r="TBX665" s="613"/>
      <c r="TBY665" s="613"/>
      <c r="TBZ665" s="613"/>
      <c r="TCA665" s="613"/>
      <c r="TCB665" s="613"/>
      <c r="TCC665" s="613"/>
      <c r="TCD665" s="613"/>
      <c r="TCE665" s="613"/>
      <c r="TCF665" s="613"/>
      <c r="TCG665" s="613"/>
      <c r="TCH665" s="613"/>
      <c r="TCI665" s="613"/>
      <c r="TCJ665" s="613"/>
      <c r="TCK665" s="613"/>
      <c r="TCL665" s="613"/>
      <c r="TCM665" s="613"/>
      <c r="TCN665" s="613"/>
      <c r="TCO665" s="613"/>
      <c r="TCP665" s="613"/>
      <c r="TCQ665" s="613"/>
      <c r="TCR665" s="613"/>
      <c r="TCS665" s="613"/>
      <c r="TCT665" s="613"/>
      <c r="TCU665" s="613"/>
      <c r="TCV665" s="613"/>
      <c r="TCW665" s="613"/>
      <c r="TCX665" s="613"/>
      <c r="TCY665" s="613"/>
      <c r="TCZ665" s="613"/>
      <c r="TDA665" s="613"/>
      <c r="TDB665" s="613"/>
      <c r="TDC665" s="613"/>
      <c r="TDD665" s="613"/>
      <c r="TDE665" s="613"/>
      <c r="TDF665" s="613"/>
      <c r="TDG665" s="613"/>
      <c r="TDH665" s="613"/>
      <c r="TDI665" s="613"/>
      <c r="TDJ665" s="613"/>
      <c r="TDK665" s="613"/>
      <c r="TDL665" s="613"/>
      <c r="TDM665" s="613"/>
      <c r="TDN665" s="613"/>
      <c r="TDO665" s="613"/>
      <c r="TDP665" s="613"/>
      <c r="TDQ665" s="613"/>
      <c r="TDR665" s="613"/>
      <c r="TDS665" s="613"/>
      <c r="TDT665" s="613"/>
      <c r="TDU665" s="613"/>
      <c r="TDV665" s="613"/>
      <c r="TDW665" s="613"/>
      <c r="TDX665" s="613"/>
      <c r="TDY665" s="613"/>
      <c r="TDZ665" s="613"/>
      <c r="TEA665" s="613"/>
      <c r="TEB665" s="613"/>
      <c r="TEC665" s="613"/>
      <c r="TED665" s="613"/>
      <c r="TEE665" s="613"/>
      <c r="TEF665" s="613"/>
      <c r="TEG665" s="613"/>
      <c r="TEH665" s="613"/>
      <c r="TEI665" s="613"/>
      <c r="TEJ665" s="613"/>
      <c r="TEK665" s="613"/>
      <c r="TEL665" s="613"/>
      <c r="TEM665" s="613"/>
      <c r="TEN665" s="613"/>
      <c r="TEO665" s="613"/>
      <c r="TEP665" s="613"/>
      <c r="TEQ665" s="613"/>
      <c r="TER665" s="613"/>
      <c r="TES665" s="613"/>
      <c r="TET665" s="613"/>
      <c r="TEU665" s="613"/>
      <c r="TEV665" s="613"/>
      <c r="TEW665" s="613"/>
      <c r="TEX665" s="613"/>
      <c r="TEY665" s="613"/>
      <c r="TEZ665" s="613"/>
      <c r="TFA665" s="613"/>
      <c r="TFB665" s="613"/>
      <c r="TFC665" s="613"/>
      <c r="TFD665" s="613"/>
      <c r="TFE665" s="613"/>
      <c r="TFF665" s="613"/>
      <c r="TFG665" s="613"/>
      <c r="TFH665" s="613"/>
      <c r="TFI665" s="613"/>
      <c r="TFJ665" s="613"/>
      <c r="TFK665" s="613"/>
      <c r="TFL665" s="613"/>
      <c r="TFM665" s="613"/>
      <c r="TFN665" s="613"/>
      <c r="TFO665" s="613"/>
      <c r="TFP665" s="613"/>
      <c r="TFQ665" s="613"/>
      <c r="TFR665" s="613"/>
      <c r="TFS665" s="613"/>
      <c r="TFT665" s="613"/>
      <c r="TFU665" s="613"/>
      <c r="TFV665" s="613"/>
      <c r="TFW665" s="613"/>
      <c r="TFX665" s="613"/>
      <c r="TFY665" s="613"/>
      <c r="TFZ665" s="613"/>
      <c r="TGA665" s="613"/>
      <c r="TGB665" s="613"/>
      <c r="TGC665" s="613"/>
      <c r="TGD665" s="613"/>
      <c r="TGE665" s="613"/>
      <c r="TGF665" s="613"/>
      <c r="TGG665" s="613"/>
      <c r="TGH665" s="613"/>
      <c r="TGI665" s="613"/>
      <c r="TGJ665" s="613"/>
      <c r="TGK665" s="613"/>
      <c r="TGL665" s="613"/>
      <c r="TGM665" s="613"/>
      <c r="TGN665" s="613"/>
      <c r="TGO665" s="613"/>
      <c r="TGP665" s="613"/>
      <c r="TGQ665" s="613"/>
      <c r="TGR665" s="613"/>
      <c r="TGS665" s="613"/>
      <c r="TGT665" s="613"/>
      <c r="TGU665" s="613"/>
      <c r="TGV665" s="613"/>
      <c r="TGW665" s="613"/>
      <c r="TGX665" s="613"/>
      <c r="TGY665" s="613"/>
      <c r="TGZ665" s="613"/>
      <c r="THA665" s="613"/>
      <c r="THB665" s="613"/>
      <c r="THC665" s="613"/>
      <c r="THD665" s="613"/>
      <c r="THE665" s="613"/>
      <c r="THF665" s="613"/>
      <c r="THG665" s="613"/>
      <c r="THH665" s="613"/>
      <c r="THI665" s="613"/>
      <c r="THJ665" s="613"/>
      <c r="THK665" s="613"/>
      <c r="THL665" s="613"/>
      <c r="THM665" s="613"/>
      <c r="THN665" s="613"/>
      <c r="THO665" s="613"/>
      <c r="THP665" s="613"/>
      <c r="THQ665" s="613"/>
      <c r="THR665" s="613"/>
      <c r="THS665" s="613"/>
      <c r="THT665" s="613"/>
      <c r="THU665" s="613"/>
      <c r="THV665" s="613"/>
      <c r="THW665" s="613"/>
      <c r="THX665" s="613"/>
      <c r="THY665" s="613"/>
      <c r="THZ665" s="613"/>
      <c r="TIA665" s="613"/>
      <c r="TIB665" s="613"/>
      <c r="TIC665" s="613"/>
      <c r="TID665" s="613"/>
      <c r="TIE665" s="613"/>
      <c r="TIF665" s="613"/>
      <c r="TIG665" s="613"/>
      <c r="TIH665" s="613"/>
      <c r="TII665" s="613"/>
      <c r="TIJ665" s="613"/>
      <c r="TIK665" s="613"/>
      <c r="TIL665" s="613"/>
      <c r="TIM665" s="613"/>
      <c r="TIN665" s="613"/>
      <c r="TIO665" s="613"/>
      <c r="TIP665" s="613"/>
      <c r="TIQ665" s="613"/>
      <c r="TIR665" s="613"/>
      <c r="TIS665" s="613"/>
      <c r="TIT665" s="613"/>
      <c r="TIU665" s="613"/>
      <c r="TIV665" s="613"/>
      <c r="TIW665" s="613"/>
      <c r="TIX665" s="613"/>
      <c r="TIY665" s="613"/>
      <c r="TIZ665" s="613"/>
      <c r="TJA665" s="613"/>
      <c r="TJB665" s="613"/>
      <c r="TJC665" s="613"/>
      <c r="TJD665" s="613"/>
      <c r="TJE665" s="613"/>
      <c r="TJF665" s="613"/>
      <c r="TJG665" s="613"/>
      <c r="TJH665" s="613"/>
      <c r="TJI665" s="613"/>
      <c r="TJJ665" s="613"/>
      <c r="TJK665" s="613"/>
      <c r="TJL665" s="613"/>
      <c r="TJM665" s="613"/>
      <c r="TJN665" s="613"/>
      <c r="TJO665" s="613"/>
      <c r="TJP665" s="613"/>
      <c r="TJQ665" s="613"/>
      <c r="TJR665" s="613"/>
      <c r="TJS665" s="613"/>
      <c r="TJT665" s="613"/>
      <c r="TJU665" s="613"/>
      <c r="TJV665" s="613"/>
      <c r="TJW665" s="613"/>
      <c r="TJX665" s="613"/>
      <c r="TJY665" s="613"/>
      <c r="TJZ665" s="613"/>
      <c r="TKA665" s="613"/>
      <c r="TKB665" s="613"/>
      <c r="TKC665" s="613"/>
      <c r="TKD665" s="613"/>
      <c r="TKE665" s="613"/>
      <c r="TKF665" s="613"/>
      <c r="TKG665" s="613"/>
      <c r="TKH665" s="613"/>
      <c r="TKI665" s="613"/>
      <c r="TKJ665" s="613"/>
      <c r="TKK665" s="613"/>
      <c r="TKL665" s="613"/>
      <c r="TKM665" s="613"/>
      <c r="TKN665" s="613"/>
      <c r="TKO665" s="613"/>
      <c r="TKP665" s="613"/>
      <c r="TKQ665" s="613"/>
      <c r="TKR665" s="613"/>
      <c r="TKS665" s="613"/>
      <c r="TKT665" s="613"/>
      <c r="TKU665" s="613"/>
      <c r="TKV665" s="613"/>
      <c r="TKW665" s="613"/>
      <c r="TKX665" s="613"/>
      <c r="TKY665" s="613"/>
      <c r="TKZ665" s="613"/>
      <c r="TLA665" s="613"/>
      <c r="TLB665" s="613"/>
      <c r="TLC665" s="613"/>
      <c r="TLD665" s="613"/>
      <c r="TLE665" s="613"/>
      <c r="TLF665" s="613"/>
      <c r="TLG665" s="613"/>
      <c r="TLH665" s="613"/>
      <c r="TLI665" s="613"/>
      <c r="TLJ665" s="613"/>
      <c r="TLK665" s="613"/>
      <c r="TLL665" s="613"/>
      <c r="TLM665" s="613"/>
      <c r="TLN665" s="613"/>
      <c r="TLO665" s="613"/>
      <c r="TLP665" s="613"/>
      <c r="TLQ665" s="613"/>
      <c r="TLR665" s="613"/>
      <c r="TLS665" s="613"/>
      <c r="TLT665" s="613"/>
      <c r="TLU665" s="613"/>
      <c r="TLV665" s="613"/>
      <c r="TLW665" s="613"/>
      <c r="TLX665" s="613"/>
      <c r="TLY665" s="613"/>
      <c r="TLZ665" s="613"/>
      <c r="TMA665" s="613"/>
      <c r="TMB665" s="613"/>
      <c r="TMC665" s="613"/>
      <c r="TMD665" s="613"/>
      <c r="TME665" s="613"/>
      <c r="TMF665" s="613"/>
      <c r="TMG665" s="613"/>
      <c r="TMH665" s="613"/>
      <c r="TMI665" s="613"/>
      <c r="TMJ665" s="613"/>
      <c r="TMK665" s="613"/>
      <c r="TML665" s="613"/>
      <c r="TMM665" s="613"/>
      <c r="TMN665" s="613"/>
      <c r="TMO665" s="613"/>
      <c r="TMP665" s="613"/>
      <c r="TMQ665" s="613"/>
      <c r="TMR665" s="613"/>
      <c r="TMS665" s="613"/>
      <c r="TMT665" s="613"/>
      <c r="TMU665" s="613"/>
      <c r="TMV665" s="613"/>
      <c r="TMW665" s="613"/>
      <c r="TMX665" s="613"/>
      <c r="TMY665" s="613"/>
      <c r="TMZ665" s="613"/>
      <c r="TNA665" s="613"/>
      <c r="TNB665" s="613"/>
      <c r="TNC665" s="613"/>
      <c r="TND665" s="613"/>
      <c r="TNE665" s="613"/>
      <c r="TNF665" s="613"/>
      <c r="TNG665" s="613"/>
      <c r="TNH665" s="613"/>
      <c r="TNI665" s="613"/>
      <c r="TNJ665" s="613"/>
      <c r="TNK665" s="613"/>
      <c r="TNL665" s="613"/>
      <c r="TNM665" s="613"/>
      <c r="TNN665" s="613"/>
      <c r="TNO665" s="613"/>
      <c r="TNP665" s="613"/>
      <c r="TNQ665" s="613"/>
      <c r="TNR665" s="613"/>
      <c r="TNS665" s="613"/>
      <c r="TNT665" s="613"/>
      <c r="TNU665" s="613"/>
      <c r="TNV665" s="613"/>
      <c r="TNW665" s="613"/>
      <c r="TNX665" s="613"/>
      <c r="TNY665" s="613"/>
      <c r="TNZ665" s="613"/>
      <c r="TOA665" s="613"/>
      <c r="TOB665" s="613"/>
      <c r="TOC665" s="613"/>
      <c r="TOD665" s="613"/>
      <c r="TOE665" s="613"/>
      <c r="TOF665" s="613"/>
      <c r="TOG665" s="613"/>
      <c r="TOH665" s="613"/>
      <c r="TOI665" s="613"/>
      <c r="TOJ665" s="613"/>
      <c r="TOK665" s="613"/>
      <c r="TOL665" s="613"/>
      <c r="TOM665" s="613"/>
      <c r="TON665" s="613"/>
      <c r="TOO665" s="613"/>
      <c r="TOP665" s="613"/>
      <c r="TOQ665" s="613"/>
      <c r="TOR665" s="613"/>
      <c r="TOS665" s="613"/>
      <c r="TOT665" s="613"/>
      <c r="TOU665" s="613"/>
      <c r="TOV665" s="613"/>
      <c r="TOW665" s="613"/>
      <c r="TOX665" s="613"/>
      <c r="TOY665" s="613"/>
      <c r="TOZ665" s="613"/>
      <c r="TPA665" s="613"/>
      <c r="TPB665" s="613"/>
      <c r="TPC665" s="613"/>
      <c r="TPD665" s="613"/>
      <c r="TPE665" s="613"/>
      <c r="TPF665" s="613"/>
      <c r="TPG665" s="613"/>
      <c r="TPH665" s="613"/>
      <c r="TPI665" s="613"/>
      <c r="TPJ665" s="613"/>
      <c r="TPK665" s="613"/>
      <c r="TPL665" s="613"/>
      <c r="TPM665" s="613"/>
      <c r="TPN665" s="613"/>
      <c r="TPO665" s="613"/>
      <c r="TPP665" s="613"/>
      <c r="TPQ665" s="613"/>
      <c r="TPR665" s="613"/>
      <c r="TPS665" s="613"/>
      <c r="TPT665" s="613"/>
      <c r="TPU665" s="613"/>
      <c r="TPV665" s="613"/>
      <c r="TPW665" s="613"/>
      <c r="TPX665" s="613"/>
      <c r="TPY665" s="613"/>
      <c r="TPZ665" s="613"/>
      <c r="TQA665" s="613"/>
      <c r="TQB665" s="613"/>
      <c r="TQC665" s="613"/>
      <c r="TQD665" s="613"/>
      <c r="TQE665" s="613"/>
      <c r="TQF665" s="613"/>
      <c r="TQG665" s="613"/>
      <c r="TQH665" s="613"/>
      <c r="TQI665" s="613"/>
      <c r="TQJ665" s="613"/>
      <c r="TQK665" s="613"/>
      <c r="TQL665" s="613"/>
      <c r="TQM665" s="613"/>
      <c r="TQN665" s="613"/>
      <c r="TQO665" s="613"/>
      <c r="TQP665" s="613"/>
      <c r="TQQ665" s="613"/>
      <c r="TQR665" s="613"/>
      <c r="TQS665" s="613"/>
      <c r="TQT665" s="613"/>
      <c r="TQU665" s="613"/>
      <c r="TQV665" s="613"/>
      <c r="TQW665" s="613"/>
      <c r="TQX665" s="613"/>
      <c r="TQY665" s="613"/>
      <c r="TQZ665" s="613"/>
      <c r="TRA665" s="613"/>
      <c r="TRB665" s="613"/>
      <c r="TRC665" s="613"/>
      <c r="TRD665" s="613"/>
      <c r="TRE665" s="613"/>
      <c r="TRF665" s="613"/>
      <c r="TRG665" s="613"/>
      <c r="TRH665" s="613"/>
      <c r="TRI665" s="613"/>
      <c r="TRJ665" s="613"/>
      <c r="TRK665" s="613"/>
      <c r="TRL665" s="613"/>
      <c r="TRM665" s="613"/>
      <c r="TRN665" s="613"/>
      <c r="TRO665" s="613"/>
      <c r="TRP665" s="613"/>
      <c r="TRQ665" s="613"/>
      <c r="TRR665" s="613"/>
      <c r="TRS665" s="613"/>
      <c r="TRT665" s="613"/>
      <c r="TRU665" s="613"/>
      <c r="TRV665" s="613"/>
      <c r="TRW665" s="613"/>
      <c r="TRX665" s="613"/>
      <c r="TRY665" s="613"/>
      <c r="TRZ665" s="613"/>
      <c r="TSA665" s="613"/>
      <c r="TSB665" s="613"/>
      <c r="TSC665" s="613"/>
      <c r="TSD665" s="613"/>
      <c r="TSE665" s="613"/>
      <c r="TSF665" s="613"/>
      <c r="TSG665" s="613"/>
      <c r="TSH665" s="613"/>
      <c r="TSI665" s="613"/>
      <c r="TSJ665" s="613"/>
      <c r="TSK665" s="613"/>
      <c r="TSL665" s="613"/>
      <c r="TSM665" s="613"/>
      <c r="TSN665" s="613"/>
      <c r="TSO665" s="613"/>
      <c r="TSP665" s="613"/>
      <c r="TSQ665" s="613"/>
      <c r="TSR665" s="613"/>
      <c r="TSS665" s="613"/>
      <c r="TST665" s="613"/>
      <c r="TSU665" s="613"/>
      <c r="TSV665" s="613"/>
      <c r="TSW665" s="613"/>
      <c r="TSX665" s="613"/>
      <c r="TSY665" s="613"/>
      <c r="TSZ665" s="613"/>
      <c r="TTA665" s="613"/>
      <c r="TTB665" s="613"/>
      <c r="TTC665" s="613"/>
      <c r="TTD665" s="613"/>
      <c r="TTE665" s="613"/>
      <c r="TTF665" s="613"/>
      <c r="TTG665" s="613"/>
      <c r="TTH665" s="613"/>
      <c r="TTI665" s="613"/>
      <c r="TTJ665" s="613"/>
      <c r="TTK665" s="613"/>
      <c r="TTL665" s="613"/>
      <c r="TTM665" s="613"/>
      <c r="TTN665" s="613"/>
      <c r="TTO665" s="613"/>
      <c r="TTP665" s="613"/>
      <c r="TTQ665" s="613"/>
      <c r="TTR665" s="613"/>
      <c r="TTS665" s="613"/>
      <c r="TTT665" s="613"/>
      <c r="TTU665" s="613"/>
      <c r="TTV665" s="613"/>
      <c r="TTW665" s="613"/>
      <c r="TTX665" s="613"/>
      <c r="TTY665" s="613"/>
      <c r="TTZ665" s="613"/>
      <c r="TUA665" s="613"/>
      <c r="TUB665" s="613"/>
      <c r="TUC665" s="613"/>
      <c r="TUD665" s="613"/>
      <c r="TUE665" s="613"/>
      <c r="TUF665" s="613"/>
      <c r="TUG665" s="613"/>
      <c r="TUH665" s="613"/>
      <c r="TUI665" s="613"/>
      <c r="TUJ665" s="613"/>
      <c r="TUK665" s="613"/>
      <c r="TUL665" s="613"/>
      <c r="TUM665" s="613"/>
      <c r="TUN665" s="613"/>
      <c r="TUO665" s="613"/>
      <c r="TUP665" s="613"/>
      <c r="TUQ665" s="613"/>
      <c r="TUR665" s="613"/>
      <c r="TUS665" s="613"/>
      <c r="TUT665" s="613"/>
      <c r="TUU665" s="613"/>
      <c r="TUV665" s="613"/>
      <c r="TUW665" s="613"/>
      <c r="TUX665" s="613"/>
      <c r="TUY665" s="613"/>
      <c r="TUZ665" s="613"/>
      <c r="TVA665" s="613"/>
      <c r="TVB665" s="613"/>
      <c r="TVC665" s="613"/>
      <c r="TVD665" s="613"/>
      <c r="TVE665" s="613"/>
      <c r="TVF665" s="613"/>
      <c r="TVG665" s="613"/>
      <c r="TVH665" s="613"/>
      <c r="TVI665" s="613"/>
      <c r="TVJ665" s="613"/>
      <c r="TVK665" s="613"/>
      <c r="TVL665" s="613"/>
      <c r="TVM665" s="613"/>
      <c r="TVN665" s="613"/>
      <c r="TVO665" s="613"/>
      <c r="TVP665" s="613"/>
      <c r="TVQ665" s="613"/>
      <c r="TVR665" s="613"/>
      <c r="TVS665" s="613"/>
      <c r="TVT665" s="613"/>
      <c r="TVU665" s="613"/>
      <c r="TVV665" s="613"/>
      <c r="TVW665" s="613"/>
      <c r="TVX665" s="613"/>
      <c r="TVY665" s="613"/>
      <c r="TVZ665" s="613"/>
      <c r="TWA665" s="613"/>
      <c r="TWB665" s="613"/>
      <c r="TWC665" s="613"/>
      <c r="TWD665" s="613"/>
      <c r="TWE665" s="613"/>
      <c r="TWF665" s="613"/>
      <c r="TWG665" s="613"/>
      <c r="TWH665" s="613"/>
      <c r="TWI665" s="613"/>
      <c r="TWJ665" s="613"/>
      <c r="TWK665" s="613"/>
      <c r="TWL665" s="613"/>
      <c r="TWM665" s="613"/>
      <c r="TWN665" s="613"/>
      <c r="TWO665" s="613"/>
      <c r="TWP665" s="613"/>
      <c r="TWQ665" s="613"/>
      <c r="TWR665" s="613"/>
      <c r="TWS665" s="613"/>
      <c r="TWT665" s="613"/>
      <c r="TWU665" s="613"/>
      <c r="TWV665" s="613"/>
      <c r="TWW665" s="613"/>
      <c r="TWX665" s="613"/>
      <c r="TWY665" s="613"/>
      <c r="TWZ665" s="613"/>
      <c r="TXA665" s="613"/>
      <c r="TXB665" s="613"/>
      <c r="TXC665" s="613"/>
      <c r="TXD665" s="613"/>
      <c r="TXE665" s="613"/>
      <c r="TXF665" s="613"/>
      <c r="TXG665" s="613"/>
      <c r="TXH665" s="613"/>
      <c r="TXI665" s="613"/>
      <c r="TXJ665" s="613"/>
      <c r="TXK665" s="613"/>
      <c r="TXL665" s="613"/>
      <c r="TXM665" s="613"/>
      <c r="TXN665" s="613"/>
      <c r="TXO665" s="613"/>
      <c r="TXP665" s="613"/>
      <c r="TXQ665" s="613"/>
      <c r="TXR665" s="613"/>
      <c r="TXS665" s="613"/>
      <c r="TXT665" s="613"/>
      <c r="TXU665" s="613"/>
      <c r="TXV665" s="613"/>
      <c r="TXW665" s="613"/>
      <c r="TXX665" s="613"/>
      <c r="TXY665" s="613"/>
      <c r="TXZ665" s="613"/>
      <c r="TYA665" s="613"/>
      <c r="TYB665" s="613"/>
      <c r="TYC665" s="613"/>
      <c r="TYD665" s="613"/>
      <c r="TYE665" s="613"/>
      <c r="TYF665" s="613"/>
      <c r="TYG665" s="613"/>
      <c r="TYH665" s="613"/>
      <c r="TYI665" s="613"/>
      <c r="TYJ665" s="613"/>
      <c r="TYK665" s="613"/>
      <c r="TYL665" s="613"/>
      <c r="TYM665" s="613"/>
      <c r="TYN665" s="613"/>
      <c r="TYO665" s="613"/>
      <c r="TYP665" s="613"/>
      <c r="TYQ665" s="613"/>
      <c r="TYR665" s="613"/>
      <c r="TYS665" s="613"/>
      <c r="TYT665" s="613"/>
      <c r="TYU665" s="613"/>
      <c r="TYV665" s="613"/>
      <c r="TYW665" s="613"/>
      <c r="TYX665" s="613"/>
      <c r="TYY665" s="613"/>
      <c r="TYZ665" s="613"/>
      <c r="TZA665" s="613"/>
      <c r="TZB665" s="613"/>
      <c r="TZC665" s="613"/>
      <c r="TZD665" s="613"/>
      <c r="TZE665" s="613"/>
      <c r="TZF665" s="613"/>
      <c r="TZG665" s="613"/>
      <c r="TZH665" s="613"/>
      <c r="TZI665" s="613"/>
      <c r="TZJ665" s="613"/>
      <c r="TZK665" s="613"/>
      <c r="TZL665" s="613"/>
      <c r="TZM665" s="613"/>
      <c r="TZN665" s="613"/>
      <c r="TZO665" s="613"/>
      <c r="TZP665" s="613"/>
      <c r="TZQ665" s="613"/>
      <c r="TZR665" s="613"/>
      <c r="TZS665" s="613"/>
      <c r="TZT665" s="613"/>
      <c r="TZU665" s="613"/>
      <c r="TZV665" s="613"/>
      <c r="TZW665" s="613"/>
      <c r="TZX665" s="613"/>
      <c r="TZY665" s="613"/>
      <c r="TZZ665" s="613"/>
      <c r="UAA665" s="613"/>
      <c r="UAB665" s="613"/>
      <c r="UAC665" s="613"/>
      <c r="UAD665" s="613"/>
      <c r="UAE665" s="613"/>
      <c r="UAF665" s="613"/>
      <c r="UAG665" s="613"/>
      <c r="UAH665" s="613"/>
      <c r="UAI665" s="613"/>
      <c r="UAJ665" s="613"/>
      <c r="UAK665" s="613"/>
      <c r="UAL665" s="613"/>
      <c r="UAM665" s="613"/>
      <c r="UAN665" s="613"/>
      <c r="UAO665" s="613"/>
      <c r="UAP665" s="613"/>
      <c r="UAQ665" s="613"/>
      <c r="UAR665" s="613"/>
      <c r="UAS665" s="613"/>
      <c r="UAT665" s="613"/>
      <c r="UAU665" s="613"/>
      <c r="UAV665" s="613"/>
      <c r="UAW665" s="613"/>
      <c r="UAX665" s="613"/>
      <c r="UAY665" s="613"/>
      <c r="UAZ665" s="613"/>
      <c r="UBA665" s="613"/>
      <c r="UBB665" s="613"/>
      <c r="UBC665" s="613"/>
      <c r="UBD665" s="613"/>
      <c r="UBE665" s="613"/>
      <c r="UBF665" s="613"/>
      <c r="UBG665" s="613"/>
      <c r="UBH665" s="613"/>
      <c r="UBI665" s="613"/>
      <c r="UBJ665" s="613"/>
      <c r="UBK665" s="613"/>
      <c r="UBL665" s="613"/>
      <c r="UBM665" s="613"/>
      <c r="UBN665" s="613"/>
      <c r="UBO665" s="613"/>
      <c r="UBP665" s="613"/>
      <c r="UBQ665" s="613"/>
      <c r="UBR665" s="613"/>
      <c r="UBS665" s="613"/>
      <c r="UBT665" s="613"/>
      <c r="UBU665" s="613"/>
      <c r="UBV665" s="613"/>
      <c r="UBW665" s="613"/>
      <c r="UBX665" s="613"/>
      <c r="UBY665" s="613"/>
      <c r="UBZ665" s="613"/>
      <c r="UCA665" s="613"/>
      <c r="UCB665" s="613"/>
      <c r="UCC665" s="613"/>
      <c r="UCD665" s="613"/>
      <c r="UCE665" s="613"/>
      <c r="UCF665" s="613"/>
      <c r="UCG665" s="613"/>
      <c r="UCH665" s="613"/>
      <c r="UCI665" s="613"/>
      <c r="UCJ665" s="613"/>
      <c r="UCK665" s="613"/>
      <c r="UCL665" s="613"/>
      <c r="UCM665" s="613"/>
      <c r="UCN665" s="613"/>
      <c r="UCO665" s="613"/>
      <c r="UCP665" s="613"/>
      <c r="UCQ665" s="613"/>
      <c r="UCR665" s="613"/>
      <c r="UCS665" s="613"/>
      <c r="UCT665" s="613"/>
      <c r="UCU665" s="613"/>
      <c r="UCV665" s="613"/>
      <c r="UCW665" s="613"/>
      <c r="UCX665" s="613"/>
      <c r="UCY665" s="613"/>
      <c r="UCZ665" s="613"/>
      <c r="UDA665" s="613"/>
      <c r="UDB665" s="613"/>
      <c r="UDC665" s="613"/>
      <c r="UDD665" s="613"/>
      <c r="UDE665" s="613"/>
      <c r="UDF665" s="613"/>
      <c r="UDG665" s="613"/>
      <c r="UDH665" s="613"/>
      <c r="UDI665" s="613"/>
      <c r="UDJ665" s="613"/>
      <c r="UDK665" s="613"/>
      <c r="UDL665" s="613"/>
      <c r="UDM665" s="613"/>
      <c r="UDN665" s="613"/>
      <c r="UDO665" s="613"/>
      <c r="UDP665" s="613"/>
      <c r="UDQ665" s="613"/>
      <c r="UDR665" s="613"/>
      <c r="UDS665" s="613"/>
      <c r="UDT665" s="613"/>
      <c r="UDU665" s="613"/>
      <c r="UDV665" s="613"/>
      <c r="UDW665" s="613"/>
      <c r="UDX665" s="613"/>
      <c r="UDY665" s="613"/>
      <c r="UDZ665" s="613"/>
      <c r="UEA665" s="613"/>
      <c r="UEB665" s="613"/>
      <c r="UEC665" s="613"/>
      <c r="UED665" s="613"/>
      <c r="UEE665" s="613"/>
      <c r="UEF665" s="613"/>
      <c r="UEG665" s="613"/>
      <c r="UEH665" s="613"/>
      <c r="UEI665" s="613"/>
      <c r="UEJ665" s="613"/>
      <c r="UEK665" s="613"/>
      <c r="UEL665" s="613"/>
      <c r="UEM665" s="613"/>
      <c r="UEN665" s="613"/>
      <c r="UEO665" s="613"/>
      <c r="UEP665" s="613"/>
      <c r="UEQ665" s="613"/>
      <c r="UER665" s="613"/>
      <c r="UES665" s="613"/>
      <c r="UET665" s="613"/>
      <c r="UEU665" s="613"/>
      <c r="UEV665" s="613"/>
      <c r="UEW665" s="613"/>
      <c r="UEX665" s="613"/>
      <c r="UEY665" s="613"/>
      <c r="UEZ665" s="613"/>
      <c r="UFA665" s="613"/>
      <c r="UFB665" s="613"/>
      <c r="UFC665" s="613"/>
      <c r="UFD665" s="613"/>
      <c r="UFE665" s="613"/>
      <c r="UFF665" s="613"/>
      <c r="UFG665" s="613"/>
      <c r="UFH665" s="613"/>
      <c r="UFI665" s="613"/>
      <c r="UFJ665" s="613"/>
      <c r="UFK665" s="613"/>
      <c r="UFL665" s="613"/>
      <c r="UFM665" s="613"/>
      <c r="UFN665" s="613"/>
      <c r="UFO665" s="613"/>
      <c r="UFP665" s="613"/>
      <c r="UFQ665" s="613"/>
      <c r="UFR665" s="613"/>
      <c r="UFS665" s="613"/>
      <c r="UFT665" s="613"/>
      <c r="UFU665" s="613"/>
      <c r="UFV665" s="613"/>
      <c r="UFW665" s="613"/>
      <c r="UFX665" s="613"/>
      <c r="UFY665" s="613"/>
      <c r="UFZ665" s="613"/>
      <c r="UGA665" s="613"/>
      <c r="UGB665" s="613"/>
      <c r="UGC665" s="613"/>
      <c r="UGD665" s="613"/>
      <c r="UGE665" s="613"/>
      <c r="UGF665" s="613"/>
      <c r="UGG665" s="613"/>
      <c r="UGH665" s="613"/>
      <c r="UGI665" s="613"/>
      <c r="UGJ665" s="613"/>
      <c r="UGK665" s="613"/>
      <c r="UGL665" s="613"/>
      <c r="UGM665" s="613"/>
      <c r="UGN665" s="613"/>
      <c r="UGO665" s="613"/>
      <c r="UGP665" s="613"/>
      <c r="UGQ665" s="613"/>
      <c r="UGR665" s="613"/>
      <c r="UGS665" s="613"/>
      <c r="UGT665" s="613"/>
      <c r="UGU665" s="613"/>
      <c r="UGV665" s="613"/>
      <c r="UGW665" s="613"/>
      <c r="UGX665" s="613"/>
      <c r="UGY665" s="613"/>
      <c r="UGZ665" s="613"/>
      <c r="UHA665" s="613"/>
      <c r="UHB665" s="613"/>
      <c r="UHC665" s="613"/>
      <c r="UHD665" s="613"/>
      <c r="UHE665" s="613"/>
      <c r="UHF665" s="613"/>
      <c r="UHG665" s="613"/>
      <c r="UHH665" s="613"/>
      <c r="UHI665" s="613"/>
      <c r="UHJ665" s="613"/>
      <c r="UHK665" s="613"/>
      <c r="UHL665" s="613"/>
      <c r="UHM665" s="613"/>
      <c r="UHN665" s="613"/>
      <c r="UHO665" s="613"/>
      <c r="UHP665" s="613"/>
      <c r="UHQ665" s="613"/>
      <c r="UHR665" s="613"/>
      <c r="UHS665" s="613"/>
      <c r="UHT665" s="613"/>
      <c r="UHU665" s="613"/>
      <c r="UHV665" s="613"/>
      <c r="UHW665" s="613"/>
      <c r="UHX665" s="613"/>
      <c r="UHY665" s="613"/>
      <c r="UHZ665" s="613"/>
      <c r="UIA665" s="613"/>
      <c r="UIB665" s="613"/>
      <c r="UIC665" s="613"/>
      <c r="UID665" s="613"/>
      <c r="UIE665" s="613"/>
      <c r="UIF665" s="613"/>
      <c r="UIG665" s="613"/>
      <c r="UIH665" s="613"/>
      <c r="UII665" s="613"/>
      <c r="UIJ665" s="613"/>
      <c r="UIK665" s="613"/>
      <c r="UIL665" s="613"/>
      <c r="UIM665" s="613"/>
      <c r="UIN665" s="613"/>
      <c r="UIO665" s="613"/>
      <c r="UIP665" s="613"/>
      <c r="UIQ665" s="613"/>
      <c r="UIR665" s="613"/>
      <c r="UIS665" s="613"/>
      <c r="UIT665" s="613"/>
      <c r="UIU665" s="613"/>
      <c r="UIV665" s="613"/>
      <c r="UIW665" s="613"/>
      <c r="UIX665" s="613"/>
      <c r="UIY665" s="613"/>
      <c r="UIZ665" s="613"/>
      <c r="UJA665" s="613"/>
      <c r="UJB665" s="613"/>
      <c r="UJC665" s="613"/>
      <c r="UJD665" s="613"/>
      <c r="UJE665" s="613"/>
      <c r="UJF665" s="613"/>
      <c r="UJG665" s="613"/>
      <c r="UJH665" s="613"/>
      <c r="UJI665" s="613"/>
      <c r="UJJ665" s="613"/>
      <c r="UJK665" s="613"/>
      <c r="UJL665" s="613"/>
      <c r="UJM665" s="613"/>
      <c r="UJN665" s="613"/>
      <c r="UJO665" s="613"/>
      <c r="UJP665" s="613"/>
      <c r="UJQ665" s="613"/>
      <c r="UJR665" s="613"/>
      <c r="UJS665" s="613"/>
      <c r="UJT665" s="613"/>
      <c r="UJU665" s="613"/>
      <c r="UJV665" s="613"/>
      <c r="UJW665" s="613"/>
      <c r="UJX665" s="613"/>
      <c r="UJY665" s="613"/>
      <c r="UJZ665" s="613"/>
      <c r="UKA665" s="613"/>
      <c r="UKB665" s="613"/>
      <c r="UKC665" s="613"/>
      <c r="UKD665" s="613"/>
      <c r="UKE665" s="613"/>
      <c r="UKF665" s="613"/>
      <c r="UKG665" s="613"/>
      <c r="UKH665" s="613"/>
      <c r="UKI665" s="613"/>
      <c r="UKJ665" s="613"/>
      <c r="UKK665" s="613"/>
      <c r="UKL665" s="613"/>
      <c r="UKM665" s="613"/>
      <c r="UKN665" s="613"/>
      <c r="UKO665" s="613"/>
      <c r="UKP665" s="613"/>
      <c r="UKQ665" s="613"/>
      <c r="UKR665" s="613"/>
      <c r="UKS665" s="613"/>
      <c r="UKT665" s="613"/>
      <c r="UKU665" s="613"/>
      <c r="UKV665" s="613"/>
      <c r="UKW665" s="613"/>
      <c r="UKX665" s="613"/>
      <c r="UKY665" s="613"/>
      <c r="UKZ665" s="613"/>
      <c r="ULA665" s="613"/>
      <c r="ULB665" s="613"/>
      <c r="ULC665" s="613"/>
      <c r="ULD665" s="613"/>
      <c r="ULE665" s="613"/>
      <c r="ULF665" s="613"/>
      <c r="ULG665" s="613"/>
      <c r="ULH665" s="613"/>
      <c r="ULI665" s="613"/>
      <c r="ULJ665" s="613"/>
      <c r="ULK665" s="613"/>
      <c r="ULL665" s="613"/>
      <c r="ULM665" s="613"/>
      <c r="ULN665" s="613"/>
      <c r="ULO665" s="613"/>
      <c r="ULP665" s="613"/>
      <c r="ULQ665" s="613"/>
      <c r="ULR665" s="613"/>
      <c r="ULS665" s="613"/>
      <c r="ULT665" s="613"/>
      <c r="ULU665" s="613"/>
      <c r="ULV665" s="613"/>
      <c r="ULW665" s="613"/>
      <c r="ULX665" s="613"/>
      <c r="ULY665" s="613"/>
      <c r="ULZ665" s="613"/>
      <c r="UMA665" s="613"/>
      <c r="UMB665" s="613"/>
      <c r="UMC665" s="613"/>
      <c r="UMD665" s="613"/>
      <c r="UME665" s="613"/>
      <c r="UMF665" s="613"/>
      <c r="UMG665" s="613"/>
      <c r="UMH665" s="613"/>
      <c r="UMI665" s="613"/>
      <c r="UMJ665" s="613"/>
      <c r="UMK665" s="613"/>
      <c r="UML665" s="613"/>
      <c r="UMM665" s="613"/>
      <c r="UMN665" s="613"/>
      <c r="UMO665" s="613"/>
      <c r="UMP665" s="613"/>
      <c r="UMQ665" s="613"/>
      <c r="UMR665" s="613"/>
      <c r="UMS665" s="613"/>
      <c r="UMT665" s="613"/>
      <c r="UMU665" s="613"/>
      <c r="UMV665" s="613"/>
      <c r="UMW665" s="613"/>
      <c r="UMX665" s="613"/>
      <c r="UMY665" s="613"/>
      <c r="UMZ665" s="613"/>
      <c r="UNA665" s="613"/>
      <c r="UNB665" s="613"/>
      <c r="UNC665" s="613"/>
      <c r="UND665" s="613"/>
      <c r="UNE665" s="613"/>
      <c r="UNF665" s="613"/>
      <c r="UNG665" s="613"/>
      <c r="UNH665" s="613"/>
      <c r="UNI665" s="613"/>
      <c r="UNJ665" s="613"/>
      <c r="UNK665" s="613"/>
      <c r="UNL665" s="613"/>
      <c r="UNM665" s="613"/>
      <c r="UNN665" s="613"/>
      <c r="UNO665" s="613"/>
      <c r="UNP665" s="613"/>
      <c r="UNQ665" s="613"/>
      <c r="UNR665" s="613"/>
      <c r="UNS665" s="613"/>
      <c r="UNT665" s="613"/>
      <c r="UNU665" s="613"/>
      <c r="UNV665" s="613"/>
      <c r="UNW665" s="613"/>
      <c r="UNX665" s="613"/>
      <c r="UNY665" s="613"/>
      <c r="UNZ665" s="613"/>
      <c r="UOA665" s="613"/>
      <c r="UOB665" s="613"/>
      <c r="UOC665" s="613"/>
      <c r="UOD665" s="613"/>
      <c r="UOE665" s="613"/>
      <c r="UOF665" s="613"/>
      <c r="UOG665" s="613"/>
      <c r="UOH665" s="613"/>
      <c r="UOI665" s="613"/>
      <c r="UOJ665" s="613"/>
      <c r="UOK665" s="613"/>
      <c r="UOL665" s="613"/>
      <c r="UOM665" s="613"/>
      <c r="UON665" s="613"/>
      <c r="UOO665" s="613"/>
      <c r="UOP665" s="613"/>
      <c r="UOQ665" s="613"/>
      <c r="UOR665" s="613"/>
      <c r="UOS665" s="613"/>
      <c r="UOT665" s="613"/>
      <c r="UOU665" s="613"/>
      <c r="UOV665" s="613"/>
      <c r="UOW665" s="613"/>
      <c r="UOX665" s="613"/>
      <c r="UOY665" s="613"/>
      <c r="UOZ665" s="613"/>
      <c r="UPA665" s="613"/>
      <c r="UPB665" s="613"/>
      <c r="UPC665" s="613"/>
      <c r="UPD665" s="613"/>
      <c r="UPE665" s="613"/>
      <c r="UPF665" s="613"/>
      <c r="UPG665" s="613"/>
      <c r="UPH665" s="613"/>
      <c r="UPI665" s="613"/>
      <c r="UPJ665" s="613"/>
      <c r="UPK665" s="613"/>
      <c r="UPL665" s="613"/>
      <c r="UPM665" s="613"/>
      <c r="UPN665" s="613"/>
      <c r="UPO665" s="613"/>
      <c r="UPP665" s="613"/>
      <c r="UPQ665" s="613"/>
      <c r="UPR665" s="613"/>
      <c r="UPS665" s="613"/>
      <c r="UPT665" s="613"/>
      <c r="UPU665" s="613"/>
      <c r="UPV665" s="613"/>
      <c r="UPW665" s="613"/>
      <c r="UPX665" s="613"/>
      <c r="UPY665" s="613"/>
      <c r="UPZ665" s="613"/>
      <c r="UQA665" s="613"/>
      <c r="UQB665" s="613"/>
      <c r="UQC665" s="613"/>
      <c r="UQD665" s="613"/>
      <c r="UQE665" s="613"/>
      <c r="UQF665" s="613"/>
      <c r="UQG665" s="613"/>
      <c r="UQH665" s="613"/>
      <c r="UQI665" s="613"/>
      <c r="UQJ665" s="613"/>
      <c r="UQK665" s="613"/>
      <c r="UQL665" s="613"/>
      <c r="UQM665" s="613"/>
      <c r="UQN665" s="613"/>
      <c r="UQO665" s="613"/>
      <c r="UQP665" s="613"/>
      <c r="UQQ665" s="613"/>
      <c r="UQR665" s="613"/>
      <c r="UQS665" s="613"/>
      <c r="UQT665" s="613"/>
      <c r="UQU665" s="613"/>
      <c r="UQV665" s="613"/>
      <c r="UQW665" s="613"/>
      <c r="UQX665" s="613"/>
      <c r="UQY665" s="613"/>
      <c r="UQZ665" s="613"/>
      <c r="URA665" s="613"/>
      <c r="URB665" s="613"/>
      <c r="URC665" s="613"/>
      <c r="URD665" s="613"/>
      <c r="URE665" s="613"/>
      <c r="URF665" s="613"/>
      <c r="URG665" s="613"/>
      <c r="URH665" s="613"/>
      <c r="URI665" s="613"/>
      <c r="URJ665" s="613"/>
      <c r="URK665" s="613"/>
      <c r="URL665" s="613"/>
      <c r="URM665" s="613"/>
      <c r="URN665" s="613"/>
      <c r="URO665" s="613"/>
      <c r="URP665" s="613"/>
      <c r="URQ665" s="613"/>
      <c r="URR665" s="613"/>
      <c r="URS665" s="613"/>
      <c r="URT665" s="613"/>
      <c r="URU665" s="613"/>
      <c r="URV665" s="613"/>
      <c r="URW665" s="613"/>
      <c r="URX665" s="613"/>
      <c r="URY665" s="613"/>
      <c r="URZ665" s="613"/>
      <c r="USA665" s="613"/>
      <c r="USB665" s="613"/>
      <c r="USC665" s="613"/>
      <c r="USD665" s="613"/>
      <c r="USE665" s="613"/>
      <c r="USF665" s="613"/>
      <c r="USG665" s="613"/>
      <c r="USH665" s="613"/>
      <c r="USI665" s="613"/>
      <c r="USJ665" s="613"/>
      <c r="USK665" s="613"/>
      <c r="USL665" s="613"/>
      <c r="USM665" s="613"/>
      <c r="USN665" s="613"/>
      <c r="USO665" s="613"/>
      <c r="USP665" s="613"/>
      <c r="USQ665" s="613"/>
      <c r="USR665" s="613"/>
      <c r="USS665" s="613"/>
      <c r="UST665" s="613"/>
      <c r="USU665" s="613"/>
      <c r="USV665" s="613"/>
      <c r="USW665" s="613"/>
      <c r="USX665" s="613"/>
      <c r="USY665" s="613"/>
      <c r="USZ665" s="613"/>
      <c r="UTA665" s="613"/>
      <c r="UTB665" s="613"/>
      <c r="UTC665" s="613"/>
      <c r="UTD665" s="613"/>
      <c r="UTE665" s="613"/>
      <c r="UTF665" s="613"/>
      <c r="UTG665" s="613"/>
      <c r="UTH665" s="613"/>
      <c r="UTI665" s="613"/>
      <c r="UTJ665" s="613"/>
      <c r="UTK665" s="613"/>
      <c r="UTL665" s="613"/>
      <c r="UTM665" s="613"/>
      <c r="UTN665" s="613"/>
      <c r="UTO665" s="613"/>
      <c r="UTP665" s="613"/>
      <c r="UTQ665" s="613"/>
      <c r="UTR665" s="613"/>
      <c r="UTS665" s="613"/>
      <c r="UTT665" s="613"/>
      <c r="UTU665" s="613"/>
      <c r="UTV665" s="613"/>
      <c r="UTW665" s="613"/>
      <c r="UTX665" s="613"/>
      <c r="UTY665" s="613"/>
      <c r="UTZ665" s="613"/>
      <c r="UUA665" s="613"/>
      <c r="UUB665" s="613"/>
      <c r="UUC665" s="613"/>
      <c r="UUD665" s="613"/>
      <c r="UUE665" s="613"/>
      <c r="UUF665" s="613"/>
      <c r="UUG665" s="613"/>
      <c r="UUH665" s="613"/>
      <c r="UUI665" s="613"/>
      <c r="UUJ665" s="613"/>
      <c r="UUK665" s="613"/>
      <c r="UUL665" s="613"/>
      <c r="UUM665" s="613"/>
      <c r="UUN665" s="613"/>
      <c r="UUO665" s="613"/>
      <c r="UUP665" s="613"/>
      <c r="UUQ665" s="613"/>
      <c r="UUR665" s="613"/>
      <c r="UUS665" s="613"/>
      <c r="UUT665" s="613"/>
      <c r="UUU665" s="613"/>
      <c r="UUV665" s="613"/>
      <c r="UUW665" s="613"/>
      <c r="UUX665" s="613"/>
      <c r="UUY665" s="613"/>
      <c r="UUZ665" s="613"/>
      <c r="UVA665" s="613"/>
      <c r="UVB665" s="613"/>
      <c r="UVC665" s="613"/>
      <c r="UVD665" s="613"/>
      <c r="UVE665" s="613"/>
      <c r="UVF665" s="613"/>
      <c r="UVG665" s="613"/>
      <c r="UVH665" s="613"/>
      <c r="UVI665" s="613"/>
      <c r="UVJ665" s="613"/>
      <c r="UVK665" s="613"/>
      <c r="UVL665" s="613"/>
      <c r="UVM665" s="613"/>
      <c r="UVN665" s="613"/>
      <c r="UVO665" s="613"/>
      <c r="UVP665" s="613"/>
      <c r="UVQ665" s="613"/>
      <c r="UVR665" s="613"/>
      <c r="UVS665" s="613"/>
      <c r="UVT665" s="613"/>
      <c r="UVU665" s="613"/>
      <c r="UVV665" s="613"/>
      <c r="UVW665" s="613"/>
      <c r="UVX665" s="613"/>
      <c r="UVY665" s="613"/>
      <c r="UVZ665" s="613"/>
      <c r="UWA665" s="613"/>
      <c r="UWB665" s="613"/>
      <c r="UWC665" s="613"/>
      <c r="UWD665" s="613"/>
      <c r="UWE665" s="613"/>
      <c r="UWF665" s="613"/>
      <c r="UWG665" s="613"/>
      <c r="UWH665" s="613"/>
      <c r="UWI665" s="613"/>
      <c r="UWJ665" s="613"/>
      <c r="UWK665" s="613"/>
      <c r="UWL665" s="613"/>
      <c r="UWM665" s="613"/>
      <c r="UWN665" s="613"/>
      <c r="UWO665" s="613"/>
      <c r="UWP665" s="613"/>
      <c r="UWQ665" s="613"/>
      <c r="UWR665" s="613"/>
      <c r="UWS665" s="613"/>
      <c r="UWT665" s="613"/>
      <c r="UWU665" s="613"/>
      <c r="UWV665" s="613"/>
      <c r="UWW665" s="613"/>
      <c r="UWX665" s="613"/>
      <c r="UWY665" s="613"/>
      <c r="UWZ665" s="613"/>
      <c r="UXA665" s="613"/>
      <c r="UXB665" s="613"/>
      <c r="UXC665" s="613"/>
      <c r="UXD665" s="613"/>
      <c r="UXE665" s="613"/>
      <c r="UXF665" s="613"/>
      <c r="UXG665" s="613"/>
      <c r="UXH665" s="613"/>
      <c r="UXI665" s="613"/>
      <c r="UXJ665" s="613"/>
      <c r="UXK665" s="613"/>
      <c r="UXL665" s="613"/>
      <c r="UXM665" s="613"/>
      <c r="UXN665" s="613"/>
      <c r="UXO665" s="613"/>
      <c r="UXP665" s="613"/>
      <c r="UXQ665" s="613"/>
      <c r="UXR665" s="613"/>
      <c r="UXS665" s="613"/>
      <c r="UXT665" s="613"/>
      <c r="UXU665" s="613"/>
      <c r="UXV665" s="613"/>
      <c r="UXW665" s="613"/>
      <c r="UXX665" s="613"/>
      <c r="UXY665" s="613"/>
      <c r="UXZ665" s="613"/>
      <c r="UYA665" s="613"/>
      <c r="UYB665" s="613"/>
      <c r="UYC665" s="613"/>
      <c r="UYD665" s="613"/>
      <c r="UYE665" s="613"/>
      <c r="UYF665" s="613"/>
      <c r="UYG665" s="613"/>
      <c r="UYH665" s="613"/>
      <c r="UYI665" s="613"/>
      <c r="UYJ665" s="613"/>
      <c r="UYK665" s="613"/>
      <c r="UYL665" s="613"/>
      <c r="UYM665" s="613"/>
      <c r="UYN665" s="613"/>
      <c r="UYO665" s="613"/>
      <c r="UYP665" s="613"/>
      <c r="UYQ665" s="613"/>
      <c r="UYR665" s="613"/>
      <c r="UYS665" s="613"/>
      <c r="UYT665" s="613"/>
      <c r="UYU665" s="613"/>
      <c r="UYV665" s="613"/>
      <c r="UYW665" s="613"/>
      <c r="UYX665" s="613"/>
      <c r="UYY665" s="613"/>
      <c r="UYZ665" s="613"/>
      <c r="UZA665" s="613"/>
      <c r="UZB665" s="613"/>
      <c r="UZC665" s="613"/>
      <c r="UZD665" s="613"/>
      <c r="UZE665" s="613"/>
      <c r="UZF665" s="613"/>
      <c r="UZG665" s="613"/>
      <c r="UZH665" s="613"/>
      <c r="UZI665" s="613"/>
      <c r="UZJ665" s="613"/>
      <c r="UZK665" s="613"/>
      <c r="UZL665" s="613"/>
      <c r="UZM665" s="613"/>
      <c r="UZN665" s="613"/>
      <c r="UZO665" s="613"/>
      <c r="UZP665" s="613"/>
      <c r="UZQ665" s="613"/>
      <c r="UZR665" s="613"/>
      <c r="UZS665" s="613"/>
      <c r="UZT665" s="613"/>
      <c r="UZU665" s="613"/>
      <c r="UZV665" s="613"/>
      <c r="UZW665" s="613"/>
      <c r="UZX665" s="613"/>
      <c r="UZY665" s="613"/>
      <c r="UZZ665" s="613"/>
      <c r="VAA665" s="613"/>
      <c r="VAB665" s="613"/>
      <c r="VAC665" s="613"/>
      <c r="VAD665" s="613"/>
      <c r="VAE665" s="613"/>
      <c r="VAF665" s="613"/>
      <c r="VAG665" s="613"/>
      <c r="VAH665" s="613"/>
      <c r="VAI665" s="613"/>
      <c r="VAJ665" s="613"/>
      <c r="VAK665" s="613"/>
      <c r="VAL665" s="613"/>
      <c r="VAM665" s="613"/>
      <c r="VAN665" s="613"/>
      <c r="VAO665" s="613"/>
      <c r="VAP665" s="613"/>
      <c r="VAQ665" s="613"/>
      <c r="VAR665" s="613"/>
      <c r="VAS665" s="613"/>
      <c r="VAT665" s="613"/>
      <c r="VAU665" s="613"/>
      <c r="VAV665" s="613"/>
      <c r="VAW665" s="613"/>
      <c r="VAX665" s="613"/>
      <c r="VAY665" s="613"/>
      <c r="VAZ665" s="613"/>
      <c r="VBA665" s="613"/>
      <c r="VBB665" s="613"/>
      <c r="VBC665" s="613"/>
      <c r="VBD665" s="613"/>
      <c r="VBE665" s="613"/>
      <c r="VBF665" s="613"/>
      <c r="VBG665" s="613"/>
      <c r="VBH665" s="613"/>
      <c r="VBI665" s="613"/>
      <c r="VBJ665" s="613"/>
      <c r="VBK665" s="613"/>
      <c r="VBL665" s="613"/>
      <c r="VBM665" s="613"/>
      <c r="VBN665" s="613"/>
      <c r="VBO665" s="613"/>
      <c r="VBP665" s="613"/>
      <c r="VBQ665" s="613"/>
      <c r="VBR665" s="613"/>
      <c r="VBS665" s="613"/>
      <c r="VBT665" s="613"/>
      <c r="VBU665" s="613"/>
      <c r="VBV665" s="613"/>
      <c r="VBW665" s="613"/>
      <c r="VBX665" s="613"/>
      <c r="VBY665" s="613"/>
      <c r="VBZ665" s="613"/>
      <c r="VCA665" s="613"/>
      <c r="VCB665" s="613"/>
      <c r="VCC665" s="613"/>
      <c r="VCD665" s="613"/>
      <c r="VCE665" s="613"/>
      <c r="VCF665" s="613"/>
      <c r="VCG665" s="613"/>
      <c r="VCH665" s="613"/>
      <c r="VCI665" s="613"/>
      <c r="VCJ665" s="613"/>
      <c r="VCK665" s="613"/>
      <c r="VCL665" s="613"/>
      <c r="VCM665" s="613"/>
      <c r="VCN665" s="613"/>
      <c r="VCO665" s="613"/>
      <c r="VCP665" s="613"/>
      <c r="VCQ665" s="613"/>
      <c r="VCR665" s="613"/>
      <c r="VCS665" s="613"/>
      <c r="VCT665" s="613"/>
      <c r="VCU665" s="613"/>
      <c r="VCV665" s="613"/>
      <c r="VCW665" s="613"/>
      <c r="VCX665" s="613"/>
      <c r="VCY665" s="613"/>
      <c r="VCZ665" s="613"/>
      <c r="VDA665" s="613"/>
      <c r="VDB665" s="613"/>
      <c r="VDC665" s="613"/>
      <c r="VDD665" s="613"/>
      <c r="VDE665" s="613"/>
      <c r="VDF665" s="613"/>
      <c r="VDG665" s="613"/>
      <c r="VDH665" s="613"/>
      <c r="VDI665" s="613"/>
      <c r="VDJ665" s="613"/>
      <c r="VDK665" s="613"/>
      <c r="VDL665" s="613"/>
      <c r="VDM665" s="613"/>
      <c r="VDN665" s="613"/>
      <c r="VDO665" s="613"/>
      <c r="VDP665" s="613"/>
      <c r="VDQ665" s="613"/>
      <c r="VDR665" s="613"/>
      <c r="VDS665" s="613"/>
      <c r="VDT665" s="613"/>
      <c r="VDU665" s="613"/>
      <c r="VDV665" s="613"/>
      <c r="VDW665" s="613"/>
      <c r="VDX665" s="613"/>
      <c r="VDY665" s="613"/>
      <c r="VDZ665" s="613"/>
      <c r="VEA665" s="613"/>
      <c r="VEB665" s="613"/>
      <c r="VEC665" s="613"/>
      <c r="VED665" s="613"/>
      <c r="VEE665" s="613"/>
      <c r="VEF665" s="613"/>
      <c r="VEG665" s="613"/>
      <c r="VEH665" s="613"/>
      <c r="VEI665" s="613"/>
      <c r="VEJ665" s="613"/>
      <c r="VEK665" s="613"/>
      <c r="VEL665" s="613"/>
      <c r="VEM665" s="613"/>
      <c r="VEN665" s="613"/>
      <c r="VEO665" s="613"/>
      <c r="VEP665" s="613"/>
      <c r="VEQ665" s="613"/>
      <c r="VER665" s="613"/>
      <c r="VES665" s="613"/>
      <c r="VET665" s="613"/>
      <c r="VEU665" s="613"/>
      <c r="VEV665" s="613"/>
      <c r="VEW665" s="613"/>
      <c r="VEX665" s="613"/>
      <c r="VEY665" s="613"/>
      <c r="VEZ665" s="613"/>
      <c r="VFA665" s="613"/>
      <c r="VFB665" s="613"/>
      <c r="VFC665" s="613"/>
      <c r="VFD665" s="613"/>
      <c r="VFE665" s="613"/>
      <c r="VFF665" s="613"/>
      <c r="VFG665" s="613"/>
      <c r="VFH665" s="613"/>
      <c r="VFI665" s="613"/>
      <c r="VFJ665" s="613"/>
      <c r="VFK665" s="613"/>
      <c r="VFL665" s="613"/>
      <c r="VFM665" s="613"/>
      <c r="VFN665" s="613"/>
      <c r="VFO665" s="613"/>
      <c r="VFP665" s="613"/>
      <c r="VFQ665" s="613"/>
      <c r="VFR665" s="613"/>
      <c r="VFS665" s="613"/>
      <c r="VFT665" s="613"/>
      <c r="VFU665" s="613"/>
      <c r="VFV665" s="613"/>
      <c r="VFW665" s="613"/>
      <c r="VFX665" s="613"/>
      <c r="VFY665" s="613"/>
      <c r="VFZ665" s="613"/>
      <c r="VGA665" s="613"/>
      <c r="VGB665" s="613"/>
      <c r="VGC665" s="613"/>
      <c r="VGD665" s="613"/>
      <c r="VGE665" s="613"/>
      <c r="VGF665" s="613"/>
      <c r="VGG665" s="613"/>
      <c r="VGH665" s="613"/>
      <c r="VGI665" s="613"/>
      <c r="VGJ665" s="613"/>
      <c r="VGK665" s="613"/>
      <c r="VGL665" s="613"/>
      <c r="VGM665" s="613"/>
      <c r="VGN665" s="613"/>
      <c r="VGO665" s="613"/>
      <c r="VGP665" s="613"/>
      <c r="VGQ665" s="613"/>
      <c r="VGR665" s="613"/>
      <c r="VGS665" s="613"/>
      <c r="VGT665" s="613"/>
      <c r="VGU665" s="613"/>
      <c r="VGV665" s="613"/>
      <c r="VGW665" s="613"/>
      <c r="VGX665" s="613"/>
      <c r="VGY665" s="613"/>
      <c r="VGZ665" s="613"/>
      <c r="VHA665" s="613"/>
      <c r="VHB665" s="613"/>
      <c r="VHC665" s="613"/>
      <c r="VHD665" s="613"/>
      <c r="VHE665" s="613"/>
      <c r="VHF665" s="613"/>
      <c r="VHG665" s="613"/>
      <c r="VHH665" s="613"/>
      <c r="VHI665" s="613"/>
      <c r="VHJ665" s="613"/>
      <c r="VHK665" s="613"/>
      <c r="VHL665" s="613"/>
      <c r="VHM665" s="613"/>
      <c r="VHN665" s="613"/>
      <c r="VHO665" s="613"/>
      <c r="VHP665" s="613"/>
      <c r="VHQ665" s="613"/>
      <c r="VHR665" s="613"/>
      <c r="VHS665" s="613"/>
      <c r="VHT665" s="613"/>
      <c r="VHU665" s="613"/>
      <c r="VHV665" s="613"/>
      <c r="VHW665" s="613"/>
      <c r="VHX665" s="613"/>
      <c r="VHY665" s="613"/>
      <c r="VHZ665" s="613"/>
      <c r="VIA665" s="613"/>
      <c r="VIB665" s="613"/>
      <c r="VIC665" s="613"/>
      <c r="VID665" s="613"/>
      <c r="VIE665" s="613"/>
      <c r="VIF665" s="613"/>
      <c r="VIG665" s="613"/>
      <c r="VIH665" s="613"/>
      <c r="VII665" s="613"/>
      <c r="VIJ665" s="613"/>
      <c r="VIK665" s="613"/>
      <c r="VIL665" s="613"/>
      <c r="VIM665" s="613"/>
      <c r="VIN665" s="613"/>
      <c r="VIO665" s="613"/>
      <c r="VIP665" s="613"/>
      <c r="VIQ665" s="613"/>
      <c r="VIR665" s="613"/>
      <c r="VIS665" s="613"/>
      <c r="VIT665" s="613"/>
      <c r="VIU665" s="613"/>
      <c r="VIV665" s="613"/>
      <c r="VIW665" s="613"/>
      <c r="VIX665" s="613"/>
      <c r="VIY665" s="613"/>
      <c r="VIZ665" s="613"/>
      <c r="VJA665" s="613"/>
      <c r="VJB665" s="613"/>
      <c r="VJC665" s="613"/>
      <c r="VJD665" s="613"/>
      <c r="VJE665" s="613"/>
      <c r="VJF665" s="613"/>
      <c r="VJG665" s="613"/>
      <c r="VJH665" s="613"/>
      <c r="VJI665" s="613"/>
      <c r="VJJ665" s="613"/>
      <c r="VJK665" s="613"/>
      <c r="VJL665" s="613"/>
      <c r="VJM665" s="613"/>
      <c r="VJN665" s="613"/>
      <c r="VJO665" s="613"/>
      <c r="VJP665" s="613"/>
      <c r="VJQ665" s="613"/>
      <c r="VJR665" s="613"/>
      <c r="VJS665" s="613"/>
      <c r="VJT665" s="613"/>
      <c r="VJU665" s="613"/>
      <c r="VJV665" s="613"/>
      <c r="VJW665" s="613"/>
      <c r="VJX665" s="613"/>
      <c r="VJY665" s="613"/>
      <c r="VJZ665" s="613"/>
      <c r="VKA665" s="613"/>
      <c r="VKB665" s="613"/>
      <c r="VKC665" s="613"/>
      <c r="VKD665" s="613"/>
      <c r="VKE665" s="613"/>
      <c r="VKF665" s="613"/>
      <c r="VKG665" s="613"/>
      <c r="VKH665" s="613"/>
      <c r="VKI665" s="613"/>
      <c r="VKJ665" s="613"/>
      <c r="VKK665" s="613"/>
      <c r="VKL665" s="613"/>
      <c r="VKM665" s="613"/>
      <c r="VKN665" s="613"/>
      <c r="VKO665" s="613"/>
      <c r="VKP665" s="613"/>
      <c r="VKQ665" s="613"/>
      <c r="VKR665" s="613"/>
      <c r="VKS665" s="613"/>
      <c r="VKT665" s="613"/>
      <c r="VKU665" s="613"/>
      <c r="VKV665" s="613"/>
      <c r="VKW665" s="613"/>
      <c r="VKX665" s="613"/>
      <c r="VKY665" s="613"/>
      <c r="VKZ665" s="613"/>
      <c r="VLA665" s="613"/>
      <c r="VLB665" s="613"/>
      <c r="VLC665" s="613"/>
      <c r="VLD665" s="613"/>
      <c r="VLE665" s="613"/>
      <c r="VLF665" s="613"/>
      <c r="VLG665" s="613"/>
      <c r="VLH665" s="613"/>
      <c r="VLI665" s="613"/>
      <c r="VLJ665" s="613"/>
      <c r="VLK665" s="613"/>
      <c r="VLL665" s="613"/>
      <c r="VLM665" s="613"/>
      <c r="VLN665" s="613"/>
      <c r="VLO665" s="613"/>
      <c r="VLP665" s="613"/>
      <c r="VLQ665" s="613"/>
      <c r="VLR665" s="613"/>
      <c r="VLS665" s="613"/>
      <c r="VLT665" s="613"/>
      <c r="VLU665" s="613"/>
      <c r="VLV665" s="613"/>
      <c r="VLW665" s="613"/>
      <c r="VLX665" s="613"/>
      <c r="VLY665" s="613"/>
      <c r="VLZ665" s="613"/>
      <c r="VMA665" s="613"/>
      <c r="VMB665" s="613"/>
      <c r="VMC665" s="613"/>
      <c r="VMD665" s="613"/>
      <c r="VME665" s="613"/>
      <c r="VMF665" s="613"/>
      <c r="VMG665" s="613"/>
      <c r="VMH665" s="613"/>
      <c r="VMI665" s="613"/>
      <c r="VMJ665" s="613"/>
      <c r="VMK665" s="613"/>
      <c r="VML665" s="613"/>
      <c r="VMM665" s="613"/>
      <c r="VMN665" s="613"/>
      <c r="VMO665" s="613"/>
      <c r="VMP665" s="613"/>
      <c r="VMQ665" s="613"/>
      <c r="VMR665" s="613"/>
      <c r="VMS665" s="613"/>
      <c r="VMT665" s="613"/>
      <c r="VMU665" s="613"/>
      <c r="VMV665" s="613"/>
      <c r="VMW665" s="613"/>
      <c r="VMX665" s="613"/>
      <c r="VMY665" s="613"/>
      <c r="VMZ665" s="613"/>
      <c r="VNA665" s="613"/>
      <c r="VNB665" s="613"/>
      <c r="VNC665" s="613"/>
      <c r="VND665" s="613"/>
      <c r="VNE665" s="613"/>
      <c r="VNF665" s="613"/>
      <c r="VNG665" s="613"/>
      <c r="VNH665" s="613"/>
      <c r="VNI665" s="613"/>
      <c r="VNJ665" s="613"/>
      <c r="VNK665" s="613"/>
      <c r="VNL665" s="613"/>
      <c r="VNM665" s="613"/>
      <c r="VNN665" s="613"/>
      <c r="VNO665" s="613"/>
      <c r="VNP665" s="613"/>
      <c r="VNQ665" s="613"/>
      <c r="VNR665" s="613"/>
      <c r="VNS665" s="613"/>
      <c r="VNT665" s="613"/>
      <c r="VNU665" s="613"/>
      <c r="VNV665" s="613"/>
      <c r="VNW665" s="613"/>
      <c r="VNX665" s="613"/>
      <c r="VNY665" s="613"/>
      <c r="VNZ665" s="613"/>
      <c r="VOA665" s="613"/>
      <c r="VOB665" s="613"/>
      <c r="VOC665" s="613"/>
      <c r="VOD665" s="613"/>
      <c r="VOE665" s="613"/>
      <c r="VOF665" s="613"/>
      <c r="VOG665" s="613"/>
      <c r="VOH665" s="613"/>
      <c r="VOI665" s="613"/>
      <c r="VOJ665" s="613"/>
      <c r="VOK665" s="613"/>
      <c r="VOL665" s="613"/>
      <c r="VOM665" s="613"/>
      <c r="VON665" s="613"/>
      <c r="VOO665" s="613"/>
      <c r="VOP665" s="613"/>
      <c r="VOQ665" s="613"/>
      <c r="VOR665" s="613"/>
      <c r="VOS665" s="613"/>
      <c r="VOT665" s="613"/>
      <c r="VOU665" s="613"/>
      <c r="VOV665" s="613"/>
      <c r="VOW665" s="613"/>
      <c r="VOX665" s="613"/>
      <c r="VOY665" s="613"/>
      <c r="VOZ665" s="613"/>
      <c r="VPA665" s="613"/>
      <c r="VPB665" s="613"/>
      <c r="VPC665" s="613"/>
      <c r="VPD665" s="613"/>
      <c r="VPE665" s="613"/>
      <c r="VPF665" s="613"/>
      <c r="VPG665" s="613"/>
      <c r="VPH665" s="613"/>
      <c r="VPI665" s="613"/>
      <c r="VPJ665" s="613"/>
      <c r="VPK665" s="613"/>
      <c r="VPL665" s="613"/>
      <c r="VPM665" s="613"/>
      <c r="VPN665" s="613"/>
      <c r="VPO665" s="613"/>
      <c r="VPP665" s="613"/>
      <c r="VPQ665" s="613"/>
      <c r="VPR665" s="613"/>
      <c r="VPS665" s="613"/>
      <c r="VPT665" s="613"/>
      <c r="VPU665" s="613"/>
      <c r="VPV665" s="613"/>
      <c r="VPW665" s="613"/>
      <c r="VPX665" s="613"/>
      <c r="VPY665" s="613"/>
      <c r="VPZ665" s="613"/>
      <c r="VQA665" s="613"/>
      <c r="VQB665" s="613"/>
      <c r="VQC665" s="613"/>
      <c r="VQD665" s="613"/>
      <c r="VQE665" s="613"/>
      <c r="VQF665" s="613"/>
      <c r="VQG665" s="613"/>
      <c r="VQH665" s="613"/>
      <c r="VQI665" s="613"/>
      <c r="VQJ665" s="613"/>
      <c r="VQK665" s="613"/>
      <c r="VQL665" s="613"/>
      <c r="VQM665" s="613"/>
      <c r="VQN665" s="613"/>
      <c r="VQO665" s="613"/>
      <c r="VQP665" s="613"/>
      <c r="VQQ665" s="613"/>
      <c r="VQR665" s="613"/>
      <c r="VQS665" s="613"/>
      <c r="VQT665" s="613"/>
      <c r="VQU665" s="613"/>
      <c r="VQV665" s="613"/>
      <c r="VQW665" s="613"/>
      <c r="VQX665" s="613"/>
      <c r="VQY665" s="613"/>
      <c r="VQZ665" s="613"/>
      <c r="VRA665" s="613"/>
      <c r="VRB665" s="613"/>
      <c r="VRC665" s="613"/>
      <c r="VRD665" s="613"/>
      <c r="VRE665" s="613"/>
      <c r="VRF665" s="613"/>
      <c r="VRG665" s="613"/>
      <c r="VRH665" s="613"/>
      <c r="VRI665" s="613"/>
      <c r="VRJ665" s="613"/>
      <c r="VRK665" s="613"/>
      <c r="VRL665" s="613"/>
      <c r="VRM665" s="613"/>
      <c r="VRN665" s="613"/>
      <c r="VRO665" s="613"/>
      <c r="VRP665" s="613"/>
      <c r="VRQ665" s="613"/>
      <c r="VRR665" s="613"/>
      <c r="VRS665" s="613"/>
      <c r="VRT665" s="613"/>
      <c r="VRU665" s="613"/>
      <c r="VRV665" s="613"/>
      <c r="VRW665" s="613"/>
      <c r="VRX665" s="613"/>
      <c r="VRY665" s="613"/>
      <c r="VRZ665" s="613"/>
      <c r="VSA665" s="613"/>
      <c r="VSB665" s="613"/>
      <c r="VSC665" s="613"/>
      <c r="VSD665" s="613"/>
      <c r="VSE665" s="613"/>
      <c r="VSF665" s="613"/>
      <c r="VSG665" s="613"/>
      <c r="VSH665" s="613"/>
      <c r="VSI665" s="613"/>
      <c r="VSJ665" s="613"/>
      <c r="VSK665" s="613"/>
      <c r="VSL665" s="613"/>
      <c r="VSM665" s="613"/>
      <c r="VSN665" s="613"/>
      <c r="VSO665" s="613"/>
      <c r="VSP665" s="613"/>
      <c r="VSQ665" s="613"/>
      <c r="VSR665" s="613"/>
      <c r="VSS665" s="613"/>
      <c r="VST665" s="613"/>
      <c r="VSU665" s="613"/>
      <c r="VSV665" s="613"/>
      <c r="VSW665" s="613"/>
      <c r="VSX665" s="613"/>
      <c r="VSY665" s="613"/>
      <c r="VSZ665" s="613"/>
      <c r="VTA665" s="613"/>
      <c r="VTB665" s="613"/>
      <c r="VTC665" s="613"/>
      <c r="VTD665" s="613"/>
      <c r="VTE665" s="613"/>
      <c r="VTF665" s="613"/>
      <c r="VTG665" s="613"/>
      <c r="VTH665" s="613"/>
      <c r="VTI665" s="613"/>
      <c r="VTJ665" s="613"/>
      <c r="VTK665" s="613"/>
      <c r="VTL665" s="613"/>
      <c r="VTM665" s="613"/>
      <c r="VTN665" s="613"/>
      <c r="VTO665" s="613"/>
      <c r="VTP665" s="613"/>
      <c r="VTQ665" s="613"/>
      <c r="VTR665" s="613"/>
      <c r="VTS665" s="613"/>
      <c r="VTT665" s="613"/>
      <c r="VTU665" s="613"/>
      <c r="VTV665" s="613"/>
      <c r="VTW665" s="613"/>
      <c r="VTX665" s="613"/>
      <c r="VTY665" s="613"/>
      <c r="VTZ665" s="613"/>
      <c r="VUA665" s="613"/>
      <c r="VUB665" s="613"/>
      <c r="VUC665" s="613"/>
      <c r="VUD665" s="613"/>
      <c r="VUE665" s="613"/>
      <c r="VUF665" s="613"/>
      <c r="VUG665" s="613"/>
      <c r="VUH665" s="613"/>
      <c r="VUI665" s="613"/>
      <c r="VUJ665" s="613"/>
      <c r="VUK665" s="613"/>
      <c r="VUL665" s="613"/>
      <c r="VUM665" s="613"/>
      <c r="VUN665" s="613"/>
      <c r="VUO665" s="613"/>
      <c r="VUP665" s="613"/>
      <c r="VUQ665" s="613"/>
      <c r="VUR665" s="613"/>
      <c r="VUS665" s="613"/>
      <c r="VUT665" s="613"/>
      <c r="VUU665" s="613"/>
      <c r="VUV665" s="613"/>
      <c r="VUW665" s="613"/>
      <c r="VUX665" s="613"/>
      <c r="VUY665" s="613"/>
      <c r="VUZ665" s="613"/>
      <c r="VVA665" s="613"/>
      <c r="VVB665" s="613"/>
      <c r="VVC665" s="613"/>
      <c r="VVD665" s="613"/>
      <c r="VVE665" s="613"/>
      <c r="VVF665" s="613"/>
      <c r="VVG665" s="613"/>
      <c r="VVH665" s="613"/>
      <c r="VVI665" s="613"/>
      <c r="VVJ665" s="613"/>
      <c r="VVK665" s="613"/>
      <c r="VVL665" s="613"/>
      <c r="VVM665" s="613"/>
      <c r="VVN665" s="613"/>
      <c r="VVO665" s="613"/>
      <c r="VVP665" s="613"/>
      <c r="VVQ665" s="613"/>
      <c r="VVR665" s="613"/>
      <c r="VVS665" s="613"/>
      <c r="VVT665" s="613"/>
      <c r="VVU665" s="613"/>
      <c r="VVV665" s="613"/>
      <c r="VVW665" s="613"/>
      <c r="VVX665" s="613"/>
      <c r="VVY665" s="613"/>
      <c r="VVZ665" s="613"/>
      <c r="VWA665" s="613"/>
      <c r="VWB665" s="613"/>
      <c r="VWC665" s="613"/>
      <c r="VWD665" s="613"/>
      <c r="VWE665" s="613"/>
      <c r="VWF665" s="613"/>
      <c r="VWG665" s="613"/>
      <c r="VWH665" s="613"/>
      <c r="VWI665" s="613"/>
      <c r="VWJ665" s="613"/>
      <c r="VWK665" s="613"/>
      <c r="VWL665" s="613"/>
      <c r="VWM665" s="613"/>
      <c r="VWN665" s="613"/>
      <c r="VWO665" s="613"/>
      <c r="VWP665" s="613"/>
      <c r="VWQ665" s="613"/>
      <c r="VWR665" s="613"/>
      <c r="VWS665" s="613"/>
      <c r="VWT665" s="613"/>
      <c r="VWU665" s="613"/>
      <c r="VWV665" s="613"/>
      <c r="VWW665" s="613"/>
      <c r="VWX665" s="613"/>
      <c r="VWY665" s="613"/>
      <c r="VWZ665" s="613"/>
      <c r="VXA665" s="613"/>
      <c r="VXB665" s="613"/>
      <c r="VXC665" s="613"/>
      <c r="VXD665" s="613"/>
      <c r="VXE665" s="613"/>
      <c r="VXF665" s="613"/>
      <c r="VXG665" s="613"/>
      <c r="VXH665" s="613"/>
      <c r="VXI665" s="613"/>
      <c r="VXJ665" s="613"/>
      <c r="VXK665" s="613"/>
      <c r="VXL665" s="613"/>
      <c r="VXM665" s="613"/>
      <c r="VXN665" s="613"/>
      <c r="VXO665" s="613"/>
      <c r="VXP665" s="613"/>
      <c r="VXQ665" s="613"/>
      <c r="VXR665" s="613"/>
      <c r="VXS665" s="613"/>
      <c r="VXT665" s="613"/>
      <c r="VXU665" s="613"/>
      <c r="VXV665" s="613"/>
      <c r="VXW665" s="613"/>
      <c r="VXX665" s="613"/>
      <c r="VXY665" s="613"/>
      <c r="VXZ665" s="613"/>
      <c r="VYA665" s="613"/>
      <c r="VYB665" s="613"/>
      <c r="VYC665" s="613"/>
      <c r="VYD665" s="613"/>
      <c r="VYE665" s="613"/>
      <c r="VYF665" s="613"/>
      <c r="VYG665" s="613"/>
      <c r="VYH665" s="613"/>
      <c r="VYI665" s="613"/>
      <c r="VYJ665" s="613"/>
      <c r="VYK665" s="613"/>
      <c r="VYL665" s="613"/>
      <c r="VYM665" s="613"/>
      <c r="VYN665" s="613"/>
      <c r="VYO665" s="613"/>
      <c r="VYP665" s="613"/>
      <c r="VYQ665" s="613"/>
      <c r="VYR665" s="613"/>
      <c r="VYS665" s="613"/>
      <c r="VYT665" s="613"/>
      <c r="VYU665" s="613"/>
      <c r="VYV665" s="613"/>
      <c r="VYW665" s="613"/>
      <c r="VYX665" s="613"/>
      <c r="VYY665" s="613"/>
      <c r="VYZ665" s="613"/>
      <c r="VZA665" s="613"/>
      <c r="VZB665" s="613"/>
      <c r="VZC665" s="613"/>
      <c r="VZD665" s="613"/>
      <c r="VZE665" s="613"/>
      <c r="VZF665" s="613"/>
      <c r="VZG665" s="613"/>
      <c r="VZH665" s="613"/>
      <c r="VZI665" s="613"/>
      <c r="VZJ665" s="613"/>
      <c r="VZK665" s="613"/>
      <c r="VZL665" s="613"/>
      <c r="VZM665" s="613"/>
      <c r="VZN665" s="613"/>
      <c r="VZO665" s="613"/>
      <c r="VZP665" s="613"/>
      <c r="VZQ665" s="613"/>
      <c r="VZR665" s="613"/>
      <c r="VZS665" s="613"/>
      <c r="VZT665" s="613"/>
      <c r="VZU665" s="613"/>
      <c r="VZV665" s="613"/>
      <c r="VZW665" s="613"/>
      <c r="VZX665" s="613"/>
      <c r="VZY665" s="613"/>
      <c r="VZZ665" s="613"/>
      <c r="WAA665" s="613"/>
      <c r="WAB665" s="613"/>
      <c r="WAC665" s="613"/>
      <c r="WAD665" s="613"/>
      <c r="WAE665" s="613"/>
      <c r="WAF665" s="613"/>
      <c r="WAG665" s="613"/>
      <c r="WAH665" s="613"/>
      <c r="WAI665" s="613"/>
      <c r="WAJ665" s="613"/>
      <c r="WAK665" s="613"/>
      <c r="WAL665" s="613"/>
      <c r="WAM665" s="613"/>
      <c r="WAN665" s="613"/>
      <c r="WAO665" s="613"/>
      <c r="WAP665" s="613"/>
      <c r="WAQ665" s="613"/>
      <c r="WAR665" s="613"/>
      <c r="WAS665" s="613"/>
      <c r="WAT665" s="613"/>
      <c r="WAU665" s="613"/>
      <c r="WAV665" s="613"/>
      <c r="WAW665" s="613"/>
      <c r="WAX665" s="613"/>
      <c r="WAY665" s="613"/>
      <c r="WAZ665" s="613"/>
      <c r="WBA665" s="613"/>
      <c r="WBB665" s="613"/>
      <c r="WBC665" s="613"/>
      <c r="WBD665" s="613"/>
      <c r="WBE665" s="613"/>
      <c r="WBF665" s="613"/>
      <c r="WBG665" s="613"/>
      <c r="WBH665" s="613"/>
      <c r="WBI665" s="613"/>
      <c r="WBJ665" s="613"/>
      <c r="WBK665" s="613"/>
      <c r="WBL665" s="613"/>
      <c r="WBM665" s="613"/>
      <c r="WBN665" s="613"/>
      <c r="WBO665" s="613"/>
      <c r="WBP665" s="613"/>
      <c r="WBQ665" s="613"/>
      <c r="WBR665" s="613"/>
      <c r="WBS665" s="613"/>
      <c r="WBT665" s="613"/>
      <c r="WBU665" s="613"/>
      <c r="WBV665" s="613"/>
      <c r="WBW665" s="613"/>
      <c r="WBX665" s="613"/>
      <c r="WBY665" s="613"/>
      <c r="WBZ665" s="613"/>
      <c r="WCA665" s="613"/>
      <c r="WCB665" s="613"/>
      <c r="WCC665" s="613"/>
      <c r="WCD665" s="613"/>
      <c r="WCE665" s="613"/>
      <c r="WCF665" s="613"/>
      <c r="WCG665" s="613"/>
      <c r="WCH665" s="613"/>
      <c r="WCI665" s="613"/>
      <c r="WCJ665" s="613"/>
      <c r="WCK665" s="613"/>
      <c r="WCL665" s="613"/>
      <c r="WCM665" s="613"/>
      <c r="WCN665" s="613"/>
      <c r="WCO665" s="613"/>
      <c r="WCP665" s="613"/>
      <c r="WCQ665" s="613"/>
      <c r="WCR665" s="613"/>
      <c r="WCS665" s="613"/>
      <c r="WCT665" s="613"/>
      <c r="WCU665" s="613"/>
      <c r="WCV665" s="613"/>
      <c r="WCW665" s="613"/>
      <c r="WCX665" s="613"/>
      <c r="WCY665" s="613"/>
      <c r="WCZ665" s="613"/>
      <c r="WDA665" s="613"/>
      <c r="WDB665" s="613"/>
      <c r="WDC665" s="613"/>
      <c r="WDD665" s="613"/>
      <c r="WDE665" s="613"/>
      <c r="WDF665" s="613"/>
      <c r="WDG665" s="613"/>
      <c r="WDH665" s="613"/>
      <c r="WDI665" s="613"/>
      <c r="WDJ665" s="613"/>
      <c r="WDK665" s="613"/>
      <c r="WDL665" s="613"/>
      <c r="WDM665" s="613"/>
      <c r="WDN665" s="613"/>
      <c r="WDO665" s="613"/>
      <c r="WDP665" s="613"/>
      <c r="WDQ665" s="613"/>
      <c r="WDR665" s="613"/>
      <c r="WDS665" s="613"/>
      <c r="WDT665" s="613"/>
      <c r="WDU665" s="613"/>
      <c r="WDV665" s="613"/>
      <c r="WDW665" s="613"/>
      <c r="WDX665" s="613"/>
      <c r="WDY665" s="613"/>
      <c r="WDZ665" s="613"/>
      <c r="WEA665" s="613"/>
      <c r="WEB665" s="613"/>
      <c r="WEC665" s="613"/>
      <c r="WED665" s="613"/>
      <c r="WEE665" s="613"/>
      <c r="WEF665" s="613"/>
      <c r="WEG665" s="613"/>
      <c r="WEH665" s="613"/>
      <c r="WEI665" s="613"/>
      <c r="WEJ665" s="613"/>
      <c r="WEK665" s="613"/>
      <c r="WEL665" s="613"/>
      <c r="WEM665" s="613"/>
      <c r="WEN665" s="613"/>
      <c r="WEO665" s="613"/>
      <c r="WEP665" s="613"/>
      <c r="WEQ665" s="613"/>
      <c r="WER665" s="613"/>
      <c r="WES665" s="613"/>
      <c r="WET665" s="613"/>
      <c r="WEU665" s="613"/>
      <c r="WEV665" s="613"/>
      <c r="WEW665" s="613"/>
      <c r="WEX665" s="613"/>
      <c r="WEY665" s="613"/>
      <c r="WEZ665" s="613"/>
      <c r="WFA665" s="613"/>
      <c r="WFB665" s="613"/>
      <c r="WFC665" s="613"/>
      <c r="WFD665" s="613"/>
      <c r="WFE665" s="613"/>
      <c r="WFF665" s="613"/>
      <c r="WFG665" s="613"/>
      <c r="WFH665" s="613"/>
      <c r="WFI665" s="613"/>
      <c r="WFJ665" s="613"/>
      <c r="WFK665" s="613"/>
      <c r="WFL665" s="613"/>
      <c r="WFM665" s="613"/>
      <c r="WFN665" s="613"/>
      <c r="WFO665" s="613"/>
      <c r="WFP665" s="613"/>
      <c r="WFQ665" s="613"/>
      <c r="WFR665" s="613"/>
      <c r="WFS665" s="613"/>
      <c r="WFT665" s="613"/>
      <c r="WFU665" s="613"/>
      <c r="WFV665" s="613"/>
      <c r="WFW665" s="613"/>
      <c r="WFX665" s="613"/>
      <c r="WFY665" s="613"/>
      <c r="WFZ665" s="613"/>
      <c r="WGA665" s="613"/>
      <c r="WGB665" s="613"/>
      <c r="WGC665" s="613"/>
      <c r="WGD665" s="613"/>
      <c r="WGE665" s="613"/>
      <c r="WGF665" s="613"/>
      <c r="WGG665" s="613"/>
      <c r="WGH665" s="613"/>
      <c r="WGI665" s="613"/>
      <c r="WGJ665" s="613"/>
      <c r="WGK665" s="613"/>
      <c r="WGL665" s="613"/>
      <c r="WGM665" s="613"/>
      <c r="WGN665" s="613"/>
      <c r="WGO665" s="613"/>
      <c r="WGP665" s="613"/>
      <c r="WGQ665" s="613"/>
      <c r="WGR665" s="613"/>
      <c r="WGS665" s="613"/>
      <c r="WGT665" s="613"/>
      <c r="WGU665" s="613"/>
      <c r="WGV665" s="613"/>
      <c r="WGW665" s="613"/>
      <c r="WGX665" s="613"/>
      <c r="WGY665" s="613"/>
      <c r="WGZ665" s="613"/>
      <c r="WHA665" s="613"/>
      <c r="WHB665" s="613"/>
      <c r="WHC665" s="613"/>
      <c r="WHD665" s="613"/>
      <c r="WHE665" s="613"/>
      <c r="WHF665" s="613"/>
      <c r="WHG665" s="613"/>
      <c r="WHH665" s="613"/>
      <c r="WHI665" s="613"/>
      <c r="WHJ665" s="613"/>
      <c r="WHK665" s="613"/>
      <c r="WHL665" s="613"/>
      <c r="WHM665" s="613"/>
      <c r="WHN665" s="613"/>
      <c r="WHO665" s="613"/>
      <c r="WHP665" s="613"/>
      <c r="WHQ665" s="613"/>
      <c r="WHR665" s="613"/>
      <c r="WHS665" s="613"/>
      <c r="WHT665" s="613"/>
      <c r="WHU665" s="613"/>
      <c r="WHV665" s="613"/>
      <c r="WHW665" s="613"/>
      <c r="WHX665" s="613"/>
      <c r="WHY665" s="613"/>
      <c r="WHZ665" s="613"/>
      <c r="WIA665" s="613"/>
      <c r="WIB665" s="613"/>
      <c r="WIC665" s="613"/>
      <c r="WID665" s="613"/>
      <c r="WIE665" s="613"/>
      <c r="WIF665" s="613"/>
      <c r="WIG665" s="613"/>
      <c r="WIH665" s="613"/>
      <c r="WII665" s="613"/>
      <c r="WIJ665" s="613"/>
      <c r="WIK665" s="613"/>
      <c r="WIL665" s="613"/>
      <c r="WIM665" s="613"/>
      <c r="WIN665" s="613"/>
      <c r="WIO665" s="613"/>
      <c r="WIP665" s="613"/>
      <c r="WIQ665" s="613"/>
      <c r="WIR665" s="613"/>
      <c r="WIS665" s="613"/>
      <c r="WIT665" s="613"/>
      <c r="WIU665" s="613"/>
      <c r="WIV665" s="613"/>
      <c r="WIW665" s="613"/>
      <c r="WIX665" s="613"/>
      <c r="WIY665" s="613"/>
      <c r="WIZ665" s="613"/>
      <c r="WJA665" s="613"/>
      <c r="WJB665" s="613"/>
      <c r="WJC665" s="613"/>
      <c r="WJD665" s="613"/>
      <c r="WJE665" s="613"/>
      <c r="WJF665" s="613"/>
      <c r="WJG665" s="613"/>
      <c r="WJH665" s="613"/>
      <c r="WJI665" s="613"/>
      <c r="WJJ665" s="613"/>
      <c r="WJK665" s="613"/>
      <c r="WJL665" s="613"/>
      <c r="WJM665" s="613"/>
      <c r="WJN665" s="613"/>
      <c r="WJO665" s="613"/>
      <c r="WJP665" s="613"/>
      <c r="WJQ665" s="613"/>
      <c r="WJR665" s="613"/>
      <c r="WJS665" s="613"/>
      <c r="WJT665" s="613"/>
      <c r="WJU665" s="613"/>
      <c r="WJV665" s="613"/>
      <c r="WJW665" s="613"/>
      <c r="WJX665" s="613"/>
      <c r="WJY665" s="613"/>
      <c r="WJZ665" s="613"/>
      <c r="WKA665" s="613"/>
      <c r="WKB665" s="613"/>
      <c r="WKC665" s="613"/>
      <c r="WKD665" s="613"/>
      <c r="WKE665" s="613"/>
      <c r="WKF665" s="613"/>
      <c r="WKG665" s="613"/>
      <c r="WKH665" s="613"/>
      <c r="WKI665" s="613"/>
      <c r="WKJ665" s="613"/>
      <c r="WKK665" s="613"/>
      <c r="WKL665" s="613"/>
      <c r="WKM665" s="613"/>
      <c r="WKN665" s="613"/>
      <c r="WKO665" s="613"/>
      <c r="WKP665" s="613"/>
      <c r="WKQ665" s="613"/>
      <c r="WKR665" s="613"/>
      <c r="WKS665" s="613"/>
      <c r="WKT665" s="613"/>
      <c r="WKU665" s="613"/>
      <c r="WKV665" s="613"/>
      <c r="WKW665" s="613"/>
      <c r="WKX665" s="613"/>
      <c r="WKY665" s="613"/>
      <c r="WKZ665" s="613"/>
      <c r="WLA665" s="613"/>
      <c r="WLB665" s="613"/>
      <c r="WLC665" s="613"/>
      <c r="WLD665" s="613"/>
      <c r="WLE665" s="613"/>
      <c r="WLF665" s="613"/>
      <c r="WLG665" s="613"/>
      <c r="WLH665" s="613"/>
      <c r="WLI665" s="613"/>
      <c r="WLJ665" s="613"/>
      <c r="WLK665" s="613"/>
      <c r="WLL665" s="613"/>
      <c r="WLM665" s="613"/>
      <c r="WLN665" s="613"/>
      <c r="WLO665" s="613"/>
      <c r="WLP665" s="613"/>
      <c r="WLQ665" s="613"/>
      <c r="WLR665" s="613"/>
      <c r="WLS665" s="613"/>
      <c r="WLT665" s="613"/>
      <c r="WLU665" s="613"/>
      <c r="WLV665" s="613"/>
      <c r="WLW665" s="613"/>
      <c r="WLX665" s="613"/>
      <c r="WLY665" s="613"/>
      <c r="WLZ665" s="613"/>
      <c r="WMA665" s="613"/>
      <c r="WMB665" s="613"/>
      <c r="WMC665" s="613"/>
      <c r="WMD665" s="613"/>
      <c r="WME665" s="613"/>
      <c r="WMF665" s="613"/>
      <c r="WMG665" s="613"/>
      <c r="WMH665" s="613"/>
      <c r="WMI665" s="613"/>
      <c r="WMJ665" s="613"/>
      <c r="WMK665" s="613"/>
      <c r="WML665" s="613"/>
      <c r="WMM665" s="613"/>
      <c r="WMN665" s="613"/>
      <c r="WMO665" s="613"/>
      <c r="WMP665" s="613"/>
      <c r="WMQ665" s="613"/>
      <c r="WMR665" s="613"/>
      <c r="WMS665" s="613"/>
      <c r="WMT665" s="613"/>
      <c r="WMU665" s="613"/>
      <c r="WMV665" s="613"/>
      <c r="WMW665" s="613"/>
      <c r="WMX665" s="613"/>
      <c r="WMY665" s="613"/>
      <c r="WMZ665" s="613"/>
      <c r="WNA665" s="613"/>
      <c r="WNB665" s="613"/>
      <c r="WNC665" s="613"/>
      <c r="WND665" s="613"/>
      <c r="WNE665" s="613"/>
      <c r="WNF665" s="613"/>
      <c r="WNG665" s="613"/>
      <c r="WNH665" s="613"/>
      <c r="WNI665" s="613"/>
      <c r="WNJ665" s="613"/>
      <c r="WNK665" s="613"/>
      <c r="WNL665" s="613"/>
      <c r="WNM665" s="613"/>
      <c r="WNN665" s="613"/>
      <c r="WNO665" s="613"/>
      <c r="WNP665" s="613"/>
      <c r="WNQ665" s="613"/>
      <c r="WNR665" s="613"/>
      <c r="WNS665" s="613"/>
      <c r="WNT665" s="613"/>
      <c r="WNU665" s="613"/>
      <c r="WNV665" s="613"/>
      <c r="WNW665" s="613"/>
      <c r="WNX665" s="613"/>
      <c r="WNY665" s="613"/>
      <c r="WNZ665" s="613"/>
      <c r="WOA665" s="613"/>
      <c r="WOB665" s="613"/>
      <c r="WOC665" s="613"/>
      <c r="WOD665" s="613"/>
      <c r="WOE665" s="613"/>
      <c r="WOF665" s="613"/>
      <c r="WOG665" s="613"/>
      <c r="WOH665" s="613"/>
      <c r="WOI665" s="613"/>
      <c r="WOJ665" s="613"/>
      <c r="WOK665" s="613"/>
      <c r="WOL665" s="613"/>
      <c r="WOM665" s="613"/>
      <c r="WON665" s="613"/>
      <c r="WOO665" s="613"/>
      <c r="WOP665" s="613"/>
      <c r="WOQ665" s="613"/>
      <c r="WOR665" s="613"/>
      <c r="WOS665" s="613"/>
      <c r="WOT665" s="613"/>
      <c r="WOU665" s="613"/>
      <c r="WOV665" s="613"/>
      <c r="WOW665" s="613"/>
      <c r="WOX665" s="613"/>
      <c r="WOY665" s="613"/>
      <c r="WOZ665" s="613"/>
      <c r="WPA665" s="613"/>
      <c r="WPB665" s="613"/>
      <c r="WPC665" s="613"/>
      <c r="WPD665" s="613"/>
      <c r="WPE665" s="613"/>
      <c r="WPF665" s="613"/>
      <c r="WPG665" s="613"/>
      <c r="WPH665" s="613"/>
      <c r="WPI665" s="613"/>
      <c r="WPJ665" s="613"/>
      <c r="WPK665" s="613"/>
      <c r="WPL665" s="613"/>
      <c r="WPM665" s="613"/>
      <c r="WPN665" s="613"/>
      <c r="WPO665" s="613"/>
      <c r="WPP665" s="613"/>
      <c r="WPQ665" s="613"/>
      <c r="WPR665" s="613"/>
      <c r="WPS665" s="613"/>
      <c r="WPT665" s="613"/>
      <c r="WPU665" s="613"/>
      <c r="WPV665" s="613"/>
      <c r="WPW665" s="613"/>
      <c r="WPX665" s="613"/>
      <c r="WPY665" s="613"/>
      <c r="WPZ665" s="613"/>
      <c r="WQA665" s="613"/>
      <c r="WQB665" s="613"/>
      <c r="WQC665" s="613"/>
      <c r="WQD665" s="613"/>
      <c r="WQE665" s="613"/>
      <c r="WQF665" s="613"/>
      <c r="WQG665" s="613"/>
      <c r="WQH665" s="613"/>
      <c r="WQI665" s="613"/>
      <c r="WQJ665" s="613"/>
      <c r="WQK665" s="613"/>
      <c r="WQL665" s="613"/>
      <c r="WQM665" s="613"/>
      <c r="WQN665" s="613"/>
      <c r="WQO665" s="613"/>
      <c r="WQP665" s="613"/>
      <c r="WQQ665" s="613"/>
      <c r="WQR665" s="613"/>
      <c r="WQS665" s="613"/>
      <c r="WQT665" s="613"/>
      <c r="WQU665" s="613"/>
      <c r="WQV665" s="613"/>
      <c r="WQW665" s="613"/>
      <c r="WQX665" s="613"/>
      <c r="WQY665" s="613"/>
      <c r="WQZ665" s="613"/>
      <c r="WRA665" s="613"/>
      <c r="WRB665" s="613"/>
      <c r="WRC665" s="613"/>
      <c r="WRD665" s="613"/>
      <c r="WRE665" s="613"/>
      <c r="WRF665" s="613"/>
      <c r="WRG665" s="613"/>
      <c r="WRH665" s="613"/>
      <c r="WRI665" s="613"/>
      <c r="WRJ665" s="613"/>
      <c r="WRK665" s="613"/>
      <c r="WRL665" s="613"/>
      <c r="WRM665" s="613"/>
      <c r="WRN665" s="613"/>
      <c r="WRO665" s="613"/>
      <c r="WRP665" s="613"/>
      <c r="WRQ665" s="613"/>
      <c r="WRR665" s="613"/>
      <c r="WRS665" s="613"/>
      <c r="WRT665" s="613"/>
      <c r="WRU665" s="613"/>
      <c r="WRV665" s="613"/>
      <c r="WRW665" s="613"/>
      <c r="WRX665" s="613"/>
      <c r="WRY665" s="613"/>
      <c r="WRZ665" s="613"/>
      <c r="WSA665" s="613"/>
      <c r="WSB665" s="613"/>
      <c r="WSC665" s="613"/>
      <c r="WSD665" s="613"/>
      <c r="WSE665" s="613"/>
      <c r="WSF665" s="613"/>
      <c r="WSG665" s="613"/>
      <c r="WSH665" s="613"/>
      <c r="WSI665" s="613"/>
      <c r="WSJ665" s="613"/>
      <c r="WSK665" s="613"/>
      <c r="WSL665" s="613"/>
      <c r="WSM665" s="613"/>
      <c r="WSN665" s="613"/>
      <c r="WSO665" s="613"/>
      <c r="WSP665" s="613"/>
      <c r="WSQ665" s="613"/>
      <c r="WSR665" s="613"/>
      <c r="WSS665" s="613"/>
      <c r="WST665" s="613"/>
      <c r="WSU665" s="613"/>
      <c r="WSV665" s="613"/>
      <c r="WSW665" s="613"/>
      <c r="WSX665" s="613"/>
      <c r="WSY665" s="613"/>
      <c r="WSZ665" s="613"/>
      <c r="WTA665" s="613"/>
      <c r="WTB665" s="613"/>
      <c r="WTC665" s="613"/>
      <c r="WTD665" s="613"/>
      <c r="WTE665" s="613"/>
      <c r="WTF665" s="613"/>
      <c r="WTG665" s="613"/>
      <c r="WTH665" s="613"/>
      <c r="WTI665" s="613"/>
      <c r="WTJ665" s="613"/>
      <c r="WTK665" s="613"/>
      <c r="WTL665" s="613"/>
      <c r="WTM665" s="613"/>
      <c r="WTN665" s="613"/>
      <c r="WTO665" s="613"/>
      <c r="WTP665" s="613"/>
      <c r="WTQ665" s="613"/>
      <c r="WTR665" s="613"/>
      <c r="WTS665" s="613"/>
      <c r="WTT665" s="613"/>
      <c r="WTU665" s="613"/>
      <c r="WTV665" s="613"/>
      <c r="WTW665" s="613"/>
      <c r="WTX665" s="613"/>
      <c r="WTY665" s="613"/>
      <c r="WTZ665" s="613"/>
      <c r="WUA665" s="613"/>
      <c r="WUB665" s="613"/>
      <c r="WUC665" s="613"/>
      <c r="WUD665" s="613"/>
      <c r="WUE665" s="613"/>
      <c r="WUF665" s="613"/>
      <c r="WUG665" s="613"/>
      <c r="WUH665" s="613"/>
      <c r="WUI665" s="613"/>
      <c r="WUJ665" s="613"/>
      <c r="WUK665" s="613"/>
      <c r="WUL665" s="613"/>
      <c r="WUM665" s="613"/>
      <c r="WUN665" s="613"/>
      <c r="WUO665" s="613"/>
      <c r="WUP665" s="613"/>
      <c r="WUQ665" s="613"/>
      <c r="WUR665" s="613"/>
      <c r="WUS665" s="613"/>
      <c r="WUT665" s="613"/>
      <c r="WUU665" s="613"/>
      <c r="WUV665" s="613"/>
      <c r="WUW665" s="613"/>
      <c r="WUX665" s="613"/>
      <c r="WUY665" s="613"/>
      <c r="WUZ665" s="613"/>
      <c r="WVA665" s="613"/>
      <c r="WVB665" s="613"/>
      <c r="WVC665" s="613"/>
      <c r="WVD665" s="613"/>
      <c r="WVE665" s="613"/>
      <c r="WVF665" s="613"/>
      <c r="WVG665" s="613"/>
      <c r="WVH665" s="613"/>
      <c r="WVI665" s="613"/>
      <c r="WVJ665" s="613"/>
      <c r="WVK665" s="613"/>
      <c r="WVL665" s="613"/>
      <c r="WVM665" s="613"/>
      <c r="WVN665" s="613"/>
      <c r="WVO665" s="613"/>
      <c r="WVP665" s="613"/>
      <c r="WVQ665" s="613"/>
      <c r="WVR665" s="613"/>
      <c r="WVS665" s="613"/>
      <c r="WVT665" s="613"/>
      <c r="WVU665" s="613"/>
      <c r="WVV665" s="613"/>
      <c r="WVW665" s="613"/>
      <c r="WVX665" s="613"/>
      <c r="WVY665" s="613"/>
      <c r="WVZ665" s="613"/>
      <c r="WWA665" s="613"/>
      <c r="WWB665" s="613"/>
      <c r="WWC665" s="613"/>
      <c r="WWD665" s="613"/>
      <c r="WWE665" s="613"/>
      <c r="WWF665" s="613"/>
      <c r="WWG665" s="613"/>
      <c r="WWH665" s="613"/>
      <c r="WWI665" s="613"/>
      <c r="WWJ665" s="613"/>
      <c r="WWK665" s="613"/>
      <c r="WWL665" s="613"/>
      <c r="WWM665" s="613"/>
      <c r="WWN665" s="613"/>
      <c r="WWO665" s="613"/>
      <c r="WWP665" s="613"/>
      <c r="WWQ665" s="613"/>
      <c r="WWR665" s="613"/>
      <c r="WWS665" s="613"/>
      <c r="WWT665" s="613"/>
      <c r="WWU665" s="613"/>
      <c r="WWV665" s="613"/>
      <c r="WWW665" s="613"/>
      <c r="WWX665" s="613"/>
      <c r="WWY665" s="613"/>
      <c r="WWZ665" s="613"/>
      <c r="WXA665" s="613"/>
      <c r="WXB665" s="613"/>
      <c r="WXC665" s="613"/>
      <c r="WXD665" s="613"/>
      <c r="WXE665" s="613"/>
      <c r="WXF665" s="613"/>
      <c r="WXG665" s="613"/>
      <c r="WXH665" s="613"/>
      <c r="WXI665" s="613"/>
      <c r="WXJ665" s="613"/>
      <c r="WXK665" s="613"/>
      <c r="WXL665" s="613"/>
      <c r="WXM665" s="613"/>
      <c r="WXN665" s="613"/>
      <c r="WXO665" s="613"/>
      <c r="WXP665" s="613"/>
      <c r="WXQ665" s="613"/>
      <c r="WXR665" s="613"/>
      <c r="WXS665" s="613"/>
      <c r="WXT665" s="613"/>
      <c r="WXU665" s="613"/>
      <c r="WXV665" s="613"/>
      <c r="WXW665" s="613"/>
      <c r="WXX665" s="613"/>
      <c r="WXY665" s="613"/>
      <c r="WXZ665" s="613"/>
      <c r="WYA665" s="613"/>
      <c r="WYB665" s="613"/>
      <c r="WYC665" s="613"/>
      <c r="WYD665" s="613"/>
      <c r="WYE665" s="613"/>
      <c r="WYF665" s="613"/>
      <c r="WYG665" s="613"/>
      <c r="WYH665" s="613"/>
      <c r="WYI665" s="613"/>
      <c r="WYJ665" s="613"/>
      <c r="WYK665" s="613"/>
      <c r="WYL665" s="613"/>
      <c r="WYM665" s="613"/>
      <c r="WYN665" s="613"/>
      <c r="WYO665" s="613"/>
      <c r="WYP665" s="613"/>
      <c r="WYQ665" s="613"/>
      <c r="WYR665" s="613"/>
      <c r="WYS665" s="613"/>
      <c r="WYT665" s="613"/>
      <c r="WYU665" s="613"/>
      <c r="WYV665" s="613"/>
      <c r="WYW665" s="613"/>
      <c r="WYX665" s="613"/>
      <c r="WYY665" s="613"/>
      <c r="WYZ665" s="613"/>
      <c r="WZA665" s="613"/>
      <c r="WZB665" s="613"/>
      <c r="WZC665" s="613"/>
      <c r="WZD665" s="613"/>
      <c r="WZE665" s="613"/>
      <c r="WZF665" s="613"/>
      <c r="WZG665" s="613"/>
      <c r="WZH665" s="613"/>
      <c r="WZI665" s="613"/>
      <c r="WZJ665" s="613"/>
      <c r="WZK665" s="613"/>
      <c r="WZL665" s="613"/>
      <c r="WZM665" s="613"/>
      <c r="WZN665" s="613"/>
      <c r="WZO665" s="613"/>
      <c r="WZP665" s="613"/>
      <c r="WZQ665" s="613"/>
      <c r="WZR665" s="613"/>
      <c r="WZS665" s="613"/>
      <c r="WZT665" s="613"/>
      <c r="WZU665" s="613"/>
      <c r="WZV665" s="613"/>
      <c r="WZW665" s="613"/>
      <c r="WZX665" s="613"/>
      <c r="WZY665" s="613"/>
      <c r="WZZ665" s="613"/>
      <c r="XAA665" s="613"/>
      <c r="XAB665" s="613"/>
      <c r="XAC665" s="613"/>
      <c r="XAD665" s="613"/>
      <c r="XAE665" s="613"/>
      <c r="XAF665" s="613"/>
      <c r="XAG665" s="613"/>
      <c r="XAH665" s="613"/>
      <c r="XAI665" s="613"/>
      <c r="XAJ665" s="613"/>
      <c r="XAK665" s="613"/>
      <c r="XAL665" s="613"/>
      <c r="XAM665" s="613"/>
      <c r="XAN665" s="613"/>
      <c r="XAO665" s="613"/>
      <c r="XAP665" s="613"/>
      <c r="XAQ665" s="613"/>
      <c r="XAR665" s="613"/>
      <c r="XAS665" s="613"/>
      <c r="XAT665" s="613"/>
      <c r="XAU665" s="613"/>
      <c r="XAV665" s="613"/>
      <c r="XAW665" s="613"/>
      <c r="XAX665" s="613"/>
      <c r="XAY665" s="613"/>
      <c r="XAZ665" s="613"/>
      <c r="XBA665" s="613"/>
      <c r="XBB665" s="613"/>
      <c r="XBC665" s="613"/>
      <c r="XBD665" s="613"/>
      <c r="XBE665" s="613"/>
      <c r="XBF665" s="613"/>
      <c r="XBG665" s="613"/>
      <c r="XBH665" s="613"/>
      <c r="XBI665" s="613"/>
      <c r="XBJ665" s="613"/>
      <c r="XBK665" s="613"/>
      <c r="XBL665" s="613"/>
      <c r="XBM665" s="613"/>
      <c r="XBN665" s="613"/>
      <c r="XBO665" s="613"/>
      <c r="XBP665" s="613"/>
      <c r="XBQ665" s="613"/>
      <c r="XBR665" s="613"/>
      <c r="XBS665" s="613"/>
      <c r="XBT665" s="613"/>
      <c r="XBU665" s="613"/>
      <c r="XBV665" s="613"/>
      <c r="XBW665" s="613"/>
      <c r="XBX665" s="613"/>
      <c r="XBY665" s="613"/>
      <c r="XBZ665" s="613"/>
      <c r="XCA665" s="613"/>
      <c r="XCB665" s="613"/>
      <c r="XCC665" s="613"/>
      <c r="XCD665" s="613"/>
      <c r="XCE665" s="613"/>
      <c r="XCF665" s="613"/>
      <c r="XCG665" s="613"/>
      <c r="XCH665" s="613"/>
      <c r="XCI665" s="613"/>
      <c r="XCJ665" s="613"/>
      <c r="XCK665" s="613"/>
      <c r="XCL665" s="613"/>
      <c r="XCM665" s="613"/>
      <c r="XCN665" s="613"/>
      <c r="XCO665" s="613"/>
      <c r="XCP665" s="613"/>
      <c r="XCQ665" s="613"/>
    </row>
    <row r="666" spans="1:16319" ht="56.1" customHeight="1" x14ac:dyDescent="0.2">
      <c r="A666" s="273" t="s">
        <v>3019</v>
      </c>
      <c r="B666" s="499"/>
      <c r="C666" s="77"/>
      <c r="D666" s="481">
        <v>221</v>
      </c>
      <c r="E666" s="481"/>
      <c r="F666" s="481" t="s">
        <v>2481</v>
      </c>
      <c r="G666" s="482" t="s">
        <v>53</v>
      </c>
      <c r="H666" s="481" t="s">
        <v>329</v>
      </c>
      <c r="I666" s="654" t="s">
        <v>456</v>
      </c>
      <c r="J666" s="654" t="s">
        <v>369</v>
      </c>
      <c r="K666" s="495" t="s">
        <v>480</v>
      </c>
      <c r="L666" s="621"/>
      <c r="M666" s="484" t="s">
        <v>58</v>
      </c>
      <c r="N666" s="329" t="s">
        <v>2606</v>
      </c>
      <c r="O666" s="484" t="s">
        <v>2996</v>
      </c>
      <c r="P666" s="484" t="s">
        <v>81</v>
      </c>
      <c r="Q666" s="667" t="s">
        <v>334</v>
      </c>
      <c r="R666" s="484" t="s">
        <v>334</v>
      </c>
      <c r="S666" s="484" t="s">
        <v>71</v>
      </c>
      <c r="T666" s="484"/>
      <c r="U666" s="620" t="s">
        <v>63</v>
      </c>
      <c r="V666" s="620" t="s">
        <v>63</v>
      </c>
      <c r="W666" s="723">
        <v>19136.934537342702</v>
      </c>
      <c r="X666" s="723"/>
      <c r="Y666" s="654" t="s">
        <v>226</v>
      </c>
      <c r="Z666" s="654"/>
      <c r="AA666" s="723">
        <v>19136.934537342702</v>
      </c>
      <c r="AB666" s="652" t="s">
        <v>82</v>
      </c>
      <c r="AC666" s="652"/>
      <c r="AD666" s="496"/>
      <c r="AE666" s="496"/>
      <c r="AF666" s="496"/>
      <c r="AG666" s="496"/>
      <c r="AH666" s="496"/>
      <c r="AI666" s="487"/>
      <c r="AJ666" s="496"/>
      <c r="AK666" s="496"/>
      <c r="AL666" s="496"/>
      <c r="AM666" s="496"/>
      <c r="AN666" s="496"/>
      <c r="AO666" s="496"/>
      <c r="AP666" s="496" t="s">
        <v>66</v>
      </c>
      <c r="AQ666" s="496"/>
      <c r="AR666" s="496"/>
      <c r="AS666" s="496"/>
      <c r="AT666" s="496"/>
      <c r="AU666" s="487"/>
      <c r="AV666" s="487"/>
      <c r="AW666" s="487"/>
      <c r="AX666" s="487"/>
      <c r="AY666" s="487"/>
      <c r="AZ666" s="487"/>
      <c r="BA666" s="484"/>
      <c r="BB666" s="484"/>
      <c r="BC666" s="484"/>
      <c r="BD666" s="494"/>
      <c r="BE666" s="494"/>
      <c r="BF666" s="613"/>
      <c r="BG666" s="613"/>
      <c r="BH666" s="613"/>
      <c r="BI666" s="613"/>
      <c r="BJ666" s="613"/>
      <c r="BK666" s="613"/>
      <c r="BL666" s="613"/>
      <c r="BM666" s="613"/>
      <c r="BN666" s="613"/>
      <c r="BO666" s="613"/>
      <c r="BP666" s="613"/>
      <c r="BQ666" s="613"/>
      <c r="BR666" s="613"/>
      <c r="BS666" s="613"/>
      <c r="BT666" s="613"/>
      <c r="BU666" s="613"/>
      <c r="BV666" s="613"/>
      <c r="BW666" s="613"/>
      <c r="BX666" s="613"/>
      <c r="BY666" s="613"/>
      <c r="BZ666" s="613"/>
      <c r="CA666" s="613"/>
      <c r="CB666" s="613"/>
      <c r="CC666" s="613"/>
      <c r="CD666" s="613"/>
      <c r="CE666" s="613"/>
      <c r="CF666" s="613"/>
      <c r="CG666" s="613"/>
      <c r="CH666" s="613"/>
      <c r="CI666" s="613"/>
      <c r="CJ666" s="613"/>
      <c r="CK666" s="613"/>
      <c r="CL666" s="613"/>
      <c r="CM666" s="613"/>
      <c r="CN666" s="613"/>
      <c r="CO666" s="613"/>
      <c r="CP666" s="613"/>
      <c r="CQ666" s="613"/>
      <c r="CR666" s="613"/>
      <c r="CS666" s="613"/>
      <c r="CT666" s="613"/>
      <c r="CU666" s="613"/>
      <c r="CV666" s="613"/>
      <c r="CW666" s="613"/>
      <c r="CX666" s="613"/>
      <c r="CY666" s="613"/>
      <c r="CZ666" s="613"/>
      <c r="DA666" s="613"/>
      <c r="DB666" s="613"/>
      <c r="DC666" s="613"/>
      <c r="DD666" s="613"/>
      <c r="DE666" s="613"/>
      <c r="DF666" s="613"/>
      <c r="DG666" s="613"/>
      <c r="DH666" s="613"/>
      <c r="DI666" s="613"/>
      <c r="DJ666" s="613"/>
      <c r="DK666" s="613"/>
      <c r="DL666" s="613"/>
      <c r="DM666" s="613"/>
      <c r="DN666" s="613"/>
      <c r="DO666" s="613"/>
      <c r="DP666" s="613"/>
      <c r="DQ666" s="613"/>
      <c r="DR666" s="613"/>
      <c r="DS666" s="613"/>
      <c r="DT666" s="613"/>
      <c r="DU666" s="613"/>
      <c r="DV666" s="613"/>
      <c r="DW666" s="613"/>
      <c r="DX666" s="613"/>
      <c r="DY666" s="613"/>
      <c r="DZ666" s="613"/>
      <c r="EA666" s="613"/>
      <c r="EB666" s="613"/>
      <c r="EC666" s="613"/>
      <c r="ED666" s="613"/>
      <c r="EE666" s="613"/>
      <c r="EF666" s="613"/>
      <c r="EG666" s="613"/>
      <c r="EH666" s="613"/>
      <c r="EI666" s="613"/>
      <c r="EJ666" s="613"/>
      <c r="EK666" s="613"/>
      <c r="EL666" s="613"/>
      <c r="EM666" s="613"/>
      <c r="EN666" s="613"/>
      <c r="EO666" s="613"/>
      <c r="EP666" s="613"/>
      <c r="EQ666" s="613"/>
      <c r="ER666" s="613"/>
      <c r="ES666" s="613"/>
      <c r="ET666" s="613"/>
      <c r="EU666" s="613"/>
      <c r="EV666" s="613"/>
      <c r="EW666" s="613"/>
      <c r="EX666" s="613"/>
      <c r="EY666" s="613"/>
      <c r="EZ666" s="613"/>
      <c r="FA666" s="613"/>
      <c r="FB666" s="613"/>
      <c r="FC666" s="613"/>
      <c r="FD666" s="613"/>
      <c r="FE666" s="613"/>
      <c r="FF666" s="613"/>
      <c r="FG666" s="613"/>
      <c r="FH666" s="613"/>
      <c r="FI666" s="613"/>
      <c r="FJ666" s="613"/>
      <c r="FK666" s="613"/>
      <c r="FL666" s="613"/>
      <c r="FM666" s="613"/>
      <c r="FN666" s="613"/>
      <c r="FO666" s="613"/>
      <c r="FP666" s="613"/>
      <c r="FQ666" s="613"/>
      <c r="FR666" s="613"/>
      <c r="FS666" s="613"/>
      <c r="FT666" s="613"/>
      <c r="FU666" s="613"/>
      <c r="FV666" s="613"/>
      <c r="FW666" s="613"/>
      <c r="FX666" s="613"/>
      <c r="FY666" s="613"/>
      <c r="FZ666" s="613"/>
      <c r="GA666" s="613"/>
      <c r="GB666" s="613"/>
      <c r="GC666" s="613"/>
      <c r="GD666" s="613"/>
      <c r="GE666" s="613"/>
      <c r="GF666" s="613"/>
      <c r="GG666" s="613"/>
      <c r="GH666" s="613"/>
      <c r="GI666" s="613"/>
      <c r="GJ666" s="613"/>
      <c r="GK666" s="613"/>
      <c r="GL666" s="613"/>
      <c r="GM666" s="613"/>
      <c r="GN666" s="613"/>
      <c r="GO666" s="613"/>
      <c r="GP666" s="613"/>
      <c r="GQ666" s="613"/>
      <c r="GR666" s="613"/>
      <c r="GS666" s="613"/>
      <c r="GT666" s="613"/>
      <c r="GU666" s="613"/>
      <c r="GV666" s="613"/>
      <c r="GW666" s="613"/>
      <c r="GX666" s="613"/>
      <c r="GY666" s="613"/>
      <c r="GZ666" s="613"/>
      <c r="HA666" s="613"/>
      <c r="HB666" s="613"/>
      <c r="HC666" s="613"/>
      <c r="HD666" s="613"/>
      <c r="HE666" s="613"/>
      <c r="HF666" s="613"/>
      <c r="HG666" s="613"/>
      <c r="HH666" s="613"/>
      <c r="HI666" s="613"/>
      <c r="HJ666" s="613"/>
      <c r="HK666" s="613"/>
      <c r="HL666" s="613"/>
      <c r="HM666" s="613"/>
      <c r="HN666" s="613"/>
      <c r="HO666" s="613"/>
      <c r="HP666" s="613"/>
      <c r="HQ666" s="613"/>
      <c r="HR666" s="613"/>
      <c r="HS666" s="613"/>
      <c r="HT666" s="613"/>
      <c r="HU666" s="613"/>
      <c r="HV666" s="613"/>
      <c r="HW666" s="613"/>
      <c r="HX666" s="613"/>
      <c r="HY666" s="613"/>
      <c r="HZ666" s="613"/>
      <c r="IA666" s="613"/>
      <c r="IB666" s="613"/>
      <c r="IC666" s="613"/>
      <c r="ID666" s="613"/>
      <c r="IE666" s="613"/>
      <c r="IF666" s="613"/>
      <c r="IG666" s="613"/>
      <c r="IH666" s="613"/>
      <c r="II666" s="613"/>
      <c r="IJ666" s="613"/>
      <c r="IK666" s="613"/>
      <c r="IL666" s="613"/>
      <c r="IM666" s="613"/>
      <c r="IN666" s="613"/>
      <c r="IO666" s="613"/>
      <c r="IP666" s="613"/>
      <c r="IQ666" s="613"/>
      <c r="IR666" s="613"/>
      <c r="IS666" s="613"/>
      <c r="IT666" s="613"/>
      <c r="IU666" s="613"/>
      <c r="IV666" s="613"/>
      <c r="IW666" s="613"/>
      <c r="IX666" s="613"/>
      <c r="IY666" s="613"/>
      <c r="IZ666" s="613"/>
      <c r="JA666" s="613"/>
      <c r="JB666" s="613"/>
      <c r="JC666" s="613"/>
      <c r="JD666" s="613"/>
      <c r="JE666" s="613"/>
      <c r="JF666" s="613"/>
      <c r="JG666" s="613"/>
      <c r="JH666" s="613"/>
      <c r="JI666" s="613"/>
      <c r="JJ666" s="613"/>
      <c r="JK666" s="613"/>
      <c r="JL666" s="613"/>
      <c r="JM666" s="613"/>
      <c r="JN666" s="613"/>
      <c r="JO666" s="613"/>
      <c r="JP666" s="613"/>
      <c r="JQ666" s="613"/>
      <c r="JR666" s="613"/>
      <c r="JS666" s="613"/>
      <c r="JT666" s="613"/>
      <c r="JU666" s="613"/>
      <c r="JV666" s="613"/>
      <c r="JW666" s="613"/>
      <c r="JX666" s="613"/>
      <c r="JY666" s="613"/>
      <c r="JZ666" s="613"/>
      <c r="KA666" s="613"/>
      <c r="KB666" s="613"/>
      <c r="KC666" s="613"/>
      <c r="KD666" s="613"/>
      <c r="KE666" s="613"/>
      <c r="KF666" s="613"/>
      <c r="KG666" s="613"/>
      <c r="KH666" s="613"/>
      <c r="KI666" s="613"/>
      <c r="KJ666" s="613"/>
      <c r="KK666" s="613"/>
      <c r="KL666" s="613"/>
      <c r="KM666" s="613"/>
      <c r="KN666" s="613"/>
      <c r="KO666" s="613"/>
      <c r="KP666" s="613"/>
      <c r="KQ666" s="613"/>
      <c r="KR666" s="613"/>
      <c r="KS666" s="613"/>
      <c r="KT666" s="613"/>
      <c r="KU666" s="613"/>
      <c r="KV666" s="613"/>
      <c r="KW666" s="613"/>
      <c r="KX666" s="613"/>
      <c r="KY666" s="613"/>
      <c r="KZ666" s="613"/>
      <c r="LA666" s="613"/>
      <c r="LB666" s="613"/>
      <c r="LC666" s="613"/>
      <c r="LD666" s="613"/>
      <c r="LE666" s="613"/>
      <c r="LF666" s="613"/>
      <c r="LG666" s="613"/>
      <c r="LH666" s="613"/>
      <c r="LI666" s="613"/>
      <c r="LJ666" s="613"/>
      <c r="LK666" s="613"/>
      <c r="LL666" s="613"/>
      <c r="LM666" s="613"/>
      <c r="LN666" s="613"/>
      <c r="LO666" s="613"/>
      <c r="LP666" s="613"/>
      <c r="LQ666" s="613"/>
      <c r="LR666" s="613"/>
      <c r="LS666" s="613"/>
      <c r="LT666" s="613"/>
      <c r="LU666" s="613"/>
      <c r="LV666" s="613"/>
      <c r="LW666" s="613"/>
      <c r="LX666" s="613"/>
      <c r="LY666" s="613"/>
      <c r="LZ666" s="613"/>
      <c r="MA666" s="613"/>
      <c r="MB666" s="613"/>
      <c r="MC666" s="613"/>
      <c r="MD666" s="613"/>
      <c r="ME666" s="613"/>
      <c r="MF666" s="613"/>
      <c r="MG666" s="613"/>
      <c r="MH666" s="613"/>
      <c r="MI666" s="613"/>
      <c r="MJ666" s="613"/>
      <c r="MK666" s="613"/>
      <c r="ML666" s="613"/>
      <c r="MM666" s="613"/>
      <c r="MN666" s="613"/>
      <c r="MO666" s="613"/>
      <c r="MP666" s="613"/>
      <c r="MQ666" s="613"/>
      <c r="MR666" s="613"/>
      <c r="MS666" s="613"/>
      <c r="MT666" s="613"/>
      <c r="MU666" s="613"/>
      <c r="MV666" s="613"/>
      <c r="MW666" s="613"/>
      <c r="MX666" s="613"/>
      <c r="MY666" s="613"/>
      <c r="MZ666" s="613"/>
      <c r="NA666" s="613"/>
      <c r="NB666" s="613"/>
      <c r="NC666" s="613"/>
      <c r="ND666" s="613"/>
      <c r="NE666" s="613"/>
      <c r="NF666" s="613"/>
      <c r="NG666" s="613"/>
      <c r="NH666" s="613"/>
      <c r="NI666" s="613"/>
      <c r="NJ666" s="613"/>
      <c r="NK666" s="613"/>
      <c r="NL666" s="613"/>
      <c r="NM666" s="613"/>
      <c r="NN666" s="613"/>
      <c r="NO666" s="613"/>
      <c r="NP666" s="613"/>
      <c r="NQ666" s="613"/>
      <c r="NR666" s="613"/>
      <c r="NS666" s="613"/>
      <c r="NT666" s="613"/>
      <c r="NU666" s="613"/>
      <c r="NV666" s="613"/>
      <c r="NW666" s="613"/>
      <c r="NX666" s="613"/>
      <c r="NY666" s="613"/>
      <c r="NZ666" s="613"/>
      <c r="OA666" s="613"/>
      <c r="OB666" s="613"/>
      <c r="OC666" s="613"/>
      <c r="OD666" s="613"/>
      <c r="OE666" s="613"/>
      <c r="OF666" s="613"/>
      <c r="OG666" s="613"/>
      <c r="OH666" s="613"/>
      <c r="OI666" s="613"/>
      <c r="OJ666" s="613"/>
      <c r="OK666" s="613"/>
      <c r="OL666" s="613"/>
      <c r="OM666" s="613"/>
      <c r="ON666" s="613"/>
      <c r="OO666" s="613"/>
      <c r="OP666" s="613"/>
      <c r="OQ666" s="613"/>
      <c r="OR666" s="613"/>
      <c r="OS666" s="613"/>
      <c r="OT666" s="613"/>
      <c r="OU666" s="613"/>
      <c r="OV666" s="613"/>
      <c r="OW666" s="613"/>
      <c r="OX666" s="613"/>
      <c r="OY666" s="613"/>
      <c r="OZ666" s="613"/>
      <c r="PA666" s="613"/>
      <c r="PB666" s="613"/>
      <c r="PC666" s="613"/>
      <c r="PD666" s="613"/>
      <c r="PE666" s="613"/>
      <c r="PF666" s="613"/>
      <c r="PG666" s="613"/>
      <c r="PH666" s="613"/>
      <c r="PI666" s="613"/>
      <c r="PJ666" s="613"/>
      <c r="PK666" s="613"/>
      <c r="PL666" s="613"/>
      <c r="PM666" s="613"/>
      <c r="PN666" s="613"/>
      <c r="PO666" s="613"/>
      <c r="PP666" s="613"/>
      <c r="PQ666" s="613"/>
      <c r="PR666" s="613"/>
      <c r="PS666" s="613"/>
      <c r="PT666" s="613"/>
      <c r="PU666" s="613"/>
      <c r="PV666" s="613"/>
      <c r="PW666" s="613"/>
      <c r="PX666" s="613"/>
      <c r="PY666" s="613"/>
      <c r="PZ666" s="613"/>
      <c r="QA666" s="613"/>
      <c r="QB666" s="613"/>
      <c r="QC666" s="613"/>
      <c r="QD666" s="613"/>
      <c r="QE666" s="613"/>
      <c r="QF666" s="613"/>
      <c r="QG666" s="613"/>
      <c r="QH666" s="613"/>
      <c r="QI666" s="613"/>
      <c r="QJ666" s="613"/>
      <c r="QK666" s="613"/>
      <c r="QL666" s="613"/>
      <c r="QM666" s="613"/>
      <c r="QN666" s="613"/>
      <c r="QO666" s="613"/>
      <c r="QP666" s="613"/>
      <c r="QQ666" s="613"/>
      <c r="QR666" s="613"/>
      <c r="QS666" s="613"/>
      <c r="QT666" s="613"/>
      <c r="QU666" s="613"/>
      <c r="QV666" s="613"/>
      <c r="QW666" s="613"/>
      <c r="QX666" s="613"/>
      <c r="QY666" s="613"/>
      <c r="QZ666" s="613"/>
      <c r="RA666" s="613"/>
      <c r="RB666" s="613"/>
      <c r="RC666" s="613"/>
      <c r="RD666" s="613"/>
      <c r="RE666" s="613"/>
      <c r="RF666" s="613"/>
      <c r="RG666" s="613"/>
      <c r="RH666" s="613"/>
      <c r="RI666" s="613"/>
      <c r="RJ666" s="613"/>
      <c r="RK666" s="613"/>
      <c r="RL666" s="613"/>
      <c r="RM666" s="613"/>
      <c r="RN666" s="613"/>
      <c r="RO666" s="613"/>
      <c r="RP666" s="613"/>
      <c r="RQ666" s="613"/>
      <c r="RR666" s="613"/>
      <c r="RS666" s="613"/>
      <c r="RT666" s="613"/>
      <c r="RU666" s="613"/>
      <c r="RV666" s="613"/>
      <c r="RW666" s="613"/>
      <c r="RX666" s="613"/>
      <c r="RY666" s="613"/>
      <c r="RZ666" s="613"/>
      <c r="SA666" s="613"/>
      <c r="SB666" s="613"/>
      <c r="SC666" s="613"/>
      <c r="SD666" s="613"/>
      <c r="SE666" s="613"/>
      <c r="SF666" s="613"/>
      <c r="SG666" s="613"/>
      <c r="SH666" s="613"/>
      <c r="SI666" s="613"/>
      <c r="SJ666" s="613"/>
      <c r="SK666" s="613"/>
      <c r="SL666" s="613"/>
      <c r="SM666" s="613"/>
      <c r="SN666" s="613"/>
      <c r="SO666" s="613"/>
      <c r="SP666" s="613"/>
      <c r="SQ666" s="613"/>
      <c r="SR666" s="613"/>
      <c r="SS666" s="613"/>
      <c r="ST666" s="613"/>
      <c r="SU666" s="613"/>
      <c r="SV666" s="613"/>
      <c r="SW666" s="613"/>
      <c r="SX666" s="613"/>
      <c r="SY666" s="613"/>
      <c r="SZ666" s="613"/>
      <c r="TA666" s="613"/>
      <c r="TB666" s="613"/>
      <c r="TC666" s="613"/>
      <c r="TD666" s="613"/>
      <c r="TE666" s="613"/>
      <c r="TF666" s="613"/>
      <c r="TG666" s="613"/>
      <c r="TH666" s="613"/>
      <c r="TI666" s="613"/>
      <c r="TJ666" s="613"/>
      <c r="TK666" s="613"/>
      <c r="TL666" s="613"/>
      <c r="TM666" s="613"/>
      <c r="TN666" s="613"/>
      <c r="TO666" s="613"/>
      <c r="TP666" s="613"/>
      <c r="TQ666" s="613"/>
      <c r="TR666" s="613"/>
      <c r="TS666" s="613"/>
      <c r="TT666" s="613"/>
      <c r="TU666" s="613"/>
      <c r="TV666" s="613"/>
      <c r="TW666" s="613"/>
      <c r="TX666" s="613"/>
      <c r="TY666" s="613"/>
      <c r="TZ666" s="613"/>
      <c r="UA666" s="613"/>
      <c r="UB666" s="613"/>
      <c r="UC666" s="613"/>
      <c r="UD666" s="613"/>
      <c r="UE666" s="613"/>
      <c r="UF666" s="613"/>
      <c r="UG666" s="613"/>
      <c r="UH666" s="613"/>
      <c r="UI666" s="613"/>
      <c r="UJ666" s="613"/>
      <c r="UK666" s="613"/>
      <c r="UL666" s="613"/>
      <c r="UM666" s="613"/>
      <c r="UN666" s="613"/>
      <c r="UO666" s="613"/>
      <c r="UP666" s="613"/>
      <c r="UQ666" s="613"/>
      <c r="UR666" s="613"/>
      <c r="US666" s="613"/>
      <c r="UT666" s="613"/>
      <c r="UU666" s="613"/>
      <c r="UV666" s="613"/>
      <c r="UW666" s="613"/>
      <c r="UX666" s="613"/>
      <c r="UY666" s="613"/>
      <c r="UZ666" s="613"/>
      <c r="VA666" s="613"/>
      <c r="VB666" s="613"/>
      <c r="VC666" s="613"/>
      <c r="VD666" s="613"/>
      <c r="VE666" s="613"/>
      <c r="VF666" s="613"/>
      <c r="VG666" s="613"/>
      <c r="VH666" s="613"/>
      <c r="VI666" s="613"/>
      <c r="VJ666" s="613"/>
      <c r="VK666" s="613"/>
      <c r="VL666" s="613"/>
      <c r="VM666" s="613"/>
      <c r="VN666" s="613"/>
      <c r="VO666" s="613"/>
      <c r="VP666" s="613"/>
      <c r="VQ666" s="613"/>
      <c r="VR666" s="613"/>
      <c r="VS666" s="613"/>
      <c r="VT666" s="613"/>
      <c r="VU666" s="613"/>
      <c r="VV666" s="613"/>
      <c r="VW666" s="613"/>
      <c r="VX666" s="613"/>
      <c r="VY666" s="613"/>
      <c r="VZ666" s="613"/>
      <c r="WA666" s="613"/>
      <c r="WB666" s="613"/>
      <c r="WC666" s="613"/>
      <c r="WD666" s="613"/>
      <c r="WE666" s="613"/>
      <c r="WF666" s="613"/>
      <c r="WG666" s="613"/>
      <c r="WH666" s="613"/>
      <c r="WI666" s="613"/>
      <c r="WJ666" s="613"/>
      <c r="WK666" s="613"/>
      <c r="WL666" s="613"/>
      <c r="WM666" s="613"/>
      <c r="WN666" s="613"/>
      <c r="WO666" s="613"/>
      <c r="WP666" s="613"/>
      <c r="WQ666" s="613"/>
      <c r="WR666" s="613"/>
      <c r="WS666" s="613"/>
      <c r="WT666" s="613"/>
      <c r="WU666" s="613"/>
      <c r="WV666" s="613"/>
      <c r="WW666" s="613"/>
      <c r="WX666" s="613"/>
      <c r="WY666" s="613"/>
      <c r="WZ666" s="613"/>
      <c r="XA666" s="613"/>
      <c r="XB666" s="613"/>
      <c r="XC666" s="613"/>
      <c r="XD666" s="613"/>
      <c r="XE666" s="613"/>
      <c r="XF666" s="613"/>
      <c r="XG666" s="613"/>
      <c r="XH666" s="613"/>
      <c r="XI666" s="613"/>
      <c r="XJ666" s="613"/>
      <c r="XK666" s="613"/>
      <c r="XL666" s="613"/>
      <c r="XM666" s="613"/>
      <c r="XN666" s="613"/>
      <c r="XO666" s="613"/>
      <c r="XP666" s="613"/>
      <c r="XQ666" s="613"/>
      <c r="XR666" s="613"/>
      <c r="XS666" s="613"/>
      <c r="XT666" s="613"/>
      <c r="XU666" s="613"/>
      <c r="XV666" s="613"/>
      <c r="XW666" s="613"/>
      <c r="XX666" s="613"/>
      <c r="XY666" s="613"/>
      <c r="XZ666" s="613"/>
      <c r="YA666" s="613"/>
      <c r="YB666" s="613"/>
      <c r="YC666" s="613"/>
      <c r="YD666" s="613"/>
      <c r="YE666" s="613"/>
      <c r="YF666" s="613"/>
      <c r="YG666" s="613"/>
      <c r="YH666" s="613"/>
      <c r="YI666" s="613"/>
      <c r="YJ666" s="613"/>
      <c r="YK666" s="613"/>
      <c r="YL666" s="613"/>
      <c r="YM666" s="613"/>
      <c r="YN666" s="613"/>
      <c r="YO666" s="613"/>
      <c r="YP666" s="613"/>
      <c r="YQ666" s="613"/>
      <c r="YR666" s="613"/>
      <c r="YS666" s="613"/>
      <c r="YT666" s="613"/>
      <c r="YU666" s="613"/>
      <c r="YV666" s="613"/>
      <c r="YW666" s="613"/>
      <c r="YX666" s="613"/>
      <c r="YY666" s="613"/>
      <c r="YZ666" s="613"/>
      <c r="ZA666" s="613"/>
      <c r="ZB666" s="613"/>
      <c r="ZC666" s="613"/>
      <c r="ZD666" s="613"/>
      <c r="ZE666" s="613"/>
      <c r="ZF666" s="613"/>
      <c r="ZG666" s="613"/>
      <c r="ZH666" s="613"/>
      <c r="ZI666" s="613"/>
      <c r="ZJ666" s="613"/>
      <c r="ZK666" s="613"/>
      <c r="ZL666" s="613"/>
      <c r="ZM666" s="613"/>
      <c r="ZN666" s="613"/>
      <c r="ZO666" s="613"/>
      <c r="ZP666" s="613"/>
      <c r="ZQ666" s="613"/>
      <c r="ZR666" s="613"/>
      <c r="ZS666" s="613"/>
      <c r="ZT666" s="613"/>
      <c r="ZU666" s="613"/>
      <c r="ZV666" s="613"/>
      <c r="ZW666" s="613"/>
      <c r="ZX666" s="613"/>
      <c r="ZY666" s="613"/>
      <c r="ZZ666" s="613"/>
      <c r="AAA666" s="613"/>
      <c r="AAB666" s="613"/>
      <c r="AAC666" s="613"/>
      <c r="AAD666" s="613"/>
      <c r="AAE666" s="613"/>
      <c r="AAF666" s="613"/>
      <c r="AAG666" s="613"/>
      <c r="AAH666" s="613"/>
      <c r="AAI666" s="613"/>
      <c r="AAJ666" s="613"/>
      <c r="AAK666" s="613"/>
      <c r="AAL666" s="613"/>
      <c r="AAM666" s="613"/>
      <c r="AAN666" s="613"/>
      <c r="AAO666" s="613"/>
      <c r="AAP666" s="613"/>
      <c r="AAQ666" s="613"/>
      <c r="AAR666" s="613"/>
      <c r="AAS666" s="613"/>
      <c r="AAT666" s="613"/>
      <c r="AAU666" s="613"/>
      <c r="AAV666" s="613"/>
      <c r="AAW666" s="613"/>
      <c r="AAX666" s="613"/>
      <c r="AAY666" s="613"/>
      <c r="AAZ666" s="613"/>
      <c r="ABA666" s="613"/>
      <c r="ABB666" s="613"/>
      <c r="ABC666" s="613"/>
      <c r="ABD666" s="613"/>
      <c r="ABE666" s="613"/>
      <c r="ABF666" s="613"/>
      <c r="ABG666" s="613"/>
      <c r="ABH666" s="613"/>
      <c r="ABI666" s="613"/>
      <c r="ABJ666" s="613"/>
      <c r="ABK666" s="613"/>
      <c r="ABL666" s="613"/>
      <c r="ABM666" s="613"/>
      <c r="ABN666" s="613"/>
      <c r="ABO666" s="613"/>
      <c r="ABP666" s="613"/>
      <c r="ABQ666" s="613"/>
      <c r="ABR666" s="613"/>
      <c r="ABS666" s="613"/>
      <c r="ABT666" s="613"/>
      <c r="ABU666" s="613"/>
      <c r="ABV666" s="613"/>
      <c r="ABW666" s="613"/>
      <c r="ABX666" s="613"/>
      <c r="ABY666" s="613"/>
      <c r="ABZ666" s="613"/>
      <c r="ACA666" s="613"/>
      <c r="ACB666" s="613"/>
      <c r="ACC666" s="613"/>
      <c r="ACD666" s="613"/>
      <c r="ACE666" s="613"/>
      <c r="ACF666" s="613"/>
      <c r="ACG666" s="613"/>
      <c r="ACH666" s="613"/>
      <c r="ACI666" s="613"/>
      <c r="ACJ666" s="613"/>
      <c r="ACK666" s="613"/>
      <c r="ACL666" s="613"/>
      <c r="ACM666" s="613"/>
      <c r="ACN666" s="613"/>
      <c r="ACO666" s="613"/>
      <c r="ACP666" s="613"/>
      <c r="ACQ666" s="613"/>
      <c r="ACR666" s="613"/>
      <c r="ACS666" s="613"/>
      <c r="ACT666" s="613"/>
      <c r="ACU666" s="613"/>
      <c r="ACV666" s="613"/>
      <c r="ACW666" s="613"/>
      <c r="ACX666" s="613"/>
      <c r="ACY666" s="613"/>
      <c r="ACZ666" s="613"/>
      <c r="ADA666" s="613"/>
      <c r="ADB666" s="613"/>
      <c r="ADC666" s="613"/>
      <c r="ADD666" s="613"/>
      <c r="ADE666" s="613"/>
      <c r="ADF666" s="613"/>
      <c r="ADG666" s="613"/>
      <c r="ADH666" s="613"/>
      <c r="ADI666" s="613"/>
      <c r="ADJ666" s="613"/>
      <c r="ADK666" s="613"/>
      <c r="ADL666" s="613"/>
      <c r="ADM666" s="613"/>
      <c r="ADN666" s="613"/>
      <c r="ADO666" s="613"/>
      <c r="ADP666" s="613"/>
      <c r="ADQ666" s="613"/>
      <c r="ADR666" s="613"/>
      <c r="ADS666" s="613"/>
      <c r="ADT666" s="613"/>
      <c r="ADU666" s="613"/>
      <c r="ADV666" s="613"/>
      <c r="ADW666" s="613"/>
      <c r="ADX666" s="613"/>
      <c r="ADY666" s="613"/>
      <c r="ADZ666" s="613"/>
      <c r="AEA666" s="613"/>
      <c r="AEB666" s="613"/>
      <c r="AEC666" s="613"/>
      <c r="AED666" s="613"/>
      <c r="AEE666" s="613"/>
      <c r="AEF666" s="613"/>
      <c r="AEG666" s="613"/>
      <c r="AEH666" s="613"/>
      <c r="AEI666" s="613"/>
      <c r="AEJ666" s="613"/>
      <c r="AEK666" s="613"/>
      <c r="AEL666" s="613"/>
      <c r="AEM666" s="613"/>
      <c r="AEN666" s="613"/>
      <c r="AEO666" s="613"/>
      <c r="AEP666" s="613"/>
      <c r="AEQ666" s="613"/>
      <c r="AER666" s="613"/>
      <c r="AES666" s="613"/>
      <c r="AET666" s="613"/>
      <c r="AEU666" s="613"/>
      <c r="AEV666" s="613"/>
      <c r="AEW666" s="613"/>
      <c r="AEX666" s="613"/>
      <c r="AEY666" s="613"/>
      <c r="AEZ666" s="613"/>
      <c r="AFA666" s="613"/>
      <c r="AFB666" s="613"/>
      <c r="AFC666" s="613"/>
      <c r="AFD666" s="613"/>
      <c r="AFE666" s="613"/>
      <c r="AFF666" s="613"/>
      <c r="AFG666" s="613"/>
      <c r="AFH666" s="613"/>
      <c r="AFI666" s="613"/>
      <c r="AFJ666" s="613"/>
      <c r="AFK666" s="613"/>
      <c r="AFL666" s="613"/>
      <c r="AFM666" s="613"/>
      <c r="AFN666" s="613"/>
      <c r="AFO666" s="613"/>
      <c r="AFP666" s="613"/>
      <c r="AFQ666" s="613"/>
      <c r="AFR666" s="613"/>
      <c r="AFS666" s="613"/>
      <c r="AFT666" s="613"/>
      <c r="AFU666" s="613"/>
      <c r="AFV666" s="613"/>
      <c r="AFW666" s="613"/>
      <c r="AFX666" s="613"/>
      <c r="AFY666" s="613"/>
      <c r="AFZ666" s="613"/>
      <c r="AGA666" s="613"/>
      <c r="AGB666" s="613"/>
      <c r="AGC666" s="613"/>
      <c r="AGD666" s="613"/>
      <c r="AGE666" s="613"/>
      <c r="AGF666" s="613"/>
      <c r="AGG666" s="613"/>
      <c r="AGH666" s="613"/>
      <c r="AGI666" s="613"/>
      <c r="AGJ666" s="613"/>
      <c r="AGK666" s="613"/>
      <c r="AGL666" s="613"/>
      <c r="AGM666" s="613"/>
      <c r="AGN666" s="613"/>
      <c r="AGO666" s="613"/>
      <c r="AGP666" s="613"/>
      <c r="AGQ666" s="613"/>
      <c r="AGR666" s="613"/>
      <c r="AGS666" s="613"/>
      <c r="AGT666" s="613"/>
      <c r="AGU666" s="613"/>
      <c r="AGV666" s="613"/>
      <c r="AGW666" s="613"/>
      <c r="AGX666" s="613"/>
      <c r="AGY666" s="613"/>
      <c r="AGZ666" s="613"/>
      <c r="AHA666" s="613"/>
      <c r="AHB666" s="613"/>
      <c r="AHC666" s="613"/>
      <c r="AHD666" s="613"/>
      <c r="AHE666" s="613"/>
      <c r="AHF666" s="613"/>
      <c r="AHG666" s="613"/>
      <c r="AHH666" s="613"/>
      <c r="AHI666" s="613"/>
      <c r="AHJ666" s="613"/>
      <c r="AHK666" s="613"/>
      <c r="AHL666" s="613"/>
      <c r="AHM666" s="613"/>
      <c r="AHN666" s="613"/>
      <c r="AHO666" s="613"/>
      <c r="AHP666" s="613"/>
      <c r="AHQ666" s="613"/>
      <c r="AHR666" s="613"/>
      <c r="AHS666" s="613"/>
      <c r="AHT666" s="613"/>
      <c r="AHU666" s="613"/>
      <c r="AHV666" s="613"/>
      <c r="AHW666" s="613"/>
      <c r="AHX666" s="613"/>
      <c r="AHY666" s="613"/>
      <c r="AHZ666" s="613"/>
      <c r="AIA666" s="613"/>
      <c r="AIB666" s="613"/>
      <c r="AIC666" s="613"/>
      <c r="AID666" s="613"/>
      <c r="AIE666" s="613"/>
      <c r="AIF666" s="613"/>
      <c r="AIG666" s="613"/>
      <c r="AIH666" s="613"/>
      <c r="AII666" s="613"/>
      <c r="AIJ666" s="613"/>
      <c r="AIK666" s="613"/>
      <c r="AIL666" s="613"/>
      <c r="AIM666" s="613"/>
      <c r="AIN666" s="613"/>
      <c r="AIO666" s="613"/>
      <c r="AIP666" s="613"/>
      <c r="AIQ666" s="613"/>
      <c r="AIR666" s="613"/>
      <c r="AIS666" s="613"/>
      <c r="AIT666" s="613"/>
      <c r="AIU666" s="613"/>
      <c r="AIV666" s="613"/>
      <c r="AIW666" s="613"/>
      <c r="AIX666" s="613"/>
      <c r="AIY666" s="613"/>
      <c r="AIZ666" s="613"/>
      <c r="AJA666" s="613"/>
      <c r="AJB666" s="613"/>
      <c r="AJC666" s="613"/>
      <c r="AJD666" s="613"/>
      <c r="AJE666" s="613"/>
      <c r="AJF666" s="613"/>
      <c r="AJG666" s="613"/>
      <c r="AJH666" s="613"/>
      <c r="AJI666" s="613"/>
      <c r="AJJ666" s="613"/>
      <c r="AJK666" s="613"/>
      <c r="AJL666" s="613"/>
      <c r="AJM666" s="613"/>
      <c r="AJN666" s="613"/>
      <c r="AJO666" s="613"/>
      <c r="AJP666" s="613"/>
      <c r="AJQ666" s="613"/>
      <c r="AJR666" s="613"/>
      <c r="AJS666" s="613"/>
      <c r="AJT666" s="613"/>
      <c r="AJU666" s="613"/>
      <c r="AJV666" s="613"/>
      <c r="AJW666" s="613"/>
      <c r="AJX666" s="613"/>
      <c r="AJY666" s="613"/>
      <c r="AJZ666" s="613"/>
      <c r="AKA666" s="613"/>
      <c r="AKB666" s="613"/>
      <c r="AKC666" s="613"/>
      <c r="AKD666" s="613"/>
      <c r="AKE666" s="613"/>
      <c r="AKF666" s="613"/>
      <c r="AKG666" s="613"/>
      <c r="AKH666" s="613"/>
      <c r="AKI666" s="613"/>
      <c r="AKJ666" s="613"/>
      <c r="AKK666" s="613"/>
      <c r="AKL666" s="613"/>
      <c r="AKM666" s="613"/>
      <c r="AKN666" s="613"/>
      <c r="AKO666" s="613"/>
      <c r="AKP666" s="613"/>
      <c r="AKQ666" s="613"/>
      <c r="AKR666" s="613"/>
      <c r="AKS666" s="613"/>
      <c r="AKT666" s="613"/>
      <c r="AKU666" s="613"/>
      <c r="AKV666" s="613"/>
      <c r="AKW666" s="613"/>
      <c r="AKX666" s="613"/>
      <c r="AKY666" s="613"/>
      <c r="AKZ666" s="613"/>
      <c r="ALA666" s="613"/>
      <c r="ALB666" s="613"/>
      <c r="ALC666" s="613"/>
      <c r="ALD666" s="613"/>
      <c r="ALE666" s="613"/>
      <c r="ALF666" s="613"/>
      <c r="ALG666" s="613"/>
      <c r="ALH666" s="613"/>
      <c r="ALI666" s="613"/>
      <c r="ALJ666" s="613"/>
      <c r="ALK666" s="613"/>
      <c r="ALL666" s="613"/>
      <c r="ALM666" s="613"/>
      <c r="ALN666" s="613"/>
      <c r="ALO666" s="613"/>
      <c r="ALP666" s="613"/>
      <c r="ALQ666" s="613"/>
      <c r="ALR666" s="613"/>
      <c r="ALS666" s="613"/>
      <c r="ALT666" s="613"/>
      <c r="ALU666" s="613"/>
      <c r="ALV666" s="613"/>
      <c r="ALW666" s="613"/>
      <c r="ALX666" s="613"/>
      <c r="ALY666" s="613"/>
      <c r="ALZ666" s="613"/>
      <c r="AMA666" s="613"/>
      <c r="AMB666" s="613"/>
      <c r="AMC666" s="613"/>
      <c r="AMD666" s="613"/>
      <c r="AME666" s="613"/>
      <c r="AMF666" s="613"/>
      <c r="AMG666" s="613"/>
      <c r="AMH666" s="613"/>
      <c r="AMI666" s="613"/>
      <c r="AMJ666" s="613"/>
      <c r="AMK666" s="613"/>
      <c r="AML666" s="613"/>
      <c r="AMM666" s="613"/>
      <c r="AMN666" s="613"/>
      <c r="AMO666" s="613"/>
      <c r="AMP666" s="613"/>
      <c r="AMQ666" s="613"/>
      <c r="AMR666" s="613"/>
      <c r="AMS666" s="613"/>
      <c r="AMT666" s="613"/>
      <c r="AMU666" s="613"/>
      <c r="AMV666" s="613"/>
      <c r="AMW666" s="613"/>
      <c r="AMX666" s="613"/>
      <c r="AMY666" s="613"/>
      <c r="AMZ666" s="613"/>
      <c r="ANA666" s="613"/>
      <c r="ANB666" s="613"/>
      <c r="ANC666" s="613"/>
      <c r="AND666" s="613"/>
      <c r="ANE666" s="613"/>
      <c r="ANF666" s="613"/>
      <c r="ANG666" s="613"/>
      <c r="ANH666" s="613"/>
      <c r="ANI666" s="613"/>
      <c r="ANJ666" s="613"/>
      <c r="ANK666" s="613"/>
      <c r="ANL666" s="613"/>
      <c r="ANM666" s="613"/>
      <c r="ANN666" s="613"/>
      <c r="ANO666" s="613"/>
      <c r="ANP666" s="613"/>
      <c r="ANQ666" s="613"/>
      <c r="ANR666" s="613"/>
      <c r="ANS666" s="613"/>
      <c r="ANT666" s="613"/>
      <c r="ANU666" s="613"/>
      <c r="ANV666" s="613"/>
      <c r="ANW666" s="613"/>
      <c r="ANX666" s="613"/>
      <c r="ANY666" s="613"/>
      <c r="ANZ666" s="613"/>
      <c r="AOA666" s="613"/>
      <c r="AOB666" s="613"/>
      <c r="AOC666" s="613"/>
      <c r="AOD666" s="613"/>
      <c r="AOE666" s="613"/>
      <c r="AOF666" s="613"/>
      <c r="AOG666" s="613"/>
      <c r="AOH666" s="613"/>
      <c r="AOI666" s="613"/>
      <c r="AOJ666" s="613"/>
      <c r="AOK666" s="613"/>
      <c r="AOL666" s="613"/>
      <c r="AOM666" s="613"/>
      <c r="AON666" s="613"/>
      <c r="AOO666" s="613"/>
      <c r="AOP666" s="613"/>
      <c r="AOQ666" s="613"/>
      <c r="AOR666" s="613"/>
      <c r="AOS666" s="613"/>
      <c r="AOT666" s="613"/>
      <c r="AOU666" s="613"/>
      <c r="AOV666" s="613"/>
      <c r="AOW666" s="613"/>
      <c r="AOX666" s="613"/>
      <c r="AOY666" s="613"/>
      <c r="AOZ666" s="613"/>
      <c r="APA666" s="613"/>
      <c r="APB666" s="613"/>
      <c r="APC666" s="613"/>
      <c r="APD666" s="613"/>
      <c r="APE666" s="613"/>
      <c r="APF666" s="613"/>
      <c r="APG666" s="613"/>
      <c r="APH666" s="613"/>
      <c r="API666" s="613"/>
      <c r="APJ666" s="613"/>
      <c r="APK666" s="613"/>
      <c r="APL666" s="613"/>
      <c r="APM666" s="613"/>
      <c r="APN666" s="613"/>
      <c r="APO666" s="613"/>
      <c r="APP666" s="613"/>
      <c r="APQ666" s="613"/>
      <c r="APR666" s="613"/>
      <c r="APS666" s="613"/>
      <c r="APT666" s="613"/>
      <c r="APU666" s="613"/>
      <c r="APV666" s="613"/>
      <c r="APW666" s="613"/>
      <c r="APX666" s="613"/>
      <c r="APY666" s="613"/>
      <c r="APZ666" s="613"/>
      <c r="AQA666" s="613"/>
      <c r="AQB666" s="613"/>
      <c r="AQC666" s="613"/>
      <c r="AQD666" s="613"/>
      <c r="AQE666" s="613"/>
      <c r="AQF666" s="613"/>
      <c r="AQG666" s="613"/>
      <c r="AQH666" s="613"/>
      <c r="AQI666" s="613"/>
      <c r="AQJ666" s="613"/>
      <c r="AQK666" s="613"/>
      <c r="AQL666" s="613"/>
      <c r="AQM666" s="613"/>
      <c r="AQN666" s="613"/>
      <c r="AQO666" s="613"/>
      <c r="AQP666" s="613"/>
      <c r="AQQ666" s="613"/>
      <c r="AQR666" s="613"/>
      <c r="AQS666" s="613"/>
      <c r="AQT666" s="613"/>
      <c r="AQU666" s="613"/>
      <c r="AQV666" s="613"/>
      <c r="AQW666" s="613"/>
      <c r="AQX666" s="613"/>
      <c r="AQY666" s="613"/>
      <c r="AQZ666" s="613"/>
      <c r="ARA666" s="613"/>
      <c r="ARB666" s="613"/>
      <c r="ARC666" s="613"/>
      <c r="ARD666" s="613"/>
      <c r="ARE666" s="613"/>
      <c r="ARF666" s="613"/>
      <c r="ARG666" s="613"/>
      <c r="ARH666" s="613"/>
      <c r="ARI666" s="613"/>
      <c r="ARJ666" s="613"/>
      <c r="ARK666" s="613"/>
      <c r="ARL666" s="613"/>
      <c r="ARM666" s="613"/>
      <c r="ARN666" s="613"/>
      <c r="ARO666" s="613"/>
      <c r="ARP666" s="613"/>
      <c r="ARQ666" s="613"/>
      <c r="ARR666" s="613"/>
      <c r="ARS666" s="613"/>
      <c r="ART666" s="613"/>
      <c r="ARU666" s="613"/>
      <c r="ARV666" s="613"/>
      <c r="ARW666" s="613"/>
      <c r="ARX666" s="613"/>
      <c r="ARY666" s="613"/>
      <c r="ARZ666" s="613"/>
      <c r="ASA666" s="613"/>
      <c r="ASB666" s="613"/>
      <c r="ASC666" s="613"/>
      <c r="ASD666" s="613"/>
      <c r="ASE666" s="613"/>
      <c r="ASF666" s="613"/>
      <c r="ASG666" s="613"/>
      <c r="ASH666" s="613"/>
      <c r="ASI666" s="613"/>
      <c r="ASJ666" s="613"/>
      <c r="ASK666" s="613"/>
      <c r="ASL666" s="613"/>
      <c r="ASM666" s="613"/>
      <c r="ASN666" s="613"/>
      <c r="ASO666" s="613"/>
      <c r="ASP666" s="613"/>
      <c r="ASQ666" s="613"/>
      <c r="ASR666" s="613"/>
      <c r="ASS666" s="613"/>
      <c r="AST666" s="613"/>
      <c r="ASU666" s="613"/>
      <c r="ASV666" s="613"/>
      <c r="ASW666" s="613"/>
      <c r="ASX666" s="613"/>
      <c r="ASY666" s="613"/>
      <c r="ASZ666" s="613"/>
      <c r="ATA666" s="613"/>
      <c r="ATB666" s="613"/>
      <c r="ATC666" s="613"/>
      <c r="ATD666" s="613"/>
      <c r="ATE666" s="613"/>
      <c r="ATF666" s="613"/>
      <c r="ATG666" s="613"/>
      <c r="ATH666" s="613"/>
      <c r="ATI666" s="613"/>
      <c r="ATJ666" s="613"/>
      <c r="ATK666" s="613"/>
      <c r="ATL666" s="613"/>
      <c r="ATM666" s="613"/>
      <c r="ATN666" s="613"/>
      <c r="ATO666" s="613"/>
      <c r="ATP666" s="613"/>
      <c r="ATQ666" s="613"/>
      <c r="ATR666" s="613"/>
      <c r="ATS666" s="613"/>
      <c r="ATT666" s="613"/>
      <c r="ATU666" s="613"/>
      <c r="ATV666" s="613"/>
      <c r="ATW666" s="613"/>
      <c r="ATX666" s="613"/>
      <c r="ATY666" s="613"/>
      <c r="ATZ666" s="613"/>
      <c r="AUA666" s="613"/>
      <c r="AUB666" s="613"/>
      <c r="AUC666" s="613"/>
      <c r="AUD666" s="613"/>
      <c r="AUE666" s="613"/>
      <c r="AUF666" s="613"/>
      <c r="AUG666" s="613"/>
      <c r="AUH666" s="613"/>
      <c r="AUI666" s="613"/>
      <c r="AUJ666" s="613"/>
      <c r="AUK666" s="613"/>
      <c r="AUL666" s="613"/>
      <c r="AUM666" s="613"/>
      <c r="AUN666" s="613"/>
      <c r="AUO666" s="613"/>
      <c r="AUP666" s="613"/>
      <c r="AUQ666" s="613"/>
      <c r="AUR666" s="613"/>
      <c r="AUS666" s="613"/>
      <c r="AUT666" s="613"/>
      <c r="AUU666" s="613"/>
      <c r="AUV666" s="613"/>
      <c r="AUW666" s="613"/>
      <c r="AUX666" s="613"/>
      <c r="AUY666" s="613"/>
      <c r="AUZ666" s="613"/>
      <c r="AVA666" s="613"/>
      <c r="AVB666" s="613"/>
      <c r="AVC666" s="613"/>
      <c r="AVD666" s="613"/>
      <c r="AVE666" s="613"/>
      <c r="AVF666" s="613"/>
      <c r="AVG666" s="613"/>
      <c r="AVH666" s="613"/>
      <c r="AVI666" s="613"/>
      <c r="AVJ666" s="613"/>
      <c r="AVK666" s="613"/>
      <c r="AVL666" s="613"/>
      <c r="AVM666" s="613"/>
      <c r="AVN666" s="613"/>
      <c r="AVO666" s="613"/>
      <c r="AVP666" s="613"/>
      <c r="AVQ666" s="613"/>
      <c r="AVR666" s="613"/>
      <c r="AVS666" s="613"/>
      <c r="AVT666" s="613"/>
      <c r="AVU666" s="613"/>
      <c r="AVV666" s="613"/>
      <c r="AVW666" s="613"/>
      <c r="AVX666" s="613"/>
      <c r="AVY666" s="613"/>
      <c r="AVZ666" s="613"/>
      <c r="AWA666" s="613"/>
      <c r="AWB666" s="613"/>
      <c r="AWC666" s="613"/>
      <c r="AWD666" s="613"/>
      <c r="AWE666" s="613"/>
      <c r="AWF666" s="613"/>
      <c r="AWG666" s="613"/>
      <c r="AWH666" s="613"/>
      <c r="AWI666" s="613"/>
      <c r="AWJ666" s="613"/>
      <c r="AWK666" s="613"/>
      <c r="AWL666" s="613"/>
      <c r="AWM666" s="613"/>
      <c r="AWN666" s="613"/>
      <c r="AWO666" s="613"/>
      <c r="AWP666" s="613"/>
      <c r="AWQ666" s="613"/>
      <c r="AWR666" s="613"/>
      <c r="AWS666" s="613"/>
      <c r="AWT666" s="613"/>
      <c r="AWU666" s="613"/>
      <c r="AWV666" s="613"/>
      <c r="AWW666" s="613"/>
      <c r="AWX666" s="613"/>
      <c r="AWY666" s="613"/>
      <c r="AWZ666" s="613"/>
      <c r="AXA666" s="613"/>
      <c r="AXB666" s="613"/>
      <c r="AXC666" s="613"/>
      <c r="AXD666" s="613"/>
      <c r="AXE666" s="613"/>
      <c r="AXF666" s="613"/>
      <c r="AXG666" s="613"/>
      <c r="AXH666" s="613"/>
      <c r="AXI666" s="613"/>
      <c r="AXJ666" s="613"/>
      <c r="AXK666" s="613"/>
      <c r="AXL666" s="613"/>
      <c r="AXM666" s="613"/>
      <c r="AXN666" s="613"/>
      <c r="AXO666" s="613"/>
      <c r="AXP666" s="613"/>
      <c r="AXQ666" s="613"/>
      <c r="AXR666" s="613"/>
      <c r="AXS666" s="613"/>
      <c r="AXT666" s="613"/>
      <c r="AXU666" s="613"/>
      <c r="AXV666" s="613"/>
      <c r="AXW666" s="613"/>
      <c r="AXX666" s="613"/>
      <c r="AXY666" s="613"/>
      <c r="AXZ666" s="613"/>
      <c r="AYA666" s="613"/>
      <c r="AYB666" s="613"/>
      <c r="AYC666" s="613"/>
      <c r="AYD666" s="613"/>
      <c r="AYE666" s="613"/>
      <c r="AYF666" s="613"/>
      <c r="AYG666" s="613"/>
      <c r="AYH666" s="613"/>
      <c r="AYI666" s="613"/>
      <c r="AYJ666" s="613"/>
      <c r="AYK666" s="613"/>
      <c r="AYL666" s="613"/>
      <c r="AYM666" s="613"/>
      <c r="AYN666" s="613"/>
      <c r="AYO666" s="613"/>
      <c r="AYP666" s="613"/>
      <c r="AYQ666" s="613"/>
      <c r="AYR666" s="613"/>
      <c r="AYS666" s="613"/>
      <c r="AYT666" s="613"/>
      <c r="AYU666" s="613"/>
      <c r="AYV666" s="613"/>
      <c r="AYW666" s="613"/>
      <c r="AYX666" s="613"/>
      <c r="AYY666" s="613"/>
      <c r="AYZ666" s="613"/>
      <c r="AZA666" s="613"/>
      <c r="AZB666" s="613"/>
      <c r="AZC666" s="613"/>
      <c r="AZD666" s="613"/>
      <c r="AZE666" s="613"/>
      <c r="AZF666" s="613"/>
      <c r="AZG666" s="613"/>
      <c r="AZH666" s="613"/>
      <c r="AZI666" s="613"/>
      <c r="AZJ666" s="613"/>
      <c r="AZK666" s="613"/>
      <c r="AZL666" s="613"/>
      <c r="AZM666" s="613"/>
      <c r="AZN666" s="613"/>
      <c r="AZO666" s="613"/>
      <c r="AZP666" s="613"/>
      <c r="AZQ666" s="613"/>
      <c r="AZR666" s="613"/>
      <c r="AZS666" s="613"/>
      <c r="AZT666" s="613"/>
      <c r="AZU666" s="613"/>
      <c r="AZV666" s="613"/>
      <c r="AZW666" s="613"/>
      <c r="AZX666" s="613"/>
      <c r="AZY666" s="613"/>
      <c r="AZZ666" s="613"/>
      <c r="BAA666" s="613"/>
      <c r="BAB666" s="613"/>
      <c r="BAC666" s="613"/>
      <c r="BAD666" s="613"/>
      <c r="BAE666" s="613"/>
      <c r="BAF666" s="613"/>
      <c r="BAG666" s="613"/>
      <c r="BAH666" s="613"/>
      <c r="BAI666" s="613"/>
      <c r="BAJ666" s="613"/>
      <c r="BAK666" s="613"/>
      <c r="BAL666" s="613"/>
      <c r="BAM666" s="613"/>
      <c r="BAN666" s="613"/>
      <c r="BAO666" s="613"/>
      <c r="BAP666" s="613"/>
      <c r="BAQ666" s="613"/>
      <c r="BAR666" s="613"/>
      <c r="BAS666" s="613"/>
      <c r="BAT666" s="613"/>
      <c r="BAU666" s="613"/>
      <c r="BAV666" s="613"/>
      <c r="BAW666" s="613"/>
      <c r="BAX666" s="613"/>
      <c r="BAY666" s="613"/>
      <c r="BAZ666" s="613"/>
      <c r="BBA666" s="613"/>
      <c r="BBB666" s="613"/>
      <c r="BBC666" s="613"/>
      <c r="BBD666" s="613"/>
      <c r="BBE666" s="613"/>
      <c r="BBF666" s="613"/>
      <c r="BBG666" s="613"/>
      <c r="BBH666" s="613"/>
      <c r="BBI666" s="613"/>
      <c r="BBJ666" s="613"/>
      <c r="BBK666" s="613"/>
      <c r="BBL666" s="613"/>
      <c r="BBM666" s="613"/>
      <c r="BBN666" s="613"/>
      <c r="BBO666" s="613"/>
      <c r="BBP666" s="613"/>
      <c r="BBQ666" s="613"/>
      <c r="BBR666" s="613"/>
      <c r="BBS666" s="613"/>
      <c r="BBT666" s="613"/>
      <c r="BBU666" s="613"/>
      <c r="BBV666" s="613"/>
      <c r="BBW666" s="613"/>
      <c r="BBX666" s="613"/>
      <c r="BBY666" s="613"/>
      <c r="BBZ666" s="613"/>
      <c r="BCA666" s="613"/>
      <c r="BCB666" s="613"/>
      <c r="BCC666" s="613"/>
      <c r="BCD666" s="613"/>
      <c r="BCE666" s="613"/>
      <c r="BCF666" s="613"/>
      <c r="BCG666" s="613"/>
      <c r="BCH666" s="613"/>
      <c r="BCI666" s="613"/>
      <c r="BCJ666" s="613"/>
      <c r="BCK666" s="613"/>
      <c r="BCL666" s="613"/>
      <c r="BCM666" s="613"/>
      <c r="BCN666" s="613"/>
      <c r="BCO666" s="613"/>
      <c r="BCP666" s="613"/>
      <c r="BCQ666" s="613"/>
      <c r="BCR666" s="613"/>
      <c r="BCS666" s="613"/>
      <c r="BCT666" s="613"/>
      <c r="BCU666" s="613"/>
      <c r="BCV666" s="613"/>
      <c r="BCW666" s="613"/>
      <c r="BCX666" s="613"/>
      <c r="BCY666" s="613"/>
      <c r="BCZ666" s="613"/>
      <c r="BDA666" s="613"/>
      <c r="BDB666" s="613"/>
      <c r="BDC666" s="613"/>
      <c r="BDD666" s="613"/>
      <c r="BDE666" s="613"/>
      <c r="BDF666" s="613"/>
      <c r="BDG666" s="613"/>
      <c r="BDH666" s="613"/>
      <c r="BDI666" s="613"/>
      <c r="BDJ666" s="613"/>
      <c r="BDK666" s="613"/>
      <c r="BDL666" s="613"/>
      <c r="BDM666" s="613"/>
      <c r="BDN666" s="613"/>
      <c r="BDO666" s="613"/>
      <c r="BDP666" s="613"/>
      <c r="BDQ666" s="613"/>
      <c r="BDR666" s="613"/>
      <c r="BDS666" s="613"/>
      <c r="BDT666" s="613"/>
      <c r="BDU666" s="613"/>
      <c r="BDV666" s="613"/>
      <c r="BDW666" s="613"/>
      <c r="BDX666" s="613"/>
      <c r="BDY666" s="613"/>
      <c r="BDZ666" s="613"/>
      <c r="BEA666" s="613"/>
      <c r="BEB666" s="613"/>
      <c r="BEC666" s="613"/>
      <c r="BED666" s="613"/>
      <c r="BEE666" s="613"/>
      <c r="BEF666" s="613"/>
      <c r="BEG666" s="613"/>
      <c r="BEH666" s="613"/>
      <c r="BEI666" s="613"/>
      <c r="BEJ666" s="613"/>
      <c r="BEK666" s="613"/>
      <c r="BEL666" s="613"/>
      <c r="BEM666" s="613"/>
      <c r="BEN666" s="613"/>
      <c r="BEO666" s="613"/>
      <c r="BEP666" s="613"/>
      <c r="BEQ666" s="613"/>
      <c r="BER666" s="613"/>
      <c r="BES666" s="613"/>
      <c r="BET666" s="613"/>
      <c r="BEU666" s="613"/>
      <c r="BEV666" s="613"/>
      <c r="BEW666" s="613"/>
      <c r="BEX666" s="613"/>
      <c r="BEY666" s="613"/>
      <c r="BEZ666" s="613"/>
      <c r="BFA666" s="613"/>
      <c r="BFB666" s="613"/>
      <c r="BFC666" s="613"/>
      <c r="BFD666" s="613"/>
      <c r="BFE666" s="613"/>
      <c r="BFF666" s="613"/>
      <c r="BFG666" s="613"/>
      <c r="BFH666" s="613"/>
      <c r="BFI666" s="613"/>
      <c r="BFJ666" s="613"/>
      <c r="BFK666" s="613"/>
      <c r="BFL666" s="613"/>
      <c r="BFM666" s="613"/>
      <c r="BFN666" s="613"/>
      <c r="BFO666" s="613"/>
      <c r="BFP666" s="613"/>
      <c r="BFQ666" s="613"/>
      <c r="BFR666" s="613"/>
      <c r="BFS666" s="613"/>
      <c r="BFT666" s="613"/>
      <c r="BFU666" s="613"/>
      <c r="BFV666" s="613"/>
      <c r="BFW666" s="613"/>
      <c r="BFX666" s="613"/>
      <c r="BFY666" s="613"/>
      <c r="BFZ666" s="613"/>
      <c r="BGA666" s="613"/>
      <c r="BGB666" s="613"/>
      <c r="BGC666" s="613"/>
      <c r="BGD666" s="613"/>
      <c r="BGE666" s="613"/>
      <c r="BGF666" s="613"/>
      <c r="BGG666" s="613"/>
      <c r="BGH666" s="613"/>
      <c r="BGI666" s="613"/>
      <c r="BGJ666" s="613"/>
      <c r="BGK666" s="613"/>
      <c r="BGL666" s="613"/>
      <c r="BGM666" s="613"/>
      <c r="BGN666" s="613"/>
      <c r="BGO666" s="613"/>
      <c r="BGP666" s="613"/>
      <c r="BGQ666" s="613"/>
      <c r="BGR666" s="613"/>
      <c r="BGS666" s="613"/>
      <c r="BGT666" s="613"/>
      <c r="BGU666" s="613"/>
      <c r="BGV666" s="613"/>
      <c r="BGW666" s="613"/>
      <c r="BGX666" s="613"/>
      <c r="BGY666" s="613"/>
      <c r="BGZ666" s="613"/>
      <c r="BHA666" s="613"/>
      <c r="BHB666" s="613"/>
      <c r="BHC666" s="613"/>
      <c r="BHD666" s="613"/>
      <c r="BHE666" s="613"/>
      <c r="BHF666" s="613"/>
      <c r="BHG666" s="613"/>
      <c r="BHH666" s="613"/>
      <c r="BHI666" s="613"/>
      <c r="BHJ666" s="613"/>
      <c r="BHK666" s="613"/>
      <c r="BHL666" s="613"/>
      <c r="BHM666" s="613"/>
      <c r="BHN666" s="613"/>
      <c r="BHO666" s="613"/>
      <c r="BHP666" s="613"/>
      <c r="BHQ666" s="613"/>
      <c r="BHR666" s="613"/>
      <c r="BHS666" s="613"/>
      <c r="BHT666" s="613"/>
      <c r="BHU666" s="613"/>
      <c r="BHV666" s="613"/>
      <c r="BHW666" s="613"/>
      <c r="BHX666" s="613"/>
      <c r="BHY666" s="613"/>
      <c r="BHZ666" s="613"/>
      <c r="BIA666" s="613"/>
      <c r="BIB666" s="613"/>
      <c r="BIC666" s="613"/>
      <c r="BID666" s="613"/>
      <c r="BIE666" s="613"/>
      <c r="BIF666" s="613"/>
      <c r="BIG666" s="613"/>
      <c r="BIH666" s="613"/>
      <c r="BII666" s="613"/>
      <c r="BIJ666" s="613"/>
      <c r="BIK666" s="613"/>
      <c r="BIL666" s="613"/>
      <c r="BIM666" s="613"/>
      <c r="BIN666" s="613"/>
      <c r="BIO666" s="613"/>
      <c r="BIP666" s="613"/>
      <c r="BIQ666" s="613"/>
      <c r="BIR666" s="613"/>
      <c r="BIS666" s="613"/>
      <c r="BIT666" s="613"/>
      <c r="BIU666" s="613"/>
      <c r="BIV666" s="613"/>
      <c r="BIW666" s="613"/>
      <c r="BIX666" s="613"/>
      <c r="BIY666" s="613"/>
      <c r="BIZ666" s="613"/>
      <c r="BJA666" s="613"/>
      <c r="BJB666" s="613"/>
      <c r="BJC666" s="613"/>
      <c r="BJD666" s="613"/>
      <c r="BJE666" s="613"/>
      <c r="BJF666" s="613"/>
      <c r="BJG666" s="613"/>
      <c r="BJH666" s="613"/>
      <c r="BJI666" s="613"/>
      <c r="BJJ666" s="613"/>
      <c r="BJK666" s="613"/>
      <c r="BJL666" s="613"/>
      <c r="BJM666" s="613"/>
      <c r="BJN666" s="613"/>
      <c r="BJO666" s="613"/>
      <c r="BJP666" s="613"/>
      <c r="BJQ666" s="613"/>
      <c r="BJR666" s="613"/>
      <c r="BJS666" s="613"/>
      <c r="BJT666" s="613"/>
      <c r="BJU666" s="613"/>
      <c r="BJV666" s="613"/>
      <c r="BJW666" s="613"/>
      <c r="BJX666" s="613"/>
      <c r="BJY666" s="613"/>
      <c r="BJZ666" s="613"/>
      <c r="BKA666" s="613"/>
      <c r="BKB666" s="613"/>
      <c r="BKC666" s="613"/>
      <c r="BKD666" s="613"/>
      <c r="BKE666" s="613"/>
      <c r="BKF666" s="613"/>
      <c r="BKG666" s="613"/>
      <c r="BKH666" s="613"/>
      <c r="BKI666" s="613"/>
      <c r="BKJ666" s="613"/>
      <c r="BKK666" s="613"/>
      <c r="BKL666" s="613"/>
      <c r="BKM666" s="613"/>
      <c r="BKN666" s="613"/>
      <c r="BKO666" s="613"/>
      <c r="BKP666" s="613"/>
      <c r="BKQ666" s="613"/>
      <c r="BKR666" s="613"/>
      <c r="BKS666" s="613"/>
      <c r="BKT666" s="613"/>
      <c r="BKU666" s="613"/>
      <c r="BKV666" s="613"/>
      <c r="BKW666" s="613"/>
      <c r="BKX666" s="613"/>
      <c r="BKY666" s="613"/>
      <c r="BKZ666" s="613"/>
      <c r="BLA666" s="613"/>
      <c r="BLB666" s="613"/>
      <c r="BLC666" s="613"/>
      <c r="BLD666" s="613"/>
      <c r="BLE666" s="613"/>
      <c r="BLF666" s="613"/>
      <c r="BLG666" s="613"/>
      <c r="BLH666" s="613"/>
      <c r="BLI666" s="613"/>
      <c r="BLJ666" s="613"/>
      <c r="BLK666" s="613"/>
      <c r="BLL666" s="613"/>
      <c r="BLM666" s="613"/>
      <c r="BLN666" s="613"/>
      <c r="BLO666" s="613"/>
      <c r="BLP666" s="613"/>
      <c r="BLQ666" s="613"/>
      <c r="BLR666" s="613"/>
      <c r="BLS666" s="613"/>
      <c r="BLT666" s="613"/>
      <c r="BLU666" s="613"/>
      <c r="BLV666" s="613"/>
      <c r="BLW666" s="613"/>
      <c r="BLX666" s="613"/>
      <c r="BLY666" s="613"/>
      <c r="BLZ666" s="613"/>
      <c r="BMA666" s="613"/>
      <c r="BMB666" s="613"/>
      <c r="BMC666" s="613"/>
      <c r="BMD666" s="613"/>
      <c r="BME666" s="613"/>
      <c r="BMF666" s="613"/>
      <c r="BMG666" s="613"/>
      <c r="BMH666" s="613"/>
      <c r="BMI666" s="613"/>
      <c r="BMJ666" s="613"/>
      <c r="BMK666" s="613"/>
      <c r="BML666" s="613"/>
      <c r="BMM666" s="613"/>
      <c r="BMN666" s="613"/>
      <c r="BMO666" s="613"/>
      <c r="BMP666" s="613"/>
      <c r="BMQ666" s="613"/>
      <c r="BMR666" s="613"/>
      <c r="BMS666" s="613"/>
      <c r="BMT666" s="613"/>
      <c r="BMU666" s="613"/>
      <c r="BMV666" s="613"/>
      <c r="BMW666" s="613"/>
      <c r="BMX666" s="613"/>
      <c r="BMY666" s="613"/>
      <c r="BMZ666" s="613"/>
      <c r="BNA666" s="613"/>
      <c r="BNB666" s="613"/>
      <c r="BNC666" s="613"/>
      <c r="BND666" s="613"/>
      <c r="BNE666" s="613"/>
      <c r="BNF666" s="613"/>
      <c r="BNG666" s="613"/>
      <c r="BNH666" s="613"/>
      <c r="BNI666" s="613"/>
      <c r="BNJ666" s="613"/>
      <c r="BNK666" s="613"/>
      <c r="BNL666" s="613"/>
      <c r="BNM666" s="613"/>
      <c r="BNN666" s="613"/>
      <c r="BNO666" s="613"/>
      <c r="BNP666" s="613"/>
      <c r="BNQ666" s="613"/>
      <c r="BNR666" s="613"/>
      <c r="BNS666" s="613"/>
      <c r="BNT666" s="613"/>
      <c r="BNU666" s="613"/>
      <c r="BNV666" s="613"/>
      <c r="BNW666" s="613"/>
      <c r="BNX666" s="613"/>
      <c r="BNY666" s="613"/>
      <c r="BNZ666" s="613"/>
      <c r="BOA666" s="613"/>
      <c r="BOB666" s="613"/>
      <c r="BOC666" s="613"/>
      <c r="BOD666" s="613"/>
      <c r="BOE666" s="613"/>
      <c r="BOF666" s="613"/>
      <c r="BOG666" s="613"/>
      <c r="BOH666" s="613"/>
      <c r="BOI666" s="613"/>
      <c r="BOJ666" s="613"/>
      <c r="BOK666" s="613"/>
      <c r="BOL666" s="613"/>
      <c r="BOM666" s="613"/>
      <c r="BON666" s="613"/>
      <c r="BOO666" s="613"/>
      <c r="BOP666" s="613"/>
      <c r="BOQ666" s="613"/>
      <c r="BOR666" s="613"/>
      <c r="BOS666" s="613"/>
      <c r="BOT666" s="613"/>
      <c r="BOU666" s="613"/>
      <c r="BOV666" s="613"/>
      <c r="BOW666" s="613"/>
      <c r="BOX666" s="613"/>
      <c r="BOY666" s="613"/>
      <c r="BOZ666" s="613"/>
      <c r="BPA666" s="613"/>
      <c r="BPB666" s="613"/>
      <c r="BPC666" s="613"/>
      <c r="BPD666" s="613"/>
      <c r="BPE666" s="613"/>
      <c r="BPF666" s="613"/>
      <c r="BPG666" s="613"/>
      <c r="BPH666" s="613"/>
      <c r="BPI666" s="613"/>
      <c r="BPJ666" s="613"/>
      <c r="BPK666" s="613"/>
      <c r="BPL666" s="613"/>
      <c r="BPM666" s="613"/>
      <c r="BPN666" s="613"/>
      <c r="BPO666" s="613"/>
      <c r="BPP666" s="613"/>
      <c r="BPQ666" s="613"/>
      <c r="BPR666" s="613"/>
      <c r="BPS666" s="613"/>
      <c r="BPT666" s="613"/>
      <c r="BPU666" s="613"/>
      <c r="BPV666" s="613"/>
      <c r="BPW666" s="613"/>
      <c r="BPX666" s="613"/>
      <c r="BPY666" s="613"/>
      <c r="BPZ666" s="613"/>
      <c r="BQA666" s="613"/>
      <c r="BQB666" s="613"/>
      <c r="BQC666" s="613"/>
      <c r="BQD666" s="613"/>
      <c r="BQE666" s="613"/>
      <c r="BQF666" s="613"/>
      <c r="BQG666" s="613"/>
      <c r="BQH666" s="613"/>
      <c r="BQI666" s="613"/>
      <c r="BQJ666" s="613"/>
      <c r="BQK666" s="613"/>
      <c r="BQL666" s="613"/>
      <c r="BQM666" s="613"/>
      <c r="BQN666" s="613"/>
      <c r="BQO666" s="613"/>
      <c r="BQP666" s="613"/>
      <c r="BQQ666" s="613"/>
      <c r="BQR666" s="613"/>
      <c r="BQS666" s="613"/>
      <c r="BQT666" s="613"/>
      <c r="BQU666" s="613"/>
      <c r="BQV666" s="613"/>
      <c r="BQW666" s="613"/>
      <c r="BQX666" s="613"/>
      <c r="BQY666" s="613"/>
      <c r="BQZ666" s="613"/>
      <c r="BRA666" s="613"/>
      <c r="BRB666" s="613"/>
      <c r="BRC666" s="613"/>
      <c r="BRD666" s="613"/>
      <c r="BRE666" s="613"/>
      <c r="BRF666" s="613"/>
      <c r="BRG666" s="613"/>
      <c r="BRH666" s="613"/>
      <c r="BRI666" s="613"/>
      <c r="BRJ666" s="613"/>
      <c r="BRK666" s="613"/>
      <c r="BRL666" s="613"/>
      <c r="BRM666" s="613"/>
      <c r="BRN666" s="613"/>
      <c r="BRO666" s="613"/>
      <c r="BRP666" s="613"/>
      <c r="BRQ666" s="613"/>
      <c r="BRR666" s="613"/>
      <c r="BRS666" s="613"/>
      <c r="BRT666" s="613"/>
      <c r="BRU666" s="613"/>
      <c r="BRV666" s="613"/>
      <c r="BRW666" s="613"/>
      <c r="BRX666" s="613"/>
      <c r="BRY666" s="613"/>
      <c r="BRZ666" s="613"/>
      <c r="BSA666" s="613"/>
      <c r="BSB666" s="613"/>
      <c r="BSC666" s="613"/>
      <c r="BSD666" s="613"/>
      <c r="BSE666" s="613"/>
      <c r="BSF666" s="613"/>
      <c r="BSG666" s="613"/>
      <c r="BSH666" s="613"/>
      <c r="BSI666" s="613"/>
      <c r="BSJ666" s="613"/>
      <c r="BSK666" s="613"/>
      <c r="BSL666" s="613"/>
      <c r="BSM666" s="613"/>
      <c r="BSN666" s="613"/>
      <c r="BSO666" s="613"/>
      <c r="BSP666" s="613"/>
      <c r="BSQ666" s="613"/>
      <c r="BSR666" s="613"/>
      <c r="BSS666" s="613"/>
      <c r="BST666" s="613"/>
      <c r="BSU666" s="613"/>
      <c r="BSV666" s="613"/>
      <c r="BSW666" s="613"/>
      <c r="BSX666" s="613"/>
      <c r="BSY666" s="613"/>
      <c r="BSZ666" s="613"/>
      <c r="BTA666" s="613"/>
      <c r="BTB666" s="613"/>
      <c r="BTC666" s="613"/>
      <c r="BTD666" s="613"/>
      <c r="BTE666" s="613"/>
      <c r="BTF666" s="613"/>
      <c r="BTG666" s="613"/>
      <c r="BTH666" s="613"/>
      <c r="BTI666" s="613"/>
      <c r="BTJ666" s="613"/>
      <c r="BTK666" s="613"/>
      <c r="BTL666" s="613"/>
      <c r="BTM666" s="613"/>
      <c r="BTN666" s="613"/>
      <c r="BTO666" s="613"/>
      <c r="BTP666" s="613"/>
      <c r="BTQ666" s="613"/>
      <c r="BTR666" s="613"/>
      <c r="BTS666" s="613"/>
      <c r="BTT666" s="613"/>
      <c r="BTU666" s="613"/>
      <c r="BTV666" s="613"/>
      <c r="BTW666" s="613"/>
      <c r="BTX666" s="613"/>
      <c r="BTY666" s="613"/>
      <c r="BTZ666" s="613"/>
      <c r="BUA666" s="613"/>
      <c r="BUB666" s="613"/>
      <c r="BUC666" s="613"/>
      <c r="BUD666" s="613"/>
      <c r="BUE666" s="613"/>
      <c r="BUF666" s="613"/>
      <c r="BUG666" s="613"/>
      <c r="BUH666" s="613"/>
      <c r="BUI666" s="613"/>
      <c r="BUJ666" s="613"/>
      <c r="BUK666" s="613"/>
      <c r="BUL666" s="613"/>
      <c r="BUM666" s="613"/>
      <c r="BUN666" s="613"/>
      <c r="BUO666" s="613"/>
      <c r="BUP666" s="613"/>
      <c r="BUQ666" s="613"/>
      <c r="BUR666" s="613"/>
      <c r="BUS666" s="613"/>
      <c r="BUT666" s="613"/>
      <c r="BUU666" s="613"/>
      <c r="BUV666" s="613"/>
      <c r="BUW666" s="613"/>
      <c r="BUX666" s="613"/>
      <c r="BUY666" s="613"/>
      <c r="BUZ666" s="613"/>
      <c r="BVA666" s="613"/>
      <c r="BVB666" s="613"/>
      <c r="BVC666" s="613"/>
      <c r="BVD666" s="613"/>
      <c r="BVE666" s="613"/>
      <c r="BVF666" s="613"/>
      <c r="BVG666" s="613"/>
      <c r="BVH666" s="613"/>
      <c r="BVI666" s="613"/>
      <c r="BVJ666" s="613"/>
      <c r="BVK666" s="613"/>
      <c r="BVL666" s="613"/>
      <c r="BVM666" s="613"/>
      <c r="BVN666" s="613"/>
      <c r="BVO666" s="613"/>
      <c r="BVP666" s="613"/>
      <c r="BVQ666" s="613"/>
      <c r="BVR666" s="613"/>
      <c r="BVS666" s="613"/>
      <c r="BVT666" s="613"/>
      <c r="BVU666" s="613"/>
      <c r="BVV666" s="613"/>
      <c r="BVW666" s="613"/>
      <c r="BVX666" s="613"/>
      <c r="BVY666" s="613"/>
      <c r="BVZ666" s="613"/>
      <c r="BWA666" s="613"/>
      <c r="BWB666" s="613"/>
      <c r="BWC666" s="613"/>
      <c r="BWD666" s="613"/>
      <c r="BWE666" s="613"/>
      <c r="BWF666" s="613"/>
      <c r="BWG666" s="613"/>
      <c r="BWH666" s="613"/>
      <c r="BWI666" s="613"/>
      <c r="BWJ666" s="613"/>
      <c r="BWK666" s="613"/>
      <c r="BWL666" s="613"/>
      <c r="BWM666" s="613"/>
      <c r="BWN666" s="613"/>
      <c r="BWO666" s="613"/>
      <c r="BWP666" s="613"/>
      <c r="BWQ666" s="613"/>
      <c r="BWR666" s="613"/>
      <c r="BWS666" s="613"/>
      <c r="BWT666" s="613"/>
      <c r="BWU666" s="613"/>
      <c r="BWV666" s="613"/>
      <c r="BWW666" s="613"/>
      <c r="BWX666" s="613"/>
      <c r="BWY666" s="613"/>
      <c r="BWZ666" s="613"/>
      <c r="BXA666" s="613"/>
      <c r="BXB666" s="613"/>
      <c r="BXC666" s="613"/>
      <c r="BXD666" s="613"/>
      <c r="BXE666" s="613"/>
      <c r="BXF666" s="613"/>
      <c r="BXG666" s="613"/>
      <c r="BXH666" s="613"/>
      <c r="BXI666" s="613"/>
      <c r="BXJ666" s="613"/>
      <c r="BXK666" s="613"/>
      <c r="BXL666" s="613"/>
      <c r="BXM666" s="613"/>
      <c r="BXN666" s="613"/>
      <c r="BXO666" s="613"/>
      <c r="BXP666" s="613"/>
      <c r="BXQ666" s="613"/>
      <c r="BXR666" s="613"/>
      <c r="BXS666" s="613"/>
      <c r="BXT666" s="613"/>
      <c r="BXU666" s="613"/>
      <c r="BXV666" s="613"/>
      <c r="BXW666" s="613"/>
      <c r="BXX666" s="613"/>
      <c r="BXY666" s="613"/>
      <c r="BXZ666" s="613"/>
      <c r="BYA666" s="613"/>
      <c r="BYB666" s="613"/>
      <c r="BYC666" s="613"/>
      <c r="BYD666" s="613"/>
      <c r="BYE666" s="613"/>
      <c r="BYF666" s="613"/>
      <c r="BYG666" s="613"/>
      <c r="BYH666" s="613"/>
      <c r="BYI666" s="613"/>
      <c r="BYJ666" s="613"/>
      <c r="BYK666" s="613"/>
      <c r="BYL666" s="613"/>
      <c r="BYM666" s="613"/>
      <c r="BYN666" s="613"/>
      <c r="BYO666" s="613"/>
      <c r="BYP666" s="613"/>
      <c r="BYQ666" s="613"/>
      <c r="BYR666" s="613"/>
      <c r="BYS666" s="613"/>
      <c r="BYT666" s="613"/>
      <c r="BYU666" s="613"/>
      <c r="BYV666" s="613"/>
      <c r="BYW666" s="613"/>
      <c r="BYX666" s="613"/>
      <c r="BYY666" s="613"/>
      <c r="BYZ666" s="613"/>
      <c r="BZA666" s="613"/>
      <c r="BZB666" s="613"/>
      <c r="BZC666" s="613"/>
      <c r="BZD666" s="613"/>
      <c r="BZE666" s="613"/>
      <c r="BZF666" s="613"/>
      <c r="BZG666" s="613"/>
      <c r="BZH666" s="613"/>
      <c r="BZI666" s="613"/>
      <c r="BZJ666" s="613"/>
      <c r="BZK666" s="613"/>
      <c r="BZL666" s="613"/>
      <c r="BZM666" s="613"/>
      <c r="BZN666" s="613"/>
      <c r="BZO666" s="613"/>
      <c r="BZP666" s="613"/>
      <c r="BZQ666" s="613"/>
      <c r="BZR666" s="613"/>
      <c r="BZS666" s="613"/>
      <c r="BZT666" s="613"/>
      <c r="BZU666" s="613"/>
      <c r="BZV666" s="613"/>
      <c r="BZW666" s="613"/>
      <c r="BZX666" s="613"/>
      <c r="BZY666" s="613"/>
      <c r="BZZ666" s="613"/>
      <c r="CAA666" s="613"/>
      <c r="CAB666" s="613"/>
      <c r="CAC666" s="613"/>
      <c r="CAD666" s="613"/>
      <c r="CAE666" s="613"/>
      <c r="CAF666" s="613"/>
      <c r="CAG666" s="613"/>
      <c r="CAH666" s="613"/>
      <c r="CAI666" s="613"/>
      <c r="CAJ666" s="613"/>
      <c r="CAK666" s="613"/>
      <c r="CAL666" s="613"/>
      <c r="CAM666" s="613"/>
      <c r="CAN666" s="613"/>
      <c r="CAO666" s="613"/>
      <c r="CAP666" s="613"/>
      <c r="CAQ666" s="613"/>
      <c r="CAR666" s="613"/>
      <c r="CAS666" s="613"/>
      <c r="CAT666" s="613"/>
      <c r="CAU666" s="613"/>
      <c r="CAV666" s="613"/>
      <c r="CAW666" s="613"/>
      <c r="CAX666" s="613"/>
      <c r="CAY666" s="613"/>
      <c r="CAZ666" s="613"/>
      <c r="CBA666" s="613"/>
      <c r="CBB666" s="613"/>
      <c r="CBC666" s="613"/>
      <c r="CBD666" s="613"/>
      <c r="CBE666" s="613"/>
      <c r="CBF666" s="613"/>
      <c r="CBG666" s="613"/>
      <c r="CBH666" s="613"/>
      <c r="CBI666" s="613"/>
      <c r="CBJ666" s="613"/>
      <c r="CBK666" s="613"/>
      <c r="CBL666" s="613"/>
      <c r="CBM666" s="613"/>
      <c r="CBN666" s="613"/>
      <c r="CBO666" s="613"/>
      <c r="CBP666" s="613"/>
      <c r="CBQ666" s="613"/>
      <c r="CBR666" s="613"/>
      <c r="CBS666" s="613"/>
      <c r="CBT666" s="613"/>
      <c r="CBU666" s="613"/>
      <c r="CBV666" s="613"/>
      <c r="CBW666" s="613"/>
      <c r="CBX666" s="613"/>
      <c r="CBY666" s="613"/>
      <c r="CBZ666" s="613"/>
      <c r="CCA666" s="613"/>
      <c r="CCB666" s="613"/>
      <c r="CCC666" s="613"/>
      <c r="CCD666" s="613"/>
      <c r="CCE666" s="613"/>
      <c r="CCF666" s="613"/>
      <c r="CCG666" s="613"/>
      <c r="CCH666" s="613"/>
      <c r="CCI666" s="613"/>
      <c r="CCJ666" s="613"/>
      <c r="CCK666" s="613"/>
      <c r="CCL666" s="613"/>
      <c r="CCM666" s="613"/>
      <c r="CCN666" s="613"/>
      <c r="CCO666" s="613"/>
      <c r="CCP666" s="613"/>
      <c r="CCQ666" s="613"/>
      <c r="CCR666" s="613"/>
      <c r="CCS666" s="613"/>
      <c r="CCT666" s="613"/>
      <c r="CCU666" s="613"/>
      <c r="CCV666" s="613"/>
      <c r="CCW666" s="613"/>
      <c r="CCX666" s="613"/>
      <c r="CCY666" s="613"/>
      <c r="CCZ666" s="613"/>
      <c r="CDA666" s="613"/>
      <c r="CDB666" s="613"/>
      <c r="CDC666" s="613"/>
      <c r="CDD666" s="613"/>
      <c r="CDE666" s="613"/>
      <c r="CDF666" s="613"/>
      <c r="CDG666" s="613"/>
      <c r="CDH666" s="613"/>
      <c r="CDI666" s="613"/>
      <c r="CDJ666" s="613"/>
      <c r="CDK666" s="613"/>
      <c r="CDL666" s="613"/>
      <c r="CDM666" s="613"/>
      <c r="CDN666" s="613"/>
      <c r="CDO666" s="613"/>
      <c r="CDP666" s="613"/>
      <c r="CDQ666" s="613"/>
      <c r="CDR666" s="613"/>
      <c r="CDS666" s="613"/>
      <c r="CDT666" s="613"/>
      <c r="CDU666" s="613"/>
      <c r="CDV666" s="613"/>
      <c r="CDW666" s="613"/>
      <c r="CDX666" s="613"/>
      <c r="CDY666" s="613"/>
      <c r="CDZ666" s="613"/>
      <c r="CEA666" s="613"/>
      <c r="CEB666" s="613"/>
      <c r="CEC666" s="613"/>
      <c r="CED666" s="613"/>
      <c r="CEE666" s="613"/>
      <c r="CEF666" s="613"/>
      <c r="CEG666" s="613"/>
      <c r="CEH666" s="613"/>
      <c r="CEI666" s="613"/>
      <c r="CEJ666" s="613"/>
      <c r="CEK666" s="613"/>
      <c r="CEL666" s="613"/>
      <c r="CEM666" s="613"/>
      <c r="CEN666" s="613"/>
      <c r="CEO666" s="613"/>
      <c r="CEP666" s="613"/>
      <c r="CEQ666" s="613"/>
      <c r="CER666" s="613"/>
      <c r="CES666" s="613"/>
      <c r="CET666" s="613"/>
      <c r="CEU666" s="613"/>
      <c r="CEV666" s="613"/>
      <c r="CEW666" s="613"/>
      <c r="CEX666" s="613"/>
      <c r="CEY666" s="613"/>
      <c r="CEZ666" s="613"/>
      <c r="CFA666" s="613"/>
      <c r="CFB666" s="613"/>
      <c r="CFC666" s="613"/>
      <c r="CFD666" s="613"/>
      <c r="CFE666" s="613"/>
      <c r="CFF666" s="613"/>
      <c r="CFG666" s="613"/>
      <c r="CFH666" s="613"/>
      <c r="CFI666" s="613"/>
      <c r="CFJ666" s="613"/>
      <c r="CFK666" s="613"/>
      <c r="CFL666" s="613"/>
      <c r="CFM666" s="613"/>
      <c r="CFN666" s="613"/>
      <c r="CFO666" s="613"/>
      <c r="CFP666" s="613"/>
      <c r="CFQ666" s="613"/>
      <c r="CFR666" s="613"/>
      <c r="CFS666" s="613"/>
      <c r="CFT666" s="613"/>
      <c r="CFU666" s="613"/>
      <c r="CFV666" s="613"/>
      <c r="CFW666" s="613"/>
      <c r="CFX666" s="613"/>
      <c r="CFY666" s="613"/>
      <c r="CFZ666" s="613"/>
      <c r="CGA666" s="613"/>
      <c r="CGB666" s="613"/>
      <c r="CGC666" s="613"/>
      <c r="CGD666" s="613"/>
      <c r="CGE666" s="613"/>
      <c r="CGF666" s="613"/>
      <c r="CGG666" s="613"/>
      <c r="CGH666" s="613"/>
      <c r="CGI666" s="613"/>
      <c r="CGJ666" s="613"/>
      <c r="CGK666" s="613"/>
      <c r="CGL666" s="613"/>
      <c r="CGM666" s="613"/>
      <c r="CGN666" s="613"/>
      <c r="CGO666" s="613"/>
      <c r="CGP666" s="613"/>
      <c r="CGQ666" s="613"/>
      <c r="CGR666" s="613"/>
      <c r="CGS666" s="613"/>
      <c r="CGT666" s="613"/>
      <c r="CGU666" s="613"/>
      <c r="CGV666" s="613"/>
      <c r="CGW666" s="613"/>
      <c r="CGX666" s="613"/>
      <c r="CGY666" s="613"/>
      <c r="CGZ666" s="613"/>
      <c r="CHA666" s="613"/>
      <c r="CHB666" s="613"/>
      <c r="CHC666" s="613"/>
      <c r="CHD666" s="613"/>
      <c r="CHE666" s="613"/>
      <c r="CHF666" s="613"/>
      <c r="CHG666" s="613"/>
      <c r="CHH666" s="613"/>
      <c r="CHI666" s="613"/>
      <c r="CHJ666" s="613"/>
      <c r="CHK666" s="613"/>
      <c r="CHL666" s="613"/>
      <c r="CHM666" s="613"/>
      <c r="CHN666" s="613"/>
      <c r="CHO666" s="613"/>
      <c r="CHP666" s="613"/>
      <c r="CHQ666" s="613"/>
      <c r="CHR666" s="613"/>
      <c r="CHS666" s="613"/>
      <c r="CHT666" s="613"/>
      <c r="CHU666" s="613"/>
      <c r="CHV666" s="613"/>
      <c r="CHW666" s="613"/>
      <c r="CHX666" s="613"/>
      <c r="CHY666" s="613"/>
      <c r="CHZ666" s="613"/>
      <c r="CIA666" s="613"/>
      <c r="CIB666" s="613"/>
      <c r="CIC666" s="613"/>
      <c r="CID666" s="613"/>
      <c r="CIE666" s="613"/>
      <c r="CIF666" s="613"/>
      <c r="CIG666" s="613"/>
      <c r="CIH666" s="613"/>
      <c r="CII666" s="613"/>
      <c r="CIJ666" s="613"/>
      <c r="CIK666" s="613"/>
      <c r="CIL666" s="613"/>
      <c r="CIM666" s="613"/>
      <c r="CIN666" s="613"/>
      <c r="CIO666" s="613"/>
      <c r="CIP666" s="613"/>
      <c r="CIQ666" s="613"/>
      <c r="CIR666" s="613"/>
      <c r="CIS666" s="613"/>
      <c r="CIT666" s="613"/>
      <c r="CIU666" s="613"/>
      <c r="CIV666" s="613"/>
      <c r="CIW666" s="613"/>
      <c r="CIX666" s="613"/>
      <c r="CIY666" s="613"/>
      <c r="CIZ666" s="613"/>
      <c r="CJA666" s="613"/>
      <c r="CJB666" s="613"/>
      <c r="CJC666" s="613"/>
      <c r="CJD666" s="613"/>
      <c r="CJE666" s="613"/>
      <c r="CJF666" s="613"/>
      <c r="CJG666" s="613"/>
      <c r="CJH666" s="613"/>
      <c r="CJI666" s="613"/>
      <c r="CJJ666" s="613"/>
      <c r="CJK666" s="613"/>
      <c r="CJL666" s="613"/>
      <c r="CJM666" s="613"/>
      <c r="CJN666" s="613"/>
      <c r="CJO666" s="613"/>
      <c r="CJP666" s="613"/>
      <c r="CJQ666" s="613"/>
      <c r="CJR666" s="613"/>
      <c r="CJS666" s="613"/>
      <c r="CJT666" s="613"/>
      <c r="CJU666" s="613"/>
      <c r="CJV666" s="613"/>
      <c r="CJW666" s="613"/>
      <c r="CJX666" s="613"/>
      <c r="CJY666" s="613"/>
      <c r="CJZ666" s="613"/>
      <c r="CKA666" s="613"/>
      <c r="CKB666" s="613"/>
      <c r="CKC666" s="613"/>
      <c r="CKD666" s="613"/>
      <c r="CKE666" s="613"/>
      <c r="CKF666" s="613"/>
      <c r="CKG666" s="613"/>
      <c r="CKH666" s="613"/>
      <c r="CKI666" s="613"/>
      <c r="CKJ666" s="613"/>
      <c r="CKK666" s="613"/>
      <c r="CKL666" s="613"/>
      <c r="CKM666" s="613"/>
      <c r="CKN666" s="613"/>
      <c r="CKO666" s="613"/>
      <c r="CKP666" s="613"/>
      <c r="CKQ666" s="613"/>
      <c r="CKR666" s="613"/>
      <c r="CKS666" s="613"/>
      <c r="CKT666" s="613"/>
      <c r="CKU666" s="613"/>
      <c r="CKV666" s="613"/>
      <c r="CKW666" s="613"/>
      <c r="CKX666" s="613"/>
      <c r="CKY666" s="613"/>
      <c r="CKZ666" s="613"/>
      <c r="CLA666" s="613"/>
      <c r="CLB666" s="613"/>
      <c r="CLC666" s="613"/>
      <c r="CLD666" s="613"/>
      <c r="CLE666" s="613"/>
      <c r="CLF666" s="613"/>
      <c r="CLG666" s="613"/>
      <c r="CLH666" s="613"/>
      <c r="CLI666" s="613"/>
      <c r="CLJ666" s="613"/>
      <c r="CLK666" s="613"/>
      <c r="CLL666" s="613"/>
      <c r="CLM666" s="613"/>
      <c r="CLN666" s="613"/>
      <c r="CLO666" s="613"/>
      <c r="CLP666" s="613"/>
      <c r="CLQ666" s="613"/>
      <c r="CLR666" s="613"/>
      <c r="CLS666" s="613"/>
      <c r="CLT666" s="613"/>
      <c r="CLU666" s="613"/>
      <c r="CLV666" s="613"/>
      <c r="CLW666" s="613"/>
      <c r="CLX666" s="613"/>
      <c r="CLY666" s="613"/>
      <c r="CLZ666" s="613"/>
      <c r="CMA666" s="613"/>
      <c r="CMB666" s="613"/>
      <c r="CMC666" s="613"/>
      <c r="CMD666" s="613"/>
      <c r="CME666" s="613"/>
      <c r="CMF666" s="613"/>
      <c r="CMG666" s="613"/>
      <c r="CMH666" s="613"/>
      <c r="CMI666" s="613"/>
      <c r="CMJ666" s="613"/>
      <c r="CMK666" s="613"/>
      <c r="CML666" s="613"/>
      <c r="CMM666" s="613"/>
      <c r="CMN666" s="613"/>
      <c r="CMO666" s="613"/>
      <c r="CMP666" s="613"/>
      <c r="CMQ666" s="613"/>
      <c r="CMR666" s="613"/>
      <c r="CMS666" s="613"/>
      <c r="CMT666" s="613"/>
      <c r="CMU666" s="613"/>
      <c r="CMV666" s="613"/>
      <c r="CMW666" s="613"/>
      <c r="CMX666" s="613"/>
      <c r="CMY666" s="613"/>
      <c r="CMZ666" s="613"/>
      <c r="CNA666" s="613"/>
      <c r="CNB666" s="613"/>
      <c r="CNC666" s="613"/>
      <c r="CND666" s="613"/>
      <c r="CNE666" s="613"/>
      <c r="CNF666" s="613"/>
      <c r="CNG666" s="613"/>
      <c r="CNH666" s="613"/>
      <c r="CNI666" s="613"/>
      <c r="CNJ666" s="613"/>
      <c r="CNK666" s="613"/>
      <c r="CNL666" s="613"/>
      <c r="CNM666" s="613"/>
      <c r="CNN666" s="613"/>
      <c r="CNO666" s="613"/>
      <c r="CNP666" s="613"/>
      <c r="CNQ666" s="613"/>
      <c r="CNR666" s="613"/>
      <c r="CNS666" s="613"/>
      <c r="CNT666" s="613"/>
      <c r="CNU666" s="613"/>
      <c r="CNV666" s="613"/>
      <c r="CNW666" s="613"/>
      <c r="CNX666" s="613"/>
      <c r="CNY666" s="613"/>
      <c r="CNZ666" s="613"/>
      <c r="COA666" s="613"/>
      <c r="COB666" s="613"/>
      <c r="COC666" s="613"/>
      <c r="COD666" s="613"/>
      <c r="COE666" s="613"/>
      <c r="COF666" s="613"/>
      <c r="COG666" s="613"/>
      <c r="COH666" s="613"/>
      <c r="COI666" s="613"/>
      <c r="COJ666" s="613"/>
      <c r="COK666" s="613"/>
      <c r="COL666" s="613"/>
      <c r="COM666" s="613"/>
      <c r="CON666" s="613"/>
      <c r="COO666" s="613"/>
      <c r="COP666" s="613"/>
      <c r="COQ666" s="613"/>
      <c r="COR666" s="613"/>
      <c r="COS666" s="613"/>
      <c r="COT666" s="613"/>
      <c r="COU666" s="613"/>
      <c r="COV666" s="613"/>
      <c r="COW666" s="613"/>
      <c r="COX666" s="613"/>
      <c r="COY666" s="613"/>
      <c r="COZ666" s="613"/>
      <c r="CPA666" s="613"/>
      <c r="CPB666" s="613"/>
      <c r="CPC666" s="613"/>
      <c r="CPD666" s="613"/>
      <c r="CPE666" s="613"/>
      <c r="CPF666" s="613"/>
      <c r="CPG666" s="613"/>
      <c r="CPH666" s="613"/>
      <c r="CPI666" s="613"/>
      <c r="CPJ666" s="613"/>
      <c r="CPK666" s="613"/>
      <c r="CPL666" s="613"/>
      <c r="CPM666" s="613"/>
      <c r="CPN666" s="613"/>
      <c r="CPO666" s="613"/>
      <c r="CPP666" s="613"/>
      <c r="CPQ666" s="613"/>
      <c r="CPR666" s="613"/>
      <c r="CPS666" s="613"/>
      <c r="CPT666" s="613"/>
      <c r="CPU666" s="613"/>
      <c r="CPV666" s="613"/>
      <c r="CPW666" s="613"/>
      <c r="CPX666" s="613"/>
      <c r="CPY666" s="613"/>
      <c r="CPZ666" s="613"/>
      <c r="CQA666" s="613"/>
      <c r="CQB666" s="613"/>
      <c r="CQC666" s="613"/>
      <c r="CQD666" s="613"/>
      <c r="CQE666" s="613"/>
      <c r="CQF666" s="613"/>
      <c r="CQG666" s="613"/>
      <c r="CQH666" s="613"/>
      <c r="CQI666" s="613"/>
      <c r="CQJ666" s="613"/>
      <c r="CQK666" s="613"/>
      <c r="CQL666" s="613"/>
      <c r="CQM666" s="613"/>
      <c r="CQN666" s="613"/>
      <c r="CQO666" s="613"/>
      <c r="CQP666" s="613"/>
      <c r="CQQ666" s="613"/>
      <c r="CQR666" s="613"/>
      <c r="CQS666" s="613"/>
      <c r="CQT666" s="613"/>
      <c r="CQU666" s="613"/>
      <c r="CQV666" s="613"/>
      <c r="CQW666" s="613"/>
      <c r="CQX666" s="613"/>
      <c r="CQY666" s="613"/>
      <c r="CQZ666" s="613"/>
      <c r="CRA666" s="613"/>
      <c r="CRB666" s="613"/>
      <c r="CRC666" s="613"/>
      <c r="CRD666" s="613"/>
      <c r="CRE666" s="613"/>
      <c r="CRF666" s="613"/>
      <c r="CRG666" s="613"/>
      <c r="CRH666" s="613"/>
      <c r="CRI666" s="613"/>
      <c r="CRJ666" s="613"/>
      <c r="CRK666" s="613"/>
      <c r="CRL666" s="613"/>
      <c r="CRM666" s="613"/>
      <c r="CRN666" s="613"/>
      <c r="CRO666" s="613"/>
      <c r="CRP666" s="613"/>
      <c r="CRQ666" s="613"/>
      <c r="CRR666" s="613"/>
      <c r="CRS666" s="613"/>
      <c r="CRT666" s="613"/>
      <c r="CRU666" s="613"/>
      <c r="CRV666" s="613"/>
      <c r="CRW666" s="613"/>
      <c r="CRX666" s="613"/>
      <c r="CRY666" s="613"/>
      <c r="CRZ666" s="613"/>
      <c r="CSA666" s="613"/>
      <c r="CSB666" s="613"/>
      <c r="CSC666" s="613"/>
      <c r="CSD666" s="613"/>
      <c r="CSE666" s="613"/>
      <c r="CSF666" s="613"/>
      <c r="CSG666" s="613"/>
      <c r="CSH666" s="613"/>
      <c r="CSI666" s="613"/>
      <c r="CSJ666" s="613"/>
      <c r="CSK666" s="613"/>
      <c r="CSL666" s="613"/>
      <c r="CSM666" s="613"/>
      <c r="CSN666" s="613"/>
      <c r="CSO666" s="613"/>
      <c r="CSP666" s="613"/>
      <c r="CSQ666" s="613"/>
      <c r="CSR666" s="613"/>
      <c r="CSS666" s="613"/>
      <c r="CST666" s="613"/>
      <c r="CSU666" s="613"/>
      <c r="CSV666" s="613"/>
      <c r="CSW666" s="613"/>
      <c r="CSX666" s="613"/>
      <c r="CSY666" s="613"/>
      <c r="CSZ666" s="613"/>
      <c r="CTA666" s="613"/>
      <c r="CTB666" s="613"/>
      <c r="CTC666" s="613"/>
      <c r="CTD666" s="613"/>
      <c r="CTE666" s="613"/>
      <c r="CTF666" s="613"/>
      <c r="CTG666" s="613"/>
      <c r="CTH666" s="613"/>
      <c r="CTI666" s="613"/>
      <c r="CTJ666" s="613"/>
      <c r="CTK666" s="613"/>
      <c r="CTL666" s="613"/>
      <c r="CTM666" s="613"/>
      <c r="CTN666" s="613"/>
      <c r="CTO666" s="613"/>
      <c r="CTP666" s="613"/>
      <c r="CTQ666" s="613"/>
      <c r="CTR666" s="613"/>
      <c r="CTS666" s="613"/>
      <c r="CTT666" s="613"/>
      <c r="CTU666" s="613"/>
      <c r="CTV666" s="613"/>
      <c r="CTW666" s="613"/>
      <c r="CTX666" s="613"/>
      <c r="CTY666" s="613"/>
      <c r="CTZ666" s="613"/>
      <c r="CUA666" s="613"/>
      <c r="CUB666" s="613"/>
      <c r="CUC666" s="613"/>
      <c r="CUD666" s="613"/>
      <c r="CUE666" s="613"/>
      <c r="CUF666" s="613"/>
      <c r="CUG666" s="613"/>
      <c r="CUH666" s="613"/>
      <c r="CUI666" s="613"/>
      <c r="CUJ666" s="613"/>
      <c r="CUK666" s="613"/>
      <c r="CUL666" s="613"/>
      <c r="CUM666" s="613"/>
      <c r="CUN666" s="613"/>
      <c r="CUO666" s="613"/>
      <c r="CUP666" s="613"/>
      <c r="CUQ666" s="613"/>
      <c r="CUR666" s="613"/>
      <c r="CUS666" s="613"/>
      <c r="CUT666" s="613"/>
      <c r="CUU666" s="613"/>
      <c r="CUV666" s="613"/>
      <c r="CUW666" s="613"/>
      <c r="CUX666" s="613"/>
      <c r="CUY666" s="613"/>
      <c r="CUZ666" s="613"/>
      <c r="CVA666" s="613"/>
      <c r="CVB666" s="613"/>
      <c r="CVC666" s="613"/>
      <c r="CVD666" s="613"/>
      <c r="CVE666" s="613"/>
      <c r="CVF666" s="613"/>
      <c r="CVG666" s="613"/>
      <c r="CVH666" s="613"/>
      <c r="CVI666" s="613"/>
      <c r="CVJ666" s="613"/>
      <c r="CVK666" s="613"/>
      <c r="CVL666" s="613"/>
      <c r="CVM666" s="613"/>
      <c r="CVN666" s="613"/>
      <c r="CVO666" s="613"/>
      <c r="CVP666" s="613"/>
      <c r="CVQ666" s="613"/>
      <c r="CVR666" s="613"/>
      <c r="CVS666" s="613"/>
      <c r="CVT666" s="613"/>
      <c r="CVU666" s="613"/>
      <c r="CVV666" s="613"/>
      <c r="CVW666" s="613"/>
      <c r="CVX666" s="613"/>
      <c r="CVY666" s="613"/>
      <c r="CVZ666" s="613"/>
      <c r="CWA666" s="613"/>
      <c r="CWB666" s="613"/>
      <c r="CWC666" s="613"/>
      <c r="CWD666" s="613"/>
      <c r="CWE666" s="613"/>
      <c r="CWF666" s="613"/>
      <c r="CWG666" s="613"/>
      <c r="CWH666" s="613"/>
      <c r="CWI666" s="613"/>
      <c r="CWJ666" s="613"/>
      <c r="CWK666" s="613"/>
      <c r="CWL666" s="613"/>
      <c r="CWM666" s="613"/>
      <c r="CWN666" s="613"/>
      <c r="CWO666" s="613"/>
      <c r="CWP666" s="613"/>
      <c r="CWQ666" s="613"/>
      <c r="CWR666" s="613"/>
      <c r="CWS666" s="613"/>
      <c r="CWT666" s="613"/>
      <c r="CWU666" s="613"/>
      <c r="CWV666" s="613"/>
      <c r="CWW666" s="613"/>
      <c r="CWX666" s="613"/>
      <c r="CWY666" s="613"/>
      <c r="CWZ666" s="613"/>
      <c r="CXA666" s="613"/>
      <c r="CXB666" s="613"/>
      <c r="CXC666" s="613"/>
      <c r="CXD666" s="613"/>
      <c r="CXE666" s="613"/>
      <c r="CXF666" s="613"/>
      <c r="CXG666" s="613"/>
      <c r="CXH666" s="613"/>
      <c r="CXI666" s="613"/>
      <c r="CXJ666" s="613"/>
      <c r="CXK666" s="613"/>
      <c r="CXL666" s="613"/>
      <c r="CXM666" s="613"/>
      <c r="CXN666" s="613"/>
      <c r="CXO666" s="613"/>
      <c r="CXP666" s="613"/>
      <c r="CXQ666" s="613"/>
      <c r="CXR666" s="613"/>
      <c r="CXS666" s="613"/>
      <c r="CXT666" s="613"/>
      <c r="CXU666" s="613"/>
      <c r="CXV666" s="613"/>
      <c r="CXW666" s="613"/>
      <c r="CXX666" s="613"/>
      <c r="CXY666" s="613"/>
      <c r="CXZ666" s="613"/>
      <c r="CYA666" s="613"/>
      <c r="CYB666" s="613"/>
      <c r="CYC666" s="613"/>
      <c r="CYD666" s="613"/>
      <c r="CYE666" s="613"/>
      <c r="CYF666" s="613"/>
      <c r="CYG666" s="613"/>
      <c r="CYH666" s="613"/>
      <c r="CYI666" s="613"/>
      <c r="CYJ666" s="613"/>
      <c r="CYK666" s="613"/>
      <c r="CYL666" s="613"/>
      <c r="CYM666" s="613"/>
      <c r="CYN666" s="613"/>
      <c r="CYO666" s="613"/>
      <c r="CYP666" s="613"/>
      <c r="CYQ666" s="613"/>
      <c r="CYR666" s="613"/>
      <c r="CYS666" s="613"/>
      <c r="CYT666" s="613"/>
      <c r="CYU666" s="613"/>
      <c r="CYV666" s="613"/>
      <c r="CYW666" s="613"/>
      <c r="CYX666" s="613"/>
      <c r="CYY666" s="613"/>
      <c r="CYZ666" s="613"/>
      <c r="CZA666" s="613"/>
      <c r="CZB666" s="613"/>
      <c r="CZC666" s="613"/>
      <c r="CZD666" s="613"/>
      <c r="CZE666" s="613"/>
      <c r="CZF666" s="613"/>
      <c r="CZG666" s="613"/>
      <c r="CZH666" s="613"/>
      <c r="CZI666" s="613"/>
      <c r="CZJ666" s="613"/>
      <c r="CZK666" s="613"/>
      <c r="CZL666" s="613"/>
      <c r="CZM666" s="613"/>
      <c r="CZN666" s="613"/>
      <c r="CZO666" s="613"/>
      <c r="CZP666" s="613"/>
      <c r="CZQ666" s="613"/>
      <c r="CZR666" s="613"/>
      <c r="CZS666" s="613"/>
      <c r="CZT666" s="613"/>
      <c r="CZU666" s="613"/>
      <c r="CZV666" s="613"/>
      <c r="CZW666" s="613"/>
      <c r="CZX666" s="613"/>
      <c r="CZY666" s="613"/>
      <c r="CZZ666" s="613"/>
      <c r="DAA666" s="613"/>
      <c r="DAB666" s="613"/>
      <c r="DAC666" s="613"/>
      <c r="DAD666" s="613"/>
      <c r="DAE666" s="613"/>
      <c r="DAF666" s="613"/>
      <c r="DAG666" s="613"/>
      <c r="DAH666" s="613"/>
      <c r="DAI666" s="613"/>
      <c r="DAJ666" s="613"/>
      <c r="DAK666" s="613"/>
      <c r="DAL666" s="613"/>
      <c r="DAM666" s="613"/>
      <c r="DAN666" s="613"/>
      <c r="DAO666" s="613"/>
      <c r="DAP666" s="613"/>
      <c r="DAQ666" s="613"/>
      <c r="DAR666" s="613"/>
      <c r="DAS666" s="613"/>
      <c r="DAT666" s="613"/>
      <c r="DAU666" s="613"/>
      <c r="DAV666" s="613"/>
      <c r="DAW666" s="613"/>
      <c r="DAX666" s="613"/>
      <c r="DAY666" s="613"/>
      <c r="DAZ666" s="613"/>
      <c r="DBA666" s="613"/>
      <c r="DBB666" s="613"/>
      <c r="DBC666" s="613"/>
      <c r="DBD666" s="613"/>
      <c r="DBE666" s="613"/>
      <c r="DBF666" s="613"/>
      <c r="DBG666" s="613"/>
      <c r="DBH666" s="613"/>
      <c r="DBI666" s="613"/>
      <c r="DBJ666" s="613"/>
      <c r="DBK666" s="613"/>
      <c r="DBL666" s="613"/>
      <c r="DBM666" s="613"/>
      <c r="DBN666" s="613"/>
      <c r="DBO666" s="613"/>
      <c r="DBP666" s="613"/>
      <c r="DBQ666" s="613"/>
      <c r="DBR666" s="613"/>
      <c r="DBS666" s="613"/>
      <c r="DBT666" s="613"/>
      <c r="DBU666" s="613"/>
      <c r="DBV666" s="613"/>
      <c r="DBW666" s="613"/>
      <c r="DBX666" s="613"/>
      <c r="DBY666" s="613"/>
      <c r="DBZ666" s="613"/>
      <c r="DCA666" s="613"/>
      <c r="DCB666" s="613"/>
      <c r="DCC666" s="613"/>
      <c r="DCD666" s="613"/>
      <c r="DCE666" s="613"/>
      <c r="DCF666" s="613"/>
      <c r="DCG666" s="613"/>
      <c r="DCH666" s="613"/>
      <c r="DCI666" s="613"/>
      <c r="DCJ666" s="613"/>
      <c r="DCK666" s="613"/>
      <c r="DCL666" s="613"/>
      <c r="DCM666" s="613"/>
      <c r="DCN666" s="613"/>
      <c r="DCO666" s="613"/>
      <c r="DCP666" s="613"/>
      <c r="DCQ666" s="613"/>
      <c r="DCR666" s="613"/>
      <c r="DCS666" s="613"/>
      <c r="DCT666" s="613"/>
      <c r="DCU666" s="613"/>
      <c r="DCV666" s="613"/>
      <c r="DCW666" s="613"/>
      <c r="DCX666" s="613"/>
      <c r="DCY666" s="613"/>
      <c r="DCZ666" s="613"/>
      <c r="DDA666" s="613"/>
      <c r="DDB666" s="613"/>
      <c r="DDC666" s="613"/>
      <c r="DDD666" s="613"/>
      <c r="DDE666" s="613"/>
      <c r="DDF666" s="613"/>
      <c r="DDG666" s="613"/>
      <c r="DDH666" s="613"/>
      <c r="DDI666" s="613"/>
      <c r="DDJ666" s="613"/>
      <c r="DDK666" s="613"/>
      <c r="DDL666" s="613"/>
      <c r="DDM666" s="613"/>
      <c r="DDN666" s="613"/>
      <c r="DDO666" s="613"/>
      <c r="DDP666" s="613"/>
      <c r="DDQ666" s="613"/>
      <c r="DDR666" s="613"/>
      <c r="DDS666" s="613"/>
      <c r="DDT666" s="613"/>
      <c r="DDU666" s="613"/>
      <c r="DDV666" s="613"/>
      <c r="DDW666" s="613"/>
      <c r="DDX666" s="613"/>
      <c r="DDY666" s="613"/>
      <c r="DDZ666" s="613"/>
      <c r="DEA666" s="613"/>
      <c r="DEB666" s="613"/>
      <c r="DEC666" s="613"/>
      <c r="DED666" s="613"/>
      <c r="DEE666" s="613"/>
      <c r="DEF666" s="613"/>
      <c r="DEG666" s="613"/>
      <c r="DEH666" s="613"/>
      <c r="DEI666" s="613"/>
      <c r="DEJ666" s="613"/>
      <c r="DEK666" s="613"/>
      <c r="DEL666" s="613"/>
      <c r="DEM666" s="613"/>
      <c r="DEN666" s="613"/>
      <c r="DEO666" s="613"/>
      <c r="DEP666" s="613"/>
      <c r="DEQ666" s="613"/>
      <c r="DER666" s="613"/>
      <c r="DES666" s="613"/>
      <c r="DET666" s="613"/>
      <c r="DEU666" s="613"/>
      <c r="DEV666" s="613"/>
      <c r="DEW666" s="613"/>
      <c r="DEX666" s="613"/>
      <c r="DEY666" s="613"/>
      <c r="DEZ666" s="613"/>
      <c r="DFA666" s="613"/>
      <c r="DFB666" s="613"/>
      <c r="DFC666" s="613"/>
      <c r="DFD666" s="613"/>
      <c r="DFE666" s="613"/>
      <c r="DFF666" s="613"/>
      <c r="DFG666" s="613"/>
      <c r="DFH666" s="613"/>
      <c r="DFI666" s="613"/>
      <c r="DFJ666" s="613"/>
      <c r="DFK666" s="613"/>
      <c r="DFL666" s="613"/>
      <c r="DFM666" s="613"/>
      <c r="DFN666" s="613"/>
      <c r="DFO666" s="613"/>
      <c r="DFP666" s="613"/>
      <c r="DFQ666" s="613"/>
      <c r="DFR666" s="613"/>
      <c r="DFS666" s="613"/>
      <c r="DFT666" s="613"/>
      <c r="DFU666" s="613"/>
      <c r="DFV666" s="613"/>
      <c r="DFW666" s="613"/>
      <c r="DFX666" s="613"/>
      <c r="DFY666" s="613"/>
      <c r="DFZ666" s="613"/>
      <c r="DGA666" s="613"/>
      <c r="DGB666" s="613"/>
      <c r="DGC666" s="613"/>
      <c r="DGD666" s="613"/>
      <c r="DGE666" s="613"/>
      <c r="DGF666" s="613"/>
      <c r="DGG666" s="613"/>
      <c r="DGH666" s="613"/>
      <c r="DGI666" s="613"/>
      <c r="DGJ666" s="613"/>
      <c r="DGK666" s="613"/>
      <c r="DGL666" s="613"/>
      <c r="DGM666" s="613"/>
      <c r="DGN666" s="613"/>
      <c r="DGO666" s="613"/>
      <c r="DGP666" s="613"/>
      <c r="DGQ666" s="613"/>
      <c r="DGR666" s="613"/>
      <c r="DGS666" s="613"/>
      <c r="DGT666" s="613"/>
      <c r="DGU666" s="613"/>
      <c r="DGV666" s="613"/>
      <c r="DGW666" s="613"/>
      <c r="DGX666" s="613"/>
      <c r="DGY666" s="613"/>
      <c r="DGZ666" s="613"/>
      <c r="DHA666" s="613"/>
      <c r="DHB666" s="613"/>
      <c r="DHC666" s="613"/>
      <c r="DHD666" s="613"/>
      <c r="DHE666" s="613"/>
      <c r="DHF666" s="613"/>
      <c r="DHG666" s="613"/>
      <c r="DHH666" s="613"/>
      <c r="DHI666" s="613"/>
      <c r="DHJ666" s="613"/>
      <c r="DHK666" s="613"/>
      <c r="DHL666" s="613"/>
      <c r="DHM666" s="613"/>
      <c r="DHN666" s="613"/>
      <c r="DHO666" s="613"/>
      <c r="DHP666" s="613"/>
      <c r="DHQ666" s="613"/>
      <c r="DHR666" s="613"/>
      <c r="DHS666" s="613"/>
      <c r="DHT666" s="613"/>
      <c r="DHU666" s="613"/>
      <c r="DHV666" s="613"/>
      <c r="DHW666" s="613"/>
      <c r="DHX666" s="613"/>
      <c r="DHY666" s="613"/>
      <c r="DHZ666" s="613"/>
      <c r="DIA666" s="613"/>
      <c r="DIB666" s="613"/>
      <c r="DIC666" s="613"/>
      <c r="DID666" s="613"/>
      <c r="DIE666" s="613"/>
      <c r="DIF666" s="613"/>
      <c r="DIG666" s="613"/>
      <c r="DIH666" s="613"/>
      <c r="DII666" s="613"/>
      <c r="DIJ666" s="613"/>
      <c r="DIK666" s="613"/>
      <c r="DIL666" s="613"/>
      <c r="DIM666" s="613"/>
      <c r="DIN666" s="613"/>
      <c r="DIO666" s="613"/>
      <c r="DIP666" s="613"/>
      <c r="DIQ666" s="613"/>
      <c r="DIR666" s="613"/>
      <c r="DIS666" s="613"/>
      <c r="DIT666" s="613"/>
      <c r="DIU666" s="613"/>
      <c r="DIV666" s="613"/>
      <c r="DIW666" s="613"/>
      <c r="DIX666" s="613"/>
      <c r="DIY666" s="613"/>
      <c r="DIZ666" s="613"/>
      <c r="DJA666" s="613"/>
      <c r="DJB666" s="613"/>
      <c r="DJC666" s="613"/>
      <c r="DJD666" s="613"/>
      <c r="DJE666" s="613"/>
      <c r="DJF666" s="613"/>
      <c r="DJG666" s="613"/>
      <c r="DJH666" s="613"/>
      <c r="DJI666" s="613"/>
      <c r="DJJ666" s="613"/>
      <c r="DJK666" s="613"/>
      <c r="DJL666" s="613"/>
      <c r="DJM666" s="613"/>
      <c r="DJN666" s="613"/>
      <c r="DJO666" s="613"/>
      <c r="DJP666" s="613"/>
      <c r="DJQ666" s="613"/>
      <c r="DJR666" s="613"/>
      <c r="DJS666" s="613"/>
      <c r="DJT666" s="613"/>
      <c r="DJU666" s="613"/>
      <c r="DJV666" s="613"/>
      <c r="DJW666" s="613"/>
      <c r="DJX666" s="613"/>
      <c r="DJY666" s="613"/>
      <c r="DJZ666" s="613"/>
      <c r="DKA666" s="613"/>
      <c r="DKB666" s="613"/>
      <c r="DKC666" s="613"/>
      <c r="DKD666" s="613"/>
      <c r="DKE666" s="613"/>
      <c r="DKF666" s="613"/>
      <c r="DKG666" s="613"/>
      <c r="DKH666" s="613"/>
      <c r="DKI666" s="613"/>
      <c r="DKJ666" s="613"/>
      <c r="DKK666" s="613"/>
      <c r="DKL666" s="613"/>
      <c r="DKM666" s="613"/>
      <c r="DKN666" s="613"/>
      <c r="DKO666" s="613"/>
      <c r="DKP666" s="613"/>
      <c r="DKQ666" s="613"/>
      <c r="DKR666" s="613"/>
      <c r="DKS666" s="613"/>
      <c r="DKT666" s="613"/>
      <c r="DKU666" s="613"/>
      <c r="DKV666" s="613"/>
      <c r="DKW666" s="613"/>
      <c r="DKX666" s="613"/>
      <c r="DKY666" s="613"/>
      <c r="DKZ666" s="613"/>
      <c r="DLA666" s="613"/>
      <c r="DLB666" s="613"/>
      <c r="DLC666" s="613"/>
      <c r="DLD666" s="613"/>
      <c r="DLE666" s="613"/>
      <c r="DLF666" s="613"/>
      <c r="DLG666" s="613"/>
      <c r="DLH666" s="613"/>
      <c r="DLI666" s="613"/>
      <c r="DLJ666" s="613"/>
      <c r="DLK666" s="613"/>
      <c r="DLL666" s="613"/>
      <c r="DLM666" s="613"/>
      <c r="DLN666" s="613"/>
      <c r="DLO666" s="613"/>
      <c r="DLP666" s="613"/>
      <c r="DLQ666" s="613"/>
      <c r="DLR666" s="613"/>
      <c r="DLS666" s="613"/>
      <c r="DLT666" s="613"/>
      <c r="DLU666" s="613"/>
      <c r="DLV666" s="613"/>
      <c r="DLW666" s="613"/>
      <c r="DLX666" s="613"/>
      <c r="DLY666" s="613"/>
      <c r="DLZ666" s="613"/>
      <c r="DMA666" s="613"/>
      <c r="DMB666" s="613"/>
      <c r="DMC666" s="613"/>
      <c r="DMD666" s="613"/>
      <c r="DME666" s="613"/>
      <c r="DMF666" s="613"/>
      <c r="DMG666" s="613"/>
      <c r="DMH666" s="613"/>
      <c r="DMI666" s="613"/>
      <c r="DMJ666" s="613"/>
      <c r="DMK666" s="613"/>
      <c r="DML666" s="613"/>
      <c r="DMM666" s="613"/>
      <c r="DMN666" s="613"/>
      <c r="DMO666" s="613"/>
      <c r="DMP666" s="613"/>
      <c r="DMQ666" s="613"/>
      <c r="DMR666" s="613"/>
      <c r="DMS666" s="613"/>
      <c r="DMT666" s="613"/>
      <c r="DMU666" s="613"/>
      <c r="DMV666" s="613"/>
      <c r="DMW666" s="613"/>
      <c r="DMX666" s="613"/>
      <c r="DMY666" s="613"/>
      <c r="DMZ666" s="613"/>
      <c r="DNA666" s="613"/>
      <c r="DNB666" s="613"/>
      <c r="DNC666" s="613"/>
      <c r="DND666" s="613"/>
      <c r="DNE666" s="613"/>
      <c r="DNF666" s="613"/>
      <c r="DNG666" s="613"/>
      <c r="DNH666" s="613"/>
      <c r="DNI666" s="613"/>
      <c r="DNJ666" s="613"/>
      <c r="DNK666" s="613"/>
      <c r="DNL666" s="613"/>
      <c r="DNM666" s="613"/>
      <c r="DNN666" s="613"/>
      <c r="DNO666" s="613"/>
      <c r="DNP666" s="613"/>
      <c r="DNQ666" s="613"/>
      <c r="DNR666" s="613"/>
      <c r="DNS666" s="613"/>
      <c r="DNT666" s="613"/>
      <c r="DNU666" s="613"/>
      <c r="DNV666" s="613"/>
      <c r="DNW666" s="613"/>
      <c r="DNX666" s="613"/>
      <c r="DNY666" s="613"/>
      <c r="DNZ666" s="613"/>
      <c r="DOA666" s="613"/>
      <c r="DOB666" s="613"/>
      <c r="DOC666" s="613"/>
      <c r="DOD666" s="613"/>
      <c r="DOE666" s="613"/>
      <c r="DOF666" s="613"/>
      <c r="DOG666" s="613"/>
      <c r="DOH666" s="613"/>
      <c r="DOI666" s="613"/>
      <c r="DOJ666" s="613"/>
      <c r="DOK666" s="613"/>
      <c r="DOL666" s="613"/>
      <c r="DOM666" s="613"/>
      <c r="DON666" s="613"/>
      <c r="DOO666" s="613"/>
      <c r="DOP666" s="613"/>
      <c r="DOQ666" s="613"/>
      <c r="DOR666" s="613"/>
      <c r="DOS666" s="613"/>
      <c r="DOT666" s="613"/>
      <c r="DOU666" s="613"/>
      <c r="DOV666" s="613"/>
      <c r="DOW666" s="613"/>
      <c r="DOX666" s="613"/>
      <c r="DOY666" s="613"/>
      <c r="DOZ666" s="613"/>
      <c r="DPA666" s="613"/>
      <c r="DPB666" s="613"/>
      <c r="DPC666" s="613"/>
      <c r="DPD666" s="613"/>
      <c r="DPE666" s="613"/>
      <c r="DPF666" s="613"/>
      <c r="DPG666" s="613"/>
      <c r="DPH666" s="613"/>
      <c r="DPI666" s="613"/>
      <c r="DPJ666" s="613"/>
      <c r="DPK666" s="613"/>
      <c r="DPL666" s="613"/>
      <c r="DPM666" s="613"/>
      <c r="DPN666" s="613"/>
      <c r="DPO666" s="613"/>
      <c r="DPP666" s="613"/>
      <c r="DPQ666" s="613"/>
      <c r="DPR666" s="613"/>
      <c r="DPS666" s="613"/>
      <c r="DPT666" s="613"/>
      <c r="DPU666" s="613"/>
      <c r="DPV666" s="613"/>
      <c r="DPW666" s="613"/>
      <c r="DPX666" s="613"/>
      <c r="DPY666" s="613"/>
      <c r="DPZ666" s="613"/>
      <c r="DQA666" s="613"/>
      <c r="DQB666" s="613"/>
      <c r="DQC666" s="613"/>
      <c r="DQD666" s="613"/>
      <c r="DQE666" s="613"/>
      <c r="DQF666" s="613"/>
      <c r="DQG666" s="613"/>
      <c r="DQH666" s="613"/>
      <c r="DQI666" s="613"/>
      <c r="DQJ666" s="613"/>
      <c r="DQK666" s="613"/>
      <c r="DQL666" s="613"/>
      <c r="DQM666" s="613"/>
      <c r="DQN666" s="613"/>
      <c r="DQO666" s="613"/>
      <c r="DQP666" s="613"/>
      <c r="DQQ666" s="613"/>
      <c r="DQR666" s="613"/>
      <c r="DQS666" s="613"/>
      <c r="DQT666" s="613"/>
      <c r="DQU666" s="613"/>
      <c r="DQV666" s="613"/>
      <c r="DQW666" s="613"/>
      <c r="DQX666" s="613"/>
      <c r="DQY666" s="613"/>
      <c r="DQZ666" s="613"/>
      <c r="DRA666" s="613"/>
      <c r="DRB666" s="613"/>
      <c r="DRC666" s="613"/>
      <c r="DRD666" s="613"/>
      <c r="DRE666" s="613"/>
      <c r="DRF666" s="613"/>
      <c r="DRG666" s="613"/>
      <c r="DRH666" s="613"/>
      <c r="DRI666" s="613"/>
      <c r="DRJ666" s="613"/>
      <c r="DRK666" s="613"/>
      <c r="DRL666" s="613"/>
      <c r="DRM666" s="613"/>
      <c r="DRN666" s="613"/>
      <c r="DRO666" s="613"/>
      <c r="DRP666" s="613"/>
      <c r="DRQ666" s="613"/>
      <c r="DRR666" s="613"/>
      <c r="DRS666" s="613"/>
      <c r="DRT666" s="613"/>
      <c r="DRU666" s="613"/>
      <c r="DRV666" s="613"/>
      <c r="DRW666" s="613"/>
      <c r="DRX666" s="613"/>
      <c r="DRY666" s="613"/>
      <c r="DRZ666" s="613"/>
      <c r="DSA666" s="613"/>
      <c r="DSB666" s="613"/>
      <c r="DSC666" s="613"/>
      <c r="DSD666" s="613"/>
      <c r="DSE666" s="613"/>
      <c r="DSF666" s="613"/>
      <c r="DSG666" s="613"/>
      <c r="DSH666" s="613"/>
      <c r="DSI666" s="613"/>
      <c r="DSJ666" s="613"/>
      <c r="DSK666" s="613"/>
      <c r="DSL666" s="613"/>
      <c r="DSM666" s="613"/>
      <c r="DSN666" s="613"/>
      <c r="DSO666" s="613"/>
      <c r="DSP666" s="613"/>
      <c r="DSQ666" s="613"/>
      <c r="DSR666" s="613"/>
      <c r="DSS666" s="613"/>
      <c r="DST666" s="613"/>
      <c r="DSU666" s="613"/>
      <c r="DSV666" s="613"/>
      <c r="DSW666" s="613"/>
      <c r="DSX666" s="613"/>
      <c r="DSY666" s="613"/>
      <c r="DSZ666" s="613"/>
      <c r="DTA666" s="613"/>
      <c r="DTB666" s="613"/>
      <c r="DTC666" s="613"/>
      <c r="DTD666" s="613"/>
      <c r="DTE666" s="613"/>
      <c r="DTF666" s="613"/>
      <c r="DTG666" s="613"/>
      <c r="DTH666" s="613"/>
      <c r="DTI666" s="613"/>
      <c r="DTJ666" s="613"/>
      <c r="DTK666" s="613"/>
      <c r="DTL666" s="613"/>
      <c r="DTM666" s="613"/>
      <c r="DTN666" s="613"/>
      <c r="DTO666" s="613"/>
      <c r="DTP666" s="613"/>
      <c r="DTQ666" s="613"/>
      <c r="DTR666" s="613"/>
      <c r="DTS666" s="613"/>
      <c r="DTT666" s="613"/>
      <c r="DTU666" s="613"/>
      <c r="DTV666" s="613"/>
      <c r="DTW666" s="613"/>
      <c r="DTX666" s="613"/>
      <c r="DTY666" s="613"/>
      <c r="DTZ666" s="613"/>
      <c r="DUA666" s="613"/>
      <c r="DUB666" s="613"/>
      <c r="DUC666" s="613"/>
      <c r="DUD666" s="613"/>
      <c r="DUE666" s="613"/>
      <c r="DUF666" s="613"/>
      <c r="DUG666" s="613"/>
      <c r="DUH666" s="613"/>
      <c r="DUI666" s="613"/>
      <c r="DUJ666" s="613"/>
      <c r="DUK666" s="613"/>
      <c r="DUL666" s="613"/>
      <c r="DUM666" s="613"/>
      <c r="DUN666" s="613"/>
      <c r="DUO666" s="613"/>
      <c r="DUP666" s="613"/>
      <c r="DUQ666" s="613"/>
      <c r="DUR666" s="613"/>
      <c r="DUS666" s="613"/>
      <c r="DUT666" s="613"/>
      <c r="DUU666" s="613"/>
      <c r="DUV666" s="613"/>
      <c r="DUW666" s="613"/>
      <c r="DUX666" s="613"/>
      <c r="DUY666" s="613"/>
      <c r="DUZ666" s="613"/>
      <c r="DVA666" s="613"/>
      <c r="DVB666" s="613"/>
      <c r="DVC666" s="613"/>
      <c r="DVD666" s="613"/>
      <c r="DVE666" s="613"/>
      <c r="DVF666" s="613"/>
      <c r="DVG666" s="613"/>
      <c r="DVH666" s="613"/>
      <c r="DVI666" s="613"/>
      <c r="DVJ666" s="613"/>
      <c r="DVK666" s="613"/>
      <c r="DVL666" s="613"/>
      <c r="DVM666" s="613"/>
      <c r="DVN666" s="613"/>
      <c r="DVO666" s="613"/>
      <c r="DVP666" s="613"/>
      <c r="DVQ666" s="613"/>
      <c r="DVR666" s="613"/>
      <c r="DVS666" s="613"/>
      <c r="DVT666" s="613"/>
      <c r="DVU666" s="613"/>
      <c r="DVV666" s="613"/>
      <c r="DVW666" s="613"/>
      <c r="DVX666" s="613"/>
      <c r="DVY666" s="613"/>
      <c r="DVZ666" s="613"/>
      <c r="DWA666" s="613"/>
      <c r="DWB666" s="613"/>
      <c r="DWC666" s="613"/>
      <c r="DWD666" s="613"/>
      <c r="DWE666" s="613"/>
      <c r="DWF666" s="613"/>
      <c r="DWG666" s="613"/>
      <c r="DWH666" s="613"/>
      <c r="DWI666" s="613"/>
      <c r="DWJ666" s="613"/>
      <c r="DWK666" s="613"/>
      <c r="DWL666" s="613"/>
      <c r="DWM666" s="613"/>
      <c r="DWN666" s="613"/>
      <c r="DWO666" s="613"/>
      <c r="DWP666" s="613"/>
      <c r="DWQ666" s="613"/>
      <c r="DWR666" s="613"/>
      <c r="DWS666" s="613"/>
      <c r="DWT666" s="613"/>
      <c r="DWU666" s="613"/>
      <c r="DWV666" s="613"/>
      <c r="DWW666" s="613"/>
      <c r="DWX666" s="613"/>
      <c r="DWY666" s="613"/>
      <c r="DWZ666" s="613"/>
      <c r="DXA666" s="613"/>
      <c r="DXB666" s="613"/>
      <c r="DXC666" s="613"/>
      <c r="DXD666" s="613"/>
      <c r="DXE666" s="613"/>
      <c r="DXF666" s="613"/>
      <c r="DXG666" s="613"/>
      <c r="DXH666" s="613"/>
      <c r="DXI666" s="613"/>
      <c r="DXJ666" s="613"/>
      <c r="DXK666" s="613"/>
      <c r="DXL666" s="613"/>
      <c r="DXM666" s="613"/>
      <c r="DXN666" s="613"/>
      <c r="DXO666" s="613"/>
      <c r="DXP666" s="613"/>
      <c r="DXQ666" s="613"/>
      <c r="DXR666" s="613"/>
      <c r="DXS666" s="613"/>
      <c r="DXT666" s="613"/>
      <c r="DXU666" s="613"/>
      <c r="DXV666" s="613"/>
      <c r="DXW666" s="613"/>
      <c r="DXX666" s="613"/>
      <c r="DXY666" s="613"/>
      <c r="DXZ666" s="613"/>
      <c r="DYA666" s="613"/>
      <c r="DYB666" s="613"/>
      <c r="DYC666" s="613"/>
      <c r="DYD666" s="613"/>
      <c r="DYE666" s="613"/>
      <c r="DYF666" s="613"/>
      <c r="DYG666" s="613"/>
      <c r="DYH666" s="613"/>
      <c r="DYI666" s="613"/>
      <c r="DYJ666" s="613"/>
      <c r="DYK666" s="613"/>
      <c r="DYL666" s="613"/>
      <c r="DYM666" s="613"/>
      <c r="DYN666" s="613"/>
      <c r="DYO666" s="613"/>
      <c r="DYP666" s="613"/>
      <c r="DYQ666" s="613"/>
      <c r="DYR666" s="613"/>
      <c r="DYS666" s="613"/>
      <c r="DYT666" s="613"/>
      <c r="DYU666" s="613"/>
      <c r="DYV666" s="613"/>
      <c r="DYW666" s="613"/>
      <c r="DYX666" s="613"/>
      <c r="DYY666" s="613"/>
      <c r="DYZ666" s="613"/>
      <c r="DZA666" s="613"/>
      <c r="DZB666" s="613"/>
      <c r="DZC666" s="613"/>
      <c r="DZD666" s="613"/>
      <c r="DZE666" s="613"/>
      <c r="DZF666" s="613"/>
      <c r="DZG666" s="613"/>
      <c r="DZH666" s="613"/>
      <c r="DZI666" s="613"/>
      <c r="DZJ666" s="613"/>
      <c r="DZK666" s="613"/>
      <c r="DZL666" s="613"/>
      <c r="DZM666" s="613"/>
      <c r="DZN666" s="613"/>
      <c r="DZO666" s="613"/>
      <c r="DZP666" s="613"/>
      <c r="DZQ666" s="613"/>
      <c r="DZR666" s="613"/>
      <c r="DZS666" s="613"/>
      <c r="DZT666" s="613"/>
      <c r="DZU666" s="613"/>
      <c r="DZV666" s="613"/>
      <c r="DZW666" s="613"/>
      <c r="DZX666" s="613"/>
      <c r="DZY666" s="613"/>
      <c r="DZZ666" s="613"/>
      <c r="EAA666" s="613"/>
      <c r="EAB666" s="613"/>
      <c r="EAC666" s="613"/>
      <c r="EAD666" s="613"/>
      <c r="EAE666" s="613"/>
      <c r="EAF666" s="613"/>
      <c r="EAG666" s="613"/>
      <c r="EAH666" s="613"/>
      <c r="EAI666" s="613"/>
      <c r="EAJ666" s="613"/>
      <c r="EAK666" s="613"/>
      <c r="EAL666" s="613"/>
      <c r="EAM666" s="613"/>
      <c r="EAN666" s="613"/>
      <c r="EAO666" s="613"/>
      <c r="EAP666" s="613"/>
      <c r="EAQ666" s="613"/>
      <c r="EAR666" s="613"/>
      <c r="EAS666" s="613"/>
      <c r="EAT666" s="613"/>
      <c r="EAU666" s="613"/>
      <c r="EAV666" s="613"/>
      <c r="EAW666" s="613"/>
      <c r="EAX666" s="613"/>
      <c r="EAY666" s="613"/>
      <c r="EAZ666" s="613"/>
      <c r="EBA666" s="613"/>
      <c r="EBB666" s="613"/>
      <c r="EBC666" s="613"/>
      <c r="EBD666" s="613"/>
      <c r="EBE666" s="613"/>
      <c r="EBF666" s="613"/>
      <c r="EBG666" s="613"/>
      <c r="EBH666" s="613"/>
      <c r="EBI666" s="613"/>
      <c r="EBJ666" s="613"/>
      <c r="EBK666" s="613"/>
      <c r="EBL666" s="613"/>
      <c r="EBM666" s="613"/>
      <c r="EBN666" s="613"/>
      <c r="EBO666" s="613"/>
      <c r="EBP666" s="613"/>
      <c r="EBQ666" s="613"/>
      <c r="EBR666" s="613"/>
      <c r="EBS666" s="613"/>
      <c r="EBT666" s="613"/>
      <c r="EBU666" s="613"/>
      <c r="EBV666" s="613"/>
      <c r="EBW666" s="613"/>
      <c r="EBX666" s="613"/>
      <c r="EBY666" s="613"/>
      <c r="EBZ666" s="613"/>
      <c r="ECA666" s="613"/>
      <c r="ECB666" s="613"/>
      <c r="ECC666" s="613"/>
      <c r="ECD666" s="613"/>
      <c r="ECE666" s="613"/>
      <c r="ECF666" s="613"/>
      <c r="ECG666" s="613"/>
      <c r="ECH666" s="613"/>
      <c r="ECI666" s="613"/>
      <c r="ECJ666" s="613"/>
      <c r="ECK666" s="613"/>
      <c r="ECL666" s="613"/>
      <c r="ECM666" s="613"/>
      <c r="ECN666" s="613"/>
      <c r="ECO666" s="613"/>
      <c r="ECP666" s="613"/>
      <c r="ECQ666" s="613"/>
      <c r="ECR666" s="613"/>
      <c r="ECS666" s="613"/>
      <c r="ECT666" s="613"/>
      <c r="ECU666" s="613"/>
      <c r="ECV666" s="613"/>
      <c r="ECW666" s="613"/>
      <c r="ECX666" s="613"/>
      <c r="ECY666" s="613"/>
      <c r="ECZ666" s="613"/>
      <c r="EDA666" s="613"/>
      <c r="EDB666" s="613"/>
      <c r="EDC666" s="613"/>
      <c r="EDD666" s="613"/>
      <c r="EDE666" s="613"/>
      <c r="EDF666" s="613"/>
      <c r="EDG666" s="613"/>
      <c r="EDH666" s="613"/>
      <c r="EDI666" s="613"/>
      <c r="EDJ666" s="613"/>
      <c r="EDK666" s="613"/>
      <c r="EDL666" s="613"/>
      <c r="EDM666" s="613"/>
      <c r="EDN666" s="613"/>
      <c r="EDO666" s="613"/>
      <c r="EDP666" s="613"/>
      <c r="EDQ666" s="613"/>
      <c r="EDR666" s="613"/>
      <c r="EDS666" s="613"/>
      <c r="EDT666" s="613"/>
      <c r="EDU666" s="613"/>
      <c r="EDV666" s="613"/>
      <c r="EDW666" s="613"/>
      <c r="EDX666" s="613"/>
      <c r="EDY666" s="613"/>
      <c r="EDZ666" s="613"/>
      <c r="EEA666" s="613"/>
      <c r="EEB666" s="613"/>
      <c r="EEC666" s="613"/>
      <c r="EED666" s="613"/>
      <c r="EEE666" s="613"/>
      <c r="EEF666" s="613"/>
      <c r="EEG666" s="613"/>
      <c r="EEH666" s="613"/>
      <c r="EEI666" s="613"/>
      <c r="EEJ666" s="613"/>
      <c r="EEK666" s="613"/>
      <c r="EEL666" s="613"/>
      <c r="EEM666" s="613"/>
      <c r="EEN666" s="613"/>
      <c r="EEO666" s="613"/>
      <c r="EEP666" s="613"/>
      <c r="EEQ666" s="613"/>
      <c r="EER666" s="613"/>
      <c r="EES666" s="613"/>
      <c r="EET666" s="613"/>
      <c r="EEU666" s="613"/>
      <c r="EEV666" s="613"/>
      <c r="EEW666" s="613"/>
      <c r="EEX666" s="613"/>
      <c r="EEY666" s="613"/>
      <c r="EEZ666" s="613"/>
      <c r="EFA666" s="613"/>
      <c r="EFB666" s="613"/>
      <c r="EFC666" s="613"/>
      <c r="EFD666" s="613"/>
      <c r="EFE666" s="613"/>
      <c r="EFF666" s="613"/>
      <c r="EFG666" s="613"/>
      <c r="EFH666" s="613"/>
      <c r="EFI666" s="613"/>
      <c r="EFJ666" s="613"/>
      <c r="EFK666" s="613"/>
      <c r="EFL666" s="613"/>
      <c r="EFM666" s="613"/>
      <c r="EFN666" s="613"/>
      <c r="EFO666" s="613"/>
      <c r="EFP666" s="613"/>
      <c r="EFQ666" s="613"/>
      <c r="EFR666" s="613"/>
      <c r="EFS666" s="613"/>
      <c r="EFT666" s="613"/>
      <c r="EFU666" s="613"/>
      <c r="EFV666" s="613"/>
      <c r="EFW666" s="613"/>
      <c r="EFX666" s="613"/>
      <c r="EFY666" s="613"/>
      <c r="EFZ666" s="613"/>
      <c r="EGA666" s="613"/>
      <c r="EGB666" s="613"/>
      <c r="EGC666" s="613"/>
      <c r="EGD666" s="613"/>
      <c r="EGE666" s="613"/>
      <c r="EGF666" s="613"/>
      <c r="EGG666" s="613"/>
      <c r="EGH666" s="613"/>
      <c r="EGI666" s="613"/>
      <c r="EGJ666" s="613"/>
      <c r="EGK666" s="613"/>
      <c r="EGL666" s="613"/>
      <c r="EGM666" s="613"/>
      <c r="EGN666" s="613"/>
      <c r="EGO666" s="613"/>
      <c r="EGP666" s="613"/>
      <c r="EGQ666" s="613"/>
      <c r="EGR666" s="613"/>
      <c r="EGS666" s="613"/>
      <c r="EGT666" s="613"/>
      <c r="EGU666" s="613"/>
      <c r="EGV666" s="613"/>
      <c r="EGW666" s="613"/>
      <c r="EGX666" s="613"/>
      <c r="EGY666" s="613"/>
      <c r="EGZ666" s="613"/>
      <c r="EHA666" s="613"/>
      <c r="EHB666" s="613"/>
      <c r="EHC666" s="613"/>
      <c r="EHD666" s="613"/>
      <c r="EHE666" s="613"/>
      <c r="EHF666" s="613"/>
      <c r="EHG666" s="613"/>
      <c r="EHH666" s="613"/>
      <c r="EHI666" s="613"/>
      <c r="EHJ666" s="613"/>
      <c r="EHK666" s="613"/>
      <c r="EHL666" s="613"/>
      <c r="EHM666" s="613"/>
      <c r="EHN666" s="613"/>
      <c r="EHO666" s="613"/>
      <c r="EHP666" s="613"/>
      <c r="EHQ666" s="613"/>
      <c r="EHR666" s="613"/>
      <c r="EHS666" s="613"/>
      <c r="EHT666" s="613"/>
      <c r="EHU666" s="613"/>
      <c r="EHV666" s="613"/>
      <c r="EHW666" s="613"/>
      <c r="EHX666" s="613"/>
      <c r="EHY666" s="613"/>
      <c r="EHZ666" s="613"/>
      <c r="EIA666" s="613"/>
      <c r="EIB666" s="613"/>
      <c r="EIC666" s="613"/>
      <c r="EID666" s="613"/>
      <c r="EIE666" s="613"/>
      <c r="EIF666" s="613"/>
      <c r="EIG666" s="613"/>
      <c r="EIH666" s="613"/>
      <c r="EII666" s="613"/>
      <c r="EIJ666" s="613"/>
      <c r="EIK666" s="613"/>
      <c r="EIL666" s="613"/>
      <c r="EIM666" s="613"/>
      <c r="EIN666" s="613"/>
      <c r="EIO666" s="613"/>
      <c r="EIP666" s="613"/>
      <c r="EIQ666" s="613"/>
      <c r="EIR666" s="613"/>
      <c r="EIS666" s="613"/>
      <c r="EIT666" s="613"/>
      <c r="EIU666" s="613"/>
      <c r="EIV666" s="613"/>
      <c r="EIW666" s="613"/>
      <c r="EIX666" s="613"/>
      <c r="EIY666" s="613"/>
      <c r="EIZ666" s="613"/>
      <c r="EJA666" s="613"/>
      <c r="EJB666" s="613"/>
      <c r="EJC666" s="613"/>
      <c r="EJD666" s="613"/>
      <c r="EJE666" s="613"/>
      <c r="EJF666" s="613"/>
      <c r="EJG666" s="613"/>
      <c r="EJH666" s="613"/>
      <c r="EJI666" s="613"/>
      <c r="EJJ666" s="613"/>
      <c r="EJK666" s="613"/>
      <c r="EJL666" s="613"/>
      <c r="EJM666" s="613"/>
      <c r="EJN666" s="613"/>
      <c r="EJO666" s="613"/>
      <c r="EJP666" s="613"/>
      <c r="EJQ666" s="613"/>
      <c r="EJR666" s="613"/>
      <c r="EJS666" s="613"/>
      <c r="EJT666" s="613"/>
      <c r="EJU666" s="613"/>
      <c r="EJV666" s="613"/>
      <c r="EJW666" s="613"/>
      <c r="EJX666" s="613"/>
      <c r="EJY666" s="613"/>
      <c r="EJZ666" s="613"/>
      <c r="EKA666" s="613"/>
      <c r="EKB666" s="613"/>
      <c r="EKC666" s="613"/>
      <c r="EKD666" s="613"/>
      <c r="EKE666" s="613"/>
      <c r="EKF666" s="613"/>
      <c r="EKG666" s="613"/>
      <c r="EKH666" s="613"/>
      <c r="EKI666" s="613"/>
      <c r="EKJ666" s="613"/>
      <c r="EKK666" s="613"/>
      <c r="EKL666" s="613"/>
      <c r="EKM666" s="613"/>
      <c r="EKN666" s="613"/>
      <c r="EKO666" s="613"/>
      <c r="EKP666" s="613"/>
      <c r="EKQ666" s="613"/>
      <c r="EKR666" s="613"/>
      <c r="EKS666" s="613"/>
      <c r="EKT666" s="613"/>
      <c r="EKU666" s="613"/>
      <c r="EKV666" s="613"/>
      <c r="EKW666" s="613"/>
      <c r="EKX666" s="613"/>
      <c r="EKY666" s="613"/>
      <c r="EKZ666" s="613"/>
      <c r="ELA666" s="613"/>
      <c r="ELB666" s="613"/>
      <c r="ELC666" s="613"/>
      <c r="ELD666" s="613"/>
      <c r="ELE666" s="613"/>
      <c r="ELF666" s="613"/>
      <c r="ELG666" s="613"/>
      <c r="ELH666" s="613"/>
      <c r="ELI666" s="613"/>
      <c r="ELJ666" s="613"/>
      <c r="ELK666" s="613"/>
      <c r="ELL666" s="613"/>
      <c r="ELM666" s="613"/>
      <c r="ELN666" s="613"/>
      <c r="ELO666" s="613"/>
      <c r="ELP666" s="613"/>
      <c r="ELQ666" s="613"/>
      <c r="ELR666" s="613"/>
      <c r="ELS666" s="613"/>
      <c r="ELT666" s="613"/>
      <c r="ELU666" s="613"/>
      <c r="ELV666" s="613"/>
      <c r="ELW666" s="613"/>
      <c r="ELX666" s="613"/>
      <c r="ELY666" s="613"/>
      <c r="ELZ666" s="613"/>
      <c r="EMA666" s="613"/>
      <c r="EMB666" s="613"/>
      <c r="EMC666" s="613"/>
      <c r="EMD666" s="613"/>
      <c r="EME666" s="613"/>
      <c r="EMF666" s="613"/>
      <c r="EMG666" s="613"/>
      <c r="EMH666" s="613"/>
      <c r="EMI666" s="613"/>
      <c r="EMJ666" s="613"/>
      <c r="EMK666" s="613"/>
      <c r="EML666" s="613"/>
      <c r="EMM666" s="613"/>
      <c r="EMN666" s="613"/>
      <c r="EMO666" s="613"/>
      <c r="EMP666" s="613"/>
      <c r="EMQ666" s="613"/>
      <c r="EMR666" s="613"/>
      <c r="EMS666" s="613"/>
      <c r="EMT666" s="613"/>
      <c r="EMU666" s="613"/>
      <c r="EMV666" s="613"/>
      <c r="EMW666" s="613"/>
      <c r="EMX666" s="613"/>
      <c r="EMY666" s="613"/>
      <c r="EMZ666" s="613"/>
      <c r="ENA666" s="613"/>
      <c r="ENB666" s="613"/>
      <c r="ENC666" s="613"/>
      <c r="END666" s="613"/>
      <c r="ENE666" s="613"/>
      <c r="ENF666" s="613"/>
      <c r="ENG666" s="613"/>
      <c r="ENH666" s="613"/>
      <c r="ENI666" s="613"/>
      <c r="ENJ666" s="613"/>
      <c r="ENK666" s="613"/>
      <c r="ENL666" s="613"/>
      <c r="ENM666" s="613"/>
      <c r="ENN666" s="613"/>
      <c r="ENO666" s="613"/>
      <c r="ENP666" s="613"/>
      <c r="ENQ666" s="613"/>
      <c r="ENR666" s="613"/>
      <c r="ENS666" s="613"/>
      <c r="ENT666" s="613"/>
      <c r="ENU666" s="613"/>
      <c r="ENV666" s="613"/>
      <c r="ENW666" s="613"/>
      <c r="ENX666" s="613"/>
      <c r="ENY666" s="613"/>
      <c r="ENZ666" s="613"/>
      <c r="EOA666" s="613"/>
      <c r="EOB666" s="613"/>
      <c r="EOC666" s="613"/>
      <c r="EOD666" s="613"/>
      <c r="EOE666" s="613"/>
      <c r="EOF666" s="613"/>
      <c r="EOG666" s="613"/>
      <c r="EOH666" s="613"/>
      <c r="EOI666" s="613"/>
      <c r="EOJ666" s="613"/>
      <c r="EOK666" s="613"/>
      <c r="EOL666" s="613"/>
      <c r="EOM666" s="613"/>
      <c r="EON666" s="613"/>
      <c r="EOO666" s="613"/>
      <c r="EOP666" s="613"/>
      <c r="EOQ666" s="613"/>
      <c r="EOR666" s="613"/>
      <c r="EOS666" s="613"/>
      <c r="EOT666" s="613"/>
      <c r="EOU666" s="613"/>
      <c r="EOV666" s="613"/>
      <c r="EOW666" s="613"/>
      <c r="EOX666" s="613"/>
      <c r="EOY666" s="613"/>
      <c r="EOZ666" s="613"/>
      <c r="EPA666" s="613"/>
      <c r="EPB666" s="613"/>
      <c r="EPC666" s="613"/>
      <c r="EPD666" s="613"/>
      <c r="EPE666" s="613"/>
      <c r="EPF666" s="613"/>
      <c r="EPG666" s="613"/>
      <c r="EPH666" s="613"/>
      <c r="EPI666" s="613"/>
      <c r="EPJ666" s="613"/>
      <c r="EPK666" s="613"/>
      <c r="EPL666" s="613"/>
      <c r="EPM666" s="613"/>
      <c r="EPN666" s="613"/>
      <c r="EPO666" s="613"/>
      <c r="EPP666" s="613"/>
      <c r="EPQ666" s="613"/>
      <c r="EPR666" s="613"/>
      <c r="EPS666" s="613"/>
      <c r="EPT666" s="613"/>
      <c r="EPU666" s="613"/>
      <c r="EPV666" s="613"/>
      <c r="EPW666" s="613"/>
      <c r="EPX666" s="613"/>
      <c r="EPY666" s="613"/>
      <c r="EPZ666" s="613"/>
      <c r="EQA666" s="613"/>
      <c r="EQB666" s="613"/>
      <c r="EQC666" s="613"/>
      <c r="EQD666" s="613"/>
      <c r="EQE666" s="613"/>
      <c r="EQF666" s="613"/>
      <c r="EQG666" s="613"/>
      <c r="EQH666" s="613"/>
      <c r="EQI666" s="613"/>
      <c r="EQJ666" s="613"/>
      <c r="EQK666" s="613"/>
      <c r="EQL666" s="613"/>
      <c r="EQM666" s="613"/>
      <c r="EQN666" s="613"/>
      <c r="EQO666" s="613"/>
      <c r="EQP666" s="613"/>
      <c r="EQQ666" s="613"/>
      <c r="EQR666" s="613"/>
      <c r="EQS666" s="613"/>
      <c r="EQT666" s="613"/>
      <c r="EQU666" s="613"/>
      <c r="EQV666" s="613"/>
      <c r="EQW666" s="613"/>
      <c r="EQX666" s="613"/>
      <c r="EQY666" s="613"/>
      <c r="EQZ666" s="613"/>
      <c r="ERA666" s="613"/>
      <c r="ERB666" s="613"/>
      <c r="ERC666" s="613"/>
      <c r="ERD666" s="613"/>
      <c r="ERE666" s="613"/>
      <c r="ERF666" s="613"/>
      <c r="ERG666" s="613"/>
      <c r="ERH666" s="613"/>
      <c r="ERI666" s="613"/>
      <c r="ERJ666" s="613"/>
      <c r="ERK666" s="613"/>
      <c r="ERL666" s="613"/>
      <c r="ERM666" s="613"/>
      <c r="ERN666" s="613"/>
      <c r="ERO666" s="613"/>
      <c r="ERP666" s="613"/>
      <c r="ERQ666" s="613"/>
      <c r="ERR666" s="613"/>
      <c r="ERS666" s="613"/>
      <c r="ERT666" s="613"/>
      <c r="ERU666" s="613"/>
      <c r="ERV666" s="613"/>
      <c r="ERW666" s="613"/>
      <c r="ERX666" s="613"/>
      <c r="ERY666" s="613"/>
      <c r="ERZ666" s="613"/>
      <c r="ESA666" s="613"/>
      <c r="ESB666" s="613"/>
      <c r="ESC666" s="613"/>
      <c r="ESD666" s="613"/>
      <c r="ESE666" s="613"/>
      <c r="ESF666" s="613"/>
      <c r="ESG666" s="613"/>
      <c r="ESH666" s="613"/>
      <c r="ESI666" s="613"/>
      <c r="ESJ666" s="613"/>
      <c r="ESK666" s="613"/>
      <c r="ESL666" s="613"/>
      <c r="ESM666" s="613"/>
      <c r="ESN666" s="613"/>
      <c r="ESO666" s="613"/>
      <c r="ESP666" s="613"/>
      <c r="ESQ666" s="613"/>
      <c r="ESR666" s="613"/>
      <c r="ESS666" s="613"/>
      <c r="EST666" s="613"/>
      <c r="ESU666" s="613"/>
      <c r="ESV666" s="613"/>
      <c r="ESW666" s="613"/>
      <c r="ESX666" s="613"/>
      <c r="ESY666" s="613"/>
      <c r="ESZ666" s="613"/>
      <c r="ETA666" s="613"/>
      <c r="ETB666" s="613"/>
      <c r="ETC666" s="613"/>
      <c r="ETD666" s="613"/>
      <c r="ETE666" s="613"/>
      <c r="ETF666" s="613"/>
      <c r="ETG666" s="613"/>
      <c r="ETH666" s="613"/>
      <c r="ETI666" s="613"/>
      <c r="ETJ666" s="613"/>
      <c r="ETK666" s="613"/>
      <c r="ETL666" s="613"/>
      <c r="ETM666" s="613"/>
      <c r="ETN666" s="613"/>
      <c r="ETO666" s="613"/>
      <c r="ETP666" s="613"/>
      <c r="ETQ666" s="613"/>
      <c r="ETR666" s="613"/>
      <c r="ETS666" s="613"/>
      <c r="ETT666" s="613"/>
      <c r="ETU666" s="613"/>
      <c r="ETV666" s="613"/>
      <c r="ETW666" s="613"/>
      <c r="ETX666" s="613"/>
      <c r="ETY666" s="613"/>
      <c r="ETZ666" s="613"/>
      <c r="EUA666" s="613"/>
      <c r="EUB666" s="613"/>
      <c r="EUC666" s="613"/>
      <c r="EUD666" s="613"/>
      <c r="EUE666" s="613"/>
      <c r="EUF666" s="613"/>
      <c r="EUG666" s="613"/>
      <c r="EUH666" s="613"/>
      <c r="EUI666" s="613"/>
      <c r="EUJ666" s="613"/>
      <c r="EUK666" s="613"/>
      <c r="EUL666" s="613"/>
      <c r="EUM666" s="613"/>
      <c r="EUN666" s="613"/>
      <c r="EUO666" s="613"/>
      <c r="EUP666" s="613"/>
      <c r="EUQ666" s="613"/>
      <c r="EUR666" s="613"/>
      <c r="EUS666" s="613"/>
      <c r="EUT666" s="613"/>
      <c r="EUU666" s="613"/>
      <c r="EUV666" s="613"/>
      <c r="EUW666" s="613"/>
      <c r="EUX666" s="613"/>
      <c r="EUY666" s="613"/>
      <c r="EUZ666" s="613"/>
      <c r="EVA666" s="613"/>
      <c r="EVB666" s="613"/>
      <c r="EVC666" s="613"/>
      <c r="EVD666" s="613"/>
      <c r="EVE666" s="613"/>
      <c r="EVF666" s="613"/>
      <c r="EVG666" s="613"/>
      <c r="EVH666" s="613"/>
      <c r="EVI666" s="613"/>
      <c r="EVJ666" s="613"/>
      <c r="EVK666" s="613"/>
      <c r="EVL666" s="613"/>
      <c r="EVM666" s="613"/>
      <c r="EVN666" s="613"/>
      <c r="EVO666" s="613"/>
      <c r="EVP666" s="613"/>
      <c r="EVQ666" s="613"/>
      <c r="EVR666" s="613"/>
      <c r="EVS666" s="613"/>
      <c r="EVT666" s="613"/>
      <c r="EVU666" s="613"/>
      <c r="EVV666" s="613"/>
      <c r="EVW666" s="613"/>
      <c r="EVX666" s="613"/>
      <c r="EVY666" s="613"/>
      <c r="EVZ666" s="613"/>
      <c r="EWA666" s="613"/>
      <c r="EWB666" s="613"/>
      <c r="EWC666" s="613"/>
      <c r="EWD666" s="613"/>
      <c r="EWE666" s="613"/>
      <c r="EWF666" s="613"/>
      <c r="EWG666" s="613"/>
      <c r="EWH666" s="613"/>
      <c r="EWI666" s="613"/>
      <c r="EWJ666" s="613"/>
      <c r="EWK666" s="613"/>
      <c r="EWL666" s="613"/>
      <c r="EWM666" s="613"/>
      <c r="EWN666" s="613"/>
      <c r="EWO666" s="613"/>
      <c r="EWP666" s="613"/>
      <c r="EWQ666" s="613"/>
      <c r="EWR666" s="613"/>
      <c r="EWS666" s="613"/>
      <c r="EWT666" s="613"/>
      <c r="EWU666" s="613"/>
      <c r="EWV666" s="613"/>
      <c r="EWW666" s="613"/>
      <c r="EWX666" s="613"/>
      <c r="EWY666" s="613"/>
      <c r="EWZ666" s="613"/>
      <c r="EXA666" s="613"/>
      <c r="EXB666" s="613"/>
      <c r="EXC666" s="613"/>
      <c r="EXD666" s="613"/>
      <c r="EXE666" s="613"/>
      <c r="EXF666" s="613"/>
      <c r="EXG666" s="613"/>
      <c r="EXH666" s="613"/>
      <c r="EXI666" s="613"/>
      <c r="EXJ666" s="613"/>
      <c r="EXK666" s="613"/>
      <c r="EXL666" s="613"/>
      <c r="EXM666" s="613"/>
      <c r="EXN666" s="613"/>
      <c r="EXO666" s="613"/>
      <c r="EXP666" s="613"/>
      <c r="EXQ666" s="613"/>
      <c r="EXR666" s="613"/>
      <c r="EXS666" s="613"/>
      <c r="EXT666" s="613"/>
      <c r="EXU666" s="613"/>
      <c r="EXV666" s="613"/>
      <c r="EXW666" s="613"/>
      <c r="EXX666" s="613"/>
      <c r="EXY666" s="613"/>
      <c r="EXZ666" s="613"/>
      <c r="EYA666" s="613"/>
      <c r="EYB666" s="613"/>
      <c r="EYC666" s="613"/>
      <c r="EYD666" s="613"/>
      <c r="EYE666" s="613"/>
      <c r="EYF666" s="613"/>
      <c r="EYG666" s="613"/>
      <c r="EYH666" s="613"/>
      <c r="EYI666" s="613"/>
      <c r="EYJ666" s="613"/>
      <c r="EYK666" s="613"/>
      <c r="EYL666" s="613"/>
      <c r="EYM666" s="613"/>
      <c r="EYN666" s="613"/>
      <c r="EYO666" s="613"/>
      <c r="EYP666" s="613"/>
      <c r="EYQ666" s="613"/>
      <c r="EYR666" s="613"/>
      <c r="EYS666" s="613"/>
      <c r="EYT666" s="613"/>
      <c r="EYU666" s="613"/>
      <c r="EYV666" s="613"/>
      <c r="EYW666" s="613"/>
      <c r="EYX666" s="613"/>
      <c r="EYY666" s="613"/>
      <c r="EYZ666" s="613"/>
      <c r="EZA666" s="613"/>
      <c r="EZB666" s="613"/>
      <c r="EZC666" s="613"/>
      <c r="EZD666" s="613"/>
      <c r="EZE666" s="613"/>
      <c r="EZF666" s="613"/>
      <c r="EZG666" s="613"/>
      <c r="EZH666" s="613"/>
      <c r="EZI666" s="613"/>
      <c r="EZJ666" s="613"/>
      <c r="EZK666" s="613"/>
      <c r="EZL666" s="613"/>
      <c r="EZM666" s="613"/>
      <c r="EZN666" s="613"/>
      <c r="EZO666" s="613"/>
      <c r="EZP666" s="613"/>
      <c r="EZQ666" s="613"/>
      <c r="EZR666" s="613"/>
      <c r="EZS666" s="613"/>
      <c r="EZT666" s="613"/>
      <c r="EZU666" s="613"/>
      <c r="EZV666" s="613"/>
      <c r="EZW666" s="613"/>
      <c r="EZX666" s="613"/>
      <c r="EZY666" s="613"/>
      <c r="EZZ666" s="613"/>
      <c r="FAA666" s="613"/>
      <c r="FAB666" s="613"/>
      <c r="FAC666" s="613"/>
      <c r="FAD666" s="613"/>
      <c r="FAE666" s="613"/>
      <c r="FAF666" s="613"/>
      <c r="FAG666" s="613"/>
      <c r="FAH666" s="613"/>
      <c r="FAI666" s="613"/>
      <c r="FAJ666" s="613"/>
      <c r="FAK666" s="613"/>
      <c r="FAL666" s="613"/>
      <c r="FAM666" s="613"/>
      <c r="FAN666" s="613"/>
      <c r="FAO666" s="613"/>
      <c r="FAP666" s="613"/>
      <c r="FAQ666" s="613"/>
      <c r="FAR666" s="613"/>
      <c r="FAS666" s="613"/>
      <c r="FAT666" s="613"/>
      <c r="FAU666" s="613"/>
      <c r="FAV666" s="613"/>
      <c r="FAW666" s="613"/>
      <c r="FAX666" s="613"/>
      <c r="FAY666" s="613"/>
      <c r="FAZ666" s="613"/>
      <c r="FBA666" s="613"/>
      <c r="FBB666" s="613"/>
      <c r="FBC666" s="613"/>
      <c r="FBD666" s="613"/>
      <c r="FBE666" s="613"/>
      <c r="FBF666" s="613"/>
      <c r="FBG666" s="613"/>
      <c r="FBH666" s="613"/>
      <c r="FBI666" s="613"/>
      <c r="FBJ666" s="613"/>
      <c r="FBK666" s="613"/>
      <c r="FBL666" s="613"/>
      <c r="FBM666" s="613"/>
      <c r="FBN666" s="613"/>
      <c r="FBO666" s="613"/>
      <c r="FBP666" s="613"/>
      <c r="FBQ666" s="613"/>
      <c r="FBR666" s="613"/>
      <c r="FBS666" s="613"/>
      <c r="FBT666" s="613"/>
      <c r="FBU666" s="613"/>
      <c r="FBV666" s="613"/>
      <c r="FBW666" s="613"/>
      <c r="FBX666" s="613"/>
      <c r="FBY666" s="613"/>
      <c r="FBZ666" s="613"/>
      <c r="FCA666" s="613"/>
      <c r="FCB666" s="613"/>
      <c r="FCC666" s="613"/>
      <c r="FCD666" s="613"/>
      <c r="FCE666" s="613"/>
      <c r="FCF666" s="613"/>
      <c r="FCG666" s="613"/>
      <c r="FCH666" s="613"/>
      <c r="FCI666" s="613"/>
      <c r="FCJ666" s="613"/>
      <c r="FCK666" s="613"/>
      <c r="FCL666" s="613"/>
      <c r="FCM666" s="613"/>
      <c r="FCN666" s="613"/>
      <c r="FCO666" s="613"/>
      <c r="FCP666" s="613"/>
      <c r="FCQ666" s="613"/>
      <c r="FCR666" s="613"/>
      <c r="FCS666" s="613"/>
      <c r="FCT666" s="613"/>
      <c r="FCU666" s="613"/>
      <c r="FCV666" s="613"/>
      <c r="FCW666" s="613"/>
      <c r="FCX666" s="613"/>
      <c r="FCY666" s="613"/>
      <c r="FCZ666" s="613"/>
      <c r="FDA666" s="613"/>
      <c r="FDB666" s="613"/>
      <c r="FDC666" s="613"/>
      <c r="FDD666" s="613"/>
      <c r="FDE666" s="613"/>
      <c r="FDF666" s="613"/>
      <c r="FDG666" s="613"/>
      <c r="FDH666" s="613"/>
      <c r="FDI666" s="613"/>
      <c r="FDJ666" s="613"/>
      <c r="FDK666" s="613"/>
      <c r="FDL666" s="613"/>
      <c r="FDM666" s="613"/>
      <c r="FDN666" s="613"/>
      <c r="FDO666" s="613"/>
      <c r="FDP666" s="613"/>
      <c r="FDQ666" s="613"/>
      <c r="FDR666" s="613"/>
      <c r="FDS666" s="613"/>
      <c r="FDT666" s="613"/>
      <c r="FDU666" s="613"/>
      <c r="FDV666" s="613"/>
      <c r="FDW666" s="613"/>
      <c r="FDX666" s="613"/>
      <c r="FDY666" s="613"/>
      <c r="FDZ666" s="613"/>
      <c r="FEA666" s="613"/>
      <c r="FEB666" s="613"/>
      <c r="FEC666" s="613"/>
      <c r="FED666" s="613"/>
      <c r="FEE666" s="613"/>
      <c r="FEF666" s="613"/>
      <c r="FEG666" s="613"/>
      <c r="FEH666" s="613"/>
      <c r="FEI666" s="613"/>
      <c r="FEJ666" s="613"/>
      <c r="FEK666" s="613"/>
      <c r="FEL666" s="613"/>
      <c r="FEM666" s="613"/>
      <c r="FEN666" s="613"/>
      <c r="FEO666" s="613"/>
      <c r="FEP666" s="613"/>
      <c r="FEQ666" s="613"/>
      <c r="FER666" s="613"/>
      <c r="FES666" s="613"/>
      <c r="FET666" s="613"/>
      <c r="FEU666" s="613"/>
      <c r="FEV666" s="613"/>
      <c r="FEW666" s="613"/>
      <c r="FEX666" s="613"/>
      <c r="FEY666" s="613"/>
      <c r="FEZ666" s="613"/>
      <c r="FFA666" s="613"/>
      <c r="FFB666" s="613"/>
      <c r="FFC666" s="613"/>
      <c r="FFD666" s="613"/>
      <c r="FFE666" s="613"/>
      <c r="FFF666" s="613"/>
      <c r="FFG666" s="613"/>
      <c r="FFH666" s="613"/>
      <c r="FFI666" s="613"/>
      <c r="FFJ666" s="613"/>
      <c r="FFK666" s="613"/>
      <c r="FFL666" s="613"/>
      <c r="FFM666" s="613"/>
      <c r="FFN666" s="613"/>
      <c r="FFO666" s="613"/>
      <c r="FFP666" s="613"/>
      <c r="FFQ666" s="613"/>
      <c r="FFR666" s="613"/>
      <c r="FFS666" s="613"/>
      <c r="FFT666" s="613"/>
      <c r="FFU666" s="613"/>
      <c r="FFV666" s="613"/>
      <c r="FFW666" s="613"/>
      <c r="FFX666" s="613"/>
      <c r="FFY666" s="613"/>
      <c r="FFZ666" s="613"/>
      <c r="FGA666" s="613"/>
      <c r="FGB666" s="613"/>
      <c r="FGC666" s="613"/>
      <c r="FGD666" s="613"/>
      <c r="FGE666" s="613"/>
      <c r="FGF666" s="613"/>
      <c r="FGG666" s="613"/>
      <c r="FGH666" s="613"/>
      <c r="FGI666" s="613"/>
      <c r="FGJ666" s="613"/>
      <c r="FGK666" s="613"/>
      <c r="FGL666" s="613"/>
      <c r="FGM666" s="613"/>
      <c r="FGN666" s="613"/>
      <c r="FGO666" s="613"/>
      <c r="FGP666" s="613"/>
      <c r="FGQ666" s="613"/>
      <c r="FGR666" s="613"/>
      <c r="FGS666" s="613"/>
      <c r="FGT666" s="613"/>
      <c r="FGU666" s="613"/>
      <c r="FGV666" s="613"/>
      <c r="FGW666" s="613"/>
      <c r="FGX666" s="613"/>
      <c r="FGY666" s="613"/>
      <c r="FGZ666" s="613"/>
      <c r="FHA666" s="613"/>
      <c r="FHB666" s="613"/>
      <c r="FHC666" s="613"/>
      <c r="FHD666" s="613"/>
      <c r="FHE666" s="613"/>
      <c r="FHF666" s="613"/>
      <c r="FHG666" s="613"/>
      <c r="FHH666" s="613"/>
      <c r="FHI666" s="613"/>
      <c r="FHJ666" s="613"/>
      <c r="FHK666" s="613"/>
      <c r="FHL666" s="613"/>
      <c r="FHM666" s="613"/>
      <c r="FHN666" s="613"/>
      <c r="FHO666" s="613"/>
      <c r="FHP666" s="613"/>
      <c r="FHQ666" s="613"/>
      <c r="FHR666" s="613"/>
      <c r="FHS666" s="613"/>
      <c r="FHT666" s="613"/>
      <c r="FHU666" s="613"/>
      <c r="FHV666" s="613"/>
      <c r="FHW666" s="613"/>
      <c r="FHX666" s="613"/>
      <c r="FHY666" s="613"/>
      <c r="FHZ666" s="613"/>
      <c r="FIA666" s="613"/>
      <c r="FIB666" s="613"/>
      <c r="FIC666" s="613"/>
      <c r="FID666" s="613"/>
      <c r="FIE666" s="613"/>
      <c r="FIF666" s="613"/>
      <c r="FIG666" s="613"/>
      <c r="FIH666" s="613"/>
      <c r="FII666" s="613"/>
      <c r="FIJ666" s="613"/>
      <c r="FIK666" s="613"/>
      <c r="FIL666" s="613"/>
      <c r="FIM666" s="613"/>
      <c r="FIN666" s="613"/>
      <c r="FIO666" s="613"/>
      <c r="FIP666" s="613"/>
      <c r="FIQ666" s="613"/>
      <c r="FIR666" s="613"/>
      <c r="FIS666" s="613"/>
      <c r="FIT666" s="613"/>
      <c r="FIU666" s="613"/>
      <c r="FIV666" s="613"/>
      <c r="FIW666" s="613"/>
      <c r="FIX666" s="613"/>
      <c r="FIY666" s="613"/>
      <c r="FIZ666" s="613"/>
      <c r="FJA666" s="613"/>
      <c r="FJB666" s="613"/>
      <c r="FJC666" s="613"/>
      <c r="FJD666" s="613"/>
      <c r="FJE666" s="613"/>
      <c r="FJF666" s="613"/>
      <c r="FJG666" s="613"/>
      <c r="FJH666" s="613"/>
      <c r="FJI666" s="613"/>
      <c r="FJJ666" s="613"/>
      <c r="FJK666" s="613"/>
      <c r="FJL666" s="613"/>
      <c r="FJM666" s="613"/>
      <c r="FJN666" s="613"/>
      <c r="FJO666" s="613"/>
      <c r="FJP666" s="613"/>
      <c r="FJQ666" s="613"/>
      <c r="FJR666" s="613"/>
      <c r="FJS666" s="613"/>
      <c r="FJT666" s="613"/>
      <c r="FJU666" s="613"/>
      <c r="FJV666" s="613"/>
      <c r="FJW666" s="613"/>
      <c r="FJX666" s="613"/>
      <c r="FJY666" s="613"/>
      <c r="FJZ666" s="613"/>
      <c r="FKA666" s="613"/>
      <c r="FKB666" s="613"/>
      <c r="FKC666" s="613"/>
      <c r="FKD666" s="613"/>
      <c r="FKE666" s="613"/>
      <c r="FKF666" s="613"/>
      <c r="FKG666" s="613"/>
      <c r="FKH666" s="613"/>
      <c r="FKI666" s="613"/>
      <c r="FKJ666" s="613"/>
      <c r="FKK666" s="613"/>
      <c r="FKL666" s="613"/>
      <c r="FKM666" s="613"/>
      <c r="FKN666" s="613"/>
      <c r="FKO666" s="613"/>
      <c r="FKP666" s="613"/>
      <c r="FKQ666" s="613"/>
      <c r="FKR666" s="613"/>
      <c r="FKS666" s="613"/>
      <c r="FKT666" s="613"/>
      <c r="FKU666" s="613"/>
      <c r="FKV666" s="613"/>
      <c r="FKW666" s="613"/>
      <c r="FKX666" s="613"/>
      <c r="FKY666" s="613"/>
      <c r="FKZ666" s="613"/>
      <c r="FLA666" s="613"/>
      <c r="FLB666" s="613"/>
      <c r="FLC666" s="613"/>
      <c r="FLD666" s="613"/>
      <c r="FLE666" s="613"/>
      <c r="FLF666" s="613"/>
      <c r="FLG666" s="613"/>
      <c r="FLH666" s="613"/>
      <c r="FLI666" s="613"/>
      <c r="FLJ666" s="613"/>
      <c r="FLK666" s="613"/>
      <c r="FLL666" s="613"/>
      <c r="FLM666" s="613"/>
      <c r="FLN666" s="613"/>
      <c r="FLO666" s="613"/>
      <c r="FLP666" s="613"/>
      <c r="FLQ666" s="613"/>
      <c r="FLR666" s="613"/>
      <c r="FLS666" s="613"/>
      <c r="FLT666" s="613"/>
      <c r="FLU666" s="613"/>
      <c r="FLV666" s="613"/>
      <c r="FLW666" s="613"/>
      <c r="FLX666" s="613"/>
      <c r="FLY666" s="613"/>
      <c r="FLZ666" s="613"/>
      <c r="FMA666" s="613"/>
      <c r="FMB666" s="613"/>
      <c r="FMC666" s="613"/>
      <c r="FMD666" s="613"/>
      <c r="FME666" s="613"/>
      <c r="FMF666" s="613"/>
      <c r="FMG666" s="613"/>
      <c r="FMH666" s="613"/>
      <c r="FMI666" s="613"/>
      <c r="FMJ666" s="613"/>
      <c r="FMK666" s="613"/>
      <c r="FML666" s="613"/>
      <c r="FMM666" s="613"/>
      <c r="FMN666" s="613"/>
      <c r="FMO666" s="613"/>
      <c r="FMP666" s="613"/>
      <c r="FMQ666" s="613"/>
      <c r="FMR666" s="613"/>
      <c r="FMS666" s="613"/>
      <c r="FMT666" s="613"/>
      <c r="FMU666" s="613"/>
      <c r="FMV666" s="613"/>
      <c r="FMW666" s="613"/>
      <c r="FMX666" s="613"/>
      <c r="FMY666" s="613"/>
      <c r="FMZ666" s="613"/>
      <c r="FNA666" s="613"/>
      <c r="FNB666" s="613"/>
      <c r="FNC666" s="613"/>
      <c r="FND666" s="613"/>
      <c r="FNE666" s="613"/>
      <c r="FNF666" s="613"/>
      <c r="FNG666" s="613"/>
      <c r="FNH666" s="613"/>
      <c r="FNI666" s="613"/>
      <c r="FNJ666" s="613"/>
      <c r="FNK666" s="613"/>
      <c r="FNL666" s="613"/>
      <c r="FNM666" s="613"/>
      <c r="FNN666" s="613"/>
      <c r="FNO666" s="613"/>
      <c r="FNP666" s="613"/>
      <c r="FNQ666" s="613"/>
      <c r="FNR666" s="613"/>
      <c r="FNS666" s="613"/>
      <c r="FNT666" s="613"/>
      <c r="FNU666" s="613"/>
      <c r="FNV666" s="613"/>
      <c r="FNW666" s="613"/>
      <c r="FNX666" s="613"/>
      <c r="FNY666" s="613"/>
      <c r="FNZ666" s="613"/>
      <c r="FOA666" s="613"/>
      <c r="FOB666" s="613"/>
      <c r="FOC666" s="613"/>
      <c r="FOD666" s="613"/>
      <c r="FOE666" s="613"/>
      <c r="FOF666" s="613"/>
      <c r="FOG666" s="613"/>
      <c r="FOH666" s="613"/>
      <c r="FOI666" s="613"/>
      <c r="FOJ666" s="613"/>
      <c r="FOK666" s="613"/>
      <c r="FOL666" s="613"/>
      <c r="FOM666" s="613"/>
      <c r="FON666" s="613"/>
      <c r="FOO666" s="613"/>
      <c r="FOP666" s="613"/>
      <c r="FOQ666" s="613"/>
      <c r="FOR666" s="613"/>
      <c r="FOS666" s="613"/>
      <c r="FOT666" s="613"/>
      <c r="FOU666" s="613"/>
      <c r="FOV666" s="613"/>
      <c r="FOW666" s="613"/>
      <c r="FOX666" s="613"/>
      <c r="FOY666" s="613"/>
      <c r="FOZ666" s="613"/>
      <c r="FPA666" s="613"/>
      <c r="FPB666" s="613"/>
      <c r="FPC666" s="613"/>
      <c r="FPD666" s="613"/>
      <c r="FPE666" s="613"/>
      <c r="FPF666" s="613"/>
      <c r="FPG666" s="613"/>
      <c r="FPH666" s="613"/>
      <c r="FPI666" s="613"/>
      <c r="FPJ666" s="613"/>
      <c r="FPK666" s="613"/>
      <c r="FPL666" s="613"/>
      <c r="FPM666" s="613"/>
      <c r="FPN666" s="613"/>
      <c r="FPO666" s="613"/>
      <c r="FPP666" s="613"/>
      <c r="FPQ666" s="613"/>
      <c r="FPR666" s="613"/>
      <c r="FPS666" s="613"/>
      <c r="FPT666" s="613"/>
      <c r="FPU666" s="613"/>
      <c r="FPV666" s="613"/>
      <c r="FPW666" s="613"/>
      <c r="FPX666" s="613"/>
      <c r="FPY666" s="613"/>
      <c r="FPZ666" s="613"/>
      <c r="FQA666" s="613"/>
      <c r="FQB666" s="613"/>
      <c r="FQC666" s="613"/>
      <c r="FQD666" s="613"/>
      <c r="FQE666" s="613"/>
      <c r="FQF666" s="613"/>
      <c r="FQG666" s="613"/>
      <c r="FQH666" s="613"/>
      <c r="FQI666" s="613"/>
      <c r="FQJ666" s="613"/>
      <c r="FQK666" s="613"/>
      <c r="FQL666" s="613"/>
      <c r="FQM666" s="613"/>
      <c r="FQN666" s="613"/>
      <c r="FQO666" s="613"/>
      <c r="FQP666" s="613"/>
      <c r="FQQ666" s="613"/>
      <c r="FQR666" s="613"/>
      <c r="FQS666" s="613"/>
      <c r="FQT666" s="613"/>
      <c r="FQU666" s="613"/>
      <c r="FQV666" s="613"/>
      <c r="FQW666" s="613"/>
      <c r="FQX666" s="613"/>
      <c r="FQY666" s="613"/>
      <c r="FQZ666" s="613"/>
      <c r="FRA666" s="613"/>
      <c r="FRB666" s="613"/>
      <c r="FRC666" s="613"/>
      <c r="FRD666" s="613"/>
      <c r="FRE666" s="613"/>
      <c r="FRF666" s="613"/>
      <c r="FRG666" s="613"/>
      <c r="FRH666" s="613"/>
      <c r="FRI666" s="613"/>
      <c r="FRJ666" s="613"/>
      <c r="FRK666" s="613"/>
      <c r="FRL666" s="613"/>
      <c r="FRM666" s="613"/>
      <c r="FRN666" s="613"/>
      <c r="FRO666" s="613"/>
      <c r="FRP666" s="613"/>
      <c r="FRQ666" s="613"/>
      <c r="FRR666" s="613"/>
      <c r="FRS666" s="613"/>
      <c r="FRT666" s="613"/>
      <c r="FRU666" s="613"/>
      <c r="FRV666" s="613"/>
      <c r="FRW666" s="613"/>
      <c r="FRX666" s="613"/>
      <c r="FRY666" s="613"/>
      <c r="FRZ666" s="613"/>
      <c r="FSA666" s="613"/>
      <c r="FSB666" s="613"/>
      <c r="FSC666" s="613"/>
      <c r="FSD666" s="613"/>
      <c r="FSE666" s="613"/>
      <c r="FSF666" s="613"/>
      <c r="FSG666" s="613"/>
      <c r="FSH666" s="613"/>
      <c r="FSI666" s="613"/>
      <c r="FSJ666" s="613"/>
      <c r="FSK666" s="613"/>
      <c r="FSL666" s="613"/>
      <c r="FSM666" s="613"/>
      <c r="FSN666" s="613"/>
      <c r="FSO666" s="613"/>
      <c r="FSP666" s="613"/>
      <c r="FSQ666" s="613"/>
      <c r="FSR666" s="613"/>
      <c r="FSS666" s="613"/>
      <c r="FST666" s="613"/>
      <c r="FSU666" s="613"/>
      <c r="FSV666" s="613"/>
      <c r="FSW666" s="613"/>
      <c r="FSX666" s="613"/>
      <c r="FSY666" s="613"/>
      <c r="FSZ666" s="613"/>
      <c r="FTA666" s="613"/>
      <c r="FTB666" s="613"/>
      <c r="FTC666" s="613"/>
      <c r="FTD666" s="613"/>
      <c r="FTE666" s="613"/>
      <c r="FTF666" s="613"/>
      <c r="FTG666" s="613"/>
      <c r="FTH666" s="613"/>
      <c r="FTI666" s="613"/>
      <c r="FTJ666" s="613"/>
      <c r="FTK666" s="613"/>
      <c r="FTL666" s="613"/>
      <c r="FTM666" s="613"/>
      <c r="FTN666" s="613"/>
      <c r="FTO666" s="613"/>
      <c r="FTP666" s="613"/>
      <c r="FTQ666" s="613"/>
      <c r="FTR666" s="613"/>
      <c r="FTS666" s="613"/>
      <c r="FTT666" s="613"/>
      <c r="FTU666" s="613"/>
      <c r="FTV666" s="613"/>
      <c r="FTW666" s="613"/>
      <c r="FTX666" s="613"/>
      <c r="FTY666" s="613"/>
      <c r="FTZ666" s="613"/>
      <c r="FUA666" s="613"/>
      <c r="FUB666" s="613"/>
      <c r="FUC666" s="613"/>
      <c r="FUD666" s="613"/>
      <c r="FUE666" s="613"/>
      <c r="FUF666" s="613"/>
      <c r="FUG666" s="613"/>
      <c r="FUH666" s="613"/>
      <c r="FUI666" s="613"/>
      <c r="FUJ666" s="613"/>
      <c r="FUK666" s="613"/>
      <c r="FUL666" s="613"/>
      <c r="FUM666" s="613"/>
      <c r="FUN666" s="613"/>
      <c r="FUO666" s="613"/>
      <c r="FUP666" s="613"/>
      <c r="FUQ666" s="613"/>
      <c r="FUR666" s="613"/>
      <c r="FUS666" s="613"/>
      <c r="FUT666" s="613"/>
      <c r="FUU666" s="613"/>
      <c r="FUV666" s="613"/>
      <c r="FUW666" s="613"/>
      <c r="FUX666" s="613"/>
      <c r="FUY666" s="613"/>
      <c r="FUZ666" s="613"/>
      <c r="FVA666" s="613"/>
      <c r="FVB666" s="613"/>
      <c r="FVC666" s="613"/>
      <c r="FVD666" s="613"/>
      <c r="FVE666" s="613"/>
      <c r="FVF666" s="613"/>
      <c r="FVG666" s="613"/>
      <c r="FVH666" s="613"/>
      <c r="FVI666" s="613"/>
      <c r="FVJ666" s="613"/>
      <c r="FVK666" s="613"/>
      <c r="FVL666" s="613"/>
      <c r="FVM666" s="613"/>
      <c r="FVN666" s="613"/>
      <c r="FVO666" s="613"/>
      <c r="FVP666" s="613"/>
      <c r="FVQ666" s="613"/>
      <c r="FVR666" s="613"/>
      <c r="FVS666" s="613"/>
      <c r="FVT666" s="613"/>
      <c r="FVU666" s="613"/>
      <c r="FVV666" s="613"/>
      <c r="FVW666" s="613"/>
      <c r="FVX666" s="613"/>
      <c r="FVY666" s="613"/>
      <c r="FVZ666" s="613"/>
      <c r="FWA666" s="613"/>
      <c r="FWB666" s="613"/>
      <c r="FWC666" s="613"/>
      <c r="FWD666" s="613"/>
      <c r="FWE666" s="613"/>
      <c r="FWF666" s="613"/>
      <c r="FWG666" s="613"/>
      <c r="FWH666" s="613"/>
      <c r="FWI666" s="613"/>
      <c r="FWJ666" s="613"/>
      <c r="FWK666" s="613"/>
      <c r="FWL666" s="613"/>
      <c r="FWM666" s="613"/>
      <c r="FWN666" s="613"/>
      <c r="FWO666" s="613"/>
      <c r="FWP666" s="613"/>
      <c r="FWQ666" s="613"/>
      <c r="FWR666" s="613"/>
      <c r="FWS666" s="613"/>
      <c r="FWT666" s="613"/>
      <c r="FWU666" s="613"/>
      <c r="FWV666" s="613"/>
      <c r="FWW666" s="613"/>
      <c r="FWX666" s="613"/>
      <c r="FWY666" s="613"/>
      <c r="FWZ666" s="613"/>
      <c r="FXA666" s="613"/>
      <c r="FXB666" s="613"/>
      <c r="FXC666" s="613"/>
      <c r="FXD666" s="613"/>
      <c r="FXE666" s="613"/>
      <c r="FXF666" s="613"/>
      <c r="FXG666" s="613"/>
      <c r="FXH666" s="613"/>
      <c r="FXI666" s="613"/>
      <c r="FXJ666" s="613"/>
      <c r="FXK666" s="613"/>
      <c r="FXL666" s="613"/>
      <c r="FXM666" s="613"/>
      <c r="FXN666" s="613"/>
      <c r="FXO666" s="613"/>
      <c r="FXP666" s="613"/>
      <c r="FXQ666" s="613"/>
      <c r="FXR666" s="613"/>
      <c r="FXS666" s="613"/>
      <c r="FXT666" s="613"/>
      <c r="FXU666" s="613"/>
      <c r="FXV666" s="613"/>
      <c r="FXW666" s="613"/>
      <c r="FXX666" s="613"/>
      <c r="FXY666" s="613"/>
      <c r="FXZ666" s="613"/>
      <c r="FYA666" s="613"/>
      <c r="FYB666" s="613"/>
      <c r="FYC666" s="613"/>
      <c r="FYD666" s="613"/>
      <c r="FYE666" s="613"/>
      <c r="FYF666" s="613"/>
      <c r="FYG666" s="613"/>
      <c r="FYH666" s="613"/>
      <c r="FYI666" s="613"/>
      <c r="FYJ666" s="613"/>
      <c r="FYK666" s="613"/>
      <c r="FYL666" s="613"/>
      <c r="FYM666" s="613"/>
      <c r="FYN666" s="613"/>
      <c r="FYO666" s="613"/>
      <c r="FYP666" s="613"/>
      <c r="FYQ666" s="613"/>
      <c r="FYR666" s="613"/>
      <c r="FYS666" s="613"/>
      <c r="FYT666" s="613"/>
      <c r="FYU666" s="613"/>
      <c r="FYV666" s="613"/>
      <c r="FYW666" s="613"/>
      <c r="FYX666" s="613"/>
      <c r="FYY666" s="613"/>
      <c r="FYZ666" s="613"/>
      <c r="FZA666" s="613"/>
      <c r="FZB666" s="613"/>
      <c r="FZC666" s="613"/>
      <c r="FZD666" s="613"/>
      <c r="FZE666" s="613"/>
      <c r="FZF666" s="613"/>
      <c r="FZG666" s="613"/>
      <c r="FZH666" s="613"/>
      <c r="FZI666" s="613"/>
      <c r="FZJ666" s="613"/>
      <c r="FZK666" s="613"/>
      <c r="FZL666" s="613"/>
      <c r="FZM666" s="613"/>
      <c r="FZN666" s="613"/>
      <c r="FZO666" s="613"/>
      <c r="FZP666" s="613"/>
      <c r="FZQ666" s="613"/>
      <c r="FZR666" s="613"/>
      <c r="FZS666" s="613"/>
      <c r="FZT666" s="613"/>
      <c r="FZU666" s="613"/>
      <c r="FZV666" s="613"/>
      <c r="FZW666" s="613"/>
      <c r="FZX666" s="613"/>
      <c r="FZY666" s="613"/>
      <c r="FZZ666" s="613"/>
      <c r="GAA666" s="613"/>
      <c r="GAB666" s="613"/>
      <c r="GAC666" s="613"/>
      <c r="GAD666" s="613"/>
      <c r="GAE666" s="613"/>
      <c r="GAF666" s="613"/>
      <c r="GAG666" s="613"/>
      <c r="GAH666" s="613"/>
      <c r="GAI666" s="613"/>
      <c r="GAJ666" s="613"/>
      <c r="GAK666" s="613"/>
      <c r="GAL666" s="613"/>
      <c r="GAM666" s="613"/>
      <c r="GAN666" s="613"/>
      <c r="GAO666" s="613"/>
      <c r="GAP666" s="613"/>
      <c r="GAQ666" s="613"/>
      <c r="GAR666" s="613"/>
      <c r="GAS666" s="613"/>
      <c r="GAT666" s="613"/>
      <c r="GAU666" s="613"/>
      <c r="GAV666" s="613"/>
      <c r="GAW666" s="613"/>
      <c r="GAX666" s="613"/>
      <c r="GAY666" s="613"/>
      <c r="GAZ666" s="613"/>
      <c r="GBA666" s="613"/>
      <c r="GBB666" s="613"/>
      <c r="GBC666" s="613"/>
      <c r="GBD666" s="613"/>
      <c r="GBE666" s="613"/>
      <c r="GBF666" s="613"/>
      <c r="GBG666" s="613"/>
      <c r="GBH666" s="613"/>
      <c r="GBI666" s="613"/>
      <c r="GBJ666" s="613"/>
      <c r="GBK666" s="613"/>
      <c r="GBL666" s="613"/>
      <c r="GBM666" s="613"/>
      <c r="GBN666" s="613"/>
      <c r="GBO666" s="613"/>
      <c r="GBP666" s="613"/>
      <c r="GBQ666" s="613"/>
      <c r="GBR666" s="613"/>
      <c r="GBS666" s="613"/>
      <c r="GBT666" s="613"/>
      <c r="GBU666" s="613"/>
      <c r="GBV666" s="613"/>
      <c r="GBW666" s="613"/>
      <c r="GBX666" s="613"/>
      <c r="GBY666" s="613"/>
      <c r="GBZ666" s="613"/>
      <c r="GCA666" s="613"/>
      <c r="GCB666" s="613"/>
      <c r="GCC666" s="613"/>
      <c r="GCD666" s="613"/>
      <c r="GCE666" s="613"/>
      <c r="GCF666" s="613"/>
      <c r="GCG666" s="613"/>
      <c r="GCH666" s="613"/>
      <c r="GCI666" s="613"/>
      <c r="GCJ666" s="613"/>
      <c r="GCK666" s="613"/>
      <c r="GCL666" s="613"/>
      <c r="GCM666" s="613"/>
      <c r="GCN666" s="613"/>
      <c r="GCO666" s="613"/>
      <c r="GCP666" s="613"/>
      <c r="GCQ666" s="613"/>
      <c r="GCR666" s="613"/>
      <c r="GCS666" s="613"/>
      <c r="GCT666" s="613"/>
      <c r="GCU666" s="613"/>
      <c r="GCV666" s="613"/>
      <c r="GCW666" s="613"/>
      <c r="GCX666" s="613"/>
      <c r="GCY666" s="613"/>
      <c r="GCZ666" s="613"/>
      <c r="GDA666" s="613"/>
      <c r="GDB666" s="613"/>
      <c r="GDC666" s="613"/>
      <c r="GDD666" s="613"/>
      <c r="GDE666" s="613"/>
      <c r="GDF666" s="613"/>
      <c r="GDG666" s="613"/>
      <c r="GDH666" s="613"/>
      <c r="GDI666" s="613"/>
      <c r="GDJ666" s="613"/>
      <c r="GDK666" s="613"/>
      <c r="GDL666" s="613"/>
      <c r="GDM666" s="613"/>
      <c r="GDN666" s="613"/>
      <c r="GDO666" s="613"/>
      <c r="GDP666" s="613"/>
      <c r="GDQ666" s="613"/>
      <c r="GDR666" s="613"/>
      <c r="GDS666" s="613"/>
      <c r="GDT666" s="613"/>
      <c r="GDU666" s="613"/>
      <c r="GDV666" s="613"/>
      <c r="GDW666" s="613"/>
      <c r="GDX666" s="613"/>
      <c r="GDY666" s="613"/>
      <c r="GDZ666" s="613"/>
      <c r="GEA666" s="613"/>
      <c r="GEB666" s="613"/>
      <c r="GEC666" s="613"/>
      <c r="GED666" s="613"/>
      <c r="GEE666" s="613"/>
      <c r="GEF666" s="613"/>
      <c r="GEG666" s="613"/>
      <c r="GEH666" s="613"/>
      <c r="GEI666" s="613"/>
      <c r="GEJ666" s="613"/>
      <c r="GEK666" s="613"/>
      <c r="GEL666" s="613"/>
      <c r="GEM666" s="613"/>
      <c r="GEN666" s="613"/>
      <c r="GEO666" s="613"/>
      <c r="GEP666" s="613"/>
      <c r="GEQ666" s="613"/>
      <c r="GER666" s="613"/>
      <c r="GES666" s="613"/>
      <c r="GET666" s="613"/>
      <c r="GEU666" s="613"/>
      <c r="GEV666" s="613"/>
      <c r="GEW666" s="613"/>
      <c r="GEX666" s="613"/>
      <c r="GEY666" s="613"/>
      <c r="GEZ666" s="613"/>
      <c r="GFA666" s="613"/>
      <c r="GFB666" s="613"/>
      <c r="GFC666" s="613"/>
      <c r="GFD666" s="613"/>
      <c r="GFE666" s="613"/>
      <c r="GFF666" s="613"/>
      <c r="GFG666" s="613"/>
      <c r="GFH666" s="613"/>
      <c r="GFI666" s="613"/>
      <c r="GFJ666" s="613"/>
      <c r="GFK666" s="613"/>
      <c r="GFL666" s="613"/>
      <c r="GFM666" s="613"/>
      <c r="GFN666" s="613"/>
      <c r="GFO666" s="613"/>
      <c r="GFP666" s="613"/>
      <c r="GFQ666" s="613"/>
      <c r="GFR666" s="613"/>
      <c r="GFS666" s="613"/>
      <c r="GFT666" s="613"/>
      <c r="GFU666" s="613"/>
      <c r="GFV666" s="613"/>
      <c r="GFW666" s="613"/>
      <c r="GFX666" s="613"/>
      <c r="GFY666" s="613"/>
      <c r="GFZ666" s="613"/>
      <c r="GGA666" s="613"/>
      <c r="GGB666" s="613"/>
      <c r="GGC666" s="613"/>
      <c r="GGD666" s="613"/>
      <c r="GGE666" s="613"/>
      <c r="GGF666" s="613"/>
      <c r="GGG666" s="613"/>
      <c r="GGH666" s="613"/>
      <c r="GGI666" s="613"/>
      <c r="GGJ666" s="613"/>
      <c r="GGK666" s="613"/>
      <c r="GGL666" s="613"/>
      <c r="GGM666" s="613"/>
      <c r="GGN666" s="613"/>
      <c r="GGO666" s="613"/>
      <c r="GGP666" s="613"/>
      <c r="GGQ666" s="613"/>
      <c r="GGR666" s="613"/>
      <c r="GGS666" s="613"/>
      <c r="GGT666" s="613"/>
      <c r="GGU666" s="613"/>
      <c r="GGV666" s="613"/>
      <c r="GGW666" s="613"/>
      <c r="GGX666" s="613"/>
      <c r="GGY666" s="613"/>
      <c r="GGZ666" s="613"/>
      <c r="GHA666" s="613"/>
      <c r="GHB666" s="613"/>
      <c r="GHC666" s="613"/>
      <c r="GHD666" s="613"/>
      <c r="GHE666" s="613"/>
      <c r="GHF666" s="613"/>
      <c r="GHG666" s="613"/>
      <c r="GHH666" s="613"/>
      <c r="GHI666" s="613"/>
      <c r="GHJ666" s="613"/>
      <c r="GHK666" s="613"/>
      <c r="GHL666" s="613"/>
      <c r="GHM666" s="613"/>
      <c r="GHN666" s="613"/>
      <c r="GHO666" s="613"/>
      <c r="GHP666" s="613"/>
      <c r="GHQ666" s="613"/>
      <c r="GHR666" s="613"/>
      <c r="GHS666" s="613"/>
      <c r="GHT666" s="613"/>
      <c r="GHU666" s="613"/>
      <c r="GHV666" s="613"/>
      <c r="GHW666" s="613"/>
      <c r="GHX666" s="613"/>
      <c r="GHY666" s="613"/>
      <c r="GHZ666" s="613"/>
      <c r="GIA666" s="613"/>
      <c r="GIB666" s="613"/>
      <c r="GIC666" s="613"/>
      <c r="GID666" s="613"/>
      <c r="GIE666" s="613"/>
      <c r="GIF666" s="613"/>
      <c r="GIG666" s="613"/>
      <c r="GIH666" s="613"/>
      <c r="GII666" s="613"/>
      <c r="GIJ666" s="613"/>
      <c r="GIK666" s="613"/>
      <c r="GIL666" s="613"/>
      <c r="GIM666" s="613"/>
      <c r="GIN666" s="613"/>
      <c r="GIO666" s="613"/>
      <c r="GIP666" s="613"/>
      <c r="GIQ666" s="613"/>
      <c r="GIR666" s="613"/>
      <c r="GIS666" s="613"/>
      <c r="GIT666" s="613"/>
      <c r="GIU666" s="613"/>
      <c r="GIV666" s="613"/>
      <c r="GIW666" s="613"/>
      <c r="GIX666" s="613"/>
      <c r="GIY666" s="613"/>
      <c r="GIZ666" s="613"/>
      <c r="GJA666" s="613"/>
      <c r="GJB666" s="613"/>
      <c r="GJC666" s="613"/>
      <c r="GJD666" s="613"/>
      <c r="GJE666" s="613"/>
      <c r="GJF666" s="613"/>
      <c r="GJG666" s="613"/>
      <c r="GJH666" s="613"/>
      <c r="GJI666" s="613"/>
      <c r="GJJ666" s="613"/>
      <c r="GJK666" s="613"/>
      <c r="GJL666" s="613"/>
      <c r="GJM666" s="613"/>
      <c r="GJN666" s="613"/>
      <c r="GJO666" s="613"/>
      <c r="GJP666" s="613"/>
      <c r="GJQ666" s="613"/>
      <c r="GJR666" s="613"/>
      <c r="GJS666" s="613"/>
      <c r="GJT666" s="613"/>
      <c r="GJU666" s="613"/>
      <c r="GJV666" s="613"/>
      <c r="GJW666" s="613"/>
      <c r="GJX666" s="613"/>
      <c r="GJY666" s="613"/>
      <c r="GJZ666" s="613"/>
      <c r="GKA666" s="613"/>
      <c r="GKB666" s="613"/>
      <c r="GKC666" s="613"/>
      <c r="GKD666" s="613"/>
      <c r="GKE666" s="613"/>
      <c r="GKF666" s="613"/>
      <c r="GKG666" s="613"/>
      <c r="GKH666" s="613"/>
      <c r="GKI666" s="613"/>
      <c r="GKJ666" s="613"/>
      <c r="GKK666" s="613"/>
      <c r="GKL666" s="613"/>
      <c r="GKM666" s="613"/>
      <c r="GKN666" s="613"/>
      <c r="GKO666" s="613"/>
      <c r="GKP666" s="613"/>
      <c r="GKQ666" s="613"/>
      <c r="GKR666" s="613"/>
      <c r="GKS666" s="613"/>
      <c r="GKT666" s="613"/>
      <c r="GKU666" s="613"/>
      <c r="GKV666" s="613"/>
      <c r="GKW666" s="613"/>
      <c r="GKX666" s="613"/>
      <c r="GKY666" s="613"/>
      <c r="GKZ666" s="613"/>
      <c r="GLA666" s="613"/>
      <c r="GLB666" s="613"/>
      <c r="GLC666" s="613"/>
      <c r="GLD666" s="613"/>
      <c r="GLE666" s="613"/>
      <c r="GLF666" s="613"/>
      <c r="GLG666" s="613"/>
      <c r="GLH666" s="613"/>
      <c r="GLI666" s="613"/>
      <c r="GLJ666" s="613"/>
      <c r="GLK666" s="613"/>
      <c r="GLL666" s="613"/>
      <c r="GLM666" s="613"/>
      <c r="GLN666" s="613"/>
      <c r="GLO666" s="613"/>
      <c r="GLP666" s="613"/>
      <c r="GLQ666" s="613"/>
      <c r="GLR666" s="613"/>
      <c r="GLS666" s="613"/>
      <c r="GLT666" s="613"/>
      <c r="GLU666" s="613"/>
      <c r="GLV666" s="613"/>
      <c r="GLW666" s="613"/>
      <c r="GLX666" s="613"/>
      <c r="GLY666" s="613"/>
      <c r="GLZ666" s="613"/>
      <c r="GMA666" s="613"/>
      <c r="GMB666" s="613"/>
      <c r="GMC666" s="613"/>
      <c r="GMD666" s="613"/>
      <c r="GME666" s="613"/>
      <c r="GMF666" s="613"/>
      <c r="GMG666" s="613"/>
      <c r="GMH666" s="613"/>
      <c r="GMI666" s="613"/>
      <c r="GMJ666" s="613"/>
      <c r="GMK666" s="613"/>
      <c r="GML666" s="613"/>
      <c r="GMM666" s="613"/>
      <c r="GMN666" s="613"/>
      <c r="GMO666" s="613"/>
      <c r="GMP666" s="613"/>
      <c r="GMQ666" s="613"/>
      <c r="GMR666" s="613"/>
      <c r="GMS666" s="613"/>
      <c r="GMT666" s="613"/>
      <c r="GMU666" s="613"/>
      <c r="GMV666" s="613"/>
      <c r="GMW666" s="613"/>
      <c r="GMX666" s="613"/>
      <c r="GMY666" s="613"/>
      <c r="GMZ666" s="613"/>
      <c r="GNA666" s="613"/>
      <c r="GNB666" s="613"/>
      <c r="GNC666" s="613"/>
      <c r="GND666" s="613"/>
      <c r="GNE666" s="613"/>
      <c r="GNF666" s="613"/>
      <c r="GNG666" s="613"/>
      <c r="GNH666" s="613"/>
      <c r="GNI666" s="613"/>
      <c r="GNJ666" s="613"/>
      <c r="GNK666" s="613"/>
      <c r="GNL666" s="613"/>
      <c r="GNM666" s="613"/>
      <c r="GNN666" s="613"/>
      <c r="GNO666" s="613"/>
      <c r="GNP666" s="613"/>
      <c r="GNQ666" s="613"/>
      <c r="GNR666" s="613"/>
      <c r="GNS666" s="613"/>
      <c r="GNT666" s="613"/>
      <c r="GNU666" s="613"/>
      <c r="GNV666" s="613"/>
      <c r="GNW666" s="613"/>
      <c r="GNX666" s="613"/>
      <c r="GNY666" s="613"/>
      <c r="GNZ666" s="613"/>
      <c r="GOA666" s="613"/>
      <c r="GOB666" s="613"/>
      <c r="GOC666" s="613"/>
      <c r="GOD666" s="613"/>
      <c r="GOE666" s="613"/>
      <c r="GOF666" s="613"/>
      <c r="GOG666" s="613"/>
      <c r="GOH666" s="613"/>
      <c r="GOI666" s="613"/>
      <c r="GOJ666" s="613"/>
      <c r="GOK666" s="613"/>
      <c r="GOL666" s="613"/>
      <c r="GOM666" s="613"/>
      <c r="GON666" s="613"/>
      <c r="GOO666" s="613"/>
      <c r="GOP666" s="613"/>
      <c r="GOQ666" s="613"/>
      <c r="GOR666" s="613"/>
      <c r="GOS666" s="613"/>
      <c r="GOT666" s="613"/>
      <c r="GOU666" s="613"/>
      <c r="GOV666" s="613"/>
      <c r="GOW666" s="613"/>
      <c r="GOX666" s="613"/>
      <c r="GOY666" s="613"/>
      <c r="GOZ666" s="613"/>
      <c r="GPA666" s="613"/>
      <c r="GPB666" s="613"/>
      <c r="GPC666" s="613"/>
      <c r="GPD666" s="613"/>
      <c r="GPE666" s="613"/>
      <c r="GPF666" s="613"/>
      <c r="GPG666" s="613"/>
      <c r="GPH666" s="613"/>
      <c r="GPI666" s="613"/>
      <c r="GPJ666" s="613"/>
      <c r="GPK666" s="613"/>
      <c r="GPL666" s="613"/>
      <c r="GPM666" s="613"/>
      <c r="GPN666" s="613"/>
      <c r="GPO666" s="613"/>
      <c r="GPP666" s="613"/>
      <c r="GPQ666" s="613"/>
      <c r="GPR666" s="613"/>
      <c r="GPS666" s="613"/>
      <c r="GPT666" s="613"/>
      <c r="GPU666" s="613"/>
      <c r="GPV666" s="613"/>
      <c r="GPW666" s="613"/>
      <c r="GPX666" s="613"/>
      <c r="GPY666" s="613"/>
      <c r="GPZ666" s="613"/>
      <c r="GQA666" s="613"/>
      <c r="GQB666" s="613"/>
      <c r="GQC666" s="613"/>
      <c r="GQD666" s="613"/>
      <c r="GQE666" s="613"/>
      <c r="GQF666" s="613"/>
      <c r="GQG666" s="613"/>
      <c r="GQH666" s="613"/>
      <c r="GQI666" s="613"/>
      <c r="GQJ666" s="613"/>
      <c r="GQK666" s="613"/>
      <c r="GQL666" s="613"/>
      <c r="GQM666" s="613"/>
      <c r="GQN666" s="613"/>
      <c r="GQO666" s="613"/>
      <c r="GQP666" s="613"/>
      <c r="GQQ666" s="613"/>
      <c r="GQR666" s="613"/>
      <c r="GQS666" s="613"/>
      <c r="GQT666" s="613"/>
      <c r="GQU666" s="613"/>
      <c r="GQV666" s="613"/>
      <c r="GQW666" s="613"/>
      <c r="GQX666" s="613"/>
      <c r="GQY666" s="613"/>
      <c r="GQZ666" s="613"/>
      <c r="GRA666" s="613"/>
      <c r="GRB666" s="613"/>
      <c r="GRC666" s="613"/>
      <c r="GRD666" s="613"/>
      <c r="GRE666" s="613"/>
      <c r="GRF666" s="613"/>
      <c r="GRG666" s="613"/>
      <c r="GRH666" s="613"/>
      <c r="GRI666" s="613"/>
      <c r="GRJ666" s="613"/>
      <c r="GRK666" s="613"/>
      <c r="GRL666" s="613"/>
      <c r="GRM666" s="613"/>
      <c r="GRN666" s="613"/>
      <c r="GRO666" s="613"/>
      <c r="GRP666" s="613"/>
      <c r="GRQ666" s="613"/>
      <c r="GRR666" s="613"/>
      <c r="GRS666" s="613"/>
      <c r="GRT666" s="613"/>
      <c r="GRU666" s="613"/>
      <c r="GRV666" s="613"/>
      <c r="GRW666" s="613"/>
      <c r="GRX666" s="613"/>
      <c r="GRY666" s="613"/>
      <c r="GRZ666" s="613"/>
      <c r="GSA666" s="613"/>
      <c r="GSB666" s="613"/>
      <c r="GSC666" s="613"/>
      <c r="GSD666" s="613"/>
      <c r="GSE666" s="613"/>
      <c r="GSF666" s="613"/>
      <c r="GSG666" s="613"/>
      <c r="GSH666" s="613"/>
      <c r="GSI666" s="613"/>
      <c r="GSJ666" s="613"/>
      <c r="GSK666" s="613"/>
      <c r="GSL666" s="613"/>
      <c r="GSM666" s="613"/>
      <c r="GSN666" s="613"/>
      <c r="GSO666" s="613"/>
      <c r="GSP666" s="613"/>
      <c r="GSQ666" s="613"/>
      <c r="GSR666" s="613"/>
      <c r="GSS666" s="613"/>
      <c r="GST666" s="613"/>
      <c r="GSU666" s="613"/>
      <c r="GSV666" s="613"/>
      <c r="GSW666" s="613"/>
      <c r="GSX666" s="613"/>
      <c r="GSY666" s="613"/>
      <c r="GSZ666" s="613"/>
      <c r="GTA666" s="613"/>
      <c r="GTB666" s="613"/>
      <c r="GTC666" s="613"/>
      <c r="GTD666" s="613"/>
      <c r="GTE666" s="613"/>
      <c r="GTF666" s="613"/>
      <c r="GTG666" s="613"/>
      <c r="GTH666" s="613"/>
      <c r="GTI666" s="613"/>
      <c r="GTJ666" s="613"/>
      <c r="GTK666" s="613"/>
      <c r="GTL666" s="613"/>
      <c r="GTM666" s="613"/>
      <c r="GTN666" s="613"/>
      <c r="GTO666" s="613"/>
      <c r="GTP666" s="613"/>
      <c r="GTQ666" s="613"/>
      <c r="GTR666" s="613"/>
      <c r="GTS666" s="613"/>
      <c r="GTT666" s="613"/>
      <c r="GTU666" s="613"/>
      <c r="GTV666" s="613"/>
      <c r="GTW666" s="613"/>
      <c r="GTX666" s="613"/>
      <c r="GTY666" s="613"/>
      <c r="GTZ666" s="613"/>
      <c r="GUA666" s="613"/>
      <c r="GUB666" s="613"/>
      <c r="GUC666" s="613"/>
      <c r="GUD666" s="613"/>
      <c r="GUE666" s="613"/>
      <c r="GUF666" s="613"/>
      <c r="GUG666" s="613"/>
      <c r="GUH666" s="613"/>
      <c r="GUI666" s="613"/>
      <c r="GUJ666" s="613"/>
      <c r="GUK666" s="613"/>
      <c r="GUL666" s="613"/>
      <c r="GUM666" s="613"/>
      <c r="GUN666" s="613"/>
      <c r="GUO666" s="613"/>
      <c r="GUP666" s="613"/>
      <c r="GUQ666" s="613"/>
      <c r="GUR666" s="613"/>
      <c r="GUS666" s="613"/>
      <c r="GUT666" s="613"/>
      <c r="GUU666" s="613"/>
      <c r="GUV666" s="613"/>
      <c r="GUW666" s="613"/>
      <c r="GUX666" s="613"/>
      <c r="GUY666" s="613"/>
      <c r="GUZ666" s="613"/>
      <c r="GVA666" s="613"/>
      <c r="GVB666" s="613"/>
      <c r="GVC666" s="613"/>
      <c r="GVD666" s="613"/>
      <c r="GVE666" s="613"/>
      <c r="GVF666" s="613"/>
      <c r="GVG666" s="613"/>
      <c r="GVH666" s="613"/>
      <c r="GVI666" s="613"/>
      <c r="GVJ666" s="613"/>
      <c r="GVK666" s="613"/>
      <c r="GVL666" s="613"/>
      <c r="GVM666" s="613"/>
      <c r="GVN666" s="613"/>
      <c r="GVO666" s="613"/>
      <c r="GVP666" s="613"/>
      <c r="GVQ666" s="613"/>
      <c r="GVR666" s="613"/>
      <c r="GVS666" s="613"/>
      <c r="GVT666" s="613"/>
      <c r="GVU666" s="613"/>
      <c r="GVV666" s="613"/>
      <c r="GVW666" s="613"/>
      <c r="GVX666" s="613"/>
      <c r="GVY666" s="613"/>
      <c r="GVZ666" s="613"/>
      <c r="GWA666" s="613"/>
      <c r="GWB666" s="613"/>
      <c r="GWC666" s="613"/>
      <c r="GWD666" s="613"/>
      <c r="GWE666" s="613"/>
      <c r="GWF666" s="613"/>
      <c r="GWG666" s="613"/>
      <c r="GWH666" s="613"/>
      <c r="GWI666" s="613"/>
      <c r="GWJ666" s="613"/>
      <c r="GWK666" s="613"/>
      <c r="GWL666" s="613"/>
      <c r="GWM666" s="613"/>
      <c r="GWN666" s="613"/>
      <c r="GWO666" s="613"/>
      <c r="GWP666" s="613"/>
      <c r="GWQ666" s="613"/>
      <c r="GWR666" s="613"/>
      <c r="GWS666" s="613"/>
      <c r="GWT666" s="613"/>
      <c r="GWU666" s="613"/>
      <c r="GWV666" s="613"/>
      <c r="GWW666" s="613"/>
      <c r="GWX666" s="613"/>
      <c r="GWY666" s="613"/>
      <c r="GWZ666" s="613"/>
      <c r="GXA666" s="613"/>
      <c r="GXB666" s="613"/>
      <c r="GXC666" s="613"/>
      <c r="GXD666" s="613"/>
      <c r="GXE666" s="613"/>
      <c r="GXF666" s="613"/>
      <c r="GXG666" s="613"/>
      <c r="GXH666" s="613"/>
      <c r="GXI666" s="613"/>
      <c r="GXJ666" s="613"/>
      <c r="GXK666" s="613"/>
      <c r="GXL666" s="613"/>
      <c r="GXM666" s="613"/>
      <c r="GXN666" s="613"/>
      <c r="GXO666" s="613"/>
      <c r="GXP666" s="613"/>
      <c r="GXQ666" s="613"/>
      <c r="GXR666" s="613"/>
      <c r="GXS666" s="613"/>
      <c r="GXT666" s="613"/>
      <c r="GXU666" s="613"/>
      <c r="GXV666" s="613"/>
      <c r="GXW666" s="613"/>
      <c r="GXX666" s="613"/>
      <c r="GXY666" s="613"/>
      <c r="GXZ666" s="613"/>
      <c r="GYA666" s="613"/>
      <c r="GYB666" s="613"/>
      <c r="GYC666" s="613"/>
      <c r="GYD666" s="613"/>
      <c r="GYE666" s="613"/>
      <c r="GYF666" s="613"/>
      <c r="GYG666" s="613"/>
      <c r="GYH666" s="613"/>
      <c r="GYI666" s="613"/>
      <c r="GYJ666" s="613"/>
      <c r="GYK666" s="613"/>
      <c r="GYL666" s="613"/>
      <c r="GYM666" s="613"/>
      <c r="GYN666" s="613"/>
      <c r="GYO666" s="613"/>
      <c r="GYP666" s="613"/>
      <c r="GYQ666" s="613"/>
      <c r="GYR666" s="613"/>
      <c r="GYS666" s="613"/>
      <c r="GYT666" s="613"/>
      <c r="GYU666" s="613"/>
      <c r="GYV666" s="613"/>
      <c r="GYW666" s="613"/>
      <c r="GYX666" s="613"/>
      <c r="GYY666" s="613"/>
      <c r="GYZ666" s="613"/>
      <c r="GZA666" s="613"/>
      <c r="GZB666" s="613"/>
      <c r="GZC666" s="613"/>
      <c r="GZD666" s="613"/>
      <c r="GZE666" s="613"/>
      <c r="GZF666" s="613"/>
      <c r="GZG666" s="613"/>
      <c r="GZH666" s="613"/>
      <c r="GZI666" s="613"/>
      <c r="GZJ666" s="613"/>
      <c r="GZK666" s="613"/>
      <c r="GZL666" s="613"/>
      <c r="GZM666" s="613"/>
      <c r="GZN666" s="613"/>
      <c r="GZO666" s="613"/>
      <c r="GZP666" s="613"/>
      <c r="GZQ666" s="613"/>
      <c r="GZR666" s="613"/>
      <c r="GZS666" s="613"/>
      <c r="GZT666" s="613"/>
      <c r="GZU666" s="613"/>
      <c r="GZV666" s="613"/>
      <c r="GZW666" s="613"/>
      <c r="GZX666" s="613"/>
      <c r="GZY666" s="613"/>
      <c r="GZZ666" s="613"/>
      <c r="HAA666" s="613"/>
      <c r="HAB666" s="613"/>
      <c r="HAC666" s="613"/>
      <c r="HAD666" s="613"/>
      <c r="HAE666" s="613"/>
      <c r="HAF666" s="613"/>
      <c r="HAG666" s="613"/>
      <c r="HAH666" s="613"/>
      <c r="HAI666" s="613"/>
      <c r="HAJ666" s="613"/>
      <c r="HAK666" s="613"/>
      <c r="HAL666" s="613"/>
      <c r="HAM666" s="613"/>
      <c r="HAN666" s="613"/>
      <c r="HAO666" s="613"/>
      <c r="HAP666" s="613"/>
      <c r="HAQ666" s="613"/>
      <c r="HAR666" s="613"/>
      <c r="HAS666" s="613"/>
      <c r="HAT666" s="613"/>
      <c r="HAU666" s="613"/>
      <c r="HAV666" s="613"/>
      <c r="HAW666" s="613"/>
      <c r="HAX666" s="613"/>
      <c r="HAY666" s="613"/>
      <c r="HAZ666" s="613"/>
      <c r="HBA666" s="613"/>
      <c r="HBB666" s="613"/>
      <c r="HBC666" s="613"/>
      <c r="HBD666" s="613"/>
      <c r="HBE666" s="613"/>
      <c r="HBF666" s="613"/>
      <c r="HBG666" s="613"/>
      <c r="HBH666" s="613"/>
      <c r="HBI666" s="613"/>
      <c r="HBJ666" s="613"/>
      <c r="HBK666" s="613"/>
      <c r="HBL666" s="613"/>
      <c r="HBM666" s="613"/>
      <c r="HBN666" s="613"/>
      <c r="HBO666" s="613"/>
      <c r="HBP666" s="613"/>
      <c r="HBQ666" s="613"/>
      <c r="HBR666" s="613"/>
      <c r="HBS666" s="613"/>
      <c r="HBT666" s="613"/>
      <c r="HBU666" s="613"/>
      <c r="HBV666" s="613"/>
      <c r="HBW666" s="613"/>
      <c r="HBX666" s="613"/>
      <c r="HBY666" s="613"/>
      <c r="HBZ666" s="613"/>
      <c r="HCA666" s="613"/>
      <c r="HCB666" s="613"/>
      <c r="HCC666" s="613"/>
      <c r="HCD666" s="613"/>
      <c r="HCE666" s="613"/>
      <c r="HCF666" s="613"/>
      <c r="HCG666" s="613"/>
      <c r="HCH666" s="613"/>
      <c r="HCI666" s="613"/>
      <c r="HCJ666" s="613"/>
      <c r="HCK666" s="613"/>
      <c r="HCL666" s="613"/>
      <c r="HCM666" s="613"/>
      <c r="HCN666" s="613"/>
      <c r="HCO666" s="613"/>
      <c r="HCP666" s="613"/>
      <c r="HCQ666" s="613"/>
      <c r="HCR666" s="613"/>
      <c r="HCS666" s="613"/>
      <c r="HCT666" s="613"/>
      <c r="HCU666" s="613"/>
      <c r="HCV666" s="613"/>
      <c r="HCW666" s="613"/>
      <c r="HCX666" s="613"/>
      <c r="HCY666" s="613"/>
      <c r="HCZ666" s="613"/>
      <c r="HDA666" s="613"/>
      <c r="HDB666" s="613"/>
      <c r="HDC666" s="613"/>
      <c r="HDD666" s="613"/>
      <c r="HDE666" s="613"/>
      <c r="HDF666" s="613"/>
      <c r="HDG666" s="613"/>
      <c r="HDH666" s="613"/>
      <c r="HDI666" s="613"/>
      <c r="HDJ666" s="613"/>
      <c r="HDK666" s="613"/>
      <c r="HDL666" s="613"/>
      <c r="HDM666" s="613"/>
      <c r="HDN666" s="613"/>
      <c r="HDO666" s="613"/>
      <c r="HDP666" s="613"/>
      <c r="HDQ666" s="613"/>
      <c r="HDR666" s="613"/>
      <c r="HDS666" s="613"/>
      <c r="HDT666" s="613"/>
      <c r="HDU666" s="613"/>
      <c r="HDV666" s="613"/>
      <c r="HDW666" s="613"/>
      <c r="HDX666" s="613"/>
      <c r="HDY666" s="613"/>
      <c r="HDZ666" s="613"/>
      <c r="HEA666" s="613"/>
      <c r="HEB666" s="613"/>
      <c r="HEC666" s="613"/>
      <c r="HED666" s="613"/>
      <c r="HEE666" s="613"/>
      <c r="HEF666" s="613"/>
      <c r="HEG666" s="613"/>
      <c r="HEH666" s="613"/>
      <c r="HEI666" s="613"/>
      <c r="HEJ666" s="613"/>
      <c r="HEK666" s="613"/>
      <c r="HEL666" s="613"/>
      <c r="HEM666" s="613"/>
      <c r="HEN666" s="613"/>
      <c r="HEO666" s="613"/>
      <c r="HEP666" s="613"/>
      <c r="HEQ666" s="613"/>
      <c r="HER666" s="613"/>
      <c r="HES666" s="613"/>
      <c r="HET666" s="613"/>
      <c r="HEU666" s="613"/>
      <c r="HEV666" s="613"/>
      <c r="HEW666" s="613"/>
      <c r="HEX666" s="613"/>
      <c r="HEY666" s="613"/>
      <c r="HEZ666" s="613"/>
      <c r="HFA666" s="613"/>
      <c r="HFB666" s="613"/>
      <c r="HFC666" s="613"/>
      <c r="HFD666" s="613"/>
      <c r="HFE666" s="613"/>
      <c r="HFF666" s="613"/>
      <c r="HFG666" s="613"/>
      <c r="HFH666" s="613"/>
      <c r="HFI666" s="613"/>
      <c r="HFJ666" s="613"/>
      <c r="HFK666" s="613"/>
      <c r="HFL666" s="613"/>
      <c r="HFM666" s="613"/>
      <c r="HFN666" s="613"/>
      <c r="HFO666" s="613"/>
      <c r="HFP666" s="613"/>
      <c r="HFQ666" s="613"/>
      <c r="HFR666" s="613"/>
      <c r="HFS666" s="613"/>
      <c r="HFT666" s="613"/>
      <c r="HFU666" s="613"/>
      <c r="HFV666" s="613"/>
      <c r="HFW666" s="613"/>
      <c r="HFX666" s="613"/>
      <c r="HFY666" s="613"/>
      <c r="HFZ666" s="613"/>
      <c r="HGA666" s="613"/>
      <c r="HGB666" s="613"/>
      <c r="HGC666" s="613"/>
      <c r="HGD666" s="613"/>
      <c r="HGE666" s="613"/>
      <c r="HGF666" s="613"/>
      <c r="HGG666" s="613"/>
      <c r="HGH666" s="613"/>
      <c r="HGI666" s="613"/>
      <c r="HGJ666" s="613"/>
      <c r="HGK666" s="613"/>
      <c r="HGL666" s="613"/>
      <c r="HGM666" s="613"/>
      <c r="HGN666" s="613"/>
      <c r="HGO666" s="613"/>
      <c r="HGP666" s="613"/>
      <c r="HGQ666" s="613"/>
      <c r="HGR666" s="613"/>
      <c r="HGS666" s="613"/>
      <c r="HGT666" s="613"/>
      <c r="HGU666" s="613"/>
      <c r="HGV666" s="613"/>
      <c r="HGW666" s="613"/>
      <c r="HGX666" s="613"/>
      <c r="HGY666" s="613"/>
      <c r="HGZ666" s="613"/>
      <c r="HHA666" s="613"/>
      <c r="HHB666" s="613"/>
      <c r="HHC666" s="613"/>
      <c r="HHD666" s="613"/>
      <c r="HHE666" s="613"/>
      <c r="HHF666" s="613"/>
      <c r="HHG666" s="613"/>
      <c r="HHH666" s="613"/>
      <c r="HHI666" s="613"/>
      <c r="HHJ666" s="613"/>
      <c r="HHK666" s="613"/>
      <c r="HHL666" s="613"/>
      <c r="HHM666" s="613"/>
      <c r="HHN666" s="613"/>
      <c r="HHO666" s="613"/>
      <c r="HHP666" s="613"/>
      <c r="HHQ666" s="613"/>
      <c r="HHR666" s="613"/>
      <c r="HHS666" s="613"/>
      <c r="HHT666" s="613"/>
      <c r="HHU666" s="613"/>
      <c r="HHV666" s="613"/>
      <c r="HHW666" s="613"/>
      <c r="HHX666" s="613"/>
      <c r="HHY666" s="613"/>
      <c r="HHZ666" s="613"/>
      <c r="HIA666" s="613"/>
      <c r="HIB666" s="613"/>
      <c r="HIC666" s="613"/>
      <c r="HID666" s="613"/>
      <c r="HIE666" s="613"/>
      <c r="HIF666" s="613"/>
      <c r="HIG666" s="613"/>
      <c r="HIH666" s="613"/>
      <c r="HII666" s="613"/>
      <c r="HIJ666" s="613"/>
      <c r="HIK666" s="613"/>
      <c r="HIL666" s="613"/>
      <c r="HIM666" s="613"/>
      <c r="HIN666" s="613"/>
      <c r="HIO666" s="613"/>
      <c r="HIP666" s="613"/>
      <c r="HIQ666" s="613"/>
      <c r="HIR666" s="613"/>
      <c r="HIS666" s="613"/>
      <c r="HIT666" s="613"/>
      <c r="HIU666" s="613"/>
      <c r="HIV666" s="613"/>
      <c r="HIW666" s="613"/>
      <c r="HIX666" s="613"/>
      <c r="HIY666" s="613"/>
      <c r="HIZ666" s="613"/>
      <c r="HJA666" s="613"/>
      <c r="HJB666" s="613"/>
      <c r="HJC666" s="613"/>
      <c r="HJD666" s="613"/>
      <c r="HJE666" s="613"/>
      <c r="HJF666" s="613"/>
      <c r="HJG666" s="613"/>
      <c r="HJH666" s="613"/>
      <c r="HJI666" s="613"/>
      <c r="HJJ666" s="613"/>
      <c r="HJK666" s="613"/>
      <c r="HJL666" s="613"/>
      <c r="HJM666" s="613"/>
      <c r="HJN666" s="613"/>
      <c r="HJO666" s="613"/>
      <c r="HJP666" s="613"/>
      <c r="HJQ666" s="613"/>
      <c r="HJR666" s="613"/>
      <c r="HJS666" s="613"/>
      <c r="HJT666" s="613"/>
      <c r="HJU666" s="613"/>
      <c r="HJV666" s="613"/>
      <c r="HJW666" s="613"/>
      <c r="HJX666" s="613"/>
      <c r="HJY666" s="613"/>
      <c r="HJZ666" s="613"/>
      <c r="HKA666" s="613"/>
      <c r="HKB666" s="613"/>
      <c r="HKC666" s="613"/>
      <c r="HKD666" s="613"/>
      <c r="HKE666" s="613"/>
      <c r="HKF666" s="613"/>
      <c r="HKG666" s="613"/>
      <c r="HKH666" s="613"/>
      <c r="HKI666" s="613"/>
      <c r="HKJ666" s="613"/>
      <c r="HKK666" s="613"/>
      <c r="HKL666" s="613"/>
      <c r="HKM666" s="613"/>
      <c r="HKN666" s="613"/>
      <c r="HKO666" s="613"/>
      <c r="HKP666" s="613"/>
      <c r="HKQ666" s="613"/>
      <c r="HKR666" s="613"/>
      <c r="HKS666" s="613"/>
      <c r="HKT666" s="613"/>
      <c r="HKU666" s="613"/>
      <c r="HKV666" s="613"/>
      <c r="HKW666" s="613"/>
      <c r="HKX666" s="613"/>
      <c r="HKY666" s="613"/>
      <c r="HKZ666" s="613"/>
      <c r="HLA666" s="613"/>
      <c r="HLB666" s="613"/>
      <c r="HLC666" s="613"/>
      <c r="HLD666" s="613"/>
      <c r="HLE666" s="613"/>
      <c r="HLF666" s="613"/>
      <c r="HLG666" s="613"/>
      <c r="HLH666" s="613"/>
      <c r="HLI666" s="613"/>
      <c r="HLJ666" s="613"/>
      <c r="HLK666" s="613"/>
      <c r="HLL666" s="613"/>
      <c r="HLM666" s="613"/>
      <c r="HLN666" s="613"/>
      <c r="HLO666" s="613"/>
      <c r="HLP666" s="613"/>
      <c r="HLQ666" s="613"/>
      <c r="HLR666" s="613"/>
      <c r="HLS666" s="613"/>
      <c r="HLT666" s="613"/>
      <c r="HLU666" s="613"/>
      <c r="HLV666" s="613"/>
      <c r="HLW666" s="613"/>
      <c r="HLX666" s="613"/>
      <c r="HLY666" s="613"/>
      <c r="HLZ666" s="613"/>
      <c r="HMA666" s="613"/>
      <c r="HMB666" s="613"/>
      <c r="HMC666" s="613"/>
      <c r="HMD666" s="613"/>
      <c r="HME666" s="613"/>
      <c r="HMF666" s="613"/>
      <c r="HMG666" s="613"/>
      <c r="HMH666" s="613"/>
      <c r="HMI666" s="613"/>
      <c r="HMJ666" s="613"/>
      <c r="HMK666" s="613"/>
      <c r="HML666" s="613"/>
      <c r="HMM666" s="613"/>
      <c r="HMN666" s="613"/>
      <c r="HMO666" s="613"/>
      <c r="HMP666" s="613"/>
      <c r="HMQ666" s="613"/>
      <c r="HMR666" s="613"/>
      <c r="HMS666" s="613"/>
      <c r="HMT666" s="613"/>
      <c r="HMU666" s="613"/>
      <c r="HMV666" s="613"/>
      <c r="HMW666" s="613"/>
      <c r="HMX666" s="613"/>
      <c r="HMY666" s="613"/>
      <c r="HMZ666" s="613"/>
      <c r="HNA666" s="613"/>
      <c r="HNB666" s="613"/>
      <c r="HNC666" s="613"/>
      <c r="HND666" s="613"/>
      <c r="HNE666" s="613"/>
      <c r="HNF666" s="613"/>
      <c r="HNG666" s="613"/>
      <c r="HNH666" s="613"/>
      <c r="HNI666" s="613"/>
      <c r="HNJ666" s="613"/>
      <c r="HNK666" s="613"/>
      <c r="HNL666" s="613"/>
      <c r="HNM666" s="613"/>
      <c r="HNN666" s="613"/>
      <c r="HNO666" s="613"/>
      <c r="HNP666" s="613"/>
      <c r="HNQ666" s="613"/>
      <c r="HNR666" s="613"/>
      <c r="HNS666" s="613"/>
      <c r="HNT666" s="613"/>
      <c r="HNU666" s="613"/>
      <c r="HNV666" s="613"/>
      <c r="HNW666" s="613"/>
      <c r="HNX666" s="613"/>
      <c r="HNY666" s="613"/>
      <c r="HNZ666" s="613"/>
      <c r="HOA666" s="613"/>
      <c r="HOB666" s="613"/>
      <c r="HOC666" s="613"/>
      <c r="HOD666" s="613"/>
      <c r="HOE666" s="613"/>
      <c r="HOF666" s="613"/>
      <c r="HOG666" s="613"/>
      <c r="HOH666" s="613"/>
      <c r="HOI666" s="613"/>
      <c r="HOJ666" s="613"/>
      <c r="HOK666" s="613"/>
      <c r="HOL666" s="613"/>
      <c r="HOM666" s="613"/>
      <c r="HON666" s="613"/>
      <c r="HOO666" s="613"/>
      <c r="HOP666" s="613"/>
      <c r="HOQ666" s="613"/>
      <c r="HOR666" s="613"/>
      <c r="HOS666" s="613"/>
      <c r="HOT666" s="613"/>
      <c r="HOU666" s="613"/>
      <c r="HOV666" s="613"/>
      <c r="HOW666" s="613"/>
      <c r="HOX666" s="613"/>
      <c r="HOY666" s="613"/>
      <c r="HOZ666" s="613"/>
      <c r="HPA666" s="613"/>
      <c r="HPB666" s="613"/>
      <c r="HPC666" s="613"/>
      <c r="HPD666" s="613"/>
      <c r="HPE666" s="613"/>
      <c r="HPF666" s="613"/>
      <c r="HPG666" s="613"/>
      <c r="HPH666" s="613"/>
      <c r="HPI666" s="613"/>
      <c r="HPJ666" s="613"/>
      <c r="HPK666" s="613"/>
      <c r="HPL666" s="613"/>
      <c r="HPM666" s="613"/>
      <c r="HPN666" s="613"/>
      <c r="HPO666" s="613"/>
      <c r="HPP666" s="613"/>
      <c r="HPQ666" s="613"/>
      <c r="HPR666" s="613"/>
      <c r="HPS666" s="613"/>
      <c r="HPT666" s="613"/>
      <c r="HPU666" s="613"/>
      <c r="HPV666" s="613"/>
      <c r="HPW666" s="613"/>
      <c r="HPX666" s="613"/>
      <c r="HPY666" s="613"/>
      <c r="HPZ666" s="613"/>
      <c r="HQA666" s="613"/>
      <c r="HQB666" s="613"/>
      <c r="HQC666" s="613"/>
      <c r="HQD666" s="613"/>
      <c r="HQE666" s="613"/>
      <c r="HQF666" s="613"/>
      <c r="HQG666" s="613"/>
      <c r="HQH666" s="613"/>
      <c r="HQI666" s="613"/>
      <c r="HQJ666" s="613"/>
      <c r="HQK666" s="613"/>
      <c r="HQL666" s="613"/>
      <c r="HQM666" s="613"/>
      <c r="HQN666" s="613"/>
      <c r="HQO666" s="613"/>
      <c r="HQP666" s="613"/>
      <c r="HQQ666" s="613"/>
      <c r="HQR666" s="613"/>
      <c r="HQS666" s="613"/>
      <c r="HQT666" s="613"/>
      <c r="HQU666" s="613"/>
      <c r="HQV666" s="613"/>
      <c r="HQW666" s="613"/>
      <c r="HQX666" s="613"/>
      <c r="HQY666" s="613"/>
      <c r="HQZ666" s="613"/>
      <c r="HRA666" s="613"/>
      <c r="HRB666" s="613"/>
      <c r="HRC666" s="613"/>
      <c r="HRD666" s="613"/>
      <c r="HRE666" s="613"/>
      <c r="HRF666" s="613"/>
      <c r="HRG666" s="613"/>
      <c r="HRH666" s="613"/>
      <c r="HRI666" s="613"/>
      <c r="HRJ666" s="613"/>
      <c r="HRK666" s="613"/>
      <c r="HRL666" s="613"/>
      <c r="HRM666" s="613"/>
      <c r="HRN666" s="613"/>
      <c r="HRO666" s="613"/>
      <c r="HRP666" s="613"/>
      <c r="HRQ666" s="613"/>
      <c r="HRR666" s="613"/>
      <c r="HRS666" s="613"/>
      <c r="HRT666" s="613"/>
      <c r="HRU666" s="613"/>
      <c r="HRV666" s="613"/>
      <c r="HRW666" s="613"/>
      <c r="HRX666" s="613"/>
      <c r="HRY666" s="613"/>
      <c r="HRZ666" s="613"/>
      <c r="HSA666" s="613"/>
      <c r="HSB666" s="613"/>
      <c r="HSC666" s="613"/>
      <c r="HSD666" s="613"/>
      <c r="HSE666" s="613"/>
      <c r="HSF666" s="613"/>
      <c r="HSG666" s="613"/>
      <c r="HSH666" s="613"/>
      <c r="HSI666" s="613"/>
      <c r="HSJ666" s="613"/>
      <c r="HSK666" s="613"/>
      <c r="HSL666" s="613"/>
      <c r="HSM666" s="613"/>
      <c r="HSN666" s="613"/>
      <c r="HSO666" s="613"/>
      <c r="HSP666" s="613"/>
      <c r="HSQ666" s="613"/>
      <c r="HSR666" s="613"/>
      <c r="HSS666" s="613"/>
      <c r="HST666" s="613"/>
      <c r="HSU666" s="613"/>
      <c r="HSV666" s="613"/>
      <c r="HSW666" s="613"/>
      <c r="HSX666" s="613"/>
      <c r="HSY666" s="613"/>
      <c r="HSZ666" s="613"/>
      <c r="HTA666" s="613"/>
      <c r="HTB666" s="613"/>
      <c r="HTC666" s="613"/>
      <c r="HTD666" s="613"/>
      <c r="HTE666" s="613"/>
      <c r="HTF666" s="613"/>
      <c r="HTG666" s="613"/>
      <c r="HTH666" s="613"/>
      <c r="HTI666" s="613"/>
      <c r="HTJ666" s="613"/>
      <c r="HTK666" s="613"/>
      <c r="HTL666" s="613"/>
      <c r="HTM666" s="613"/>
      <c r="HTN666" s="613"/>
      <c r="HTO666" s="613"/>
      <c r="HTP666" s="613"/>
      <c r="HTQ666" s="613"/>
      <c r="HTR666" s="613"/>
      <c r="HTS666" s="613"/>
      <c r="HTT666" s="613"/>
      <c r="HTU666" s="613"/>
      <c r="HTV666" s="613"/>
      <c r="HTW666" s="613"/>
      <c r="HTX666" s="613"/>
      <c r="HTY666" s="613"/>
      <c r="HTZ666" s="613"/>
      <c r="HUA666" s="613"/>
      <c r="HUB666" s="613"/>
      <c r="HUC666" s="613"/>
      <c r="HUD666" s="613"/>
      <c r="HUE666" s="613"/>
      <c r="HUF666" s="613"/>
      <c r="HUG666" s="613"/>
      <c r="HUH666" s="613"/>
      <c r="HUI666" s="613"/>
      <c r="HUJ666" s="613"/>
      <c r="HUK666" s="613"/>
      <c r="HUL666" s="613"/>
      <c r="HUM666" s="613"/>
      <c r="HUN666" s="613"/>
      <c r="HUO666" s="613"/>
      <c r="HUP666" s="613"/>
      <c r="HUQ666" s="613"/>
      <c r="HUR666" s="613"/>
      <c r="HUS666" s="613"/>
      <c r="HUT666" s="613"/>
      <c r="HUU666" s="613"/>
      <c r="HUV666" s="613"/>
      <c r="HUW666" s="613"/>
      <c r="HUX666" s="613"/>
      <c r="HUY666" s="613"/>
      <c r="HUZ666" s="613"/>
      <c r="HVA666" s="613"/>
      <c r="HVB666" s="613"/>
      <c r="HVC666" s="613"/>
      <c r="HVD666" s="613"/>
      <c r="HVE666" s="613"/>
      <c r="HVF666" s="613"/>
      <c r="HVG666" s="613"/>
      <c r="HVH666" s="613"/>
      <c r="HVI666" s="613"/>
      <c r="HVJ666" s="613"/>
      <c r="HVK666" s="613"/>
      <c r="HVL666" s="613"/>
      <c r="HVM666" s="613"/>
      <c r="HVN666" s="613"/>
      <c r="HVO666" s="613"/>
      <c r="HVP666" s="613"/>
      <c r="HVQ666" s="613"/>
      <c r="HVR666" s="613"/>
      <c r="HVS666" s="613"/>
      <c r="HVT666" s="613"/>
      <c r="HVU666" s="613"/>
      <c r="HVV666" s="613"/>
      <c r="HVW666" s="613"/>
      <c r="HVX666" s="613"/>
      <c r="HVY666" s="613"/>
      <c r="HVZ666" s="613"/>
      <c r="HWA666" s="613"/>
      <c r="HWB666" s="613"/>
      <c r="HWC666" s="613"/>
      <c r="HWD666" s="613"/>
      <c r="HWE666" s="613"/>
      <c r="HWF666" s="613"/>
      <c r="HWG666" s="613"/>
      <c r="HWH666" s="613"/>
      <c r="HWI666" s="613"/>
      <c r="HWJ666" s="613"/>
      <c r="HWK666" s="613"/>
      <c r="HWL666" s="613"/>
      <c r="HWM666" s="613"/>
      <c r="HWN666" s="613"/>
      <c r="HWO666" s="613"/>
      <c r="HWP666" s="613"/>
      <c r="HWQ666" s="613"/>
      <c r="HWR666" s="613"/>
      <c r="HWS666" s="613"/>
      <c r="HWT666" s="613"/>
      <c r="HWU666" s="613"/>
      <c r="HWV666" s="613"/>
      <c r="HWW666" s="613"/>
      <c r="HWX666" s="613"/>
      <c r="HWY666" s="613"/>
      <c r="HWZ666" s="613"/>
      <c r="HXA666" s="613"/>
      <c r="HXB666" s="613"/>
      <c r="HXC666" s="613"/>
      <c r="HXD666" s="613"/>
      <c r="HXE666" s="613"/>
      <c r="HXF666" s="613"/>
      <c r="HXG666" s="613"/>
      <c r="HXH666" s="613"/>
      <c r="HXI666" s="613"/>
      <c r="HXJ666" s="613"/>
      <c r="HXK666" s="613"/>
      <c r="HXL666" s="613"/>
      <c r="HXM666" s="613"/>
      <c r="HXN666" s="613"/>
      <c r="HXO666" s="613"/>
      <c r="HXP666" s="613"/>
      <c r="HXQ666" s="613"/>
      <c r="HXR666" s="613"/>
      <c r="HXS666" s="613"/>
      <c r="HXT666" s="613"/>
      <c r="HXU666" s="613"/>
      <c r="HXV666" s="613"/>
      <c r="HXW666" s="613"/>
      <c r="HXX666" s="613"/>
      <c r="HXY666" s="613"/>
      <c r="HXZ666" s="613"/>
      <c r="HYA666" s="613"/>
      <c r="HYB666" s="613"/>
      <c r="HYC666" s="613"/>
      <c r="HYD666" s="613"/>
      <c r="HYE666" s="613"/>
      <c r="HYF666" s="613"/>
      <c r="HYG666" s="613"/>
      <c r="HYH666" s="613"/>
      <c r="HYI666" s="613"/>
      <c r="HYJ666" s="613"/>
      <c r="HYK666" s="613"/>
      <c r="HYL666" s="613"/>
      <c r="HYM666" s="613"/>
      <c r="HYN666" s="613"/>
      <c r="HYO666" s="613"/>
      <c r="HYP666" s="613"/>
      <c r="HYQ666" s="613"/>
      <c r="HYR666" s="613"/>
      <c r="HYS666" s="613"/>
      <c r="HYT666" s="613"/>
      <c r="HYU666" s="613"/>
      <c r="HYV666" s="613"/>
      <c r="HYW666" s="613"/>
      <c r="HYX666" s="613"/>
      <c r="HYY666" s="613"/>
      <c r="HYZ666" s="613"/>
      <c r="HZA666" s="613"/>
      <c r="HZB666" s="613"/>
      <c r="HZC666" s="613"/>
      <c r="HZD666" s="613"/>
      <c r="HZE666" s="613"/>
      <c r="HZF666" s="613"/>
      <c r="HZG666" s="613"/>
      <c r="HZH666" s="613"/>
      <c r="HZI666" s="613"/>
      <c r="HZJ666" s="613"/>
      <c r="HZK666" s="613"/>
      <c r="HZL666" s="613"/>
      <c r="HZM666" s="613"/>
      <c r="HZN666" s="613"/>
      <c r="HZO666" s="613"/>
      <c r="HZP666" s="613"/>
      <c r="HZQ666" s="613"/>
      <c r="HZR666" s="613"/>
      <c r="HZS666" s="613"/>
      <c r="HZT666" s="613"/>
      <c r="HZU666" s="613"/>
      <c r="HZV666" s="613"/>
      <c r="HZW666" s="613"/>
      <c r="HZX666" s="613"/>
      <c r="HZY666" s="613"/>
      <c r="HZZ666" s="613"/>
      <c r="IAA666" s="613"/>
      <c r="IAB666" s="613"/>
      <c r="IAC666" s="613"/>
      <c r="IAD666" s="613"/>
      <c r="IAE666" s="613"/>
      <c r="IAF666" s="613"/>
      <c r="IAG666" s="613"/>
      <c r="IAH666" s="613"/>
      <c r="IAI666" s="613"/>
      <c r="IAJ666" s="613"/>
      <c r="IAK666" s="613"/>
      <c r="IAL666" s="613"/>
      <c r="IAM666" s="613"/>
      <c r="IAN666" s="613"/>
      <c r="IAO666" s="613"/>
      <c r="IAP666" s="613"/>
      <c r="IAQ666" s="613"/>
      <c r="IAR666" s="613"/>
      <c r="IAS666" s="613"/>
      <c r="IAT666" s="613"/>
      <c r="IAU666" s="613"/>
      <c r="IAV666" s="613"/>
      <c r="IAW666" s="613"/>
      <c r="IAX666" s="613"/>
      <c r="IAY666" s="613"/>
      <c r="IAZ666" s="613"/>
      <c r="IBA666" s="613"/>
      <c r="IBB666" s="613"/>
      <c r="IBC666" s="613"/>
      <c r="IBD666" s="613"/>
      <c r="IBE666" s="613"/>
      <c r="IBF666" s="613"/>
      <c r="IBG666" s="613"/>
      <c r="IBH666" s="613"/>
      <c r="IBI666" s="613"/>
      <c r="IBJ666" s="613"/>
      <c r="IBK666" s="613"/>
      <c r="IBL666" s="613"/>
      <c r="IBM666" s="613"/>
      <c r="IBN666" s="613"/>
      <c r="IBO666" s="613"/>
      <c r="IBP666" s="613"/>
      <c r="IBQ666" s="613"/>
      <c r="IBR666" s="613"/>
      <c r="IBS666" s="613"/>
      <c r="IBT666" s="613"/>
      <c r="IBU666" s="613"/>
      <c r="IBV666" s="613"/>
      <c r="IBW666" s="613"/>
      <c r="IBX666" s="613"/>
      <c r="IBY666" s="613"/>
      <c r="IBZ666" s="613"/>
      <c r="ICA666" s="613"/>
      <c r="ICB666" s="613"/>
      <c r="ICC666" s="613"/>
      <c r="ICD666" s="613"/>
      <c r="ICE666" s="613"/>
      <c r="ICF666" s="613"/>
      <c r="ICG666" s="613"/>
      <c r="ICH666" s="613"/>
      <c r="ICI666" s="613"/>
      <c r="ICJ666" s="613"/>
      <c r="ICK666" s="613"/>
      <c r="ICL666" s="613"/>
      <c r="ICM666" s="613"/>
      <c r="ICN666" s="613"/>
      <c r="ICO666" s="613"/>
      <c r="ICP666" s="613"/>
      <c r="ICQ666" s="613"/>
      <c r="ICR666" s="613"/>
      <c r="ICS666" s="613"/>
      <c r="ICT666" s="613"/>
      <c r="ICU666" s="613"/>
      <c r="ICV666" s="613"/>
      <c r="ICW666" s="613"/>
      <c r="ICX666" s="613"/>
      <c r="ICY666" s="613"/>
      <c r="ICZ666" s="613"/>
      <c r="IDA666" s="613"/>
      <c r="IDB666" s="613"/>
      <c r="IDC666" s="613"/>
      <c r="IDD666" s="613"/>
      <c r="IDE666" s="613"/>
      <c r="IDF666" s="613"/>
      <c r="IDG666" s="613"/>
      <c r="IDH666" s="613"/>
      <c r="IDI666" s="613"/>
      <c r="IDJ666" s="613"/>
      <c r="IDK666" s="613"/>
      <c r="IDL666" s="613"/>
      <c r="IDM666" s="613"/>
      <c r="IDN666" s="613"/>
      <c r="IDO666" s="613"/>
      <c r="IDP666" s="613"/>
      <c r="IDQ666" s="613"/>
      <c r="IDR666" s="613"/>
      <c r="IDS666" s="613"/>
      <c r="IDT666" s="613"/>
      <c r="IDU666" s="613"/>
      <c r="IDV666" s="613"/>
      <c r="IDW666" s="613"/>
      <c r="IDX666" s="613"/>
      <c r="IDY666" s="613"/>
      <c r="IDZ666" s="613"/>
      <c r="IEA666" s="613"/>
      <c r="IEB666" s="613"/>
      <c r="IEC666" s="613"/>
      <c r="IED666" s="613"/>
      <c r="IEE666" s="613"/>
      <c r="IEF666" s="613"/>
      <c r="IEG666" s="613"/>
      <c r="IEH666" s="613"/>
      <c r="IEI666" s="613"/>
      <c r="IEJ666" s="613"/>
      <c r="IEK666" s="613"/>
      <c r="IEL666" s="613"/>
      <c r="IEM666" s="613"/>
      <c r="IEN666" s="613"/>
      <c r="IEO666" s="613"/>
      <c r="IEP666" s="613"/>
      <c r="IEQ666" s="613"/>
      <c r="IER666" s="613"/>
      <c r="IES666" s="613"/>
      <c r="IET666" s="613"/>
      <c r="IEU666" s="613"/>
      <c r="IEV666" s="613"/>
      <c r="IEW666" s="613"/>
      <c r="IEX666" s="613"/>
      <c r="IEY666" s="613"/>
      <c r="IEZ666" s="613"/>
      <c r="IFA666" s="613"/>
      <c r="IFB666" s="613"/>
      <c r="IFC666" s="613"/>
      <c r="IFD666" s="613"/>
      <c r="IFE666" s="613"/>
      <c r="IFF666" s="613"/>
      <c r="IFG666" s="613"/>
      <c r="IFH666" s="613"/>
      <c r="IFI666" s="613"/>
      <c r="IFJ666" s="613"/>
      <c r="IFK666" s="613"/>
      <c r="IFL666" s="613"/>
      <c r="IFM666" s="613"/>
      <c r="IFN666" s="613"/>
      <c r="IFO666" s="613"/>
      <c r="IFP666" s="613"/>
      <c r="IFQ666" s="613"/>
      <c r="IFR666" s="613"/>
      <c r="IFS666" s="613"/>
      <c r="IFT666" s="613"/>
      <c r="IFU666" s="613"/>
      <c r="IFV666" s="613"/>
      <c r="IFW666" s="613"/>
      <c r="IFX666" s="613"/>
      <c r="IFY666" s="613"/>
      <c r="IFZ666" s="613"/>
      <c r="IGA666" s="613"/>
      <c r="IGB666" s="613"/>
      <c r="IGC666" s="613"/>
      <c r="IGD666" s="613"/>
      <c r="IGE666" s="613"/>
      <c r="IGF666" s="613"/>
      <c r="IGG666" s="613"/>
      <c r="IGH666" s="613"/>
      <c r="IGI666" s="613"/>
      <c r="IGJ666" s="613"/>
      <c r="IGK666" s="613"/>
      <c r="IGL666" s="613"/>
      <c r="IGM666" s="613"/>
      <c r="IGN666" s="613"/>
      <c r="IGO666" s="613"/>
      <c r="IGP666" s="613"/>
      <c r="IGQ666" s="613"/>
      <c r="IGR666" s="613"/>
      <c r="IGS666" s="613"/>
      <c r="IGT666" s="613"/>
      <c r="IGU666" s="613"/>
      <c r="IGV666" s="613"/>
      <c r="IGW666" s="613"/>
      <c r="IGX666" s="613"/>
      <c r="IGY666" s="613"/>
      <c r="IGZ666" s="613"/>
      <c r="IHA666" s="613"/>
      <c r="IHB666" s="613"/>
      <c r="IHC666" s="613"/>
      <c r="IHD666" s="613"/>
      <c r="IHE666" s="613"/>
      <c r="IHF666" s="613"/>
      <c r="IHG666" s="613"/>
      <c r="IHH666" s="613"/>
      <c r="IHI666" s="613"/>
      <c r="IHJ666" s="613"/>
      <c r="IHK666" s="613"/>
      <c r="IHL666" s="613"/>
      <c r="IHM666" s="613"/>
      <c r="IHN666" s="613"/>
      <c r="IHO666" s="613"/>
      <c r="IHP666" s="613"/>
      <c r="IHQ666" s="613"/>
      <c r="IHR666" s="613"/>
      <c r="IHS666" s="613"/>
      <c r="IHT666" s="613"/>
      <c r="IHU666" s="613"/>
      <c r="IHV666" s="613"/>
      <c r="IHW666" s="613"/>
      <c r="IHX666" s="613"/>
      <c r="IHY666" s="613"/>
      <c r="IHZ666" s="613"/>
      <c r="IIA666" s="613"/>
      <c r="IIB666" s="613"/>
      <c r="IIC666" s="613"/>
      <c r="IID666" s="613"/>
      <c r="IIE666" s="613"/>
      <c r="IIF666" s="613"/>
      <c r="IIG666" s="613"/>
      <c r="IIH666" s="613"/>
      <c r="III666" s="613"/>
      <c r="IIJ666" s="613"/>
      <c r="IIK666" s="613"/>
      <c r="IIL666" s="613"/>
      <c r="IIM666" s="613"/>
      <c r="IIN666" s="613"/>
      <c r="IIO666" s="613"/>
      <c r="IIP666" s="613"/>
      <c r="IIQ666" s="613"/>
      <c r="IIR666" s="613"/>
      <c r="IIS666" s="613"/>
      <c r="IIT666" s="613"/>
      <c r="IIU666" s="613"/>
      <c r="IIV666" s="613"/>
      <c r="IIW666" s="613"/>
      <c r="IIX666" s="613"/>
      <c r="IIY666" s="613"/>
      <c r="IIZ666" s="613"/>
      <c r="IJA666" s="613"/>
      <c r="IJB666" s="613"/>
      <c r="IJC666" s="613"/>
      <c r="IJD666" s="613"/>
      <c r="IJE666" s="613"/>
      <c r="IJF666" s="613"/>
      <c r="IJG666" s="613"/>
      <c r="IJH666" s="613"/>
      <c r="IJI666" s="613"/>
      <c r="IJJ666" s="613"/>
      <c r="IJK666" s="613"/>
      <c r="IJL666" s="613"/>
      <c r="IJM666" s="613"/>
      <c r="IJN666" s="613"/>
      <c r="IJO666" s="613"/>
      <c r="IJP666" s="613"/>
      <c r="IJQ666" s="613"/>
      <c r="IJR666" s="613"/>
      <c r="IJS666" s="613"/>
      <c r="IJT666" s="613"/>
      <c r="IJU666" s="613"/>
      <c r="IJV666" s="613"/>
      <c r="IJW666" s="613"/>
      <c r="IJX666" s="613"/>
      <c r="IJY666" s="613"/>
      <c r="IJZ666" s="613"/>
      <c r="IKA666" s="613"/>
      <c r="IKB666" s="613"/>
      <c r="IKC666" s="613"/>
      <c r="IKD666" s="613"/>
      <c r="IKE666" s="613"/>
      <c r="IKF666" s="613"/>
      <c r="IKG666" s="613"/>
      <c r="IKH666" s="613"/>
      <c r="IKI666" s="613"/>
      <c r="IKJ666" s="613"/>
      <c r="IKK666" s="613"/>
      <c r="IKL666" s="613"/>
      <c r="IKM666" s="613"/>
      <c r="IKN666" s="613"/>
      <c r="IKO666" s="613"/>
      <c r="IKP666" s="613"/>
      <c r="IKQ666" s="613"/>
      <c r="IKR666" s="613"/>
      <c r="IKS666" s="613"/>
      <c r="IKT666" s="613"/>
      <c r="IKU666" s="613"/>
      <c r="IKV666" s="613"/>
      <c r="IKW666" s="613"/>
      <c r="IKX666" s="613"/>
      <c r="IKY666" s="613"/>
      <c r="IKZ666" s="613"/>
      <c r="ILA666" s="613"/>
      <c r="ILB666" s="613"/>
      <c r="ILC666" s="613"/>
      <c r="ILD666" s="613"/>
      <c r="ILE666" s="613"/>
      <c r="ILF666" s="613"/>
      <c r="ILG666" s="613"/>
      <c r="ILH666" s="613"/>
      <c r="ILI666" s="613"/>
      <c r="ILJ666" s="613"/>
      <c r="ILK666" s="613"/>
      <c r="ILL666" s="613"/>
      <c r="ILM666" s="613"/>
      <c r="ILN666" s="613"/>
      <c r="ILO666" s="613"/>
      <c r="ILP666" s="613"/>
      <c r="ILQ666" s="613"/>
      <c r="ILR666" s="613"/>
      <c r="ILS666" s="613"/>
      <c r="ILT666" s="613"/>
      <c r="ILU666" s="613"/>
      <c r="ILV666" s="613"/>
      <c r="ILW666" s="613"/>
      <c r="ILX666" s="613"/>
      <c r="ILY666" s="613"/>
      <c r="ILZ666" s="613"/>
      <c r="IMA666" s="613"/>
      <c r="IMB666" s="613"/>
      <c r="IMC666" s="613"/>
      <c r="IMD666" s="613"/>
      <c r="IME666" s="613"/>
      <c r="IMF666" s="613"/>
      <c r="IMG666" s="613"/>
      <c r="IMH666" s="613"/>
      <c r="IMI666" s="613"/>
      <c r="IMJ666" s="613"/>
      <c r="IMK666" s="613"/>
      <c r="IML666" s="613"/>
      <c r="IMM666" s="613"/>
      <c r="IMN666" s="613"/>
      <c r="IMO666" s="613"/>
      <c r="IMP666" s="613"/>
      <c r="IMQ666" s="613"/>
      <c r="IMR666" s="613"/>
      <c r="IMS666" s="613"/>
      <c r="IMT666" s="613"/>
      <c r="IMU666" s="613"/>
      <c r="IMV666" s="613"/>
      <c r="IMW666" s="613"/>
      <c r="IMX666" s="613"/>
      <c r="IMY666" s="613"/>
      <c r="IMZ666" s="613"/>
      <c r="INA666" s="613"/>
      <c r="INB666" s="613"/>
      <c r="INC666" s="613"/>
      <c r="IND666" s="613"/>
      <c r="INE666" s="613"/>
      <c r="INF666" s="613"/>
      <c r="ING666" s="613"/>
      <c r="INH666" s="613"/>
      <c r="INI666" s="613"/>
      <c r="INJ666" s="613"/>
      <c r="INK666" s="613"/>
      <c r="INL666" s="613"/>
      <c r="INM666" s="613"/>
      <c r="INN666" s="613"/>
      <c r="INO666" s="613"/>
      <c r="INP666" s="613"/>
      <c r="INQ666" s="613"/>
      <c r="INR666" s="613"/>
      <c r="INS666" s="613"/>
      <c r="INT666" s="613"/>
      <c r="INU666" s="613"/>
      <c r="INV666" s="613"/>
      <c r="INW666" s="613"/>
      <c r="INX666" s="613"/>
      <c r="INY666" s="613"/>
      <c r="INZ666" s="613"/>
      <c r="IOA666" s="613"/>
      <c r="IOB666" s="613"/>
      <c r="IOC666" s="613"/>
      <c r="IOD666" s="613"/>
      <c r="IOE666" s="613"/>
      <c r="IOF666" s="613"/>
      <c r="IOG666" s="613"/>
      <c r="IOH666" s="613"/>
      <c r="IOI666" s="613"/>
      <c r="IOJ666" s="613"/>
      <c r="IOK666" s="613"/>
      <c r="IOL666" s="613"/>
      <c r="IOM666" s="613"/>
      <c r="ION666" s="613"/>
      <c r="IOO666" s="613"/>
      <c r="IOP666" s="613"/>
      <c r="IOQ666" s="613"/>
      <c r="IOR666" s="613"/>
      <c r="IOS666" s="613"/>
      <c r="IOT666" s="613"/>
      <c r="IOU666" s="613"/>
      <c r="IOV666" s="613"/>
      <c r="IOW666" s="613"/>
      <c r="IOX666" s="613"/>
      <c r="IOY666" s="613"/>
      <c r="IOZ666" s="613"/>
      <c r="IPA666" s="613"/>
      <c r="IPB666" s="613"/>
      <c r="IPC666" s="613"/>
      <c r="IPD666" s="613"/>
      <c r="IPE666" s="613"/>
      <c r="IPF666" s="613"/>
      <c r="IPG666" s="613"/>
      <c r="IPH666" s="613"/>
      <c r="IPI666" s="613"/>
      <c r="IPJ666" s="613"/>
      <c r="IPK666" s="613"/>
      <c r="IPL666" s="613"/>
      <c r="IPM666" s="613"/>
      <c r="IPN666" s="613"/>
      <c r="IPO666" s="613"/>
      <c r="IPP666" s="613"/>
      <c r="IPQ666" s="613"/>
      <c r="IPR666" s="613"/>
      <c r="IPS666" s="613"/>
      <c r="IPT666" s="613"/>
      <c r="IPU666" s="613"/>
      <c r="IPV666" s="613"/>
      <c r="IPW666" s="613"/>
      <c r="IPX666" s="613"/>
      <c r="IPY666" s="613"/>
      <c r="IPZ666" s="613"/>
      <c r="IQA666" s="613"/>
      <c r="IQB666" s="613"/>
      <c r="IQC666" s="613"/>
      <c r="IQD666" s="613"/>
      <c r="IQE666" s="613"/>
      <c r="IQF666" s="613"/>
      <c r="IQG666" s="613"/>
      <c r="IQH666" s="613"/>
      <c r="IQI666" s="613"/>
      <c r="IQJ666" s="613"/>
      <c r="IQK666" s="613"/>
      <c r="IQL666" s="613"/>
      <c r="IQM666" s="613"/>
      <c r="IQN666" s="613"/>
      <c r="IQO666" s="613"/>
      <c r="IQP666" s="613"/>
      <c r="IQQ666" s="613"/>
      <c r="IQR666" s="613"/>
      <c r="IQS666" s="613"/>
      <c r="IQT666" s="613"/>
      <c r="IQU666" s="613"/>
      <c r="IQV666" s="613"/>
      <c r="IQW666" s="613"/>
      <c r="IQX666" s="613"/>
      <c r="IQY666" s="613"/>
      <c r="IQZ666" s="613"/>
      <c r="IRA666" s="613"/>
      <c r="IRB666" s="613"/>
      <c r="IRC666" s="613"/>
      <c r="IRD666" s="613"/>
      <c r="IRE666" s="613"/>
      <c r="IRF666" s="613"/>
      <c r="IRG666" s="613"/>
      <c r="IRH666" s="613"/>
      <c r="IRI666" s="613"/>
      <c r="IRJ666" s="613"/>
      <c r="IRK666" s="613"/>
      <c r="IRL666" s="613"/>
      <c r="IRM666" s="613"/>
      <c r="IRN666" s="613"/>
      <c r="IRO666" s="613"/>
      <c r="IRP666" s="613"/>
      <c r="IRQ666" s="613"/>
      <c r="IRR666" s="613"/>
      <c r="IRS666" s="613"/>
      <c r="IRT666" s="613"/>
      <c r="IRU666" s="613"/>
      <c r="IRV666" s="613"/>
      <c r="IRW666" s="613"/>
      <c r="IRX666" s="613"/>
      <c r="IRY666" s="613"/>
      <c r="IRZ666" s="613"/>
      <c r="ISA666" s="613"/>
      <c r="ISB666" s="613"/>
      <c r="ISC666" s="613"/>
      <c r="ISD666" s="613"/>
      <c r="ISE666" s="613"/>
      <c r="ISF666" s="613"/>
      <c r="ISG666" s="613"/>
      <c r="ISH666" s="613"/>
      <c r="ISI666" s="613"/>
      <c r="ISJ666" s="613"/>
      <c r="ISK666" s="613"/>
      <c r="ISL666" s="613"/>
      <c r="ISM666" s="613"/>
      <c r="ISN666" s="613"/>
      <c r="ISO666" s="613"/>
      <c r="ISP666" s="613"/>
      <c r="ISQ666" s="613"/>
      <c r="ISR666" s="613"/>
      <c r="ISS666" s="613"/>
      <c r="IST666" s="613"/>
      <c r="ISU666" s="613"/>
      <c r="ISV666" s="613"/>
      <c r="ISW666" s="613"/>
      <c r="ISX666" s="613"/>
      <c r="ISY666" s="613"/>
      <c r="ISZ666" s="613"/>
      <c r="ITA666" s="613"/>
      <c r="ITB666" s="613"/>
      <c r="ITC666" s="613"/>
      <c r="ITD666" s="613"/>
      <c r="ITE666" s="613"/>
      <c r="ITF666" s="613"/>
      <c r="ITG666" s="613"/>
      <c r="ITH666" s="613"/>
      <c r="ITI666" s="613"/>
      <c r="ITJ666" s="613"/>
      <c r="ITK666" s="613"/>
      <c r="ITL666" s="613"/>
      <c r="ITM666" s="613"/>
      <c r="ITN666" s="613"/>
      <c r="ITO666" s="613"/>
      <c r="ITP666" s="613"/>
      <c r="ITQ666" s="613"/>
      <c r="ITR666" s="613"/>
      <c r="ITS666" s="613"/>
      <c r="ITT666" s="613"/>
      <c r="ITU666" s="613"/>
      <c r="ITV666" s="613"/>
      <c r="ITW666" s="613"/>
      <c r="ITX666" s="613"/>
      <c r="ITY666" s="613"/>
      <c r="ITZ666" s="613"/>
      <c r="IUA666" s="613"/>
      <c r="IUB666" s="613"/>
      <c r="IUC666" s="613"/>
      <c r="IUD666" s="613"/>
      <c r="IUE666" s="613"/>
      <c r="IUF666" s="613"/>
      <c r="IUG666" s="613"/>
      <c r="IUH666" s="613"/>
      <c r="IUI666" s="613"/>
      <c r="IUJ666" s="613"/>
      <c r="IUK666" s="613"/>
      <c r="IUL666" s="613"/>
      <c r="IUM666" s="613"/>
      <c r="IUN666" s="613"/>
      <c r="IUO666" s="613"/>
      <c r="IUP666" s="613"/>
      <c r="IUQ666" s="613"/>
      <c r="IUR666" s="613"/>
      <c r="IUS666" s="613"/>
      <c r="IUT666" s="613"/>
      <c r="IUU666" s="613"/>
      <c r="IUV666" s="613"/>
      <c r="IUW666" s="613"/>
      <c r="IUX666" s="613"/>
      <c r="IUY666" s="613"/>
      <c r="IUZ666" s="613"/>
      <c r="IVA666" s="613"/>
      <c r="IVB666" s="613"/>
      <c r="IVC666" s="613"/>
      <c r="IVD666" s="613"/>
      <c r="IVE666" s="613"/>
      <c r="IVF666" s="613"/>
      <c r="IVG666" s="613"/>
      <c r="IVH666" s="613"/>
      <c r="IVI666" s="613"/>
      <c r="IVJ666" s="613"/>
      <c r="IVK666" s="613"/>
      <c r="IVL666" s="613"/>
      <c r="IVM666" s="613"/>
      <c r="IVN666" s="613"/>
      <c r="IVO666" s="613"/>
      <c r="IVP666" s="613"/>
      <c r="IVQ666" s="613"/>
      <c r="IVR666" s="613"/>
      <c r="IVS666" s="613"/>
      <c r="IVT666" s="613"/>
      <c r="IVU666" s="613"/>
      <c r="IVV666" s="613"/>
      <c r="IVW666" s="613"/>
      <c r="IVX666" s="613"/>
      <c r="IVY666" s="613"/>
      <c r="IVZ666" s="613"/>
      <c r="IWA666" s="613"/>
      <c r="IWB666" s="613"/>
      <c r="IWC666" s="613"/>
      <c r="IWD666" s="613"/>
      <c r="IWE666" s="613"/>
      <c r="IWF666" s="613"/>
      <c r="IWG666" s="613"/>
      <c r="IWH666" s="613"/>
      <c r="IWI666" s="613"/>
      <c r="IWJ666" s="613"/>
      <c r="IWK666" s="613"/>
      <c r="IWL666" s="613"/>
      <c r="IWM666" s="613"/>
      <c r="IWN666" s="613"/>
      <c r="IWO666" s="613"/>
      <c r="IWP666" s="613"/>
      <c r="IWQ666" s="613"/>
      <c r="IWR666" s="613"/>
      <c r="IWS666" s="613"/>
      <c r="IWT666" s="613"/>
      <c r="IWU666" s="613"/>
      <c r="IWV666" s="613"/>
      <c r="IWW666" s="613"/>
      <c r="IWX666" s="613"/>
      <c r="IWY666" s="613"/>
      <c r="IWZ666" s="613"/>
      <c r="IXA666" s="613"/>
      <c r="IXB666" s="613"/>
      <c r="IXC666" s="613"/>
      <c r="IXD666" s="613"/>
      <c r="IXE666" s="613"/>
      <c r="IXF666" s="613"/>
      <c r="IXG666" s="613"/>
      <c r="IXH666" s="613"/>
      <c r="IXI666" s="613"/>
      <c r="IXJ666" s="613"/>
      <c r="IXK666" s="613"/>
      <c r="IXL666" s="613"/>
      <c r="IXM666" s="613"/>
      <c r="IXN666" s="613"/>
      <c r="IXO666" s="613"/>
      <c r="IXP666" s="613"/>
      <c r="IXQ666" s="613"/>
      <c r="IXR666" s="613"/>
      <c r="IXS666" s="613"/>
      <c r="IXT666" s="613"/>
      <c r="IXU666" s="613"/>
      <c r="IXV666" s="613"/>
      <c r="IXW666" s="613"/>
      <c r="IXX666" s="613"/>
      <c r="IXY666" s="613"/>
      <c r="IXZ666" s="613"/>
      <c r="IYA666" s="613"/>
      <c r="IYB666" s="613"/>
      <c r="IYC666" s="613"/>
      <c r="IYD666" s="613"/>
      <c r="IYE666" s="613"/>
      <c r="IYF666" s="613"/>
      <c r="IYG666" s="613"/>
      <c r="IYH666" s="613"/>
      <c r="IYI666" s="613"/>
      <c r="IYJ666" s="613"/>
      <c r="IYK666" s="613"/>
      <c r="IYL666" s="613"/>
      <c r="IYM666" s="613"/>
      <c r="IYN666" s="613"/>
      <c r="IYO666" s="613"/>
      <c r="IYP666" s="613"/>
      <c r="IYQ666" s="613"/>
      <c r="IYR666" s="613"/>
      <c r="IYS666" s="613"/>
      <c r="IYT666" s="613"/>
      <c r="IYU666" s="613"/>
      <c r="IYV666" s="613"/>
      <c r="IYW666" s="613"/>
      <c r="IYX666" s="613"/>
      <c r="IYY666" s="613"/>
      <c r="IYZ666" s="613"/>
      <c r="IZA666" s="613"/>
      <c r="IZB666" s="613"/>
      <c r="IZC666" s="613"/>
      <c r="IZD666" s="613"/>
      <c r="IZE666" s="613"/>
      <c r="IZF666" s="613"/>
      <c r="IZG666" s="613"/>
      <c r="IZH666" s="613"/>
      <c r="IZI666" s="613"/>
      <c r="IZJ666" s="613"/>
      <c r="IZK666" s="613"/>
      <c r="IZL666" s="613"/>
      <c r="IZM666" s="613"/>
      <c r="IZN666" s="613"/>
      <c r="IZO666" s="613"/>
      <c r="IZP666" s="613"/>
      <c r="IZQ666" s="613"/>
      <c r="IZR666" s="613"/>
      <c r="IZS666" s="613"/>
      <c r="IZT666" s="613"/>
      <c r="IZU666" s="613"/>
      <c r="IZV666" s="613"/>
      <c r="IZW666" s="613"/>
      <c r="IZX666" s="613"/>
      <c r="IZY666" s="613"/>
      <c r="IZZ666" s="613"/>
      <c r="JAA666" s="613"/>
      <c r="JAB666" s="613"/>
      <c r="JAC666" s="613"/>
      <c r="JAD666" s="613"/>
      <c r="JAE666" s="613"/>
      <c r="JAF666" s="613"/>
      <c r="JAG666" s="613"/>
      <c r="JAH666" s="613"/>
      <c r="JAI666" s="613"/>
      <c r="JAJ666" s="613"/>
      <c r="JAK666" s="613"/>
      <c r="JAL666" s="613"/>
      <c r="JAM666" s="613"/>
      <c r="JAN666" s="613"/>
      <c r="JAO666" s="613"/>
      <c r="JAP666" s="613"/>
      <c r="JAQ666" s="613"/>
      <c r="JAR666" s="613"/>
      <c r="JAS666" s="613"/>
      <c r="JAT666" s="613"/>
      <c r="JAU666" s="613"/>
      <c r="JAV666" s="613"/>
      <c r="JAW666" s="613"/>
      <c r="JAX666" s="613"/>
      <c r="JAY666" s="613"/>
      <c r="JAZ666" s="613"/>
      <c r="JBA666" s="613"/>
      <c r="JBB666" s="613"/>
      <c r="JBC666" s="613"/>
      <c r="JBD666" s="613"/>
      <c r="JBE666" s="613"/>
      <c r="JBF666" s="613"/>
      <c r="JBG666" s="613"/>
      <c r="JBH666" s="613"/>
      <c r="JBI666" s="613"/>
      <c r="JBJ666" s="613"/>
      <c r="JBK666" s="613"/>
      <c r="JBL666" s="613"/>
      <c r="JBM666" s="613"/>
      <c r="JBN666" s="613"/>
      <c r="JBO666" s="613"/>
      <c r="JBP666" s="613"/>
      <c r="JBQ666" s="613"/>
      <c r="JBR666" s="613"/>
      <c r="JBS666" s="613"/>
      <c r="JBT666" s="613"/>
      <c r="JBU666" s="613"/>
      <c r="JBV666" s="613"/>
      <c r="JBW666" s="613"/>
      <c r="JBX666" s="613"/>
      <c r="JBY666" s="613"/>
      <c r="JBZ666" s="613"/>
      <c r="JCA666" s="613"/>
      <c r="JCB666" s="613"/>
      <c r="JCC666" s="613"/>
      <c r="JCD666" s="613"/>
      <c r="JCE666" s="613"/>
      <c r="JCF666" s="613"/>
      <c r="JCG666" s="613"/>
      <c r="JCH666" s="613"/>
      <c r="JCI666" s="613"/>
      <c r="JCJ666" s="613"/>
      <c r="JCK666" s="613"/>
      <c r="JCL666" s="613"/>
      <c r="JCM666" s="613"/>
      <c r="JCN666" s="613"/>
      <c r="JCO666" s="613"/>
      <c r="JCP666" s="613"/>
      <c r="JCQ666" s="613"/>
      <c r="JCR666" s="613"/>
      <c r="JCS666" s="613"/>
      <c r="JCT666" s="613"/>
      <c r="JCU666" s="613"/>
      <c r="JCV666" s="613"/>
      <c r="JCW666" s="613"/>
      <c r="JCX666" s="613"/>
      <c r="JCY666" s="613"/>
      <c r="JCZ666" s="613"/>
      <c r="JDA666" s="613"/>
      <c r="JDB666" s="613"/>
      <c r="JDC666" s="613"/>
      <c r="JDD666" s="613"/>
      <c r="JDE666" s="613"/>
      <c r="JDF666" s="613"/>
      <c r="JDG666" s="613"/>
      <c r="JDH666" s="613"/>
      <c r="JDI666" s="613"/>
      <c r="JDJ666" s="613"/>
      <c r="JDK666" s="613"/>
      <c r="JDL666" s="613"/>
      <c r="JDM666" s="613"/>
      <c r="JDN666" s="613"/>
      <c r="JDO666" s="613"/>
      <c r="JDP666" s="613"/>
      <c r="JDQ666" s="613"/>
      <c r="JDR666" s="613"/>
      <c r="JDS666" s="613"/>
      <c r="JDT666" s="613"/>
      <c r="JDU666" s="613"/>
      <c r="JDV666" s="613"/>
      <c r="JDW666" s="613"/>
      <c r="JDX666" s="613"/>
      <c r="JDY666" s="613"/>
      <c r="JDZ666" s="613"/>
      <c r="JEA666" s="613"/>
      <c r="JEB666" s="613"/>
      <c r="JEC666" s="613"/>
      <c r="JED666" s="613"/>
      <c r="JEE666" s="613"/>
      <c r="JEF666" s="613"/>
      <c r="JEG666" s="613"/>
      <c r="JEH666" s="613"/>
      <c r="JEI666" s="613"/>
      <c r="JEJ666" s="613"/>
      <c r="JEK666" s="613"/>
      <c r="JEL666" s="613"/>
      <c r="JEM666" s="613"/>
      <c r="JEN666" s="613"/>
      <c r="JEO666" s="613"/>
      <c r="JEP666" s="613"/>
      <c r="JEQ666" s="613"/>
      <c r="JER666" s="613"/>
      <c r="JES666" s="613"/>
      <c r="JET666" s="613"/>
      <c r="JEU666" s="613"/>
      <c r="JEV666" s="613"/>
      <c r="JEW666" s="613"/>
      <c r="JEX666" s="613"/>
      <c r="JEY666" s="613"/>
      <c r="JEZ666" s="613"/>
      <c r="JFA666" s="613"/>
      <c r="JFB666" s="613"/>
      <c r="JFC666" s="613"/>
      <c r="JFD666" s="613"/>
      <c r="JFE666" s="613"/>
      <c r="JFF666" s="613"/>
      <c r="JFG666" s="613"/>
      <c r="JFH666" s="613"/>
      <c r="JFI666" s="613"/>
      <c r="JFJ666" s="613"/>
      <c r="JFK666" s="613"/>
      <c r="JFL666" s="613"/>
      <c r="JFM666" s="613"/>
      <c r="JFN666" s="613"/>
      <c r="JFO666" s="613"/>
      <c r="JFP666" s="613"/>
      <c r="JFQ666" s="613"/>
      <c r="JFR666" s="613"/>
      <c r="JFS666" s="613"/>
      <c r="JFT666" s="613"/>
      <c r="JFU666" s="613"/>
      <c r="JFV666" s="613"/>
      <c r="JFW666" s="613"/>
      <c r="JFX666" s="613"/>
      <c r="JFY666" s="613"/>
      <c r="JFZ666" s="613"/>
      <c r="JGA666" s="613"/>
      <c r="JGB666" s="613"/>
      <c r="JGC666" s="613"/>
      <c r="JGD666" s="613"/>
      <c r="JGE666" s="613"/>
      <c r="JGF666" s="613"/>
      <c r="JGG666" s="613"/>
      <c r="JGH666" s="613"/>
      <c r="JGI666" s="613"/>
      <c r="JGJ666" s="613"/>
      <c r="JGK666" s="613"/>
      <c r="JGL666" s="613"/>
      <c r="JGM666" s="613"/>
      <c r="JGN666" s="613"/>
      <c r="JGO666" s="613"/>
      <c r="JGP666" s="613"/>
      <c r="JGQ666" s="613"/>
      <c r="JGR666" s="613"/>
      <c r="JGS666" s="613"/>
      <c r="JGT666" s="613"/>
      <c r="JGU666" s="613"/>
      <c r="JGV666" s="613"/>
      <c r="JGW666" s="613"/>
      <c r="JGX666" s="613"/>
      <c r="JGY666" s="613"/>
      <c r="JGZ666" s="613"/>
      <c r="JHA666" s="613"/>
      <c r="JHB666" s="613"/>
      <c r="JHC666" s="613"/>
      <c r="JHD666" s="613"/>
      <c r="JHE666" s="613"/>
      <c r="JHF666" s="613"/>
      <c r="JHG666" s="613"/>
      <c r="JHH666" s="613"/>
      <c r="JHI666" s="613"/>
      <c r="JHJ666" s="613"/>
      <c r="JHK666" s="613"/>
      <c r="JHL666" s="613"/>
      <c r="JHM666" s="613"/>
      <c r="JHN666" s="613"/>
      <c r="JHO666" s="613"/>
      <c r="JHP666" s="613"/>
      <c r="JHQ666" s="613"/>
      <c r="JHR666" s="613"/>
      <c r="JHS666" s="613"/>
      <c r="JHT666" s="613"/>
      <c r="JHU666" s="613"/>
      <c r="JHV666" s="613"/>
      <c r="JHW666" s="613"/>
      <c r="JHX666" s="613"/>
      <c r="JHY666" s="613"/>
      <c r="JHZ666" s="613"/>
      <c r="JIA666" s="613"/>
      <c r="JIB666" s="613"/>
      <c r="JIC666" s="613"/>
      <c r="JID666" s="613"/>
      <c r="JIE666" s="613"/>
      <c r="JIF666" s="613"/>
      <c r="JIG666" s="613"/>
      <c r="JIH666" s="613"/>
      <c r="JII666" s="613"/>
      <c r="JIJ666" s="613"/>
      <c r="JIK666" s="613"/>
      <c r="JIL666" s="613"/>
      <c r="JIM666" s="613"/>
      <c r="JIN666" s="613"/>
      <c r="JIO666" s="613"/>
      <c r="JIP666" s="613"/>
      <c r="JIQ666" s="613"/>
      <c r="JIR666" s="613"/>
      <c r="JIS666" s="613"/>
      <c r="JIT666" s="613"/>
      <c r="JIU666" s="613"/>
      <c r="JIV666" s="613"/>
      <c r="JIW666" s="613"/>
      <c r="JIX666" s="613"/>
      <c r="JIY666" s="613"/>
      <c r="JIZ666" s="613"/>
      <c r="JJA666" s="613"/>
      <c r="JJB666" s="613"/>
      <c r="JJC666" s="613"/>
      <c r="JJD666" s="613"/>
      <c r="JJE666" s="613"/>
      <c r="JJF666" s="613"/>
      <c r="JJG666" s="613"/>
      <c r="JJH666" s="613"/>
      <c r="JJI666" s="613"/>
      <c r="JJJ666" s="613"/>
      <c r="JJK666" s="613"/>
      <c r="JJL666" s="613"/>
      <c r="JJM666" s="613"/>
      <c r="JJN666" s="613"/>
      <c r="JJO666" s="613"/>
      <c r="JJP666" s="613"/>
      <c r="JJQ666" s="613"/>
      <c r="JJR666" s="613"/>
      <c r="JJS666" s="613"/>
      <c r="JJT666" s="613"/>
      <c r="JJU666" s="613"/>
      <c r="JJV666" s="613"/>
      <c r="JJW666" s="613"/>
      <c r="JJX666" s="613"/>
      <c r="JJY666" s="613"/>
      <c r="JJZ666" s="613"/>
      <c r="JKA666" s="613"/>
      <c r="JKB666" s="613"/>
      <c r="JKC666" s="613"/>
      <c r="JKD666" s="613"/>
      <c r="JKE666" s="613"/>
      <c r="JKF666" s="613"/>
      <c r="JKG666" s="613"/>
      <c r="JKH666" s="613"/>
      <c r="JKI666" s="613"/>
      <c r="JKJ666" s="613"/>
      <c r="JKK666" s="613"/>
      <c r="JKL666" s="613"/>
      <c r="JKM666" s="613"/>
      <c r="JKN666" s="613"/>
      <c r="JKO666" s="613"/>
      <c r="JKP666" s="613"/>
      <c r="JKQ666" s="613"/>
      <c r="JKR666" s="613"/>
      <c r="JKS666" s="613"/>
      <c r="JKT666" s="613"/>
      <c r="JKU666" s="613"/>
      <c r="JKV666" s="613"/>
      <c r="JKW666" s="613"/>
      <c r="JKX666" s="613"/>
      <c r="JKY666" s="613"/>
      <c r="JKZ666" s="613"/>
      <c r="JLA666" s="613"/>
      <c r="JLB666" s="613"/>
      <c r="JLC666" s="613"/>
      <c r="JLD666" s="613"/>
      <c r="JLE666" s="613"/>
      <c r="JLF666" s="613"/>
      <c r="JLG666" s="613"/>
      <c r="JLH666" s="613"/>
      <c r="JLI666" s="613"/>
      <c r="JLJ666" s="613"/>
      <c r="JLK666" s="613"/>
      <c r="JLL666" s="613"/>
      <c r="JLM666" s="613"/>
      <c r="JLN666" s="613"/>
      <c r="JLO666" s="613"/>
      <c r="JLP666" s="613"/>
      <c r="JLQ666" s="613"/>
      <c r="JLR666" s="613"/>
      <c r="JLS666" s="613"/>
      <c r="JLT666" s="613"/>
      <c r="JLU666" s="613"/>
      <c r="JLV666" s="613"/>
      <c r="JLW666" s="613"/>
      <c r="JLX666" s="613"/>
      <c r="JLY666" s="613"/>
      <c r="JLZ666" s="613"/>
      <c r="JMA666" s="613"/>
      <c r="JMB666" s="613"/>
      <c r="JMC666" s="613"/>
      <c r="JMD666" s="613"/>
      <c r="JME666" s="613"/>
      <c r="JMF666" s="613"/>
      <c r="JMG666" s="613"/>
      <c r="JMH666" s="613"/>
      <c r="JMI666" s="613"/>
      <c r="JMJ666" s="613"/>
      <c r="JMK666" s="613"/>
      <c r="JML666" s="613"/>
      <c r="JMM666" s="613"/>
      <c r="JMN666" s="613"/>
      <c r="JMO666" s="613"/>
      <c r="JMP666" s="613"/>
      <c r="JMQ666" s="613"/>
      <c r="JMR666" s="613"/>
      <c r="JMS666" s="613"/>
      <c r="JMT666" s="613"/>
      <c r="JMU666" s="613"/>
      <c r="JMV666" s="613"/>
      <c r="JMW666" s="613"/>
      <c r="JMX666" s="613"/>
      <c r="JMY666" s="613"/>
      <c r="JMZ666" s="613"/>
      <c r="JNA666" s="613"/>
      <c r="JNB666" s="613"/>
      <c r="JNC666" s="613"/>
      <c r="JND666" s="613"/>
      <c r="JNE666" s="613"/>
      <c r="JNF666" s="613"/>
      <c r="JNG666" s="613"/>
      <c r="JNH666" s="613"/>
      <c r="JNI666" s="613"/>
      <c r="JNJ666" s="613"/>
      <c r="JNK666" s="613"/>
      <c r="JNL666" s="613"/>
      <c r="JNM666" s="613"/>
      <c r="JNN666" s="613"/>
      <c r="JNO666" s="613"/>
      <c r="JNP666" s="613"/>
      <c r="JNQ666" s="613"/>
      <c r="JNR666" s="613"/>
      <c r="JNS666" s="613"/>
      <c r="JNT666" s="613"/>
      <c r="JNU666" s="613"/>
      <c r="JNV666" s="613"/>
      <c r="JNW666" s="613"/>
      <c r="JNX666" s="613"/>
      <c r="JNY666" s="613"/>
      <c r="JNZ666" s="613"/>
      <c r="JOA666" s="613"/>
      <c r="JOB666" s="613"/>
      <c r="JOC666" s="613"/>
      <c r="JOD666" s="613"/>
      <c r="JOE666" s="613"/>
      <c r="JOF666" s="613"/>
      <c r="JOG666" s="613"/>
      <c r="JOH666" s="613"/>
      <c r="JOI666" s="613"/>
      <c r="JOJ666" s="613"/>
      <c r="JOK666" s="613"/>
      <c r="JOL666" s="613"/>
      <c r="JOM666" s="613"/>
      <c r="JON666" s="613"/>
      <c r="JOO666" s="613"/>
      <c r="JOP666" s="613"/>
      <c r="JOQ666" s="613"/>
      <c r="JOR666" s="613"/>
      <c r="JOS666" s="613"/>
      <c r="JOT666" s="613"/>
      <c r="JOU666" s="613"/>
      <c r="JOV666" s="613"/>
      <c r="JOW666" s="613"/>
      <c r="JOX666" s="613"/>
      <c r="JOY666" s="613"/>
      <c r="JOZ666" s="613"/>
      <c r="JPA666" s="613"/>
      <c r="JPB666" s="613"/>
      <c r="JPC666" s="613"/>
      <c r="JPD666" s="613"/>
      <c r="JPE666" s="613"/>
      <c r="JPF666" s="613"/>
      <c r="JPG666" s="613"/>
      <c r="JPH666" s="613"/>
      <c r="JPI666" s="613"/>
      <c r="JPJ666" s="613"/>
      <c r="JPK666" s="613"/>
      <c r="JPL666" s="613"/>
      <c r="JPM666" s="613"/>
      <c r="JPN666" s="613"/>
      <c r="JPO666" s="613"/>
      <c r="JPP666" s="613"/>
      <c r="JPQ666" s="613"/>
      <c r="JPR666" s="613"/>
      <c r="JPS666" s="613"/>
      <c r="JPT666" s="613"/>
      <c r="JPU666" s="613"/>
      <c r="JPV666" s="613"/>
      <c r="JPW666" s="613"/>
      <c r="JPX666" s="613"/>
      <c r="JPY666" s="613"/>
      <c r="JPZ666" s="613"/>
      <c r="JQA666" s="613"/>
      <c r="JQB666" s="613"/>
      <c r="JQC666" s="613"/>
      <c r="JQD666" s="613"/>
      <c r="JQE666" s="613"/>
      <c r="JQF666" s="613"/>
      <c r="JQG666" s="613"/>
      <c r="JQH666" s="613"/>
      <c r="JQI666" s="613"/>
      <c r="JQJ666" s="613"/>
      <c r="JQK666" s="613"/>
      <c r="JQL666" s="613"/>
      <c r="JQM666" s="613"/>
      <c r="JQN666" s="613"/>
      <c r="JQO666" s="613"/>
      <c r="JQP666" s="613"/>
      <c r="JQQ666" s="613"/>
      <c r="JQR666" s="613"/>
      <c r="JQS666" s="613"/>
      <c r="JQT666" s="613"/>
      <c r="JQU666" s="613"/>
      <c r="JQV666" s="613"/>
      <c r="JQW666" s="613"/>
      <c r="JQX666" s="613"/>
      <c r="JQY666" s="613"/>
      <c r="JQZ666" s="613"/>
      <c r="JRA666" s="613"/>
      <c r="JRB666" s="613"/>
      <c r="JRC666" s="613"/>
      <c r="JRD666" s="613"/>
      <c r="JRE666" s="613"/>
      <c r="JRF666" s="613"/>
      <c r="JRG666" s="613"/>
      <c r="JRH666" s="613"/>
      <c r="JRI666" s="613"/>
      <c r="JRJ666" s="613"/>
      <c r="JRK666" s="613"/>
      <c r="JRL666" s="613"/>
      <c r="JRM666" s="613"/>
      <c r="JRN666" s="613"/>
      <c r="JRO666" s="613"/>
      <c r="JRP666" s="613"/>
      <c r="JRQ666" s="613"/>
      <c r="JRR666" s="613"/>
      <c r="JRS666" s="613"/>
      <c r="JRT666" s="613"/>
      <c r="JRU666" s="613"/>
      <c r="JRV666" s="613"/>
      <c r="JRW666" s="613"/>
      <c r="JRX666" s="613"/>
      <c r="JRY666" s="613"/>
      <c r="JRZ666" s="613"/>
      <c r="JSA666" s="613"/>
      <c r="JSB666" s="613"/>
      <c r="JSC666" s="613"/>
      <c r="JSD666" s="613"/>
      <c r="JSE666" s="613"/>
      <c r="JSF666" s="613"/>
      <c r="JSG666" s="613"/>
      <c r="JSH666" s="613"/>
      <c r="JSI666" s="613"/>
      <c r="JSJ666" s="613"/>
      <c r="JSK666" s="613"/>
      <c r="JSL666" s="613"/>
      <c r="JSM666" s="613"/>
      <c r="JSN666" s="613"/>
      <c r="JSO666" s="613"/>
      <c r="JSP666" s="613"/>
      <c r="JSQ666" s="613"/>
      <c r="JSR666" s="613"/>
      <c r="JSS666" s="613"/>
      <c r="JST666" s="613"/>
      <c r="JSU666" s="613"/>
      <c r="JSV666" s="613"/>
      <c r="JSW666" s="613"/>
      <c r="JSX666" s="613"/>
      <c r="JSY666" s="613"/>
      <c r="JSZ666" s="613"/>
      <c r="JTA666" s="613"/>
      <c r="JTB666" s="613"/>
      <c r="JTC666" s="613"/>
      <c r="JTD666" s="613"/>
      <c r="JTE666" s="613"/>
      <c r="JTF666" s="613"/>
      <c r="JTG666" s="613"/>
      <c r="JTH666" s="613"/>
      <c r="JTI666" s="613"/>
      <c r="JTJ666" s="613"/>
      <c r="JTK666" s="613"/>
      <c r="JTL666" s="613"/>
      <c r="JTM666" s="613"/>
      <c r="JTN666" s="613"/>
      <c r="JTO666" s="613"/>
      <c r="JTP666" s="613"/>
      <c r="JTQ666" s="613"/>
      <c r="JTR666" s="613"/>
      <c r="JTS666" s="613"/>
      <c r="JTT666" s="613"/>
      <c r="JTU666" s="613"/>
      <c r="JTV666" s="613"/>
      <c r="JTW666" s="613"/>
      <c r="JTX666" s="613"/>
      <c r="JTY666" s="613"/>
      <c r="JTZ666" s="613"/>
      <c r="JUA666" s="613"/>
      <c r="JUB666" s="613"/>
      <c r="JUC666" s="613"/>
      <c r="JUD666" s="613"/>
      <c r="JUE666" s="613"/>
      <c r="JUF666" s="613"/>
      <c r="JUG666" s="613"/>
      <c r="JUH666" s="613"/>
      <c r="JUI666" s="613"/>
      <c r="JUJ666" s="613"/>
      <c r="JUK666" s="613"/>
      <c r="JUL666" s="613"/>
      <c r="JUM666" s="613"/>
      <c r="JUN666" s="613"/>
      <c r="JUO666" s="613"/>
      <c r="JUP666" s="613"/>
      <c r="JUQ666" s="613"/>
      <c r="JUR666" s="613"/>
      <c r="JUS666" s="613"/>
      <c r="JUT666" s="613"/>
      <c r="JUU666" s="613"/>
      <c r="JUV666" s="613"/>
      <c r="JUW666" s="613"/>
      <c r="JUX666" s="613"/>
      <c r="JUY666" s="613"/>
      <c r="JUZ666" s="613"/>
      <c r="JVA666" s="613"/>
      <c r="JVB666" s="613"/>
      <c r="JVC666" s="613"/>
      <c r="JVD666" s="613"/>
      <c r="JVE666" s="613"/>
      <c r="JVF666" s="613"/>
      <c r="JVG666" s="613"/>
      <c r="JVH666" s="613"/>
      <c r="JVI666" s="613"/>
      <c r="JVJ666" s="613"/>
      <c r="JVK666" s="613"/>
      <c r="JVL666" s="613"/>
      <c r="JVM666" s="613"/>
      <c r="JVN666" s="613"/>
      <c r="JVO666" s="613"/>
      <c r="JVP666" s="613"/>
      <c r="JVQ666" s="613"/>
      <c r="JVR666" s="613"/>
      <c r="JVS666" s="613"/>
      <c r="JVT666" s="613"/>
      <c r="JVU666" s="613"/>
      <c r="JVV666" s="613"/>
      <c r="JVW666" s="613"/>
      <c r="JVX666" s="613"/>
      <c r="JVY666" s="613"/>
      <c r="JVZ666" s="613"/>
      <c r="JWA666" s="613"/>
      <c r="JWB666" s="613"/>
      <c r="JWC666" s="613"/>
      <c r="JWD666" s="613"/>
      <c r="JWE666" s="613"/>
      <c r="JWF666" s="613"/>
      <c r="JWG666" s="613"/>
      <c r="JWH666" s="613"/>
      <c r="JWI666" s="613"/>
      <c r="JWJ666" s="613"/>
      <c r="JWK666" s="613"/>
      <c r="JWL666" s="613"/>
      <c r="JWM666" s="613"/>
      <c r="JWN666" s="613"/>
      <c r="JWO666" s="613"/>
      <c r="JWP666" s="613"/>
      <c r="JWQ666" s="613"/>
      <c r="JWR666" s="613"/>
      <c r="JWS666" s="613"/>
      <c r="JWT666" s="613"/>
      <c r="JWU666" s="613"/>
      <c r="JWV666" s="613"/>
      <c r="JWW666" s="613"/>
      <c r="JWX666" s="613"/>
      <c r="JWY666" s="613"/>
      <c r="JWZ666" s="613"/>
      <c r="JXA666" s="613"/>
      <c r="JXB666" s="613"/>
      <c r="JXC666" s="613"/>
      <c r="JXD666" s="613"/>
      <c r="JXE666" s="613"/>
      <c r="JXF666" s="613"/>
      <c r="JXG666" s="613"/>
      <c r="JXH666" s="613"/>
      <c r="JXI666" s="613"/>
      <c r="JXJ666" s="613"/>
      <c r="JXK666" s="613"/>
      <c r="JXL666" s="613"/>
      <c r="JXM666" s="613"/>
      <c r="JXN666" s="613"/>
      <c r="JXO666" s="613"/>
      <c r="JXP666" s="613"/>
      <c r="JXQ666" s="613"/>
      <c r="JXR666" s="613"/>
      <c r="JXS666" s="613"/>
      <c r="JXT666" s="613"/>
      <c r="JXU666" s="613"/>
      <c r="JXV666" s="613"/>
      <c r="JXW666" s="613"/>
      <c r="JXX666" s="613"/>
      <c r="JXY666" s="613"/>
      <c r="JXZ666" s="613"/>
      <c r="JYA666" s="613"/>
      <c r="JYB666" s="613"/>
      <c r="JYC666" s="613"/>
      <c r="JYD666" s="613"/>
      <c r="JYE666" s="613"/>
      <c r="JYF666" s="613"/>
      <c r="JYG666" s="613"/>
      <c r="JYH666" s="613"/>
      <c r="JYI666" s="613"/>
      <c r="JYJ666" s="613"/>
      <c r="JYK666" s="613"/>
      <c r="JYL666" s="613"/>
      <c r="JYM666" s="613"/>
      <c r="JYN666" s="613"/>
      <c r="JYO666" s="613"/>
      <c r="JYP666" s="613"/>
      <c r="JYQ666" s="613"/>
      <c r="JYR666" s="613"/>
      <c r="JYS666" s="613"/>
      <c r="JYT666" s="613"/>
      <c r="JYU666" s="613"/>
      <c r="JYV666" s="613"/>
      <c r="JYW666" s="613"/>
      <c r="JYX666" s="613"/>
      <c r="JYY666" s="613"/>
      <c r="JYZ666" s="613"/>
      <c r="JZA666" s="613"/>
      <c r="JZB666" s="613"/>
      <c r="JZC666" s="613"/>
      <c r="JZD666" s="613"/>
      <c r="JZE666" s="613"/>
      <c r="JZF666" s="613"/>
      <c r="JZG666" s="613"/>
      <c r="JZH666" s="613"/>
      <c r="JZI666" s="613"/>
      <c r="JZJ666" s="613"/>
      <c r="JZK666" s="613"/>
      <c r="JZL666" s="613"/>
      <c r="JZM666" s="613"/>
      <c r="JZN666" s="613"/>
      <c r="JZO666" s="613"/>
      <c r="JZP666" s="613"/>
      <c r="JZQ666" s="613"/>
      <c r="JZR666" s="613"/>
      <c r="JZS666" s="613"/>
      <c r="JZT666" s="613"/>
      <c r="JZU666" s="613"/>
      <c r="JZV666" s="613"/>
      <c r="JZW666" s="613"/>
      <c r="JZX666" s="613"/>
      <c r="JZY666" s="613"/>
      <c r="JZZ666" s="613"/>
      <c r="KAA666" s="613"/>
      <c r="KAB666" s="613"/>
      <c r="KAC666" s="613"/>
      <c r="KAD666" s="613"/>
      <c r="KAE666" s="613"/>
      <c r="KAF666" s="613"/>
      <c r="KAG666" s="613"/>
      <c r="KAH666" s="613"/>
      <c r="KAI666" s="613"/>
      <c r="KAJ666" s="613"/>
      <c r="KAK666" s="613"/>
      <c r="KAL666" s="613"/>
      <c r="KAM666" s="613"/>
      <c r="KAN666" s="613"/>
      <c r="KAO666" s="613"/>
      <c r="KAP666" s="613"/>
      <c r="KAQ666" s="613"/>
      <c r="KAR666" s="613"/>
      <c r="KAS666" s="613"/>
      <c r="KAT666" s="613"/>
      <c r="KAU666" s="613"/>
      <c r="KAV666" s="613"/>
      <c r="KAW666" s="613"/>
      <c r="KAX666" s="613"/>
      <c r="KAY666" s="613"/>
      <c r="KAZ666" s="613"/>
      <c r="KBA666" s="613"/>
      <c r="KBB666" s="613"/>
      <c r="KBC666" s="613"/>
      <c r="KBD666" s="613"/>
      <c r="KBE666" s="613"/>
      <c r="KBF666" s="613"/>
      <c r="KBG666" s="613"/>
      <c r="KBH666" s="613"/>
      <c r="KBI666" s="613"/>
      <c r="KBJ666" s="613"/>
      <c r="KBK666" s="613"/>
      <c r="KBL666" s="613"/>
      <c r="KBM666" s="613"/>
      <c r="KBN666" s="613"/>
      <c r="KBO666" s="613"/>
      <c r="KBP666" s="613"/>
      <c r="KBQ666" s="613"/>
      <c r="KBR666" s="613"/>
      <c r="KBS666" s="613"/>
      <c r="KBT666" s="613"/>
      <c r="KBU666" s="613"/>
      <c r="KBV666" s="613"/>
      <c r="KBW666" s="613"/>
      <c r="KBX666" s="613"/>
      <c r="KBY666" s="613"/>
      <c r="KBZ666" s="613"/>
      <c r="KCA666" s="613"/>
      <c r="KCB666" s="613"/>
      <c r="KCC666" s="613"/>
      <c r="KCD666" s="613"/>
      <c r="KCE666" s="613"/>
      <c r="KCF666" s="613"/>
      <c r="KCG666" s="613"/>
      <c r="KCH666" s="613"/>
      <c r="KCI666" s="613"/>
      <c r="KCJ666" s="613"/>
      <c r="KCK666" s="613"/>
      <c r="KCL666" s="613"/>
      <c r="KCM666" s="613"/>
      <c r="KCN666" s="613"/>
      <c r="KCO666" s="613"/>
      <c r="KCP666" s="613"/>
      <c r="KCQ666" s="613"/>
      <c r="KCR666" s="613"/>
      <c r="KCS666" s="613"/>
      <c r="KCT666" s="613"/>
      <c r="KCU666" s="613"/>
      <c r="KCV666" s="613"/>
      <c r="KCW666" s="613"/>
      <c r="KCX666" s="613"/>
      <c r="KCY666" s="613"/>
      <c r="KCZ666" s="613"/>
      <c r="KDA666" s="613"/>
      <c r="KDB666" s="613"/>
      <c r="KDC666" s="613"/>
      <c r="KDD666" s="613"/>
      <c r="KDE666" s="613"/>
      <c r="KDF666" s="613"/>
      <c r="KDG666" s="613"/>
      <c r="KDH666" s="613"/>
      <c r="KDI666" s="613"/>
      <c r="KDJ666" s="613"/>
      <c r="KDK666" s="613"/>
      <c r="KDL666" s="613"/>
      <c r="KDM666" s="613"/>
      <c r="KDN666" s="613"/>
      <c r="KDO666" s="613"/>
      <c r="KDP666" s="613"/>
      <c r="KDQ666" s="613"/>
      <c r="KDR666" s="613"/>
      <c r="KDS666" s="613"/>
      <c r="KDT666" s="613"/>
      <c r="KDU666" s="613"/>
      <c r="KDV666" s="613"/>
      <c r="KDW666" s="613"/>
      <c r="KDX666" s="613"/>
      <c r="KDY666" s="613"/>
      <c r="KDZ666" s="613"/>
      <c r="KEA666" s="613"/>
      <c r="KEB666" s="613"/>
      <c r="KEC666" s="613"/>
      <c r="KED666" s="613"/>
      <c r="KEE666" s="613"/>
      <c r="KEF666" s="613"/>
      <c r="KEG666" s="613"/>
      <c r="KEH666" s="613"/>
      <c r="KEI666" s="613"/>
      <c r="KEJ666" s="613"/>
      <c r="KEK666" s="613"/>
      <c r="KEL666" s="613"/>
      <c r="KEM666" s="613"/>
      <c r="KEN666" s="613"/>
      <c r="KEO666" s="613"/>
      <c r="KEP666" s="613"/>
      <c r="KEQ666" s="613"/>
      <c r="KER666" s="613"/>
      <c r="KES666" s="613"/>
      <c r="KET666" s="613"/>
      <c r="KEU666" s="613"/>
      <c r="KEV666" s="613"/>
      <c r="KEW666" s="613"/>
      <c r="KEX666" s="613"/>
      <c r="KEY666" s="613"/>
      <c r="KEZ666" s="613"/>
      <c r="KFA666" s="613"/>
      <c r="KFB666" s="613"/>
      <c r="KFC666" s="613"/>
      <c r="KFD666" s="613"/>
      <c r="KFE666" s="613"/>
      <c r="KFF666" s="613"/>
      <c r="KFG666" s="613"/>
      <c r="KFH666" s="613"/>
      <c r="KFI666" s="613"/>
      <c r="KFJ666" s="613"/>
      <c r="KFK666" s="613"/>
      <c r="KFL666" s="613"/>
      <c r="KFM666" s="613"/>
      <c r="KFN666" s="613"/>
      <c r="KFO666" s="613"/>
      <c r="KFP666" s="613"/>
      <c r="KFQ666" s="613"/>
      <c r="KFR666" s="613"/>
      <c r="KFS666" s="613"/>
      <c r="KFT666" s="613"/>
      <c r="KFU666" s="613"/>
      <c r="KFV666" s="613"/>
      <c r="KFW666" s="613"/>
      <c r="KFX666" s="613"/>
      <c r="KFY666" s="613"/>
      <c r="KFZ666" s="613"/>
      <c r="KGA666" s="613"/>
      <c r="KGB666" s="613"/>
      <c r="KGC666" s="613"/>
      <c r="KGD666" s="613"/>
      <c r="KGE666" s="613"/>
      <c r="KGF666" s="613"/>
      <c r="KGG666" s="613"/>
      <c r="KGH666" s="613"/>
      <c r="KGI666" s="613"/>
      <c r="KGJ666" s="613"/>
      <c r="KGK666" s="613"/>
      <c r="KGL666" s="613"/>
      <c r="KGM666" s="613"/>
      <c r="KGN666" s="613"/>
      <c r="KGO666" s="613"/>
      <c r="KGP666" s="613"/>
      <c r="KGQ666" s="613"/>
      <c r="KGR666" s="613"/>
      <c r="KGS666" s="613"/>
      <c r="KGT666" s="613"/>
      <c r="KGU666" s="613"/>
      <c r="KGV666" s="613"/>
      <c r="KGW666" s="613"/>
      <c r="KGX666" s="613"/>
      <c r="KGY666" s="613"/>
      <c r="KGZ666" s="613"/>
      <c r="KHA666" s="613"/>
      <c r="KHB666" s="613"/>
      <c r="KHC666" s="613"/>
      <c r="KHD666" s="613"/>
      <c r="KHE666" s="613"/>
      <c r="KHF666" s="613"/>
      <c r="KHG666" s="613"/>
      <c r="KHH666" s="613"/>
      <c r="KHI666" s="613"/>
      <c r="KHJ666" s="613"/>
      <c r="KHK666" s="613"/>
      <c r="KHL666" s="613"/>
      <c r="KHM666" s="613"/>
      <c r="KHN666" s="613"/>
      <c r="KHO666" s="613"/>
      <c r="KHP666" s="613"/>
      <c r="KHQ666" s="613"/>
      <c r="KHR666" s="613"/>
      <c r="KHS666" s="613"/>
      <c r="KHT666" s="613"/>
      <c r="KHU666" s="613"/>
      <c r="KHV666" s="613"/>
      <c r="KHW666" s="613"/>
      <c r="KHX666" s="613"/>
      <c r="KHY666" s="613"/>
      <c r="KHZ666" s="613"/>
      <c r="KIA666" s="613"/>
      <c r="KIB666" s="613"/>
      <c r="KIC666" s="613"/>
      <c r="KID666" s="613"/>
      <c r="KIE666" s="613"/>
      <c r="KIF666" s="613"/>
      <c r="KIG666" s="613"/>
      <c r="KIH666" s="613"/>
      <c r="KII666" s="613"/>
      <c r="KIJ666" s="613"/>
      <c r="KIK666" s="613"/>
      <c r="KIL666" s="613"/>
      <c r="KIM666" s="613"/>
      <c r="KIN666" s="613"/>
      <c r="KIO666" s="613"/>
      <c r="KIP666" s="613"/>
      <c r="KIQ666" s="613"/>
      <c r="KIR666" s="613"/>
      <c r="KIS666" s="613"/>
      <c r="KIT666" s="613"/>
      <c r="KIU666" s="613"/>
      <c r="KIV666" s="613"/>
      <c r="KIW666" s="613"/>
      <c r="KIX666" s="613"/>
      <c r="KIY666" s="613"/>
      <c r="KIZ666" s="613"/>
      <c r="KJA666" s="613"/>
      <c r="KJB666" s="613"/>
      <c r="KJC666" s="613"/>
      <c r="KJD666" s="613"/>
      <c r="KJE666" s="613"/>
      <c r="KJF666" s="613"/>
      <c r="KJG666" s="613"/>
      <c r="KJH666" s="613"/>
      <c r="KJI666" s="613"/>
      <c r="KJJ666" s="613"/>
      <c r="KJK666" s="613"/>
      <c r="KJL666" s="613"/>
      <c r="KJM666" s="613"/>
      <c r="KJN666" s="613"/>
      <c r="KJO666" s="613"/>
      <c r="KJP666" s="613"/>
      <c r="KJQ666" s="613"/>
      <c r="KJR666" s="613"/>
      <c r="KJS666" s="613"/>
      <c r="KJT666" s="613"/>
      <c r="KJU666" s="613"/>
      <c r="KJV666" s="613"/>
      <c r="KJW666" s="613"/>
      <c r="KJX666" s="613"/>
      <c r="KJY666" s="613"/>
      <c r="KJZ666" s="613"/>
      <c r="KKA666" s="613"/>
      <c r="KKB666" s="613"/>
      <c r="KKC666" s="613"/>
      <c r="KKD666" s="613"/>
      <c r="KKE666" s="613"/>
      <c r="KKF666" s="613"/>
      <c r="KKG666" s="613"/>
      <c r="KKH666" s="613"/>
      <c r="KKI666" s="613"/>
      <c r="KKJ666" s="613"/>
      <c r="KKK666" s="613"/>
      <c r="KKL666" s="613"/>
      <c r="KKM666" s="613"/>
      <c r="KKN666" s="613"/>
      <c r="KKO666" s="613"/>
      <c r="KKP666" s="613"/>
      <c r="KKQ666" s="613"/>
      <c r="KKR666" s="613"/>
      <c r="KKS666" s="613"/>
      <c r="KKT666" s="613"/>
      <c r="KKU666" s="613"/>
      <c r="KKV666" s="613"/>
      <c r="KKW666" s="613"/>
      <c r="KKX666" s="613"/>
      <c r="KKY666" s="613"/>
      <c r="KKZ666" s="613"/>
      <c r="KLA666" s="613"/>
      <c r="KLB666" s="613"/>
      <c r="KLC666" s="613"/>
      <c r="KLD666" s="613"/>
      <c r="KLE666" s="613"/>
      <c r="KLF666" s="613"/>
      <c r="KLG666" s="613"/>
      <c r="KLH666" s="613"/>
      <c r="KLI666" s="613"/>
      <c r="KLJ666" s="613"/>
      <c r="KLK666" s="613"/>
      <c r="KLL666" s="613"/>
      <c r="KLM666" s="613"/>
      <c r="KLN666" s="613"/>
      <c r="KLO666" s="613"/>
      <c r="KLP666" s="613"/>
      <c r="KLQ666" s="613"/>
      <c r="KLR666" s="613"/>
      <c r="KLS666" s="613"/>
      <c r="KLT666" s="613"/>
      <c r="KLU666" s="613"/>
      <c r="KLV666" s="613"/>
      <c r="KLW666" s="613"/>
      <c r="KLX666" s="613"/>
      <c r="KLY666" s="613"/>
      <c r="KLZ666" s="613"/>
      <c r="KMA666" s="613"/>
      <c r="KMB666" s="613"/>
      <c r="KMC666" s="613"/>
      <c r="KMD666" s="613"/>
      <c r="KME666" s="613"/>
      <c r="KMF666" s="613"/>
      <c r="KMG666" s="613"/>
      <c r="KMH666" s="613"/>
      <c r="KMI666" s="613"/>
      <c r="KMJ666" s="613"/>
      <c r="KMK666" s="613"/>
      <c r="KML666" s="613"/>
      <c r="KMM666" s="613"/>
      <c r="KMN666" s="613"/>
      <c r="KMO666" s="613"/>
      <c r="KMP666" s="613"/>
      <c r="KMQ666" s="613"/>
      <c r="KMR666" s="613"/>
      <c r="KMS666" s="613"/>
      <c r="KMT666" s="613"/>
      <c r="KMU666" s="613"/>
      <c r="KMV666" s="613"/>
      <c r="KMW666" s="613"/>
      <c r="KMX666" s="613"/>
      <c r="KMY666" s="613"/>
      <c r="KMZ666" s="613"/>
      <c r="KNA666" s="613"/>
      <c r="KNB666" s="613"/>
      <c r="KNC666" s="613"/>
      <c r="KND666" s="613"/>
      <c r="KNE666" s="613"/>
      <c r="KNF666" s="613"/>
      <c r="KNG666" s="613"/>
      <c r="KNH666" s="613"/>
      <c r="KNI666" s="613"/>
      <c r="KNJ666" s="613"/>
      <c r="KNK666" s="613"/>
      <c r="KNL666" s="613"/>
      <c r="KNM666" s="613"/>
      <c r="KNN666" s="613"/>
      <c r="KNO666" s="613"/>
      <c r="KNP666" s="613"/>
      <c r="KNQ666" s="613"/>
      <c r="KNR666" s="613"/>
      <c r="KNS666" s="613"/>
      <c r="KNT666" s="613"/>
      <c r="KNU666" s="613"/>
      <c r="KNV666" s="613"/>
      <c r="KNW666" s="613"/>
      <c r="KNX666" s="613"/>
      <c r="KNY666" s="613"/>
      <c r="KNZ666" s="613"/>
      <c r="KOA666" s="613"/>
      <c r="KOB666" s="613"/>
      <c r="KOC666" s="613"/>
      <c r="KOD666" s="613"/>
      <c r="KOE666" s="613"/>
      <c r="KOF666" s="613"/>
      <c r="KOG666" s="613"/>
      <c r="KOH666" s="613"/>
      <c r="KOI666" s="613"/>
      <c r="KOJ666" s="613"/>
      <c r="KOK666" s="613"/>
      <c r="KOL666" s="613"/>
      <c r="KOM666" s="613"/>
      <c r="KON666" s="613"/>
      <c r="KOO666" s="613"/>
      <c r="KOP666" s="613"/>
      <c r="KOQ666" s="613"/>
      <c r="KOR666" s="613"/>
      <c r="KOS666" s="613"/>
      <c r="KOT666" s="613"/>
      <c r="KOU666" s="613"/>
      <c r="KOV666" s="613"/>
      <c r="KOW666" s="613"/>
      <c r="KOX666" s="613"/>
      <c r="KOY666" s="613"/>
      <c r="KOZ666" s="613"/>
      <c r="KPA666" s="613"/>
      <c r="KPB666" s="613"/>
      <c r="KPC666" s="613"/>
      <c r="KPD666" s="613"/>
      <c r="KPE666" s="613"/>
      <c r="KPF666" s="613"/>
      <c r="KPG666" s="613"/>
      <c r="KPH666" s="613"/>
      <c r="KPI666" s="613"/>
      <c r="KPJ666" s="613"/>
      <c r="KPK666" s="613"/>
      <c r="KPL666" s="613"/>
      <c r="KPM666" s="613"/>
      <c r="KPN666" s="613"/>
      <c r="KPO666" s="613"/>
      <c r="KPP666" s="613"/>
      <c r="KPQ666" s="613"/>
      <c r="KPR666" s="613"/>
      <c r="KPS666" s="613"/>
      <c r="KPT666" s="613"/>
      <c r="KPU666" s="613"/>
      <c r="KPV666" s="613"/>
      <c r="KPW666" s="613"/>
      <c r="KPX666" s="613"/>
      <c r="KPY666" s="613"/>
      <c r="KPZ666" s="613"/>
      <c r="KQA666" s="613"/>
      <c r="KQB666" s="613"/>
      <c r="KQC666" s="613"/>
      <c r="KQD666" s="613"/>
      <c r="KQE666" s="613"/>
      <c r="KQF666" s="613"/>
      <c r="KQG666" s="613"/>
      <c r="KQH666" s="613"/>
      <c r="KQI666" s="613"/>
      <c r="KQJ666" s="613"/>
      <c r="KQK666" s="613"/>
      <c r="KQL666" s="613"/>
      <c r="KQM666" s="613"/>
      <c r="KQN666" s="613"/>
      <c r="KQO666" s="613"/>
      <c r="KQP666" s="613"/>
      <c r="KQQ666" s="613"/>
      <c r="KQR666" s="613"/>
      <c r="KQS666" s="613"/>
      <c r="KQT666" s="613"/>
      <c r="KQU666" s="613"/>
      <c r="KQV666" s="613"/>
      <c r="KQW666" s="613"/>
      <c r="KQX666" s="613"/>
      <c r="KQY666" s="613"/>
      <c r="KQZ666" s="613"/>
      <c r="KRA666" s="613"/>
      <c r="KRB666" s="613"/>
      <c r="KRC666" s="613"/>
      <c r="KRD666" s="613"/>
      <c r="KRE666" s="613"/>
      <c r="KRF666" s="613"/>
      <c r="KRG666" s="613"/>
      <c r="KRH666" s="613"/>
      <c r="KRI666" s="613"/>
      <c r="KRJ666" s="613"/>
      <c r="KRK666" s="613"/>
      <c r="KRL666" s="613"/>
      <c r="KRM666" s="613"/>
      <c r="KRN666" s="613"/>
      <c r="KRO666" s="613"/>
      <c r="KRP666" s="613"/>
      <c r="KRQ666" s="613"/>
      <c r="KRR666" s="613"/>
      <c r="KRS666" s="613"/>
      <c r="KRT666" s="613"/>
      <c r="KRU666" s="613"/>
      <c r="KRV666" s="613"/>
      <c r="KRW666" s="613"/>
      <c r="KRX666" s="613"/>
      <c r="KRY666" s="613"/>
      <c r="KRZ666" s="613"/>
      <c r="KSA666" s="613"/>
      <c r="KSB666" s="613"/>
      <c r="KSC666" s="613"/>
      <c r="KSD666" s="613"/>
      <c r="KSE666" s="613"/>
      <c r="KSF666" s="613"/>
      <c r="KSG666" s="613"/>
      <c r="KSH666" s="613"/>
      <c r="KSI666" s="613"/>
      <c r="KSJ666" s="613"/>
      <c r="KSK666" s="613"/>
      <c r="KSL666" s="613"/>
      <c r="KSM666" s="613"/>
      <c r="KSN666" s="613"/>
      <c r="KSO666" s="613"/>
      <c r="KSP666" s="613"/>
      <c r="KSQ666" s="613"/>
      <c r="KSR666" s="613"/>
      <c r="KSS666" s="613"/>
      <c r="KST666" s="613"/>
      <c r="KSU666" s="613"/>
      <c r="KSV666" s="613"/>
      <c r="KSW666" s="613"/>
      <c r="KSX666" s="613"/>
      <c r="KSY666" s="613"/>
      <c r="KSZ666" s="613"/>
      <c r="KTA666" s="613"/>
      <c r="KTB666" s="613"/>
      <c r="KTC666" s="613"/>
      <c r="KTD666" s="613"/>
      <c r="KTE666" s="613"/>
      <c r="KTF666" s="613"/>
      <c r="KTG666" s="613"/>
      <c r="KTH666" s="613"/>
      <c r="KTI666" s="613"/>
      <c r="KTJ666" s="613"/>
      <c r="KTK666" s="613"/>
      <c r="KTL666" s="613"/>
      <c r="KTM666" s="613"/>
      <c r="KTN666" s="613"/>
      <c r="KTO666" s="613"/>
      <c r="KTP666" s="613"/>
      <c r="KTQ666" s="613"/>
      <c r="KTR666" s="613"/>
      <c r="KTS666" s="613"/>
      <c r="KTT666" s="613"/>
      <c r="KTU666" s="613"/>
      <c r="KTV666" s="613"/>
      <c r="KTW666" s="613"/>
      <c r="KTX666" s="613"/>
      <c r="KTY666" s="613"/>
      <c r="KTZ666" s="613"/>
      <c r="KUA666" s="613"/>
      <c r="KUB666" s="613"/>
      <c r="KUC666" s="613"/>
      <c r="KUD666" s="613"/>
      <c r="KUE666" s="613"/>
      <c r="KUF666" s="613"/>
      <c r="KUG666" s="613"/>
      <c r="KUH666" s="613"/>
      <c r="KUI666" s="613"/>
      <c r="KUJ666" s="613"/>
      <c r="KUK666" s="613"/>
      <c r="KUL666" s="613"/>
      <c r="KUM666" s="613"/>
      <c r="KUN666" s="613"/>
      <c r="KUO666" s="613"/>
      <c r="KUP666" s="613"/>
      <c r="KUQ666" s="613"/>
      <c r="KUR666" s="613"/>
      <c r="KUS666" s="613"/>
      <c r="KUT666" s="613"/>
      <c r="KUU666" s="613"/>
      <c r="KUV666" s="613"/>
      <c r="KUW666" s="613"/>
      <c r="KUX666" s="613"/>
      <c r="KUY666" s="613"/>
      <c r="KUZ666" s="613"/>
      <c r="KVA666" s="613"/>
      <c r="KVB666" s="613"/>
      <c r="KVC666" s="613"/>
      <c r="KVD666" s="613"/>
      <c r="KVE666" s="613"/>
      <c r="KVF666" s="613"/>
      <c r="KVG666" s="613"/>
      <c r="KVH666" s="613"/>
      <c r="KVI666" s="613"/>
      <c r="KVJ666" s="613"/>
      <c r="KVK666" s="613"/>
      <c r="KVL666" s="613"/>
      <c r="KVM666" s="613"/>
      <c r="KVN666" s="613"/>
      <c r="KVO666" s="613"/>
      <c r="KVP666" s="613"/>
      <c r="KVQ666" s="613"/>
      <c r="KVR666" s="613"/>
      <c r="KVS666" s="613"/>
      <c r="KVT666" s="613"/>
      <c r="KVU666" s="613"/>
      <c r="KVV666" s="613"/>
      <c r="KVW666" s="613"/>
      <c r="KVX666" s="613"/>
      <c r="KVY666" s="613"/>
      <c r="KVZ666" s="613"/>
      <c r="KWA666" s="613"/>
      <c r="KWB666" s="613"/>
      <c r="KWC666" s="613"/>
      <c r="KWD666" s="613"/>
      <c r="KWE666" s="613"/>
      <c r="KWF666" s="613"/>
      <c r="KWG666" s="613"/>
      <c r="KWH666" s="613"/>
      <c r="KWI666" s="613"/>
      <c r="KWJ666" s="613"/>
      <c r="KWK666" s="613"/>
      <c r="KWL666" s="613"/>
      <c r="KWM666" s="613"/>
      <c r="KWN666" s="613"/>
      <c r="KWO666" s="613"/>
      <c r="KWP666" s="613"/>
      <c r="KWQ666" s="613"/>
      <c r="KWR666" s="613"/>
      <c r="KWS666" s="613"/>
      <c r="KWT666" s="613"/>
      <c r="KWU666" s="613"/>
      <c r="KWV666" s="613"/>
      <c r="KWW666" s="613"/>
      <c r="KWX666" s="613"/>
      <c r="KWY666" s="613"/>
      <c r="KWZ666" s="613"/>
      <c r="KXA666" s="613"/>
      <c r="KXB666" s="613"/>
      <c r="KXC666" s="613"/>
      <c r="KXD666" s="613"/>
      <c r="KXE666" s="613"/>
      <c r="KXF666" s="613"/>
      <c r="KXG666" s="613"/>
      <c r="KXH666" s="613"/>
      <c r="KXI666" s="613"/>
      <c r="KXJ666" s="613"/>
      <c r="KXK666" s="613"/>
      <c r="KXL666" s="613"/>
      <c r="KXM666" s="613"/>
      <c r="KXN666" s="613"/>
      <c r="KXO666" s="613"/>
      <c r="KXP666" s="613"/>
      <c r="KXQ666" s="613"/>
      <c r="KXR666" s="613"/>
      <c r="KXS666" s="613"/>
      <c r="KXT666" s="613"/>
      <c r="KXU666" s="613"/>
      <c r="KXV666" s="613"/>
      <c r="KXW666" s="613"/>
      <c r="KXX666" s="613"/>
      <c r="KXY666" s="613"/>
      <c r="KXZ666" s="613"/>
      <c r="KYA666" s="613"/>
      <c r="KYB666" s="613"/>
      <c r="KYC666" s="613"/>
      <c r="KYD666" s="613"/>
      <c r="KYE666" s="613"/>
      <c r="KYF666" s="613"/>
      <c r="KYG666" s="613"/>
      <c r="KYH666" s="613"/>
      <c r="KYI666" s="613"/>
      <c r="KYJ666" s="613"/>
      <c r="KYK666" s="613"/>
      <c r="KYL666" s="613"/>
      <c r="KYM666" s="613"/>
      <c r="KYN666" s="613"/>
      <c r="KYO666" s="613"/>
      <c r="KYP666" s="613"/>
      <c r="KYQ666" s="613"/>
      <c r="KYR666" s="613"/>
      <c r="KYS666" s="613"/>
      <c r="KYT666" s="613"/>
      <c r="KYU666" s="613"/>
      <c r="KYV666" s="613"/>
      <c r="KYW666" s="613"/>
      <c r="KYX666" s="613"/>
      <c r="KYY666" s="613"/>
      <c r="KYZ666" s="613"/>
      <c r="KZA666" s="613"/>
      <c r="KZB666" s="613"/>
      <c r="KZC666" s="613"/>
      <c r="KZD666" s="613"/>
      <c r="KZE666" s="613"/>
      <c r="KZF666" s="613"/>
      <c r="KZG666" s="613"/>
      <c r="KZH666" s="613"/>
      <c r="KZI666" s="613"/>
      <c r="KZJ666" s="613"/>
      <c r="KZK666" s="613"/>
      <c r="KZL666" s="613"/>
      <c r="KZM666" s="613"/>
      <c r="KZN666" s="613"/>
      <c r="KZO666" s="613"/>
      <c r="KZP666" s="613"/>
      <c r="KZQ666" s="613"/>
      <c r="KZR666" s="613"/>
      <c r="KZS666" s="613"/>
      <c r="KZT666" s="613"/>
      <c r="KZU666" s="613"/>
      <c r="KZV666" s="613"/>
      <c r="KZW666" s="613"/>
      <c r="KZX666" s="613"/>
      <c r="KZY666" s="613"/>
      <c r="KZZ666" s="613"/>
      <c r="LAA666" s="613"/>
      <c r="LAB666" s="613"/>
      <c r="LAC666" s="613"/>
      <c r="LAD666" s="613"/>
      <c r="LAE666" s="613"/>
      <c r="LAF666" s="613"/>
      <c r="LAG666" s="613"/>
      <c r="LAH666" s="613"/>
      <c r="LAI666" s="613"/>
      <c r="LAJ666" s="613"/>
      <c r="LAK666" s="613"/>
      <c r="LAL666" s="613"/>
      <c r="LAM666" s="613"/>
      <c r="LAN666" s="613"/>
      <c r="LAO666" s="613"/>
      <c r="LAP666" s="613"/>
      <c r="LAQ666" s="613"/>
      <c r="LAR666" s="613"/>
      <c r="LAS666" s="613"/>
      <c r="LAT666" s="613"/>
      <c r="LAU666" s="613"/>
      <c r="LAV666" s="613"/>
      <c r="LAW666" s="613"/>
      <c r="LAX666" s="613"/>
      <c r="LAY666" s="613"/>
      <c r="LAZ666" s="613"/>
      <c r="LBA666" s="613"/>
      <c r="LBB666" s="613"/>
      <c r="LBC666" s="613"/>
      <c r="LBD666" s="613"/>
      <c r="LBE666" s="613"/>
      <c r="LBF666" s="613"/>
      <c r="LBG666" s="613"/>
      <c r="LBH666" s="613"/>
      <c r="LBI666" s="613"/>
      <c r="LBJ666" s="613"/>
      <c r="LBK666" s="613"/>
      <c r="LBL666" s="613"/>
      <c r="LBM666" s="613"/>
      <c r="LBN666" s="613"/>
      <c r="LBO666" s="613"/>
      <c r="LBP666" s="613"/>
      <c r="LBQ666" s="613"/>
      <c r="LBR666" s="613"/>
      <c r="LBS666" s="613"/>
      <c r="LBT666" s="613"/>
      <c r="LBU666" s="613"/>
      <c r="LBV666" s="613"/>
      <c r="LBW666" s="613"/>
      <c r="LBX666" s="613"/>
      <c r="LBY666" s="613"/>
      <c r="LBZ666" s="613"/>
      <c r="LCA666" s="613"/>
      <c r="LCB666" s="613"/>
      <c r="LCC666" s="613"/>
      <c r="LCD666" s="613"/>
      <c r="LCE666" s="613"/>
      <c r="LCF666" s="613"/>
      <c r="LCG666" s="613"/>
      <c r="LCH666" s="613"/>
      <c r="LCI666" s="613"/>
      <c r="LCJ666" s="613"/>
      <c r="LCK666" s="613"/>
      <c r="LCL666" s="613"/>
      <c r="LCM666" s="613"/>
      <c r="LCN666" s="613"/>
      <c r="LCO666" s="613"/>
      <c r="LCP666" s="613"/>
      <c r="LCQ666" s="613"/>
      <c r="LCR666" s="613"/>
      <c r="LCS666" s="613"/>
      <c r="LCT666" s="613"/>
      <c r="LCU666" s="613"/>
      <c r="LCV666" s="613"/>
      <c r="LCW666" s="613"/>
      <c r="LCX666" s="613"/>
      <c r="LCY666" s="613"/>
      <c r="LCZ666" s="613"/>
      <c r="LDA666" s="613"/>
      <c r="LDB666" s="613"/>
      <c r="LDC666" s="613"/>
      <c r="LDD666" s="613"/>
      <c r="LDE666" s="613"/>
      <c r="LDF666" s="613"/>
      <c r="LDG666" s="613"/>
      <c r="LDH666" s="613"/>
      <c r="LDI666" s="613"/>
      <c r="LDJ666" s="613"/>
      <c r="LDK666" s="613"/>
      <c r="LDL666" s="613"/>
      <c r="LDM666" s="613"/>
      <c r="LDN666" s="613"/>
      <c r="LDO666" s="613"/>
      <c r="LDP666" s="613"/>
      <c r="LDQ666" s="613"/>
      <c r="LDR666" s="613"/>
      <c r="LDS666" s="613"/>
      <c r="LDT666" s="613"/>
      <c r="LDU666" s="613"/>
      <c r="LDV666" s="613"/>
      <c r="LDW666" s="613"/>
      <c r="LDX666" s="613"/>
      <c r="LDY666" s="613"/>
      <c r="LDZ666" s="613"/>
      <c r="LEA666" s="613"/>
      <c r="LEB666" s="613"/>
      <c r="LEC666" s="613"/>
      <c r="LED666" s="613"/>
      <c r="LEE666" s="613"/>
      <c r="LEF666" s="613"/>
      <c r="LEG666" s="613"/>
      <c r="LEH666" s="613"/>
      <c r="LEI666" s="613"/>
      <c r="LEJ666" s="613"/>
      <c r="LEK666" s="613"/>
      <c r="LEL666" s="613"/>
      <c r="LEM666" s="613"/>
      <c r="LEN666" s="613"/>
      <c r="LEO666" s="613"/>
      <c r="LEP666" s="613"/>
      <c r="LEQ666" s="613"/>
      <c r="LER666" s="613"/>
      <c r="LES666" s="613"/>
      <c r="LET666" s="613"/>
      <c r="LEU666" s="613"/>
      <c r="LEV666" s="613"/>
      <c r="LEW666" s="613"/>
      <c r="LEX666" s="613"/>
      <c r="LEY666" s="613"/>
      <c r="LEZ666" s="613"/>
      <c r="LFA666" s="613"/>
      <c r="LFB666" s="613"/>
      <c r="LFC666" s="613"/>
      <c r="LFD666" s="613"/>
      <c r="LFE666" s="613"/>
      <c r="LFF666" s="613"/>
      <c r="LFG666" s="613"/>
      <c r="LFH666" s="613"/>
      <c r="LFI666" s="613"/>
      <c r="LFJ666" s="613"/>
      <c r="LFK666" s="613"/>
      <c r="LFL666" s="613"/>
      <c r="LFM666" s="613"/>
      <c r="LFN666" s="613"/>
      <c r="LFO666" s="613"/>
      <c r="LFP666" s="613"/>
      <c r="LFQ666" s="613"/>
      <c r="LFR666" s="613"/>
      <c r="LFS666" s="613"/>
      <c r="LFT666" s="613"/>
      <c r="LFU666" s="613"/>
      <c r="LFV666" s="613"/>
      <c r="LFW666" s="613"/>
      <c r="LFX666" s="613"/>
      <c r="LFY666" s="613"/>
      <c r="LFZ666" s="613"/>
      <c r="LGA666" s="613"/>
      <c r="LGB666" s="613"/>
      <c r="LGC666" s="613"/>
      <c r="LGD666" s="613"/>
      <c r="LGE666" s="613"/>
      <c r="LGF666" s="613"/>
      <c r="LGG666" s="613"/>
      <c r="LGH666" s="613"/>
      <c r="LGI666" s="613"/>
      <c r="LGJ666" s="613"/>
      <c r="LGK666" s="613"/>
      <c r="LGL666" s="613"/>
      <c r="LGM666" s="613"/>
      <c r="LGN666" s="613"/>
      <c r="LGO666" s="613"/>
      <c r="LGP666" s="613"/>
      <c r="LGQ666" s="613"/>
      <c r="LGR666" s="613"/>
      <c r="LGS666" s="613"/>
      <c r="LGT666" s="613"/>
      <c r="LGU666" s="613"/>
      <c r="LGV666" s="613"/>
      <c r="LGW666" s="613"/>
      <c r="LGX666" s="613"/>
      <c r="LGY666" s="613"/>
      <c r="LGZ666" s="613"/>
      <c r="LHA666" s="613"/>
      <c r="LHB666" s="613"/>
      <c r="LHC666" s="613"/>
      <c r="LHD666" s="613"/>
      <c r="LHE666" s="613"/>
      <c r="LHF666" s="613"/>
      <c r="LHG666" s="613"/>
      <c r="LHH666" s="613"/>
      <c r="LHI666" s="613"/>
      <c r="LHJ666" s="613"/>
      <c r="LHK666" s="613"/>
      <c r="LHL666" s="613"/>
      <c r="LHM666" s="613"/>
      <c r="LHN666" s="613"/>
      <c r="LHO666" s="613"/>
      <c r="LHP666" s="613"/>
      <c r="LHQ666" s="613"/>
      <c r="LHR666" s="613"/>
      <c r="LHS666" s="613"/>
      <c r="LHT666" s="613"/>
      <c r="LHU666" s="613"/>
      <c r="LHV666" s="613"/>
      <c r="LHW666" s="613"/>
      <c r="LHX666" s="613"/>
      <c r="LHY666" s="613"/>
      <c r="LHZ666" s="613"/>
      <c r="LIA666" s="613"/>
      <c r="LIB666" s="613"/>
      <c r="LIC666" s="613"/>
      <c r="LID666" s="613"/>
      <c r="LIE666" s="613"/>
      <c r="LIF666" s="613"/>
      <c r="LIG666" s="613"/>
      <c r="LIH666" s="613"/>
      <c r="LII666" s="613"/>
      <c r="LIJ666" s="613"/>
      <c r="LIK666" s="613"/>
      <c r="LIL666" s="613"/>
      <c r="LIM666" s="613"/>
      <c r="LIN666" s="613"/>
      <c r="LIO666" s="613"/>
      <c r="LIP666" s="613"/>
      <c r="LIQ666" s="613"/>
      <c r="LIR666" s="613"/>
      <c r="LIS666" s="613"/>
      <c r="LIT666" s="613"/>
      <c r="LIU666" s="613"/>
      <c r="LIV666" s="613"/>
      <c r="LIW666" s="613"/>
      <c r="LIX666" s="613"/>
      <c r="LIY666" s="613"/>
      <c r="LIZ666" s="613"/>
      <c r="LJA666" s="613"/>
      <c r="LJB666" s="613"/>
      <c r="LJC666" s="613"/>
      <c r="LJD666" s="613"/>
      <c r="LJE666" s="613"/>
      <c r="LJF666" s="613"/>
      <c r="LJG666" s="613"/>
      <c r="LJH666" s="613"/>
      <c r="LJI666" s="613"/>
      <c r="LJJ666" s="613"/>
      <c r="LJK666" s="613"/>
      <c r="LJL666" s="613"/>
      <c r="LJM666" s="613"/>
      <c r="LJN666" s="613"/>
      <c r="LJO666" s="613"/>
      <c r="LJP666" s="613"/>
      <c r="LJQ666" s="613"/>
      <c r="LJR666" s="613"/>
      <c r="LJS666" s="613"/>
      <c r="LJT666" s="613"/>
      <c r="LJU666" s="613"/>
      <c r="LJV666" s="613"/>
      <c r="LJW666" s="613"/>
      <c r="LJX666" s="613"/>
      <c r="LJY666" s="613"/>
      <c r="LJZ666" s="613"/>
      <c r="LKA666" s="613"/>
      <c r="LKB666" s="613"/>
      <c r="LKC666" s="613"/>
      <c r="LKD666" s="613"/>
      <c r="LKE666" s="613"/>
      <c r="LKF666" s="613"/>
      <c r="LKG666" s="613"/>
      <c r="LKH666" s="613"/>
      <c r="LKI666" s="613"/>
      <c r="LKJ666" s="613"/>
      <c r="LKK666" s="613"/>
      <c r="LKL666" s="613"/>
      <c r="LKM666" s="613"/>
      <c r="LKN666" s="613"/>
      <c r="LKO666" s="613"/>
      <c r="LKP666" s="613"/>
      <c r="LKQ666" s="613"/>
      <c r="LKR666" s="613"/>
      <c r="LKS666" s="613"/>
      <c r="LKT666" s="613"/>
      <c r="LKU666" s="613"/>
      <c r="LKV666" s="613"/>
      <c r="LKW666" s="613"/>
      <c r="LKX666" s="613"/>
      <c r="LKY666" s="613"/>
      <c r="LKZ666" s="613"/>
      <c r="LLA666" s="613"/>
      <c r="LLB666" s="613"/>
      <c r="LLC666" s="613"/>
      <c r="LLD666" s="613"/>
      <c r="LLE666" s="613"/>
      <c r="LLF666" s="613"/>
      <c r="LLG666" s="613"/>
      <c r="LLH666" s="613"/>
      <c r="LLI666" s="613"/>
      <c r="LLJ666" s="613"/>
      <c r="LLK666" s="613"/>
      <c r="LLL666" s="613"/>
      <c r="LLM666" s="613"/>
      <c r="LLN666" s="613"/>
      <c r="LLO666" s="613"/>
      <c r="LLP666" s="613"/>
      <c r="LLQ666" s="613"/>
      <c r="LLR666" s="613"/>
      <c r="LLS666" s="613"/>
      <c r="LLT666" s="613"/>
      <c r="LLU666" s="613"/>
      <c r="LLV666" s="613"/>
      <c r="LLW666" s="613"/>
      <c r="LLX666" s="613"/>
      <c r="LLY666" s="613"/>
      <c r="LLZ666" s="613"/>
      <c r="LMA666" s="613"/>
      <c r="LMB666" s="613"/>
      <c r="LMC666" s="613"/>
      <c r="LMD666" s="613"/>
      <c r="LME666" s="613"/>
      <c r="LMF666" s="613"/>
      <c r="LMG666" s="613"/>
      <c r="LMH666" s="613"/>
      <c r="LMI666" s="613"/>
      <c r="LMJ666" s="613"/>
      <c r="LMK666" s="613"/>
      <c r="LML666" s="613"/>
      <c r="LMM666" s="613"/>
      <c r="LMN666" s="613"/>
      <c r="LMO666" s="613"/>
      <c r="LMP666" s="613"/>
      <c r="LMQ666" s="613"/>
      <c r="LMR666" s="613"/>
      <c r="LMS666" s="613"/>
      <c r="LMT666" s="613"/>
      <c r="LMU666" s="613"/>
      <c r="LMV666" s="613"/>
      <c r="LMW666" s="613"/>
      <c r="LMX666" s="613"/>
      <c r="LMY666" s="613"/>
      <c r="LMZ666" s="613"/>
      <c r="LNA666" s="613"/>
      <c r="LNB666" s="613"/>
      <c r="LNC666" s="613"/>
      <c r="LND666" s="613"/>
      <c r="LNE666" s="613"/>
      <c r="LNF666" s="613"/>
      <c r="LNG666" s="613"/>
      <c r="LNH666" s="613"/>
      <c r="LNI666" s="613"/>
      <c r="LNJ666" s="613"/>
      <c r="LNK666" s="613"/>
      <c r="LNL666" s="613"/>
      <c r="LNM666" s="613"/>
      <c r="LNN666" s="613"/>
      <c r="LNO666" s="613"/>
      <c r="LNP666" s="613"/>
      <c r="LNQ666" s="613"/>
      <c r="LNR666" s="613"/>
      <c r="LNS666" s="613"/>
      <c r="LNT666" s="613"/>
      <c r="LNU666" s="613"/>
      <c r="LNV666" s="613"/>
      <c r="LNW666" s="613"/>
      <c r="LNX666" s="613"/>
      <c r="LNY666" s="613"/>
      <c r="LNZ666" s="613"/>
      <c r="LOA666" s="613"/>
      <c r="LOB666" s="613"/>
      <c r="LOC666" s="613"/>
      <c r="LOD666" s="613"/>
      <c r="LOE666" s="613"/>
      <c r="LOF666" s="613"/>
      <c r="LOG666" s="613"/>
      <c r="LOH666" s="613"/>
      <c r="LOI666" s="613"/>
      <c r="LOJ666" s="613"/>
      <c r="LOK666" s="613"/>
      <c r="LOL666" s="613"/>
      <c r="LOM666" s="613"/>
      <c r="LON666" s="613"/>
      <c r="LOO666" s="613"/>
      <c r="LOP666" s="613"/>
      <c r="LOQ666" s="613"/>
      <c r="LOR666" s="613"/>
      <c r="LOS666" s="613"/>
      <c r="LOT666" s="613"/>
      <c r="LOU666" s="613"/>
      <c r="LOV666" s="613"/>
      <c r="LOW666" s="613"/>
      <c r="LOX666" s="613"/>
      <c r="LOY666" s="613"/>
      <c r="LOZ666" s="613"/>
      <c r="LPA666" s="613"/>
      <c r="LPB666" s="613"/>
      <c r="LPC666" s="613"/>
      <c r="LPD666" s="613"/>
      <c r="LPE666" s="613"/>
      <c r="LPF666" s="613"/>
      <c r="LPG666" s="613"/>
      <c r="LPH666" s="613"/>
      <c r="LPI666" s="613"/>
      <c r="LPJ666" s="613"/>
      <c r="LPK666" s="613"/>
      <c r="LPL666" s="613"/>
      <c r="LPM666" s="613"/>
      <c r="LPN666" s="613"/>
      <c r="LPO666" s="613"/>
      <c r="LPP666" s="613"/>
      <c r="LPQ666" s="613"/>
      <c r="LPR666" s="613"/>
      <c r="LPS666" s="613"/>
      <c r="LPT666" s="613"/>
      <c r="LPU666" s="613"/>
      <c r="LPV666" s="613"/>
      <c r="LPW666" s="613"/>
      <c r="LPX666" s="613"/>
      <c r="LPY666" s="613"/>
      <c r="LPZ666" s="613"/>
      <c r="LQA666" s="613"/>
      <c r="LQB666" s="613"/>
      <c r="LQC666" s="613"/>
      <c r="LQD666" s="613"/>
      <c r="LQE666" s="613"/>
      <c r="LQF666" s="613"/>
      <c r="LQG666" s="613"/>
      <c r="LQH666" s="613"/>
      <c r="LQI666" s="613"/>
      <c r="LQJ666" s="613"/>
      <c r="LQK666" s="613"/>
      <c r="LQL666" s="613"/>
      <c r="LQM666" s="613"/>
      <c r="LQN666" s="613"/>
      <c r="LQO666" s="613"/>
      <c r="LQP666" s="613"/>
      <c r="LQQ666" s="613"/>
      <c r="LQR666" s="613"/>
      <c r="LQS666" s="613"/>
      <c r="LQT666" s="613"/>
      <c r="LQU666" s="613"/>
      <c r="LQV666" s="613"/>
      <c r="LQW666" s="613"/>
      <c r="LQX666" s="613"/>
      <c r="LQY666" s="613"/>
      <c r="LQZ666" s="613"/>
      <c r="LRA666" s="613"/>
      <c r="LRB666" s="613"/>
      <c r="LRC666" s="613"/>
      <c r="LRD666" s="613"/>
      <c r="LRE666" s="613"/>
      <c r="LRF666" s="613"/>
      <c r="LRG666" s="613"/>
      <c r="LRH666" s="613"/>
      <c r="LRI666" s="613"/>
      <c r="LRJ666" s="613"/>
      <c r="LRK666" s="613"/>
      <c r="LRL666" s="613"/>
      <c r="LRM666" s="613"/>
      <c r="LRN666" s="613"/>
      <c r="LRO666" s="613"/>
      <c r="LRP666" s="613"/>
      <c r="LRQ666" s="613"/>
      <c r="LRR666" s="613"/>
      <c r="LRS666" s="613"/>
      <c r="LRT666" s="613"/>
      <c r="LRU666" s="613"/>
      <c r="LRV666" s="613"/>
      <c r="LRW666" s="613"/>
      <c r="LRX666" s="613"/>
      <c r="LRY666" s="613"/>
      <c r="LRZ666" s="613"/>
      <c r="LSA666" s="613"/>
      <c r="LSB666" s="613"/>
      <c r="LSC666" s="613"/>
      <c r="LSD666" s="613"/>
      <c r="LSE666" s="613"/>
      <c r="LSF666" s="613"/>
      <c r="LSG666" s="613"/>
      <c r="LSH666" s="613"/>
      <c r="LSI666" s="613"/>
      <c r="LSJ666" s="613"/>
      <c r="LSK666" s="613"/>
      <c r="LSL666" s="613"/>
      <c r="LSM666" s="613"/>
      <c r="LSN666" s="613"/>
      <c r="LSO666" s="613"/>
      <c r="LSP666" s="613"/>
      <c r="LSQ666" s="613"/>
      <c r="LSR666" s="613"/>
      <c r="LSS666" s="613"/>
      <c r="LST666" s="613"/>
      <c r="LSU666" s="613"/>
      <c r="LSV666" s="613"/>
      <c r="LSW666" s="613"/>
      <c r="LSX666" s="613"/>
      <c r="LSY666" s="613"/>
      <c r="LSZ666" s="613"/>
      <c r="LTA666" s="613"/>
      <c r="LTB666" s="613"/>
      <c r="LTC666" s="613"/>
      <c r="LTD666" s="613"/>
      <c r="LTE666" s="613"/>
      <c r="LTF666" s="613"/>
      <c r="LTG666" s="613"/>
      <c r="LTH666" s="613"/>
      <c r="LTI666" s="613"/>
      <c r="LTJ666" s="613"/>
      <c r="LTK666" s="613"/>
      <c r="LTL666" s="613"/>
      <c r="LTM666" s="613"/>
      <c r="LTN666" s="613"/>
      <c r="LTO666" s="613"/>
      <c r="LTP666" s="613"/>
      <c r="LTQ666" s="613"/>
      <c r="LTR666" s="613"/>
      <c r="LTS666" s="613"/>
      <c r="LTT666" s="613"/>
      <c r="LTU666" s="613"/>
      <c r="LTV666" s="613"/>
      <c r="LTW666" s="613"/>
      <c r="LTX666" s="613"/>
      <c r="LTY666" s="613"/>
      <c r="LTZ666" s="613"/>
      <c r="LUA666" s="613"/>
      <c r="LUB666" s="613"/>
      <c r="LUC666" s="613"/>
      <c r="LUD666" s="613"/>
      <c r="LUE666" s="613"/>
      <c r="LUF666" s="613"/>
      <c r="LUG666" s="613"/>
      <c r="LUH666" s="613"/>
      <c r="LUI666" s="613"/>
      <c r="LUJ666" s="613"/>
      <c r="LUK666" s="613"/>
      <c r="LUL666" s="613"/>
      <c r="LUM666" s="613"/>
      <c r="LUN666" s="613"/>
      <c r="LUO666" s="613"/>
      <c r="LUP666" s="613"/>
      <c r="LUQ666" s="613"/>
      <c r="LUR666" s="613"/>
      <c r="LUS666" s="613"/>
      <c r="LUT666" s="613"/>
      <c r="LUU666" s="613"/>
      <c r="LUV666" s="613"/>
      <c r="LUW666" s="613"/>
      <c r="LUX666" s="613"/>
      <c r="LUY666" s="613"/>
      <c r="LUZ666" s="613"/>
      <c r="LVA666" s="613"/>
      <c r="LVB666" s="613"/>
      <c r="LVC666" s="613"/>
      <c r="LVD666" s="613"/>
      <c r="LVE666" s="613"/>
      <c r="LVF666" s="613"/>
      <c r="LVG666" s="613"/>
      <c r="LVH666" s="613"/>
      <c r="LVI666" s="613"/>
      <c r="LVJ666" s="613"/>
      <c r="LVK666" s="613"/>
      <c r="LVL666" s="613"/>
      <c r="LVM666" s="613"/>
      <c r="LVN666" s="613"/>
      <c r="LVO666" s="613"/>
      <c r="LVP666" s="613"/>
      <c r="LVQ666" s="613"/>
      <c r="LVR666" s="613"/>
      <c r="LVS666" s="613"/>
      <c r="LVT666" s="613"/>
      <c r="LVU666" s="613"/>
      <c r="LVV666" s="613"/>
      <c r="LVW666" s="613"/>
      <c r="LVX666" s="613"/>
      <c r="LVY666" s="613"/>
      <c r="LVZ666" s="613"/>
      <c r="LWA666" s="613"/>
      <c r="LWB666" s="613"/>
      <c r="LWC666" s="613"/>
      <c r="LWD666" s="613"/>
      <c r="LWE666" s="613"/>
      <c r="LWF666" s="613"/>
      <c r="LWG666" s="613"/>
      <c r="LWH666" s="613"/>
      <c r="LWI666" s="613"/>
      <c r="LWJ666" s="613"/>
      <c r="LWK666" s="613"/>
      <c r="LWL666" s="613"/>
      <c r="LWM666" s="613"/>
      <c r="LWN666" s="613"/>
      <c r="LWO666" s="613"/>
      <c r="LWP666" s="613"/>
      <c r="LWQ666" s="613"/>
      <c r="LWR666" s="613"/>
      <c r="LWS666" s="613"/>
      <c r="LWT666" s="613"/>
      <c r="LWU666" s="613"/>
      <c r="LWV666" s="613"/>
      <c r="LWW666" s="613"/>
      <c r="LWX666" s="613"/>
      <c r="LWY666" s="613"/>
      <c r="LWZ666" s="613"/>
      <c r="LXA666" s="613"/>
      <c r="LXB666" s="613"/>
      <c r="LXC666" s="613"/>
      <c r="LXD666" s="613"/>
      <c r="LXE666" s="613"/>
      <c r="LXF666" s="613"/>
      <c r="LXG666" s="613"/>
      <c r="LXH666" s="613"/>
      <c r="LXI666" s="613"/>
      <c r="LXJ666" s="613"/>
      <c r="LXK666" s="613"/>
      <c r="LXL666" s="613"/>
      <c r="LXM666" s="613"/>
      <c r="LXN666" s="613"/>
      <c r="LXO666" s="613"/>
      <c r="LXP666" s="613"/>
      <c r="LXQ666" s="613"/>
      <c r="LXR666" s="613"/>
      <c r="LXS666" s="613"/>
      <c r="LXT666" s="613"/>
      <c r="LXU666" s="613"/>
      <c r="LXV666" s="613"/>
      <c r="LXW666" s="613"/>
      <c r="LXX666" s="613"/>
      <c r="LXY666" s="613"/>
      <c r="LXZ666" s="613"/>
      <c r="LYA666" s="613"/>
      <c r="LYB666" s="613"/>
      <c r="LYC666" s="613"/>
      <c r="LYD666" s="613"/>
      <c r="LYE666" s="613"/>
      <c r="LYF666" s="613"/>
      <c r="LYG666" s="613"/>
      <c r="LYH666" s="613"/>
      <c r="LYI666" s="613"/>
      <c r="LYJ666" s="613"/>
      <c r="LYK666" s="613"/>
      <c r="LYL666" s="613"/>
      <c r="LYM666" s="613"/>
      <c r="LYN666" s="613"/>
      <c r="LYO666" s="613"/>
      <c r="LYP666" s="613"/>
      <c r="LYQ666" s="613"/>
      <c r="LYR666" s="613"/>
      <c r="LYS666" s="613"/>
      <c r="LYT666" s="613"/>
      <c r="LYU666" s="613"/>
      <c r="LYV666" s="613"/>
      <c r="LYW666" s="613"/>
      <c r="LYX666" s="613"/>
      <c r="LYY666" s="613"/>
      <c r="LYZ666" s="613"/>
      <c r="LZA666" s="613"/>
      <c r="LZB666" s="613"/>
      <c r="LZC666" s="613"/>
      <c r="LZD666" s="613"/>
      <c r="LZE666" s="613"/>
      <c r="LZF666" s="613"/>
      <c r="LZG666" s="613"/>
      <c r="LZH666" s="613"/>
      <c r="LZI666" s="613"/>
      <c r="LZJ666" s="613"/>
      <c r="LZK666" s="613"/>
      <c r="LZL666" s="613"/>
      <c r="LZM666" s="613"/>
      <c r="LZN666" s="613"/>
      <c r="LZO666" s="613"/>
      <c r="LZP666" s="613"/>
      <c r="LZQ666" s="613"/>
      <c r="LZR666" s="613"/>
      <c r="LZS666" s="613"/>
      <c r="LZT666" s="613"/>
      <c r="LZU666" s="613"/>
      <c r="LZV666" s="613"/>
      <c r="LZW666" s="613"/>
      <c r="LZX666" s="613"/>
      <c r="LZY666" s="613"/>
      <c r="LZZ666" s="613"/>
      <c r="MAA666" s="613"/>
      <c r="MAB666" s="613"/>
      <c r="MAC666" s="613"/>
      <c r="MAD666" s="613"/>
      <c r="MAE666" s="613"/>
      <c r="MAF666" s="613"/>
      <c r="MAG666" s="613"/>
      <c r="MAH666" s="613"/>
      <c r="MAI666" s="613"/>
      <c r="MAJ666" s="613"/>
      <c r="MAK666" s="613"/>
      <c r="MAL666" s="613"/>
      <c r="MAM666" s="613"/>
      <c r="MAN666" s="613"/>
      <c r="MAO666" s="613"/>
      <c r="MAP666" s="613"/>
      <c r="MAQ666" s="613"/>
      <c r="MAR666" s="613"/>
      <c r="MAS666" s="613"/>
      <c r="MAT666" s="613"/>
      <c r="MAU666" s="613"/>
      <c r="MAV666" s="613"/>
      <c r="MAW666" s="613"/>
      <c r="MAX666" s="613"/>
      <c r="MAY666" s="613"/>
      <c r="MAZ666" s="613"/>
      <c r="MBA666" s="613"/>
      <c r="MBB666" s="613"/>
      <c r="MBC666" s="613"/>
      <c r="MBD666" s="613"/>
      <c r="MBE666" s="613"/>
      <c r="MBF666" s="613"/>
      <c r="MBG666" s="613"/>
      <c r="MBH666" s="613"/>
      <c r="MBI666" s="613"/>
      <c r="MBJ666" s="613"/>
      <c r="MBK666" s="613"/>
      <c r="MBL666" s="613"/>
      <c r="MBM666" s="613"/>
      <c r="MBN666" s="613"/>
      <c r="MBO666" s="613"/>
      <c r="MBP666" s="613"/>
      <c r="MBQ666" s="613"/>
      <c r="MBR666" s="613"/>
      <c r="MBS666" s="613"/>
      <c r="MBT666" s="613"/>
      <c r="MBU666" s="613"/>
      <c r="MBV666" s="613"/>
      <c r="MBW666" s="613"/>
      <c r="MBX666" s="613"/>
      <c r="MBY666" s="613"/>
      <c r="MBZ666" s="613"/>
      <c r="MCA666" s="613"/>
      <c r="MCB666" s="613"/>
      <c r="MCC666" s="613"/>
      <c r="MCD666" s="613"/>
      <c r="MCE666" s="613"/>
      <c r="MCF666" s="613"/>
      <c r="MCG666" s="613"/>
      <c r="MCH666" s="613"/>
      <c r="MCI666" s="613"/>
      <c r="MCJ666" s="613"/>
      <c r="MCK666" s="613"/>
      <c r="MCL666" s="613"/>
      <c r="MCM666" s="613"/>
      <c r="MCN666" s="613"/>
      <c r="MCO666" s="613"/>
      <c r="MCP666" s="613"/>
      <c r="MCQ666" s="613"/>
      <c r="MCR666" s="613"/>
      <c r="MCS666" s="613"/>
      <c r="MCT666" s="613"/>
      <c r="MCU666" s="613"/>
      <c r="MCV666" s="613"/>
      <c r="MCW666" s="613"/>
      <c r="MCX666" s="613"/>
      <c r="MCY666" s="613"/>
      <c r="MCZ666" s="613"/>
      <c r="MDA666" s="613"/>
      <c r="MDB666" s="613"/>
      <c r="MDC666" s="613"/>
      <c r="MDD666" s="613"/>
      <c r="MDE666" s="613"/>
      <c r="MDF666" s="613"/>
      <c r="MDG666" s="613"/>
      <c r="MDH666" s="613"/>
      <c r="MDI666" s="613"/>
      <c r="MDJ666" s="613"/>
      <c r="MDK666" s="613"/>
      <c r="MDL666" s="613"/>
      <c r="MDM666" s="613"/>
      <c r="MDN666" s="613"/>
      <c r="MDO666" s="613"/>
      <c r="MDP666" s="613"/>
      <c r="MDQ666" s="613"/>
      <c r="MDR666" s="613"/>
      <c r="MDS666" s="613"/>
      <c r="MDT666" s="613"/>
      <c r="MDU666" s="613"/>
      <c r="MDV666" s="613"/>
      <c r="MDW666" s="613"/>
      <c r="MDX666" s="613"/>
      <c r="MDY666" s="613"/>
      <c r="MDZ666" s="613"/>
      <c r="MEA666" s="613"/>
      <c r="MEB666" s="613"/>
      <c r="MEC666" s="613"/>
      <c r="MED666" s="613"/>
      <c r="MEE666" s="613"/>
      <c r="MEF666" s="613"/>
      <c r="MEG666" s="613"/>
      <c r="MEH666" s="613"/>
      <c r="MEI666" s="613"/>
      <c r="MEJ666" s="613"/>
      <c r="MEK666" s="613"/>
      <c r="MEL666" s="613"/>
      <c r="MEM666" s="613"/>
      <c r="MEN666" s="613"/>
      <c r="MEO666" s="613"/>
      <c r="MEP666" s="613"/>
      <c r="MEQ666" s="613"/>
      <c r="MER666" s="613"/>
      <c r="MES666" s="613"/>
      <c r="MET666" s="613"/>
      <c r="MEU666" s="613"/>
      <c r="MEV666" s="613"/>
      <c r="MEW666" s="613"/>
      <c r="MEX666" s="613"/>
      <c r="MEY666" s="613"/>
      <c r="MEZ666" s="613"/>
      <c r="MFA666" s="613"/>
      <c r="MFB666" s="613"/>
      <c r="MFC666" s="613"/>
      <c r="MFD666" s="613"/>
      <c r="MFE666" s="613"/>
      <c r="MFF666" s="613"/>
      <c r="MFG666" s="613"/>
      <c r="MFH666" s="613"/>
      <c r="MFI666" s="613"/>
      <c r="MFJ666" s="613"/>
      <c r="MFK666" s="613"/>
      <c r="MFL666" s="613"/>
      <c r="MFM666" s="613"/>
      <c r="MFN666" s="613"/>
      <c r="MFO666" s="613"/>
      <c r="MFP666" s="613"/>
      <c r="MFQ666" s="613"/>
      <c r="MFR666" s="613"/>
      <c r="MFS666" s="613"/>
      <c r="MFT666" s="613"/>
      <c r="MFU666" s="613"/>
      <c r="MFV666" s="613"/>
      <c r="MFW666" s="613"/>
      <c r="MFX666" s="613"/>
      <c r="MFY666" s="613"/>
      <c r="MFZ666" s="613"/>
      <c r="MGA666" s="613"/>
      <c r="MGB666" s="613"/>
      <c r="MGC666" s="613"/>
      <c r="MGD666" s="613"/>
      <c r="MGE666" s="613"/>
      <c r="MGF666" s="613"/>
      <c r="MGG666" s="613"/>
      <c r="MGH666" s="613"/>
      <c r="MGI666" s="613"/>
      <c r="MGJ666" s="613"/>
      <c r="MGK666" s="613"/>
      <c r="MGL666" s="613"/>
      <c r="MGM666" s="613"/>
      <c r="MGN666" s="613"/>
      <c r="MGO666" s="613"/>
      <c r="MGP666" s="613"/>
      <c r="MGQ666" s="613"/>
      <c r="MGR666" s="613"/>
      <c r="MGS666" s="613"/>
      <c r="MGT666" s="613"/>
      <c r="MGU666" s="613"/>
      <c r="MGV666" s="613"/>
      <c r="MGW666" s="613"/>
      <c r="MGX666" s="613"/>
      <c r="MGY666" s="613"/>
      <c r="MGZ666" s="613"/>
      <c r="MHA666" s="613"/>
      <c r="MHB666" s="613"/>
      <c r="MHC666" s="613"/>
      <c r="MHD666" s="613"/>
      <c r="MHE666" s="613"/>
      <c r="MHF666" s="613"/>
      <c r="MHG666" s="613"/>
      <c r="MHH666" s="613"/>
      <c r="MHI666" s="613"/>
      <c r="MHJ666" s="613"/>
      <c r="MHK666" s="613"/>
      <c r="MHL666" s="613"/>
      <c r="MHM666" s="613"/>
      <c r="MHN666" s="613"/>
      <c r="MHO666" s="613"/>
      <c r="MHP666" s="613"/>
      <c r="MHQ666" s="613"/>
      <c r="MHR666" s="613"/>
      <c r="MHS666" s="613"/>
      <c r="MHT666" s="613"/>
      <c r="MHU666" s="613"/>
      <c r="MHV666" s="613"/>
      <c r="MHW666" s="613"/>
      <c r="MHX666" s="613"/>
      <c r="MHY666" s="613"/>
      <c r="MHZ666" s="613"/>
      <c r="MIA666" s="613"/>
      <c r="MIB666" s="613"/>
      <c r="MIC666" s="613"/>
      <c r="MID666" s="613"/>
      <c r="MIE666" s="613"/>
      <c r="MIF666" s="613"/>
      <c r="MIG666" s="613"/>
      <c r="MIH666" s="613"/>
      <c r="MII666" s="613"/>
      <c r="MIJ666" s="613"/>
      <c r="MIK666" s="613"/>
      <c r="MIL666" s="613"/>
      <c r="MIM666" s="613"/>
      <c r="MIN666" s="613"/>
      <c r="MIO666" s="613"/>
      <c r="MIP666" s="613"/>
      <c r="MIQ666" s="613"/>
      <c r="MIR666" s="613"/>
      <c r="MIS666" s="613"/>
      <c r="MIT666" s="613"/>
      <c r="MIU666" s="613"/>
      <c r="MIV666" s="613"/>
      <c r="MIW666" s="613"/>
      <c r="MIX666" s="613"/>
      <c r="MIY666" s="613"/>
      <c r="MIZ666" s="613"/>
      <c r="MJA666" s="613"/>
      <c r="MJB666" s="613"/>
      <c r="MJC666" s="613"/>
      <c r="MJD666" s="613"/>
      <c r="MJE666" s="613"/>
      <c r="MJF666" s="613"/>
      <c r="MJG666" s="613"/>
      <c r="MJH666" s="613"/>
      <c r="MJI666" s="613"/>
      <c r="MJJ666" s="613"/>
      <c r="MJK666" s="613"/>
      <c r="MJL666" s="613"/>
      <c r="MJM666" s="613"/>
      <c r="MJN666" s="613"/>
      <c r="MJO666" s="613"/>
      <c r="MJP666" s="613"/>
      <c r="MJQ666" s="613"/>
      <c r="MJR666" s="613"/>
      <c r="MJS666" s="613"/>
      <c r="MJT666" s="613"/>
      <c r="MJU666" s="613"/>
      <c r="MJV666" s="613"/>
      <c r="MJW666" s="613"/>
      <c r="MJX666" s="613"/>
      <c r="MJY666" s="613"/>
      <c r="MJZ666" s="613"/>
      <c r="MKA666" s="613"/>
      <c r="MKB666" s="613"/>
      <c r="MKC666" s="613"/>
      <c r="MKD666" s="613"/>
      <c r="MKE666" s="613"/>
      <c r="MKF666" s="613"/>
      <c r="MKG666" s="613"/>
      <c r="MKH666" s="613"/>
      <c r="MKI666" s="613"/>
      <c r="MKJ666" s="613"/>
      <c r="MKK666" s="613"/>
      <c r="MKL666" s="613"/>
      <c r="MKM666" s="613"/>
      <c r="MKN666" s="613"/>
      <c r="MKO666" s="613"/>
      <c r="MKP666" s="613"/>
      <c r="MKQ666" s="613"/>
      <c r="MKR666" s="613"/>
      <c r="MKS666" s="613"/>
      <c r="MKT666" s="613"/>
      <c r="MKU666" s="613"/>
      <c r="MKV666" s="613"/>
      <c r="MKW666" s="613"/>
      <c r="MKX666" s="613"/>
      <c r="MKY666" s="613"/>
      <c r="MKZ666" s="613"/>
      <c r="MLA666" s="613"/>
      <c r="MLB666" s="613"/>
      <c r="MLC666" s="613"/>
      <c r="MLD666" s="613"/>
      <c r="MLE666" s="613"/>
      <c r="MLF666" s="613"/>
      <c r="MLG666" s="613"/>
      <c r="MLH666" s="613"/>
      <c r="MLI666" s="613"/>
      <c r="MLJ666" s="613"/>
      <c r="MLK666" s="613"/>
      <c r="MLL666" s="613"/>
      <c r="MLM666" s="613"/>
      <c r="MLN666" s="613"/>
      <c r="MLO666" s="613"/>
      <c r="MLP666" s="613"/>
      <c r="MLQ666" s="613"/>
      <c r="MLR666" s="613"/>
      <c r="MLS666" s="613"/>
      <c r="MLT666" s="613"/>
      <c r="MLU666" s="613"/>
      <c r="MLV666" s="613"/>
      <c r="MLW666" s="613"/>
      <c r="MLX666" s="613"/>
      <c r="MLY666" s="613"/>
      <c r="MLZ666" s="613"/>
      <c r="MMA666" s="613"/>
      <c r="MMB666" s="613"/>
      <c r="MMC666" s="613"/>
      <c r="MMD666" s="613"/>
      <c r="MME666" s="613"/>
      <c r="MMF666" s="613"/>
      <c r="MMG666" s="613"/>
      <c r="MMH666" s="613"/>
      <c r="MMI666" s="613"/>
      <c r="MMJ666" s="613"/>
      <c r="MMK666" s="613"/>
      <c r="MML666" s="613"/>
      <c r="MMM666" s="613"/>
      <c r="MMN666" s="613"/>
      <c r="MMO666" s="613"/>
      <c r="MMP666" s="613"/>
      <c r="MMQ666" s="613"/>
      <c r="MMR666" s="613"/>
      <c r="MMS666" s="613"/>
      <c r="MMT666" s="613"/>
      <c r="MMU666" s="613"/>
      <c r="MMV666" s="613"/>
      <c r="MMW666" s="613"/>
      <c r="MMX666" s="613"/>
      <c r="MMY666" s="613"/>
      <c r="MMZ666" s="613"/>
      <c r="MNA666" s="613"/>
      <c r="MNB666" s="613"/>
      <c r="MNC666" s="613"/>
      <c r="MND666" s="613"/>
      <c r="MNE666" s="613"/>
      <c r="MNF666" s="613"/>
      <c r="MNG666" s="613"/>
      <c r="MNH666" s="613"/>
      <c r="MNI666" s="613"/>
      <c r="MNJ666" s="613"/>
      <c r="MNK666" s="613"/>
      <c r="MNL666" s="613"/>
      <c r="MNM666" s="613"/>
      <c r="MNN666" s="613"/>
      <c r="MNO666" s="613"/>
      <c r="MNP666" s="613"/>
      <c r="MNQ666" s="613"/>
      <c r="MNR666" s="613"/>
      <c r="MNS666" s="613"/>
      <c r="MNT666" s="613"/>
      <c r="MNU666" s="613"/>
      <c r="MNV666" s="613"/>
      <c r="MNW666" s="613"/>
      <c r="MNX666" s="613"/>
      <c r="MNY666" s="613"/>
      <c r="MNZ666" s="613"/>
      <c r="MOA666" s="613"/>
      <c r="MOB666" s="613"/>
      <c r="MOC666" s="613"/>
      <c r="MOD666" s="613"/>
      <c r="MOE666" s="613"/>
      <c r="MOF666" s="613"/>
      <c r="MOG666" s="613"/>
      <c r="MOH666" s="613"/>
      <c r="MOI666" s="613"/>
      <c r="MOJ666" s="613"/>
      <c r="MOK666" s="613"/>
      <c r="MOL666" s="613"/>
      <c r="MOM666" s="613"/>
      <c r="MON666" s="613"/>
      <c r="MOO666" s="613"/>
      <c r="MOP666" s="613"/>
      <c r="MOQ666" s="613"/>
      <c r="MOR666" s="613"/>
      <c r="MOS666" s="613"/>
      <c r="MOT666" s="613"/>
      <c r="MOU666" s="613"/>
      <c r="MOV666" s="613"/>
      <c r="MOW666" s="613"/>
      <c r="MOX666" s="613"/>
      <c r="MOY666" s="613"/>
      <c r="MOZ666" s="613"/>
      <c r="MPA666" s="613"/>
      <c r="MPB666" s="613"/>
      <c r="MPC666" s="613"/>
      <c r="MPD666" s="613"/>
      <c r="MPE666" s="613"/>
      <c r="MPF666" s="613"/>
      <c r="MPG666" s="613"/>
      <c r="MPH666" s="613"/>
      <c r="MPI666" s="613"/>
      <c r="MPJ666" s="613"/>
      <c r="MPK666" s="613"/>
      <c r="MPL666" s="613"/>
      <c r="MPM666" s="613"/>
      <c r="MPN666" s="613"/>
      <c r="MPO666" s="613"/>
      <c r="MPP666" s="613"/>
      <c r="MPQ666" s="613"/>
      <c r="MPR666" s="613"/>
      <c r="MPS666" s="613"/>
      <c r="MPT666" s="613"/>
      <c r="MPU666" s="613"/>
      <c r="MPV666" s="613"/>
      <c r="MPW666" s="613"/>
      <c r="MPX666" s="613"/>
      <c r="MPY666" s="613"/>
      <c r="MPZ666" s="613"/>
      <c r="MQA666" s="613"/>
      <c r="MQB666" s="613"/>
      <c r="MQC666" s="613"/>
      <c r="MQD666" s="613"/>
      <c r="MQE666" s="613"/>
      <c r="MQF666" s="613"/>
      <c r="MQG666" s="613"/>
      <c r="MQH666" s="613"/>
      <c r="MQI666" s="613"/>
      <c r="MQJ666" s="613"/>
      <c r="MQK666" s="613"/>
      <c r="MQL666" s="613"/>
      <c r="MQM666" s="613"/>
      <c r="MQN666" s="613"/>
      <c r="MQO666" s="613"/>
      <c r="MQP666" s="613"/>
      <c r="MQQ666" s="613"/>
      <c r="MQR666" s="613"/>
      <c r="MQS666" s="613"/>
      <c r="MQT666" s="613"/>
      <c r="MQU666" s="613"/>
      <c r="MQV666" s="613"/>
      <c r="MQW666" s="613"/>
      <c r="MQX666" s="613"/>
      <c r="MQY666" s="613"/>
      <c r="MQZ666" s="613"/>
      <c r="MRA666" s="613"/>
      <c r="MRB666" s="613"/>
      <c r="MRC666" s="613"/>
      <c r="MRD666" s="613"/>
      <c r="MRE666" s="613"/>
      <c r="MRF666" s="613"/>
      <c r="MRG666" s="613"/>
      <c r="MRH666" s="613"/>
      <c r="MRI666" s="613"/>
      <c r="MRJ666" s="613"/>
      <c r="MRK666" s="613"/>
      <c r="MRL666" s="613"/>
      <c r="MRM666" s="613"/>
      <c r="MRN666" s="613"/>
      <c r="MRO666" s="613"/>
      <c r="MRP666" s="613"/>
      <c r="MRQ666" s="613"/>
      <c r="MRR666" s="613"/>
      <c r="MRS666" s="613"/>
      <c r="MRT666" s="613"/>
      <c r="MRU666" s="613"/>
      <c r="MRV666" s="613"/>
      <c r="MRW666" s="613"/>
      <c r="MRX666" s="613"/>
      <c r="MRY666" s="613"/>
      <c r="MRZ666" s="613"/>
      <c r="MSA666" s="613"/>
      <c r="MSB666" s="613"/>
      <c r="MSC666" s="613"/>
      <c r="MSD666" s="613"/>
      <c r="MSE666" s="613"/>
      <c r="MSF666" s="613"/>
      <c r="MSG666" s="613"/>
      <c r="MSH666" s="613"/>
      <c r="MSI666" s="613"/>
      <c r="MSJ666" s="613"/>
      <c r="MSK666" s="613"/>
      <c r="MSL666" s="613"/>
      <c r="MSM666" s="613"/>
      <c r="MSN666" s="613"/>
      <c r="MSO666" s="613"/>
      <c r="MSP666" s="613"/>
      <c r="MSQ666" s="613"/>
      <c r="MSR666" s="613"/>
      <c r="MSS666" s="613"/>
      <c r="MST666" s="613"/>
      <c r="MSU666" s="613"/>
      <c r="MSV666" s="613"/>
      <c r="MSW666" s="613"/>
      <c r="MSX666" s="613"/>
      <c r="MSY666" s="613"/>
      <c r="MSZ666" s="613"/>
      <c r="MTA666" s="613"/>
      <c r="MTB666" s="613"/>
      <c r="MTC666" s="613"/>
      <c r="MTD666" s="613"/>
      <c r="MTE666" s="613"/>
      <c r="MTF666" s="613"/>
      <c r="MTG666" s="613"/>
      <c r="MTH666" s="613"/>
      <c r="MTI666" s="613"/>
      <c r="MTJ666" s="613"/>
      <c r="MTK666" s="613"/>
      <c r="MTL666" s="613"/>
      <c r="MTM666" s="613"/>
      <c r="MTN666" s="613"/>
      <c r="MTO666" s="613"/>
      <c r="MTP666" s="613"/>
      <c r="MTQ666" s="613"/>
      <c r="MTR666" s="613"/>
      <c r="MTS666" s="613"/>
      <c r="MTT666" s="613"/>
      <c r="MTU666" s="613"/>
      <c r="MTV666" s="613"/>
      <c r="MTW666" s="613"/>
      <c r="MTX666" s="613"/>
      <c r="MTY666" s="613"/>
      <c r="MTZ666" s="613"/>
      <c r="MUA666" s="613"/>
      <c r="MUB666" s="613"/>
      <c r="MUC666" s="613"/>
      <c r="MUD666" s="613"/>
      <c r="MUE666" s="613"/>
      <c r="MUF666" s="613"/>
      <c r="MUG666" s="613"/>
      <c r="MUH666" s="613"/>
      <c r="MUI666" s="613"/>
      <c r="MUJ666" s="613"/>
      <c r="MUK666" s="613"/>
      <c r="MUL666" s="613"/>
      <c r="MUM666" s="613"/>
      <c r="MUN666" s="613"/>
      <c r="MUO666" s="613"/>
      <c r="MUP666" s="613"/>
      <c r="MUQ666" s="613"/>
      <c r="MUR666" s="613"/>
      <c r="MUS666" s="613"/>
      <c r="MUT666" s="613"/>
      <c r="MUU666" s="613"/>
      <c r="MUV666" s="613"/>
      <c r="MUW666" s="613"/>
      <c r="MUX666" s="613"/>
      <c r="MUY666" s="613"/>
      <c r="MUZ666" s="613"/>
      <c r="MVA666" s="613"/>
      <c r="MVB666" s="613"/>
      <c r="MVC666" s="613"/>
      <c r="MVD666" s="613"/>
      <c r="MVE666" s="613"/>
      <c r="MVF666" s="613"/>
      <c r="MVG666" s="613"/>
      <c r="MVH666" s="613"/>
      <c r="MVI666" s="613"/>
      <c r="MVJ666" s="613"/>
      <c r="MVK666" s="613"/>
      <c r="MVL666" s="613"/>
      <c r="MVM666" s="613"/>
      <c r="MVN666" s="613"/>
      <c r="MVO666" s="613"/>
      <c r="MVP666" s="613"/>
      <c r="MVQ666" s="613"/>
      <c r="MVR666" s="613"/>
      <c r="MVS666" s="613"/>
      <c r="MVT666" s="613"/>
      <c r="MVU666" s="613"/>
      <c r="MVV666" s="613"/>
      <c r="MVW666" s="613"/>
      <c r="MVX666" s="613"/>
      <c r="MVY666" s="613"/>
      <c r="MVZ666" s="613"/>
      <c r="MWA666" s="613"/>
      <c r="MWB666" s="613"/>
      <c r="MWC666" s="613"/>
      <c r="MWD666" s="613"/>
      <c r="MWE666" s="613"/>
      <c r="MWF666" s="613"/>
      <c r="MWG666" s="613"/>
      <c r="MWH666" s="613"/>
      <c r="MWI666" s="613"/>
      <c r="MWJ666" s="613"/>
      <c r="MWK666" s="613"/>
      <c r="MWL666" s="613"/>
      <c r="MWM666" s="613"/>
      <c r="MWN666" s="613"/>
      <c r="MWO666" s="613"/>
      <c r="MWP666" s="613"/>
      <c r="MWQ666" s="613"/>
      <c r="MWR666" s="613"/>
      <c r="MWS666" s="613"/>
      <c r="MWT666" s="613"/>
      <c r="MWU666" s="613"/>
      <c r="MWV666" s="613"/>
      <c r="MWW666" s="613"/>
      <c r="MWX666" s="613"/>
      <c r="MWY666" s="613"/>
      <c r="MWZ666" s="613"/>
      <c r="MXA666" s="613"/>
      <c r="MXB666" s="613"/>
      <c r="MXC666" s="613"/>
      <c r="MXD666" s="613"/>
      <c r="MXE666" s="613"/>
      <c r="MXF666" s="613"/>
      <c r="MXG666" s="613"/>
      <c r="MXH666" s="613"/>
      <c r="MXI666" s="613"/>
      <c r="MXJ666" s="613"/>
      <c r="MXK666" s="613"/>
      <c r="MXL666" s="613"/>
      <c r="MXM666" s="613"/>
      <c r="MXN666" s="613"/>
      <c r="MXO666" s="613"/>
      <c r="MXP666" s="613"/>
      <c r="MXQ666" s="613"/>
      <c r="MXR666" s="613"/>
      <c r="MXS666" s="613"/>
      <c r="MXT666" s="613"/>
      <c r="MXU666" s="613"/>
      <c r="MXV666" s="613"/>
      <c r="MXW666" s="613"/>
      <c r="MXX666" s="613"/>
      <c r="MXY666" s="613"/>
      <c r="MXZ666" s="613"/>
      <c r="MYA666" s="613"/>
      <c r="MYB666" s="613"/>
      <c r="MYC666" s="613"/>
      <c r="MYD666" s="613"/>
      <c r="MYE666" s="613"/>
      <c r="MYF666" s="613"/>
      <c r="MYG666" s="613"/>
      <c r="MYH666" s="613"/>
      <c r="MYI666" s="613"/>
      <c r="MYJ666" s="613"/>
      <c r="MYK666" s="613"/>
      <c r="MYL666" s="613"/>
      <c r="MYM666" s="613"/>
      <c r="MYN666" s="613"/>
      <c r="MYO666" s="613"/>
      <c r="MYP666" s="613"/>
      <c r="MYQ666" s="613"/>
      <c r="MYR666" s="613"/>
      <c r="MYS666" s="613"/>
      <c r="MYT666" s="613"/>
      <c r="MYU666" s="613"/>
      <c r="MYV666" s="613"/>
      <c r="MYW666" s="613"/>
      <c r="MYX666" s="613"/>
      <c r="MYY666" s="613"/>
      <c r="MYZ666" s="613"/>
      <c r="MZA666" s="613"/>
      <c r="MZB666" s="613"/>
      <c r="MZC666" s="613"/>
      <c r="MZD666" s="613"/>
      <c r="MZE666" s="613"/>
      <c r="MZF666" s="613"/>
      <c r="MZG666" s="613"/>
      <c r="MZH666" s="613"/>
      <c r="MZI666" s="613"/>
      <c r="MZJ666" s="613"/>
      <c r="MZK666" s="613"/>
      <c r="MZL666" s="613"/>
      <c r="MZM666" s="613"/>
      <c r="MZN666" s="613"/>
      <c r="MZO666" s="613"/>
      <c r="MZP666" s="613"/>
      <c r="MZQ666" s="613"/>
      <c r="MZR666" s="613"/>
      <c r="MZS666" s="613"/>
      <c r="MZT666" s="613"/>
      <c r="MZU666" s="613"/>
      <c r="MZV666" s="613"/>
      <c r="MZW666" s="613"/>
      <c r="MZX666" s="613"/>
      <c r="MZY666" s="613"/>
      <c r="MZZ666" s="613"/>
      <c r="NAA666" s="613"/>
      <c r="NAB666" s="613"/>
      <c r="NAC666" s="613"/>
      <c r="NAD666" s="613"/>
      <c r="NAE666" s="613"/>
      <c r="NAF666" s="613"/>
      <c r="NAG666" s="613"/>
      <c r="NAH666" s="613"/>
      <c r="NAI666" s="613"/>
      <c r="NAJ666" s="613"/>
      <c r="NAK666" s="613"/>
      <c r="NAL666" s="613"/>
      <c r="NAM666" s="613"/>
      <c r="NAN666" s="613"/>
      <c r="NAO666" s="613"/>
      <c r="NAP666" s="613"/>
      <c r="NAQ666" s="613"/>
      <c r="NAR666" s="613"/>
      <c r="NAS666" s="613"/>
      <c r="NAT666" s="613"/>
      <c r="NAU666" s="613"/>
      <c r="NAV666" s="613"/>
      <c r="NAW666" s="613"/>
      <c r="NAX666" s="613"/>
      <c r="NAY666" s="613"/>
      <c r="NAZ666" s="613"/>
      <c r="NBA666" s="613"/>
      <c r="NBB666" s="613"/>
      <c r="NBC666" s="613"/>
      <c r="NBD666" s="613"/>
      <c r="NBE666" s="613"/>
      <c r="NBF666" s="613"/>
      <c r="NBG666" s="613"/>
      <c r="NBH666" s="613"/>
      <c r="NBI666" s="613"/>
      <c r="NBJ666" s="613"/>
      <c r="NBK666" s="613"/>
      <c r="NBL666" s="613"/>
      <c r="NBM666" s="613"/>
      <c r="NBN666" s="613"/>
      <c r="NBO666" s="613"/>
      <c r="NBP666" s="613"/>
      <c r="NBQ666" s="613"/>
      <c r="NBR666" s="613"/>
      <c r="NBS666" s="613"/>
      <c r="NBT666" s="613"/>
      <c r="NBU666" s="613"/>
      <c r="NBV666" s="613"/>
      <c r="NBW666" s="613"/>
      <c r="NBX666" s="613"/>
      <c r="NBY666" s="613"/>
      <c r="NBZ666" s="613"/>
      <c r="NCA666" s="613"/>
      <c r="NCB666" s="613"/>
      <c r="NCC666" s="613"/>
      <c r="NCD666" s="613"/>
      <c r="NCE666" s="613"/>
      <c r="NCF666" s="613"/>
      <c r="NCG666" s="613"/>
      <c r="NCH666" s="613"/>
      <c r="NCI666" s="613"/>
      <c r="NCJ666" s="613"/>
      <c r="NCK666" s="613"/>
      <c r="NCL666" s="613"/>
      <c r="NCM666" s="613"/>
      <c r="NCN666" s="613"/>
      <c r="NCO666" s="613"/>
      <c r="NCP666" s="613"/>
      <c r="NCQ666" s="613"/>
      <c r="NCR666" s="613"/>
      <c r="NCS666" s="613"/>
      <c r="NCT666" s="613"/>
      <c r="NCU666" s="613"/>
      <c r="NCV666" s="613"/>
      <c r="NCW666" s="613"/>
      <c r="NCX666" s="613"/>
      <c r="NCY666" s="613"/>
      <c r="NCZ666" s="613"/>
      <c r="NDA666" s="613"/>
      <c r="NDB666" s="613"/>
      <c r="NDC666" s="613"/>
      <c r="NDD666" s="613"/>
      <c r="NDE666" s="613"/>
      <c r="NDF666" s="613"/>
      <c r="NDG666" s="613"/>
      <c r="NDH666" s="613"/>
      <c r="NDI666" s="613"/>
      <c r="NDJ666" s="613"/>
      <c r="NDK666" s="613"/>
      <c r="NDL666" s="613"/>
      <c r="NDM666" s="613"/>
      <c r="NDN666" s="613"/>
      <c r="NDO666" s="613"/>
      <c r="NDP666" s="613"/>
      <c r="NDQ666" s="613"/>
      <c r="NDR666" s="613"/>
      <c r="NDS666" s="613"/>
      <c r="NDT666" s="613"/>
      <c r="NDU666" s="613"/>
      <c r="NDV666" s="613"/>
      <c r="NDW666" s="613"/>
      <c r="NDX666" s="613"/>
      <c r="NDY666" s="613"/>
      <c r="NDZ666" s="613"/>
      <c r="NEA666" s="613"/>
      <c r="NEB666" s="613"/>
      <c r="NEC666" s="613"/>
      <c r="NED666" s="613"/>
      <c r="NEE666" s="613"/>
      <c r="NEF666" s="613"/>
      <c r="NEG666" s="613"/>
      <c r="NEH666" s="613"/>
      <c r="NEI666" s="613"/>
      <c r="NEJ666" s="613"/>
      <c r="NEK666" s="613"/>
      <c r="NEL666" s="613"/>
      <c r="NEM666" s="613"/>
      <c r="NEN666" s="613"/>
      <c r="NEO666" s="613"/>
      <c r="NEP666" s="613"/>
      <c r="NEQ666" s="613"/>
      <c r="NER666" s="613"/>
      <c r="NES666" s="613"/>
      <c r="NET666" s="613"/>
      <c r="NEU666" s="613"/>
      <c r="NEV666" s="613"/>
      <c r="NEW666" s="613"/>
      <c r="NEX666" s="613"/>
      <c r="NEY666" s="613"/>
      <c r="NEZ666" s="613"/>
      <c r="NFA666" s="613"/>
      <c r="NFB666" s="613"/>
      <c r="NFC666" s="613"/>
      <c r="NFD666" s="613"/>
      <c r="NFE666" s="613"/>
      <c r="NFF666" s="613"/>
      <c r="NFG666" s="613"/>
      <c r="NFH666" s="613"/>
      <c r="NFI666" s="613"/>
      <c r="NFJ666" s="613"/>
      <c r="NFK666" s="613"/>
      <c r="NFL666" s="613"/>
      <c r="NFM666" s="613"/>
      <c r="NFN666" s="613"/>
      <c r="NFO666" s="613"/>
      <c r="NFP666" s="613"/>
      <c r="NFQ666" s="613"/>
      <c r="NFR666" s="613"/>
      <c r="NFS666" s="613"/>
      <c r="NFT666" s="613"/>
      <c r="NFU666" s="613"/>
      <c r="NFV666" s="613"/>
      <c r="NFW666" s="613"/>
      <c r="NFX666" s="613"/>
      <c r="NFY666" s="613"/>
      <c r="NFZ666" s="613"/>
      <c r="NGA666" s="613"/>
      <c r="NGB666" s="613"/>
      <c r="NGC666" s="613"/>
      <c r="NGD666" s="613"/>
      <c r="NGE666" s="613"/>
      <c r="NGF666" s="613"/>
      <c r="NGG666" s="613"/>
      <c r="NGH666" s="613"/>
      <c r="NGI666" s="613"/>
      <c r="NGJ666" s="613"/>
      <c r="NGK666" s="613"/>
      <c r="NGL666" s="613"/>
      <c r="NGM666" s="613"/>
      <c r="NGN666" s="613"/>
      <c r="NGO666" s="613"/>
      <c r="NGP666" s="613"/>
      <c r="NGQ666" s="613"/>
      <c r="NGR666" s="613"/>
      <c r="NGS666" s="613"/>
      <c r="NGT666" s="613"/>
      <c r="NGU666" s="613"/>
      <c r="NGV666" s="613"/>
      <c r="NGW666" s="613"/>
      <c r="NGX666" s="613"/>
      <c r="NGY666" s="613"/>
      <c r="NGZ666" s="613"/>
      <c r="NHA666" s="613"/>
      <c r="NHB666" s="613"/>
      <c r="NHC666" s="613"/>
      <c r="NHD666" s="613"/>
      <c r="NHE666" s="613"/>
      <c r="NHF666" s="613"/>
      <c r="NHG666" s="613"/>
      <c r="NHH666" s="613"/>
      <c r="NHI666" s="613"/>
      <c r="NHJ666" s="613"/>
      <c r="NHK666" s="613"/>
      <c r="NHL666" s="613"/>
      <c r="NHM666" s="613"/>
      <c r="NHN666" s="613"/>
      <c r="NHO666" s="613"/>
      <c r="NHP666" s="613"/>
      <c r="NHQ666" s="613"/>
      <c r="NHR666" s="613"/>
      <c r="NHS666" s="613"/>
      <c r="NHT666" s="613"/>
      <c r="NHU666" s="613"/>
      <c r="NHV666" s="613"/>
      <c r="NHW666" s="613"/>
      <c r="NHX666" s="613"/>
      <c r="NHY666" s="613"/>
      <c r="NHZ666" s="613"/>
      <c r="NIA666" s="613"/>
      <c r="NIB666" s="613"/>
      <c r="NIC666" s="613"/>
      <c r="NID666" s="613"/>
      <c r="NIE666" s="613"/>
      <c r="NIF666" s="613"/>
      <c r="NIG666" s="613"/>
      <c r="NIH666" s="613"/>
      <c r="NII666" s="613"/>
      <c r="NIJ666" s="613"/>
      <c r="NIK666" s="613"/>
      <c r="NIL666" s="613"/>
      <c r="NIM666" s="613"/>
      <c r="NIN666" s="613"/>
      <c r="NIO666" s="613"/>
      <c r="NIP666" s="613"/>
      <c r="NIQ666" s="613"/>
      <c r="NIR666" s="613"/>
      <c r="NIS666" s="613"/>
      <c r="NIT666" s="613"/>
      <c r="NIU666" s="613"/>
      <c r="NIV666" s="613"/>
      <c r="NIW666" s="613"/>
      <c r="NIX666" s="613"/>
      <c r="NIY666" s="613"/>
      <c r="NIZ666" s="613"/>
      <c r="NJA666" s="613"/>
      <c r="NJB666" s="613"/>
      <c r="NJC666" s="613"/>
      <c r="NJD666" s="613"/>
      <c r="NJE666" s="613"/>
      <c r="NJF666" s="613"/>
      <c r="NJG666" s="613"/>
      <c r="NJH666" s="613"/>
      <c r="NJI666" s="613"/>
      <c r="NJJ666" s="613"/>
      <c r="NJK666" s="613"/>
      <c r="NJL666" s="613"/>
      <c r="NJM666" s="613"/>
      <c r="NJN666" s="613"/>
      <c r="NJO666" s="613"/>
      <c r="NJP666" s="613"/>
      <c r="NJQ666" s="613"/>
      <c r="NJR666" s="613"/>
      <c r="NJS666" s="613"/>
      <c r="NJT666" s="613"/>
      <c r="NJU666" s="613"/>
      <c r="NJV666" s="613"/>
      <c r="NJW666" s="613"/>
      <c r="NJX666" s="613"/>
      <c r="NJY666" s="613"/>
      <c r="NJZ666" s="613"/>
      <c r="NKA666" s="613"/>
      <c r="NKB666" s="613"/>
      <c r="NKC666" s="613"/>
      <c r="NKD666" s="613"/>
      <c r="NKE666" s="613"/>
      <c r="NKF666" s="613"/>
      <c r="NKG666" s="613"/>
      <c r="NKH666" s="613"/>
      <c r="NKI666" s="613"/>
      <c r="NKJ666" s="613"/>
      <c r="NKK666" s="613"/>
      <c r="NKL666" s="613"/>
      <c r="NKM666" s="613"/>
      <c r="NKN666" s="613"/>
      <c r="NKO666" s="613"/>
      <c r="NKP666" s="613"/>
      <c r="NKQ666" s="613"/>
      <c r="NKR666" s="613"/>
      <c r="NKS666" s="613"/>
      <c r="NKT666" s="613"/>
      <c r="NKU666" s="613"/>
      <c r="NKV666" s="613"/>
      <c r="NKW666" s="613"/>
      <c r="NKX666" s="613"/>
      <c r="NKY666" s="613"/>
      <c r="NKZ666" s="613"/>
      <c r="NLA666" s="613"/>
      <c r="NLB666" s="613"/>
      <c r="NLC666" s="613"/>
      <c r="NLD666" s="613"/>
      <c r="NLE666" s="613"/>
      <c r="NLF666" s="613"/>
      <c r="NLG666" s="613"/>
      <c r="NLH666" s="613"/>
      <c r="NLI666" s="613"/>
      <c r="NLJ666" s="613"/>
      <c r="NLK666" s="613"/>
      <c r="NLL666" s="613"/>
      <c r="NLM666" s="613"/>
      <c r="NLN666" s="613"/>
      <c r="NLO666" s="613"/>
      <c r="NLP666" s="613"/>
      <c r="NLQ666" s="613"/>
      <c r="NLR666" s="613"/>
      <c r="NLS666" s="613"/>
      <c r="NLT666" s="613"/>
      <c r="NLU666" s="613"/>
      <c r="NLV666" s="613"/>
      <c r="NLW666" s="613"/>
      <c r="NLX666" s="613"/>
      <c r="NLY666" s="613"/>
      <c r="NLZ666" s="613"/>
      <c r="NMA666" s="613"/>
      <c r="NMB666" s="613"/>
      <c r="NMC666" s="613"/>
      <c r="NMD666" s="613"/>
      <c r="NME666" s="613"/>
      <c r="NMF666" s="613"/>
      <c r="NMG666" s="613"/>
      <c r="NMH666" s="613"/>
      <c r="NMI666" s="613"/>
      <c r="NMJ666" s="613"/>
      <c r="NMK666" s="613"/>
      <c r="NML666" s="613"/>
      <c r="NMM666" s="613"/>
      <c r="NMN666" s="613"/>
      <c r="NMO666" s="613"/>
      <c r="NMP666" s="613"/>
      <c r="NMQ666" s="613"/>
      <c r="NMR666" s="613"/>
      <c r="NMS666" s="613"/>
      <c r="NMT666" s="613"/>
      <c r="NMU666" s="613"/>
      <c r="NMV666" s="613"/>
      <c r="NMW666" s="613"/>
      <c r="NMX666" s="613"/>
      <c r="NMY666" s="613"/>
      <c r="NMZ666" s="613"/>
      <c r="NNA666" s="613"/>
      <c r="NNB666" s="613"/>
      <c r="NNC666" s="613"/>
      <c r="NND666" s="613"/>
      <c r="NNE666" s="613"/>
      <c r="NNF666" s="613"/>
      <c r="NNG666" s="613"/>
      <c r="NNH666" s="613"/>
      <c r="NNI666" s="613"/>
      <c r="NNJ666" s="613"/>
      <c r="NNK666" s="613"/>
      <c r="NNL666" s="613"/>
      <c r="NNM666" s="613"/>
      <c r="NNN666" s="613"/>
      <c r="NNO666" s="613"/>
      <c r="NNP666" s="613"/>
      <c r="NNQ666" s="613"/>
      <c r="NNR666" s="613"/>
      <c r="NNS666" s="613"/>
      <c r="NNT666" s="613"/>
      <c r="NNU666" s="613"/>
      <c r="NNV666" s="613"/>
      <c r="NNW666" s="613"/>
      <c r="NNX666" s="613"/>
      <c r="NNY666" s="613"/>
      <c r="NNZ666" s="613"/>
      <c r="NOA666" s="613"/>
      <c r="NOB666" s="613"/>
      <c r="NOC666" s="613"/>
      <c r="NOD666" s="613"/>
      <c r="NOE666" s="613"/>
      <c r="NOF666" s="613"/>
      <c r="NOG666" s="613"/>
      <c r="NOH666" s="613"/>
      <c r="NOI666" s="613"/>
      <c r="NOJ666" s="613"/>
      <c r="NOK666" s="613"/>
      <c r="NOL666" s="613"/>
      <c r="NOM666" s="613"/>
      <c r="NON666" s="613"/>
      <c r="NOO666" s="613"/>
      <c r="NOP666" s="613"/>
      <c r="NOQ666" s="613"/>
      <c r="NOR666" s="613"/>
      <c r="NOS666" s="613"/>
      <c r="NOT666" s="613"/>
      <c r="NOU666" s="613"/>
      <c r="NOV666" s="613"/>
      <c r="NOW666" s="613"/>
      <c r="NOX666" s="613"/>
      <c r="NOY666" s="613"/>
      <c r="NOZ666" s="613"/>
      <c r="NPA666" s="613"/>
      <c r="NPB666" s="613"/>
      <c r="NPC666" s="613"/>
      <c r="NPD666" s="613"/>
      <c r="NPE666" s="613"/>
      <c r="NPF666" s="613"/>
      <c r="NPG666" s="613"/>
      <c r="NPH666" s="613"/>
      <c r="NPI666" s="613"/>
      <c r="NPJ666" s="613"/>
      <c r="NPK666" s="613"/>
      <c r="NPL666" s="613"/>
      <c r="NPM666" s="613"/>
      <c r="NPN666" s="613"/>
      <c r="NPO666" s="613"/>
      <c r="NPP666" s="613"/>
      <c r="NPQ666" s="613"/>
      <c r="NPR666" s="613"/>
      <c r="NPS666" s="613"/>
      <c r="NPT666" s="613"/>
      <c r="NPU666" s="613"/>
      <c r="NPV666" s="613"/>
      <c r="NPW666" s="613"/>
      <c r="NPX666" s="613"/>
      <c r="NPY666" s="613"/>
      <c r="NPZ666" s="613"/>
      <c r="NQA666" s="613"/>
      <c r="NQB666" s="613"/>
      <c r="NQC666" s="613"/>
      <c r="NQD666" s="613"/>
      <c r="NQE666" s="613"/>
      <c r="NQF666" s="613"/>
      <c r="NQG666" s="613"/>
      <c r="NQH666" s="613"/>
      <c r="NQI666" s="613"/>
      <c r="NQJ666" s="613"/>
      <c r="NQK666" s="613"/>
      <c r="NQL666" s="613"/>
      <c r="NQM666" s="613"/>
      <c r="NQN666" s="613"/>
      <c r="NQO666" s="613"/>
      <c r="NQP666" s="613"/>
      <c r="NQQ666" s="613"/>
      <c r="NQR666" s="613"/>
      <c r="NQS666" s="613"/>
      <c r="NQT666" s="613"/>
      <c r="NQU666" s="613"/>
      <c r="NQV666" s="613"/>
      <c r="NQW666" s="613"/>
      <c r="NQX666" s="613"/>
      <c r="NQY666" s="613"/>
      <c r="NQZ666" s="613"/>
      <c r="NRA666" s="613"/>
      <c r="NRB666" s="613"/>
      <c r="NRC666" s="613"/>
      <c r="NRD666" s="613"/>
      <c r="NRE666" s="613"/>
      <c r="NRF666" s="613"/>
      <c r="NRG666" s="613"/>
      <c r="NRH666" s="613"/>
      <c r="NRI666" s="613"/>
      <c r="NRJ666" s="613"/>
      <c r="NRK666" s="613"/>
      <c r="NRL666" s="613"/>
      <c r="NRM666" s="613"/>
      <c r="NRN666" s="613"/>
      <c r="NRO666" s="613"/>
      <c r="NRP666" s="613"/>
      <c r="NRQ666" s="613"/>
      <c r="NRR666" s="613"/>
      <c r="NRS666" s="613"/>
      <c r="NRT666" s="613"/>
      <c r="NRU666" s="613"/>
      <c r="NRV666" s="613"/>
      <c r="NRW666" s="613"/>
      <c r="NRX666" s="613"/>
      <c r="NRY666" s="613"/>
      <c r="NRZ666" s="613"/>
      <c r="NSA666" s="613"/>
      <c r="NSB666" s="613"/>
      <c r="NSC666" s="613"/>
      <c r="NSD666" s="613"/>
      <c r="NSE666" s="613"/>
      <c r="NSF666" s="613"/>
      <c r="NSG666" s="613"/>
      <c r="NSH666" s="613"/>
      <c r="NSI666" s="613"/>
      <c r="NSJ666" s="613"/>
      <c r="NSK666" s="613"/>
      <c r="NSL666" s="613"/>
      <c r="NSM666" s="613"/>
      <c r="NSN666" s="613"/>
      <c r="NSO666" s="613"/>
      <c r="NSP666" s="613"/>
      <c r="NSQ666" s="613"/>
      <c r="NSR666" s="613"/>
      <c r="NSS666" s="613"/>
      <c r="NST666" s="613"/>
      <c r="NSU666" s="613"/>
      <c r="NSV666" s="613"/>
      <c r="NSW666" s="613"/>
      <c r="NSX666" s="613"/>
      <c r="NSY666" s="613"/>
      <c r="NSZ666" s="613"/>
      <c r="NTA666" s="613"/>
      <c r="NTB666" s="613"/>
      <c r="NTC666" s="613"/>
      <c r="NTD666" s="613"/>
      <c r="NTE666" s="613"/>
      <c r="NTF666" s="613"/>
      <c r="NTG666" s="613"/>
      <c r="NTH666" s="613"/>
      <c r="NTI666" s="613"/>
      <c r="NTJ666" s="613"/>
      <c r="NTK666" s="613"/>
      <c r="NTL666" s="613"/>
      <c r="NTM666" s="613"/>
      <c r="NTN666" s="613"/>
      <c r="NTO666" s="613"/>
      <c r="NTP666" s="613"/>
      <c r="NTQ666" s="613"/>
      <c r="NTR666" s="613"/>
      <c r="NTS666" s="613"/>
      <c r="NTT666" s="613"/>
      <c r="NTU666" s="613"/>
      <c r="NTV666" s="613"/>
      <c r="NTW666" s="613"/>
      <c r="NTX666" s="613"/>
      <c r="NTY666" s="613"/>
      <c r="NTZ666" s="613"/>
      <c r="NUA666" s="613"/>
      <c r="NUB666" s="613"/>
      <c r="NUC666" s="613"/>
      <c r="NUD666" s="613"/>
      <c r="NUE666" s="613"/>
      <c r="NUF666" s="613"/>
      <c r="NUG666" s="613"/>
      <c r="NUH666" s="613"/>
      <c r="NUI666" s="613"/>
      <c r="NUJ666" s="613"/>
      <c r="NUK666" s="613"/>
      <c r="NUL666" s="613"/>
      <c r="NUM666" s="613"/>
      <c r="NUN666" s="613"/>
      <c r="NUO666" s="613"/>
      <c r="NUP666" s="613"/>
      <c r="NUQ666" s="613"/>
      <c r="NUR666" s="613"/>
      <c r="NUS666" s="613"/>
      <c r="NUT666" s="613"/>
      <c r="NUU666" s="613"/>
      <c r="NUV666" s="613"/>
      <c r="NUW666" s="613"/>
      <c r="NUX666" s="613"/>
      <c r="NUY666" s="613"/>
      <c r="NUZ666" s="613"/>
      <c r="NVA666" s="613"/>
      <c r="NVB666" s="613"/>
      <c r="NVC666" s="613"/>
      <c r="NVD666" s="613"/>
      <c r="NVE666" s="613"/>
      <c r="NVF666" s="613"/>
      <c r="NVG666" s="613"/>
      <c r="NVH666" s="613"/>
      <c r="NVI666" s="613"/>
      <c r="NVJ666" s="613"/>
      <c r="NVK666" s="613"/>
      <c r="NVL666" s="613"/>
      <c r="NVM666" s="613"/>
      <c r="NVN666" s="613"/>
      <c r="NVO666" s="613"/>
      <c r="NVP666" s="613"/>
      <c r="NVQ666" s="613"/>
      <c r="NVR666" s="613"/>
      <c r="NVS666" s="613"/>
      <c r="NVT666" s="613"/>
      <c r="NVU666" s="613"/>
      <c r="NVV666" s="613"/>
      <c r="NVW666" s="613"/>
      <c r="NVX666" s="613"/>
      <c r="NVY666" s="613"/>
      <c r="NVZ666" s="613"/>
      <c r="NWA666" s="613"/>
      <c r="NWB666" s="613"/>
      <c r="NWC666" s="613"/>
      <c r="NWD666" s="613"/>
      <c r="NWE666" s="613"/>
      <c r="NWF666" s="613"/>
      <c r="NWG666" s="613"/>
      <c r="NWH666" s="613"/>
      <c r="NWI666" s="613"/>
      <c r="NWJ666" s="613"/>
      <c r="NWK666" s="613"/>
      <c r="NWL666" s="613"/>
      <c r="NWM666" s="613"/>
      <c r="NWN666" s="613"/>
      <c r="NWO666" s="613"/>
      <c r="NWP666" s="613"/>
      <c r="NWQ666" s="613"/>
      <c r="NWR666" s="613"/>
      <c r="NWS666" s="613"/>
      <c r="NWT666" s="613"/>
      <c r="NWU666" s="613"/>
      <c r="NWV666" s="613"/>
      <c r="NWW666" s="613"/>
      <c r="NWX666" s="613"/>
      <c r="NWY666" s="613"/>
      <c r="NWZ666" s="613"/>
      <c r="NXA666" s="613"/>
      <c r="NXB666" s="613"/>
      <c r="NXC666" s="613"/>
      <c r="NXD666" s="613"/>
      <c r="NXE666" s="613"/>
      <c r="NXF666" s="613"/>
      <c r="NXG666" s="613"/>
      <c r="NXH666" s="613"/>
      <c r="NXI666" s="613"/>
      <c r="NXJ666" s="613"/>
      <c r="NXK666" s="613"/>
      <c r="NXL666" s="613"/>
      <c r="NXM666" s="613"/>
      <c r="NXN666" s="613"/>
      <c r="NXO666" s="613"/>
      <c r="NXP666" s="613"/>
      <c r="NXQ666" s="613"/>
      <c r="NXR666" s="613"/>
      <c r="NXS666" s="613"/>
      <c r="NXT666" s="613"/>
      <c r="NXU666" s="613"/>
      <c r="NXV666" s="613"/>
      <c r="NXW666" s="613"/>
      <c r="NXX666" s="613"/>
      <c r="NXY666" s="613"/>
      <c r="NXZ666" s="613"/>
      <c r="NYA666" s="613"/>
      <c r="NYB666" s="613"/>
      <c r="NYC666" s="613"/>
      <c r="NYD666" s="613"/>
      <c r="NYE666" s="613"/>
      <c r="NYF666" s="613"/>
      <c r="NYG666" s="613"/>
      <c r="NYH666" s="613"/>
      <c r="NYI666" s="613"/>
      <c r="NYJ666" s="613"/>
      <c r="NYK666" s="613"/>
      <c r="NYL666" s="613"/>
      <c r="NYM666" s="613"/>
      <c r="NYN666" s="613"/>
      <c r="NYO666" s="613"/>
      <c r="NYP666" s="613"/>
      <c r="NYQ666" s="613"/>
      <c r="NYR666" s="613"/>
      <c r="NYS666" s="613"/>
      <c r="NYT666" s="613"/>
      <c r="NYU666" s="613"/>
      <c r="NYV666" s="613"/>
      <c r="NYW666" s="613"/>
      <c r="NYX666" s="613"/>
      <c r="NYY666" s="613"/>
      <c r="NYZ666" s="613"/>
      <c r="NZA666" s="613"/>
      <c r="NZB666" s="613"/>
      <c r="NZC666" s="613"/>
      <c r="NZD666" s="613"/>
      <c r="NZE666" s="613"/>
      <c r="NZF666" s="613"/>
      <c r="NZG666" s="613"/>
      <c r="NZH666" s="613"/>
      <c r="NZI666" s="613"/>
      <c r="NZJ666" s="613"/>
      <c r="NZK666" s="613"/>
      <c r="NZL666" s="613"/>
      <c r="NZM666" s="613"/>
      <c r="NZN666" s="613"/>
      <c r="NZO666" s="613"/>
      <c r="NZP666" s="613"/>
      <c r="NZQ666" s="613"/>
      <c r="NZR666" s="613"/>
      <c r="NZS666" s="613"/>
      <c r="NZT666" s="613"/>
      <c r="NZU666" s="613"/>
      <c r="NZV666" s="613"/>
      <c r="NZW666" s="613"/>
      <c r="NZX666" s="613"/>
      <c r="NZY666" s="613"/>
      <c r="NZZ666" s="613"/>
      <c r="OAA666" s="613"/>
      <c r="OAB666" s="613"/>
      <c r="OAC666" s="613"/>
      <c r="OAD666" s="613"/>
      <c r="OAE666" s="613"/>
      <c r="OAF666" s="613"/>
      <c r="OAG666" s="613"/>
      <c r="OAH666" s="613"/>
      <c r="OAI666" s="613"/>
      <c r="OAJ666" s="613"/>
      <c r="OAK666" s="613"/>
      <c r="OAL666" s="613"/>
      <c r="OAM666" s="613"/>
      <c r="OAN666" s="613"/>
      <c r="OAO666" s="613"/>
      <c r="OAP666" s="613"/>
      <c r="OAQ666" s="613"/>
      <c r="OAR666" s="613"/>
      <c r="OAS666" s="613"/>
      <c r="OAT666" s="613"/>
      <c r="OAU666" s="613"/>
      <c r="OAV666" s="613"/>
      <c r="OAW666" s="613"/>
      <c r="OAX666" s="613"/>
      <c r="OAY666" s="613"/>
      <c r="OAZ666" s="613"/>
      <c r="OBA666" s="613"/>
      <c r="OBB666" s="613"/>
      <c r="OBC666" s="613"/>
      <c r="OBD666" s="613"/>
      <c r="OBE666" s="613"/>
      <c r="OBF666" s="613"/>
      <c r="OBG666" s="613"/>
      <c r="OBH666" s="613"/>
      <c r="OBI666" s="613"/>
      <c r="OBJ666" s="613"/>
      <c r="OBK666" s="613"/>
      <c r="OBL666" s="613"/>
      <c r="OBM666" s="613"/>
      <c r="OBN666" s="613"/>
      <c r="OBO666" s="613"/>
      <c r="OBP666" s="613"/>
      <c r="OBQ666" s="613"/>
      <c r="OBR666" s="613"/>
      <c r="OBS666" s="613"/>
      <c r="OBT666" s="613"/>
      <c r="OBU666" s="613"/>
      <c r="OBV666" s="613"/>
      <c r="OBW666" s="613"/>
      <c r="OBX666" s="613"/>
      <c r="OBY666" s="613"/>
      <c r="OBZ666" s="613"/>
      <c r="OCA666" s="613"/>
      <c r="OCB666" s="613"/>
      <c r="OCC666" s="613"/>
      <c r="OCD666" s="613"/>
      <c r="OCE666" s="613"/>
      <c r="OCF666" s="613"/>
      <c r="OCG666" s="613"/>
      <c r="OCH666" s="613"/>
      <c r="OCI666" s="613"/>
      <c r="OCJ666" s="613"/>
      <c r="OCK666" s="613"/>
      <c r="OCL666" s="613"/>
      <c r="OCM666" s="613"/>
      <c r="OCN666" s="613"/>
      <c r="OCO666" s="613"/>
      <c r="OCP666" s="613"/>
      <c r="OCQ666" s="613"/>
      <c r="OCR666" s="613"/>
      <c r="OCS666" s="613"/>
      <c r="OCT666" s="613"/>
      <c r="OCU666" s="613"/>
      <c r="OCV666" s="613"/>
      <c r="OCW666" s="613"/>
      <c r="OCX666" s="613"/>
      <c r="OCY666" s="613"/>
      <c r="OCZ666" s="613"/>
      <c r="ODA666" s="613"/>
      <c r="ODB666" s="613"/>
      <c r="ODC666" s="613"/>
      <c r="ODD666" s="613"/>
      <c r="ODE666" s="613"/>
      <c r="ODF666" s="613"/>
      <c r="ODG666" s="613"/>
      <c r="ODH666" s="613"/>
      <c r="ODI666" s="613"/>
      <c r="ODJ666" s="613"/>
      <c r="ODK666" s="613"/>
      <c r="ODL666" s="613"/>
      <c r="ODM666" s="613"/>
      <c r="ODN666" s="613"/>
      <c r="ODO666" s="613"/>
      <c r="ODP666" s="613"/>
      <c r="ODQ666" s="613"/>
      <c r="ODR666" s="613"/>
      <c r="ODS666" s="613"/>
      <c r="ODT666" s="613"/>
      <c r="ODU666" s="613"/>
      <c r="ODV666" s="613"/>
      <c r="ODW666" s="613"/>
      <c r="ODX666" s="613"/>
      <c r="ODY666" s="613"/>
      <c r="ODZ666" s="613"/>
      <c r="OEA666" s="613"/>
      <c r="OEB666" s="613"/>
      <c r="OEC666" s="613"/>
      <c r="OED666" s="613"/>
      <c r="OEE666" s="613"/>
      <c r="OEF666" s="613"/>
      <c r="OEG666" s="613"/>
      <c r="OEH666" s="613"/>
      <c r="OEI666" s="613"/>
      <c r="OEJ666" s="613"/>
      <c r="OEK666" s="613"/>
      <c r="OEL666" s="613"/>
      <c r="OEM666" s="613"/>
      <c r="OEN666" s="613"/>
      <c r="OEO666" s="613"/>
      <c r="OEP666" s="613"/>
      <c r="OEQ666" s="613"/>
      <c r="OER666" s="613"/>
      <c r="OES666" s="613"/>
      <c r="OET666" s="613"/>
      <c r="OEU666" s="613"/>
      <c r="OEV666" s="613"/>
      <c r="OEW666" s="613"/>
      <c r="OEX666" s="613"/>
      <c r="OEY666" s="613"/>
      <c r="OEZ666" s="613"/>
      <c r="OFA666" s="613"/>
      <c r="OFB666" s="613"/>
      <c r="OFC666" s="613"/>
      <c r="OFD666" s="613"/>
      <c r="OFE666" s="613"/>
      <c r="OFF666" s="613"/>
      <c r="OFG666" s="613"/>
      <c r="OFH666" s="613"/>
      <c r="OFI666" s="613"/>
      <c r="OFJ666" s="613"/>
      <c r="OFK666" s="613"/>
      <c r="OFL666" s="613"/>
      <c r="OFM666" s="613"/>
      <c r="OFN666" s="613"/>
      <c r="OFO666" s="613"/>
      <c r="OFP666" s="613"/>
      <c r="OFQ666" s="613"/>
      <c r="OFR666" s="613"/>
      <c r="OFS666" s="613"/>
      <c r="OFT666" s="613"/>
      <c r="OFU666" s="613"/>
      <c r="OFV666" s="613"/>
      <c r="OFW666" s="613"/>
      <c r="OFX666" s="613"/>
      <c r="OFY666" s="613"/>
      <c r="OFZ666" s="613"/>
      <c r="OGA666" s="613"/>
      <c r="OGB666" s="613"/>
      <c r="OGC666" s="613"/>
      <c r="OGD666" s="613"/>
      <c r="OGE666" s="613"/>
      <c r="OGF666" s="613"/>
      <c r="OGG666" s="613"/>
      <c r="OGH666" s="613"/>
      <c r="OGI666" s="613"/>
      <c r="OGJ666" s="613"/>
      <c r="OGK666" s="613"/>
      <c r="OGL666" s="613"/>
      <c r="OGM666" s="613"/>
      <c r="OGN666" s="613"/>
      <c r="OGO666" s="613"/>
      <c r="OGP666" s="613"/>
      <c r="OGQ666" s="613"/>
      <c r="OGR666" s="613"/>
      <c r="OGS666" s="613"/>
      <c r="OGT666" s="613"/>
      <c r="OGU666" s="613"/>
      <c r="OGV666" s="613"/>
      <c r="OGW666" s="613"/>
      <c r="OGX666" s="613"/>
      <c r="OGY666" s="613"/>
      <c r="OGZ666" s="613"/>
      <c r="OHA666" s="613"/>
      <c r="OHB666" s="613"/>
      <c r="OHC666" s="613"/>
      <c r="OHD666" s="613"/>
      <c r="OHE666" s="613"/>
      <c r="OHF666" s="613"/>
      <c r="OHG666" s="613"/>
      <c r="OHH666" s="613"/>
      <c r="OHI666" s="613"/>
      <c r="OHJ666" s="613"/>
      <c r="OHK666" s="613"/>
      <c r="OHL666" s="613"/>
      <c r="OHM666" s="613"/>
      <c r="OHN666" s="613"/>
      <c r="OHO666" s="613"/>
      <c r="OHP666" s="613"/>
      <c r="OHQ666" s="613"/>
      <c r="OHR666" s="613"/>
      <c r="OHS666" s="613"/>
      <c r="OHT666" s="613"/>
      <c r="OHU666" s="613"/>
      <c r="OHV666" s="613"/>
      <c r="OHW666" s="613"/>
      <c r="OHX666" s="613"/>
      <c r="OHY666" s="613"/>
      <c r="OHZ666" s="613"/>
      <c r="OIA666" s="613"/>
      <c r="OIB666" s="613"/>
      <c r="OIC666" s="613"/>
      <c r="OID666" s="613"/>
      <c r="OIE666" s="613"/>
      <c r="OIF666" s="613"/>
      <c r="OIG666" s="613"/>
      <c r="OIH666" s="613"/>
      <c r="OII666" s="613"/>
      <c r="OIJ666" s="613"/>
      <c r="OIK666" s="613"/>
      <c r="OIL666" s="613"/>
      <c r="OIM666" s="613"/>
      <c r="OIN666" s="613"/>
      <c r="OIO666" s="613"/>
      <c r="OIP666" s="613"/>
      <c r="OIQ666" s="613"/>
      <c r="OIR666" s="613"/>
      <c r="OIS666" s="613"/>
      <c r="OIT666" s="613"/>
      <c r="OIU666" s="613"/>
      <c r="OIV666" s="613"/>
      <c r="OIW666" s="613"/>
      <c r="OIX666" s="613"/>
      <c r="OIY666" s="613"/>
      <c r="OIZ666" s="613"/>
      <c r="OJA666" s="613"/>
      <c r="OJB666" s="613"/>
      <c r="OJC666" s="613"/>
      <c r="OJD666" s="613"/>
      <c r="OJE666" s="613"/>
      <c r="OJF666" s="613"/>
      <c r="OJG666" s="613"/>
      <c r="OJH666" s="613"/>
      <c r="OJI666" s="613"/>
      <c r="OJJ666" s="613"/>
      <c r="OJK666" s="613"/>
      <c r="OJL666" s="613"/>
      <c r="OJM666" s="613"/>
      <c r="OJN666" s="613"/>
      <c r="OJO666" s="613"/>
      <c r="OJP666" s="613"/>
      <c r="OJQ666" s="613"/>
      <c r="OJR666" s="613"/>
      <c r="OJS666" s="613"/>
      <c r="OJT666" s="613"/>
      <c r="OJU666" s="613"/>
      <c r="OJV666" s="613"/>
      <c r="OJW666" s="613"/>
      <c r="OJX666" s="613"/>
      <c r="OJY666" s="613"/>
      <c r="OJZ666" s="613"/>
      <c r="OKA666" s="613"/>
      <c r="OKB666" s="613"/>
      <c r="OKC666" s="613"/>
      <c r="OKD666" s="613"/>
      <c r="OKE666" s="613"/>
      <c r="OKF666" s="613"/>
      <c r="OKG666" s="613"/>
      <c r="OKH666" s="613"/>
      <c r="OKI666" s="613"/>
      <c r="OKJ666" s="613"/>
      <c r="OKK666" s="613"/>
      <c r="OKL666" s="613"/>
      <c r="OKM666" s="613"/>
      <c r="OKN666" s="613"/>
      <c r="OKO666" s="613"/>
      <c r="OKP666" s="613"/>
      <c r="OKQ666" s="613"/>
      <c r="OKR666" s="613"/>
      <c r="OKS666" s="613"/>
      <c r="OKT666" s="613"/>
      <c r="OKU666" s="613"/>
      <c r="OKV666" s="613"/>
      <c r="OKW666" s="613"/>
      <c r="OKX666" s="613"/>
      <c r="OKY666" s="613"/>
      <c r="OKZ666" s="613"/>
      <c r="OLA666" s="613"/>
      <c r="OLB666" s="613"/>
      <c r="OLC666" s="613"/>
      <c r="OLD666" s="613"/>
      <c r="OLE666" s="613"/>
      <c r="OLF666" s="613"/>
      <c r="OLG666" s="613"/>
      <c r="OLH666" s="613"/>
      <c r="OLI666" s="613"/>
      <c r="OLJ666" s="613"/>
      <c r="OLK666" s="613"/>
      <c r="OLL666" s="613"/>
      <c r="OLM666" s="613"/>
      <c r="OLN666" s="613"/>
      <c r="OLO666" s="613"/>
      <c r="OLP666" s="613"/>
      <c r="OLQ666" s="613"/>
      <c r="OLR666" s="613"/>
      <c r="OLS666" s="613"/>
      <c r="OLT666" s="613"/>
      <c r="OLU666" s="613"/>
      <c r="OLV666" s="613"/>
      <c r="OLW666" s="613"/>
      <c r="OLX666" s="613"/>
      <c r="OLY666" s="613"/>
      <c r="OLZ666" s="613"/>
      <c r="OMA666" s="613"/>
      <c r="OMB666" s="613"/>
      <c r="OMC666" s="613"/>
      <c r="OMD666" s="613"/>
      <c r="OME666" s="613"/>
      <c r="OMF666" s="613"/>
      <c r="OMG666" s="613"/>
      <c r="OMH666" s="613"/>
      <c r="OMI666" s="613"/>
      <c r="OMJ666" s="613"/>
      <c r="OMK666" s="613"/>
      <c r="OML666" s="613"/>
      <c r="OMM666" s="613"/>
      <c r="OMN666" s="613"/>
      <c r="OMO666" s="613"/>
      <c r="OMP666" s="613"/>
      <c r="OMQ666" s="613"/>
      <c r="OMR666" s="613"/>
      <c r="OMS666" s="613"/>
      <c r="OMT666" s="613"/>
      <c r="OMU666" s="613"/>
      <c r="OMV666" s="613"/>
      <c r="OMW666" s="613"/>
      <c r="OMX666" s="613"/>
      <c r="OMY666" s="613"/>
      <c r="OMZ666" s="613"/>
      <c r="ONA666" s="613"/>
      <c r="ONB666" s="613"/>
      <c r="ONC666" s="613"/>
      <c r="OND666" s="613"/>
      <c r="ONE666" s="613"/>
      <c r="ONF666" s="613"/>
      <c r="ONG666" s="613"/>
      <c r="ONH666" s="613"/>
      <c r="ONI666" s="613"/>
      <c r="ONJ666" s="613"/>
      <c r="ONK666" s="613"/>
      <c r="ONL666" s="613"/>
      <c r="ONM666" s="613"/>
      <c r="ONN666" s="613"/>
      <c r="ONO666" s="613"/>
      <c r="ONP666" s="613"/>
      <c r="ONQ666" s="613"/>
      <c r="ONR666" s="613"/>
      <c r="ONS666" s="613"/>
      <c r="ONT666" s="613"/>
      <c r="ONU666" s="613"/>
      <c r="ONV666" s="613"/>
      <c r="ONW666" s="613"/>
      <c r="ONX666" s="613"/>
      <c r="ONY666" s="613"/>
      <c r="ONZ666" s="613"/>
      <c r="OOA666" s="613"/>
      <c r="OOB666" s="613"/>
      <c r="OOC666" s="613"/>
      <c r="OOD666" s="613"/>
      <c r="OOE666" s="613"/>
      <c r="OOF666" s="613"/>
      <c r="OOG666" s="613"/>
      <c r="OOH666" s="613"/>
      <c r="OOI666" s="613"/>
      <c r="OOJ666" s="613"/>
      <c r="OOK666" s="613"/>
      <c r="OOL666" s="613"/>
      <c r="OOM666" s="613"/>
      <c r="OON666" s="613"/>
      <c r="OOO666" s="613"/>
      <c r="OOP666" s="613"/>
      <c r="OOQ666" s="613"/>
      <c r="OOR666" s="613"/>
      <c r="OOS666" s="613"/>
      <c r="OOT666" s="613"/>
      <c r="OOU666" s="613"/>
      <c r="OOV666" s="613"/>
      <c r="OOW666" s="613"/>
      <c r="OOX666" s="613"/>
      <c r="OOY666" s="613"/>
      <c r="OOZ666" s="613"/>
      <c r="OPA666" s="613"/>
      <c r="OPB666" s="613"/>
      <c r="OPC666" s="613"/>
      <c r="OPD666" s="613"/>
      <c r="OPE666" s="613"/>
      <c r="OPF666" s="613"/>
      <c r="OPG666" s="613"/>
      <c r="OPH666" s="613"/>
      <c r="OPI666" s="613"/>
      <c r="OPJ666" s="613"/>
      <c r="OPK666" s="613"/>
      <c r="OPL666" s="613"/>
      <c r="OPM666" s="613"/>
      <c r="OPN666" s="613"/>
      <c r="OPO666" s="613"/>
      <c r="OPP666" s="613"/>
      <c r="OPQ666" s="613"/>
      <c r="OPR666" s="613"/>
      <c r="OPS666" s="613"/>
      <c r="OPT666" s="613"/>
      <c r="OPU666" s="613"/>
      <c r="OPV666" s="613"/>
      <c r="OPW666" s="613"/>
      <c r="OPX666" s="613"/>
      <c r="OPY666" s="613"/>
      <c r="OPZ666" s="613"/>
      <c r="OQA666" s="613"/>
      <c r="OQB666" s="613"/>
      <c r="OQC666" s="613"/>
      <c r="OQD666" s="613"/>
      <c r="OQE666" s="613"/>
      <c r="OQF666" s="613"/>
      <c r="OQG666" s="613"/>
      <c r="OQH666" s="613"/>
      <c r="OQI666" s="613"/>
      <c r="OQJ666" s="613"/>
      <c r="OQK666" s="613"/>
      <c r="OQL666" s="613"/>
      <c r="OQM666" s="613"/>
      <c r="OQN666" s="613"/>
      <c r="OQO666" s="613"/>
      <c r="OQP666" s="613"/>
      <c r="OQQ666" s="613"/>
      <c r="OQR666" s="613"/>
      <c r="OQS666" s="613"/>
      <c r="OQT666" s="613"/>
      <c r="OQU666" s="613"/>
      <c r="OQV666" s="613"/>
      <c r="OQW666" s="613"/>
      <c r="OQX666" s="613"/>
      <c r="OQY666" s="613"/>
      <c r="OQZ666" s="613"/>
      <c r="ORA666" s="613"/>
      <c r="ORB666" s="613"/>
      <c r="ORC666" s="613"/>
      <c r="ORD666" s="613"/>
      <c r="ORE666" s="613"/>
      <c r="ORF666" s="613"/>
      <c r="ORG666" s="613"/>
      <c r="ORH666" s="613"/>
      <c r="ORI666" s="613"/>
      <c r="ORJ666" s="613"/>
      <c r="ORK666" s="613"/>
      <c r="ORL666" s="613"/>
      <c r="ORM666" s="613"/>
      <c r="ORN666" s="613"/>
      <c r="ORO666" s="613"/>
      <c r="ORP666" s="613"/>
      <c r="ORQ666" s="613"/>
      <c r="ORR666" s="613"/>
      <c r="ORS666" s="613"/>
      <c r="ORT666" s="613"/>
      <c r="ORU666" s="613"/>
      <c r="ORV666" s="613"/>
      <c r="ORW666" s="613"/>
      <c r="ORX666" s="613"/>
      <c r="ORY666" s="613"/>
      <c r="ORZ666" s="613"/>
      <c r="OSA666" s="613"/>
      <c r="OSB666" s="613"/>
      <c r="OSC666" s="613"/>
      <c r="OSD666" s="613"/>
      <c r="OSE666" s="613"/>
      <c r="OSF666" s="613"/>
      <c r="OSG666" s="613"/>
      <c r="OSH666" s="613"/>
      <c r="OSI666" s="613"/>
      <c r="OSJ666" s="613"/>
      <c r="OSK666" s="613"/>
      <c r="OSL666" s="613"/>
      <c r="OSM666" s="613"/>
      <c r="OSN666" s="613"/>
      <c r="OSO666" s="613"/>
      <c r="OSP666" s="613"/>
      <c r="OSQ666" s="613"/>
      <c r="OSR666" s="613"/>
      <c r="OSS666" s="613"/>
      <c r="OST666" s="613"/>
      <c r="OSU666" s="613"/>
      <c r="OSV666" s="613"/>
      <c r="OSW666" s="613"/>
      <c r="OSX666" s="613"/>
      <c r="OSY666" s="613"/>
      <c r="OSZ666" s="613"/>
      <c r="OTA666" s="613"/>
      <c r="OTB666" s="613"/>
      <c r="OTC666" s="613"/>
      <c r="OTD666" s="613"/>
      <c r="OTE666" s="613"/>
      <c r="OTF666" s="613"/>
      <c r="OTG666" s="613"/>
      <c r="OTH666" s="613"/>
      <c r="OTI666" s="613"/>
      <c r="OTJ666" s="613"/>
      <c r="OTK666" s="613"/>
      <c r="OTL666" s="613"/>
      <c r="OTM666" s="613"/>
      <c r="OTN666" s="613"/>
      <c r="OTO666" s="613"/>
      <c r="OTP666" s="613"/>
      <c r="OTQ666" s="613"/>
      <c r="OTR666" s="613"/>
      <c r="OTS666" s="613"/>
      <c r="OTT666" s="613"/>
      <c r="OTU666" s="613"/>
      <c r="OTV666" s="613"/>
      <c r="OTW666" s="613"/>
      <c r="OTX666" s="613"/>
      <c r="OTY666" s="613"/>
      <c r="OTZ666" s="613"/>
      <c r="OUA666" s="613"/>
      <c r="OUB666" s="613"/>
      <c r="OUC666" s="613"/>
      <c r="OUD666" s="613"/>
      <c r="OUE666" s="613"/>
      <c r="OUF666" s="613"/>
      <c r="OUG666" s="613"/>
      <c r="OUH666" s="613"/>
      <c r="OUI666" s="613"/>
      <c r="OUJ666" s="613"/>
      <c r="OUK666" s="613"/>
      <c r="OUL666" s="613"/>
      <c r="OUM666" s="613"/>
      <c r="OUN666" s="613"/>
      <c r="OUO666" s="613"/>
      <c r="OUP666" s="613"/>
      <c r="OUQ666" s="613"/>
      <c r="OUR666" s="613"/>
      <c r="OUS666" s="613"/>
      <c r="OUT666" s="613"/>
      <c r="OUU666" s="613"/>
      <c r="OUV666" s="613"/>
      <c r="OUW666" s="613"/>
      <c r="OUX666" s="613"/>
      <c r="OUY666" s="613"/>
      <c r="OUZ666" s="613"/>
      <c r="OVA666" s="613"/>
      <c r="OVB666" s="613"/>
      <c r="OVC666" s="613"/>
      <c r="OVD666" s="613"/>
      <c r="OVE666" s="613"/>
      <c r="OVF666" s="613"/>
      <c r="OVG666" s="613"/>
      <c r="OVH666" s="613"/>
      <c r="OVI666" s="613"/>
      <c r="OVJ666" s="613"/>
      <c r="OVK666" s="613"/>
      <c r="OVL666" s="613"/>
      <c r="OVM666" s="613"/>
      <c r="OVN666" s="613"/>
      <c r="OVO666" s="613"/>
      <c r="OVP666" s="613"/>
      <c r="OVQ666" s="613"/>
      <c r="OVR666" s="613"/>
      <c r="OVS666" s="613"/>
      <c r="OVT666" s="613"/>
      <c r="OVU666" s="613"/>
      <c r="OVV666" s="613"/>
      <c r="OVW666" s="613"/>
      <c r="OVX666" s="613"/>
      <c r="OVY666" s="613"/>
      <c r="OVZ666" s="613"/>
      <c r="OWA666" s="613"/>
      <c r="OWB666" s="613"/>
      <c r="OWC666" s="613"/>
      <c r="OWD666" s="613"/>
      <c r="OWE666" s="613"/>
      <c r="OWF666" s="613"/>
      <c r="OWG666" s="613"/>
      <c r="OWH666" s="613"/>
      <c r="OWI666" s="613"/>
      <c r="OWJ666" s="613"/>
      <c r="OWK666" s="613"/>
      <c r="OWL666" s="613"/>
      <c r="OWM666" s="613"/>
      <c r="OWN666" s="613"/>
      <c r="OWO666" s="613"/>
      <c r="OWP666" s="613"/>
      <c r="OWQ666" s="613"/>
      <c r="OWR666" s="613"/>
      <c r="OWS666" s="613"/>
      <c r="OWT666" s="613"/>
      <c r="OWU666" s="613"/>
      <c r="OWV666" s="613"/>
      <c r="OWW666" s="613"/>
      <c r="OWX666" s="613"/>
      <c r="OWY666" s="613"/>
      <c r="OWZ666" s="613"/>
      <c r="OXA666" s="613"/>
      <c r="OXB666" s="613"/>
      <c r="OXC666" s="613"/>
      <c r="OXD666" s="613"/>
      <c r="OXE666" s="613"/>
      <c r="OXF666" s="613"/>
      <c r="OXG666" s="613"/>
      <c r="OXH666" s="613"/>
      <c r="OXI666" s="613"/>
      <c r="OXJ666" s="613"/>
      <c r="OXK666" s="613"/>
      <c r="OXL666" s="613"/>
      <c r="OXM666" s="613"/>
      <c r="OXN666" s="613"/>
      <c r="OXO666" s="613"/>
      <c r="OXP666" s="613"/>
      <c r="OXQ666" s="613"/>
      <c r="OXR666" s="613"/>
      <c r="OXS666" s="613"/>
      <c r="OXT666" s="613"/>
      <c r="OXU666" s="613"/>
      <c r="OXV666" s="613"/>
      <c r="OXW666" s="613"/>
      <c r="OXX666" s="613"/>
      <c r="OXY666" s="613"/>
      <c r="OXZ666" s="613"/>
      <c r="OYA666" s="613"/>
      <c r="OYB666" s="613"/>
      <c r="OYC666" s="613"/>
      <c r="OYD666" s="613"/>
      <c r="OYE666" s="613"/>
      <c r="OYF666" s="613"/>
      <c r="OYG666" s="613"/>
      <c r="OYH666" s="613"/>
      <c r="OYI666" s="613"/>
      <c r="OYJ666" s="613"/>
      <c r="OYK666" s="613"/>
      <c r="OYL666" s="613"/>
      <c r="OYM666" s="613"/>
      <c r="OYN666" s="613"/>
      <c r="OYO666" s="613"/>
      <c r="OYP666" s="613"/>
      <c r="OYQ666" s="613"/>
      <c r="OYR666" s="613"/>
      <c r="OYS666" s="613"/>
      <c r="OYT666" s="613"/>
      <c r="OYU666" s="613"/>
      <c r="OYV666" s="613"/>
      <c r="OYW666" s="613"/>
      <c r="OYX666" s="613"/>
      <c r="OYY666" s="613"/>
      <c r="OYZ666" s="613"/>
      <c r="OZA666" s="613"/>
      <c r="OZB666" s="613"/>
      <c r="OZC666" s="613"/>
      <c r="OZD666" s="613"/>
      <c r="OZE666" s="613"/>
      <c r="OZF666" s="613"/>
      <c r="OZG666" s="613"/>
      <c r="OZH666" s="613"/>
      <c r="OZI666" s="613"/>
      <c r="OZJ666" s="613"/>
      <c r="OZK666" s="613"/>
      <c r="OZL666" s="613"/>
      <c r="OZM666" s="613"/>
      <c r="OZN666" s="613"/>
      <c r="OZO666" s="613"/>
      <c r="OZP666" s="613"/>
      <c r="OZQ666" s="613"/>
      <c r="OZR666" s="613"/>
      <c r="OZS666" s="613"/>
      <c r="OZT666" s="613"/>
      <c r="OZU666" s="613"/>
      <c r="OZV666" s="613"/>
      <c r="OZW666" s="613"/>
      <c r="OZX666" s="613"/>
      <c r="OZY666" s="613"/>
      <c r="OZZ666" s="613"/>
      <c r="PAA666" s="613"/>
      <c r="PAB666" s="613"/>
      <c r="PAC666" s="613"/>
      <c r="PAD666" s="613"/>
      <c r="PAE666" s="613"/>
      <c r="PAF666" s="613"/>
      <c r="PAG666" s="613"/>
      <c r="PAH666" s="613"/>
      <c r="PAI666" s="613"/>
      <c r="PAJ666" s="613"/>
      <c r="PAK666" s="613"/>
      <c r="PAL666" s="613"/>
      <c r="PAM666" s="613"/>
      <c r="PAN666" s="613"/>
      <c r="PAO666" s="613"/>
      <c r="PAP666" s="613"/>
      <c r="PAQ666" s="613"/>
      <c r="PAR666" s="613"/>
      <c r="PAS666" s="613"/>
      <c r="PAT666" s="613"/>
      <c r="PAU666" s="613"/>
      <c r="PAV666" s="613"/>
      <c r="PAW666" s="613"/>
      <c r="PAX666" s="613"/>
      <c r="PAY666" s="613"/>
      <c r="PAZ666" s="613"/>
      <c r="PBA666" s="613"/>
      <c r="PBB666" s="613"/>
      <c r="PBC666" s="613"/>
      <c r="PBD666" s="613"/>
      <c r="PBE666" s="613"/>
      <c r="PBF666" s="613"/>
      <c r="PBG666" s="613"/>
      <c r="PBH666" s="613"/>
      <c r="PBI666" s="613"/>
      <c r="PBJ666" s="613"/>
      <c r="PBK666" s="613"/>
      <c r="PBL666" s="613"/>
      <c r="PBM666" s="613"/>
      <c r="PBN666" s="613"/>
      <c r="PBO666" s="613"/>
      <c r="PBP666" s="613"/>
      <c r="PBQ666" s="613"/>
      <c r="PBR666" s="613"/>
      <c r="PBS666" s="613"/>
      <c r="PBT666" s="613"/>
      <c r="PBU666" s="613"/>
      <c r="PBV666" s="613"/>
      <c r="PBW666" s="613"/>
      <c r="PBX666" s="613"/>
      <c r="PBY666" s="613"/>
      <c r="PBZ666" s="613"/>
      <c r="PCA666" s="613"/>
      <c r="PCB666" s="613"/>
      <c r="PCC666" s="613"/>
      <c r="PCD666" s="613"/>
      <c r="PCE666" s="613"/>
      <c r="PCF666" s="613"/>
      <c r="PCG666" s="613"/>
      <c r="PCH666" s="613"/>
      <c r="PCI666" s="613"/>
      <c r="PCJ666" s="613"/>
      <c r="PCK666" s="613"/>
      <c r="PCL666" s="613"/>
      <c r="PCM666" s="613"/>
      <c r="PCN666" s="613"/>
      <c r="PCO666" s="613"/>
      <c r="PCP666" s="613"/>
      <c r="PCQ666" s="613"/>
      <c r="PCR666" s="613"/>
      <c r="PCS666" s="613"/>
      <c r="PCT666" s="613"/>
      <c r="PCU666" s="613"/>
      <c r="PCV666" s="613"/>
      <c r="PCW666" s="613"/>
      <c r="PCX666" s="613"/>
      <c r="PCY666" s="613"/>
      <c r="PCZ666" s="613"/>
      <c r="PDA666" s="613"/>
      <c r="PDB666" s="613"/>
      <c r="PDC666" s="613"/>
      <c r="PDD666" s="613"/>
      <c r="PDE666" s="613"/>
      <c r="PDF666" s="613"/>
      <c r="PDG666" s="613"/>
      <c r="PDH666" s="613"/>
      <c r="PDI666" s="613"/>
      <c r="PDJ666" s="613"/>
      <c r="PDK666" s="613"/>
      <c r="PDL666" s="613"/>
      <c r="PDM666" s="613"/>
      <c r="PDN666" s="613"/>
      <c r="PDO666" s="613"/>
      <c r="PDP666" s="613"/>
      <c r="PDQ666" s="613"/>
      <c r="PDR666" s="613"/>
      <c r="PDS666" s="613"/>
      <c r="PDT666" s="613"/>
      <c r="PDU666" s="613"/>
      <c r="PDV666" s="613"/>
      <c r="PDW666" s="613"/>
      <c r="PDX666" s="613"/>
      <c r="PDY666" s="613"/>
      <c r="PDZ666" s="613"/>
      <c r="PEA666" s="613"/>
      <c r="PEB666" s="613"/>
      <c r="PEC666" s="613"/>
      <c r="PED666" s="613"/>
      <c r="PEE666" s="613"/>
      <c r="PEF666" s="613"/>
      <c r="PEG666" s="613"/>
      <c r="PEH666" s="613"/>
      <c r="PEI666" s="613"/>
      <c r="PEJ666" s="613"/>
      <c r="PEK666" s="613"/>
      <c r="PEL666" s="613"/>
      <c r="PEM666" s="613"/>
      <c r="PEN666" s="613"/>
      <c r="PEO666" s="613"/>
      <c r="PEP666" s="613"/>
      <c r="PEQ666" s="613"/>
      <c r="PER666" s="613"/>
      <c r="PES666" s="613"/>
      <c r="PET666" s="613"/>
      <c r="PEU666" s="613"/>
      <c r="PEV666" s="613"/>
      <c r="PEW666" s="613"/>
      <c r="PEX666" s="613"/>
      <c r="PEY666" s="613"/>
      <c r="PEZ666" s="613"/>
      <c r="PFA666" s="613"/>
      <c r="PFB666" s="613"/>
      <c r="PFC666" s="613"/>
      <c r="PFD666" s="613"/>
      <c r="PFE666" s="613"/>
      <c r="PFF666" s="613"/>
      <c r="PFG666" s="613"/>
      <c r="PFH666" s="613"/>
      <c r="PFI666" s="613"/>
      <c r="PFJ666" s="613"/>
      <c r="PFK666" s="613"/>
      <c r="PFL666" s="613"/>
      <c r="PFM666" s="613"/>
      <c r="PFN666" s="613"/>
      <c r="PFO666" s="613"/>
      <c r="PFP666" s="613"/>
      <c r="PFQ666" s="613"/>
      <c r="PFR666" s="613"/>
      <c r="PFS666" s="613"/>
      <c r="PFT666" s="613"/>
      <c r="PFU666" s="613"/>
      <c r="PFV666" s="613"/>
      <c r="PFW666" s="613"/>
      <c r="PFX666" s="613"/>
      <c r="PFY666" s="613"/>
      <c r="PFZ666" s="613"/>
      <c r="PGA666" s="613"/>
      <c r="PGB666" s="613"/>
      <c r="PGC666" s="613"/>
      <c r="PGD666" s="613"/>
      <c r="PGE666" s="613"/>
      <c r="PGF666" s="613"/>
      <c r="PGG666" s="613"/>
      <c r="PGH666" s="613"/>
      <c r="PGI666" s="613"/>
      <c r="PGJ666" s="613"/>
      <c r="PGK666" s="613"/>
      <c r="PGL666" s="613"/>
      <c r="PGM666" s="613"/>
      <c r="PGN666" s="613"/>
      <c r="PGO666" s="613"/>
      <c r="PGP666" s="613"/>
      <c r="PGQ666" s="613"/>
      <c r="PGR666" s="613"/>
      <c r="PGS666" s="613"/>
      <c r="PGT666" s="613"/>
      <c r="PGU666" s="613"/>
      <c r="PGV666" s="613"/>
      <c r="PGW666" s="613"/>
      <c r="PGX666" s="613"/>
      <c r="PGY666" s="613"/>
      <c r="PGZ666" s="613"/>
      <c r="PHA666" s="613"/>
      <c r="PHB666" s="613"/>
      <c r="PHC666" s="613"/>
      <c r="PHD666" s="613"/>
      <c r="PHE666" s="613"/>
      <c r="PHF666" s="613"/>
      <c r="PHG666" s="613"/>
      <c r="PHH666" s="613"/>
      <c r="PHI666" s="613"/>
      <c r="PHJ666" s="613"/>
      <c r="PHK666" s="613"/>
      <c r="PHL666" s="613"/>
      <c r="PHM666" s="613"/>
      <c r="PHN666" s="613"/>
      <c r="PHO666" s="613"/>
      <c r="PHP666" s="613"/>
      <c r="PHQ666" s="613"/>
      <c r="PHR666" s="613"/>
      <c r="PHS666" s="613"/>
      <c r="PHT666" s="613"/>
      <c r="PHU666" s="613"/>
      <c r="PHV666" s="613"/>
      <c r="PHW666" s="613"/>
      <c r="PHX666" s="613"/>
      <c r="PHY666" s="613"/>
      <c r="PHZ666" s="613"/>
      <c r="PIA666" s="613"/>
      <c r="PIB666" s="613"/>
      <c r="PIC666" s="613"/>
      <c r="PID666" s="613"/>
      <c r="PIE666" s="613"/>
      <c r="PIF666" s="613"/>
      <c r="PIG666" s="613"/>
      <c r="PIH666" s="613"/>
      <c r="PII666" s="613"/>
      <c r="PIJ666" s="613"/>
      <c r="PIK666" s="613"/>
      <c r="PIL666" s="613"/>
      <c r="PIM666" s="613"/>
      <c r="PIN666" s="613"/>
      <c r="PIO666" s="613"/>
      <c r="PIP666" s="613"/>
      <c r="PIQ666" s="613"/>
      <c r="PIR666" s="613"/>
      <c r="PIS666" s="613"/>
      <c r="PIT666" s="613"/>
      <c r="PIU666" s="613"/>
      <c r="PIV666" s="613"/>
      <c r="PIW666" s="613"/>
      <c r="PIX666" s="613"/>
      <c r="PIY666" s="613"/>
      <c r="PIZ666" s="613"/>
      <c r="PJA666" s="613"/>
      <c r="PJB666" s="613"/>
      <c r="PJC666" s="613"/>
      <c r="PJD666" s="613"/>
      <c r="PJE666" s="613"/>
      <c r="PJF666" s="613"/>
      <c r="PJG666" s="613"/>
      <c r="PJH666" s="613"/>
      <c r="PJI666" s="613"/>
      <c r="PJJ666" s="613"/>
      <c r="PJK666" s="613"/>
      <c r="PJL666" s="613"/>
      <c r="PJM666" s="613"/>
      <c r="PJN666" s="613"/>
      <c r="PJO666" s="613"/>
      <c r="PJP666" s="613"/>
      <c r="PJQ666" s="613"/>
      <c r="PJR666" s="613"/>
      <c r="PJS666" s="613"/>
      <c r="PJT666" s="613"/>
      <c r="PJU666" s="613"/>
      <c r="PJV666" s="613"/>
      <c r="PJW666" s="613"/>
      <c r="PJX666" s="613"/>
      <c r="PJY666" s="613"/>
      <c r="PJZ666" s="613"/>
      <c r="PKA666" s="613"/>
      <c r="PKB666" s="613"/>
      <c r="PKC666" s="613"/>
      <c r="PKD666" s="613"/>
      <c r="PKE666" s="613"/>
      <c r="PKF666" s="613"/>
      <c r="PKG666" s="613"/>
      <c r="PKH666" s="613"/>
      <c r="PKI666" s="613"/>
      <c r="PKJ666" s="613"/>
      <c r="PKK666" s="613"/>
      <c r="PKL666" s="613"/>
      <c r="PKM666" s="613"/>
      <c r="PKN666" s="613"/>
      <c r="PKO666" s="613"/>
      <c r="PKP666" s="613"/>
      <c r="PKQ666" s="613"/>
      <c r="PKR666" s="613"/>
      <c r="PKS666" s="613"/>
      <c r="PKT666" s="613"/>
      <c r="PKU666" s="613"/>
      <c r="PKV666" s="613"/>
      <c r="PKW666" s="613"/>
      <c r="PKX666" s="613"/>
      <c r="PKY666" s="613"/>
      <c r="PKZ666" s="613"/>
      <c r="PLA666" s="613"/>
      <c r="PLB666" s="613"/>
      <c r="PLC666" s="613"/>
      <c r="PLD666" s="613"/>
      <c r="PLE666" s="613"/>
      <c r="PLF666" s="613"/>
      <c r="PLG666" s="613"/>
      <c r="PLH666" s="613"/>
      <c r="PLI666" s="613"/>
      <c r="PLJ666" s="613"/>
      <c r="PLK666" s="613"/>
      <c r="PLL666" s="613"/>
      <c r="PLM666" s="613"/>
      <c r="PLN666" s="613"/>
      <c r="PLO666" s="613"/>
      <c r="PLP666" s="613"/>
      <c r="PLQ666" s="613"/>
      <c r="PLR666" s="613"/>
      <c r="PLS666" s="613"/>
      <c r="PLT666" s="613"/>
      <c r="PLU666" s="613"/>
      <c r="PLV666" s="613"/>
      <c r="PLW666" s="613"/>
      <c r="PLX666" s="613"/>
      <c r="PLY666" s="613"/>
      <c r="PLZ666" s="613"/>
      <c r="PMA666" s="613"/>
      <c r="PMB666" s="613"/>
      <c r="PMC666" s="613"/>
      <c r="PMD666" s="613"/>
      <c r="PME666" s="613"/>
      <c r="PMF666" s="613"/>
      <c r="PMG666" s="613"/>
      <c r="PMH666" s="613"/>
      <c r="PMI666" s="613"/>
      <c r="PMJ666" s="613"/>
      <c r="PMK666" s="613"/>
      <c r="PML666" s="613"/>
      <c r="PMM666" s="613"/>
      <c r="PMN666" s="613"/>
      <c r="PMO666" s="613"/>
      <c r="PMP666" s="613"/>
      <c r="PMQ666" s="613"/>
      <c r="PMR666" s="613"/>
      <c r="PMS666" s="613"/>
      <c r="PMT666" s="613"/>
      <c r="PMU666" s="613"/>
      <c r="PMV666" s="613"/>
      <c r="PMW666" s="613"/>
      <c r="PMX666" s="613"/>
      <c r="PMY666" s="613"/>
      <c r="PMZ666" s="613"/>
      <c r="PNA666" s="613"/>
      <c r="PNB666" s="613"/>
      <c r="PNC666" s="613"/>
      <c r="PND666" s="613"/>
      <c r="PNE666" s="613"/>
      <c r="PNF666" s="613"/>
      <c r="PNG666" s="613"/>
      <c r="PNH666" s="613"/>
      <c r="PNI666" s="613"/>
      <c r="PNJ666" s="613"/>
      <c r="PNK666" s="613"/>
      <c r="PNL666" s="613"/>
      <c r="PNM666" s="613"/>
      <c r="PNN666" s="613"/>
      <c r="PNO666" s="613"/>
      <c r="PNP666" s="613"/>
      <c r="PNQ666" s="613"/>
      <c r="PNR666" s="613"/>
      <c r="PNS666" s="613"/>
      <c r="PNT666" s="613"/>
      <c r="PNU666" s="613"/>
      <c r="PNV666" s="613"/>
      <c r="PNW666" s="613"/>
      <c r="PNX666" s="613"/>
      <c r="PNY666" s="613"/>
      <c r="PNZ666" s="613"/>
      <c r="POA666" s="613"/>
      <c r="POB666" s="613"/>
      <c r="POC666" s="613"/>
      <c r="POD666" s="613"/>
      <c r="POE666" s="613"/>
      <c r="POF666" s="613"/>
      <c r="POG666" s="613"/>
      <c r="POH666" s="613"/>
      <c r="POI666" s="613"/>
      <c r="POJ666" s="613"/>
      <c r="POK666" s="613"/>
      <c r="POL666" s="613"/>
      <c r="POM666" s="613"/>
      <c r="PON666" s="613"/>
      <c r="POO666" s="613"/>
      <c r="POP666" s="613"/>
      <c r="POQ666" s="613"/>
      <c r="POR666" s="613"/>
      <c r="POS666" s="613"/>
      <c r="POT666" s="613"/>
      <c r="POU666" s="613"/>
      <c r="POV666" s="613"/>
      <c r="POW666" s="613"/>
      <c r="POX666" s="613"/>
      <c r="POY666" s="613"/>
      <c r="POZ666" s="613"/>
      <c r="PPA666" s="613"/>
      <c r="PPB666" s="613"/>
      <c r="PPC666" s="613"/>
      <c r="PPD666" s="613"/>
      <c r="PPE666" s="613"/>
      <c r="PPF666" s="613"/>
      <c r="PPG666" s="613"/>
      <c r="PPH666" s="613"/>
      <c r="PPI666" s="613"/>
      <c r="PPJ666" s="613"/>
      <c r="PPK666" s="613"/>
      <c r="PPL666" s="613"/>
      <c r="PPM666" s="613"/>
      <c r="PPN666" s="613"/>
      <c r="PPO666" s="613"/>
      <c r="PPP666" s="613"/>
      <c r="PPQ666" s="613"/>
      <c r="PPR666" s="613"/>
      <c r="PPS666" s="613"/>
      <c r="PPT666" s="613"/>
      <c r="PPU666" s="613"/>
      <c r="PPV666" s="613"/>
      <c r="PPW666" s="613"/>
      <c r="PPX666" s="613"/>
      <c r="PPY666" s="613"/>
      <c r="PPZ666" s="613"/>
      <c r="PQA666" s="613"/>
      <c r="PQB666" s="613"/>
      <c r="PQC666" s="613"/>
      <c r="PQD666" s="613"/>
      <c r="PQE666" s="613"/>
      <c r="PQF666" s="613"/>
      <c r="PQG666" s="613"/>
      <c r="PQH666" s="613"/>
      <c r="PQI666" s="613"/>
      <c r="PQJ666" s="613"/>
      <c r="PQK666" s="613"/>
      <c r="PQL666" s="613"/>
      <c r="PQM666" s="613"/>
      <c r="PQN666" s="613"/>
      <c r="PQO666" s="613"/>
      <c r="PQP666" s="613"/>
      <c r="PQQ666" s="613"/>
      <c r="PQR666" s="613"/>
      <c r="PQS666" s="613"/>
      <c r="PQT666" s="613"/>
      <c r="PQU666" s="613"/>
      <c r="PQV666" s="613"/>
      <c r="PQW666" s="613"/>
      <c r="PQX666" s="613"/>
      <c r="PQY666" s="613"/>
      <c r="PQZ666" s="613"/>
      <c r="PRA666" s="613"/>
      <c r="PRB666" s="613"/>
      <c r="PRC666" s="613"/>
      <c r="PRD666" s="613"/>
      <c r="PRE666" s="613"/>
      <c r="PRF666" s="613"/>
      <c r="PRG666" s="613"/>
      <c r="PRH666" s="613"/>
      <c r="PRI666" s="613"/>
      <c r="PRJ666" s="613"/>
      <c r="PRK666" s="613"/>
      <c r="PRL666" s="613"/>
      <c r="PRM666" s="613"/>
      <c r="PRN666" s="613"/>
      <c r="PRO666" s="613"/>
      <c r="PRP666" s="613"/>
      <c r="PRQ666" s="613"/>
      <c r="PRR666" s="613"/>
      <c r="PRS666" s="613"/>
      <c r="PRT666" s="613"/>
      <c r="PRU666" s="613"/>
      <c r="PRV666" s="613"/>
      <c r="PRW666" s="613"/>
      <c r="PRX666" s="613"/>
      <c r="PRY666" s="613"/>
      <c r="PRZ666" s="613"/>
      <c r="PSA666" s="613"/>
      <c r="PSB666" s="613"/>
      <c r="PSC666" s="613"/>
      <c r="PSD666" s="613"/>
      <c r="PSE666" s="613"/>
      <c r="PSF666" s="613"/>
      <c r="PSG666" s="613"/>
      <c r="PSH666" s="613"/>
      <c r="PSI666" s="613"/>
      <c r="PSJ666" s="613"/>
      <c r="PSK666" s="613"/>
      <c r="PSL666" s="613"/>
      <c r="PSM666" s="613"/>
      <c r="PSN666" s="613"/>
      <c r="PSO666" s="613"/>
      <c r="PSP666" s="613"/>
      <c r="PSQ666" s="613"/>
      <c r="PSR666" s="613"/>
      <c r="PSS666" s="613"/>
      <c r="PST666" s="613"/>
      <c r="PSU666" s="613"/>
      <c r="PSV666" s="613"/>
      <c r="PSW666" s="613"/>
      <c r="PSX666" s="613"/>
      <c r="PSY666" s="613"/>
      <c r="PSZ666" s="613"/>
      <c r="PTA666" s="613"/>
      <c r="PTB666" s="613"/>
      <c r="PTC666" s="613"/>
      <c r="PTD666" s="613"/>
      <c r="PTE666" s="613"/>
      <c r="PTF666" s="613"/>
      <c r="PTG666" s="613"/>
      <c r="PTH666" s="613"/>
      <c r="PTI666" s="613"/>
      <c r="PTJ666" s="613"/>
      <c r="PTK666" s="613"/>
      <c r="PTL666" s="613"/>
      <c r="PTM666" s="613"/>
      <c r="PTN666" s="613"/>
      <c r="PTO666" s="613"/>
      <c r="PTP666" s="613"/>
      <c r="PTQ666" s="613"/>
      <c r="PTR666" s="613"/>
      <c r="PTS666" s="613"/>
      <c r="PTT666" s="613"/>
      <c r="PTU666" s="613"/>
      <c r="PTV666" s="613"/>
      <c r="PTW666" s="613"/>
      <c r="PTX666" s="613"/>
      <c r="PTY666" s="613"/>
      <c r="PTZ666" s="613"/>
      <c r="PUA666" s="613"/>
      <c r="PUB666" s="613"/>
      <c r="PUC666" s="613"/>
      <c r="PUD666" s="613"/>
      <c r="PUE666" s="613"/>
      <c r="PUF666" s="613"/>
      <c r="PUG666" s="613"/>
      <c r="PUH666" s="613"/>
      <c r="PUI666" s="613"/>
      <c r="PUJ666" s="613"/>
      <c r="PUK666" s="613"/>
      <c r="PUL666" s="613"/>
      <c r="PUM666" s="613"/>
      <c r="PUN666" s="613"/>
      <c r="PUO666" s="613"/>
      <c r="PUP666" s="613"/>
      <c r="PUQ666" s="613"/>
      <c r="PUR666" s="613"/>
      <c r="PUS666" s="613"/>
      <c r="PUT666" s="613"/>
      <c r="PUU666" s="613"/>
      <c r="PUV666" s="613"/>
      <c r="PUW666" s="613"/>
      <c r="PUX666" s="613"/>
      <c r="PUY666" s="613"/>
      <c r="PUZ666" s="613"/>
      <c r="PVA666" s="613"/>
      <c r="PVB666" s="613"/>
      <c r="PVC666" s="613"/>
      <c r="PVD666" s="613"/>
      <c r="PVE666" s="613"/>
      <c r="PVF666" s="613"/>
      <c r="PVG666" s="613"/>
      <c r="PVH666" s="613"/>
      <c r="PVI666" s="613"/>
      <c r="PVJ666" s="613"/>
      <c r="PVK666" s="613"/>
      <c r="PVL666" s="613"/>
      <c r="PVM666" s="613"/>
      <c r="PVN666" s="613"/>
      <c r="PVO666" s="613"/>
      <c r="PVP666" s="613"/>
      <c r="PVQ666" s="613"/>
      <c r="PVR666" s="613"/>
      <c r="PVS666" s="613"/>
      <c r="PVT666" s="613"/>
      <c r="PVU666" s="613"/>
      <c r="PVV666" s="613"/>
      <c r="PVW666" s="613"/>
      <c r="PVX666" s="613"/>
      <c r="PVY666" s="613"/>
      <c r="PVZ666" s="613"/>
      <c r="PWA666" s="613"/>
      <c r="PWB666" s="613"/>
      <c r="PWC666" s="613"/>
      <c r="PWD666" s="613"/>
      <c r="PWE666" s="613"/>
      <c r="PWF666" s="613"/>
      <c r="PWG666" s="613"/>
      <c r="PWH666" s="613"/>
      <c r="PWI666" s="613"/>
      <c r="PWJ666" s="613"/>
      <c r="PWK666" s="613"/>
      <c r="PWL666" s="613"/>
      <c r="PWM666" s="613"/>
      <c r="PWN666" s="613"/>
      <c r="PWO666" s="613"/>
      <c r="PWP666" s="613"/>
      <c r="PWQ666" s="613"/>
      <c r="PWR666" s="613"/>
      <c r="PWS666" s="613"/>
      <c r="PWT666" s="613"/>
      <c r="PWU666" s="613"/>
      <c r="PWV666" s="613"/>
      <c r="PWW666" s="613"/>
      <c r="PWX666" s="613"/>
      <c r="PWY666" s="613"/>
      <c r="PWZ666" s="613"/>
      <c r="PXA666" s="613"/>
      <c r="PXB666" s="613"/>
      <c r="PXC666" s="613"/>
      <c r="PXD666" s="613"/>
      <c r="PXE666" s="613"/>
      <c r="PXF666" s="613"/>
      <c r="PXG666" s="613"/>
      <c r="PXH666" s="613"/>
      <c r="PXI666" s="613"/>
      <c r="PXJ666" s="613"/>
      <c r="PXK666" s="613"/>
      <c r="PXL666" s="613"/>
      <c r="PXM666" s="613"/>
      <c r="PXN666" s="613"/>
      <c r="PXO666" s="613"/>
      <c r="PXP666" s="613"/>
      <c r="PXQ666" s="613"/>
      <c r="PXR666" s="613"/>
      <c r="PXS666" s="613"/>
      <c r="PXT666" s="613"/>
      <c r="PXU666" s="613"/>
      <c r="PXV666" s="613"/>
      <c r="PXW666" s="613"/>
      <c r="PXX666" s="613"/>
      <c r="PXY666" s="613"/>
      <c r="PXZ666" s="613"/>
      <c r="PYA666" s="613"/>
      <c r="PYB666" s="613"/>
      <c r="PYC666" s="613"/>
      <c r="PYD666" s="613"/>
      <c r="PYE666" s="613"/>
      <c r="PYF666" s="613"/>
      <c r="PYG666" s="613"/>
      <c r="PYH666" s="613"/>
      <c r="PYI666" s="613"/>
      <c r="PYJ666" s="613"/>
      <c r="PYK666" s="613"/>
      <c r="PYL666" s="613"/>
      <c r="PYM666" s="613"/>
      <c r="PYN666" s="613"/>
      <c r="PYO666" s="613"/>
      <c r="PYP666" s="613"/>
      <c r="PYQ666" s="613"/>
      <c r="PYR666" s="613"/>
      <c r="PYS666" s="613"/>
      <c r="PYT666" s="613"/>
      <c r="PYU666" s="613"/>
      <c r="PYV666" s="613"/>
      <c r="PYW666" s="613"/>
      <c r="PYX666" s="613"/>
      <c r="PYY666" s="613"/>
      <c r="PYZ666" s="613"/>
      <c r="PZA666" s="613"/>
      <c r="PZB666" s="613"/>
      <c r="PZC666" s="613"/>
      <c r="PZD666" s="613"/>
      <c r="PZE666" s="613"/>
      <c r="PZF666" s="613"/>
      <c r="PZG666" s="613"/>
      <c r="PZH666" s="613"/>
      <c r="PZI666" s="613"/>
      <c r="PZJ666" s="613"/>
      <c r="PZK666" s="613"/>
      <c r="PZL666" s="613"/>
      <c r="PZM666" s="613"/>
      <c r="PZN666" s="613"/>
      <c r="PZO666" s="613"/>
      <c r="PZP666" s="613"/>
      <c r="PZQ666" s="613"/>
      <c r="PZR666" s="613"/>
      <c r="PZS666" s="613"/>
      <c r="PZT666" s="613"/>
      <c r="PZU666" s="613"/>
      <c r="PZV666" s="613"/>
      <c r="PZW666" s="613"/>
      <c r="PZX666" s="613"/>
      <c r="PZY666" s="613"/>
      <c r="PZZ666" s="613"/>
      <c r="QAA666" s="613"/>
      <c r="QAB666" s="613"/>
      <c r="QAC666" s="613"/>
      <c r="QAD666" s="613"/>
      <c r="QAE666" s="613"/>
      <c r="QAF666" s="613"/>
      <c r="QAG666" s="613"/>
      <c r="QAH666" s="613"/>
      <c r="QAI666" s="613"/>
      <c r="QAJ666" s="613"/>
      <c r="QAK666" s="613"/>
      <c r="QAL666" s="613"/>
      <c r="QAM666" s="613"/>
      <c r="QAN666" s="613"/>
      <c r="QAO666" s="613"/>
      <c r="QAP666" s="613"/>
      <c r="QAQ666" s="613"/>
      <c r="QAR666" s="613"/>
      <c r="QAS666" s="613"/>
      <c r="QAT666" s="613"/>
      <c r="QAU666" s="613"/>
      <c r="QAV666" s="613"/>
      <c r="QAW666" s="613"/>
      <c r="QAX666" s="613"/>
      <c r="QAY666" s="613"/>
      <c r="QAZ666" s="613"/>
      <c r="QBA666" s="613"/>
      <c r="QBB666" s="613"/>
      <c r="QBC666" s="613"/>
      <c r="QBD666" s="613"/>
      <c r="QBE666" s="613"/>
      <c r="QBF666" s="613"/>
      <c r="QBG666" s="613"/>
      <c r="QBH666" s="613"/>
      <c r="QBI666" s="613"/>
      <c r="QBJ666" s="613"/>
      <c r="QBK666" s="613"/>
      <c r="QBL666" s="613"/>
      <c r="QBM666" s="613"/>
      <c r="QBN666" s="613"/>
      <c r="QBO666" s="613"/>
      <c r="QBP666" s="613"/>
      <c r="QBQ666" s="613"/>
      <c r="QBR666" s="613"/>
      <c r="QBS666" s="613"/>
      <c r="QBT666" s="613"/>
      <c r="QBU666" s="613"/>
      <c r="QBV666" s="613"/>
      <c r="QBW666" s="613"/>
      <c r="QBX666" s="613"/>
      <c r="QBY666" s="613"/>
      <c r="QBZ666" s="613"/>
      <c r="QCA666" s="613"/>
      <c r="QCB666" s="613"/>
      <c r="QCC666" s="613"/>
      <c r="QCD666" s="613"/>
      <c r="QCE666" s="613"/>
      <c r="QCF666" s="613"/>
      <c r="QCG666" s="613"/>
      <c r="QCH666" s="613"/>
      <c r="QCI666" s="613"/>
      <c r="QCJ666" s="613"/>
      <c r="QCK666" s="613"/>
      <c r="QCL666" s="613"/>
      <c r="QCM666" s="613"/>
      <c r="QCN666" s="613"/>
      <c r="QCO666" s="613"/>
      <c r="QCP666" s="613"/>
      <c r="QCQ666" s="613"/>
      <c r="QCR666" s="613"/>
      <c r="QCS666" s="613"/>
      <c r="QCT666" s="613"/>
      <c r="QCU666" s="613"/>
      <c r="QCV666" s="613"/>
      <c r="QCW666" s="613"/>
      <c r="QCX666" s="613"/>
      <c r="QCY666" s="613"/>
      <c r="QCZ666" s="613"/>
      <c r="QDA666" s="613"/>
      <c r="QDB666" s="613"/>
      <c r="QDC666" s="613"/>
      <c r="QDD666" s="613"/>
      <c r="QDE666" s="613"/>
      <c r="QDF666" s="613"/>
      <c r="QDG666" s="613"/>
      <c r="QDH666" s="613"/>
      <c r="QDI666" s="613"/>
      <c r="QDJ666" s="613"/>
      <c r="QDK666" s="613"/>
      <c r="QDL666" s="613"/>
      <c r="QDM666" s="613"/>
      <c r="QDN666" s="613"/>
      <c r="QDO666" s="613"/>
      <c r="QDP666" s="613"/>
      <c r="QDQ666" s="613"/>
      <c r="QDR666" s="613"/>
      <c r="QDS666" s="613"/>
      <c r="QDT666" s="613"/>
      <c r="QDU666" s="613"/>
      <c r="QDV666" s="613"/>
      <c r="QDW666" s="613"/>
      <c r="QDX666" s="613"/>
      <c r="QDY666" s="613"/>
      <c r="QDZ666" s="613"/>
      <c r="QEA666" s="613"/>
      <c r="QEB666" s="613"/>
      <c r="QEC666" s="613"/>
      <c r="QED666" s="613"/>
      <c r="QEE666" s="613"/>
      <c r="QEF666" s="613"/>
      <c r="QEG666" s="613"/>
      <c r="QEH666" s="613"/>
      <c r="QEI666" s="613"/>
      <c r="QEJ666" s="613"/>
      <c r="QEK666" s="613"/>
      <c r="QEL666" s="613"/>
      <c r="QEM666" s="613"/>
      <c r="QEN666" s="613"/>
      <c r="QEO666" s="613"/>
      <c r="QEP666" s="613"/>
      <c r="QEQ666" s="613"/>
      <c r="QER666" s="613"/>
      <c r="QES666" s="613"/>
      <c r="QET666" s="613"/>
      <c r="QEU666" s="613"/>
      <c r="QEV666" s="613"/>
      <c r="QEW666" s="613"/>
      <c r="QEX666" s="613"/>
      <c r="QEY666" s="613"/>
      <c r="QEZ666" s="613"/>
      <c r="QFA666" s="613"/>
      <c r="QFB666" s="613"/>
      <c r="QFC666" s="613"/>
      <c r="QFD666" s="613"/>
      <c r="QFE666" s="613"/>
      <c r="QFF666" s="613"/>
      <c r="QFG666" s="613"/>
      <c r="QFH666" s="613"/>
      <c r="QFI666" s="613"/>
      <c r="QFJ666" s="613"/>
      <c r="QFK666" s="613"/>
      <c r="QFL666" s="613"/>
      <c r="QFM666" s="613"/>
      <c r="QFN666" s="613"/>
      <c r="QFO666" s="613"/>
      <c r="QFP666" s="613"/>
      <c r="QFQ666" s="613"/>
      <c r="QFR666" s="613"/>
      <c r="QFS666" s="613"/>
      <c r="QFT666" s="613"/>
      <c r="QFU666" s="613"/>
      <c r="QFV666" s="613"/>
      <c r="QFW666" s="613"/>
      <c r="QFX666" s="613"/>
      <c r="QFY666" s="613"/>
      <c r="QFZ666" s="613"/>
      <c r="QGA666" s="613"/>
      <c r="QGB666" s="613"/>
      <c r="QGC666" s="613"/>
      <c r="QGD666" s="613"/>
      <c r="QGE666" s="613"/>
      <c r="QGF666" s="613"/>
      <c r="QGG666" s="613"/>
      <c r="QGH666" s="613"/>
      <c r="QGI666" s="613"/>
      <c r="QGJ666" s="613"/>
      <c r="QGK666" s="613"/>
      <c r="QGL666" s="613"/>
      <c r="QGM666" s="613"/>
      <c r="QGN666" s="613"/>
      <c r="QGO666" s="613"/>
      <c r="QGP666" s="613"/>
      <c r="QGQ666" s="613"/>
      <c r="QGR666" s="613"/>
      <c r="QGS666" s="613"/>
      <c r="QGT666" s="613"/>
      <c r="QGU666" s="613"/>
      <c r="QGV666" s="613"/>
      <c r="QGW666" s="613"/>
      <c r="QGX666" s="613"/>
      <c r="QGY666" s="613"/>
      <c r="QGZ666" s="613"/>
      <c r="QHA666" s="613"/>
      <c r="QHB666" s="613"/>
      <c r="QHC666" s="613"/>
      <c r="QHD666" s="613"/>
      <c r="QHE666" s="613"/>
      <c r="QHF666" s="613"/>
      <c r="QHG666" s="613"/>
      <c r="QHH666" s="613"/>
      <c r="QHI666" s="613"/>
      <c r="QHJ666" s="613"/>
      <c r="QHK666" s="613"/>
      <c r="QHL666" s="613"/>
      <c r="QHM666" s="613"/>
      <c r="QHN666" s="613"/>
      <c r="QHO666" s="613"/>
      <c r="QHP666" s="613"/>
      <c r="QHQ666" s="613"/>
      <c r="QHR666" s="613"/>
      <c r="QHS666" s="613"/>
      <c r="QHT666" s="613"/>
      <c r="QHU666" s="613"/>
      <c r="QHV666" s="613"/>
      <c r="QHW666" s="613"/>
      <c r="QHX666" s="613"/>
      <c r="QHY666" s="613"/>
      <c r="QHZ666" s="613"/>
      <c r="QIA666" s="613"/>
      <c r="QIB666" s="613"/>
      <c r="QIC666" s="613"/>
      <c r="QID666" s="613"/>
      <c r="QIE666" s="613"/>
      <c r="QIF666" s="613"/>
      <c r="QIG666" s="613"/>
      <c r="QIH666" s="613"/>
      <c r="QII666" s="613"/>
      <c r="QIJ666" s="613"/>
      <c r="QIK666" s="613"/>
      <c r="QIL666" s="613"/>
      <c r="QIM666" s="613"/>
      <c r="QIN666" s="613"/>
      <c r="QIO666" s="613"/>
      <c r="QIP666" s="613"/>
      <c r="QIQ666" s="613"/>
      <c r="QIR666" s="613"/>
      <c r="QIS666" s="613"/>
      <c r="QIT666" s="613"/>
      <c r="QIU666" s="613"/>
      <c r="QIV666" s="613"/>
      <c r="QIW666" s="613"/>
      <c r="QIX666" s="613"/>
      <c r="QIY666" s="613"/>
      <c r="QIZ666" s="613"/>
      <c r="QJA666" s="613"/>
      <c r="QJB666" s="613"/>
      <c r="QJC666" s="613"/>
      <c r="QJD666" s="613"/>
      <c r="QJE666" s="613"/>
      <c r="QJF666" s="613"/>
      <c r="QJG666" s="613"/>
      <c r="QJH666" s="613"/>
      <c r="QJI666" s="613"/>
      <c r="QJJ666" s="613"/>
      <c r="QJK666" s="613"/>
      <c r="QJL666" s="613"/>
      <c r="QJM666" s="613"/>
      <c r="QJN666" s="613"/>
      <c r="QJO666" s="613"/>
      <c r="QJP666" s="613"/>
      <c r="QJQ666" s="613"/>
      <c r="QJR666" s="613"/>
      <c r="QJS666" s="613"/>
      <c r="QJT666" s="613"/>
      <c r="QJU666" s="613"/>
      <c r="QJV666" s="613"/>
      <c r="QJW666" s="613"/>
      <c r="QJX666" s="613"/>
      <c r="QJY666" s="613"/>
      <c r="QJZ666" s="613"/>
      <c r="QKA666" s="613"/>
      <c r="QKB666" s="613"/>
      <c r="QKC666" s="613"/>
      <c r="QKD666" s="613"/>
      <c r="QKE666" s="613"/>
      <c r="QKF666" s="613"/>
      <c r="QKG666" s="613"/>
      <c r="QKH666" s="613"/>
      <c r="QKI666" s="613"/>
      <c r="QKJ666" s="613"/>
      <c r="QKK666" s="613"/>
      <c r="QKL666" s="613"/>
      <c r="QKM666" s="613"/>
      <c r="QKN666" s="613"/>
      <c r="QKO666" s="613"/>
      <c r="QKP666" s="613"/>
      <c r="QKQ666" s="613"/>
      <c r="QKR666" s="613"/>
      <c r="QKS666" s="613"/>
      <c r="QKT666" s="613"/>
      <c r="QKU666" s="613"/>
      <c r="QKV666" s="613"/>
      <c r="QKW666" s="613"/>
      <c r="QKX666" s="613"/>
      <c r="QKY666" s="613"/>
      <c r="QKZ666" s="613"/>
      <c r="QLA666" s="613"/>
      <c r="QLB666" s="613"/>
      <c r="QLC666" s="613"/>
      <c r="QLD666" s="613"/>
      <c r="QLE666" s="613"/>
      <c r="QLF666" s="613"/>
      <c r="QLG666" s="613"/>
      <c r="QLH666" s="613"/>
      <c r="QLI666" s="613"/>
      <c r="QLJ666" s="613"/>
      <c r="QLK666" s="613"/>
      <c r="QLL666" s="613"/>
      <c r="QLM666" s="613"/>
      <c r="QLN666" s="613"/>
      <c r="QLO666" s="613"/>
      <c r="QLP666" s="613"/>
      <c r="QLQ666" s="613"/>
      <c r="QLR666" s="613"/>
      <c r="QLS666" s="613"/>
      <c r="QLT666" s="613"/>
      <c r="QLU666" s="613"/>
      <c r="QLV666" s="613"/>
      <c r="QLW666" s="613"/>
      <c r="QLX666" s="613"/>
      <c r="QLY666" s="613"/>
      <c r="QLZ666" s="613"/>
      <c r="QMA666" s="613"/>
      <c r="QMB666" s="613"/>
      <c r="QMC666" s="613"/>
      <c r="QMD666" s="613"/>
      <c r="QME666" s="613"/>
      <c r="QMF666" s="613"/>
      <c r="QMG666" s="613"/>
      <c r="QMH666" s="613"/>
      <c r="QMI666" s="613"/>
      <c r="QMJ666" s="613"/>
      <c r="QMK666" s="613"/>
      <c r="QML666" s="613"/>
      <c r="QMM666" s="613"/>
      <c r="QMN666" s="613"/>
      <c r="QMO666" s="613"/>
      <c r="QMP666" s="613"/>
      <c r="QMQ666" s="613"/>
      <c r="QMR666" s="613"/>
      <c r="QMS666" s="613"/>
      <c r="QMT666" s="613"/>
      <c r="QMU666" s="613"/>
      <c r="QMV666" s="613"/>
      <c r="QMW666" s="613"/>
      <c r="QMX666" s="613"/>
      <c r="QMY666" s="613"/>
      <c r="QMZ666" s="613"/>
      <c r="QNA666" s="613"/>
      <c r="QNB666" s="613"/>
      <c r="QNC666" s="613"/>
      <c r="QND666" s="613"/>
      <c r="QNE666" s="613"/>
      <c r="QNF666" s="613"/>
      <c r="QNG666" s="613"/>
      <c r="QNH666" s="613"/>
      <c r="QNI666" s="613"/>
      <c r="QNJ666" s="613"/>
      <c r="QNK666" s="613"/>
      <c r="QNL666" s="613"/>
      <c r="QNM666" s="613"/>
      <c r="QNN666" s="613"/>
      <c r="QNO666" s="613"/>
      <c r="QNP666" s="613"/>
      <c r="QNQ666" s="613"/>
      <c r="QNR666" s="613"/>
      <c r="QNS666" s="613"/>
      <c r="QNT666" s="613"/>
      <c r="QNU666" s="613"/>
      <c r="QNV666" s="613"/>
      <c r="QNW666" s="613"/>
      <c r="QNX666" s="613"/>
      <c r="QNY666" s="613"/>
      <c r="QNZ666" s="613"/>
      <c r="QOA666" s="613"/>
      <c r="QOB666" s="613"/>
      <c r="QOC666" s="613"/>
      <c r="QOD666" s="613"/>
      <c r="QOE666" s="613"/>
      <c r="QOF666" s="613"/>
      <c r="QOG666" s="613"/>
      <c r="QOH666" s="613"/>
      <c r="QOI666" s="613"/>
      <c r="QOJ666" s="613"/>
      <c r="QOK666" s="613"/>
      <c r="QOL666" s="613"/>
      <c r="QOM666" s="613"/>
      <c r="QON666" s="613"/>
      <c r="QOO666" s="613"/>
      <c r="QOP666" s="613"/>
      <c r="QOQ666" s="613"/>
      <c r="QOR666" s="613"/>
      <c r="QOS666" s="613"/>
      <c r="QOT666" s="613"/>
      <c r="QOU666" s="613"/>
      <c r="QOV666" s="613"/>
      <c r="QOW666" s="613"/>
      <c r="QOX666" s="613"/>
      <c r="QOY666" s="613"/>
      <c r="QOZ666" s="613"/>
      <c r="QPA666" s="613"/>
      <c r="QPB666" s="613"/>
      <c r="QPC666" s="613"/>
      <c r="QPD666" s="613"/>
      <c r="QPE666" s="613"/>
      <c r="QPF666" s="613"/>
      <c r="QPG666" s="613"/>
      <c r="QPH666" s="613"/>
      <c r="QPI666" s="613"/>
      <c r="QPJ666" s="613"/>
      <c r="QPK666" s="613"/>
      <c r="QPL666" s="613"/>
      <c r="QPM666" s="613"/>
      <c r="QPN666" s="613"/>
      <c r="QPO666" s="613"/>
      <c r="QPP666" s="613"/>
      <c r="QPQ666" s="613"/>
      <c r="QPR666" s="613"/>
      <c r="QPS666" s="613"/>
      <c r="QPT666" s="613"/>
      <c r="QPU666" s="613"/>
      <c r="QPV666" s="613"/>
      <c r="QPW666" s="613"/>
      <c r="QPX666" s="613"/>
      <c r="QPY666" s="613"/>
      <c r="QPZ666" s="613"/>
      <c r="QQA666" s="613"/>
      <c r="QQB666" s="613"/>
      <c r="QQC666" s="613"/>
      <c r="QQD666" s="613"/>
      <c r="QQE666" s="613"/>
      <c r="QQF666" s="613"/>
      <c r="QQG666" s="613"/>
      <c r="QQH666" s="613"/>
      <c r="QQI666" s="613"/>
      <c r="QQJ666" s="613"/>
      <c r="QQK666" s="613"/>
      <c r="QQL666" s="613"/>
      <c r="QQM666" s="613"/>
      <c r="QQN666" s="613"/>
      <c r="QQO666" s="613"/>
      <c r="QQP666" s="613"/>
      <c r="QQQ666" s="613"/>
      <c r="QQR666" s="613"/>
      <c r="QQS666" s="613"/>
      <c r="QQT666" s="613"/>
      <c r="QQU666" s="613"/>
      <c r="QQV666" s="613"/>
      <c r="QQW666" s="613"/>
      <c r="QQX666" s="613"/>
      <c r="QQY666" s="613"/>
      <c r="QQZ666" s="613"/>
      <c r="QRA666" s="613"/>
      <c r="QRB666" s="613"/>
      <c r="QRC666" s="613"/>
      <c r="QRD666" s="613"/>
      <c r="QRE666" s="613"/>
      <c r="QRF666" s="613"/>
      <c r="QRG666" s="613"/>
      <c r="QRH666" s="613"/>
      <c r="QRI666" s="613"/>
      <c r="QRJ666" s="613"/>
      <c r="QRK666" s="613"/>
      <c r="QRL666" s="613"/>
      <c r="QRM666" s="613"/>
      <c r="QRN666" s="613"/>
      <c r="QRO666" s="613"/>
      <c r="QRP666" s="613"/>
      <c r="QRQ666" s="613"/>
      <c r="QRR666" s="613"/>
      <c r="QRS666" s="613"/>
      <c r="QRT666" s="613"/>
      <c r="QRU666" s="613"/>
      <c r="QRV666" s="613"/>
      <c r="QRW666" s="613"/>
      <c r="QRX666" s="613"/>
      <c r="QRY666" s="613"/>
      <c r="QRZ666" s="613"/>
      <c r="QSA666" s="613"/>
      <c r="QSB666" s="613"/>
      <c r="QSC666" s="613"/>
      <c r="QSD666" s="613"/>
      <c r="QSE666" s="613"/>
      <c r="QSF666" s="613"/>
      <c r="QSG666" s="613"/>
      <c r="QSH666" s="613"/>
      <c r="QSI666" s="613"/>
      <c r="QSJ666" s="613"/>
      <c r="QSK666" s="613"/>
      <c r="QSL666" s="613"/>
      <c r="QSM666" s="613"/>
      <c r="QSN666" s="613"/>
      <c r="QSO666" s="613"/>
      <c r="QSP666" s="613"/>
      <c r="QSQ666" s="613"/>
      <c r="QSR666" s="613"/>
      <c r="QSS666" s="613"/>
      <c r="QST666" s="613"/>
      <c r="QSU666" s="613"/>
      <c r="QSV666" s="613"/>
      <c r="QSW666" s="613"/>
      <c r="QSX666" s="613"/>
      <c r="QSY666" s="613"/>
      <c r="QSZ666" s="613"/>
      <c r="QTA666" s="613"/>
      <c r="QTB666" s="613"/>
      <c r="QTC666" s="613"/>
      <c r="QTD666" s="613"/>
      <c r="QTE666" s="613"/>
      <c r="QTF666" s="613"/>
      <c r="QTG666" s="613"/>
      <c r="QTH666" s="613"/>
      <c r="QTI666" s="613"/>
      <c r="QTJ666" s="613"/>
      <c r="QTK666" s="613"/>
      <c r="QTL666" s="613"/>
      <c r="QTM666" s="613"/>
      <c r="QTN666" s="613"/>
      <c r="QTO666" s="613"/>
      <c r="QTP666" s="613"/>
      <c r="QTQ666" s="613"/>
      <c r="QTR666" s="613"/>
      <c r="QTS666" s="613"/>
      <c r="QTT666" s="613"/>
      <c r="QTU666" s="613"/>
      <c r="QTV666" s="613"/>
      <c r="QTW666" s="613"/>
      <c r="QTX666" s="613"/>
      <c r="QTY666" s="613"/>
      <c r="QTZ666" s="613"/>
      <c r="QUA666" s="613"/>
      <c r="QUB666" s="613"/>
      <c r="QUC666" s="613"/>
      <c r="QUD666" s="613"/>
      <c r="QUE666" s="613"/>
      <c r="QUF666" s="613"/>
      <c r="QUG666" s="613"/>
      <c r="QUH666" s="613"/>
      <c r="QUI666" s="613"/>
      <c r="QUJ666" s="613"/>
      <c r="QUK666" s="613"/>
      <c r="QUL666" s="613"/>
      <c r="QUM666" s="613"/>
      <c r="QUN666" s="613"/>
      <c r="QUO666" s="613"/>
      <c r="QUP666" s="613"/>
      <c r="QUQ666" s="613"/>
      <c r="QUR666" s="613"/>
      <c r="QUS666" s="613"/>
      <c r="QUT666" s="613"/>
      <c r="QUU666" s="613"/>
      <c r="QUV666" s="613"/>
      <c r="QUW666" s="613"/>
      <c r="QUX666" s="613"/>
      <c r="QUY666" s="613"/>
      <c r="QUZ666" s="613"/>
      <c r="QVA666" s="613"/>
      <c r="QVB666" s="613"/>
      <c r="QVC666" s="613"/>
      <c r="QVD666" s="613"/>
      <c r="QVE666" s="613"/>
      <c r="QVF666" s="613"/>
      <c r="QVG666" s="613"/>
      <c r="QVH666" s="613"/>
      <c r="QVI666" s="613"/>
      <c r="QVJ666" s="613"/>
      <c r="QVK666" s="613"/>
      <c r="QVL666" s="613"/>
      <c r="QVM666" s="613"/>
      <c r="QVN666" s="613"/>
      <c r="QVO666" s="613"/>
      <c r="QVP666" s="613"/>
      <c r="QVQ666" s="613"/>
      <c r="QVR666" s="613"/>
      <c r="QVS666" s="613"/>
      <c r="QVT666" s="613"/>
      <c r="QVU666" s="613"/>
      <c r="QVV666" s="613"/>
      <c r="QVW666" s="613"/>
      <c r="QVX666" s="613"/>
      <c r="QVY666" s="613"/>
      <c r="QVZ666" s="613"/>
      <c r="QWA666" s="613"/>
      <c r="QWB666" s="613"/>
      <c r="QWC666" s="613"/>
      <c r="QWD666" s="613"/>
      <c r="QWE666" s="613"/>
      <c r="QWF666" s="613"/>
      <c r="QWG666" s="613"/>
      <c r="QWH666" s="613"/>
      <c r="QWI666" s="613"/>
      <c r="QWJ666" s="613"/>
      <c r="QWK666" s="613"/>
      <c r="QWL666" s="613"/>
      <c r="QWM666" s="613"/>
      <c r="QWN666" s="613"/>
      <c r="QWO666" s="613"/>
      <c r="QWP666" s="613"/>
      <c r="QWQ666" s="613"/>
      <c r="QWR666" s="613"/>
      <c r="QWS666" s="613"/>
      <c r="QWT666" s="613"/>
      <c r="QWU666" s="613"/>
      <c r="QWV666" s="613"/>
      <c r="QWW666" s="613"/>
      <c r="QWX666" s="613"/>
      <c r="QWY666" s="613"/>
      <c r="QWZ666" s="613"/>
      <c r="QXA666" s="613"/>
      <c r="QXB666" s="613"/>
      <c r="QXC666" s="613"/>
      <c r="QXD666" s="613"/>
      <c r="QXE666" s="613"/>
      <c r="QXF666" s="613"/>
      <c r="QXG666" s="613"/>
      <c r="QXH666" s="613"/>
      <c r="QXI666" s="613"/>
      <c r="QXJ666" s="613"/>
      <c r="QXK666" s="613"/>
      <c r="QXL666" s="613"/>
      <c r="QXM666" s="613"/>
      <c r="QXN666" s="613"/>
      <c r="QXO666" s="613"/>
      <c r="QXP666" s="613"/>
      <c r="QXQ666" s="613"/>
      <c r="QXR666" s="613"/>
      <c r="QXS666" s="613"/>
      <c r="QXT666" s="613"/>
      <c r="QXU666" s="613"/>
      <c r="QXV666" s="613"/>
      <c r="QXW666" s="613"/>
      <c r="QXX666" s="613"/>
      <c r="QXY666" s="613"/>
      <c r="QXZ666" s="613"/>
      <c r="QYA666" s="613"/>
      <c r="QYB666" s="613"/>
      <c r="QYC666" s="613"/>
      <c r="QYD666" s="613"/>
      <c r="QYE666" s="613"/>
      <c r="QYF666" s="613"/>
      <c r="QYG666" s="613"/>
      <c r="QYH666" s="613"/>
      <c r="QYI666" s="613"/>
      <c r="QYJ666" s="613"/>
      <c r="QYK666" s="613"/>
      <c r="QYL666" s="613"/>
      <c r="QYM666" s="613"/>
      <c r="QYN666" s="613"/>
      <c r="QYO666" s="613"/>
      <c r="QYP666" s="613"/>
      <c r="QYQ666" s="613"/>
      <c r="QYR666" s="613"/>
      <c r="QYS666" s="613"/>
      <c r="QYT666" s="613"/>
      <c r="QYU666" s="613"/>
      <c r="QYV666" s="613"/>
      <c r="QYW666" s="613"/>
      <c r="QYX666" s="613"/>
      <c r="QYY666" s="613"/>
      <c r="QYZ666" s="613"/>
      <c r="QZA666" s="613"/>
      <c r="QZB666" s="613"/>
      <c r="QZC666" s="613"/>
      <c r="QZD666" s="613"/>
      <c r="QZE666" s="613"/>
      <c r="QZF666" s="613"/>
      <c r="QZG666" s="613"/>
      <c r="QZH666" s="613"/>
      <c r="QZI666" s="613"/>
      <c r="QZJ666" s="613"/>
      <c r="QZK666" s="613"/>
      <c r="QZL666" s="613"/>
      <c r="QZM666" s="613"/>
      <c r="QZN666" s="613"/>
      <c r="QZO666" s="613"/>
      <c r="QZP666" s="613"/>
      <c r="QZQ666" s="613"/>
      <c r="QZR666" s="613"/>
      <c r="QZS666" s="613"/>
      <c r="QZT666" s="613"/>
      <c r="QZU666" s="613"/>
      <c r="QZV666" s="613"/>
      <c r="QZW666" s="613"/>
      <c r="QZX666" s="613"/>
      <c r="QZY666" s="613"/>
      <c r="QZZ666" s="613"/>
      <c r="RAA666" s="613"/>
      <c r="RAB666" s="613"/>
      <c r="RAC666" s="613"/>
      <c r="RAD666" s="613"/>
      <c r="RAE666" s="613"/>
      <c r="RAF666" s="613"/>
      <c r="RAG666" s="613"/>
      <c r="RAH666" s="613"/>
      <c r="RAI666" s="613"/>
      <c r="RAJ666" s="613"/>
      <c r="RAK666" s="613"/>
      <c r="RAL666" s="613"/>
      <c r="RAM666" s="613"/>
      <c r="RAN666" s="613"/>
      <c r="RAO666" s="613"/>
      <c r="RAP666" s="613"/>
      <c r="RAQ666" s="613"/>
      <c r="RAR666" s="613"/>
      <c r="RAS666" s="613"/>
      <c r="RAT666" s="613"/>
      <c r="RAU666" s="613"/>
      <c r="RAV666" s="613"/>
      <c r="RAW666" s="613"/>
      <c r="RAX666" s="613"/>
      <c r="RAY666" s="613"/>
      <c r="RAZ666" s="613"/>
      <c r="RBA666" s="613"/>
      <c r="RBB666" s="613"/>
      <c r="RBC666" s="613"/>
      <c r="RBD666" s="613"/>
      <c r="RBE666" s="613"/>
      <c r="RBF666" s="613"/>
      <c r="RBG666" s="613"/>
      <c r="RBH666" s="613"/>
      <c r="RBI666" s="613"/>
      <c r="RBJ666" s="613"/>
      <c r="RBK666" s="613"/>
      <c r="RBL666" s="613"/>
      <c r="RBM666" s="613"/>
      <c r="RBN666" s="613"/>
      <c r="RBO666" s="613"/>
      <c r="RBP666" s="613"/>
      <c r="RBQ666" s="613"/>
      <c r="RBR666" s="613"/>
      <c r="RBS666" s="613"/>
      <c r="RBT666" s="613"/>
      <c r="RBU666" s="613"/>
      <c r="RBV666" s="613"/>
      <c r="RBW666" s="613"/>
      <c r="RBX666" s="613"/>
      <c r="RBY666" s="613"/>
      <c r="RBZ666" s="613"/>
      <c r="RCA666" s="613"/>
      <c r="RCB666" s="613"/>
      <c r="RCC666" s="613"/>
      <c r="RCD666" s="613"/>
      <c r="RCE666" s="613"/>
      <c r="RCF666" s="613"/>
      <c r="RCG666" s="613"/>
      <c r="RCH666" s="613"/>
      <c r="RCI666" s="613"/>
      <c r="RCJ666" s="613"/>
      <c r="RCK666" s="613"/>
      <c r="RCL666" s="613"/>
      <c r="RCM666" s="613"/>
      <c r="RCN666" s="613"/>
      <c r="RCO666" s="613"/>
      <c r="RCP666" s="613"/>
      <c r="RCQ666" s="613"/>
      <c r="RCR666" s="613"/>
      <c r="RCS666" s="613"/>
      <c r="RCT666" s="613"/>
      <c r="RCU666" s="613"/>
      <c r="RCV666" s="613"/>
      <c r="RCW666" s="613"/>
      <c r="RCX666" s="613"/>
      <c r="RCY666" s="613"/>
      <c r="RCZ666" s="613"/>
      <c r="RDA666" s="613"/>
      <c r="RDB666" s="613"/>
      <c r="RDC666" s="613"/>
      <c r="RDD666" s="613"/>
      <c r="RDE666" s="613"/>
      <c r="RDF666" s="613"/>
      <c r="RDG666" s="613"/>
      <c r="RDH666" s="613"/>
      <c r="RDI666" s="613"/>
      <c r="RDJ666" s="613"/>
      <c r="RDK666" s="613"/>
      <c r="RDL666" s="613"/>
      <c r="RDM666" s="613"/>
      <c r="RDN666" s="613"/>
      <c r="RDO666" s="613"/>
      <c r="RDP666" s="613"/>
      <c r="RDQ666" s="613"/>
      <c r="RDR666" s="613"/>
      <c r="RDS666" s="613"/>
      <c r="RDT666" s="613"/>
      <c r="RDU666" s="613"/>
      <c r="RDV666" s="613"/>
      <c r="RDW666" s="613"/>
      <c r="RDX666" s="613"/>
      <c r="RDY666" s="613"/>
      <c r="RDZ666" s="613"/>
      <c r="REA666" s="613"/>
      <c r="REB666" s="613"/>
      <c r="REC666" s="613"/>
      <c r="RED666" s="613"/>
      <c r="REE666" s="613"/>
      <c r="REF666" s="613"/>
      <c r="REG666" s="613"/>
      <c r="REH666" s="613"/>
      <c r="REI666" s="613"/>
      <c r="REJ666" s="613"/>
      <c r="REK666" s="613"/>
      <c r="REL666" s="613"/>
      <c r="REM666" s="613"/>
      <c r="REN666" s="613"/>
      <c r="REO666" s="613"/>
      <c r="REP666" s="613"/>
      <c r="REQ666" s="613"/>
      <c r="RER666" s="613"/>
      <c r="RES666" s="613"/>
      <c r="RET666" s="613"/>
      <c r="REU666" s="613"/>
      <c r="REV666" s="613"/>
      <c r="REW666" s="613"/>
      <c r="REX666" s="613"/>
      <c r="REY666" s="613"/>
      <c r="REZ666" s="613"/>
      <c r="RFA666" s="613"/>
      <c r="RFB666" s="613"/>
      <c r="RFC666" s="613"/>
      <c r="RFD666" s="613"/>
      <c r="RFE666" s="613"/>
      <c r="RFF666" s="613"/>
      <c r="RFG666" s="613"/>
      <c r="RFH666" s="613"/>
      <c r="RFI666" s="613"/>
      <c r="RFJ666" s="613"/>
      <c r="RFK666" s="613"/>
      <c r="RFL666" s="613"/>
      <c r="RFM666" s="613"/>
      <c r="RFN666" s="613"/>
      <c r="RFO666" s="613"/>
      <c r="RFP666" s="613"/>
      <c r="RFQ666" s="613"/>
      <c r="RFR666" s="613"/>
      <c r="RFS666" s="613"/>
      <c r="RFT666" s="613"/>
      <c r="RFU666" s="613"/>
      <c r="RFV666" s="613"/>
      <c r="RFW666" s="613"/>
      <c r="RFX666" s="613"/>
      <c r="RFY666" s="613"/>
      <c r="RFZ666" s="613"/>
      <c r="RGA666" s="613"/>
      <c r="RGB666" s="613"/>
      <c r="RGC666" s="613"/>
      <c r="RGD666" s="613"/>
      <c r="RGE666" s="613"/>
      <c r="RGF666" s="613"/>
      <c r="RGG666" s="613"/>
      <c r="RGH666" s="613"/>
      <c r="RGI666" s="613"/>
      <c r="RGJ666" s="613"/>
      <c r="RGK666" s="613"/>
      <c r="RGL666" s="613"/>
      <c r="RGM666" s="613"/>
      <c r="RGN666" s="613"/>
      <c r="RGO666" s="613"/>
      <c r="RGP666" s="613"/>
      <c r="RGQ666" s="613"/>
      <c r="RGR666" s="613"/>
      <c r="RGS666" s="613"/>
      <c r="RGT666" s="613"/>
      <c r="RGU666" s="613"/>
      <c r="RGV666" s="613"/>
      <c r="RGW666" s="613"/>
      <c r="RGX666" s="613"/>
      <c r="RGY666" s="613"/>
      <c r="RGZ666" s="613"/>
      <c r="RHA666" s="613"/>
      <c r="RHB666" s="613"/>
      <c r="RHC666" s="613"/>
      <c r="RHD666" s="613"/>
      <c r="RHE666" s="613"/>
      <c r="RHF666" s="613"/>
      <c r="RHG666" s="613"/>
      <c r="RHH666" s="613"/>
      <c r="RHI666" s="613"/>
      <c r="RHJ666" s="613"/>
      <c r="RHK666" s="613"/>
      <c r="RHL666" s="613"/>
      <c r="RHM666" s="613"/>
      <c r="RHN666" s="613"/>
      <c r="RHO666" s="613"/>
      <c r="RHP666" s="613"/>
      <c r="RHQ666" s="613"/>
      <c r="RHR666" s="613"/>
      <c r="RHS666" s="613"/>
      <c r="RHT666" s="613"/>
      <c r="RHU666" s="613"/>
      <c r="RHV666" s="613"/>
      <c r="RHW666" s="613"/>
      <c r="RHX666" s="613"/>
      <c r="RHY666" s="613"/>
      <c r="RHZ666" s="613"/>
      <c r="RIA666" s="613"/>
      <c r="RIB666" s="613"/>
      <c r="RIC666" s="613"/>
      <c r="RID666" s="613"/>
      <c r="RIE666" s="613"/>
      <c r="RIF666" s="613"/>
      <c r="RIG666" s="613"/>
      <c r="RIH666" s="613"/>
      <c r="RII666" s="613"/>
      <c r="RIJ666" s="613"/>
      <c r="RIK666" s="613"/>
      <c r="RIL666" s="613"/>
      <c r="RIM666" s="613"/>
      <c r="RIN666" s="613"/>
      <c r="RIO666" s="613"/>
      <c r="RIP666" s="613"/>
      <c r="RIQ666" s="613"/>
      <c r="RIR666" s="613"/>
      <c r="RIS666" s="613"/>
      <c r="RIT666" s="613"/>
      <c r="RIU666" s="613"/>
      <c r="RIV666" s="613"/>
      <c r="RIW666" s="613"/>
      <c r="RIX666" s="613"/>
      <c r="RIY666" s="613"/>
      <c r="RIZ666" s="613"/>
      <c r="RJA666" s="613"/>
      <c r="RJB666" s="613"/>
      <c r="RJC666" s="613"/>
      <c r="RJD666" s="613"/>
      <c r="RJE666" s="613"/>
      <c r="RJF666" s="613"/>
      <c r="RJG666" s="613"/>
      <c r="RJH666" s="613"/>
      <c r="RJI666" s="613"/>
      <c r="RJJ666" s="613"/>
      <c r="RJK666" s="613"/>
      <c r="RJL666" s="613"/>
      <c r="RJM666" s="613"/>
      <c r="RJN666" s="613"/>
      <c r="RJO666" s="613"/>
      <c r="RJP666" s="613"/>
      <c r="RJQ666" s="613"/>
      <c r="RJR666" s="613"/>
      <c r="RJS666" s="613"/>
      <c r="RJT666" s="613"/>
      <c r="RJU666" s="613"/>
      <c r="RJV666" s="613"/>
      <c r="RJW666" s="613"/>
      <c r="RJX666" s="613"/>
      <c r="RJY666" s="613"/>
      <c r="RJZ666" s="613"/>
      <c r="RKA666" s="613"/>
      <c r="RKB666" s="613"/>
      <c r="RKC666" s="613"/>
      <c r="RKD666" s="613"/>
      <c r="RKE666" s="613"/>
      <c r="RKF666" s="613"/>
      <c r="RKG666" s="613"/>
      <c r="RKH666" s="613"/>
      <c r="RKI666" s="613"/>
      <c r="RKJ666" s="613"/>
      <c r="RKK666" s="613"/>
      <c r="RKL666" s="613"/>
      <c r="RKM666" s="613"/>
      <c r="RKN666" s="613"/>
      <c r="RKO666" s="613"/>
      <c r="RKP666" s="613"/>
      <c r="RKQ666" s="613"/>
      <c r="RKR666" s="613"/>
      <c r="RKS666" s="613"/>
      <c r="RKT666" s="613"/>
      <c r="RKU666" s="613"/>
      <c r="RKV666" s="613"/>
      <c r="RKW666" s="613"/>
      <c r="RKX666" s="613"/>
      <c r="RKY666" s="613"/>
      <c r="RKZ666" s="613"/>
      <c r="RLA666" s="613"/>
      <c r="RLB666" s="613"/>
      <c r="RLC666" s="613"/>
      <c r="RLD666" s="613"/>
      <c r="RLE666" s="613"/>
      <c r="RLF666" s="613"/>
      <c r="RLG666" s="613"/>
      <c r="RLH666" s="613"/>
      <c r="RLI666" s="613"/>
      <c r="RLJ666" s="613"/>
      <c r="RLK666" s="613"/>
      <c r="RLL666" s="613"/>
      <c r="RLM666" s="613"/>
      <c r="RLN666" s="613"/>
      <c r="RLO666" s="613"/>
      <c r="RLP666" s="613"/>
      <c r="RLQ666" s="613"/>
      <c r="RLR666" s="613"/>
      <c r="RLS666" s="613"/>
      <c r="RLT666" s="613"/>
      <c r="RLU666" s="613"/>
      <c r="RLV666" s="613"/>
      <c r="RLW666" s="613"/>
      <c r="RLX666" s="613"/>
      <c r="RLY666" s="613"/>
      <c r="RLZ666" s="613"/>
      <c r="RMA666" s="613"/>
      <c r="RMB666" s="613"/>
      <c r="RMC666" s="613"/>
      <c r="RMD666" s="613"/>
      <c r="RME666" s="613"/>
      <c r="RMF666" s="613"/>
      <c r="RMG666" s="613"/>
      <c r="RMH666" s="613"/>
      <c r="RMI666" s="613"/>
      <c r="RMJ666" s="613"/>
      <c r="RMK666" s="613"/>
      <c r="RML666" s="613"/>
      <c r="RMM666" s="613"/>
      <c r="RMN666" s="613"/>
      <c r="RMO666" s="613"/>
      <c r="RMP666" s="613"/>
      <c r="RMQ666" s="613"/>
      <c r="RMR666" s="613"/>
      <c r="RMS666" s="613"/>
      <c r="RMT666" s="613"/>
      <c r="RMU666" s="613"/>
      <c r="RMV666" s="613"/>
      <c r="RMW666" s="613"/>
      <c r="RMX666" s="613"/>
      <c r="RMY666" s="613"/>
      <c r="RMZ666" s="613"/>
      <c r="RNA666" s="613"/>
      <c r="RNB666" s="613"/>
      <c r="RNC666" s="613"/>
      <c r="RND666" s="613"/>
      <c r="RNE666" s="613"/>
      <c r="RNF666" s="613"/>
      <c r="RNG666" s="613"/>
      <c r="RNH666" s="613"/>
      <c r="RNI666" s="613"/>
      <c r="RNJ666" s="613"/>
      <c r="RNK666" s="613"/>
      <c r="RNL666" s="613"/>
      <c r="RNM666" s="613"/>
      <c r="RNN666" s="613"/>
      <c r="RNO666" s="613"/>
      <c r="RNP666" s="613"/>
      <c r="RNQ666" s="613"/>
      <c r="RNR666" s="613"/>
      <c r="RNS666" s="613"/>
      <c r="RNT666" s="613"/>
      <c r="RNU666" s="613"/>
      <c r="RNV666" s="613"/>
      <c r="RNW666" s="613"/>
      <c r="RNX666" s="613"/>
      <c r="RNY666" s="613"/>
      <c r="RNZ666" s="613"/>
      <c r="ROA666" s="613"/>
      <c r="ROB666" s="613"/>
      <c r="ROC666" s="613"/>
      <c r="ROD666" s="613"/>
      <c r="ROE666" s="613"/>
      <c r="ROF666" s="613"/>
      <c r="ROG666" s="613"/>
      <c r="ROH666" s="613"/>
      <c r="ROI666" s="613"/>
      <c r="ROJ666" s="613"/>
      <c r="ROK666" s="613"/>
      <c r="ROL666" s="613"/>
      <c r="ROM666" s="613"/>
      <c r="RON666" s="613"/>
      <c r="ROO666" s="613"/>
      <c r="ROP666" s="613"/>
      <c r="ROQ666" s="613"/>
      <c r="ROR666" s="613"/>
      <c r="ROS666" s="613"/>
      <c r="ROT666" s="613"/>
      <c r="ROU666" s="613"/>
      <c r="ROV666" s="613"/>
      <c r="ROW666" s="613"/>
      <c r="ROX666" s="613"/>
      <c r="ROY666" s="613"/>
      <c r="ROZ666" s="613"/>
      <c r="RPA666" s="613"/>
      <c r="RPB666" s="613"/>
      <c r="RPC666" s="613"/>
      <c r="RPD666" s="613"/>
      <c r="RPE666" s="613"/>
      <c r="RPF666" s="613"/>
      <c r="RPG666" s="613"/>
      <c r="RPH666" s="613"/>
      <c r="RPI666" s="613"/>
      <c r="RPJ666" s="613"/>
      <c r="RPK666" s="613"/>
      <c r="RPL666" s="613"/>
      <c r="RPM666" s="613"/>
      <c r="RPN666" s="613"/>
      <c r="RPO666" s="613"/>
      <c r="RPP666" s="613"/>
      <c r="RPQ666" s="613"/>
      <c r="RPR666" s="613"/>
      <c r="RPS666" s="613"/>
      <c r="RPT666" s="613"/>
      <c r="RPU666" s="613"/>
      <c r="RPV666" s="613"/>
      <c r="RPW666" s="613"/>
      <c r="RPX666" s="613"/>
      <c r="RPY666" s="613"/>
      <c r="RPZ666" s="613"/>
      <c r="RQA666" s="613"/>
      <c r="RQB666" s="613"/>
      <c r="RQC666" s="613"/>
      <c r="RQD666" s="613"/>
      <c r="RQE666" s="613"/>
      <c r="RQF666" s="613"/>
      <c r="RQG666" s="613"/>
      <c r="RQH666" s="613"/>
      <c r="RQI666" s="613"/>
      <c r="RQJ666" s="613"/>
      <c r="RQK666" s="613"/>
      <c r="RQL666" s="613"/>
      <c r="RQM666" s="613"/>
      <c r="RQN666" s="613"/>
      <c r="RQO666" s="613"/>
      <c r="RQP666" s="613"/>
      <c r="RQQ666" s="613"/>
      <c r="RQR666" s="613"/>
      <c r="RQS666" s="613"/>
      <c r="RQT666" s="613"/>
      <c r="RQU666" s="613"/>
      <c r="RQV666" s="613"/>
      <c r="RQW666" s="613"/>
      <c r="RQX666" s="613"/>
      <c r="RQY666" s="613"/>
      <c r="RQZ666" s="613"/>
      <c r="RRA666" s="613"/>
      <c r="RRB666" s="613"/>
      <c r="RRC666" s="613"/>
      <c r="RRD666" s="613"/>
      <c r="RRE666" s="613"/>
      <c r="RRF666" s="613"/>
      <c r="RRG666" s="613"/>
      <c r="RRH666" s="613"/>
      <c r="RRI666" s="613"/>
      <c r="RRJ666" s="613"/>
      <c r="RRK666" s="613"/>
      <c r="RRL666" s="613"/>
      <c r="RRM666" s="613"/>
      <c r="RRN666" s="613"/>
      <c r="RRO666" s="613"/>
      <c r="RRP666" s="613"/>
      <c r="RRQ666" s="613"/>
      <c r="RRR666" s="613"/>
      <c r="RRS666" s="613"/>
      <c r="RRT666" s="613"/>
      <c r="RRU666" s="613"/>
      <c r="RRV666" s="613"/>
      <c r="RRW666" s="613"/>
      <c r="RRX666" s="613"/>
      <c r="RRY666" s="613"/>
      <c r="RRZ666" s="613"/>
      <c r="RSA666" s="613"/>
      <c r="RSB666" s="613"/>
      <c r="RSC666" s="613"/>
      <c r="RSD666" s="613"/>
      <c r="RSE666" s="613"/>
      <c r="RSF666" s="613"/>
      <c r="RSG666" s="613"/>
      <c r="RSH666" s="613"/>
      <c r="RSI666" s="613"/>
      <c r="RSJ666" s="613"/>
      <c r="RSK666" s="613"/>
      <c r="RSL666" s="613"/>
      <c r="RSM666" s="613"/>
      <c r="RSN666" s="613"/>
      <c r="RSO666" s="613"/>
      <c r="RSP666" s="613"/>
      <c r="RSQ666" s="613"/>
      <c r="RSR666" s="613"/>
      <c r="RSS666" s="613"/>
      <c r="RST666" s="613"/>
      <c r="RSU666" s="613"/>
      <c r="RSV666" s="613"/>
      <c r="RSW666" s="613"/>
      <c r="RSX666" s="613"/>
      <c r="RSY666" s="613"/>
      <c r="RSZ666" s="613"/>
      <c r="RTA666" s="613"/>
      <c r="RTB666" s="613"/>
      <c r="RTC666" s="613"/>
      <c r="RTD666" s="613"/>
      <c r="RTE666" s="613"/>
      <c r="RTF666" s="613"/>
      <c r="RTG666" s="613"/>
      <c r="RTH666" s="613"/>
      <c r="RTI666" s="613"/>
      <c r="RTJ666" s="613"/>
      <c r="RTK666" s="613"/>
      <c r="RTL666" s="613"/>
      <c r="RTM666" s="613"/>
      <c r="RTN666" s="613"/>
      <c r="RTO666" s="613"/>
      <c r="RTP666" s="613"/>
      <c r="RTQ666" s="613"/>
      <c r="RTR666" s="613"/>
      <c r="RTS666" s="613"/>
      <c r="RTT666" s="613"/>
      <c r="RTU666" s="613"/>
      <c r="RTV666" s="613"/>
      <c r="RTW666" s="613"/>
      <c r="RTX666" s="613"/>
      <c r="RTY666" s="613"/>
      <c r="RTZ666" s="613"/>
      <c r="RUA666" s="613"/>
      <c r="RUB666" s="613"/>
      <c r="RUC666" s="613"/>
      <c r="RUD666" s="613"/>
      <c r="RUE666" s="613"/>
      <c r="RUF666" s="613"/>
      <c r="RUG666" s="613"/>
      <c r="RUH666" s="613"/>
      <c r="RUI666" s="613"/>
      <c r="RUJ666" s="613"/>
      <c r="RUK666" s="613"/>
      <c r="RUL666" s="613"/>
      <c r="RUM666" s="613"/>
      <c r="RUN666" s="613"/>
      <c r="RUO666" s="613"/>
      <c r="RUP666" s="613"/>
      <c r="RUQ666" s="613"/>
      <c r="RUR666" s="613"/>
      <c r="RUS666" s="613"/>
      <c r="RUT666" s="613"/>
      <c r="RUU666" s="613"/>
      <c r="RUV666" s="613"/>
      <c r="RUW666" s="613"/>
      <c r="RUX666" s="613"/>
      <c r="RUY666" s="613"/>
      <c r="RUZ666" s="613"/>
      <c r="RVA666" s="613"/>
      <c r="RVB666" s="613"/>
      <c r="RVC666" s="613"/>
      <c r="RVD666" s="613"/>
      <c r="RVE666" s="613"/>
      <c r="RVF666" s="613"/>
      <c r="RVG666" s="613"/>
      <c r="RVH666" s="613"/>
      <c r="RVI666" s="613"/>
      <c r="RVJ666" s="613"/>
      <c r="RVK666" s="613"/>
      <c r="RVL666" s="613"/>
      <c r="RVM666" s="613"/>
      <c r="RVN666" s="613"/>
      <c r="RVO666" s="613"/>
      <c r="RVP666" s="613"/>
      <c r="RVQ666" s="613"/>
      <c r="RVR666" s="613"/>
      <c r="RVS666" s="613"/>
      <c r="RVT666" s="613"/>
      <c r="RVU666" s="613"/>
      <c r="RVV666" s="613"/>
      <c r="RVW666" s="613"/>
      <c r="RVX666" s="613"/>
      <c r="RVY666" s="613"/>
      <c r="RVZ666" s="613"/>
      <c r="RWA666" s="613"/>
      <c r="RWB666" s="613"/>
      <c r="RWC666" s="613"/>
      <c r="RWD666" s="613"/>
      <c r="RWE666" s="613"/>
      <c r="RWF666" s="613"/>
      <c r="RWG666" s="613"/>
      <c r="RWH666" s="613"/>
      <c r="RWI666" s="613"/>
      <c r="RWJ666" s="613"/>
      <c r="RWK666" s="613"/>
      <c r="RWL666" s="613"/>
      <c r="RWM666" s="613"/>
      <c r="RWN666" s="613"/>
      <c r="RWO666" s="613"/>
      <c r="RWP666" s="613"/>
      <c r="RWQ666" s="613"/>
      <c r="RWR666" s="613"/>
      <c r="RWS666" s="613"/>
      <c r="RWT666" s="613"/>
      <c r="RWU666" s="613"/>
      <c r="RWV666" s="613"/>
      <c r="RWW666" s="613"/>
      <c r="RWX666" s="613"/>
      <c r="RWY666" s="613"/>
      <c r="RWZ666" s="613"/>
      <c r="RXA666" s="613"/>
      <c r="RXB666" s="613"/>
      <c r="RXC666" s="613"/>
      <c r="RXD666" s="613"/>
      <c r="RXE666" s="613"/>
      <c r="RXF666" s="613"/>
      <c r="RXG666" s="613"/>
      <c r="RXH666" s="613"/>
      <c r="RXI666" s="613"/>
      <c r="RXJ666" s="613"/>
      <c r="RXK666" s="613"/>
      <c r="RXL666" s="613"/>
      <c r="RXM666" s="613"/>
      <c r="RXN666" s="613"/>
      <c r="RXO666" s="613"/>
      <c r="RXP666" s="613"/>
      <c r="RXQ666" s="613"/>
      <c r="RXR666" s="613"/>
      <c r="RXS666" s="613"/>
      <c r="RXT666" s="613"/>
      <c r="RXU666" s="613"/>
      <c r="RXV666" s="613"/>
      <c r="RXW666" s="613"/>
      <c r="RXX666" s="613"/>
      <c r="RXY666" s="613"/>
      <c r="RXZ666" s="613"/>
      <c r="RYA666" s="613"/>
      <c r="RYB666" s="613"/>
      <c r="RYC666" s="613"/>
      <c r="RYD666" s="613"/>
      <c r="RYE666" s="613"/>
      <c r="RYF666" s="613"/>
      <c r="RYG666" s="613"/>
      <c r="RYH666" s="613"/>
      <c r="RYI666" s="613"/>
      <c r="RYJ666" s="613"/>
      <c r="RYK666" s="613"/>
      <c r="RYL666" s="613"/>
      <c r="RYM666" s="613"/>
      <c r="RYN666" s="613"/>
      <c r="RYO666" s="613"/>
      <c r="RYP666" s="613"/>
      <c r="RYQ666" s="613"/>
      <c r="RYR666" s="613"/>
      <c r="RYS666" s="613"/>
      <c r="RYT666" s="613"/>
      <c r="RYU666" s="613"/>
      <c r="RYV666" s="613"/>
      <c r="RYW666" s="613"/>
      <c r="RYX666" s="613"/>
      <c r="RYY666" s="613"/>
      <c r="RYZ666" s="613"/>
      <c r="RZA666" s="613"/>
      <c r="RZB666" s="613"/>
      <c r="RZC666" s="613"/>
      <c r="RZD666" s="613"/>
      <c r="RZE666" s="613"/>
      <c r="RZF666" s="613"/>
      <c r="RZG666" s="613"/>
      <c r="RZH666" s="613"/>
      <c r="RZI666" s="613"/>
      <c r="RZJ666" s="613"/>
      <c r="RZK666" s="613"/>
      <c r="RZL666" s="613"/>
      <c r="RZM666" s="613"/>
      <c r="RZN666" s="613"/>
      <c r="RZO666" s="613"/>
      <c r="RZP666" s="613"/>
      <c r="RZQ666" s="613"/>
      <c r="RZR666" s="613"/>
      <c r="RZS666" s="613"/>
      <c r="RZT666" s="613"/>
      <c r="RZU666" s="613"/>
      <c r="RZV666" s="613"/>
      <c r="RZW666" s="613"/>
      <c r="RZX666" s="613"/>
      <c r="RZY666" s="613"/>
      <c r="RZZ666" s="613"/>
      <c r="SAA666" s="613"/>
      <c r="SAB666" s="613"/>
      <c r="SAC666" s="613"/>
      <c r="SAD666" s="613"/>
      <c r="SAE666" s="613"/>
      <c r="SAF666" s="613"/>
      <c r="SAG666" s="613"/>
      <c r="SAH666" s="613"/>
      <c r="SAI666" s="613"/>
      <c r="SAJ666" s="613"/>
      <c r="SAK666" s="613"/>
      <c r="SAL666" s="613"/>
      <c r="SAM666" s="613"/>
      <c r="SAN666" s="613"/>
      <c r="SAO666" s="613"/>
      <c r="SAP666" s="613"/>
      <c r="SAQ666" s="613"/>
      <c r="SAR666" s="613"/>
      <c r="SAS666" s="613"/>
      <c r="SAT666" s="613"/>
      <c r="SAU666" s="613"/>
      <c r="SAV666" s="613"/>
      <c r="SAW666" s="613"/>
      <c r="SAX666" s="613"/>
      <c r="SAY666" s="613"/>
      <c r="SAZ666" s="613"/>
      <c r="SBA666" s="613"/>
      <c r="SBB666" s="613"/>
      <c r="SBC666" s="613"/>
      <c r="SBD666" s="613"/>
      <c r="SBE666" s="613"/>
      <c r="SBF666" s="613"/>
      <c r="SBG666" s="613"/>
      <c r="SBH666" s="613"/>
      <c r="SBI666" s="613"/>
      <c r="SBJ666" s="613"/>
      <c r="SBK666" s="613"/>
      <c r="SBL666" s="613"/>
      <c r="SBM666" s="613"/>
      <c r="SBN666" s="613"/>
      <c r="SBO666" s="613"/>
      <c r="SBP666" s="613"/>
      <c r="SBQ666" s="613"/>
      <c r="SBR666" s="613"/>
      <c r="SBS666" s="613"/>
      <c r="SBT666" s="613"/>
      <c r="SBU666" s="613"/>
      <c r="SBV666" s="613"/>
      <c r="SBW666" s="613"/>
      <c r="SBX666" s="613"/>
      <c r="SBY666" s="613"/>
      <c r="SBZ666" s="613"/>
      <c r="SCA666" s="613"/>
      <c r="SCB666" s="613"/>
      <c r="SCC666" s="613"/>
      <c r="SCD666" s="613"/>
      <c r="SCE666" s="613"/>
      <c r="SCF666" s="613"/>
      <c r="SCG666" s="613"/>
      <c r="SCH666" s="613"/>
      <c r="SCI666" s="613"/>
      <c r="SCJ666" s="613"/>
      <c r="SCK666" s="613"/>
      <c r="SCL666" s="613"/>
      <c r="SCM666" s="613"/>
      <c r="SCN666" s="613"/>
      <c r="SCO666" s="613"/>
      <c r="SCP666" s="613"/>
      <c r="SCQ666" s="613"/>
      <c r="SCR666" s="613"/>
      <c r="SCS666" s="613"/>
      <c r="SCT666" s="613"/>
      <c r="SCU666" s="613"/>
      <c r="SCV666" s="613"/>
      <c r="SCW666" s="613"/>
      <c r="SCX666" s="613"/>
      <c r="SCY666" s="613"/>
      <c r="SCZ666" s="613"/>
      <c r="SDA666" s="613"/>
      <c r="SDB666" s="613"/>
      <c r="SDC666" s="613"/>
      <c r="SDD666" s="613"/>
      <c r="SDE666" s="613"/>
      <c r="SDF666" s="613"/>
      <c r="SDG666" s="613"/>
      <c r="SDH666" s="613"/>
      <c r="SDI666" s="613"/>
      <c r="SDJ666" s="613"/>
      <c r="SDK666" s="613"/>
      <c r="SDL666" s="613"/>
      <c r="SDM666" s="613"/>
      <c r="SDN666" s="613"/>
      <c r="SDO666" s="613"/>
      <c r="SDP666" s="613"/>
      <c r="SDQ666" s="613"/>
      <c r="SDR666" s="613"/>
      <c r="SDS666" s="613"/>
      <c r="SDT666" s="613"/>
      <c r="SDU666" s="613"/>
      <c r="SDV666" s="613"/>
      <c r="SDW666" s="613"/>
      <c r="SDX666" s="613"/>
      <c r="SDY666" s="613"/>
      <c r="SDZ666" s="613"/>
      <c r="SEA666" s="613"/>
      <c r="SEB666" s="613"/>
      <c r="SEC666" s="613"/>
      <c r="SED666" s="613"/>
      <c r="SEE666" s="613"/>
      <c r="SEF666" s="613"/>
      <c r="SEG666" s="613"/>
      <c r="SEH666" s="613"/>
      <c r="SEI666" s="613"/>
      <c r="SEJ666" s="613"/>
      <c r="SEK666" s="613"/>
      <c r="SEL666" s="613"/>
      <c r="SEM666" s="613"/>
      <c r="SEN666" s="613"/>
      <c r="SEO666" s="613"/>
      <c r="SEP666" s="613"/>
      <c r="SEQ666" s="613"/>
      <c r="SER666" s="613"/>
      <c r="SES666" s="613"/>
      <c r="SET666" s="613"/>
      <c r="SEU666" s="613"/>
      <c r="SEV666" s="613"/>
      <c r="SEW666" s="613"/>
      <c r="SEX666" s="613"/>
      <c r="SEY666" s="613"/>
      <c r="SEZ666" s="613"/>
      <c r="SFA666" s="613"/>
      <c r="SFB666" s="613"/>
      <c r="SFC666" s="613"/>
      <c r="SFD666" s="613"/>
      <c r="SFE666" s="613"/>
      <c r="SFF666" s="613"/>
      <c r="SFG666" s="613"/>
      <c r="SFH666" s="613"/>
      <c r="SFI666" s="613"/>
      <c r="SFJ666" s="613"/>
      <c r="SFK666" s="613"/>
      <c r="SFL666" s="613"/>
      <c r="SFM666" s="613"/>
      <c r="SFN666" s="613"/>
      <c r="SFO666" s="613"/>
      <c r="SFP666" s="613"/>
      <c r="SFQ666" s="613"/>
      <c r="SFR666" s="613"/>
      <c r="SFS666" s="613"/>
      <c r="SFT666" s="613"/>
      <c r="SFU666" s="613"/>
      <c r="SFV666" s="613"/>
      <c r="SFW666" s="613"/>
      <c r="SFX666" s="613"/>
      <c r="SFY666" s="613"/>
      <c r="SFZ666" s="613"/>
      <c r="SGA666" s="613"/>
      <c r="SGB666" s="613"/>
      <c r="SGC666" s="613"/>
      <c r="SGD666" s="613"/>
      <c r="SGE666" s="613"/>
      <c r="SGF666" s="613"/>
      <c r="SGG666" s="613"/>
      <c r="SGH666" s="613"/>
      <c r="SGI666" s="613"/>
      <c r="SGJ666" s="613"/>
      <c r="SGK666" s="613"/>
      <c r="SGL666" s="613"/>
      <c r="SGM666" s="613"/>
      <c r="SGN666" s="613"/>
      <c r="SGO666" s="613"/>
      <c r="SGP666" s="613"/>
      <c r="SGQ666" s="613"/>
      <c r="SGR666" s="613"/>
      <c r="SGS666" s="613"/>
      <c r="SGT666" s="613"/>
      <c r="SGU666" s="613"/>
      <c r="SGV666" s="613"/>
      <c r="SGW666" s="613"/>
      <c r="SGX666" s="613"/>
      <c r="SGY666" s="613"/>
      <c r="SGZ666" s="613"/>
      <c r="SHA666" s="613"/>
      <c r="SHB666" s="613"/>
      <c r="SHC666" s="613"/>
      <c r="SHD666" s="613"/>
      <c r="SHE666" s="613"/>
      <c r="SHF666" s="613"/>
      <c r="SHG666" s="613"/>
      <c r="SHH666" s="613"/>
      <c r="SHI666" s="613"/>
      <c r="SHJ666" s="613"/>
      <c r="SHK666" s="613"/>
      <c r="SHL666" s="613"/>
      <c r="SHM666" s="613"/>
      <c r="SHN666" s="613"/>
      <c r="SHO666" s="613"/>
      <c r="SHP666" s="613"/>
      <c r="SHQ666" s="613"/>
      <c r="SHR666" s="613"/>
      <c r="SHS666" s="613"/>
      <c r="SHT666" s="613"/>
      <c r="SHU666" s="613"/>
      <c r="SHV666" s="613"/>
      <c r="SHW666" s="613"/>
      <c r="SHX666" s="613"/>
      <c r="SHY666" s="613"/>
      <c r="SHZ666" s="613"/>
      <c r="SIA666" s="613"/>
      <c r="SIB666" s="613"/>
      <c r="SIC666" s="613"/>
      <c r="SID666" s="613"/>
      <c r="SIE666" s="613"/>
      <c r="SIF666" s="613"/>
      <c r="SIG666" s="613"/>
      <c r="SIH666" s="613"/>
      <c r="SII666" s="613"/>
      <c r="SIJ666" s="613"/>
      <c r="SIK666" s="613"/>
      <c r="SIL666" s="613"/>
      <c r="SIM666" s="613"/>
      <c r="SIN666" s="613"/>
      <c r="SIO666" s="613"/>
      <c r="SIP666" s="613"/>
      <c r="SIQ666" s="613"/>
      <c r="SIR666" s="613"/>
      <c r="SIS666" s="613"/>
      <c r="SIT666" s="613"/>
      <c r="SIU666" s="613"/>
      <c r="SIV666" s="613"/>
      <c r="SIW666" s="613"/>
      <c r="SIX666" s="613"/>
      <c r="SIY666" s="613"/>
      <c r="SIZ666" s="613"/>
      <c r="SJA666" s="613"/>
      <c r="SJB666" s="613"/>
      <c r="SJC666" s="613"/>
      <c r="SJD666" s="613"/>
      <c r="SJE666" s="613"/>
      <c r="SJF666" s="613"/>
      <c r="SJG666" s="613"/>
      <c r="SJH666" s="613"/>
      <c r="SJI666" s="613"/>
      <c r="SJJ666" s="613"/>
      <c r="SJK666" s="613"/>
      <c r="SJL666" s="613"/>
      <c r="SJM666" s="613"/>
      <c r="SJN666" s="613"/>
      <c r="SJO666" s="613"/>
      <c r="SJP666" s="613"/>
      <c r="SJQ666" s="613"/>
      <c r="SJR666" s="613"/>
      <c r="SJS666" s="613"/>
      <c r="SJT666" s="613"/>
      <c r="SJU666" s="613"/>
      <c r="SJV666" s="613"/>
      <c r="SJW666" s="613"/>
      <c r="SJX666" s="613"/>
      <c r="SJY666" s="613"/>
      <c r="SJZ666" s="613"/>
      <c r="SKA666" s="613"/>
      <c r="SKB666" s="613"/>
      <c r="SKC666" s="613"/>
      <c r="SKD666" s="613"/>
      <c r="SKE666" s="613"/>
      <c r="SKF666" s="613"/>
      <c r="SKG666" s="613"/>
      <c r="SKH666" s="613"/>
      <c r="SKI666" s="613"/>
      <c r="SKJ666" s="613"/>
      <c r="SKK666" s="613"/>
      <c r="SKL666" s="613"/>
      <c r="SKM666" s="613"/>
      <c r="SKN666" s="613"/>
      <c r="SKO666" s="613"/>
      <c r="SKP666" s="613"/>
      <c r="SKQ666" s="613"/>
      <c r="SKR666" s="613"/>
      <c r="SKS666" s="613"/>
      <c r="SKT666" s="613"/>
      <c r="SKU666" s="613"/>
      <c r="SKV666" s="613"/>
      <c r="SKW666" s="613"/>
      <c r="SKX666" s="613"/>
      <c r="SKY666" s="613"/>
      <c r="SKZ666" s="613"/>
      <c r="SLA666" s="613"/>
      <c r="SLB666" s="613"/>
      <c r="SLC666" s="613"/>
      <c r="SLD666" s="613"/>
      <c r="SLE666" s="613"/>
      <c r="SLF666" s="613"/>
      <c r="SLG666" s="613"/>
      <c r="SLH666" s="613"/>
      <c r="SLI666" s="613"/>
      <c r="SLJ666" s="613"/>
      <c r="SLK666" s="613"/>
      <c r="SLL666" s="613"/>
      <c r="SLM666" s="613"/>
      <c r="SLN666" s="613"/>
      <c r="SLO666" s="613"/>
      <c r="SLP666" s="613"/>
      <c r="SLQ666" s="613"/>
      <c r="SLR666" s="613"/>
      <c r="SLS666" s="613"/>
      <c r="SLT666" s="613"/>
      <c r="SLU666" s="613"/>
      <c r="SLV666" s="613"/>
      <c r="SLW666" s="613"/>
      <c r="SLX666" s="613"/>
      <c r="SLY666" s="613"/>
      <c r="SLZ666" s="613"/>
      <c r="SMA666" s="613"/>
      <c r="SMB666" s="613"/>
      <c r="SMC666" s="613"/>
      <c r="SMD666" s="613"/>
      <c r="SME666" s="613"/>
      <c r="SMF666" s="613"/>
      <c r="SMG666" s="613"/>
      <c r="SMH666" s="613"/>
      <c r="SMI666" s="613"/>
      <c r="SMJ666" s="613"/>
      <c r="SMK666" s="613"/>
      <c r="SML666" s="613"/>
      <c r="SMM666" s="613"/>
      <c r="SMN666" s="613"/>
      <c r="SMO666" s="613"/>
      <c r="SMP666" s="613"/>
      <c r="SMQ666" s="613"/>
      <c r="SMR666" s="613"/>
      <c r="SMS666" s="613"/>
      <c r="SMT666" s="613"/>
      <c r="SMU666" s="613"/>
      <c r="SMV666" s="613"/>
      <c r="SMW666" s="613"/>
      <c r="SMX666" s="613"/>
      <c r="SMY666" s="613"/>
      <c r="SMZ666" s="613"/>
      <c r="SNA666" s="613"/>
      <c r="SNB666" s="613"/>
      <c r="SNC666" s="613"/>
      <c r="SND666" s="613"/>
      <c r="SNE666" s="613"/>
      <c r="SNF666" s="613"/>
      <c r="SNG666" s="613"/>
      <c r="SNH666" s="613"/>
      <c r="SNI666" s="613"/>
      <c r="SNJ666" s="613"/>
      <c r="SNK666" s="613"/>
      <c r="SNL666" s="613"/>
      <c r="SNM666" s="613"/>
      <c r="SNN666" s="613"/>
      <c r="SNO666" s="613"/>
      <c r="SNP666" s="613"/>
      <c r="SNQ666" s="613"/>
      <c r="SNR666" s="613"/>
      <c r="SNS666" s="613"/>
      <c r="SNT666" s="613"/>
      <c r="SNU666" s="613"/>
      <c r="SNV666" s="613"/>
      <c r="SNW666" s="613"/>
      <c r="SNX666" s="613"/>
      <c r="SNY666" s="613"/>
      <c r="SNZ666" s="613"/>
      <c r="SOA666" s="613"/>
      <c r="SOB666" s="613"/>
      <c r="SOC666" s="613"/>
      <c r="SOD666" s="613"/>
      <c r="SOE666" s="613"/>
      <c r="SOF666" s="613"/>
      <c r="SOG666" s="613"/>
      <c r="SOH666" s="613"/>
      <c r="SOI666" s="613"/>
      <c r="SOJ666" s="613"/>
      <c r="SOK666" s="613"/>
      <c r="SOL666" s="613"/>
      <c r="SOM666" s="613"/>
      <c r="SON666" s="613"/>
      <c r="SOO666" s="613"/>
      <c r="SOP666" s="613"/>
      <c r="SOQ666" s="613"/>
      <c r="SOR666" s="613"/>
      <c r="SOS666" s="613"/>
      <c r="SOT666" s="613"/>
      <c r="SOU666" s="613"/>
      <c r="SOV666" s="613"/>
      <c r="SOW666" s="613"/>
      <c r="SOX666" s="613"/>
      <c r="SOY666" s="613"/>
      <c r="SOZ666" s="613"/>
      <c r="SPA666" s="613"/>
      <c r="SPB666" s="613"/>
      <c r="SPC666" s="613"/>
      <c r="SPD666" s="613"/>
      <c r="SPE666" s="613"/>
      <c r="SPF666" s="613"/>
      <c r="SPG666" s="613"/>
      <c r="SPH666" s="613"/>
      <c r="SPI666" s="613"/>
      <c r="SPJ666" s="613"/>
      <c r="SPK666" s="613"/>
      <c r="SPL666" s="613"/>
      <c r="SPM666" s="613"/>
      <c r="SPN666" s="613"/>
      <c r="SPO666" s="613"/>
      <c r="SPP666" s="613"/>
      <c r="SPQ666" s="613"/>
      <c r="SPR666" s="613"/>
      <c r="SPS666" s="613"/>
      <c r="SPT666" s="613"/>
      <c r="SPU666" s="613"/>
      <c r="SPV666" s="613"/>
      <c r="SPW666" s="613"/>
      <c r="SPX666" s="613"/>
      <c r="SPY666" s="613"/>
      <c r="SPZ666" s="613"/>
      <c r="SQA666" s="613"/>
      <c r="SQB666" s="613"/>
      <c r="SQC666" s="613"/>
      <c r="SQD666" s="613"/>
      <c r="SQE666" s="613"/>
      <c r="SQF666" s="613"/>
      <c r="SQG666" s="613"/>
      <c r="SQH666" s="613"/>
      <c r="SQI666" s="613"/>
      <c r="SQJ666" s="613"/>
      <c r="SQK666" s="613"/>
      <c r="SQL666" s="613"/>
      <c r="SQM666" s="613"/>
      <c r="SQN666" s="613"/>
      <c r="SQO666" s="613"/>
      <c r="SQP666" s="613"/>
      <c r="SQQ666" s="613"/>
      <c r="SQR666" s="613"/>
      <c r="SQS666" s="613"/>
      <c r="SQT666" s="613"/>
      <c r="SQU666" s="613"/>
      <c r="SQV666" s="613"/>
      <c r="SQW666" s="613"/>
      <c r="SQX666" s="613"/>
      <c r="SQY666" s="613"/>
      <c r="SQZ666" s="613"/>
      <c r="SRA666" s="613"/>
      <c r="SRB666" s="613"/>
      <c r="SRC666" s="613"/>
      <c r="SRD666" s="613"/>
      <c r="SRE666" s="613"/>
      <c r="SRF666" s="613"/>
      <c r="SRG666" s="613"/>
      <c r="SRH666" s="613"/>
      <c r="SRI666" s="613"/>
      <c r="SRJ666" s="613"/>
      <c r="SRK666" s="613"/>
      <c r="SRL666" s="613"/>
      <c r="SRM666" s="613"/>
      <c r="SRN666" s="613"/>
      <c r="SRO666" s="613"/>
      <c r="SRP666" s="613"/>
      <c r="SRQ666" s="613"/>
      <c r="SRR666" s="613"/>
      <c r="SRS666" s="613"/>
      <c r="SRT666" s="613"/>
      <c r="SRU666" s="613"/>
      <c r="SRV666" s="613"/>
      <c r="SRW666" s="613"/>
      <c r="SRX666" s="613"/>
      <c r="SRY666" s="613"/>
      <c r="SRZ666" s="613"/>
      <c r="SSA666" s="613"/>
      <c r="SSB666" s="613"/>
      <c r="SSC666" s="613"/>
      <c r="SSD666" s="613"/>
      <c r="SSE666" s="613"/>
      <c r="SSF666" s="613"/>
      <c r="SSG666" s="613"/>
      <c r="SSH666" s="613"/>
      <c r="SSI666" s="613"/>
      <c r="SSJ666" s="613"/>
      <c r="SSK666" s="613"/>
      <c r="SSL666" s="613"/>
      <c r="SSM666" s="613"/>
      <c r="SSN666" s="613"/>
      <c r="SSO666" s="613"/>
      <c r="SSP666" s="613"/>
      <c r="SSQ666" s="613"/>
      <c r="SSR666" s="613"/>
      <c r="SSS666" s="613"/>
      <c r="SST666" s="613"/>
      <c r="SSU666" s="613"/>
      <c r="SSV666" s="613"/>
      <c r="SSW666" s="613"/>
      <c r="SSX666" s="613"/>
      <c r="SSY666" s="613"/>
      <c r="SSZ666" s="613"/>
      <c r="STA666" s="613"/>
      <c r="STB666" s="613"/>
      <c r="STC666" s="613"/>
      <c r="STD666" s="613"/>
      <c r="STE666" s="613"/>
      <c r="STF666" s="613"/>
      <c r="STG666" s="613"/>
      <c r="STH666" s="613"/>
      <c r="STI666" s="613"/>
      <c r="STJ666" s="613"/>
      <c r="STK666" s="613"/>
      <c r="STL666" s="613"/>
      <c r="STM666" s="613"/>
      <c r="STN666" s="613"/>
      <c r="STO666" s="613"/>
      <c r="STP666" s="613"/>
      <c r="STQ666" s="613"/>
      <c r="STR666" s="613"/>
      <c r="STS666" s="613"/>
      <c r="STT666" s="613"/>
      <c r="STU666" s="613"/>
      <c r="STV666" s="613"/>
      <c r="STW666" s="613"/>
      <c r="STX666" s="613"/>
      <c r="STY666" s="613"/>
      <c r="STZ666" s="613"/>
      <c r="SUA666" s="613"/>
      <c r="SUB666" s="613"/>
      <c r="SUC666" s="613"/>
      <c r="SUD666" s="613"/>
      <c r="SUE666" s="613"/>
      <c r="SUF666" s="613"/>
      <c r="SUG666" s="613"/>
      <c r="SUH666" s="613"/>
      <c r="SUI666" s="613"/>
      <c r="SUJ666" s="613"/>
      <c r="SUK666" s="613"/>
      <c r="SUL666" s="613"/>
      <c r="SUM666" s="613"/>
      <c r="SUN666" s="613"/>
      <c r="SUO666" s="613"/>
      <c r="SUP666" s="613"/>
      <c r="SUQ666" s="613"/>
      <c r="SUR666" s="613"/>
      <c r="SUS666" s="613"/>
      <c r="SUT666" s="613"/>
      <c r="SUU666" s="613"/>
      <c r="SUV666" s="613"/>
      <c r="SUW666" s="613"/>
      <c r="SUX666" s="613"/>
      <c r="SUY666" s="613"/>
      <c r="SUZ666" s="613"/>
      <c r="SVA666" s="613"/>
      <c r="SVB666" s="613"/>
      <c r="SVC666" s="613"/>
      <c r="SVD666" s="613"/>
      <c r="SVE666" s="613"/>
      <c r="SVF666" s="613"/>
      <c r="SVG666" s="613"/>
      <c r="SVH666" s="613"/>
      <c r="SVI666" s="613"/>
      <c r="SVJ666" s="613"/>
      <c r="SVK666" s="613"/>
      <c r="SVL666" s="613"/>
      <c r="SVM666" s="613"/>
      <c r="SVN666" s="613"/>
      <c r="SVO666" s="613"/>
      <c r="SVP666" s="613"/>
      <c r="SVQ666" s="613"/>
      <c r="SVR666" s="613"/>
      <c r="SVS666" s="613"/>
      <c r="SVT666" s="613"/>
      <c r="SVU666" s="613"/>
      <c r="SVV666" s="613"/>
      <c r="SVW666" s="613"/>
      <c r="SVX666" s="613"/>
      <c r="SVY666" s="613"/>
      <c r="SVZ666" s="613"/>
      <c r="SWA666" s="613"/>
      <c r="SWB666" s="613"/>
      <c r="SWC666" s="613"/>
      <c r="SWD666" s="613"/>
      <c r="SWE666" s="613"/>
      <c r="SWF666" s="613"/>
      <c r="SWG666" s="613"/>
      <c r="SWH666" s="613"/>
      <c r="SWI666" s="613"/>
      <c r="SWJ666" s="613"/>
      <c r="SWK666" s="613"/>
      <c r="SWL666" s="613"/>
      <c r="SWM666" s="613"/>
      <c r="SWN666" s="613"/>
      <c r="SWO666" s="613"/>
      <c r="SWP666" s="613"/>
      <c r="SWQ666" s="613"/>
      <c r="SWR666" s="613"/>
      <c r="SWS666" s="613"/>
      <c r="SWT666" s="613"/>
      <c r="SWU666" s="613"/>
      <c r="SWV666" s="613"/>
      <c r="SWW666" s="613"/>
      <c r="SWX666" s="613"/>
      <c r="SWY666" s="613"/>
      <c r="SWZ666" s="613"/>
      <c r="SXA666" s="613"/>
      <c r="SXB666" s="613"/>
      <c r="SXC666" s="613"/>
      <c r="SXD666" s="613"/>
      <c r="SXE666" s="613"/>
      <c r="SXF666" s="613"/>
      <c r="SXG666" s="613"/>
      <c r="SXH666" s="613"/>
      <c r="SXI666" s="613"/>
      <c r="SXJ666" s="613"/>
      <c r="SXK666" s="613"/>
      <c r="SXL666" s="613"/>
      <c r="SXM666" s="613"/>
      <c r="SXN666" s="613"/>
      <c r="SXO666" s="613"/>
      <c r="SXP666" s="613"/>
      <c r="SXQ666" s="613"/>
      <c r="SXR666" s="613"/>
      <c r="SXS666" s="613"/>
      <c r="SXT666" s="613"/>
      <c r="SXU666" s="613"/>
      <c r="SXV666" s="613"/>
      <c r="SXW666" s="613"/>
      <c r="SXX666" s="613"/>
      <c r="SXY666" s="613"/>
      <c r="SXZ666" s="613"/>
      <c r="SYA666" s="613"/>
      <c r="SYB666" s="613"/>
      <c r="SYC666" s="613"/>
      <c r="SYD666" s="613"/>
      <c r="SYE666" s="613"/>
      <c r="SYF666" s="613"/>
      <c r="SYG666" s="613"/>
      <c r="SYH666" s="613"/>
      <c r="SYI666" s="613"/>
      <c r="SYJ666" s="613"/>
      <c r="SYK666" s="613"/>
      <c r="SYL666" s="613"/>
      <c r="SYM666" s="613"/>
      <c r="SYN666" s="613"/>
      <c r="SYO666" s="613"/>
      <c r="SYP666" s="613"/>
      <c r="SYQ666" s="613"/>
      <c r="SYR666" s="613"/>
      <c r="SYS666" s="613"/>
      <c r="SYT666" s="613"/>
      <c r="SYU666" s="613"/>
      <c r="SYV666" s="613"/>
      <c r="SYW666" s="613"/>
      <c r="SYX666" s="613"/>
      <c r="SYY666" s="613"/>
      <c r="SYZ666" s="613"/>
      <c r="SZA666" s="613"/>
      <c r="SZB666" s="613"/>
      <c r="SZC666" s="613"/>
      <c r="SZD666" s="613"/>
      <c r="SZE666" s="613"/>
      <c r="SZF666" s="613"/>
      <c r="SZG666" s="613"/>
      <c r="SZH666" s="613"/>
      <c r="SZI666" s="613"/>
      <c r="SZJ666" s="613"/>
      <c r="SZK666" s="613"/>
      <c r="SZL666" s="613"/>
      <c r="SZM666" s="613"/>
      <c r="SZN666" s="613"/>
      <c r="SZO666" s="613"/>
      <c r="SZP666" s="613"/>
      <c r="SZQ666" s="613"/>
      <c r="SZR666" s="613"/>
      <c r="SZS666" s="613"/>
      <c r="SZT666" s="613"/>
      <c r="SZU666" s="613"/>
      <c r="SZV666" s="613"/>
      <c r="SZW666" s="613"/>
      <c r="SZX666" s="613"/>
      <c r="SZY666" s="613"/>
      <c r="SZZ666" s="613"/>
      <c r="TAA666" s="613"/>
      <c r="TAB666" s="613"/>
      <c r="TAC666" s="613"/>
      <c r="TAD666" s="613"/>
      <c r="TAE666" s="613"/>
      <c r="TAF666" s="613"/>
      <c r="TAG666" s="613"/>
      <c r="TAH666" s="613"/>
      <c r="TAI666" s="613"/>
      <c r="TAJ666" s="613"/>
      <c r="TAK666" s="613"/>
      <c r="TAL666" s="613"/>
      <c r="TAM666" s="613"/>
      <c r="TAN666" s="613"/>
      <c r="TAO666" s="613"/>
      <c r="TAP666" s="613"/>
      <c r="TAQ666" s="613"/>
      <c r="TAR666" s="613"/>
      <c r="TAS666" s="613"/>
      <c r="TAT666" s="613"/>
      <c r="TAU666" s="613"/>
      <c r="TAV666" s="613"/>
      <c r="TAW666" s="613"/>
      <c r="TAX666" s="613"/>
      <c r="TAY666" s="613"/>
      <c r="TAZ666" s="613"/>
      <c r="TBA666" s="613"/>
      <c r="TBB666" s="613"/>
      <c r="TBC666" s="613"/>
      <c r="TBD666" s="613"/>
      <c r="TBE666" s="613"/>
      <c r="TBF666" s="613"/>
      <c r="TBG666" s="613"/>
      <c r="TBH666" s="613"/>
      <c r="TBI666" s="613"/>
      <c r="TBJ666" s="613"/>
      <c r="TBK666" s="613"/>
      <c r="TBL666" s="613"/>
      <c r="TBM666" s="613"/>
      <c r="TBN666" s="613"/>
      <c r="TBO666" s="613"/>
      <c r="TBP666" s="613"/>
      <c r="TBQ666" s="613"/>
      <c r="TBR666" s="613"/>
      <c r="TBS666" s="613"/>
      <c r="TBT666" s="613"/>
      <c r="TBU666" s="613"/>
      <c r="TBV666" s="613"/>
      <c r="TBW666" s="613"/>
      <c r="TBX666" s="613"/>
      <c r="TBY666" s="613"/>
      <c r="TBZ666" s="613"/>
      <c r="TCA666" s="613"/>
      <c r="TCB666" s="613"/>
      <c r="TCC666" s="613"/>
      <c r="TCD666" s="613"/>
      <c r="TCE666" s="613"/>
      <c r="TCF666" s="613"/>
      <c r="TCG666" s="613"/>
      <c r="TCH666" s="613"/>
      <c r="TCI666" s="613"/>
      <c r="TCJ666" s="613"/>
      <c r="TCK666" s="613"/>
      <c r="TCL666" s="613"/>
      <c r="TCM666" s="613"/>
      <c r="TCN666" s="613"/>
      <c r="TCO666" s="613"/>
      <c r="TCP666" s="613"/>
      <c r="TCQ666" s="613"/>
      <c r="TCR666" s="613"/>
      <c r="TCS666" s="613"/>
      <c r="TCT666" s="613"/>
      <c r="TCU666" s="613"/>
      <c r="TCV666" s="613"/>
      <c r="TCW666" s="613"/>
      <c r="TCX666" s="613"/>
      <c r="TCY666" s="613"/>
      <c r="TCZ666" s="613"/>
      <c r="TDA666" s="613"/>
      <c r="TDB666" s="613"/>
      <c r="TDC666" s="613"/>
      <c r="TDD666" s="613"/>
      <c r="TDE666" s="613"/>
      <c r="TDF666" s="613"/>
      <c r="TDG666" s="613"/>
      <c r="TDH666" s="613"/>
      <c r="TDI666" s="613"/>
      <c r="TDJ666" s="613"/>
      <c r="TDK666" s="613"/>
      <c r="TDL666" s="613"/>
      <c r="TDM666" s="613"/>
      <c r="TDN666" s="613"/>
      <c r="TDO666" s="613"/>
      <c r="TDP666" s="613"/>
      <c r="TDQ666" s="613"/>
      <c r="TDR666" s="613"/>
      <c r="TDS666" s="613"/>
      <c r="TDT666" s="613"/>
      <c r="TDU666" s="613"/>
      <c r="TDV666" s="613"/>
      <c r="TDW666" s="613"/>
      <c r="TDX666" s="613"/>
      <c r="TDY666" s="613"/>
      <c r="TDZ666" s="613"/>
      <c r="TEA666" s="613"/>
      <c r="TEB666" s="613"/>
      <c r="TEC666" s="613"/>
      <c r="TED666" s="613"/>
      <c r="TEE666" s="613"/>
      <c r="TEF666" s="613"/>
      <c r="TEG666" s="613"/>
      <c r="TEH666" s="613"/>
      <c r="TEI666" s="613"/>
      <c r="TEJ666" s="613"/>
      <c r="TEK666" s="613"/>
      <c r="TEL666" s="613"/>
      <c r="TEM666" s="613"/>
      <c r="TEN666" s="613"/>
      <c r="TEO666" s="613"/>
      <c r="TEP666" s="613"/>
      <c r="TEQ666" s="613"/>
      <c r="TER666" s="613"/>
      <c r="TES666" s="613"/>
      <c r="TET666" s="613"/>
      <c r="TEU666" s="613"/>
      <c r="TEV666" s="613"/>
      <c r="TEW666" s="613"/>
      <c r="TEX666" s="613"/>
      <c r="TEY666" s="613"/>
      <c r="TEZ666" s="613"/>
      <c r="TFA666" s="613"/>
      <c r="TFB666" s="613"/>
      <c r="TFC666" s="613"/>
      <c r="TFD666" s="613"/>
      <c r="TFE666" s="613"/>
      <c r="TFF666" s="613"/>
      <c r="TFG666" s="613"/>
      <c r="TFH666" s="613"/>
      <c r="TFI666" s="613"/>
      <c r="TFJ666" s="613"/>
      <c r="TFK666" s="613"/>
      <c r="TFL666" s="613"/>
      <c r="TFM666" s="613"/>
      <c r="TFN666" s="613"/>
      <c r="TFO666" s="613"/>
      <c r="TFP666" s="613"/>
      <c r="TFQ666" s="613"/>
      <c r="TFR666" s="613"/>
      <c r="TFS666" s="613"/>
      <c r="TFT666" s="613"/>
      <c r="TFU666" s="613"/>
      <c r="TFV666" s="613"/>
      <c r="TFW666" s="613"/>
      <c r="TFX666" s="613"/>
      <c r="TFY666" s="613"/>
      <c r="TFZ666" s="613"/>
      <c r="TGA666" s="613"/>
      <c r="TGB666" s="613"/>
      <c r="TGC666" s="613"/>
      <c r="TGD666" s="613"/>
      <c r="TGE666" s="613"/>
      <c r="TGF666" s="613"/>
      <c r="TGG666" s="613"/>
      <c r="TGH666" s="613"/>
      <c r="TGI666" s="613"/>
      <c r="TGJ666" s="613"/>
      <c r="TGK666" s="613"/>
      <c r="TGL666" s="613"/>
      <c r="TGM666" s="613"/>
      <c r="TGN666" s="613"/>
      <c r="TGO666" s="613"/>
      <c r="TGP666" s="613"/>
      <c r="TGQ666" s="613"/>
      <c r="TGR666" s="613"/>
      <c r="TGS666" s="613"/>
      <c r="TGT666" s="613"/>
      <c r="TGU666" s="613"/>
      <c r="TGV666" s="613"/>
      <c r="TGW666" s="613"/>
      <c r="TGX666" s="613"/>
      <c r="TGY666" s="613"/>
      <c r="TGZ666" s="613"/>
      <c r="THA666" s="613"/>
      <c r="THB666" s="613"/>
      <c r="THC666" s="613"/>
      <c r="THD666" s="613"/>
      <c r="THE666" s="613"/>
      <c r="THF666" s="613"/>
      <c r="THG666" s="613"/>
      <c r="THH666" s="613"/>
      <c r="THI666" s="613"/>
      <c r="THJ666" s="613"/>
      <c r="THK666" s="613"/>
      <c r="THL666" s="613"/>
      <c r="THM666" s="613"/>
      <c r="THN666" s="613"/>
      <c r="THO666" s="613"/>
      <c r="THP666" s="613"/>
      <c r="THQ666" s="613"/>
      <c r="THR666" s="613"/>
      <c r="THS666" s="613"/>
      <c r="THT666" s="613"/>
      <c r="THU666" s="613"/>
      <c r="THV666" s="613"/>
      <c r="THW666" s="613"/>
      <c r="THX666" s="613"/>
      <c r="THY666" s="613"/>
      <c r="THZ666" s="613"/>
      <c r="TIA666" s="613"/>
      <c r="TIB666" s="613"/>
      <c r="TIC666" s="613"/>
      <c r="TID666" s="613"/>
      <c r="TIE666" s="613"/>
      <c r="TIF666" s="613"/>
      <c r="TIG666" s="613"/>
      <c r="TIH666" s="613"/>
      <c r="TII666" s="613"/>
      <c r="TIJ666" s="613"/>
      <c r="TIK666" s="613"/>
      <c r="TIL666" s="613"/>
      <c r="TIM666" s="613"/>
      <c r="TIN666" s="613"/>
      <c r="TIO666" s="613"/>
      <c r="TIP666" s="613"/>
      <c r="TIQ666" s="613"/>
      <c r="TIR666" s="613"/>
      <c r="TIS666" s="613"/>
      <c r="TIT666" s="613"/>
      <c r="TIU666" s="613"/>
      <c r="TIV666" s="613"/>
      <c r="TIW666" s="613"/>
      <c r="TIX666" s="613"/>
      <c r="TIY666" s="613"/>
      <c r="TIZ666" s="613"/>
      <c r="TJA666" s="613"/>
      <c r="TJB666" s="613"/>
      <c r="TJC666" s="613"/>
      <c r="TJD666" s="613"/>
      <c r="TJE666" s="613"/>
      <c r="TJF666" s="613"/>
      <c r="TJG666" s="613"/>
      <c r="TJH666" s="613"/>
      <c r="TJI666" s="613"/>
      <c r="TJJ666" s="613"/>
      <c r="TJK666" s="613"/>
      <c r="TJL666" s="613"/>
      <c r="TJM666" s="613"/>
      <c r="TJN666" s="613"/>
      <c r="TJO666" s="613"/>
      <c r="TJP666" s="613"/>
      <c r="TJQ666" s="613"/>
      <c r="TJR666" s="613"/>
      <c r="TJS666" s="613"/>
      <c r="TJT666" s="613"/>
      <c r="TJU666" s="613"/>
      <c r="TJV666" s="613"/>
      <c r="TJW666" s="613"/>
      <c r="TJX666" s="613"/>
      <c r="TJY666" s="613"/>
      <c r="TJZ666" s="613"/>
      <c r="TKA666" s="613"/>
      <c r="TKB666" s="613"/>
      <c r="TKC666" s="613"/>
      <c r="TKD666" s="613"/>
      <c r="TKE666" s="613"/>
      <c r="TKF666" s="613"/>
      <c r="TKG666" s="613"/>
      <c r="TKH666" s="613"/>
      <c r="TKI666" s="613"/>
      <c r="TKJ666" s="613"/>
      <c r="TKK666" s="613"/>
      <c r="TKL666" s="613"/>
      <c r="TKM666" s="613"/>
      <c r="TKN666" s="613"/>
      <c r="TKO666" s="613"/>
      <c r="TKP666" s="613"/>
      <c r="TKQ666" s="613"/>
      <c r="TKR666" s="613"/>
      <c r="TKS666" s="613"/>
      <c r="TKT666" s="613"/>
      <c r="TKU666" s="613"/>
      <c r="TKV666" s="613"/>
      <c r="TKW666" s="613"/>
      <c r="TKX666" s="613"/>
      <c r="TKY666" s="613"/>
      <c r="TKZ666" s="613"/>
      <c r="TLA666" s="613"/>
      <c r="TLB666" s="613"/>
      <c r="TLC666" s="613"/>
      <c r="TLD666" s="613"/>
      <c r="TLE666" s="613"/>
      <c r="TLF666" s="613"/>
      <c r="TLG666" s="613"/>
      <c r="TLH666" s="613"/>
      <c r="TLI666" s="613"/>
      <c r="TLJ666" s="613"/>
      <c r="TLK666" s="613"/>
      <c r="TLL666" s="613"/>
      <c r="TLM666" s="613"/>
      <c r="TLN666" s="613"/>
      <c r="TLO666" s="613"/>
      <c r="TLP666" s="613"/>
      <c r="TLQ666" s="613"/>
      <c r="TLR666" s="613"/>
      <c r="TLS666" s="613"/>
      <c r="TLT666" s="613"/>
      <c r="TLU666" s="613"/>
      <c r="TLV666" s="613"/>
      <c r="TLW666" s="613"/>
      <c r="TLX666" s="613"/>
      <c r="TLY666" s="613"/>
      <c r="TLZ666" s="613"/>
      <c r="TMA666" s="613"/>
      <c r="TMB666" s="613"/>
      <c r="TMC666" s="613"/>
      <c r="TMD666" s="613"/>
      <c r="TME666" s="613"/>
      <c r="TMF666" s="613"/>
      <c r="TMG666" s="613"/>
      <c r="TMH666" s="613"/>
      <c r="TMI666" s="613"/>
      <c r="TMJ666" s="613"/>
      <c r="TMK666" s="613"/>
      <c r="TML666" s="613"/>
      <c r="TMM666" s="613"/>
      <c r="TMN666" s="613"/>
      <c r="TMO666" s="613"/>
      <c r="TMP666" s="613"/>
      <c r="TMQ666" s="613"/>
      <c r="TMR666" s="613"/>
      <c r="TMS666" s="613"/>
      <c r="TMT666" s="613"/>
      <c r="TMU666" s="613"/>
      <c r="TMV666" s="613"/>
      <c r="TMW666" s="613"/>
      <c r="TMX666" s="613"/>
      <c r="TMY666" s="613"/>
      <c r="TMZ666" s="613"/>
      <c r="TNA666" s="613"/>
      <c r="TNB666" s="613"/>
      <c r="TNC666" s="613"/>
      <c r="TND666" s="613"/>
      <c r="TNE666" s="613"/>
      <c r="TNF666" s="613"/>
      <c r="TNG666" s="613"/>
      <c r="TNH666" s="613"/>
      <c r="TNI666" s="613"/>
      <c r="TNJ666" s="613"/>
      <c r="TNK666" s="613"/>
      <c r="TNL666" s="613"/>
      <c r="TNM666" s="613"/>
      <c r="TNN666" s="613"/>
      <c r="TNO666" s="613"/>
      <c r="TNP666" s="613"/>
      <c r="TNQ666" s="613"/>
      <c r="TNR666" s="613"/>
      <c r="TNS666" s="613"/>
      <c r="TNT666" s="613"/>
      <c r="TNU666" s="613"/>
      <c r="TNV666" s="613"/>
      <c r="TNW666" s="613"/>
      <c r="TNX666" s="613"/>
      <c r="TNY666" s="613"/>
      <c r="TNZ666" s="613"/>
      <c r="TOA666" s="613"/>
      <c r="TOB666" s="613"/>
      <c r="TOC666" s="613"/>
      <c r="TOD666" s="613"/>
      <c r="TOE666" s="613"/>
      <c r="TOF666" s="613"/>
      <c r="TOG666" s="613"/>
      <c r="TOH666" s="613"/>
      <c r="TOI666" s="613"/>
      <c r="TOJ666" s="613"/>
      <c r="TOK666" s="613"/>
      <c r="TOL666" s="613"/>
      <c r="TOM666" s="613"/>
      <c r="TON666" s="613"/>
      <c r="TOO666" s="613"/>
      <c r="TOP666" s="613"/>
      <c r="TOQ666" s="613"/>
      <c r="TOR666" s="613"/>
      <c r="TOS666" s="613"/>
      <c r="TOT666" s="613"/>
      <c r="TOU666" s="613"/>
      <c r="TOV666" s="613"/>
      <c r="TOW666" s="613"/>
      <c r="TOX666" s="613"/>
      <c r="TOY666" s="613"/>
      <c r="TOZ666" s="613"/>
      <c r="TPA666" s="613"/>
      <c r="TPB666" s="613"/>
      <c r="TPC666" s="613"/>
      <c r="TPD666" s="613"/>
      <c r="TPE666" s="613"/>
      <c r="TPF666" s="613"/>
      <c r="TPG666" s="613"/>
      <c r="TPH666" s="613"/>
      <c r="TPI666" s="613"/>
      <c r="TPJ666" s="613"/>
      <c r="TPK666" s="613"/>
      <c r="TPL666" s="613"/>
      <c r="TPM666" s="613"/>
      <c r="TPN666" s="613"/>
      <c r="TPO666" s="613"/>
      <c r="TPP666" s="613"/>
      <c r="TPQ666" s="613"/>
      <c r="TPR666" s="613"/>
      <c r="TPS666" s="613"/>
      <c r="TPT666" s="613"/>
      <c r="TPU666" s="613"/>
      <c r="TPV666" s="613"/>
      <c r="TPW666" s="613"/>
      <c r="TPX666" s="613"/>
      <c r="TPY666" s="613"/>
      <c r="TPZ666" s="613"/>
      <c r="TQA666" s="613"/>
      <c r="TQB666" s="613"/>
      <c r="TQC666" s="613"/>
      <c r="TQD666" s="613"/>
      <c r="TQE666" s="613"/>
      <c r="TQF666" s="613"/>
      <c r="TQG666" s="613"/>
      <c r="TQH666" s="613"/>
      <c r="TQI666" s="613"/>
      <c r="TQJ666" s="613"/>
      <c r="TQK666" s="613"/>
      <c r="TQL666" s="613"/>
      <c r="TQM666" s="613"/>
      <c r="TQN666" s="613"/>
      <c r="TQO666" s="613"/>
      <c r="TQP666" s="613"/>
      <c r="TQQ666" s="613"/>
      <c r="TQR666" s="613"/>
      <c r="TQS666" s="613"/>
      <c r="TQT666" s="613"/>
      <c r="TQU666" s="613"/>
      <c r="TQV666" s="613"/>
      <c r="TQW666" s="613"/>
      <c r="TQX666" s="613"/>
      <c r="TQY666" s="613"/>
      <c r="TQZ666" s="613"/>
      <c r="TRA666" s="613"/>
      <c r="TRB666" s="613"/>
      <c r="TRC666" s="613"/>
      <c r="TRD666" s="613"/>
      <c r="TRE666" s="613"/>
      <c r="TRF666" s="613"/>
      <c r="TRG666" s="613"/>
      <c r="TRH666" s="613"/>
      <c r="TRI666" s="613"/>
      <c r="TRJ666" s="613"/>
      <c r="TRK666" s="613"/>
      <c r="TRL666" s="613"/>
      <c r="TRM666" s="613"/>
      <c r="TRN666" s="613"/>
      <c r="TRO666" s="613"/>
      <c r="TRP666" s="613"/>
      <c r="TRQ666" s="613"/>
      <c r="TRR666" s="613"/>
      <c r="TRS666" s="613"/>
      <c r="TRT666" s="613"/>
      <c r="TRU666" s="613"/>
      <c r="TRV666" s="613"/>
      <c r="TRW666" s="613"/>
      <c r="TRX666" s="613"/>
      <c r="TRY666" s="613"/>
      <c r="TRZ666" s="613"/>
      <c r="TSA666" s="613"/>
      <c r="TSB666" s="613"/>
      <c r="TSC666" s="613"/>
      <c r="TSD666" s="613"/>
      <c r="TSE666" s="613"/>
      <c r="TSF666" s="613"/>
      <c r="TSG666" s="613"/>
      <c r="TSH666" s="613"/>
      <c r="TSI666" s="613"/>
      <c r="TSJ666" s="613"/>
      <c r="TSK666" s="613"/>
      <c r="TSL666" s="613"/>
      <c r="TSM666" s="613"/>
      <c r="TSN666" s="613"/>
      <c r="TSO666" s="613"/>
      <c r="TSP666" s="613"/>
      <c r="TSQ666" s="613"/>
      <c r="TSR666" s="613"/>
      <c r="TSS666" s="613"/>
      <c r="TST666" s="613"/>
      <c r="TSU666" s="613"/>
      <c r="TSV666" s="613"/>
      <c r="TSW666" s="613"/>
      <c r="TSX666" s="613"/>
      <c r="TSY666" s="613"/>
      <c r="TSZ666" s="613"/>
      <c r="TTA666" s="613"/>
      <c r="TTB666" s="613"/>
      <c r="TTC666" s="613"/>
      <c r="TTD666" s="613"/>
      <c r="TTE666" s="613"/>
      <c r="TTF666" s="613"/>
      <c r="TTG666" s="613"/>
      <c r="TTH666" s="613"/>
      <c r="TTI666" s="613"/>
      <c r="TTJ666" s="613"/>
      <c r="TTK666" s="613"/>
      <c r="TTL666" s="613"/>
      <c r="TTM666" s="613"/>
      <c r="TTN666" s="613"/>
      <c r="TTO666" s="613"/>
      <c r="TTP666" s="613"/>
      <c r="TTQ666" s="613"/>
      <c r="TTR666" s="613"/>
      <c r="TTS666" s="613"/>
      <c r="TTT666" s="613"/>
      <c r="TTU666" s="613"/>
      <c r="TTV666" s="613"/>
      <c r="TTW666" s="613"/>
      <c r="TTX666" s="613"/>
      <c r="TTY666" s="613"/>
      <c r="TTZ666" s="613"/>
      <c r="TUA666" s="613"/>
      <c r="TUB666" s="613"/>
      <c r="TUC666" s="613"/>
      <c r="TUD666" s="613"/>
      <c r="TUE666" s="613"/>
      <c r="TUF666" s="613"/>
      <c r="TUG666" s="613"/>
      <c r="TUH666" s="613"/>
      <c r="TUI666" s="613"/>
      <c r="TUJ666" s="613"/>
      <c r="TUK666" s="613"/>
      <c r="TUL666" s="613"/>
      <c r="TUM666" s="613"/>
      <c r="TUN666" s="613"/>
      <c r="TUO666" s="613"/>
      <c r="TUP666" s="613"/>
      <c r="TUQ666" s="613"/>
      <c r="TUR666" s="613"/>
      <c r="TUS666" s="613"/>
      <c r="TUT666" s="613"/>
      <c r="TUU666" s="613"/>
      <c r="TUV666" s="613"/>
      <c r="TUW666" s="613"/>
      <c r="TUX666" s="613"/>
      <c r="TUY666" s="613"/>
      <c r="TUZ666" s="613"/>
      <c r="TVA666" s="613"/>
      <c r="TVB666" s="613"/>
      <c r="TVC666" s="613"/>
      <c r="TVD666" s="613"/>
      <c r="TVE666" s="613"/>
      <c r="TVF666" s="613"/>
      <c r="TVG666" s="613"/>
      <c r="TVH666" s="613"/>
      <c r="TVI666" s="613"/>
      <c r="TVJ666" s="613"/>
      <c r="TVK666" s="613"/>
      <c r="TVL666" s="613"/>
      <c r="TVM666" s="613"/>
      <c r="TVN666" s="613"/>
      <c r="TVO666" s="613"/>
      <c r="TVP666" s="613"/>
      <c r="TVQ666" s="613"/>
      <c r="TVR666" s="613"/>
      <c r="TVS666" s="613"/>
      <c r="TVT666" s="613"/>
      <c r="TVU666" s="613"/>
      <c r="TVV666" s="613"/>
      <c r="TVW666" s="613"/>
      <c r="TVX666" s="613"/>
      <c r="TVY666" s="613"/>
      <c r="TVZ666" s="613"/>
      <c r="TWA666" s="613"/>
      <c r="TWB666" s="613"/>
      <c r="TWC666" s="613"/>
      <c r="TWD666" s="613"/>
      <c r="TWE666" s="613"/>
      <c r="TWF666" s="613"/>
      <c r="TWG666" s="613"/>
      <c r="TWH666" s="613"/>
      <c r="TWI666" s="613"/>
      <c r="TWJ666" s="613"/>
      <c r="TWK666" s="613"/>
      <c r="TWL666" s="613"/>
      <c r="TWM666" s="613"/>
      <c r="TWN666" s="613"/>
      <c r="TWO666" s="613"/>
      <c r="TWP666" s="613"/>
      <c r="TWQ666" s="613"/>
      <c r="TWR666" s="613"/>
      <c r="TWS666" s="613"/>
      <c r="TWT666" s="613"/>
      <c r="TWU666" s="613"/>
      <c r="TWV666" s="613"/>
      <c r="TWW666" s="613"/>
      <c r="TWX666" s="613"/>
      <c r="TWY666" s="613"/>
      <c r="TWZ666" s="613"/>
      <c r="TXA666" s="613"/>
      <c r="TXB666" s="613"/>
      <c r="TXC666" s="613"/>
      <c r="TXD666" s="613"/>
      <c r="TXE666" s="613"/>
      <c r="TXF666" s="613"/>
      <c r="TXG666" s="613"/>
      <c r="TXH666" s="613"/>
      <c r="TXI666" s="613"/>
      <c r="TXJ666" s="613"/>
      <c r="TXK666" s="613"/>
      <c r="TXL666" s="613"/>
      <c r="TXM666" s="613"/>
      <c r="TXN666" s="613"/>
      <c r="TXO666" s="613"/>
      <c r="TXP666" s="613"/>
      <c r="TXQ666" s="613"/>
      <c r="TXR666" s="613"/>
      <c r="TXS666" s="613"/>
      <c r="TXT666" s="613"/>
      <c r="TXU666" s="613"/>
      <c r="TXV666" s="613"/>
      <c r="TXW666" s="613"/>
      <c r="TXX666" s="613"/>
      <c r="TXY666" s="613"/>
      <c r="TXZ666" s="613"/>
      <c r="TYA666" s="613"/>
      <c r="TYB666" s="613"/>
      <c r="TYC666" s="613"/>
      <c r="TYD666" s="613"/>
      <c r="TYE666" s="613"/>
      <c r="TYF666" s="613"/>
      <c r="TYG666" s="613"/>
      <c r="TYH666" s="613"/>
      <c r="TYI666" s="613"/>
      <c r="TYJ666" s="613"/>
      <c r="TYK666" s="613"/>
      <c r="TYL666" s="613"/>
      <c r="TYM666" s="613"/>
      <c r="TYN666" s="613"/>
      <c r="TYO666" s="613"/>
      <c r="TYP666" s="613"/>
      <c r="TYQ666" s="613"/>
      <c r="TYR666" s="613"/>
      <c r="TYS666" s="613"/>
      <c r="TYT666" s="613"/>
      <c r="TYU666" s="613"/>
      <c r="TYV666" s="613"/>
      <c r="TYW666" s="613"/>
      <c r="TYX666" s="613"/>
      <c r="TYY666" s="613"/>
      <c r="TYZ666" s="613"/>
      <c r="TZA666" s="613"/>
      <c r="TZB666" s="613"/>
      <c r="TZC666" s="613"/>
      <c r="TZD666" s="613"/>
      <c r="TZE666" s="613"/>
      <c r="TZF666" s="613"/>
      <c r="TZG666" s="613"/>
      <c r="TZH666" s="613"/>
      <c r="TZI666" s="613"/>
      <c r="TZJ666" s="613"/>
      <c r="TZK666" s="613"/>
      <c r="TZL666" s="613"/>
      <c r="TZM666" s="613"/>
      <c r="TZN666" s="613"/>
      <c r="TZO666" s="613"/>
      <c r="TZP666" s="613"/>
      <c r="TZQ666" s="613"/>
      <c r="TZR666" s="613"/>
      <c r="TZS666" s="613"/>
      <c r="TZT666" s="613"/>
      <c r="TZU666" s="613"/>
      <c r="TZV666" s="613"/>
      <c r="TZW666" s="613"/>
      <c r="TZX666" s="613"/>
      <c r="TZY666" s="613"/>
      <c r="TZZ666" s="613"/>
      <c r="UAA666" s="613"/>
      <c r="UAB666" s="613"/>
      <c r="UAC666" s="613"/>
      <c r="UAD666" s="613"/>
      <c r="UAE666" s="613"/>
      <c r="UAF666" s="613"/>
      <c r="UAG666" s="613"/>
      <c r="UAH666" s="613"/>
      <c r="UAI666" s="613"/>
      <c r="UAJ666" s="613"/>
      <c r="UAK666" s="613"/>
      <c r="UAL666" s="613"/>
      <c r="UAM666" s="613"/>
      <c r="UAN666" s="613"/>
      <c r="UAO666" s="613"/>
      <c r="UAP666" s="613"/>
      <c r="UAQ666" s="613"/>
      <c r="UAR666" s="613"/>
      <c r="UAS666" s="613"/>
      <c r="UAT666" s="613"/>
      <c r="UAU666" s="613"/>
      <c r="UAV666" s="613"/>
      <c r="UAW666" s="613"/>
      <c r="UAX666" s="613"/>
      <c r="UAY666" s="613"/>
      <c r="UAZ666" s="613"/>
      <c r="UBA666" s="613"/>
      <c r="UBB666" s="613"/>
      <c r="UBC666" s="613"/>
      <c r="UBD666" s="613"/>
      <c r="UBE666" s="613"/>
      <c r="UBF666" s="613"/>
      <c r="UBG666" s="613"/>
      <c r="UBH666" s="613"/>
      <c r="UBI666" s="613"/>
      <c r="UBJ666" s="613"/>
      <c r="UBK666" s="613"/>
      <c r="UBL666" s="613"/>
      <c r="UBM666" s="613"/>
      <c r="UBN666" s="613"/>
      <c r="UBO666" s="613"/>
      <c r="UBP666" s="613"/>
      <c r="UBQ666" s="613"/>
      <c r="UBR666" s="613"/>
      <c r="UBS666" s="613"/>
      <c r="UBT666" s="613"/>
      <c r="UBU666" s="613"/>
      <c r="UBV666" s="613"/>
      <c r="UBW666" s="613"/>
      <c r="UBX666" s="613"/>
      <c r="UBY666" s="613"/>
      <c r="UBZ666" s="613"/>
      <c r="UCA666" s="613"/>
      <c r="UCB666" s="613"/>
      <c r="UCC666" s="613"/>
      <c r="UCD666" s="613"/>
      <c r="UCE666" s="613"/>
      <c r="UCF666" s="613"/>
      <c r="UCG666" s="613"/>
      <c r="UCH666" s="613"/>
      <c r="UCI666" s="613"/>
      <c r="UCJ666" s="613"/>
      <c r="UCK666" s="613"/>
      <c r="UCL666" s="613"/>
      <c r="UCM666" s="613"/>
      <c r="UCN666" s="613"/>
      <c r="UCO666" s="613"/>
      <c r="UCP666" s="613"/>
      <c r="UCQ666" s="613"/>
      <c r="UCR666" s="613"/>
      <c r="UCS666" s="613"/>
      <c r="UCT666" s="613"/>
      <c r="UCU666" s="613"/>
      <c r="UCV666" s="613"/>
      <c r="UCW666" s="613"/>
      <c r="UCX666" s="613"/>
      <c r="UCY666" s="613"/>
      <c r="UCZ666" s="613"/>
      <c r="UDA666" s="613"/>
      <c r="UDB666" s="613"/>
      <c r="UDC666" s="613"/>
      <c r="UDD666" s="613"/>
      <c r="UDE666" s="613"/>
      <c r="UDF666" s="613"/>
      <c r="UDG666" s="613"/>
      <c r="UDH666" s="613"/>
      <c r="UDI666" s="613"/>
      <c r="UDJ666" s="613"/>
      <c r="UDK666" s="613"/>
      <c r="UDL666" s="613"/>
      <c r="UDM666" s="613"/>
      <c r="UDN666" s="613"/>
      <c r="UDO666" s="613"/>
      <c r="UDP666" s="613"/>
      <c r="UDQ666" s="613"/>
      <c r="UDR666" s="613"/>
      <c r="UDS666" s="613"/>
      <c r="UDT666" s="613"/>
      <c r="UDU666" s="613"/>
      <c r="UDV666" s="613"/>
      <c r="UDW666" s="613"/>
      <c r="UDX666" s="613"/>
      <c r="UDY666" s="613"/>
      <c r="UDZ666" s="613"/>
      <c r="UEA666" s="613"/>
      <c r="UEB666" s="613"/>
      <c r="UEC666" s="613"/>
      <c r="UED666" s="613"/>
      <c r="UEE666" s="613"/>
      <c r="UEF666" s="613"/>
      <c r="UEG666" s="613"/>
      <c r="UEH666" s="613"/>
      <c r="UEI666" s="613"/>
      <c r="UEJ666" s="613"/>
      <c r="UEK666" s="613"/>
      <c r="UEL666" s="613"/>
      <c r="UEM666" s="613"/>
      <c r="UEN666" s="613"/>
      <c r="UEO666" s="613"/>
      <c r="UEP666" s="613"/>
      <c r="UEQ666" s="613"/>
      <c r="UER666" s="613"/>
      <c r="UES666" s="613"/>
      <c r="UET666" s="613"/>
      <c r="UEU666" s="613"/>
      <c r="UEV666" s="613"/>
      <c r="UEW666" s="613"/>
      <c r="UEX666" s="613"/>
      <c r="UEY666" s="613"/>
      <c r="UEZ666" s="613"/>
      <c r="UFA666" s="613"/>
      <c r="UFB666" s="613"/>
      <c r="UFC666" s="613"/>
      <c r="UFD666" s="613"/>
      <c r="UFE666" s="613"/>
      <c r="UFF666" s="613"/>
      <c r="UFG666" s="613"/>
      <c r="UFH666" s="613"/>
      <c r="UFI666" s="613"/>
      <c r="UFJ666" s="613"/>
      <c r="UFK666" s="613"/>
      <c r="UFL666" s="613"/>
      <c r="UFM666" s="613"/>
      <c r="UFN666" s="613"/>
      <c r="UFO666" s="613"/>
      <c r="UFP666" s="613"/>
      <c r="UFQ666" s="613"/>
      <c r="UFR666" s="613"/>
      <c r="UFS666" s="613"/>
      <c r="UFT666" s="613"/>
      <c r="UFU666" s="613"/>
      <c r="UFV666" s="613"/>
      <c r="UFW666" s="613"/>
      <c r="UFX666" s="613"/>
      <c r="UFY666" s="613"/>
      <c r="UFZ666" s="613"/>
      <c r="UGA666" s="613"/>
      <c r="UGB666" s="613"/>
      <c r="UGC666" s="613"/>
      <c r="UGD666" s="613"/>
      <c r="UGE666" s="613"/>
      <c r="UGF666" s="613"/>
      <c r="UGG666" s="613"/>
      <c r="UGH666" s="613"/>
      <c r="UGI666" s="613"/>
      <c r="UGJ666" s="613"/>
      <c r="UGK666" s="613"/>
      <c r="UGL666" s="613"/>
      <c r="UGM666" s="613"/>
      <c r="UGN666" s="613"/>
      <c r="UGO666" s="613"/>
      <c r="UGP666" s="613"/>
      <c r="UGQ666" s="613"/>
      <c r="UGR666" s="613"/>
      <c r="UGS666" s="613"/>
      <c r="UGT666" s="613"/>
      <c r="UGU666" s="613"/>
      <c r="UGV666" s="613"/>
      <c r="UGW666" s="613"/>
      <c r="UGX666" s="613"/>
      <c r="UGY666" s="613"/>
      <c r="UGZ666" s="613"/>
      <c r="UHA666" s="613"/>
      <c r="UHB666" s="613"/>
      <c r="UHC666" s="613"/>
      <c r="UHD666" s="613"/>
      <c r="UHE666" s="613"/>
      <c r="UHF666" s="613"/>
      <c r="UHG666" s="613"/>
      <c r="UHH666" s="613"/>
      <c r="UHI666" s="613"/>
      <c r="UHJ666" s="613"/>
      <c r="UHK666" s="613"/>
      <c r="UHL666" s="613"/>
      <c r="UHM666" s="613"/>
      <c r="UHN666" s="613"/>
      <c r="UHO666" s="613"/>
      <c r="UHP666" s="613"/>
      <c r="UHQ666" s="613"/>
      <c r="UHR666" s="613"/>
      <c r="UHS666" s="613"/>
      <c r="UHT666" s="613"/>
      <c r="UHU666" s="613"/>
      <c r="UHV666" s="613"/>
      <c r="UHW666" s="613"/>
      <c r="UHX666" s="613"/>
      <c r="UHY666" s="613"/>
      <c r="UHZ666" s="613"/>
      <c r="UIA666" s="613"/>
      <c r="UIB666" s="613"/>
      <c r="UIC666" s="613"/>
      <c r="UID666" s="613"/>
      <c r="UIE666" s="613"/>
      <c r="UIF666" s="613"/>
      <c r="UIG666" s="613"/>
      <c r="UIH666" s="613"/>
      <c r="UII666" s="613"/>
      <c r="UIJ666" s="613"/>
      <c r="UIK666" s="613"/>
      <c r="UIL666" s="613"/>
      <c r="UIM666" s="613"/>
      <c r="UIN666" s="613"/>
      <c r="UIO666" s="613"/>
      <c r="UIP666" s="613"/>
      <c r="UIQ666" s="613"/>
      <c r="UIR666" s="613"/>
      <c r="UIS666" s="613"/>
      <c r="UIT666" s="613"/>
      <c r="UIU666" s="613"/>
      <c r="UIV666" s="613"/>
      <c r="UIW666" s="613"/>
      <c r="UIX666" s="613"/>
      <c r="UIY666" s="613"/>
      <c r="UIZ666" s="613"/>
      <c r="UJA666" s="613"/>
      <c r="UJB666" s="613"/>
      <c r="UJC666" s="613"/>
      <c r="UJD666" s="613"/>
      <c r="UJE666" s="613"/>
      <c r="UJF666" s="613"/>
      <c r="UJG666" s="613"/>
      <c r="UJH666" s="613"/>
      <c r="UJI666" s="613"/>
      <c r="UJJ666" s="613"/>
      <c r="UJK666" s="613"/>
      <c r="UJL666" s="613"/>
      <c r="UJM666" s="613"/>
      <c r="UJN666" s="613"/>
      <c r="UJO666" s="613"/>
      <c r="UJP666" s="613"/>
      <c r="UJQ666" s="613"/>
      <c r="UJR666" s="613"/>
      <c r="UJS666" s="613"/>
      <c r="UJT666" s="613"/>
      <c r="UJU666" s="613"/>
      <c r="UJV666" s="613"/>
      <c r="UJW666" s="613"/>
      <c r="UJX666" s="613"/>
      <c r="UJY666" s="613"/>
      <c r="UJZ666" s="613"/>
      <c r="UKA666" s="613"/>
      <c r="UKB666" s="613"/>
      <c r="UKC666" s="613"/>
      <c r="UKD666" s="613"/>
      <c r="UKE666" s="613"/>
      <c r="UKF666" s="613"/>
      <c r="UKG666" s="613"/>
      <c r="UKH666" s="613"/>
      <c r="UKI666" s="613"/>
      <c r="UKJ666" s="613"/>
      <c r="UKK666" s="613"/>
      <c r="UKL666" s="613"/>
      <c r="UKM666" s="613"/>
      <c r="UKN666" s="613"/>
      <c r="UKO666" s="613"/>
      <c r="UKP666" s="613"/>
      <c r="UKQ666" s="613"/>
      <c r="UKR666" s="613"/>
      <c r="UKS666" s="613"/>
      <c r="UKT666" s="613"/>
      <c r="UKU666" s="613"/>
      <c r="UKV666" s="613"/>
      <c r="UKW666" s="613"/>
      <c r="UKX666" s="613"/>
      <c r="UKY666" s="613"/>
      <c r="UKZ666" s="613"/>
      <c r="ULA666" s="613"/>
      <c r="ULB666" s="613"/>
      <c r="ULC666" s="613"/>
      <c r="ULD666" s="613"/>
      <c r="ULE666" s="613"/>
      <c r="ULF666" s="613"/>
      <c r="ULG666" s="613"/>
      <c r="ULH666" s="613"/>
      <c r="ULI666" s="613"/>
      <c r="ULJ666" s="613"/>
      <c r="ULK666" s="613"/>
      <c r="ULL666" s="613"/>
      <c r="ULM666" s="613"/>
      <c r="ULN666" s="613"/>
      <c r="ULO666" s="613"/>
      <c r="ULP666" s="613"/>
      <c r="ULQ666" s="613"/>
      <c r="ULR666" s="613"/>
      <c r="ULS666" s="613"/>
      <c r="ULT666" s="613"/>
      <c r="ULU666" s="613"/>
      <c r="ULV666" s="613"/>
      <c r="ULW666" s="613"/>
      <c r="ULX666" s="613"/>
      <c r="ULY666" s="613"/>
      <c r="ULZ666" s="613"/>
      <c r="UMA666" s="613"/>
      <c r="UMB666" s="613"/>
      <c r="UMC666" s="613"/>
      <c r="UMD666" s="613"/>
      <c r="UME666" s="613"/>
      <c r="UMF666" s="613"/>
      <c r="UMG666" s="613"/>
      <c r="UMH666" s="613"/>
      <c r="UMI666" s="613"/>
      <c r="UMJ666" s="613"/>
      <c r="UMK666" s="613"/>
      <c r="UML666" s="613"/>
      <c r="UMM666" s="613"/>
      <c r="UMN666" s="613"/>
      <c r="UMO666" s="613"/>
      <c r="UMP666" s="613"/>
      <c r="UMQ666" s="613"/>
      <c r="UMR666" s="613"/>
      <c r="UMS666" s="613"/>
      <c r="UMT666" s="613"/>
      <c r="UMU666" s="613"/>
      <c r="UMV666" s="613"/>
      <c r="UMW666" s="613"/>
      <c r="UMX666" s="613"/>
      <c r="UMY666" s="613"/>
      <c r="UMZ666" s="613"/>
      <c r="UNA666" s="613"/>
      <c r="UNB666" s="613"/>
      <c r="UNC666" s="613"/>
      <c r="UND666" s="613"/>
      <c r="UNE666" s="613"/>
      <c r="UNF666" s="613"/>
      <c r="UNG666" s="613"/>
      <c r="UNH666" s="613"/>
      <c r="UNI666" s="613"/>
      <c r="UNJ666" s="613"/>
      <c r="UNK666" s="613"/>
      <c r="UNL666" s="613"/>
      <c r="UNM666" s="613"/>
      <c r="UNN666" s="613"/>
      <c r="UNO666" s="613"/>
      <c r="UNP666" s="613"/>
      <c r="UNQ666" s="613"/>
      <c r="UNR666" s="613"/>
      <c r="UNS666" s="613"/>
      <c r="UNT666" s="613"/>
      <c r="UNU666" s="613"/>
      <c r="UNV666" s="613"/>
      <c r="UNW666" s="613"/>
      <c r="UNX666" s="613"/>
      <c r="UNY666" s="613"/>
      <c r="UNZ666" s="613"/>
      <c r="UOA666" s="613"/>
      <c r="UOB666" s="613"/>
      <c r="UOC666" s="613"/>
      <c r="UOD666" s="613"/>
      <c r="UOE666" s="613"/>
      <c r="UOF666" s="613"/>
      <c r="UOG666" s="613"/>
      <c r="UOH666" s="613"/>
      <c r="UOI666" s="613"/>
      <c r="UOJ666" s="613"/>
      <c r="UOK666" s="613"/>
      <c r="UOL666" s="613"/>
      <c r="UOM666" s="613"/>
      <c r="UON666" s="613"/>
      <c r="UOO666" s="613"/>
      <c r="UOP666" s="613"/>
      <c r="UOQ666" s="613"/>
      <c r="UOR666" s="613"/>
      <c r="UOS666" s="613"/>
      <c r="UOT666" s="613"/>
      <c r="UOU666" s="613"/>
      <c r="UOV666" s="613"/>
      <c r="UOW666" s="613"/>
      <c r="UOX666" s="613"/>
      <c r="UOY666" s="613"/>
      <c r="UOZ666" s="613"/>
      <c r="UPA666" s="613"/>
      <c r="UPB666" s="613"/>
      <c r="UPC666" s="613"/>
      <c r="UPD666" s="613"/>
      <c r="UPE666" s="613"/>
      <c r="UPF666" s="613"/>
      <c r="UPG666" s="613"/>
      <c r="UPH666" s="613"/>
      <c r="UPI666" s="613"/>
      <c r="UPJ666" s="613"/>
      <c r="UPK666" s="613"/>
      <c r="UPL666" s="613"/>
      <c r="UPM666" s="613"/>
      <c r="UPN666" s="613"/>
      <c r="UPO666" s="613"/>
      <c r="UPP666" s="613"/>
      <c r="UPQ666" s="613"/>
      <c r="UPR666" s="613"/>
      <c r="UPS666" s="613"/>
      <c r="UPT666" s="613"/>
      <c r="UPU666" s="613"/>
      <c r="UPV666" s="613"/>
      <c r="UPW666" s="613"/>
      <c r="UPX666" s="613"/>
      <c r="UPY666" s="613"/>
      <c r="UPZ666" s="613"/>
      <c r="UQA666" s="613"/>
      <c r="UQB666" s="613"/>
      <c r="UQC666" s="613"/>
      <c r="UQD666" s="613"/>
      <c r="UQE666" s="613"/>
      <c r="UQF666" s="613"/>
      <c r="UQG666" s="613"/>
      <c r="UQH666" s="613"/>
      <c r="UQI666" s="613"/>
      <c r="UQJ666" s="613"/>
      <c r="UQK666" s="613"/>
      <c r="UQL666" s="613"/>
      <c r="UQM666" s="613"/>
      <c r="UQN666" s="613"/>
      <c r="UQO666" s="613"/>
      <c r="UQP666" s="613"/>
      <c r="UQQ666" s="613"/>
      <c r="UQR666" s="613"/>
      <c r="UQS666" s="613"/>
      <c r="UQT666" s="613"/>
      <c r="UQU666" s="613"/>
      <c r="UQV666" s="613"/>
      <c r="UQW666" s="613"/>
      <c r="UQX666" s="613"/>
      <c r="UQY666" s="613"/>
      <c r="UQZ666" s="613"/>
      <c r="URA666" s="613"/>
      <c r="URB666" s="613"/>
      <c r="URC666" s="613"/>
      <c r="URD666" s="613"/>
      <c r="URE666" s="613"/>
      <c r="URF666" s="613"/>
      <c r="URG666" s="613"/>
      <c r="URH666" s="613"/>
      <c r="URI666" s="613"/>
      <c r="URJ666" s="613"/>
      <c r="URK666" s="613"/>
      <c r="URL666" s="613"/>
      <c r="URM666" s="613"/>
      <c r="URN666" s="613"/>
      <c r="URO666" s="613"/>
      <c r="URP666" s="613"/>
      <c r="URQ666" s="613"/>
      <c r="URR666" s="613"/>
      <c r="URS666" s="613"/>
      <c r="URT666" s="613"/>
      <c r="URU666" s="613"/>
      <c r="URV666" s="613"/>
      <c r="URW666" s="613"/>
      <c r="URX666" s="613"/>
      <c r="URY666" s="613"/>
      <c r="URZ666" s="613"/>
      <c r="USA666" s="613"/>
      <c r="USB666" s="613"/>
      <c r="USC666" s="613"/>
      <c r="USD666" s="613"/>
      <c r="USE666" s="613"/>
      <c r="USF666" s="613"/>
      <c r="USG666" s="613"/>
      <c r="USH666" s="613"/>
      <c r="USI666" s="613"/>
      <c r="USJ666" s="613"/>
      <c r="USK666" s="613"/>
      <c r="USL666" s="613"/>
      <c r="USM666" s="613"/>
      <c r="USN666" s="613"/>
      <c r="USO666" s="613"/>
      <c r="USP666" s="613"/>
      <c r="USQ666" s="613"/>
      <c r="USR666" s="613"/>
      <c r="USS666" s="613"/>
      <c r="UST666" s="613"/>
      <c r="USU666" s="613"/>
      <c r="USV666" s="613"/>
      <c r="USW666" s="613"/>
      <c r="USX666" s="613"/>
      <c r="USY666" s="613"/>
      <c r="USZ666" s="613"/>
      <c r="UTA666" s="613"/>
      <c r="UTB666" s="613"/>
      <c r="UTC666" s="613"/>
      <c r="UTD666" s="613"/>
      <c r="UTE666" s="613"/>
      <c r="UTF666" s="613"/>
      <c r="UTG666" s="613"/>
      <c r="UTH666" s="613"/>
      <c r="UTI666" s="613"/>
      <c r="UTJ666" s="613"/>
      <c r="UTK666" s="613"/>
      <c r="UTL666" s="613"/>
      <c r="UTM666" s="613"/>
      <c r="UTN666" s="613"/>
      <c r="UTO666" s="613"/>
      <c r="UTP666" s="613"/>
      <c r="UTQ666" s="613"/>
      <c r="UTR666" s="613"/>
      <c r="UTS666" s="613"/>
      <c r="UTT666" s="613"/>
      <c r="UTU666" s="613"/>
      <c r="UTV666" s="613"/>
      <c r="UTW666" s="613"/>
      <c r="UTX666" s="613"/>
      <c r="UTY666" s="613"/>
      <c r="UTZ666" s="613"/>
      <c r="UUA666" s="613"/>
      <c r="UUB666" s="613"/>
      <c r="UUC666" s="613"/>
      <c r="UUD666" s="613"/>
      <c r="UUE666" s="613"/>
      <c r="UUF666" s="613"/>
      <c r="UUG666" s="613"/>
      <c r="UUH666" s="613"/>
      <c r="UUI666" s="613"/>
      <c r="UUJ666" s="613"/>
      <c r="UUK666" s="613"/>
      <c r="UUL666" s="613"/>
      <c r="UUM666" s="613"/>
      <c r="UUN666" s="613"/>
      <c r="UUO666" s="613"/>
      <c r="UUP666" s="613"/>
      <c r="UUQ666" s="613"/>
      <c r="UUR666" s="613"/>
      <c r="UUS666" s="613"/>
      <c r="UUT666" s="613"/>
      <c r="UUU666" s="613"/>
      <c r="UUV666" s="613"/>
      <c r="UUW666" s="613"/>
      <c r="UUX666" s="613"/>
      <c r="UUY666" s="613"/>
      <c r="UUZ666" s="613"/>
      <c r="UVA666" s="613"/>
      <c r="UVB666" s="613"/>
      <c r="UVC666" s="613"/>
      <c r="UVD666" s="613"/>
      <c r="UVE666" s="613"/>
      <c r="UVF666" s="613"/>
      <c r="UVG666" s="613"/>
      <c r="UVH666" s="613"/>
      <c r="UVI666" s="613"/>
      <c r="UVJ666" s="613"/>
      <c r="UVK666" s="613"/>
      <c r="UVL666" s="613"/>
      <c r="UVM666" s="613"/>
      <c r="UVN666" s="613"/>
      <c r="UVO666" s="613"/>
      <c r="UVP666" s="613"/>
      <c r="UVQ666" s="613"/>
      <c r="UVR666" s="613"/>
      <c r="UVS666" s="613"/>
      <c r="UVT666" s="613"/>
      <c r="UVU666" s="613"/>
      <c r="UVV666" s="613"/>
      <c r="UVW666" s="613"/>
      <c r="UVX666" s="613"/>
      <c r="UVY666" s="613"/>
      <c r="UVZ666" s="613"/>
      <c r="UWA666" s="613"/>
      <c r="UWB666" s="613"/>
      <c r="UWC666" s="613"/>
      <c r="UWD666" s="613"/>
      <c r="UWE666" s="613"/>
      <c r="UWF666" s="613"/>
      <c r="UWG666" s="613"/>
      <c r="UWH666" s="613"/>
      <c r="UWI666" s="613"/>
      <c r="UWJ666" s="613"/>
      <c r="UWK666" s="613"/>
      <c r="UWL666" s="613"/>
      <c r="UWM666" s="613"/>
      <c r="UWN666" s="613"/>
      <c r="UWO666" s="613"/>
      <c r="UWP666" s="613"/>
      <c r="UWQ666" s="613"/>
      <c r="UWR666" s="613"/>
      <c r="UWS666" s="613"/>
      <c r="UWT666" s="613"/>
      <c r="UWU666" s="613"/>
      <c r="UWV666" s="613"/>
      <c r="UWW666" s="613"/>
      <c r="UWX666" s="613"/>
      <c r="UWY666" s="613"/>
      <c r="UWZ666" s="613"/>
      <c r="UXA666" s="613"/>
      <c r="UXB666" s="613"/>
      <c r="UXC666" s="613"/>
      <c r="UXD666" s="613"/>
      <c r="UXE666" s="613"/>
      <c r="UXF666" s="613"/>
      <c r="UXG666" s="613"/>
      <c r="UXH666" s="613"/>
      <c r="UXI666" s="613"/>
      <c r="UXJ666" s="613"/>
      <c r="UXK666" s="613"/>
      <c r="UXL666" s="613"/>
      <c r="UXM666" s="613"/>
      <c r="UXN666" s="613"/>
      <c r="UXO666" s="613"/>
      <c r="UXP666" s="613"/>
      <c r="UXQ666" s="613"/>
      <c r="UXR666" s="613"/>
      <c r="UXS666" s="613"/>
      <c r="UXT666" s="613"/>
      <c r="UXU666" s="613"/>
      <c r="UXV666" s="613"/>
      <c r="UXW666" s="613"/>
      <c r="UXX666" s="613"/>
      <c r="UXY666" s="613"/>
      <c r="UXZ666" s="613"/>
      <c r="UYA666" s="613"/>
      <c r="UYB666" s="613"/>
      <c r="UYC666" s="613"/>
      <c r="UYD666" s="613"/>
      <c r="UYE666" s="613"/>
      <c r="UYF666" s="613"/>
      <c r="UYG666" s="613"/>
      <c r="UYH666" s="613"/>
      <c r="UYI666" s="613"/>
      <c r="UYJ666" s="613"/>
      <c r="UYK666" s="613"/>
      <c r="UYL666" s="613"/>
      <c r="UYM666" s="613"/>
      <c r="UYN666" s="613"/>
      <c r="UYO666" s="613"/>
      <c r="UYP666" s="613"/>
      <c r="UYQ666" s="613"/>
      <c r="UYR666" s="613"/>
      <c r="UYS666" s="613"/>
      <c r="UYT666" s="613"/>
      <c r="UYU666" s="613"/>
      <c r="UYV666" s="613"/>
      <c r="UYW666" s="613"/>
      <c r="UYX666" s="613"/>
      <c r="UYY666" s="613"/>
      <c r="UYZ666" s="613"/>
      <c r="UZA666" s="613"/>
      <c r="UZB666" s="613"/>
      <c r="UZC666" s="613"/>
      <c r="UZD666" s="613"/>
      <c r="UZE666" s="613"/>
      <c r="UZF666" s="613"/>
      <c r="UZG666" s="613"/>
      <c r="UZH666" s="613"/>
      <c r="UZI666" s="613"/>
      <c r="UZJ666" s="613"/>
      <c r="UZK666" s="613"/>
      <c r="UZL666" s="613"/>
      <c r="UZM666" s="613"/>
      <c r="UZN666" s="613"/>
      <c r="UZO666" s="613"/>
      <c r="UZP666" s="613"/>
      <c r="UZQ666" s="613"/>
      <c r="UZR666" s="613"/>
      <c r="UZS666" s="613"/>
      <c r="UZT666" s="613"/>
      <c r="UZU666" s="613"/>
      <c r="UZV666" s="613"/>
      <c r="UZW666" s="613"/>
      <c r="UZX666" s="613"/>
      <c r="UZY666" s="613"/>
      <c r="UZZ666" s="613"/>
      <c r="VAA666" s="613"/>
      <c r="VAB666" s="613"/>
      <c r="VAC666" s="613"/>
      <c r="VAD666" s="613"/>
      <c r="VAE666" s="613"/>
      <c r="VAF666" s="613"/>
      <c r="VAG666" s="613"/>
      <c r="VAH666" s="613"/>
      <c r="VAI666" s="613"/>
      <c r="VAJ666" s="613"/>
      <c r="VAK666" s="613"/>
      <c r="VAL666" s="613"/>
      <c r="VAM666" s="613"/>
      <c r="VAN666" s="613"/>
      <c r="VAO666" s="613"/>
      <c r="VAP666" s="613"/>
      <c r="VAQ666" s="613"/>
      <c r="VAR666" s="613"/>
      <c r="VAS666" s="613"/>
      <c r="VAT666" s="613"/>
      <c r="VAU666" s="613"/>
      <c r="VAV666" s="613"/>
      <c r="VAW666" s="613"/>
      <c r="VAX666" s="613"/>
      <c r="VAY666" s="613"/>
      <c r="VAZ666" s="613"/>
      <c r="VBA666" s="613"/>
      <c r="VBB666" s="613"/>
      <c r="VBC666" s="613"/>
      <c r="VBD666" s="613"/>
      <c r="VBE666" s="613"/>
      <c r="VBF666" s="613"/>
      <c r="VBG666" s="613"/>
      <c r="VBH666" s="613"/>
      <c r="VBI666" s="613"/>
      <c r="VBJ666" s="613"/>
      <c r="VBK666" s="613"/>
      <c r="VBL666" s="613"/>
      <c r="VBM666" s="613"/>
      <c r="VBN666" s="613"/>
      <c r="VBO666" s="613"/>
      <c r="VBP666" s="613"/>
      <c r="VBQ666" s="613"/>
      <c r="VBR666" s="613"/>
      <c r="VBS666" s="613"/>
      <c r="VBT666" s="613"/>
      <c r="VBU666" s="613"/>
      <c r="VBV666" s="613"/>
      <c r="VBW666" s="613"/>
      <c r="VBX666" s="613"/>
      <c r="VBY666" s="613"/>
      <c r="VBZ666" s="613"/>
      <c r="VCA666" s="613"/>
      <c r="VCB666" s="613"/>
      <c r="VCC666" s="613"/>
      <c r="VCD666" s="613"/>
      <c r="VCE666" s="613"/>
      <c r="VCF666" s="613"/>
      <c r="VCG666" s="613"/>
      <c r="VCH666" s="613"/>
      <c r="VCI666" s="613"/>
      <c r="VCJ666" s="613"/>
      <c r="VCK666" s="613"/>
      <c r="VCL666" s="613"/>
      <c r="VCM666" s="613"/>
      <c r="VCN666" s="613"/>
      <c r="VCO666" s="613"/>
      <c r="VCP666" s="613"/>
      <c r="VCQ666" s="613"/>
      <c r="VCR666" s="613"/>
      <c r="VCS666" s="613"/>
      <c r="VCT666" s="613"/>
      <c r="VCU666" s="613"/>
      <c r="VCV666" s="613"/>
      <c r="VCW666" s="613"/>
      <c r="VCX666" s="613"/>
      <c r="VCY666" s="613"/>
      <c r="VCZ666" s="613"/>
      <c r="VDA666" s="613"/>
      <c r="VDB666" s="613"/>
      <c r="VDC666" s="613"/>
      <c r="VDD666" s="613"/>
      <c r="VDE666" s="613"/>
      <c r="VDF666" s="613"/>
      <c r="VDG666" s="613"/>
      <c r="VDH666" s="613"/>
      <c r="VDI666" s="613"/>
      <c r="VDJ666" s="613"/>
      <c r="VDK666" s="613"/>
      <c r="VDL666" s="613"/>
      <c r="VDM666" s="613"/>
      <c r="VDN666" s="613"/>
      <c r="VDO666" s="613"/>
      <c r="VDP666" s="613"/>
      <c r="VDQ666" s="613"/>
      <c r="VDR666" s="613"/>
      <c r="VDS666" s="613"/>
      <c r="VDT666" s="613"/>
      <c r="VDU666" s="613"/>
      <c r="VDV666" s="613"/>
      <c r="VDW666" s="613"/>
      <c r="VDX666" s="613"/>
      <c r="VDY666" s="613"/>
      <c r="VDZ666" s="613"/>
      <c r="VEA666" s="613"/>
      <c r="VEB666" s="613"/>
      <c r="VEC666" s="613"/>
      <c r="VED666" s="613"/>
      <c r="VEE666" s="613"/>
      <c r="VEF666" s="613"/>
      <c r="VEG666" s="613"/>
      <c r="VEH666" s="613"/>
      <c r="VEI666" s="613"/>
      <c r="VEJ666" s="613"/>
      <c r="VEK666" s="613"/>
      <c r="VEL666" s="613"/>
      <c r="VEM666" s="613"/>
      <c r="VEN666" s="613"/>
      <c r="VEO666" s="613"/>
      <c r="VEP666" s="613"/>
      <c r="VEQ666" s="613"/>
      <c r="VER666" s="613"/>
      <c r="VES666" s="613"/>
      <c r="VET666" s="613"/>
      <c r="VEU666" s="613"/>
      <c r="VEV666" s="613"/>
      <c r="VEW666" s="613"/>
      <c r="VEX666" s="613"/>
      <c r="VEY666" s="613"/>
      <c r="VEZ666" s="613"/>
      <c r="VFA666" s="613"/>
      <c r="VFB666" s="613"/>
      <c r="VFC666" s="613"/>
      <c r="VFD666" s="613"/>
      <c r="VFE666" s="613"/>
      <c r="VFF666" s="613"/>
      <c r="VFG666" s="613"/>
      <c r="VFH666" s="613"/>
      <c r="VFI666" s="613"/>
      <c r="VFJ666" s="613"/>
      <c r="VFK666" s="613"/>
      <c r="VFL666" s="613"/>
      <c r="VFM666" s="613"/>
      <c r="VFN666" s="613"/>
      <c r="VFO666" s="613"/>
      <c r="VFP666" s="613"/>
      <c r="VFQ666" s="613"/>
      <c r="VFR666" s="613"/>
      <c r="VFS666" s="613"/>
      <c r="VFT666" s="613"/>
      <c r="VFU666" s="613"/>
      <c r="VFV666" s="613"/>
      <c r="VFW666" s="613"/>
      <c r="VFX666" s="613"/>
      <c r="VFY666" s="613"/>
      <c r="VFZ666" s="613"/>
      <c r="VGA666" s="613"/>
      <c r="VGB666" s="613"/>
      <c r="VGC666" s="613"/>
      <c r="VGD666" s="613"/>
      <c r="VGE666" s="613"/>
      <c r="VGF666" s="613"/>
      <c r="VGG666" s="613"/>
      <c r="VGH666" s="613"/>
      <c r="VGI666" s="613"/>
      <c r="VGJ666" s="613"/>
      <c r="VGK666" s="613"/>
      <c r="VGL666" s="613"/>
      <c r="VGM666" s="613"/>
      <c r="VGN666" s="613"/>
      <c r="VGO666" s="613"/>
      <c r="VGP666" s="613"/>
      <c r="VGQ666" s="613"/>
      <c r="VGR666" s="613"/>
      <c r="VGS666" s="613"/>
      <c r="VGT666" s="613"/>
      <c r="VGU666" s="613"/>
      <c r="VGV666" s="613"/>
      <c r="VGW666" s="613"/>
      <c r="VGX666" s="613"/>
      <c r="VGY666" s="613"/>
      <c r="VGZ666" s="613"/>
      <c r="VHA666" s="613"/>
      <c r="VHB666" s="613"/>
      <c r="VHC666" s="613"/>
      <c r="VHD666" s="613"/>
      <c r="VHE666" s="613"/>
      <c r="VHF666" s="613"/>
      <c r="VHG666" s="613"/>
      <c r="VHH666" s="613"/>
      <c r="VHI666" s="613"/>
      <c r="VHJ666" s="613"/>
      <c r="VHK666" s="613"/>
      <c r="VHL666" s="613"/>
      <c r="VHM666" s="613"/>
      <c r="VHN666" s="613"/>
      <c r="VHO666" s="613"/>
      <c r="VHP666" s="613"/>
      <c r="VHQ666" s="613"/>
      <c r="VHR666" s="613"/>
      <c r="VHS666" s="613"/>
      <c r="VHT666" s="613"/>
      <c r="VHU666" s="613"/>
      <c r="VHV666" s="613"/>
      <c r="VHW666" s="613"/>
      <c r="VHX666" s="613"/>
      <c r="VHY666" s="613"/>
      <c r="VHZ666" s="613"/>
      <c r="VIA666" s="613"/>
      <c r="VIB666" s="613"/>
      <c r="VIC666" s="613"/>
      <c r="VID666" s="613"/>
      <c r="VIE666" s="613"/>
      <c r="VIF666" s="613"/>
      <c r="VIG666" s="613"/>
      <c r="VIH666" s="613"/>
      <c r="VII666" s="613"/>
      <c r="VIJ666" s="613"/>
      <c r="VIK666" s="613"/>
      <c r="VIL666" s="613"/>
      <c r="VIM666" s="613"/>
      <c r="VIN666" s="613"/>
      <c r="VIO666" s="613"/>
      <c r="VIP666" s="613"/>
      <c r="VIQ666" s="613"/>
      <c r="VIR666" s="613"/>
      <c r="VIS666" s="613"/>
      <c r="VIT666" s="613"/>
      <c r="VIU666" s="613"/>
      <c r="VIV666" s="613"/>
      <c r="VIW666" s="613"/>
      <c r="VIX666" s="613"/>
      <c r="VIY666" s="613"/>
      <c r="VIZ666" s="613"/>
      <c r="VJA666" s="613"/>
      <c r="VJB666" s="613"/>
      <c r="VJC666" s="613"/>
      <c r="VJD666" s="613"/>
      <c r="VJE666" s="613"/>
      <c r="VJF666" s="613"/>
      <c r="VJG666" s="613"/>
      <c r="VJH666" s="613"/>
      <c r="VJI666" s="613"/>
      <c r="VJJ666" s="613"/>
      <c r="VJK666" s="613"/>
      <c r="VJL666" s="613"/>
      <c r="VJM666" s="613"/>
      <c r="VJN666" s="613"/>
      <c r="VJO666" s="613"/>
      <c r="VJP666" s="613"/>
      <c r="VJQ666" s="613"/>
      <c r="VJR666" s="613"/>
      <c r="VJS666" s="613"/>
      <c r="VJT666" s="613"/>
      <c r="VJU666" s="613"/>
      <c r="VJV666" s="613"/>
      <c r="VJW666" s="613"/>
      <c r="VJX666" s="613"/>
      <c r="VJY666" s="613"/>
      <c r="VJZ666" s="613"/>
      <c r="VKA666" s="613"/>
      <c r="VKB666" s="613"/>
      <c r="VKC666" s="613"/>
      <c r="VKD666" s="613"/>
      <c r="VKE666" s="613"/>
      <c r="VKF666" s="613"/>
      <c r="VKG666" s="613"/>
      <c r="VKH666" s="613"/>
      <c r="VKI666" s="613"/>
      <c r="VKJ666" s="613"/>
      <c r="VKK666" s="613"/>
      <c r="VKL666" s="613"/>
      <c r="VKM666" s="613"/>
      <c r="VKN666" s="613"/>
      <c r="VKO666" s="613"/>
      <c r="VKP666" s="613"/>
      <c r="VKQ666" s="613"/>
      <c r="VKR666" s="613"/>
      <c r="VKS666" s="613"/>
      <c r="VKT666" s="613"/>
      <c r="VKU666" s="613"/>
      <c r="VKV666" s="613"/>
      <c r="VKW666" s="613"/>
      <c r="VKX666" s="613"/>
      <c r="VKY666" s="613"/>
      <c r="VKZ666" s="613"/>
      <c r="VLA666" s="613"/>
      <c r="VLB666" s="613"/>
      <c r="VLC666" s="613"/>
      <c r="VLD666" s="613"/>
      <c r="VLE666" s="613"/>
      <c r="VLF666" s="613"/>
      <c r="VLG666" s="613"/>
      <c r="VLH666" s="613"/>
      <c r="VLI666" s="613"/>
      <c r="VLJ666" s="613"/>
      <c r="VLK666" s="613"/>
      <c r="VLL666" s="613"/>
      <c r="VLM666" s="613"/>
      <c r="VLN666" s="613"/>
      <c r="VLO666" s="613"/>
      <c r="VLP666" s="613"/>
      <c r="VLQ666" s="613"/>
      <c r="VLR666" s="613"/>
      <c r="VLS666" s="613"/>
      <c r="VLT666" s="613"/>
      <c r="VLU666" s="613"/>
      <c r="VLV666" s="613"/>
      <c r="VLW666" s="613"/>
      <c r="VLX666" s="613"/>
      <c r="VLY666" s="613"/>
      <c r="VLZ666" s="613"/>
      <c r="VMA666" s="613"/>
      <c r="VMB666" s="613"/>
      <c r="VMC666" s="613"/>
      <c r="VMD666" s="613"/>
      <c r="VME666" s="613"/>
      <c r="VMF666" s="613"/>
      <c r="VMG666" s="613"/>
      <c r="VMH666" s="613"/>
      <c r="VMI666" s="613"/>
      <c r="VMJ666" s="613"/>
      <c r="VMK666" s="613"/>
      <c r="VML666" s="613"/>
      <c r="VMM666" s="613"/>
      <c r="VMN666" s="613"/>
      <c r="VMO666" s="613"/>
      <c r="VMP666" s="613"/>
      <c r="VMQ666" s="613"/>
      <c r="VMR666" s="613"/>
      <c r="VMS666" s="613"/>
      <c r="VMT666" s="613"/>
      <c r="VMU666" s="613"/>
      <c r="VMV666" s="613"/>
      <c r="VMW666" s="613"/>
      <c r="VMX666" s="613"/>
      <c r="VMY666" s="613"/>
      <c r="VMZ666" s="613"/>
      <c r="VNA666" s="613"/>
      <c r="VNB666" s="613"/>
      <c r="VNC666" s="613"/>
      <c r="VND666" s="613"/>
      <c r="VNE666" s="613"/>
      <c r="VNF666" s="613"/>
      <c r="VNG666" s="613"/>
      <c r="VNH666" s="613"/>
      <c r="VNI666" s="613"/>
      <c r="VNJ666" s="613"/>
      <c r="VNK666" s="613"/>
      <c r="VNL666" s="613"/>
      <c r="VNM666" s="613"/>
      <c r="VNN666" s="613"/>
      <c r="VNO666" s="613"/>
      <c r="VNP666" s="613"/>
      <c r="VNQ666" s="613"/>
      <c r="VNR666" s="613"/>
      <c r="VNS666" s="613"/>
      <c r="VNT666" s="613"/>
      <c r="VNU666" s="613"/>
      <c r="VNV666" s="613"/>
      <c r="VNW666" s="613"/>
      <c r="VNX666" s="613"/>
      <c r="VNY666" s="613"/>
      <c r="VNZ666" s="613"/>
      <c r="VOA666" s="613"/>
      <c r="VOB666" s="613"/>
      <c r="VOC666" s="613"/>
      <c r="VOD666" s="613"/>
      <c r="VOE666" s="613"/>
      <c r="VOF666" s="613"/>
      <c r="VOG666" s="613"/>
      <c r="VOH666" s="613"/>
      <c r="VOI666" s="613"/>
      <c r="VOJ666" s="613"/>
      <c r="VOK666" s="613"/>
      <c r="VOL666" s="613"/>
      <c r="VOM666" s="613"/>
      <c r="VON666" s="613"/>
      <c r="VOO666" s="613"/>
      <c r="VOP666" s="613"/>
      <c r="VOQ666" s="613"/>
      <c r="VOR666" s="613"/>
      <c r="VOS666" s="613"/>
      <c r="VOT666" s="613"/>
      <c r="VOU666" s="613"/>
      <c r="VOV666" s="613"/>
      <c r="VOW666" s="613"/>
      <c r="VOX666" s="613"/>
      <c r="VOY666" s="613"/>
      <c r="VOZ666" s="613"/>
      <c r="VPA666" s="613"/>
      <c r="VPB666" s="613"/>
      <c r="VPC666" s="613"/>
      <c r="VPD666" s="613"/>
      <c r="VPE666" s="613"/>
      <c r="VPF666" s="613"/>
      <c r="VPG666" s="613"/>
      <c r="VPH666" s="613"/>
      <c r="VPI666" s="613"/>
      <c r="VPJ666" s="613"/>
      <c r="VPK666" s="613"/>
      <c r="VPL666" s="613"/>
      <c r="VPM666" s="613"/>
      <c r="VPN666" s="613"/>
      <c r="VPO666" s="613"/>
      <c r="VPP666" s="613"/>
      <c r="VPQ666" s="613"/>
      <c r="VPR666" s="613"/>
      <c r="VPS666" s="613"/>
      <c r="VPT666" s="613"/>
      <c r="VPU666" s="613"/>
      <c r="VPV666" s="613"/>
      <c r="VPW666" s="613"/>
      <c r="VPX666" s="613"/>
      <c r="VPY666" s="613"/>
      <c r="VPZ666" s="613"/>
      <c r="VQA666" s="613"/>
      <c r="VQB666" s="613"/>
      <c r="VQC666" s="613"/>
      <c r="VQD666" s="613"/>
      <c r="VQE666" s="613"/>
      <c r="VQF666" s="613"/>
      <c r="VQG666" s="613"/>
      <c r="VQH666" s="613"/>
      <c r="VQI666" s="613"/>
      <c r="VQJ666" s="613"/>
      <c r="VQK666" s="613"/>
      <c r="VQL666" s="613"/>
      <c r="VQM666" s="613"/>
      <c r="VQN666" s="613"/>
      <c r="VQO666" s="613"/>
      <c r="VQP666" s="613"/>
      <c r="VQQ666" s="613"/>
      <c r="VQR666" s="613"/>
      <c r="VQS666" s="613"/>
      <c r="VQT666" s="613"/>
      <c r="VQU666" s="613"/>
      <c r="VQV666" s="613"/>
      <c r="VQW666" s="613"/>
      <c r="VQX666" s="613"/>
      <c r="VQY666" s="613"/>
      <c r="VQZ666" s="613"/>
      <c r="VRA666" s="613"/>
      <c r="VRB666" s="613"/>
      <c r="VRC666" s="613"/>
      <c r="VRD666" s="613"/>
      <c r="VRE666" s="613"/>
      <c r="VRF666" s="613"/>
      <c r="VRG666" s="613"/>
      <c r="VRH666" s="613"/>
      <c r="VRI666" s="613"/>
      <c r="VRJ666" s="613"/>
      <c r="VRK666" s="613"/>
      <c r="VRL666" s="613"/>
      <c r="VRM666" s="613"/>
      <c r="VRN666" s="613"/>
      <c r="VRO666" s="613"/>
      <c r="VRP666" s="613"/>
      <c r="VRQ666" s="613"/>
      <c r="VRR666" s="613"/>
      <c r="VRS666" s="613"/>
      <c r="VRT666" s="613"/>
      <c r="VRU666" s="613"/>
      <c r="VRV666" s="613"/>
      <c r="VRW666" s="613"/>
      <c r="VRX666" s="613"/>
      <c r="VRY666" s="613"/>
      <c r="VRZ666" s="613"/>
      <c r="VSA666" s="613"/>
      <c r="VSB666" s="613"/>
      <c r="VSC666" s="613"/>
      <c r="VSD666" s="613"/>
      <c r="VSE666" s="613"/>
      <c r="VSF666" s="613"/>
      <c r="VSG666" s="613"/>
      <c r="VSH666" s="613"/>
      <c r="VSI666" s="613"/>
      <c r="VSJ666" s="613"/>
      <c r="VSK666" s="613"/>
      <c r="VSL666" s="613"/>
      <c r="VSM666" s="613"/>
      <c r="VSN666" s="613"/>
      <c r="VSO666" s="613"/>
      <c r="VSP666" s="613"/>
      <c r="VSQ666" s="613"/>
      <c r="VSR666" s="613"/>
      <c r="VSS666" s="613"/>
      <c r="VST666" s="613"/>
      <c r="VSU666" s="613"/>
      <c r="VSV666" s="613"/>
      <c r="VSW666" s="613"/>
      <c r="VSX666" s="613"/>
      <c r="VSY666" s="613"/>
      <c r="VSZ666" s="613"/>
      <c r="VTA666" s="613"/>
      <c r="VTB666" s="613"/>
      <c r="VTC666" s="613"/>
      <c r="VTD666" s="613"/>
      <c r="VTE666" s="613"/>
      <c r="VTF666" s="613"/>
      <c r="VTG666" s="613"/>
      <c r="VTH666" s="613"/>
      <c r="VTI666" s="613"/>
      <c r="VTJ666" s="613"/>
      <c r="VTK666" s="613"/>
      <c r="VTL666" s="613"/>
      <c r="VTM666" s="613"/>
      <c r="VTN666" s="613"/>
      <c r="VTO666" s="613"/>
      <c r="VTP666" s="613"/>
      <c r="VTQ666" s="613"/>
      <c r="VTR666" s="613"/>
      <c r="VTS666" s="613"/>
      <c r="VTT666" s="613"/>
      <c r="VTU666" s="613"/>
      <c r="VTV666" s="613"/>
      <c r="VTW666" s="613"/>
      <c r="VTX666" s="613"/>
      <c r="VTY666" s="613"/>
      <c r="VTZ666" s="613"/>
      <c r="VUA666" s="613"/>
      <c r="VUB666" s="613"/>
      <c r="VUC666" s="613"/>
      <c r="VUD666" s="613"/>
      <c r="VUE666" s="613"/>
      <c r="VUF666" s="613"/>
      <c r="VUG666" s="613"/>
      <c r="VUH666" s="613"/>
      <c r="VUI666" s="613"/>
      <c r="VUJ666" s="613"/>
      <c r="VUK666" s="613"/>
      <c r="VUL666" s="613"/>
      <c r="VUM666" s="613"/>
      <c r="VUN666" s="613"/>
      <c r="VUO666" s="613"/>
      <c r="VUP666" s="613"/>
      <c r="VUQ666" s="613"/>
      <c r="VUR666" s="613"/>
      <c r="VUS666" s="613"/>
      <c r="VUT666" s="613"/>
      <c r="VUU666" s="613"/>
      <c r="VUV666" s="613"/>
      <c r="VUW666" s="613"/>
      <c r="VUX666" s="613"/>
      <c r="VUY666" s="613"/>
      <c r="VUZ666" s="613"/>
      <c r="VVA666" s="613"/>
      <c r="VVB666" s="613"/>
      <c r="VVC666" s="613"/>
      <c r="VVD666" s="613"/>
      <c r="VVE666" s="613"/>
      <c r="VVF666" s="613"/>
      <c r="VVG666" s="613"/>
      <c r="VVH666" s="613"/>
      <c r="VVI666" s="613"/>
      <c r="VVJ666" s="613"/>
      <c r="VVK666" s="613"/>
      <c r="VVL666" s="613"/>
      <c r="VVM666" s="613"/>
      <c r="VVN666" s="613"/>
      <c r="VVO666" s="613"/>
      <c r="VVP666" s="613"/>
      <c r="VVQ666" s="613"/>
      <c r="VVR666" s="613"/>
      <c r="VVS666" s="613"/>
      <c r="VVT666" s="613"/>
      <c r="VVU666" s="613"/>
      <c r="VVV666" s="613"/>
      <c r="VVW666" s="613"/>
      <c r="VVX666" s="613"/>
      <c r="VVY666" s="613"/>
      <c r="VVZ666" s="613"/>
      <c r="VWA666" s="613"/>
      <c r="VWB666" s="613"/>
      <c r="VWC666" s="613"/>
      <c r="VWD666" s="613"/>
      <c r="VWE666" s="613"/>
      <c r="VWF666" s="613"/>
      <c r="VWG666" s="613"/>
      <c r="VWH666" s="613"/>
      <c r="VWI666" s="613"/>
      <c r="VWJ666" s="613"/>
      <c r="VWK666" s="613"/>
      <c r="VWL666" s="613"/>
      <c r="VWM666" s="613"/>
      <c r="VWN666" s="613"/>
      <c r="VWO666" s="613"/>
      <c r="VWP666" s="613"/>
      <c r="VWQ666" s="613"/>
      <c r="VWR666" s="613"/>
      <c r="VWS666" s="613"/>
      <c r="VWT666" s="613"/>
      <c r="VWU666" s="613"/>
      <c r="VWV666" s="613"/>
      <c r="VWW666" s="613"/>
      <c r="VWX666" s="613"/>
      <c r="VWY666" s="613"/>
      <c r="VWZ666" s="613"/>
      <c r="VXA666" s="613"/>
      <c r="VXB666" s="613"/>
      <c r="VXC666" s="613"/>
      <c r="VXD666" s="613"/>
      <c r="VXE666" s="613"/>
      <c r="VXF666" s="613"/>
      <c r="VXG666" s="613"/>
      <c r="VXH666" s="613"/>
      <c r="VXI666" s="613"/>
      <c r="VXJ666" s="613"/>
      <c r="VXK666" s="613"/>
      <c r="VXL666" s="613"/>
      <c r="VXM666" s="613"/>
      <c r="VXN666" s="613"/>
      <c r="VXO666" s="613"/>
      <c r="VXP666" s="613"/>
      <c r="VXQ666" s="613"/>
      <c r="VXR666" s="613"/>
      <c r="VXS666" s="613"/>
      <c r="VXT666" s="613"/>
      <c r="VXU666" s="613"/>
      <c r="VXV666" s="613"/>
      <c r="VXW666" s="613"/>
      <c r="VXX666" s="613"/>
      <c r="VXY666" s="613"/>
      <c r="VXZ666" s="613"/>
      <c r="VYA666" s="613"/>
      <c r="VYB666" s="613"/>
      <c r="VYC666" s="613"/>
      <c r="VYD666" s="613"/>
      <c r="VYE666" s="613"/>
      <c r="VYF666" s="613"/>
      <c r="VYG666" s="613"/>
      <c r="VYH666" s="613"/>
      <c r="VYI666" s="613"/>
      <c r="VYJ666" s="613"/>
      <c r="VYK666" s="613"/>
      <c r="VYL666" s="613"/>
      <c r="VYM666" s="613"/>
      <c r="VYN666" s="613"/>
      <c r="VYO666" s="613"/>
      <c r="VYP666" s="613"/>
      <c r="VYQ666" s="613"/>
      <c r="VYR666" s="613"/>
      <c r="VYS666" s="613"/>
      <c r="VYT666" s="613"/>
      <c r="VYU666" s="613"/>
      <c r="VYV666" s="613"/>
      <c r="VYW666" s="613"/>
      <c r="VYX666" s="613"/>
      <c r="VYY666" s="613"/>
      <c r="VYZ666" s="613"/>
      <c r="VZA666" s="613"/>
      <c r="VZB666" s="613"/>
      <c r="VZC666" s="613"/>
      <c r="VZD666" s="613"/>
      <c r="VZE666" s="613"/>
      <c r="VZF666" s="613"/>
      <c r="VZG666" s="613"/>
      <c r="VZH666" s="613"/>
      <c r="VZI666" s="613"/>
      <c r="VZJ666" s="613"/>
      <c r="VZK666" s="613"/>
      <c r="VZL666" s="613"/>
      <c r="VZM666" s="613"/>
      <c r="VZN666" s="613"/>
      <c r="VZO666" s="613"/>
      <c r="VZP666" s="613"/>
      <c r="VZQ666" s="613"/>
      <c r="VZR666" s="613"/>
      <c r="VZS666" s="613"/>
      <c r="VZT666" s="613"/>
      <c r="VZU666" s="613"/>
      <c r="VZV666" s="613"/>
      <c r="VZW666" s="613"/>
      <c r="VZX666" s="613"/>
      <c r="VZY666" s="613"/>
      <c r="VZZ666" s="613"/>
      <c r="WAA666" s="613"/>
      <c r="WAB666" s="613"/>
      <c r="WAC666" s="613"/>
      <c r="WAD666" s="613"/>
      <c r="WAE666" s="613"/>
      <c r="WAF666" s="613"/>
      <c r="WAG666" s="613"/>
      <c r="WAH666" s="613"/>
      <c r="WAI666" s="613"/>
      <c r="WAJ666" s="613"/>
      <c r="WAK666" s="613"/>
      <c r="WAL666" s="613"/>
      <c r="WAM666" s="613"/>
      <c r="WAN666" s="613"/>
      <c r="WAO666" s="613"/>
      <c r="WAP666" s="613"/>
      <c r="WAQ666" s="613"/>
      <c r="WAR666" s="613"/>
      <c r="WAS666" s="613"/>
      <c r="WAT666" s="613"/>
      <c r="WAU666" s="613"/>
      <c r="WAV666" s="613"/>
      <c r="WAW666" s="613"/>
      <c r="WAX666" s="613"/>
      <c r="WAY666" s="613"/>
      <c r="WAZ666" s="613"/>
      <c r="WBA666" s="613"/>
      <c r="WBB666" s="613"/>
      <c r="WBC666" s="613"/>
      <c r="WBD666" s="613"/>
      <c r="WBE666" s="613"/>
      <c r="WBF666" s="613"/>
      <c r="WBG666" s="613"/>
      <c r="WBH666" s="613"/>
      <c r="WBI666" s="613"/>
      <c r="WBJ666" s="613"/>
      <c r="WBK666" s="613"/>
      <c r="WBL666" s="613"/>
      <c r="WBM666" s="613"/>
      <c r="WBN666" s="613"/>
      <c r="WBO666" s="613"/>
      <c r="WBP666" s="613"/>
      <c r="WBQ666" s="613"/>
      <c r="WBR666" s="613"/>
      <c r="WBS666" s="613"/>
      <c r="WBT666" s="613"/>
      <c r="WBU666" s="613"/>
      <c r="WBV666" s="613"/>
      <c r="WBW666" s="613"/>
      <c r="WBX666" s="613"/>
      <c r="WBY666" s="613"/>
      <c r="WBZ666" s="613"/>
      <c r="WCA666" s="613"/>
      <c r="WCB666" s="613"/>
      <c r="WCC666" s="613"/>
      <c r="WCD666" s="613"/>
      <c r="WCE666" s="613"/>
      <c r="WCF666" s="613"/>
      <c r="WCG666" s="613"/>
      <c r="WCH666" s="613"/>
      <c r="WCI666" s="613"/>
      <c r="WCJ666" s="613"/>
      <c r="WCK666" s="613"/>
      <c r="WCL666" s="613"/>
      <c r="WCM666" s="613"/>
      <c r="WCN666" s="613"/>
      <c r="WCO666" s="613"/>
      <c r="WCP666" s="613"/>
      <c r="WCQ666" s="613"/>
      <c r="WCR666" s="613"/>
      <c r="WCS666" s="613"/>
      <c r="WCT666" s="613"/>
      <c r="WCU666" s="613"/>
      <c r="WCV666" s="613"/>
      <c r="WCW666" s="613"/>
      <c r="WCX666" s="613"/>
      <c r="WCY666" s="613"/>
      <c r="WCZ666" s="613"/>
      <c r="WDA666" s="613"/>
      <c r="WDB666" s="613"/>
      <c r="WDC666" s="613"/>
      <c r="WDD666" s="613"/>
      <c r="WDE666" s="613"/>
      <c r="WDF666" s="613"/>
      <c r="WDG666" s="613"/>
      <c r="WDH666" s="613"/>
      <c r="WDI666" s="613"/>
      <c r="WDJ666" s="613"/>
      <c r="WDK666" s="613"/>
      <c r="WDL666" s="613"/>
      <c r="WDM666" s="613"/>
      <c r="WDN666" s="613"/>
      <c r="WDO666" s="613"/>
      <c r="WDP666" s="613"/>
      <c r="WDQ666" s="613"/>
      <c r="WDR666" s="613"/>
      <c r="WDS666" s="613"/>
      <c r="WDT666" s="613"/>
      <c r="WDU666" s="613"/>
      <c r="WDV666" s="613"/>
      <c r="WDW666" s="613"/>
      <c r="WDX666" s="613"/>
      <c r="WDY666" s="613"/>
      <c r="WDZ666" s="613"/>
      <c r="WEA666" s="613"/>
      <c r="WEB666" s="613"/>
      <c r="WEC666" s="613"/>
      <c r="WED666" s="613"/>
      <c r="WEE666" s="613"/>
      <c r="WEF666" s="613"/>
      <c r="WEG666" s="613"/>
      <c r="WEH666" s="613"/>
      <c r="WEI666" s="613"/>
      <c r="WEJ666" s="613"/>
      <c r="WEK666" s="613"/>
      <c r="WEL666" s="613"/>
      <c r="WEM666" s="613"/>
      <c r="WEN666" s="613"/>
      <c r="WEO666" s="613"/>
      <c r="WEP666" s="613"/>
      <c r="WEQ666" s="613"/>
      <c r="WER666" s="613"/>
      <c r="WES666" s="613"/>
      <c r="WET666" s="613"/>
      <c r="WEU666" s="613"/>
      <c r="WEV666" s="613"/>
      <c r="WEW666" s="613"/>
      <c r="WEX666" s="613"/>
      <c r="WEY666" s="613"/>
      <c r="WEZ666" s="613"/>
      <c r="WFA666" s="613"/>
      <c r="WFB666" s="613"/>
      <c r="WFC666" s="613"/>
      <c r="WFD666" s="613"/>
      <c r="WFE666" s="613"/>
      <c r="WFF666" s="613"/>
      <c r="WFG666" s="613"/>
      <c r="WFH666" s="613"/>
      <c r="WFI666" s="613"/>
      <c r="WFJ666" s="613"/>
      <c r="WFK666" s="613"/>
      <c r="WFL666" s="613"/>
      <c r="WFM666" s="613"/>
      <c r="WFN666" s="613"/>
      <c r="WFO666" s="613"/>
      <c r="WFP666" s="613"/>
      <c r="WFQ666" s="613"/>
      <c r="WFR666" s="613"/>
      <c r="WFS666" s="613"/>
      <c r="WFT666" s="613"/>
      <c r="WFU666" s="613"/>
      <c r="WFV666" s="613"/>
      <c r="WFW666" s="613"/>
      <c r="WFX666" s="613"/>
      <c r="WFY666" s="613"/>
      <c r="WFZ666" s="613"/>
      <c r="WGA666" s="613"/>
      <c r="WGB666" s="613"/>
      <c r="WGC666" s="613"/>
      <c r="WGD666" s="613"/>
      <c r="WGE666" s="613"/>
      <c r="WGF666" s="613"/>
      <c r="WGG666" s="613"/>
      <c r="WGH666" s="613"/>
      <c r="WGI666" s="613"/>
      <c r="WGJ666" s="613"/>
      <c r="WGK666" s="613"/>
      <c r="WGL666" s="613"/>
      <c r="WGM666" s="613"/>
      <c r="WGN666" s="613"/>
      <c r="WGO666" s="613"/>
      <c r="WGP666" s="613"/>
      <c r="WGQ666" s="613"/>
      <c r="WGR666" s="613"/>
      <c r="WGS666" s="613"/>
      <c r="WGT666" s="613"/>
      <c r="WGU666" s="613"/>
      <c r="WGV666" s="613"/>
      <c r="WGW666" s="613"/>
      <c r="WGX666" s="613"/>
      <c r="WGY666" s="613"/>
      <c r="WGZ666" s="613"/>
      <c r="WHA666" s="613"/>
      <c r="WHB666" s="613"/>
      <c r="WHC666" s="613"/>
      <c r="WHD666" s="613"/>
      <c r="WHE666" s="613"/>
      <c r="WHF666" s="613"/>
      <c r="WHG666" s="613"/>
      <c r="WHH666" s="613"/>
      <c r="WHI666" s="613"/>
      <c r="WHJ666" s="613"/>
      <c r="WHK666" s="613"/>
      <c r="WHL666" s="613"/>
      <c r="WHM666" s="613"/>
      <c r="WHN666" s="613"/>
      <c r="WHO666" s="613"/>
      <c r="WHP666" s="613"/>
      <c r="WHQ666" s="613"/>
      <c r="WHR666" s="613"/>
      <c r="WHS666" s="613"/>
      <c r="WHT666" s="613"/>
      <c r="WHU666" s="613"/>
      <c r="WHV666" s="613"/>
      <c r="WHW666" s="613"/>
      <c r="WHX666" s="613"/>
      <c r="WHY666" s="613"/>
      <c r="WHZ666" s="613"/>
      <c r="WIA666" s="613"/>
      <c r="WIB666" s="613"/>
      <c r="WIC666" s="613"/>
      <c r="WID666" s="613"/>
      <c r="WIE666" s="613"/>
      <c r="WIF666" s="613"/>
      <c r="WIG666" s="613"/>
      <c r="WIH666" s="613"/>
      <c r="WII666" s="613"/>
      <c r="WIJ666" s="613"/>
      <c r="WIK666" s="613"/>
      <c r="WIL666" s="613"/>
      <c r="WIM666" s="613"/>
      <c r="WIN666" s="613"/>
      <c r="WIO666" s="613"/>
      <c r="WIP666" s="613"/>
      <c r="WIQ666" s="613"/>
      <c r="WIR666" s="613"/>
      <c r="WIS666" s="613"/>
      <c r="WIT666" s="613"/>
      <c r="WIU666" s="613"/>
      <c r="WIV666" s="613"/>
      <c r="WIW666" s="613"/>
      <c r="WIX666" s="613"/>
      <c r="WIY666" s="613"/>
      <c r="WIZ666" s="613"/>
      <c r="WJA666" s="613"/>
      <c r="WJB666" s="613"/>
      <c r="WJC666" s="613"/>
      <c r="WJD666" s="613"/>
      <c r="WJE666" s="613"/>
      <c r="WJF666" s="613"/>
      <c r="WJG666" s="613"/>
      <c r="WJH666" s="613"/>
      <c r="WJI666" s="613"/>
      <c r="WJJ666" s="613"/>
      <c r="WJK666" s="613"/>
      <c r="WJL666" s="613"/>
      <c r="WJM666" s="613"/>
      <c r="WJN666" s="613"/>
      <c r="WJO666" s="613"/>
      <c r="WJP666" s="613"/>
      <c r="WJQ666" s="613"/>
      <c r="WJR666" s="613"/>
      <c r="WJS666" s="613"/>
      <c r="WJT666" s="613"/>
      <c r="WJU666" s="613"/>
      <c r="WJV666" s="613"/>
      <c r="WJW666" s="613"/>
      <c r="WJX666" s="613"/>
      <c r="WJY666" s="613"/>
      <c r="WJZ666" s="613"/>
      <c r="WKA666" s="613"/>
      <c r="WKB666" s="613"/>
      <c r="WKC666" s="613"/>
      <c r="WKD666" s="613"/>
      <c r="WKE666" s="613"/>
      <c r="WKF666" s="613"/>
      <c r="WKG666" s="613"/>
      <c r="WKH666" s="613"/>
      <c r="WKI666" s="613"/>
      <c r="WKJ666" s="613"/>
      <c r="WKK666" s="613"/>
      <c r="WKL666" s="613"/>
      <c r="WKM666" s="613"/>
      <c r="WKN666" s="613"/>
      <c r="WKO666" s="613"/>
      <c r="WKP666" s="613"/>
      <c r="WKQ666" s="613"/>
      <c r="WKR666" s="613"/>
      <c r="WKS666" s="613"/>
      <c r="WKT666" s="613"/>
      <c r="WKU666" s="613"/>
      <c r="WKV666" s="613"/>
      <c r="WKW666" s="613"/>
      <c r="WKX666" s="613"/>
      <c r="WKY666" s="613"/>
      <c r="WKZ666" s="613"/>
      <c r="WLA666" s="613"/>
      <c r="WLB666" s="613"/>
      <c r="WLC666" s="613"/>
      <c r="WLD666" s="613"/>
      <c r="WLE666" s="613"/>
      <c r="WLF666" s="613"/>
      <c r="WLG666" s="613"/>
      <c r="WLH666" s="613"/>
      <c r="WLI666" s="613"/>
      <c r="WLJ666" s="613"/>
      <c r="WLK666" s="613"/>
      <c r="WLL666" s="613"/>
      <c r="WLM666" s="613"/>
      <c r="WLN666" s="613"/>
      <c r="WLO666" s="613"/>
      <c r="WLP666" s="613"/>
      <c r="WLQ666" s="613"/>
      <c r="WLR666" s="613"/>
      <c r="WLS666" s="613"/>
      <c r="WLT666" s="613"/>
      <c r="WLU666" s="613"/>
      <c r="WLV666" s="613"/>
      <c r="WLW666" s="613"/>
      <c r="WLX666" s="613"/>
      <c r="WLY666" s="613"/>
      <c r="WLZ666" s="613"/>
      <c r="WMA666" s="613"/>
      <c r="WMB666" s="613"/>
      <c r="WMC666" s="613"/>
      <c r="WMD666" s="613"/>
      <c r="WME666" s="613"/>
      <c r="WMF666" s="613"/>
      <c r="WMG666" s="613"/>
      <c r="WMH666" s="613"/>
      <c r="WMI666" s="613"/>
      <c r="WMJ666" s="613"/>
      <c r="WMK666" s="613"/>
      <c r="WML666" s="613"/>
      <c r="WMM666" s="613"/>
      <c r="WMN666" s="613"/>
      <c r="WMO666" s="613"/>
      <c r="WMP666" s="613"/>
      <c r="WMQ666" s="613"/>
      <c r="WMR666" s="613"/>
      <c r="WMS666" s="613"/>
      <c r="WMT666" s="613"/>
      <c r="WMU666" s="613"/>
      <c r="WMV666" s="613"/>
      <c r="WMW666" s="613"/>
      <c r="WMX666" s="613"/>
      <c r="WMY666" s="613"/>
      <c r="WMZ666" s="613"/>
      <c r="WNA666" s="613"/>
      <c r="WNB666" s="613"/>
      <c r="WNC666" s="613"/>
      <c r="WND666" s="613"/>
      <c r="WNE666" s="613"/>
      <c r="WNF666" s="613"/>
      <c r="WNG666" s="613"/>
      <c r="WNH666" s="613"/>
      <c r="WNI666" s="613"/>
      <c r="WNJ666" s="613"/>
      <c r="WNK666" s="613"/>
      <c r="WNL666" s="613"/>
      <c r="WNM666" s="613"/>
      <c r="WNN666" s="613"/>
      <c r="WNO666" s="613"/>
      <c r="WNP666" s="613"/>
      <c r="WNQ666" s="613"/>
      <c r="WNR666" s="613"/>
      <c r="WNS666" s="613"/>
      <c r="WNT666" s="613"/>
      <c r="WNU666" s="613"/>
      <c r="WNV666" s="613"/>
      <c r="WNW666" s="613"/>
      <c r="WNX666" s="613"/>
      <c r="WNY666" s="613"/>
      <c r="WNZ666" s="613"/>
      <c r="WOA666" s="613"/>
      <c r="WOB666" s="613"/>
      <c r="WOC666" s="613"/>
      <c r="WOD666" s="613"/>
      <c r="WOE666" s="613"/>
      <c r="WOF666" s="613"/>
      <c r="WOG666" s="613"/>
      <c r="WOH666" s="613"/>
      <c r="WOI666" s="613"/>
      <c r="WOJ666" s="613"/>
      <c r="WOK666" s="613"/>
      <c r="WOL666" s="613"/>
      <c r="WOM666" s="613"/>
      <c r="WON666" s="613"/>
      <c r="WOO666" s="613"/>
      <c r="WOP666" s="613"/>
      <c r="WOQ666" s="613"/>
      <c r="WOR666" s="613"/>
      <c r="WOS666" s="613"/>
      <c r="WOT666" s="613"/>
      <c r="WOU666" s="613"/>
      <c r="WOV666" s="613"/>
      <c r="WOW666" s="613"/>
      <c r="WOX666" s="613"/>
      <c r="WOY666" s="613"/>
      <c r="WOZ666" s="613"/>
      <c r="WPA666" s="613"/>
      <c r="WPB666" s="613"/>
      <c r="WPC666" s="613"/>
      <c r="WPD666" s="613"/>
      <c r="WPE666" s="613"/>
      <c r="WPF666" s="613"/>
      <c r="WPG666" s="613"/>
      <c r="WPH666" s="613"/>
      <c r="WPI666" s="613"/>
      <c r="WPJ666" s="613"/>
      <c r="WPK666" s="613"/>
      <c r="WPL666" s="613"/>
      <c r="WPM666" s="613"/>
      <c r="WPN666" s="613"/>
      <c r="WPO666" s="613"/>
      <c r="WPP666" s="613"/>
      <c r="WPQ666" s="613"/>
      <c r="WPR666" s="613"/>
      <c r="WPS666" s="613"/>
      <c r="WPT666" s="613"/>
      <c r="WPU666" s="613"/>
      <c r="WPV666" s="613"/>
      <c r="WPW666" s="613"/>
      <c r="WPX666" s="613"/>
      <c r="WPY666" s="613"/>
      <c r="WPZ666" s="613"/>
      <c r="WQA666" s="613"/>
      <c r="WQB666" s="613"/>
      <c r="WQC666" s="613"/>
      <c r="WQD666" s="613"/>
      <c r="WQE666" s="613"/>
      <c r="WQF666" s="613"/>
      <c r="WQG666" s="613"/>
      <c r="WQH666" s="613"/>
      <c r="WQI666" s="613"/>
      <c r="WQJ666" s="613"/>
      <c r="WQK666" s="613"/>
      <c r="WQL666" s="613"/>
      <c r="WQM666" s="613"/>
      <c r="WQN666" s="613"/>
      <c r="WQO666" s="613"/>
      <c r="WQP666" s="613"/>
      <c r="WQQ666" s="613"/>
      <c r="WQR666" s="613"/>
      <c r="WQS666" s="613"/>
      <c r="WQT666" s="613"/>
      <c r="WQU666" s="613"/>
      <c r="WQV666" s="613"/>
      <c r="WQW666" s="613"/>
      <c r="WQX666" s="613"/>
      <c r="WQY666" s="613"/>
      <c r="WQZ666" s="613"/>
      <c r="WRA666" s="613"/>
      <c r="WRB666" s="613"/>
      <c r="WRC666" s="613"/>
      <c r="WRD666" s="613"/>
      <c r="WRE666" s="613"/>
      <c r="WRF666" s="613"/>
      <c r="WRG666" s="613"/>
      <c r="WRH666" s="613"/>
      <c r="WRI666" s="613"/>
      <c r="WRJ666" s="613"/>
      <c r="WRK666" s="613"/>
      <c r="WRL666" s="613"/>
      <c r="WRM666" s="613"/>
      <c r="WRN666" s="613"/>
      <c r="WRO666" s="613"/>
      <c r="WRP666" s="613"/>
      <c r="WRQ666" s="613"/>
      <c r="WRR666" s="613"/>
      <c r="WRS666" s="613"/>
      <c r="WRT666" s="613"/>
      <c r="WRU666" s="613"/>
      <c r="WRV666" s="613"/>
      <c r="WRW666" s="613"/>
      <c r="WRX666" s="613"/>
      <c r="WRY666" s="613"/>
      <c r="WRZ666" s="613"/>
      <c r="WSA666" s="613"/>
      <c r="WSB666" s="613"/>
      <c r="WSC666" s="613"/>
      <c r="WSD666" s="613"/>
      <c r="WSE666" s="613"/>
      <c r="WSF666" s="613"/>
      <c r="WSG666" s="613"/>
      <c r="WSH666" s="613"/>
      <c r="WSI666" s="613"/>
      <c r="WSJ666" s="613"/>
      <c r="WSK666" s="613"/>
      <c r="WSL666" s="613"/>
      <c r="WSM666" s="613"/>
      <c r="WSN666" s="613"/>
      <c r="WSO666" s="613"/>
      <c r="WSP666" s="613"/>
      <c r="WSQ666" s="613"/>
      <c r="WSR666" s="613"/>
      <c r="WSS666" s="613"/>
      <c r="WST666" s="613"/>
      <c r="WSU666" s="613"/>
      <c r="WSV666" s="613"/>
      <c r="WSW666" s="613"/>
      <c r="WSX666" s="613"/>
      <c r="WSY666" s="613"/>
      <c r="WSZ666" s="613"/>
      <c r="WTA666" s="613"/>
      <c r="WTB666" s="613"/>
      <c r="WTC666" s="613"/>
      <c r="WTD666" s="613"/>
      <c r="WTE666" s="613"/>
      <c r="WTF666" s="613"/>
      <c r="WTG666" s="613"/>
      <c r="WTH666" s="613"/>
      <c r="WTI666" s="613"/>
      <c r="WTJ666" s="613"/>
      <c r="WTK666" s="613"/>
      <c r="WTL666" s="613"/>
      <c r="WTM666" s="613"/>
      <c r="WTN666" s="613"/>
      <c r="WTO666" s="613"/>
      <c r="WTP666" s="613"/>
      <c r="WTQ666" s="613"/>
      <c r="WTR666" s="613"/>
      <c r="WTS666" s="613"/>
      <c r="WTT666" s="613"/>
      <c r="WTU666" s="613"/>
      <c r="WTV666" s="613"/>
      <c r="WTW666" s="613"/>
      <c r="WTX666" s="613"/>
      <c r="WTY666" s="613"/>
      <c r="WTZ666" s="613"/>
      <c r="WUA666" s="613"/>
      <c r="WUB666" s="613"/>
      <c r="WUC666" s="613"/>
      <c r="WUD666" s="613"/>
      <c r="WUE666" s="613"/>
      <c r="WUF666" s="613"/>
      <c r="WUG666" s="613"/>
      <c r="WUH666" s="613"/>
      <c r="WUI666" s="613"/>
      <c r="WUJ666" s="613"/>
      <c r="WUK666" s="613"/>
      <c r="WUL666" s="613"/>
      <c r="WUM666" s="613"/>
      <c r="WUN666" s="613"/>
      <c r="WUO666" s="613"/>
      <c r="WUP666" s="613"/>
      <c r="WUQ666" s="613"/>
      <c r="WUR666" s="613"/>
      <c r="WUS666" s="613"/>
      <c r="WUT666" s="613"/>
      <c r="WUU666" s="613"/>
      <c r="WUV666" s="613"/>
      <c r="WUW666" s="613"/>
      <c r="WUX666" s="613"/>
      <c r="WUY666" s="613"/>
      <c r="WUZ666" s="613"/>
      <c r="WVA666" s="613"/>
      <c r="WVB666" s="613"/>
      <c r="WVC666" s="613"/>
      <c r="WVD666" s="613"/>
      <c r="WVE666" s="613"/>
      <c r="WVF666" s="613"/>
      <c r="WVG666" s="613"/>
      <c r="WVH666" s="613"/>
      <c r="WVI666" s="613"/>
      <c r="WVJ666" s="613"/>
      <c r="WVK666" s="613"/>
      <c r="WVL666" s="613"/>
      <c r="WVM666" s="613"/>
      <c r="WVN666" s="613"/>
      <c r="WVO666" s="613"/>
      <c r="WVP666" s="613"/>
      <c r="WVQ666" s="613"/>
      <c r="WVR666" s="613"/>
      <c r="WVS666" s="613"/>
      <c r="WVT666" s="613"/>
      <c r="WVU666" s="613"/>
      <c r="WVV666" s="613"/>
      <c r="WVW666" s="613"/>
      <c r="WVX666" s="613"/>
      <c r="WVY666" s="613"/>
      <c r="WVZ666" s="613"/>
      <c r="WWA666" s="613"/>
      <c r="WWB666" s="613"/>
      <c r="WWC666" s="613"/>
      <c r="WWD666" s="613"/>
      <c r="WWE666" s="613"/>
      <c r="WWF666" s="613"/>
      <c r="WWG666" s="613"/>
      <c r="WWH666" s="613"/>
      <c r="WWI666" s="613"/>
      <c r="WWJ666" s="613"/>
      <c r="WWK666" s="613"/>
      <c r="WWL666" s="613"/>
      <c r="WWM666" s="613"/>
      <c r="WWN666" s="613"/>
      <c r="WWO666" s="613"/>
      <c r="WWP666" s="613"/>
      <c r="WWQ666" s="613"/>
      <c r="WWR666" s="613"/>
      <c r="WWS666" s="613"/>
      <c r="WWT666" s="613"/>
      <c r="WWU666" s="613"/>
      <c r="WWV666" s="613"/>
      <c r="WWW666" s="613"/>
      <c r="WWX666" s="613"/>
      <c r="WWY666" s="613"/>
      <c r="WWZ666" s="613"/>
      <c r="WXA666" s="613"/>
      <c r="WXB666" s="613"/>
      <c r="WXC666" s="613"/>
      <c r="WXD666" s="613"/>
      <c r="WXE666" s="613"/>
      <c r="WXF666" s="613"/>
      <c r="WXG666" s="613"/>
      <c r="WXH666" s="613"/>
      <c r="WXI666" s="613"/>
      <c r="WXJ666" s="613"/>
      <c r="WXK666" s="613"/>
      <c r="WXL666" s="613"/>
      <c r="WXM666" s="613"/>
      <c r="WXN666" s="613"/>
      <c r="WXO666" s="613"/>
      <c r="WXP666" s="613"/>
      <c r="WXQ666" s="613"/>
      <c r="WXR666" s="613"/>
      <c r="WXS666" s="613"/>
      <c r="WXT666" s="613"/>
      <c r="WXU666" s="613"/>
      <c r="WXV666" s="613"/>
      <c r="WXW666" s="613"/>
      <c r="WXX666" s="613"/>
      <c r="WXY666" s="613"/>
      <c r="WXZ666" s="613"/>
      <c r="WYA666" s="613"/>
      <c r="WYB666" s="613"/>
      <c r="WYC666" s="613"/>
      <c r="WYD666" s="613"/>
      <c r="WYE666" s="613"/>
      <c r="WYF666" s="613"/>
      <c r="WYG666" s="613"/>
      <c r="WYH666" s="613"/>
      <c r="WYI666" s="613"/>
      <c r="WYJ666" s="613"/>
      <c r="WYK666" s="613"/>
      <c r="WYL666" s="613"/>
      <c r="WYM666" s="613"/>
      <c r="WYN666" s="613"/>
      <c r="WYO666" s="613"/>
      <c r="WYP666" s="613"/>
      <c r="WYQ666" s="613"/>
      <c r="WYR666" s="613"/>
      <c r="WYS666" s="613"/>
      <c r="WYT666" s="613"/>
      <c r="WYU666" s="613"/>
      <c r="WYV666" s="613"/>
      <c r="WYW666" s="613"/>
      <c r="WYX666" s="613"/>
      <c r="WYY666" s="613"/>
      <c r="WYZ666" s="613"/>
      <c r="WZA666" s="613"/>
      <c r="WZB666" s="613"/>
      <c r="WZC666" s="613"/>
      <c r="WZD666" s="613"/>
      <c r="WZE666" s="613"/>
      <c r="WZF666" s="613"/>
      <c r="WZG666" s="613"/>
      <c r="WZH666" s="613"/>
      <c r="WZI666" s="613"/>
      <c r="WZJ666" s="613"/>
      <c r="WZK666" s="613"/>
      <c r="WZL666" s="613"/>
      <c r="WZM666" s="613"/>
      <c r="WZN666" s="613"/>
      <c r="WZO666" s="613"/>
      <c r="WZP666" s="613"/>
      <c r="WZQ666" s="613"/>
      <c r="WZR666" s="613"/>
      <c r="WZS666" s="613"/>
      <c r="WZT666" s="613"/>
      <c r="WZU666" s="613"/>
      <c r="WZV666" s="613"/>
      <c r="WZW666" s="613"/>
      <c r="WZX666" s="613"/>
      <c r="WZY666" s="613"/>
      <c r="WZZ666" s="613"/>
      <c r="XAA666" s="613"/>
      <c r="XAB666" s="613"/>
      <c r="XAC666" s="613"/>
      <c r="XAD666" s="613"/>
      <c r="XAE666" s="613"/>
      <c r="XAF666" s="613"/>
      <c r="XAG666" s="613"/>
      <c r="XAH666" s="613"/>
      <c r="XAI666" s="613"/>
      <c r="XAJ666" s="613"/>
      <c r="XAK666" s="613"/>
      <c r="XAL666" s="613"/>
      <c r="XAM666" s="613"/>
      <c r="XAN666" s="613"/>
      <c r="XAO666" s="613"/>
      <c r="XAP666" s="613"/>
      <c r="XAQ666" s="613"/>
      <c r="XAR666" s="613"/>
      <c r="XAS666" s="613"/>
      <c r="XAT666" s="613"/>
      <c r="XAU666" s="613"/>
      <c r="XAV666" s="613"/>
      <c r="XAW666" s="613"/>
      <c r="XAX666" s="613"/>
      <c r="XAY666" s="613"/>
      <c r="XAZ666" s="613"/>
      <c r="XBA666" s="613"/>
      <c r="XBB666" s="613"/>
      <c r="XBC666" s="613"/>
      <c r="XBD666" s="613"/>
      <c r="XBE666" s="613"/>
      <c r="XBF666" s="613"/>
      <c r="XBG666" s="613"/>
      <c r="XBH666" s="613"/>
      <c r="XBI666" s="613"/>
      <c r="XBJ666" s="613"/>
      <c r="XBK666" s="613"/>
      <c r="XBL666" s="613"/>
      <c r="XBM666" s="613"/>
      <c r="XBN666" s="613"/>
      <c r="XBO666" s="613"/>
      <c r="XBP666" s="613"/>
      <c r="XBQ666" s="613"/>
      <c r="XBR666" s="613"/>
      <c r="XBS666" s="613"/>
      <c r="XBT666" s="613"/>
      <c r="XBU666" s="613"/>
      <c r="XBV666" s="613"/>
      <c r="XBW666" s="613"/>
      <c r="XBX666" s="613"/>
      <c r="XBY666" s="613"/>
      <c r="XBZ666" s="613"/>
      <c r="XCA666" s="613"/>
      <c r="XCB666" s="613"/>
      <c r="XCC666" s="613"/>
      <c r="XCD666" s="613"/>
      <c r="XCE666" s="613"/>
      <c r="XCF666" s="613"/>
      <c r="XCG666" s="613"/>
      <c r="XCH666" s="613"/>
      <c r="XCI666" s="613"/>
      <c r="XCJ666" s="613"/>
      <c r="XCK666" s="613"/>
      <c r="XCL666" s="613"/>
      <c r="XCM666" s="613"/>
      <c r="XCN666" s="613"/>
      <c r="XCO666" s="613"/>
      <c r="XCP666" s="613"/>
      <c r="XCQ666" s="613"/>
    </row>
    <row r="667" spans="1:16319" ht="56.1" customHeight="1" x14ac:dyDescent="0.2">
      <c r="A667" s="494"/>
      <c r="B667" s="494"/>
      <c r="C667" s="494"/>
      <c r="D667" s="481">
        <v>223</v>
      </c>
      <c r="E667" s="481"/>
      <c r="F667" s="481" t="s">
        <v>2481</v>
      </c>
      <c r="G667" s="482" t="s">
        <v>53</v>
      </c>
      <c r="H667" s="481" t="s">
        <v>329</v>
      </c>
      <c r="I667" s="654" t="s">
        <v>456</v>
      </c>
      <c r="J667" s="654" t="s">
        <v>369</v>
      </c>
      <c r="K667" s="495" t="s">
        <v>481</v>
      </c>
      <c r="L667" s="621"/>
      <c r="M667" s="484" t="s">
        <v>58</v>
      </c>
      <c r="N667" s="327" t="s">
        <v>1370</v>
      </c>
      <c r="O667" s="484" t="s">
        <v>2996</v>
      </c>
      <c r="P667" s="484" t="s">
        <v>81</v>
      </c>
      <c r="Q667" s="667" t="s">
        <v>334</v>
      </c>
      <c r="R667" s="484" t="s">
        <v>334</v>
      </c>
      <c r="S667" s="484" t="s">
        <v>390</v>
      </c>
      <c r="T667" s="484"/>
      <c r="U667" s="620" t="s">
        <v>63</v>
      </c>
      <c r="V667" s="620" t="s">
        <v>63</v>
      </c>
      <c r="W667" s="723">
        <v>61312.289808847534</v>
      </c>
      <c r="X667" s="723"/>
      <c r="Y667" s="654" t="s">
        <v>226</v>
      </c>
      <c r="Z667" s="654"/>
      <c r="AA667" s="723">
        <v>61312.289808847534</v>
      </c>
      <c r="AB667" s="652" t="s">
        <v>82</v>
      </c>
      <c r="AC667" s="652"/>
      <c r="AD667" s="496"/>
      <c r="AE667" s="496"/>
      <c r="AF667" s="496"/>
      <c r="AG667" s="496"/>
      <c r="AH667" s="496"/>
      <c r="AI667" s="487"/>
      <c r="AJ667" s="496"/>
      <c r="AK667" s="496"/>
      <c r="AL667" s="496"/>
      <c r="AM667" s="496"/>
      <c r="AN667" s="496" t="s">
        <v>66</v>
      </c>
      <c r="AO667" s="496"/>
      <c r="AP667" s="496"/>
      <c r="AQ667" s="496"/>
      <c r="AR667" s="496"/>
      <c r="AS667" s="496"/>
      <c r="AT667" s="496"/>
      <c r="AU667" s="487"/>
      <c r="AV667" s="487"/>
      <c r="AW667" s="487"/>
      <c r="AX667" s="487"/>
      <c r="AY667" s="487"/>
      <c r="AZ667" s="487"/>
      <c r="BA667" s="484"/>
      <c r="BB667" s="484"/>
      <c r="BC667" s="484"/>
      <c r="BD667" s="494"/>
      <c r="BE667" s="494"/>
      <c r="BF667" s="613"/>
      <c r="BG667" s="613"/>
      <c r="BH667" s="613"/>
      <c r="BI667" s="613"/>
      <c r="BJ667" s="613"/>
      <c r="BK667" s="613"/>
      <c r="BL667" s="613"/>
      <c r="BM667" s="613"/>
      <c r="BN667" s="613"/>
      <c r="BO667" s="613"/>
      <c r="BP667" s="613"/>
      <c r="BQ667" s="613"/>
      <c r="BR667" s="613"/>
      <c r="BS667" s="613"/>
      <c r="BT667" s="613"/>
      <c r="BU667" s="613"/>
      <c r="BV667" s="613"/>
      <c r="BW667" s="613"/>
      <c r="BX667" s="613"/>
      <c r="BY667" s="613"/>
      <c r="BZ667" s="613"/>
      <c r="CA667" s="613"/>
      <c r="CB667" s="613"/>
      <c r="CC667" s="613"/>
      <c r="CD667" s="613"/>
      <c r="CE667" s="613"/>
      <c r="CF667" s="613"/>
      <c r="CG667" s="613"/>
      <c r="CH667" s="613"/>
      <c r="CI667" s="613"/>
      <c r="CJ667" s="613"/>
      <c r="CK667" s="613"/>
      <c r="CL667" s="613"/>
      <c r="CM667" s="613"/>
      <c r="CN667" s="613"/>
      <c r="CO667" s="613"/>
      <c r="CP667" s="613"/>
      <c r="CQ667" s="613"/>
      <c r="CR667" s="613"/>
      <c r="CS667" s="613"/>
      <c r="CT667" s="613"/>
      <c r="CU667" s="613"/>
      <c r="CV667" s="613"/>
      <c r="CW667" s="613"/>
      <c r="CX667" s="613"/>
      <c r="CY667" s="613"/>
      <c r="CZ667" s="613"/>
      <c r="DA667" s="613"/>
      <c r="DB667" s="613"/>
      <c r="DC667" s="613"/>
      <c r="DD667" s="613"/>
      <c r="DE667" s="613"/>
      <c r="DF667" s="613"/>
      <c r="DG667" s="613"/>
      <c r="DH667" s="613"/>
      <c r="DI667" s="613"/>
      <c r="DJ667" s="613"/>
      <c r="DK667" s="613"/>
      <c r="DL667" s="613"/>
      <c r="DM667" s="613"/>
      <c r="DN667" s="613"/>
      <c r="DO667" s="613"/>
      <c r="DP667" s="613"/>
      <c r="DQ667" s="613"/>
      <c r="DR667" s="613"/>
      <c r="DS667" s="613"/>
      <c r="DT667" s="613"/>
      <c r="DU667" s="613"/>
      <c r="DV667" s="613"/>
      <c r="DW667" s="613"/>
      <c r="DX667" s="613"/>
      <c r="DY667" s="613"/>
      <c r="DZ667" s="613"/>
      <c r="EA667" s="613"/>
      <c r="EB667" s="613"/>
      <c r="EC667" s="613"/>
      <c r="ED667" s="613"/>
      <c r="EE667" s="613"/>
      <c r="EF667" s="613"/>
      <c r="EG667" s="613"/>
      <c r="EH667" s="613"/>
      <c r="EI667" s="613"/>
      <c r="EJ667" s="613"/>
      <c r="EK667" s="613"/>
      <c r="EL667" s="613"/>
      <c r="EM667" s="613"/>
      <c r="EN667" s="613"/>
      <c r="EO667" s="613"/>
      <c r="EP667" s="613"/>
      <c r="EQ667" s="613"/>
      <c r="ER667" s="613"/>
      <c r="ES667" s="613"/>
      <c r="ET667" s="613"/>
      <c r="EU667" s="613"/>
      <c r="EV667" s="613"/>
      <c r="EW667" s="613"/>
      <c r="EX667" s="613"/>
      <c r="EY667" s="613"/>
      <c r="EZ667" s="613"/>
      <c r="FA667" s="613"/>
      <c r="FB667" s="613"/>
      <c r="FC667" s="613"/>
      <c r="FD667" s="613"/>
      <c r="FE667" s="613"/>
      <c r="FF667" s="613"/>
      <c r="FG667" s="613"/>
      <c r="FH667" s="613"/>
      <c r="FI667" s="613"/>
      <c r="FJ667" s="613"/>
      <c r="FK667" s="613"/>
      <c r="FL667" s="613"/>
      <c r="FM667" s="613"/>
      <c r="FN667" s="613"/>
      <c r="FO667" s="613"/>
      <c r="FP667" s="613"/>
      <c r="FQ667" s="613"/>
      <c r="FR667" s="613"/>
      <c r="FS667" s="613"/>
      <c r="FT667" s="613"/>
      <c r="FU667" s="613"/>
      <c r="FV667" s="613"/>
      <c r="FW667" s="613"/>
      <c r="FX667" s="613"/>
      <c r="FY667" s="613"/>
      <c r="FZ667" s="613"/>
      <c r="GA667" s="613"/>
      <c r="GB667" s="613"/>
      <c r="GC667" s="613"/>
      <c r="GD667" s="613"/>
      <c r="GE667" s="613"/>
      <c r="GF667" s="613"/>
      <c r="GG667" s="613"/>
      <c r="GH667" s="613"/>
      <c r="GI667" s="613"/>
      <c r="GJ667" s="613"/>
      <c r="GK667" s="613"/>
      <c r="GL667" s="613"/>
      <c r="GM667" s="613"/>
      <c r="GN667" s="613"/>
      <c r="GO667" s="613"/>
      <c r="GP667" s="613"/>
      <c r="GQ667" s="613"/>
      <c r="GR667" s="613"/>
      <c r="GS667" s="613"/>
      <c r="GT667" s="613"/>
      <c r="GU667" s="613"/>
      <c r="GV667" s="613"/>
      <c r="GW667" s="613"/>
      <c r="GX667" s="613"/>
      <c r="GY667" s="613"/>
      <c r="GZ667" s="613"/>
      <c r="HA667" s="613"/>
      <c r="HB667" s="613"/>
      <c r="HC667" s="613"/>
      <c r="HD667" s="613"/>
      <c r="HE667" s="613"/>
      <c r="HF667" s="613"/>
      <c r="HG667" s="613"/>
      <c r="HH667" s="613"/>
      <c r="HI667" s="613"/>
      <c r="HJ667" s="613"/>
      <c r="HK667" s="613"/>
      <c r="HL667" s="613"/>
      <c r="HM667" s="613"/>
      <c r="HN667" s="613"/>
      <c r="HO667" s="613"/>
      <c r="HP667" s="613"/>
      <c r="HQ667" s="613"/>
      <c r="HR667" s="613"/>
      <c r="HS667" s="613"/>
      <c r="HT667" s="613"/>
      <c r="HU667" s="613"/>
      <c r="HV667" s="613"/>
      <c r="HW667" s="613"/>
      <c r="HX667" s="613"/>
      <c r="HY667" s="613"/>
      <c r="HZ667" s="613"/>
      <c r="IA667" s="613"/>
      <c r="IB667" s="613"/>
      <c r="IC667" s="613"/>
      <c r="ID667" s="613"/>
      <c r="IE667" s="613"/>
      <c r="IF667" s="613"/>
      <c r="IG667" s="613"/>
      <c r="IH667" s="613"/>
      <c r="II667" s="613"/>
      <c r="IJ667" s="613"/>
      <c r="IK667" s="613"/>
      <c r="IL667" s="613"/>
      <c r="IM667" s="613"/>
      <c r="IN667" s="613"/>
      <c r="IO667" s="613"/>
      <c r="IP667" s="613"/>
      <c r="IQ667" s="613"/>
      <c r="IR667" s="613"/>
      <c r="IS667" s="613"/>
      <c r="IT667" s="613"/>
      <c r="IU667" s="613"/>
      <c r="IV667" s="613"/>
      <c r="IW667" s="613"/>
      <c r="IX667" s="613"/>
      <c r="IY667" s="613"/>
      <c r="IZ667" s="613"/>
      <c r="JA667" s="613"/>
      <c r="JB667" s="613"/>
      <c r="JC667" s="613"/>
      <c r="JD667" s="613"/>
      <c r="JE667" s="613"/>
      <c r="JF667" s="613"/>
      <c r="JG667" s="613"/>
      <c r="JH667" s="613"/>
      <c r="JI667" s="613"/>
      <c r="JJ667" s="613"/>
      <c r="JK667" s="613"/>
      <c r="JL667" s="613"/>
      <c r="JM667" s="613"/>
      <c r="JN667" s="613"/>
      <c r="JO667" s="613"/>
      <c r="JP667" s="613"/>
      <c r="JQ667" s="613"/>
      <c r="JR667" s="613"/>
      <c r="JS667" s="613"/>
      <c r="JT667" s="613"/>
      <c r="JU667" s="613"/>
      <c r="JV667" s="613"/>
      <c r="JW667" s="613"/>
      <c r="JX667" s="613"/>
      <c r="JY667" s="613"/>
      <c r="JZ667" s="613"/>
      <c r="KA667" s="613"/>
      <c r="KB667" s="613"/>
      <c r="KC667" s="613"/>
      <c r="KD667" s="613"/>
      <c r="KE667" s="613"/>
      <c r="KF667" s="613"/>
      <c r="KG667" s="613"/>
      <c r="KH667" s="613"/>
      <c r="KI667" s="613"/>
      <c r="KJ667" s="613"/>
      <c r="KK667" s="613"/>
      <c r="KL667" s="613"/>
      <c r="KM667" s="613"/>
      <c r="KN667" s="613"/>
      <c r="KO667" s="613"/>
      <c r="KP667" s="613"/>
      <c r="KQ667" s="613"/>
      <c r="KR667" s="613"/>
      <c r="KS667" s="613"/>
      <c r="KT667" s="613"/>
      <c r="KU667" s="613"/>
      <c r="KV667" s="613"/>
      <c r="KW667" s="613"/>
      <c r="KX667" s="613"/>
      <c r="KY667" s="613"/>
      <c r="KZ667" s="613"/>
      <c r="LA667" s="613"/>
      <c r="LB667" s="613"/>
      <c r="LC667" s="613"/>
      <c r="LD667" s="613"/>
      <c r="LE667" s="613"/>
      <c r="LF667" s="613"/>
      <c r="LG667" s="613"/>
      <c r="LH667" s="613"/>
      <c r="LI667" s="613"/>
      <c r="LJ667" s="613"/>
      <c r="LK667" s="613"/>
      <c r="LL667" s="613"/>
      <c r="LM667" s="613"/>
      <c r="LN667" s="613"/>
      <c r="LO667" s="613"/>
      <c r="LP667" s="613"/>
      <c r="LQ667" s="613"/>
      <c r="LR667" s="613"/>
      <c r="LS667" s="613"/>
      <c r="LT667" s="613"/>
      <c r="LU667" s="613"/>
      <c r="LV667" s="613"/>
      <c r="LW667" s="613"/>
      <c r="LX667" s="613"/>
      <c r="LY667" s="613"/>
      <c r="LZ667" s="613"/>
      <c r="MA667" s="613"/>
      <c r="MB667" s="613"/>
      <c r="MC667" s="613"/>
      <c r="MD667" s="613"/>
      <c r="ME667" s="613"/>
      <c r="MF667" s="613"/>
      <c r="MG667" s="613"/>
      <c r="MH667" s="613"/>
      <c r="MI667" s="613"/>
      <c r="MJ667" s="613"/>
      <c r="MK667" s="613"/>
      <c r="ML667" s="613"/>
      <c r="MM667" s="613"/>
      <c r="MN667" s="613"/>
      <c r="MO667" s="613"/>
      <c r="MP667" s="613"/>
      <c r="MQ667" s="613"/>
      <c r="MR667" s="613"/>
      <c r="MS667" s="613"/>
      <c r="MT667" s="613"/>
      <c r="MU667" s="613"/>
      <c r="MV667" s="613"/>
      <c r="MW667" s="613"/>
      <c r="MX667" s="613"/>
      <c r="MY667" s="613"/>
      <c r="MZ667" s="613"/>
      <c r="NA667" s="613"/>
      <c r="NB667" s="613"/>
      <c r="NC667" s="613"/>
      <c r="ND667" s="613"/>
      <c r="NE667" s="613"/>
      <c r="NF667" s="613"/>
      <c r="NG667" s="613"/>
      <c r="NH667" s="613"/>
      <c r="NI667" s="613"/>
      <c r="NJ667" s="613"/>
      <c r="NK667" s="613"/>
      <c r="NL667" s="613"/>
      <c r="NM667" s="613"/>
      <c r="NN667" s="613"/>
      <c r="NO667" s="613"/>
      <c r="NP667" s="613"/>
      <c r="NQ667" s="613"/>
      <c r="NR667" s="613"/>
      <c r="NS667" s="613"/>
      <c r="NT667" s="613"/>
      <c r="NU667" s="613"/>
      <c r="NV667" s="613"/>
      <c r="NW667" s="613"/>
      <c r="NX667" s="613"/>
      <c r="NY667" s="613"/>
      <c r="NZ667" s="613"/>
      <c r="OA667" s="613"/>
      <c r="OB667" s="613"/>
      <c r="OC667" s="613"/>
      <c r="OD667" s="613"/>
      <c r="OE667" s="613"/>
      <c r="OF667" s="613"/>
      <c r="OG667" s="613"/>
      <c r="OH667" s="613"/>
      <c r="OI667" s="613"/>
      <c r="OJ667" s="613"/>
      <c r="OK667" s="613"/>
      <c r="OL667" s="613"/>
      <c r="OM667" s="613"/>
      <c r="ON667" s="613"/>
      <c r="OO667" s="613"/>
      <c r="OP667" s="613"/>
      <c r="OQ667" s="613"/>
      <c r="OR667" s="613"/>
      <c r="OS667" s="613"/>
      <c r="OT667" s="613"/>
      <c r="OU667" s="613"/>
      <c r="OV667" s="613"/>
      <c r="OW667" s="613"/>
      <c r="OX667" s="613"/>
      <c r="OY667" s="613"/>
      <c r="OZ667" s="613"/>
      <c r="PA667" s="613"/>
      <c r="PB667" s="613"/>
      <c r="PC667" s="613"/>
      <c r="PD667" s="613"/>
      <c r="PE667" s="613"/>
      <c r="PF667" s="613"/>
      <c r="PG667" s="613"/>
      <c r="PH667" s="613"/>
      <c r="PI667" s="613"/>
      <c r="PJ667" s="613"/>
      <c r="PK667" s="613"/>
      <c r="PL667" s="613"/>
      <c r="PM667" s="613"/>
      <c r="PN667" s="613"/>
      <c r="PO667" s="613"/>
      <c r="PP667" s="613"/>
      <c r="PQ667" s="613"/>
      <c r="PR667" s="613"/>
      <c r="PS667" s="613"/>
      <c r="PT667" s="613"/>
      <c r="PU667" s="613"/>
      <c r="PV667" s="613"/>
      <c r="PW667" s="613"/>
      <c r="PX667" s="613"/>
      <c r="PY667" s="613"/>
      <c r="PZ667" s="613"/>
      <c r="QA667" s="613"/>
      <c r="QB667" s="613"/>
      <c r="QC667" s="613"/>
      <c r="QD667" s="613"/>
      <c r="QE667" s="613"/>
      <c r="QF667" s="613"/>
      <c r="QG667" s="613"/>
      <c r="QH667" s="613"/>
      <c r="QI667" s="613"/>
      <c r="QJ667" s="613"/>
      <c r="QK667" s="613"/>
      <c r="QL667" s="613"/>
      <c r="QM667" s="613"/>
      <c r="QN667" s="613"/>
      <c r="QO667" s="613"/>
      <c r="QP667" s="613"/>
      <c r="QQ667" s="613"/>
      <c r="QR667" s="613"/>
      <c r="QS667" s="613"/>
      <c r="QT667" s="613"/>
      <c r="QU667" s="613"/>
      <c r="QV667" s="613"/>
      <c r="QW667" s="613"/>
      <c r="QX667" s="613"/>
      <c r="QY667" s="613"/>
      <c r="QZ667" s="613"/>
      <c r="RA667" s="613"/>
      <c r="RB667" s="613"/>
      <c r="RC667" s="613"/>
      <c r="RD667" s="613"/>
      <c r="RE667" s="613"/>
      <c r="RF667" s="613"/>
      <c r="RG667" s="613"/>
      <c r="RH667" s="613"/>
      <c r="RI667" s="613"/>
      <c r="RJ667" s="613"/>
      <c r="RK667" s="613"/>
      <c r="RL667" s="613"/>
      <c r="RM667" s="613"/>
      <c r="RN667" s="613"/>
      <c r="RO667" s="613"/>
      <c r="RP667" s="613"/>
      <c r="RQ667" s="613"/>
      <c r="RR667" s="613"/>
      <c r="RS667" s="613"/>
      <c r="RT667" s="613"/>
      <c r="RU667" s="613"/>
      <c r="RV667" s="613"/>
      <c r="RW667" s="613"/>
      <c r="RX667" s="613"/>
      <c r="RY667" s="613"/>
      <c r="RZ667" s="613"/>
      <c r="SA667" s="613"/>
      <c r="SB667" s="613"/>
      <c r="SC667" s="613"/>
      <c r="SD667" s="613"/>
      <c r="SE667" s="613"/>
      <c r="SF667" s="613"/>
      <c r="SG667" s="613"/>
      <c r="SH667" s="613"/>
      <c r="SI667" s="613"/>
      <c r="SJ667" s="613"/>
      <c r="SK667" s="613"/>
      <c r="SL667" s="613"/>
      <c r="SM667" s="613"/>
      <c r="SN667" s="613"/>
      <c r="SO667" s="613"/>
      <c r="SP667" s="613"/>
      <c r="SQ667" s="613"/>
      <c r="SR667" s="613"/>
      <c r="SS667" s="613"/>
      <c r="ST667" s="613"/>
      <c r="SU667" s="613"/>
      <c r="SV667" s="613"/>
      <c r="SW667" s="613"/>
      <c r="SX667" s="613"/>
      <c r="SY667" s="613"/>
      <c r="SZ667" s="613"/>
      <c r="TA667" s="613"/>
      <c r="TB667" s="613"/>
      <c r="TC667" s="613"/>
      <c r="TD667" s="613"/>
      <c r="TE667" s="613"/>
      <c r="TF667" s="613"/>
      <c r="TG667" s="613"/>
      <c r="TH667" s="613"/>
      <c r="TI667" s="613"/>
      <c r="TJ667" s="613"/>
      <c r="TK667" s="613"/>
      <c r="TL667" s="613"/>
      <c r="TM667" s="613"/>
      <c r="TN667" s="613"/>
      <c r="TO667" s="613"/>
      <c r="TP667" s="613"/>
      <c r="TQ667" s="613"/>
      <c r="TR667" s="613"/>
      <c r="TS667" s="613"/>
      <c r="TT667" s="613"/>
      <c r="TU667" s="613"/>
      <c r="TV667" s="613"/>
      <c r="TW667" s="613"/>
      <c r="TX667" s="613"/>
      <c r="TY667" s="613"/>
      <c r="TZ667" s="613"/>
      <c r="UA667" s="613"/>
      <c r="UB667" s="613"/>
      <c r="UC667" s="613"/>
      <c r="UD667" s="613"/>
      <c r="UE667" s="613"/>
      <c r="UF667" s="613"/>
      <c r="UG667" s="613"/>
      <c r="UH667" s="613"/>
      <c r="UI667" s="613"/>
      <c r="UJ667" s="613"/>
      <c r="UK667" s="613"/>
      <c r="UL667" s="613"/>
      <c r="UM667" s="613"/>
      <c r="UN667" s="613"/>
      <c r="UO667" s="613"/>
      <c r="UP667" s="613"/>
      <c r="UQ667" s="613"/>
      <c r="UR667" s="613"/>
      <c r="US667" s="613"/>
      <c r="UT667" s="613"/>
      <c r="UU667" s="613"/>
      <c r="UV667" s="613"/>
      <c r="UW667" s="613"/>
      <c r="UX667" s="613"/>
      <c r="UY667" s="613"/>
      <c r="UZ667" s="613"/>
      <c r="VA667" s="613"/>
      <c r="VB667" s="613"/>
      <c r="VC667" s="613"/>
      <c r="VD667" s="613"/>
      <c r="VE667" s="613"/>
      <c r="VF667" s="613"/>
      <c r="VG667" s="613"/>
      <c r="VH667" s="613"/>
      <c r="VI667" s="613"/>
      <c r="VJ667" s="613"/>
      <c r="VK667" s="613"/>
      <c r="VL667" s="613"/>
      <c r="VM667" s="613"/>
      <c r="VN667" s="613"/>
      <c r="VO667" s="613"/>
      <c r="VP667" s="613"/>
      <c r="VQ667" s="613"/>
      <c r="VR667" s="613"/>
      <c r="VS667" s="613"/>
      <c r="VT667" s="613"/>
      <c r="VU667" s="613"/>
      <c r="VV667" s="613"/>
      <c r="VW667" s="613"/>
      <c r="VX667" s="613"/>
      <c r="VY667" s="613"/>
      <c r="VZ667" s="613"/>
      <c r="WA667" s="613"/>
      <c r="WB667" s="613"/>
      <c r="WC667" s="613"/>
      <c r="WD667" s="613"/>
      <c r="WE667" s="613"/>
      <c r="WF667" s="613"/>
      <c r="WG667" s="613"/>
      <c r="WH667" s="613"/>
      <c r="WI667" s="613"/>
      <c r="WJ667" s="613"/>
      <c r="WK667" s="613"/>
      <c r="WL667" s="613"/>
      <c r="WM667" s="613"/>
      <c r="WN667" s="613"/>
      <c r="WO667" s="613"/>
      <c r="WP667" s="613"/>
      <c r="WQ667" s="613"/>
      <c r="WR667" s="613"/>
      <c r="WS667" s="613"/>
      <c r="WT667" s="613"/>
      <c r="WU667" s="613"/>
      <c r="WV667" s="613"/>
      <c r="WW667" s="613"/>
      <c r="WX667" s="613"/>
      <c r="WY667" s="613"/>
      <c r="WZ667" s="613"/>
      <c r="XA667" s="613"/>
      <c r="XB667" s="613"/>
      <c r="XC667" s="613"/>
      <c r="XD667" s="613"/>
      <c r="XE667" s="613"/>
      <c r="XF667" s="613"/>
      <c r="XG667" s="613"/>
      <c r="XH667" s="613"/>
      <c r="XI667" s="613"/>
      <c r="XJ667" s="613"/>
      <c r="XK667" s="613"/>
      <c r="XL667" s="613"/>
      <c r="XM667" s="613"/>
      <c r="XN667" s="613"/>
      <c r="XO667" s="613"/>
      <c r="XP667" s="613"/>
      <c r="XQ667" s="613"/>
      <c r="XR667" s="613"/>
      <c r="XS667" s="613"/>
      <c r="XT667" s="613"/>
      <c r="XU667" s="613"/>
      <c r="XV667" s="613"/>
      <c r="XW667" s="613"/>
      <c r="XX667" s="613"/>
      <c r="XY667" s="613"/>
      <c r="XZ667" s="613"/>
      <c r="YA667" s="613"/>
      <c r="YB667" s="613"/>
      <c r="YC667" s="613"/>
      <c r="YD667" s="613"/>
      <c r="YE667" s="613"/>
      <c r="YF667" s="613"/>
      <c r="YG667" s="613"/>
      <c r="YH667" s="613"/>
      <c r="YI667" s="613"/>
      <c r="YJ667" s="613"/>
      <c r="YK667" s="613"/>
      <c r="YL667" s="613"/>
      <c r="YM667" s="613"/>
      <c r="YN667" s="613"/>
      <c r="YO667" s="613"/>
      <c r="YP667" s="613"/>
      <c r="YQ667" s="613"/>
      <c r="YR667" s="613"/>
      <c r="YS667" s="613"/>
      <c r="YT667" s="613"/>
      <c r="YU667" s="613"/>
      <c r="YV667" s="613"/>
      <c r="YW667" s="613"/>
      <c r="YX667" s="613"/>
      <c r="YY667" s="613"/>
      <c r="YZ667" s="613"/>
      <c r="ZA667" s="613"/>
      <c r="ZB667" s="613"/>
      <c r="ZC667" s="613"/>
      <c r="ZD667" s="613"/>
      <c r="ZE667" s="613"/>
      <c r="ZF667" s="613"/>
      <c r="ZG667" s="613"/>
      <c r="ZH667" s="613"/>
      <c r="ZI667" s="613"/>
      <c r="ZJ667" s="613"/>
      <c r="ZK667" s="613"/>
      <c r="ZL667" s="613"/>
      <c r="ZM667" s="613"/>
      <c r="ZN667" s="613"/>
      <c r="ZO667" s="613"/>
      <c r="ZP667" s="613"/>
      <c r="ZQ667" s="613"/>
      <c r="ZR667" s="613"/>
      <c r="ZS667" s="613"/>
      <c r="ZT667" s="613"/>
      <c r="ZU667" s="613"/>
      <c r="ZV667" s="613"/>
      <c r="ZW667" s="613"/>
      <c r="ZX667" s="613"/>
      <c r="ZY667" s="613"/>
      <c r="ZZ667" s="613"/>
      <c r="AAA667" s="613"/>
      <c r="AAB667" s="613"/>
      <c r="AAC667" s="613"/>
      <c r="AAD667" s="613"/>
      <c r="AAE667" s="613"/>
      <c r="AAF667" s="613"/>
      <c r="AAG667" s="613"/>
      <c r="AAH667" s="613"/>
      <c r="AAI667" s="613"/>
      <c r="AAJ667" s="613"/>
      <c r="AAK667" s="613"/>
      <c r="AAL667" s="613"/>
      <c r="AAM667" s="613"/>
      <c r="AAN667" s="613"/>
      <c r="AAO667" s="613"/>
      <c r="AAP667" s="613"/>
      <c r="AAQ667" s="613"/>
      <c r="AAR667" s="613"/>
      <c r="AAS667" s="613"/>
      <c r="AAT667" s="613"/>
      <c r="AAU667" s="613"/>
      <c r="AAV667" s="613"/>
      <c r="AAW667" s="613"/>
      <c r="AAX667" s="613"/>
      <c r="AAY667" s="613"/>
      <c r="AAZ667" s="613"/>
      <c r="ABA667" s="613"/>
      <c r="ABB667" s="613"/>
      <c r="ABC667" s="613"/>
      <c r="ABD667" s="613"/>
      <c r="ABE667" s="613"/>
      <c r="ABF667" s="613"/>
      <c r="ABG667" s="613"/>
      <c r="ABH667" s="613"/>
      <c r="ABI667" s="613"/>
      <c r="ABJ667" s="613"/>
      <c r="ABK667" s="613"/>
      <c r="ABL667" s="613"/>
      <c r="ABM667" s="613"/>
      <c r="ABN667" s="613"/>
      <c r="ABO667" s="613"/>
      <c r="ABP667" s="613"/>
      <c r="ABQ667" s="613"/>
      <c r="ABR667" s="613"/>
      <c r="ABS667" s="613"/>
      <c r="ABT667" s="613"/>
      <c r="ABU667" s="613"/>
      <c r="ABV667" s="613"/>
      <c r="ABW667" s="613"/>
      <c r="ABX667" s="613"/>
      <c r="ABY667" s="613"/>
      <c r="ABZ667" s="613"/>
      <c r="ACA667" s="613"/>
      <c r="ACB667" s="613"/>
      <c r="ACC667" s="613"/>
      <c r="ACD667" s="613"/>
      <c r="ACE667" s="613"/>
      <c r="ACF667" s="613"/>
      <c r="ACG667" s="613"/>
      <c r="ACH667" s="613"/>
      <c r="ACI667" s="613"/>
      <c r="ACJ667" s="613"/>
      <c r="ACK667" s="613"/>
      <c r="ACL667" s="613"/>
      <c r="ACM667" s="613"/>
      <c r="ACN667" s="613"/>
      <c r="ACO667" s="613"/>
      <c r="ACP667" s="613"/>
      <c r="ACQ667" s="613"/>
      <c r="ACR667" s="613"/>
      <c r="ACS667" s="613"/>
      <c r="ACT667" s="613"/>
      <c r="ACU667" s="613"/>
      <c r="ACV667" s="613"/>
      <c r="ACW667" s="613"/>
      <c r="ACX667" s="613"/>
      <c r="ACY667" s="613"/>
      <c r="ACZ667" s="613"/>
      <c r="ADA667" s="613"/>
      <c r="ADB667" s="613"/>
      <c r="ADC667" s="613"/>
      <c r="ADD667" s="613"/>
      <c r="ADE667" s="613"/>
      <c r="ADF667" s="613"/>
      <c r="ADG667" s="613"/>
      <c r="ADH667" s="613"/>
      <c r="ADI667" s="613"/>
      <c r="ADJ667" s="613"/>
      <c r="ADK667" s="613"/>
      <c r="ADL667" s="613"/>
      <c r="ADM667" s="613"/>
      <c r="ADN667" s="613"/>
      <c r="ADO667" s="613"/>
      <c r="ADP667" s="613"/>
      <c r="ADQ667" s="613"/>
      <c r="ADR667" s="613"/>
      <c r="ADS667" s="613"/>
      <c r="ADT667" s="613"/>
      <c r="ADU667" s="613"/>
      <c r="ADV667" s="613"/>
      <c r="ADW667" s="613"/>
      <c r="ADX667" s="613"/>
      <c r="ADY667" s="613"/>
      <c r="ADZ667" s="613"/>
      <c r="AEA667" s="613"/>
      <c r="AEB667" s="613"/>
      <c r="AEC667" s="613"/>
      <c r="AED667" s="613"/>
      <c r="AEE667" s="613"/>
      <c r="AEF667" s="613"/>
      <c r="AEG667" s="613"/>
      <c r="AEH667" s="613"/>
      <c r="AEI667" s="613"/>
      <c r="AEJ667" s="613"/>
      <c r="AEK667" s="613"/>
      <c r="AEL667" s="613"/>
      <c r="AEM667" s="613"/>
      <c r="AEN667" s="613"/>
      <c r="AEO667" s="613"/>
      <c r="AEP667" s="613"/>
      <c r="AEQ667" s="613"/>
      <c r="AER667" s="613"/>
      <c r="AES667" s="613"/>
      <c r="AET667" s="613"/>
      <c r="AEU667" s="613"/>
      <c r="AEV667" s="613"/>
      <c r="AEW667" s="613"/>
      <c r="AEX667" s="613"/>
      <c r="AEY667" s="613"/>
      <c r="AEZ667" s="613"/>
      <c r="AFA667" s="613"/>
      <c r="AFB667" s="613"/>
      <c r="AFC667" s="613"/>
      <c r="AFD667" s="613"/>
      <c r="AFE667" s="613"/>
      <c r="AFF667" s="613"/>
      <c r="AFG667" s="613"/>
      <c r="AFH667" s="613"/>
      <c r="AFI667" s="613"/>
      <c r="AFJ667" s="613"/>
      <c r="AFK667" s="613"/>
      <c r="AFL667" s="613"/>
      <c r="AFM667" s="613"/>
      <c r="AFN667" s="613"/>
      <c r="AFO667" s="613"/>
      <c r="AFP667" s="613"/>
      <c r="AFQ667" s="613"/>
      <c r="AFR667" s="613"/>
      <c r="AFS667" s="613"/>
      <c r="AFT667" s="613"/>
      <c r="AFU667" s="613"/>
      <c r="AFV667" s="613"/>
      <c r="AFW667" s="613"/>
      <c r="AFX667" s="613"/>
      <c r="AFY667" s="613"/>
      <c r="AFZ667" s="613"/>
      <c r="AGA667" s="613"/>
      <c r="AGB667" s="613"/>
      <c r="AGC667" s="613"/>
      <c r="AGD667" s="613"/>
      <c r="AGE667" s="613"/>
      <c r="AGF667" s="613"/>
      <c r="AGG667" s="613"/>
      <c r="AGH667" s="613"/>
      <c r="AGI667" s="613"/>
      <c r="AGJ667" s="613"/>
      <c r="AGK667" s="613"/>
      <c r="AGL667" s="613"/>
      <c r="AGM667" s="613"/>
      <c r="AGN667" s="613"/>
      <c r="AGO667" s="613"/>
      <c r="AGP667" s="613"/>
      <c r="AGQ667" s="613"/>
      <c r="AGR667" s="613"/>
      <c r="AGS667" s="613"/>
      <c r="AGT667" s="613"/>
      <c r="AGU667" s="613"/>
      <c r="AGV667" s="613"/>
      <c r="AGW667" s="613"/>
      <c r="AGX667" s="613"/>
      <c r="AGY667" s="613"/>
      <c r="AGZ667" s="613"/>
      <c r="AHA667" s="613"/>
      <c r="AHB667" s="613"/>
      <c r="AHC667" s="613"/>
      <c r="AHD667" s="613"/>
      <c r="AHE667" s="613"/>
      <c r="AHF667" s="613"/>
      <c r="AHG667" s="613"/>
      <c r="AHH667" s="613"/>
      <c r="AHI667" s="613"/>
      <c r="AHJ667" s="613"/>
      <c r="AHK667" s="613"/>
      <c r="AHL667" s="613"/>
      <c r="AHM667" s="613"/>
      <c r="AHN667" s="613"/>
      <c r="AHO667" s="613"/>
      <c r="AHP667" s="613"/>
      <c r="AHQ667" s="613"/>
      <c r="AHR667" s="613"/>
      <c r="AHS667" s="613"/>
      <c r="AHT667" s="613"/>
      <c r="AHU667" s="613"/>
      <c r="AHV667" s="613"/>
      <c r="AHW667" s="613"/>
      <c r="AHX667" s="613"/>
      <c r="AHY667" s="613"/>
      <c r="AHZ667" s="613"/>
      <c r="AIA667" s="613"/>
      <c r="AIB667" s="613"/>
      <c r="AIC667" s="613"/>
      <c r="AID667" s="613"/>
      <c r="AIE667" s="613"/>
      <c r="AIF667" s="613"/>
      <c r="AIG667" s="613"/>
      <c r="AIH667" s="613"/>
      <c r="AII667" s="613"/>
      <c r="AIJ667" s="613"/>
      <c r="AIK667" s="613"/>
      <c r="AIL667" s="613"/>
      <c r="AIM667" s="613"/>
      <c r="AIN667" s="613"/>
      <c r="AIO667" s="613"/>
      <c r="AIP667" s="613"/>
      <c r="AIQ667" s="613"/>
      <c r="AIR667" s="613"/>
      <c r="AIS667" s="613"/>
      <c r="AIT667" s="613"/>
      <c r="AIU667" s="613"/>
      <c r="AIV667" s="613"/>
      <c r="AIW667" s="613"/>
      <c r="AIX667" s="613"/>
      <c r="AIY667" s="613"/>
      <c r="AIZ667" s="613"/>
      <c r="AJA667" s="613"/>
      <c r="AJB667" s="613"/>
      <c r="AJC667" s="613"/>
      <c r="AJD667" s="613"/>
      <c r="AJE667" s="613"/>
      <c r="AJF667" s="613"/>
      <c r="AJG667" s="613"/>
      <c r="AJH667" s="613"/>
      <c r="AJI667" s="613"/>
      <c r="AJJ667" s="613"/>
      <c r="AJK667" s="613"/>
      <c r="AJL667" s="613"/>
      <c r="AJM667" s="613"/>
      <c r="AJN667" s="613"/>
      <c r="AJO667" s="613"/>
      <c r="AJP667" s="613"/>
      <c r="AJQ667" s="613"/>
      <c r="AJR667" s="613"/>
      <c r="AJS667" s="613"/>
      <c r="AJT667" s="613"/>
      <c r="AJU667" s="613"/>
      <c r="AJV667" s="613"/>
      <c r="AJW667" s="613"/>
      <c r="AJX667" s="613"/>
      <c r="AJY667" s="613"/>
      <c r="AJZ667" s="613"/>
      <c r="AKA667" s="613"/>
      <c r="AKB667" s="613"/>
      <c r="AKC667" s="613"/>
      <c r="AKD667" s="613"/>
      <c r="AKE667" s="613"/>
      <c r="AKF667" s="613"/>
      <c r="AKG667" s="613"/>
      <c r="AKH667" s="613"/>
      <c r="AKI667" s="613"/>
      <c r="AKJ667" s="613"/>
      <c r="AKK667" s="613"/>
      <c r="AKL667" s="613"/>
      <c r="AKM667" s="613"/>
      <c r="AKN667" s="613"/>
      <c r="AKO667" s="613"/>
      <c r="AKP667" s="613"/>
      <c r="AKQ667" s="613"/>
      <c r="AKR667" s="613"/>
      <c r="AKS667" s="613"/>
      <c r="AKT667" s="613"/>
      <c r="AKU667" s="613"/>
      <c r="AKV667" s="613"/>
      <c r="AKW667" s="613"/>
      <c r="AKX667" s="613"/>
      <c r="AKY667" s="613"/>
      <c r="AKZ667" s="613"/>
      <c r="ALA667" s="613"/>
      <c r="ALB667" s="613"/>
      <c r="ALC667" s="613"/>
      <c r="ALD667" s="613"/>
      <c r="ALE667" s="613"/>
      <c r="ALF667" s="613"/>
      <c r="ALG667" s="613"/>
      <c r="ALH667" s="613"/>
      <c r="ALI667" s="613"/>
      <c r="ALJ667" s="613"/>
      <c r="ALK667" s="613"/>
      <c r="ALL667" s="613"/>
      <c r="ALM667" s="613"/>
      <c r="ALN667" s="613"/>
      <c r="ALO667" s="613"/>
      <c r="ALP667" s="613"/>
      <c r="ALQ667" s="613"/>
      <c r="ALR667" s="613"/>
      <c r="ALS667" s="613"/>
      <c r="ALT667" s="613"/>
      <c r="ALU667" s="613"/>
      <c r="ALV667" s="613"/>
      <c r="ALW667" s="613"/>
      <c r="ALX667" s="613"/>
      <c r="ALY667" s="613"/>
      <c r="ALZ667" s="613"/>
      <c r="AMA667" s="613"/>
      <c r="AMB667" s="613"/>
      <c r="AMC667" s="613"/>
      <c r="AMD667" s="613"/>
      <c r="AME667" s="613"/>
      <c r="AMF667" s="613"/>
      <c r="AMG667" s="613"/>
      <c r="AMH667" s="613"/>
      <c r="AMI667" s="613"/>
      <c r="AMJ667" s="613"/>
      <c r="AMK667" s="613"/>
      <c r="AML667" s="613"/>
      <c r="AMM667" s="613"/>
      <c r="AMN667" s="613"/>
      <c r="AMO667" s="613"/>
      <c r="AMP667" s="613"/>
      <c r="AMQ667" s="613"/>
      <c r="AMR667" s="613"/>
      <c r="AMS667" s="613"/>
      <c r="AMT667" s="613"/>
      <c r="AMU667" s="613"/>
      <c r="AMV667" s="613"/>
      <c r="AMW667" s="613"/>
      <c r="AMX667" s="613"/>
      <c r="AMY667" s="613"/>
      <c r="AMZ667" s="613"/>
      <c r="ANA667" s="613"/>
      <c r="ANB667" s="613"/>
      <c r="ANC667" s="613"/>
      <c r="AND667" s="613"/>
      <c r="ANE667" s="613"/>
      <c r="ANF667" s="613"/>
      <c r="ANG667" s="613"/>
      <c r="ANH667" s="613"/>
      <c r="ANI667" s="613"/>
      <c r="ANJ667" s="613"/>
      <c r="ANK667" s="613"/>
      <c r="ANL667" s="613"/>
      <c r="ANM667" s="613"/>
      <c r="ANN667" s="613"/>
      <c r="ANO667" s="613"/>
      <c r="ANP667" s="613"/>
      <c r="ANQ667" s="613"/>
      <c r="ANR667" s="613"/>
      <c r="ANS667" s="613"/>
      <c r="ANT667" s="613"/>
      <c r="ANU667" s="613"/>
      <c r="ANV667" s="613"/>
      <c r="ANW667" s="613"/>
      <c r="ANX667" s="613"/>
      <c r="ANY667" s="613"/>
      <c r="ANZ667" s="613"/>
      <c r="AOA667" s="613"/>
      <c r="AOB667" s="613"/>
      <c r="AOC667" s="613"/>
      <c r="AOD667" s="613"/>
      <c r="AOE667" s="613"/>
      <c r="AOF667" s="613"/>
      <c r="AOG667" s="613"/>
      <c r="AOH667" s="613"/>
      <c r="AOI667" s="613"/>
      <c r="AOJ667" s="613"/>
      <c r="AOK667" s="613"/>
      <c r="AOL667" s="613"/>
      <c r="AOM667" s="613"/>
      <c r="AON667" s="613"/>
      <c r="AOO667" s="613"/>
      <c r="AOP667" s="613"/>
      <c r="AOQ667" s="613"/>
      <c r="AOR667" s="613"/>
      <c r="AOS667" s="613"/>
      <c r="AOT667" s="613"/>
      <c r="AOU667" s="613"/>
      <c r="AOV667" s="613"/>
      <c r="AOW667" s="613"/>
      <c r="AOX667" s="613"/>
      <c r="AOY667" s="613"/>
      <c r="AOZ667" s="613"/>
      <c r="APA667" s="613"/>
      <c r="APB667" s="613"/>
      <c r="APC667" s="613"/>
      <c r="APD667" s="613"/>
      <c r="APE667" s="613"/>
      <c r="APF667" s="613"/>
      <c r="APG667" s="613"/>
      <c r="APH667" s="613"/>
      <c r="API667" s="613"/>
      <c r="APJ667" s="613"/>
      <c r="APK667" s="613"/>
      <c r="APL667" s="613"/>
      <c r="APM667" s="613"/>
      <c r="APN667" s="613"/>
      <c r="APO667" s="613"/>
      <c r="APP667" s="613"/>
      <c r="APQ667" s="613"/>
      <c r="APR667" s="613"/>
      <c r="APS667" s="613"/>
      <c r="APT667" s="613"/>
      <c r="APU667" s="613"/>
      <c r="APV667" s="613"/>
      <c r="APW667" s="613"/>
      <c r="APX667" s="613"/>
      <c r="APY667" s="613"/>
      <c r="APZ667" s="613"/>
      <c r="AQA667" s="613"/>
      <c r="AQB667" s="613"/>
      <c r="AQC667" s="613"/>
      <c r="AQD667" s="613"/>
      <c r="AQE667" s="613"/>
      <c r="AQF667" s="613"/>
      <c r="AQG667" s="613"/>
      <c r="AQH667" s="613"/>
      <c r="AQI667" s="613"/>
      <c r="AQJ667" s="613"/>
      <c r="AQK667" s="613"/>
      <c r="AQL667" s="613"/>
      <c r="AQM667" s="613"/>
      <c r="AQN667" s="613"/>
      <c r="AQO667" s="613"/>
      <c r="AQP667" s="613"/>
      <c r="AQQ667" s="613"/>
      <c r="AQR667" s="613"/>
      <c r="AQS667" s="613"/>
      <c r="AQT667" s="613"/>
      <c r="AQU667" s="613"/>
      <c r="AQV667" s="613"/>
      <c r="AQW667" s="613"/>
      <c r="AQX667" s="613"/>
      <c r="AQY667" s="613"/>
      <c r="AQZ667" s="613"/>
      <c r="ARA667" s="613"/>
      <c r="ARB667" s="613"/>
      <c r="ARC667" s="613"/>
      <c r="ARD667" s="613"/>
      <c r="ARE667" s="613"/>
      <c r="ARF667" s="613"/>
      <c r="ARG667" s="613"/>
      <c r="ARH667" s="613"/>
      <c r="ARI667" s="613"/>
      <c r="ARJ667" s="613"/>
      <c r="ARK667" s="613"/>
      <c r="ARL667" s="613"/>
      <c r="ARM667" s="613"/>
      <c r="ARN667" s="613"/>
      <c r="ARO667" s="613"/>
      <c r="ARP667" s="613"/>
      <c r="ARQ667" s="613"/>
      <c r="ARR667" s="613"/>
      <c r="ARS667" s="613"/>
      <c r="ART667" s="613"/>
      <c r="ARU667" s="613"/>
      <c r="ARV667" s="613"/>
      <c r="ARW667" s="613"/>
      <c r="ARX667" s="613"/>
      <c r="ARY667" s="613"/>
      <c r="ARZ667" s="613"/>
      <c r="ASA667" s="613"/>
      <c r="ASB667" s="613"/>
      <c r="ASC667" s="613"/>
      <c r="ASD667" s="613"/>
      <c r="ASE667" s="613"/>
      <c r="ASF667" s="613"/>
      <c r="ASG667" s="613"/>
      <c r="ASH667" s="613"/>
      <c r="ASI667" s="613"/>
      <c r="ASJ667" s="613"/>
      <c r="ASK667" s="613"/>
      <c r="ASL667" s="613"/>
      <c r="ASM667" s="613"/>
      <c r="ASN667" s="613"/>
      <c r="ASO667" s="613"/>
      <c r="ASP667" s="613"/>
      <c r="ASQ667" s="613"/>
      <c r="ASR667" s="613"/>
      <c r="ASS667" s="613"/>
      <c r="AST667" s="613"/>
      <c r="ASU667" s="613"/>
      <c r="ASV667" s="613"/>
      <c r="ASW667" s="613"/>
      <c r="ASX667" s="613"/>
      <c r="ASY667" s="613"/>
      <c r="ASZ667" s="613"/>
      <c r="ATA667" s="613"/>
      <c r="ATB667" s="613"/>
      <c r="ATC667" s="613"/>
      <c r="ATD667" s="613"/>
      <c r="ATE667" s="613"/>
      <c r="ATF667" s="613"/>
      <c r="ATG667" s="613"/>
      <c r="ATH667" s="613"/>
      <c r="ATI667" s="613"/>
      <c r="ATJ667" s="613"/>
      <c r="ATK667" s="613"/>
      <c r="ATL667" s="613"/>
      <c r="ATM667" s="613"/>
      <c r="ATN667" s="613"/>
      <c r="ATO667" s="613"/>
      <c r="ATP667" s="613"/>
      <c r="ATQ667" s="613"/>
      <c r="ATR667" s="613"/>
      <c r="ATS667" s="613"/>
      <c r="ATT667" s="613"/>
      <c r="ATU667" s="613"/>
      <c r="ATV667" s="613"/>
      <c r="ATW667" s="613"/>
      <c r="ATX667" s="613"/>
      <c r="ATY667" s="613"/>
      <c r="ATZ667" s="613"/>
      <c r="AUA667" s="613"/>
      <c r="AUB667" s="613"/>
      <c r="AUC667" s="613"/>
      <c r="AUD667" s="613"/>
      <c r="AUE667" s="613"/>
      <c r="AUF667" s="613"/>
      <c r="AUG667" s="613"/>
      <c r="AUH667" s="613"/>
      <c r="AUI667" s="613"/>
      <c r="AUJ667" s="613"/>
      <c r="AUK667" s="613"/>
      <c r="AUL667" s="613"/>
      <c r="AUM667" s="613"/>
      <c r="AUN667" s="613"/>
      <c r="AUO667" s="613"/>
      <c r="AUP667" s="613"/>
      <c r="AUQ667" s="613"/>
      <c r="AUR667" s="613"/>
      <c r="AUS667" s="613"/>
      <c r="AUT667" s="613"/>
      <c r="AUU667" s="613"/>
      <c r="AUV667" s="613"/>
      <c r="AUW667" s="613"/>
      <c r="AUX667" s="613"/>
      <c r="AUY667" s="613"/>
      <c r="AUZ667" s="613"/>
      <c r="AVA667" s="613"/>
      <c r="AVB667" s="613"/>
      <c r="AVC667" s="613"/>
      <c r="AVD667" s="613"/>
      <c r="AVE667" s="613"/>
      <c r="AVF667" s="613"/>
      <c r="AVG667" s="613"/>
      <c r="AVH667" s="613"/>
      <c r="AVI667" s="613"/>
      <c r="AVJ667" s="613"/>
      <c r="AVK667" s="613"/>
      <c r="AVL667" s="613"/>
      <c r="AVM667" s="613"/>
      <c r="AVN667" s="613"/>
      <c r="AVO667" s="613"/>
      <c r="AVP667" s="613"/>
      <c r="AVQ667" s="613"/>
      <c r="AVR667" s="613"/>
      <c r="AVS667" s="613"/>
      <c r="AVT667" s="613"/>
      <c r="AVU667" s="613"/>
      <c r="AVV667" s="613"/>
      <c r="AVW667" s="613"/>
      <c r="AVX667" s="613"/>
      <c r="AVY667" s="613"/>
      <c r="AVZ667" s="613"/>
      <c r="AWA667" s="613"/>
      <c r="AWB667" s="613"/>
      <c r="AWC667" s="613"/>
      <c r="AWD667" s="613"/>
      <c r="AWE667" s="613"/>
      <c r="AWF667" s="613"/>
      <c r="AWG667" s="613"/>
      <c r="AWH667" s="613"/>
      <c r="AWI667" s="613"/>
      <c r="AWJ667" s="613"/>
      <c r="AWK667" s="613"/>
      <c r="AWL667" s="613"/>
      <c r="AWM667" s="613"/>
      <c r="AWN667" s="613"/>
      <c r="AWO667" s="613"/>
      <c r="AWP667" s="613"/>
      <c r="AWQ667" s="613"/>
      <c r="AWR667" s="613"/>
      <c r="AWS667" s="613"/>
      <c r="AWT667" s="613"/>
      <c r="AWU667" s="613"/>
      <c r="AWV667" s="613"/>
      <c r="AWW667" s="613"/>
      <c r="AWX667" s="613"/>
      <c r="AWY667" s="613"/>
      <c r="AWZ667" s="613"/>
      <c r="AXA667" s="613"/>
      <c r="AXB667" s="613"/>
      <c r="AXC667" s="613"/>
      <c r="AXD667" s="613"/>
      <c r="AXE667" s="613"/>
      <c r="AXF667" s="613"/>
      <c r="AXG667" s="613"/>
      <c r="AXH667" s="613"/>
      <c r="AXI667" s="613"/>
      <c r="AXJ667" s="613"/>
      <c r="AXK667" s="613"/>
      <c r="AXL667" s="613"/>
      <c r="AXM667" s="613"/>
      <c r="AXN667" s="613"/>
      <c r="AXO667" s="613"/>
      <c r="AXP667" s="613"/>
      <c r="AXQ667" s="613"/>
      <c r="AXR667" s="613"/>
      <c r="AXS667" s="613"/>
      <c r="AXT667" s="613"/>
      <c r="AXU667" s="613"/>
      <c r="AXV667" s="613"/>
      <c r="AXW667" s="613"/>
      <c r="AXX667" s="613"/>
      <c r="AXY667" s="613"/>
      <c r="AXZ667" s="613"/>
      <c r="AYA667" s="613"/>
      <c r="AYB667" s="613"/>
      <c r="AYC667" s="613"/>
      <c r="AYD667" s="613"/>
      <c r="AYE667" s="613"/>
      <c r="AYF667" s="613"/>
      <c r="AYG667" s="613"/>
      <c r="AYH667" s="613"/>
      <c r="AYI667" s="613"/>
      <c r="AYJ667" s="613"/>
      <c r="AYK667" s="613"/>
      <c r="AYL667" s="613"/>
      <c r="AYM667" s="613"/>
      <c r="AYN667" s="613"/>
      <c r="AYO667" s="613"/>
      <c r="AYP667" s="613"/>
      <c r="AYQ667" s="613"/>
      <c r="AYR667" s="613"/>
      <c r="AYS667" s="613"/>
      <c r="AYT667" s="613"/>
      <c r="AYU667" s="613"/>
      <c r="AYV667" s="613"/>
      <c r="AYW667" s="613"/>
      <c r="AYX667" s="613"/>
      <c r="AYY667" s="613"/>
      <c r="AYZ667" s="613"/>
      <c r="AZA667" s="613"/>
      <c r="AZB667" s="613"/>
      <c r="AZC667" s="613"/>
      <c r="AZD667" s="613"/>
      <c r="AZE667" s="613"/>
      <c r="AZF667" s="613"/>
      <c r="AZG667" s="613"/>
      <c r="AZH667" s="613"/>
      <c r="AZI667" s="613"/>
      <c r="AZJ667" s="613"/>
      <c r="AZK667" s="613"/>
      <c r="AZL667" s="613"/>
      <c r="AZM667" s="613"/>
      <c r="AZN667" s="613"/>
      <c r="AZO667" s="613"/>
      <c r="AZP667" s="613"/>
      <c r="AZQ667" s="613"/>
      <c r="AZR667" s="613"/>
      <c r="AZS667" s="613"/>
      <c r="AZT667" s="613"/>
      <c r="AZU667" s="613"/>
      <c r="AZV667" s="613"/>
      <c r="AZW667" s="613"/>
      <c r="AZX667" s="613"/>
      <c r="AZY667" s="613"/>
      <c r="AZZ667" s="613"/>
      <c r="BAA667" s="613"/>
      <c r="BAB667" s="613"/>
      <c r="BAC667" s="613"/>
      <c r="BAD667" s="613"/>
      <c r="BAE667" s="613"/>
      <c r="BAF667" s="613"/>
      <c r="BAG667" s="613"/>
      <c r="BAH667" s="613"/>
      <c r="BAI667" s="613"/>
      <c r="BAJ667" s="613"/>
      <c r="BAK667" s="613"/>
      <c r="BAL667" s="613"/>
      <c r="BAM667" s="613"/>
      <c r="BAN667" s="613"/>
      <c r="BAO667" s="613"/>
      <c r="BAP667" s="613"/>
      <c r="BAQ667" s="613"/>
      <c r="BAR667" s="613"/>
      <c r="BAS667" s="613"/>
      <c r="BAT667" s="613"/>
      <c r="BAU667" s="613"/>
      <c r="BAV667" s="613"/>
      <c r="BAW667" s="613"/>
      <c r="BAX667" s="613"/>
      <c r="BAY667" s="613"/>
      <c r="BAZ667" s="613"/>
      <c r="BBA667" s="613"/>
      <c r="BBB667" s="613"/>
      <c r="BBC667" s="613"/>
      <c r="BBD667" s="613"/>
      <c r="BBE667" s="613"/>
      <c r="BBF667" s="613"/>
      <c r="BBG667" s="613"/>
      <c r="BBH667" s="613"/>
      <c r="BBI667" s="613"/>
      <c r="BBJ667" s="613"/>
      <c r="BBK667" s="613"/>
      <c r="BBL667" s="613"/>
      <c r="BBM667" s="613"/>
      <c r="BBN667" s="613"/>
      <c r="BBO667" s="613"/>
      <c r="BBP667" s="613"/>
      <c r="BBQ667" s="613"/>
      <c r="BBR667" s="613"/>
      <c r="BBS667" s="613"/>
      <c r="BBT667" s="613"/>
      <c r="BBU667" s="613"/>
      <c r="BBV667" s="613"/>
      <c r="BBW667" s="613"/>
      <c r="BBX667" s="613"/>
      <c r="BBY667" s="613"/>
      <c r="BBZ667" s="613"/>
      <c r="BCA667" s="613"/>
      <c r="BCB667" s="613"/>
      <c r="BCC667" s="613"/>
      <c r="BCD667" s="613"/>
      <c r="BCE667" s="613"/>
      <c r="BCF667" s="613"/>
      <c r="BCG667" s="613"/>
      <c r="BCH667" s="613"/>
      <c r="BCI667" s="613"/>
      <c r="BCJ667" s="613"/>
      <c r="BCK667" s="613"/>
      <c r="BCL667" s="613"/>
      <c r="BCM667" s="613"/>
      <c r="BCN667" s="613"/>
      <c r="BCO667" s="613"/>
      <c r="BCP667" s="613"/>
      <c r="BCQ667" s="613"/>
      <c r="BCR667" s="613"/>
      <c r="BCS667" s="613"/>
      <c r="BCT667" s="613"/>
      <c r="BCU667" s="613"/>
      <c r="BCV667" s="613"/>
      <c r="BCW667" s="613"/>
      <c r="BCX667" s="613"/>
      <c r="BCY667" s="613"/>
      <c r="BCZ667" s="613"/>
      <c r="BDA667" s="613"/>
      <c r="BDB667" s="613"/>
      <c r="BDC667" s="613"/>
      <c r="BDD667" s="613"/>
      <c r="BDE667" s="613"/>
      <c r="BDF667" s="613"/>
      <c r="BDG667" s="613"/>
      <c r="BDH667" s="613"/>
      <c r="BDI667" s="613"/>
      <c r="BDJ667" s="613"/>
      <c r="BDK667" s="613"/>
      <c r="BDL667" s="613"/>
      <c r="BDM667" s="613"/>
      <c r="BDN667" s="613"/>
      <c r="BDO667" s="613"/>
      <c r="BDP667" s="613"/>
      <c r="BDQ667" s="613"/>
      <c r="BDR667" s="613"/>
      <c r="BDS667" s="613"/>
      <c r="BDT667" s="613"/>
      <c r="BDU667" s="613"/>
      <c r="BDV667" s="613"/>
      <c r="BDW667" s="613"/>
      <c r="BDX667" s="613"/>
      <c r="BDY667" s="613"/>
      <c r="BDZ667" s="613"/>
      <c r="BEA667" s="613"/>
      <c r="BEB667" s="613"/>
      <c r="BEC667" s="613"/>
      <c r="BED667" s="613"/>
      <c r="BEE667" s="613"/>
      <c r="BEF667" s="613"/>
      <c r="BEG667" s="613"/>
      <c r="BEH667" s="613"/>
      <c r="BEI667" s="613"/>
      <c r="BEJ667" s="613"/>
      <c r="BEK667" s="613"/>
      <c r="BEL667" s="613"/>
      <c r="BEM667" s="613"/>
      <c r="BEN667" s="613"/>
      <c r="BEO667" s="613"/>
      <c r="BEP667" s="613"/>
      <c r="BEQ667" s="613"/>
      <c r="BER667" s="613"/>
      <c r="BES667" s="613"/>
      <c r="BET667" s="613"/>
      <c r="BEU667" s="613"/>
      <c r="BEV667" s="613"/>
      <c r="BEW667" s="613"/>
      <c r="BEX667" s="613"/>
      <c r="BEY667" s="613"/>
      <c r="BEZ667" s="613"/>
      <c r="BFA667" s="613"/>
      <c r="BFB667" s="613"/>
      <c r="BFC667" s="613"/>
      <c r="BFD667" s="613"/>
      <c r="BFE667" s="613"/>
      <c r="BFF667" s="613"/>
      <c r="BFG667" s="613"/>
      <c r="BFH667" s="613"/>
      <c r="BFI667" s="613"/>
      <c r="BFJ667" s="613"/>
      <c r="BFK667" s="613"/>
      <c r="BFL667" s="613"/>
      <c r="BFM667" s="613"/>
      <c r="BFN667" s="613"/>
      <c r="BFO667" s="613"/>
      <c r="BFP667" s="613"/>
      <c r="BFQ667" s="613"/>
      <c r="BFR667" s="613"/>
      <c r="BFS667" s="613"/>
      <c r="BFT667" s="613"/>
      <c r="BFU667" s="613"/>
      <c r="BFV667" s="613"/>
      <c r="BFW667" s="613"/>
      <c r="BFX667" s="613"/>
      <c r="BFY667" s="613"/>
      <c r="BFZ667" s="613"/>
      <c r="BGA667" s="613"/>
      <c r="BGB667" s="613"/>
      <c r="BGC667" s="613"/>
      <c r="BGD667" s="613"/>
      <c r="BGE667" s="613"/>
      <c r="BGF667" s="613"/>
      <c r="BGG667" s="613"/>
      <c r="BGH667" s="613"/>
      <c r="BGI667" s="613"/>
      <c r="BGJ667" s="613"/>
      <c r="BGK667" s="613"/>
      <c r="BGL667" s="613"/>
      <c r="BGM667" s="613"/>
      <c r="BGN667" s="613"/>
      <c r="BGO667" s="613"/>
      <c r="BGP667" s="613"/>
      <c r="BGQ667" s="613"/>
      <c r="BGR667" s="613"/>
      <c r="BGS667" s="613"/>
      <c r="BGT667" s="613"/>
      <c r="BGU667" s="613"/>
      <c r="BGV667" s="613"/>
      <c r="BGW667" s="613"/>
      <c r="BGX667" s="613"/>
      <c r="BGY667" s="613"/>
      <c r="BGZ667" s="613"/>
      <c r="BHA667" s="613"/>
      <c r="BHB667" s="613"/>
      <c r="BHC667" s="613"/>
      <c r="BHD667" s="613"/>
      <c r="BHE667" s="613"/>
      <c r="BHF667" s="613"/>
      <c r="BHG667" s="613"/>
      <c r="BHH667" s="613"/>
      <c r="BHI667" s="613"/>
      <c r="BHJ667" s="613"/>
      <c r="BHK667" s="613"/>
      <c r="BHL667" s="613"/>
      <c r="BHM667" s="613"/>
      <c r="BHN667" s="613"/>
      <c r="BHO667" s="613"/>
      <c r="BHP667" s="613"/>
      <c r="BHQ667" s="613"/>
      <c r="BHR667" s="613"/>
      <c r="BHS667" s="613"/>
      <c r="BHT667" s="613"/>
      <c r="BHU667" s="613"/>
      <c r="BHV667" s="613"/>
      <c r="BHW667" s="613"/>
      <c r="BHX667" s="613"/>
      <c r="BHY667" s="613"/>
      <c r="BHZ667" s="613"/>
      <c r="BIA667" s="613"/>
      <c r="BIB667" s="613"/>
      <c r="BIC667" s="613"/>
      <c r="BID667" s="613"/>
      <c r="BIE667" s="613"/>
      <c r="BIF667" s="613"/>
      <c r="BIG667" s="613"/>
      <c r="BIH667" s="613"/>
      <c r="BII667" s="613"/>
      <c r="BIJ667" s="613"/>
      <c r="BIK667" s="613"/>
      <c r="BIL667" s="613"/>
      <c r="BIM667" s="613"/>
      <c r="BIN667" s="613"/>
      <c r="BIO667" s="613"/>
      <c r="BIP667" s="613"/>
      <c r="BIQ667" s="613"/>
      <c r="BIR667" s="613"/>
      <c r="BIS667" s="613"/>
      <c r="BIT667" s="613"/>
      <c r="BIU667" s="613"/>
      <c r="BIV667" s="613"/>
      <c r="BIW667" s="613"/>
      <c r="BIX667" s="613"/>
      <c r="BIY667" s="613"/>
      <c r="BIZ667" s="613"/>
      <c r="BJA667" s="613"/>
      <c r="BJB667" s="613"/>
      <c r="BJC667" s="613"/>
      <c r="BJD667" s="613"/>
      <c r="BJE667" s="613"/>
      <c r="BJF667" s="613"/>
      <c r="BJG667" s="613"/>
      <c r="BJH667" s="613"/>
      <c r="BJI667" s="613"/>
      <c r="BJJ667" s="613"/>
      <c r="BJK667" s="613"/>
      <c r="BJL667" s="613"/>
      <c r="BJM667" s="613"/>
      <c r="BJN667" s="613"/>
      <c r="BJO667" s="613"/>
      <c r="BJP667" s="613"/>
      <c r="BJQ667" s="613"/>
      <c r="BJR667" s="613"/>
      <c r="BJS667" s="613"/>
      <c r="BJT667" s="613"/>
      <c r="BJU667" s="613"/>
      <c r="BJV667" s="613"/>
      <c r="BJW667" s="613"/>
      <c r="BJX667" s="613"/>
      <c r="BJY667" s="613"/>
      <c r="BJZ667" s="613"/>
      <c r="BKA667" s="613"/>
      <c r="BKB667" s="613"/>
      <c r="BKC667" s="613"/>
      <c r="BKD667" s="613"/>
      <c r="BKE667" s="613"/>
      <c r="BKF667" s="613"/>
      <c r="BKG667" s="613"/>
      <c r="BKH667" s="613"/>
      <c r="BKI667" s="613"/>
      <c r="BKJ667" s="613"/>
      <c r="BKK667" s="613"/>
      <c r="BKL667" s="613"/>
      <c r="BKM667" s="613"/>
      <c r="BKN667" s="613"/>
      <c r="BKO667" s="613"/>
      <c r="BKP667" s="613"/>
      <c r="BKQ667" s="613"/>
      <c r="BKR667" s="613"/>
      <c r="BKS667" s="613"/>
      <c r="BKT667" s="613"/>
      <c r="BKU667" s="613"/>
      <c r="BKV667" s="613"/>
      <c r="BKW667" s="613"/>
      <c r="BKX667" s="613"/>
      <c r="BKY667" s="613"/>
      <c r="BKZ667" s="613"/>
      <c r="BLA667" s="613"/>
      <c r="BLB667" s="613"/>
      <c r="BLC667" s="613"/>
      <c r="BLD667" s="613"/>
      <c r="BLE667" s="613"/>
      <c r="BLF667" s="613"/>
      <c r="BLG667" s="613"/>
      <c r="BLH667" s="613"/>
      <c r="BLI667" s="613"/>
      <c r="BLJ667" s="613"/>
      <c r="BLK667" s="613"/>
      <c r="BLL667" s="613"/>
      <c r="BLM667" s="613"/>
      <c r="BLN667" s="613"/>
      <c r="BLO667" s="613"/>
      <c r="BLP667" s="613"/>
      <c r="BLQ667" s="613"/>
      <c r="BLR667" s="613"/>
      <c r="BLS667" s="613"/>
      <c r="BLT667" s="613"/>
      <c r="BLU667" s="613"/>
      <c r="BLV667" s="613"/>
      <c r="BLW667" s="613"/>
      <c r="BLX667" s="613"/>
      <c r="BLY667" s="613"/>
      <c r="BLZ667" s="613"/>
      <c r="BMA667" s="613"/>
      <c r="BMB667" s="613"/>
      <c r="BMC667" s="613"/>
      <c r="BMD667" s="613"/>
      <c r="BME667" s="613"/>
      <c r="BMF667" s="613"/>
      <c r="BMG667" s="613"/>
      <c r="BMH667" s="613"/>
      <c r="BMI667" s="613"/>
      <c r="BMJ667" s="613"/>
      <c r="BMK667" s="613"/>
      <c r="BML667" s="613"/>
      <c r="BMM667" s="613"/>
      <c r="BMN667" s="613"/>
      <c r="BMO667" s="613"/>
      <c r="BMP667" s="613"/>
      <c r="BMQ667" s="613"/>
      <c r="BMR667" s="613"/>
      <c r="BMS667" s="613"/>
      <c r="BMT667" s="613"/>
      <c r="BMU667" s="613"/>
      <c r="BMV667" s="613"/>
      <c r="BMW667" s="613"/>
      <c r="BMX667" s="613"/>
      <c r="BMY667" s="613"/>
      <c r="BMZ667" s="613"/>
      <c r="BNA667" s="613"/>
      <c r="BNB667" s="613"/>
      <c r="BNC667" s="613"/>
      <c r="BND667" s="613"/>
      <c r="BNE667" s="613"/>
      <c r="BNF667" s="613"/>
      <c r="BNG667" s="613"/>
      <c r="BNH667" s="613"/>
      <c r="BNI667" s="613"/>
      <c r="BNJ667" s="613"/>
      <c r="BNK667" s="613"/>
      <c r="BNL667" s="613"/>
      <c r="BNM667" s="613"/>
      <c r="BNN667" s="613"/>
      <c r="BNO667" s="613"/>
      <c r="BNP667" s="613"/>
      <c r="BNQ667" s="613"/>
      <c r="BNR667" s="613"/>
      <c r="BNS667" s="613"/>
      <c r="BNT667" s="613"/>
      <c r="BNU667" s="613"/>
      <c r="BNV667" s="613"/>
      <c r="BNW667" s="613"/>
      <c r="BNX667" s="613"/>
      <c r="BNY667" s="613"/>
      <c r="BNZ667" s="613"/>
      <c r="BOA667" s="613"/>
      <c r="BOB667" s="613"/>
      <c r="BOC667" s="613"/>
      <c r="BOD667" s="613"/>
      <c r="BOE667" s="613"/>
      <c r="BOF667" s="613"/>
      <c r="BOG667" s="613"/>
      <c r="BOH667" s="613"/>
      <c r="BOI667" s="613"/>
      <c r="BOJ667" s="613"/>
      <c r="BOK667" s="613"/>
      <c r="BOL667" s="613"/>
      <c r="BOM667" s="613"/>
      <c r="BON667" s="613"/>
      <c r="BOO667" s="613"/>
      <c r="BOP667" s="613"/>
      <c r="BOQ667" s="613"/>
      <c r="BOR667" s="613"/>
      <c r="BOS667" s="613"/>
      <c r="BOT667" s="613"/>
      <c r="BOU667" s="613"/>
      <c r="BOV667" s="613"/>
      <c r="BOW667" s="613"/>
      <c r="BOX667" s="613"/>
      <c r="BOY667" s="613"/>
      <c r="BOZ667" s="613"/>
      <c r="BPA667" s="613"/>
      <c r="BPB667" s="613"/>
      <c r="BPC667" s="613"/>
      <c r="BPD667" s="613"/>
      <c r="BPE667" s="613"/>
      <c r="BPF667" s="613"/>
      <c r="BPG667" s="613"/>
      <c r="BPH667" s="613"/>
      <c r="BPI667" s="613"/>
      <c r="BPJ667" s="613"/>
      <c r="BPK667" s="613"/>
      <c r="BPL667" s="613"/>
      <c r="BPM667" s="613"/>
      <c r="BPN667" s="613"/>
      <c r="BPO667" s="613"/>
      <c r="BPP667" s="613"/>
      <c r="BPQ667" s="613"/>
      <c r="BPR667" s="613"/>
      <c r="BPS667" s="613"/>
      <c r="BPT667" s="613"/>
      <c r="BPU667" s="613"/>
      <c r="BPV667" s="613"/>
      <c r="BPW667" s="613"/>
      <c r="BPX667" s="613"/>
      <c r="BPY667" s="613"/>
      <c r="BPZ667" s="613"/>
      <c r="BQA667" s="613"/>
      <c r="BQB667" s="613"/>
      <c r="BQC667" s="613"/>
      <c r="BQD667" s="613"/>
      <c r="BQE667" s="613"/>
      <c r="BQF667" s="613"/>
      <c r="BQG667" s="613"/>
      <c r="BQH667" s="613"/>
      <c r="BQI667" s="613"/>
      <c r="BQJ667" s="613"/>
      <c r="BQK667" s="613"/>
      <c r="BQL667" s="613"/>
      <c r="BQM667" s="613"/>
      <c r="BQN667" s="613"/>
      <c r="BQO667" s="613"/>
      <c r="BQP667" s="613"/>
      <c r="BQQ667" s="613"/>
      <c r="BQR667" s="613"/>
      <c r="BQS667" s="613"/>
      <c r="BQT667" s="613"/>
      <c r="BQU667" s="613"/>
      <c r="BQV667" s="613"/>
      <c r="BQW667" s="613"/>
      <c r="BQX667" s="613"/>
      <c r="BQY667" s="613"/>
      <c r="BQZ667" s="613"/>
      <c r="BRA667" s="613"/>
      <c r="BRB667" s="613"/>
      <c r="BRC667" s="613"/>
      <c r="BRD667" s="613"/>
      <c r="BRE667" s="613"/>
      <c r="BRF667" s="613"/>
      <c r="BRG667" s="613"/>
      <c r="BRH667" s="613"/>
      <c r="BRI667" s="613"/>
      <c r="BRJ667" s="613"/>
      <c r="BRK667" s="613"/>
      <c r="BRL667" s="613"/>
      <c r="BRM667" s="613"/>
      <c r="BRN667" s="613"/>
      <c r="BRO667" s="613"/>
      <c r="BRP667" s="613"/>
      <c r="BRQ667" s="613"/>
      <c r="BRR667" s="613"/>
      <c r="BRS667" s="613"/>
      <c r="BRT667" s="613"/>
      <c r="BRU667" s="613"/>
      <c r="BRV667" s="613"/>
      <c r="BRW667" s="613"/>
      <c r="BRX667" s="613"/>
      <c r="BRY667" s="613"/>
      <c r="BRZ667" s="613"/>
      <c r="BSA667" s="613"/>
      <c r="BSB667" s="613"/>
      <c r="BSC667" s="613"/>
      <c r="BSD667" s="613"/>
      <c r="BSE667" s="613"/>
      <c r="BSF667" s="613"/>
      <c r="BSG667" s="613"/>
      <c r="BSH667" s="613"/>
      <c r="BSI667" s="613"/>
      <c r="BSJ667" s="613"/>
      <c r="BSK667" s="613"/>
      <c r="BSL667" s="613"/>
      <c r="BSM667" s="613"/>
      <c r="BSN667" s="613"/>
      <c r="BSO667" s="613"/>
      <c r="BSP667" s="613"/>
      <c r="BSQ667" s="613"/>
      <c r="BSR667" s="613"/>
      <c r="BSS667" s="613"/>
      <c r="BST667" s="613"/>
      <c r="BSU667" s="613"/>
      <c r="BSV667" s="613"/>
      <c r="BSW667" s="613"/>
      <c r="BSX667" s="613"/>
      <c r="BSY667" s="613"/>
      <c r="BSZ667" s="613"/>
      <c r="BTA667" s="613"/>
      <c r="BTB667" s="613"/>
      <c r="BTC667" s="613"/>
      <c r="BTD667" s="613"/>
      <c r="BTE667" s="613"/>
      <c r="BTF667" s="613"/>
      <c r="BTG667" s="613"/>
      <c r="BTH667" s="613"/>
      <c r="BTI667" s="613"/>
      <c r="BTJ667" s="613"/>
      <c r="BTK667" s="613"/>
      <c r="BTL667" s="613"/>
      <c r="BTM667" s="613"/>
      <c r="BTN667" s="613"/>
      <c r="BTO667" s="613"/>
      <c r="BTP667" s="613"/>
      <c r="BTQ667" s="613"/>
      <c r="BTR667" s="613"/>
      <c r="BTS667" s="613"/>
      <c r="BTT667" s="613"/>
      <c r="BTU667" s="613"/>
      <c r="BTV667" s="613"/>
      <c r="BTW667" s="613"/>
      <c r="BTX667" s="613"/>
      <c r="BTY667" s="613"/>
      <c r="BTZ667" s="613"/>
      <c r="BUA667" s="613"/>
      <c r="BUB667" s="613"/>
      <c r="BUC667" s="613"/>
      <c r="BUD667" s="613"/>
      <c r="BUE667" s="613"/>
      <c r="BUF667" s="613"/>
      <c r="BUG667" s="613"/>
      <c r="BUH667" s="613"/>
      <c r="BUI667" s="613"/>
      <c r="BUJ667" s="613"/>
      <c r="BUK667" s="613"/>
      <c r="BUL667" s="613"/>
      <c r="BUM667" s="613"/>
      <c r="BUN667" s="613"/>
      <c r="BUO667" s="613"/>
      <c r="BUP667" s="613"/>
      <c r="BUQ667" s="613"/>
      <c r="BUR667" s="613"/>
      <c r="BUS667" s="613"/>
      <c r="BUT667" s="613"/>
      <c r="BUU667" s="613"/>
      <c r="BUV667" s="613"/>
      <c r="BUW667" s="613"/>
      <c r="BUX667" s="613"/>
      <c r="BUY667" s="613"/>
      <c r="BUZ667" s="613"/>
      <c r="BVA667" s="613"/>
      <c r="BVB667" s="613"/>
      <c r="BVC667" s="613"/>
      <c r="BVD667" s="613"/>
      <c r="BVE667" s="613"/>
      <c r="BVF667" s="613"/>
      <c r="BVG667" s="613"/>
      <c r="BVH667" s="613"/>
      <c r="BVI667" s="613"/>
      <c r="BVJ667" s="613"/>
      <c r="BVK667" s="613"/>
      <c r="BVL667" s="613"/>
      <c r="BVM667" s="613"/>
      <c r="BVN667" s="613"/>
      <c r="BVO667" s="613"/>
      <c r="BVP667" s="613"/>
      <c r="BVQ667" s="613"/>
      <c r="BVR667" s="613"/>
      <c r="BVS667" s="613"/>
      <c r="BVT667" s="613"/>
      <c r="BVU667" s="613"/>
      <c r="BVV667" s="613"/>
      <c r="BVW667" s="613"/>
      <c r="BVX667" s="613"/>
      <c r="BVY667" s="613"/>
      <c r="BVZ667" s="613"/>
      <c r="BWA667" s="613"/>
      <c r="BWB667" s="613"/>
      <c r="BWC667" s="613"/>
      <c r="BWD667" s="613"/>
      <c r="BWE667" s="613"/>
      <c r="BWF667" s="613"/>
      <c r="BWG667" s="613"/>
      <c r="BWH667" s="613"/>
      <c r="BWI667" s="613"/>
      <c r="BWJ667" s="613"/>
      <c r="BWK667" s="613"/>
      <c r="BWL667" s="613"/>
      <c r="BWM667" s="613"/>
      <c r="BWN667" s="613"/>
      <c r="BWO667" s="613"/>
      <c r="BWP667" s="613"/>
      <c r="BWQ667" s="613"/>
      <c r="BWR667" s="613"/>
      <c r="BWS667" s="613"/>
      <c r="BWT667" s="613"/>
      <c r="BWU667" s="613"/>
      <c r="BWV667" s="613"/>
      <c r="BWW667" s="613"/>
      <c r="BWX667" s="613"/>
      <c r="BWY667" s="613"/>
      <c r="BWZ667" s="613"/>
      <c r="BXA667" s="613"/>
      <c r="BXB667" s="613"/>
      <c r="BXC667" s="613"/>
      <c r="BXD667" s="613"/>
      <c r="BXE667" s="613"/>
      <c r="BXF667" s="613"/>
      <c r="BXG667" s="613"/>
      <c r="BXH667" s="613"/>
      <c r="BXI667" s="613"/>
      <c r="BXJ667" s="613"/>
      <c r="BXK667" s="613"/>
      <c r="BXL667" s="613"/>
      <c r="BXM667" s="613"/>
      <c r="BXN667" s="613"/>
      <c r="BXO667" s="613"/>
      <c r="BXP667" s="613"/>
      <c r="BXQ667" s="613"/>
      <c r="BXR667" s="613"/>
      <c r="BXS667" s="613"/>
      <c r="BXT667" s="613"/>
      <c r="BXU667" s="613"/>
      <c r="BXV667" s="613"/>
      <c r="BXW667" s="613"/>
      <c r="BXX667" s="613"/>
      <c r="BXY667" s="613"/>
      <c r="BXZ667" s="613"/>
      <c r="BYA667" s="613"/>
      <c r="BYB667" s="613"/>
      <c r="BYC667" s="613"/>
      <c r="BYD667" s="613"/>
      <c r="BYE667" s="613"/>
      <c r="BYF667" s="613"/>
      <c r="BYG667" s="613"/>
      <c r="BYH667" s="613"/>
      <c r="BYI667" s="613"/>
      <c r="BYJ667" s="613"/>
      <c r="BYK667" s="613"/>
      <c r="BYL667" s="613"/>
      <c r="BYM667" s="613"/>
      <c r="BYN667" s="613"/>
      <c r="BYO667" s="613"/>
      <c r="BYP667" s="613"/>
      <c r="BYQ667" s="613"/>
      <c r="BYR667" s="613"/>
      <c r="BYS667" s="613"/>
      <c r="BYT667" s="613"/>
      <c r="BYU667" s="613"/>
      <c r="BYV667" s="613"/>
      <c r="BYW667" s="613"/>
      <c r="BYX667" s="613"/>
      <c r="BYY667" s="613"/>
      <c r="BYZ667" s="613"/>
      <c r="BZA667" s="613"/>
      <c r="BZB667" s="613"/>
      <c r="BZC667" s="613"/>
      <c r="BZD667" s="613"/>
      <c r="BZE667" s="613"/>
      <c r="BZF667" s="613"/>
      <c r="BZG667" s="613"/>
      <c r="BZH667" s="613"/>
      <c r="BZI667" s="613"/>
      <c r="BZJ667" s="613"/>
      <c r="BZK667" s="613"/>
      <c r="BZL667" s="613"/>
      <c r="BZM667" s="613"/>
      <c r="BZN667" s="613"/>
      <c r="BZO667" s="613"/>
      <c r="BZP667" s="613"/>
      <c r="BZQ667" s="613"/>
      <c r="BZR667" s="613"/>
      <c r="BZS667" s="613"/>
      <c r="BZT667" s="613"/>
      <c r="BZU667" s="613"/>
      <c r="BZV667" s="613"/>
      <c r="BZW667" s="613"/>
      <c r="BZX667" s="613"/>
      <c r="BZY667" s="613"/>
      <c r="BZZ667" s="613"/>
      <c r="CAA667" s="613"/>
      <c r="CAB667" s="613"/>
      <c r="CAC667" s="613"/>
      <c r="CAD667" s="613"/>
      <c r="CAE667" s="613"/>
      <c r="CAF667" s="613"/>
      <c r="CAG667" s="613"/>
      <c r="CAH667" s="613"/>
      <c r="CAI667" s="613"/>
      <c r="CAJ667" s="613"/>
      <c r="CAK667" s="613"/>
      <c r="CAL667" s="613"/>
      <c r="CAM667" s="613"/>
      <c r="CAN667" s="613"/>
      <c r="CAO667" s="613"/>
      <c r="CAP667" s="613"/>
      <c r="CAQ667" s="613"/>
      <c r="CAR667" s="613"/>
      <c r="CAS667" s="613"/>
      <c r="CAT667" s="613"/>
      <c r="CAU667" s="613"/>
      <c r="CAV667" s="613"/>
      <c r="CAW667" s="613"/>
      <c r="CAX667" s="613"/>
      <c r="CAY667" s="613"/>
      <c r="CAZ667" s="613"/>
      <c r="CBA667" s="613"/>
      <c r="CBB667" s="613"/>
      <c r="CBC667" s="613"/>
      <c r="CBD667" s="613"/>
      <c r="CBE667" s="613"/>
      <c r="CBF667" s="613"/>
      <c r="CBG667" s="613"/>
      <c r="CBH667" s="613"/>
      <c r="CBI667" s="613"/>
      <c r="CBJ667" s="613"/>
      <c r="CBK667" s="613"/>
      <c r="CBL667" s="613"/>
      <c r="CBM667" s="613"/>
      <c r="CBN667" s="613"/>
      <c r="CBO667" s="613"/>
      <c r="CBP667" s="613"/>
      <c r="CBQ667" s="613"/>
      <c r="CBR667" s="613"/>
      <c r="CBS667" s="613"/>
      <c r="CBT667" s="613"/>
      <c r="CBU667" s="613"/>
      <c r="CBV667" s="613"/>
      <c r="CBW667" s="613"/>
      <c r="CBX667" s="613"/>
      <c r="CBY667" s="613"/>
      <c r="CBZ667" s="613"/>
      <c r="CCA667" s="613"/>
      <c r="CCB667" s="613"/>
      <c r="CCC667" s="613"/>
      <c r="CCD667" s="613"/>
      <c r="CCE667" s="613"/>
      <c r="CCF667" s="613"/>
      <c r="CCG667" s="613"/>
      <c r="CCH667" s="613"/>
      <c r="CCI667" s="613"/>
      <c r="CCJ667" s="613"/>
      <c r="CCK667" s="613"/>
      <c r="CCL667" s="613"/>
      <c r="CCM667" s="613"/>
      <c r="CCN667" s="613"/>
      <c r="CCO667" s="613"/>
      <c r="CCP667" s="613"/>
      <c r="CCQ667" s="613"/>
      <c r="CCR667" s="613"/>
      <c r="CCS667" s="613"/>
      <c r="CCT667" s="613"/>
      <c r="CCU667" s="613"/>
      <c r="CCV667" s="613"/>
      <c r="CCW667" s="613"/>
      <c r="CCX667" s="613"/>
      <c r="CCY667" s="613"/>
      <c r="CCZ667" s="613"/>
      <c r="CDA667" s="613"/>
      <c r="CDB667" s="613"/>
      <c r="CDC667" s="613"/>
      <c r="CDD667" s="613"/>
      <c r="CDE667" s="613"/>
      <c r="CDF667" s="613"/>
      <c r="CDG667" s="613"/>
      <c r="CDH667" s="613"/>
      <c r="CDI667" s="613"/>
      <c r="CDJ667" s="613"/>
      <c r="CDK667" s="613"/>
      <c r="CDL667" s="613"/>
      <c r="CDM667" s="613"/>
      <c r="CDN667" s="613"/>
      <c r="CDO667" s="613"/>
      <c r="CDP667" s="613"/>
      <c r="CDQ667" s="613"/>
      <c r="CDR667" s="613"/>
      <c r="CDS667" s="613"/>
      <c r="CDT667" s="613"/>
      <c r="CDU667" s="613"/>
      <c r="CDV667" s="613"/>
      <c r="CDW667" s="613"/>
      <c r="CDX667" s="613"/>
      <c r="CDY667" s="613"/>
      <c r="CDZ667" s="613"/>
      <c r="CEA667" s="613"/>
      <c r="CEB667" s="613"/>
      <c r="CEC667" s="613"/>
      <c r="CED667" s="613"/>
      <c r="CEE667" s="613"/>
      <c r="CEF667" s="613"/>
      <c r="CEG667" s="613"/>
      <c r="CEH667" s="613"/>
      <c r="CEI667" s="613"/>
      <c r="CEJ667" s="613"/>
      <c r="CEK667" s="613"/>
      <c r="CEL667" s="613"/>
      <c r="CEM667" s="613"/>
      <c r="CEN667" s="613"/>
      <c r="CEO667" s="613"/>
      <c r="CEP667" s="613"/>
      <c r="CEQ667" s="613"/>
      <c r="CER667" s="613"/>
      <c r="CES667" s="613"/>
      <c r="CET667" s="613"/>
      <c r="CEU667" s="613"/>
      <c r="CEV667" s="613"/>
      <c r="CEW667" s="613"/>
      <c r="CEX667" s="613"/>
      <c r="CEY667" s="613"/>
      <c r="CEZ667" s="613"/>
      <c r="CFA667" s="613"/>
      <c r="CFB667" s="613"/>
      <c r="CFC667" s="613"/>
      <c r="CFD667" s="613"/>
      <c r="CFE667" s="613"/>
      <c r="CFF667" s="613"/>
      <c r="CFG667" s="613"/>
      <c r="CFH667" s="613"/>
      <c r="CFI667" s="613"/>
      <c r="CFJ667" s="613"/>
      <c r="CFK667" s="613"/>
      <c r="CFL667" s="613"/>
      <c r="CFM667" s="613"/>
      <c r="CFN667" s="613"/>
      <c r="CFO667" s="613"/>
      <c r="CFP667" s="613"/>
      <c r="CFQ667" s="613"/>
      <c r="CFR667" s="613"/>
      <c r="CFS667" s="613"/>
      <c r="CFT667" s="613"/>
      <c r="CFU667" s="613"/>
      <c r="CFV667" s="613"/>
      <c r="CFW667" s="613"/>
      <c r="CFX667" s="613"/>
      <c r="CFY667" s="613"/>
      <c r="CFZ667" s="613"/>
      <c r="CGA667" s="613"/>
      <c r="CGB667" s="613"/>
      <c r="CGC667" s="613"/>
      <c r="CGD667" s="613"/>
      <c r="CGE667" s="613"/>
      <c r="CGF667" s="613"/>
      <c r="CGG667" s="613"/>
      <c r="CGH667" s="613"/>
      <c r="CGI667" s="613"/>
      <c r="CGJ667" s="613"/>
      <c r="CGK667" s="613"/>
      <c r="CGL667" s="613"/>
      <c r="CGM667" s="613"/>
      <c r="CGN667" s="613"/>
      <c r="CGO667" s="613"/>
      <c r="CGP667" s="613"/>
      <c r="CGQ667" s="613"/>
      <c r="CGR667" s="613"/>
      <c r="CGS667" s="613"/>
      <c r="CGT667" s="613"/>
      <c r="CGU667" s="613"/>
      <c r="CGV667" s="613"/>
      <c r="CGW667" s="613"/>
      <c r="CGX667" s="613"/>
      <c r="CGY667" s="613"/>
      <c r="CGZ667" s="613"/>
      <c r="CHA667" s="613"/>
      <c r="CHB667" s="613"/>
      <c r="CHC667" s="613"/>
      <c r="CHD667" s="613"/>
      <c r="CHE667" s="613"/>
      <c r="CHF667" s="613"/>
      <c r="CHG667" s="613"/>
      <c r="CHH667" s="613"/>
      <c r="CHI667" s="613"/>
      <c r="CHJ667" s="613"/>
      <c r="CHK667" s="613"/>
      <c r="CHL667" s="613"/>
      <c r="CHM667" s="613"/>
      <c r="CHN667" s="613"/>
      <c r="CHO667" s="613"/>
      <c r="CHP667" s="613"/>
      <c r="CHQ667" s="613"/>
      <c r="CHR667" s="613"/>
      <c r="CHS667" s="613"/>
      <c r="CHT667" s="613"/>
      <c r="CHU667" s="613"/>
      <c r="CHV667" s="613"/>
      <c r="CHW667" s="613"/>
      <c r="CHX667" s="613"/>
      <c r="CHY667" s="613"/>
      <c r="CHZ667" s="613"/>
      <c r="CIA667" s="613"/>
      <c r="CIB667" s="613"/>
      <c r="CIC667" s="613"/>
      <c r="CID667" s="613"/>
      <c r="CIE667" s="613"/>
      <c r="CIF667" s="613"/>
      <c r="CIG667" s="613"/>
      <c r="CIH667" s="613"/>
      <c r="CII667" s="613"/>
      <c r="CIJ667" s="613"/>
      <c r="CIK667" s="613"/>
      <c r="CIL667" s="613"/>
      <c r="CIM667" s="613"/>
      <c r="CIN667" s="613"/>
      <c r="CIO667" s="613"/>
      <c r="CIP667" s="613"/>
      <c r="CIQ667" s="613"/>
      <c r="CIR667" s="613"/>
      <c r="CIS667" s="613"/>
      <c r="CIT667" s="613"/>
      <c r="CIU667" s="613"/>
      <c r="CIV667" s="613"/>
      <c r="CIW667" s="613"/>
      <c r="CIX667" s="613"/>
      <c r="CIY667" s="613"/>
      <c r="CIZ667" s="613"/>
      <c r="CJA667" s="613"/>
      <c r="CJB667" s="613"/>
      <c r="CJC667" s="613"/>
      <c r="CJD667" s="613"/>
      <c r="CJE667" s="613"/>
      <c r="CJF667" s="613"/>
      <c r="CJG667" s="613"/>
      <c r="CJH667" s="613"/>
      <c r="CJI667" s="613"/>
      <c r="CJJ667" s="613"/>
      <c r="CJK667" s="613"/>
      <c r="CJL667" s="613"/>
      <c r="CJM667" s="613"/>
      <c r="CJN667" s="613"/>
      <c r="CJO667" s="613"/>
      <c r="CJP667" s="613"/>
      <c r="CJQ667" s="613"/>
      <c r="CJR667" s="613"/>
      <c r="CJS667" s="613"/>
      <c r="CJT667" s="613"/>
      <c r="CJU667" s="613"/>
      <c r="CJV667" s="613"/>
      <c r="CJW667" s="613"/>
      <c r="CJX667" s="613"/>
      <c r="CJY667" s="613"/>
      <c r="CJZ667" s="613"/>
      <c r="CKA667" s="613"/>
      <c r="CKB667" s="613"/>
      <c r="CKC667" s="613"/>
      <c r="CKD667" s="613"/>
      <c r="CKE667" s="613"/>
      <c r="CKF667" s="613"/>
      <c r="CKG667" s="613"/>
      <c r="CKH667" s="613"/>
      <c r="CKI667" s="613"/>
      <c r="CKJ667" s="613"/>
      <c r="CKK667" s="613"/>
      <c r="CKL667" s="613"/>
      <c r="CKM667" s="613"/>
      <c r="CKN667" s="613"/>
      <c r="CKO667" s="613"/>
      <c r="CKP667" s="613"/>
      <c r="CKQ667" s="613"/>
      <c r="CKR667" s="613"/>
      <c r="CKS667" s="613"/>
      <c r="CKT667" s="613"/>
      <c r="CKU667" s="613"/>
      <c r="CKV667" s="613"/>
      <c r="CKW667" s="613"/>
      <c r="CKX667" s="613"/>
      <c r="CKY667" s="613"/>
      <c r="CKZ667" s="613"/>
      <c r="CLA667" s="613"/>
      <c r="CLB667" s="613"/>
      <c r="CLC667" s="613"/>
      <c r="CLD667" s="613"/>
      <c r="CLE667" s="613"/>
      <c r="CLF667" s="613"/>
      <c r="CLG667" s="613"/>
      <c r="CLH667" s="613"/>
      <c r="CLI667" s="613"/>
      <c r="CLJ667" s="613"/>
      <c r="CLK667" s="613"/>
      <c r="CLL667" s="613"/>
      <c r="CLM667" s="613"/>
      <c r="CLN667" s="613"/>
      <c r="CLO667" s="613"/>
      <c r="CLP667" s="613"/>
      <c r="CLQ667" s="613"/>
      <c r="CLR667" s="613"/>
      <c r="CLS667" s="613"/>
      <c r="CLT667" s="613"/>
      <c r="CLU667" s="613"/>
      <c r="CLV667" s="613"/>
      <c r="CLW667" s="613"/>
      <c r="CLX667" s="613"/>
      <c r="CLY667" s="613"/>
      <c r="CLZ667" s="613"/>
      <c r="CMA667" s="613"/>
      <c r="CMB667" s="613"/>
      <c r="CMC667" s="613"/>
      <c r="CMD667" s="613"/>
      <c r="CME667" s="613"/>
      <c r="CMF667" s="613"/>
      <c r="CMG667" s="613"/>
      <c r="CMH667" s="613"/>
      <c r="CMI667" s="613"/>
      <c r="CMJ667" s="613"/>
      <c r="CMK667" s="613"/>
      <c r="CML667" s="613"/>
      <c r="CMM667" s="613"/>
      <c r="CMN667" s="613"/>
      <c r="CMO667" s="613"/>
      <c r="CMP667" s="613"/>
      <c r="CMQ667" s="613"/>
      <c r="CMR667" s="613"/>
      <c r="CMS667" s="613"/>
      <c r="CMT667" s="613"/>
      <c r="CMU667" s="613"/>
      <c r="CMV667" s="613"/>
      <c r="CMW667" s="613"/>
      <c r="CMX667" s="613"/>
      <c r="CMY667" s="613"/>
      <c r="CMZ667" s="613"/>
      <c r="CNA667" s="613"/>
      <c r="CNB667" s="613"/>
      <c r="CNC667" s="613"/>
      <c r="CND667" s="613"/>
      <c r="CNE667" s="613"/>
      <c r="CNF667" s="613"/>
      <c r="CNG667" s="613"/>
      <c r="CNH667" s="613"/>
      <c r="CNI667" s="613"/>
      <c r="CNJ667" s="613"/>
      <c r="CNK667" s="613"/>
      <c r="CNL667" s="613"/>
      <c r="CNM667" s="613"/>
      <c r="CNN667" s="613"/>
      <c r="CNO667" s="613"/>
      <c r="CNP667" s="613"/>
      <c r="CNQ667" s="613"/>
      <c r="CNR667" s="613"/>
      <c r="CNS667" s="613"/>
      <c r="CNT667" s="613"/>
      <c r="CNU667" s="613"/>
      <c r="CNV667" s="613"/>
      <c r="CNW667" s="613"/>
      <c r="CNX667" s="613"/>
      <c r="CNY667" s="613"/>
      <c r="CNZ667" s="613"/>
      <c r="COA667" s="613"/>
      <c r="COB667" s="613"/>
      <c r="COC667" s="613"/>
      <c r="COD667" s="613"/>
      <c r="COE667" s="613"/>
      <c r="COF667" s="613"/>
      <c r="COG667" s="613"/>
      <c r="COH667" s="613"/>
      <c r="COI667" s="613"/>
      <c r="COJ667" s="613"/>
      <c r="COK667" s="613"/>
      <c r="COL667" s="613"/>
      <c r="COM667" s="613"/>
      <c r="CON667" s="613"/>
      <c r="COO667" s="613"/>
      <c r="COP667" s="613"/>
      <c r="COQ667" s="613"/>
      <c r="COR667" s="613"/>
      <c r="COS667" s="613"/>
      <c r="COT667" s="613"/>
      <c r="COU667" s="613"/>
      <c r="COV667" s="613"/>
      <c r="COW667" s="613"/>
      <c r="COX667" s="613"/>
      <c r="COY667" s="613"/>
      <c r="COZ667" s="613"/>
      <c r="CPA667" s="613"/>
      <c r="CPB667" s="613"/>
      <c r="CPC667" s="613"/>
      <c r="CPD667" s="613"/>
      <c r="CPE667" s="613"/>
      <c r="CPF667" s="613"/>
      <c r="CPG667" s="613"/>
      <c r="CPH667" s="613"/>
      <c r="CPI667" s="613"/>
      <c r="CPJ667" s="613"/>
      <c r="CPK667" s="613"/>
      <c r="CPL667" s="613"/>
      <c r="CPM667" s="613"/>
      <c r="CPN667" s="613"/>
      <c r="CPO667" s="613"/>
      <c r="CPP667" s="613"/>
      <c r="CPQ667" s="613"/>
      <c r="CPR667" s="613"/>
      <c r="CPS667" s="613"/>
      <c r="CPT667" s="613"/>
      <c r="CPU667" s="613"/>
      <c r="CPV667" s="613"/>
      <c r="CPW667" s="613"/>
      <c r="CPX667" s="613"/>
      <c r="CPY667" s="613"/>
      <c r="CPZ667" s="613"/>
      <c r="CQA667" s="613"/>
      <c r="CQB667" s="613"/>
      <c r="CQC667" s="613"/>
      <c r="CQD667" s="613"/>
      <c r="CQE667" s="613"/>
      <c r="CQF667" s="613"/>
      <c r="CQG667" s="613"/>
      <c r="CQH667" s="613"/>
      <c r="CQI667" s="613"/>
      <c r="CQJ667" s="613"/>
      <c r="CQK667" s="613"/>
      <c r="CQL667" s="613"/>
      <c r="CQM667" s="613"/>
      <c r="CQN667" s="613"/>
      <c r="CQO667" s="613"/>
      <c r="CQP667" s="613"/>
      <c r="CQQ667" s="613"/>
      <c r="CQR667" s="613"/>
      <c r="CQS667" s="613"/>
      <c r="CQT667" s="613"/>
      <c r="CQU667" s="613"/>
      <c r="CQV667" s="613"/>
      <c r="CQW667" s="613"/>
      <c r="CQX667" s="613"/>
      <c r="CQY667" s="613"/>
      <c r="CQZ667" s="613"/>
      <c r="CRA667" s="613"/>
      <c r="CRB667" s="613"/>
      <c r="CRC667" s="613"/>
      <c r="CRD667" s="613"/>
      <c r="CRE667" s="613"/>
      <c r="CRF667" s="613"/>
      <c r="CRG667" s="613"/>
      <c r="CRH667" s="613"/>
      <c r="CRI667" s="613"/>
      <c r="CRJ667" s="613"/>
      <c r="CRK667" s="613"/>
      <c r="CRL667" s="613"/>
      <c r="CRM667" s="613"/>
      <c r="CRN667" s="613"/>
      <c r="CRO667" s="613"/>
      <c r="CRP667" s="613"/>
      <c r="CRQ667" s="613"/>
      <c r="CRR667" s="613"/>
      <c r="CRS667" s="613"/>
      <c r="CRT667" s="613"/>
      <c r="CRU667" s="613"/>
      <c r="CRV667" s="613"/>
      <c r="CRW667" s="613"/>
      <c r="CRX667" s="613"/>
      <c r="CRY667" s="613"/>
      <c r="CRZ667" s="613"/>
      <c r="CSA667" s="613"/>
      <c r="CSB667" s="613"/>
      <c r="CSC667" s="613"/>
      <c r="CSD667" s="613"/>
      <c r="CSE667" s="613"/>
      <c r="CSF667" s="613"/>
      <c r="CSG667" s="613"/>
      <c r="CSH667" s="613"/>
      <c r="CSI667" s="613"/>
      <c r="CSJ667" s="613"/>
      <c r="CSK667" s="613"/>
      <c r="CSL667" s="613"/>
      <c r="CSM667" s="613"/>
      <c r="CSN667" s="613"/>
      <c r="CSO667" s="613"/>
      <c r="CSP667" s="613"/>
      <c r="CSQ667" s="613"/>
      <c r="CSR667" s="613"/>
      <c r="CSS667" s="613"/>
      <c r="CST667" s="613"/>
      <c r="CSU667" s="613"/>
      <c r="CSV667" s="613"/>
      <c r="CSW667" s="613"/>
      <c r="CSX667" s="613"/>
      <c r="CSY667" s="613"/>
      <c r="CSZ667" s="613"/>
      <c r="CTA667" s="613"/>
      <c r="CTB667" s="613"/>
      <c r="CTC667" s="613"/>
      <c r="CTD667" s="613"/>
      <c r="CTE667" s="613"/>
      <c r="CTF667" s="613"/>
      <c r="CTG667" s="613"/>
      <c r="CTH667" s="613"/>
      <c r="CTI667" s="613"/>
      <c r="CTJ667" s="613"/>
      <c r="CTK667" s="613"/>
      <c r="CTL667" s="613"/>
      <c r="CTM667" s="613"/>
      <c r="CTN667" s="613"/>
      <c r="CTO667" s="613"/>
      <c r="CTP667" s="613"/>
      <c r="CTQ667" s="613"/>
      <c r="CTR667" s="613"/>
      <c r="CTS667" s="613"/>
      <c r="CTT667" s="613"/>
      <c r="CTU667" s="613"/>
      <c r="CTV667" s="613"/>
      <c r="CTW667" s="613"/>
      <c r="CTX667" s="613"/>
      <c r="CTY667" s="613"/>
      <c r="CTZ667" s="613"/>
      <c r="CUA667" s="613"/>
      <c r="CUB667" s="613"/>
      <c r="CUC667" s="613"/>
      <c r="CUD667" s="613"/>
      <c r="CUE667" s="613"/>
      <c r="CUF667" s="613"/>
      <c r="CUG667" s="613"/>
      <c r="CUH667" s="613"/>
      <c r="CUI667" s="613"/>
      <c r="CUJ667" s="613"/>
      <c r="CUK667" s="613"/>
      <c r="CUL667" s="613"/>
      <c r="CUM667" s="613"/>
      <c r="CUN667" s="613"/>
      <c r="CUO667" s="613"/>
      <c r="CUP667" s="613"/>
      <c r="CUQ667" s="613"/>
      <c r="CUR667" s="613"/>
      <c r="CUS667" s="613"/>
      <c r="CUT667" s="613"/>
      <c r="CUU667" s="613"/>
      <c r="CUV667" s="613"/>
      <c r="CUW667" s="613"/>
      <c r="CUX667" s="613"/>
      <c r="CUY667" s="613"/>
      <c r="CUZ667" s="613"/>
      <c r="CVA667" s="613"/>
      <c r="CVB667" s="613"/>
      <c r="CVC667" s="613"/>
      <c r="CVD667" s="613"/>
      <c r="CVE667" s="613"/>
      <c r="CVF667" s="613"/>
      <c r="CVG667" s="613"/>
      <c r="CVH667" s="613"/>
      <c r="CVI667" s="613"/>
      <c r="CVJ667" s="613"/>
      <c r="CVK667" s="613"/>
      <c r="CVL667" s="613"/>
      <c r="CVM667" s="613"/>
      <c r="CVN667" s="613"/>
      <c r="CVO667" s="613"/>
      <c r="CVP667" s="613"/>
      <c r="CVQ667" s="613"/>
      <c r="CVR667" s="613"/>
      <c r="CVS667" s="613"/>
      <c r="CVT667" s="613"/>
      <c r="CVU667" s="613"/>
      <c r="CVV667" s="613"/>
      <c r="CVW667" s="613"/>
      <c r="CVX667" s="613"/>
      <c r="CVY667" s="613"/>
      <c r="CVZ667" s="613"/>
      <c r="CWA667" s="613"/>
      <c r="CWB667" s="613"/>
      <c r="CWC667" s="613"/>
      <c r="CWD667" s="613"/>
      <c r="CWE667" s="613"/>
      <c r="CWF667" s="613"/>
      <c r="CWG667" s="613"/>
      <c r="CWH667" s="613"/>
      <c r="CWI667" s="613"/>
      <c r="CWJ667" s="613"/>
      <c r="CWK667" s="613"/>
      <c r="CWL667" s="613"/>
      <c r="CWM667" s="613"/>
      <c r="CWN667" s="613"/>
      <c r="CWO667" s="613"/>
      <c r="CWP667" s="613"/>
      <c r="CWQ667" s="613"/>
      <c r="CWR667" s="613"/>
      <c r="CWS667" s="613"/>
      <c r="CWT667" s="613"/>
      <c r="CWU667" s="613"/>
      <c r="CWV667" s="613"/>
      <c r="CWW667" s="613"/>
      <c r="CWX667" s="613"/>
      <c r="CWY667" s="613"/>
      <c r="CWZ667" s="613"/>
      <c r="CXA667" s="613"/>
      <c r="CXB667" s="613"/>
      <c r="CXC667" s="613"/>
      <c r="CXD667" s="613"/>
      <c r="CXE667" s="613"/>
      <c r="CXF667" s="613"/>
      <c r="CXG667" s="613"/>
      <c r="CXH667" s="613"/>
      <c r="CXI667" s="613"/>
      <c r="CXJ667" s="613"/>
      <c r="CXK667" s="613"/>
      <c r="CXL667" s="613"/>
      <c r="CXM667" s="613"/>
      <c r="CXN667" s="613"/>
      <c r="CXO667" s="613"/>
      <c r="CXP667" s="613"/>
      <c r="CXQ667" s="613"/>
      <c r="CXR667" s="613"/>
      <c r="CXS667" s="613"/>
      <c r="CXT667" s="613"/>
      <c r="CXU667" s="613"/>
      <c r="CXV667" s="613"/>
      <c r="CXW667" s="613"/>
      <c r="CXX667" s="613"/>
      <c r="CXY667" s="613"/>
      <c r="CXZ667" s="613"/>
      <c r="CYA667" s="613"/>
      <c r="CYB667" s="613"/>
      <c r="CYC667" s="613"/>
      <c r="CYD667" s="613"/>
      <c r="CYE667" s="613"/>
      <c r="CYF667" s="613"/>
      <c r="CYG667" s="613"/>
      <c r="CYH667" s="613"/>
      <c r="CYI667" s="613"/>
      <c r="CYJ667" s="613"/>
      <c r="CYK667" s="613"/>
      <c r="CYL667" s="613"/>
      <c r="CYM667" s="613"/>
      <c r="CYN667" s="613"/>
      <c r="CYO667" s="613"/>
      <c r="CYP667" s="613"/>
      <c r="CYQ667" s="613"/>
      <c r="CYR667" s="613"/>
      <c r="CYS667" s="613"/>
      <c r="CYT667" s="613"/>
      <c r="CYU667" s="613"/>
      <c r="CYV667" s="613"/>
      <c r="CYW667" s="613"/>
      <c r="CYX667" s="613"/>
      <c r="CYY667" s="613"/>
      <c r="CYZ667" s="613"/>
      <c r="CZA667" s="613"/>
      <c r="CZB667" s="613"/>
      <c r="CZC667" s="613"/>
      <c r="CZD667" s="613"/>
      <c r="CZE667" s="613"/>
      <c r="CZF667" s="613"/>
      <c r="CZG667" s="613"/>
      <c r="CZH667" s="613"/>
      <c r="CZI667" s="613"/>
      <c r="CZJ667" s="613"/>
      <c r="CZK667" s="613"/>
      <c r="CZL667" s="613"/>
      <c r="CZM667" s="613"/>
      <c r="CZN667" s="613"/>
      <c r="CZO667" s="613"/>
      <c r="CZP667" s="613"/>
      <c r="CZQ667" s="613"/>
      <c r="CZR667" s="613"/>
      <c r="CZS667" s="613"/>
      <c r="CZT667" s="613"/>
      <c r="CZU667" s="613"/>
      <c r="CZV667" s="613"/>
      <c r="CZW667" s="613"/>
      <c r="CZX667" s="613"/>
      <c r="CZY667" s="613"/>
      <c r="CZZ667" s="613"/>
      <c r="DAA667" s="613"/>
      <c r="DAB667" s="613"/>
      <c r="DAC667" s="613"/>
      <c r="DAD667" s="613"/>
      <c r="DAE667" s="613"/>
      <c r="DAF667" s="613"/>
      <c r="DAG667" s="613"/>
      <c r="DAH667" s="613"/>
      <c r="DAI667" s="613"/>
      <c r="DAJ667" s="613"/>
      <c r="DAK667" s="613"/>
      <c r="DAL667" s="613"/>
      <c r="DAM667" s="613"/>
      <c r="DAN667" s="613"/>
      <c r="DAO667" s="613"/>
      <c r="DAP667" s="613"/>
      <c r="DAQ667" s="613"/>
      <c r="DAR667" s="613"/>
      <c r="DAS667" s="613"/>
      <c r="DAT667" s="613"/>
      <c r="DAU667" s="613"/>
      <c r="DAV667" s="613"/>
      <c r="DAW667" s="613"/>
      <c r="DAX667" s="613"/>
      <c r="DAY667" s="613"/>
      <c r="DAZ667" s="613"/>
      <c r="DBA667" s="613"/>
      <c r="DBB667" s="613"/>
      <c r="DBC667" s="613"/>
      <c r="DBD667" s="613"/>
      <c r="DBE667" s="613"/>
      <c r="DBF667" s="613"/>
      <c r="DBG667" s="613"/>
      <c r="DBH667" s="613"/>
      <c r="DBI667" s="613"/>
      <c r="DBJ667" s="613"/>
      <c r="DBK667" s="613"/>
      <c r="DBL667" s="613"/>
      <c r="DBM667" s="613"/>
      <c r="DBN667" s="613"/>
      <c r="DBO667" s="613"/>
      <c r="DBP667" s="613"/>
      <c r="DBQ667" s="613"/>
      <c r="DBR667" s="613"/>
      <c r="DBS667" s="613"/>
      <c r="DBT667" s="613"/>
      <c r="DBU667" s="613"/>
      <c r="DBV667" s="613"/>
      <c r="DBW667" s="613"/>
      <c r="DBX667" s="613"/>
      <c r="DBY667" s="613"/>
      <c r="DBZ667" s="613"/>
      <c r="DCA667" s="613"/>
      <c r="DCB667" s="613"/>
      <c r="DCC667" s="613"/>
      <c r="DCD667" s="613"/>
      <c r="DCE667" s="613"/>
      <c r="DCF667" s="613"/>
      <c r="DCG667" s="613"/>
      <c r="DCH667" s="613"/>
      <c r="DCI667" s="613"/>
      <c r="DCJ667" s="613"/>
      <c r="DCK667" s="613"/>
      <c r="DCL667" s="613"/>
      <c r="DCM667" s="613"/>
      <c r="DCN667" s="613"/>
      <c r="DCO667" s="613"/>
      <c r="DCP667" s="613"/>
      <c r="DCQ667" s="613"/>
      <c r="DCR667" s="613"/>
      <c r="DCS667" s="613"/>
      <c r="DCT667" s="613"/>
      <c r="DCU667" s="613"/>
      <c r="DCV667" s="613"/>
      <c r="DCW667" s="613"/>
      <c r="DCX667" s="613"/>
      <c r="DCY667" s="613"/>
      <c r="DCZ667" s="613"/>
      <c r="DDA667" s="613"/>
      <c r="DDB667" s="613"/>
      <c r="DDC667" s="613"/>
      <c r="DDD667" s="613"/>
      <c r="DDE667" s="613"/>
      <c r="DDF667" s="613"/>
      <c r="DDG667" s="613"/>
      <c r="DDH667" s="613"/>
      <c r="DDI667" s="613"/>
      <c r="DDJ667" s="613"/>
      <c r="DDK667" s="613"/>
      <c r="DDL667" s="613"/>
      <c r="DDM667" s="613"/>
      <c r="DDN667" s="613"/>
      <c r="DDO667" s="613"/>
      <c r="DDP667" s="613"/>
      <c r="DDQ667" s="613"/>
      <c r="DDR667" s="613"/>
      <c r="DDS667" s="613"/>
      <c r="DDT667" s="613"/>
      <c r="DDU667" s="613"/>
      <c r="DDV667" s="613"/>
      <c r="DDW667" s="613"/>
      <c r="DDX667" s="613"/>
      <c r="DDY667" s="613"/>
      <c r="DDZ667" s="613"/>
      <c r="DEA667" s="613"/>
      <c r="DEB667" s="613"/>
      <c r="DEC667" s="613"/>
      <c r="DED667" s="613"/>
      <c r="DEE667" s="613"/>
      <c r="DEF667" s="613"/>
      <c r="DEG667" s="613"/>
      <c r="DEH667" s="613"/>
      <c r="DEI667" s="613"/>
      <c r="DEJ667" s="613"/>
      <c r="DEK667" s="613"/>
      <c r="DEL667" s="613"/>
      <c r="DEM667" s="613"/>
      <c r="DEN667" s="613"/>
      <c r="DEO667" s="613"/>
      <c r="DEP667" s="613"/>
      <c r="DEQ667" s="613"/>
      <c r="DER667" s="613"/>
      <c r="DES667" s="613"/>
      <c r="DET667" s="613"/>
      <c r="DEU667" s="613"/>
      <c r="DEV667" s="613"/>
      <c r="DEW667" s="613"/>
      <c r="DEX667" s="613"/>
      <c r="DEY667" s="613"/>
      <c r="DEZ667" s="613"/>
      <c r="DFA667" s="613"/>
      <c r="DFB667" s="613"/>
      <c r="DFC667" s="613"/>
      <c r="DFD667" s="613"/>
      <c r="DFE667" s="613"/>
      <c r="DFF667" s="613"/>
      <c r="DFG667" s="613"/>
      <c r="DFH667" s="613"/>
      <c r="DFI667" s="613"/>
      <c r="DFJ667" s="613"/>
      <c r="DFK667" s="613"/>
      <c r="DFL667" s="613"/>
      <c r="DFM667" s="613"/>
      <c r="DFN667" s="613"/>
      <c r="DFO667" s="613"/>
      <c r="DFP667" s="613"/>
      <c r="DFQ667" s="613"/>
      <c r="DFR667" s="613"/>
      <c r="DFS667" s="613"/>
      <c r="DFT667" s="613"/>
      <c r="DFU667" s="613"/>
      <c r="DFV667" s="613"/>
      <c r="DFW667" s="613"/>
      <c r="DFX667" s="613"/>
      <c r="DFY667" s="613"/>
      <c r="DFZ667" s="613"/>
      <c r="DGA667" s="613"/>
      <c r="DGB667" s="613"/>
      <c r="DGC667" s="613"/>
      <c r="DGD667" s="613"/>
      <c r="DGE667" s="613"/>
      <c r="DGF667" s="613"/>
      <c r="DGG667" s="613"/>
      <c r="DGH667" s="613"/>
      <c r="DGI667" s="613"/>
      <c r="DGJ667" s="613"/>
      <c r="DGK667" s="613"/>
      <c r="DGL667" s="613"/>
      <c r="DGM667" s="613"/>
      <c r="DGN667" s="613"/>
      <c r="DGO667" s="613"/>
      <c r="DGP667" s="613"/>
      <c r="DGQ667" s="613"/>
      <c r="DGR667" s="613"/>
      <c r="DGS667" s="613"/>
      <c r="DGT667" s="613"/>
      <c r="DGU667" s="613"/>
      <c r="DGV667" s="613"/>
      <c r="DGW667" s="613"/>
      <c r="DGX667" s="613"/>
      <c r="DGY667" s="613"/>
      <c r="DGZ667" s="613"/>
      <c r="DHA667" s="613"/>
      <c r="DHB667" s="613"/>
      <c r="DHC667" s="613"/>
      <c r="DHD667" s="613"/>
      <c r="DHE667" s="613"/>
      <c r="DHF667" s="613"/>
      <c r="DHG667" s="613"/>
      <c r="DHH667" s="613"/>
      <c r="DHI667" s="613"/>
      <c r="DHJ667" s="613"/>
      <c r="DHK667" s="613"/>
      <c r="DHL667" s="613"/>
      <c r="DHM667" s="613"/>
      <c r="DHN667" s="613"/>
      <c r="DHO667" s="613"/>
      <c r="DHP667" s="613"/>
      <c r="DHQ667" s="613"/>
      <c r="DHR667" s="613"/>
      <c r="DHS667" s="613"/>
      <c r="DHT667" s="613"/>
      <c r="DHU667" s="613"/>
      <c r="DHV667" s="613"/>
      <c r="DHW667" s="613"/>
      <c r="DHX667" s="613"/>
      <c r="DHY667" s="613"/>
      <c r="DHZ667" s="613"/>
      <c r="DIA667" s="613"/>
      <c r="DIB667" s="613"/>
      <c r="DIC667" s="613"/>
      <c r="DID667" s="613"/>
      <c r="DIE667" s="613"/>
      <c r="DIF667" s="613"/>
      <c r="DIG667" s="613"/>
      <c r="DIH667" s="613"/>
      <c r="DII667" s="613"/>
      <c r="DIJ667" s="613"/>
      <c r="DIK667" s="613"/>
      <c r="DIL667" s="613"/>
      <c r="DIM667" s="613"/>
      <c r="DIN667" s="613"/>
      <c r="DIO667" s="613"/>
      <c r="DIP667" s="613"/>
      <c r="DIQ667" s="613"/>
      <c r="DIR667" s="613"/>
      <c r="DIS667" s="613"/>
      <c r="DIT667" s="613"/>
      <c r="DIU667" s="613"/>
      <c r="DIV667" s="613"/>
      <c r="DIW667" s="613"/>
      <c r="DIX667" s="613"/>
      <c r="DIY667" s="613"/>
      <c r="DIZ667" s="613"/>
      <c r="DJA667" s="613"/>
      <c r="DJB667" s="613"/>
      <c r="DJC667" s="613"/>
      <c r="DJD667" s="613"/>
      <c r="DJE667" s="613"/>
      <c r="DJF667" s="613"/>
      <c r="DJG667" s="613"/>
      <c r="DJH667" s="613"/>
      <c r="DJI667" s="613"/>
      <c r="DJJ667" s="613"/>
      <c r="DJK667" s="613"/>
      <c r="DJL667" s="613"/>
      <c r="DJM667" s="613"/>
      <c r="DJN667" s="613"/>
      <c r="DJO667" s="613"/>
      <c r="DJP667" s="613"/>
      <c r="DJQ667" s="613"/>
      <c r="DJR667" s="613"/>
      <c r="DJS667" s="613"/>
      <c r="DJT667" s="613"/>
      <c r="DJU667" s="613"/>
      <c r="DJV667" s="613"/>
      <c r="DJW667" s="613"/>
      <c r="DJX667" s="613"/>
      <c r="DJY667" s="613"/>
      <c r="DJZ667" s="613"/>
      <c r="DKA667" s="613"/>
      <c r="DKB667" s="613"/>
      <c r="DKC667" s="613"/>
      <c r="DKD667" s="613"/>
      <c r="DKE667" s="613"/>
      <c r="DKF667" s="613"/>
      <c r="DKG667" s="613"/>
      <c r="DKH667" s="613"/>
      <c r="DKI667" s="613"/>
      <c r="DKJ667" s="613"/>
      <c r="DKK667" s="613"/>
      <c r="DKL667" s="613"/>
      <c r="DKM667" s="613"/>
      <c r="DKN667" s="613"/>
      <c r="DKO667" s="613"/>
      <c r="DKP667" s="613"/>
      <c r="DKQ667" s="613"/>
      <c r="DKR667" s="613"/>
      <c r="DKS667" s="613"/>
      <c r="DKT667" s="613"/>
      <c r="DKU667" s="613"/>
      <c r="DKV667" s="613"/>
      <c r="DKW667" s="613"/>
      <c r="DKX667" s="613"/>
      <c r="DKY667" s="613"/>
      <c r="DKZ667" s="613"/>
      <c r="DLA667" s="613"/>
      <c r="DLB667" s="613"/>
      <c r="DLC667" s="613"/>
      <c r="DLD667" s="613"/>
      <c r="DLE667" s="613"/>
      <c r="DLF667" s="613"/>
      <c r="DLG667" s="613"/>
      <c r="DLH667" s="613"/>
      <c r="DLI667" s="613"/>
      <c r="DLJ667" s="613"/>
      <c r="DLK667" s="613"/>
      <c r="DLL667" s="613"/>
      <c r="DLM667" s="613"/>
      <c r="DLN667" s="613"/>
      <c r="DLO667" s="613"/>
      <c r="DLP667" s="613"/>
      <c r="DLQ667" s="613"/>
      <c r="DLR667" s="613"/>
      <c r="DLS667" s="613"/>
      <c r="DLT667" s="613"/>
      <c r="DLU667" s="613"/>
      <c r="DLV667" s="613"/>
      <c r="DLW667" s="613"/>
      <c r="DLX667" s="613"/>
      <c r="DLY667" s="613"/>
      <c r="DLZ667" s="613"/>
      <c r="DMA667" s="613"/>
      <c r="DMB667" s="613"/>
      <c r="DMC667" s="613"/>
      <c r="DMD667" s="613"/>
      <c r="DME667" s="613"/>
      <c r="DMF667" s="613"/>
      <c r="DMG667" s="613"/>
      <c r="DMH667" s="613"/>
      <c r="DMI667" s="613"/>
      <c r="DMJ667" s="613"/>
      <c r="DMK667" s="613"/>
      <c r="DML667" s="613"/>
      <c r="DMM667" s="613"/>
      <c r="DMN667" s="613"/>
      <c r="DMO667" s="613"/>
      <c r="DMP667" s="613"/>
      <c r="DMQ667" s="613"/>
      <c r="DMR667" s="613"/>
      <c r="DMS667" s="613"/>
      <c r="DMT667" s="613"/>
      <c r="DMU667" s="613"/>
      <c r="DMV667" s="613"/>
      <c r="DMW667" s="613"/>
      <c r="DMX667" s="613"/>
      <c r="DMY667" s="613"/>
      <c r="DMZ667" s="613"/>
      <c r="DNA667" s="613"/>
      <c r="DNB667" s="613"/>
      <c r="DNC667" s="613"/>
      <c r="DND667" s="613"/>
      <c r="DNE667" s="613"/>
      <c r="DNF667" s="613"/>
      <c r="DNG667" s="613"/>
      <c r="DNH667" s="613"/>
      <c r="DNI667" s="613"/>
      <c r="DNJ667" s="613"/>
      <c r="DNK667" s="613"/>
      <c r="DNL667" s="613"/>
      <c r="DNM667" s="613"/>
      <c r="DNN667" s="613"/>
      <c r="DNO667" s="613"/>
      <c r="DNP667" s="613"/>
      <c r="DNQ667" s="613"/>
      <c r="DNR667" s="613"/>
      <c r="DNS667" s="613"/>
      <c r="DNT667" s="613"/>
      <c r="DNU667" s="613"/>
      <c r="DNV667" s="613"/>
      <c r="DNW667" s="613"/>
      <c r="DNX667" s="613"/>
      <c r="DNY667" s="613"/>
      <c r="DNZ667" s="613"/>
      <c r="DOA667" s="613"/>
      <c r="DOB667" s="613"/>
      <c r="DOC667" s="613"/>
      <c r="DOD667" s="613"/>
      <c r="DOE667" s="613"/>
      <c r="DOF667" s="613"/>
      <c r="DOG667" s="613"/>
      <c r="DOH667" s="613"/>
      <c r="DOI667" s="613"/>
      <c r="DOJ667" s="613"/>
      <c r="DOK667" s="613"/>
      <c r="DOL667" s="613"/>
      <c r="DOM667" s="613"/>
      <c r="DON667" s="613"/>
      <c r="DOO667" s="613"/>
      <c r="DOP667" s="613"/>
      <c r="DOQ667" s="613"/>
      <c r="DOR667" s="613"/>
      <c r="DOS667" s="613"/>
      <c r="DOT667" s="613"/>
      <c r="DOU667" s="613"/>
      <c r="DOV667" s="613"/>
      <c r="DOW667" s="613"/>
      <c r="DOX667" s="613"/>
      <c r="DOY667" s="613"/>
      <c r="DOZ667" s="613"/>
      <c r="DPA667" s="613"/>
      <c r="DPB667" s="613"/>
      <c r="DPC667" s="613"/>
      <c r="DPD667" s="613"/>
      <c r="DPE667" s="613"/>
      <c r="DPF667" s="613"/>
      <c r="DPG667" s="613"/>
      <c r="DPH667" s="613"/>
      <c r="DPI667" s="613"/>
      <c r="DPJ667" s="613"/>
      <c r="DPK667" s="613"/>
      <c r="DPL667" s="613"/>
      <c r="DPM667" s="613"/>
      <c r="DPN667" s="613"/>
      <c r="DPO667" s="613"/>
      <c r="DPP667" s="613"/>
      <c r="DPQ667" s="613"/>
      <c r="DPR667" s="613"/>
      <c r="DPS667" s="613"/>
      <c r="DPT667" s="613"/>
      <c r="DPU667" s="613"/>
      <c r="DPV667" s="613"/>
      <c r="DPW667" s="613"/>
      <c r="DPX667" s="613"/>
      <c r="DPY667" s="613"/>
      <c r="DPZ667" s="613"/>
      <c r="DQA667" s="613"/>
      <c r="DQB667" s="613"/>
      <c r="DQC667" s="613"/>
      <c r="DQD667" s="613"/>
      <c r="DQE667" s="613"/>
      <c r="DQF667" s="613"/>
      <c r="DQG667" s="613"/>
      <c r="DQH667" s="613"/>
      <c r="DQI667" s="613"/>
      <c r="DQJ667" s="613"/>
      <c r="DQK667" s="613"/>
      <c r="DQL667" s="613"/>
      <c r="DQM667" s="613"/>
      <c r="DQN667" s="613"/>
      <c r="DQO667" s="613"/>
      <c r="DQP667" s="613"/>
      <c r="DQQ667" s="613"/>
      <c r="DQR667" s="613"/>
      <c r="DQS667" s="613"/>
      <c r="DQT667" s="613"/>
      <c r="DQU667" s="613"/>
      <c r="DQV667" s="613"/>
      <c r="DQW667" s="613"/>
      <c r="DQX667" s="613"/>
      <c r="DQY667" s="613"/>
      <c r="DQZ667" s="613"/>
      <c r="DRA667" s="613"/>
      <c r="DRB667" s="613"/>
      <c r="DRC667" s="613"/>
      <c r="DRD667" s="613"/>
      <c r="DRE667" s="613"/>
      <c r="DRF667" s="613"/>
      <c r="DRG667" s="613"/>
      <c r="DRH667" s="613"/>
      <c r="DRI667" s="613"/>
      <c r="DRJ667" s="613"/>
      <c r="DRK667" s="613"/>
      <c r="DRL667" s="613"/>
      <c r="DRM667" s="613"/>
      <c r="DRN667" s="613"/>
      <c r="DRO667" s="613"/>
      <c r="DRP667" s="613"/>
      <c r="DRQ667" s="613"/>
      <c r="DRR667" s="613"/>
      <c r="DRS667" s="613"/>
      <c r="DRT667" s="613"/>
      <c r="DRU667" s="613"/>
      <c r="DRV667" s="613"/>
      <c r="DRW667" s="613"/>
      <c r="DRX667" s="613"/>
      <c r="DRY667" s="613"/>
      <c r="DRZ667" s="613"/>
      <c r="DSA667" s="613"/>
      <c r="DSB667" s="613"/>
      <c r="DSC667" s="613"/>
      <c r="DSD667" s="613"/>
      <c r="DSE667" s="613"/>
      <c r="DSF667" s="613"/>
      <c r="DSG667" s="613"/>
      <c r="DSH667" s="613"/>
      <c r="DSI667" s="613"/>
      <c r="DSJ667" s="613"/>
      <c r="DSK667" s="613"/>
      <c r="DSL667" s="613"/>
      <c r="DSM667" s="613"/>
      <c r="DSN667" s="613"/>
      <c r="DSO667" s="613"/>
      <c r="DSP667" s="613"/>
      <c r="DSQ667" s="613"/>
      <c r="DSR667" s="613"/>
      <c r="DSS667" s="613"/>
      <c r="DST667" s="613"/>
      <c r="DSU667" s="613"/>
      <c r="DSV667" s="613"/>
      <c r="DSW667" s="613"/>
      <c r="DSX667" s="613"/>
      <c r="DSY667" s="613"/>
      <c r="DSZ667" s="613"/>
      <c r="DTA667" s="613"/>
      <c r="DTB667" s="613"/>
      <c r="DTC667" s="613"/>
      <c r="DTD667" s="613"/>
      <c r="DTE667" s="613"/>
      <c r="DTF667" s="613"/>
      <c r="DTG667" s="613"/>
      <c r="DTH667" s="613"/>
      <c r="DTI667" s="613"/>
      <c r="DTJ667" s="613"/>
      <c r="DTK667" s="613"/>
      <c r="DTL667" s="613"/>
      <c r="DTM667" s="613"/>
      <c r="DTN667" s="613"/>
      <c r="DTO667" s="613"/>
      <c r="DTP667" s="613"/>
      <c r="DTQ667" s="613"/>
      <c r="DTR667" s="613"/>
      <c r="DTS667" s="613"/>
      <c r="DTT667" s="613"/>
      <c r="DTU667" s="613"/>
      <c r="DTV667" s="613"/>
      <c r="DTW667" s="613"/>
      <c r="DTX667" s="613"/>
      <c r="DTY667" s="613"/>
      <c r="DTZ667" s="613"/>
      <c r="DUA667" s="613"/>
      <c r="DUB667" s="613"/>
      <c r="DUC667" s="613"/>
      <c r="DUD667" s="613"/>
      <c r="DUE667" s="613"/>
      <c r="DUF667" s="613"/>
      <c r="DUG667" s="613"/>
      <c r="DUH667" s="613"/>
      <c r="DUI667" s="613"/>
      <c r="DUJ667" s="613"/>
      <c r="DUK667" s="613"/>
      <c r="DUL667" s="613"/>
      <c r="DUM667" s="613"/>
      <c r="DUN667" s="613"/>
      <c r="DUO667" s="613"/>
      <c r="DUP667" s="613"/>
      <c r="DUQ667" s="613"/>
      <c r="DUR667" s="613"/>
      <c r="DUS667" s="613"/>
      <c r="DUT667" s="613"/>
      <c r="DUU667" s="613"/>
      <c r="DUV667" s="613"/>
      <c r="DUW667" s="613"/>
      <c r="DUX667" s="613"/>
      <c r="DUY667" s="613"/>
      <c r="DUZ667" s="613"/>
      <c r="DVA667" s="613"/>
      <c r="DVB667" s="613"/>
      <c r="DVC667" s="613"/>
      <c r="DVD667" s="613"/>
      <c r="DVE667" s="613"/>
      <c r="DVF667" s="613"/>
      <c r="DVG667" s="613"/>
      <c r="DVH667" s="613"/>
      <c r="DVI667" s="613"/>
      <c r="DVJ667" s="613"/>
      <c r="DVK667" s="613"/>
      <c r="DVL667" s="613"/>
      <c r="DVM667" s="613"/>
      <c r="DVN667" s="613"/>
      <c r="DVO667" s="613"/>
      <c r="DVP667" s="613"/>
      <c r="DVQ667" s="613"/>
      <c r="DVR667" s="613"/>
      <c r="DVS667" s="613"/>
      <c r="DVT667" s="613"/>
      <c r="DVU667" s="613"/>
      <c r="DVV667" s="613"/>
      <c r="DVW667" s="613"/>
      <c r="DVX667" s="613"/>
      <c r="DVY667" s="613"/>
      <c r="DVZ667" s="613"/>
      <c r="DWA667" s="613"/>
      <c r="DWB667" s="613"/>
      <c r="DWC667" s="613"/>
      <c r="DWD667" s="613"/>
      <c r="DWE667" s="613"/>
      <c r="DWF667" s="613"/>
      <c r="DWG667" s="613"/>
      <c r="DWH667" s="613"/>
      <c r="DWI667" s="613"/>
      <c r="DWJ667" s="613"/>
      <c r="DWK667" s="613"/>
      <c r="DWL667" s="613"/>
      <c r="DWM667" s="613"/>
      <c r="DWN667" s="613"/>
      <c r="DWO667" s="613"/>
      <c r="DWP667" s="613"/>
      <c r="DWQ667" s="613"/>
      <c r="DWR667" s="613"/>
      <c r="DWS667" s="613"/>
      <c r="DWT667" s="613"/>
      <c r="DWU667" s="613"/>
      <c r="DWV667" s="613"/>
      <c r="DWW667" s="613"/>
      <c r="DWX667" s="613"/>
      <c r="DWY667" s="613"/>
      <c r="DWZ667" s="613"/>
      <c r="DXA667" s="613"/>
      <c r="DXB667" s="613"/>
      <c r="DXC667" s="613"/>
      <c r="DXD667" s="613"/>
      <c r="DXE667" s="613"/>
      <c r="DXF667" s="613"/>
      <c r="DXG667" s="613"/>
      <c r="DXH667" s="613"/>
      <c r="DXI667" s="613"/>
      <c r="DXJ667" s="613"/>
      <c r="DXK667" s="613"/>
      <c r="DXL667" s="613"/>
      <c r="DXM667" s="613"/>
      <c r="DXN667" s="613"/>
      <c r="DXO667" s="613"/>
      <c r="DXP667" s="613"/>
      <c r="DXQ667" s="613"/>
      <c r="DXR667" s="613"/>
      <c r="DXS667" s="613"/>
      <c r="DXT667" s="613"/>
      <c r="DXU667" s="613"/>
      <c r="DXV667" s="613"/>
      <c r="DXW667" s="613"/>
      <c r="DXX667" s="613"/>
      <c r="DXY667" s="613"/>
      <c r="DXZ667" s="613"/>
      <c r="DYA667" s="613"/>
      <c r="DYB667" s="613"/>
      <c r="DYC667" s="613"/>
      <c r="DYD667" s="613"/>
      <c r="DYE667" s="613"/>
      <c r="DYF667" s="613"/>
      <c r="DYG667" s="613"/>
      <c r="DYH667" s="613"/>
      <c r="DYI667" s="613"/>
      <c r="DYJ667" s="613"/>
      <c r="DYK667" s="613"/>
      <c r="DYL667" s="613"/>
      <c r="DYM667" s="613"/>
      <c r="DYN667" s="613"/>
      <c r="DYO667" s="613"/>
      <c r="DYP667" s="613"/>
      <c r="DYQ667" s="613"/>
      <c r="DYR667" s="613"/>
      <c r="DYS667" s="613"/>
      <c r="DYT667" s="613"/>
      <c r="DYU667" s="613"/>
      <c r="DYV667" s="613"/>
      <c r="DYW667" s="613"/>
      <c r="DYX667" s="613"/>
      <c r="DYY667" s="613"/>
      <c r="DYZ667" s="613"/>
      <c r="DZA667" s="613"/>
      <c r="DZB667" s="613"/>
      <c r="DZC667" s="613"/>
      <c r="DZD667" s="613"/>
      <c r="DZE667" s="613"/>
      <c r="DZF667" s="613"/>
      <c r="DZG667" s="613"/>
      <c r="DZH667" s="613"/>
      <c r="DZI667" s="613"/>
      <c r="DZJ667" s="613"/>
      <c r="DZK667" s="613"/>
      <c r="DZL667" s="613"/>
      <c r="DZM667" s="613"/>
      <c r="DZN667" s="613"/>
      <c r="DZO667" s="613"/>
      <c r="DZP667" s="613"/>
      <c r="DZQ667" s="613"/>
      <c r="DZR667" s="613"/>
      <c r="DZS667" s="613"/>
      <c r="DZT667" s="613"/>
      <c r="DZU667" s="613"/>
      <c r="DZV667" s="613"/>
      <c r="DZW667" s="613"/>
      <c r="DZX667" s="613"/>
      <c r="DZY667" s="613"/>
      <c r="DZZ667" s="613"/>
      <c r="EAA667" s="613"/>
      <c r="EAB667" s="613"/>
      <c r="EAC667" s="613"/>
      <c r="EAD667" s="613"/>
      <c r="EAE667" s="613"/>
      <c r="EAF667" s="613"/>
      <c r="EAG667" s="613"/>
      <c r="EAH667" s="613"/>
      <c r="EAI667" s="613"/>
      <c r="EAJ667" s="613"/>
      <c r="EAK667" s="613"/>
      <c r="EAL667" s="613"/>
      <c r="EAM667" s="613"/>
      <c r="EAN667" s="613"/>
      <c r="EAO667" s="613"/>
      <c r="EAP667" s="613"/>
      <c r="EAQ667" s="613"/>
      <c r="EAR667" s="613"/>
      <c r="EAS667" s="613"/>
      <c r="EAT667" s="613"/>
      <c r="EAU667" s="613"/>
      <c r="EAV667" s="613"/>
      <c r="EAW667" s="613"/>
      <c r="EAX667" s="613"/>
      <c r="EAY667" s="613"/>
      <c r="EAZ667" s="613"/>
      <c r="EBA667" s="613"/>
      <c r="EBB667" s="613"/>
      <c r="EBC667" s="613"/>
      <c r="EBD667" s="613"/>
      <c r="EBE667" s="613"/>
      <c r="EBF667" s="613"/>
      <c r="EBG667" s="613"/>
      <c r="EBH667" s="613"/>
      <c r="EBI667" s="613"/>
      <c r="EBJ667" s="613"/>
      <c r="EBK667" s="613"/>
      <c r="EBL667" s="613"/>
      <c r="EBM667" s="613"/>
      <c r="EBN667" s="613"/>
      <c r="EBO667" s="613"/>
      <c r="EBP667" s="613"/>
      <c r="EBQ667" s="613"/>
      <c r="EBR667" s="613"/>
      <c r="EBS667" s="613"/>
      <c r="EBT667" s="613"/>
      <c r="EBU667" s="613"/>
      <c r="EBV667" s="613"/>
      <c r="EBW667" s="613"/>
      <c r="EBX667" s="613"/>
      <c r="EBY667" s="613"/>
      <c r="EBZ667" s="613"/>
      <c r="ECA667" s="613"/>
      <c r="ECB667" s="613"/>
      <c r="ECC667" s="613"/>
      <c r="ECD667" s="613"/>
      <c r="ECE667" s="613"/>
      <c r="ECF667" s="613"/>
      <c r="ECG667" s="613"/>
      <c r="ECH667" s="613"/>
      <c r="ECI667" s="613"/>
      <c r="ECJ667" s="613"/>
      <c r="ECK667" s="613"/>
      <c r="ECL667" s="613"/>
      <c r="ECM667" s="613"/>
      <c r="ECN667" s="613"/>
      <c r="ECO667" s="613"/>
      <c r="ECP667" s="613"/>
      <c r="ECQ667" s="613"/>
      <c r="ECR667" s="613"/>
      <c r="ECS667" s="613"/>
      <c r="ECT667" s="613"/>
      <c r="ECU667" s="613"/>
      <c r="ECV667" s="613"/>
      <c r="ECW667" s="613"/>
      <c r="ECX667" s="613"/>
      <c r="ECY667" s="613"/>
      <c r="ECZ667" s="613"/>
      <c r="EDA667" s="613"/>
      <c r="EDB667" s="613"/>
      <c r="EDC667" s="613"/>
      <c r="EDD667" s="613"/>
      <c r="EDE667" s="613"/>
      <c r="EDF667" s="613"/>
      <c r="EDG667" s="613"/>
      <c r="EDH667" s="613"/>
      <c r="EDI667" s="613"/>
      <c r="EDJ667" s="613"/>
      <c r="EDK667" s="613"/>
      <c r="EDL667" s="613"/>
      <c r="EDM667" s="613"/>
      <c r="EDN667" s="613"/>
      <c r="EDO667" s="613"/>
      <c r="EDP667" s="613"/>
      <c r="EDQ667" s="613"/>
      <c r="EDR667" s="613"/>
      <c r="EDS667" s="613"/>
      <c r="EDT667" s="613"/>
      <c r="EDU667" s="613"/>
      <c r="EDV667" s="613"/>
      <c r="EDW667" s="613"/>
      <c r="EDX667" s="613"/>
      <c r="EDY667" s="613"/>
      <c r="EDZ667" s="613"/>
      <c r="EEA667" s="613"/>
      <c r="EEB667" s="613"/>
      <c r="EEC667" s="613"/>
      <c r="EED667" s="613"/>
      <c r="EEE667" s="613"/>
      <c r="EEF667" s="613"/>
      <c r="EEG667" s="613"/>
      <c r="EEH667" s="613"/>
      <c r="EEI667" s="613"/>
      <c r="EEJ667" s="613"/>
      <c r="EEK667" s="613"/>
      <c r="EEL667" s="613"/>
      <c r="EEM667" s="613"/>
      <c r="EEN667" s="613"/>
      <c r="EEO667" s="613"/>
      <c r="EEP667" s="613"/>
      <c r="EEQ667" s="613"/>
      <c r="EER667" s="613"/>
      <c r="EES667" s="613"/>
      <c r="EET667" s="613"/>
      <c r="EEU667" s="613"/>
      <c r="EEV667" s="613"/>
      <c r="EEW667" s="613"/>
      <c r="EEX667" s="613"/>
      <c r="EEY667" s="613"/>
      <c r="EEZ667" s="613"/>
      <c r="EFA667" s="613"/>
      <c r="EFB667" s="613"/>
      <c r="EFC667" s="613"/>
      <c r="EFD667" s="613"/>
      <c r="EFE667" s="613"/>
      <c r="EFF667" s="613"/>
      <c r="EFG667" s="613"/>
      <c r="EFH667" s="613"/>
      <c r="EFI667" s="613"/>
      <c r="EFJ667" s="613"/>
      <c r="EFK667" s="613"/>
      <c r="EFL667" s="613"/>
      <c r="EFM667" s="613"/>
      <c r="EFN667" s="613"/>
      <c r="EFO667" s="613"/>
      <c r="EFP667" s="613"/>
      <c r="EFQ667" s="613"/>
      <c r="EFR667" s="613"/>
      <c r="EFS667" s="613"/>
      <c r="EFT667" s="613"/>
      <c r="EFU667" s="613"/>
      <c r="EFV667" s="613"/>
      <c r="EFW667" s="613"/>
      <c r="EFX667" s="613"/>
      <c r="EFY667" s="613"/>
      <c r="EFZ667" s="613"/>
      <c r="EGA667" s="613"/>
      <c r="EGB667" s="613"/>
      <c r="EGC667" s="613"/>
      <c r="EGD667" s="613"/>
      <c r="EGE667" s="613"/>
      <c r="EGF667" s="613"/>
      <c r="EGG667" s="613"/>
      <c r="EGH667" s="613"/>
      <c r="EGI667" s="613"/>
      <c r="EGJ667" s="613"/>
      <c r="EGK667" s="613"/>
      <c r="EGL667" s="613"/>
      <c r="EGM667" s="613"/>
      <c r="EGN667" s="613"/>
      <c r="EGO667" s="613"/>
      <c r="EGP667" s="613"/>
      <c r="EGQ667" s="613"/>
      <c r="EGR667" s="613"/>
      <c r="EGS667" s="613"/>
      <c r="EGT667" s="613"/>
      <c r="EGU667" s="613"/>
      <c r="EGV667" s="613"/>
      <c r="EGW667" s="613"/>
      <c r="EGX667" s="613"/>
      <c r="EGY667" s="613"/>
      <c r="EGZ667" s="613"/>
      <c r="EHA667" s="613"/>
      <c r="EHB667" s="613"/>
      <c r="EHC667" s="613"/>
      <c r="EHD667" s="613"/>
      <c r="EHE667" s="613"/>
      <c r="EHF667" s="613"/>
      <c r="EHG667" s="613"/>
      <c r="EHH667" s="613"/>
      <c r="EHI667" s="613"/>
      <c r="EHJ667" s="613"/>
      <c r="EHK667" s="613"/>
      <c r="EHL667" s="613"/>
      <c r="EHM667" s="613"/>
      <c r="EHN667" s="613"/>
      <c r="EHO667" s="613"/>
      <c r="EHP667" s="613"/>
      <c r="EHQ667" s="613"/>
      <c r="EHR667" s="613"/>
      <c r="EHS667" s="613"/>
      <c r="EHT667" s="613"/>
      <c r="EHU667" s="613"/>
      <c r="EHV667" s="613"/>
      <c r="EHW667" s="613"/>
      <c r="EHX667" s="613"/>
      <c r="EHY667" s="613"/>
      <c r="EHZ667" s="613"/>
      <c r="EIA667" s="613"/>
      <c r="EIB667" s="613"/>
      <c r="EIC667" s="613"/>
      <c r="EID667" s="613"/>
      <c r="EIE667" s="613"/>
      <c r="EIF667" s="613"/>
      <c r="EIG667" s="613"/>
      <c r="EIH667" s="613"/>
      <c r="EII667" s="613"/>
      <c r="EIJ667" s="613"/>
      <c r="EIK667" s="613"/>
      <c r="EIL667" s="613"/>
      <c r="EIM667" s="613"/>
      <c r="EIN667" s="613"/>
      <c r="EIO667" s="613"/>
      <c r="EIP667" s="613"/>
      <c r="EIQ667" s="613"/>
      <c r="EIR667" s="613"/>
      <c r="EIS667" s="613"/>
      <c r="EIT667" s="613"/>
      <c r="EIU667" s="613"/>
      <c r="EIV667" s="613"/>
      <c r="EIW667" s="613"/>
      <c r="EIX667" s="613"/>
      <c r="EIY667" s="613"/>
      <c r="EIZ667" s="613"/>
      <c r="EJA667" s="613"/>
      <c r="EJB667" s="613"/>
      <c r="EJC667" s="613"/>
      <c r="EJD667" s="613"/>
      <c r="EJE667" s="613"/>
      <c r="EJF667" s="613"/>
      <c r="EJG667" s="613"/>
      <c r="EJH667" s="613"/>
      <c r="EJI667" s="613"/>
      <c r="EJJ667" s="613"/>
      <c r="EJK667" s="613"/>
      <c r="EJL667" s="613"/>
      <c r="EJM667" s="613"/>
      <c r="EJN667" s="613"/>
      <c r="EJO667" s="613"/>
      <c r="EJP667" s="613"/>
      <c r="EJQ667" s="613"/>
      <c r="EJR667" s="613"/>
      <c r="EJS667" s="613"/>
      <c r="EJT667" s="613"/>
      <c r="EJU667" s="613"/>
      <c r="EJV667" s="613"/>
      <c r="EJW667" s="613"/>
      <c r="EJX667" s="613"/>
      <c r="EJY667" s="613"/>
      <c r="EJZ667" s="613"/>
      <c r="EKA667" s="613"/>
      <c r="EKB667" s="613"/>
      <c r="EKC667" s="613"/>
      <c r="EKD667" s="613"/>
      <c r="EKE667" s="613"/>
      <c r="EKF667" s="613"/>
      <c r="EKG667" s="613"/>
      <c r="EKH667" s="613"/>
      <c r="EKI667" s="613"/>
      <c r="EKJ667" s="613"/>
      <c r="EKK667" s="613"/>
      <c r="EKL667" s="613"/>
      <c r="EKM667" s="613"/>
      <c r="EKN667" s="613"/>
      <c r="EKO667" s="613"/>
      <c r="EKP667" s="613"/>
      <c r="EKQ667" s="613"/>
      <c r="EKR667" s="613"/>
      <c r="EKS667" s="613"/>
      <c r="EKT667" s="613"/>
      <c r="EKU667" s="613"/>
      <c r="EKV667" s="613"/>
      <c r="EKW667" s="613"/>
      <c r="EKX667" s="613"/>
      <c r="EKY667" s="613"/>
      <c r="EKZ667" s="613"/>
      <c r="ELA667" s="613"/>
      <c r="ELB667" s="613"/>
      <c r="ELC667" s="613"/>
      <c r="ELD667" s="613"/>
      <c r="ELE667" s="613"/>
      <c r="ELF667" s="613"/>
      <c r="ELG667" s="613"/>
      <c r="ELH667" s="613"/>
      <c r="ELI667" s="613"/>
      <c r="ELJ667" s="613"/>
      <c r="ELK667" s="613"/>
      <c r="ELL667" s="613"/>
      <c r="ELM667" s="613"/>
      <c r="ELN667" s="613"/>
      <c r="ELO667" s="613"/>
      <c r="ELP667" s="613"/>
      <c r="ELQ667" s="613"/>
      <c r="ELR667" s="613"/>
      <c r="ELS667" s="613"/>
      <c r="ELT667" s="613"/>
      <c r="ELU667" s="613"/>
      <c r="ELV667" s="613"/>
      <c r="ELW667" s="613"/>
      <c r="ELX667" s="613"/>
      <c r="ELY667" s="613"/>
      <c r="ELZ667" s="613"/>
      <c r="EMA667" s="613"/>
      <c r="EMB667" s="613"/>
      <c r="EMC667" s="613"/>
      <c r="EMD667" s="613"/>
      <c r="EME667" s="613"/>
      <c r="EMF667" s="613"/>
      <c r="EMG667" s="613"/>
      <c r="EMH667" s="613"/>
      <c r="EMI667" s="613"/>
      <c r="EMJ667" s="613"/>
      <c r="EMK667" s="613"/>
      <c r="EML667" s="613"/>
      <c r="EMM667" s="613"/>
      <c r="EMN667" s="613"/>
      <c r="EMO667" s="613"/>
      <c r="EMP667" s="613"/>
      <c r="EMQ667" s="613"/>
      <c r="EMR667" s="613"/>
      <c r="EMS667" s="613"/>
      <c r="EMT667" s="613"/>
      <c r="EMU667" s="613"/>
      <c r="EMV667" s="613"/>
      <c r="EMW667" s="613"/>
      <c r="EMX667" s="613"/>
      <c r="EMY667" s="613"/>
      <c r="EMZ667" s="613"/>
      <c r="ENA667" s="613"/>
      <c r="ENB667" s="613"/>
      <c r="ENC667" s="613"/>
      <c r="END667" s="613"/>
      <c r="ENE667" s="613"/>
      <c r="ENF667" s="613"/>
      <c r="ENG667" s="613"/>
      <c r="ENH667" s="613"/>
      <c r="ENI667" s="613"/>
      <c r="ENJ667" s="613"/>
      <c r="ENK667" s="613"/>
      <c r="ENL667" s="613"/>
      <c r="ENM667" s="613"/>
      <c r="ENN667" s="613"/>
      <c r="ENO667" s="613"/>
      <c r="ENP667" s="613"/>
      <c r="ENQ667" s="613"/>
      <c r="ENR667" s="613"/>
      <c r="ENS667" s="613"/>
      <c r="ENT667" s="613"/>
      <c r="ENU667" s="613"/>
      <c r="ENV667" s="613"/>
      <c r="ENW667" s="613"/>
      <c r="ENX667" s="613"/>
      <c r="ENY667" s="613"/>
      <c r="ENZ667" s="613"/>
      <c r="EOA667" s="613"/>
      <c r="EOB667" s="613"/>
      <c r="EOC667" s="613"/>
      <c r="EOD667" s="613"/>
      <c r="EOE667" s="613"/>
      <c r="EOF667" s="613"/>
      <c r="EOG667" s="613"/>
      <c r="EOH667" s="613"/>
      <c r="EOI667" s="613"/>
      <c r="EOJ667" s="613"/>
      <c r="EOK667" s="613"/>
      <c r="EOL667" s="613"/>
      <c r="EOM667" s="613"/>
      <c r="EON667" s="613"/>
      <c r="EOO667" s="613"/>
      <c r="EOP667" s="613"/>
      <c r="EOQ667" s="613"/>
      <c r="EOR667" s="613"/>
      <c r="EOS667" s="613"/>
      <c r="EOT667" s="613"/>
      <c r="EOU667" s="613"/>
      <c r="EOV667" s="613"/>
      <c r="EOW667" s="613"/>
      <c r="EOX667" s="613"/>
      <c r="EOY667" s="613"/>
      <c r="EOZ667" s="613"/>
      <c r="EPA667" s="613"/>
      <c r="EPB667" s="613"/>
      <c r="EPC667" s="613"/>
      <c r="EPD667" s="613"/>
      <c r="EPE667" s="613"/>
      <c r="EPF667" s="613"/>
      <c r="EPG667" s="613"/>
      <c r="EPH667" s="613"/>
      <c r="EPI667" s="613"/>
      <c r="EPJ667" s="613"/>
      <c r="EPK667" s="613"/>
      <c r="EPL667" s="613"/>
      <c r="EPM667" s="613"/>
      <c r="EPN667" s="613"/>
      <c r="EPO667" s="613"/>
      <c r="EPP667" s="613"/>
      <c r="EPQ667" s="613"/>
      <c r="EPR667" s="613"/>
      <c r="EPS667" s="613"/>
      <c r="EPT667" s="613"/>
      <c r="EPU667" s="613"/>
      <c r="EPV667" s="613"/>
      <c r="EPW667" s="613"/>
      <c r="EPX667" s="613"/>
      <c r="EPY667" s="613"/>
      <c r="EPZ667" s="613"/>
      <c r="EQA667" s="613"/>
      <c r="EQB667" s="613"/>
      <c r="EQC667" s="613"/>
      <c r="EQD667" s="613"/>
      <c r="EQE667" s="613"/>
      <c r="EQF667" s="613"/>
      <c r="EQG667" s="613"/>
      <c r="EQH667" s="613"/>
      <c r="EQI667" s="613"/>
      <c r="EQJ667" s="613"/>
      <c r="EQK667" s="613"/>
      <c r="EQL667" s="613"/>
      <c r="EQM667" s="613"/>
      <c r="EQN667" s="613"/>
      <c r="EQO667" s="613"/>
      <c r="EQP667" s="613"/>
      <c r="EQQ667" s="613"/>
      <c r="EQR667" s="613"/>
      <c r="EQS667" s="613"/>
      <c r="EQT667" s="613"/>
      <c r="EQU667" s="613"/>
      <c r="EQV667" s="613"/>
      <c r="EQW667" s="613"/>
      <c r="EQX667" s="613"/>
      <c r="EQY667" s="613"/>
      <c r="EQZ667" s="613"/>
      <c r="ERA667" s="613"/>
      <c r="ERB667" s="613"/>
      <c r="ERC667" s="613"/>
      <c r="ERD667" s="613"/>
      <c r="ERE667" s="613"/>
      <c r="ERF667" s="613"/>
      <c r="ERG667" s="613"/>
      <c r="ERH667" s="613"/>
      <c r="ERI667" s="613"/>
      <c r="ERJ667" s="613"/>
      <c r="ERK667" s="613"/>
      <c r="ERL667" s="613"/>
      <c r="ERM667" s="613"/>
      <c r="ERN667" s="613"/>
      <c r="ERO667" s="613"/>
      <c r="ERP667" s="613"/>
      <c r="ERQ667" s="613"/>
      <c r="ERR667" s="613"/>
      <c r="ERS667" s="613"/>
      <c r="ERT667" s="613"/>
      <c r="ERU667" s="613"/>
      <c r="ERV667" s="613"/>
      <c r="ERW667" s="613"/>
      <c r="ERX667" s="613"/>
      <c r="ERY667" s="613"/>
      <c r="ERZ667" s="613"/>
      <c r="ESA667" s="613"/>
      <c r="ESB667" s="613"/>
      <c r="ESC667" s="613"/>
      <c r="ESD667" s="613"/>
      <c r="ESE667" s="613"/>
      <c r="ESF667" s="613"/>
      <c r="ESG667" s="613"/>
      <c r="ESH667" s="613"/>
      <c r="ESI667" s="613"/>
      <c r="ESJ667" s="613"/>
      <c r="ESK667" s="613"/>
      <c r="ESL667" s="613"/>
      <c r="ESM667" s="613"/>
      <c r="ESN667" s="613"/>
      <c r="ESO667" s="613"/>
      <c r="ESP667" s="613"/>
      <c r="ESQ667" s="613"/>
      <c r="ESR667" s="613"/>
      <c r="ESS667" s="613"/>
      <c r="EST667" s="613"/>
      <c r="ESU667" s="613"/>
      <c r="ESV667" s="613"/>
      <c r="ESW667" s="613"/>
      <c r="ESX667" s="613"/>
      <c r="ESY667" s="613"/>
      <c r="ESZ667" s="613"/>
      <c r="ETA667" s="613"/>
      <c r="ETB667" s="613"/>
      <c r="ETC667" s="613"/>
      <c r="ETD667" s="613"/>
      <c r="ETE667" s="613"/>
      <c r="ETF667" s="613"/>
      <c r="ETG667" s="613"/>
      <c r="ETH667" s="613"/>
      <c r="ETI667" s="613"/>
      <c r="ETJ667" s="613"/>
      <c r="ETK667" s="613"/>
      <c r="ETL667" s="613"/>
      <c r="ETM667" s="613"/>
      <c r="ETN667" s="613"/>
      <c r="ETO667" s="613"/>
      <c r="ETP667" s="613"/>
      <c r="ETQ667" s="613"/>
      <c r="ETR667" s="613"/>
      <c r="ETS667" s="613"/>
      <c r="ETT667" s="613"/>
      <c r="ETU667" s="613"/>
      <c r="ETV667" s="613"/>
      <c r="ETW667" s="613"/>
      <c r="ETX667" s="613"/>
      <c r="ETY667" s="613"/>
      <c r="ETZ667" s="613"/>
      <c r="EUA667" s="613"/>
      <c r="EUB667" s="613"/>
      <c r="EUC667" s="613"/>
      <c r="EUD667" s="613"/>
      <c r="EUE667" s="613"/>
      <c r="EUF667" s="613"/>
      <c r="EUG667" s="613"/>
      <c r="EUH667" s="613"/>
      <c r="EUI667" s="613"/>
      <c r="EUJ667" s="613"/>
      <c r="EUK667" s="613"/>
      <c r="EUL667" s="613"/>
      <c r="EUM667" s="613"/>
      <c r="EUN667" s="613"/>
      <c r="EUO667" s="613"/>
      <c r="EUP667" s="613"/>
      <c r="EUQ667" s="613"/>
      <c r="EUR667" s="613"/>
      <c r="EUS667" s="613"/>
      <c r="EUT667" s="613"/>
      <c r="EUU667" s="613"/>
      <c r="EUV667" s="613"/>
      <c r="EUW667" s="613"/>
      <c r="EUX667" s="613"/>
      <c r="EUY667" s="613"/>
      <c r="EUZ667" s="613"/>
      <c r="EVA667" s="613"/>
      <c r="EVB667" s="613"/>
      <c r="EVC667" s="613"/>
      <c r="EVD667" s="613"/>
      <c r="EVE667" s="613"/>
      <c r="EVF667" s="613"/>
      <c r="EVG667" s="613"/>
      <c r="EVH667" s="613"/>
      <c r="EVI667" s="613"/>
      <c r="EVJ667" s="613"/>
      <c r="EVK667" s="613"/>
      <c r="EVL667" s="613"/>
      <c r="EVM667" s="613"/>
      <c r="EVN667" s="613"/>
      <c r="EVO667" s="613"/>
      <c r="EVP667" s="613"/>
      <c r="EVQ667" s="613"/>
      <c r="EVR667" s="613"/>
      <c r="EVS667" s="613"/>
      <c r="EVT667" s="613"/>
      <c r="EVU667" s="613"/>
      <c r="EVV667" s="613"/>
      <c r="EVW667" s="613"/>
      <c r="EVX667" s="613"/>
      <c r="EVY667" s="613"/>
      <c r="EVZ667" s="613"/>
      <c r="EWA667" s="613"/>
      <c r="EWB667" s="613"/>
      <c r="EWC667" s="613"/>
      <c r="EWD667" s="613"/>
      <c r="EWE667" s="613"/>
      <c r="EWF667" s="613"/>
      <c r="EWG667" s="613"/>
      <c r="EWH667" s="613"/>
      <c r="EWI667" s="613"/>
      <c r="EWJ667" s="613"/>
      <c r="EWK667" s="613"/>
      <c r="EWL667" s="613"/>
      <c r="EWM667" s="613"/>
      <c r="EWN667" s="613"/>
      <c r="EWO667" s="613"/>
      <c r="EWP667" s="613"/>
      <c r="EWQ667" s="613"/>
      <c r="EWR667" s="613"/>
      <c r="EWS667" s="613"/>
      <c r="EWT667" s="613"/>
      <c r="EWU667" s="613"/>
      <c r="EWV667" s="613"/>
      <c r="EWW667" s="613"/>
      <c r="EWX667" s="613"/>
      <c r="EWY667" s="613"/>
      <c r="EWZ667" s="613"/>
      <c r="EXA667" s="613"/>
      <c r="EXB667" s="613"/>
      <c r="EXC667" s="613"/>
      <c r="EXD667" s="613"/>
      <c r="EXE667" s="613"/>
      <c r="EXF667" s="613"/>
      <c r="EXG667" s="613"/>
      <c r="EXH667" s="613"/>
      <c r="EXI667" s="613"/>
      <c r="EXJ667" s="613"/>
      <c r="EXK667" s="613"/>
      <c r="EXL667" s="613"/>
      <c r="EXM667" s="613"/>
      <c r="EXN667" s="613"/>
      <c r="EXO667" s="613"/>
      <c r="EXP667" s="613"/>
      <c r="EXQ667" s="613"/>
      <c r="EXR667" s="613"/>
      <c r="EXS667" s="613"/>
      <c r="EXT667" s="613"/>
      <c r="EXU667" s="613"/>
      <c r="EXV667" s="613"/>
      <c r="EXW667" s="613"/>
      <c r="EXX667" s="613"/>
      <c r="EXY667" s="613"/>
      <c r="EXZ667" s="613"/>
      <c r="EYA667" s="613"/>
      <c r="EYB667" s="613"/>
      <c r="EYC667" s="613"/>
      <c r="EYD667" s="613"/>
      <c r="EYE667" s="613"/>
      <c r="EYF667" s="613"/>
      <c r="EYG667" s="613"/>
      <c r="EYH667" s="613"/>
      <c r="EYI667" s="613"/>
      <c r="EYJ667" s="613"/>
      <c r="EYK667" s="613"/>
      <c r="EYL667" s="613"/>
      <c r="EYM667" s="613"/>
      <c r="EYN667" s="613"/>
      <c r="EYO667" s="613"/>
      <c r="EYP667" s="613"/>
      <c r="EYQ667" s="613"/>
      <c r="EYR667" s="613"/>
      <c r="EYS667" s="613"/>
      <c r="EYT667" s="613"/>
      <c r="EYU667" s="613"/>
      <c r="EYV667" s="613"/>
      <c r="EYW667" s="613"/>
      <c r="EYX667" s="613"/>
      <c r="EYY667" s="613"/>
      <c r="EYZ667" s="613"/>
      <c r="EZA667" s="613"/>
      <c r="EZB667" s="613"/>
      <c r="EZC667" s="613"/>
      <c r="EZD667" s="613"/>
      <c r="EZE667" s="613"/>
      <c r="EZF667" s="613"/>
      <c r="EZG667" s="613"/>
      <c r="EZH667" s="613"/>
      <c r="EZI667" s="613"/>
      <c r="EZJ667" s="613"/>
      <c r="EZK667" s="613"/>
      <c r="EZL667" s="613"/>
      <c r="EZM667" s="613"/>
      <c r="EZN667" s="613"/>
      <c r="EZO667" s="613"/>
      <c r="EZP667" s="613"/>
      <c r="EZQ667" s="613"/>
      <c r="EZR667" s="613"/>
      <c r="EZS667" s="613"/>
      <c r="EZT667" s="613"/>
      <c r="EZU667" s="613"/>
      <c r="EZV667" s="613"/>
      <c r="EZW667" s="613"/>
      <c r="EZX667" s="613"/>
      <c r="EZY667" s="613"/>
      <c r="EZZ667" s="613"/>
      <c r="FAA667" s="613"/>
      <c r="FAB667" s="613"/>
      <c r="FAC667" s="613"/>
      <c r="FAD667" s="613"/>
      <c r="FAE667" s="613"/>
      <c r="FAF667" s="613"/>
      <c r="FAG667" s="613"/>
      <c r="FAH667" s="613"/>
      <c r="FAI667" s="613"/>
      <c r="FAJ667" s="613"/>
      <c r="FAK667" s="613"/>
      <c r="FAL667" s="613"/>
      <c r="FAM667" s="613"/>
      <c r="FAN667" s="613"/>
      <c r="FAO667" s="613"/>
      <c r="FAP667" s="613"/>
      <c r="FAQ667" s="613"/>
      <c r="FAR667" s="613"/>
      <c r="FAS667" s="613"/>
      <c r="FAT667" s="613"/>
      <c r="FAU667" s="613"/>
      <c r="FAV667" s="613"/>
      <c r="FAW667" s="613"/>
      <c r="FAX667" s="613"/>
      <c r="FAY667" s="613"/>
      <c r="FAZ667" s="613"/>
      <c r="FBA667" s="613"/>
      <c r="FBB667" s="613"/>
      <c r="FBC667" s="613"/>
      <c r="FBD667" s="613"/>
      <c r="FBE667" s="613"/>
      <c r="FBF667" s="613"/>
      <c r="FBG667" s="613"/>
      <c r="FBH667" s="613"/>
      <c r="FBI667" s="613"/>
      <c r="FBJ667" s="613"/>
      <c r="FBK667" s="613"/>
      <c r="FBL667" s="613"/>
      <c r="FBM667" s="613"/>
      <c r="FBN667" s="613"/>
      <c r="FBO667" s="613"/>
      <c r="FBP667" s="613"/>
      <c r="FBQ667" s="613"/>
      <c r="FBR667" s="613"/>
      <c r="FBS667" s="613"/>
      <c r="FBT667" s="613"/>
      <c r="FBU667" s="613"/>
      <c r="FBV667" s="613"/>
      <c r="FBW667" s="613"/>
      <c r="FBX667" s="613"/>
      <c r="FBY667" s="613"/>
      <c r="FBZ667" s="613"/>
      <c r="FCA667" s="613"/>
      <c r="FCB667" s="613"/>
      <c r="FCC667" s="613"/>
      <c r="FCD667" s="613"/>
      <c r="FCE667" s="613"/>
      <c r="FCF667" s="613"/>
      <c r="FCG667" s="613"/>
      <c r="FCH667" s="613"/>
      <c r="FCI667" s="613"/>
      <c r="FCJ667" s="613"/>
      <c r="FCK667" s="613"/>
      <c r="FCL667" s="613"/>
      <c r="FCM667" s="613"/>
      <c r="FCN667" s="613"/>
      <c r="FCO667" s="613"/>
      <c r="FCP667" s="613"/>
      <c r="FCQ667" s="613"/>
      <c r="FCR667" s="613"/>
      <c r="FCS667" s="613"/>
      <c r="FCT667" s="613"/>
      <c r="FCU667" s="613"/>
      <c r="FCV667" s="613"/>
      <c r="FCW667" s="613"/>
      <c r="FCX667" s="613"/>
      <c r="FCY667" s="613"/>
      <c r="FCZ667" s="613"/>
      <c r="FDA667" s="613"/>
      <c r="FDB667" s="613"/>
      <c r="FDC667" s="613"/>
      <c r="FDD667" s="613"/>
      <c r="FDE667" s="613"/>
      <c r="FDF667" s="613"/>
      <c r="FDG667" s="613"/>
      <c r="FDH667" s="613"/>
      <c r="FDI667" s="613"/>
      <c r="FDJ667" s="613"/>
      <c r="FDK667" s="613"/>
      <c r="FDL667" s="613"/>
      <c r="FDM667" s="613"/>
      <c r="FDN667" s="613"/>
      <c r="FDO667" s="613"/>
      <c r="FDP667" s="613"/>
      <c r="FDQ667" s="613"/>
      <c r="FDR667" s="613"/>
      <c r="FDS667" s="613"/>
      <c r="FDT667" s="613"/>
      <c r="FDU667" s="613"/>
      <c r="FDV667" s="613"/>
      <c r="FDW667" s="613"/>
      <c r="FDX667" s="613"/>
      <c r="FDY667" s="613"/>
      <c r="FDZ667" s="613"/>
      <c r="FEA667" s="613"/>
      <c r="FEB667" s="613"/>
      <c r="FEC667" s="613"/>
      <c r="FED667" s="613"/>
      <c r="FEE667" s="613"/>
      <c r="FEF667" s="613"/>
      <c r="FEG667" s="613"/>
      <c r="FEH667" s="613"/>
      <c r="FEI667" s="613"/>
      <c r="FEJ667" s="613"/>
      <c r="FEK667" s="613"/>
      <c r="FEL667" s="613"/>
      <c r="FEM667" s="613"/>
      <c r="FEN667" s="613"/>
      <c r="FEO667" s="613"/>
      <c r="FEP667" s="613"/>
      <c r="FEQ667" s="613"/>
      <c r="FER667" s="613"/>
      <c r="FES667" s="613"/>
      <c r="FET667" s="613"/>
      <c r="FEU667" s="613"/>
      <c r="FEV667" s="613"/>
      <c r="FEW667" s="613"/>
      <c r="FEX667" s="613"/>
      <c r="FEY667" s="613"/>
      <c r="FEZ667" s="613"/>
      <c r="FFA667" s="613"/>
      <c r="FFB667" s="613"/>
      <c r="FFC667" s="613"/>
      <c r="FFD667" s="613"/>
      <c r="FFE667" s="613"/>
      <c r="FFF667" s="613"/>
      <c r="FFG667" s="613"/>
      <c r="FFH667" s="613"/>
      <c r="FFI667" s="613"/>
      <c r="FFJ667" s="613"/>
      <c r="FFK667" s="613"/>
      <c r="FFL667" s="613"/>
      <c r="FFM667" s="613"/>
      <c r="FFN667" s="613"/>
      <c r="FFO667" s="613"/>
      <c r="FFP667" s="613"/>
      <c r="FFQ667" s="613"/>
      <c r="FFR667" s="613"/>
      <c r="FFS667" s="613"/>
      <c r="FFT667" s="613"/>
      <c r="FFU667" s="613"/>
      <c r="FFV667" s="613"/>
      <c r="FFW667" s="613"/>
      <c r="FFX667" s="613"/>
      <c r="FFY667" s="613"/>
      <c r="FFZ667" s="613"/>
      <c r="FGA667" s="613"/>
      <c r="FGB667" s="613"/>
      <c r="FGC667" s="613"/>
      <c r="FGD667" s="613"/>
      <c r="FGE667" s="613"/>
      <c r="FGF667" s="613"/>
      <c r="FGG667" s="613"/>
      <c r="FGH667" s="613"/>
      <c r="FGI667" s="613"/>
      <c r="FGJ667" s="613"/>
      <c r="FGK667" s="613"/>
      <c r="FGL667" s="613"/>
      <c r="FGM667" s="613"/>
      <c r="FGN667" s="613"/>
      <c r="FGO667" s="613"/>
      <c r="FGP667" s="613"/>
      <c r="FGQ667" s="613"/>
      <c r="FGR667" s="613"/>
      <c r="FGS667" s="613"/>
      <c r="FGT667" s="613"/>
      <c r="FGU667" s="613"/>
      <c r="FGV667" s="613"/>
      <c r="FGW667" s="613"/>
      <c r="FGX667" s="613"/>
      <c r="FGY667" s="613"/>
      <c r="FGZ667" s="613"/>
      <c r="FHA667" s="613"/>
      <c r="FHB667" s="613"/>
      <c r="FHC667" s="613"/>
      <c r="FHD667" s="613"/>
      <c r="FHE667" s="613"/>
      <c r="FHF667" s="613"/>
      <c r="FHG667" s="613"/>
      <c r="FHH667" s="613"/>
      <c r="FHI667" s="613"/>
      <c r="FHJ667" s="613"/>
      <c r="FHK667" s="613"/>
      <c r="FHL667" s="613"/>
      <c r="FHM667" s="613"/>
      <c r="FHN667" s="613"/>
      <c r="FHO667" s="613"/>
      <c r="FHP667" s="613"/>
      <c r="FHQ667" s="613"/>
      <c r="FHR667" s="613"/>
      <c r="FHS667" s="613"/>
      <c r="FHT667" s="613"/>
      <c r="FHU667" s="613"/>
      <c r="FHV667" s="613"/>
      <c r="FHW667" s="613"/>
      <c r="FHX667" s="613"/>
      <c r="FHY667" s="613"/>
      <c r="FHZ667" s="613"/>
      <c r="FIA667" s="613"/>
      <c r="FIB667" s="613"/>
      <c r="FIC667" s="613"/>
      <c r="FID667" s="613"/>
      <c r="FIE667" s="613"/>
      <c r="FIF667" s="613"/>
      <c r="FIG667" s="613"/>
      <c r="FIH667" s="613"/>
      <c r="FII667" s="613"/>
      <c r="FIJ667" s="613"/>
      <c r="FIK667" s="613"/>
      <c r="FIL667" s="613"/>
      <c r="FIM667" s="613"/>
      <c r="FIN667" s="613"/>
      <c r="FIO667" s="613"/>
      <c r="FIP667" s="613"/>
      <c r="FIQ667" s="613"/>
      <c r="FIR667" s="613"/>
      <c r="FIS667" s="613"/>
      <c r="FIT667" s="613"/>
      <c r="FIU667" s="613"/>
      <c r="FIV667" s="613"/>
      <c r="FIW667" s="613"/>
      <c r="FIX667" s="613"/>
      <c r="FIY667" s="613"/>
      <c r="FIZ667" s="613"/>
      <c r="FJA667" s="613"/>
      <c r="FJB667" s="613"/>
      <c r="FJC667" s="613"/>
      <c r="FJD667" s="613"/>
      <c r="FJE667" s="613"/>
      <c r="FJF667" s="613"/>
      <c r="FJG667" s="613"/>
      <c r="FJH667" s="613"/>
      <c r="FJI667" s="613"/>
      <c r="FJJ667" s="613"/>
      <c r="FJK667" s="613"/>
      <c r="FJL667" s="613"/>
      <c r="FJM667" s="613"/>
      <c r="FJN667" s="613"/>
      <c r="FJO667" s="613"/>
      <c r="FJP667" s="613"/>
      <c r="FJQ667" s="613"/>
      <c r="FJR667" s="613"/>
      <c r="FJS667" s="613"/>
      <c r="FJT667" s="613"/>
      <c r="FJU667" s="613"/>
      <c r="FJV667" s="613"/>
      <c r="FJW667" s="613"/>
      <c r="FJX667" s="613"/>
      <c r="FJY667" s="613"/>
      <c r="FJZ667" s="613"/>
      <c r="FKA667" s="613"/>
      <c r="FKB667" s="613"/>
      <c r="FKC667" s="613"/>
      <c r="FKD667" s="613"/>
      <c r="FKE667" s="613"/>
      <c r="FKF667" s="613"/>
      <c r="FKG667" s="613"/>
      <c r="FKH667" s="613"/>
      <c r="FKI667" s="613"/>
      <c r="FKJ667" s="613"/>
      <c r="FKK667" s="613"/>
      <c r="FKL667" s="613"/>
      <c r="FKM667" s="613"/>
      <c r="FKN667" s="613"/>
      <c r="FKO667" s="613"/>
      <c r="FKP667" s="613"/>
      <c r="FKQ667" s="613"/>
      <c r="FKR667" s="613"/>
      <c r="FKS667" s="613"/>
      <c r="FKT667" s="613"/>
      <c r="FKU667" s="613"/>
      <c r="FKV667" s="613"/>
      <c r="FKW667" s="613"/>
      <c r="FKX667" s="613"/>
      <c r="FKY667" s="613"/>
      <c r="FKZ667" s="613"/>
      <c r="FLA667" s="613"/>
      <c r="FLB667" s="613"/>
      <c r="FLC667" s="613"/>
      <c r="FLD667" s="613"/>
      <c r="FLE667" s="613"/>
      <c r="FLF667" s="613"/>
      <c r="FLG667" s="613"/>
      <c r="FLH667" s="613"/>
      <c r="FLI667" s="613"/>
      <c r="FLJ667" s="613"/>
      <c r="FLK667" s="613"/>
      <c r="FLL667" s="613"/>
      <c r="FLM667" s="613"/>
      <c r="FLN667" s="613"/>
      <c r="FLO667" s="613"/>
      <c r="FLP667" s="613"/>
      <c r="FLQ667" s="613"/>
      <c r="FLR667" s="613"/>
      <c r="FLS667" s="613"/>
      <c r="FLT667" s="613"/>
      <c r="FLU667" s="613"/>
      <c r="FLV667" s="613"/>
      <c r="FLW667" s="613"/>
      <c r="FLX667" s="613"/>
      <c r="FLY667" s="613"/>
      <c r="FLZ667" s="613"/>
      <c r="FMA667" s="613"/>
      <c r="FMB667" s="613"/>
      <c r="FMC667" s="613"/>
      <c r="FMD667" s="613"/>
      <c r="FME667" s="613"/>
      <c r="FMF667" s="613"/>
      <c r="FMG667" s="613"/>
      <c r="FMH667" s="613"/>
      <c r="FMI667" s="613"/>
      <c r="FMJ667" s="613"/>
      <c r="FMK667" s="613"/>
      <c r="FML667" s="613"/>
      <c r="FMM667" s="613"/>
      <c r="FMN667" s="613"/>
      <c r="FMO667" s="613"/>
      <c r="FMP667" s="613"/>
      <c r="FMQ667" s="613"/>
      <c r="FMR667" s="613"/>
      <c r="FMS667" s="613"/>
      <c r="FMT667" s="613"/>
      <c r="FMU667" s="613"/>
      <c r="FMV667" s="613"/>
      <c r="FMW667" s="613"/>
      <c r="FMX667" s="613"/>
      <c r="FMY667" s="613"/>
      <c r="FMZ667" s="613"/>
      <c r="FNA667" s="613"/>
      <c r="FNB667" s="613"/>
      <c r="FNC667" s="613"/>
      <c r="FND667" s="613"/>
      <c r="FNE667" s="613"/>
      <c r="FNF667" s="613"/>
      <c r="FNG667" s="613"/>
      <c r="FNH667" s="613"/>
      <c r="FNI667" s="613"/>
      <c r="FNJ667" s="613"/>
      <c r="FNK667" s="613"/>
      <c r="FNL667" s="613"/>
      <c r="FNM667" s="613"/>
      <c r="FNN667" s="613"/>
      <c r="FNO667" s="613"/>
      <c r="FNP667" s="613"/>
      <c r="FNQ667" s="613"/>
      <c r="FNR667" s="613"/>
      <c r="FNS667" s="613"/>
      <c r="FNT667" s="613"/>
      <c r="FNU667" s="613"/>
      <c r="FNV667" s="613"/>
      <c r="FNW667" s="613"/>
      <c r="FNX667" s="613"/>
      <c r="FNY667" s="613"/>
      <c r="FNZ667" s="613"/>
      <c r="FOA667" s="613"/>
      <c r="FOB667" s="613"/>
      <c r="FOC667" s="613"/>
      <c r="FOD667" s="613"/>
      <c r="FOE667" s="613"/>
      <c r="FOF667" s="613"/>
      <c r="FOG667" s="613"/>
      <c r="FOH667" s="613"/>
      <c r="FOI667" s="613"/>
      <c r="FOJ667" s="613"/>
      <c r="FOK667" s="613"/>
      <c r="FOL667" s="613"/>
      <c r="FOM667" s="613"/>
      <c r="FON667" s="613"/>
      <c r="FOO667" s="613"/>
      <c r="FOP667" s="613"/>
      <c r="FOQ667" s="613"/>
      <c r="FOR667" s="613"/>
      <c r="FOS667" s="613"/>
      <c r="FOT667" s="613"/>
      <c r="FOU667" s="613"/>
      <c r="FOV667" s="613"/>
      <c r="FOW667" s="613"/>
      <c r="FOX667" s="613"/>
      <c r="FOY667" s="613"/>
      <c r="FOZ667" s="613"/>
      <c r="FPA667" s="613"/>
      <c r="FPB667" s="613"/>
      <c r="FPC667" s="613"/>
      <c r="FPD667" s="613"/>
      <c r="FPE667" s="613"/>
      <c r="FPF667" s="613"/>
      <c r="FPG667" s="613"/>
      <c r="FPH667" s="613"/>
      <c r="FPI667" s="613"/>
      <c r="FPJ667" s="613"/>
      <c r="FPK667" s="613"/>
      <c r="FPL667" s="613"/>
      <c r="FPM667" s="613"/>
      <c r="FPN667" s="613"/>
      <c r="FPO667" s="613"/>
      <c r="FPP667" s="613"/>
      <c r="FPQ667" s="613"/>
      <c r="FPR667" s="613"/>
      <c r="FPS667" s="613"/>
      <c r="FPT667" s="613"/>
      <c r="FPU667" s="613"/>
      <c r="FPV667" s="613"/>
      <c r="FPW667" s="613"/>
      <c r="FPX667" s="613"/>
      <c r="FPY667" s="613"/>
      <c r="FPZ667" s="613"/>
      <c r="FQA667" s="613"/>
      <c r="FQB667" s="613"/>
      <c r="FQC667" s="613"/>
      <c r="FQD667" s="613"/>
      <c r="FQE667" s="613"/>
      <c r="FQF667" s="613"/>
      <c r="FQG667" s="613"/>
      <c r="FQH667" s="613"/>
      <c r="FQI667" s="613"/>
      <c r="FQJ667" s="613"/>
      <c r="FQK667" s="613"/>
      <c r="FQL667" s="613"/>
      <c r="FQM667" s="613"/>
      <c r="FQN667" s="613"/>
      <c r="FQO667" s="613"/>
      <c r="FQP667" s="613"/>
      <c r="FQQ667" s="613"/>
      <c r="FQR667" s="613"/>
      <c r="FQS667" s="613"/>
      <c r="FQT667" s="613"/>
      <c r="FQU667" s="613"/>
      <c r="FQV667" s="613"/>
      <c r="FQW667" s="613"/>
      <c r="FQX667" s="613"/>
      <c r="FQY667" s="613"/>
      <c r="FQZ667" s="613"/>
      <c r="FRA667" s="613"/>
      <c r="FRB667" s="613"/>
      <c r="FRC667" s="613"/>
      <c r="FRD667" s="613"/>
      <c r="FRE667" s="613"/>
      <c r="FRF667" s="613"/>
      <c r="FRG667" s="613"/>
      <c r="FRH667" s="613"/>
      <c r="FRI667" s="613"/>
      <c r="FRJ667" s="613"/>
      <c r="FRK667" s="613"/>
      <c r="FRL667" s="613"/>
      <c r="FRM667" s="613"/>
      <c r="FRN667" s="613"/>
      <c r="FRO667" s="613"/>
      <c r="FRP667" s="613"/>
      <c r="FRQ667" s="613"/>
      <c r="FRR667" s="613"/>
      <c r="FRS667" s="613"/>
      <c r="FRT667" s="613"/>
      <c r="FRU667" s="613"/>
      <c r="FRV667" s="613"/>
      <c r="FRW667" s="613"/>
      <c r="FRX667" s="613"/>
      <c r="FRY667" s="613"/>
      <c r="FRZ667" s="613"/>
      <c r="FSA667" s="613"/>
      <c r="FSB667" s="613"/>
      <c r="FSC667" s="613"/>
      <c r="FSD667" s="613"/>
      <c r="FSE667" s="613"/>
      <c r="FSF667" s="613"/>
      <c r="FSG667" s="613"/>
      <c r="FSH667" s="613"/>
      <c r="FSI667" s="613"/>
      <c r="FSJ667" s="613"/>
      <c r="FSK667" s="613"/>
      <c r="FSL667" s="613"/>
      <c r="FSM667" s="613"/>
      <c r="FSN667" s="613"/>
      <c r="FSO667" s="613"/>
      <c r="FSP667" s="613"/>
      <c r="FSQ667" s="613"/>
      <c r="FSR667" s="613"/>
      <c r="FSS667" s="613"/>
      <c r="FST667" s="613"/>
      <c r="FSU667" s="613"/>
      <c r="FSV667" s="613"/>
      <c r="FSW667" s="613"/>
      <c r="FSX667" s="613"/>
      <c r="FSY667" s="613"/>
      <c r="FSZ667" s="613"/>
      <c r="FTA667" s="613"/>
      <c r="FTB667" s="613"/>
      <c r="FTC667" s="613"/>
      <c r="FTD667" s="613"/>
      <c r="FTE667" s="613"/>
      <c r="FTF667" s="613"/>
      <c r="FTG667" s="613"/>
      <c r="FTH667" s="613"/>
      <c r="FTI667" s="613"/>
      <c r="FTJ667" s="613"/>
      <c r="FTK667" s="613"/>
      <c r="FTL667" s="613"/>
      <c r="FTM667" s="613"/>
      <c r="FTN667" s="613"/>
      <c r="FTO667" s="613"/>
      <c r="FTP667" s="613"/>
      <c r="FTQ667" s="613"/>
      <c r="FTR667" s="613"/>
      <c r="FTS667" s="613"/>
      <c r="FTT667" s="613"/>
      <c r="FTU667" s="613"/>
      <c r="FTV667" s="613"/>
      <c r="FTW667" s="613"/>
      <c r="FTX667" s="613"/>
      <c r="FTY667" s="613"/>
      <c r="FTZ667" s="613"/>
      <c r="FUA667" s="613"/>
      <c r="FUB667" s="613"/>
      <c r="FUC667" s="613"/>
      <c r="FUD667" s="613"/>
      <c r="FUE667" s="613"/>
      <c r="FUF667" s="613"/>
      <c r="FUG667" s="613"/>
      <c r="FUH667" s="613"/>
      <c r="FUI667" s="613"/>
      <c r="FUJ667" s="613"/>
      <c r="FUK667" s="613"/>
      <c r="FUL667" s="613"/>
      <c r="FUM667" s="613"/>
      <c r="FUN667" s="613"/>
      <c r="FUO667" s="613"/>
      <c r="FUP667" s="613"/>
      <c r="FUQ667" s="613"/>
      <c r="FUR667" s="613"/>
      <c r="FUS667" s="613"/>
      <c r="FUT667" s="613"/>
      <c r="FUU667" s="613"/>
      <c r="FUV667" s="613"/>
      <c r="FUW667" s="613"/>
      <c r="FUX667" s="613"/>
      <c r="FUY667" s="613"/>
      <c r="FUZ667" s="613"/>
      <c r="FVA667" s="613"/>
      <c r="FVB667" s="613"/>
      <c r="FVC667" s="613"/>
      <c r="FVD667" s="613"/>
      <c r="FVE667" s="613"/>
      <c r="FVF667" s="613"/>
      <c r="FVG667" s="613"/>
      <c r="FVH667" s="613"/>
      <c r="FVI667" s="613"/>
      <c r="FVJ667" s="613"/>
      <c r="FVK667" s="613"/>
      <c r="FVL667" s="613"/>
      <c r="FVM667" s="613"/>
      <c r="FVN667" s="613"/>
      <c r="FVO667" s="613"/>
      <c r="FVP667" s="613"/>
      <c r="FVQ667" s="613"/>
      <c r="FVR667" s="613"/>
      <c r="FVS667" s="613"/>
      <c r="FVT667" s="613"/>
      <c r="FVU667" s="613"/>
      <c r="FVV667" s="613"/>
      <c r="FVW667" s="613"/>
      <c r="FVX667" s="613"/>
      <c r="FVY667" s="613"/>
      <c r="FVZ667" s="613"/>
      <c r="FWA667" s="613"/>
      <c r="FWB667" s="613"/>
      <c r="FWC667" s="613"/>
      <c r="FWD667" s="613"/>
      <c r="FWE667" s="613"/>
      <c r="FWF667" s="613"/>
      <c r="FWG667" s="613"/>
      <c r="FWH667" s="613"/>
      <c r="FWI667" s="613"/>
      <c r="FWJ667" s="613"/>
      <c r="FWK667" s="613"/>
      <c r="FWL667" s="613"/>
      <c r="FWM667" s="613"/>
      <c r="FWN667" s="613"/>
      <c r="FWO667" s="613"/>
      <c r="FWP667" s="613"/>
      <c r="FWQ667" s="613"/>
      <c r="FWR667" s="613"/>
      <c r="FWS667" s="613"/>
      <c r="FWT667" s="613"/>
      <c r="FWU667" s="613"/>
      <c r="FWV667" s="613"/>
      <c r="FWW667" s="613"/>
      <c r="FWX667" s="613"/>
      <c r="FWY667" s="613"/>
      <c r="FWZ667" s="613"/>
      <c r="FXA667" s="613"/>
      <c r="FXB667" s="613"/>
      <c r="FXC667" s="613"/>
      <c r="FXD667" s="613"/>
      <c r="FXE667" s="613"/>
      <c r="FXF667" s="613"/>
      <c r="FXG667" s="613"/>
      <c r="FXH667" s="613"/>
      <c r="FXI667" s="613"/>
      <c r="FXJ667" s="613"/>
      <c r="FXK667" s="613"/>
      <c r="FXL667" s="613"/>
      <c r="FXM667" s="613"/>
      <c r="FXN667" s="613"/>
      <c r="FXO667" s="613"/>
      <c r="FXP667" s="613"/>
      <c r="FXQ667" s="613"/>
      <c r="FXR667" s="613"/>
      <c r="FXS667" s="613"/>
      <c r="FXT667" s="613"/>
      <c r="FXU667" s="613"/>
      <c r="FXV667" s="613"/>
      <c r="FXW667" s="613"/>
      <c r="FXX667" s="613"/>
      <c r="FXY667" s="613"/>
      <c r="FXZ667" s="613"/>
      <c r="FYA667" s="613"/>
      <c r="FYB667" s="613"/>
      <c r="FYC667" s="613"/>
      <c r="FYD667" s="613"/>
      <c r="FYE667" s="613"/>
      <c r="FYF667" s="613"/>
      <c r="FYG667" s="613"/>
      <c r="FYH667" s="613"/>
      <c r="FYI667" s="613"/>
      <c r="FYJ667" s="613"/>
      <c r="FYK667" s="613"/>
      <c r="FYL667" s="613"/>
      <c r="FYM667" s="613"/>
      <c r="FYN667" s="613"/>
      <c r="FYO667" s="613"/>
      <c r="FYP667" s="613"/>
      <c r="FYQ667" s="613"/>
      <c r="FYR667" s="613"/>
      <c r="FYS667" s="613"/>
      <c r="FYT667" s="613"/>
      <c r="FYU667" s="613"/>
      <c r="FYV667" s="613"/>
      <c r="FYW667" s="613"/>
      <c r="FYX667" s="613"/>
      <c r="FYY667" s="613"/>
      <c r="FYZ667" s="613"/>
      <c r="FZA667" s="613"/>
      <c r="FZB667" s="613"/>
      <c r="FZC667" s="613"/>
      <c r="FZD667" s="613"/>
      <c r="FZE667" s="613"/>
      <c r="FZF667" s="613"/>
      <c r="FZG667" s="613"/>
      <c r="FZH667" s="613"/>
      <c r="FZI667" s="613"/>
      <c r="FZJ667" s="613"/>
      <c r="FZK667" s="613"/>
      <c r="FZL667" s="613"/>
      <c r="FZM667" s="613"/>
      <c r="FZN667" s="613"/>
      <c r="FZO667" s="613"/>
      <c r="FZP667" s="613"/>
      <c r="FZQ667" s="613"/>
      <c r="FZR667" s="613"/>
      <c r="FZS667" s="613"/>
      <c r="FZT667" s="613"/>
      <c r="FZU667" s="613"/>
      <c r="FZV667" s="613"/>
      <c r="FZW667" s="613"/>
      <c r="FZX667" s="613"/>
      <c r="FZY667" s="613"/>
      <c r="FZZ667" s="613"/>
      <c r="GAA667" s="613"/>
      <c r="GAB667" s="613"/>
      <c r="GAC667" s="613"/>
      <c r="GAD667" s="613"/>
      <c r="GAE667" s="613"/>
      <c r="GAF667" s="613"/>
      <c r="GAG667" s="613"/>
      <c r="GAH667" s="613"/>
      <c r="GAI667" s="613"/>
      <c r="GAJ667" s="613"/>
      <c r="GAK667" s="613"/>
      <c r="GAL667" s="613"/>
      <c r="GAM667" s="613"/>
      <c r="GAN667" s="613"/>
      <c r="GAO667" s="613"/>
      <c r="GAP667" s="613"/>
      <c r="GAQ667" s="613"/>
      <c r="GAR667" s="613"/>
      <c r="GAS667" s="613"/>
      <c r="GAT667" s="613"/>
      <c r="GAU667" s="613"/>
      <c r="GAV667" s="613"/>
      <c r="GAW667" s="613"/>
      <c r="GAX667" s="613"/>
      <c r="GAY667" s="613"/>
      <c r="GAZ667" s="613"/>
      <c r="GBA667" s="613"/>
      <c r="GBB667" s="613"/>
      <c r="GBC667" s="613"/>
      <c r="GBD667" s="613"/>
      <c r="GBE667" s="613"/>
      <c r="GBF667" s="613"/>
      <c r="GBG667" s="613"/>
      <c r="GBH667" s="613"/>
      <c r="GBI667" s="613"/>
      <c r="GBJ667" s="613"/>
      <c r="GBK667" s="613"/>
      <c r="GBL667" s="613"/>
      <c r="GBM667" s="613"/>
      <c r="GBN667" s="613"/>
      <c r="GBO667" s="613"/>
      <c r="GBP667" s="613"/>
      <c r="GBQ667" s="613"/>
      <c r="GBR667" s="613"/>
      <c r="GBS667" s="613"/>
      <c r="GBT667" s="613"/>
      <c r="GBU667" s="613"/>
      <c r="GBV667" s="613"/>
      <c r="GBW667" s="613"/>
      <c r="GBX667" s="613"/>
      <c r="GBY667" s="613"/>
      <c r="GBZ667" s="613"/>
      <c r="GCA667" s="613"/>
      <c r="GCB667" s="613"/>
      <c r="GCC667" s="613"/>
      <c r="GCD667" s="613"/>
      <c r="GCE667" s="613"/>
      <c r="GCF667" s="613"/>
      <c r="GCG667" s="613"/>
      <c r="GCH667" s="613"/>
      <c r="GCI667" s="613"/>
      <c r="GCJ667" s="613"/>
      <c r="GCK667" s="613"/>
      <c r="GCL667" s="613"/>
      <c r="GCM667" s="613"/>
      <c r="GCN667" s="613"/>
      <c r="GCO667" s="613"/>
      <c r="GCP667" s="613"/>
      <c r="GCQ667" s="613"/>
      <c r="GCR667" s="613"/>
      <c r="GCS667" s="613"/>
      <c r="GCT667" s="613"/>
      <c r="GCU667" s="613"/>
      <c r="GCV667" s="613"/>
      <c r="GCW667" s="613"/>
      <c r="GCX667" s="613"/>
      <c r="GCY667" s="613"/>
      <c r="GCZ667" s="613"/>
      <c r="GDA667" s="613"/>
      <c r="GDB667" s="613"/>
      <c r="GDC667" s="613"/>
      <c r="GDD667" s="613"/>
      <c r="GDE667" s="613"/>
      <c r="GDF667" s="613"/>
      <c r="GDG667" s="613"/>
      <c r="GDH667" s="613"/>
      <c r="GDI667" s="613"/>
      <c r="GDJ667" s="613"/>
      <c r="GDK667" s="613"/>
      <c r="GDL667" s="613"/>
      <c r="GDM667" s="613"/>
      <c r="GDN667" s="613"/>
      <c r="GDO667" s="613"/>
      <c r="GDP667" s="613"/>
      <c r="GDQ667" s="613"/>
      <c r="GDR667" s="613"/>
      <c r="GDS667" s="613"/>
      <c r="GDT667" s="613"/>
      <c r="GDU667" s="613"/>
      <c r="GDV667" s="613"/>
      <c r="GDW667" s="613"/>
      <c r="GDX667" s="613"/>
      <c r="GDY667" s="613"/>
      <c r="GDZ667" s="613"/>
      <c r="GEA667" s="613"/>
      <c r="GEB667" s="613"/>
      <c r="GEC667" s="613"/>
      <c r="GED667" s="613"/>
      <c r="GEE667" s="613"/>
      <c r="GEF667" s="613"/>
      <c r="GEG667" s="613"/>
      <c r="GEH667" s="613"/>
      <c r="GEI667" s="613"/>
      <c r="GEJ667" s="613"/>
      <c r="GEK667" s="613"/>
      <c r="GEL667" s="613"/>
      <c r="GEM667" s="613"/>
      <c r="GEN667" s="613"/>
      <c r="GEO667" s="613"/>
      <c r="GEP667" s="613"/>
      <c r="GEQ667" s="613"/>
      <c r="GER667" s="613"/>
      <c r="GES667" s="613"/>
      <c r="GET667" s="613"/>
      <c r="GEU667" s="613"/>
      <c r="GEV667" s="613"/>
      <c r="GEW667" s="613"/>
      <c r="GEX667" s="613"/>
      <c r="GEY667" s="613"/>
      <c r="GEZ667" s="613"/>
      <c r="GFA667" s="613"/>
      <c r="GFB667" s="613"/>
      <c r="GFC667" s="613"/>
      <c r="GFD667" s="613"/>
      <c r="GFE667" s="613"/>
      <c r="GFF667" s="613"/>
      <c r="GFG667" s="613"/>
      <c r="GFH667" s="613"/>
      <c r="GFI667" s="613"/>
      <c r="GFJ667" s="613"/>
      <c r="GFK667" s="613"/>
      <c r="GFL667" s="613"/>
      <c r="GFM667" s="613"/>
      <c r="GFN667" s="613"/>
      <c r="GFO667" s="613"/>
      <c r="GFP667" s="613"/>
      <c r="GFQ667" s="613"/>
      <c r="GFR667" s="613"/>
      <c r="GFS667" s="613"/>
      <c r="GFT667" s="613"/>
      <c r="GFU667" s="613"/>
      <c r="GFV667" s="613"/>
      <c r="GFW667" s="613"/>
      <c r="GFX667" s="613"/>
      <c r="GFY667" s="613"/>
      <c r="GFZ667" s="613"/>
      <c r="GGA667" s="613"/>
      <c r="GGB667" s="613"/>
      <c r="GGC667" s="613"/>
      <c r="GGD667" s="613"/>
      <c r="GGE667" s="613"/>
      <c r="GGF667" s="613"/>
      <c r="GGG667" s="613"/>
      <c r="GGH667" s="613"/>
      <c r="GGI667" s="613"/>
      <c r="GGJ667" s="613"/>
      <c r="GGK667" s="613"/>
      <c r="GGL667" s="613"/>
      <c r="GGM667" s="613"/>
      <c r="GGN667" s="613"/>
      <c r="GGO667" s="613"/>
      <c r="GGP667" s="613"/>
      <c r="GGQ667" s="613"/>
      <c r="GGR667" s="613"/>
      <c r="GGS667" s="613"/>
      <c r="GGT667" s="613"/>
      <c r="GGU667" s="613"/>
      <c r="GGV667" s="613"/>
      <c r="GGW667" s="613"/>
      <c r="GGX667" s="613"/>
      <c r="GGY667" s="613"/>
      <c r="GGZ667" s="613"/>
      <c r="GHA667" s="613"/>
      <c r="GHB667" s="613"/>
      <c r="GHC667" s="613"/>
      <c r="GHD667" s="613"/>
      <c r="GHE667" s="613"/>
      <c r="GHF667" s="613"/>
      <c r="GHG667" s="613"/>
      <c r="GHH667" s="613"/>
      <c r="GHI667" s="613"/>
      <c r="GHJ667" s="613"/>
      <c r="GHK667" s="613"/>
      <c r="GHL667" s="613"/>
      <c r="GHM667" s="613"/>
      <c r="GHN667" s="613"/>
      <c r="GHO667" s="613"/>
      <c r="GHP667" s="613"/>
      <c r="GHQ667" s="613"/>
      <c r="GHR667" s="613"/>
      <c r="GHS667" s="613"/>
      <c r="GHT667" s="613"/>
      <c r="GHU667" s="613"/>
      <c r="GHV667" s="613"/>
      <c r="GHW667" s="613"/>
      <c r="GHX667" s="613"/>
      <c r="GHY667" s="613"/>
      <c r="GHZ667" s="613"/>
      <c r="GIA667" s="613"/>
      <c r="GIB667" s="613"/>
      <c r="GIC667" s="613"/>
      <c r="GID667" s="613"/>
      <c r="GIE667" s="613"/>
      <c r="GIF667" s="613"/>
      <c r="GIG667" s="613"/>
      <c r="GIH667" s="613"/>
      <c r="GII667" s="613"/>
      <c r="GIJ667" s="613"/>
      <c r="GIK667" s="613"/>
      <c r="GIL667" s="613"/>
      <c r="GIM667" s="613"/>
      <c r="GIN667" s="613"/>
      <c r="GIO667" s="613"/>
      <c r="GIP667" s="613"/>
      <c r="GIQ667" s="613"/>
      <c r="GIR667" s="613"/>
      <c r="GIS667" s="613"/>
      <c r="GIT667" s="613"/>
      <c r="GIU667" s="613"/>
      <c r="GIV667" s="613"/>
      <c r="GIW667" s="613"/>
      <c r="GIX667" s="613"/>
      <c r="GIY667" s="613"/>
      <c r="GIZ667" s="613"/>
      <c r="GJA667" s="613"/>
      <c r="GJB667" s="613"/>
      <c r="GJC667" s="613"/>
      <c r="GJD667" s="613"/>
      <c r="GJE667" s="613"/>
      <c r="GJF667" s="613"/>
      <c r="GJG667" s="613"/>
      <c r="GJH667" s="613"/>
      <c r="GJI667" s="613"/>
      <c r="GJJ667" s="613"/>
      <c r="GJK667" s="613"/>
      <c r="GJL667" s="613"/>
      <c r="GJM667" s="613"/>
      <c r="GJN667" s="613"/>
      <c r="GJO667" s="613"/>
      <c r="GJP667" s="613"/>
      <c r="GJQ667" s="613"/>
      <c r="GJR667" s="613"/>
      <c r="GJS667" s="613"/>
      <c r="GJT667" s="613"/>
      <c r="GJU667" s="613"/>
      <c r="GJV667" s="613"/>
      <c r="GJW667" s="613"/>
      <c r="GJX667" s="613"/>
      <c r="GJY667" s="613"/>
      <c r="GJZ667" s="613"/>
      <c r="GKA667" s="613"/>
      <c r="GKB667" s="613"/>
      <c r="GKC667" s="613"/>
      <c r="GKD667" s="613"/>
      <c r="GKE667" s="613"/>
      <c r="GKF667" s="613"/>
      <c r="GKG667" s="613"/>
      <c r="GKH667" s="613"/>
      <c r="GKI667" s="613"/>
      <c r="GKJ667" s="613"/>
      <c r="GKK667" s="613"/>
      <c r="GKL667" s="613"/>
      <c r="GKM667" s="613"/>
      <c r="GKN667" s="613"/>
      <c r="GKO667" s="613"/>
      <c r="GKP667" s="613"/>
      <c r="GKQ667" s="613"/>
      <c r="GKR667" s="613"/>
      <c r="GKS667" s="613"/>
      <c r="GKT667" s="613"/>
      <c r="GKU667" s="613"/>
      <c r="GKV667" s="613"/>
      <c r="GKW667" s="613"/>
      <c r="GKX667" s="613"/>
      <c r="GKY667" s="613"/>
      <c r="GKZ667" s="613"/>
      <c r="GLA667" s="613"/>
      <c r="GLB667" s="613"/>
      <c r="GLC667" s="613"/>
      <c r="GLD667" s="613"/>
      <c r="GLE667" s="613"/>
      <c r="GLF667" s="613"/>
      <c r="GLG667" s="613"/>
      <c r="GLH667" s="613"/>
      <c r="GLI667" s="613"/>
      <c r="GLJ667" s="613"/>
      <c r="GLK667" s="613"/>
      <c r="GLL667" s="613"/>
      <c r="GLM667" s="613"/>
      <c r="GLN667" s="613"/>
      <c r="GLO667" s="613"/>
      <c r="GLP667" s="613"/>
      <c r="GLQ667" s="613"/>
      <c r="GLR667" s="613"/>
      <c r="GLS667" s="613"/>
      <c r="GLT667" s="613"/>
      <c r="GLU667" s="613"/>
      <c r="GLV667" s="613"/>
      <c r="GLW667" s="613"/>
      <c r="GLX667" s="613"/>
      <c r="GLY667" s="613"/>
      <c r="GLZ667" s="613"/>
      <c r="GMA667" s="613"/>
      <c r="GMB667" s="613"/>
      <c r="GMC667" s="613"/>
      <c r="GMD667" s="613"/>
      <c r="GME667" s="613"/>
      <c r="GMF667" s="613"/>
      <c r="GMG667" s="613"/>
      <c r="GMH667" s="613"/>
      <c r="GMI667" s="613"/>
      <c r="GMJ667" s="613"/>
      <c r="GMK667" s="613"/>
      <c r="GML667" s="613"/>
      <c r="GMM667" s="613"/>
      <c r="GMN667" s="613"/>
      <c r="GMO667" s="613"/>
      <c r="GMP667" s="613"/>
      <c r="GMQ667" s="613"/>
      <c r="GMR667" s="613"/>
      <c r="GMS667" s="613"/>
      <c r="GMT667" s="613"/>
      <c r="GMU667" s="613"/>
      <c r="GMV667" s="613"/>
      <c r="GMW667" s="613"/>
      <c r="GMX667" s="613"/>
      <c r="GMY667" s="613"/>
      <c r="GMZ667" s="613"/>
      <c r="GNA667" s="613"/>
      <c r="GNB667" s="613"/>
      <c r="GNC667" s="613"/>
      <c r="GND667" s="613"/>
      <c r="GNE667" s="613"/>
      <c r="GNF667" s="613"/>
      <c r="GNG667" s="613"/>
      <c r="GNH667" s="613"/>
      <c r="GNI667" s="613"/>
      <c r="GNJ667" s="613"/>
      <c r="GNK667" s="613"/>
      <c r="GNL667" s="613"/>
      <c r="GNM667" s="613"/>
      <c r="GNN667" s="613"/>
      <c r="GNO667" s="613"/>
      <c r="GNP667" s="613"/>
      <c r="GNQ667" s="613"/>
      <c r="GNR667" s="613"/>
      <c r="GNS667" s="613"/>
      <c r="GNT667" s="613"/>
      <c r="GNU667" s="613"/>
      <c r="GNV667" s="613"/>
      <c r="GNW667" s="613"/>
      <c r="GNX667" s="613"/>
      <c r="GNY667" s="613"/>
      <c r="GNZ667" s="613"/>
      <c r="GOA667" s="613"/>
      <c r="GOB667" s="613"/>
      <c r="GOC667" s="613"/>
      <c r="GOD667" s="613"/>
      <c r="GOE667" s="613"/>
      <c r="GOF667" s="613"/>
      <c r="GOG667" s="613"/>
      <c r="GOH667" s="613"/>
      <c r="GOI667" s="613"/>
      <c r="GOJ667" s="613"/>
      <c r="GOK667" s="613"/>
      <c r="GOL667" s="613"/>
      <c r="GOM667" s="613"/>
      <c r="GON667" s="613"/>
      <c r="GOO667" s="613"/>
      <c r="GOP667" s="613"/>
      <c r="GOQ667" s="613"/>
      <c r="GOR667" s="613"/>
      <c r="GOS667" s="613"/>
      <c r="GOT667" s="613"/>
      <c r="GOU667" s="613"/>
      <c r="GOV667" s="613"/>
      <c r="GOW667" s="613"/>
      <c r="GOX667" s="613"/>
      <c r="GOY667" s="613"/>
      <c r="GOZ667" s="613"/>
      <c r="GPA667" s="613"/>
      <c r="GPB667" s="613"/>
      <c r="GPC667" s="613"/>
      <c r="GPD667" s="613"/>
      <c r="GPE667" s="613"/>
      <c r="GPF667" s="613"/>
      <c r="GPG667" s="613"/>
      <c r="GPH667" s="613"/>
      <c r="GPI667" s="613"/>
      <c r="GPJ667" s="613"/>
      <c r="GPK667" s="613"/>
      <c r="GPL667" s="613"/>
      <c r="GPM667" s="613"/>
      <c r="GPN667" s="613"/>
      <c r="GPO667" s="613"/>
      <c r="GPP667" s="613"/>
      <c r="GPQ667" s="613"/>
      <c r="GPR667" s="613"/>
      <c r="GPS667" s="613"/>
      <c r="GPT667" s="613"/>
      <c r="GPU667" s="613"/>
      <c r="GPV667" s="613"/>
      <c r="GPW667" s="613"/>
      <c r="GPX667" s="613"/>
      <c r="GPY667" s="613"/>
      <c r="GPZ667" s="613"/>
      <c r="GQA667" s="613"/>
      <c r="GQB667" s="613"/>
      <c r="GQC667" s="613"/>
      <c r="GQD667" s="613"/>
      <c r="GQE667" s="613"/>
      <c r="GQF667" s="613"/>
      <c r="GQG667" s="613"/>
      <c r="GQH667" s="613"/>
      <c r="GQI667" s="613"/>
      <c r="GQJ667" s="613"/>
      <c r="GQK667" s="613"/>
      <c r="GQL667" s="613"/>
      <c r="GQM667" s="613"/>
      <c r="GQN667" s="613"/>
      <c r="GQO667" s="613"/>
      <c r="GQP667" s="613"/>
      <c r="GQQ667" s="613"/>
      <c r="GQR667" s="613"/>
      <c r="GQS667" s="613"/>
      <c r="GQT667" s="613"/>
      <c r="GQU667" s="613"/>
      <c r="GQV667" s="613"/>
      <c r="GQW667" s="613"/>
      <c r="GQX667" s="613"/>
      <c r="GQY667" s="613"/>
      <c r="GQZ667" s="613"/>
      <c r="GRA667" s="613"/>
      <c r="GRB667" s="613"/>
      <c r="GRC667" s="613"/>
      <c r="GRD667" s="613"/>
      <c r="GRE667" s="613"/>
      <c r="GRF667" s="613"/>
      <c r="GRG667" s="613"/>
      <c r="GRH667" s="613"/>
      <c r="GRI667" s="613"/>
      <c r="GRJ667" s="613"/>
      <c r="GRK667" s="613"/>
      <c r="GRL667" s="613"/>
      <c r="GRM667" s="613"/>
      <c r="GRN667" s="613"/>
      <c r="GRO667" s="613"/>
      <c r="GRP667" s="613"/>
      <c r="GRQ667" s="613"/>
      <c r="GRR667" s="613"/>
      <c r="GRS667" s="613"/>
      <c r="GRT667" s="613"/>
      <c r="GRU667" s="613"/>
      <c r="GRV667" s="613"/>
      <c r="GRW667" s="613"/>
      <c r="GRX667" s="613"/>
      <c r="GRY667" s="613"/>
      <c r="GRZ667" s="613"/>
      <c r="GSA667" s="613"/>
      <c r="GSB667" s="613"/>
      <c r="GSC667" s="613"/>
      <c r="GSD667" s="613"/>
      <c r="GSE667" s="613"/>
      <c r="GSF667" s="613"/>
      <c r="GSG667" s="613"/>
      <c r="GSH667" s="613"/>
      <c r="GSI667" s="613"/>
      <c r="GSJ667" s="613"/>
      <c r="GSK667" s="613"/>
      <c r="GSL667" s="613"/>
      <c r="GSM667" s="613"/>
      <c r="GSN667" s="613"/>
      <c r="GSO667" s="613"/>
      <c r="GSP667" s="613"/>
      <c r="GSQ667" s="613"/>
      <c r="GSR667" s="613"/>
      <c r="GSS667" s="613"/>
      <c r="GST667" s="613"/>
      <c r="GSU667" s="613"/>
      <c r="GSV667" s="613"/>
      <c r="GSW667" s="613"/>
      <c r="GSX667" s="613"/>
      <c r="GSY667" s="613"/>
      <c r="GSZ667" s="613"/>
      <c r="GTA667" s="613"/>
      <c r="GTB667" s="613"/>
      <c r="GTC667" s="613"/>
      <c r="GTD667" s="613"/>
      <c r="GTE667" s="613"/>
      <c r="GTF667" s="613"/>
      <c r="GTG667" s="613"/>
      <c r="GTH667" s="613"/>
      <c r="GTI667" s="613"/>
      <c r="GTJ667" s="613"/>
      <c r="GTK667" s="613"/>
      <c r="GTL667" s="613"/>
      <c r="GTM667" s="613"/>
      <c r="GTN667" s="613"/>
      <c r="GTO667" s="613"/>
      <c r="GTP667" s="613"/>
      <c r="GTQ667" s="613"/>
      <c r="GTR667" s="613"/>
      <c r="GTS667" s="613"/>
      <c r="GTT667" s="613"/>
      <c r="GTU667" s="613"/>
      <c r="GTV667" s="613"/>
      <c r="GTW667" s="613"/>
      <c r="GTX667" s="613"/>
      <c r="GTY667" s="613"/>
      <c r="GTZ667" s="613"/>
      <c r="GUA667" s="613"/>
      <c r="GUB667" s="613"/>
      <c r="GUC667" s="613"/>
      <c r="GUD667" s="613"/>
      <c r="GUE667" s="613"/>
      <c r="GUF667" s="613"/>
      <c r="GUG667" s="613"/>
      <c r="GUH667" s="613"/>
      <c r="GUI667" s="613"/>
      <c r="GUJ667" s="613"/>
      <c r="GUK667" s="613"/>
      <c r="GUL667" s="613"/>
      <c r="GUM667" s="613"/>
      <c r="GUN667" s="613"/>
      <c r="GUO667" s="613"/>
      <c r="GUP667" s="613"/>
      <c r="GUQ667" s="613"/>
      <c r="GUR667" s="613"/>
      <c r="GUS667" s="613"/>
      <c r="GUT667" s="613"/>
      <c r="GUU667" s="613"/>
      <c r="GUV667" s="613"/>
      <c r="GUW667" s="613"/>
      <c r="GUX667" s="613"/>
      <c r="GUY667" s="613"/>
      <c r="GUZ667" s="613"/>
      <c r="GVA667" s="613"/>
      <c r="GVB667" s="613"/>
      <c r="GVC667" s="613"/>
      <c r="GVD667" s="613"/>
      <c r="GVE667" s="613"/>
      <c r="GVF667" s="613"/>
      <c r="GVG667" s="613"/>
      <c r="GVH667" s="613"/>
      <c r="GVI667" s="613"/>
      <c r="GVJ667" s="613"/>
      <c r="GVK667" s="613"/>
      <c r="GVL667" s="613"/>
      <c r="GVM667" s="613"/>
      <c r="GVN667" s="613"/>
      <c r="GVO667" s="613"/>
      <c r="GVP667" s="613"/>
      <c r="GVQ667" s="613"/>
      <c r="GVR667" s="613"/>
      <c r="GVS667" s="613"/>
      <c r="GVT667" s="613"/>
      <c r="GVU667" s="613"/>
      <c r="GVV667" s="613"/>
      <c r="GVW667" s="613"/>
      <c r="GVX667" s="613"/>
      <c r="GVY667" s="613"/>
      <c r="GVZ667" s="613"/>
      <c r="GWA667" s="613"/>
      <c r="GWB667" s="613"/>
      <c r="GWC667" s="613"/>
      <c r="GWD667" s="613"/>
      <c r="GWE667" s="613"/>
      <c r="GWF667" s="613"/>
      <c r="GWG667" s="613"/>
      <c r="GWH667" s="613"/>
      <c r="GWI667" s="613"/>
      <c r="GWJ667" s="613"/>
      <c r="GWK667" s="613"/>
      <c r="GWL667" s="613"/>
      <c r="GWM667" s="613"/>
      <c r="GWN667" s="613"/>
      <c r="GWO667" s="613"/>
      <c r="GWP667" s="613"/>
      <c r="GWQ667" s="613"/>
      <c r="GWR667" s="613"/>
      <c r="GWS667" s="613"/>
      <c r="GWT667" s="613"/>
      <c r="GWU667" s="613"/>
      <c r="GWV667" s="613"/>
      <c r="GWW667" s="613"/>
      <c r="GWX667" s="613"/>
      <c r="GWY667" s="613"/>
      <c r="GWZ667" s="613"/>
      <c r="GXA667" s="613"/>
      <c r="GXB667" s="613"/>
      <c r="GXC667" s="613"/>
      <c r="GXD667" s="613"/>
      <c r="GXE667" s="613"/>
      <c r="GXF667" s="613"/>
      <c r="GXG667" s="613"/>
      <c r="GXH667" s="613"/>
      <c r="GXI667" s="613"/>
      <c r="GXJ667" s="613"/>
      <c r="GXK667" s="613"/>
      <c r="GXL667" s="613"/>
      <c r="GXM667" s="613"/>
      <c r="GXN667" s="613"/>
      <c r="GXO667" s="613"/>
      <c r="GXP667" s="613"/>
      <c r="GXQ667" s="613"/>
      <c r="GXR667" s="613"/>
      <c r="GXS667" s="613"/>
      <c r="GXT667" s="613"/>
      <c r="GXU667" s="613"/>
      <c r="GXV667" s="613"/>
      <c r="GXW667" s="613"/>
      <c r="GXX667" s="613"/>
      <c r="GXY667" s="613"/>
      <c r="GXZ667" s="613"/>
      <c r="GYA667" s="613"/>
      <c r="GYB667" s="613"/>
      <c r="GYC667" s="613"/>
      <c r="GYD667" s="613"/>
      <c r="GYE667" s="613"/>
      <c r="GYF667" s="613"/>
      <c r="GYG667" s="613"/>
      <c r="GYH667" s="613"/>
      <c r="GYI667" s="613"/>
      <c r="GYJ667" s="613"/>
      <c r="GYK667" s="613"/>
      <c r="GYL667" s="613"/>
      <c r="GYM667" s="613"/>
      <c r="GYN667" s="613"/>
      <c r="GYO667" s="613"/>
      <c r="GYP667" s="613"/>
      <c r="GYQ667" s="613"/>
      <c r="GYR667" s="613"/>
      <c r="GYS667" s="613"/>
      <c r="GYT667" s="613"/>
      <c r="GYU667" s="613"/>
      <c r="GYV667" s="613"/>
      <c r="GYW667" s="613"/>
      <c r="GYX667" s="613"/>
      <c r="GYY667" s="613"/>
      <c r="GYZ667" s="613"/>
      <c r="GZA667" s="613"/>
      <c r="GZB667" s="613"/>
      <c r="GZC667" s="613"/>
      <c r="GZD667" s="613"/>
      <c r="GZE667" s="613"/>
      <c r="GZF667" s="613"/>
      <c r="GZG667" s="613"/>
      <c r="GZH667" s="613"/>
      <c r="GZI667" s="613"/>
      <c r="GZJ667" s="613"/>
      <c r="GZK667" s="613"/>
      <c r="GZL667" s="613"/>
      <c r="GZM667" s="613"/>
      <c r="GZN667" s="613"/>
      <c r="GZO667" s="613"/>
      <c r="GZP667" s="613"/>
      <c r="GZQ667" s="613"/>
      <c r="GZR667" s="613"/>
      <c r="GZS667" s="613"/>
      <c r="GZT667" s="613"/>
      <c r="GZU667" s="613"/>
      <c r="GZV667" s="613"/>
      <c r="GZW667" s="613"/>
      <c r="GZX667" s="613"/>
      <c r="GZY667" s="613"/>
      <c r="GZZ667" s="613"/>
      <c r="HAA667" s="613"/>
      <c r="HAB667" s="613"/>
      <c r="HAC667" s="613"/>
      <c r="HAD667" s="613"/>
      <c r="HAE667" s="613"/>
      <c r="HAF667" s="613"/>
      <c r="HAG667" s="613"/>
      <c r="HAH667" s="613"/>
      <c r="HAI667" s="613"/>
      <c r="HAJ667" s="613"/>
      <c r="HAK667" s="613"/>
      <c r="HAL667" s="613"/>
      <c r="HAM667" s="613"/>
      <c r="HAN667" s="613"/>
      <c r="HAO667" s="613"/>
      <c r="HAP667" s="613"/>
      <c r="HAQ667" s="613"/>
      <c r="HAR667" s="613"/>
      <c r="HAS667" s="613"/>
      <c r="HAT667" s="613"/>
      <c r="HAU667" s="613"/>
      <c r="HAV667" s="613"/>
      <c r="HAW667" s="613"/>
      <c r="HAX667" s="613"/>
      <c r="HAY667" s="613"/>
      <c r="HAZ667" s="613"/>
      <c r="HBA667" s="613"/>
      <c r="HBB667" s="613"/>
      <c r="HBC667" s="613"/>
      <c r="HBD667" s="613"/>
      <c r="HBE667" s="613"/>
      <c r="HBF667" s="613"/>
      <c r="HBG667" s="613"/>
      <c r="HBH667" s="613"/>
      <c r="HBI667" s="613"/>
      <c r="HBJ667" s="613"/>
      <c r="HBK667" s="613"/>
      <c r="HBL667" s="613"/>
      <c r="HBM667" s="613"/>
      <c r="HBN667" s="613"/>
      <c r="HBO667" s="613"/>
      <c r="HBP667" s="613"/>
      <c r="HBQ667" s="613"/>
      <c r="HBR667" s="613"/>
      <c r="HBS667" s="613"/>
      <c r="HBT667" s="613"/>
      <c r="HBU667" s="613"/>
      <c r="HBV667" s="613"/>
      <c r="HBW667" s="613"/>
      <c r="HBX667" s="613"/>
      <c r="HBY667" s="613"/>
      <c r="HBZ667" s="613"/>
      <c r="HCA667" s="613"/>
      <c r="HCB667" s="613"/>
      <c r="HCC667" s="613"/>
      <c r="HCD667" s="613"/>
      <c r="HCE667" s="613"/>
      <c r="HCF667" s="613"/>
      <c r="HCG667" s="613"/>
      <c r="HCH667" s="613"/>
      <c r="HCI667" s="613"/>
      <c r="HCJ667" s="613"/>
      <c r="HCK667" s="613"/>
      <c r="HCL667" s="613"/>
      <c r="HCM667" s="613"/>
      <c r="HCN667" s="613"/>
      <c r="HCO667" s="613"/>
      <c r="HCP667" s="613"/>
      <c r="HCQ667" s="613"/>
      <c r="HCR667" s="613"/>
      <c r="HCS667" s="613"/>
      <c r="HCT667" s="613"/>
      <c r="HCU667" s="613"/>
      <c r="HCV667" s="613"/>
      <c r="HCW667" s="613"/>
      <c r="HCX667" s="613"/>
      <c r="HCY667" s="613"/>
      <c r="HCZ667" s="613"/>
      <c r="HDA667" s="613"/>
      <c r="HDB667" s="613"/>
      <c r="HDC667" s="613"/>
      <c r="HDD667" s="613"/>
      <c r="HDE667" s="613"/>
      <c r="HDF667" s="613"/>
      <c r="HDG667" s="613"/>
      <c r="HDH667" s="613"/>
      <c r="HDI667" s="613"/>
      <c r="HDJ667" s="613"/>
      <c r="HDK667" s="613"/>
      <c r="HDL667" s="613"/>
      <c r="HDM667" s="613"/>
      <c r="HDN667" s="613"/>
      <c r="HDO667" s="613"/>
      <c r="HDP667" s="613"/>
      <c r="HDQ667" s="613"/>
      <c r="HDR667" s="613"/>
      <c r="HDS667" s="613"/>
      <c r="HDT667" s="613"/>
      <c r="HDU667" s="613"/>
      <c r="HDV667" s="613"/>
      <c r="HDW667" s="613"/>
      <c r="HDX667" s="613"/>
      <c r="HDY667" s="613"/>
      <c r="HDZ667" s="613"/>
      <c r="HEA667" s="613"/>
      <c r="HEB667" s="613"/>
      <c r="HEC667" s="613"/>
      <c r="HED667" s="613"/>
      <c r="HEE667" s="613"/>
      <c r="HEF667" s="613"/>
      <c r="HEG667" s="613"/>
      <c r="HEH667" s="613"/>
      <c r="HEI667" s="613"/>
      <c r="HEJ667" s="613"/>
      <c r="HEK667" s="613"/>
      <c r="HEL667" s="613"/>
      <c r="HEM667" s="613"/>
      <c r="HEN667" s="613"/>
      <c r="HEO667" s="613"/>
      <c r="HEP667" s="613"/>
      <c r="HEQ667" s="613"/>
      <c r="HER667" s="613"/>
      <c r="HES667" s="613"/>
      <c r="HET667" s="613"/>
      <c r="HEU667" s="613"/>
      <c r="HEV667" s="613"/>
      <c r="HEW667" s="613"/>
      <c r="HEX667" s="613"/>
      <c r="HEY667" s="613"/>
      <c r="HEZ667" s="613"/>
      <c r="HFA667" s="613"/>
      <c r="HFB667" s="613"/>
      <c r="HFC667" s="613"/>
      <c r="HFD667" s="613"/>
      <c r="HFE667" s="613"/>
      <c r="HFF667" s="613"/>
      <c r="HFG667" s="613"/>
      <c r="HFH667" s="613"/>
      <c r="HFI667" s="613"/>
      <c r="HFJ667" s="613"/>
      <c r="HFK667" s="613"/>
      <c r="HFL667" s="613"/>
      <c r="HFM667" s="613"/>
      <c r="HFN667" s="613"/>
      <c r="HFO667" s="613"/>
      <c r="HFP667" s="613"/>
      <c r="HFQ667" s="613"/>
      <c r="HFR667" s="613"/>
      <c r="HFS667" s="613"/>
      <c r="HFT667" s="613"/>
      <c r="HFU667" s="613"/>
      <c r="HFV667" s="613"/>
      <c r="HFW667" s="613"/>
      <c r="HFX667" s="613"/>
      <c r="HFY667" s="613"/>
      <c r="HFZ667" s="613"/>
      <c r="HGA667" s="613"/>
      <c r="HGB667" s="613"/>
      <c r="HGC667" s="613"/>
      <c r="HGD667" s="613"/>
      <c r="HGE667" s="613"/>
      <c r="HGF667" s="613"/>
      <c r="HGG667" s="613"/>
      <c r="HGH667" s="613"/>
      <c r="HGI667" s="613"/>
      <c r="HGJ667" s="613"/>
      <c r="HGK667" s="613"/>
      <c r="HGL667" s="613"/>
      <c r="HGM667" s="613"/>
      <c r="HGN667" s="613"/>
      <c r="HGO667" s="613"/>
      <c r="HGP667" s="613"/>
      <c r="HGQ667" s="613"/>
      <c r="HGR667" s="613"/>
      <c r="HGS667" s="613"/>
      <c r="HGT667" s="613"/>
      <c r="HGU667" s="613"/>
      <c r="HGV667" s="613"/>
      <c r="HGW667" s="613"/>
      <c r="HGX667" s="613"/>
      <c r="HGY667" s="613"/>
      <c r="HGZ667" s="613"/>
      <c r="HHA667" s="613"/>
      <c r="HHB667" s="613"/>
      <c r="HHC667" s="613"/>
      <c r="HHD667" s="613"/>
      <c r="HHE667" s="613"/>
      <c r="HHF667" s="613"/>
      <c r="HHG667" s="613"/>
      <c r="HHH667" s="613"/>
      <c r="HHI667" s="613"/>
      <c r="HHJ667" s="613"/>
      <c r="HHK667" s="613"/>
      <c r="HHL667" s="613"/>
      <c r="HHM667" s="613"/>
      <c r="HHN667" s="613"/>
      <c r="HHO667" s="613"/>
      <c r="HHP667" s="613"/>
      <c r="HHQ667" s="613"/>
      <c r="HHR667" s="613"/>
      <c r="HHS667" s="613"/>
      <c r="HHT667" s="613"/>
      <c r="HHU667" s="613"/>
      <c r="HHV667" s="613"/>
      <c r="HHW667" s="613"/>
      <c r="HHX667" s="613"/>
      <c r="HHY667" s="613"/>
      <c r="HHZ667" s="613"/>
      <c r="HIA667" s="613"/>
      <c r="HIB667" s="613"/>
      <c r="HIC667" s="613"/>
      <c r="HID667" s="613"/>
      <c r="HIE667" s="613"/>
      <c r="HIF667" s="613"/>
      <c r="HIG667" s="613"/>
      <c r="HIH667" s="613"/>
      <c r="HII667" s="613"/>
      <c r="HIJ667" s="613"/>
      <c r="HIK667" s="613"/>
      <c r="HIL667" s="613"/>
      <c r="HIM667" s="613"/>
      <c r="HIN667" s="613"/>
      <c r="HIO667" s="613"/>
      <c r="HIP667" s="613"/>
      <c r="HIQ667" s="613"/>
      <c r="HIR667" s="613"/>
      <c r="HIS667" s="613"/>
      <c r="HIT667" s="613"/>
      <c r="HIU667" s="613"/>
      <c r="HIV667" s="613"/>
      <c r="HIW667" s="613"/>
      <c r="HIX667" s="613"/>
      <c r="HIY667" s="613"/>
      <c r="HIZ667" s="613"/>
      <c r="HJA667" s="613"/>
      <c r="HJB667" s="613"/>
      <c r="HJC667" s="613"/>
      <c r="HJD667" s="613"/>
      <c r="HJE667" s="613"/>
      <c r="HJF667" s="613"/>
      <c r="HJG667" s="613"/>
      <c r="HJH667" s="613"/>
      <c r="HJI667" s="613"/>
      <c r="HJJ667" s="613"/>
      <c r="HJK667" s="613"/>
      <c r="HJL667" s="613"/>
      <c r="HJM667" s="613"/>
      <c r="HJN667" s="613"/>
      <c r="HJO667" s="613"/>
      <c r="HJP667" s="613"/>
      <c r="HJQ667" s="613"/>
      <c r="HJR667" s="613"/>
      <c r="HJS667" s="613"/>
      <c r="HJT667" s="613"/>
      <c r="HJU667" s="613"/>
      <c r="HJV667" s="613"/>
      <c r="HJW667" s="613"/>
      <c r="HJX667" s="613"/>
      <c r="HJY667" s="613"/>
      <c r="HJZ667" s="613"/>
      <c r="HKA667" s="613"/>
      <c r="HKB667" s="613"/>
      <c r="HKC667" s="613"/>
      <c r="HKD667" s="613"/>
      <c r="HKE667" s="613"/>
      <c r="HKF667" s="613"/>
      <c r="HKG667" s="613"/>
      <c r="HKH667" s="613"/>
      <c r="HKI667" s="613"/>
      <c r="HKJ667" s="613"/>
      <c r="HKK667" s="613"/>
      <c r="HKL667" s="613"/>
      <c r="HKM667" s="613"/>
      <c r="HKN667" s="613"/>
      <c r="HKO667" s="613"/>
      <c r="HKP667" s="613"/>
      <c r="HKQ667" s="613"/>
      <c r="HKR667" s="613"/>
      <c r="HKS667" s="613"/>
      <c r="HKT667" s="613"/>
      <c r="HKU667" s="613"/>
      <c r="HKV667" s="613"/>
      <c r="HKW667" s="613"/>
      <c r="HKX667" s="613"/>
      <c r="HKY667" s="613"/>
      <c r="HKZ667" s="613"/>
      <c r="HLA667" s="613"/>
      <c r="HLB667" s="613"/>
      <c r="HLC667" s="613"/>
      <c r="HLD667" s="613"/>
      <c r="HLE667" s="613"/>
      <c r="HLF667" s="613"/>
      <c r="HLG667" s="613"/>
      <c r="HLH667" s="613"/>
      <c r="HLI667" s="613"/>
      <c r="HLJ667" s="613"/>
      <c r="HLK667" s="613"/>
      <c r="HLL667" s="613"/>
      <c r="HLM667" s="613"/>
      <c r="HLN667" s="613"/>
      <c r="HLO667" s="613"/>
      <c r="HLP667" s="613"/>
      <c r="HLQ667" s="613"/>
      <c r="HLR667" s="613"/>
      <c r="HLS667" s="613"/>
      <c r="HLT667" s="613"/>
      <c r="HLU667" s="613"/>
      <c r="HLV667" s="613"/>
      <c r="HLW667" s="613"/>
      <c r="HLX667" s="613"/>
      <c r="HLY667" s="613"/>
      <c r="HLZ667" s="613"/>
      <c r="HMA667" s="613"/>
      <c r="HMB667" s="613"/>
      <c r="HMC667" s="613"/>
      <c r="HMD667" s="613"/>
      <c r="HME667" s="613"/>
      <c r="HMF667" s="613"/>
      <c r="HMG667" s="613"/>
      <c r="HMH667" s="613"/>
      <c r="HMI667" s="613"/>
      <c r="HMJ667" s="613"/>
      <c r="HMK667" s="613"/>
      <c r="HML667" s="613"/>
      <c r="HMM667" s="613"/>
      <c r="HMN667" s="613"/>
      <c r="HMO667" s="613"/>
      <c r="HMP667" s="613"/>
      <c r="HMQ667" s="613"/>
      <c r="HMR667" s="613"/>
      <c r="HMS667" s="613"/>
      <c r="HMT667" s="613"/>
      <c r="HMU667" s="613"/>
      <c r="HMV667" s="613"/>
      <c r="HMW667" s="613"/>
      <c r="HMX667" s="613"/>
      <c r="HMY667" s="613"/>
      <c r="HMZ667" s="613"/>
      <c r="HNA667" s="613"/>
      <c r="HNB667" s="613"/>
      <c r="HNC667" s="613"/>
      <c r="HND667" s="613"/>
      <c r="HNE667" s="613"/>
      <c r="HNF667" s="613"/>
      <c r="HNG667" s="613"/>
      <c r="HNH667" s="613"/>
      <c r="HNI667" s="613"/>
      <c r="HNJ667" s="613"/>
      <c r="HNK667" s="613"/>
      <c r="HNL667" s="613"/>
      <c r="HNM667" s="613"/>
      <c r="HNN667" s="613"/>
      <c r="HNO667" s="613"/>
      <c r="HNP667" s="613"/>
      <c r="HNQ667" s="613"/>
      <c r="HNR667" s="613"/>
      <c r="HNS667" s="613"/>
      <c r="HNT667" s="613"/>
      <c r="HNU667" s="613"/>
      <c r="HNV667" s="613"/>
      <c r="HNW667" s="613"/>
      <c r="HNX667" s="613"/>
      <c r="HNY667" s="613"/>
      <c r="HNZ667" s="613"/>
      <c r="HOA667" s="613"/>
      <c r="HOB667" s="613"/>
      <c r="HOC667" s="613"/>
      <c r="HOD667" s="613"/>
      <c r="HOE667" s="613"/>
      <c r="HOF667" s="613"/>
      <c r="HOG667" s="613"/>
      <c r="HOH667" s="613"/>
      <c r="HOI667" s="613"/>
      <c r="HOJ667" s="613"/>
      <c r="HOK667" s="613"/>
      <c r="HOL667" s="613"/>
      <c r="HOM667" s="613"/>
      <c r="HON667" s="613"/>
      <c r="HOO667" s="613"/>
      <c r="HOP667" s="613"/>
      <c r="HOQ667" s="613"/>
      <c r="HOR667" s="613"/>
      <c r="HOS667" s="613"/>
      <c r="HOT667" s="613"/>
      <c r="HOU667" s="613"/>
      <c r="HOV667" s="613"/>
      <c r="HOW667" s="613"/>
      <c r="HOX667" s="613"/>
      <c r="HOY667" s="613"/>
      <c r="HOZ667" s="613"/>
      <c r="HPA667" s="613"/>
      <c r="HPB667" s="613"/>
      <c r="HPC667" s="613"/>
      <c r="HPD667" s="613"/>
      <c r="HPE667" s="613"/>
      <c r="HPF667" s="613"/>
      <c r="HPG667" s="613"/>
      <c r="HPH667" s="613"/>
      <c r="HPI667" s="613"/>
      <c r="HPJ667" s="613"/>
      <c r="HPK667" s="613"/>
      <c r="HPL667" s="613"/>
      <c r="HPM667" s="613"/>
      <c r="HPN667" s="613"/>
      <c r="HPO667" s="613"/>
      <c r="HPP667" s="613"/>
      <c r="HPQ667" s="613"/>
      <c r="HPR667" s="613"/>
      <c r="HPS667" s="613"/>
      <c r="HPT667" s="613"/>
      <c r="HPU667" s="613"/>
      <c r="HPV667" s="613"/>
      <c r="HPW667" s="613"/>
      <c r="HPX667" s="613"/>
      <c r="HPY667" s="613"/>
      <c r="HPZ667" s="613"/>
      <c r="HQA667" s="613"/>
      <c r="HQB667" s="613"/>
      <c r="HQC667" s="613"/>
      <c r="HQD667" s="613"/>
      <c r="HQE667" s="613"/>
      <c r="HQF667" s="613"/>
      <c r="HQG667" s="613"/>
      <c r="HQH667" s="613"/>
      <c r="HQI667" s="613"/>
      <c r="HQJ667" s="613"/>
      <c r="HQK667" s="613"/>
      <c r="HQL667" s="613"/>
      <c r="HQM667" s="613"/>
      <c r="HQN667" s="613"/>
      <c r="HQO667" s="613"/>
      <c r="HQP667" s="613"/>
      <c r="HQQ667" s="613"/>
      <c r="HQR667" s="613"/>
      <c r="HQS667" s="613"/>
      <c r="HQT667" s="613"/>
      <c r="HQU667" s="613"/>
      <c r="HQV667" s="613"/>
      <c r="HQW667" s="613"/>
      <c r="HQX667" s="613"/>
      <c r="HQY667" s="613"/>
      <c r="HQZ667" s="613"/>
      <c r="HRA667" s="613"/>
      <c r="HRB667" s="613"/>
      <c r="HRC667" s="613"/>
      <c r="HRD667" s="613"/>
      <c r="HRE667" s="613"/>
      <c r="HRF667" s="613"/>
      <c r="HRG667" s="613"/>
      <c r="HRH667" s="613"/>
      <c r="HRI667" s="613"/>
      <c r="HRJ667" s="613"/>
      <c r="HRK667" s="613"/>
      <c r="HRL667" s="613"/>
      <c r="HRM667" s="613"/>
      <c r="HRN667" s="613"/>
      <c r="HRO667" s="613"/>
      <c r="HRP667" s="613"/>
      <c r="HRQ667" s="613"/>
      <c r="HRR667" s="613"/>
      <c r="HRS667" s="613"/>
      <c r="HRT667" s="613"/>
      <c r="HRU667" s="613"/>
      <c r="HRV667" s="613"/>
      <c r="HRW667" s="613"/>
      <c r="HRX667" s="613"/>
      <c r="HRY667" s="613"/>
      <c r="HRZ667" s="613"/>
      <c r="HSA667" s="613"/>
      <c r="HSB667" s="613"/>
      <c r="HSC667" s="613"/>
      <c r="HSD667" s="613"/>
      <c r="HSE667" s="613"/>
      <c r="HSF667" s="613"/>
      <c r="HSG667" s="613"/>
      <c r="HSH667" s="613"/>
      <c r="HSI667" s="613"/>
      <c r="HSJ667" s="613"/>
      <c r="HSK667" s="613"/>
      <c r="HSL667" s="613"/>
      <c r="HSM667" s="613"/>
      <c r="HSN667" s="613"/>
      <c r="HSO667" s="613"/>
      <c r="HSP667" s="613"/>
      <c r="HSQ667" s="613"/>
      <c r="HSR667" s="613"/>
      <c r="HSS667" s="613"/>
      <c r="HST667" s="613"/>
      <c r="HSU667" s="613"/>
      <c r="HSV667" s="613"/>
      <c r="HSW667" s="613"/>
      <c r="HSX667" s="613"/>
      <c r="HSY667" s="613"/>
      <c r="HSZ667" s="613"/>
      <c r="HTA667" s="613"/>
      <c r="HTB667" s="613"/>
      <c r="HTC667" s="613"/>
      <c r="HTD667" s="613"/>
      <c r="HTE667" s="613"/>
      <c r="HTF667" s="613"/>
      <c r="HTG667" s="613"/>
      <c r="HTH667" s="613"/>
      <c r="HTI667" s="613"/>
      <c r="HTJ667" s="613"/>
      <c r="HTK667" s="613"/>
      <c r="HTL667" s="613"/>
      <c r="HTM667" s="613"/>
      <c r="HTN667" s="613"/>
      <c r="HTO667" s="613"/>
      <c r="HTP667" s="613"/>
      <c r="HTQ667" s="613"/>
      <c r="HTR667" s="613"/>
      <c r="HTS667" s="613"/>
      <c r="HTT667" s="613"/>
      <c r="HTU667" s="613"/>
      <c r="HTV667" s="613"/>
      <c r="HTW667" s="613"/>
      <c r="HTX667" s="613"/>
      <c r="HTY667" s="613"/>
      <c r="HTZ667" s="613"/>
      <c r="HUA667" s="613"/>
      <c r="HUB667" s="613"/>
      <c r="HUC667" s="613"/>
      <c r="HUD667" s="613"/>
      <c r="HUE667" s="613"/>
      <c r="HUF667" s="613"/>
      <c r="HUG667" s="613"/>
      <c r="HUH667" s="613"/>
      <c r="HUI667" s="613"/>
      <c r="HUJ667" s="613"/>
      <c r="HUK667" s="613"/>
      <c r="HUL667" s="613"/>
      <c r="HUM667" s="613"/>
      <c r="HUN667" s="613"/>
      <c r="HUO667" s="613"/>
      <c r="HUP667" s="613"/>
      <c r="HUQ667" s="613"/>
      <c r="HUR667" s="613"/>
      <c r="HUS667" s="613"/>
      <c r="HUT667" s="613"/>
      <c r="HUU667" s="613"/>
      <c r="HUV667" s="613"/>
      <c r="HUW667" s="613"/>
      <c r="HUX667" s="613"/>
      <c r="HUY667" s="613"/>
      <c r="HUZ667" s="613"/>
      <c r="HVA667" s="613"/>
      <c r="HVB667" s="613"/>
      <c r="HVC667" s="613"/>
      <c r="HVD667" s="613"/>
      <c r="HVE667" s="613"/>
      <c r="HVF667" s="613"/>
      <c r="HVG667" s="613"/>
      <c r="HVH667" s="613"/>
      <c r="HVI667" s="613"/>
      <c r="HVJ667" s="613"/>
      <c r="HVK667" s="613"/>
      <c r="HVL667" s="613"/>
      <c r="HVM667" s="613"/>
      <c r="HVN667" s="613"/>
      <c r="HVO667" s="613"/>
      <c r="HVP667" s="613"/>
      <c r="HVQ667" s="613"/>
      <c r="HVR667" s="613"/>
      <c r="HVS667" s="613"/>
      <c r="HVT667" s="613"/>
      <c r="HVU667" s="613"/>
      <c r="HVV667" s="613"/>
      <c r="HVW667" s="613"/>
      <c r="HVX667" s="613"/>
      <c r="HVY667" s="613"/>
      <c r="HVZ667" s="613"/>
      <c r="HWA667" s="613"/>
      <c r="HWB667" s="613"/>
      <c r="HWC667" s="613"/>
      <c r="HWD667" s="613"/>
      <c r="HWE667" s="613"/>
      <c r="HWF667" s="613"/>
      <c r="HWG667" s="613"/>
      <c r="HWH667" s="613"/>
      <c r="HWI667" s="613"/>
      <c r="HWJ667" s="613"/>
      <c r="HWK667" s="613"/>
      <c r="HWL667" s="613"/>
      <c r="HWM667" s="613"/>
      <c r="HWN667" s="613"/>
      <c r="HWO667" s="613"/>
      <c r="HWP667" s="613"/>
      <c r="HWQ667" s="613"/>
      <c r="HWR667" s="613"/>
      <c r="HWS667" s="613"/>
      <c r="HWT667" s="613"/>
      <c r="HWU667" s="613"/>
      <c r="HWV667" s="613"/>
      <c r="HWW667" s="613"/>
      <c r="HWX667" s="613"/>
      <c r="HWY667" s="613"/>
      <c r="HWZ667" s="613"/>
      <c r="HXA667" s="613"/>
      <c r="HXB667" s="613"/>
      <c r="HXC667" s="613"/>
      <c r="HXD667" s="613"/>
      <c r="HXE667" s="613"/>
      <c r="HXF667" s="613"/>
      <c r="HXG667" s="613"/>
      <c r="HXH667" s="613"/>
      <c r="HXI667" s="613"/>
      <c r="HXJ667" s="613"/>
      <c r="HXK667" s="613"/>
      <c r="HXL667" s="613"/>
      <c r="HXM667" s="613"/>
      <c r="HXN667" s="613"/>
      <c r="HXO667" s="613"/>
      <c r="HXP667" s="613"/>
      <c r="HXQ667" s="613"/>
      <c r="HXR667" s="613"/>
      <c r="HXS667" s="613"/>
      <c r="HXT667" s="613"/>
      <c r="HXU667" s="613"/>
      <c r="HXV667" s="613"/>
      <c r="HXW667" s="613"/>
      <c r="HXX667" s="613"/>
      <c r="HXY667" s="613"/>
      <c r="HXZ667" s="613"/>
      <c r="HYA667" s="613"/>
      <c r="HYB667" s="613"/>
      <c r="HYC667" s="613"/>
      <c r="HYD667" s="613"/>
      <c r="HYE667" s="613"/>
      <c r="HYF667" s="613"/>
      <c r="HYG667" s="613"/>
      <c r="HYH667" s="613"/>
      <c r="HYI667" s="613"/>
      <c r="HYJ667" s="613"/>
      <c r="HYK667" s="613"/>
      <c r="HYL667" s="613"/>
      <c r="HYM667" s="613"/>
      <c r="HYN667" s="613"/>
      <c r="HYO667" s="613"/>
      <c r="HYP667" s="613"/>
      <c r="HYQ667" s="613"/>
      <c r="HYR667" s="613"/>
      <c r="HYS667" s="613"/>
      <c r="HYT667" s="613"/>
      <c r="HYU667" s="613"/>
      <c r="HYV667" s="613"/>
      <c r="HYW667" s="613"/>
      <c r="HYX667" s="613"/>
      <c r="HYY667" s="613"/>
      <c r="HYZ667" s="613"/>
      <c r="HZA667" s="613"/>
      <c r="HZB667" s="613"/>
      <c r="HZC667" s="613"/>
      <c r="HZD667" s="613"/>
      <c r="HZE667" s="613"/>
      <c r="HZF667" s="613"/>
      <c r="HZG667" s="613"/>
      <c r="HZH667" s="613"/>
      <c r="HZI667" s="613"/>
      <c r="HZJ667" s="613"/>
      <c r="HZK667" s="613"/>
      <c r="HZL667" s="613"/>
      <c r="HZM667" s="613"/>
      <c r="HZN667" s="613"/>
      <c r="HZO667" s="613"/>
      <c r="HZP667" s="613"/>
      <c r="HZQ667" s="613"/>
      <c r="HZR667" s="613"/>
      <c r="HZS667" s="613"/>
      <c r="HZT667" s="613"/>
      <c r="HZU667" s="613"/>
      <c r="HZV667" s="613"/>
      <c r="HZW667" s="613"/>
      <c r="HZX667" s="613"/>
      <c r="HZY667" s="613"/>
      <c r="HZZ667" s="613"/>
      <c r="IAA667" s="613"/>
      <c r="IAB667" s="613"/>
      <c r="IAC667" s="613"/>
      <c r="IAD667" s="613"/>
      <c r="IAE667" s="613"/>
      <c r="IAF667" s="613"/>
      <c r="IAG667" s="613"/>
      <c r="IAH667" s="613"/>
      <c r="IAI667" s="613"/>
      <c r="IAJ667" s="613"/>
      <c r="IAK667" s="613"/>
      <c r="IAL667" s="613"/>
      <c r="IAM667" s="613"/>
      <c r="IAN667" s="613"/>
      <c r="IAO667" s="613"/>
      <c r="IAP667" s="613"/>
      <c r="IAQ667" s="613"/>
      <c r="IAR667" s="613"/>
      <c r="IAS667" s="613"/>
      <c r="IAT667" s="613"/>
      <c r="IAU667" s="613"/>
      <c r="IAV667" s="613"/>
      <c r="IAW667" s="613"/>
      <c r="IAX667" s="613"/>
      <c r="IAY667" s="613"/>
      <c r="IAZ667" s="613"/>
      <c r="IBA667" s="613"/>
      <c r="IBB667" s="613"/>
      <c r="IBC667" s="613"/>
      <c r="IBD667" s="613"/>
      <c r="IBE667" s="613"/>
      <c r="IBF667" s="613"/>
      <c r="IBG667" s="613"/>
      <c r="IBH667" s="613"/>
      <c r="IBI667" s="613"/>
      <c r="IBJ667" s="613"/>
      <c r="IBK667" s="613"/>
      <c r="IBL667" s="613"/>
      <c r="IBM667" s="613"/>
      <c r="IBN667" s="613"/>
      <c r="IBO667" s="613"/>
      <c r="IBP667" s="613"/>
      <c r="IBQ667" s="613"/>
      <c r="IBR667" s="613"/>
      <c r="IBS667" s="613"/>
      <c r="IBT667" s="613"/>
      <c r="IBU667" s="613"/>
      <c r="IBV667" s="613"/>
      <c r="IBW667" s="613"/>
      <c r="IBX667" s="613"/>
      <c r="IBY667" s="613"/>
      <c r="IBZ667" s="613"/>
      <c r="ICA667" s="613"/>
      <c r="ICB667" s="613"/>
      <c r="ICC667" s="613"/>
      <c r="ICD667" s="613"/>
      <c r="ICE667" s="613"/>
      <c r="ICF667" s="613"/>
      <c r="ICG667" s="613"/>
      <c r="ICH667" s="613"/>
      <c r="ICI667" s="613"/>
      <c r="ICJ667" s="613"/>
      <c r="ICK667" s="613"/>
      <c r="ICL667" s="613"/>
      <c r="ICM667" s="613"/>
      <c r="ICN667" s="613"/>
      <c r="ICO667" s="613"/>
      <c r="ICP667" s="613"/>
      <c r="ICQ667" s="613"/>
      <c r="ICR667" s="613"/>
      <c r="ICS667" s="613"/>
      <c r="ICT667" s="613"/>
      <c r="ICU667" s="613"/>
      <c r="ICV667" s="613"/>
      <c r="ICW667" s="613"/>
      <c r="ICX667" s="613"/>
      <c r="ICY667" s="613"/>
      <c r="ICZ667" s="613"/>
      <c r="IDA667" s="613"/>
      <c r="IDB667" s="613"/>
      <c r="IDC667" s="613"/>
      <c r="IDD667" s="613"/>
      <c r="IDE667" s="613"/>
      <c r="IDF667" s="613"/>
      <c r="IDG667" s="613"/>
      <c r="IDH667" s="613"/>
      <c r="IDI667" s="613"/>
      <c r="IDJ667" s="613"/>
      <c r="IDK667" s="613"/>
      <c r="IDL667" s="613"/>
      <c r="IDM667" s="613"/>
      <c r="IDN667" s="613"/>
      <c r="IDO667" s="613"/>
      <c r="IDP667" s="613"/>
      <c r="IDQ667" s="613"/>
      <c r="IDR667" s="613"/>
      <c r="IDS667" s="613"/>
      <c r="IDT667" s="613"/>
      <c r="IDU667" s="613"/>
      <c r="IDV667" s="613"/>
      <c r="IDW667" s="613"/>
      <c r="IDX667" s="613"/>
      <c r="IDY667" s="613"/>
      <c r="IDZ667" s="613"/>
      <c r="IEA667" s="613"/>
      <c r="IEB667" s="613"/>
      <c r="IEC667" s="613"/>
      <c r="IED667" s="613"/>
      <c r="IEE667" s="613"/>
      <c r="IEF667" s="613"/>
      <c r="IEG667" s="613"/>
      <c r="IEH667" s="613"/>
      <c r="IEI667" s="613"/>
      <c r="IEJ667" s="613"/>
      <c r="IEK667" s="613"/>
      <c r="IEL667" s="613"/>
      <c r="IEM667" s="613"/>
      <c r="IEN667" s="613"/>
      <c r="IEO667" s="613"/>
      <c r="IEP667" s="613"/>
      <c r="IEQ667" s="613"/>
      <c r="IER667" s="613"/>
      <c r="IES667" s="613"/>
      <c r="IET667" s="613"/>
      <c r="IEU667" s="613"/>
      <c r="IEV667" s="613"/>
      <c r="IEW667" s="613"/>
      <c r="IEX667" s="613"/>
      <c r="IEY667" s="613"/>
      <c r="IEZ667" s="613"/>
      <c r="IFA667" s="613"/>
      <c r="IFB667" s="613"/>
      <c r="IFC667" s="613"/>
      <c r="IFD667" s="613"/>
      <c r="IFE667" s="613"/>
      <c r="IFF667" s="613"/>
      <c r="IFG667" s="613"/>
      <c r="IFH667" s="613"/>
      <c r="IFI667" s="613"/>
      <c r="IFJ667" s="613"/>
      <c r="IFK667" s="613"/>
      <c r="IFL667" s="613"/>
      <c r="IFM667" s="613"/>
      <c r="IFN667" s="613"/>
      <c r="IFO667" s="613"/>
      <c r="IFP667" s="613"/>
      <c r="IFQ667" s="613"/>
      <c r="IFR667" s="613"/>
      <c r="IFS667" s="613"/>
      <c r="IFT667" s="613"/>
      <c r="IFU667" s="613"/>
      <c r="IFV667" s="613"/>
      <c r="IFW667" s="613"/>
      <c r="IFX667" s="613"/>
      <c r="IFY667" s="613"/>
      <c r="IFZ667" s="613"/>
      <c r="IGA667" s="613"/>
      <c r="IGB667" s="613"/>
      <c r="IGC667" s="613"/>
      <c r="IGD667" s="613"/>
      <c r="IGE667" s="613"/>
      <c r="IGF667" s="613"/>
      <c r="IGG667" s="613"/>
      <c r="IGH667" s="613"/>
      <c r="IGI667" s="613"/>
      <c r="IGJ667" s="613"/>
      <c r="IGK667" s="613"/>
      <c r="IGL667" s="613"/>
      <c r="IGM667" s="613"/>
      <c r="IGN667" s="613"/>
      <c r="IGO667" s="613"/>
      <c r="IGP667" s="613"/>
      <c r="IGQ667" s="613"/>
      <c r="IGR667" s="613"/>
      <c r="IGS667" s="613"/>
      <c r="IGT667" s="613"/>
      <c r="IGU667" s="613"/>
      <c r="IGV667" s="613"/>
      <c r="IGW667" s="613"/>
      <c r="IGX667" s="613"/>
      <c r="IGY667" s="613"/>
      <c r="IGZ667" s="613"/>
      <c r="IHA667" s="613"/>
      <c r="IHB667" s="613"/>
      <c r="IHC667" s="613"/>
      <c r="IHD667" s="613"/>
      <c r="IHE667" s="613"/>
      <c r="IHF667" s="613"/>
      <c r="IHG667" s="613"/>
      <c r="IHH667" s="613"/>
      <c r="IHI667" s="613"/>
      <c r="IHJ667" s="613"/>
      <c r="IHK667" s="613"/>
      <c r="IHL667" s="613"/>
      <c r="IHM667" s="613"/>
      <c r="IHN667" s="613"/>
      <c r="IHO667" s="613"/>
      <c r="IHP667" s="613"/>
      <c r="IHQ667" s="613"/>
      <c r="IHR667" s="613"/>
      <c r="IHS667" s="613"/>
      <c r="IHT667" s="613"/>
      <c r="IHU667" s="613"/>
      <c r="IHV667" s="613"/>
      <c r="IHW667" s="613"/>
      <c r="IHX667" s="613"/>
      <c r="IHY667" s="613"/>
      <c r="IHZ667" s="613"/>
      <c r="IIA667" s="613"/>
      <c r="IIB667" s="613"/>
      <c r="IIC667" s="613"/>
      <c r="IID667" s="613"/>
      <c r="IIE667" s="613"/>
      <c r="IIF667" s="613"/>
      <c r="IIG667" s="613"/>
      <c r="IIH667" s="613"/>
      <c r="III667" s="613"/>
      <c r="IIJ667" s="613"/>
      <c r="IIK667" s="613"/>
      <c r="IIL667" s="613"/>
      <c r="IIM667" s="613"/>
      <c r="IIN667" s="613"/>
      <c r="IIO667" s="613"/>
      <c r="IIP667" s="613"/>
      <c r="IIQ667" s="613"/>
      <c r="IIR667" s="613"/>
      <c r="IIS667" s="613"/>
      <c r="IIT667" s="613"/>
      <c r="IIU667" s="613"/>
      <c r="IIV667" s="613"/>
      <c r="IIW667" s="613"/>
      <c r="IIX667" s="613"/>
      <c r="IIY667" s="613"/>
      <c r="IIZ667" s="613"/>
      <c r="IJA667" s="613"/>
      <c r="IJB667" s="613"/>
      <c r="IJC667" s="613"/>
      <c r="IJD667" s="613"/>
      <c r="IJE667" s="613"/>
      <c r="IJF667" s="613"/>
      <c r="IJG667" s="613"/>
      <c r="IJH667" s="613"/>
      <c r="IJI667" s="613"/>
      <c r="IJJ667" s="613"/>
      <c r="IJK667" s="613"/>
      <c r="IJL667" s="613"/>
      <c r="IJM667" s="613"/>
      <c r="IJN667" s="613"/>
      <c r="IJO667" s="613"/>
      <c r="IJP667" s="613"/>
      <c r="IJQ667" s="613"/>
      <c r="IJR667" s="613"/>
      <c r="IJS667" s="613"/>
      <c r="IJT667" s="613"/>
      <c r="IJU667" s="613"/>
      <c r="IJV667" s="613"/>
      <c r="IJW667" s="613"/>
      <c r="IJX667" s="613"/>
      <c r="IJY667" s="613"/>
      <c r="IJZ667" s="613"/>
      <c r="IKA667" s="613"/>
      <c r="IKB667" s="613"/>
      <c r="IKC667" s="613"/>
      <c r="IKD667" s="613"/>
      <c r="IKE667" s="613"/>
      <c r="IKF667" s="613"/>
      <c r="IKG667" s="613"/>
      <c r="IKH667" s="613"/>
      <c r="IKI667" s="613"/>
      <c r="IKJ667" s="613"/>
      <c r="IKK667" s="613"/>
      <c r="IKL667" s="613"/>
      <c r="IKM667" s="613"/>
      <c r="IKN667" s="613"/>
      <c r="IKO667" s="613"/>
      <c r="IKP667" s="613"/>
      <c r="IKQ667" s="613"/>
      <c r="IKR667" s="613"/>
      <c r="IKS667" s="613"/>
      <c r="IKT667" s="613"/>
      <c r="IKU667" s="613"/>
      <c r="IKV667" s="613"/>
      <c r="IKW667" s="613"/>
      <c r="IKX667" s="613"/>
      <c r="IKY667" s="613"/>
      <c r="IKZ667" s="613"/>
      <c r="ILA667" s="613"/>
      <c r="ILB667" s="613"/>
      <c r="ILC667" s="613"/>
      <c r="ILD667" s="613"/>
      <c r="ILE667" s="613"/>
      <c r="ILF667" s="613"/>
      <c r="ILG667" s="613"/>
      <c r="ILH667" s="613"/>
      <c r="ILI667" s="613"/>
      <c r="ILJ667" s="613"/>
      <c r="ILK667" s="613"/>
      <c r="ILL667" s="613"/>
      <c r="ILM667" s="613"/>
      <c r="ILN667" s="613"/>
      <c r="ILO667" s="613"/>
      <c r="ILP667" s="613"/>
      <c r="ILQ667" s="613"/>
      <c r="ILR667" s="613"/>
      <c r="ILS667" s="613"/>
      <c r="ILT667" s="613"/>
      <c r="ILU667" s="613"/>
      <c r="ILV667" s="613"/>
      <c r="ILW667" s="613"/>
      <c r="ILX667" s="613"/>
      <c r="ILY667" s="613"/>
      <c r="ILZ667" s="613"/>
      <c r="IMA667" s="613"/>
      <c r="IMB667" s="613"/>
      <c r="IMC667" s="613"/>
      <c r="IMD667" s="613"/>
      <c r="IME667" s="613"/>
      <c r="IMF667" s="613"/>
      <c r="IMG667" s="613"/>
      <c r="IMH667" s="613"/>
      <c r="IMI667" s="613"/>
      <c r="IMJ667" s="613"/>
      <c r="IMK667" s="613"/>
      <c r="IML667" s="613"/>
      <c r="IMM667" s="613"/>
      <c r="IMN667" s="613"/>
      <c r="IMO667" s="613"/>
      <c r="IMP667" s="613"/>
      <c r="IMQ667" s="613"/>
      <c r="IMR667" s="613"/>
      <c r="IMS667" s="613"/>
      <c r="IMT667" s="613"/>
      <c r="IMU667" s="613"/>
      <c r="IMV667" s="613"/>
      <c r="IMW667" s="613"/>
      <c r="IMX667" s="613"/>
      <c r="IMY667" s="613"/>
      <c r="IMZ667" s="613"/>
      <c r="INA667" s="613"/>
      <c r="INB667" s="613"/>
      <c r="INC667" s="613"/>
      <c r="IND667" s="613"/>
      <c r="INE667" s="613"/>
      <c r="INF667" s="613"/>
      <c r="ING667" s="613"/>
      <c r="INH667" s="613"/>
      <c r="INI667" s="613"/>
      <c r="INJ667" s="613"/>
      <c r="INK667" s="613"/>
      <c r="INL667" s="613"/>
      <c r="INM667" s="613"/>
      <c r="INN667" s="613"/>
      <c r="INO667" s="613"/>
      <c r="INP667" s="613"/>
      <c r="INQ667" s="613"/>
      <c r="INR667" s="613"/>
      <c r="INS667" s="613"/>
      <c r="INT667" s="613"/>
      <c r="INU667" s="613"/>
      <c r="INV667" s="613"/>
      <c r="INW667" s="613"/>
      <c r="INX667" s="613"/>
      <c r="INY667" s="613"/>
      <c r="INZ667" s="613"/>
      <c r="IOA667" s="613"/>
      <c r="IOB667" s="613"/>
      <c r="IOC667" s="613"/>
      <c r="IOD667" s="613"/>
      <c r="IOE667" s="613"/>
      <c r="IOF667" s="613"/>
      <c r="IOG667" s="613"/>
      <c r="IOH667" s="613"/>
      <c r="IOI667" s="613"/>
      <c r="IOJ667" s="613"/>
      <c r="IOK667" s="613"/>
      <c r="IOL667" s="613"/>
      <c r="IOM667" s="613"/>
      <c r="ION667" s="613"/>
      <c r="IOO667" s="613"/>
      <c r="IOP667" s="613"/>
      <c r="IOQ667" s="613"/>
      <c r="IOR667" s="613"/>
      <c r="IOS667" s="613"/>
      <c r="IOT667" s="613"/>
      <c r="IOU667" s="613"/>
      <c r="IOV667" s="613"/>
      <c r="IOW667" s="613"/>
      <c r="IOX667" s="613"/>
      <c r="IOY667" s="613"/>
      <c r="IOZ667" s="613"/>
      <c r="IPA667" s="613"/>
      <c r="IPB667" s="613"/>
      <c r="IPC667" s="613"/>
      <c r="IPD667" s="613"/>
      <c r="IPE667" s="613"/>
      <c r="IPF667" s="613"/>
      <c r="IPG667" s="613"/>
      <c r="IPH667" s="613"/>
      <c r="IPI667" s="613"/>
      <c r="IPJ667" s="613"/>
      <c r="IPK667" s="613"/>
      <c r="IPL667" s="613"/>
      <c r="IPM667" s="613"/>
      <c r="IPN667" s="613"/>
      <c r="IPO667" s="613"/>
      <c r="IPP667" s="613"/>
      <c r="IPQ667" s="613"/>
      <c r="IPR667" s="613"/>
      <c r="IPS667" s="613"/>
      <c r="IPT667" s="613"/>
      <c r="IPU667" s="613"/>
      <c r="IPV667" s="613"/>
      <c r="IPW667" s="613"/>
      <c r="IPX667" s="613"/>
      <c r="IPY667" s="613"/>
      <c r="IPZ667" s="613"/>
      <c r="IQA667" s="613"/>
      <c r="IQB667" s="613"/>
      <c r="IQC667" s="613"/>
      <c r="IQD667" s="613"/>
      <c r="IQE667" s="613"/>
      <c r="IQF667" s="613"/>
      <c r="IQG667" s="613"/>
      <c r="IQH667" s="613"/>
      <c r="IQI667" s="613"/>
      <c r="IQJ667" s="613"/>
      <c r="IQK667" s="613"/>
      <c r="IQL667" s="613"/>
      <c r="IQM667" s="613"/>
      <c r="IQN667" s="613"/>
      <c r="IQO667" s="613"/>
      <c r="IQP667" s="613"/>
      <c r="IQQ667" s="613"/>
      <c r="IQR667" s="613"/>
      <c r="IQS667" s="613"/>
      <c r="IQT667" s="613"/>
      <c r="IQU667" s="613"/>
      <c r="IQV667" s="613"/>
      <c r="IQW667" s="613"/>
      <c r="IQX667" s="613"/>
      <c r="IQY667" s="613"/>
      <c r="IQZ667" s="613"/>
      <c r="IRA667" s="613"/>
      <c r="IRB667" s="613"/>
      <c r="IRC667" s="613"/>
      <c r="IRD667" s="613"/>
      <c r="IRE667" s="613"/>
      <c r="IRF667" s="613"/>
      <c r="IRG667" s="613"/>
      <c r="IRH667" s="613"/>
      <c r="IRI667" s="613"/>
      <c r="IRJ667" s="613"/>
      <c r="IRK667" s="613"/>
      <c r="IRL667" s="613"/>
      <c r="IRM667" s="613"/>
      <c r="IRN667" s="613"/>
      <c r="IRO667" s="613"/>
      <c r="IRP667" s="613"/>
      <c r="IRQ667" s="613"/>
      <c r="IRR667" s="613"/>
      <c r="IRS667" s="613"/>
      <c r="IRT667" s="613"/>
      <c r="IRU667" s="613"/>
      <c r="IRV667" s="613"/>
      <c r="IRW667" s="613"/>
      <c r="IRX667" s="613"/>
      <c r="IRY667" s="613"/>
      <c r="IRZ667" s="613"/>
      <c r="ISA667" s="613"/>
      <c r="ISB667" s="613"/>
      <c r="ISC667" s="613"/>
      <c r="ISD667" s="613"/>
      <c r="ISE667" s="613"/>
      <c r="ISF667" s="613"/>
      <c r="ISG667" s="613"/>
      <c r="ISH667" s="613"/>
      <c r="ISI667" s="613"/>
      <c r="ISJ667" s="613"/>
      <c r="ISK667" s="613"/>
      <c r="ISL667" s="613"/>
      <c r="ISM667" s="613"/>
      <c r="ISN667" s="613"/>
      <c r="ISO667" s="613"/>
      <c r="ISP667" s="613"/>
      <c r="ISQ667" s="613"/>
      <c r="ISR667" s="613"/>
      <c r="ISS667" s="613"/>
      <c r="IST667" s="613"/>
      <c r="ISU667" s="613"/>
      <c r="ISV667" s="613"/>
      <c r="ISW667" s="613"/>
      <c r="ISX667" s="613"/>
      <c r="ISY667" s="613"/>
      <c r="ISZ667" s="613"/>
      <c r="ITA667" s="613"/>
      <c r="ITB667" s="613"/>
      <c r="ITC667" s="613"/>
      <c r="ITD667" s="613"/>
      <c r="ITE667" s="613"/>
      <c r="ITF667" s="613"/>
      <c r="ITG667" s="613"/>
      <c r="ITH667" s="613"/>
      <c r="ITI667" s="613"/>
      <c r="ITJ667" s="613"/>
      <c r="ITK667" s="613"/>
      <c r="ITL667" s="613"/>
      <c r="ITM667" s="613"/>
      <c r="ITN667" s="613"/>
      <c r="ITO667" s="613"/>
      <c r="ITP667" s="613"/>
      <c r="ITQ667" s="613"/>
      <c r="ITR667" s="613"/>
      <c r="ITS667" s="613"/>
      <c r="ITT667" s="613"/>
      <c r="ITU667" s="613"/>
      <c r="ITV667" s="613"/>
      <c r="ITW667" s="613"/>
      <c r="ITX667" s="613"/>
      <c r="ITY667" s="613"/>
      <c r="ITZ667" s="613"/>
      <c r="IUA667" s="613"/>
      <c r="IUB667" s="613"/>
      <c r="IUC667" s="613"/>
      <c r="IUD667" s="613"/>
      <c r="IUE667" s="613"/>
      <c r="IUF667" s="613"/>
      <c r="IUG667" s="613"/>
      <c r="IUH667" s="613"/>
      <c r="IUI667" s="613"/>
      <c r="IUJ667" s="613"/>
      <c r="IUK667" s="613"/>
      <c r="IUL667" s="613"/>
      <c r="IUM667" s="613"/>
      <c r="IUN667" s="613"/>
      <c r="IUO667" s="613"/>
      <c r="IUP667" s="613"/>
      <c r="IUQ667" s="613"/>
      <c r="IUR667" s="613"/>
      <c r="IUS667" s="613"/>
      <c r="IUT667" s="613"/>
      <c r="IUU667" s="613"/>
      <c r="IUV667" s="613"/>
      <c r="IUW667" s="613"/>
      <c r="IUX667" s="613"/>
      <c r="IUY667" s="613"/>
      <c r="IUZ667" s="613"/>
      <c r="IVA667" s="613"/>
      <c r="IVB667" s="613"/>
      <c r="IVC667" s="613"/>
      <c r="IVD667" s="613"/>
      <c r="IVE667" s="613"/>
      <c r="IVF667" s="613"/>
      <c r="IVG667" s="613"/>
      <c r="IVH667" s="613"/>
      <c r="IVI667" s="613"/>
      <c r="IVJ667" s="613"/>
      <c r="IVK667" s="613"/>
      <c r="IVL667" s="613"/>
      <c r="IVM667" s="613"/>
      <c r="IVN667" s="613"/>
      <c r="IVO667" s="613"/>
      <c r="IVP667" s="613"/>
      <c r="IVQ667" s="613"/>
      <c r="IVR667" s="613"/>
      <c r="IVS667" s="613"/>
      <c r="IVT667" s="613"/>
      <c r="IVU667" s="613"/>
      <c r="IVV667" s="613"/>
      <c r="IVW667" s="613"/>
      <c r="IVX667" s="613"/>
      <c r="IVY667" s="613"/>
      <c r="IVZ667" s="613"/>
      <c r="IWA667" s="613"/>
      <c r="IWB667" s="613"/>
      <c r="IWC667" s="613"/>
      <c r="IWD667" s="613"/>
      <c r="IWE667" s="613"/>
      <c r="IWF667" s="613"/>
      <c r="IWG667" s="613"/>
      <c r="IWH667" s="613"/>
      <c r="IWI667" s="613"/>
      <c r="IWJ667" s="613"/>
      <c r="IWK667" s="613"/>
      <c r="IWL667" s="613"/>
      <c r="IWM667" s="613"/>
      <c r="IWN667" s="613"/>
      <c r="IWO667" s="613"/>
      <c r="IWP667" s="613"/>
      <c r="IWQ667" s="613"/>
      <c r="IWR667" s="613"/>
      <c r="IWS667" s="613"/>
      <c r="IWT667" s="613"/>
      <c r="IWU667" s="613"/>
      <c r="IWV667" s="613"/>
      <c r="IWW667" s="613"/>
      <c r="IWX667" s="613"/>
      <c r="IWY667" s="613"/>
      <c r="IWZ667" s="613"/>
      <c r="IXA667" s="613"/>
      <c r="IXB667" s="613"/>
      <c r="IXC667" s="613"/>
      <c r="IXD667" s="613"/>
      <c r="IXE667" s="613"/>
      <c r="IXF667" s="613"/>
      <c r="IXG667" s="613"/>
      <c r="IXH667" s="613"/>
      <c r="IXI667" s="613"/>
      <c r="IXJ667" s="613"/>
      <c r="IXK667" s="613"/>
      <c r="IXL667" s="613"/>
      <c r="IXM667" s="613"/>
      <c r="IXN667" s="613"/>
      <c r="IXO667" s="613"/>
      <c r="IXP667" s="613"/>
      <c r="IXQ667" s="613"/>
      <c r="IXR667" s="613"/>
      <c r="IXS667" s="613"/>
      <c r="IXT667" s="613"/>
      <c r="IXU667" s="613"/>
      <c r="IXV667" s="613"/>
      <c r="IXW667" s="613"/>
      <c r="IXX667" s="613"/>
      <c r="IXY667" s="613"/>
      <c r="IXZ667" s="613"/>
      <c r="IYA667" s="613"/>
      <c r="IYB667" s="613"/>
      <c r="IYC667" s="613"/>
      <c r="IYD667" s="613"/>
      <c r="IYE667" s="613"/>
      <c r="IYF667" s="613"/>
      <c r="IYG667" s="613"/>
      <c r="IYH667" s="613"/>
      <c r="IYI667" s="613"/>
      <c r="IYJ667" s="613"/>
      <c r="IYK667" s="613"/>
      <c r="IYL667" s="613"/>
      <c r="IYM667" s="613"/>
      <c r="IYN667" s="613"/>
      <c r="IYO667" s="613"/>
      <c r="IYP667" s="613"/>
      <c r="IYQ667" s="613"/>
      <c r="IYR667" s="613"/>
      <c r="IYS667" s="613"/>
      <c r="IYT667" s="613"/>
      <c r="IYU667" s="613"/>
      <c r="IYV667" s="613"/>
      <c r="IYW667" s="613"/>
      <c r="IYX667" s="613"/>
      <c r="IYY667" s="613"/>
      <c r="IYZ667" s="613"/>
      <c r="IZA667" s="613"/>
      <c r="IZB667" s="613"/>
      <c r="IZC667" s="613"/>
      <c r="IZD667" s="613"/>
      <c r="IZE667" s="613"/>
      <c r="IZF667" s="613"/>
      <c r="IZG667" s="613"/>
      <c r="IZH667" s="613"/>
      <c r="IZI667" s="613"/>
      <c r="IZJ667" s="613"/>
      <c r="IZK667" s="613"/>
      <c r="IZL667" s="613"/>
      <c r="IZM667" s="613"/>
      <c r="IZN667" s="613"/>
      <c r="IZO667" s="613"/>
      <c r="IZP667" s="613"/>
      <c r="IZQ667" s="613"/>
      <c r="IZR667" s="613"/>
      <c r="IZS667" s="613"/>
      <c r="IZT667" s="613"/>
      <c r="IZU667" s="613"/>
      <c r="IZV667" s="613"/>
      <c r="IZW667" s="613"/>
      <c r="IZX667" s="613"/>
      <c r="IZY667" s="613"/>
      <c r="IZZ667" s="613"/>
      <c r="JAA667" s="613"/>
      <c r="JAB667" s="613"/>
      <c r="JAC667" s="613"/>
      <c r="JAD667" s="613"/>
      <c r="JAE667" s="613"/>
      <c r="JAF667" s="613"/>
      <c r="JAG667" s="613"/>
      <c r="JAH667" s="613"/>
      <c r="JAI667" s="613"/>
      <c r="JAJ667" s="613"/>
      <c r="JAK667" s="613"/>
      <c r="JAL667" s="613"/>
      <c r="JAM667" s="613"/>
      <c r="JAN667" s="613"/>
      <c r="JAO667" s="613"/>
      <c r="JAP667" s="613"/>
      <c r="JAQ667" s="613"/>
      <c r="JAR667" s="613"/>
      <c r="JAS667" s="613"/>
      <c r="JAT667" s="613"/>
      <c r="JAU667" s="613"/>
      <c r="JAV667" s="613"/>
      <c r="JAW667" s="613"/>
      <c r="JAX667" s="613"/>
      <c r="JAY667" s="613"/>
      <c r="JAZ667" s="613"/>
      <c r="JBA667" s="613"/>
      <c r="JBB667" s="613"/>
      <c r="JBC667" s="613"/>
      <c r="JBD667" s="613"/>
      <c r="JBE667" s="613"/>
      <c r="JBF667" s="613"/>
      <c r="JBG667" s="613"/>
      <c r="JBH667" s="613"/>
      <c r="JBI667" s="613"/>
      <c r="JBJ667" s="613"/>
      <c r="JBK667" s="613"/>
      <c r="JBL667" s="613"/>
      <c r="JBM667" s="613"/>
      <c r="JBN667" s="613"/>
      <c r="JBO667" s="613"/>
      <c r="JBP667" s="613"/>
      <c r="JBQ667" s="613"/>
      <c r="JBR667" s="613"/>
      <c r="JBS667" s="613"/>
      <c r="JBT667" s="613"/>
      <c r="JBU667" s="613"/>
      <c r="JBV667" s="613"/>
      <c r="JBW667" s="613"/>
      <c r="JBX667" s="613"/>
      <c r="JBY667" s="613"/>
      <c r="JBZ667" s="613"/>
      <c r="JCA667" s="613"/>
      <c r="JCB667" s="613"/>
      <c r="JCC667" s="613"/>
      <c r="JCD667" s="613"/>
      <c r="JCE667" s="613"/>
      <c r="JCF667" s="613"/>
      <c r="JCG667" s="613"/>
      <c r="JCH667" s="613"/>
      <c r="JCI667" s="613"/>
      <c r="JCJ667" s="613"/>
      <c r="JCK667" s="613"/>
      <c r="JCL667" s="613"/>
      <c r="JCM667" s="613"/>
      <c r="JCN667" s="613"/>
      <c r="JCO667" s="613"/>
      <c r="JCP667" s="613"/>
      <c r="JCQ667" s="613"/>
      <c r="JCR667" s="613"/>
      <c r="JCS667" s="613"/>
      <c r="JCT667" s="613"/>
      <c r="JCU667" s="613"/>
      <c r="JCV667" s="613"/>
      <c r="JCW667" s="613"/>
      <c r="JCX667" s="613"/>
      <c r="JCY667" s="613"/>
      <c r="JCZ667" s="613"/>
      <c r="JDA667" s="613"/>
      <c r="JDB667" s="613"/>
      <c r="JDC667" s="613"/>
      <c r="JDD667" s="613"/>
      <c r="JDE667" s="613"/>
      <c r="JDF667" s="613"/>
      <c r="JDG667" s="613"/>
      <c r="JDH667" s="613"/>
      <c r="JDI667" s="613"/>
      <c r="JDJ667" s="613"/>
      <c r="JDK667" s="613"/>
      <c r="JDL667" s="613"/>
      <c r="JDM667" s="613"/>
      <c r="JDN667" s="613"/>
      <c r="JDO667" s="613"/>
      <c r="JDP667" s="613"/>
      <c r="JDQ667" s="613"/>
      <c r="JDR667" s="613"/>
      <c r="JDS667" s="613"/>
      <c r="JDT667" s="613"/>
      <c r="JDU667" s="613"/>
      <c r="JDV667" s="613"/>
      <c r="JDW667" s="613"/>
      <c r="JDX667" s="613"/>
      <c r="JDY667" s="613"/>
      <c r="JDZ667" s="613"/>
      <c r="JEA667" s="613"/>
      <c r="JEB667" s="613"/>
      <c r="JEC667" s="613"/>
      <c r="JED667" s="613"/>
      <c r="JEE667" s="613"/>
      <c r="JEF667" s="613"/>
      <c r="JEG667" s="613"/>
      <c r="JEH667" s="613"/>
      <c r="JEI667" s="613"/>
      <c r="JEJ667" s="613"/>
      <c r="JEK667" s="613"/>
      <c r="JEL667" s="613"/>
      <c r="JEM667" s="613"/>
      <c r="JEN667" s="613"/>
      <c r="JEO667" s="613"/>
      <c r="JEP667" s="613"/>
      <c r="JEQ667" s="613"/>
      <c r="JER667" s="613"/>
      <c r="JES667" s="613"/>
      <c r="JET667" s="613"/>
      <c r="JEU667" s="613"/>
      <c r="JEV667" s="613"/>
      <c r="JEW667" s="613"/>
      <c r="JEX667" s="613"/>
      <c r="JEY667" s="613"/>
      <c r="JEZ667" s="613"/>
      <c r="JFA667" s="613"/>
      <c r="JFB667" s="613"/>
      <c r="JFC667" s="613"/>
      <c r="JFD667" s="613"/>
      <c r="JFE667" s="613"/>
      <c r="JFF667" s="613"/>
      <c r="JFG667" s="613"/>
      <c r="JFH667" s="613"/>
      <c r="JFI667" s="613"/>
      <c r="JFJ667" s="613"/>
      <c r="JFK667" s="613"/>
      <c r="JFL667" s="613"/>
      <c r="JFM667" s="613"/>
      <c r="JFN667" s="613"/>
      <c r="JFO667" s="613"/>
      <c r="JFP667" s="613"/>
      <c r="JFQ667" s="613"/>
      <c r="JFR667" s="613"/>
      <c r="JFS667" s="613"/>
      <c r="JFT667" s="613"/>
      <c r="JFU667" s="613"/>
      <c r="JFV667" s="613"/>
      <c r="JFW667" s="613"/>
      <c r="JFX667" s="613"/>
      <c r="JFY667" s="613"/>
      <c r="JFZ667" s="613"/>
      <c r="JGA667" s="613"/>
      <c r="JGB667" s="613"/>
      <c r="JGC667" s="613"/>
      <c r="JGD667" s="613"/>
      <c r="JGE667" s="613"/>
      <c r="JGF667" s="613"/>
      <c r="JGG667" s="613"/>
      <c r="JGH667" s="613"/>
      <c r="JGI667" s="613"/>
      <c r="JGJ667" s="613"/>
      <c r="JGK667" s="613"/>
      <c r="JGL667" s="613"/>
      <c r="JGM667" s="613"/>
      <c r="JGN667" s="613"/>
      <c r="JGO667" s="613"/>
      <c r="JGP667" s="613"/>
      <c r="JGQ667" s="613"/>
      <c r="JGR667" s="613"/>
      <c r="JGS667" s="613"/>
      <c r="JGT667" s="613"/>
      <c r="JGU667" s="613"/>
      <c r="JGV667" s="613"/>
      <c r="JGW667" s="613"/>
      <c r="JGX667" s="613"/>
      <c r="JGY667" s="613"/>
      <c r="JGZ667" s="613"/>
      <c r="JHA667" s="613"/>
      <c r="JHB667" s="613"/>
      <c r="JHC667" s="613"/>
      <c r="JHD667" s="613"/>
      <c r="JHE667" s="613"/>
      <c r="JHF667" s="613"/>
      <c r="JHG667" s="613"/>
      <c r="JHH667" s="613"/>
      <c r="JHI667" s="613"/>
      <c r="JHJ667" s="613"/>
      <c r="JHK667" s="613"/>
      <c r="JHL667" s="613"/>
      <c r="JHM667" s="613"/>
      <c r="JHN667" s="613"/>
      <c r="JHO667" s="613"/>
      <c r="JHP667" s="613"/>
      <c r="JHQ667" s="613"/>
      <c r="JHR667" s="613"/>
      <c r="JHS667" s="613"/>
      <c r="JHT667" s="613"/>
      <c r="JHU667" s="613"/>
      <c r="JHV667" s="613"/>
      <c r="JHW667" s="613"/>
      <c r="JHX667" s="613"/>
      <c r="JHY667" s="613"/>
      <c r="JHZ667" s="613"/>
      <c r="JIA667" s="613"/>
      <c r="JIB667" s="613"/>
      <c r="JIC667" s="613"/>
      <c r="JID667" s="613"/>
      <c r="JIE667" s="613"/>
      <c r="JIF667" s="613"/>
      <c r="JIG667" s="613"/>
      <c r="JIH667" s="613"/>
      <c r="JII667" s="613"/>
      <c r="JIJ667" s="613"/>
      <c r="JIK667" s="613"/>
      <c r="JIL667" s="613"/>
      <c r="JIM667" s="613"/>
      <c r="JIN667" s="613"/>
      <c r="JIO667" s="613"/>
      <c r="JIP667" s="613"/>
      <c r="JIQ667" s="613"/>
      <c r="JIR667" s="613"/>
      <c r="JIS667" s="613"/>
      <c r="JIT667" s="613"/>
      <c r="JIU667" s="613"/>
      <c r="JIV667" s="613"/>
      <c r="JIW667" s="613"/>
      <c r="JIX667" s="613"/>
      <c r="JIY667" s="613"/>
      <c r="JIZ667" s="613"/>
      <c r="JJA667" s="613"/>
      <c r="JJB667" s="613"/>
      <c r="JJC667" s="613"/>
      <c r="JJD667" s="613"/>
      <c r="JJE667" s="613"/>
      <c r="JJF667" s="613"/>
      <c r="JJG667" s="613"/>
      <c r="JJH667" s="613"/>
      <c r="JJI667" s="613"/>
      <c r="JJJ667" s="613"/>
      <c r="JJK667" s="613"/>
      <c r="JJL667" s="613"/>
      <c r="JJM667" s="613"/>
      <c r="JJN667" s="613"/>
      <c r="JJO667" s="613"/>
      <c r="JJP667" s="613"/>
      <c r="JJQ667" s="613"/>
      <c r="JJR667" s="613"/>
      <c r="JJS667" s="613"/>
      <c r="JJT667" s="613"/>
      <c r="JJU667" s="613"/>
      <c r="JJV667" s="613"/>
      <c r="JJW667" s="613"/>
      <c r="JJX667" s="613"/>
      <c r="JJY667" s="613"/>
      <c r="JJZ667" s="613"/>
      <c r="JKA667" s="613"/>
      <c r="JKB667" s="613"/>
      <c r="JKC667" s="613"/>
      <c r="JKD667" s="613"/>
      <c r="JKE667" s="613"/>
      <c r="JKF667" s="613"/>
      <c r="JKG667" s="613"/>
      <c r="JKH667" s="613"/>
      <c r="JKI667" s="613"/>
      <c r="JKJ667" s="613"/>
      <c r="JKK667" s="613"/>
      <c r="JKL667" s="613"/>
      <c r="JKM667" s="613"/>
      <c r="JKN667" s="613"/>
      <c r="JKO667" s="613"/>
      <c r="JKP667" s="613"/>
      <c r="JKQ667" s="613"/>
      <c r="JKR667" s="613"/>
      <c r="JKS667" s="613"/>
      <c r="JKT667" s="613"/>
      <c r="JKU667" s="613"/>
      <c r="JKV667" s="613"/>
      <c r="JKW667" s="613"/>
      <c r="JKX667" s="613"/>
      <c r="JKY667" s="613"/>
      <c r="JKZ667" s="613"/>
      <c r="JLA667" s="613"/>
      <c r="JLB667" s="613"/>
      <c r="JLC667" s="613"/>
      <c r="JLD667" s="613"/>
      <c r="JLE667" s="613"/>
      <c r="JLF667" s="613"/>
      <c r="JLG667" s="613"/>
      <c r="JLH667" s="613"/>
      <c r="JLI667" s="613"/>
      <c r="JLJ667" s="613"/>
      <c r="JLK667" s="613"/>
      <c r="JLL667" s="613"/>
      <c r="JLM667" s="613"/>
      <c r="JLN667" s="613"/>
      <c r="JLO667" s="613"/>
      <c r="JLP667" s="613"/>
      <c r="JLQ667" s="613"/>
      <c r="JLR667" s="613"/>
      <c r="JLS667" s="613"/>
      <c r="JLT667" s="613"/>
      <c r="JLU667" s="613"/>
      <c r="JLV667" s="613"/>
      <c r="JLW667" s="613"/>
      <c r="JLX667" s="613"/>
      <c r="JLY667" s="613"/>
      <c r="JLZ667" s="613"/>
      <c r="JMA667" s="613"/>
      <c r="JMB667" s="613"/>
      <c r="JMC667" s="613"/>
      <c r="JMD667" s="613"/>
      <c r="JME667" s="613"/>
      <c r="JMF667" s="613"/>
      <c r="JMG667" s="613"/>
      <c r="JMH667" s="613"/>
      <c r="JMI667" s="613"/>
      <c r="JMJ667" s="613"/>
      <c r="JMK667" s="613"/>
      <c r="JML667" s="613"/>
      <c r="JMM667" s="613"/>
      <c r="JMN667" s="613"/>
      <c r="JMO667" s="613"/>
      <c r="JMP667" s="613"/>
      <c r="JMQ667" s="613"/>
      <c r="JMR667" s="613"/>
      <c r="JMS667" s="613"/>
      <c r="JMT667" s="613"/>
      <c r="JMU667" s="613"/>
      <c r="JMV667" s="613"/>
      <c r="JMW667" s="613"/>
      <c r="JMX667" s="613"/>
      <c r="JMY667" s="613"/>
      <c r="JMZ667" s="613"/>
      <c r="JNA667" s="613"/>
      <c r="JNB667" s="613"/>
      <c r="JNC667" s="613"/>
      <c r="JND667" s="613"/>
      <c r="JNE667" s="613"/>
      <c r="JNF667" s="613"/>
      <c r="JNG667" s="613"/>
      <c r="JNH667" s="613"/>
      <c r="JNI667" s="613"/>
      <c r="JNJ667" s="613"/>
      <c r="JNK667" s="613"/>
      <c r="JNL667" s="613"/>
      <c r="JNM667" s="613"/>
      <c r="JNN667" s="613"/>
      <c r="JNO667" s="613"/>
      <c r="JNP667" s="613"/>
      <c r="JNQ667" s="613"/>
      <c r="JNR667" s="613"/>
      <c r="JNS667" s="613"/>
      <c r="JNT667" s="613"/>
      <c r="JNU667" s="613"/>
      <c r="JNV667" s="613"/>
      <c r="JNW667" s="613"/>
      <c r="JNX667" s="613"/>
      <c r="JNY667" s="613"/>
      <c r="JNZ667" s="613"/>
      <c r="JOA667" s="613"/>
      <c r="JOB667" s="613"/>
      <c r="JOC667" s="613"/>
      <c r="JOD667" s="613"/>
      <c r="JOE667" s="613"/>
      <c r="JOF667" s="613"/>
      <c r="JOG667" s="613"/>
      <c r="JOH667" s="613"/>
      <c r="JOI667" s="613"/>
      <c r="JOJ667" s="613"/>
      <c r="JOK667" s="613"/>
      <c r="JOL667" s="613"/>
      <c r="JOM667" s="613"/>
      <c r="JON667" s="613"/>
      <c r="JOO667" s="613"/>
      <c r="JOP667" s="613"/>
      <c r="JOQ667" s="613"/>
      <c r="JOR667" s="613"/>
      <c r="JOS667" s="613"/>
      <c r="JOT667" s="613"/>
      <c r="JOU667" s="613"/>
      <c r="JOV667" s="613"/>
      <c r="JOW667" s="613"/>
      <c r="JOX667" s="613"/>
      <c r="JOY667" s="613"/>
      <c r="JOZ667" s="613"/>
      <c r="JPA667" s="613"/>
      <c r="JPB667" s="613"/>
      <c r="JPC667" s="613"/>
      <c r="JPD667" s="613"/>
      <c r="JPE667" s="613"/>
      <c r="JPF667" s="613"/>
      <c r="JPG667" s="613"/>
      <c r="JPH667" s="613"/>
      <c r="JPI667" s="613"/>
      <c r="JPJ667" s="613"/>
      <c r="JPK667" s="613"/>
      <c r="JPL667" s="613"/>
      <c r="JPM667" s="613"/>
      <c r="JPN667" s="613"/>
      <c r="JPO667" s="613"/>
      <c r="JPP667" s="613"/>
      <c r="JPQ667" s="613"/>
      <c r="JPR667" s="613"/>
      <c r="JPS667" s="613"/>
      <c r="JPT667" s="613"/>
      <c r="JPU667" s="613"/>
      <c r="JPV667" s="613"/>
      <c r="JPW667" s="613"/>
      <c r="JPX667" s="613"/>
      <c r="JPY667" s="613"/>
      <c r="JPZ667" s="613"/>
      <c r="JQA667" s="613"/>
      <c r="JQB667" s="613"/>
      <c r="JQC667" s="613"/>
      <c r="JQD667" s="613"/>
      <c r="JQE667" s="613"/>
      <c r="JQF667" s="613"/>
      <c r="JQG667" s="613"/>
      <c r="JQH667" s="613"/>
      <c r="JQI667" s="613"/>
      <c r="JQJ667" s="613"/>
      <c r="JQK667" s="613"/>
      <c r="JQL667" s="613"/>
      <c r="JQM667" s="613"/>
      <c r="JQN667" s="613"/>
      <c r="JQO667" s="613"/>
      <c r="JQP667" s="613"/>
      <c r="JQQ667" s="613"/>
      <c r="JQR667" s="613"/>
      <c r="JQS667" s="613"/>
      <c r="JQT667" s="613"/>
      <c r="JQU667" s="613"/>
      <c r="JQV667" s="613"/>
      <c r="JQW667" s="613"/>
      <c r="JQX667" s="613"/>
      <c r="JQY667" s="613"/>
      <c r="JQZ667" s="613"/>
      <c r="JRA667" s="613"/>
      <c r="JRB667" s="613"/>
      <c r="JRC667" s="613"/>
      <c r="JRD667" s="613"/>
      <c r="JRE667" s="613"/>
      <c r="JRF667" s="613"/>
      <c r="JRG667" s="613"/>
      <c r="JRH667" s="613"/>
      <c r="JRI667" s="613"/>
      <c r="JRJ667" s="613"/>
      <c r="JRK667" s="613"/>
      <c r="JRL667" s="613"/>
      <c r="JRM667" s="613"/>
      <c r="JRN667" s="613"/>
      <c r="JRO667" s="613"/>
      <c r="JRP667" s="613"/>
      <c r="JRQ667" s="613"/>
      <c r="JRR667" s="613"/>
      <c r="JRS667" s="613"/>
      <c r="JRT667" s="613"/>
      <c r="JRU667" s="613"/>
      <c r="JRV667" s="613"/>
      <c r="JRW667" s="613"/>
      <c r="JRX667" s="613"/>
      <c r="JRY667" s="613"/>
      <c r="JRZ667" s="613"/>
      <c r="JSA667" s="613"/>
      <c r="JSB667" s="613"/>
      <c r="JSC667" s="613"/>
      <c r="JSD667" s="613"/>
      <c r="JSE667" s="613"/>
      <c r="JSF667" s="613"/>
      <c r="JSG667" s="613"/>
      <c r="JSH667" s="613"/>
      <c r="JSI667" s="613"/>
      <c r="JSJ667" s="613"/>
      <c r="JSK667" s="613"/>
      <c r="JSL667" s="613"/>
      <c r="JSM667" s="613"/>
      <c r="JSN667" s="613"/>
      <c r="JSO667" s="613"/>
      <c r="JSP667" s="613"/>
      <c r="JSQ667" s="613"/>
      <c r="JSR667" s="613"/>
      <c r="JSS667" s="613"/>
      <c r="JST667" s="613"/>
      <c r="JSU667" s="613"/>
      <c r="JSV667" s="613"/>
      <c r="JSW667" s="613"/>
      <c r="JSX667" s="613"/>
      <c r="JSY667" s="613"/>
      <c r="JSZ667" s="613"/>
      <c r="JTA667" s="613"/>
      <c r="JTB667" s="613"/>
      <c r="JTC667" s="613"/>
      <c r="JTD667" s="613"/>
      <c r="JTE667" s="613"/>
      <c r="JTF667" s="613"/>
      <c r="JTG667" s="613"/>
      <c r="JTH667" s="613"/>
      <c r="JTI667" s="613"/>
      <c r="JTJ667" s="613"/>
      <c r="JTK667" s="613"/>
      <c r="JTL667" s="613"/>
      <c r="JTM667" s="613"/>
      <c r="JTN667" s="613"/>
      <c r="JTO667" s="613"/>
      <c r="JTP667" s="613"/>
      <c r="JTQ667" s="613"/>
      <c r="JTR667" s="613"/>
      <c r="JTS667" s="613"/>
      <c r="JTT667" s="613"/>
      <c r="JTU667" s="613"/>
      <c r="JTV667" s="613"/>
      <c r="JTW667" s="613"/>
      <c r="JTX667" s="613"/>
      <c r="JTY667" s="613"/>
      <c r="JTZ667" s="613"/>
      <c r="JUA667" s="613"/>
      <c r="JUB667" s="613"/>
      <c r="JUC667" s="613"/>
      <c r="JUD667" s="613"/>
      <c r="JUE667" s="613"/>
      <c r="JUF667" s="613"/>
      <c r="JUG667" s="613"/>
      <c r="JUH667" s="613"/>
      <c r="JUI667" s="613"/>
      <c r="JUJ667" s="613"/>
      <c r="JUK667" s="613"/>
      <c r="JUL667" s="613"/>
      <c r="JUM667" s="613"/>
      <c r="JUN667" s="613"/>
      <c r="JUO667" s="613"/>
      <c r="JUP667" s="613"/>
      <c r="JUQ667" s="613"/>
      <c r="JUR667" s="613"/>
      <c r="JUS667" s="613"/>
      <c r="JUT667" s="613"/>
      <c r="JUU667" s="613"/>
      <c r="JUV667" s="613"/>
      <c r="JUW667" s="613"/>
      <c r="JUX667" s="613"/>
      <c r="JUY667" s="613"/>
      <c r="JUZ667" s="613"/>
      <c r="JVA667" s="613"/>
      <c r="JVB667" s="613"/>
      <c r="JVC667" s="613"/>
      <c r="JVD667" s="613"/>
      <c r="JVE667" s="613"/>
      <c r="JVF667" s="613"/>
      <c r="JVG667" s="613"/>
      <c r="JVH667" s="613"/>
      <c r="JVI667" s="613"/>
      <c r="JVJ667" s="613"/>
      <c r="JVK667" s="613"/>
      <c r="JVL667" s="613"/>
      <c r="JVM667" s="613"/>
      <c r="JVN667" s="613"/>
      <c r="JVO667" s="613"/>
      <c r="JVP667" s="613"/>
      <c r="JVQ667" s="613"/>
      <c r="JVR667" s="613"/>
      <c r="JVS667" s="613"/>
      <c r="JVT667" s="613"/>
      <c r="JVU667" s="613"/>
      <c r="JVV667" s="613"/>
      <c r="JVW667" s="613"/>
      <c r="JVX667" s="613"/>
      <c r="JVY667" s="613"/>
      <c r="JVZ667" s="613"/>
      <c r="JWA667" s="613"/>
      <c r="JWB667" s="613"/>
      <c r="JWC667" s="613"/>
      <c r="JWD667" s="613"/>
      <c r="JWE667" s="613"/>
      <c r="JWF667" s="613"/>
      <c r="JWG667" s="613"/>
      <c r="JWH667" s="613"/>
      <c r="JWI667" s="613"/>
      <c r="JWJ667" s="613"/>
      <c r="JWK667" s="613"/>
      <c r="JWL667" s="613"/>
      <c r="JWM667" s="613"/>
      <c r="JWN667" s="613"/>
      <c r="JWO667" s="613"/>
      <c r="JWP667" s="613"/>
      <c r="JWQ667" s="613"/>
      <c r="JWR667" s="613"/>
      <c r="JWS667" s="613"/>
      <c r="JWT667" s="613"/>
      <c r="JWU667" s="613"/>
      <c r="JWV667" s="613"/>
      <c r="JWW667" s="613"/>
      <c r="JWX667" s="613"/>
      <c r="JWY667" s="613"/>
      <c r="JWZ667" s="613"/>
      <c r="JXA667" s="613"/>
      <c r="JXB667" s="613"/>
      <c r="JXC667" s="613"/>
      <c r="JXD667" s="613"/>
      <c r="JXE667" s="613"/>
      <c r="JXF667" s="613"/>
      <c r="JXG667" s="613"/>
      <c r="JXH667" s="613"/>
      <c r="JXI667" s="613"/>
      <c r="JXJ667" s="613"/>
      <c r="JXK667" s="613"/>
      <c r="JXL667" s="613"/>
      <c r="JXM667" s="613"/>
      <c r="JXN667" s="613"/>
      <c r="JXO667" s="613"/>
      <c r="JXP667" s="613"/>
      <c r="JXQ667" s="613"/>
      <c r="JXR667" s="613"/>
      <c r="JXS667" s="613"/>
      <c r="JXT667" s="613"/>
      <c r="JXU667" s="613"/>
      <c r="JXV667" s="613"/>
      <c r="JXW667" s="613"/>
      <c r="JXX667" s="613"/>
      <c r="JXY667" s="613"/>
      <c r="JXZ667" s="613"/>
      <c r="JYA667" s="613"/>
      <c r="JYB667" s="613"/>
      <c r="JYC667" s="613"/>
      <c r="JYD667" s="613"/>
      <c r="JYE667" s="613"/>
      <c r="JYF667" s="613"/>
      <c r="JYG667" s="613"/>
      <c r="JYH667" s="613"/>
      <c r="JYI667" s="613"/>
      <c r="JYJ667" s="613"/>
      <c r="JYK667" s="613"/>
      <c r="JYL667" s="613"/>
      <c r="JYM667" s="613"/>
      <c r="JYN667" s="613"/>
      <c r="JYO667" s="613"/>
      <c r="JYP667" s="613"/>
      <c r="JYQ667" s="613"/>
      <c r="JYR667" s="613"/>
      <c r="JYS667" s="613"/>
      <c r="JYT667" s="613"/>
      <c r="JYU667" s="613"/>
      <c r="JYV667" s="613"/>
      <c r="JYW667" s="613"/>
      <c r="JYX667" s="613"/>
      <c r="JYY667" s="613"/>
      <c r="JYZ667" s="613"/>
      <c r="JZA667" s="613"/>
      <c r="JZB667" s="613"/>
      <c r="JZC667" s="613"/>
      <c r="JZD667" s="613"/>
      <c r="JZE667" s="613"/>
      <c r="JZF667" s="613"/>
      <c r="JZG667" s="613"/>
      <c r="JZH667" s="613"/>
      <c r="JZI667" s="613"/>
      <c r="JZJ667" s="613"/>
      <c r="JZK667" s="613"/>
      <c r="JZL667" s="613"/>
      <c r="JZM667" s="613"/>
      <c r="JZN667" s="613"/>
      <c r="JZO667" s="613"/>
      <c r="JZP667" s="613"/>
      <c r="JZQ667" s="613"/>
      <c r="JZR667" s="613"/>
      <c r="JZS667" s="613"/>
      <c r="JZT667" s="613"/>
      <c r="JZU667" s="613"/>
      <c r="JZV667" s="613"/>
      <c r="JZW667" s="613"/>
      <c r="JZX667" s="613"/>
      <c r="JZY667" s="613"/>
      <c r="JZZ667" s="613"/>
      <c r="KAA667" s="613"/>
      <c r="KAB667" s="613"/>
      <c r="KAC667" s="613"/>
      <c r="KAD667" s="613"/>
      <c r="KAE667" s="613"/>
      <c r="KAF667" s="613"/>
      <c r="KAG667" s="613"/>
      <c r="KAH667" s="613"/>
      <c r="KAI667" s="613"/>
      <c r="KAJ667" s="613"/>
      <c r="KAK667" s="613"/>
      <c r="KAL667" s="613"/>
      <c r="KAM667" s="613"/>
      <c r="KAN667" s="613"/>
      <c r="KAO667" s="613"/>
      <c r="KAP667" s="613"/>
      <c r="KAQ667" s="613"/>
      <c r="KAR667" s="613"/>
      <c r="KAS667" s="613"/>
      <c r="KAT667" s="613"/>
      <c r="KAU667" s="613"/>
      <c r="KAV667" s="613"/>
      <c r="KAW667" s="613"/>
      <c r="KAX667" s="613"/>
      <c r="KAY667" s="613"/>
      <c r="KAZ667" s="613"/>
      <c r="KBA667" s="613"/>
      <c r="KBB667" s="613"/>
      <c r="KBC667" s="613"/>
      <c r="KBD667" s="613"/>
      <c r="KBE667" s="613"/>
      <c r="KBF667" s="613"/>
      <c r="KBG667" s="613"/>
      <c r="KBH667" s="613"/>
      <c r="KBI667" s="613"/>
      <c r="KBJ667" s="613"/>
      <c r="KBK667" s="613"/>
      <c r="KBL667" s="613"/>
      <c r="KBM667" s="613"/>
      <c r="KBN667" s="613"/>
      <c r="KBO667" s="613"/>
      <c r="KBP667" s="613"/>
      <c r="KBQ667" s="613"/>
      <c r="KBR667" s="613"/>
      <c r="KBS667" s="613"/>
      <c r="KBT667" s="613"/>
      <c r="KBU667" s="613"/>
      <c r="KBV667" s="613"/>
      <c r="KBW667" s="613"/>
      <c r="KBX667" s="613"/>
      <c r="KBY667" s="613"/>
      <c r="KBZ667" s="613"/>
      <c r="KCA667" s="613"/>
      <c r="KCB667" s="613"/>
      <c r="KCC667" s="613"/>
      <c r="KCD667" s="613"/>
      <c r="KCE667" s="613"/>
      <c r="KCF667" s="613"/>
      <c r="KCG667" s="613"/>
      <c r="KCH667" s="613"/>
      <c r="KCI667" s="613"/>
      <c r="KCJ667" s="613"/>
      <c r="KCK667" s="613"/>
      <c r="KCL667" s="613"/>
      <c r="KCM667" s="613"/>
      <c r="KCN667" s="613"/>
      <c r="KCO667" s="613"/>
      <c r="KCP667" s="613"/>
      <c r="KCQ667" s="613"/>
      <c r="KCR667" s="613"/>
      <c r="KCS667" s="613"/>
      <c r="KCT667" s="613"/>
      <c r="KCU667" s="613"/>
      <c r="KCV667" s="613"/>
      <c r="KCW667" s="613"/>
      <c r="KCX667" s="613"/>
      <c r="KCY667" s="613"/>
      <c r="KCZ667" s="613"/>
      <c r="KDA667" s="613"/>
      <c r="KDB667" s="613"/>
      <c r="KDC667" s="613"/>
      <c r="KDD667" s="613"/>
      <c r="KDE667" s="613"/>
      <c r="KDF667" s="613"/>
      <c r="KDG667" s="613"/>
      <c r="KDH667" s="613"/>
      <c r="KDI667" s="613"/>
      <c r="KDJ667" s="613"/>
      <c r="KDK667" s="613"/>
      <c r="KDL667" s="613"/>
      <c r="KDM667" s="613"/>
      <c r="KDN667" s="613"/>
      <c r="KDO667" s="613"/>
      <c r="KDP667" s="613"/>
      <c r="KDQ667" s="613"/>
      <c r="KDR667" s="613"/>
      <c r="KDS667" s="613"/>
      <c r="KDT667" s="613"/>
      <c r="KDU667" s="613"/>
      <c r="KDV667" s="613"/>
      <c r="KDW667" s="613"/>
      <c r="KDX667" s="613"/>
      <c r="KDY667" s="613"/>
      <c r="KDZ667" s="613"/>
      <c r="KEA667" s="613"/>
      <c r="KEB667" s="613"/>
      <c r="KEC667" s="613"/>
      <c r="KED667" s="613"/>
      <c r="KEE667" s="613"/>
      <c r="KEF667" s="613"/>
      <c r="KEG667" s="613"/>
      <c r="KEH667" s="613"/>
      <c r="KEI667" s="613"/>
      <c r="KEJ667" s="613"/>
      <c r="KEK667" s="613"/>
      <c r="KEL667" s="613"/>
      <c r="KEM667" s="613"/>
      <c r="KEN667" s="613"/>
      <c r="KEO667" s="613"/>
      <c r="KEP667" s="613"/>
      <c r="KEQ667" s="613"/>
      <c r="KER667" s="613"/>
      <c r="KES667" s="613"/>
      <c r="KET667" s="613"/>
      <c r="KEU667" s="613"/>
      <c r="KEV667" s="613"/>
      <c r="KEW667" s="613"/>
      <c r="KEX667" s="613"/>
      <c r="KEY667" s="613"/>
      <c r="KEZ667" s="613"/>
      <c r="KFA667" s="613"/>
      <c r="KFB667" s="613"/>
      <c r="KFC667" s="613"/>
      <c r="KFD667" s="613"/>
      <c r="KFE667" s="613"/>
      <c r="KFF667" s="613"/>
      <c r="KFG667" s="613"/>
      <c r="KFH667" s="613"/>
      <c r="KFI667" s="613"/>
      <c r="KFJ667" s="613"/>
      <c r="KFK667" s="613"/>
      <c r="KFL667" s="613"/>
      <c r="KFM667" s="613"/>
      <c r="KFN667" s="613"/>
      <c r="KFO667" s="613"/>
      <c r="KFP667" s="613"/>
      <c r="KFQ667" s="613"/>
      <c r="KFR667" s="613"/>
      <c r="KFS667" s="613"/>
      <c r="KFT667" s="613"/>
      <c r="KFU667" s="613"/>
      <c r="KFV667" s="613"/>
      <c r="KFW667" s="613"/>
      <c r="KFX667" s="613"/>
      <c r="KFY667" s="613"/>
      <c r="KFZ667" s="613"/>
      <c r="KGA667" s="613"/>
      <c r="KGB667" s="613"/>
      <c r="KGC667" s="613"/>
      <c r="KGD667" s="613"/>
      <c r="KGE667" s="613"/>
      <c r="KGF667" s="613"/>
      <c r="KGG667" s="613"/>
      <c r="KGH667" s="613"/>
      <c r="KGI667" s="613"/>
      <c r="KGJ667" s="613"/>
      <c r="KGK667" s="613"/>
      <c r="KGL667" s="613"/>
      <c r="KGM667" s="613"/>
      <c r="KGN667" s="613"/>
      <c r="KGO667" s="613"/>
      <c r="KGP667" s="613"/>
      <c r="KGQ667" s="613"/>
      <c r="KGR667" s="613"/>
      <c r="KGS667" s="613"/>
      <c r="KGT667" s="613"/>
      <c r="KGU667" s="613"/>
      <c r="KGV667" s="613"/>
      <c r="KGW667" s="613"/>
      <c r="KGX667" s="613"/>
      <c r="KGY667" s="613"/>
      <c r="KGZ667" s="613"/>
      <c r="KHA667" s="613"/>
      <c r="KHB667" s="613"/>
      <c r="KHC667" s="613"/>
      <c r="KHD667" s="613"/>
      <c r="KHE667" s="613"/>
      <c r="KHF667" s="613"/>
      <c r="KHG667" s="613"/>
      <c r="KHH667" s="613"/>
      <c r="KHI667" s="613"/>
      <c r="KHJ667" s="613"/>
      <c r="KHK667" s="613"/>
      <c r="KHL667" s="613"/>
      <c r="KHM667" s="613"/>
      <c r="KHN667" s="613"/>
      <c r="KHO667" s="613"/>
      <c r="KHP667" s="613"/>
      <c r="KHQ667" s="613"/>
      <c r="KHR667" s="613"/>
      <c r="KHS667" s="613"/>
      <c r="KHT667" s="613"/>
      <c r="KHU667" s="613"/>
      <c r="KHV667" s="613"/>
      <c r="KHW667" s="613"/>
      <c r="KHX667" s="613"/>
      <c r="KHY667" s="613"/>
      <c r="KHZ667" s="613"/>
      <c r="KIA667" s="613"/>
      <c r="KIB667" s="613"/>
      <c r="KIC667" s="613"/>
      <c r="KID667" s="613"/>
      <c r="KIE667" s="613"/>
      <c r="KIF667" s="613"/>
      <c r="KIG667" s="613"/>
      <c r="KIH667" s="613"/>
      <c r="KII667" s="613"/>
      <c r="KIJ667" s="613"/>
      <c r="KIK667" s="613"/>
      <c r="KIL667" s="613"/>
      <c r="KIM667" s="613"/>
      <c r="KIN667" s="613"/>
      <c r="KIO667" s="613"/>
      <c r="KIP667" s="613"/>
      <c r="KIQ667" s="613"/>
      <c r="KIR667" s="613"/>
      <c r="KIS667" s="613"/>
      <c r="KIT667" s="613"/>
      <c r="KIU667" s="613"/>
      <c r="KIV667" s="613"/>
      <c r="KIW667" s="613"/>
      <c r="KIX667" s="613"/>
      <c r="KIY667" s="613"/>
      <c r="KIZ667" s="613"/>
      <c r="KJA667" s="613"/>
      <c r="KJB667" s="613"/>
      <c r="KJC667" s="613"/>
      <c r="KJD667" s="613"/>
      <c r="KJE667" s="613"/>
      <c r="KJF667" s="613"/>
      <c r="KJG667" s="613"/>
      <c r="KJH667" s="613"/>
      <c r="KJI667" s="613"/>
      <c r="KJJ667" s="613"/>
      <c r="KJK667" s="613"/>
      <c r="KJL667" s="613"/>
      <c r="KJM667" s="613"/>
      <c r="KJN667" s="613"/>
      <c r="KJO667" s="613"/>
      <c r="KJP667" s="613"/>
      <c r="KJQ667" s="613"/>
      <c r="KJR667" s="613"/>
      <c r="KJS667" s="613"/>
      <c r="KJT667" s="613"/>
      <c r="KJU667" s="613"/>
      <c r="KJV667" s="613"/>
      <c r="KJW667" s="613"/>
      <c r="KJX667" s="613"/>
      <c r="KJY667" s="613"/>
      <c r="KJZ667" s="613"/>
      <c r="KKA667" s="613"/>
      <c r="KKB667" s="613"/>
      <c r="KKC667" s="613"/>
      <c r="KKD667" s="613"/>
      <c r="KKE667" s="613"/>
      <c r="KKF667" s="613"/>
      <c r="KKG667" s="613"/>
      <c r="KKH667" s="613"/>
      <c r="KKI667" s="613"/>
      <c r="KKJ667" s="613"/>
      <c r="KKK667" s="613"/>
      <c r="KKL667" s="613"/>
      <c r="KKM667" s="613"/>
      <c r="KKN667" s="613"/>
      <c r="KKO667" s="613"/>
      <c r="KKP667" s="613"/>
      <c r="KKQ667" s="613"/>
      <c r="KKR667" s="613"/>
      <c r="KKS667" s="613"/>
      <c r="KKT667" s="613"/>
      <c r="KKU667" s="613"/>
      <c r="KKV667" s="613"/>
      <c r="KKW667" s="613"/>
      <c r="KKX667" s="613"/>
      <c r="KKY667" s="613"/>
      <c r="KKZ667" s="613"/>
      <c r="KLA667" s="613"/>
      <c r="KLB667" s="613"/>
      <c r="KLC667" s="613"/>
      <c r="KLD667" s="613"/>
      <c r="KLE667" s="613"/>
      <c r="KLF667" s="613"/>
      <c r="KLG667" s="613"/>
      <c r="KLH667" s="613"/>
      <c r="KLI667" s="613"/>
      <c r="KLJ667" s="613"/>
      <c r="KLK667" s="613"/>
      <c r="KLL667" s="613"/>
      <c r="KLM667" s="613"/>
      <c r="KLN667" s="613"/>
      <c r="KLO667" s="613"/>
      <c r="KLP667" s="613"/>
      <c r="KLQ667" s="613"/>
      <c r="KLR667" s="613"/>
      <c r="KLS667" s="613"/>
      <c r="KLT667" s="613"/>
      <c r="KLU667" s="613"/>
      <c r="KLV667" s="613"/>
      <c r="KLW667" s="613"/>
      <c r="KLX667" s="613"/>
      <c r="KLY667" s="613"/>
      <c r="KLZ667" s="613"/>
      <c r="KMA667" s="613"/>
      <c r="KMB667" s="613"/>
      <c r="KMC667" s="613"/>
      <c r="KMD667" s="613"/>
      <c r="KME667" s="613"/>
      <c r="KMF667" s="613"/>
      <c r="KMG667" s="613"/>
      <c r="KMH667" s="613"/>
      <c r="KMI667" s="613"/>
      <c r="KMJ667" s="613"/>
      <c r="KMK667" s="613"/>
      <c r="KML667" s="613"/>
      <c r="KMM667" s="613"/>
      <c r="KMN667" s="613"/>
      <c r="KMO667" s="613"/>
      <c r="KMP667" s="613"/>
      <c r="KMQ667" s="613"/>
      <c r="KMR667" s="613"/>
      <c r="KMS667" s="613"/>
      <c r="KMT667" s="613"/>
      <c r="KMU667" s="613"/>
      <c r="KMV667" s="613"/>
      <c r="KMW667" s="613"/>
      <c r="KMX667" s="613"/>
      <c r="KMY667" s="613"/>
      <c r="KMZ667" s="613"/>
      <c r="KNA667" s="613"/>
      <c r="KNB667" s="613"/>
      <c r="KNC667" s="613"/>
      <c r="KND667" s="613"/>
      <c r="KNE667" s="613"/>
      <c r="KNF667" s="613"/>
      <c r="KNG667" s="613"/>
      <c r="KNH667" s="613"/>
      <c r="KNI667" s="613"/>
      <c r="KNJ667" s="613"/>
      <c r="KNK667" s="613"/>
      <c r="KNL667" s="613"/>
      <c r="KNM667" s="613"/>
      <c r="KNN667" s="613"/>
      <c r="KNO667" s="613"/>
      <c r="KNP667" s="613"/>
      <c r="KNQ667" s="613"/>
      <c r="KNR667" s="613"/>
      <c r="KNS667" s="613"/>
      <c r="KNT667" s="613"/>
      <c r="KNU667" s="613"/>
      <c r="KNV667" s="613"/>
      <c r="KNW667" s="613"/>
      <c r="KNX667" s="613"/>
      <c r="KNY667" s="613"/>
      <c r="KNZ667" s="613"/>
      <c r="KOA667" s="613"/>
      <c r="KOB667" s="613"/>
      <c r="KOC667" s="613"/>
      <c r="KOD667" s="613"/>
      <c r="KOE667" s="613"/>
      <c r="KOF667" s="613"/>
      <c r="KOG667" s="613"/>
      <c r="KOH667" s="613"/>
      <c r="KOI667" s="613"/>
      <c r="KOJ667" s="613"/>
      <c r="KOK667" s="613"/>
      <c r="KOL667" s="613"/>
      <c r="KOM667" s="613"/>
      <c r="KON667" s="613"/>
      <c r="KOO667" s="613"/>
      <c r="KOP667" s="613"/>
      <c r="KOQ667" s="613"/>
      <c r="KOR667" s="613"/>
      <c r="KOS667" s="613"/>
      <c r="KOT667" s="613"/>
      <c r="KOU667" s="613"/>
      <c r="KOV667" s="613"/>
      <c r="KOW667" s="613"/>
      <c r="KOX667" s="613"/>
      <c r="KOY667" s="613"/>
      <c r="KOZ667" s="613"/>
      <c r="KPA667" s="613"/>
      <c r="KPB667" s="613"/>
      <c r="KPC667" s="613"/>
      <c r="KPD667" s="613"/>
      <c r="KPE667" s="613"/>
      <c r="KPF667" s="613"/>
      <c r="KPG667" s="613"/>
      <c r="KPH667" s="613"/>
      <c r="KPI667" s="613"/>
      <c r="KPJ667" s="613"/>
      <c r="KPK667" s="613"/>
      <c r="KPL667" s="613"/>
      <c r="KPM667" s="613"/>
      <c r="KPN667" s="613"/>
      <c r="KPO667" s="613"/>
      <c r="KPP667" s="613"/>
      <c r="KPQ667" s="613"/>
      <c r="KPR667" s="613"/>
      <c r="KPS667" s="613"/>
      <c r="KPT667" s="613"/>
      <c r="KPU667" s="613"/>
      <c r="KPV667" s="613"/>
      <c r="KPW667" s="613"/>
      <c r="KPX667" s="613"/>
      <c r="KPY667" s="613"/>
      <c r="KPZ667" s="613"/>
      <c r="KQA667" s="613"/>
      <c r="KQB667" s="613"/>
      <c r="KQC667" s="613"/>
      <c r="KQD667" s="613"/>
      <c r="KQE667" s="613"/>
      <c r="KQF667" s="613"/>
      <c r="KQG667" s="613"/>
      <c r="KQH667" s="613"/>
      <c r="KQI667" s="613"/>
      <c r="KQJ667" s="613"/>
      <c r="KQK667" s="613"/>
      <c r="KQL667" s="613"/>
      <c r="KQM667" s="613"/>
      <c r="KQN667" s="613"/>
      <c r="KQO667" s="613"/>
      <c r="KQP667" s="613"/>
      <c r="KQQ667" s="613"/>
      <c r="KQR667" s="613"/>
      <c r="KQS667" s="613"/>
      <c r="KQT667" s="613"/>
      <c r="KQU667" s="613"/>
      <c r="KQV667" s="613"/>
      <c r="KQW667" s="613"/>
      <c r="KQX667" s="613"/>
      <c r="KQY667" s="613"/>
      <c r="KQZ667" s="613"/>
      <c r="KRA667" s="613"/>
      <c r="KRB667" s="613"/>
      <c r="KRC667" s="613"/>
      <c r="KRD667" s="613"/>
      <c r="KRE667" s="613"/>
      <c r="KRF667" s="613"/>
      <c r="KRG667" s="613"/>
      <c r="KRH667" s="613"/>
      <c r="KRI667" s="613"/>
      <c r="KRJ667" s="613"/>
      <c r="KRK667" s="613"/>
      <c r="KRL667" s="613"/>
      <c r="KRM667" s="613"/>
      <c r="KRN667" s="613"/>
      <c r="KRO667" s="613"/>
      <c r="KRP667" s="613"/>
      <c r="KRQ667" s="613"/>
      <c r="KRR667" s="613"/>
      <c r="KRS667" s="613"/>
      <c r="KRT667" s="613"/>
      <c r="KRU667" s="613"/>
      <c r="KRV667" s="613"/>
      <c r="KRW667" s="613"/>
      <c r="KRX667" s="613"/>
      <c r="KRY667" s="613"/>
      <c r="KRZ667" s="613"/>
      <c r="KSA667" s="613"/>
      <c r="KSB667" s="613"/>
      <c r="KSC667" s="613"/>
      <c r="KSD667" s="613"/>
      <c r="KSE667" s="613"/>
      <c r="KSF667" s="613"/>
      <c r="KSG667" s="613"/>
      <c r="KSH667" s="613"/>
      <c r="KSI667" s="613"/>
      <c r="KSJ667" s="613"/>
      <c r="KSK667" s="613"/>
      <c r="KSL667" s="613"/>
      <c r="KSM667" s="613"/>
      <c r="KSN667" s="613"/>
      <c r="KSO667" s="613"/>
      <c r="KSP667" s="613"/>
      <c r="KSQ667" s="613"/>
      <c r="KSR667" s="613"/>
      <c r="KSS667" s="613"/>
      <c r="KST667" s="613"/>
      <c r="KSU667" s="613"/>
      <c r="KSV667" s="613"/>
      <c r="KSW667" s="613"/>
      <c r="KSX667" s="613"/>
      <c r="KSY667" s="613"/>
      <c r="KSZ667" s="613"/>
      <c r="KTA667" s="613"/>
      <c r="KTB667" s="613"/>
      <c r="KTC667" s="613"/>
      <c r="KTD667" s="613"/>
      <c r="KTE667" s="613"/>
      <c r="KTF667" s="613"/>
      <c r="KTG667" s="613"/>
      <c r="KTH667" s="613"/>
      <c r="KTI667" s="613"/>
      <c r="KTJ667" s="613"/>
      <c r="KTK667" s="613"/>
      <c r="KTL667" s="613"/>
      <c r="KTM667" s="613"/>
      <c r="KTN667" s="613"/>
      <c r="KTO667" s="613"/>
      <c r="KTP667" s="613"/>
      <c r="KTQ667" s="613"/>
      <c r="KTR667" s="613"/>
      <c r="KTS667" s="613"/>
      <c r="KTT667" s="613"/>
      <c r="KTU667" s="613"/>
      <c r="KTV667" s="613"/>
      <c r="KTW667" s="613"/>
      <c r="KTX667" s="613"/>
      <c r="KTY667" s="613"/>
      <c r="KTZ667" s="613"/>
      <c r="KUA667" s="613"/>
      <c r="KUB667" s="613"/>
      <c r="KUC667" s="613"/>
      <c r="KUD667" s="613"/>
      <c r="KUE667" s="613"/>
      <c r="KUF667" s="613"/>
      <c r="KUG667" s="613"/>
      <c r="KUH667" s="613"/>
      <c r="KUI667" s="613"/>
      <c r="KUJ667" s="613"/>
      <c r="KUK667" s="613"/>
      <c r="KUL667" s="613"/>
      <c r="KUM667" s="613"/>
      <c r="KUN667" s="613"/>
      <c r="KUO667" s="613"/>
      <c r="KUP667" s="613"/>
      <c r="KUQ667" s="613"/>
      <c r="KUR667" s="613"/>
      <c r="KUS667" s="613"/>
      <c r="KUT667" s="613"/>
      <c r="KUU667" s="613"/>
      <c r="KUV667" s="613"/>
      <c r="KUW667" s="613"/>
      <c r="KUX667" s="613"/>
      <c r="KUY667" s="613"/>
      <c r="KUZ667" s="613"/>
      <c r="KVA667" s="613"/>
      <c r="KVB667" s="613"/>
      <c r="KVC667" s="613"/>
      <c r="KVD667" s="613"/>
      <c r="KVE667" s="613"/>
      <c r="KVF667" s="613"/>
      <c r="KVG667" s="613"/>
      <c r="KVH667" s="613"/>
      <c r="KVI667" s="613"/>
      <c r="KVJ667" s="613"/>
      <c r="KVK667" s="613"/>
      <c r="KVL667" s="613"/>
      <c r="KVM667" s="613"/>
      <c r="KVN667" s="613"/>
      <c r="KVO667" s="613"/>
      <c r="KVP667" s="613"/>
      <c r="KVQ667" s="613"/>
      <c r="KVR667" s="613"/>
      <c r="KVS667" s="613"/>
      <c r="KVT667" s="613"/>
      <c r="KVU667" s="613"/>
      <c r="KVV667" s="613"/>
      <c r="KVW667" s="613"/>
      <c r="KVX667" s="613"/>
      <c r="KVY667" s="613"/>
      <c r="KVZ667" s="613"/>
      <c r="KWA667" s="613"/>
      <c r="KWB667" s="613"/>
      <c r="KWC667" s="613"/>
      <c r="KWD667" s="613"/>
      <c r="KWE667" s="613"/>
      <c r="KWF667" s="613"/>
      <c r="KWG667" s="613"/>
      <c r="KWH667" s="613"/>
      <c r="KWI667" s="613"/>
      <c r="KWJ667" s="613"/>
      <c r="KWK667" s="613"/>
      <c r="KWL667" s="613"/>
      <c r="KWM667" s="613"/>
      <c r="KWN667" s="613"/>
      <c r="KWO667" s="613"/>
      <c r="KWP667" s="613"/>
      <c r="KWQ667" s="613"/>
      <c r="KWR667" s="613"/>
      <c r="KWS667" s="613"/>
      <c r="KWT667" s="613"/>
      <c r="KWU667" s="613"/>
      <c r="KWV667" s="613"/>
      <c r="KWW667" s="613"/>
      <c r="KWX667" s="613"/>
      <c r="KWY667" s="613"/>
      <c r="KWZ667" s="613"/>
      <c r="KXA667" s="613"/>
      <c r="KXB667" s="613"/>
      <c r="KXC667" s="613"/>
      <c r="KXD667" s="613"/>
      <c r="KXE667" s="613"/>
      <c r="KXF667" s="613"/>
      <c r="KXG667" s="613"/>
      <c r="KXH667" s="613"/>
      <c r="KXI667" s="613"/>
      <c r="KXJ667" s="613"/>
      <c r="KXK667" s="613"/>
      <c r="KXL667" s="613"/>
      <c r="KXM667" s="613"/>
      <c r="KXN667" s="613"/>
      <c r="KXO667" s="613"/>
      <c r="KXP667" s="613"/>
      <c r="KXQ667" s="613"/>
      <c r="KXR667" s="613"/>
      <c r="KXS667" s="613"/>
      <c r="KXT667" s="613"/>
      <c r="KXU667" s="613"/>
      <c r="KXV667" s="613"/>
      <c r="KXW667" s="613"/>
      <c r="KXX667" s="613"/>
      <c r="KXY667" s="613"/>
      <c r="KXZ667" s="613"/>
      <c r="KYA667" s="613"/>
      <c r="KYB667" s="613"/>
      <c r="KYC667" s="613"/>
      <c r="KYD667" s="613"/>
      <c r="KYE667" s="613"/>
      <c r="KYF667" s="613"/>
      <c r="KYG667" s="613"/>
      <c r="KYH667" s="613"/>
      <c r="KYI667" s="613"/>
      <c r="KYJ667" s="613"/>
      <c r="KYK667" s="613"/>
      <c r="KYL667" s="613"/>
      <c r="KYM667" s="613"/>
      <c r="KYN667" s="613"/>
      <c r="KYO667" s="613"/>
      <c r="KYP667" s="613"/>
      <c r="KYQ667" s="613"/>
      <c r="KYR667" s="613"/>
      <c r="KYS667" s="613"/>
      <c r="KYT667" s="613"/>
      <c r="KYU667" s="613"/>
      <c r="KYV667" s="613"/>
      <c r="KYW667" s="613"/>
      <c r="KYX667" s="613"/>
      <c r="KYY667" s="613"/>
      <c r="KYZ667" s="613"/>
      <c r="KZA667" s="613"/>
      <c r="KZB667" s="613"/>
      <c r="KZC667" s="613"/>
      <c r="KZD667" s="613"/>
      <c r="KZE667" s="613"/>
      <c r="KZF667" s="613"/>
      <c r="KZG667" s="613"/>
      <c r="KZH667" s="613"/>
      <c r="KZI667" s="613"/>
      <c r="KZJ667" s="613"/>
      <c r="KZK667" s="613"/>
      <c r="KZL667" s="613"/>
      <c r="KZM667" s="613"/>
      <c r="KZN667" s="613"/>
      <c r="KZO667" s="613"/>
      <c r="KZP667" s="613"/>
      <c r="KZQ667" s="613"/>
      <c r="KZR667" s="613"/>
      <c r="KZS667" s="613"/>
      <c r="KZT667" s="613"/>
      <c r="KZU667" s="613"/>
      <c r="KZV667" s="613"/>
      <c r="KZW667" s="613"/>
      <c r="KZX667" s="613"/>
      <c r="KZY667" s="613"/>
      <c r="KZZ667" s="613"/>
      <c r="LAA667" s="613"/>
      <c r="LAB667" s="613"/>
      <c r="LAC667" s="613"/>
      <c r="LAD667" s="613"/>
      <c r="LAE667" s="613"/>
      <c r="LAF667" s="613"/>
      <c r="LAG667" s="613"/>
      <c r="LAH667" s="613"/>
      <c r="LAI667" s="613"/>
      <c r="LAJ667" s="613"/>
      <c r="LAK667" s="613"/>
      <c r="LAL667" s="613"/>
      <c r="LAM667" s="613"/>
      <c r="LAN667" s="613"/>
      <c r="LAO667" s="613"/>
      <c r="LAP667" s="613"/>
      <c r="LAQ667" s="613"/>
      <c r="LAR667" s="613"/>
      <c r="LAS667" s="613"/>
      <c r="LAT667" s="613"/>
      <c r="LAU667" s="613"/>
      <c r="LAV667" s="613"/>
      <c r="LAW667" s="613"/>
      <c r="LAX667" s="613"/>
      <c r="LAY667" s="613"/>
      <c r="LAZ667" s="613"/>
      <c r="LBA667" s="613"/>
      <c r="LBB667" s="613"/>
      <c r="LBC667" s="613"/>
      <c r="LBD667" s="613"/>
      <c r="LBE667" s="613"/>
      <c r="LBF667" s="613"/>
      <c r="LBG667" s="613"/>
      <c r="LBH667" s="613"/>
      <c r="LBI667" s="613"/>
      <c r="LBJ667" s="613"/>
      <c r="LBK667" s="613"/>
      <c r="LBL667" s="613"/>
      <c r="LBM667" s="613"/>
      <c r="LBN667" s="613"/>
      <c r="LBO667" s="613"/>
      <c r="LBP667" s="613"/>
      <c r="LBQ667" s="613"/>
      <c r="LBR667" s="613"/>
      <c r="LBS667" s="613"/>
      <c r="LBT667" s="613"/>
      <c r="LBU667" s="613"/>
      <c r="LBV667" s="613"/>
      <c r="LBW667" s="613"/>
      <c r="LBX667" s="613"/>
      <c r="LBY667" s="613"/>
      <c r="LBZ667" s="613"/>
      <c r="LCA667" s="613"/>
      <c r="LCB667" s="613"/>
      <c r="LCC667" s="613"/>
      <c r="LCD667" s="613"/>
      <c r="LCE667" s="613"/>
      <c r="LCF667" s="613"/>
      <c r="LCG667" s="613"/>
      <c r="LCH667" s="613"/>
      <c r="LCI667" s="613"/>
      <c r="LCJ667" s="613"/>
      <c r="LCK667" s="613"/>
      <c r="LCL667" s="613"/>
      <c r="LCM667" s="613"/>
      <c r="LCN667" s="613"/>
      <c r="LCO667" s="613"/>
      <c r="LCP667" s="613"/>
      <c r="LCQ667" s="613"/>
      <c r="LCR667" s="613"/>
      <c r="LCS667" s="613"/>
      <c r="LCT667" s="613"/>
      <c r="LCU667" s="613"/>
      <c r="LCV667" s="613"/>
      <c r="LCW667" s="613"/>
      <c r="LCX667" s="613"/>
      <c r="LCY667" s="613"/>
      <c r="LCZ667" s="613"/>
      <c r="LDA667" s="613"/>
      <c r="LDB667" s="613"/>
      <c r="LDC667" s="613"/>
      <c r="LDD667" s="613"/>
      <c r="LDE667" s="613"/>
      <c r="LDF667" s="613"/>
      <c r="LDG667" s="613"/>
      <c r="LDH667" s="613"/>
      <c r="LDI667" s="613"/>
      <c r="LDJ667" s="613"/>
      <c r="LDK667" s="613"/>
      <c r="LDL667" s="613"/>
      <c r="LDM667" s="613"/>
      <c r="LDN667" s="613"/>
      <c r="LDO667" s="613"/>
      <c r="LDP667" s="613"/>
      <c r="LDQ667" s="613"/>
      <c r="LDR667" s="613"/>
      <c r="LDS667" s="613"/>
      <c r="LDT667" s="613"/>
      <c r="LDU667" s="613"/>
      <c r="LDV667" s="613"/>
      <c r="LDW667" s="613"/>
      <c r="LDX667" s="613"/>
      <c r="LDY667" s="613"/>
      <c r="LDZ667" s="613"/>
      <c r="LEA667" s="613"/>
      <c r="LEB667" s="613"/>
      <c r="LEC667" s="613"/>
      <c r="LED667" s="613"/>
      <c r="LEE667" s="613"/>
      <c r="LEF667" s="613"/>
      <c r="LEG667" s="613"/>
      <c r="LEH667" s="613"/>
      <c r="LEI667" s="613"/>
      <c r="LEJ667" s="613"/>
      <c r="LEK667" s="613"/>
      <c r="LEL667" s="613"/>
      <c r="LEM667" s="613"/>
      <c r="LEN667" s="613"/>
      <c r="LEO667" s="613"/>
      <c r="LEP667" s="613"/>
      <c r="LEQ667" s="613"/>
      <c r="LER667" s="613"/>
      <c r="LES667" s="613"/>
      <c r="LET667" s="613"/>
      <c r="LEU667" s="613"/>
      <c r="LEV667" s="613"/>
      <c r="LEW667" s="613"/>
      <c r="LEX667" s="613"/>
      <c r="LEY667" s="613"/>
      <c r="LEZ667" s="613"/>
      <c r="LFA667" s="613"/>
      <c r="LFB667" s="613"/>
      <c r="LFC667" s="613"/>
      <c r="LFD667" s="613"/>
      <c r="LFE667" s="613"/>
      <c r="LFF667" s="613"/>
      <c r="LFG667" s="613"/>
      <c r="LFH667" s="613"/>
      <c r="LFI667" s="613"/>
      <c r="LFJ667" s="613"/>
      <c r="LFK667" s="613"/>
      <c r="LFL667" s="613"/>
      <c r="LFM667" s="613"/>
      <c r="LFN667" s="613"/>
      <c r="LFO667" s="613"/>
      <c r="LFP667" s="613"/>
      <c r="LFQ667" s="613"/>
      <c r="LFR667" s="613"/>
      <c r="LFS667" s="613"/>
      <c r="LFT667" s="613"/>
      <c r="LFU667" s="613"/>
      <c r="LFV667" s="613"/>
      <c r="LFW667" s="613"/>
      <c r="LFX667" s="613"/>
      <c r="LFY667" s="613"/>
      <c r="LFZ667" s="613"/>
      <c r="LGA667" s="613"/>
      <c r="LGB667" s="613"/>
      <c r="LGC667" s="613"/>
      <c r="LGD667" s="613"/>
      <c r="LGE667" s="613"/>
      <c r="LGF667" s="613"/>
      <c r="LGG667" s="613"/>
      <c r="LGH667" s="613"/>
      <c r="LGI667" s="613"/>
      <c r="LGJ667" s="613"/>
      <c r="LGK667" s="613"/>
      <c r="LGL667" s="613"/>
      <c r="LGM667" s="613"/>
      <c r="LGN667" s="613"/>
      <c r="LGO667" s="613"/>
      <c r="LGP667" s="613"/>
      <c r="LGQ667" s="613"/>
      <c r="LGR667" s="613"/>
      <c r="LGS667" s="613"/>
      <c r="LGT667" s="613"/>
      <c r="LGU667" s="613"/>
      <c r="LGV667" s="613"/>
      <c r="LGW667" s="613"/>
      <c r="LGX667" s="613"/>
      <c r="LGY667" s="613"/>
      <c r="LGZ667" s="613"/>
      <c r="LHA667" s="613"/>
      <c r="LHB667" s="613"/>
      <c r="LHC667" s="613"/>
      <c r="LHD667" s="613"/>
      <c r="LHE667" s="613"/>
      <c r="LHF667" s="613"/>
      <c r="LHG667" s="613"/>
      <c r="LHH667" s="613"/>
      <c r="LHI667" s="613"/>
      <c r="LHJ667" s="613"/>
      <c r="LHK667" s="613"/>
      <c r="LHL667" s="613"/>
      <c r="LHM667" s="613"/>
      <c r="LHN667" s="613"/>
      <c r="LHO667" s="613"/>
      <c r="LHP667" s="613"/>
      <c r="LHQ667" s="613"/>
      <c r="LHR667" s="613"/>
      <c r="LHS667" s="613"/>
      <c r="LHT667" s="613"/>
      <c r="LHU667" s="613"/>
      <c r="LHV667" s="613"/>
      <c r="LHW667" s="613"/>
      <c r="LHX667" s="613"/>
      <c r="LHY667" s="613"/>
      <c r="LHZ667" s="613"/>
      <c r="LIA667" s="613"/>
      <c r="LIB667" s="613"/>
      <c r="LIC667" s="613"/>
      <c r="LID667" s="613"/>
      <c r="LIE667" s="613"/>
      <c r="LIF667" s="613"/>
      <c r="LIG667" s="613"/>
      <c r="LIH667" s="613"/>
      <c r="LII667" s="613"/>
      <c r="LIJ667" s="613"/>
      <c r="LIK667" s="613"/>
      <c r="LIL667" s="613"/>
      <c r="LIM667" s="613"/>
      <c r="LIN667" s="613"/>
      <c r="LIO667" s="613"/>
      <c r="LIP667" s="613"/>
      <c r="LIQ667" s="613"/>
      <c r="LIR667" s="613"/>
      <c r="LIS667" s="613"/>
      <c r="LIT667" s="613"/>
      <c r="LIU667" s="613"/>
      <c r="LIV667" s="613"/>
      <c r="LIW667" s="613"/>
      <c r="LIX667" s="613"/>
      <c r="LIY667" s="613"/>
      <c r="LIZ667" s="613"/>
      <c r="LJA667" s="613"/>
      <c r="LJB667" s="613"/>
      <c r="LJC667" s="613"/>
      <c r="LJD667" s="613"/>
      <c r="LJE667" s="613"/>
      <c r="LJF667" s="613"/>
      <c r="LJG667" s="613"/>
      <c r="LJH667" s="613"/>
      <c r="LJI667" s="613"/>
      <c r="LJJ667" s="613"/>
      <c r="LJK667" s="613"/>
      <c r="LJL667" s="613"/>
      <c r="LJM667" s="613"/>
      <c r="LJN667" s="613"/>
      <c r="LJO667" s="613"/>
      <c r="LJP667" s="613"/>
      <c r="LJQ667" s="613"/>
      <c r="LJR667" s="613"/>
      <c r="LJS667" s="613"/>
      <c r="LJT667" s="613"/>
      <c r="LJU667" s="613"/>
      <c r="LJV667" s="613"/>
      <c r="LJW667" s="613"/>
      <c r="LJX667" s="613"/>
      <c r="LJY667" s="613"/>
      <c r="LJZ667" s="613"/>
      <c r="LKA667" s="613"/>
      <c r="LKB667" s="613"/>
      <c r="LKC667" s="613"/>
      <c r="LKD667" s="613"/>
      <c r="LKE667" s="613"/>
      <c r="LKF667" s="613"/>
      <c r="LKG667" s="613"/>
      <c r="LKH667" s="613"/>
      <c r="LKI667" s="613"/>
      <c r="LKJ667" s="613"/>
      <c r="LKK667" s="613"/>
      <c r="LKL667" s="613"/>
      <c r="LKM667" s="613"/>
      <c r="LKN667" s="613"/>
      <c r="LKO667" s="613"/>
      <c r="LKP667" s="613"/>
      <c r="LKQ667" s="613"/>
      <c r="LKR667" s="613"/>
      <c r="LKS667" s="613"/>
      <c r="LKT667" s="613"/>
      <c r="LKU667" s="613"/>
      <c r="LKV667" s="613"/>
      <c r="LKW667" s="613"/>
      <c r="LKX667" s="613"/>
      <c r="LKY667" s="613"/>
      <c r="LKZ667" s="613"/>
      <c r="LLA667" s="613"/>
      <c r="LLB667" s="613"/>
      <c r="LLC667" s="613"/>
      <c r="LLD667" s="613"/>
      <c r="LLE667" s="613"/>
      <c r="LLF667" s="613"/>
      <c r="LLG667" s="613"/>
      <c r="LLH667" s="613"/>
      <c r="LLI667" s="613"/>
      <c r="LLJ667" s="613"/>
      <c r="LLK667" s="613"/>
      <c r="LLL667" s="613"/>
      <c r="LLM667" s="613"/>
      <c r="LLN667" s="613"/>
      <c r="LLO667" s="613"/>
      <c r="LLP667" s="613"/>
      <c r="LLQ667" s="613"/>
      <c r="LLR667" s="613"/>
      <c r="LLS667" s="613"/>
      <c r="LLT667" s="613"/>
      <c r="LLU667" s="613"/>
      <c r="LLV667" s="613"/>
      <c r="LLW667" s="613"/>
      <c r="LLX667" s="613"/>
      <c r="LLY667" s="613"/>
      <c r="LLZ667" s="613"/>
      <c r="LMA667" s="613"/>
      <c r="LMB667" s="613"/>
      <c r="LMC667" s="613"/>
      <c r="LMD667" s="613"/>
      <c r="LME667" s="613"/>
      <c r="LMF667" s="613"/>
      <c r="LMG667" s="613"/>
      <c r="LMH667" s="613"/>
      <c r="LMI667" s="613"/>
      <c r="LMJ667" s="613"/>
      <c r="LMK667" s="613"/>
      <c r="LML667" s="613"/>
      <c r="LMM667" s="613"/>
      <c r="LMN667" s="613"/>
      <c r="LMO667" s="613"/>
      <c r="LMP667" s="613"/>
      <c r="LMQ667" s="613"/>
      <c r="LMR667" s="613"/>
      <c r="LMS667" s="613"/>
      <c r="LMT667" s="613"/>
      <c r="LMU667" s="613"/>
      <c r="LMV667" s="613"/>
      <c r="LMW667" s="613"/>
      <c r="LMX667" s="613"/>
      <c r="LMY667" s="613"/>
      <c r="LMZ667" s="613"/>
      <c r="LNA667" s="613"/>
      <c r="LNB667" s="613"/>
      <c r="LNC667" s="613"/>
      <c r="LND667" s="613"/>
      <c r="LNE667" s="613"/>
      <c r="LNF667" s="613"/>
      <c r="LNG667" s="613"/>
      <c r="LNH667" s="613"/>
      <c r="LNI667" s="613"/>
      <c r="LNJ667" s="613"/>
      <c r="LNK667" s="613"/>
      <c r="LNL667" s="613"/>
      <c r="LNM667" s="613"/>
      <c r="LNN667" s="613"/>
      <c r="LNO667" s="613"/>
      <c r="LNP667" s="613"/>
      <c r="LNQ667" s="613"/>
      <c r="LNR667" s="613"/>
      <c r="LNS667" s="613"/>
      <c r="LNT667" s="613"/>
      <c r="LNU667" s="613"/>
      <c r="LNV667" s="613"/>
      <c r="LNW667" s="613"/>
      <c r="LNX667" s="613"/>
      <c r="LNY667" s="613"/>
      <c r="LNZ667" s="613"/>
      <c r="LOA667" s="613"/>
      <c r="LOB667" s="613"/>
      <c r="LOC667" s="613"/>
      <c r="LOD667" s="613"/>
      <c r="LOE667" s="613"/>
      <c r="LOF667" s="613"/>
      <c r="LOG667" s="613"/>
      <c r="LOH667" s="613"/>
      <c r="LOI667" s="613"/>
      <c r="LOJ667" s="613"/>
      <c r="LOK667" s="613"/>
      <c r="LOL667" s="613"/>
      <c r="LOM667" s="613"/>
      <c r="LON667" s="613"/>
      <c r="LOO667" s="613"/>
      <c r="LOP667" s="613"/>
      <c r="LOQ667" s="613"/>
      <c r="LOR667" s="613"/>
      <c r="LOS667" s="613"/>
      <c r="LOT667" s="613"/>
      <c r="LOU667" s="613"/>
      <c r="LOV667" s="613"/>
      <c r="LOW667" s="613"/>
      <c r="LOX667" s="613"/>
      <c r="LOY667" s="613"/>
      <c r="LOZ667" s="613"/>
      <c r="LPA667" s="613"/>
      <c r="LPB667" s="613"/>
      <c r="LPC667" s="613"/>
      <c r="LPD667" s="613"/>
      <c r="LPE667" s="613"/>
      <c r="LPF667" s="613"/>
      <c r="LPG667" s="613"/>
      <c r="LPH667" s="613"/>
      <c r="LPI667" s="613"/>
      <c r="LPJ667" s="613"/>
      <c r="LPK667" s="613"/>
      <c r="LPL667" s="613"/>
      <c r="LPM667" s="613"/>
      <c r="LPN667" s="613"/>
      <c r="LPO667" s="613"/>
      <c r="LPP667" s="613"/>
      <c r="LPQ667" s="613"/>
      <c r="LPR667" s="613"/>
      <c r="LPS667" s="613"/>
      <c r="LPT667" s="613"/>
      <c r="LPU667" s="613"/>
      <c r="LPV667" s="613"/>
      <c r="LPW667" s="613"/>
      <c r="LPX667" s="613"/>
      <c r="LPY667" s="613"/>
      <c r="LPZ667" s="613"/>
      <c r="LQA667" s="613"/>
      <c r="LQB667" s="613"/>
      <c r="LQC667" s="613"/>
      <c r="LQD667" s="613"/>
      <c r="LQE667" s="613"/>
      <c r="LQF667" s="613"/>
      <c r="LQG667" s="613"/>
      <c r="LQH667" s="613"/>
      <c r="LQI667" s="613"/>
      <c r="LQJ667" s="613"/>
      <c r="LQK667" s="613"/>
      <c r="LQL667" s="613"/>
      <c r="LQM667" s="613"/>
      <c r="LQN667" s="613"/>
      <c r="LQO667" s="613"/>
      <c r="LQP667" s="613"/>
      <c r="LQQ667" s="613"/>
      <c r="LQR667" s="613"/>
      <c r="LQS667" s="613"/>
      <c r="LQT667" s="613"/>
      <c r="LQU667" s="613"/>
      <c r="LQV667" s="613"/>
      <c r="LQW667" s="613"/>
      <c r="LQX667" s="613"/>
      <c r="LQY667" s="613"/>
      <c r="LQZ667" s="613"/>
      <c r="LRA667" s="613"/>
      <c r="LRB667" s="613"/>
      <c r="LRC667" s="613"/>
      <c r="LRD667" s="613"/>
      <c r="LRE667" s="613"/>
      <c r="LRF667" s="613"/>
      <c r="LRG667" s="613"/>
      <c r="LRH667" s="613"/>
      <c r="LRI667" s="613"/>
      <c r="LRJ667" s="613"/>
      <c r="LRK667" s="613"/>
      <c r="LRL667" s="613"/>
      <c r="LRM667" s="613"/>
      <c r="LRN667" s="613"/>
      <c r="LRO667" s="613"/>
      <c r="LRP667" s="613"/>
      <c r="LRQ667" s="613"/>
      <c r="LRR667" s="613"/>
      <c r="LRS667" s="613"/>
      <c r="LRT667" s="613"/>
      <c r="LRU667" s="613"/>
      <c r="LRV667" s="613"/>
      <c r="LRW667" s="613"/>
      <c r="LRX667" s="613"/>
      <c r="LRY667" s="613"/>
      <c r="LRZ667" s="613"/>
      <c r="LSA667" s="613"/>
      <c r="LSB667" s="613"/>
      <c r="LSC667" s="613"/>
      <c r="LSD667" s="613"/>
      <c r="LSE667" s="613"/>
      <c r="LSF667" s="613"/>
      <c r="LSG667" s="613"/>
      <c r="LSH667" s="613"/>
      <c r="LSI667" s="613"/>
      <c r="LSJ667" s="613"/>
      <c r="LSK667" s="613"/>
      <c r="LSL667" s="613"/>
      <c r="LSM667" s="613"/>
      <c r="LSN667" s="613"/>
      <c r="LSO667" s="613"/>
      <c r="LSP667" s="613"/>
      <c r="LSQ667" s="613"/>
      <c r="LSR667" s="613"/>
      <c r="LSS667" s="613"/>
      <c r="LST667" s="613"/>
      <c r="LSU667" s="613"/>
      <c r="LSV667" s="613"/>
      <c r="LSW667" s="613"/>
      <c r="LSX667" s="613"/>
      <c r="LSY667" s="613"/>
      <c r="LSZ667" s="613"/>
      <c r="LTA667" s="613"/>
      <c r="LTB667" s="613"/>
      <c r="LTC667" s="613"/>
      <c r="LTD667" s="613"/>
      <c r="LTE667" s="613"/>
      <c r="LTF667" s="613"/>
      <c r="LTG667" s="613"/>
      <c r="LTH667" s="613"/>
      <c r="LTI667" s="613"/>
      <c r="LTJ667" s="613"/>
      <c r="LTK667" s="613"/>
      <c r="LTL667" s="613"/>
      <c r="LTM667" s="613"/>
      <c r="LTN667" s="613"/>
      <c r="LTO667" s="613"/>
      <c r="LTP667" s="613"/>
      <c r="LTQ667" s="613"/>
      <c r="LTR667" s="613"/>
      <c r="LTS667" s="613"/>
      <c r="LTT667" s="613"/>
      <c r="LTU667" s="613"/>
      <c r="LTV667" s="613"/>
      <c r="LTW667" s="613"/>
      <c r="LTX667" s="613"/>
      <c r="LTY667" s="613"/>
      <c r="LTZ667" s="613"/>
      <c r="LUA667" s="613"/>
      <c r="LUB667" s="613"/>
      <c r="LUC667" s="613"/>
      <c r="LUD667" s="613"/>
      <c r="LUE667" s="613"/>
      <c r="LUF667" s="613"/>
      <c r="LUG667" s="613"/>
      <c r="LUH667" s="613"/>
      <c r="LUI667" s="613"/>
      <c r="LUJ667" s="613"/>
      <c r="LUK667" s="613"/>
      <c r="LUL667" s="613"/>
      <c r="LUM667" s="613"/>
      <c r="LUN667" s="613"/>
      <c r="LUO667" s="613"/>
      <c r="LUP667" s="613"/>
      <c r="LUQ667" s="613"/>
      <c r="LUR667" s="613"/>
      <c r="LUS667" s="613"/>
      <c r="LUT667" s="613"/>
      <c r="LUU667" s="613"/>
      <c r="LUV667" s="613"/>
      <c r="LUW667" s="613"/>
      <c r="LUX667" s="613"/>
      <c r="LUY667" s="613"/>
      <c r="LUZ667" s="613"/>
      <c r="LVA667" s="613"/>
      <c r="LVB667" s="613"/>
      <c r="LVC667" s="613"/>
      <c r="LVD667" s="613"/>
      <c r="LVE667" s="613"/>
      <c r="LVF667" s="613"/>
      <c r="LVG667" s="613"/>
      <c r="LVH667" s="613"/>
      <c r="LVI667" s="613"/>
      <c r="LVJ667" s="613"/>
      <c r="LVK667" s="613"/>
      <c r="LVL667" s="613"/>
      <c r="LVM667" s="613"/>
      <c r="LVN667" s="613"/>
      <c r="LVO667" s="613"/>
      <c r="LVP667" s="613"/>
      <c r="LVQ667" s="613"/>
      <c r="LVR667" s="613"/>
      <c r="LVS667" s="613"/>
      <c r="LVT667" s="613"/>
      <c r="LVU667" s="613"/>
      <c r="LVV667" s="613"/>
      <c r="LVW667" s="613"/>
      <c r="LVX667" s="613"/>
      <c r="LVY667" s="613"/>
      <c r="LVZ667" s="613"/>
      <c r="LWA667" s="613"/>
      <c r="LWB667" s="613"/>
      <c r="LWC667" s="613"/>
      <c r="LWD667" s="613"/>
      <c r="LWE667" s="613"/>
      <c r="LWF667" s="613"/>
      <c r="LWG667" s="613"/>
      <c r="LWH667" s="613"/>
      <c r="LWI667" s="613"/>
      <c r="LWJ667" s="613"/>
      <c r="LWK667" s="613"/>
      <c r="LWL667" s="613"/>
      <c r="LWM667" s="613"/>
      <c r="LWN667" s="613"/>
      <c r="LWO667" s="613"/>
      <c r="LWP667" s="613"/>
      <c r="LWQ667" s="613"/>
      <c r="LWR667" s="613"/>
      <c r="LWS667" s="613"/>
      <c r="LWT667" s="613"/>
      <c r="LWU667" s="613"/>
      <c r="LWV667" s="613"/>
      <c r="LWW667" s="613"/>
      <c r="LWX667" s="613"/>
      <c r="LWY667" s="613"/>
      <c r="LWZ667" s="613"/>
      <c r="LXA667" s="613"/>
      <c r="LXB667" s="613"/>
      <c r="LXC667" s="613"/>
      <c r="LXD667" s="613"/>
      <c r="LXE667" s="613"/>
      <c r="LXF667" s="613"/>
      <c r="LXG667" s="613"/>
      <c r="LXH667" s="613"/>
      <c r="LXI667" s="613"/>
      <c r="LXJ667" s="613"/>
      <c r="LXK667" s="613"/>
      <c r="LXL667" s="613"/>
      <c r="LXM667" s="613"/>
      <c r="LXN667" s="613"/>
      <c r="LXO667" s="613"/>
      <c r="LXP667" s="613"/>
      <c r="LXQ667" s="613"/>
      <c r="LXR667" s="613"/>
      <c r="LXS667" s="613"/>
      <c r="LXT667" s="613"/>
      <c r="LXU667" s="613"/>
      <c r="LXV667" s="613"/>
      <c r="LXW667" s="613"/>
      <c r="LXX667" s="613"/>
      <c r="LXY667" s="613"/>
      <c r="LXZ667" s="613"/>
      <c r="LYA667" s="613"/>
      <c r="LYB667" s="613"/>
      <c r="LYC667" s="613"/>
      <c r="LYD667" s="613"/>
      <c r="LYE667" s="613"/>
      <c r="LYF667" s="613"/>
      <c r="LYG667" s="613"/>
      <c r="LYH667" s="613"/>
      <c r="LYI667" s="613"/>
      <c r="LYJ667" s="613"/>
      <c r="LYK667" s="613"/>
      <c r="LYL667" s="613"/>
      <c r="LYM667" s="613"/>
      <c r="LYN667" s="613"/>
      <c r="LYO667" s="613"/>
      <c r="LYP667" s="613"/>
      <c r="LYQ667" s="613"/>
      <c r="LYR667" s="613"/>
      <c r="LYS667" s="613"/>
      <c r="LYT667" s="613"/>
      <c r="LYU667" s="613"/>
      <c r="LYV667" s="613"/>
      <c r="LYW667" s="613"/>
      <c r="LYX667" s="613"/>
      <c r="LYY667" s="613"/>
      <c r="LYZ667" s="613"/>
      <c r="LZA667" s="613"/>
      <c r="LZB667" s="613"/>
      <c r="LZC667" s="613"/>
      <c r="LZD667" s="613"/>
      <c r="LZE667" s="613"/>
      <c r="LZF667" s="613"/>
      <c r="LZG667" s="613"/>
      <c r="LZH667" s="613"/>
      <c r="LZI667" s="613"/>
      <c r="LZJ667" s="613"/>
      <c r="LZK667" s="613"/>
      <c r="LZL667" s="613"/>
      <c r="LZM667" s="613"/>
      <c r="LZN667" s="613"/>
      <c r="LZO667" s="613"/>
      <c r="LZP667" s="613"/>
      <c r="LZQ667" s="613"/>
      <c r="LZR667" s="613"/>
      <c r="LZS667" s="613"/>
      <c r="LZT667" s="613"/>
      <c r="LZU667" s="613"/>
      <c r="LZV667" s="613"/>
      <c r="LZW667" s="613"/>
      <c r="LZX667" s="613"/>
      <c r="LZY667" s="613"/>
      <c r="LZZ667" s="613"/>
      <c r="MAA667" s="613"/>
      <c r="MAB667" s="613"/>
      <c r="MAC667" s="613"/>
      <c r="MAD667" s="613"/>
      <c r="MAE667" s="613"/>
      <c r="MAF667" s="613"/>
      <c r="MAG667" s="613"/>
      <c r="MAH667" s="613"/>
      <c r="MAI667" s="613"/>
      <c r="MAJ667" s="613"/>
      <c r="MAK667" s="613"/>
      <c r="MAL667" s="613"/>
      <c r="MAM667" s="613"/>
      <c r="MAN667" s="613"/>
      <c r="MAO667" s="613"/>
      <c r="MAP667" s="613"/>
      <c r="MAQ667" s="613"/>
      <c r="MAR667" s="613"/>
      <c r="MAS667" s="613"/>
      <c r="MAT667" s="613"/>
      <c r="MAU667" s="613"/>
      <c r="MAV667" s="613"/>
      <c r="MAW667" s="613"/>
      <c r="MAX667" s="613"/>
      <c r="MAY667" s="613"/>
      <c r="MAZ667" s="613"/>
      <c r="MBA667" s="613"/>
      <c r="MBB667" s="613"/>
      <c r="MBC667" s="613"/>
      <c r="MBD667" s="613"/>
      <c r="MBE667" s="613"/>
      <c r="MBF667" s="613"/>
      <c r="MBG667" s="613"/>
      <c r="MBH667" s="613"/>
      <c r="MBI667" s="613"/>
      <c r="MBJ667" s="613"/>
      <c r="MBK667" s="613"/>
      <c r="MBL667" s="613"/>
      <c r="MBM667" s="613"/>
      <c r="MBN667" s="613"/>
      <c r="MBO667" s="613"/>
      <c r="MBP667" s="613"/>
      <c r="MBQ667" s="613"/>
      <c r="MBR667" s="613"/>
      <c r="MBS667" s="613"/>
      <c r="MBT667" s="613"/>
      <c r="MBU667" s="613"/>
      <c r="MBV667" s="613"/>
      <c r="MBW667" s="613"/>
      <c r="MBX667" s="613"/>
      <c r="MBY667" s="613"/>
      <c r="MBZ667" s="613"/>
      <c r="MCA667" s="613"/>
      <c r="MCB667" s="613"/>
      <c r="MCC667" s="613"/>
      <c r="MCD667" s="613"/>
      <c r="MCE667" s="613"/>
      <c r="MCF667" s="613"/>
      <c r="MCG667" s="613"/>
      <c r="MCH667" s="613"/>
      <c r="MCI667" s="613"/>
      <c r="MCJ667" s="613"/>
      <c r="MCK667" s="613"/>
      <c r="MCL667" s="613"/>
      <c r="MCM667" s="613"/>
      <c r="MCN667" s="613"/>
      <c r="MCO667" s="613"/>
      <c r="MCP667" s="613"/>
      <c r="MCQ667" s="613"/>
      <c r="MCR667" s="613"/>
      <c r="MCS667" s="613"/>
      <c r="MCT667" s="613"/>
      <c r="MCU667" s="613"/>
      <c r="MCV667" s="613"/>
      <c r="MCW667" s="613"/>
      <c r="MCX667" s="613"/>
      <c r="MCY667" s="613"/>
      <c r="MCZ667" s="613"/>
      <c r="MDA667" s="613"/>
      <c r="MDB667" s="613"/>
      <c r="MDC667" s="613"/>
      <c r="MDD667" s="613"/>
      <c r="MDE667" s="613"/>
      <c r="MDF667" s="613"/>
      <c r="MDG667" s="613"/>
      <c r="MDH667" s="613"/>
      <c r="MDI667" s="613"/>
      <c r="MDJ667" s="613"/>
      <c r="MDK667" s="613"/>
      <c r="MDL667" s="613"/>
      <c r="MDM667" s="613"/>
      <c r="MDN667" s="613"/>
      <c r="MDO667" s="613"/>
      <c r="MDP667" s="613"/>
      <c r="MDQ667" s="613"/>
      <c r="MDR667" s="613"/>
      <c r="MDS667" s="613"/>
      <c r="MDT667" s="613"/>
      <c r="MDU667" s="613"/>
      <c r="MDV667" s="613"/>
      <c r="MDW667" s="613"/>
      <c r="MDX667" s="613"/>
      <c r="MDY667" s="613"/>
      <c r="MDZ667" s="613"/>
      <c r="MEA667" s="613"/>
      <c r="MEB667" s="613"/>
      <c r="MEC667" s="613"/>
      <c r="MED667" s="613"/>
      <c r="MEE667" s="613"/>
      <c r="MEF667" s="613"/>
      <c r="MEG667" s="613"/>
      <c r="MEH667" s="613"/>
      <c r="MEI667" s="613"/>
      <c r="MEJ667" s="613"/>
      <c r="MEK667" s="613"/>
      <c r="MEL667" s="613"/>
      <c r="MEM667" s="613"/>
      <c r="MEN667" s="613"/>
      <c r="MEO667" s="613"/>
      <c r="MEP667" s="613"/>
      <c r="MEQ667" s="613"/>
      <c r="MER667" s="613"/>
      <c r="MES667" s="613"/>
      <c r="MET667" s="613"/>
      <c r="MEU667" s="613"/>
      <c r="MEV667" s="613"/>
      <c r="MEW667" s="613"/>
      <c r="MEX667" s="613"/>
      <c r="MEY667" s="613"/>
      <c r="MEZ667" s="613"/>
      <c r="MFA667" s="613"/>
      <c r="MFB667" s="613"/>
      <c r="MFC667" s="613"/>
      <c r="MFD667" s="613"/>
      <c r="MFE667" s="613"/>
      <c r="MFF667" s="613"/>
      <c r="MFG667" s="613"/>
      <c r="MFH667" s="613"/>
      <c r="MFI667" s="613"/>
      <c r="MFJ667" s="613"/>
      <c r="MFK667" s="613"/>
      <c r="MFL667" s="613"/>
      <c r="MFM667" s="613"/>
      <c r="MFN667" s="613"/>
      <c r="MFO667" s="613"/>
      <c r="MFP667" s="613"/>
      <c r="MFQ667" s="613"/>
      <c r="MFR667" s="613"/>
      <c r="MFS667" s="613"/>
      <c r="MFT667" s="613"/>
      <c r="MFU667" s="613"/>
      <c r="MFV667" s="613"/>
      <c r="MFW667" s="613"/>
      <c r="MFX667" s="613"/>
      <c r="MFY667" s="613"/>
      <c r="MFZ667" s="613"/>
      <c r="MGA667" s="613"/>
      <c r="MGB667" s="613"/>
      <c r="MGC667" s="613"/>
      <c r="MGD667" s="613"/>
      <c r="MGE667" s="613"/>
      <c r="MGF667" s="613"/>
      <c r="MGG667" s="613"/>
      <c r="MGH667" s="613"/>
      <c r="MGI667" s="613"/>
      <c r="MGJ667" s="613"/>
      <c r="MGK667" s="613"/>
      <c r="MGL667" s="613"/>
      <c r="MGM667" s="613"/>
      <c r="MGN667" s="613"/>
      <c r="MGO667" s="613"/>
      <c r="MGP667" s="613"/>
      <c r="MGQ667" s="613"/>
      <c r="MGR667" s="613"/>
      <c r="MGS667" s="613"/>
      <c r="MGT667" s="613"/>
      <c r="MGU667" s="613"/>
      <c r="MGV667" s="613"/>
      <c r="MGW667" s="613"/>
      <c r="MGX667" s="613"/>
      <c r="MGY667" s="613"/>
      <c r="MGZ667" s="613"/>
      <c r="MHA667" s="613"/>
      <c r="MHB667" s="613"/>
      <c r="MHC667" s="613"/>
      <c r="MHD667" s="613"/>
      <c r="MHE667" s="613"/>
      <c r="MHF667" s="613"/>
      <c r="MHG667" s="613"/>
      <c r="MHH667" s="613"/>
      <c r="MHI667" s="613"/>
      <c r="MHJ667" s="613"/>
      <c r="MHK667" s="613"/>
      <c r="MHL667" s="613"/>
      <c r="MHM667" s="613"/>
      <c r="MHN667" s="613"/>
      <c r="MHO667" s="613"/>
      <c r="MHP667" s="613"/>
      <c r="MHQ667" s="613"/>
      <c r="MHR667" s="613"/>
      <c r="MHS667" s="613"/>
      <c r="MHT667" s="613"/>
      <c r="MHU667" s="613"/>
      <c r="MHV667" s="613"/>
      <c r="MHW667" s="613"/>
      <c r="MHX667" s="613"/>
      <c r="MHY667" s="613"/>
      <c r="MHZ667" s="613"/>
      <c r="MIA667" s="613"/>
      <c r="MIB667" s="613"/>
      <c r="MIC667" s="613"/>
      <c r="MID667" s="613"/>
      <c r="MIE667" s="613"/>
      <c r="MIF667" s="613"/>
      <c r="MIG667" s="613"/>
      <c r="MIH667" s="613"/>
      <c r="MII667" s="613"/>
      <c r="MIJ667" s="613"/>
      <c r="MIK667" s="613"/>
      <c r="MIL667" s="613"/>
      <c r="MIM667" s="613"/>
      <c r="MIN667" s="613"/>
      <c r="MIO667" s="613"/>
      <c r="MIP667" s="613"/>
      <c r="MIQ667" s="613"/>
      <c r="MIR667" s="613"/>
      <c r="MIS667" s="613"/>
      <c r="MIT667" s="613"/>
      <c r="MIU667" s="613"/>
      <c r="MIV667" s="613"/>
      <c r="MIW667" s="613"/>
      <c r="MIX667" s="613"/>
      <c r="MIY667" s="613"/>
      <c r="MIZ667" s="613"/>
      <c r="MJA667" s="613"/>
      <c r="MJB667" s="613"/>
      <c r="MJC667" s="613"/>
      <c r="MJD667" s="613"/>
      <c r="MJE667" s="613"/>
      <c r="MJF667" s="613"/>
      <c r="MJG667" s="613"/>
      <c r="MJH667" s="613"/>
      <c r="MJI667" s="613"/>
      <c r="MJJ667" s="613"/>
      <c r="MJK667" s="613"/>
      <c r="MJL667" s="613"/>
      <c r="MJM667" s="613"/>
      <c r="MJN667" s="613"/>
      <c r="MJO667" s="613"/>
      <c r="MJP667" s="613"/>
      <c r="MJQ667" s="613"/>
      <c r="MJR667" s="613"/>
      <c r="MJS667" s="613"/>
      <c r="MJT667" s="613"/>
      <c r="MJU667" s="613"/>
      <c r="MJV667" s="613"/>
      <c r="MJW667" s="613"/>
      <c r="MJX667" s="613"/>
      <c r="MJY667" s="613"/>
      <c r="MJZ667" s="613"/>
      <c r="MKA667" s="613"/>
      <c r="MKB667" s="613"/>
      <c r="MKC667" s="613"/>
      <c r="MKD667" s="613"/>
      <c r="MKE667" s="613"/>
      <c r="MKF667" s="613"/>
      <c r="MKG667" s="613"/>
      <c r="MKH667" s="613"/>
      <c r="MKI667" s="613"/>
      <c r="MKJ667" s="613"/>
      <c r="MKK667" s="613"/>
      <c r="MKL667" s="613"/>
      <c r="MKM667" s="613"/>
      <c r="MKN667" s="613"/>
      <c r="MKO667" s="613"/>
      <c r="MKP667" s="613"/>
      <c r="MKQ667" s="613"/>
      <c r="MKR667" s="613"/>
      <c r="MKS667" s="613"/>
      <c r="MKT667" s="613"/>
      <c r="MKU667" s="613"/>
      <c r="MKV667" s="613"/>
      <c r="MKW667" s="613"/>
      <c r="MKX667" s="613"/>
      <c r="MKY667" s="613"/>
      <c r="MKZ667" s="613"/>
      <c r="MLA667" s="613"/>
      <c r="MLB667" s="613"/>
      <c r="MLC667" s="613"/>
      <c r="MLD667" s="613"/>
      <c r="MLE667" s="613"/>
      <c r="MLF667" s="613"/>
      <c r="MLG667" s="613"/>
      <c r="MLH667" s="613"/>
      <c r="MLI667" s="613"/>
      <c r="MLJ667" s="613"/>
      <c r="MLK667" s="613"/>
      <c r="MLL667" s="613"/>
      <c r="MLM667" s="613"/>
      <c r="MLN667" s="613"/>
      <c r="MLO667" s="613"/>
      <c r="MLP667" s="613"/>
      <c r="MLQ667" s="613"/>
      <c r="MLR667" s="613"/>
      <c r="MLS667" s="613"/>
      <c r="MLT667" s="613"/>
      <c r="MLU667" s="613"/>
      <c r="MLV667" s="613"/>
      <c r="MLW667" s="613"/>
      <c r="MLX667" s="613"/>
      <c r="MLY667" s="613"/>
      <c r="MLZ667" s="613"/>
      <c r="MMA667" s="613"/>
      <c r="MMB667" s="613"/>
      <c r="MMC667" s="613"/>
      <c r="MMD667" s="613"/>
      <c r="MME667" s="613"/>
      <c r="MMF667" s="613"/>
      <c r="MMG667" s="613"/>
      <c r="MMH667" s="613"/>
      <c r="MMI667" s="613"/>
      <c r="MMJ667" s="613"/>
      <c r="MMK667" s="613"/>
      <c r="MML667" s="613"/>
      <c r="MMM667" s="613"/>
      <c r="MMN667" s="613"/>
      <c r="MMO667" s="613"/>
      <c r="MMP667" s="613"/>
      <c r="MMQ667" s="613"/>
      <c r="MMR667" s="613"/>
      <c r="MMS667" s="613"/>
      <c r="MMT667" s="613"/>
      <c r="MMU667" s="613"/>
      <c r="MMV667" s="613"/>
      <c r="MMW667" s="613"/>
      <c r="MMX667" s="613"/>
      <c r="MMY667" s="613"/>
      <c r="MMZ667" s="613"/>
      <c r="MNA667" s="613"/>
      <c r="MNB667" s="613"/>
      <c r="MNC667" s="613"/>
      <c r="MND667" s="613"/>
      <c r="MNE667" s="613"/>
      <c r="MNF667" s="613"/>
      <c r="MNG667" s="613"/>
      <c r="MNH667" s="613"/>
      <c r="MNI667" s="613"/>
      <c r="MNJ667" s="613"/>
      <c r="MNK667" s="613"/>
      <c r="MNL667" s="613"/>
      <c r="MNM667" s="613"/>
      <c r="MNN667" s="613"/>
      <c r="MNO667" s="613"/>
      <c r="MNP667" s="613"/>
      <c r="MNQ667" s="613"/>
      <c r="MNR667" s="613"/>
      <c r="MNS667" s="613"/>
      <c r="MNT667" s="613"/>
      <c r="MNU667" s="613"/>
      <c r="MNV667" s="613"/>
      <c r="MNW667" s="613"/>
      <c r="MNX667" s="613"/>
      <c r="MNY667" s="613"/>
      <c r="MNZ667" s="613"/>
      <c r="MOA667" s="613"/>
      <c r="MOB667" s="613"/>
      <c r="MOC667" s="613"/>
      <c r="MOD667" s="613"/>
      <c r="MOE667" s="613"/>
      <c r="MOF667" s="613"/>
      <c r="MOG667" s="613"/>
      <c r="MOH667" s="613"/>
      <c r="MOI667" s="613"/>
      <c r="MOJ667" s="613"/>
      <c r="MOK667" s="613"/>
      <c r="MOL667" s="613"/>
      <c r="MOM667" s="613"/>
      <c r="MON667" s="613"/>
      <c r="MOO667" s="613"/>
      <c r="MOP667" s="613"/>
      <c r="MOQ667" s="613"/>
      <c r="MOR667" s="613"/>
      <c r="MOS667" s="613"/>
      <c r="MOT667" s="613"/>
      <c r="MOU667" s="613"/>
      <c r="MOV667" s="613"/>
      <c r="MOW667" s="613"/>
      <c r="MOX667" s="613"/>
      <c r="MOY667" s="613"/>
      <c r="MOZ667" s="613"/>
      <c r="MPA667" s="613"/>
      <c r="MPB667" s="613"/>
      <c r="MPC667" s="613"/>
      <c r="MPD667" s="613"/>
      <c r="MPE667" s="613"/>
      <c r="MPF667" s="613"/>
      <c r="MPG667" s="613"/>
      <c r="MPH667" s="613"/>
      <c r="MPI667" s="613"/>
      <c r="MPJ667" s="613"/>
      <c r="MPK667" s="613"/>
      <c r="MPL667" s="613"/>
      <c r="MPM667" s="613"/>
      <c r="MPN667" s="613"/>
      <c r="MPO667" s="613"/>
      <c r="MPP667" s="613"/>
      <c r="MPQ667" s="613"/>
      <c r="MPR667" s="613"/>
      <c r="MPS667" s="613"/>
      <c r="MPT667" s="613"/>
      <c r="MPU667" s="613"/>
      <c r="MPV667" s="613"/>
      <c r="MPW667" s="613"/>
      <c r="MPX667" s="613"/>
      <c r="MPY667" s="613"/>
      <c r="MPZ667" s="613"/>
      <c r="MQA667" s="613"/>
      <c r="MQB667" s="613"/>
      <c r="MQC667" s="613"/>
      <c r="MQD667" s="613"/>
      <c r="MQE667" s="613"/>
      <c r="MQF667" s="613"/>
      <c r="MQG667" s="613"/>
      <c r="MQH667" s="613"/>
      <c r="MQI667" s="613"/>
      <c r="MQJ667" s="613"/>
      <c r="MQK667" s="613"/>
      <c r="MQL667" s="613"/>
      <c r="MQM667" s="613"/>
      <c r="MQN667" s="613"/>
      <c r="MQO667" s="613"/>
      <c r="MQP667" s="613"/>
      <c r="MQQ667" s="613"/>
      <c r="MQR667" s="613"/>
      <c r="MQS667" s="613"/>
      <c r="MQT667" s="613"/>
      <c r="MQU667" s="613"/>
      <c r="MQV667" s="613"/>
      <c r="MQW667" s="613"/>
      <c r="MQX667" s="613"/>
      <c r="MQY667" s="613"/>
      <c r="MQZ667" s="613"/>
      <c r="MRA667" s="613"/>
      <c r="MRB667" s="613"/>
      <c r="MRC667" s="613"/>
      <c r="MRD667" s="613"/>
      <c r="MRE667" s="613"/>
      <c r="MRF667" s="613"/>
      <c r="MRG667" s="613"/>
      <c r="MRH667" s="613"/>
      <c r="MRI667" s="613"/>
      <c r="MRJ667" s="613"/>
      <c r="MRK667" s="613"/>
      <c r="MRL667" s="613"/>
      <c r="MRM667" s="613"/>
      <c r="MRN667" s="613"/>
      <c r="MRO667" s="613"/>
      <c r="MRP667" s="613"/>
      <c r="MRQ667" s="613"/>
      <c r="MRR667" s="613"/>
      <c r="MRS667" s="613"/>
      <c r="MRT667" s="613"/>
      <c r="MRU667" s="613"/>
      <c r="MRV667" s="613"/>
      <c r="MRW667" s="613"/>
      <c r="MRX667" s="613"/>
      <c r="MRY667" s="613"/>
      <c r="MRZ667" s="613"/>
      <c r="MSA667" s="613"/>
      <c r="MSB667" s="613"/>
      <c r="MSC667" s="613"/>
      <c r="MSD667" s="613"/>
      <c r="MSE667" s="613"/>
      <c r="MSF667" s="613"/>
      <c r="MSG667" s="613"/>
      <c r="MSH667" s="613"/>
      <c r="MSI667" s="613"/>
      <c r="MSJ667" s="613"/>
      <c r="MSK667" s="613"/>
      <c r="MSL667" s="613"/>
      <c r="MSM667" s="613"/>
      <c r="MSN667" s="613"/>
      <c r="MSO667" s="613"/>
      <c r="MSP667" s="613"/>
      <c r="MSQ667" s="613"/>
      <c r="MSR667" s="613"/>
      <c r="MSS667" s="613"/>
      <c r="MST667" s="613"/>
      <c r="MSU667" s="613"/>
      <c r="MSV667" s="613"/>
      <c r="MSW667" s="613"/>
      <c r="MSX667" s="613"/>
      <c r="MSY667" s="613"/>
      <c r="MSZ667" s="613"/>
      <c r="MTA667" s="613"/>
      <c r="MTB667" s="613"/>
      <c r="MTC667" s="613"/>
      <c r="MTD667" s="613"/>
      <c r="MTE667" s="613"/>
      <c r="MTF667" s="613"/>
      <c r="MTG667" s="613"/>
      <c r="MTH667" s="613"/>
      <c r="MTI667" s="613"/>
      <c r="MTJ667" s="613"/>
      <c r="MTK667" s="613"/>
      <c r="MTL667" s="613"/>
      <c r="MTM667" s="613"/>
      <c r="MTN667" s="613"/>
      <c r="MTO667" s="613"/>
      <c r="MTP667" s="613"/>
      <c r="MTQ667" s="613"/>
      <c r="MTR667" s="613"/>
      <c r="MTS667" s="613"/>
      <c r="MTT667" s="613"/>
      <c r="MTU667" s="613"/>
      <c r="MTV667" s="613"/>
      <c r="MTW667" s="613"/>
      <c r="MTX667" s="613"/>
      <c r="MTY667" s="613"/>
      <c r="MTZ667" s="613"/>
      <c r="MUA667" s="613"/>
      <c r="MUB667" s="613"/>
      <c r="MUC667" s="613"/>
      <c r="MUD667" s="613"/>
      <c r="MUE667" s="613"/>
      <c r="MUF667" s="613"/>
      <c r="MUG667" s="613"/>
      <c r="MUH667" s="613"/>
      <c r="MUI667" s="613"/>
      <c r="MUJ667" s="613"/>
      <c r="MUK667" s="613"/>
      <c r="MUL667" s="613"/>
      <c r="MUM667" s="613"/>
      <c r="MUN667" s="613"/>
      <c r="MUO667" s="613"/>
      <c r="MUP667" s="613"/>
      <c r="MUQ667" s="613"/>
      <c r="MUR667" s="613"/>
      <c r="MUS667" s="613"/>
      <c r="MUT667" s="613"/>
      <c r="MUU667" s="613"/>
      <c r="MUV667" s="613"/>
      <c r="MUW667" s="613"/>
      <c r="MUX667" s="613"/>
      <c r="MUY667" s="613"/>
      <c r="MUZ667" s="613"/>
      <c r="MVA667" s="613"/>
      <c r="MVB667" s="613"/>
      <c r="MVC667" s="613"/>
      <c r="MVD667" s="613"/>
      <c r="MVE667" s="613"/>
      <c r="MVF667" s="613"/>
      <c r="MVG667" s="613"/>
      <c r="MVH667" s="613"/>
      <c r="MVI667" s="613"/>
      <c r="MVJ667" s="613"/>
      <c r="MVK667" s="613"/>
      <c r="MVL667" s="613"/>
      <c r="MVM667" s="613"/>
      <c r="MVN667" s="613"/>
      <c r="MVO667" s="613"/>
      <c r="MVP667" s="613"/>
      <c r="MVQ667" s="613"/>
      <c r="MVR667" s="613"/>
      <c r="MVS667" s="613"/>
      <c r="MVT667" s="613"/>
      <c r="MVU667" s="613"/>
      <c r="MVV667" s="613"/>
      <c r="MVW667" s="613"/>
      <c r="MVX667" s="613"/>
      <c r="MVY667" s="613"/>
      <c r="MVZ667" s="613"/>
      <c r="MWA667" s="613"/>
      <c r="MWB667" s="613"/>
      <c r="MWC667" s="613"/>
      <c r="MWD667" s="613"/>
      <c r="MWE667" s="613"/>
      <c r="MWF667" s="613"/>
      <c r="MWG667" s="613"/>
      <c r="MWH667" s="613"/>
      <c r="MWI667" s="613"/>
      <c r="MWJ667" s="613"/>
      <c r="MWK667" s="613"/>
      <c r="MWL667" s="613"/>
      <c r="MWM667" s="613"/>
      <c r="MWN667" s="613"/>
      <c r="MWO667" s="613"/>
      <c r="MWP667" s="613"/>
      <c r="MWQ667" s="613"/>
      <c r="MWR667" s="613"/>
      <c r="MWS667" s="613"/>
      <c r="MWT667" s="613"/>
      <c r="MWU667" s="613"/>
      <c r="MWV667" s="613"/>
      <c r="MWW667" s="613"/>
      <c r="MWX667" s="613"/>
      <c r="MWY667" s="613"/>
      <c r="MWZ667" s="613"/>
      <c r="MXA667" s="613"/>
      <c r="MXB667" s="613"/>
      <c r="MXC667" s="613"/>
      <c r="MXD667" s="613"/>
      <c r="MXE667" s="613"/>
      <c r="MXF667" s="613"/>
      <c r="MXG667" s="613"/>
      <c r="MXH667" s="613"/>
      <c r="MXI667" s="613"/>
      <c r="MXJ667" s="613"/>
      <c r="MXK667" s="613"/>
      <c r="MXL667" s="613"/>
      <c r="MXM667" s="613"/>
      <c r="MXN667" s="613"/>
      <c r="MXO667" s="613"/>
      <c r="MXP667" s="613"/>
      <c r="MXQ667" s="613"/>
      <c r="MXR667" s="613"/>
      <c r="MXS667" s="613"/>
      <c r="MXT667" s="613"/>
      <c r="MXU667" s="613"/>
      <c r="MXV667" s="613"/>
      <c r="MXW667" s="613"/>
      <c r="MXX667" s="613"/>
      <c r="MXY667" s="613"/>
      <c r="MXZ667" s="613"/>
      <c r="MYA667" s="613"/>
      <c r="MYB667" s="613"/>
      <c r="MYC667" s="613"/>
      <c r="MYD667" s="613"/>
      <c r="MYE667" s="613"/>
      <c r="MYF667" s="613"/>
      <c r="MYG667" s="613"/>
      <c r="MYH667" s="613"/>
      <c r="MYI667" s="613"/>
      <c r="MYJ667" s="613"/>
      <c r="MYK667" s="613"/>
      <c r="MYL667" s="613"/>
      <c r="MYM667" s="613"/>
      <c r="MYN667" s="613"/>
      <c r="MYO667" s="613"/>
      <c r="MYP667" s="613"/>
      <c r="MYQ667" s="613"/>
      <c r="MYR667" s="613"/>
      <c r="MYS667" s="613"/>
      <c r="MYT667" s="613"/>
      <c r="MYU667" s="613"/>
      <c r="MYV667" s="613"/>
      <c r="MYW667" s="613"/>
      <c r="MYX667" s="613"/>
      <c r="MYY667" s="613"/>
      <c r="MYZ667" s="613"/>
      <c r="MZA667" s="613"/>
      <c r="MZB667" s="613"/>
      <c r="MZC667" s="613"/>
      <c r="MZD667" s="613"/>
      <c r="MZE667" s="613"/>
      <c r="MZF667" s="613"/>
      <c r="MZG667" s="613"/>
      <c r="MZH667" s="613"/>
      <c r="MZI667" s="613"/>
      <c r="MZJ667" s="613"/>
      <c r="MZK667" s="613"/>
      <c r="MZL667" s="613"/>
      <c r="MZM667" s="613"/>
      <c r="MZN667" s="613"/>
      <c r="MZO667" s="613"/>
      <c r="MZP667" s="613"/>
      <c r="MZQ667" s="613"/>
      <c r="MZR667" s="613"/>
      <c r="MZS667" s="613"/>
      <c r="MZT667" s="613"/>
      <c r="MZU667" s="613"/>
      <c r="MZV667" s="613"/>
      <c r="MZW667" s="613"/>
      <c r="MZX667" s="613"/>
      <c r="MZY667" s="613"/>
      <c r="MZZ667" s="613"/>
      <c r="NAA667" s="613"/>
      <c r="NAB667" s="613"/>
      <c r="NAC667" s="613"/>
      <c r="NAD667" s="613"/>
      <c r="NAE667" s="613"/>
      <c r="NAF667" s="613"/>
      <c r="NAG667" s="613"/>
      <c r="NAH667" s="613"/>
      <c r="NAI667" s="613"/>
      <c r="NAJ667" s="613"/>
      <c r="NAK667" s="613"/>
      <c r="NAL667" s="613"/>
      <c r="NAM667" s="613"/>
      <c r="NAN667" s="613"/>
      <c r="NAO667" s="613"/>
      <c r="NAP667" s="613"/>
      <c r="NAQ667" s="613"/>
      <c r="NAR667" s="613"/>
      <c r="NAS667" s="613"/>
      <c r="NAT667" s="613"/>
      <c r="NAU667" s="613"/>
      <c r="NAV667" s="613"/>
      <c r="NAW667" s="613"/>
      <c r="NAX667" s="613"/>
      <c r="NAY667" s="613"/>
      <c r="NAZ667" s="613"/>
      <c r="NBA667" s="613"/>
      <c r="NBB667" s="613"/>
      <c r="NBC667" s="613"/>
      <c r="NBD667" s="613"/>
      <c r="NBE667" s="613"/>
      <c r="NBF667" s="613"/>
      <c r="NBG667" s="613"/>
      <c r="NBH667" s="613"/>
      <c r="NBI667" s="613"/>
      <c r="NBJ667" s="613"/>
      <c r="NBK667" s="613"/>
      <c r="NBL667" s="613"/>
      <c r="NBM667" s="613"/>
      <c r="NBN667" s="613"/>
      <c r="NBO667" s="613"/>
      <c r="NBP667" s="613"/>
      <c r="NBQ667" s="613"/>
      <c r="NBR667" s="613"/>
      <c r="NBS667" s="613"/>
      <c r="NBT667" s="613"/>
      <c r="NBU667" s="613"/>
      <c r="NBV667" s="613"/>
      <c r="NBW667" s="613"/>
      <c r="NBX667" s="613"/>
      <c r="NBY667" s="613"/>
      <c r="NBZ667" s="613"/>
      <c r="NCA667" s="613"/>
      <c r="NCB667" s="613"/>
      <c r="NCC667" s="613"/>
      <c r="NCD667" s="613"/>
      <c r="NCE667" s="613"/>
      <c r="NCF667" s="613"/>
      <c r="NCG667" s="613"/>
      <c r="NCH667" s="613"/>
      <c r="NCI667" s="613"/>
      <c r="NCJ667" s="613"/>
      <c r="NCK667" s="613"/>
      <c r="NCL667" s="613"/>
      <c r="NCM667" s="613"/>
      <c r="NCN667" s="613"/>
      <c r="NCO667" s="613"/>
      <c r="NCP667" s="613"/>
      <c r="NCQ667" s="613"/>
      <c r="NCR667" s="613"/>
      <c r="NCS667" s="613"/>
      <c r="NCT667" s="613"/>
      <c r="NCU667" s="613"/>
      <c r="NCV667" s="613"/>
      <c r="NCW667" s="613"/>
      <c r="NCX667" s="613"/>
      <c r="NCY667" s="613"/>
      <c r="NCZ667" s="613"/>
      <c r="NDA667" s="613"/>
      <c r="NDB667" s="613"/>
      <c r="NDC667" s="613"/>
      <c r="NDD667" s="613"/>
      <c r="NDE667" s="613"/>
      <c r="NDF667" s="613"/>
      <c r="NDG667" s="613"/>
      <c r="NDH667" s="613"/>
      <c r="NDI667" s="613"/>
      <c r="NDJ667" s="613"/>
      <c r="NDK667" s="613"/>
      <c r="NDL667" s="613"/>
      <c r="NDM667" s="613"/>
      <c r="NDN667" s="613"/>
      <c r="NDO667" s="613"/>
      <c r="NDP667" s="613"/>
      <c r="NDQ667" s="613"/>
      <c r="NDR667" s="613"/>
      <c r="NDS667" s="613"/>
      <c r="NDT667" s="613"/>
      <c r="NDU667" s="613"/>
      <c r="NDV667" s="613"/>
      <c r="NDW667" s="613"/>
      <c r="NDX667" s="613"/>
      <c r="NDY667" s="613"/>
      <c r="NDZ667" s="613"/>
      <c r="NEA667" s="613"/>
      <c r="NEB667" s="613"/>
      <c r="NEC667" s="613"/>
      <c r="NED667" s="613"/>
      <c r="NEE667" s="613"/>
      <c r="NEF667" s="613"/>
      <c r="NEG667" s="613"/>
      <c r="NEH667" s="613"/>
      <c r="NEI667" s="613"/>
      <c r="NEJ667" s="613"/>
      <c r="NEK667" s="613"/>
      <c r="NEL667" s="613"/>
      <c r="NEM667" s="613"/>
      <c r="NEN667" s="613"/>
      <c r="NEO667" s="613"/>
      <c r="NEP667" s="613"/>
      <c r="NEQ667" s="613"/>
      <c r="NER667" s="613"/>
      <c r="NES667" s="613"/>
      <c r="NET667" s="613"/>
      <c r="NEU667" s="613"/>
      <c r="NEV667" s="613"/>
      <c r="NEW667" s="613"/>
      <c r="NEX667" s="613"/>
      <c r="NEY667" s="613"/>
      <c r="NEZ667" s="613"/>
      <c r="NFA667" s="613"/>
      <c r="NFB667" s="613"/>
      <c r="NFC667" s="613"/>
      <c r="NFD667" s="613"/>
      <c r="NFE667" s="613"/>
      <c r="NFF667" s="613"/>
      <c r="NFG667" s="613"/>
      <c r="NFH667" s="613"/>
      <c r="NFI667" s="613"/>
      <c r="NFJ667" s="613"/>
      <c r="NFK667" s="613"/>
      <c r="NFL667" s="613"/>
      <c r="NFM667" s="613"/>
      <c r="NFN667" s="613"/>
      <c r="NFO667" s="613"/>
      <c r="NFP667" s="613"/>
      <c r="NFQ667" s="613"/>
      <c r="NFR667" s="613"/>
      <c r="NFS667" s="613"/>
      <c r="NFT667" s="613"/>
      <c r="NFU667" s="613"/>
      <c r="NFV667" s="613"/>
      <c r="NFW667" s="613"/>
      <c r="NFX667" s="613"/>
      <c r="NFY667" s="613"/>
      <c r="NFZ667" s="613"/>
      <c r="NGA667" s="613"/>
      <c r="NGB667" s="613"/>
      <c r="NGC667" s="613"/>
      <c r="NGD667" s="613"/>
      <c r="NGE667" s="613"/>
      <c r="NGF667" s="613"/>
      <c r="NGG667" s="613"/>
      <c r="NGH667" s="613"/>
      <c r="NGI667" s="613"/>
      <c r="NGJ667" s="613"/>
      <c r="NGK667" s="613"/>
      <c r="NGL667" s="613"/>
      <c r="NGM667" s="613"/>
      <c r="NGN667" s="613"/>
      <c r="NGO667" s="613"/>
      <c r="NGP667" s="613"/>
      <c r="NGQ667" s="613"/>
      <c r="NGR667" s="613"/>
      <c r="NGS667" s="613"/>
      <c r="NGT667" s="613"/>
      <c r="NGU667" s="613"/>
      <c r="NGV667" s="613"/>
      <c r="NGW667" s="613"/>
      <c r="NGX667" s="613"/>
      <c r="NGY667" s="613"/>
      <c r="NGZ667" s="613"/>
      <c r="NHA667" s="613"/>
      <c r="NHB667" s="613"/>
      <c r="NHC667" s="613"/>
      <c r="NHD667" s="613"/>
      <c r="NHE667" s="613"/>
      <c r="NHF667" s="613"/>
      <c r="NHG667" s="613"/>
      <c r="NHH667" s="613"/>
      <c r="NHI667" s="613"/>
      <c r="NHJ667" s="613"/>
      <c r="NHK667" s="613"/>
      <c r="NHL667" s="613"/>
      <c r="NHM667" s="613"/>
      <c r="NHN667" s="613"/>
      <c r="NHO667" s="613"/>
      <c r="NHP667" s="613"/>
      <c r="NHQ667" s="613"/>
      <c r="NHR667" s="613"/>
      <c r="NHS667" s="613"/>
      <c r="NHT667" s="613"/>
      <c r="NHU667" s="613"/>
      <c r="NHV667" s="613"/>
      <c r="NHW667" s="613"/>
      <c r="NHX667" s="613"/>
      <c r="NHY667" s="613"/>
      <c r="NHZ667" s="613"/>
      <c r="NIA667" s="613"/>
      <c r="NIB667" s="613"/>
      <c r="NIC667" s="613"/>
      <c r="NID667" s="613"/>
      <c r="NIE667" s="613"/>
      <c r="NIF667" s="613"/>
      <c r="NIG667" s="613"/>
      <c r="NIH667" s="613"/>
      <c r="NII667" s="613"/>
      <c r="NIJ667" s="613"/>
      <c r="NIK667" s="613"/>
      <c r="NIL667" s="613"/>
      <c r="NIM667" s="613"/>
      <c r="NIN667" s="613"/>
      <c r="NIO667" s="613"/>
      <c r="NIP667" s="613"/>
      <c r="NIQ667" s="613"/>
      <c r="NIR667" s="613"/>
      <c r="NIS667" s="613"/>
      <c r="NIT667" s="613"/>
      <c r="NIU667" s="613"/>
      <c r="NIV667" s="613"/>
      <c r="NIW667" s="613"/>
      <c r="NIX667" s="613"/>
      <c r="NIY667" s="613"/>
      <c r="NIZ667" s="613"/>
      <c r="NJA667" s="613"/>
      <c r="NJB667" s="613"/>
      <c r="NJC667" s="613"/>
      <c r="NJD667" s="613"/>
      <c r="NJE667" s="613"/>
      <c r="NJF667" s="613"/>
      <c r="NJG667" s="613"/>
      <c r="NJH667" s="613"/>
      <c r="NJI667" s="613"/>
      <c r="NJJ667" s="613"/>
      <c r="NJK667" s="613"/>
      <c r="NJL667" s="613"/>
      <c r="NJM667" s="613"/>
      <c r="NJN667" s="613"/>
      <c r="NJO667" s="613"/>
      <c r="NJP667" s="613"/>
      <c r="NJQ667" s="613"/>
      <c r="NJR667" s="613"/>
      <c r="NJS667" s="613"/>
      <c r="NJT667" s="613"/>
      <c r="NJU667" s="613"/>
      <c r="NJV667" s="613"/>
      <c r="NJW667" s="613"/>
      <c r="NJX667" s="613"/>
      <c r="NJY667" s="613"/>
      <c r="NJZ667" s="613"/>
      <c r="NKA667" s="613"/>
      <c r="NKB667" s="613"/>
      <c r="NKC667" s="613"/>
      <c r="NKD667" s="613"/>
      <c r="NKE667" s="613"/>
      <c r="NKF667" s="613"/>
      <c r="NKG667" s="613"/>
      <c r="NKH667" s="613"/>
      <c r="NKI667" s="613"/>
      <c r="NKJ667" s="613"/>
      <c r="NKK667" s="613"/>
      <c r="NKL667" s="613"/>
      <c r="NKM667" s="613"/>
      <c r="NKN667" s="613"/>
      <c r="NKO667" s="613"/>
      <c r="NKP667" s="613"/>
      <c r="NKQ667" s="613"/>
      <c r="NKR667" s="613"/>
      <c r="NKS667" s="613"/>
      <c r="NKT667" s="613"/>
      <c r="NKU667" s="613"/>
      <c r="NKV667" s="613"/>
      <c r="NKW667" s="613"/>
      <c r="NKX667" s="613"/>
      <c r="NKY667" s="613"/>
      <c r="NKZ667" s="613"/>
      <c r="NLA667" s="613"/>
      <c r="NLB667" s="613"/>
      <c r="NLC667" s="613"/>
      <c r="NLD667" s="613"/>
      <c r="NLE667" s="613"/>
      <c r="NLF667" s="613"/>
      <c r="NLG667" s="613"/>
      <c r="NLH667" s="613"/>
      <c r="NLI667" s="613"/>
      <c r="NLJ667" s="613"/>
      <c r="NLK667" s="613"/>
      <c r="NLL667" s="613"/>
      <c r="NLM667" s="613"/>
      <c r="NLN667" s="613"/>
      <c r="NLO667" s="613"/>
      <c r="NLP667" s="613"/>
      <c r="NLQ667" s="613"/>
      <c r="NLR667" s="613"/>
      <c r="NLS667" s="613"/>
      <c r="NLT667" s="613"/>
      <c r="NLU667" s="613"/>
      <c r="NLV667" s="613"/>
      <c r="NLW667" s="613"/>
      <c r="NLX667" s="613"/>
      <c r="NLY667" s="613"/>
      <c r="NLZ667" s="613"/>
      <c r="NMA667" s="613"/>
      <c r="NMB667" s="613"/>
      <c r="NMC667" s="613"/>
      <c r="NMD667" s="613"/>
      <c r="NME667" s="613"/>
      <c r="NMF667" s="613"/>
      <c r="NMG667" s="613"/>
      <c r="NMH667" s="613"/>
      <c r="NMI667" s="613"/>
      <c r="NMJ667" s="613"/>
      <c r="NMK667" s="613"/>
      <c r="NML667" s="613"/>
      <c r="NMM667" s="613"/>
      <c r="NMN667" s="613"/>
      <c r="NMO667" s="613"/>
      <c r="NMP667" s="613"/>
      <c r="NMQ667" s="613"/>
      <c r="NMR667" s="613"/>
      <c r="NMS667" s="613"/>
      <c r="NMT667" s="613"/>
      <c r="NMU667" s="613"/>
      <c r="NMV667" s="613"/>
      <c r="NMW667" s="613"/>
      <c r="NMX667" s="613"/>
      <c r="NMY667" s="613"/>
      <c r="NMZ667" s="613"/>
      <c r="NNA667" s="613"/>
      <c r="NNB667" s="613"/>
      <c r="NNC667" s="613"/>
      <c r="NND667" s="613"/>
      <c r="NNE667" s="613"/>
      <c r="NNF667" s="613"/>
      <c r="NNG667" s="613"/>
      <c r="NNH667" s="613"/>
      <c r="NNI667" s="613"/>
      <c r="NNJ667" s="613"/>
      <c r="NNK667" s="613"/>
      <c r="NNL667" s="613"/>
      <c r="NNM667" s="613"/>
      <c r="NNN667" s="613"/>
      <c r="NNO667" s="613"/>
      <c r="NNP667" s="613"/>
      <c r="NNQ667" s="613"/>
      <c r="NNR667" s="613"/>
      <c r="NNS667" s="613"/>
      <c r="NNT667" s="613"/>
      <c r="NNU667" s="613"/>
      <c r="NNV667" s="613"/>
      <c r="NNW667" s="613"/>
      <c r="NNX667" s="613"/>
      <c r="NNY667" s="613"/>
      <c r="NNZ667" s="613"/>
      <c r="NOA667" s="613"/>
      <c r="NOB667" s="613"/>
      <c r="NOC667" s="613"/>
      <c r="NOD667" s="613"/>
      <c r="NOE667" s="613"/>
      <c r="NOF667" s="613"/>
      <c r="NOG667" s="613"/>
      <c r="NOH667" s="613"/>
      <c r="NOI667" s="613"/>
      <c r="NOJ667" s="613"/>
      <c r="NOK667" s="613"/>
      <c r="NOL667" s="613"/>
      <c r="NOM667" s="613"/>
      <c r="NON667" s="613"/>
      <c r="NOO667" s="613"/>
      <c r="NOP667" s="613"/>
      <c r="NOQ667" s="613"/>
      <c r="NOR667" s="613"/>
      <c r="NOS667" s="613"/>
      <c r="NOT667" s="613"/>
      <c r="NOU667" s="613"/>
      <c r="NOV667" s="613"/>
      <c r="NOW667" s="613"/>
      <c r="NOX667" s="613"/>
      <c r="NOY667" s="613"/>
      <c r="NOZ667" s="613"/>
      <c r="NPA667" s="613"/>
      <c r="NPB667" s="613"/>
      <c r="NPC667" s="613"/>
      <c r="NPD667" s="613"/>
      <c r="NPE667" s="613"/>
      <c r="NPF667" s="613"/>
      <c r="NPG667" s="613"/>
      <c r="NPH667" s="613"/>
      <c r="NPI667" s="613"/>
      <c r="NPJ667" s="613"/>
      <c r="NPK667" s="613"/>
      <c r="NPL667" s="613"/>
      <c r="NPM667" s="613"/>
      <c r="NPN667" s="613"/>
      <c r="NPO667" s="613"/>
      <c r="NPP667" s="613"/>
      <c r="NPQ667" s="613"/>
      <c r="NPR667" s="613"/>
      <c r="NPS667" s="613"/>
      <c r="NPT667" s="613"/>
      <c r="NPU667" s="613"/>
      <c r="NPV667" s="613"/>
      <c r="NPW667" s="613"/>
      <c r="NPX667" s="613"/>
      <c r="NPY667" s="613"/>
      <c r="NPZ667" s="613"/>
      <c r="NQA667" s="613"/>
      <c r="NQB667" s="613"/>
      <c r="NQC667" s="613"/>
      <c r="NQD667" s="613"/>
      <c r="NQE667" s="613"/>
      <c r="NQF667" s="613"/>
      <c r="NQG667" s="613"/>
      <c r="NQH667" s="613"/>
      <c r="NQI667" s="613"/>
      <c r="NQJ667" s="613"/>
      <c r="NQK667" s="613"/>
      <c r="NQL667" s="613"/>
      <c r="NQM667" s="613"/>
      <c r="NQN667" s="613"/>
      <c r="NQO667" s="613"/>
      <c r="NQP667" s="613"/>
      <c r="NQQ667" s="613"/>
      <c r="NQR667" s="613"/>
      <c r="NQS667" s="613"/>
      <c r="NQT667" s="613"/>
      <c r="NQU667" s="613"/>
      <c r="NQV667" s="613"/>
      <c r="NQW667" s="613"/>
      <c r="NQX667" s="613"/>
      <c r="NQY667" s="613"/>
      <c r="NQZ667" s="613"/>
      <c r="NRA667" s="613"/>
      <c r="NRB667" s="613"/>
      <c r="NRC667" s="613"/>
      <c r="NRD667" s="613"/>
      <c r="NRE667" s="613"/>
      <c r="NRF667" s="613"/>
      <c r="NRG667" s="613"/>
      <c r="NRH667" s="613"/>
      <c r="NRI667" s="613"/>
      <c r="NRJ667" s="613"/>
      <c r="NRK667" s="613"/>
      <c r="NRL667" s="613"/>
      <c r="NRM667" s="613"/>
      <c r="NRN667" s="613"/>
      <c r="NRO667" s="613"/>
      <c r="NRP667" s="613"/>
      <c r="NRQ667" s="613"/>
      <c r="NRR667" s="613"/>
      <c r="NRS667" s="613"/>
      <c r="NRT667" s="613"/>
      <c r="NRU667" s="613"/>
      <c r="NRV667" s="613"/>
      <c r="NRW667" s="613"/>
      <c r="NRX667" s="613"/>
      <c r="NRY667" s="613"/>
      <c r="NRZ667" s="613"/>
      <c r="NSA667" s="613"/>
      <c r="NSB667" s="613"/>
      <c r="NSC667" s="613"/>
      <c r="NSD667" s="613"/>
      <c r="NSE667" s="613"/>
      <c r="NSF667" s="613"/>
      <c r="NSG667" s="613"/>
      <c r="NSH667" s="613"/>
      <c r="NSI667" s="613"/>
      <c r="NSJ667" s="613"/>
      <c r="NSK667" s="613"/>
      <c r="NSL667" s="613"/>
      <c r="NSM667" s="613"/>
      <c r="NSN667" s="613"/>
      <c r="NSO667" s="613"/>
      <c r="NSP667" s="613"/>
      <c r="NSQ667" s="613"/>
      <c r="NSR667" s="613"/>
      <c r="NSS667" s="613"/>
      <c r="NST667" s="613"/>
      <c r="NSU667" s="613"/>
      <c r="NSV667" s="613"/>
      <c r="NSW667" s="613"/>
      <c r="NSX667" s="613"/>
      <c r="NSY667" s="613"/>
      <c r="NSZ667" s="613"/>
      <c r="NTA667" s="613"/>
      <c r="NTB667" s="613"/>
      <c r="NTC667" s="613"/>
      <c r="NTD667" s="613"/>
      <c r="NTE667" s="613"/>
      <c r="NTF667" s="613"/>
      <c r="NTG667" s="613"/>
      <c r="NTH667" s="613"/>
      <c r="NTI667" s="613"/>
      <c r="NTJ667" s="613"/>
      <c r="NTK667" s="613"/>
      <c r="NTL667" s="613"/>
      <c r="NTM667" s="613"/>
      <c r="NTN667" s="613"/>
      <c r="NTO667" s="613"/>
      <c r="NTP667" s="613"/>
      <c r="NTQ667" s="613"/>
      <c r="NTR667" s="613"/>
      <c r="NTS667" s="613"/>
      <c r="NTT667" s="613"/>
      <c r="NTU667" s="613"/>
      <c r="NTV667" s="613"/>
      <c r="NTW667" s="613"/>
      <c r="NTX667" s="613"/>
      <c r="NTY667" s="613"/>
      <c r="NTZ667" s="613"/>
      <c r="NUA667" s="613"/>
      <c r="NUB667" s="613"/>
      <c r="NUC667" s="613"/>
      <c r="NUD667" s="613"/>
      <c r="NUE667" s="613"/>
      <c r="NUF667" s="613"/>
      <c r="NUG667" s="613"/>
      <c r="NUH667" s="613"/>
      <c r="NUI667" s="613"/>
      <c r="NUJ667" s="613"/>
      <c r="NUK667" s="613"/>
      <c r="NUL667" s="613"/>
      <c r="NUM667" s="613"/>
      <c r="NUN667" s="613"/>
      <c r="NUO667" s="613"/>
      <c r="NUP667" s="613"/>
      <c r="NUQ667" s="613"/>
      <c r="NUR667" s="613"/>
      <c r="NUS667" s="613"/>
      <c r="NUT667" s="613"/>
      <c r="NUU667" s="613"/>
      <c r="NUV667" s="613"/>
      <c r="NUW667" s="613"/>
      <c r="NUX667" s="613"/>
      <c r="NUY667" s="613"/>
      <c r="NUZ667" s="613"/>
      <c r="NVA667" s="613"/>
      <c r="NVB667" s="613"/>
      <c r="NVC667" s="613"/>
      <c r="NVD667" s="613"/>
      <c r="NVE667" s="613"/>
      <c r="NVF667" s="613"/>
      <c r="NVG667" s="613"/>
      <c r="NVH667" s="613"/>
      <c r="NVI667" s="613"/>
      <c r="NVJ667" s="613"/>
      <c r="NVK667" s="613"/>
      <c r="NVL667" s="613"/>
      <c r="NVM667" s="613"/>
      <c r="NVN667" s="613"/>
      <c r="NVO667" s="613"/>
      <c r="NVP667" s="613"/>
      <c r="NVQ667" s="613"/>
      <c r="NVR667" s="613"/>
      <c r="NVS667" s="613"/>
      <c r="NVT667" s="613"/>
      <c r="NVU667" s="613"/>
      <c r="NVV667" s="613"/>
      <c r="NVW667" s="613"/>
      <c r="NVX667" s="613"/>
      <c r="NVY667" s="613"/>
      <c r="NVZ667" s="613"/>
      <c r="NWA667" s="613"/>
      <c r="NWB667" s="613"/>
      <c r="NWC667" s="613"/>
      <c r="NWD667" s="613"/>
      <c r="NWE667" s="613"/>
      <c r="NWF667" s="613"/>
      <c r="NWG667" s="613"/>
      <c r="NWH667" s="613"/>
      <c r="NWI667" s="613"/>
      <c r="NWJ667" s="613"/>
      <c r="NWK667" s="613"/>
      <c r="NWL667" s="613"/>
      <c r="NWM667" s="613"/>
      <c r="NWN667" s="613"/>
      <c r="NWO667" s="613"/>
      <c r="NWP667" s="613"/>
      <c r="NWQ667" s="613"/>
      <c r="NWR667" s="613"/>
      <c r="NWS667" s="613"/>
      <c r="NWT667" s="613"/>
      <c r="NWU667" s="613"/>
      <c r="NWV667" s="613"/>
      <c r="NWW667" s="613"/>
      <c r="NWX667" s="613"/>
      <c r="NWY667" s="613"/>
      <c r="NWZ667" s="613"/>
      <c r="NXA667" s="613"/>
      <c r="NXB667" s="613"/>
      <c r="NXC667" s="613"/>
      <c r="NXD667" s="613"/>
      <c r="NXE667" s="613"/>
      <c r="NXF667" s="613"/>
      <c r="NXG667" s="613"/>
      <c r="NXH667" s="613"/>
      <c r="NXI667" s="613"/>
      <c r="NXJ667" s="613"/>
      <c r="NXK667" s="613"/>
      <c r="NXL667" s="613"/>
      <c r="NXM667" s="613"/>
      <c r="NXN667" s="613"/>
      <c r="NXO667" s="613"/>
      <c r="NXP667" s="613"/>
      <c r="NXQ667" s="613"/>
      <c r="NXR667" s="613"/>
      <c r="NXS667" s="613"/>
      <c r="NXT667" s="613"/>
      <c r="NXU667" s="613"/>
      <c r="NXV667" s="613"/>
      <c r="NXW667" s="613"/>
      <c r="NXX667" s="613"/>
      <c r="NXY667" s="613"/>
      <c r="NXZ667" s="613"/>
      <c r="NYA667" s="613"/>
      <c r="NYB667" s="613"/>
      <c r="NYC667" s="613"/>
      <c r="NYD667" s="613"/>
      <c r="NYE667" s="613"/>
      <c r="NYF667" s="613"/>
      <c r="NYG667" s="613"/>
      <c r="NYH667" s="613"/>
      <c r="NYI667" s="613"/>
      <c r="NYJ667" s="613"/>
      <c r="NYK667" s="613"/>
      <c r="NYL667" s="613"/>
      <c r="NYM667" s="613"/>
      <c r="NYN667" s="613"/>
      <c r="NYO667" s="613"/>
      <c r="NYP667" s="613"/>
      <c r="NYQ667" s="613"/>
      <c r="NYR667" s="613"/>
      <c r="NYS667" s="613"/>
      <c r="NYT667" s="613"/>
      <c r="NYU667" s="613"/>
      <c r="NYV667" s="613"/>
      <c r="NYW667" s="613"/>
      <c r="NYX667" s="613"/>
      <c r="NYY667" s="613"/>
      <c r="NYZ667" s="613"/>
      <c r="NZA667" s="613"/>
      <c r="NZB667" s="613"/>
      <c r="NZC667" s="613"/>
      <c r="NZD667" s="613"/>
      <c r="NZE667" s="613"/>
      <c r="NZF667" s="613"/>
      <c r="NZG667" s="613"/>
      <c r="NZH667" s="613"/>
      <c r="NZI667" s="613"/>
      <c r="NZJ667" s="613"/>
      <c r="NZK667" s="613"/>
      <c r="NZL667" s="613"/>
      <c r="NZM667" s="613"/>
      <c r="NZN667" s="613"/>
      <c r="NZO667" s="613"/>
      <c r="NZP667" s="613"/>
      <c r="NZQ667" s="613"/>
      <c r="NZR667" s="613"/>
      <c r="NZS667" s="613"/>
      <c r="NZT667" s="613"/>
      <c r="NZU667" s="613"/>
      <c r="NZV667" s="613"/>
      <c r="NZW667" s="613"/>
      <c r="NZX667" s="613"/>
      <c r="NZY667" s="613"/>
      <c r="NZZ667" s="613"/>
      <c r="OAA667" s="613"/>
      <c r="OAB667" s="613"/>
      <c r="OAC667" s="613"/>
      <c r="OAD667" s="613"/>
      <c r="OAE667" s="613"/>
      <c r="OAF667" s="613"/>
      <c r="OAG667" s="613"/>
      <c r="OAH667" s="613"/>
      <c r="OAI667" s="613"/>
      <c r="OAJ667" s="613"/>
      <c r="OAK667" s="613"/>
      <c r="OAL667" s="613"/>
      <c r="OAM667" s="613"/>
      <c r="OAN667" s="613"/>
      <c r="OAO667" s="613"/>
      <c r="OAP667" s="613"/>
      <c r="OAQ667" s="613"/>
      <c r="OAR667" s="613"/>
      <c r="OAS667" s="613"/>
      <c r="OAT667" s="613"/>
      <c r="OAU667" s="613"/>
      <c r="OAV667" s="613"/>
      <c r="OAW667" s="613"/>
      <c r="OAX667" s="613"/>
      <c r="OAY667" s="613"/>
      <c r="OAZ667" s="613"/>
      <c r="OBA667" s="613"/>
      <c r="OBB667" s="613"/>
      <c r="OBC667" s="613"/>
      <c r="OBD667" s="613"/>
      <c r="OBE667" s="613"/>
      <c r="OBF667" s="613"/>
      <c r="OBG667" s="613"/>
      <c r="OBH667" s="613"/>
      <c r="OBI667" s="613"/>
      <c r="OBJ667" s="613"/>
      <c r="OBK667" s="613"/>
      <c r="OBL667" s="613"/>
      <c r="OBM667" s="613"/>
      <c r="OBN667" s="613"/>
      <c r="OBO667" s="613"/>
      <c r="OBP667" s="613"/>
      <c r="OBQ667" s="613"/>
      <c r="OBR667" s="613"/>
      <c r="OBS667" s="613"/>
      <c r="OBT667" s="613"/>
      <c r="OBU667" s="613"/>
      <c r="OBV667" s="613"/>
      <c r="OBW667" s="613"/>
      <c r="OBX667" s="613"/>
      <c r="OBY667" s="613"/>
      <c r="OBZ667" s="613"/>
      <c r="OCA667" s="613"/>
      <c r="OCB667" s="613"/>
      <c r="OCC667" s="613"/>
      <c r="OCD667" s="613"/>
      <c r="OCE667" s="613"/>
      <c r="OCF667" s="613"/>
      <c r="OCG667" s="613"/>
      <c r="OCH667" s="613"/>
      <c r="OCI667" s="613"/>
      <c r="OCJ667" s="613"/>
      <c r="OCK667" s="613"/>
      <c r="OCL667" s="613"/>
      <c r="OCM667" s="613"/>
      <c r="OCN667" s="613"/>
      <c r="OCO667" s="613"/>
      <c r="OCP667" s="613"/>
      <c r="OCQ667" s="613"/>
      <c r="OCR667" s="613"/>
      <c r="OCS667" s="613"/>
      <c r="OCT667" s="613"/>
      <c r="OCU667" s="613"/>
      <c r="OCV667" s="613"/>
      <c r="OCW667" s="613"/>
      <c r="OCX667" s="613"/>
      <c r="OCY667" s="613"/>
      <c r="OCZ667" s="613"/>
      <c r="ODA667" s="613"/>
      <c r="ODB667" s="613"/>
      <c r="ODC667" s="613"/>
      <c r="ODD667" s="613"/>
      <c r="ODE667" s="613"/>
      <c r="ODF667" s="613"/>
      <c r="ODG667" s="613"/>
      <c r="ODH667" s="613"/>
      <c r="ODI667" s="613"/>
      <c r="ODJ667" s="613"/>
      <c r="ODK667" s="613"/>
      <c r="ODL667" s="613"/>
      <c r="ODM667" s="613"/>
      <c r="ODN667" s="613"/>
      <c r="ODO667" s="613"/>
      <c r="ODP667" s="613"/>
      <c r="ODQ667" s="613"/>
      <c r="ODR667" s="613"/>
      <c r="ODS667" s="613"/>
      <c r="ODT667" s="613"/>
      <c r="ODU667" s="613"/>
      <c r="ODV667" s="613"/>
      <c r="ODW667" s="613"/>
      <c r="ODX667" s="613"/>
      <c r="ODY667" s="613"/>
      <c r="ODZ667" s="613"/>
      <c r="OEA667" s="613"/>
      <c r="OEB667" s="613"/>
      <c r="OEC667" s="613"/>
      <c r="OED667" s="613"/>
      <c r="OEE667" s="613"/>
      <c r="OEF667" s="613"/>
      <c r="OEG667" s="613"/>
      <c r="OEH667" s="613"/>
      <c r="OEI667" s="613"/>
      <c r="OEJ667" s="613"/>
      <c r="OEK667" s="613"/>
      <c r="OEL667" s="613"/>
      <c r="OEM667" s="613"/>
      <c r="OEN667" s="613"/>
      <c r="OEO667" s="613"/>
      <c r="OEP667" s="613"/>
      <c r="OEQ667" s="613"/>
      <c r="OER667" s="613"/>
      <c r="OES667" s="613"/>
      <c r="OET667" s="613"/>
      <c r="OEU667" s="613"/>
      <c r="OEV667" s="613"/>
      <c r="OEW667" s="613"/>
      <c r="OEX667" s="613"/>
      <c r="OEY667" s="613"/>
      <c r="OEZ667" s="613"/>
      <c r="OFA667" s="613"/>
      <c r="OFB667" s="613"/>
      <c r="OFC667" s="613"/>
      <c r="OFD667" s="613"/>
      <c r="OFE667" s="613"/>
      <c r="OFF667" s="613"/>
      <c r="OFG667" s="613"/>
      <c r="OFH667" s="613"/>
      <c r="OFI667" s="613"/>
      <c r="OFJ667" s="613"/>
      <c r="OFK667" s="613"/>
      <c r="OFL667" s="613"/>
      <c r="OFM667" s="613"/>
      <c r="OFN667" s="613"/>
      <c r="OFO667" s="613"/>
      <c r="OFP667" s="613"/>
      <c r="OFQ667" s="613"/>
      <c r="OFR667" s="613"/>
      <c r="OFS667" s="613"/>
      <c r="OFT667" s="613"/>
      <c r="OFU667" s="613"/>
      <c r="OFV667" s="613"/>
      <c r="OFW667" s="613"/>
      <c r="OFX667" s="613"/>
      <c r="OFY667" s="613"/>
      <c r="OFZ667" s="613"/>
      <c r="OGA667" s="613"/>
      <c r="OGB667" s="613"/>
      <c r="OGC667" s="613"/>
      <c r="OGD667" s="613"/>
      <c r="OGE667" s="613"/>
      <c r="OGF667" s="613"/>
      <c r="OGG667" s="613"/>
      <c r="OGH667" s="613"/>
      <c r="OGI667" s="613"/>
      <c r="OGJ667" s="613"/>
      <c r="OGK667" s="613"/>
      <c r="OGL667" s="613"/>
      <c r="OGM667" s="613"/>
      <c r="OGN667" s="613"/>
      <c r="OGO667" s="613"/>
      <c r="OGP667" s="613"/>
      <c r="OGQ667" s="613"/>
      <c r="OGR667" s="613"/>
      <c r="OGS667" s="613"/>
      <c r="OGT667" s="613"/>
      <c r="OGU667" s="613"/>
      <c r="OGV667" s="613"/>
      <c r="OGW667" s="613"/>
      <c r="OGX667" s="613"/>
      <c r="OGY667" s="613"/>
      <c r="OGZ667" s="613"/>
      <c r="OHA667" s="613"/>
      <c r="OHB667" s="613"/>
      <c r="OHC667" s="613"/>
      <c r="OHD667" s="613"/>
      <c r="OHE667" s="613"/>
      <c r="OHF667" s="613"/>
      <c r="OHG667" s="613"/>
      <c r="OHH667" s="613"/>
      <c r="OHI667" s="613"/>
      <c r="OHJ667" s="613"/>
      <c r="OHK667" s="613"/>
      <c r="OHL667" s="613"/>
      <c r="OHM667" s="613"/>
      <c r="OHN667" s="613"/>
      <c r="OHO667" s="613"/>
      <c r="OHP667" s="613"/>
      <c r="OHQ667" s="613"/>
      <c r="OHR667" s="613"/>
      <c r="OHS667" s="613"/>
      <c r="OHT667" s="613"/>
      <c r="OHU667" s="613"/>
      <c r="OHV667" s="613"/>
      <c r="OHW667" s="613"/>
      <c r="OHX667" s="613"/>
      <c r="OHY667" s="613"/>
      <c r="OHZ667" s="613"/>
      <c r="OIA667" s="613"/>
      <c r="OIB667" s="613"/>
      <c r="OIC667" s="613"/>
      <c r="OID667" s="613"/>
      <c r="OIE667" s="613"/>
      <c r="OIF667" s="613"/>
      <c r="OIG667" s="613"/>
      <c r="OIH667" s="613"/>
      <c r="OII667" s="613"/>
      <c r="OIJ667" s="613"/>
      <c r="OIK667" s="613"/>
      <c r="OIL667" s="613"/>
      <c r="OIM667" s="613"/>
      <c r="OIN667" s="613"/>
      <c r="OIO667" s="613"/>
      <c r="OIP667" s="613"/>
      <c r="OIQ667" s="613"/>
      <c r="OIR667" s="613"/>
      <c r="OIS667" s="613"/>
      <c r="OIT667" s="613"/>
      <c r="OIU667" s="613"/>
      <c r="OIV667" s="613"/>
      <c r="OIW667" s="613"/>
      <c r="OIX667" s="613"/>
      <c r="OIY667" s="613"/>
      <c r="OIZ667" s="613"/>
      <c r="OJA667" s="613"/>
      <c r="OJB667" s="613"/>
      <c r="OJC667" s="613"/>
      <c r="OJD667" s="613"/>
      <c r="OJE667" s="613"/>
      <c r="OJF667" s="613"/>
      <c r="OJG667" s="613"/>
      <c r="OJH667" s="613"/>
      <c r="OJI667" s="613"/>
      <c r="OJJ667" s="613"/>
      <c r="OJK667" s="613"/>
      <c r="OJL667" s="613"/>
      <c r="OJM667" s="613"/>
      <c r="OJN667" s="613"/>
      <c r="OJO667" s="613"/>
      <c r="OJP667" s="613"/>
      <c r="OJQ667" s="613"/>
      <c r="OJR667" s="613"/>
      <c r="OJS667" s="613"/>
      <c r="OJT667" s="613"/>
      <c r="OJU667" s="613"/>
      <c r="OJV667" s="613"/>
      <c r="OJW667" s="613"/>
      <c r="OJX667" s="613"/>
      <c r="OJY667" s="613"/>
      <c r="OJZ667" s="613"/>
      <c r="OKA667" s="613"/>
      <c r="OKB667" s="613"/>
      <c r="OKC667" s="613"/>
      <c r="OKD667" s="613"/>
      <c r="OKE667" s="613"/>
      <c r="OKF667" s="613"/>
      <c r="OKG667" s="613"/>
      <c r="OKH667" s="613"/>
      <c r="OKI667" s="613"/>
      <c r="OKJ667" s="613"/>
      <c r="OKK667" s="613"/>
      <c r="OKL667" s="613"/>
      <c r="OKM667" s="613"/>
      <c r="OKN667" s="613"/>
      <c r="OKO667" s="613"/>
      <c r="OKP667" s="613"/>
      <c r="OKQ667" s="613"/>
      <c r="OKR667" s="613"/>
      <c r="OKS667" s="613"/>
      <c r="OKT667" s="613"/>
      <c r="OKU667" s="613"/>
      <c r="OKV667" s="613"/>
      <c r="OKW667" s="613"/>
      <c r="OKX667" s="613"/>
      <c r="OKY667" s="613"/>
      <c r="OKZ667" s="613"/>
      <c r="OLA667" s="613"/>
      <c r="OLB667" s="613"/>
      <c r="OLC667" s="613"/>
      <c r="OLD667" s="613"/>
      <c r="OLE667" s="613"/>
      <c r="OLF667" s="613"/>
      <c r="OLG667" s="613"/>
      <c r="OLH667" s="613"/>
      <c r="OLI667" s="613"/>
      <c r="OLJ667" s="613"/>
      <c r="OLK667" s="613"/>
      <c r="OLL667" s="613"/>
      <c r="OLM667" s="613"/>
      <c r="OLN667" s="613"/>
      <c r="OLO667" s="613"/>
      <c r="OLP667" s="613"/>
      <c r="OLQ667" s="613"/>
      <c r="OLR667" s="613"/>
      <c r="OLS667" s="613"/>
      <c r="OLT667" s="613"/>
      <c r="OLU667" s="613"/>
      <c r="OLV667" s="613"/>
      <c r="OLW667" s="613"/>
      <c r="OLX667" s="613"/>
      <c r="OLY667" s="613"/>
      <c r="OLZ667" s="613"/>
      <c r="OMA667" s="613"/>
      <c r="OMB667" s="613"/>
      <c r="OMC667" s="613"/>
      <c r="OMD667" s="613"/>
      <c r="OME667" s="613"/>
      <c r="OMF667" s="613"/>
      <c r="OMG667" s="613"/>
      <c r="OMH667" s="613"/>
      <c r="OMI667" s="613"/>
      <c r="OMJ667" s="613"/>
      <c r="OMK667" s="613"/>
      <c r="OML667" s="613"/>
      <c r="OMM667" s="613"/>
      <c r="OMN667" s="613"/>
      <c r="OMO667" s="613"/>
      <c r="OMP667" s="613"/>
      <c r="OMQ667" s="613"/>
      <c r="OMR667" s="613"/>
      <c r="OMS667" s="613"/>
      <c r="OMT667" s="613"/>
      <c r="OMU667" s="613"/>
      <c r="OMV667" s="613"/>
      <c r="OMW667" s="613"/>
      <c r="OMX667" s="613"/>
      <c r="OMY667" s="613"/>
      <c r="OMZ667" s="613"/>
      <c r="ONA667" s="613"/>
      <c r="ONB667" s="613"/>
      <c r="ONC667" s="613"/>
      <c r="OND667" s="613"/>
      <c r="ONE667" s="613"/>
      <c r="ONF667" s="613"/>
      <c r="ONG667" s="613"/>
      <c r="ONH667" s="613"/>
      <c r="ONI667" s="613"/>
      <c r="ONJ667" s="613"/>
      <c r="ONK667" s="613"/>
      <c r="ONL667" s="613"/>
      <c r="ONM667" s="613"/>
      <c r="ONN667" s="613"/>
      <c r="ONO667" s="613"/>
      <c r="ONP667" s="613"/>
      <c r="ONQ667" s="613"/>
      <c r="ONR667" s="613"/>
      <c r="ONS667" s="613"/>
      <c r="ONT667" s="613"/>
      <c r="ONU667" s="613"/>
      <c r="ONV667" s="613"/>
      <c r="ONW667" s="613"/>
      <c r="ONX667" s="613"/>
      <c r="ONY667" s="613"/>
      <c r="ONZ667" s="613"/>
      <c r="OOA667" s="613"/>
      <c r="OOB667" s="613"/>
      <c r="OOC667" s="613"/>
      <c r="OOD667" s="613"/>
      <c r="OOE667" s="613"/>
      <c r="OOF667" s="613"/>
      <c r="OOG667" s="613"/>
      <c r="OOH667" s="613"/>
      <c r="OOI667" s="613"/>
      <c r="OOJ667" s="613"/>
      <c r="OOK667" s="613"/>
      <c r="OOL667" s="613"/>
      <c r="OOM667" s="613"/>
      <c r="OON667" s="613"/>
      <c r="OOO667" s="613"/>
      <c r="OOP667" s="613"/>
      <c r="OOQ667" s="613"/>
      <c r="OOR667" s="613"/>
      <c r="OOS667" s="613"/>
      <c r="OOT667" s="613"/>
      <c r="OOU667" s="613"/>
      <c r="OOV667" s="613"/>
      <c r="OOW667" s="613"/>
      <c r="OOX667" s="613"/>
      <c r="OOY667" s="613"/>
      <c r="OOZ667" s="613"/>
      <c r="OPA667" s="613"/>
      <c r="OPB667" s="613"/>
      <c r="OPC667" s="613"/>
      <c r="OPD667" s="613"/>
      <c r="OPE667" s="613"/>
      <c r="OPF667" s="613"/>
      <c r="OPG667" s="613"/>
      <c r="OPH667" s="613"/>
      <c r="OPI667" s="613"/>
      <c r="OPJ667" s="613"/>
      <c r="OPK667" s="613"/>
      <c r="OPL667" s="613"/>
      <c r="OPM667" s="613"/>
      <c r="OPN667" s="613"/>
      <c r="OPO667" s="613"/>
      <c r="OPP667" s="613"/>
      <c r="OPQ667" s="613"/>
      <c r="OPR667" s="613"/>
      <c r="OPS667" s="613"/>
      <c r="OPT667" s="613"/>
      <c r="OPU667" s="613"/>
      <c r="OPV667" s="613"/>
      <c r="OPW667" s="613"/>
      <c r="OPX667" s="613"/>
      <c r="OPY667" s="613"/>
      <c r="OPZ667" s="613"/>
      <c r="OQA667" s="613"/>
      <c r="OQB667" s="613"/>
      <c r="OQC667" s="613"/>
      <c r="OQD667" s="613"/>
      <c r="OQE667" s="613"/>
      <c r="OQF667" s="613"/>
      <c r="OQG667" s="613"/>
      <c r="OQH667" s="613"/>
      <c r="OQI667" s="613"/>
      <c r="OQJ667" s="613"/>
      <c r="OQK667" s="613"/>
      <c r="OQL667" s="613"/>
      <c r="OQM667" s="613"/>
      <c r="OQN667" s="613"/>
      <c r="OQO667" s="613"/>
      <c r="OQP667" s="613"/>
      <c r="OQQ667" s="613"/>
      <c r="OQR667" s="613"/>
      <c r="OQS667" s="613"/>
      <c r="OQT667" s="613"/>
      <c r="OQU667" s="613"/>
      <c r="OQV667" s="613"/>
      <c r="OQW667" s="613"/>
      <c r="OQX667" s="613"/>
      <c r="OQY667" s="613"/>
      <c r="OQZ667" s="613"/>
      <c r="ORA667" s="613"/>
      <c r="ORB667" s="613"/>
      <c r="ORC667" s="613"/>
      <c r="ORD667" s="613"/>
      <c r="ORE667" s="613"/>
      <c r="ORF667" s="613"/>
      <c r="ORG667" s="613"/>
      <c r="ORH667" s="613"/>
      <c r="ORI667" s="613"/>
      <c r="ORJ667" s="613"/>
      <c r="ORK667" s="613"/>
      <c r="ORL667" s="613"/>
      <c r="ORM667" s="613"/>
      <c r="ORN667" s="613"/>
      <c r="ORO667" s="613"/>
      <c r="ORP667" s="613"/>
      <c r="ORQ667" s="613"/>
      <c r="ORR667" s="613"/>
      <c r="ORS667" s="613"/>
      <c r="ORT667" s="613"/>
      <c r="ORU667" s="613"/>
      <c r="ORV667" s="613"/>
      <c r="ORW667" s="613"/>
      <c r="ORX667" s="613"/>
      <c r="ORY667" s="613"/>
      <c r="ORZ667" s="613"/>
      <c r="OSA667" s="613"/>
      <c r="OSB667" s="613"/>
      <c r="OSC667" s="613"/>
      <c r="OSD667" s="613"/>
      <c r="OSE667" s="613"/>
      <c r="OSF667" s="613"/>
      <c r="OSG667" s="613"/>
      <c r="OSH667" s="613"/>
      <c r="OSI667" s="613"/>
      <c r="OSJ667" s="613"/>
      <c r="OSK667" s="613"/>
      <c r="OSL667" s="613"/>
      <c r="OSM667" s="613"/>
      <c r="OSN667" s="613"/>
      <c r="OSO667" s="613"/>
      <c r="OSP667" s="613"/>
      <c r="OSQ667" s="613"/>
      <c r="OSR667" s="613"/>
      <c r="OSS667" s="613"/>
      <c r="OST667" s="613"/>
      <c r="OSU667" s="613"/>
      <c r="OSV667" s="613"/>
      <c r="OSW667" s="613"/>
      <c r="OSX667" s="613"/>
      <c r="OSY667" s="613"/>
      <c r="OSZ667" s="613"/>
      <c r="OTA667" s="613"/>
      <c r="OTB667" s="613"/>
      <c r="OTC667" s="613"/>
      <c r="OTD667" s="613"/>
      <c r="OTE667" s="613"/>
      <c r="OTF667" s="613"/>
      <c r="OTG667" s="613"/>
      <c r="OTH667" s="613"/>
      <c r="OTI667" s="613"/>
      <c r="OTJ667" s="613"/>
      <c r="OTK667" s="613"/>
      <c r="OTL667" s="613"/>
      <c r="OTM667" s="613"/>
      <c r="OTN667" s="613"/>
      <c r="OTO667" s="613"/>
      <c r="OTP667" s="613"/>
      <c r="OTQ667" s="613"/>
      <c r="OTR667" s="613"/>
      <c r="OTS667" s="613"/>
      <c r="OTT667" s="613"/>
      <c r="OTU667" s="613"/>
      <c r="OTV667" s="613"/>
      <c r="OTW667" s="613"/>
      <c r="OTX667" s="613"/>
      <c r="OTY667" s="613"/>
      <c r="OTZ667" s="613"/>
      <c r="OUA667" s="613"/>
      <c r="OUB667" s="613"/>
      <c r="OUC667" s="613"/>
      <c r="OUD667" s="613"/>
      <c r="OUE667" s="613"/>
      <c r="OUF667" s="613"/>
      <c r="OUG667" s="613"/>
      <c r="OUH667" s="613"/>
      <c r="OUI667" s="613"/>
      <c r="OUJ667" s="613"/>
      <c r="OUK667" s="613"/>
      <c r="OUL667" s="613"/>
      <c r="OUM667" s="613"/>
      <c r="OUN667" s="613"/>
      <c r="OUO667" s="613"/>
      <c r="OUP667" s="613"/>
      <c r="OUQ667" s="613"/>
      <c r="OUR667" s="613"/>
      <c r="OUS667" s="613"/>
      <c r="OUT667" s="613"/>
      <c r="OUU667" s="613"/>
      <c r="OUV667" s="613"/>
      <c r="OUW667" s="613"/>
      <c r="OUX667" s="613"/>
      <c r="OUY667" s="613"/>
      <c r="OUZ667" s="613"/>
      <c r="OVA667" s="613"/>
      <c r="OVB667" s="613"/>
      <c r="OVC667" s="613"/>
      <c r="OVD667" s="613"/>
      <c r="OVE667" s="613"/>
      <c r="OVF667" s="613"/>
      <c r="OVG667" s="613"/>
      <c r="OVH667" s="613"/>
      <c r="OVI667" s="613"/>
      <c r="OVJ667" s="613"/>
      <c r="OVK667" s="613"/>
      <c r="OVL667" s="613"/>
      <c r="OVM667" s="613"/>
      <c r="OVN667" s="613"/>
      <c r="OVO667" s="613"/>
      <c r="OVP667" s="613"/>
      <c r="OVQ667" s="613"/>
      <c r="OVR667" s="613"/>
      <c r="OVS667" s="613"/>
      <c r="OVT667" s="613"/>
      <c r="OVU667" s="613"/>
      <c r="OVV667" s="613"/>
      <c r="OVW667" s="613"/>
      <c r="OVX667" s="613"/>
      <c r="OVY667" s="613"/>
      <c r="OVZ667" s="613"/>
      <c r="OWA667" s="613"/>
      <c r="OWB667" s="613"/>
      <c r="OWC667" s="613"/>
      <c r="OWD667" s="613"/>
      <c r="OWE667" s="613"/>
      <c r="OWF667" s="613"/>
      <c r="OWG667" s="613"/>
      <c r="OWH667" s="613"/>
      <c r="OWI667" s="613"/>
      <c r="OWJ667" s="613"/>
      <c r="OWK667" s="613"/>
      <c r="OWL667" s="613"/>
      <c r="OWM667" s="613"/>
      <c r="OWN667" s="613"/>
      <c r="OWO667" s="613"/>
      <c r="OWP667" s="613"/>
      <c r="OWQ667" s="613"/>
      <c r="OWR667" s="613"/>
      <c r="OWS667" s="613"/>
      <c r="OWT667" s="613"/>
      <c r="OWU667" s="613"/>
      <c r="OWV667" s="613"/>
      <c r="OWW667" s="613"/>
      <c r="OWX667" s="613"/>
      <c r="OWY667" s="613"/>
      <c r="OWZ667" s="613"/>
      <c r="OXA667" s="613"/>
      <c r="OXB667" s="613"/>
      <c r="OXC667" s="613"/>
      <c r="OXD667" s="613"/>
      <c r="OXE667" s="613"/>
      <c r="OXF667" s="613"/>
      <c r="OXG667" s="613"/>
      <c r="OXH667" s="613"/>
      <c r="OXI667" s="613"/>
      <c r="OXJ667" s="613"/>
      <c r="OXK667" s="613"/>
      <c r="OXL667" s="613"/>
      <c r="OXM667" s="613"/>
      <c r="OXN667" s="613"/>
      <c r="OXO667" s="613"/>
      <c r="OXP667" s="613"/>
      <c r="OXQ667" s="613"/>
      <c r="OXR667" s="613"/>
      <c r="OXS667" s="613"/>
      <c r="OXT667" s="613"/>
      <c r="OXU667" s="613"/>
      <c r="OXV667" s="613"/>
      <c r="OXW667" s="613"/>
      <c r="OXX667" s="613"/>
      <c r="OXY667" s="613"/>
      <c r="OXZ667" s="613"/>
      <c r="OYA667" s="613"/>
      <c r="OYB667" s="613"/>
      <c r="OYC667" s="613"/>
      <c r="OYD667" s="613"/>
      <c r="OYE667" s="613"/>
      <c r="OYF667" s="613"/>
      <c r="OYG667" s="613"/>
      <c r="OYH667" s="613"/>
      <c r="OYI667" s="613"/>
      <c r="OYJ667" s="613"/>
      <c r="OYK667" s="613"/>
      <c r="OYL667" s="613"/>
      <c r="OYM667" s="613"/>
      <c r="OYN667" s="613"/>
      <c r="OYO667" s="613"/>
      <c r="OYP667" s="613"/>
      <c r="OYQ667" s="613"/>
      <c r="OYR667" s="613"/>
      <c r="OYS667" s="613"/>
      <c r="OYT667" s="613"/>
      <c r="OYU667" s="613"/>
      <c r="OYV667" s="613"/>
      <c r="OYW667" s="613"/>
      <c r="OYX667" s="613"/>
      <c r="OYY667" s="613"/>
      <c r="OYZ667" s="613"/>
      <c r="OZA667" s="613"/>
      <c r="OZB667" s="613"/>
      <c r="OZC667" s="613"/>
      <c r="OZD667" s="613"/>
      <c r="OZE667" s="613"/>
      <c r="OZF667" s="613"/>
      <c r="OZG667" s="613"/>
      <c r="OZH667" s="613"/>
      <c r="OZI667" s="613"/>
      <c r="OZJ667" s="613"/>
      <c r="OZK667" s="613"/>
      <c r="OZL667" s="613"/>
      <c r="OZM667" s="613"/>
      <c r="OZN667" s="613"/>
      <c r="OZO667" s="613"/>
      <c r="OZP667" s="613"/>
      <c r="OZQ667" s="613"/>
      <c r="OZR667" s="613"/>
      <c r="OZS667" s="613"/>
      <c r="OZT667" s="613"/>
      <c r="OZU667" s="613"/>
      <c r="OZV667" s="613"/>
      <c r="OZW667" s="613"/>
      <c r="OZX667" s="613"/>
      <c r="OZY667" s="613"/>
      <c r="OZZ667" s="613"/>
      <c r="PAA667" s="613"/>
      <c r="PAB667" s="613"/>
      <c r="PAC667" s="613"/>
      <c r="PAD667" s="613"/>
      <c r="PAE667" s="613"/>
      <c r="PAF667" s="613"/>
      <c r="PAG667" s="613"/>
      <c r="PAH667" s="613"/>
      <c r="PAI667" s="613"/>
      <c r="PAJ667" s="613"/>
      <c r="PAK667" s="613"/>
      <c r="PAL667" s="613"/>
      <c r="PAM667" s="613"/>
      <c r="PAN667" s="613"/>
      <c r="PAO667" s="613"/>
      <c r="PAP667" s="613"/>
      <c r="PAQ667" s="613"/>
      <c r="PAR667" s="613"/>
      <c r="PAS667" s="613"/>
      <c r="PAT667" s="613"/>
      <c r="PAU667" s="613"/>
      <c r="PAV667" s="613"/>
      <c r="PAW667" s="613"/>
      <c r="PAX667" s="613"/>
      <c r="PAY667" s="613"/>
      <c r="PAZ667" s="613"/>
      <c r="PBA667" s="613"/>
      <c r="PBB667" s="613"/>
      <c r="PBC667" s="613"/>
      <c r="PBD667" s="613"/>
      <c r="PBE667" s="613"/>
      <c r="PBF667" s="613"/>
      <c r="PBG667" s="613"/>
      <c r="PBH667" s="613"/>
      <c r="PBI667" s="613"/>
      <c r="PBJ667" s="613"/>
      <c r="PBK667" s="613"/>
      <c r="PBL667" s="613"/>
      <c r="PBM667" s="613"/>
      <c r="PBN667" s="613"/>
      <c r="PBO667" s="613"/>
      <c r="PBP667" s="613"/>
      <c r="PBQ667" s="613"/>
      <c r="PBR667" s="613"/>
      <c r="PBS667" s="613"/>
      <c r="PBT667" s="613"/>
      <c r="PBU667" s="613"/>
      <c r="PBV667" s="613"/>
      <c r="PBW667" s="613"/>
      <c r="PBX667" s="613"/>
      <c r="PBY667" s="613"/>
      <c r="PBZ667" s="613"/>
      <c r="PCA667" s="613"/>
      <c r="PCB667" s="613"/>
      <c r="PCC667" s="613"/>
      <c r="PCD667" s="613"/>
      <c r="PCE667" s="613"/>
      <c r="PCF667" s="613"/>
      <c r="PCG667" s="613"/>
      <c r="PCH667" s="613"/>
      <c r="PCI667" s="613"/>
      <c r="PCJ667" s="613"/>
      <c r="PCK667" s="613"/>
      <c r="PCL667" s="613"/>
      <c r="PCM667" s="613"/>
      <c r="PCN667" s="613"/>
      <c r="PCO667" s="613"/>
      <c r="PCP667" s="613"/>
      <c r="PCQ667" s="613"/>
      <c r="PCR667" s="613"/>
      <c r="PCS667" s="613"/>
      <c r="PCT667" s="613"/>
      <c r="PCU667" s="613"/>
      <c r="PCV667" s="613"/>
      <c r="PCW667" s="613"/>
      <c r="PCX667" s="613"/>
      <c r="PCY667" s="613"/>
      <c r="PCZ667" s="613"/>
      <c r="PDA667" s="613"/>
      <c r="PDB667" s="613"/>
      <c r="PDC667" s="613"/>
      <c r="PDD667" s="613"/>
      <c r="PDE667" s="613"/>
      <c r="PDF667" s="613"/>
      <c r="PDG667" s="613"/>
      <c r="PDH667" s="613"/>
      <c r="PDI667" s="613"/>
      <c r="PDJ667" s="613"/>
      <c r="PDK667" s="613"/>
      <c r="PDL667" s="613"/>
      <c r="PDM667" s="613"/>
      <c r="PDN667" s="613"/>
      <c r="PDO667" s="613"/>
      <c r="PDP667" s="613"/>
      <c r="PDQ667" s="613"/>
      <c r="PDR667" s="613"/>
      <c r="PDS667" s="613"/>
      <c r="PDT667" s="613"/>
      <c r="PDU667" s="613"/>
      <c r="PDV667" s="613"/>
      <c r="PDW667" s="613"/>
      <c r="PDX667" s="613"/>
      <c r="PDY667" s="613"/>
      <c r="PDZ667" s="613"/>
      <c r="PEA667" s="613"/>
      <c r="PEB667" s="613"/>
      <c r="PEC667" s="613"/>
      <c r="PED667" s="613"/>
      <c r="PEE667" s="613"/>
      <c r="PEF667" s="613"/>
      <c r="PEG667" s="613"/>
      <c r="PEH667" s="613"/>
      <c r="PEI667" s="613"/>
      <c r="PEJ667" s="613"/>
      <c r="PEK667" s="613"/>
      <c r="PEL667" s="613"/>
      <c r="PEM667" s="613"/>
      <c r="PEN667" s="613"/>
      <c r="PEO667" s="613"/>
      <c r="PEP667" s="613"/>
      <c r="PEQ667" s="613"/>
      <c r="PER667" s="613"/>
      <c r="PES667" s="613"/>
      <c r="PET667" s="613"/>
      <c r="PEU667" s="613"/>
      <c r="PEV667" s="613"/>
      <c r="PEW667" s="613"/>
      <c r="PEX667" s="613"/>
      <c r="PEY667" s="613"/>
      <c r="PEZ667" s="613"/>
      <c r="PFA667" s="613"/>
      <c r="PFB667" s="613"/>
      <c r="PFC667" s="613"/>
      <c r="PFD667" s="613"/>
      <c r="PFE667" s="613"/>
      <c r="PFF667" s="613"/>
      <c r="PFG667" s="613"/>
      <c r="PFH667" s="613"/>
      <c r="PFI667" s="613"/>
      <c r="PFJ667" s="613"/>
      <c r="PFK667" s="613"/>
      <c r="PFL667" s="613"/>
      <c r="PFM667" s="613"/>
      <c r="PFN667" s="613"/>
      <c r="PFO667" s="613"/>
      <c r="PFP667" s="613"/>
      <c r="PFQ667" s="613"/>
      <c r="PFR667" s="613"/>
      <c r="PFS667" s="613"/>
      <c r="PFT667" s="613"/>
      <c r="PFU667" s="613"/>
      <c r="PFV667" s="613"/>
      <c r="PFW667" s="613"/>
      <c r="PFX667" s="613"/>
      <c r="PFY667" s="613"/>
      <c r="PFZ667" s="613"/>
      <c r="PGA667" s="613"/>
      <c r="PGB667" s="613"/>
      <c r="PGC667" s="613"/>
      <c r="PGD667" s="613"/>
      <c r="PGE667" s="613"/>
      <c r="PGF667" s="613"/>
      <c r="PGG667" s="613"/>
      <c r="PGH667" s="613"/>
      <c r="PGI667" s="613"/>
      <c r="PGJ667" s="613"/>
      <c r="PGK667" s="613"/>
      <c r="PGL667" s="613"/>
      <c r="PGM667" s="613"/>
      <c r="PGN667" s="613"/>
      <c r="PGO667" s="613"/>
      <c r="PGP667" s="613"/>
      <c r="PGQ667" s="613"/>
      <c r="PGR667" s="613"/>
      <c r="PGS667" s="613"/>
      <c r="PGT667" s="613"/>
      <c r="PGU667" s="613"/>
      <c r="PGV667" s="613"/>
      <c r="PGW667" s="613"/>
      <c r="PGX667" s="613"/>
      <c r="PGY667" s="613"/>
      <c r="PGZ667" s="613"/>
      <c r="PHA667" s="613"/>
      <c r="PHB667" s="613"/>
      <c r="PHC667" s="613"/>
      <c r="PHD667" s="613"/>
      <c r="PHE667" s="613"/>
      <c r="PHF667" s="613"/>
      <c r="PHG667" s="613"/>
      <c r="PHH667" s="613"/>
      <c r="PHI667" s="613"/>
      <c r="PHJ667" s="613"/>
      <c r="PHK667" s="613"/>
      <c r="PHL667" s="613"/>
      <c r="PHM667" s="613"/>
      <c r="PHN667" s="613"/>
      <c r="PHO667" s="613"/>
      <c r="PHP667" s="613"/>
      <c r="PHQ667" s="613"/>
      <c r="PHR667" s="613"/>
      <c r="PHS667" s="613"/>
      <c r="PHT667" s="613"/>
      <c r="PHU667" s="613"/>
      <c r="PHV667" s="613"/>
      <c r="PHW667" s="613"/>
      <c r="PHX667" s="613"/>
      <c r="PHY667" s="613"/>
      <c r="PHZ667" s="613"/>
      <c r="PIA667" s="613"/>
      <c r="PIB667" s="613"/>
      <c r="PIC667" s="613"/>
      <c r="PID667" s="613"/>
      <c r="PIE667" s="613"/>
      <c r="PIF667" s="613"/>
      <c r="PIG667" s="613"/>
      <c r="PIH667" s="613"/>
      <c r="PII667" s="613"/>
      <c r="PIJ667" s="613"/>
      <c r="PIK667" s="613"/>
      <c r="PIL667" s="613"/>
      <c r="PIM667" s="613"/>
      <c r="PIN667" s="613"/>
      <c r="PIO667" s="613"/>
      <c r="PIP667" s="613"/>
      <c r="PIQ667" s="613"/>
      <c r="PIR667" s="613"/>
      <c r="PIS667" s="613"/>
      <c r="PIT667" s="613"/>
      <c r="PIU667" s="613"/>
      <c r="PIV667" s="613"/>
      <c r="PIW667" s="613"/>
      <c r="PIX667" s="613"/>
      <c r="PIY667" s="613"/>
      <c r="PIZ667" s="613"/>
      <c r="PJA667" s="613"/>
      <c r="PJB667" s="613"/>
      <c r="PJC667" s="613"/>
      <c r="PJD667" s="613"/>
      <c r="PJE667" s="613"/>
      <c r="PJF667" s="613"/>
      <c r="PJG667" s="613"/>
      <c r="PJH667" s="613"/>
      <c r="PJI667" s="613"/>
      <c r="PJJ667" s="613"/>
      <c r="PJK667" s="613"/>
      <c r="PJL667" s="613"/>
      <c r="PJM667" s="613"/>
      <c r="PJN667" s="613"/>
      <c r="PJO667" s="613"/>
      <c r="PJP667" s="613"/>
      <c r="PJQ667" s="613"/>
      <c r="PJR667" s="613"/>
      <c r="PJS667" s="613"/>
      <c r="PJT667" s="613"/>
      <c r="PJU667" s="613"/>
      <c r="PJV667" s="613"/>
      <c r="PJW667" s="613"/>
      <c r="PJX667" s="613"/>
      <c r="PJY667" s="613"/>
      <c r="PJZ667" s="613"/>
      <c r="PKA667" s="613"/>
      <c r="PKB667" s="613"/>
      <c r="PKC667" s="613"/>
      <c r="PKD667" s="613"/>
      <c r="PKE667" s="613"/>
      <c r="PKF667" s="613"/>
      <c r="PKG667" s="613"/>
      <c r="PKH667" s="613"/>
      <c r="PKI667" s="613"/>
      <c r="PKJ667" s="613"/>
      <c r="PKK667" s="613"/>
      <c r="PKL667" s="613"/>
      <c r="PKM667" s="613"/>
      <c r="PKN667" s="613"/>
      <c r="PKO667" s="613"/>
      <c r="PKP667" s="613"/>
      <c r="PKQ667" s="613"/>
      <c r="PKR667" s="613"/>
      <c r="PKS667" s="613"/>
      <c r="PKT667" s="613"/>
      <c r="PKU667" s="613"/>
      <c r="PKV667" s="613"/>
      <c r="PKW667" s="613"/>
      <c r="PKX667" s="613"/>
      <c r="PKY667" s="613"/>
      <c r="PKZ667" s="613"/>
      <c r="PLA667" s="613"/>
      <c r="PLB667" s="613"/>
      <c r="PLC667" s="613"/>
      <c r="PLD667" s="613"/>
      <c r="PLE667" s="613"/>
      <c r="PLF667" s="613"/>
      <c r="PLG667" s="613"/>
      <c r="PLH667" s="613"/>
      <c r="PLI667" s="613"/>
      <c r="PLJ667" s="613"/>
      <c r="PLK667" s="613"/>
      <c r="PLL667" s="613"/>
      <c r="PLM667" s="613"/>
      <c r="PLN667" s="613"/>
      <c r="PLO667" s="613"/>
      <c r="PLP667" s="613"/>
      <c r="PLQ667" s="613"/>
      <c r="PLR667" s="613"/>
      <c r="PLS667" s="613"/>
      <c r="PLT667" s="613"/>
      <c r="PLU667" s="613"/>
      <c r="PLV667" s="613"/>
      <c r="PLW667" s="613"/>
      <c r="PLX667" s="613"/>
      <c r="PLY667" s="613"/>
      <c r="PLZ667" s="613"/>
      <c r="PMA667" s="613"/>
      <c r="PMB667" s="613"/>
      <c r="PMC667" s="613"/>
      <c r="PMD667" s="613"/>
      <c r="PME667" s="613"/>
      <c r="PMF667" s="613"/>
      <c r="PMG667" s="613"/>
      <c r="PMH667" s="613"/>
      <c r="PMI667" s="613"/>
      <c r="PMJ667" s="613"/>
      <c r="PMK667" s="613"/>
      <c r="PML667" s="613"/>
      <c r="PMM667" s="613"/>
      <c r="PMN667" s="613"/>
      <c r="PMO667" s="613"/>
      <c r="PMP667" s="613"/>
      <c r="PMQ667" s="613"/>
      <c r="PMR667" s="613"/>
      <c r="PMS667" s="613"/>
      <c r="PMT667" s="613"/>
      <c r="PMU667" s="613"/>
      <c r="PMV667" s="613"/>
      <c r="PMW667" s="613"/>
      <c r="PMX667" s="613"/>
      <c r="PMY667" s="613"/>
      <c r="PMZ667" s="613"/>
      <c r="PNA667" s="613"/>
      <c r="PNB667" s="613"/>
      <c r="PNC667" s="613"/>
      <c r="PND667" s="613"/>
      <c r="PNE667" s="613"/>
      <c r="PNF667" s="613"/>
      <c r="PNG667" s="613"/>
      <c r="PNH667" s="613"/>
      <c r="PNI667" s="613"/>
      <c r="PNJ667" s="613"/>
      <c r="PNK667" s="613"/>
      <c r="PNL667" s="613"/>
      <c r="PNM667" s="613"/>
      <c r="PNN667" s="613"/>
      <c r="PNO667" s="613"/>
      <c r="PNP667" s="613"/>
      <c r="PNQ667" s="613"/>
      <c r="PNR667" s="613"/>
      <c r="PNS667" s="613"/>
      <c r="PNT667" s="613"/>
      <c r="PNU667" s="613"/>
      <c r="PNV667" s="613"/>
      <c r="PNW667" s="613"/>
      <c r="PNX667" s="613"/>
      <c r="PNY667" s="613"/>
      <c r="PNZ667" s="613"/>
      <c r="POA667" s="613"/>
      <c r="POB667" s="613"/>
      <c r="POC667" s="613"/>
      <c r="POD667" s="613"/>
      <c r="POE667" s="613"/>
      <c r="POF667" s="613"/>
      <c r="POG667" s="613"/>
      <c r="POH667" s="613"/>
      <c r="POI667" s="613"/>
      <c r="POJ667" s="613"/>
      <c r="POK667" s="613"/>
      <c r="POL667" s="613"/>
      <c r="POM667" s="613"/>
      <c r="PON667" s="613"/>
      <c r="POO667" s="613"/>
      <c r="POP667" s="613"/>
      <c r="POQ667" s="613"/>
      <c r="POR667" s="613"/>
      <c r="POS667" s="613"/>
      <c r="POT667" s="613"/>
      <c r="POU667" s="613"/>
      <c r="POV667" s="613"/>
      <c r="POW667" s="613"/>
      <c r="POX667" s="613"/>
      <c r="POY667" s="613"/>
      <c r="POZ667" s="613"/>
      <c r="PPA667" s="613"/>
      <c r="PPB667" s="613"/>
      <c r="PPC667" s="613"/>
      <c r="PPD667" s="613"/>
      <c r="PPE667" s="613"/>
      <c r="PPF667" s="613"/>
      <c r="PPG667" s="613"/>
      <c r="PPH667" s="613"/>
      <c r="PPI667" s="613"/>
      <c r="PPJ667" s="613"/>
      <c r="PPK667" s="613"/>
      <c r="PPL667" s="613"/>
      <c r="PPM667" s="613"/>
      <c r="PPN667" s="613"/>
      <c r="PPO667" s="613"/>
      <c r="PPP667" s="613"/>
      <c r="PPQ667" s="613"/>
      <c r="PPR667" s="613"/>
      <c r="PPS667" s="613"/>
      <c r="PPT667" s="613"/>
      <c r="PPU667" s="613"/>
      <c r="PPV667" s="613"/>
      <c r="PPW667" s="613"/>
      <c r="PPX667" s="613"/>
      <c r="PPY667" s="613"/>
      <c r="PPZ667" s="613"/>
      <c r="PQA667" s="613"/>
      <c r="PQB667" s="613"/>
      <c r="PQC667" s="613"/>
      <c r="PQD667" s="613"/>
      <c r="PQE667" s="613"/>
      <c r="PQF667" s="613"/>
      <c r="PQG667" s="613"/>
      <c r="PQH667" s="613"/>
      <c r="PQI667" s="613"/>
      <c r="PQJ667" s="613"/>
      <c r="PQK667" s="613"/>
      <c r="PQL667" s="613"/>
      <c r="PQM667" s="613"/>
      <c r="PQN667" s="613"/>
      <c r="PQO667" s="613"/>
      <c r="PQP667" s="613"/>
      <c r="PQQ667" s="613"/>
      <c r="PQR667" s="613"/>
      <c r="PQS667" s="613"/>
      <c r="PQT667" s="613"/>
      <c r="PQU667" s="613"/>
      <c r="PQV667" s="613"/>
      <c r="PQW667" s="613"/>
      <c r="PQX667" s="613"/>
      <c r="PQY667" s="613"/>
      <c r="PQZ667" s="613"/>
      <c r="PRA667" s="613"/>
      <c r="PRB667" s="613"/>
      <c r="PRC667" s="613"/>
      <c r="PRD667" s="613"/>
      <c r="PRE667" s="613"/>
      <c r="PRF667" s="613"/>
      <c r="PRG667" s="613"/>
      <c r="PRH667" s="613"/>
      <c r="PRI667" s="613"/>
      <c r="PRJ667" s="613"/>
      <c r="PRK667" s="613"/>
      <c r="PRL667" s="613"/>
      <c r="PRM667" s="613"/>
      <c r="PRN667" s="613"/>
      <c r="PRO667" s="613"/>
      <c r="PRP667" s="613"/>
      <c r="PRQ667" s="613"/>
      <c r="PRR667" s="613"/>
      <c r="PRS667" s="613"/>
      <c r="PRT667" s="613"/>
      <c r="PRU667" s="613"/>
      <c r="PRV667" s="613"/>
      <c r="PRW667" s="613"/>
      <c r="PRX667" s="613"/>
      <c r="PRY667" s="613"/>
      <c r="PRZ667" s="613"/>
      <c r="PSA667" s="613"/>
      <c r="PSB667" s="613"/>
      <c r="PSC667" s="613"/>
      <c r="PSD667" s="613"/>
      <c r="PSE667" s="613"/>
      <c r="PSF667" s="613"/>
      <c r="PSG667" s="613"/>
      <c r="PSH667" s="613"/>
      <c r="PSI667" s="613"/>
      <c r="PSJ667" s="613"/>
      <c r="PSK667" s="613"/>
      <c r="PSL667" s="613"/>
      <c r="PSM667" s="613"/>
      <c r="PSN667" s="613"/>
      <c r="PSO667" s="613"/>
      <c r="PSP667" s="613"/>
      <c r="PSQ667" s="613"/>
      <c r="PSR667" s="613"/>
      <c r="PSS667" s="613"/>
      <c r="PST667" s="613"/>
      <c r="PSU667" s="613"/>
      <c r="PSV667" s="613"/>
      <c r="PSW667" s="613"/>
      <c r="PSX667" s="613"/>
      <c r="PSY667" s="613"/>
      <c r="PSZ667" s="613"/>
      <c r="PTA667" s="613"/>
      <c r="PTB667" s="613"/>
      <c r="PTC667" s="613"/>
      <c r="PTD667" s="613"/>
      <c r="PTE667" s="613"/>
      <c r="PTF667" s="613"/>
      <c r="PTG667" s="613"/>
      <c r="PTH667" s="613"/>
      <c r="PTI667" s="613"/>
      <c r="PTJ667" s="613"/>
      <c r="PTK667" s="613"/>
      <c r="PTL667" s="613"/>
      <c r="PTM667" s="613"/>
      <c r="PTN667" s="613"/>
      <c r="PTO667" s="613"/>
      <c r="PTP667" s="613"/>
      <c r="PTQ667" s="613"/>
      <c r="PTR667" s="613"/>
      <c r="PTS667" s="613"/>
      <c r="PTT667" s="613"/>
      <c r="PTU667" s="613"/>
      <c r="PTV667" s="613"/>
      <c r="PTW667" s="613"/>
      <c r="PTX667" s="613"/>
      <c r="PTY667" s="613"/>
      <c r="PTZ667" s="613"/>
      <c r="PUA667" s="613"/>
      <c r="PUB667" s="613"/>
      <c r="PUC667" s="613"/>
      <c r="PUD667" s="613"/>
      <c r="PUE667" s="613"/>
      <c r="PUF667" s="613"/>
      <c r="PUG667" s="613"/>
      <c r="PUH667" s="613"/>
      <c r="PUI667" s="613"/>
      <c r="PUJ667" s="613"/>
      <c r="PUK667" s="613"/>
      <c r="PUL667" s="613"/>
      <c r="PUM667" s="613"/>
      <c r="PUN667" s="613"/>
      <c r="PUO667" s="613"/>
      <c r="PUP667" s="613"/>
      <c r="PUQ667" s="613"/>
      <c r="PUR667" s="613"/>
      <c r="PUS667" s="613"/>
      <c r="PUT667" s="613"/>
      <c r="PUU667" s="613"/>
      <c r="PUV667" s="613"/>
      <c r="PUW667" s="613"/>
      <c r="PUX667" s="613"/>
      <c r="PUY667" s="613"/>
      <c r="PUZ667" s="613"/>
      <c r="PVA667" s="613"/>
      <c r="PVB667" s="613"/>
      <c r="PVC667" s="613"/>
      <c r="PVD667" s="613"/>
      <c r="PVE667" s="613"/>
      <c r="PVF667" s="613"/>
      <c r="PVG667" s="613"/>
      <c r="PVH667" s="613"/>
      <c r="PVI667" s="613"/>
      <c r="PVJ667" s="613"/>
      <c r="PVK667" s="613"/>
      <c r="PVL667" s="613"/>
      <c r="PVM667" s="613"/>
      <c r="PVN667" s="613"/>
      <c r="PVO667" s="613"/>
      <c r="PVP667" s="613"/>
      <c r="PVQ667" s="613"/>
      <c r="PVR667" s="613"/>
      <c r="PVS667" s="613"/>
      <c r="PVT667" s="613"/>
      <c r="PVU667" s="613"/>
      <c r="PVV667" s="613"/>
      <c r="PVW667" s="613"/>
      <c r="PVX667" s="613"/>
      <c r="PVY667" s="613"/>
      <c r="PVZ667" s="613"/>
      <c r="PWA667" s="613"/>
      <c r="PWB667" s="613"/>
      <c r="PWC667" s="613"/>
      <c r="PWD667" s="613"/>
      <c r="PWE667" s="613"/>
      <c r="PWF667" s="613"/>
      <c r="PWG667" s="613"/>
      <c r="PWH667" s="613"/>
      <c r="PWI667" s="613"/>
      <c r="PWJ667" s="613"/>
      <c r="PWK667" s="613"/>
      <c r="PWL667" s="613"/>
      <c r="PWM667" s="613"/>
      <c r="PWN667" s="613"/>
      <c r="PWO667" s="613"/>
      <c r="PWP667" s="613"/>
      <c r="PWQ667" s="613"/>
      <c r="PWR667" s="613"/>
      <c r="PWS667" s="613"/>
      <c r="PWT667" s="613"/>
      <c r="PWU667" s="613"/>
      <c r="PWV667" s="613"/>
      <c r="PWW667" s="613"/>
      <c r="PWX667" s="613"/>
      <c r="PWY667" s="613"/>
      <c r="PWZ667" s="613"/>
      <c r="PXA667" s="613"/>
      <c r="PXB667" s="613"/>
      <c r="PXC667" s="613"/>
      <c r="PXD667" s="613"/>
      <c r="PXE667" s="613"/>
      <c r="PXF667" s="613"/>
      <c r="PXG667" s="613"/>
      <c r="PXH667" s="613"/>
      <c r="PXI667" s="613"/>
      <c r="PXJ667" s="613"/>
      <c r="PXK667" s="613"/>
      <c r="PXL667" s="613"/>
      <c r="PXM667" s="613"/>
      <c r="PXN667" s="613"/>
      <c r="PXO667" s="613"/>
      <c r="PXP667" s="613"/>
      <c r="PXQ667" s="613"/>
      <c r="PXR667" s="613"/>
      <c r="PXS667" s="613"/>
      <c r="PXT667" s="613"/>
      <c r="PXU667" s="613"/>
      <c r="PXV667" s="613"/>
      <c r="PXW667" s="613"/>
      <c r="PXX667" s="613"/>
      <c r="PXY667" s="613"/>
      <c r="PXZ667" s="613"/>
      <c r="PYA667" s="613"/>
      <c r="PYB667" s="613"/>
      <c r="PYC667" s="613"/>
      <c r="PYD667" s="613"/>
      <c r="PYE667" s="613"/>
      <c r="PYF667" s="613"/>
      <c r="PYG667" s="613"/>
      <c r="PYH667" s="613"/>
      <c r="PYI667" s="613"/>
      <c r="PYJ667" s="613"/>
      <c r="PYK667" s="613"/>
      <c r="PYL667" s="613"/>
      <c r="PYM667" s="613"/>
      <c r="PYN667" s="613"/>
      <c r="PYO667" s="613"/>
      <c r="PYP667" s="613"/>
      <c r="PYQ667" s="613"/>
      <c r="PYR667" s="613"/>
      <c r="PYS667" s="613"/>
      <c r="PYT667" s="613"/>
      <c r="PYU667" s="613"/>
      <c r="PYV667" s="613"/>
      <c r="PYW667" s="613"/>
      <c r="PYX667" s="613"/>
      <c r="PYY667" s="613"/>
      <c r="PYZ667" s="613"/>
      <c r="PZA667" s="613"/>
      <c r="PZB667" s="613"/>
      <c r="PZC667" s="613"/>
      <c r="PZD667" s="613"/>
      <c r="PZE667" s="613"/>
      <c r="PZF667" s="613"/>
      <c r="PZG667" s="613"/>
      <c r="PZH667" s="613"/>
      <c r="PZI667" s="613"/>
      <c r="PZJ667" s="613"/>
      <c r="PZK667" s="613"/>
      <c r="PZL667" s="613"/>
      <c r="PZM667" s="613"/>
      <c r="PZN667" s="613"/>
      <c r="PZO667" s="613"/>
      <c r="PZP667" s="613"/>
      <c r="PZQ667" s="613"/>
      <c r="PZR667" s="613"/>
      <c r="PZS667" s="613"/>
      <c r="PZT667" s="613"/>
      <c r="PZU667" s="613"/>
      <c r="PZV667" s="613"/>
      <c r="PZW667" s="613"/>
      <c r="PZX667" s="613"/>
      <c r="PZY667" s="613"/>
      <c r="PZZ667" s="613"/>
      <c r="QAA667" s="613"/>
      <c r="QAB667" s="613"/>
      <c r="QAC667" s="613"/>
      <c r="QAD667" s="613"/>
      <c r="QAE667" s="613"/>
      <c r="QAF667" s="613"/>
      <c r="QAG667" s="613"/>
      <c r="QAH667" s="613"/>
      <c r="QAI667" s="613"/>
      <c r="QAJ667" s="613"/>
      <c r="QAK667" s="613"/>
      <c r="QAL667" s="613"/>
      <c r="QAM667" s="613"/>
      <c r="QAN667" s="613"/>
      <c r="QAO667" s="613"/>
      <c r="QAP667" s="613"/>
      <c r="QAQ667" s="613"/>
      <c r="QAR667" s="613"/>
      <c r="QAS667" s="613"/>
      <c r="QAT667" s="613"/>
      <c r="QAU667" s="613"/>
      <c r="QAV667" s="613"/>
      <c r="QAW667" s="613"/>
      <c r="QAX667" s="613"/>
      <c r="QAY667" s="613"/>
      <c r="QAZ667" s="613"/>
      <c r="QBA667" s="613"/>
      <c r="QBB667" s="613"/>
      <c r="QBC667" s="613"/>
      <c r="QBD667" s="613"/>
      <c r="QBE667" s="613"/>
      <c r="QBF667" s="613"/>
      <c r="QBG667" s="613"/>
      <c r="QBH667" s="613"/>
      <c r="QBI667" s="613"/>
      <c r="QBJ667" s="613"/>
      <c r="QBK667" s="613"/>
      <c r="QBL667" s="613"/>
      <c r="QBM667" s="613"/>
      <c r="QBN667" s="613"/>
      <c r="QBO667" s="613"/>
      <c r="QBP667" s="613"/>
      <c r="QBQ667" s="613"/>
      <c r="QBR667" s="613"/>
      <c r="QBS667" s="613"/>
      <c r="QBT667" s="613"/>
      <c r="QBU667" s="613"/>
      <c r="QBV667" s="613"/>
      <c r="QBW667" s="613"/>
      <c r="QBX667" s="613"/>
      <c r="QBY667" s="613"/>
      <c r="QBZ667" s="613"/>
      <c r="QCA667" s="613"/>
      <c r="QCB667" s="613"/>
      <c r="QCC667" s="613"/>
      <c r="QCD667" s="613"/>
      <c r="QCE667" s="613"/>
      <c r="QCF667" s="613"/>
      <c r="QCG667" s="613"/>
      <c r="QCH667" s="613"/>
      <c r="QCI667" s="613"/>
      <c r="QCJ667" s="613"/>
      <c r="QCK667" s="613"/>
      <c r="QCL667" s="613"/>
      <c r="QCM667" s="613"/>
      <c r="QCN667" s="613"/>
      <c r="QCO667" s="613"/>
      <c r="QCP667" s="613"/>
      <c r="QCQ667" s="613"/>
      <c r="QCR667" s="613"/>
      <c r="QCS667" s="613"/>
      <c r="QCT667" s="613"/>
      <c r="QCU667" s="613"/>
      <c r="QCV667" s="613"/>
      <c r="QCW667" s="613"/>
      <c r="QCX667" s="613"/>
      <c r="QCY667" s="613"/>
      <c r="QCZ667" s="613"/>
      <c r="QDA667" s="613"/>
      <c r="QDB667" s="613"/>
      <c r="QDC667" s="613"/>
      <c r="QDD667" s="613"/>
      <c r="QDE667" s="613"/>
      <c r="QDF667" s="613"/>
      <c r="QDG667" s="613"/>
      <c r="QDH667" s="613"/>
      <c r="QDI667" s="613"/>
      <c r="QDJ667" s="613"/>
      <c r="QDK667" s="613"/>
      <c r="QDL667" s="613"/>
      <c r="QDM667" s="613"/>
      <c r="QDN667" s="613"/>
      <c r="QDO667" s="613"/>
      <c r="QDP667" s="613"/>
      <c r="QDQ667" s="613"/>
      <c r="QDR667" s="613"/>
      <c r="QDS667" s="613"/>
      <c r="QDT667" s="613"/>
      <c r="QDU667" s="613"/>
      <c r="QDV667" s="613"/>
      <c r="QDW667" s="613"/>
      <c r="QDX667" s="613"/>
      <c r="QDY667" s="613"/>
      <c r="QDZ667" s="613"/>
      <c r="QEA667" s="613"/>
      <c r="QEB667" s="613"/>
      <c r="QEC667" s="613"/>
      <c r="QED667" s="613"/>
      <c r="QEE667" s="613"/>
      <c r="QEF667" s="613"/>
      <c r="QEG667" s="613"/>
      <c r="QEH667" s="613"/>
      <c r="QEI667" s="613"/>
      <c r="QEJ667" s="613"/>
      <c r="QEK667" s="613"/>
      <c r="QEL667" s="613"/>
      <c r="QEM667" s="613"/>
      <c r="QEN667" s="613"/>
      <c r="QEO667" s="613"/>
      <c r="QEP667" s="613"/>
      <c r="QEQ667" s="613"/>
      <c r="QER667" s="613"/>
      <c r="QES667" s="613"/>
      <c r="QET667" s="613"/>
      <c r="QEU667" s="613"/>
      <c r="QEV667" s="613"/>
      <c r="QEW667" s="613"/>
      <c r="QEX667" s="613"/>
      <c r="QEY667" s="613"/>
      <c r="QEZ667" s="613"/>
      <c r="QFA667" s="613"/>
      <c r="QFB667" s="613"/>
      <c r="QFC667" s="613"/>
      <c r="QFD667" s="613"/>
      <c r="QFE667" s="613"/>
      <c r="QFF667" s="613"/>
      <c r="QFG667" s="613"/>
      <c r="QFH667" s="613"/>
      <c r="QFI667" s="613"/>
      <c r="QFJ667" s="613"/>
      <c r="QFK667" s="613"/>
      <c r="QFL667" s="613"/>
      <c r="QFM667" s="613"/>
      <c r="QFN667" s="613"/>
      <c r="QFO667" s="613"/>
      <c r="QFP667" s="613"/>
      <c r="QFQ667" s="613"/>
      <c r="QFR667" s="613"/>
      <c r="QFS667" s="613"/>
      <c r="QFT667" s="613"/>
      <c r="QFU667" s="613"/>
      <c r="QFV667" s="613"/>
      <c r="QFW667" s="613"/>
      <c r="QFX667" s="613"/>
      <c r="QFY667" s="613"/>
      <c r="QFZ667" s="613"/>
      <c r="QGA667" s="613"/>
      <c r="QGB667" s="613"/>
      <c r="QGC667" s="613"/>
      <c r="QGD667" s="613"/>
      <c r="QGE667" s="613"/>
      <c r="QGF667" s="613"/>
      <c r="QGG667" s="613"/>
      <c r="QGH667" s="613"/>
      <c r="QGI667" s="613"/>
      <c r="QGJ667" s="613"/>
      <c r="QGK667" s="613"/>
      <c r="QGL667" s="613"/>
      <c r="QGM667" s="613"/>
      <c r="QGN667" s="613"/>
      <c r="QGO667" s="613"/>
      <c r="QGP667" s="613"/>
      <c r="QGQ667" s="613"/>
      <c r="QGR667" s="613"/>
      <c r="QGS667" s="613"/>
      <c r="QGT667" s="613"/>
      <c r="QGU667" s="613"/>
      <c r="QGV667" s="613"/>
      <c r="QGW667" s="613"/>
      <c r="QGX667" s="613"/>
      <c r="QGY667" s="613"/>
      <c r="QGZ667" s="613"/>
      <c r="QHA667" s="613"/>
      <c r="QHB667" s="613"/>
      <c r="QHC667" s="613"/>
      <c r="QHD667" s="613"/>
      <c r="QHE667" s="613"/>
      <c r="QHF667" s="613"/>
      <c r="QHG667" s="613"/>
      <c r="QHH667" s="613"/>
      <c r="QHI667" s="613"/>
      <c r="QHJ667" s="613"/>
      <c r="QHK667" s="613"/>
      <c r="QHL667" s="613"/>
      <c r="QHM667" s="613"/>
      <c r="QHN667" s="613"/>
      <c r="QHO667" s="613"/>
      <c r="QHP667" s="613"/>
      <c r="QHQ667" s="613"/>
      <c r="QHR667" s="613"/>
      <c r="QHS667" s="613"/>
      <c r="QHT667" s="613"/>
      <c r="QHU667" s="613"/>
      <c r="QHV667" s="613"/>
      <c r="QHW667" s="613"/>
      <c r="QHX667" s="613"/>
      <c r="QHY667" s="613"/>
      <c r="QHZ667" s="613"/>
      <c r="QIA667" s="613"/>
      <c r="QIB667" s="613"/>
      <c r="QIC667" s="613"/>
      <c r="QID667" s="613"/>
      <c r="QIE667" s="613"/>
      <c r="QIF667" s="613"/>
      <c r="QIG667" s="613"/>
      <c r="QIH667" s="613"/>
      <c r="QII667" s="613"/>
      <c r="QIJ667" s="613"/>
      <c r="QIK667" s="613"/>
      <c r="QIL667" s="613"/>
      <c r="QIM667" s="613"/>
      <c r="QIN667" s="613"/>
      <c r="QIO667" s="613"/>
      <c r="QIP667" s="613"/>
      <c r="QIQ667" s="613"/>
      <c r="QIR667" s="613"/>
      <c r="QIS667" s="613"/>
      <c r="QIT667" s="613"/>
      <c r="QIU667" s="613"/>
      <c r="QIV667" s="613"/>
      <c r="QIW667" s="613"/>
      <c r="QIX667" s="613"/>
      <c r="QIY667" s="613"/>
      <c r="QIZ667" s="613"/>
      <c r="QJA667" s="613"/>
      <c r="QJB667" s="613"/>
      <c r="QJC667" s="613"/>
      <c r="QJD667" s="613"/>
      <c r="QJE667" s="613"/>
      <c r="QJF667" s="613"/>
      <c r="QJG667" s="613"/>
      <c r="QJH667" s="613"/>
      <c r="QJI667" s="613"/>
      <c r="QJJ667" s="613"/>
      <c r="QJK667" s="613"/>
      <c r="QJL667" s="613"/>
      <c r="QJM667" s="613"/>
      <c r="QJN667" s="613"/>
      <c r="QJO667" s="613"/>
      <c r="QJP667" s="613"/>
      <c r="QJQ667" s="613"/>
      <c r="QJR667" s="613"/>
      <c r="QJS667" s="613"/>
      <c r="QJT667" s="613"/>
      <c r="QJU667" s="613"/>
      <c r="QJV667" s="613"/>
      <c r="QJW667" s="613"/>
      <c r="QJX667" s="613"/>
      <c r="QJY667" s="613"/>
      <c r="QJZ667" s="613"/>
      <c r="QKA667" s="613"/>
      <c r="QKB667" s="613"/>
      <c r="QKC667" s="613"/>
      <c r="QKD667" s="613"/>
      <c r="QKE667" s="613"/>
      <c r="QKF667" s="613"/>
      <c r="QKG667" s="613"/>
      <c r="QKH667" s="613"/>
      <c r="QKI667" s="613"/>
      <c r="QKJ667" s="613"/>
      <c r="QKK667" s="613"/>
      <c r="QKL667" s="613"/>
      <c r="QKM667" s="613"/>
      <c r="QKN667" s="613"/>
      <c r="QKO667" s="613"/>
      <c r="QKP667" s="613"/>
      <c r="QKQ667" s="613"/>
      <c r="QKR667" s="613"/>
      <c r="QKS667" s="613"/>
      <c r="QKT667" s="613"/>
      <c r="QKU667" s="613"/>
      <c r="QKV667" s="613"/>
      <c r="QKW667" s="613"/>
      <c r="QKX667" s="613"/>
      <c r="QKY667" s="613"/>
      <c r="QKZ667" s="613"/>
      <c r="QLA667" s="613"/>
      <c r="QLB667" s="613"/>
      <c r="QLC667" s="613"/>
      <c r="QLD667" s="613"/>
      <c r="QLE667" s="613"/>
      <c r="QLF667" s="613"/>
      <c r="QLG667" s="613"/>
      <c r="QLH667" s="613"/>
      <c r="QLI667" s="613"/>
      <c r="QLJ667" s="613"/>
      <c r="QLK667" s="613"/>
      <c r="QLL667" s="613"/>
      <c r="QLM667" s="613"/>
      <c r="QLN667" s="613"/>
      <c r="QLO667" s="613"/>
      <c r="QLP667" s="613"/>
      <c r="QLQ667" s="613"/>
      <c r="QLR667" s="613"/>
      <c r="QLS667" s="613"/>
      <c r="QLT667" s="613"/>
      <c r="QLU667" s="613"/>
      <c r="QLV667" s="613"/>
      <c r="QLW667" s="613"/>
      <c r="QLX667" s="613"/>
      <c r="QLY667" s="613"/>
      <c r="QLZ667" s="613"/>
      <c r="QMA667" s="613"/>
      <c r="QMB667" s="613"/>
      <c r="QMC667" s="613"/>
      <c r="QMD667" s="613"/>
      <c r="QME667" s="613"/>
      <c r="QMF667" s="613"/>
      <c r="QMG667" s="613"/>
      <c r="QMH667" s="613"/>
      <c r="QMI667" s="613"/>
      <c r="QMJ667" s="613"/>
      <c r="QMK667" s="613"/>
      <c r="QML667" s="613"/>
      <c r="QMM667" s="613"/>
      <c r="QMN667" s="613"/>
      <c r="QMO667" s="613"/>
      <c r="QMP667" s="613"/>
      <c r="QMQ667" s="613"/>
      <c r="QMR667" s="613"/>
      <c r="QMS667" s="613"/>
      <c r="QMT667" s="613"/>
      <c r="QMU667" s="613"/>
      <c r="QMV667" s="613"/>
      <c r="QMW667" s="613"/>
      <c r="QMX667" s="613"/>
      <c r="QMY667" s="613"/>
      <c r="QMZ667" s="613"/>
      <c r="QNA667" s="613"/>
      <c r="QNB667" s="613"/>
      <c r="QNC667" s="613"/>
      <c r="QND667" s="613"/>
      <c r="QNE667" s="613"/>
      <c r="QNF667" s="613"/>
      <c r="QNG667" s="613"/>
      <c r="QNH667" s="613"/>
      <c r="QNI667" s="613"/>
      <c r="QNJ667" s="613"/>
      <c r="QNK667" s="613"/>
      <c r="QNL667" s="613"/>
      <c r="QNM667" s="613"/>
      <c r="QNN667" s="613"/>
      <c r="QNO667" s="613"/>
      <c r="QNP667" s="613"/>
      <c r="QNQ667" s="613"/>
      <c r="QNR667" s="613"/>
      <c r="QNS667" s="613"/>
      <c r="QNT667" s="613"/>
      <c r="QNU667" s="613"/>
      <c r="QNV667" s="613"/>
      <c r="QNW667" s="613"/>
      <c r="QNX667" s="613"/>
      <c r="QNY667" s="613"/>
      <c r="QNZ667" s="613"/>
      <c r="QOA667" s="613"/>
      <c r="QOB667" s="613"/>
      <c r="QOC667" s="613"/>
      <c r="QOD667" s="613"/>
      <c r="QOE667" s="613"/>
      <c r="QOF667" s="613"/>
      <c r="QOG667" s="613"/>
      <c r="QOH667" s="613"/>
      <c r="QOI667" s="613"/>
      <c r="QOJ667" s="613"/>
      <c r="QOK667" s="613"/>
      <c r="QOL667" s="613"/>
      <c r="QOM667" s="613"/>
      <c r="QON667" s="613"/>
      <c r="QOO667" s="613"/>
      <c r="QOP667" s="613"/>
      <c r="QOQ667" s="613"/>
      <c r="QOR667" s="613"/>
      <c r="QOS667" s="613"/>
      <c r="QOT667" s="613"/>
      <c r="QOU667" s="613"/>
      <c r="QOV667" s="613"/>
      <c r="QOW667" s="613"/>
      <c r="QOX667" s="613"/>
      <c r="QOY667" s="613"/>
      <c r="QOZ667" s="613"/>
      <c r="QPA667" s="613"/>
      <c r="QPB667" s="613"/>
      <c r="QPC667" s="613"/>
      <c r="QPD667" s="613"/>
      <c r="QPE667" s="613"/>
      <c r="QPF667" s="613"/>
      <c r="QPG667" s="613"/>
      <c r="QPH667" s="613"/>
      <c r="QPI667" s="613"/>
      <c r="QPJ667" s="613"/>
      <c r="QPK667" s="613"/>
      <c r="QPL667" s="613"/>
      <c r="QPM667" s="613"/>
      <c r="QPN667" s="613"/>
      <c r="QPO667" s="613"/>
      <c r="QPP667" s="613"/>
      <c r="QPQ667" s="613"/>
      <c r="QPR667" s="613"/>
      <c r="QPS667" s="613"/>
      <c r="QPT667" s="613"/>
      <c r="QPU667" s="613"/>
      <c r="QPV667" s="613"/>
      <c r="QPW667" s="613"/>
      <c r="QPX667" s="613"/>
      <c r="QPY667" s="613"/>
      <c r="QPZ667" s="613"/>
      <c r="QQA667" s="613"/>
      <c r="QQB667" s="613"/>
      <c r="QQC667" s="613"/>
      <c r="QQD667" s="613"/>
      <c r="QQE667" s="613"/>
      <c r="QQF667" s="613"/>
      <c r="QQG667" s="613"/>
      <c r="QQH667" s="613"/>
      <c r="QQI667" s="613"/>
      <c r="QQJ667" s="613"/>
      <c r="QQK667" s="613"/>
      <c r="QQL667" s="613"/>
      <c r="QQM667" s="613"/>
      <c r="QQN667" s="613"/>
      <c r="QQO667" s="613"/>
      <c r="QQP667" s="613"/>
      <c r="QQQ667" s="613"/>
      <c r="QQR667" s="613"/>
      <c r="QQS667" s="613"/>
      <c r="QQT667" s="613"/>
      <c r="QQU667" s="613"/>
      <c r="QQV667" s="613"/>
      <c r="QQW667" s="613"/>
      <c r="QQX667" s="613"/>
      <c r="QQY667" s="613"/>
      <c r="QQZ667" s="613"/>
      <c r="QRA667" s="613"/>
      <c r="QRB667" s="613"/>
      <c r="QRC667" s="613"/>
      <c r="QRD667" s="613"/>
      <c r="QRE667" s="613"/>
      <c r="QRF667" s="613"/>
      <c r="QRG667" s="613"/>
      <c r="QRH667" s="613"/>
      <c r="QRI667" s="613"/>
      <c r="QRJ667" s="613"/>
      <c r="QRK667" s="613"/>
      <c r="QRL667" s="613"/>
      <c r="QRM667" s="613"/>
      <c r="QRN667" s="613"/>
      <c r="QRO667" s="613"/>
      <c r="QRP667" s="613"/>
      <c r="QRQ667" s="613"/>
      <c r="QRR667" s="613"/>
      <c r="QRS667" s="613"/>
      <c r="QRT667" s="613"/>
      <c r="QRU667" s="613"/>
      <c r="QRV667" s="613"/>
      <c r="QRW667" s="613"/>
      <c r="QRX667" s="613"/>
      <c r="QRY667" s="613"/>
      <c r="QRZ667" s="613"/>
      <c r="QSA667" s="613"/>
      <c r="QSB667" s="613"/>
      <c r="QSC667" s="613"/>
      <c r="QSD667" s="613"/>
      <c r="QSE667" s="613"/>
      <c r="QSF667" s="613"/>
      <c r="QSG667" s="613"/>
      <c r="QSH667" s="613"/>
      <c r="QSI667" s="613"/>
      <c r="QSJ667" s="613"/>
      <c r="QSK667" s="613"/>
      <c r="QSL667" s="613"/>
      <c r="QSM667" s="613"/>
      <c r="QSN667" s="613"/>
      <c r="QSO667" s="613"/>
      <c r="QSP667" s="613"/>
      <c r="QSQ667" s="613"/>
      <c r="QSR667" s="613"/>
      <c r="QSS667" s="613"/>
      <c r="QST667" s="613"/>
      <c r="QSU667" s="613"/>
      <c r="QSV667" s="613"/>
      <c r="QSW667" s="613"/>
      <c r="QSX667" s="613"/>
      <c r="QSY667" s="613"/>
      <c r="QSZ667" s="613"/>
      <c r="QTA667" s="613"/>
      <c r="QTB667" s="613"/>
      <c r="QTC667" s="613"/>
      <c r="QTD667" s="613"/>
      <c r="QTE667" s="613"/>
      <c r="QTF667" s="613"/>
      <c r="QTG667" s="613"/>
      <c r="QTH667" s="613"/>
      <c r="QTI667" s="613"/>
      <c r="QTJ667" s="613"/>
      <c r="QTK667" s="613"/>
      <c r="QTL667" s="613"/>
      <c r="QTM667" s="613"/>
      <c r="QTN667" s="613"/>
      <c r="QTO667" s="613"/>
      <c r="QTP667" s="613"/>
      <c r="QTQ667" s="613"/>
      <c r="QTR667" s="613"/>
      <c r="QTS667" s="613"/>
      <c r="QTT667" s="613"/>
      <c r="QTU667" s="613"/>
      <c r="QTV667" s="613"/>
      <c r="QTW667" s="613"/>
      <c r="QTX667" s="613"/>
      <c r="QTY667" s="613"/>
      <c r="QTZ667" s="613"/>
      <c r="QUA667" s="613"/>
      <c r="QUB667" s="613"/>
      <c r="QUC667" s="613"/>
      <c r="QUD667" s="613"/>
      <c r="QUE667" s="613"/>
      <c r="QUF667" s="613"/>
      <c r="QUG667" s="613"/>
      <c r="QUH667" s="613"/>
      <c r="QUI667" s="613"/>
      <c r="QUJ667" s="613"/>
      <c r="QUK667" s="613"/>
      <c r="QUL667" s="613"/>
      <c r="QUM667" s="613"/>
      <c r="QUN667" s="613"/>
      <c r="QUO667" s="613"/>
      <c r="QUP667" s="613"/>
      <c r="QUQ667" s="613"/>
      <c r="QUR667" s="613"/>
      <c r="QUS667" s="613"/>
      <c r="QUT667" s="613"/>
      <c r="QUU667" s="613"/>
      <c r="QUV667" s="613"/>
      <c r="QUW667" s="613"/>
      <c r="QUX667" s="613"/>
      <c r="QUY667" s="613"/>
      <c r="QUZ667" s="613"/>
      <c r="QVA667" s="613"/>
      <c r="QVB667" s="613"/>
      <c r="QVC667" s="613"/>
      <c r="QVD667" s="613"/>
      <c r="QVE667" s="613"/>
      <c r="QVF667" s="613"/>
      <c r="QVG667" s="613"/>
      <c r="QVH667" s="613"/>
      <c r="QVI667" s="613"/>
      <c r="QVJ667" s="613"/>
      <c r="QVK667" s="613"/>
      <c r="QVL667" s="613"/>
      <c r="QVM667" s="613"/>
      <c r="QVN667" s="613"/>
      <c r="QVO667" s="613"/>
      <c r="QVP667" s="613"/>
      <c r="QVQ667" s="613"/>
      <c r="QVR667" s="613"/>
      <c r="QVS667" s="613"/>
      <c r="QVT667" s="613"/>
      <c r="QVU667" s="613"/>
      <c r="QVV667" s="613"/>
      <c r="QVW667" s="613"/>
      <c r="QVX667" s="613"/>
      <c r="QVY667" s="613"/>
      <c r="QVZ667" s="613"/>
      <c r="QWA667" s="613"/>
      <c r="QWB667" s="613"/>
      <c r="QWC667" s="613"/>
      <c r="QWD667" s="613"/>
      <c r="QWE667" s="613"/>
      <c r="QWF667" s="613"/>
      <c r="QWG667" s="613"/>
      <c r="QWH667" s="613"/>
      <c r="QWI667" s="613"/>
      <c r="QWJ667" s="613"/>
      <c r="QWK667" s="613"/>
      <c r="QWL667" s="613"/>
      <c r="QWM667" s="613"/>
      <c r="QWN667" s="613"/>
      <c r="QWO667" s="613"/>
      <c r="QWP667" s="613"/>
      <c r="QWQ667" s="613"/>
      <c r="QWR667" s="613"/>
      <c r="QWS667" s="613"/>
      <c r="QWT667" s="613"/>
      <c r="QWU667" s="613"/>
      <c r="QWV667" s="613"/>
      <c r="QWW667" s="613"/>
      <c r="QWX667" s="613"/>
      <c r="QWY667" s="613"/>
      <c r="QWZ667" s="613"/>
      <c r="QXA667" s="613"/>
      <c r="QXB667" s="613"/>
      <c r="QXC667" s="613"/>
      <c r="QXD667" s="613"/>
      <c r="QXE667" s="613"/>
      <c r="QXF667" s="613"/>
      <c r="QXG667" s="613"/>
      <c r="QXH667" s="613"/>
      <c r="QXI667" s="613"/>
      <c r="QXJ667" s="613"/>
      <c r="QXK667" s="613"/>
      <c r="QXL667" s="613"/>
      <c r="QXM667" s="613"/>
      <c r="QXN667" s="613"/>
      <c r="QXO667" s="613"/>
      <c r="QXP667" s="613"/>
      <c r="QXQ667" s="613"/>
      <c r="QXR667" s="613"/>
      <c r="QXS667" s="613"/>
      <c r="QXT667" s="613"/>
      <c r="QXU667" s="613"/>
      <c r="QXV667" s="613"/>
      <c r="QXW667" s="613"/>
      <c r="QXX667" s="613"/>
      <c r="QXY667" s="613"/>
      <c r="QXZ667" s="613"/>
      <c r="QYA667" s="613"/>
      <c r="QYB667" s="613"/>
      <c r="QYC667" s="613"/>
      <c r="QYD667" s="613"/>
      <c r="QYE667" s="613"/>
      <c r="QYF667" s="613"/>
      <c r="QYG667" s="613"/>
      <c r="QYH667" s="613"/>
      <c r="QYI667" s="613"/>
      <c r="QYJ667" s="613"/>
      <c r="QYK667" s="613"/>
      <c r="QYL667" s="613"/>
      <c r="QYM667" s="613"/>
      <c r="QYN667" s="613"/>
      <c r="QYO667" s="613"/>
      <c r="QYP667" s="613"/>
      <c r="QYQ667" s="613"/>
      <c r="QYR667" s="613"/>
      <c r="QYS667" s="613"/>
      <c r="QYT667" s="613"/>
      <c r="QYU667" s="613"/>
      <c r="QYV667" s="613"/>
      <c r="QYW667" s="613"/>
      <c r="QYX667" s="613"/>
      <c r="QYY667" s="613"/>
      <c r="QYZ667" s="613"/>
      <c r="QZA667" s="613"/>
      <c r="QZB667" s="613"/>
      <c r="QZC667" s="613"/>
      <c r="QZD667" s="613"/>
      <c r="QZE667" s="613"/>
      <c r="QZF667" s="613"/>
      <c r="QZG667" s="613"/>
      <c r="QZH667" s="613"/>
      <c r="QZI667" s="613"/>
      <c r="QZJ667" s="613"/>
      <c r="QZK667" s="613"/>
      <c r="QZL667" s="613"/>
      <c r="QZM667" s="613"/>
      <c r="QZN667" s="613"/>
      <c r="QZO667" s="613"/>
      <c r="QZP667" s="613"/>
      <c r="QZQ667" s="613"/>
      <c r="QZR667" s="613"/>
      <c r="QZS667" s="613"/>
      <c r="QZT667" s="613"/>
      <c r="QZU667" s="613"/>
      <c r="QZV667" s="613"/>
      <c r="QZW667" s="613"/>
      <c r="QZX667" s="613"/>
      <c r="QZY667" s="613"/>
      <c r="QZZ667" s="613"/>
      <c r="RAA667" s="613"/>
      <c r="RAB667" s="613"/>
      <c r="RAC667" s="613"/>
      <c r="RAD667" s="613"/>
      <c r="RAE667" s="613"/>
      <c r="RAF667" s="613"/>
      <c r="RAG667" s="613"/>
      <c r="RAH667" s="613"/>
      <c r="RAI667" s="613"/>
      <c r="RAJ667" s="613"/>
      <c r="RAK667" s="613"/>
      <c r="RAL667" s="613"/>
      <c r="RAM667" s="613"/>
      <c r="RAN667" s="613"/>
      <c r="RAO667" s="613"/>
      <c r="RAP667" s="613"/>
      <c r="RAQ667" s="613"/>
      <c r="RAR667" s="613"/>
      <c r="RAS667" s="613"/>
      <c r="RAT667" s="613"/>
      <c r="RAU667" s="613"/>
      <c r="RAV667" s="613"/>
      <c r="RAW667" s="613"/>
      <c r="RAX667" s="613"/>
      <c r="RAY667" s="613"/>
      <c r="RAZ667" s="613"/>
      <c r="RBA667" s="613"/>
      <c r="RBB667" s="613"/>
      <c r="RBC667" s="613"/>
      <c r="RBD667" s="613"/>
      <c r="RBE667" s="613"/>
      <c r="RBF667" s="613"/>
      <c r="RBG667" s="613"/>
      <c r="RBH667" s="613"/>
      <c r="RBI667" s="613"/>
      <c r="RBJ667" s="613"/>
      <c r="RBK667" s="613"/>
      <c r="RBL667" s="613"/>
      <c r="RBM667" s="613"/>
      <c r="RBN667" s="613"/>
      <c r="RBO667" s="613"/>
      <c r="RBP667" s="613"/>
      <c r="RBQ667" s="613"/>
      <c r="RBR667" s="613"/>
      <c r="RBS667" s="613"/>
      <c r="RBT667" s="613"/>
      <c r="RBU667" s="613"/>
      <c r="RBV667" s="613"/>
      <c r="RBW667" s="613"/>
      <c r="RBX667" s="613"/>
      <c r="RBY667" s="613"/>
      <c r="RBZ667" s="613"/>
      <c r="RCA667" s="613"/>
      <c r="RCB667" s="613"/>
      <c r="RCC667" s="613"/>
      <c r="RCD667" s="613"/>
      <c r="RCE667" s="613"/>
      <c r="RCF667" s="613"/>
      <c r="RCG667" s="613"/>
      <c r="RCH667" s="613"/>
      <c r="RCI667" s="613"/>
      <c r="RCJ667" s="613"/>
      <c r="RCK667" s="613"/>
      <c r="RCL667" s="613"/>
      <c r="RCM667" s="613"/>
      <c r="RCN667" s="613"/>
      <c r="RCO667" s="613"/>
      <c r="RCP667" s="613"/>
      <c r="RCQ667" s="613"/>
      <c r="RCR667" s="613"/>
      <c r="RCS667" s="613"/>
      <c r="RCT667" s="613"/>
      <c r="RCU667" s="613"/>
      <c r="RCV667" s="613"/>
      <c r="RCW667" s="613"/>
      <c r="RCX667" s="613"/>
      <c r="RCY667" s="613"/>
      <c r="RCZ667" s="613"/>
      <c r="RDA667" s="613"/>
      <c r="RDB667" s="613"/>
      <c r="RDC667" s="613"/>
      <c r="RDD667" s="613"/>
      <c r="RDE667" s="613"/>
      <c r="RDF667" s="613"/>
      <c r="RDG667" s="613"/>
      <c r="RDH667" s="613"/>
      <c r="RDI667" s="613"/>
      <c r="RDJ667" s="613"/>
      <c r="RDK667" s="613"/>
      <c r="RDL667" s="613"/>
      <c r="RDM667" s="613"/>
      <c r="RDN667" s="613"/>
      <c r="RDO667" s="613"/>
      <c r="RDP667" s="613"/>
      <c r="RDQ667" s="613"/>
      <c r="RDR667" s="613"/>
      <c r="RDS667" s="613"/>
      <c r="RDT667" s="613"/>
      <c r="RDU667" s="613"/>
      <c r="RDV667" s="613"/>
      <c r="RDW667" s="613"/>
      <c r="RDX667" s="613"/>
      <c r="RDY667" s="613"/>
      <c r="RDZ667" s="613"/>
      <c r="REA667" s="613"/>
      <c r="REB667" s="613"/>
      <c r="REC667" s="613"/>
      <c r="RED667" s="613"/>
      <c r="REE667" s="613"/>
      <c r="REF667" s="613"/>
      <c r="REG667" s="613"/>
      <c r="REH667" s="613"/>
      <c r="REI667" s="613"/>
      <c r="REJ667" s="613"/>
      <c r="REK667" s="613"/>
      <c r="REL667" s="613"/>
      <c r="REM667" s="613"/>
      <c r="REN667" s="613"/>
      <c r="REO667" s="613"/>
      <c r="REP667" s="613"/>
      <c r="REQ667" s="613"/>
      <c r="RER667" s="613"/>
      <c r="RES667" s="613"/>
      <c r="RET667" s="613"/>
      <c r="REU667" s="613"/>
      <c r="REV667" s="613"/>
      <c r="REW667" s="613"/>
      <c r="REX667" s="613"/>
      <c r="REY667" s="613"/>
      <c r="REZ667" s="613"/>
      <c r="RFA667" s="613"/>
      <c r="RFB667" s="613"/>
      <c r="RFC667" s="613"/>
      <c r="RFD667" s="613"/>
      <c r="RFE667" s="613"/>
      <c r="RFF667" s="613"/>
      <c r="RFG667" s="613"/>
      <c r="RFH667" s="613"/>
      <c r="RFI667" s="613"/>
      <c r="RFJ667" s="613"/>
      <c r="RFK667" s="613"/>
      <c r="RFL667" s="613"/>
      <c r="RFM667" s="613"/>
      <c r="RFN667" s="613"/>
      <c r="RFO667" s="613"/>
      <c r="RFP667" s="613"/>
      <c r="RFQ667" s="613"/>
      <c r="RFR667" s="613"/>
      <c r="RFS667" s="613"/>
      <c r="RFT667" s="613"/>
      <c r="RFU667" s="613"/>
      <c r="RFV667" s="613"/>
      <c r="RFW667" s="613"/>
      <c r="RFX667" s="613"/>
      <c r="RFY667" s="613"/>
      <c r="RFZ667" s="613"/>
      <c r="RGA667" s="613"/>
      <c r="RGB667" s="613"/>
      <c r="RGC667" s="613"/>
      <c r="RGD667" s="613"/>
      <c r="RGE667" s="613"/>
      <c r="RGF667" s="613"/>
      <c r="RGG667" s="613"/>
      <c r="RGH667" s="613"/>
      <c r="RGI667" s="613"/>
      <c r="RGJ667" s="613"/>
      <c r="RGK667" s="613"/>
      <c r="RGL667" s="613"/>
      <c r="RGM667" s="613"/>
      <c r="RGN667" s="613"/>
      <c r="RGO667" s="613"/>
      <c r="RGP667" s="613"/>
      <c r="RGQ667" s="613"/>
      <c r="RGR667" s="613"/>
      <c r="RGS667" s="613"/>
      <c r="RGT667" s="613"/>
      <c r="RGU667" s="613"/>
      <c r="RGV667" s="613"/>
      <c r="RGW667" s="613"/>
      <c r="RGX667" s="613"/>
      <c r="RGY667" s="613"/>
      <c r="RGZ667" s="613"/>
      <c r="RHA667" s="613"/>
      <c r="RHB667" s="613"/>
      <c r="RHC667" s="613"/>
      <c r="RHD667" s="613"/>
      <c r="RHE667" s="613"/>
      <c r="RHF667" s="613"/>
      <c r="RHG667" s="613"/>
      <c r="RHH667" s="613"/>
      <c r="RHI667" s="613"/>
      <c r="RHJ667" s="613"/>
      <c r="RHK667" s="613"/>
      <c r="RHL667" s="613"/>
      <c r="RHM667" s="613"/>
      <c r="RHN667" s="613"/>
      <c r="RHO667" s="613"/>
      <c r="RHP667" s="613"/>
      <c r="RHQ667" s="613"/>
      <c r="RHR667" s="613"/>
      <c r="RHS667" s="613"/>
      <c r="RHT667" s="613"/>
      <c r="RHU667" s="613"/>
      <c r="RHV667" s="613"/>
      <c r="RHW667" s="613"/>
      <c r="RHX667" s="613"/>
      <c r="RHY667" s="613"/>
      <c r="RHZ667" s="613"/>
      <c r="RIA667" s="613"/>
      <c r="RIB667" s="613"/>
      <c r="RIC667" s="613"/>
      <c r="RID667" s="613"/>
      <c r="RIE667" s="613"/>
      <c r="RIF667" s="613"/>
      <c r="RIG667" s="613"/>
      <c r="RIH667" s="613"/>
      <c r="RII667" s="613"/>
      <c r="RIJ667" s="613"/>
      <c r="RIK667" s="613"/>
      <c r="RIL667" s="613"/>
      <c r="RIM667" s="613"/>
      <c r="RIN667" s="613"/>
      <c r="RIO667" s="613"/>
      <c r="RIP667" s="613"/>
      <c r="RIQ667" s="613"/>
      <c r="RIR667" s="613"/>
      <c r="RIS667" s="613"/>
      <c r="RIT667" s="613"/>
      <c r="RIU667" s="613"/>
      <c r="RIV667" s="613"/>
      <c r="RIW667" s="613"/>
      <c r="RIX667" s="613"/>
      <c r="RIY667" s="613"/>
      <c r="RIZ667" s="613"/>
      <c r="RJA667" s="613"/>
      <c r="RJB667" s="613"/>
      <c r="RJC667" s="613"/>
      <c r="RJD667" s="613"/>
      <c r="RJE667" s="613"/>
      <c r="RJF667" s="613"/>
      <c r="RJG667" s="613"/>
      <c r="RJH667" s="613"/>
      <c r="RJI667" s="613"/>
      <c r="RJJ667" s="613"/>
      <c r="RJK667" s="613"/>
      <c r="RJL667" s="613"/>
      <c r="RJM667" s="613"/>
      <c r="RJN667" s="613"/>
      <c r="RJO667" s="613"/>
      <c r="RJP667" s="613"/>
      <c r="RJQ667" s="613"/>
      <c r="RJR667" s="613"/>
      <c r="RJS667" s="613"/>
      <c r="RJT667" s="613"/>
      <c r="RJU667" s="613"/>
      <c r="RJV667" s="613"/>
      <c r="RJW667" s="613"/>
      <c r="RJX667" s="613"/>
      <c r="RJY667" s="613"/>
      <c r="RJZ667" s="613"/>
      <c r="RKA667" s="613"/>
      <c r="RKB667" s="613"/>
      <c r="RKC667" s="613"/>
      <c r="RKD667" s="613"/>
      <c r="RKE667" s="613"/>
      <c r="RKF667" s="613"/>
      <c r="RKG667" s="613"/>
      <c r="RKH667" s="613"/>
      <c r="RKI667" s="613"/>
      <c r="RKJ667" s="613"/>
      <c r="RKK667" s="613"/>
      <c r="RKL667" s="613"/>
      <c r="RKM667" s="613"/>
      <c r="RKN667" s="613"/>
      <c r="RKO667" s="613"/>
      <c r="RKP667" s="613"/>
      <c r="RKQ667" s="613"/>
      <c r="RKR667" s="613"/>
      <c r="RKS667" s="613"/>
      <c r="RKT667" s="613"/>
      <c r="RKU667" s="613"/>
      <c r="RKV667" s="613"/>
      <c r="RKW667" s="613"/>
      <c r="RKX667" s="613"/>
      <c r="RKY667" s="613"/>
      <c r="RKZ667" s="613"/>
      <c r="RLA667" s="613"/>
      <c r="RLB667" s="613"/>
      <c r="RLC667" s="613"/>
      <c r="RLD667" s="613"/>
      <c r="RLE667" s="613"/>
      <c r="RLF667" s="613"/>
      <c r="RLG667" s="613"/>
      <c r="RLH667" s="613"/>
      <c r="RLI667" s="613"/>
      <c r="RLJ667" s="613"/>
      <c r="RLK667" s="613"/>
      <c r="RLL667" s="613"/>
      <c r="RLM667" s="613"/>
      <c r="RLN667" s="613"/>
      <c r="RLO667" s="613"/>
      <c r="RLP667" s="613"/>
      <c r="RLQ667" s="613"/>
      <c r="RLR667" s="613"/>
      <c r="RLS667" s="613"/>
      <c r="RLT667" s="613"/>
      <c r="RLU667" s="613"/>
      <c r="RLV667" s="613"/>
      <c r="RLW667" s="613"/>
      <c r="RLX667" s="613"/>
      <c r="RLY667" s="613"/>
      <c r="RLZ667" s="613"/>
      <c r="RMA667" s="613"/>
      <c r="RMB667" s="613"/>
      <c r="RMC667" s="613"/>
      <c r="RMD667" s="613"/>
      <c r="RME667" s="613"/>
      <c r="RMF667" s="613"/>
      <c r="RMG667" s="613"/>
      <c r="RMH667" s="613"/>
      <c r="RMI667" s="613"/>
      <c r="RMJ667" s="613"/>
      <c r="RMK667" s="613"/>
      <c r="RML667" s="613"/>
      <c r="RMM667" s="613"/>
      <c r="RMN667" s="613"/>
      <c r="RMO667" s="613"/>
      <c r="RMP667" s="613"/>
      <c r="RMQ667" s="613"/>
      <c r="RMR667" s="613"/>
      <c r="RMS667" s="613"/>
      <c r="RMT667" s="613"/>
      <c r="RMU667" s="613"/>
      <c r="RMV667" s="613"/>
      <c r="RMW667" s="613"/>
      <c r="RMX667" s="613"/>
      <c r="RMY667" s="613"/>
      <c r="RMZ667" s="613"/>
      <c r="RNA667" s="613"/>
      <c r="RNB667" s="613"/>
      <c r="RNC667" s="613"/>
      <c r="RND667" s="613"/>
      <c r="RNE667" s="613"/>
      <c r="RNF667" s="613"/>
      <c r="RNG667" s="613"/>
      <c r="RNH667" s="613"/>
      <c r="RNI667" s="613"/>
      <c r="RNJ667" s="613"/>
      <c r="RNK667" s="613"/>
      <c r="RNL667" s="613"/>
      <c r="RNM667" s="613"/>
      <c r="RNN667" s="613"/>
      <c r="RNO667" s="613"/>
      <c r="RNP667" s="613"/>
      <c r="RNQ667" s="613"/>
      <c r="RNR667" s="613"/>
      <c r="RNS667" s="613"/>
      <c r="RNT667" s="613"/>
      <c r="RNU667" s="613"/>
      <c r="RNV667" s="613"/>
      <c r="RNW667" s="613"/>
      <c r="RNX667" s="613"/>
      <c r="RNY667" s="613"/>
      <c r="RNZ667" s="613"/>
      <c r="ROA667" s="613"/>
      <c r="ROB667" s="613"/>
      <c r="ROC667" s="613"/>
      <c r="ROD667" s="613"/>
      <c r="ROE667" s="613"/>
      <c r="ROF667" s="613"/>
      <c r="ROG667" s="613"/>
      <c r="ROH667" s="613"/>
      <c r="ROI667" s="613"/>
      <c r="ROJ667" s="613"/>
      <c r="ROK667" s="613"/>
      <c r="ROL667" s="613"/>
      <c r="ROM667" s="613"/>
      <c r="RON667" s="613"/>
      <c r="ROO667" s="613"/>
      <c r="ROP667" s="613"/>
      <c r="ROQ667" s="613"/>
      <c r="ROR667" s="613"/>
      <c r="ROS667" s="613"/>
      <c r="ROT667" s="613"/>
      <c r="ROU667" s="613"/>
      <c r="ROV667" s="613"/>
      <c r="ROW667" s="613"/>
      <c r="ROX667" s="613"/>
      <c r="ROY667" s="613"/>
      <c r="ROZ667" s="613"/>
      <c r="RPA667" s="613"/>
      <c r="RPB667" s="613"/>
      <c r="RPC667" s="613"/>
      <c r="RPD667" s="613"/>
      <c r="RPE667" s="613"/>
      <c r="RPF667" s="613"/>
      <c r="RPG667" s="613"/>
      <c r="RPH667" s="613"/>
      <c r="RPI667" s="613"/>
      <c r="RPJ667" s="613"/>
      <c r="RPK667" s="613"/>
      <c r="RPL667" s="613"/>
      <c r="RPM667" s="613"/>
      <c r="RPN667" s="613"/>
      <c r="RPO667" s="613"/>
      <c r="RPP667" s="613"/>
      <c r="RPQ667" s="613"/>
      <c r="RPR667" s="613"/>
      <c r="RPS667" s="613"/>
      <c r="RPT667" s="613"/>
      <c r="RPU667" s="613"/>
      <c r="RPV667" s="613"/>
      <c r="RPW667" s="613"/>
      <c r="RPX667" s="613"/>
      <c r="RPY667" s="613"/>
      <c r="RPZ667" s="613"/>
      <c r="RQA667" s="613"/>
      <c r="RQB667" s="613"/>
      <c r="RQC667" s="613"/>
      <c r="RQD667" s="613"/>
      <c r="RQE667" s="613"/>
      <c r="RQF667" s="613"/>
      <c r="RQG667" s="613"/>
      <c r="RQH667" s="613"/>
      <c r="RQI667" s="613"/>
      <c r="RQJ667" s="613"/>
      <c r="RQK667" s="613"/>
      <c r="RQL667" s="613"/>
      <c r="RQM667" s="613"/>
      <c r="RQN667" s="613"/>
      <c r="RQO667" s="613"/>
      <c r="RQP667" s="613"/>
      <c r="RQQ667" s="613"/>
      <c r="RQR667" s="613"/>
      <c r="RQS667" s="613"/>
      <c r="RQT667" s="613"/>
      <c r="RQU667" s="613"/>
      <c r="RQV667" s="613"/>
      <c r="RQW667" s="613"/>
      <c r="RQX667" s="613"/>
      <c r="RQY667" s="613"/>
      <c r="RQZ667" s="613"/>
      <c r="RRA667" s="613"/>
      <c r="RRB667" s="613"/>
      <c r="RRC667" s="613"/>
      <c r="RRD667" s="613"/>
      <c r="RRE667" s="613"/>
      <c r="RRF667" s="613"/>
      <c r="RRG667" s="613"/>
      <c r="RRH667" s="613"/>
      <c r="RRI667" s="613"/>
      <c r="RRJ667" s="613"/>
      <c r="RRK667" s="613"/>
      <c r="RRL667" s="613"/>
      <c r="RRM667" s="613"/>
      <c r="RRN667" s="613"/>
      <c r="RRO667" s="613"/>
      <c r="RRP667" s="613"/>
      <c r="RRQ667" s="613"/>
      <c r="RRR667" s="613"/>
      <c r="RRS667" s="613"/>
      <c r="RRT667" s="613"/>
      <c r="RRU667" s="613"/>
      <c r="RRV667" s="613"/>
      <c r="RRW667" s="613"/>
      <c r="RRX667" s="613"/>
      <c r="RRY667" s="613"/>
      <c r="RRZ667" s="613"/>
      <c r="RSA667" s="613"/>
      <c r="RSB667" s="613"/>
      <c r="RSC667" s="613"/>
      <c r="RSD667" s="613"/>
      <c r="RSE667" s="613"/>
      <c r="RSF667" s="613"/>
      <c r="RSG667" s="613"/>
      <c r="RSH667" s="613"/>
      <c r="RSI667" s="613"/>
      <c r="RSJ667" s="613"/>
      <c r="RSK667" s="613"/>
      <c r="RSL667" s="613"/>
      <c r="RSM667" s="613"/>
      <c r="RSN667" s="613"/>
      <c r="RSO667" s="613"/>
      <c r="RSP667" s="613"/>
      <c r="RSQ667" s="613"/>
      <c r="RSR667" s="613"/>
      <c r="RSS667" s="613"/>
      <c r="RST667" s="613"/>
      <c r="RSU667" s="613"/>
      <c r="RSV667" s="613"/>
      <c r="RSW667" s="613"/>
      <c r="RSX667" s="613"/>
      <c r="RSY667" s="613"/>
      <c r="RSZ667" s="613"/>
      <c r="RTA667" s="613"/>
      <c r="RTB667" s="613"/>
      <c r="RTC667" s="613"/>
      <c r="RTD667" s="613"/>
      <c r="RTE667" s="613"/>
      <c r="RTF667" s="613"/>
      <c r="RTG667" s="613"/>
      <c r="RTH667" s="613"/>
      <c r="RTI667" s="613"/>
      <c r="RTJ667" s="613"/>
      <c r="RTK667" s="613"/>
      <c r="RTL667" s="613"/>
      <c r="RTM667" s="613"/>
      <c r="RTN667" s="613"/>
      <c r="RTO667" s="613"/>
      <c r="RTP667" s="613"/>
      <c r="RTQ667" s="613"/>
      <c r="RTR667" s="613"/>
      <c r="RTS667" s="613"/>
      <c r="RTT667" s="613"/>
      <c r="RTU667" s="613"/>
      <c r="RTV667" s="613"/>
      <c r="RTW667" s="613"/>
      <c r="RTX667" s="613"/>
      <c r="RTY667" s="613"/>
      <c r="RTZ667" s="613"/>
      <c r="RUA667" s="613"/>
      <c r="RUB667" s="613"/>
      <c r="RUC667" s="613"/>
      <c r="RUD667" s="613"/>
      <c r="RUE667" s="613"/>
      <c r="RUF667" s="613"/>
      <c r="RUG667" s="613"/>
      <c r="RUH667" s="613"/>
      <c r="RUI667" s="613"/>
      <c r="RUJ667" s="613"/>
      <c r="RUK667" s="613"/>
      <c r="RUL667" s="613"/>
      <c r="RUM667" s="613"/>
      <c r="RUN667" s="613"/>
      <c r="RUO667" s="613"/>
      <c r="RUP667" s="613"/>
      <c r="RUQ667" s="613"/>
      <c r="RUR667" s="613"/>
      <c r="RUS667" s="613"/>
      <c r="RUT667" s="613"/>
      <c r="RUU667" s="613"/>
      <c r="RUV667" s="613"/>
      <c r="RUW667" s="613"/>
      <c r="RUX667" s="613"/>
      <c r="RUY667" s="613"/>
      <c r="RUZ667" s="613"/>
      <c r="RVA667" s="613"/>
      <c r="RVB667" s="613"/>
      <c r="RVC667" s="613"/>
      <c r="RVD667" s="613"/>
      <c r="RVE667" s="613"/>
      <c r="RVF667" s="613"/>
      <c r="RVG667" s="613"/>
      <c r="RVH667" s="613"/>
      <c r="RVI667" s="613"/>
      <c r="RVJ667" s="613"/>
      <c r="RVK667" s="613"/>
      <c r="RVL667" s="613"/>
      <c r="RVM667" s="613"/>
      <c r="RVN667" s="613"/>
      <c r="RVO667" s="613"/>
      <c r="RVP667" s="613"/>
      <c r="RVQ667" s="613"/>
      <c r="RVR667" s="613"/>
      <c r="RVS667" s="613"/>
      <c r="RVT667" s="613"/>
      <c r="RVU667" s="613"/>
      <c r="RVV667" s="613"/>
      <c r="RVW667" s="613"/>
      <c r="RVX667" s="613"/>
      <c r="RVY667" s="613"/>
      <c r="RVZ667" s="613"/>
      <c r="RWA667" s="613"/>
      <c r="RWB667" s="613"/>
      <c r="RWC667" s="613"/>
      <c r="RWD667" s="613"/>
      <c r="RWE667" s="613"/>
      <c r="RWF667" s="613"/>
      <c r="RWG667" s="613"/>
      <c r="RWH667" s="613"/>
      <c r="RWI667" s="613"/>
      <c r="RWJ667" s="613"/>
      <c r="RWK667" s="613"/>
      <c r="RWL667" s="613"/>
      <c r="RWM667" s="613"/>
      <c r="RWN667" s="613"/>
      <c r="RWO667" s="613"/>
      <c r="RWP667" s="613"/>
      <c r="RWQ667" s="613"/>
      <c r="RWR667" s="613"/>
      <c r="RWS667" s="613"/>
      <c r="RWT667" s="613"/>
      <c r="RWU667" s="613"/>
      <c r="RWV667" s="613"/>
      <c r="RWW667" s="613"/>
      <c r="RWX667" s="613"/>
      <c r="RWY667" s="613"/>
      <c r="RWZ667" s="613"/>
      <c r="RXA667" s="613"/>
      <c r="RXB667" s="613"/>
      <c r="RXC667" s="613"/>
      <c r="RXD667" s="613"/>
      <c r="RXE667" s="613"/>
      <c r="RXF667" s="613"/>
      <c r="RXG667" s="613"/>
      <c r="RXH667" s="613"/>
      <c r="RXI667" s="613"/>
      <c r="RXJ667" s="613"/>
      <c r="RXK667" s="613"/>
      <c r="RXL667" s="613"/>
      <c r="RXM667" s="613"/>
      <c r="RXN667" s="613"/>
      <c r="RXO667" s="613"/>
      <c r="RXP667" s="613"/>
      <c r="RXQ667" s="613"/>
      <c r="RXR667" s="613"/>
      <c r="RXS667" s="613"/>
      <c r="RXT667" s="613"/>
      <c r="RXU667" s="613"/>
      <c r="RXV667" s="613"/>
      <c r="RXW667" s="613"/>
      <c r="RXX667" s="613"/>
      <c r="RXY667" s="613"/>
      <c r="RXZ667" s="613"/>
      <c r="RYA667" s="613"/>
      <c r="RYB667" s="613"/>
      <c r="RYC667" s="613"/>
      <c r="RYD667" s="613"/>
      <c r="RYE667" s="613"/>
      <c r="RYF667" s="613"/>
      <c r="RYG667" s="613"/>
      <c r="RYH667" s="613"/>
      <c r="RYI667" s="613"/>
      <c r="RYJ667" s="613"/>
      <c r="RYK667" s="613"/>
      <c r="RYL667" s="613"/>
      <c r="RYM667" s="613"/>
      <c r="RYN667" s="613"/>
      <c r="RYO667" s="613"/>
      <c r="RYP667" s="613"/>
      <c r="RYQ667" s="613"/>
      <c r="RYR667" s="613"/>
      <c r="RYS667" s="613"/>
      <c r="RYT667" s="613"/>
      <c r="RYU667" s="613"/>
      <c r="RYV667" s="613"/>
      <c r="RYW667" s="613"/>
      <c r="RYX667" s="613"/>
      <c r="RYY667" s="613"/>
      <c r="RYZ667" s="613"/>
      <c r="RZA667" s="613"/>
      <c r="RZB667" s="613"/>
      <c r="RZC667" s="613"/>
      <c r="RZD667" s="613"/>
      <c r="RZE667" s="613"/>
      <c r="RZF667" s="613"/>
      <c r="RZG667" s="613"/>
      <c r="RZH667" s="613"/>
      <c r="RZI667" s="613"/>
      <c r="RZJ667" s="613"/>
      <c r="RZK667" s="613"/>
      <c r="RZL667" s="613"/>
      <c r="RZM667" s="613"/>
      <c r="RZN667" s="613"/>
      <c r="RZO667" s="613"/>
      <c r="RZP667" s="613"/>
      <c r="RZQ667" s="613"/>
      <c r="RZR667" s="613"/>
      <c r="RZS667" s="613"/>
      <c r="RZT667" s="613"/>
      <c r="RZU667" s="613"/>
      <c r="RZV667" s="613"/>
      <c r="RZW667" s="613"/>
      <c r="RZX667" s="613"/>
      <c r="RZY667" s="613"/>
      <c r="RZZ667" s="613"/>
      <c r="SAA667" s="613"/>
      <c r="SAB667" s="613"/>
      <c r="SAC667" s="613"/>
      <c r="SAD667" s="613"/>
      <c r="SAE667" s="613"/>
      <c r="SAF667" s="613"/>
      <c r="SAG667" s="613"/>
      <c r="SAH667" s="613"/>
      <c r="SAI667" s="613"/>
      <c r="SAJ667" s="613"/>
      <c r="SAK667" s="613"/>
      <c r="SAL667" s="613"/>
      <c r="SAM667" s="613"/>
      <c r="SAN667" s="613"/>
      <c r="SAO667" s="613"/>
      <c r="SAP667" s="613"/>
      <c r="SAQ667" s="613"/>
      <c r="SAR667" s="613"/>
      <c r="SAS667" s="613"/>
      <c r="SAT667" s="613"/>
      <c r="SAU667" s="613"/>
      <c r="SAV667" s="613"/>
      <c r="SAW667" s="613"/>
      <c r="SAX667" s="613"/>
      <c r="SAY667" s="613"/>
      <c r="SAZ667" s="613"/>
      <c r="SBA667" s="613"/>
      <c r="SBB667" s="613"/>
      <c r="SBC667" s="613"/>
      <c r="SBD667" s="613"/>
      <c r="SBE667" s="613"/>
      <c r="SBF667" s="613"/>
      <c r="SBG667" s="613"/>
      <c r="SBH667" s="613"/>
      <c r="SBI667" s="613"/>
      <c r="SBJ667" s="613"/>
      <c r="SBK667" s="613"/>
      <c r="SBL667" s="613"/>
      <c r="SBM667" s="613"/>
      <c r="SBN667" s="613"/>
      <c r="SBO667" s="613"/>
      <c r="SBP667" s="613"/>
      <c r="SBQ667" s="613"/>
      <c r="SBR667" s="613"/>
      <c r="SBS667" s="613"/>
      <c r="SBT667" s="613"/>
      <c r="SBU667" s="613"/>
      <c r="SBV667" s="613"/>
      <c r="SBW667" s="613"/>
      <c r="SBX667" s="613"/>
      <c r="SBY667" s="613"/>
      <c r="SBZ667" s="613"/>
      <c r="SCA667" s="613"/>
      <c r="SCB667" s="613"/>
      <c r="SCC667" s="613"/>
      <c r="SCD667" s="613"/>
      <c r="SCE667" s="613"/>
      <c r="SCF667" s="613"/>
      <c r="SCG667" s="613"/>
      <c r="SCH667" s="613"/>
      <c r="SCI667" s="613"/>
      <c r="SCJ667" s="613"/>
      <c r="SCK667" s="613"/>
      <c r="SCL667" s="613"/>
      <c r="SCM667" s="613"/>
      <c r="SCN667" s="613"/>
      <c r="SCO667" s="613"/>
      <c r="SCP667" s="613"/>
      <c r="SCQ667" s="613"/>
      <c r="SCR667" s="613"/>
      <c r="SCS667" s="613"/>
      <c r="SCT667" s="613"/>
      <c r="SCU667" s="613"/>
      <c r="SCV667" s="613"/>
      <c r="SCW667" s="613"/>
      <c r="SCX667" s="613"/>
      <c r="SCY667" s="613"/>
      <c r="SCZ667" s="613"/>
      <c r="SDA667" s="613"/>
      <c r="SDB667" s="613"/>
      <c r="SDC667" s="613"/>
      <c r="SDD667" s="613"/>
      <c r="SDE667" s="613"/>
      <c r="SDF667" s="613"/>
      <c r="SDG667" s="613"/>
      <c r="SDH667" s="613"/>
      <c r="SDI667" s="613"/>
      <c r="SDJ667" s="613"/>
      <c r="SDK667" s="613"/>
      <c r="SDL667" s="613"/>
      <c r="SDM667" s="613"/>
      <c r="SDN667" s="613"/>
      <c r="SDO667" s="613"/>
      <c r="SDP667" s="613"/>
      <c r="SDQ667" s="613"/>
      <c r="SDR667" s="613"/>
      <c r="SDS667" s="613"/>
      <c r="SDT667" s="613"/>
      <c r="SDU667" s="613"/>
      <c r="SDV667" s="613"/>
      <c r="SDW667" s="613"/>
      <c r="SDX667" s="613"/>
      <c r="SDY667" s="613"/>
      <c r="SDZ667" s="613"/>
      <c r="SEA667" s="613"/>
      <c r="SEB667" s="613"/>
      <c r="SEC667" s="613"/>
      <c r="SED667" s="613"/>
      <c r="SEE667" s="613"/>
      <c r="SEF667" s="613"/>
      <c r="SEG667" s="613"/>
      <c r="SEH667" s="613"/>
      <c r="SEI667" s="613"/>
      <c r="SEJ667" s="613"/>
      <c r="SEK667" s="613"/>
      <c r="SEL667" s="613"/>
      <c r="SEM667" s="613"/>
      <c r="SEN667" s="613"/>
      <c r="SEO667" s="613"/>
      <c r="SEP667" s="613"/>
      <c r="SEQ667" s="613"/>
      <c r="SER667" s="613"/>
      <c r="SES667" s="613"/>
      <c r="SET667" s="613"/>
      <c r="SEU667" s="613"/>
      <c r="SEV667" s="613"/>
      <c r="SEW667" s="613"/>
      <c r="SEX667" s="613"/>
      <c r="SEY667" s="613"/>
      <c r="SEZ667" s="613"/>
      <c r="SFA667" s="613"/>
      <c r="SFB667" s="613"/>
      <c r="SFC667" s="613"/>
      <c r="SFD667" s="613"/>
      <c r="SFE667" s="613"/>
      <c r="SFF667" s="613"/>
      <c r="SFG667" s="613"/>
      <c r="SFH667" s="613"/>
      <c r="SFI667" s="613"/>
      <c r="SFJ667" s="613"/>
      <c r="SFK667" s="613"/>
      <c r="SFL667" s="613"/>
      <c r="SFM667" s="613"/>
      <c r="SFN667" s="613"/>
      <c r="SFO667" s="613"/>
      <c r="SFP667" s="613"/>
      <c r="SFQ667" s="613"/>
      <c r="SFR667" s="613"/>
      <c r="SFS667" s="613"/>
      <c r="SFT667" s="613"/>
      <c r="SFU667" s="613"/>
      <c r="SFV667" s="613"/>
      <c r="SFW667" s="613"/>
      <c r="SFX667" s="613"/>
      <c r="SFY667" s="613"/>
      <c r="SFZ667" s="613"/>
      <c r="SGA667" s="613"/>
      <c r="SGB667" s="613"/>
      <c r="SGC667" s="613"/>
      <c r="SGD667" s="613"/>
      <c r="SGE667" s="613"/>
      <c r="SGF667" s="613"/>
      <c r="SGG667" s="613"/>
      <c r="SGH667" s="613"/>
      <c r="SGI667" s="613"/>
      <c r="SGJ667" s="613"/>
      <c r="SGK667" s="613"/>
      <c r="SGL667" s="613"/>
      <c r="SGM667" s="613"/>
      <c r="SGN667" s="613"/>
      <c r="SGO667" s="613"/>
      <c r="SGP667" s="613"/>
      <c r="SGQ667" s="613"/>
      <c r="SGR667" s="613"/>
      <c r="SGS667" s="613"/>
      <c r="SGT667" s="613"/>
      <c r="SGU667" s="613"/>
      <c r="SGV667" s="613"/>
      <c r="SGW667" s="613"/>
      <c r="SGX667" s="613"/>
      <c r="SGY667" s="613"/>
      <c r="SGZ667" s="613"/>
      <c r="SHA667" s="613"/>
      <c r="SHB667" s="613"/>
      <c r="SHC667" s="613"/>
      <c r="SHD667" s="613"/>
      <c r="SHE667" s="613"/>
      <c r="SHF667" s="613"/>
      <c r="SHG667" s="613"/>
      <c r="SHH667" s="613"/>
      <c r="SHI667" s="613"/>
      <c r="SHJ667" s="613"/>
      <c r="SHK667" s="613"/>
      <c r="SHL667" s="613"/>
      <c r="SHM667" s="613"/>
      <c r="SHN667" s="613"/>
      <c r="SHO667" s="613"/>
      <c r="SHP667" s="613"/>
      <c r="SHQ667" s="613"/>
      <c r="SHR667" s="613"/>
      <c r="SHS667" s="613"/>
      <c r="SHT667" s="613"/>
      <c r="SHU667" s="613"/>
      <c r="SHV667" s="613"/>
      <c r="SHW667" s="613"/>
      <c r="SHX667" s="613"/>
      <c r="SHY667" s="613"/>
      <c r="SHZ667" s="613"/>
      <c r="SIA667" s="613"/>
      <c r="SIB667" s="613"/>
      <c r="SIC667" s="613"/>
      <c r="SID667" s="613"/>
      <c r="SIE667" s="613"/>
      <c r="SIF667" s="613"/>
      <c r="SIG667" s="613"/>
      <c r="SIH667" s="613"/>
      <c r="SII667" s="613"/>
      <c r="SIJ667" s="613"/>
      <c r="SIK667" s="613"/>
      <c r="SIL667" s="613"/>
      <c r="SIM667" s="613"/>
      <c r="SIN667" s="613"/>
      <c r="SIO667" s="613"/>
      <c r="SIP667" s="613"/>
      <c r="SIQ667" s="613"/>
      <c r="SIR667" s="613"/>
      <c r="SIS667" s="613"/>
      <c r="SIT667" s="613"/>
      <c r="SIU667" s="613"/>
      <c r="SIV667" s="613"/>
      <c r="SIW667" s="613"/>
      <c r="SIX667" s="613"/>
      <c r="SIY667" s="613"/>
      <c r="SIZ667" s="613"/>
      <c r="SJA667" s="613"/>
      <c r="SJB667" s="613"/>
      <c r="SJC667" s="613"/>
      <c r="SJD667" s="613"/>
      <c r="SJE667" s="613"/>
      <c r="SJF667" s="613"/>
      <c r="SJG667" s="613"/>
      <c r="SJH667" s="613"/>
      <c r="SJI667" s="613"/>
      <c r="SJJ667" s="613"/>
      <c r="SJK667" s="613"/>
      <c r="SJL667" s="613"/>
      <c r="SJM667" s="613"/>
      <c r="SJN667" s="613"/>
      <c r="SJO667" s="613"/>
      <c r="SJP667" s="613"/>
      <c r="SJQ667" s="613"/>
      <c r="SJR667" s="613"/>
      <c r="SJS667" s="613"/>
      <c r="SJT667" s="613"/>
      <c r="SJU667" s="613"/>
      <c r="SJV667" s="613"/>
      <c r="SJW667" s="613"/>
      <c r="SJX667" s="613"/>
      <c r="SJY667" s="613"/>
      <c r="SJZ667" s="613"/>
      <c r="SKA667" s="613"/>
      <c r="SKB667" s="613"/>
      <c r="SKC667" s="613"/>
      <c r="SKD667" s="613"/>
      <c r="SKE667" s="613"/>
      <c r="SKF667" s="613"/>
      <c r="SKG667" s="613"/>
      <c r="SKH667" s="613"/>
      <c r="SKI667" s="613"/>
      <c r="SKJ667" s="613"/>
      <c r="SKK667" s="613"/>
      <c r="SKL667" s="613"/>
      <c r="SKM667" s="613"/>
      <c r="SKN667" s="613"/>
      <c r="SKO667" s="613"/>
      <c r="SKP667" s="613"/>
      <c r="SKQ667" s="613"/>
      <c r="SKR667" s="613"/>
      <c r="SKS667" s="613"/>
      <c r="SKT667" s="613"/>
      <c r="SKU667" s="613"/>
      <c r="SKV667" s="613"/>
      <c r="SKW667" s="613"/>
      <c r="SKX667" s="613"/>
      <c r="SKY667" s="613"/>
      <c r="SKZ667" s="613"/>
      <c r="SLA667" s="613"/>
      <c r="SLB667" s="613"/>
      <c r="SLC667" s="613"/>
      <c r="SLD667" s="613"/>
      <c r="SLE667" s="613"/>
      <c r="SLF667" s="613"/>
      <c r="SLG667" s="613"/>
      <c r="SLH667" s="613"/>
      <c r="SLI667" s="613"/>
      <c r="SLJ667" s="613"/>
      <c r="SLK667" s="613"/>
      <c r="SLL667" s="613"/>
      <c r="SLM667" s="613"/>
      <c r="SLN667" s="613"/>
      <c r="SLO667" s="613"/>
      <c r="SLP667" s="613"/>
      <c r="SLQ667" s="613"/>
      <c r="SLR667" s="613"/>
      <c r="SLS667" s="613"/>
      <c r="SLT667" s="613"/>
      <c r="SLU667" s="613"/>
      <c r="SLV667" s="613"/>
      <c r="SLW667" s="613"/>
      <c r="SLX667" s="613"/>
      <c r="SLY667" s="613"/>
      <c r="SLZ667" s="613"/>
      <c r="SMA667" s="613"/>
      <c r="SMB667" s="613"/>
      <c r="SMC667" s="613"/>
      <c r="SMD667" s="613"/>
      <c r="SME667" s="613"/>
      <c r="SMF667" s="613"/>
      <c r="SMG667" s="613"/>
      <c r="SMH667" s="613"/>
      <c r="SMI667" s="613"/>
      <c r="SMJ667" s="613"/>
      <c r="SMK667" s="613"/>
      <c r="SML667" s="613"/>
      <c r="SMM667" s="613"/>
      <c r="SMN667" s="613"/>
      <c r="SMO667" s="613"/>
      <c r="SMP667" s="613"/>
      <c r="SMQ667" s="613"/>
      <c r="SMR667" s="613"/>
      <c r="SMS667" s="613"/>
      <c r="SMT667" s="613"/>
      <c r="SMU667" s="613"/>
      <c r="SMV667" s="613"/>
      <c r="SMW667" s="613"/>
      <c r="SMX667" s="613"/>
      <c r="SMY667" s="613"/>
      <c r="SMZ667" s="613"/>
      <c r="SNA667" s="613"/>
      <c r="SNB667" s="613"/>
      <c r="SNC667" s="613"/>
      <c r="SND667" s="613"/>
      <c r="SNE667" s="613"/>
      <c r="SNF667" s="613"/>
      <c r="SNG667" s="613"/>
      <c r="SNH667" s="613"/>
      <c r="SNI667" s="613"/>
      <c r="SNJ667" s="613"/>
      <c r="SNK667" s="613"/>
      <c r="SNL667" s="613"/>
      <c r="SNM667" s="613"/>
      <c r="SNN667" s="613"/>
      <c r="SNO667" s="613"/>
      <c r="SNP667" s="613"/>
      <c r="SNQ667" s="613"/>
      <c r="SNR667" s="613"/>
      <c r="SNS667" s="613"/>
      <c r="SNT667" s="613"/>
      <c r="SNU667" s="613"/>
      <c r="SNV667" s="613"/>
      <c r="SNW667" s="613"/>
      <c r="SNX667" s="613"/>
      <c r="SNY667" s="613"/>
      <c r="SNZ667" s="613"/>
      <c r="SOA667" s="613"/>
      <c r="SOB667" s="613"/>
      <c r="SOC667" s="613"/>
      <c r="SOD667" s="613"/>
      <c r="SOE667" s="613"/>
      <c r="SOF667" s="613"/>
      <c r="SOG667" s="613"/>
      <c r="SOH667" s="613"/>
      <c r="SOI667" s="613"/>
      <c r="SOJ667" s="613"/>
      <c r="SOK667" s="613"/>
      <c r="SOL667" s="613"/>
      <c r="SOM667" s="613"/>
      <c r="SON667" s="613"/>
      <c r="SOO667" s="613"/>
      <c r="SOP667" s="613"/>
      <c r="SOQ667" s="613"/>
      <c r="SOR667" s="613"/>
      <c r="SOS667" s="613"/>
      <c r="SOT667" s="613"/>
      <c r="SOU667" s="613"/>
      <c r="SOV667" s="613"/>
      <c r="SOW667" s="613"/>
      <c r="SOX667" s="613"/>
      <c r="SOY667" s="613"/>
      <c r="SOZ667" s="613"/>
      <c r="SPA667" s="613"/>
      <c r="SPB667" s="613"/>
      <c r="SPC667" s="613"/>
      <c r="SPD667" s="613"/>
      <c r="SPE667" s="613"/>
      <c r="SPF667" s="613"/>
      <c r="SPG667" s="613"/>
      <c r="SPH667" s="613"/>
      <c r="SPI667" s="613"/>
      <c r="SPJ667" s="613"/>
      <c r="SPK667" s="613"/>
      <c r="SPL667" s="613"/>
      <c r="SPM667" s="613"/>
      <c r="SPN667" s="613"/>
      <c r="SPO667" s="613"/>
      <c r="SPP667" s="613"/>
      <c r="SPQ667" s="613"/>
      <c r="SPR667" s="613"/>
      <c r="SPS667" s="613"/>
      <c r="SPT667" s="613"/>
      <c r="SPU667" s="613"/>
      <c r="SPV667" s="613"/>
      <c r="SPW667" s="613"/>
      <c r="SPX667" s="613"/>
      <c r="SPY667" s="613"/>
      <c r="SPZ667" s="613"/>
      <c r="SQA667" s="613"/>
      <c r="SQB667" s="613"/>
      <c r="SQC667" s="613"/>
      <c r="SQD667" s="613"/>
      <c r="SQE667" s="613"/>
      <c r="SQF667" s="613"/>
      <c r="SQG667" s="613"/>
      <c r="SQH667" s="613"/>
      <c r="SQI667" s="613"/>
      <c r="SQJ667" s="613"/>
      <c r="SQK667" s="613"/>
      <c r="SQL667" s="613"/>
      <c r="SQM667" s="613"/>
      <c r="SQN667" s="613"/>
      <c r="SQO667" s="613"/>
      <c r="SQP667" s="613"/>
      <c r="SQQ667" s="613"/>
      <c r="SQR667" s="613"/>
      <c r="SQS667" s="613"/>
      <c r="SQT667" s="613"/>
      <c r="SQU667" s="613"/>
      <c r="SQV667" s="613"/>
      <c r="SQW667" s="613"/>
      <c r="SQX667" s="613"/>
      <c r="SQY667" s="613"/>
      <c r="SQZ667" s="613"/>
      <c r="SRA667" s="613"/>
      <c r="SRB667" s="613"/>
      <c r="SRC667" s="613"/>
      <c r="SRD667" s="613"/>
      <c r="SRE667" s="613"/>
      <c r="SRF667" s="613"/>
      <c r="SRG667" s="613"/>
      <c r="SRH667" s="613"/>
      <c r="SRI667" s="613"/>
      <c r="SRJ667" s="613"/>
      <c r="SRK667" s="613"/>
      <c r="SRL667" s="613"/>
      <c r="SRM667" s="613"/>
      <c r="SRN667" s="613"/>
      <c r="SRO667" s="613"/>
      <c r="SRP667" s="613"/>
      <c r="SRQ667" s="613"/>
      <c r="SRR667" s="613"/>
      <c r="SRS667" s="613"/>
      <c r="SRT667" s="613"/>
      <c r="SRU667" s="613"/>
      <c r="SRV667" s="613"/>
      <c r="SRW667" s="613"/>
      <c r="SRX667" s="613"/>
      <c r="SRY667" s="613"/>
      <c r="SRZ667" s="613"/>
      <c r="SSA667" s="613"/>
      <c r="SSB667" s="613"/>
      <c r="SSC667" s="613"/>
      <c r="SSD667" s="613"/>
      <c r="SSE667" s="613"/>
      <c r="SSF667" s="613"/>
      <c r="SSG667" s="613"/>
      <c r="SSH667" s="613"/>
      <c r="SSI667" s="613"/>
      <c r="SSJ667" s="613"/>
      <c r="SSK667" s="613"/>
      <c r="SSL667" s="613"/>
      <c r="SSM667" s="613"/>
      <c r="SSN667" s="613"/>
      <c r="SSO667" s="613"/>
      <c r="SSP667" s="613"/>
      <c r="SSQ667" s="613"/>
      <c r="SSR667" s="613"/>
      <c r="SSS667" s="613"/>
      <c r="SST667" s="613"/>
      <c r="SSU667" s="613"/>
      <c r="SSV667" s="613"/>
      <c r="SSW667" s="613"/>
      <c r="SSX667" s="613"/>
      <c r="SSY667" s="613"/>
      <c r="SSZ667" s="613"/>
      <c r="STA667" s="613"/>
      <c r="STB667" s="613"/>
      <c r="STC667" s="613"/>
      <c r="STD667" s="613"/>
      <c r="STE667" s="613"/>
      <c r="STF667" s="613"/>
      <c r="STG667" s="613"/>
      <c r="STH667" s="613"/>
      <c r="STI667" s="613"/>
      <c r="STJ667" s="613"/>
      <c r="STK667" s="613"/>
      <c r="STL667" s="613"/>
      <c r="STM667" s="613"/>
      <c r="STN667" s="613"/>
      <c r="STO667" s="613"/>
      <c r="STP667" s="613"/>
      <c r="STQ667" s="613"/>
      <c r="STR667" s="613"/>
      <c r="STS667" s="613"/>
      <c r="STT667" s="613"/>
      <c r="STU667" s="613"/>
      <c r="STV667" s="613"/>
      <c r="STW667" s="613"/>
      <c r="STX667" s="613"/>
      <c r="STY667" s="613"/>
      <c r="STZ667" s="613"/>
      <c r="SUA667" s="613"/>
      <c r="SUB667" s="613"/>
      <c r="SUC667" s="613"/>
      <c r="SUD667" s="613"/>
      <c r="SUE667" s="613"/>
      <c r="SUF667" s="613"/>
      <c r="SUG667" s="613"/>
      <c r="SUH667" s="613"/>
      <c r="SUI667" s="613"/>
      <c r="SUJ667" s="613"/>
      <c r="SUK667" s="613"/>
      <c r="SUL667" s="613"/>
      <c r="SUM667" s="613"/>
      <c r="SUN667" s="613"/>
      <c r="SUO667" s="613"/>
      <c r="SUP667" s="613"/>
      <c r="SUQ667" s="613"/>
      <c r="SUR667" s="613"/>
      <c r="SUS667" s="613"/>
      <c r="SUT667" s="613"/>
      <c r="SUU667" s="613"/>
      <c r="SUV667" s="613"/>
      <c r="SUW667" s="613"/>
      <c r="SUX667" s="613"/>
      <c r="SUY667" s="613"/>
      <c r="SUZ667" s="613"/>
      <c r="SVA667" s="613"/>
      <c r="SVB667" s="613"/>
      <c r="SVC667" s="613"/>
      <c r="SVD667" s="613"/>
      <c r="SVE667" s="613"/>
      <c r="SVF667" s="613"/>
      <c r="SVG667" s="613"/>
      <c r="SVH667" s="613"/>
      <c r="SVI667" s="613"/>
      <c r="SVJ667" s="613"/>
      <c r="SVK667" s="613"/>
      <c r="SVL667" s="613"/>
      <c r="SVM667" s="613"/>
      <c r="SVN667" s="613"/>
      <c r="SVO667" s="613"/>
      <c r="SVP667" s="613"/>
      <c r="SVQ667" s="613"/>
      <c r="SVR667" s="613"/>
      <c r="SVS667" s="613"/>
      <c r="SVT667" s="613"/>
      <c r="SVU667" s="613"/>
      <c r="SVV667" s="613"/>
      <c r="SVW667" s="613"/>
      <c r="SVX667" s="613"/>
      <c r="SVY667" s="613"/>
      <c r="SVZ667" s="613"/>
      <c r="SWA667" s="613"/>
      <c r="SWB667" s="613"/>
      <c r="SWC667" s="613"/>
      <c r="SWD667" s="613"/>
      <c r="SWE667" s="613"/>
      <c r="SWF667" s="613"/>
      <c r="SWG667" s="613"/>
      <c r="SWH667" s="613"/>
      <c r="SWI667" s="613"/>
      <c r="SWJ667" s="613"/>
      <c r="SWK667" s="613"/>
      <c r="SWL667" s="613"/>
      <c r="SWM667" s="613"/>
      <c r="SWN667" s="613"/>
      <c r="SWO667" s="613"/>
      <c r="SWP667" s="613"/>
      <c r="SWQ667" s="613"/>
      <c r="SWR667" s="613"/>
      <c r="SWS667" s="613"/>
      <c r="SWT667" s="613"/>
      <c r="SWU667" s="613"/>
      <c r="SWV667" s="613"/>
      <c r="SWW667" s="613"/>
      <c r="SWX667" s="613"/>
      <c r="SWY667" s="613"/>
      <c r="SWZ667" s="613"/>
      <c r="SXA667" s="613"/>
      <c r="SXB667" s="613"/>
      <c r="SXC667" s="613"/>
      <c r="SXD667" s="613"/>
      <c r="SXE667" s="613"/>
      <c r="SXF667" s="613"/>
      <c r="SXG667" s="613"/>
      <c r="SXH667" s="613"/>
      <c r="SXI667" s="613"/>
      <c r="SXJ667" s="613"/>
      <c r="SXK667" s="613"/>
      <c r="SXL667" s="613"/>
      <c r="SXM667" s="613"/>
      <c r="SXN667" s="613"/>
      <c r="SXO667" s="613"/>
      <c r="SXP667" s="613"/>
      <c r="SXQ667" s="613"/>
      <c r="SXR667" s="613"/>
      <c r="SXS667" s="613"/>
      <c r="SXT667" s="613"/>
      <c r="SXU667" s="613"/>
      <c r="SXV667" s="613"/>
      <c r="SXW667" s="613"/>
      <c r="SXX667" s="613"/>
      <c r="SXY667" s="613"/>
      <c r="SXZ667" s="613"/>
      <c r="SYA667" s="613"/>
      <c r="SYB667" s="613"/>
      <c r="SYC667" s="613"/>
      <c r="SYD667" s="613"/>
      <c r="SYE667" s="613"/>
      <c r="SYF667" s="613"/>
      <c r="SYG667" s="613"/>
      <c r="SYH667" s="613"/>
      <c r="SYI667" s="613"/>
      <c r="SYJ667" s="613"/>
      <c r="SYK667" s="613"/>
      <c r="SYL667" s="613"/>
      <c r="SYM667" s="613"/>
      <c r="SYN667" s="613"/>
      <c r="SYO667" s="613"/>
      <c r="SYP667" s="613"/>
      <c r="SYQ667" s="613"/>
      <c r="SYR667" s="613"/>
      <c r="SYS667" s="613"/>
      <c r="SYT667" s="613"/>
      <c r="SYU667" s="613"/>
      <c r="SYV667" s="613"/>
      <c r="SYW667" s="613"/>
      <c r="SYX667" s="613"/>
      <c r="SYY667" s="613"/>
      <c r="SYZ667" s="613"/>
      <c r="SZA667" s="613"/>
      <c r="SZB667" s="613"/>
      <c r="SZC667" s="613"/>
      <c r="SZD667" s="613"/>
      <c r="SZE667" s="613"/>
      <c r="SZF667" s="613"/>
      <c r="SZG667" s="613"/>
      <c r="SZH667" s="613"/>
      <c r="SZI667" s="613"/>
      <c r="SZJ667" s="613"/>
      <c r="SZK667" s="613"/>
      <c r="SZL667" s="613"/>
      <c r="SZM667" s="613"/>
      <c r="SZN667" s="613"/>
      <c r="SZO667" s="613"/>
      <c r="SZP667" s="613"/>
      <c r="SZQ667" s="613"/>
      <c r="SZR667" s="613"/>
      <c r="SZS667" s="613"/>
      <c r="SZT667" s="613"/>
      <c r="SZU667" s="613"/>
      <c r="SZV667" s="613"/>
      <c r="SZW667" s="613"/>
      <c r="SZX667" s="613"/>
      <c r="SZY667" s="613"/>
      <c r="SZZ667" s="613"/>
      <c r="TAA667" s="613"/>
      <c r="TAB667" s="613"/>
      <c r="TAC667" s="613"/>
      <c r="TAD667" s="613"/>
      <c r="TAE667" s="613"/>
      <c r="TAF667" s="613"/>
      <c r="TAG667" s="613"/>
      <c r="TAH667" s="613"/>
      <c r="TAI667" s="613"/>
      <c r="TAJ667" s="613"/>
      <c r="TAK667" s="613"/>
      <c r="TAL667" s="613"/>
      <c r="TAM667" s="613"/>
      <c r="TAN667" s="613"/>
      <c r="TAO667" s="613"/>
      <c r="TAP667" s="613"/>
      <c r="TAQ667" s="613"/>
      <c r="TAR667" s="613"/>
      <c r="TAS667" s="613"/>
      <c r="TAT667" s="613"/>
      <c r="TAU667" s="613"/>
      <c r="TAV667" s="613"/>
      <c r="TAW667" s="613"/>
      <c r="TAX667" s="613"/>
      <c r="TAY667" s="613"/>
      <c r="TAZ667" s="613"/>
      <c r="TBA667" s="613"/>
      <c r="TBB667" s="613"/>
      <c r="TBC667" s="613"/>
      <c r="TBD667" s="613"/>
      <c r="TBE667" s="613"/>
      <c r="TBF667" s="613"/>
      <c r="TBG667" s="613"/>
      <c r="TBH667" s="613"/>
      <c r="TBI667" s="613"/>
      <c r="TBJ667" s="613"/>
      <c r="TBK667" s="613"/>
      <c r="TBL667" s="613"/>
      <c r="TBM667" s="613"/>
      <c r="TBN667" s="613"/>
      <c r="TBO667" s="613"/>
      <c r="TBP667" s="613"/>
      <c r="TBQ667" s="613"/>
      <c r="TBR667" s="613"/>
      <c r="TBS667" s="613"/>
      <c r="TBT667" s="613"/>
      <c r="TBU667" s="613"/>
      <c r="TBV667" s="613"/>
      <c r="TBW667" s="613"/>
      <c r="TBX667" s="613"/>
      <c r="TBY667" s="613"/>
      <c r="TBZ667" s="613"/>
      <c r="TCA667" s="613"/>
      <c r="TCB667" s="613"/>
      <c r="TCC667" s="613"/>
      <c r="TCD667" s="613"/>
      <c r="TCE667" s="613"/>
      <c r="TCF667" s="613"/>
      <c r="TCG667" s="613"/>
      <c r="TCH667" s="613"/>
      <c r="TCI667" s="613"/>
      <c r="TCJ667" s="613"/>
      <c r="TCK667" s="613"/>
      <c r="TCL667" s="613"/>
      <c r="TCM667" s="613"/>
      <c r="TCN667" s="613"/>
      <c r="TCO667" s="613"/>
      <c r="TCP667" s="613"/>
      <c r="TCQ667" s="613"/>
      <c r="TCR667" s="613"/>
      <c r="TCS667" s="613"/>
      <c r="TCT667" s="613"/>
      <c r="TCU667" s="613"/>
      <c r="TCV667" s="613"/>
      <c r="TCW667" s="613"/>
      <c r="TCX667" s="613"/>
      <c r="TCY667" s="613"/>
      <c r="TCZ667" s="613"/>
      <c r="TDA667" s="613"/>
      <c r="TDB667" s="613"/>
      <c r="TDC667" s="613"/>
      <c r="TDD667" s="613"/>
      <c r="TDE667" s="613"/>
      <c r="TDF667" s="613"/>
      <c r="TDG667" s="613"/>
      <c r="TDH667" s="613"/>
      <c r="TDI667" s="613"/>
      <c r="TDJ667" s="613"/>
      <c r="TDK667" s="613"/>
      <c r="TDL667" s="613"/>
      <c r="TDM667" s="613"/>
      <c r="TDN667" s="613"/>
      <c r="TDO667" s="613"/>
      <c r="TDP667" s="613"/>
      <c r="TDQ667" s="613"/>
      <c r="TDR667" s="613"/>
      <c r="TDS667" s="613"/>
      <c r="TDT667" s="613"/>
      <c r="TDU667" s="613"/>
      <c r="TDV667" s="613"/>
      <c r="TDW667" s="613"/>
      <c r="TDX667" s="613"/>
      <c r="TDY667" s="613"/>
      <c r="TDZ667" s="613"/>
      <c r="TEA667" s="613"/>
      <c r="TEB667" s="613"/>
      <c r="TEC667" s="613"/>
      <c r="TED667" s="613"/>
      <c r="TEE667" s="613"/>
      <c r="TEF667" s="613"/>
      <c r="TEG667" s="613"/>
      <c r="TEH667" s="613"/>
      <c r="TEI667" s="613"/>
      <c r="TEJ667" s="613"/>
      <c r="TEK667" s="613"/>
      <c r="TEL667" s="613"/>
      <c r="TEM667" s="613"/>
      <c r="TEN667" s="613"/>
      <c r="TEO667" s="613"/>
      <c r="TEP667" s="613"/>
      <c r="TEQ667" s="613"/>
      <c r="TER667" s="613"/>
      <c r="TES667" s="613"/>
      <c r="TET667" s="613"/>
      <c r="TEU667" s="613"/>
      <c r="TEV667" s="613"/>
      <c r="TEW667" s="613"/>
      <c r="TEX667" s="613"/>
      <c r="TEY667" s="613"/>
      <c r="TEZ667" s="613"/>
      <c r="TFA667" s="613"/>
      <c r="TFB667" s="613"/>
      <c r="TFC667" s="613"/>
      <c r="TFD667" s="613"/>
      <c r="TFE667" s="613"/>
      <c r="TFF667" s="613"/>
      <c r="TFG667" s="613"/>
      <c r="TFH667" s="613"/>
      <c r="TFI667" s="613"/>
      <c r="TFJ667" s="613"/>
      <c r="TFK667" s="613"/>
      <c r="TFL667" s="613"/>
      <c r="TFM667" s="613"/>
      <c r="TFN667" s="613"/>
      <c r="TFO667" s="613"/>
      <c r="TFP667" s="613"/>
      <c r="TFQ667" s="613"/>
      <c r="TFR667" s="613"/>
      <c r="TFS667" s="613"/>
      <c r="TFT667" s="613"/>
      <c r="TFU667" s="613"/>
      <c r="TFV667" s="613"/>
      <c r="TFW667" s="613"/>
      <c r="TFX667" s="613"/>
      <c r="TFY667" s="613"/>
      <c r="TFZ667" s="613"/>
      <c r="TGA667" s="613"/>
      <c r="TGB667" s="613"/>
      <c r="TGC667" s="613"/>
      <c r="TGD667" s="613"/>
      <c r="TGE667" s="613"/>
      <c r="TGF667" s="613"/>
      <c r="TGG667" s="613"/>
      <c r="TGH667" s="613"/>
      <c r="TGI667" s="613"/>
      <c r="TGJ667" s="613"/>
      <c r="TGK667" s="613"/>
      <c r="TGL667" s="613"/>
      <c r="TGM667" s="613"/>
      <c r="TGN667" s="613"/>
      <c r="TGO667" s="613"/>
      <c r="TGP667" s="613"/>
      <c r="TGQ667" s="613"/>
      <c r="TGR667" s="613"/>
      <c r="TGS667" s="613"/>
      <c r="TGT667" s="613"/>
      <c r="TGU667" s="613"/>
      <c r="TGV667" s="613"/>
      <c r="TGW667" s="613"/>
      <c r="TGX667" s="613"/>
      <c r="TGY667" s="613"/>
      <c r="TGZ667" s="613"/>
      <c r="THA667" s="613"/>
      <c r="THB667" s="613"/>
      <c r="THC667" s="613"/>
      <c r="THD667" s="613"/>
      <c r="THE667" s="613"/>
      <c r="THF667" s="613"/>
      <c r="THG667" s="613"/>
      <c r="THH667" s="613"/>
      <c r="THI667" s="613"/>
      <c r="THJ667" s="613"/>
      <c r="THK667" s="613"/>
      <c r="THL667" s="613"/>
      <c r="THM667" s="613"/>
      <c r="THN667" s="613"/>
      <c r="THO667" s="613"/>
      <c r="THP667" s="613"/>
      <c r="THQ667" s="613"/>
      <c r="THR667" s="613"/>
      <c r="THS667" s="613"/>
      <c r="THT667" s="613"/>
      <c r="THU667" s="613"/>
      <c r="THV667" s="613"/>
      <c r="THW667" s="613"/>
      <c r="THX667" s="613"/>
      <c r="THY667" s="613"/>
      <c r="THZ667" s="613"/>
      <c r="TIA667" s="613"/>
      <c r="TIB667" s="613"/>
      <c r="TIC667" s="613"/>
      <c r="TID667" s="613"/>
      <c r="TIE667" s="613"/>
      <c r="TIF667" s="613"/>
      <c r="TIG667" s="613"/>
      <c r="TIH667" s="613"/>
      <c r="TII667" s="613"/>
      <c r="TIJ667" s="613"/>
      <c r="TIK667" s="613"/>
      <c r="TIL667" s="613"/>
      <c r="TIM667" s="613"/>
      <c r="TIN667" s="613"/>
      <c r="TIO667" s="613"/>
      <c r="TIP667" s="613"/>
      <c r="TIQ667" s="613"/>
      <c r="TIR667" s="613"/>
      <c r="TIS667" s="613"/>
      <c r="TIT667" s="613"/>
      <c r="TIU667" s="613"/>
      <c r="TIV667" s="613"/>
      <c r="TIW667" s="613"/>
      <c r="TIX667" s="613"/>
      <c r="TIY667" s="613"/>
      <c r="TIZ667" s="613"/>
      <c r="TJA667" s="613"/>
      <c r="TJB667" s="613"/>
      <c r="TJC667" s="613"/>
      <c r="TJD667" s="613"/>
      <c r="TJE667" s="613"/>
      <c r="TJF667" s="613"/>
      <c r="TJG667" s="613"/>
      <c r="TJH667" s="613"/>
      <c r="TJI667" s="613"/>
      <c r="TJJ667" s="613"/>
      <c r="TJK667" s="613"/>
      <c r="TJL667" s="613"/>
      <c r="TJM667" s="613"/>
      <c r="TJN667" s="613"/>
      <c r="TJO667" s="613"/>
      <c r="TJP667" s="613"/>
      <c r="TJQ667" s="613"/>
      <c r="TJR667" s="613"/>
      <c r="TJS667" s="613"/>
      <c r="TJT667" s="613"/>
      <c r="TJU667" s="613"/>
      <c r="TJV667" s="613"/>
      <c r="TJW667" s="613"/>
      <c r="TJX667" s="613"/>
      <c r="TJY667" s="613"/>
      <c r="TJZ667" s="613"/>
      <c r="TKA667" s="613"/>
      <c r="TKB667" s="613"/>
      <c r="TKC667" s="613"/>
      <c r="TKD667" s="613"/>
      <c r="TKE667" s="613"/>
      <c r="TKF667" s="613"/>
      <c r="TKG667" s="613"/>
      <c r="TKH667" s="613"/>
      <c r="TKI667" s="613"/>
      <c r="TKJ667" s="613"/>
      <c r="TKK667" s="613"/>
      <c r="TKL667" s="613"/>
      <c r="TKM667" s="613"/>
      <c r="TKN667" s="613"/>
      <c r="TKO667" s="613"/>
      <c r="TKP667" s="613"/>
      <c r="TKQ667" s="613"/>
      <c r="TKR667" s="613"/>
      <c r="TKS667" s="613"/>
      <c r="TKT667" s="613"/>
      <c r="TKU667" s="613"/>
      <c r="TKV667" s="613"/>
      <c r="TKW667" s="613"/>
      <c r="TKX667" s="613"/>
      <c r="TKY667" s="613"/>
      <c r="TKZ667" s="613"/>
      <c r="TLA667" s="613"/>
      <c r="TLB667" s="613"/>
      <c r="TLC667" s="613"/>
      <c r="TLD667" s="613"/>
      <c r="TLE667" s="613"/>
      <c r="TLF667" s="613"/>
      <c r="TLG667" s="613"/>
      <c r="TLH667" s="613"/>
      <c r="TLI667" s="613"/>
      <c r="TLJ667" s="613"/>
      <c r="TLK667" s="613"/>
      <c r="TLL667" s="613"/>
      <c r="TLM667" s="613"/>
      <c r="TLN667" s="613"/>
      <c r="TLO667" s="613"/>
      <c r="TLP667" s="613"/>
      <c r="TLQ667" s="613"/>
      <c r="TLR667" s="613"/>
      <c r="TLS667" s="613"/>
      <c r="TLT667" s="613"/>
      <c r="TLU667" s="613"/>
      <c r="TLV667" s="613"/>
      <c r="TLW667" s="613"/>
      <c r="TLX667" s="613"/>
      <c r="TLY667" s="613"/>
      <c r="TLZ667" s="613"/>
      <c r="TMA667" s="613"/>
      <c r="TMB667" s="613"/>
      <c r="TMC667" s="613"/>
      <c r="TMD667" s="613"/>
      <c r="TME667" s="613"/>
      <c r="TMF667" s="613"/>
      <c r="TMG667" s="613"/>
      <c r="TMH667" s="613"/>
      <c r="TMI667" s="613"/>
      <c r="TMJ667" s="613"/>
      <c r="TMK667" s="613"/>
      <c r="TML667" s="613"/>
      <c r="TMM667" s="613"/>
      <c r="TMN667" s="613"/>
      <c r="TMO667" s="613"/>
      <c r="TMP667" s="613"/>
      <c r="TMQ667" s="613"/>
      <c r="TMR667" s="613"/>
      <c r="TMS667" s="613"/>
      <c r="TMT667" s="613"/>
      <c r="TMU667" s="613"/>
      <c r="TMV667" s="613"/>
      <c r="TMW667" s="613"/>
      <c r="TMX667" s="613"/>
      <c r="TMY667" s="613"/>
      <c r="TMZ667" s="613"/>
      <c r="TNA667" s="613"/>
      <c r="TNB667" s="613"/>
      <c r="TNC667" s="613"/>
      <c r="TND667" s="613"/>
      <c r="TNE667" s="613"/>
      <c r="TNF667" s="613"/>
      <c r="TNG667" s="613"/>
      <c r="TNH667" s="613"/>
      <c r="TNI667" s="613"/>
      <c r="TNJ667" s="613"/>
      <c r="TNK667" s="613"/>
      <c r="TNL667" s="613"/>
      <c r="TNM667" s="613"/>
      <c r="TNN667" s="613"/>
      <c r="TNO667" s="613"/>
      <c r="TNP667" s="613"/>
      <c r="TNQ667" s="613"/>
      <c r="TNR667" s="613"/>
      <c r="TNS667" s="613"/>
      <c r="TNT667" s="613"/>
      <c r="TNU667" s="613"/>
      <c r="TNV667" s="613"/>
      <c r="TNW667" s="613"/>
      <c r="TNX667" s="613"/>
      <c r="TNY667" s="613"/>
      <c r="TNZ667" s="613"/>
      <c r="TOA667" s="613"/>
      <c r="TOB667" s="613"/>
      <c r="TOC667" s="613"/>
      <c r="TOD667" s="613"/>
      <c r="TOE667" s="613"/>
      <c r="TOF667" s="613"/>
      <c r="TOG667" s="613"/>
      <c r="TOH667" s="613"/>
      <c r="TOI667" s="613"/>
      <c r="TOJ667" s="613"/>
      <c r="TOK667" s="613"/>
      <c r="TOL667" s="613"/>
      <c r="TOM667" s="613"/>
      <c r="TON667" s="613"/>
      <c r="TOO667" s="613"/>
      <c r="TOP667" s="613"/>
      <c r="TOQ667" s="613"/>
      <c r="TOR667" s="613"/>
      <c r="TOS667" s="613"/>
      <c r="TOT667" s="613"/>
      <c r="TOU667" s="613"/>
      <c r="TOV667" s="613"/>
      <c r="TOW667" s="613"/>
      <c r="TOX667" s="613"/>
      <c r="TOY667" s="613"/>
      <c r="TOZ667" s="613"/>
      <c r="TPA667" s="613"/>
      <c r="TPB667" s="613"/>
      <c r="TPC667" s="613"/>
      <c r="TPD667" s="613"/>
      <c r="TPE667" s="613"/>
      <c r="TPF667" s="613"/>
      <c r="TPG667" s="613"/>
      <c r="TPH667" s="613"/>
      <c r="TPI667" s="613"/>
      <c r="TPJ667" s="613"/>
      <c r="TPK667" s="613"/>
      <c r="TPL667" s="613"/>
      <c r="TPM667" s="613"/>
      <c r="TPN667" s="613"/>
      <c r="TPO667" s="613"/>
      <c r="TPP667" s="613"/>
      <c r="TPQ667" s="613"/>
      <c r="TPR667" s="613"/>
      <c r="TPS667" s="613"/>
      <c r="TPT667" s="613"/>
      <c r="TPU667" s="613"/>
      <c r="TPV667" s="613"/>
      <c r="TPW667" s="613"/>
      <c r="TPX667" s="613"/>
      <c r="TPY667" s="613"/>
      <c r="TPZ667" s="613"/>
      <c r="TQA667" s="613"/>
      <c r="TQB667" s="613"/>
      <c r="TQC667" s="613"/>
      <c r="TQD667" s="613"/>
      <c r="TQE667" s="613"/>
      <c r="TQF667" s="613"/>
      <c r="TQG667" s="613"/>
      <c r="TQH667" s="613"/>
      <c r="TQI667" s="613"/>
      <c r="TQJ667" s="613"/>
      <c r="TQK667" s="613"/>
      <c r="TQL667" s="613"/>
      <c r="TQM667" s="613"/>
      <c r="TQN667" s="613"/>
      <c r="TQO667" s="613"/>
      <c r="TQP667" s="613"/>
      <c r="TQQ667" s="613"/>
      <c r="TQR667" s="613"/>
      <c r="TQS667" s="613"/>
      <c r="TQT667" s="613"/>
      <c r="TQU667" s="613"/>
      <c r="TQV667" s="613"/>
      <c r="TQW667" s="613"/>
      <c r="TQX667" s="613"/>
      <c r="TQY667" s="613"/>
      <c r="TQZ667" s="613"/>
      <c r="TRA667" s="613"/>
      <c r="TRB667" s="613"/>
      <c r="TRC667" s="613"/>
      <c r="TRD667" s="613"/>
      <c r="TRE667" s="613"/>
      <c r="TRF667" s="613"/>
      <c r="TRG667" s="613"/>
      <c r="TRH667" s="613"/>
      <c r="TRI667" s="613"/>
      <c r="TRJ667" s="613"/>
      <c r="TRK667" s="613"/>
      <c r="TRL667" s="613"/>
      <c r="TRM667" s="613"/>
      <c r="TRN667" s="613"/>
      <c r="TRO667" s="613"/>
      <c r="TRP667" s="613"/>
      <c r="TRQ667" s="613"/>
      <c r="TRR667" s="613"/>
      <c r="TRS667" s="613"/>
      <c r="TRT667" s="613"/>
      <c r="TRU667" s="613"/>
      <c r="TRV667" s="613"/>
      <c r="TRW667" s="613"/>
      <c r="TRX667" s="613"/>
      <c r="TRY667" s="613"/>
      <c r="TRZ667" s="613"/>
      <c r="TSA667" s="613"/>
      <c r="TSB667" s="613"/>
      <c r="TSC667" s="613"/>
      <c r="TSD667" s="613"/>
      <c r="TSE667" s="613"/>
      <c r="TSF667" s="613"/>
      <c r="TSG667" s="613"/>
      <c r="TSH667" s="613"/>
      <c r="TSI667" s="613"/>
      <c r="TSJ667" s="613"/>
      <c r="TSK667" s="613"/>
      <c r="TSL667" s="613"/>
      <c r="TSM667" s="613"/>
      <c r="TSN667" s="613"/>
      <c r="TSO667" s="613"/>
      <c r="TSP667" s="613"/>
      <c r="TSQ667" s="613"/>
      <c r="TSR667" s="613"/>
      <c r="TSS667" s="613"/>
      <c r="TST667" s="613"/>
      <c r="TSU667" s="613"/>
      <c r="TSV667" s="613"/>
      <c r="TSW667" s="613"/>
      <c r="TSX667" s="613"/>
      <c r="TSY667" s="613"/>
      <c r="TSZ667" s="613"/>
      <c r="TTA667" s="613"/>
      <c r="TTB667" s="613"/>
      <c r="TTC667" s="613"/>
      <c r="TTD667" s="613"/>
      <c r="TTE667" s="613"/>
      <c r="TTF667" s="613"/>
      <c r="TTG667" s="613"/>
      <c r="TTH667" s="613"/>
      <c r="TTI667" s="613"/>
      <c r="TTJ667" s="613"/>
      <c r="TTK667" s="613"/>
      <c r="TTL667" s="613"/>
      <c r="TTM667" s="613"/>
      <c r="TTN667" s="613"/>
      <c r="TTO667" s="613"/>
      <c r="TTP667" s="613"/>
      <c r="TTQ667" s="613"/>
      <c r="TTR667" s="613"/>
      <c r="TTS667" s="613"/>
      <c r="TTT667" s="613"/>
      <c r="TTU667" s="613"/>
      <c r="TTV667" s="613"/>
      <c r="TTW667" s="613"/>
      <c r="TTX667" s="613"/>
      <c r="TTY667" s="613"/>
      <c r="TTZ667" s="613"/>
      <c r="TUA667" s="613"/>
      <c r="TUB667" s="613"/>
      <c r="TUC667" s="613"/>
      <c r="TUD667" s="613"/>
      <c r="TUE667" s="613"/>
      <c r="TUF667" s="613"/>
      <c r="TUG667" s="613"/>
      <c r="TUH667" s="613"/>
      <c r="TUI667" s="613"/>
      <c r="TUJ667" s="613"/>
      <c r="TUK667" s="613"/>
      <c r="TUL667" s="613"/>
      <c r="TUM667" s="613"/>
      <c r="TUN667" s="613"/>
      <c r="TUO667" s="613"/>
      <c r="TUP667" s="613"/>
      <c r="TUQ667" s="613"/>
      <c r="TUR667" s="613"/>
      <c r="TUS667" s="613"/>
      <c r="TUT667" s="613"/>
      <c r="TUU667" s="613"/>
      <c r="TUV667" s="613"/>
      <c r="TUW667" s="613"/>
      <c r="TUX667" s="613"/>
      <c r="TUY667" s="613"/>
      <c r="TUZ667" s="613"/>
      <c r="TVA667" s="613"/>
      <c r="TVB667" s="613"/>
      <c r="TVC667" s="613"/>
      <c r="TVD667" s="613"/>
      <c r="TVE667" s="613"/>
      <c r="TVF667" s="613"/>
      <c r="TVG667" s="613"/>
      <c r="TVH667" s="613"/>
      <c r="TVI667" s="613"/>
      <c r="TVJ667" s="613"/>
      <c r="TVK667" s="613"/>
      <c r="TVL667" s="613"/>
      <c r="TVM667" s="613"/>
      <c r="TVN667" s="613"/>
      <c r="TVO667" s="613"/>
      <c r="TVP667" s="613"/>
      <c r="TVQ667" s="613"/>
      <c r="TVR667" s="613"/>
      <c r="TVS667" s="613"/>
      <c r="TVT667" s="613"/>
      <c r="TVU667" s="613"/>
      <c r="TVV667" s="613"/>
      <c r="TVW667" s="613"/>
      <c r="TVX667" s="613"/>
      <c r="TVY667" s="613"/>
      <c r="TVZ667" s="613"/>
      <c r="TWA667" s="613"/>
      <c r="TWB667" s="613"/>
      <c r="TWC667" s="613"/>
      <c r="TWD667" s="613"/>
      <c r="TWE667" s="613"/>
      <c r="TWF667" s="613"/>
      <c r="TWG667" s="613"/>
      <c r="TWH667" s="613"/>
      <c r="TWI667" s="613"/>
      <c r="TWJ667" s="613"/>
      <c r="TWK667" s="613"/>
      <c r="TWL667" s="613"/>
      <c r="TWM667" s="613"/>
      <c r="TWN667" s="613"/>
      <c r="TWO667" s="613"/>
      <c r="TWP667" s="613"/>
      <c r="TWQ667" s="613"/>
      <c r="TWR667" s="613"/>
      <c r="TWS667" s="613"/>
      <c r="TWT667" s="613"/>
      <c r="TWU667" s="613"/>
      <c r="TWV667" s="613"/>
      <c r="TWW667" s="613"/>
      <c r="TWX667" s="613"/>
      <c r="TWY667" s="613"/>
      <c r="TWZ667" s="613"/>
      <c r="TXA667" s="613"/>
      <c r="TXB667" s="613"/>
      <c r="TXC667" s="613"/>
      <c r="TXD667" s="613"/>
      <c r="TXE667" s="613"/>
      <c r="TXF667" s="613"/>
      <c r="TXG667" s="613"/>
      <c r="TXH667" s="613"/>
      <c r="TXI667" s="613"/>
      <c r="TXJ667" s="613"/>
      <c r="TXK667" s="613"/>
      <c r="TXL667" s="613"/>
      <c r="TXM667" s="613"/>
      <c r="TXN667" s="613"/>
      <c r="TXO667" s="613"/>
      <c r="TXP667" s="613"/>
      <c r="TXQ667" s="613"/>
      <c r="TXR667" s="613"/>
      <c r="TXS667" s="613"/>
      <c r="TXT667" s="613"/>
      <c r="TXU667" s="613"/>
      <c r="TXV667" s="613"/>
      <c r="TXW667" s="613"/>
      <c r="TXX667" s="613"/>
      <c r="TXY667" s="613"/>
      <c r="TXZ667" s="613"/>
      <c r="TYA667" s="613"/>
      <c r="TYB667" s="613"/>
      <c r="TYC667" s="613"/>
      <c r="TYD667" s="613"/>
      <c r="TYE667" s="613"/>
      <c r="TYF667" s="613"/>
      <c r="TYG667" s="613"/>
      <c r="TYH667" s="613"/>
      <c r="TYI667" s="613"/>
      <c r="TYJ667" s="613"/>
      <c r="TYK667" s="613"/>
      <c r="TYL667" s="613"/>
      <c r="TYM667" s="613"/>
      <c r="TYN667" s="613"/>
      <c r="TYO667" s="613"/>
      <c r="TYP667" s="613"/>
      <c r="TYQ667" s="613"/>
      <c r="TYR667" s="613"/>
      <c r="TYS667" s="613"/>
      <c r="TYT667" s="613"/>
      <c r="TYU667" s="613"/>
      <c r="TYV667" s="613"/>
      <c r="TYW667" s="613"/>
      <c r="TYX667" s="613"/>
      <c r="TYY667" s="613"/>
      <c r="TYZ667" s="613"/>
      <c r="TZA667" s="613"/>
      <c r="TZB667" s="613"/>
      <c r="TZC667" s="613"/>
      <c r="TZD667" s="613"/>
      <c r="TZE667" s="613"/>
      <c r="TZF667" s="613"/>
      <c r="TZG667" s="613"/>
      <c r="TZH667" s="613"/>
      <c r="TZI667" s="613"/>
      <c r="TZJ667" s="613"/>
      <c r="TZK667" s="613"/>
      <c r="TZL667" s="613"/>
      <c r="TZM667" s="613"/>
      <c r="TZN667" s="613"/>
      <c r="TZO667" s="613"/>
      <c r="TZP667" s="613"/>
      <c r="TZQ667" s="613"/>
      <c r="TZR667" s="613"/>
      <c r="TZS667" s="613"/>
      <c r="TZT667" s="613"/>
      <c r="TZU667" s="613"/>
      <c r="TZV667" s="613"/>
      <c r="TZW667" s="613"/>
      <c r="TZX667" s="613"/>
      <c r="TZY667" s="613"/>
      <c r="TZZ667" s="613"/>
      <c r="UAA667" s="613"/>
      <c r="UAB667" s="613"/>
      <c r="UAC667" s="613"/>
      <c r="UAD667" s="613"/>
      <c r="UAE667" s="613"/>
      <c r="UAF667" s="613"/>
      <c r="UAG667" s="613"/>
      <c r="UAH667" s="613"/>
      <c r="UAI667" s="613"/>
      <c r="UAJ667" s="613"/>
      <c r="UAK667" s="613"/>
      <c r="UAL667" s="613"/>
      <c r="UAM667" s="613"/>
      <c r="UAN667" s="613"/>
      <c r="UAO667" s="613"/>
      <c r="UAP667" s="613"/>
      <c r="UAQ667" s="613"/>
      <c r="UAR667" s="613"/>
      <c r="UAS667" s="613"/>
      <c r="UAT667" s="613"/>
      <c r="UAU667" s="613"/>
      <c r="UAV667" s="613"/>
      <c r="UAW667" s="613"/>
      <c r="UAX667" s="613"/>
      <c r="UAY667" s="613"/>
      <c r="UAZ667" s="613"/>
      <c r="UBA667" s="613"/>
      <c r="UBB667" s="613"/>
      <c r="UBC667" s="613"/>
      <c r="UBD667" s="613"/>
      <c r="UBE667" s="613"/>
      <c r="UBF667" s="613"/>
      <c r="UBG667" s="613"/>
      <c r="UBH667" s="613"/>
      <c r="UBI667" s="613"/>
      <c r="UBJ667" s="613"/>
      <c r="UBK667" s="613"/>
      <c r="UBL667" s="613"/>
      <c r="UBM667" s="613"/>
      <c r="UBN667" s="613"/>
      <c r="UBO667" s="613"/>
      <c r="UBP667" s="613"/>
      <c r="UBQ667" s="613"/>
      <c r="UBR667" s="613"/>
      <c r="UBS667" s="613"/>
      <c r="UBT667" s="613"/>
      <c r="UBU667" s="613"/>
      <c r="UBV667" s="613"/>
      <c r="UBW667" s="613"/>
      <c r="UBX667" s="613"/>
      <c r="UBY667" s="613"/>
      <c r="UBZ667" s="613"/>
      <c r="UCA667" s="613"/>
      <c r="UCB667" s="613"/>
      <c r="UCC667" s="613"/>
      <c r="UCD667" s="613"/>
      <c r="UCE667" s="613"/>
      <c r="UCF667" s="613"/>
      <c r="UCG667" s="613"/>
      <c r="UCH667" s="613"/>
      <c r="UCI667" s="613"/>
      <c r="UCJ667" s="613"/>
      <c r="UCK667" s="613"/>
      <c r="UCL667" s="613"/>
      <c r="UCM667" s="613"/>
      <c r="UCN667" s="613"/>
      <c r="UCO667" s="613"/>
      <c r="UCP667" s="613"/>
      <c r="UCQ667" s="613"/>
      <c r="UCR667" s="613"/>
      <c r="UCS667" s="613"/>
      <c r="UCT667" s="613"/>
      <c r="UCU667" s="613"/>
      <c r="UCV667" s="613"/>
      <c r="UCW667" s="613"/>
      <c r="UCX667" s="613"/>
      <c r="UCY667" s="613"/>
      <c r="UCZ667" s="613"/>
      <c r="UDA667" s="613"/>
      <c r="UDB667" s="613"/>
      <c r="UDC667" s="613"/>
      <c r="UDD667" s="613"/>
      <c r="UDE667" s="613"/>
      <c r="UDF667" s="613"/>
      <c r="UDG667" s="613"/>
      <c r="UDH667" s="613"/>
      <c r="UDI667" s="613"/>
      <c r="UDJ667" s="613"/>
      <c r="UDK667" s="613"/>
      <c r="UDL667" s="613"/>
      <c r="UDM667" s="613"/>
      <c r="UDN667" s="613"/>
      <c r="UDO667" s="613"/>
      <c r="UDP667" s="613"/>
      <c r="UDQ667" s="613"/>
      <c r="UDR667" s="613"/>
      <c r="UDS667" s="613"/>
      <c r="UDT667" s="613"/>
      <c r="UDU667" s="613"/>
      <c r="UDV667" s="613"/>
      <c r="UDW667" s="613"/>
      <c r="UDX667" s="613"/>
      <c r="UDY667" s="613"/>
      <c r="UDZ667" s="613"/>
      <c r="UEA667" s="613"/>
      <c r="UEB667" s="613"/>
      <c r="UEC667" s="613"/>
      <c r="UED667" s="613"/>
      <c r="UEE667" s="613"/>
      <c r="UEF667" s="613"/>
      <c r="UEG667" s="613"/>
      <c r="UEH667" s="613"/>
      <c r="UEI667" s="613"/>
      <c r="UEJ667" s="613"/>
      <c r="UEK667" s="613"/>
      <c r="UEL667" s="613"/>
      <c r="UEM667" s="613"/>
      <c r="UEN667" s="613"/>
      <c r="UEO667" s="613"/>
      <c r="UEP667" s="613"/>
      <c r="UEQ667" s="613"/>
      <c r="UER667" s="613"/>
      <c r="UES667" s="613"/>
      <c r="UET667" s="613"/>
      <c r="UEU667" s="613"/>
      <c r="UEV667" s="613"/>
      <c r="UEW667" s="613"/>
      <c r="UEX667" s="613"/>
      <c r="UEY667" s="613"/>
      <c r="UEZ667" s="613"/>
      <c r="UFA667" s="613"/>
      <c r="UFB667" s="613"/>
      <c r="UFC667" s="613"/>
      <c r="UFD667" s="613"/>
      <c r="UFE667" s="613"/>
      <c r="UFF667" s="613"/>
      <c r="UFG667" s="613"/>
      <c r="UFH667" s="613"/>
      <c r="UFI667" s="613"/>
      <c r="UFJ667" s="613"/>
      <c r="UFK667" s="613"/>
      <c r="UFL667" s="613"/>
      <c r="UFM667" s="613"/>
      <c r="UFN667" s="613"/>
      <c r="UFO667" s="613"/>
      <c r="UFP667" s="613"/>
      <c r="UFQ667" s="613"/>
      <c r="UFR667" s="613"/>
      <c r="UFS667" s="613"/>
      <c r="UFT667" s="613"/>
      <c r="UFU667" s="613"/>
      <c r="UFV667" s="613"/>
      <c r="UFW667" s="613"/>
      <c r="UFX667" s="613"/>
      <c r="UFY667" s="613"/>
      <c r="UFZ667" s="613"/>
      <c r="UGA667" s="613"/>
      <c r="UGB667" s="613"/>
      <c r="UGC667" s="613"/>
      <c r="UGD667" s="613"/>
      <c r="UGE667" s="613"/>
      <c r="UGF667" s="613"/>
      <c r="UGG667" s="613"/>
      <c r="UGH667" s="613"/>
      <c r="UGI667" s="613"/>
      <c r="UGJ667" s="613"/>
      <c r="UGK667" s="613"/>
      <c r="UGL667" s="613"/>
      <c r="UGM667" s="613"/>
      <c r="UGN667" s="613"/>
      <c r="UGO667" s="613"/>
      <c r="UGP667" s="613"/>
      <c r="UGQ667" s="613"/>
      <c r="UGR667" s="613"/>
      <c r="UGS667" s="613"/>
      <c r="UGT667" s="613"/>
      <c r="UGU667" s="613"/>
      <c r="UGV667" s="613"/>
      <c r="UGW667" s="613"/>
      <c r="UGX667" s="613"/>
      <c r="UGY667" s="613"/>
      <c r="UGZ667" s="613"/>
      <c r="UHA667" s="613"/>
      <c r="UHB667" s="613"/>
      <c r="UHC667" s="613"/>
      <c r="UHD667" s="613"/>
      <c r="UHE667" s="613"/>
      <c r="UHF667" s="613"/>
      <c r="UHG667" s="613"/>
      <c r="UHH667" s="613"/>
      <c r="UHI667" s="613"/>
      <c r="UHJ667" s="613"/>
      <c r="UHK667" s="613"/>
      <c r="UHL667" s="613"/>
      <c r="UHM667" s="613"/>
      <c r="UHN667" s="613"/>
      <c r="UHO667" s="613"/>
      <c r="UHP667" s="613"/>
      <c r="UHQ667" s="613"/>
      <c r="UHR667" s="613"/>
      <c r="UHS667" s="613"/>
      <c r="UHT667" s="613"/>
      <c r="UHU667" s="613"/>
      <c r="UHV667" s="613"/>
      <c r="UHW667" s="613"/>
      <c r="UHX667" s="613"/>
      <c r="UHY667" s="613"/>
      <c r="UHZ667" s="613"/>
      <c r="UIA667" s="613"/>
      <c r="UIB667" s="613"/>
      <c r="UIC667" s="613"/>
      <c r="UID667" s="613"/>
      <c r="UIE667" s="613"/>
      <c r="UIF667" s="613"/>
      <c r="UIG667" s="613"/>
      <c r="UIH667" s="613"/>
      <c r="UII667" s="613"/>
      <c r="UIJ667" s="613"/>
      <c r="UIK667" s="613"/>
      <c r="UIL667" s="613"/>
      <c r="UIM667" s="613"/>
      <c r="UIN667" s="613"/>
      <c r="UIO667" s="613"/>
      <c r="UIP667" s="613"/>
      <c r="UIQ667" s="613"/>
      <c r="UIR667" s="613"/>
      <c r="UIS667" s="613"/>
      <c r="UIT667" s="613"/>
      <c r="UIU667" s="613"/>
      <c r="UIV667" s="613"/>
      <c r="UIW667" s="613"/>
      <c r="UIX667" s="613"/>
      <c r="UIY667" s="613"/>
      <c r="UIZ667" s="613"/>
      <c r="UJA667" s="613"/>
      <c r="UJB667" s="613"/>
      <c r="UJC667" s="613"/>
      <c r="UJD667" s="613"/>
      <c r="UJE667" s="613"/>
      <c r="UJF667" s="613"/>
      <c r="UJG667" s="613"/>
      <c r="UJH667" s="613"/>
      <c r="UJI667" s="613"/>
      <c r="UJJ667" s="613"/>
      <c r="UJK667" s="613"/>
      <c r="UJL667" s="613"/>
      <c r="UJM667" s="613"/>
      <c r="UJN667" s="613"/>
      <c r="UJO667" s="613"/>
      <c r="UJP667" s="613"/>
      <c r="UJQ667" s="613"/>
      <c r="UJR667" s="613"/>
      <c r="UJS667" s="613"/>
      <c r="UJT667" s="613"/>
      <c r="UJU667" s="613"/>
      <c r="UJV667" s="613"/>
      <c r="UJW667" s="613"/>
      <c r="UJX667" s="613"/>
      <c r="UJY667" s="613"/>
      <c r="UJZ667" s="613"/>
      <c r="UKA667" s="613"/>
      <c r="UKB667" s="613"/>
      <c r="UKC667" s="613"/>
      <c r="UKD667" s="613"/>
      <c r="UKE667" s="613"/>
      <c r="UKF667" s="613"/>
      <c r="UKG667" s="613"/>
      <c r="UKH667" s="613"/>
      <c r="UKI667" s="613"/>
      <c r="UKJ667" s="613"/>
      <c r="UKK667" s="613"/>
      <c r="UKL667" s="613"/>
      <c r="UKM667" s="613"/>
      <c r="UKN667" s="613"/>
      <c r="UKO667" s="613"/>
      <c r="UKP667" s="613"/>
      <c r="UKQ667" s="613"/>
      <c r="UKR667" s="613"/>
      <c r="UKS667" s="613"/>
      <c r="UKT667" s="613"/>
      <c r="UKU667" s="613"/>
      <c r="UKV667" s="613"/>
      <c r="UKW667" s="613"/>
      <c r="UKX667" s="613"/>
      <c r="UKY667" s="613"/>
      <c r="UKZ667" s="613"/>
      <c r="ULA667" s="613"/>
      <c r="ULB667" s="613"/>
      <c r="ULC667" s="613"/>
      <c r="ULD667" s="613"/>
      <c r="ULE667" s="613"/>
      <c r="ULF667" s="613"/>
      <c r="ULG667" s="613"/>
      <c r="ULH667" s="613"/>
      <c r="ULI667" s="613"/>
      <c r="ULJ667" s="613"/>
      <c r="ULK667" s="613"/>
      <c r="ULL667" s="613"/>
      <c r="ULM667" s="613"/>
      <c r="ULN667" s="613"/>
      <c r="ULO667" s="613"/>
      <c r="ULP667" s="613"/>
      <c r="ULQ667" s="613"/>
      <c r="ULR667" s="613"/>
      <c r="ULS667" s="613"/>
      <c r="ULT667" s="613"/>
      <c r="ULU667" s="613"/>
      <c r="ULV667" s="613"/>
      <c r="ULW667" s="613"/>
      <c r="ULX667" s="613"/>
      <c r="ULY667" s="613"/>
      <c r="ULZ667" s="613"/>
      <c r="UMA667" s="613"/>
      <c r="UMB667" s="613"/>
      <c r="UMC667" s="613"/>
      <c r="UMD667" s="613"/>
      <c r="UME667" s="613"/>
      <c r="UMF667" s="613"/>
      <c r="UMG667" s="613"/>
      <c r="UMH667" s="613"/>
      <c r="UMI667" s="613"/>
      <c r="UMJ667" s="613"/>
      <c r="UMK667" s="613"/>
      <c r="UML667" s="613"/>
      <c r="UMM667" s="613"/>
      <c r="UMN667" s="613"/>
      <c r="UMO667" s="613"/>
      <c r="UMP667" s="613"/>
      <c r="UMQ667" s="613"/>
      <c r="UMR667" s="613"/>
      <c r="UMS667" s="613"/>
      <c r="UMT667" s="613"/>
      <c r="UMU667" s="613"/>
      <c r="UMV667" s="613"/>
      <c r="UMW667" s="613"/>
      <c r="UMX667" s="613"/>
      <c r="UMY667" s="613"/>
      <c r="UMZ667" s="613"/>
      <c r="UNA667" s="613"/>
      <c r="UNB667" s="613"/>
      <c r="UNC667" s="613"/>
      <c r="UND667" s="613"/>
      <c r="UNE667" s="613"/>
      <c r="UNF667" s="613"/>
      <c r="UNG667" s="613"/>
      <c r="UNH667" s="613"/>
      <c r="UNI667" s="613"/>
      <c r="UNJ667" s="613"/>
      <c r="UNK667" s="613"/>
      <c r="UNL667" s="613"/>
      <c r="UNM667" s="613"/>
      <c r="UNN667" s="613"/>
      <c r="UNO667" s="613"/>
      <c r="UNP667" s="613"/>
      <c r="UNQ667" s="613"/>
      <c r="UNR667" s="613"/>
      <c r="UNS667" s="613"/>
      <c r="UNT667" s="613"/>
      <c r="UNU667" s="613"/>
      <c r="UNV667" s="613"/>
      <c r="UNW667" s="613"/>
      <c r="UNX667" s="613"/>
      <c r="UNY667" s="613"/>
      <c r="UNZ667" s="613"/>
      <c r="UOA667" s="613"/>
      <c r="UOB667" s="613"/>
      <c r="UOC667" s="613"/>
      <c r="UOD667" s="613"/>
      <c r="UOE667" s="613"/>
      <c r="UOF667" s="613"/>
      <c r="UOG667" s="613"/>
      <c r="UOH667" s="613"/>
      <c r="UOI667" s="613"/>
      <c r="UOJ667" s="613"/>
      <c r="UOK667" s="613"/>
      <c r="UOL667" s="613"/>
      <c r="UOM667" s="613"/>
      <c r="UON667" s="613"/>
      <c r="UOO667" s="613"/>
      <c r="UOP667" s="613"/>
      <c r="UOQ667" s="613"/>
      <c r="UOR667" s="613"/>
      <c r="UOS667" s="613"/>
      <c r="UOT667" s="613"/>
      <c r="UOU667" s="613"/>
      <c r="UOV667" s="613"/>
      <c r="UOW667" s="613"/>
      <c r="UOX667" s="613"/>
      <c r="UOY667" s="613"/>
      <c r="UOZ667" s="613"/>
      <c r="UPA667" s="613"/>
      <c r="UPB667" s="613"/>
      <c r="UPC667" s="613"/>
      <c r="UPD667" s="613"/>
      <c r="UPE667" s="613"/>
      <c r="UPF667" s="613"/>
      <c r="UPG667" s="613"/>
      <c r="UPH667" s="613"/>
      <c r="UPI667" s="613"/>
      <c r="UPJ667" s="613"/>
      <c r="UPK667" s="613"/>
      <c r="UPL667" s="613"/>
      <c r="UPM667" s="613"/>
      <c r="UPN667" s="613"/>
      <c r="UPO667" s="613"/>
      <c r="UPP667" s="613"/>
      <c r="UPQ667" s="613"/>
      <c r="UPR667" s="613"/>
      <c r="UPS667" s="613"/>
      <c r="UPT667" s="613"/>
      <c r="UPU667" s="613"/>
      <c r="UPV667" s="613"/>
      <c r="UPW667" s="613"/>
      <c r="UPX667" s="613"/>
      <c r="UPY667" s="613"/>
      <c r="UPZ667" s="613"/>
      <c r="UQA667" s="613"/>
      <c r="UQB667" s="613"/>
      <c r="UQC667" s="613"/>
      <c r="UQD667" s="613"/>
      <c r="UQE667" s="613"/>
      <c r="UQF667" s="613"/>
      <c r="UQG667" s="613"/>
      <c r="UQH667" s="613"/>
      <c r="UQI667" s="613"/>
      <c r="UQJ667" s="613"/>
      <c r="UQK667" s="613"/>
      <c r="UQL667" s="613"/>
      <c r="UQM667" s="613"/>
      <c r="UQN667" s="613"/>
      <c r="UQO667" s="613"/>
      <c r="UQP667" s="613"/>
      <c r="UQQ667" s="613"/>
      <c r="UQR667" s="613"/>
      <c r="UQS667" s="613"/>
      <c r="UQT667" s="613"/>
      <c r="UQU667" s="613"/>
      <c r="UQV667" s="613"/>
      <c r="UQW667" s="613"/>
      <c r="UQX667" s="613"/>
      <c r="UQY667" s="613"/>
      <c r="UQZ667" s="613"/>
      <c r="URA667" s="613"/>
      <c r="URB667" s="613"/>
      <c r="URC667" s="613"/>
      <c r="URD667" s="613"/>
      <c r="URE667" s="613"/>
      <c r="URF667" s="613"/>
      <c r="URG667" s="613"/>
      <c r="URH667" s="613"/>
      <c r="URI667" s="613"/>
      <c r="URJ667" s="613"/>
      <c r="URK667" s="613"/>
      <c r="URL667" s="613"/>
      <c r="URM667" s="613"/>
      <c r="URN667" s="613"/>
      <c r="URO667" s="613"/>
      <c r="URP667" s="613"/>
      <c r="URQ667" s="613"/>
      <c r="URR667" s="613"/>
      <c r="URS667" s="613"/>
      <c r="URT667" s="613"/>
      <c r="URU667" s="613"/>
      <c r="URV667" s="613"/>
      <c r="URW667" s="613"/>
      <c r="URX667" s="613"/>
      <c r="URY667" s="613"/>
      <c r="URZ667" s="613"/>
      <c r="USA667" s="613"/>
      <c r="USB667" s="613"/>
      <c r="USC667" s="613"/>
      <c r="USD667" s="613"/>
      <c r="USE667" s="613"/>
      <c r="USF667" s="613"/>
      <c r="USG667" s="613"/>
      <c r="USH667" s="613"/>
      <c r="USI667" s="613"/>
      <c r="USJ667" s="613"/>
      <c r="USK667" s="613"/>
      <c r="USL667" s="613"/>
      <c r="USM667" s="613"/>
      <c r="USN667" s="613"/>
      <c r="USO667" s="613"/>
      <c r="USP667" s="613"/>
      <c r="USQ667" s="613"/>
      <c r="USR667" s="613"/>
      <c r="USS667" s="613"/>
      <c r="UST667" s="613"/>
      <c r="USU667" s="613"/>
      <c r="USV667" s="613"/>
      <c r="USW667" s="613"/>
      <c r="USX667" s="613"/>
      <c r="USY667" s="613"/>
      <c r="USZ667" s="613"/>
      <c r="UTA667" s="613"/>
      <c r="UTB667" s="613"/>
      <c r="UTC667" s="613"/>
      <c r="UTD667" s="613"/>
      <c r="UTE667" s="613"/>
      <c r="UTF667" s="613"/>
      <c r="UTG667" s="613"/>
      <c r="UTH667" s="613"/>
      <c r="UTI667" s="613"/>
      <c r="UTJ667" s="613"/>
      <c r="UTK667" s="613"/>
      <c r="UTL667" s="613"/>
      <c r="UTM667" s="613"/>
      <c r="UTN667" s="613"/>
      <c r="UTO667" s="613"/>
      <c r="UTP667" s="613"/>
      <c r="UTQ667" s="613"/>
      <c r="UTR667" s="613"/>
      <c r="UTS667" s="613"/>
      <c r="UTT667" s="613"/>
      <c r="UTU667" s="613"/>
      <c r="UTV667" s="613"/>
      <c r="UTW667" s="613"/>
      <c r="UTX667" s="613"/>
      <c r="UTY667" s="613"/>
      <c r="UTZ667" s="613"/>
      <c r="UUA667" s="613"/>
      <c r="UUB667" s="613"/>
      <c r="UUC667" s="613"/>
      <c r="UUD667" s="613"/>
      <c r="UUE667" s="613"/>
      <c r="UUF667" s="613"/>
      <c r="UUG667" s="613"/>
      <c r="UUH667" s="613"/>
      <c r="UUI667" s="613"/>
      <c r="UUJ667" s="613"/>
      <c r="UUK667" s="613"/>
      <c r="UUL667" s="613"/>
      <c r="UUM667" s="613"/>
      <c r="UUN667" s="613"/>
      <c r="UUO667" s="613"/>
      <c r="UUP667" s="613"/>
      <c r="UUQ667" s="613"/>
      <c r="UUR667" s="613"/>
      <c r="UUS667" s="613"/>
      <c r="UUT667" s="613"/>
      <c r="UUU667" s="613"/>
      <c r="UUV667" s="613"/>
      <c r="UUW667" s="613"/>
      <c r="UUX667" s="613"/>
      <c r="UUY667" s="613"/>
      <c r="UUZ667" s="613"/>
      <c r="UVA667" s="613"/>
      <c r="UVB667" s="613"/>
      <c r="UVC667" s="613"/>
      <c r="UVD667" s="613"/>
      <c r="UVE667" s="613"/>
      <c r="UVF667" s="613"/>
      <c r="UVG667" s="613"/>
      <c r="UVH667" s="613"/>
      <c r="UVI667" s="613"/>
      <c r="UVJ667" s="613"/>
      <c r="UVK667" s="613"/>
      <c r="UVL667" s="613"/>
      <c r="UVM667" s="613"/>
      <c r="UVN667" s="613"/>
      <c r="UVO667" s="613"/>
      <c r="UVP667" s="613"/>
      <c r="UVQ667" s="613"/>
      <c r="UVR667" s="613"/>
      <c r="UVS667" s="613"/>
      <c r="UVT667" s="613"/>
      <c r="UVU667" s="613"/>
      <c r="UVV667" s="613"/>
      <c r="UVW667" s="613"/>
      <c r="UVX667" s="613"/>
      <c r="UVY667" s="613"/>
      <c r="UVZ667" s="613"/>
      <c r="UWA667" s="613"/>
      <c r="UWB667" s="613"/>
      <c r="UWC667" s="613"/>
      <c r="UWD667" s="613"/>
      <c r="UWE667" s="613"/>
      <c r="UWF667" s="613"/>
      <c r="UWG667" s="613"/>
      <c r="UWH667" s="613"/>
      <c r="UWI667" s="613"/>
      <c r="UWJ667" s="613"/>
      <c r="UWK667" s="613"/>
      <c r="UWL667" s="613"/>
      <c r="UWM667" s="613"/>
      <c r="UWN667" s="613"/>
      <c r="UWO667" s="613"/>
      <c r="UWP667" s="613"/>
      <c r="UWQ667" s="613"/>
      <c r="UWR667" s="613"/>
      <c r="UWS667" s="613"/>
      <c r="UWT667" s="613"/>
      <c r="UWU667" s="613"/>
      <c r="UWV667" s="613"/>
      <c r="UWW667" s="613"/>
      <c r="UWX667" s="613"/>
      <c r="UWY667" s="613"/>
      <c r="UWZ667" s="613"/>
      <c r="UXA667" s="613"/>
      <c r="UXB667" s="613"/>
      <c r="UXC667" s="613"/>
      <c r="UXD667" s="613"/>
      <c r="UXE667" s="613"/>
      <c r="UXF667" s="613"/>
      <c r="UXG667" s="613"/>
      <c r="UXH667" s="613"/>
      <c r="UXI667" s="613"/>
      <c r="UXJ667" s="613"/>
      <c r="UXK667" s="613"/>
      <c r="UXL667" s="613"/>
      <c r="UXM667" s="613"/>
      <c r="UXN667" s="613"/>
      <c r="UXO667" s="613"/>
      <c r="UXP667" s="613"/>
      <c r="UXQ667" s="613"/>
      <c r="UXR667" s="613"/>
      <c r="UXS667" s="613"/>
      <c r="UXT667" s="613"/>
      <c r="UXU667" s="613"/>
      <c r="UXV667" s="613"/>
      <c r="UXW667" s="613"/>
      <c r="UXX667" s="613"/>
      <c r="UXY667" s="613"/>
      <c r="UXZ667" s="613"/>
      <c r="UYA667" s="613"/>
      <c r="UYB667" s="613"/>
      <c r="UYC667" s="613"/>
      <c r="UYD667" s="613"/>
      <c r="UYE667" s="613"/>
      <c r="UYF667" s="613"/>
      <c r="UYG667" s="613"/>
      <c r="UYH667" s="613"/>
      <c r="UYI667" s="613"/>
      <c r="UYJ667" s="613"/>
      <c r="UYK667" s="613"/>
      <c r="UYL667" s="613"/>
      <c r="UYM667" s="613"/>
      <c r="UYN667" s="613"/>
      <c r="UYO667" s="613"/>
      <c r="UYP667" s="613"/>
      <c r="UYQ667" s="613"/>
      <c r="UYR667" s="613"/>
      <c r="UYS667" s="613"/>
      <c r="UYT667" s="613"/>
      <c r="UYU667" s="613"/>
      <c r="UYV667" s="613"/>
      <c r="UYW667" s="613"/>
      <c r="UYX667" s="613"/>
      <c r="UYY667" s="613"/>
      <c r="UYZ667" s="613"/>
      <c r="UZA667" s="613"/>
      <c r="UZB667" s="613"/>
      <c r="UZC667" s="613"/>
      <c r="UZD667" s="613"/>
      <c r="UZE667" s="613"/>
      <c r="UZF667" s="613"/>
      <c r="UZG667" s="613"/>
      <c r="UZH667" s="613"/>
      <c r="UZI667" s="613"/>
      <c r="UZJ667" s="613"/>
      <c r="UZK667" s="613"/>
      <c r="UZL667" s="613"/>
      <c r="UZM667" s="613"/>
      <c r="UZN667" s="613"/>
      <c r="UZO667" s="613"/>
      <c r="UZP667" s="613"/>
      <c r="UZQ667" s="613"/>
      <c r="UZR667" s="613"/>
      <c r="UZS667" s="613"/>
      <c r="UZT667" s="613"/>
      <c r="UZU667" s="613"/>
      <c r="UZV667" s="613"/>
      <c r="UZW667" s="613"/>
      <c r="UZX667" s="613"/>
      <c r="UZY667" s="613"/>
      <c r="UZZ667" s="613"/>
      <c r="VAA667" s="613"/>
      <c r="VAB667" s="613"/>
      <c r="VAC667" s="613"/>
      <c r="VAD667" s="613"/>
      <c r="VAE667" s="613"/>
      <c r="VAF667" s="613"/>
      <c r="VAG667" s="613"/>
      <c r="VAH667" s="613"/>
      <c r="VAI667" s="613"/>
      <c r="VAJ667" s="613"/>
      <c r="VAK667" s="613"/>
      <c r="VAL667" s="613"/>
      <c r="VAM667" s="613"/>
      <c r="VAN667" s="613"/>
      <c r="VAO667" s="613"/>
      <c r="VAP667" s="613"/>
      <c r="VAQ667" s="613"/>
      <c r="VAR667" s="613"/>
      <c r="VAS667" s="613"/>
      <c r="VAT667" s="613"/>
      <c r="VAU667" s="613"/>
      <c r="VAV667" s="613"/>
      <c r="VAW667" s="613"/>
      <c r="VAX667" s="613"/>
      <c r="VAY667" s="613"/>
      <c r="VAZ667" s="613"/>
      <c r="VBA667" s="613"/>
      <c r="VBB667" s="613"/>
      <c r="VBC667" s="613"/>
      <c r="VBD667" s="613"/>
      <c r="VBE667" s="613"/>
      <c r="VBF667" s="613"/>
      <c r="VBG667" s="613"/>
      <c r="VBH667" s="613"/>
      <c r="VBI667" s="613"/>
      <c r="VBJ667" s="613"/>
      <c r="VBK667" s="613"/>
      <c r="VBL667" s="613"/>
      <c r="VBM667" s="613"/>
      <c r="VBN667" s="613"/>
      <c r="VBO667" s="613"/>
      <c r="VBP667" s="613"/>
      <c r="VBQ667" s="613"/>
      <c r="VBR667" s="613"/>
      <c r="VBS667" s="613"/>
      <c r="VBT667" s="613"/>
      <c r="VBU667" s="613"/>
      <c r="VBV667" s="613"/>
      <c r="VBW667" s="613"/>
      <c r="VBX667" s="613"/>
      <c r="VBY667" s="613"/>
      <c r="VBZ667" s="613"/>
      <c r="VCA667" s="613"/>
      <c r="VCB667" s="613"/>
      <c r="VCC667" s="613"/>
      <c r="VCD667" s="613"/>
      <c r="VCE667" s="613"/>
      <c r="VCF667" s="613"/>
      <c r="VCG667" s="613"/>
      <c r="VCH667" s="613"/>
      <c r="VCI667" s="613"/>
      <c r="VCJ667" s="613"/>
      <c r="VCK667" s="613"/>
      <c r="VCL667" s="613"/>
      <c r="VCM667" s="613"/>
      <c r="VCN667" s="613"/>
      <c r="VCO667" s="613"/>
      <c r="VCP667" s="613"/>
      <c r="VCQ667" s="613"/>
      <c r="VCR667" s="613"/>
      <c r="VCS667" s="613"/>
      <c r="VCT667" s="613"/>
      <c r="VCU667" s="613"/>
      <c r="VCV667" s="613"/>
      <c r="VCW667" s="613"/>
      <c r="VCX667" s="613"/>
      <c r="VCY667" s="613"/>
      <c r="VCZ667" s="613"/>
      <c r="VDA667" s="613"/>
      <c r="VDB667" s="613"/>
      <c r="VDC667" s="613"/>
      <c r="VDD667" s="613"/>
      <c r="VDE667" s="613"/>
      <c r="VDF667" s="613"/>
      <c r="VDG667" s="613"/>
      <c r="VDH667" s="613"/>
      <c r="VDI667" s="613"/>
      <c r="VDJ667" s="613"/>
      <c r="VDK667" s="613"/>
      <c r="VDL667" s="613"/>
      <c r="VDM667" s="613"/>
      <c r="VDN667" s="613"/>
      <c r="VDO667" s="613"/>
      <c r="VDP667" s="613"/>
      <c r="VDQ667" s="613"/>
      <c r="VDR667" s="613"/>
      <c r="VDS667" s="613"/>
      <c r="VDT667" s="613"/>
      <c r="VDU667" s="613"/>
      <c r="VDV667" s="613"/>
      <c r="VDW667" s="613"/>
      <c r="VDX667" s="613"/>
      <c r="VDY667" s="613"/>
      <c r="VDZ667" s="613"/>
      <c r="VEA667" s="613"/>
      <c r="VEB667" s="613"/>
      <c r="VEC667" s="613"/>
      <c r="VED667" s="613"/>
      <c r="VEE667" s="613"/>
      <c r="VEF667" s="613"/>
      <c r="VEG667" s="613"/>
      <c r="VEH667" s="613"/>
      <c r="VEI667" s="613"/>
      <c r="VEJ667" s="613"/>
      <c r="VEK667" s="613"/>
      <c r="VEL667" s="613"/>
      <c r="VEM667" s="613"/>
      <c r="VEN667" s="613"/>
      <c r="VEO667" s="613"/>
      <c r="VEP667" s="613"/>
      <c r="VEQ667" s="613"/>
      <c r="VER667" s="613"/>
      <c r="VES667" s="613"/>
      <c r="VET667" s="613"/>
      <c r="VEU667" s="613"/>
      <c r="VEV667" s="613"/>
      <c r="VEW667" s="613"/>
      <c r="VEX667" s="613"/>
      <c r="VEY667" s="613"/>
      <c r="VEZ667" s="613"/>
      <c r="VFA667" s="613"/>
      <c r="VFB667" s="613"/>
      <c r="VFC667" s="613"/>
      <c r="VFD667" s="613"/>
      <c r="VFE667" s="613"/>
      <c r="VFF667" s="613"/>
      <c r="VFG667" s="613"/>
      <c r="VFH667" s="613"/>
      <c r="VFI667" s="613"/>
      <c r="VFJ667" s="613"/>
      <c r="VFK667" s="613"/>
      <c r="VFL667" s="613"/>
      <c r="VFM667" s="613"/>
      <c r="VFN667" s="613"/>
      <c r="VFO667" s="613"/>
      <c r="VFP667" s="613"/>
      <c r="VFQ667" s="613"/>
      <c r="VFR667" s="613"/>
      <c r="VFS667" s="613"/>
      <c r="VFT667" s="613"/>
      <c r="VFU667" s="613"/>
      <c r="VFV667" s="613"/>
      <c r="VFW667" s="613"/>
      <c r="VFX667" s="613"/>
      <c r="VFY667" s="613"/>
      <c r="VFZ667" s="613"/>
      <c r="VGA667" s="613"/>
      <c r="VGB667" s="613"/>
      <c r="VGC667" s="613"/>
      <c r="VGD667" s="613"/>
      <c r="VGE667" s="613"/>
      <c r="VGF667" s="613"/>
      <c r="VGG667" s="613"/>
      <c r="VGH667" s="613"/>
      <c r="VGI667" s="613"/>
      <c r="VGJ667" s="613"/>
      <c r="VGK667" s="613"/>
      <c r="VGL667" s="613"/>
      <c r="VGM667" s="613"/>
      <c r="VGN667" s="613"/>
      <c r="VGO667" s="613"/>
      <c r="VGP667" s="613"/>
      <c r="VGQ667" s="613"/>
      <c r="VGR667" s="613"/>
      <c r="VGS667" s="613"/>
      <c r="VGT667" s="613"/>
      <c r="VGU667" s="613"/>
      <c r="VGV667" s="613"/>
      <c r="VGW667" s="613"/>
      <c r="VGX667" s="613"/>
      <c r="VGY667" s="613"/>
      <c r="VGZ667" s="613"/>
      <c r="VHA667" s="613"/>
      <c r="VHB667" s="613"/>
      <c r="VHC667" s="613"/>
      <c r="VHD667" s="613"/>
      <c r="VHE667" s="613"/>
      <c r="VHF667" s="613"/>
      <c r="VHG667" s="613"/>
      <c r="VHH667" s="613"/>
      <c r="VHI667" s="613"/>
      <c r="VHJ667" s="613"/>
      <c r="VHK667" s="613"/>
      <c r="VHL667" s="613"/>
      <c r="VHM667" s="613"/>
      <c r="VHN667" s="613"/>
      <c r="VHO667" s="613"/>
      <c r="VHP667" s="613"/>
      <c r="VHQ667" s="613"/>
      <c r="VHR667" s="613"/>
      <c r="VHS667" s="613"/>
      <c r="VHT667" s="613"/>
      <c r="VHU667" s="613"/>
      <c r="VHV667" s="613"/>
      <c r="VHW667" s="613"/>
      <c r="VHX667" s="613"/>
      <c r="VHY667" s="613"/>
      <c r="VHZ667" s="613"/>
      <c r="VIA667" s="613"/>
      <c r="VIB667" s="613"/>
      <c r="VIC667" s="613"/>
      <c r="VID667" s="613"/>
      <c r="VIE667" s="613"/>
      <c r="VIF667" s="613"/>
      <c r="VIG667" s="613"/>
      <c r="VIH667" s="613"/>
      <c r="VII667" s="613"/>
      <c r="VIJ667" s="613"/>
      <c r="VIK667" s="613"/>
      <c r="VIL667" s="613"/>
      <c r="VIM667" s="613"/>
      <c r="VIN667" s="613"/>
      <c r="VIO667" s="613"/>
      <c r="VIP667" s="613"/>
      <c r="VIQ667" s="613"/>
      <c r="VIR667" s="613"/>
      <c r="VIS667" s="613"/>
      <c r="VIT667" s="613"/>
      <c r="VIU667" s="613"/>
      <c r="VIV667" s="613"/>
      <c r="VIW667" s="613"/>
      <c r="VIX667" s="613"/>
      <c r="VIY667" s="613"/>
      <c r="VIZ667" s="613"/>
      <c r="VJA667" s="613"/>
      <c r="VJB667" s="613"/>
      <c r="VJC667" s="613"/>
      <c r="VJD667" s="613"/>
      <c r="VJE667" s="613"/>
      <c r="VJF667" s="613"/>
      <c r="VJG667" s="613"/>
      <c r="VJH667" s="613"/>
      <c r="VJI667" s="613"/>
      <c r="VJJ667" s="613"/>
      <c r="VJK667" s="613"/>
      <c r="VJL667" s="613"/>
      <c r="VJM667" s="613"/>
      <c r="VJN667" s="613"/>
      <c r="VJO667" s="613"/>
      <c r="VJP667" s="613"/>
      <c r="VJQ667" s="613"/>
      <c r="VJR667" s="613"/>
      <c r="VJS667" s="613"/>
      <c r="VJT667" s="613"/>
      <c r="VJU667" s="613"/>
      <c r="VJV667" s="613"/>
      <c r="VJW667" s="613"/>
      <c r="VJX667" s="613"/>
      <c r="VJY667" s="613"/>
      <c r="VJZ667" s="613"/>
      <c r="VKA667" s="613"/>
      <c r="VKB667" s="613"/>
      <c r="VKC667" s="613"/>
      <c r="VKD667" s="613"/>
      <c r="VKE667" s="613"/>
      <c r="VKF667" s="613"/>
      <c r="VKG667" s="613"/>
      <c r="VKH667" s="613"/>
      <c r="VKI667" s="613"/>
      <c r="VKJ667" s="613"/>
      <c r="VKK667" s="613"/>
      <c r="VKL667" s="613"/>
      <c r="VKM667" s="613"/>
      <c r="VKN667" s="613"/>
      <c r="VKO667" s="613"/>
      <c r="VKP667" s="613"/>
      <c r="VKQ667" s="613"/>
      <c r="VKR667" s="613"/>
      <c r="VKS667" s="613"/>
      <c r="VKT667" s="613"/>
      <c r="VKU667" s="613"/>
      <c r="VKV667" s="613"/>
      <c r="VKW667" s="613"/>
      <c r="VKX667" s="613"/>
      <c r="VKY667" s="613"/>
      <c r="VKZ667" s="613"/>
      <c r="VLA667" s="613"/>
      <c r="VLB667" s="613"/>
      <c r="VLC667" s="613"/>
      <c r="VLD667" s="613"/>
      <c r="VLE667" s="613"/>
      <c r="VLF667" s="613"/>
      <c r="VLG667" s="613"/>
      <c r="VLH667" s="613"/>
      <c r="VLI667" s="613"/>
      <c r="VLJ667" s="613"/>
      <c r="VLK667" s="613"/>
      <c r="VLL667" s="613"/>
      <c r="VLM667" s="613"/>
      <c r="VLN667" s="613"/>
      <c r="VLO667" s="613"/>
      <c r="VLP667" s="613"/>
      <c r="VLQ667" s="613"/>
      <c r="VLR667" s="613"/>
      <c r="VLS667" s="613"/>
      <c r="VLT667" s="613"/>
      <c r="VLU667" s="613"/>
      <c r="VLV667" s="613"/>
      <c r="VLW667" s="613"/>
      <c r="VLX667" s="613"/>
      <c r="VLY667" s="613"/>
      <c r="VLZ667" s="613"/>
      <c r="VMA667" s="613"/>
      <c r="VMB667" s="613"/>
      <c r="VMC667" s="613"/>
      <c r="VMD667" s="613"/>
      <c r="VME667" s="613"/>
      <c r="VMF667" s="613"/>
      <c r="VMG667" s="613"/>
      <c r="VMH667" s="613"/>
      <c r="VMI667" s="613"/>
      <c r="VMJ667" s="613"/>
      <c r="VMK667" s="613"/>
      <c r="VML667" s="613"/>
      <c r="VMM667" s="613"/>
      <c r="VMN667" s="613"/>
      <c r="VMO667" s="613"/>
      <c r="VMP667" s="613"/>
      <c r="VMQ667" s="613"/>
      <c r="VMR667" s="613"/>
      <c r="VMS667" s="613"/>
      <c r="VMT667" s="613"/>
      <c r="VMU667" s="613"/>
      <c r="VMV667" s="613"/>
      <c r="VMW667" s="613"/>
      <c r="VMX667" s="613"/>
      <c r="VMY667" s="613"/>
      <c r="VMZ667" s="613"/>
      <c r="VNA667" s="613"/>
      <c r="VNB667" s="613"/>
      <c r="VNC667" s="613"/>
      <c r="VND667" s="613"/>
      <c r="VNE667" s="613"/>
      <c r="VNF667" s="613"/>
      <c r="VNG667" s="613"/>
      <c r="VNH667" s="613"/>
      <c r="VNI667" s="613"/>
      <c r="VNJ667" s="613"/>
      <c r="VNK667" s="613"/>
      <c r="VNL667" s="613"/>
      <c r="VNM667" s="613"/>
      <c r="VNN667" s="613"/>
      <c r="VNO667" s="613"/>
      <c r="VNP667" s="613"/>
      <c r="VNQ667" s="613"/>
      <c r="VNR667" s="613"/>
      <c r="VNS667" s="613"/>
      <c r="VNT667" s="613"/>
      <c r="VNU667" s="613"/>
      <c r="VNV667" s="613"/>
      <c r="VNW667" s="613"/>
      <c r="VNX667" s="613"/>
      <c r="VNY667" s="613"/>
      <c r="VNZ667" s="613"/>
      <c r="VOA667" s="613"/>
      <c r="VOB667" s="613"/>
      <c r="VOC667" s="613"/>
      <c r="VOD667" s="613"/>
      <c r="VOE667" s="613"/>
      <c r="VOF667" s="613"/>
      <c r="VOG667" s="613"/>
      <c r="VOH667" s="613"/>
      <c r="VOI667" s="613"/>
      <c r="VOJ667" s="613"/>
      <c r="VOK667" s="613"/>
      <c r="VOL667" s="613"/>
      <c r="VOM667" s="613"/>
      <c r="VON667" s="613"/>
      <c r="VOO667" s="613"/>
      <c r="VOP667" s="613"/>
      <c r="VOQ667" s="613"/>
      <c r="VOR667" s="613"/>
      <c r="VOS667" s="613"/>
      <c r="VOT667" s="613"/>
      <c r="VOU667" s="613"/>
      <c r="VOV667" s="613"/>
      <c r="VOW667" s="613"/>
      <c r="VOX667" s="613"/>
      <c r="VOY667" s="613"/>
      <c r="VOZ667" s="613"/>
      <c r="VPA667" s="613"/>
      <c r="VPB667" s="613"/>
      <c r="VPC667" s="613"/>
      <c r="VPD667" s="613"/>
      <c r="VPE667" s="613"/>
      <c r="VPF667" s="613"/>
      <c r="VPG667" s="613"/>
      <c r="VPH667" s="613"/>
      <c r="VPI667" s="613"/>
      <c r="VPJ667" s="613"/>
      <c r="VPK667" s="613"/>
      <c r="VPL667" s="613"/>
      <c r="VPM667" s="613"/>
      <c r="VPN667" s="613"/>
      <c r="VPO667" s="613"/>
      <c r="VPP667" s="613"/>
      <c r="VPQ667" s="613"/>
      <c r="VPR667" s="613"/>
      <c r="VPS667" s="613"/>
      <c r="VPT667" s="613"/>
      <c r="VPU667" s="613"/>
      <c r="VPV667" s="613"/>
      <c r="VPW667" s="613"/>
      <c r="VPX667" s="613"/>
      <c r="VPY667" s="613"/>
      <c r="VPZ667" s="613"/>
      <c r="VQA667" s="613"/>
      <c r="VQB667" s="613"/>
      <c r="VQC667" s="613"/>
      <c r="VQD667" s="613"/>
      <c r="VQE667" s="613"/>
      <c r="VQF667" s="613"/>
      <c r="VQG667" s="613"/>
      <c r="VQH667" s="613"/>
      <c r="VQI667" s="613"/>
      <c r="VQJ667" s="613"/>
      <c r="VQK667" s="613"/>
      <c r="VQL667" s="613"/>
      <c r="VQM667" s="613"/>
      <c r="VQN667" s="613"/>
      <c r="VQO667" s="613"/>
      <c r="VQP667" s="613"/>
      <c r="VQQ667" s="613"/>
      <c r="VQR667" s="613"/>
      <c r="VQS667" s="613"/>
      <c r="VQT667" s="613"/>
      <c r="VQU667" s="613"/>
      <c r="VQV667" s="613"/>
      <c r="VQW667" s="613"/>
      <c r="VQX667" s="613"/>
      <c r="VQY667" s="613"/>
      <c r="VQZ667" s="613"/>
      <c r="VRA667" s="613"/>
      <c r="VRB667" s="613"/>
      <c r="VRC667" s="613"/>
      <c r="VRD667" s="613"/>
      <c r="VRE667" s="613"/>
      <c r="VRF667" s="613"/>
      <c r="VRG667" s="613"/>
      <c r="VRH667" s="613"/>
      <c r="VRI667" s="613"/>
      <c r="VRJ667" s="613"/>
      <c r="VRK667" s="613"/>
      <c r="VRL667" s="613"/>
      <c r="VRM667" s="613"/>
      <c r="VRN667" s="613"/>
      <c r="VRO667" s="613"/>
      <c r="VRP667" s="613"/>
      <c r="VRQ667" s="613"/>
      <c r="VRR667" s="613"/>
      <c r="VRS667" s="613"/>
      <c r="VRT667" s="613"/>
      <c r="VRU667" s="613"/>
      <c r="VRV667" s="613"/>
      <c r="VRW667" s="613"/>
      <c r="VRX667" s="613"/>
      <c r="VRY667" s="613"/>
      <c r="VRZ667" s="613"/>
      <c r="VSA667" s="613"/>
      <c r="VSB667" s="613"/>
      <c r="VSC667" s="613"/>
      <c r="VSD667" s="613"/>
      <c r="VSE667" s="613"/>
      <c r="VSF667" s="613"/>
      <c r="VSG667" s="613"/>
      <c r="VSH667" s="613"/>
      <c r="VSI667" s="613"/>
      <c r="VSJ667" s="613"/>
      <c r="VSK667" s="613"/>
      <c r="VSL667" s="613"/>
      <c r="VSM667" s="613"/>
      <c r="VSN667" s="613"/>
      <c r="VSO667" s="613"/>
      <c r="VSP667" s="613"/>
      <c r="VSQ667" s="613"/>
      <c r="VSR667" s="613"/>
      <c r="VSS667" s="613"/>
      <c r="VST667" s="613"/>
      <c r="VSU667" s="613"/>
      <c r="VSV667" s="613"/>
      <c r="VSW667" s="613"/>
      <c r="VSX667" s="613"/>
      <c r="VSY667" s="613"/>
      <c r="VSZ667" s="613"/>
      <c r="VTA667" s="613"/>
      <c r="VTB667" s="613"/>
      <c r="VTC667" s="613"/>
      <c r="VTD667" s="613"/>
      <c r="VTE667" s="613"/>
      <c r="VTF667" s="613"/>
      <c r="VTG667" s="613"/>
      <c r="VTH667" s="613"/>
      <c r="VTI667" s="613"/>
      <c r="VTJ667" s="613"/>
      <c r="VTK667" s="613"/>
      <c r="VTL667" s="613"/>
      <c r="VTM667" s="613"/>
      <c r="VTN667" s="613"/>
      <c r="VTO667" s="613"/>
      <c r="VTP667" s="613"/>
      <c r="VTQ667" s="613"/>
      <c r="VTR667" s="613"/>
      <c r="VTS667" s="613"/>
      <c r="VTT667" s="613"/>
      <c r="VTU667" s="613"/>
      <c r="VTV667" s="613"/>
      <c r="VTW667" s="613"/>
      <c r="VTX667" s="613"/>
      <c r="VTY667" s="613"/>
      <c r="VTZ667" s="613"/>
      <c r="VUA667" s="613"/>
      <c r="VUB667" s="613"/>
      <c r="VUC667" s="613"/>
      <c r="VUD667" s="613"/>
      <c r="VUE667" s="613"/>
      <c r="VUF667" s="613"/>
      <c r="VUG667" s="613"/>
      <c r="VUH667" s="613"/>
      <c r="VUI667" s="613"/>
      <c r="VUJ667" s="613"/>
      <c r="VUK667" s="613"/>
      <c r="VUL667" s="613"/>
      <c r="VUM667" s="613"/>
      <c r="VUN667" s="613"/>
      <c r="VUO667" s="613"/>
      <c r="VUP667" s="613"/>
      <c r="VUQ667" s="613"/>
      <c r="VUR667" s="613"/>
      <c r="VUS667" s="613"/>
      <c r="VUT667" s="613"/>
      <c r="VUU667" s="613"/>
      <c r="VUV667" s="613"/>
      <c r="VUW667" s="613"/>
      <c r="VUX667" s="613"/>
      <c r="VUY667" s="613"/>
      <c r="VUZ667" s="613"/>
      <c r="VVA667" s="613"/>
      <c r="VVB667" s="613"/>
      <c r="VVC667" s="613"/>
      <c r="VVD667" s="613"/>
      <c r="VVE667" s="613"/>
      <c r="VVF667" s="613"/>
      <c r="VVG667" s="613"/>
      <c r="VVH667" s="613"/>
      <c r="VVI667" s="613"/>
      <c r="VVJ667" s="613"/>
      <c r="VVK667" s="613"/>
      <c r="VVL667" s="613"/>
      <c r="VVM667" s="613"/>
      <c r="VVN667" s="613"/>
      <c r="VVO667" s="613"/>
      <c r="VVP667" s="613"/>
      <c r="VVQ667" s="613"/>
      <c r="VVR667" s="613"/>
      <c r="VVS667" s="613"/>
      <c r="VVT667" s="613"/>
      <c r="VVU667" s="613"/>
      <c r="VVV667" s="613"/>
      <c r="VVW667" s="613"/>
      <c r="VVX667" s="613"/>
      <c r="VVY667" s="613"/>
      <c r="VVZ667" s="613"/>
      <c r="VWA667" s="613"/>
      <c r="VWB667" s="613"/>
      <c r="VWC667" s="613"/>
      <c r="VWD667" s="613"/>
      <c r="VWE667" s="613"/>
      <c r="VWF667" s="613"/>
      <c r="VWG667" s="613"/>
      <c r="VWH667" s="613"/>
      <c r="VWI667" s="613"/>
      <c r="VWJ667" s="613"/>
      <c r="VWK667" s="613"/>
      <c r="VWL667" s="613"/>
      <c r="VWM667" s="613"/>
      <c r="VWN667" s="613"/>
      <c r="VWO667" s="613"/>
      <c r="VWP667" s="613"/>
      <c r="VWQ667" s="613"/>
      <c r="VWR667" s="613"/>
      <c r="VWS667" s="613"/>
      <c r="VWT667" s="613"/>
      <c r="VWU667" s="613"/>
      <c r="VWV667" s="613"/>
      <c r="VWW667" s="613"/>
      <c r="VWX667" s="613"/>
      <c r="VWY667" s="613"/>
      <c r="VWZ667" s="613"/>
      <c r="VXA667" s="613"/>
      <c r="VXB667" s="613"/>
      <c r="VXC667" s="613"/>
      <c r="VXD667" s="613"/>
      <c r="VXE667" s="613"/>
      <c r="VXF667" s="613"/>
      <c r="VXG667" s="613"/>
      <c r="VXH667" s="613"/>
      <c r="VXI667" s="613"/>
      <c r="VXJ667" s="613"/>
      <c r="VXK667" s="613"/>
      <c r="VXL667" s="613"/>
      <c r="VXM667" s="613"/>
      <c r="VXN667" s="613"/>
      <c r="VXO667" s="613"/>
      <c r="VXP667" s="613"/>
      <c r="VXQ667" s="613"/>
      <c r="VXR667" s="613"/>
      <c r="VXS667" s="613"/>
      <c r="VXT667" s="613"/>
      <c r="VXU667" s="613"/>
      <c r="VXV667" s="613"/>
      <c r="VXW667" s="613"/>
      <c r="VXX667" s="613"/>
      <c r="VXY667" s="613"/>
      <c r="VXZ667" s="613"/>
      <c r="VYA667" s="613"/>
      <c r="VYB667" s="613"/>
      <c r="VYC667" s="613"/>
      <c r="VYD667" s="613"/>
      <c r="VYE667" s="613"/>
      <c r="VYF667" s="613"/>
      <c r="VYG667" s="613"/>
      <c r="VYH667" s="613"/>
      <c r="VYI667" s="613"/>
      <c r="VYJ667" s="613"/>
      <c r="VYK667" s="613"/>
      <c r="VYL667" s="613"/>
      <c r="VYM667" s="613"/>
      <c r="VYN667" s="613"/>
      <c r="VYO667" s="613"/>
      <c r="VYP667" s="613"/>
      <c r="VYQ667" s="613"/>
      <c r="VYR667" s="613"/>
      <c r="VYS667" s="613"/>
      <c r="VYT667" s="613"/>
      <c r="VYU667" s="613"/>
      <c r="VYV667" s="613"/>
      <c r="VYW667" s="613"/>
      <c r="VYX667" s="613"/>
      <c r="VYY667" s="613"/>
      <c r="VYZ667" s="613"/>
      <c r="VZA667" s="613"/>
      <c r="VZB667" s="613"/>
      <c r="VZC667" s="613"/>
      <c r="VZD667" s="613"/>
      <c r="VZE667" s="613"/>
      <c r="VZF667" s="613"/>
      <c r="VZG667" s="613"/>
      <c r="VZH667" s="613"/>
      <c r="VZI667" s="613"/>
      <c r="VZJ667" s="613"/>
      <c r="VZK667" s="613"/>
      <c r="VZL667" s="613"/>
      <c r="VZM667" s="613"/>
      <c r="VZN667" s="613"/>
      <c r="VZO667" s="613"/>
      <c r="VZP667" s="613"/>
      <c r="VZQ667" s="613"/>
      <c r="VZR667" s="613"/>
      <c r="VZS667" s="613"/>
      <c r="VZT667" s="613"/>
      <c r="VZU667" s="613"/>
      <c r="VZV667" s="613"/>
      <c r="VZW667" s="613"/>
      <c r="VZX667" s="613"/>
      <c r="VZY667" s="613"/>
      <c r="VZZ667" s="613"/>
      <c r="WAA667" s="613"/>
      <c r="WAB667" s="613"/>
      <c r="WAC667" s="613"/>
      <c r="WAD667" s="613"/>
      <c r="WAE667" s="613"/>
      <c r="WAF667" s="613"/>
      <c r="WAG667" s="613"/>
      <c r="WAH667" s="613"/>
      <c r="WAI667" s="613"/>
      <c r="WAJ667" s="613"/>
      <c r="WAK667" s="613"/>
      <c r="WAL667" s="613"/>
      <c r="WAM667" s="613"/>
      <c r="WAN667" s="613"/>
      <c r="WAO667" s="613"/>
      <c r="WAP667" s="613"/>
      <c r="WAQ667" s="613"/>
      <c r="WAR667" s="613"/>
      <c r="WAS667" s="613"/>
      <c r="WAT667" s="613"/>
      <c r="WAU667" s="613"/>
      <c r="WAV667" s="613"/>
      <c r="WAW667" s="613"/>
      <c r="WAX667" s="613"/>
      <c r="WAY667" s="613"/>
      <c r="WAZ667" s="613"/>
      <c r="WBA667" s="613"/>
      <c r="WBB667" s="613"/>
      <c r="WBC667" s="613"/>
      <c r="WBD667" s="613"/>
      <c r="WBE667" s="613"/>
      <c r="WBF667" s="613"/>
      <c r="WBG667" s="613"/>
      <c r="WBH667" s="613"/>
      <c r="WBI667" s="613"/>
      <c r="WBJ667" s="613"/>
      <c r="WBK667" s="613"/>
      <c r="WBL667" s="613"/>
      <c r="WBM667" s="613"/>
      <c r="WBN667" s="613"/>
      <c r="WBO667" s="613"/>
      <c r="WBP667" s="613"/>
      <c r="WBQ667" s="613"/>
      <c r="WBR667" s="613"/>
      <c r="WBS667" s="613"/>
      <c r="WBT667" s="613"/>
      <c r="WBU667" s="613"/>
      <c r="WBV667" s="613"/>
      <c r="WBW667" s="613"/>
      <c r="WBX667" s="613"/>
      <c r="WBY667" s="613"/>
      <c r="WBZ667" s="613"/>
      <c r="WCA667" s="613"/>
      <c r="WCB667" s="613"/>
      <c r="WCC667" s="613"/>
      <c r="WCD667" s="613"/>
      <c r="WCE667" s="613"/>
      <c r="WCF667" s="613"/>
      <c r="WCG667" s="613"/>
      <c r="WCH667" s="613"/>
      <c r="WCI667" s="613"/>
      <c r="WCJ667" s="613"/>
      <c r="WCK667" s="613"/>
      <c r="WCL667" s="613"/>
      <c r="WCM667" s="613"/>
      <c r="WCN667" s="613"/>
      <c r="WCO667" s="613"/>
      <c r="WCP667" s="613"/>
      <c r="WCQ667" s="613"/>
      <c r="WCR667" s="613"/>
      <c r="WCS667" s="613"/>
      <c r="WCT667" s="613"/>
      <c r="WCU667" s="613"/>
      <c r="WCV667" s="613"/>
      <c r="WCW667" s="613"/>
      <c r="WCX667" s="613"/>
      <c r="WCY667" s="613"/>
      <c r="WCZ667" s="613"/>
      <c r="WDA667" s="613"/>
      <c r="WDB667" s="613"/>
      <c r="WDC667" s="613"/>
      <c r="WDD667" s="613"/>
      <c r="WDE667" s="613"/>
      <c r="WDF667" s="613"/>
      <c r="WDG667" s="613"/>
      <c r="WDH667" s="613"/>
      <c r="WDI667" s="613"/>
      <c r="WDJ667" s="613"/>
      <c r="WDK667" s="613"/>
      <c r="WDL667" s="613"/>
      <c r="WDM667" s="613"/>
      <c r="WDN667" s="613"/>
      <c r="WDO667" s="613"/>
      <c r="WDP667" s="613"/>
      <c r="WDQ667" s="613"/>
      <c r="WDR667" s="613"/>
      <c r="WDS667" s="613"/>
      <c r="WDT667" s="613"/>
      <c r="WDU667" s="613"/>
      <c r="WDV667" s="613"/>
      <c r="WDW667" s="613"/>
      <c r="WDX667" s="613"/>
      <c r="WDY667" s="613"/>
      <c r="WDZ667" s="613"/>
      <c r="WEA667" s="613"/>
      <c r="WEB667" s="613"/>
      <c r="WEC667" s="613"/>
      <c r="WED667" s="613"/>
      <c r="WEE667" s="613"/>
      <c r="WEF667" s="613"/>
      <c r="WEG667" s="613"/>
      <c r="WEH667" s="613"/>
      <c r="WEI667" s="613"/>
      <c r="WEJ667" s="613"/>
      <c r="WEK667" s="613"/>
      <c r="WEL667" s="613"/>
      <c r="WEM667" s="613"/>
      <c r="WEN667" s="613"/>
      <c r="WEO667" s="613"/>
      <c r="WEP667" s="613"/>
      <c r="WEQ667" s="613"/>
      <c r="WER667" s="613"/>
      <c r="WES667" s="613"/>
      <c r="WET667" s="613"/>
      <c r="WEU667" s="613"/>
      <c r="WEV667" s="613"/>
      <c r="WEW667" s="613"/>
      <c r="WEX667" s="613"/>
      <c r="WEY667" s="613"/>
      <c r="WEZ667" s="613"/>
      <c r="WFA667" s="613"/>
      <c r="WFB667" s="613"/>
      <c r="WFC667" s="613"/>
      <c r="WFD667" s="613"/>
      <c r="WFE667" s="613"/>
      <c r="WFF667" s="613"/>
      <c r="WFG667" s="613"/>
      <c r="WFH667" s="613"/>
      <c r="WFI667" s="613"/>
      <c r="WFJ667" s="613"/>
      <c r="WFK667" s="613"/>
      <c r="WFL667" s="613"/>
      <c r="WFM667" s="613"/>
      <c r="WFN667" s="613"/>
      <c r="WFO667" s="613"/>
      <c r="WFP667" s="613"/>
      <c r="WFQ667" s="613"/>
      <c r="WFR667" s="613"/>
      <c r="WFS667" s="613"/>
      <c r="WFT667" s="613"/>
      <c r="WFU667" s="613"/>
      <c r="WFV667" s="613"/>
      <c r="WFW667" s="613"/>
      <c r="WFX667" s="613"/>
      <c r="WFY667" s="613"/>
      <c r="WFZ667" s="613"/>
      <c r="WGA667" s="613"/>
      <c r="WGB667" s="613"/>
      <c r="WGC667" s="613"/>
      <c r="WGD667" s="613"/>
      <c r="WGE667" s="613"/>
      <c r="WGF667" s="613"/>
      <c r="WGG667" s="613"/>
      <c r="WGH667" s="613"/>
      <c r="WGI667" s="613"/>
      <c r="WGJ667" s="613"/>
      <c r="WGK667" s="613"/>
      <c r="WGL667" s="613"/>
      <c r="WGM667" s="613"/>
      <c r="WGN667" s="613"/>
      <c r="WGO667" s="613"/>
      <c r="WGP667" s="613"/>
      <c r="WGQ667" s="613"/>
      <c r="WGR667" s="613"/>
      <c r="WGS667" s="613"/>
      <c r="WGT667" s="613"/>
      <c r="WGU667" s="613"/>
      <c r="WGV667" s="613"/>
      <c r="WGW667" s="613"/>
      <c r="WGX667" s="613"/>
      <c r="WGY667" s="613"/>
      <c r="WGZ667" s="613"/>
      <c r="WHA667" s="613"/>
      <c r="WHB667" s="613"/>
      <c r="WHC667" s="613"/>
      <c r="WHD667" s="613"/>
      <c r="WHE667" s="613"/>
      <c r="WHF667" s="613"/>
      <c r="WHG667" s="613"/>
      <c r="WHH667" s="613"/>
      <c r="WHI667" s="613"/>
      <c r="WHJ667" s="613"/>
      <c r="WHK667" s="613"/>
      <c r="WHL667" s="613"/>
      <c r="WHM667" s="613"/>
      <c r="WHN667" s="613"/>
      <c r="WHO667" s="613"/>
      <c r="WHP667" s="613"/>
      <c r="WHQ667" s="613"/>
      <c r="WHR667" s="613"/>
      <c r="WHS667" s="613"/>
      <c r="WHT667" s="613"/>
      <c r="WHU667" s="613"/>
      <c r="WHV667" s="613"/>
      <c r="WHW667" s="613"/>
      <c r="WHX667" s="613"/>
      <c r="WHY667" s="613"/>
      <c r="WHZ667" s="613"/>
      <c r="WIA667" s="613"/>
      <c r="WIB667" s="613"/>
      <c r="WIC667" s="613"/>
      <c r="WID667" s="613"/>
      <c r="WIE667" s="613"/>
      <c r="WIF667" s="613"/>
      <c r="WIG667" s="613"/>
      <c r="WIH667" s="613"/>
      <c r="WII667" s="613"/>
      <c r="WIJ667" s="613"/>
      <c r="WIK667" s="613"/>
      <c r="WIL667" s="613"/>
      <c r="WIM667" s="613"/>
      <c r="WIN667" s="613"/>
      <c r="WIO667" s="613"/>
      <c r="WIP667" s="613"/>
      <c r="WIQ667" s="613"/>
      <c r="WIR667" s="613"/>
      <c r="WIS667" s="613"/>
      <c r="WIT667" s="613"/>
      <c r="WIU667" s="613"/>
      <c r="WIV667" s="613"/>
      <c r="WIW667" s="613"/>
      <c r="WIX667" s="613"/>
      <c r="WIY667" s="613"/>
      <c r="WIZ667" s="613"/>
      <c r="WJA667" s="613"/>
      <c r="WJB667" s="613"/>
      <c r="WJC667" s="613"/>
      <c r="WJD667" s="613"/>
      <c r="WJE667" s="613"/>
      <c r="WJF667" s="613"/>
      <c r="WJG667" s="613"/>
      <c r="WJH667" s="613"/>
      <c r="WJI667" s="613"/>
      <c r="WJJ667" s="613"/>
      <c r="WJK667" s="613"/>
      <c r="WJL667" s="613"/>
      <c r="WJM667" s="613"/>
      <c r="WJN667" s="613"/>
      <c r="WJO667" s="613"/>
      <c r="WJP667" s="613"/>
      <c r="WJQ667" s="613"/>
      <c r="WJR667" s="613"/>
      <c r="WJS667" s="613"/>
      <c r="WJT667" s="613"/>
      <c r="WJU667" s="613"/>
      <c r="WJV667" s="613"/>
      <c r="WJW667" s="613"/>
      <c r="WJX667" s="613"/>
      <c r="WJY667" s="613"/>
      <c r="WJZ667" s="613"/>
      <c r="WKA667" s="613"/>
      <c r="WKB667" s="613"/>
      <c r="WKC667" s="613"/>
      <c r="WKD667" s="613"/>
      <c r="WKE667" s="613"/>
      <c r="WKF667" s="613"/>
      <c r="WKG667" s="613"/>
      <c r="WKH667" s="613"/>
      <c r="WKI667" s="613"/>
      <c r="WKJ667" s="613"/>
      <c r="WKK667" s="613"/>
      <c r="WKL667" s="613"/>
      <c r="WKM667" s="613"/>
      <c r="WKN667" s="613"/>
      <c r="WKO667" s="613"/>
      <c r="WKP667" s="613"/>
      <c r="WKQ667" s="613"/>
      <c r="WKR667" s="613"/>
      <c r="WKS667" s="613"/>
      <c r="WKT667" s="613"/>
      <c r="WKU667" s="613"/>
      <c r="WKV667" s="613"/>
      <c r="WKW667" s="613"/>
      <c r="WKX667" s="613"/>
      <c r="WKY667" s="613"/>
      <c r="WKZ667" s="613"/>
      <c r="WLA667" s="613"/>
      <c r="WLB667" s="613"/>
      <c r="WLC667" s="613"/>
      <c r="WLD667" s="613"/>
      <c r="WLE667" s="613"/>
      <c r="WLF667" s="613"/>
      <c r="WLG667" s="613"/>
      <c r="WLH667" s="613"/>
      <c r="WLI667" s="613"/>
      <c r="WLJ667" s="613"/>
      <c r="WLK667" s="613"/>
      <c r="WLL667" s="613"/>
      <c r="WLM667" s="613"/>
      <c r="WLN667" s="613"/>
      <c r="WLO667" s="613"/>
      <c r="WLP667" s="613"/>
      <c r="WLQ667" s="613"/>
      <c r="WLR667" s="613"/>
      <c r="WLS667" s="613"/>
      <c r="WLT667" s="613"/>
      <c r="WLU667" s="613"/>
      <c r="WLV667" s="613"/>
      <c r="WLW667" s="613"/>
      <c r="WLX667" s="613"/>
      <c r="WLY667" s="613"/>
      <c r="WLZ667" s="613"/>
      <c r="WMA667" s="613"/>
      <c r="WMB667" s="613"/>
      <c r="WMC667" s="613"/>
      <c r="WMD667" s="613"/>
      <c r="WME667" s="613"/>
      <c r="WMF667" s="613"/>
      <c r="WMG667" s="613"/>
      <c r="WMH667" s="613"/>
      <c r="WMI667" s="613"/>
      <c r="WMJ667" s="613"/>
      <c r="WMK667" s="613"/>
      <c r="WML667" s="613"/>
      <c r="WMM667" s="613"/>
      <c r="WMN667" s="613"/>
      <c r="WMO667" s="613"/>
      <c r="WMP667" s="613"/>
      <c r="WMQ667" s="613"/>
      <c r="WMR667" s="613"/>
      <c r="WMS667" s="613"/>
      <c r="WMT667" s="613"/>
      <c r="WMU667" s="613"/>
      <c r="WMV667" s="613"/>
      <c r="WMW667" s="613"/>
      <c r="WMX667" s="613"/>
      <c r="WMY667" s="613"/>
      <c r="WMZ667" s="613"/>
      <c r="WNA667" s="613"/>
      <c r="WNB667" s="613"/>
      <c r="WNC667" s="613"/>
      <c r="WND667" s="613"/>
      <c r="WNE667" s="613"/>
      <c r="WNF667" s="613"/>
      <c r="WNG667" s="613"/>
      <c r="WNH667" s="613"/>
      <c r="WNI667" s="613"/>
      <c r="WNJ667" s="613"/>
      <c r="WNK667" s="613"/>
      <c r="WNL667" s="613"/>
      <c r="WNM667" s="613"/>
      <c r="WNN667" s="613"/>
      <c r="WNO667" s="613"/>
      <c r="WNP667" s="613"/>
      <c r="WNQ667" s="613"/>
      <c r="WNR667" s="613"/>
      <c r="WNS667" s="613"/>
      <c r="WNT667" s="613"/>
      <c r="WNU667" s="613"/>
      <c r="WNV667" s="613"/>
      <c r="WNW667" s="613"/>
      <c r="WNX667" s="613"/>
      <c r="WNY667" s="613"/>
      <c r="WNZ667" s="613"/>
      <c r="WOA667" s="613"/>
      <c r="WOB667" s="613"/>
      <c r="WOC667" s="613"/>
      <c r="WOD667" s="613"/>
      <c r="WOE667" s="613"/>
      <c r="WOF667" s="613"/>
      <c r="WOG667" s="613"/>
      <c r="WOH667" s="613"/>
      <c r="WOI667" s="613"/>
      <c r="WOJ667" s="613"/>
      <c r="WOK667" s="613"/>
      <c r="WOL667" s="613"/>
      <c r="WOM667" s="613"/>
      <c r="WON667" s="613"/>
      <c r="WOO667" s="613"/>
      <c r="WOP667" s="613"/>
      <c r="WOQ667" s="613"/>
      <c r="WOR667" s="613"/>
      <c r="WOS667" s="613"/>
      <c r="WOT667" s="613"/>
      <c r="WOU667" s="613"/>
      <c r="WOV667" s="613"/>
      <c r="WOW667" s="613"/>
      <c r="WOX667" s="613"/>
      <c r="WOY667" s="613"/>
      <c r="WOZ667" s="613"/>
      <c r="WPA667" s="613"/>
      <c r="WPB667" s="613"/>
      <c r="WPC667" s="613"/>
      <c r="WPD667" s="613"/>
      <c r="WPE667" s="613"/>
      <c r="WPF667" s="613"/>
      <c r="WPG667" s="613"/>
      <c r="WPH667" s="613"/>
      <c r="WPI667" s="613"/>
      <c r="WPJ667" s="613"/>
      <c r="WPK667" s="613"/>
      <c r="WPL667" s="613"/>
      <c r="WPM667" s="613"/>
      <c r="WPN667" s="613"/>
      <c r="WPO667" s="613"/>
      <c r="WPP667" s="613"/>
      <c r="WPQ667" s="613"/>
      <c r="WPR667" s="613"/>
      <c r="WPS667" s="613"/>
      <c r="WPT667" s="613"/>
      <c r="WPU667" s="613"/>
      <c r="WPV667" s="613"/>
      <c r="WPW667" s="613"/>
      <c r="WPX667" s="613"/>
      <c r="WPY667" s="613"/>
      <c r="WPZ667" s="613"/>
      <c r="WQA667" s="613"/>
      <c r="WQB667" s="613"/>
      <c r="WQC667" s="613"/>
      <c r="WQD667" s="613"/>
      <c r="WQE667" s="613"/>
      <c r="WQF667" s="613"/>
      <c r="WQG667" s="613"/>
      <c r="WQH667" s="613"/>
      <c r="WQI667" s="613"/>
      <c r="WQJ667" s="613"/>
      <c r="WQK667" s="613"/>
      <c r="WQL667" s="613"/>
      <c r="WQM667" s="613"/>
      <c r="WQN667" s="613"/>
      <c r="WQO667" s="613"/>
      <c r="WQP667" s="613"/>
      <c r="WQQ667" s="613"/>
      <c r="WQR667" s="613"/>
      <c r="WQS667" s="613"/>
      <c r="WQT667" s="613"/>
      <c r="WQU667" s="613"/>
      <c r="WQV667" s="613"/>
      <c r="WQW667" s="613"/>
      <c r="WQX667" s="613"/>
      <c r="WQY667" s="613"/>
      <c r="WQZ667" s="613"/>
      <c r="WRA667" s="613"/>
      <c r="WRB667" s="613"/>
      <c r="WRC667" s="613"/>
      <c r="WRD667" s="613"/>
      <c r="WRE667" s="613"/>
      <c r="WRF667" s="613"/>
      <c r="WRG667" s="613"/>
      <c r="WRH667" s="613"/>
      <c r="WRI667" s="613"/>
      <c r="WRJ667" s="613"/>
      <c r="WRK667" s="613"/>
      <c r="WRL667" s="613"/>
      <c r="WRM667" s="613"/>
      <c r="WRN667" s="613"/>
      <c r="WRO667" s="613"/>
      <c r="WRP667" s="613"/>
      <c r="WRQ667" s="613"/>
      <c r="WRR667" s="613"/>
      <c r="WRS667" s="613"/>
      <c r="WRT667" s="613"/>
      <c r="WRU667" s="613"/>
      <c r="WRV667" s="613"/>
      <c r="WRW667" s="613"/>
      <c r="WRX667" s="613"/>
      <c r="WRY667" s="613"/>
      <c r="WRZ667" s="613"/>
      <c r="WSA667" s="613"/>
      <c r="WSB667" s="613"/>
      <c r="WSC667" s="613"/>
      <c r="WSD667" s="613"/>
      <c r="WSE667" s="613"/>
      <c r="WSF667" s="613"/>
      <c r="WSG667" s="613"/>
      <c r="WSH667" s="613"/>
      <c r="WSI667" s="613"/>
      <c r="WSJ667" s="613"/>
      <c r="WSK667" s="613"/>
      <c r="WSL667" s="613"/>
      <c r="WSM667" s="613"/>
      <c r="WSN667" s="613"/>
      <c r="WSO667" s="613"/>
      <c r="WSP667" s="613"/>
      <c r="WSQ667" s="613"/>
      <c r="WSR667" s="613"/>
      <c r="WSS667" s="613"/>
      <c r="WST667" s="613"/>
      <c r="WSU667" s="613"/>
      <c r="WSV667" s="613"/>
      <c r="WSW667" s="613"/>
      <c r="WSX667" s="613"/>
      <c r="WSY667" s="613"/>
      <c r="WSZ667" s="613"/>
      <c r="WTA667" s="613"/>
      <c r="WTB667" s="613"/>
      <c r="WTC667" s="613"/>
      <c r="WTD667" s="613"/>
      <c r="WTE667" s="613"/>
      <c r="WTF667" s="613"/>
      <c r="WTG667" s="613"/>
      <c r="WTH667" s="613"/>
      <c r="WTI667" s="613"/>
      <c r="WTJ667" s="613"/>
      <c r="WTK667" s="613"/>
      <c r="WTL667" s="613"/>
      <c r="WTM667" s="613"/>
      <c r="WTN667" s="613"/>
      <c r="WTO667" s="613"/>
      <c r="WTP667" s="613"/>
      <c r="WTQ667" s="613"/>
      <c r="WTR667" s="613"/>
      <c r="WTS667" s="613"/>
      <c r="WTT667" s="613"/>
      <c r="WTU667" s="613"/>
      <c r="WTV667" s="613"/>
      <c r="WTW667" s="613"/>
      <c r="WTX667" s="613"/>
      <c r="WTY667" s="613"/>
      <c r="WTZ667" s="613"/>
      <c r="WUA667" s="613"/>
      <c r="WUB667" s="613"/>
      <c r="WUC667" s="613"/>
      <c r="WUD667" s="613"/>
      <c r="WUE667" s="613"/>
      <c r="WUF667" s="613"/>
      <c r="WUG667" s="613"/>
      <c r="WUH667" s="613"/>
      <c r="WUI667" s="613"/>
      <c r="WUJ667" s="613"/>
      <c r="WUK667" s="613"/>
      <c r="WUL667" s="613"/>
      <c r="WUM667" s="613"/>
      <c r="WUN667" s="613"/>
      <c r="WUO667" s="613"/>
      <c r="WUP667" s="613"/>
      <c r="WUQ667" s="613"/>
      <c r="WUR667" s="613"/>
      <c r="WUS667" s="613"/>
      <c r="WUT667" s="613"/>
      <c r="WUU667" s="613"/>
      <c r="WUV667" s="613"/>
      <c r="WUW667" s="613"/>
      <c r="WUX667" s="613"/>
      <c r="WUY667" s="613"/>
      <c r="WUZ667" s="613"/>
      <c r="WVA667" s="613"/>
      <c r="WVB667" s="613"/>
      <c r="WVC667" s="613"/>
      <c r="WVD667" s="613"/>
      <c r="WVE667" s="613"/>
      <c r="WVF667" s="613"/>
      <c r="WVG667" s="613"/>
      <c r="WVH667" s="613"/>
      <c r="WVI667" s="613"/>
      <c r="WVJ667" s="613"/>
      <c r="WVK667" s="613"/>
      <c r="WVL667" s="613"/>
      <c r="WVM667" s="613"/>
      <c r="WVN667" s="613"/>
      <c r="WVO667" s="613"/>
      <c r="WVP667" s="613"/>
      <c r="WVQ667" s="613"/>
      <c r="WVR667" s="613"/>
      <c r="WVS667" s="613"/>
      <c r="WVT667" s="613"/>
      <c r="WVU667" s="613"/>
      <c r="WVV667" s="613"/>
      <c r="WVW667" s="613"/>
      <c r="WVX667" s="613"/>
      <c r="WVY667" s="613"/>
      <c r="WVZ667" s="613"/>
      <c r="WWA667" s="613"/>
      <c r="WWB667" s="613"/>
      <c r="WWC667" s="613"/>
      <c r="WWD667" s="613"/>
      <c r="WWE667" s="613"/>
      <c r="WWF667" s="613"/>
      <c r="WWG667" s="613"/>
      <c r="WWH667" s="613"/>
      <c r="WWI667" s="613"/>
      <c r="WWJ667" s="613"/>
      <c r="WWK667" s="613"/>
      <c r="WWL667" s="613"/>
      <c r="WWM667" s="613"/>
      <c r="WWN667" s="613"/>
      <c r="WWO667" s="613"/>
      <c r="WWP667" s="613"/>
      <c r="WWQ667" s="613"/>
      <c r="WWR667" s="613"/>
      <c r="WWS667" s="613"/>
      <c r="WWT667" s="613"/>
      <c r="WWU667" s="613"/>
      <c r="WWV667" s="613"/>
      <c r="WWW667" s="613"/>
      <c r="WWX667" s="613"/>
      <c r="WWY667" s="613"/>
      <c r="WWZ667" s="613"/>
      <c r="WXA667" s="613"/>
      <c r="WXB667" s="613"/>
      <c r="WXC667" s="613"/>
      <c r="WXD667" s="613"/>
      <c r="WXE667" s="613"/>
      <c r="WXF667" s="613"/>
      <c r="WXG667" s="613"/>
      <c r="WXH667" s="613"/>
      <c r="WXI667" s="613"/>
      <c r="WXJ667" s="613"/>
      <c r="WXK667" s="613"/>
      <c r="WXL667" s="613"/>
      <c r="WXM667" s="613"/>
      <c r="WXN667" s="613"/>
      <c r="WXO667" s="613"/>
      <c r="WXP667" s="613"/>
      <c r="WXQ667" s="613"/>
      <c r="WXR667" s="613"/>
      <c r="WXS667" s="613"/>
      <c r="WXT667" s="613"/>
      <c r="WXU667" s="613"/>
      <c r="WXV667" s="613"/>
      <c r="WXW667" s="613"/>
      <c r="WXX667" s="613"/>
      <c r="WXY667" s="613"/>
      <c r="WXZ667" s="613"/>
      <c r="WYA667" s="613"/>
      <c r="WYB667" s="613"/>
      <c r="WYC667" s="613"/>
      <c r="WYD667" s="613"/>
      <c r="WYE667" s="613"/>
      <c r="WYF667" s="613"/>
      <c r="WYG667" s="613"/>
      <c r="WYH667" s="613"/>
      <c r="WYI667" s="613"/>
      <c r="WYJ667" s="613"/>
      <c r="WYK667" s="613"/>
      <c r="WYL667" s="613"/>
      <c r="WYM667" s="613"/>
      <c r="WYN667" s="613"/>
      <c r="WYO667" s="613"/>
      <c r="WYP667" s="613"/>
      <c r="WYQ667" s="613"/>
      <c r="WYR667" s="613"/>
      <c r="WYS667" s="613"/>
      <c r="WYT667" s="613"/>
      <c r="WYU667" s="613"/>
      <c r="WYV667" s="613"/>
      <c r="WYW667" s="613"/>
      <c r="WYX667" s="613"/>
      <c r="WYY667" s="613"/>
      <c r="WYZ667" s="613"/>
      <c r="WZA667" s="613"/>
      <c r="WZB667" s="613"/>
      <c r="WZC667" s="613"/>
      <c r="WZD667" s="613"/>
      <c r="WZE667" s="613"/>
      <c r="WZF667" s="613"/>
      <c r="WZG667" s="613"/>
      <c r="WZH667" s="613"/>
      <c r="WZI667" s="613"/>
      <c r="WZJ667" s="613"/>
      <c r="WZK667" s="613"/>
      <c r="WZL667" s="613"/>
      <c r="WZM667" s="613"/>
      <c r="WZN667" s="613"/>
      <c r="WZO667" s="613"/>
      <c r="WZP667" s="613"/>
      <c r="WZQ667" s="613"/>
      <c r="WZR667" s="613"/>
      <c r="WZS667" s="613"/>
      <c r="WZT667" s="613"/>
      <c r="WZU667" s="613"/>
      <c r="WZV667" s="613"/>
      <c r="WZW667" s="613"/>
      <c r="WZX667" s="613"/>
      <c r="WZY667" s="613"/>
      <c r="WZZ667" s="613"/>
      <c r="XAA667" s="613"/>
      <c r="XAB667" s="613"/>
      <c r="XAC667" s="613"/>
      <c r="XAD667" s="613"/>
      <c r="XAE667" s="613"/>
      <c r="XAF667" s="613"/>
      <c r="XAG667" s="613"/>
      <c r="XAH667" s="613"/>
      <c r="XAI667" s="613"/>
      <c r="XAJ667" s="613"/>
      <c r="XAK667" s="613"/>
      <c r="XAL667" s="613"/>
      <c r="XAM667" s="613"/>
      <c r="XAN667" s="613"/>
      <c r="XAO667" s="613"/>
      <c r="XAP667" s="613"/>
      <c r="XAQ667" s="613"/>
      <c r="XAR667" s="613"/>
      <c r="XAS667" s="613"/>
      <c r="XAT667" s="613"/>
      <c r="XAU667" s="613"/>
      <c r="XAV667" s="613"/>
      <c r="XAW667" s="613"/>
      <c r="XAX667" s="613"/>
      <c r="XAY667" s="613"/>
      <c r="XAZ667" s="613"/>
      <c r="XBA667" s="613"/>
      <c r="XBB667" s="613"/>
      <c r="XBC667" s="613"/>
      <c r="XBD667" s="613"/>
      <c r="XBE667" s="613"/>
      <c r="XBF667" s="613"/>
      <c r="XBG667" s="613"/>
      <c r="XBH667" s="613"/>
      <c r="XBI667" s="613"/>
      <c r="XBJ667" s="613"/>
      <c r="XBK667" s="613"/>
      <c r="XBL667" s="613"/>
      <c r="XBM667" s="613"/>
      <c r="XBN667" s="613"/>
      <c r="XBO667" s="613"/>
      <c r="XBP667" s="613"/>
      <c r="XBQ667" s="613"/>
      <c r="XBR667" s="613"/>
      <c r="XBS667" s="613"/>
      <c r="XBT667" s="613"/>
      <c r="XBU667" s="613"/>
      <c r="XBV667" s="613"/>
      <c r="XBW667" s="613"/>
      <c r="XBX667" s="613"/>
      <c r="XBY667" s="613"/>
      <c r="XBZ667" s="613"/>
      <c r="XCA667" s="613"/>
      <c r="XCB667" s="613"/>
      <c r="XCC667" s="613"/>
      <c r="XCD667" s="613"/>
      <c r="XCE667" s="613"/>
      <c r="XCF667" s="613"/>
      <c r="XCG667" s="613"/>
      <c r="XCH667" s="613"/>
      <c r="XCI667" s="613"/>
      <c r="XCJ667" s="613"/>
      <c r="XCK667" s="613"/>
      <c r="XCL667" s="613"/>
      <c r="XCM667" s="613"/>
      <c r="XCN667" s="613"/>
      <c r="XCO667" s="613"/>
      <c r="XCP667" s="613"/>
      <c r="XCQ667" s="613"/>
    </row>
    <row r="668" spans="1:16319" ht="56.1" customHeight="1" x14ac:dyDescent="0.2">
      <c r="A668" s="494"/>
      <c r="B668" s="494"/>
      <c r="C668" s="494"/>
      <c r="D668" s="481">
        <v>226</v>
      </c>
      <c r="E668" s="481"/>
      <c r="F668" s="481" t="s">
        <v>2481</v>
      </c>
      <c r="G668" s="482" t="s">
        <v>53</v>
      </c>
      <c r="H668" s="481" t="s">
        <v>329</v>
      </c>
      <c r="I668" s="654" t="s">
        <v>456</v>
      </c>
      <c r="J668" s="654" t="s">
        <v>369</v>
      </c>
      <c r="K668" s="495" t="s">
        <v>471</v>
      </c>
      <c r="L668" s="621"/>
      <c r="M668" s="484" t="s">
        <v>58</v>
      </c>
      <c r="N668" s="327" t="s">
        <v>1374</v>
      </c>
      <c r="O668" s="484" t="s">
        <v>2996</v>
      </c>
      <c r="P668" s="484" t="s">
        <v>81</v>
      </c>
      <c r="Q668" s="667" t="s">
        <v>334</v>
      </c>
      <c r="R668" s="484" t="s">
        <v>334</v>
      </c>
      <c r="S668" s="484" t="s">
        <v>377</v>
      </c>
      <c r="T668" s="484"/>
      <c r="U668" s="620" t="s">
        <v>63</v>
      </c>
      <c r="V668" s="620" t="s">
        <v>63</v>
      </c>
      <c r="W668" s="723">
        <v>6542.2167403967242</v>
      </c>
      <c r="X668" s="723"/>
      <c r="Y668" s="654" t="s">
        <v>226</v>
      </c>
      <c r="Z668" s="654"/>
      <c r="AA668" s="723">
        <v>6542.2167403967242</v>
      </c>
      <c r="AB668" s="652" t="s">
        <v>82</v>
      </c>
      <c r="AC668" s="652"/>
      <c r="AD668" s="496"/>
      <c r="AE668" s="496"/>
      <c r="AF668" s="496"/>
      <c r="AG668" s="496"/>
      <c r="AH668" s="496"/>
      <c r="AI668" s="487"/>
      <c r="AJ668" s="496"/>
      <c r="AK668" s="496"/>
      <c r="AL668" s="496"/>
      <c r="AM668" s="496"/>
      <c r="AN668" s="496"/>
      <c r="AO668" s="496"/>
      <c r="AP668" s="496"/>
      <c r="AQ668" s="496"/>
      <c r="AR668" s="496"/>
      <c r="AS668" s="496" t="s">
        <v>66</v>
      </c>
      <c r="AT668" s="496"/>
      <c r="AU668" s="487"/>
      <c r="AV668" s="487"/>
      <c r="AW668" s="487"/>
      <c r="AX668" s="487"/>
      <c r="AY668" s="487"/>
      <c r="AZ668" s="487"/>
      <c r="BA668" s="484"/>
      <c r="BB668" s="484"/>
      <c r="BC668" s="484"/>
      <c r="BD668" s="494"/>
      <c r="BE668" s="494"/>
      <c r="BF668" s="613"/>
      <c r="BG668" s="613"/>
      <c r="BH668" s="613"/>
      <c r="BI668" s="613"/>
      <c r="BJ668" s="613"/>
      <c r="BK668" s="613"/>
      <c r="BL668" s="613"/>
      <c r="BM668" s="613"/>
      <c r="BN668" s="613"/>
      <c r="BO668" s="613"/>
      <c r="BP668" s="613"/>
      <c r="BQ668" s="613"/>
      <c r="BR668" s="613"/>
      <c r="BS668" s="613"/>
      <c r="BT668" s="613"/>
      <c r="BU668" s="613"/>
      <c r="BV668" s="613"/>
      <c r="BW668" s="613"/>
      <c r="BX668" s="613"/>
      <c r="BY668" s="613"/>
      <c r="BZ668" s="613"/>
      <c r="CA668" s="613"/>
      <c r="CB668" s="613"/>
      <c r="CC668" s="613"/>
      <c r="CD668" s="613"/>
      <c r="CE668" s="613"/>
      <c r="CF668" s="613"/>
      <c r="CG668" s="613"/>
      <c r="CH668" s="613"/>
      <c r="CI668" s="613"/>
      <c r="CJ668" s="613"/>
      <c r="CK668" s="613"/>
      <c r="CL668" s="613"/>
      <c r="CM668" s="613"/>
      <c r="CN668" s="613"/>
      <c r="CO668" s="613"/>
      <c r="CP668" s="613"/>
      <c r="CQ668" s="613"/>
      <c r="CR668" s="613"/>
      <c r="CS668" s="613"/>
      <c r="CT668" s="613"/>
      <c r="CU668" s="613"/>
      <c r="CV668" s="613"/>
      <c r="CW668" s="613"/>
      <c r="CX668" s="613"/>
      <c r="CY668" s="613"/>
      <c r="CZ668" s="613"/>
      <c r="DA668" s="613"/>
      <c r="DB668" s="613"/>
      <c r="DC668" s="613"/>
      <c r="DD668" s="613"/>
      <c r="DE668" s="613"/>
      <c r="DF668" s="613"/>
      <c r="DG668" s="613"/>
      <c r="DH668" s="613"/>
      <c r="DI668" s="613"/>
      <c r="DJ668" s="613"/>
      <c r="DK668" s="613"/>
      <c r="DL668" s="613"/>
      <c r="DM668" s="613"/>
      <c r="DN668" s="613"/>
      <c r="DO668" s="613"/>
      <c r="DP668" s="613"/>
      <c r="DQ668" s="613"/>
      <c r="DR668" s="613"/>
      <c r="DS668" s="613"/>
      <c r="DT668" s="613"/>
      <c r="DU668" s="613"/>
      <c r="DV668" s="613"/>
      <c r="DW668" s="613"/>
      <c r="DX668" s="613"/>
      <c r="DY668" s="613"/>
      <c r="DZ668" s="613"/>
      <c r="EA668" s="613"/>
      <c r="EB668" s="613"/>
      <c r="EC668" s="613"/>
      <c r="ED668" s="613"/>
      <c r="EE668" s="613"/>
      <c r="EF668" s="613"/>
      <c r="EG668" s="613"/>
      <c r="EH668" s="613"/>
      <c r="EI668" s="613"/>
      <c r="EJ668" s="613"/>
      <c r="EK668" s="613"/>
      <c r="EL668" s="613"/>
      <c r="EM668" s="613"/>
      <c r="EN668" s="613"/>
      <c r="EO668" s="613"/>
      <c r="EP668" s="613"/>
      <c r="EQ668" s="613"/>
      <c r="ER668" s="613"/>
      <c r="ES668" s="613"/>
      <c r="ET668" s="613"/>
      <c r="EU668" s="613"/>
      <c r="EV668" s="613"/>
      <c r="EW668" s="613"/>
      <c r="EX668" s="613"/>
      <c r="EY668" s="613"/>
      <c r="EZ668" s="613"/>
      <c r="FA668" s="613"/>
      <c r="FB668" s="613"/>
      <c r="FC668" s="613"/>
      <c r="FD668" s="613"/>
      <c r="FE668" s="613"/>
      <c r="FF668" s="613"/>
      <c r="FG668" s="613"/>
      <c r="FH668" s="613"/>
      <c r="FI668" s="613"/>
      <c r="FJ668" s="613"/>
      <c r="FK668" s="613"/>
      <c r="FL668" s="613"/>
      <c r="FM668" s="613"/>
      <c r="FN668" s="613"/>
      <c r="FO668" s="613"/>
      <c r="FP668" s="613"/>
      <c r="FQ668" s="613"/>
      <c r="FR668" s="613"/>
      <c r="FS668" s="613"/>
      <c r="FT668" s="613"/>
      <c r="FU668" s="613"/>
      <c r="FV668" s="613"/>
      <c r="FW668" s="613"/>
      <c r="FX668" s="613"/>
      <c r="FY668" s="613"/>
      <c r="FZ668" s="613"/>
      <c r="GA668" s="613"/>
      <c r="GB668" s="613"/>
      <c r="GC668" s="613"/>
      <c r="GD668" s="613"/>
      <c r="GE668" s="613"/>
      <c r="GF668" s="613"/>
      <c r="GG668" s="613"/>
      <c r="GH668" s="613"/>
      <c r="GI668" s="613"/>
      <c r="GJ668" s="613"/>
      <c r="GK668" s="613"/>
      <c r="GL668" s="613"/>
      <c r="GM668" s="613"/>
      <c r="GN668" s="613"/>
      <c r="GO668" s="613"/>
      <c r="GP668" s="613"/>
      <c r="GQ668" s="613"/>
      <c r="GR668" s="613"/>
      <c r="GS668" s="613"/>
      <c r="GT668" s="613"/>
      <c r="GU668" s="613"/>
      <c r="GV668" s="613"/>
      <c r="GW668" s="613"/>
      <c r="GX668" s="613"/>
      <c r="GY668" s="613"/>
      <c r="GZ668" s="613"/>
      <c r="HA668" s="613"/>
      <c r="HB668" s="613"/>
      <c r="HC668" s="613"/>
      <c r="HD668" s="613"/>
      <c r="HE668" s="613"/>
      <c r="HF668" s="613"/>
      <c r="HG668" s="613"/>
      <c r="HH668" s="613"/>
      <c r="HI668" s="613"/>
      <c r="HJ668" s="613"/>
      <c r="HK668" s="613"/>
      <c r="HL668" s="613"/>
      <c r="HM668" s="613"/>
      <c r="HN668" s="613"/>
      <c r="HO668" s="613"/>
      <c r="HP668" s="613"/>
      <c r="HQ668" s="613"/>
      <c r="HR668" s="613"/>
      <c r="HS668" s="613"/>
      <c r="HT668" s="613"/>
      <c r="HU668" s="613"/>
      <c r="HV668" s="613"/>
      <c r="HW668" s="613"/>
      <c r="HX668" s="613"/>
      <c r="HY668" s="613"/>
      <c r="HZ668" s="613"/>
      <c r="IA668" s="613"/>
      <c r="IB668" s="613"/>
      <c r="IC668" s="613"/>
      <c r="ID668" s="613"/>
      <c r="IE668" s="613"/>
      <c r="IF668" s="613"/>
      <c r="IG668" s="613"/>
      <c r="IH668" s="613"/>
      <c r="II668" s="613"/>
      <c r="IJ668" s="613"/>
      <c r="IK668" s="613"/>
      <c r="IL668" s="613"/>
      <c r="IM668" s="613"/>
      <c r="IN668" s="613"/>
      <c r="IO668" s="613"/>
      <c r="IP668" s="613"/>
      <c r="IQ668" s="613"/>
      <c r="IR668" s="613"/>
      <c r="IS668" s="613"/>
      <c r="IT668" s="613"/>
      <c r="IU668" s="613"/>
      <c r="IV668" s="613"/>
      <c r="IW668" s="613"/>
      <c r="IX668" s="613"/>
      <c r="IY668" s="613"/>
      <c r="IZ668" s="613"/>
      <c r="JA668" s="613"/>
      <c r="JB668" s="613"/>
      <c r="JC668" s="613"/>
      <c r="JD668" s="613"/>
      <c r="JE668" s="613"/>
      <c r="JF668" s="613"/>
      <c r="JG668" s="613"/>
      <c r="JH668" s="613"/>
      <c r="JI668" s="613"/>
      <c r="JJ668" s="613"/>
      <c r="JK668" s="613"/>
      <c r="JL668" s="613"/>
      <c r="JM668" s="613"/>
      <c r="JN668" s="613"/>
      <c r="JO668" s="613"/>
      <c r="JP668" s="613"/>
      <c r="JQ668" s="613"/>
      <c r="JR668" s="613"/>
      <c r="JS668" s="613"/>
      <c r="JT668" s="613"/>
      <c r="JU668" s="613"/>
      <c r="JV668" s="613"/>
      <c r="JW668" s="613"/>
      <c r="JX668" s="613"/>
      <c r="JY668" s="613"/>
      <c r="JZ668" s="613"/>
      <c r="KA668" s="613"/>
      <c r="KB668" s="613"/>
      <c r="KC668" s="613"/>
      <c r="KD668" s="613"/>
      <c r="KE668" s="613"/>
      <c r="KF668" s="613"/>
      <c r="KG668" s="613"/>
      <c r="KH668" s="613"/>
      <c r="KI668" s="613"/>
      <c r="KJ668" s="613"/>
      <c r="KK668" s="613"/>
      <c r="KL668" s="613"/>
      <c r="KM668" s="613"/>
      <c r="KN668" s="613"/>
      <c r="KO668" s="613"/>
      <c r="KP668" s="613"/>
      <c r="KQ668" s="613"/>
      <c r="KR668" s="613"/>
      <c r="KS668" s="613"/>
      <c r="KT668" s="613"/>
      <c r="KU668" s="613"/>
      <c r="KV668" s="613"/>
      <c r="KW668" s="613"/>
      <c r="KX668" s="613"/>
      <c r="KY668" s="613"/>
      <c r="KZ668" s="613"/>
      <c r="LA668" s="613"/>
      <c r="LB668" s="613"/>
      <c r="LC668" s="613"/>
      <c r="LD668" s="613"/>
      <c r="LE668" s="613"/>
      <c r="LF668" s="613"/>
      <c r="LG668" s="613"/>
      <c r="LH668" s="613"/>
      <c r="LI668" s="613"/>
      <c r="LJ668" s="613"/>
      <c r="LK668" s="613"/>
      <c r="LL668" s="613"/>
      <c r="LM668" s="613"/>
      <c r="LN668" s="613"/>
      <c r="LO668" s="613"/>
      <c r="LP668" s="613"/>
      <c r="LQ668" s="613"/>
      <c r="LR668" s="613"/>
      <c r="LS668" s="613"/>
      <c r="LT668" s="613"/>
      <c r="LU668" s="613"/>
      <c r="LV668" s="613"/>
      <c r="LW668" s="613"/>
      <c r="LX668" s="613"/>
      <c r="LY668" s="613"/>
      <c r="LZ668" s="613"/>
      <c r="MA668" s="613"/>
      <c r="MB668" s="613"/>
      <c r="MC668" s="613"/>
      <c r="MD668" s="613"/>
      <c r="ME668" s="613"/>
      <c r="MF668" s="613"/>
      <c r="MG668" s="613"/>
      <c r="MH668" s="613"/>
      <c r="MI668" s="613"/>
      <c r="MJ668" s="613"/>
      <c r="MK668" s="613"/>
      <c r="ML668" s="613"/>
      <c r="MM668" s="613"/>
      <c r="MN668" s="613"/>
      <c r="MO668" s="613"/>
      <c r="MP668" s="613"/>
      <c r="MQ668" s="613"/>
      <c r="MR668" s="613"/>
      <c r="MS668" s="613"/>
      <c r="MT668" s="613"/>
      <c r="MU668" s="613"/>
      <c r="MV668" s="613"/>
      <c r="MW668" s="613"/>
      <c r="MX668" s="613"/>
      <c r="MY668" s="613"/>
      <c r="MZ668" s="613"/>
      <c r="NA668" s="613"/>
      <c r="NB668" s="613"/>
      <c r="NC668" s="613"/>
      <c r="ND668" s="613"/>
      <c r="NE668" s="613"/>
      <c r="NF668" s="613"/>
      <c r="NG668" s="613"/>
      <c r="NH668" s="613"/>
      <c r="NI668" s="613"/>
      <c r="NJ668" s="613"/>
      <c r="NK668" s="613"/>
      <c r="NL668" s="613"/>
      <c r="NM668" s="613"/>
      <c r="NN668" s="613"/>
      <c r="NO668" s="613"/>
      <c r="NP668" s="613"/>
      <c r="NQ668" s="613"/>
      <c r="NR668" s="613"/>
      <c r="NS668" s="613"/>
      <c r="NT668" s="613"/>
      <c r="NU668" s="613"/>
      <c r="NV668" s="613"/>
      <c r="NW668" s="613"/>
      <c r="NX668" s="613"/>
      <c r="NY668" s="613"/>
      <c r="NZ668" s="613"/>
      <c r="OA668" s="613"/>
      <c r="OB668" s="613"/>
      <c r="OC668" s="613"/>
      <c r="OD668" s="613"/>
      <c r="OE668" s="613"/>
      <c r="OF668" s="613"/>
      <c r="OG668" s="613"/>
      <c r="OH668" s="613"/>
      <c r="OI668" s="613"/>
      <c r="OJ668" s="613"/>
      <c r="OK668" s="613"/>
      <c r="OL668" s="613"/>
      <c r="OM668" s="613"/>
      <c r="ON668" s="613"/>
      <c r="OO668" s="613"/>
      <c r="OP668" s="613"/>
      <c r="OQ668" s="613"/>
      <c r="OR668" s="613"/>
      <c r="OS668" s="613"/>
      <c r="OT668" s="613"/>
      <c r="OU668" s="613"/>
      <c r="OV668" s="613"/>
      <c r="OW668" s="613"/>
      <c r="OX668" s="613"/>
      <c r="OY668" s="613"/>
      <c r="OZ668" s="613"/>
      <c r="PA668" s="613"/>
      <c r="PB668" s="613"/>
      <c r="PC668" s="613"/>
      <c r="PD668" s="613"/>
      <c r="PE668" s="613"/>
      <c r="PF668" s="613"/>
      <c r="PG668" s="613"/>
      <c r="PH668" s="613"/>
      <c r="PI668" s="613"/>
      <c r="PJ668" s="613"/>
      <c r="PK668" s="613"/>
      <c r="PL668" s="613"/>
      <c r="PM668" s="613"/>
      <c r="PN668" s="613"/>
      <c r="PO668" s="613"/>
      <c r="PP668" s="613"/>
      <c r="PQ668" s="613"/>
      <c r="PR668" s="613"/>
      <c r="PS668" s="613"/>
      <c r="PT668" s="613"/>
      <c r="PU668" s="613"/>
      <c r="PV668" s="613"/>
      <c r="PW668" s="613"/>
      <c r="PX668" s="613"/>
      <c r="PY668" s="613"/>
      <c r="PZ668" s="613"/>
      <c r="QA668" s="613"/>
      <c r="QB668" s="613"/>
      <c r="QC668" s="613"/>
      <c r="QD668" s="613"/>
      <c r="QE668" s="613"/>
      <c r="QF668" s="613"/>
      <c r="QG668" s="613"/>
      <c r="QH668" s="613"/>
      <c r="QI668" s="613"/>
      <c r="QJ668" s="613"/>
      <c r="QK668" s="613"/>
      <c r="QL668" s="613"/>
      <c r="QM668" s="613"/>
      <c r="QN668" s="613"/>
      <c r="QO668" s="613"/>
      <c r="QP668" s="613"/>
      <c r="QQ668" s="613"/>
      <c r="QR668" s="613"/>
      <c r="QS668" s="613"/>
      <c r="QT668" s="613"/>
      <c r="QU668" s="613"/>
      <c r="QV668" s="613"/>
      <c r="QW668" s="613"/>
      <c r="QX668" s="613"/>
      <c r="QY668" s="613"/>
      <c r="QZ668" s="613"/>
      <c r="RA668" s="613"/>
      <c r="RB668" s="613"/>
      <c r="RC668" s="613"/>
      <c r="RD668" s="613"/>
      <c r="RE668" s="613"/>
      <c r="RF668" s="613"/>
      <c r="RG668" s="613"/>
      <c r="RH668" s="613"/>
      <c r="RI668" s="613"/>
      <c r="RJ668" s="613"/>
      <c r="RK668" s="613"/>
      <c r="RL668" s="613"/>
      <c r="RM668" s="613"/>
      <c r="RN668" s="613"/>
      <c r="RO668" s="613"/>
      <c r="RP668" s="613"/>
      <c r="RQ668" s="613"/>
      <c r="RR668" s="613"/>
      <c r="RS668" s="613"/>
      <c r="RT668" s="613"/>
      <c r="RU668" s="613"/>
      <c r="RV668" s="613"/>
      <c r="RW668" s="613"/>
      <c r="RX668" s="613"/>
      <c r="RY668" s="613"/>
      <c r="RZ668" s="613"/>
      <c r="SA668" s="613"/>
      <c r="SB668" s="613"/>
      <c r="SC668" s="613"/>
      <c r="SD668" s="613"/>
      <c r="SE668" s="613"/>
      <c r="SF668" s="613"/>
      <c r="SG668" s="613"/>
      <c r="SH668" s="613"/>
      <c r="SI668" s="613"/>
      <c r="SJ668" s="613"/>
      <c r="SK668" s="613"/>
      <c r="SL668" s="613"/>
      <c r="SM668" s="613"/>
      <c r="SN668" s="613"/>
      <c r="SO668" s="613"/>
      <c r="SP668" s="613"/>
      <c r="SQ668" s="613"/>
      <c r="SR668" s="613"/>
      <c r="SS668" s="613"/>
      <c r="ST668" s="613"/>
      <c r="SU668" s="613"/>
      <c r="SV668" s="613"/>
      <c r="SW668" s="613"/>
      <c r="SX668" s="613"/>
      <c r="SY668" s="613"/>
      <c r="SZ668" s="613"/>
      <c r="TA668" s="613"/>
      <c r="TB668" s="613"/>
      <c r="TC668" s="613"/>
      <c r="TD668" s="613"/>
      <c r="TE668" s="613"/>
      <c r="TF668" s="613"/>
      <c r="TG668" s="613"/>
      <c r="TH668" s="613"/>
      <c r="TI668" s="613"/>
      <c r="TJ668" s="613"/>
      <c r="TK668" s="613"/>
      <c r="TL668" s="613"/>
      <c r="TM668" s="613"/>
      <c r="TN668" s="613"/>
      <c r="TO668" s="613"/>
      <c r="TP668" s="613"/>
      <c r="TQ668" s="613"/>
      <c r="TR668" s="613"/>
      <c r="TS668" s="613"/>
      <c r="TT668" s="613"/>
      <c r="TU668" s="613"/>
      <c r="TV668" s="613"/>
      <c r="TW668" s="613"/>
      <c r="TX668" s="613"/>
      <c r="TY668" s="613"/>
      <c r="TZ668" s="613"/>
      <c r="UA668" s="613"/>
      <c r="UB668" s="613"/>
      <c r="UC668" s="613"/>
      <c r="UD668" s="613"/>
      <c r="UE668" s="613"/>
      <c r="UF668" s="613"/>
      <c r="UG668" s="613"/>
      <c r="UH668" s="613"/>
      <c r="UI668" s="613"/>
      <c r="UJ668" s="613"/>
      <c r="UK668" s="613"/>
      <c r="UL668" s="613"/>
      <c r="UM668" s="613"/>
      <c r="UN668" s="613"/>
      <c r="UO668" s="613"/>
      <c r="UP668" s="613"/>
      <c r="UQ668" s="613"/>
      <c r="UR668" s="613"/>
      <c r="US668" s="613"/>
      <c r="UT668" s="613"/>
      <c r="UU668" s="613"/>
      <c r="UV668" s="613"/>
      <c r="UW668" s="613"/>
      <c r="UX668" s="613"/>
      <c r="UY668" s="613"/>
      <c r="UZ668" s="613"/>
      <c r="VA668" s="613"/>
      <c r="VB668" s="613"/>
      <c r="VC668" s="613"/>
      <c r="VD668" s="613"/>
      <c r="VE668" s="613"/>
      <c r="VF668" s="613"/>
      <c r="VG668" s="613"/>
      <c r="VH668" s="613"/>
      <c r="VI668" s="613"/>
      <c r="VJ668" s="613"/>
      <c r="VK668" s="613"/>
      <c r="VL668" s="613"/>
      <c r="VM668" s="613"/>
      <c r="VN668" s="613"/>
      <c r="VO668" s="613"/>
      <c r="VP668" s="613"/>
      <c r="VQ668" s="613"/>
      <c r="VR668" s="613"/>
      <c r="VS668" s="613"/>
      <c r="VT668" s="613"/>
      <c r="VU668" s="613"/>
      <c r="VV668" s="613"/>
      <c r="VW668" s="613"/>
      <c r="VX668" s="613"/>
      <c r="VY668" s="613"/>
      <c r="VZ668" s="613"/>
      <c r="WA668" s="613"/>
      <c r="WB668" s="613"/>
      <c r="WC668" s="613"/>
      <c r="WD668" s="613"/>
      <c r="WE668" s="613"/>
      <c r="WF668" s="613"/>
      <c r="WG668" s="613"/>
      <c r="WH668" s="613"/>
      <c r="WI668" s="613"/>
      <c r="WJ668" s="613"/>
      <c r="WK668" s="613"/>
      <c r="WL668" s="613"/>
      <c r="WM668" s="613"/>
      <c r="WN668" s="613"/>
      <c r="WO668" s="613"/>
      <c r="WP668" s="613"/>
      <c r="WQ668" s="613"/>
      <c r="WR668" s="613"/>
      <c r="WS668" s="613"/>
      <c r="WT668" s="613"/>
      <c r="WU668" s="613"/>
      <c r="WV668" s="613"/>
      <c r="WW668" s="613"/>
      <c r="WX668" s="613"/>
      <c r="WY668" s="613"/>
      <c r="WZ668" s="613"/>
      <c r="XA668" s="613"/>
      <c r="XB668" s="613"/>
      <c r="XC668" s="613"/>
      <c r="XD668" s="613"/>
      <c r="XE668" s="613"/>
      <c r="XF668" s="613"/>
      <c r="XG668" s="613"/>
      <c r="XH668" s="613"/>
      <c r="XI668" s="613"/>
      <c r="XJ668" s="613"/>
      <c r="XK668" s="613"/>
      <c r="XL668" s="613"/>
      <c r="XM668" s="613"/>
      <c r="XN668" s="613"/>
      <c r="XO668" s="613"/>
      <c r="XP668" s="613"/>
      <c r="XQ668" s="613"/>
      <c r="XR668" s="613"/>
      <c r="XS668" s="613"/>
      <c r="XT668" s="613"/>
      <c r="XU668" s="613"/>
      <c r="XV668" s="613"/>
      <c r="XW668" s="613"/>
      <c r="XX668" s="613"/>
      <c r="XY668" s="613"/>
      <c r="XZ668" s="613"/>
      <c r="YA668" s="613"/>
      <c r="YB668" s="613"/>
      <c r="YC668" s="613"/>
      <c r="YD668" s="613"/>
      <c r="YE668" s="613"/>
      <c r="YF668" s="613"/>
      <c r="YG668" s="613"/>
      <c r="YH668" s="613"/>
      <c r="YI668" s="613"/>
      <c r="YJ668" s="613"/>
      <c r="YK668" s="613"/>
      <c r="YL668" s="613"/>
      <c r="YM668" s="613"/>
      <c r="YN668" s="613"/>
      <c r="YO668" s="613"/>
      <c r="YP668" s="613"/>
      <c r="YQ668" s="613"/>
      <c r="YR668" s="613"/>
      <c r="YS668" s="613"/>
      <c r="YT668" s="613"/>
      <c r="YU668" s="613"/>
      <c r="YV668" s="613"/>
      <c r="YW668" s="613"/>
      <c r="YX668" s="613"/>
      <c r="YY668" s="613"/>
      <c r="YZ668" s="613"/>
      <c r="ZA668" s="613"/>
      <c r="ZB668" s="613"/>
      <c r="ZC668" s="613"/>
      <c r="ZD668" s="613"/>
      <c r="ZE668" s="613"/>
      <c r="ZF668" s="613"/>
      <c r="ZG668" s="613"/>
      <c r="ZH668" s="613"/>
      <c r="ZI668" s="613"/>
      <c r="ZJ668" s="613"/>
      <c r="ZK668" s="613"/>
      <c r="ZL668" s="613"/>
      <c r="ZM668" s="613"/>
      <c r="ZN668" s="613"/>
      <c r="ZO668" s="613"/>
      <c r="ZP668" s="613"/>
      <c r="ZQ668" s="613"/>
      <c r="ZR668" s="613"/>
      <c r="ZS668" s="613"/>
      <c r="ZT668" s="613"/>
      <c r="ZU668" s="613"/>
      <c r="ZV668" s="613"/>
      <c r="ZW668" s="613"/>
      <c r="ZX668" s="613"/>
      <c r="ZY668" s="613"/>
      <c r="ZZ668" s="613"/>
      <c r="AAA668" s="613"/>
      <c r="AAB668" s="613"/>
      <c r="AAC668" s="613"/>
      <c r="AAD668" s="613"/>
      <c r="AAE668" s="613"/>
      <c r="AAF668" s="613"/>
      <c r="AAG668" s="613"/>
      <c r="AAH668" s="613"/>
      <c r="AAI668" s="613"/>
      <c r="AAJ668" s="613"/>
      <c r="AAK668" s="613"/>
      <c r="AAL668" s="613"/>
      <c r="AAM668" s="613"/>
      <c r="AAN668" s="613"/>
      <c r="AAO668" s="613"/>
      <c r="AAP668" s="613"/>
      <c r="AAQ668" s="613"/>
      <c r="AAR668" s="613"/>
      <c r="AAS668" s="613"/>
      <c r="AAT668" s="613"/>
      <c r="AAU668" s="613"/>
      <c r="AAV668" s="613"/>
      <c r="AAW668" s="613"/>
      <c r="AAX668" s="613"/>
      <c r="AAY668" s="613"/>
      <c r="AAZ668" s="613"/>
      <c r="ABA668" s="613"/>
      <c r="ABB668" s="613"/>
      <c r="ABC668" s="613"/>
      <c r="ABD668" s="613"/>
      <c r="ABE668" s="613"/>
      <c r="ABF668" s="613"/>
      <c r="ABG668" s="613"/>
      <c r="ABH668" s="613"/>
      <c r="ABI668" s="613"/>
      <c r="ABJ668" s="613"/>
      <c r="ABK668" s="613"/>
      <c r="ABL668" s="613"/>
      <c r="ABM668" s="613"/>
      <c r="ABN668" s="613"/>
      <c r="ABO668" s="613"/>
      <c r="ABP668" s="613"/>
      <c r="ABQ668" s="613"/>
      <c r="ABR668" s="613"/>
      <c r="ABS668" s="613"/>
      <c r="ABT668" s="613"/>
      <c r="ABU668" s="613"/>
      <c r="ABV668" s="613"/>
      <c r="ABW668" s="613"/>
      <c r="ABX668" s="613"/>
      <c r="ABY668" s="613"/>
      <c r="ABZ668" s="613"/>
      <c r="ACA668" s="613"/>
      <c r="ACB668" s="613"/>
      <c r="ACC668" s="613"/>
      <c r="ACD668" s="613"/>
      <c r="ACE668" s="613"/>
      <c r="ACF668" s="613"/>
      <c r="ACG668" s="613"/>
      <c r="ACH668" s="613"/>
      <c r="ACI668" s="613"/>
      <c r="ACJ668" s="613"/>
      <c r="ACK668" s="613"/>
      <c r="ACL668" s="613"/>
      <c r="ACM668" s="613"/>
      <c r="ACN668" s="613"/>
      <c r="ACO668" s="613"/>
      <c r="ACP668" s="613"/>
      <c r="ACQ668" s="613"/>
      <c r="ACR668" s="613"/>
      <c r="ACS668" s="613"/>
      <c r="ACT668" s="613"/>
      <c r="ACU668" s="613"/>
      <c r="ACV668" s="613"/>
      <c r="ACW668" s="613"/>
      <c r="ACX668" s="613"/>
      <c r="ACY668" s="613"/>
      <c r="ACZ668" s="613"/>
      <c r="ADA668" s="613"/>
      <c r="ADB668" s="613"/>
      <c r="ADC668" s="613"/>
      <c r="ADD668" s="613"/>
      <c r="ADE668" s="613"/>
      <c r="ADF668" s="613"/>
      <c r="ADG668" s="613"/>
      <c r="ADH668" s="613"/>
      <c r="ADI668" s="613"/>
      <c r="ADJ668" s="613"/>
      <c r="ADK668" s="613"/>
      <c r="ADL668" s="613"/>
      <c r="ADM668" s="613"/>
      <c r="ADN668" s="613"/>
      <c r="ADO668" s="613"/>
      <c r="ADP668" s="613"/>
      <c r="ADQ668" s="613"/>
      <c r="ADR668" s="613"/>
      <c r="ADS668" s="613"/>
      <c r="ADT668" s="613"/>
      <c r="ADU668" s="613"/>
      <c r="ADV668" s="613"/>
      <c r="ADW668" s="613"/>
      <c r="ADX668" s="613"/>
      <c r="ADY668" s="613"/>
      <c r="ADZ668" s="613"/>
      <c r="AEA668" s="613"/>
      <c r="AEB668" s="613"/>
      <c r="AEC668" s="613"/>
      <c r="AED668" s="613"/>
      <c r="AEE668" s="613"/>
      <c r="AEF668" s="613"/>
      <c r="AEG668" s="613"/>
      <c r="AEH668" s="613"/>
      <c r="AEI668" s="613"/>
      <c r="AEJ668" s="613"/>
      <c r="AEK668" s="613"/>
      <c r="AEL668" s="613"/>
      <c r="AEM668" s="613"/>
      <c r="AEN668" s="613"/>
      <c r="AEO668" s="613"/>
      <c r="AEP668" s="613"/>
      <c r="AEQ668" s="613"/>
      <c r="AER668" s="613"/>
      <c r="AES668" s="613"/>
      <c r="AET668" s="613"/>
      <c r="AEU668" s="613"/>
      <c r="AEV668" s="613"/>
      <c r="AEW668" s="613"/>
      <c r="AEX668" s="613"/>
      <c r="AEY668" s="613"/>
      <c r="AEZ668" s="613"/>
      <c r="AFA668" s="613"/>
      <c r="AFB668" s="613"/>
      <c r="AFC668" s="613"/>
      <c r="AFD668" s="613"/>
      <c r="AFE668" s="613"/>
      <c r="AFF668" s="613"/>
      <c r="AFG668" s="613"/>
      <c r="AFH668" s="613"/>
      <c r="AFI668" s="613"/>
      <c r="AFJ668" s="613"/>
      <c r="AFK668" s="613"/>
      <c r="AFL668" s="613"/>
      <c r="AFM668" s="613"/>
      <c r="AFN668" s="613"/>
      <c r="AFO668" s="613"/>
      <c r="AFP668" s="613"/>
      <c r="AFQ668" s="613"/>
      <c r="AFR668" s="613"/>
      <c r="AFS668" s="613"/>
      <c r="AFT668" s="613"/>
      <c r="AFU668" s="613"/>
      <c r="AFV668" s="613"/>
      <c r="AFW668" s="613"/>
      <c r="AFX668" s="613"/>
      <c r="AFY668" s="613"/>
      <c r="AFZ668" s="613"/>
      <c r="AGA668" s="613"/>
      <c r="AGB668" s="613"/>
      <c r="AGC668" s="613"/>
      <c r="AGD668" s="613"/>
      <c r="AGE668" s="613"/>
      <c r="AGF668" s="613"/>
      <c r="AGG668" s="613"/>
      <c r="AGH668" s="613"/>
      <c r="AGI668" s="613"/>
      <c r="AGJ668" s="613"/>
      <c r="AGK668" s="613"/>
      <c r="AGL668" s="613"/>
      <c r="AGM668" s="613"/>
      <c r="AGN668" s="613"/>
      <c r="AGO668" s="613"/>
      <c r="AGP668" s="613"/>
      <c r="AGQ668" s="613"/>
      <c r="AGR668" s="613"/>
      <c r="AGS668" s="613"/>
      <c r="AGT668" s="613"/>
      <c r="AGU668" s="613"/>
      <c r="AGV668" s="613"/>
      <c r="AGW668" s="613"/>
      <c r="AGX668" s="613"/>
      <c r="AGY668" s="613"/>
      <c r="AGZ668" s="613"/>
      <c r="AHA668" s="613"/>
      <c r="AHB668" s="613"/>
      <c r="AHC668" s="613"/>
      <c r="AHD668" s="613"/>
      <c r="AHE668" s="613"/>
      <c r="AHF668" s="613"/>
      <c r="AHG668" s="613"/>
      <c r="AHH668" s="613"/>
      <c r="AHI668" s="613"/>
      <c r="AHJ668" s="613"/>
      <c r="AHK668" s="613"/>
      <c r="AHL668" s="613"/>
      <c r="AHM668" s="613"/>
      <c r="AHN668" s="613"/>
      <c r="AHO668" s="613"/>
      <c r="AHP668" s="613"/>
      <c r="AHQ668" s="613"/>
      <c r="AHR668" s="613"/>
      <c r="AHS668" s="613"/>
      <c r="AHT668" s="613"/>
      <c r="AHU668" s="613"/>
      <c r="AHV668" s="613"/>
      <c r="AHW668" s="613"/>
      <c r="AHX668" s="613"/>
      <c r="AHY668" s="613"/>
      <c r="AHZ668" s="613"/>
      <c r="AIA668" s="613"/>
      <c r="AIB668" s="613"/>
      <c r="AIC668" s="613"/>
      <c r="AID668" s="613"/>
      <c r="AIE668" s="613"/>
      <c r="AIF668" s="613"/>
      <c r="AIG668" s="613"/>
      <c r="AIH668" s="613"/>
      <c r="AII668" s="613"/>
      <c r="AIJ668" s="613"/>
      <c r="AIK668" s="613"/>
      <c r="AIL668" s="613"/>
      <c r="AIM668" s="613"/>
      <c r="AIN668" s="613"/>
      <c r="AIO668" s="613"/>
      <c r="AIP668" s="613"/>
      <c r="AIQ668" s="613"/>
      <c r="AIR668" s="613"/>
      <c r="AIS668" s="613"/>
      <c r="AIT668" s="613"/>
      <c r="AIU668" s="613"/>
      <c r="AIV668" s="613"/>
      <c r="AIW668" s="613"/>
      <c r="AIX668" s="613"/>
      <c r="AIY668" s="613"/>
      <c r="AIZ668" s="613"/>
      <c r="AJA668" s="613"/>
      <c r="AJB668" s="613"/>
      <c r="AJC668" s="613"/>
      <c r="AJD668" s="613"/>
      <c r="AJE668" s="613"/>
      <c r="AJF668" s="613"/>
      <c r="AJG668" s="613"/>
      <c r="AJH668" s="613"/>
      <c r="AJI668" s="613"/>
      <c r="AJJ668" s="613"/>
      <c r="AJK668" s="613"/>
      <c r="AJL668" s="613"/>
      <c r="AJM668" s="613"/>
      <c r="AJN668" s="613"/>
      <c r="AJO668" s="613"/>
      <c r="AJP668" s="613"/>
      <c r="AJQ668" s="613"/>
      <c r="AJR668" s="613"/>
      <c r="AJS668" s="613"/>
      <c r="AJT668" s="613"/>
      <c r="AJU668" s="613"/>
      <c r="AJV668" s="613"/>
      <c r="AJW668" s="613"/>
      <c r="AJX668" s="613"/>
      <c r="AJY668" s="613"/>
      <c r="AJZ668" s="613"/>
      <c r="AKA668" s="613"/>
      <c r="AKB668" s="613"/>
      <c r="AKC668" s="613"/>
      <c r="AKD668" s="613"/>
      <c r="AKE668" s="613"/>
      <c r="AKF668" s="613"/>
      <c r="AKG668" s="613"/>
      <c r="AKH668" s="613"/>
      <c r="AKI668" s="613"/>
      <c r="AKJ668" s="613"/>
      <c r="AKK668" s="613"/>
      <c r="AKL668" s="613"/>
      <c r="AKM668" s="613"/>
      <c r="AKN668" s="613"/>
      <c r="AKO668" s="613"/>
      <c r="AKP668" s="613"/>
      <c r="AKQ668" s="613"/>
      <c r="AKR668" s="613"/>
      <c r="AKS668" s="613"/>
      <c r="AKT668" s="613"/>
      <c r="AKU668" s="613"/>
      <c r="AKV668" s="613"/>
      <c r="AKW668" s="613"/>
      <c r="AKX668" s="613"/>
      <c r="AKY668" s="613"/>
      <c r="AKZ668" s="613"/>
      <c r="ALA668" s="613"/>
      <c r="ALB668" s="613"/>
      <c r="ALC668" s="613"/>
      <c r="ALD668" s="613"/>
      <c r="ALE668" s="613"/>
      <c r="ALF668" s="613"/>
      <c r="ALG668" s="613"/>
      <c r="ALH668" s="613"/>
      <c r="ALI668" s="613"/>
      <c r="ALJ668" s="613"/>
      <c r="ALK668" s="613"/>
      <c r="ALL668" s="613"/>
      <c r="ALM668" s="613"/>
      <c r="ALN668" s="613"/>
      <c r="ALO668" s="613"/>
      <c r="ALP668" s="613"/>
      <c r="ALQ668" s="613"/>
      <c r="ALR668" s="613"/>
      <c r="ALS668" s="613"/>
      <c r="ALT668" s="613"/>
      <c r="ALU668" s="613"/>
      <c r="ALV668" s="613"/>
      <c r="ALW668" s="613"/>
      <c r="ALX668" s="613"/>
      <c r="ALY668" s="613"/>
      <c r="ALZ668" s="613"/>
      <c r="AMA668" s="613"/>
      <c r="AMB668" s="613"/>
      <c r="AMC668" s="613"/>
      <c r="AMD668" s="613"/>
      <c r="AME668" s="613"/>
      <c r="AMF668" s="613"/>
      <c r="AMG668" s="613"/>
      <c r="AMH668" s="613"/>
      <c r="AMI668" s="613"/>
      <c r="AMJ668" s="613"/>
      <c r="AMK668" s="613"/>
      <c r="AML668" s="613"/>
      <c r="AMM668" s="613"/>
      <c r="AMN668" s="613"/>
      <c r="AMO668" s="613"/>
      <c r="AMP668" s="613"/>
      <c r="AMQ668" s="613"/>
      <c r="AMR668" s="613"/>
      <c r="AMS668" s="613"/>
      <c r="AMT668" s="613"/>
      <c r="AMU668" s="613"/>
      <c r="AMV668" s="613"/>
      <c r="AMW668" s="613"/>
      <c r="AMX668" s="613"/>
      <c r="AMY668" s="613"/>
      <c r="AMZ668" s="613"/>
      <c r="ANA668" s="613"/>
      <c r="ANB668" s="613"/>
      <c r="ANC668" s="613"/>
      <c r="AND668" s="613"/>
      <c r="ANE668" s="613"/>
      <c r="ANF668" s="613"/>
      <c r="ANG668" s="613"/>
      <c r="ANH668" s="613"/>
      <c r="ANI668" s="613"/>
      <c r="ANJ668" s="613"/>
      <c r="ANK668" s="613"/>
      <c r="ANL668" s="613"/>
      <c r="ANM668" s="613"/>
      <c r="ANN668" s="613"/>
      <c r="ANO668" s="613"/>
      <c r="ANP668" s="613"/>
      <c r="ANQ668" s="613"/>
      <c r="ANR668" s="613"/>
      <c r="ANS668" s="613"/>
      <c r="ANT668" s="613"/>
      <c r="ANU668" s="613"/>
      <c r="ANV668" s="613"/>
      <c r="ANW668" s="613"/>
      <c r="ANX668" s="613"/>
      <c r="ANY668" s="613"/>
      <c r="ANZ668" s="613"/>
      <c r="AOA668" s="613"/>
      <c r="AOB668" s="613"/>
      <c r="AOC668" s="613"/>
      <c r="AOD668" s="613"/>
      <c r="AOE668" s="613"/>
      <c r="AOF668" s="613"/>
      <c r="AOG668" s="613"/>
      <c r="AOH668" s="613"/>
      <c r="AOI668" s="613"/>
      <c r="AOJ668" s="613"/>
      <c r="AOK668" s="613"/>
      <c r="AOL668" s="613"/>
      <c r="AOM668" s="613"/>
      <c r="AON668" s="613"/>
      <c r="AOO668" s="613"/>
      <c r="AOP668" s="613"/>
      <c r="AOQ668" s="613"/>
      <c r="AOR668" s="613"/>
      <c r="AOS668" s="613"/>
      <c r="AOT668" s="613"/>
      <c r="AOU668" s="613"/>
      <c r="AOV668" s="613"/>
      <c r="AOW668" s="613"/>
      <c r="AOX668" s="613"/>
      <c r="AOY668" s="613"/>
      <c r="AOZ668" s="613"/>
      <c r="APA668" s="613"/>
      <c r="APB668" s="613"/>
      <c r="APC668" s="613"/>
      <c r="APD668" s="613"/>
      <c r="APE668" s="613"/>
      <c r="APF668" s="613"/>
      <c r="APG668" s="613"/>
      <c r="APH668" s="613"/>
      <c r="API668" s="613"/>
      <c r="APJ668" s="613"/>
      <c r="APK668" s="613"/>
      <c r="APL668" s="613"/>
      <c r="APM668" s="613"/>
      <c r="APN668" s="613"/>
      <c r="APO668" s="613"/>
      <c r="APP668" s="613"/>
      <c r="APQ668" s="613"/>
      <c r="APR668" s="613"/>
      <c r="APS668" s="613"/>
      <c r="APT668" s="613"/>
      <c r="APU668" s="613"/>
      <c r="APV668" s="613"/>
      <c r="APW668" s="613"/>
      <c r="APX668" s="613"/>
      <c r="APY668" s="613"/>
      <c r="APZ668" s="613"/>
      <c r="AQA668" s="613"/>
      <c r="AQB668" s="613"/>
      <c r="AQC668" s="613"/>
      <c r="AQD668" s="613"/>
      <c r="AQE668" s="613"/>
      <c r="AQF668" s="613"/>
      <c r="AQG668" s="613"/>
      <c r="AQH668" s="613"/>
      <c r="AQI668" s="613"/>
      <c r="AQJ668" s="613"/>
      <c r="AQK668" s="613"/>
      <c r="AQL668" s="613"/>
      <c r="AQM668" s="613"/>
      <c r="AQN668" s="613"/>
      <c r="AQO668" s="613"/>
      <c r="AQP668" s="613"/>
      <c r="AQQ668" s="613"/>
      <c r="AQR668" s="613"/>
      <c r="AQS668" s="613"/>
      <c r="AQT668" s="613"/>
      <c r="AQU668" s="613"/>
      <c r="AQV668" s="613"/>
      <c r="AQW668" s="613"/>
      <c r="AQX668" s="613"/>
      <c r="AQY668" s="613"/>
      <c r="AQZ668" s="613"/>
      <c r="ARA668" s="613"/>
      <c r="ARB668" s="613"/>
      <c r="ARC668" s="613"/>
      <c r="ARD668" s="613"/>
      <c r="ARE668" s="613"/>
      <c r="ARF668" s="613"/>
      <c r="ARG668" s="613"/>
      <c r="ARH668" s="613"/>
      <c r="ARI668" s="613"/>
      <c r="ARJ668" s="613"/>
      <c r="ARK668" s="613"/>
      <c r="ARL668" s="613"/>
      <c r="ARM668" s="613"/>
      <c r="ARN668" s="613"/>
      <c r="ARO668" s="613"/>
      <c r="ARP668" s="613"/>
      <c r="ARQ668" s="613"/>
      <c r="ARR668" s="613"/>
      <c r="ARS668" s="613"/>
      <c r="ART668" s="613"/>
      <c r="ARU668" s="613"/>
      <c r="ARV668" s="613"/>
      <c r="ARW668" s="613"/>
      <c r="ARX668" s="613"/>
      <c r="ARY668" s="613"/>
      <c r="ARZ668" s="613"/>
      <c r="ASA668" s="613"/>
      <c r="ASB668" s="613"/>
      <c r="ASC668" s="613"/>
      <c r="ASD668" s="613"/>
      <c r="ASE668" s="613"/>
      <c r="ASF668" s="613"/>
      <c r="ASG668" s="613"/>
      <c r="ASH668" s="613"/>
      <c r="ASI668" s="613"/>
      <c r="ASJ668" s="613"/>
      <c r="ASK668" s="613"/>
      <c r="ASL668" s="613"/>
      <c r="ASM668" s="613"/>
      <c r="ASN668" s="613"/>
      <c r="ASO668" s="613"/>
      <c r="ASP668" s="613"/>
      <c r="ASQ668" s="613"/>
      <c r="ASR668" s="613"/>
      <c r="ASS668" s="613"/>
      <c r="AST668" s="613"/>
      <c r="ASU668" s="613"/>
      <c r="ASV668" s="613"/>
      <c r="ASW668" s="613"/>
      <c r="ASX668" s="613"/>
      <c r="ASY668" s="613"/>
      <c r="ASZ668" s="613"/>
      <c r="ATA668" s="613"/>
      <c r="ATB668" s="613"/>
      <c r="ATC668" s="613"/>
      <c r="ATD668" s="613"/>
      <c r="ATE668" s="613"/>
      <c r="ATF668" s="613"/>
      <c r="ATG668" s="613"/>
      <c r="ATH668" s="613"/>
      <c r="ATI668" s="613"/>
      <c r="ATJ668" s="613"/>
      <c r="ATK668" s="613"/>
      <c r="ATL668" s="613"/>
      <c r="ATM668" s="613"/>
      <c r="ATN668" s="613"/>
      <c r="ATO668" s="613"/>
      <c r="ATP668" s="613"/>
      <c r="ATQ668" s="613"/>
      <c r="ATR668" s="613"/>
      <c r="ATS668" s="613"/>
      <c r="ATT668" s="613"/>
      <c r="ATU668" s="613"/>
      <c r="ATV668" s="613"/>
      <c r="ATW668" s="613"/>
      <c r="ATX668" s="613"/>
      <c r="ATY668" s="613"/>
      <c r="ATZ668" s="613"/>
      <c r="AUA668" s="613"/>
      <c r="AUB668" s="613"/>
      <c r="AUC668" s="613"/>
      <c r="AUD668" s="613"/>
      <c r="AUE668" s="613"/>
      <c r="AUF668" s="613"/>
      <c r="AUG668" s="613"/>
      <c r="AUH668" s="613"/>
      <c r="AUI668" s="613"/>
      <c r="AUJ668" s="613"/>
      <c r="AUK668" s="613"/>
      <c r="AUL668" s="613"/>
      <c r="AUM668" s="613"/>
      <c r="AUN668" s="613"/>
      <c r="AUO668" s="613"/>
      <c r="AUP668" s="613"/>
      <c r="AUQ668" s="613"/>
      <c r="AUR668" s="613"/>
      <c r="AUS668" s="613"/>
      <c r="AUT668" s="613"/>
      <c r="AUU668" s="613"/>
      <c r="AUV668" s="613"/>
      <c r="AUW668" s="613"/>
      <c r="AUX668" s="613"/>
      <c r="AUY668" s="613"/>
      <c r="AUZ668" s="613"/>
      <c r="AVA668" s="613"/>
      <c r="AVB668" s="613"/>
      <c r="AVC668" s="613"/>
      <c r="AVD668" s="613"/>
      <c r="AVE668" s="613"/>
      <c r="AVF668" s="613"/>
      <c r="AVG668" s="613"/>
      <c r="AVH668" s="613"/>
      <c r="AVI668" s="613"/>
      <c r="AVJ668" s="613"/>
      <c r="AVK668" s="613"/>
      <c r="AVL668" s="613"/>
      <c r="AVM668" s="613"/>
      <c r="AVN668" s="613"/>
      <c r="AVO668" s="613"/>
      <c r="AVP668" s="613"/>
      <c r="AVQ668" s="613"/>
      <c r="AVR668" s="613"/>
      <c r="AVS668" s="613"/>
      <c r="AVT668" s="613"/>
      <c r="AVU668" s="613"/>
      <c r="AVV668" s="613"/>
      <c r="AVW668" s="613"/>
      <c r="AVX668" s="613"/>
      <c r="AVY668" s="613"/>
      <c r="AVZ668" s="613"/>
      <c r="AWA668" s="613"/>
      <c r="AWB668" s="613"/>
      <c r="AWC668" s="613"/>
      <c r="AWD668" s="613"/>
      <c r="AWE668" s="613"/>
      <c r="AWF668" s="613"/>
      <c r="AWG668" s="613"/>
      <c r="AWH668" s="613"/>
      <c r="AWI668" s="613"/>
      <c r="AWJ668" s="613"/>
      <c r="AWK668" s="613"/>
      <c r="AWL668" s="613"/>
      <c r="AWM668" s="613"/>
      <c r="AWN668" s="613"/>
      <c r="AWO668" s="613"/>
      <c r="AWP668" s="613"/>
      <c r="AWQ668" s="613"/>
      <c r="AWR668" s="613"/>
      <c r="AWS668" s="613"/>
      <c r="AWT668" s="613"/>
      <c r="AWU668" s="613"/>
      <c r="AWV668" s="613"/>
      <c r="AWW668" s="613"/>
      <c r="AWX668" s="613"/>
      <c r="AWY668" s="613"/>
      <c r="AWZ668" s="613"/>
      <c r="AXA668" s="613"/>
      <c r="AXB668" s="613"/>
      <c r="AXC668" s="613"/>
      <c r="AXD668" s="613"/>
      <c r="AXE668" s="613"/>
      <c r="AXF668" s="613"/>
      <c r="AXG668" s="613"/>
      <c r="AXH668" s="613"/>
      <c r="AXI668" s="613"/>
      <c r="AXJ668" s="613"/>
      <c r="AXK668" s="613"/>
      <c r="AXL668" s="613"/>
      <c r="AXM668" s="613"/>
      <c r="AXN668" s="613"/>
      <c r="AXO668" s="613"/>
      <c r="AXP668" s="613"/>
      <c r="AXQ668" s="613"/>
      <c r="AXR668" s="613"/>
      <c r="AXS668" s="613"/>
      <c r="AXT668" s="613"/>
      <c r="AXU668" s="613"/>
      <c r="AXV668" s="613"/>
      <c r="AXW668" s="613"/>
      <c r="AXX668" s="613"/>
      <c r="AXY668" s="613"/>
      <c r="AXZ668" s="613"/>
      <c r="AYA668" s="613"/>
      <c r="AYB668" s="613"/>
      <c r="AYC668" s="613"/>
      <c r="AYD668" s="613"/>
      <c r="AYE668" s="613"/>
      <c r="AYF668" s="613"/>
      <c r="AYG668" s="613"/>
      <c r="AYH668" s="613"/>
      <c r="AYI668" s="613"/>
      <c r="AYJ668" s="613"/>
      <c r="AYK668" s="613"/>
      <c r="AYL668" s="613"/>
      <c r="AYM668" s="613"/>
      <c r="AYN668" s="613"/>
      <c r="AYO668" s="613"/>
      <c r="AYP668" s="613"/>
      <c r="AYQ668" s="613"/>
      <c r="AYR668" s="613"/>
      <c r="AYS668" s="613"/>
      <c r="AYT668" s="613"/>
      <c r="AYU668" s="613"/>
      <c r="AYV668" s="613"/>
      <c r="AYW668" s="613"/>
      <c r="AYX668" s="613"/>
      <c r="AYY668" s="613"/>
      <c r="AYZ668" s="613"/>
      <c r="AZA668" s="613"/>
      <c r="AZB668" s="613"/>
      <c r="AZC668" s="613"/>
      <c r="AZD668" s="613"/>
      <c r="AZE668" s="613"/>
      <c r="AZF668" s="613"/>
      <c r="AZG668" s="613"/>
      <c r="AZH668" s="613"/>
      <c r="AZI668" s="613"/>
      <c r="AZJ668" s="613"/>
      <c r="AZK668" s="613"/>
      <c r="AZL668" s="613"/>
      <c r="AZM668" s="613"/>
      <c r="AZN668" s="613"/>
      <c r="AZO668" s="613"/>
      <c r="AZP668" s="613"/>
      <c r="AZQ668" s="613"/>
      <c r="AZR668" s="613"/>
      <c r="AZS668" s="613"/>
      <c r="AZT668" s="613"/>
      <c r="AZU668" s="613"/>
      <c r="AZV668" s="613"/>
      <c r="AZW668" s="613"/>
      <c r="AZX668" s="613"/>
      <c r="AZY668" s="613"/>
      <c r="AZZ668" s="613"/>
      <c r="BAA668" s="613"/>
      <c r="BAB668" s="613"/>
      <c r="BAC668" s="613"/>
      <c r="BAD668" s="613"/>
      <c r="BAE668" s="613"/>
      <c r="BAF668" s="613"/>
      <c r="BAG668" s="613"/>
      <c r="BAH668" s="613"/>
      <c r="BAI668" s="613"/>
      <c r="BAJ668" s="613"/>
      <c r="BAK668" s="613"/>
      <c r="BAL668" s="613"/>
      <c r="BAM668" s="613"/>
      <c r="BAN668" s="613"/>
      <c r="BAO668" s="613"/>
      <c r="BAP668" s="613"/>
      <c r="BAQ668" s="613"/>
      <c r="BAR668" s="613"/>
      <c r="BAS668" s="613"/>
      <c r="BAT668" s="613"/>
      <c r="BAU668" s="613"/>
      <c r="BAV668" s="613"/>
      <c r="BAW668" s="613"/>
      <c r="BAX668" s="613"/>
      <c r="BAY668" s="613"/>
      <c r="BAZ668" s="613"/>
      <c r="BBA668" s="613"/>
      <c r="BBB668" s="613"/>
      <c r="BBC668" s="613"/>
      <c r="BBD668" s="613"/>
      <c r="BBE668" s="613"/>
      <c r="BBF668" s="613"/>
      <c r="BBG668" s="613"/>
      <c r="BBH668" s="613"/>
      <c r="BBI668" s="613"/>
      <c r="BBJ668" s="613"/>
      <c r="BBK668" s="613"/>
      <c r="BBL668" s="613"/>
      <c r="BBM668" s="613"/>
      <c r="BBN668" s="613"/>
      <c r="BBO668" s="613"/>
      <c r="BBP668" s="613"/>
      <c r="BBQ668" s="613"/>
      <c r="BBR668" s="613"/>
      <c r="BBS668" s="613"/>
      <c r="BBT668" s="613"/>
      <c r="BBU668" s="613"/>
      <c r="BBV668" s="613"/>
      <c r="BBW668" s="613"/>
      <c r="BBX668" s="613"/>
      <c r="BBY668" s="613"/>
      <c r="BBZ668" s="613"/>
      <c r="BCA668" s="613"/>
      <c r="BCB668" s="613"/>
      <c r="BCC668" s="613"/>
      <c r="BCD668" s="613"/>
      <c r="BCE668" s="613"/>
      <c r="BCF668" s="613"/>
      <c r="BCG668" s="613"/>
      <c r="BCH668" s="613"/>
      <c r="BCI668" s="613"/>
      <c r="BCJ668" s="613"/>
      <c r="BCK668" s="613"/>
      <c r="BCL668" s="613"/>
      <c r="BCM668" s="613"/>
      <c r="BCN668" s="613"/>
      <c r="BCO668" s="613"/>
      <c r="BCP668" s="613"/>
      <c r="BCQ668" s="613"/>
      <c r="BCR668" s="613"/>
      <c r="BCS668" s="613"/>
      <c r="BCT668" s="613"/>
      <c r="BCU668" s="613"/>
      <c r="BCV668" s="613"/>
      <c r="BCW668" s="613"/>
      <c r="BCX668" s="613"/>
      <c r="BCY668" s="613"/>
      <c r="BCZ668" s="613"/>
      <c r="BDA668" s="613"/>
      <c r="BDB668" s="613"/>
      <c r="BDC668" s="613"/>
      <c r="BDD668" s="613"/>
      <c r="BDE668" s="613"/>
      <c r="BDF668" s="613"/>
      <c r="BDG668" s="613"/>
      <c r="BDH668" s="613"/>
      <c r="BDI668" s="613"/>
      <c r="BDJ668" s="613"/>
      <c r="BDK668" s="613"/>
      <c r="BDL668" s="613"/>
      <c r="BDM668" s="613"/>
      <c r="BDN668" s="613"/>
      <c r="BDO668" s="613"/>
      <c r="BDP668" s="613"/>
      <c r="BDQ668" s="613"/>
      <c r="BDR668" s="613"/>
      <c r="BDS668" s="613"/>
      <c r="BDT668" s="613"/>
      <c r="BDU668" s="613"/>
      <c r="BDV668" s="613"/>
      <c r="BDW668" s="613"/>
      <c r="BDX668" s="613"/>
      <c r="BDY668" s="613"/>
      <c r="BDZ668" s="613"/>
      <c r="BEA668" s="613"/>
      <c r="BEB668" s="613"/>
      <c r="BEC668" s="613"/>
      <c r="BED668" s="613"/>
      <c r="BEE668" s="613"/>
      <c r="BEF668" s="613"/>
      <c r="BEG668" s="613"/>
      <c r="BEH668" s="613"/>
      <c r="BEI668" s="613"/>
      <c r="BEJ668" s="613"/>
      <c r="BEK668" s="613"/>
      <c r="BEL668" s="613"/>
      <c r="BEM668" s="613"/>
      <c r="BEN668" s="613"/>
      <c r="BEO668" s="613"/>
      <c r="BEP668" s="613"/>
      <c r="BEQ668" s="613"/>
      <c r="BER668" s="613"/>
      <c r="BES668" s="613"/>
      <c r="BET668" s="613"/>
      <c r="BEU668" s="613"/>
      <c r="BEV668" s="613"/>
      <c r="BEW668" s="613"/>
      <c r="BEX668" s="613"/>
      <c r="BEY668" s="613"/>
      <c r="BEZ668" s="613"/>
      <c r="BFA668" s="613"/>
      <c r="BFB668" s="613"/>
      <c r="BFC668" s="613"/>
      <c r="BFD668" s="613"/>
      <c r="BFE668" s="613"/>
      <c r="BFF668" s="613"/>
      <c r="BFG668" s="613"/>
      <c r="BFH668" s="613"/>
      <c r="BFI668" s="613"/>
      <c r="BFJ668" s="613"/>
      <c r="BFK668" s="613"/>
      <c r="BFL668" s="613"/>
      <c r="BFM668" s="613"/>
      <c r="BFN668" s="613"/>
      <c r="BFO668" s="613"/>
      <c r="BFP668" s="613"/>
      <c r="BFQ668" s="613"/>
      <c r="BFR668" s="613"/>
      <c r="BFS668" s="613"/>
      <c r="BFT668" s="613"/>
      <c r="BFU668" s="613"/>
      <c r="BFV668" s="613"/>
      <c r="BFW668" s="613"/>
      <c r="BFX668" s="613"/>
      <c r="BFY668" s="613"/>
      <c r="BFZ668" s="613"/>
      <c r="BGA668" s="613"/>
      <c r="BGB668" s="613"/>
      <c r="BGC668" s="613"/>
      <c r="BGD668" s="613"/>
      <c r="BGE668" s="613"/>
      <c r="BGF668" s="613"/>
      <c r="BGG668" s="613"/>
      <c r="BGH668" s="613"/>
      <c r="BGI668" s="613"/>
      <c r="BGJ668" s="613"/>
      <c r="BGK668" s="613"/>
      <c r="BGL668" s="613"/>
      <c r="BGM668" s="613"/>
      <c r="BGN668" s="613"/>
      <c r="BGO668" s="613"/>
      <c r="BGP668" s="613"/>
      <c r="BGQ668" s="613"/>
      <c r="BGR668" s="613"/>
      <c r="BGS668" s="613"/>
      <c r="BGT668" s="613"/>
      <c r="BGU668" s="613"/>
      <c r="BGV668" s="613"/>
      <c r="BGW668" s="613"/>
      <c r="BGX668" s="613"/>
      <c r="BGY668" s="613"/>
      <c r="BGZ668" s="613"/>
      <c r="BHA668" s="613"/>
      <c r="BHB668" s="613"/>
      <c r="BHC668" s="613"/>
      <c r="BHD668" s="613"/>
      <c r="BHE668" s="613"/>
      <c r="BHF668" s="613"/>
      <c r="BHG668" s="613"/>
      <c r="BHH668" s="613"/>
      <c r="BHI668" s="613"/>
      <c r="BHJ668" s="613"/>
      <c r="BHK668" s="613"/>
      <c r="BHL668" s="613"/>
      <c r="BHM668" s="613"/>
      <c r="BHN668" s="613"/>
      <c r="BHO668" s="613"/>
      <c r="BHP668" s="613"/>
      <c r="BHQ668" s="613"/>
      <c r="BHR668" s="613"/>
      <c r="BHS668" s="613"/>
      <c r="BHT668" s="613"/>
      <c r="BHU668" s="613"/>
      <c r="BHV668" s="613"/>
      <c r="BHW668" s="613"/>
      <c r="BHX668" s="613"/>
      <c r="BHY668" s="613"/>
      <c r="BHZ668" s="613"/>
      <c r="BIA668" s="613"/>
      <c r="BIB668" s="613"/>
      <c r="BIC668" s="613"/>
      <c r="BID668" s="613"/>
      <c r="BIE668" s="613"/>
      <c r="BIF668" s="613"/>
      <c r="BIG668" s="613"/>
      <c r="BIH668" s="613"/>
      <c r="BII668" s="613"/>
      <c r="BIJ668" s="613"/>
      <c r="BIK668" s="613"/>
      <c r="BIL668" s="613"/>
      <c r="BIM668" s="613"/>
      <c r="BIN668" s="613"/>
      <c r="BIO668" s="613"/>
      <c r="BIP668" s="613"/>
      <c r="BIQ668" s="613"/>
      <c r="BIR668" s="613"/>
      <c r="BIS668" s="613"/>
      <c r="BIT668" s="613"/>
      <c r="BIU668" s="613"/>
      <c r="BIV668" s="613"/>
      <c r="BIW668" s="613"/>
      <c r="BIX668" s="613"/>
      <c r="BIY668" s="613"/>
      <c r="BIZ668" s="613"/>
      <c r="BJA668" s="613"/>
      <c r="BJB668" s="613"/>
      <c r="BJC668" s="613"/>
      <c r="BJD668" s="613"/>
      <c r="BJE668" s="613"/>
      <c r="BJF668" s="613"/>
      <c r="BJG668" s="613"/>
      <c r="BJH668" s="613"/>
      <c r="BJI668" s="613"/>
      <c r="BJJ668" s="613"/>
      <c r="BJK668" s="613"/>
      <c r="BJL668" s="613"/>
      <c r="BJM668" s="613"/>
      <c r="BJN668" s="613"/>
      <c r="BJO668" s="613"/>
      <c r="BJP668" s="613"/>
      <c r="BJQ668" s="613"/>
      <c r="BJR668" s="613"/>
      <c r="BJS668" s="613"/>
      <c r="BJT668" s="613"/>
      <c r="BJU668" s="613"/>
      <c r="BJV668" s="613"/>
      <c r="BJW668" s="613"/>
      <c r="BJX668" s="613"/>
      <c r="BJY668" s="613"/>
      <c r="BJZ668" s="613"/>
      <c r="BKA668" s="613"/>
      <c r="BKB668" s="613"/>
      <c r="BKC668" s="613"/>
      <c r="BKD668" s="613"/>
      <c r="BKE668" s="613"/>
      <c r="BKF668" s="613"/>
      <c r="BKG668" s="613"/>
      <c r="BKH668" s="613"/>
      <c r="BKI668" s="613"/>
      <c r="BKJ668" s="613"/>
      <c r="BKK668" s="613"/>
      <c r="BKL668" s="613"/>
      <c r="BKM668" s="613"/>
      <c r="BKN668" s="613"/>
      <c r="BKO668" s="613"/>
      <c r="BKP668" s="613"/>
      <c r="BKQ668" s="613"/>
      <c r="BKR668" s="613"/>
      <c r="BKS668" s="613"/>
      <c r="BKT668" s="613"/>
      <c r="BKU668" s="613"/>
      <c r="BKV668" s="613"/>
      <c r="BKW668" s="613"/>
      <c r="BKX668" s="613"/>
      <c r="BKY668" s="613"/>
      <c r="BKZ668" s="613"/>
      <c r="BLA668" s="613"/>
      <c r="BLB668" s="613"/>
      <c r="BLC668" s="613"/>
      <c r="BLD668" s="613"/>
      <c r="BLE668" s="613"/>
      <c r="BLF668" s="613"/>
      <c r="BLG668" s="613"/>
      <c r="BLH668" s="613"/>
      <c r="BLI668" s="613"/>
      <c r="BLJ668" s="613"/>
      <c r="BLK668" s="613"/>
      <c r="BLL668" s="613"/>
      <c r="BLM668" s="613"/>
      <c r="BLN668" s="613"/>
      <c r="BLO668" s="613"/>
      <c r="BLP668" s="613"/>
      <c r="BLQ668" s="613"/>
      <c r="BLR668" s="613"/>
      <c r="BLS668" s="613"/>
      <c r="BLT668" s="613"/>
      <c r="BLU668" s="613"/>
      <c r="BLV668" s="613"/>
      <c r="BLW668" s="613"/>
      <c r="BLX668" s="613"/>
      <c r="BLY668" s="613"/>
      <c r="BLZ668" s="613"/>
      <c r="BMA668" s="613"/>
      <c r="BMB668" s="613"/>
      <c r="BMC668" s="613"/>
      <c r="BMD668" s="613"/>
      <c r="BME668" s="613"/>
      <c r="BMF668" s="613"/>
      <c r="BMG668" s="613"/>
      <c r="BMH668" s="613"/>
      <c r="BMI668" s="613"/>
      <c r="BMJ668" s="613"/>
      <c r="BMK668" s="613"/>
      <c r="BML668" s="613"/>
      <c r="BMM668" s="613"/>
      <c r="BMN668" s="613"/>
      <c r="BMO668" s="613"/>
      <c r="BMP668" s="613"/>
      <c r="BMQ668" s="613"/>
      <c r="BMR668" s="613"/>
      <c r="BMS668" s="613"/>
      <c r="BMT668" s="613"/>
      <c r="BMU668" s="613"/>
      <c r="BMV668" s="613"/>
      <c r="BMW668" s="613"/>
      <c r="BMX668" s="613"/>
      <c r="BMY668" s="613"/>
      <c r="BMZ668" s="613"/>
      <c r="BNA668" s="613"/>
      <c r="BNB668" s="613"/>
      <c r="BNC668" s="613"/>
      <c r="BND668" s="613"/>
      <c r="BNE668" s="613"/>
      <c r="BNF668" s="613"/>
      <c r="BNG668" s="613"/>
      <c r="BNH668" s="613"/>
      <c r="BNI668" s="613"/>
      <c r="BNJ668" s="613"/>
      <c r="BNK668" s="613"/>
      <c r="BNL668" s="613"/>
      <c r="BNM668" s="613"/>
      <c r="BNN668" s="613"/>
      <c r="BNO668" s="613"/>
      <c r="BNP668" s="613"/>
      <c r="BNQ668" s="613"/>
      <c r="BNR668" s="613"/>
      <c r="BNS668" s="613"/>
      <c r="BNT668" s="613"/>
      <c r="BNU668" s="613"/>
      <c r="BNV668" s="613"/>
      <c r="BNW668" s="613"/>
      <c r="BNX668" s="613"/>
      <c r="BNY668" s="613"/>
      <c r="BNZ668" s="613"/>
      <c r="BOA668" s="613"/>
      <c r="BOB668" s="613"/>
      <c r="BOC668" s="613"/>
      <c r="BOD668" s="613"/>
      <c r="BOE668" s="613"/>
      <c r="BOF668" s="613"/>
      <c r="BOG668" s="613"/>
      <c r="BOH668" s="613"/>
      <c r="BOI668" s="613"/>
      <c r="BOJ668" s="613"/>
      <c r="BOK668" s="613"/>
      <c r="BOL668" s="613"/>
      <c r="BOM668" s="613"/>
      <c r="BON668" s="613"/>
      <c r="BOO668" s="613"/>
      <c r="BOP668" s="613"/>
      <c r="BOQ668" s="613"/>
      <c r="BOR668" s="613"/>
      <c r="BOS668" s="613"/>
      <c r="BOT668" s="613"/>
      <c r="BOU668" s="613"/>
      <c r="BOV668" s="613"/>
      <c r="BOW668" s="613"/>
      <c r="BOX668" s="613"/>
      <c r="BOY668" s="613"/>
      <c r="BOZ668" s="613"/>
      <c r="BPA668" s="613"/>
      <c r="BPB668" s="613"/>
      <c r="BPC668" s="613"/>
      <c r="BPD668" s="613"/>
      <c r="BPE668" s="613"/>
      <c r="BPF668" s="613"/>
      <c r="BPG668" s="613"/>
      <c r="BPH668" s="613"/>
      <c r="BPI668" s="613"/>
      <c r="BPJ668" s="613"/>
      <c r="BPK668" s="613"/>
      <c r="BPL668" s="613"/>
      <c r="BPM668" s="613"/>
      <c r="BPN668" s="613"/>
      <c r="BPO668" s="613"/>
      <c r="BPP668" s="613"/>
      <c r="BPQ668" s="613"/>
      <c r="BPR668" s="613"/>
      <c r="BPS668" s="613"/>
      <c r="BPT668" s="613"/>
      <c r="BPU668" s="613"/>
      <c r="BPV668" s="613"/>
      <c r="BPW668" s="613"/>
      <c r="BPX668" s="613"/>
      <c r="BPY668" s="613"/>
      <c r="BPZ668" s="613"/>
      <c r="BQA668" s="613"/>
      <c r="BQB668" s="613"/>
      <c r="BQC668" s="613"/>
      <c r="BQD668" s="613"/>
      <c r="BQE668" s="613"/>
      <c r="BQF668" s="613"/>
      <c r="BQG668" s="613"/>
      <c r="BQH668" s="613"/>
      <c r="BQI668" s="613"/>
      <c r="BQJ668" s="613"/>
      <c r="BQK668" s="613"/>
      <c r="BQL668" s="613"/>
      <c r="BQM668" s="613"/>
      <c r="BQN668" s="613"/>
      <c r="BQO668" s="613"/>
      <c r="BQP668" s="613"/>
      <c r="BQQ668" s="613"/>
      <c r="BQR668" s="613"/>
      <c r="BQS668" s="613"/>
      <c r="BQT668" s="613"/>
      <c r="BQU668" s="613"/>
      <c r="BQV668" s="613"/>
      <c r="BQW668" s="613"/>
      <c r="BQX668" s="613"/>
      <c r="BQY668" s="613"/>
      <c r="BQZ668" s="613"/>
      <c r="BRA668" s="613"/>
      <c r="BRB668" s="613"/>
      <c r="BRC668" s="613"/>
      <c r="BRD668" s="613"/>
      <c r="BRE668" s="613"/>
      <c r="BRF668" s="613"/>
      <c r="BRG668" s="613"/>
      <c r="BRH668" s="613"/>
      <c r="BRI668" s="613"/>
      <c r="BRJ668" s="613"/>
      <c r="BRK668" s="613"/>
      <c r="BRL668" s="613"/>
      <c r="BRM668" s="613"/>
      <c r="BRN668" s="613"/>
      <c r="BRO668" s="613"/>
      <c r="BRP668" s="613"/>
      <c r="BRQ668" s="613"/>
      <c r="BRR668" s="613"/>
      <c r="BRS668" s="613"/>
      <c r="BRT668" s="613"/>
      <c r="BRU668" s="613"/>
      <c r="BRV668" s="613"/>
      <c r="BRW668" s="613"/>
      <c r="BRX668" s="613"/>
      <c r="BRY668" s="613"/>
      <c r="BRZ668" s="613"/>
      <c r="BSA668" s="613"/>
      <c r="BSB668" s="613"/>
      <c r="BSC668" s="613"/>
      <c r="BSD668" s="613"/>
      <c r="BSE668" s="613"/>
      <c r="BSF668" s="613"/>
      <c r="BSG668" s="613"/>
      <c r="BSH668" s="613"/>
      <c r="BSI668" s="613"/>
      <c r="BSJ668" s="613"/>
      <c r="BSK668" s="613"/>
      <c r="BSL668" s="613"/>
      <c r="BSM668" s="613"/>
      <c r="BSN668" s="613"/>
      <c r="BSO668" s="613"/>
      <c r="BSP668" s="613"/>
      <c r="BSQ668" s="613"/>
      <c r="BSR668" s="613"/>
      <c r="BSS668" s="613"/>
      <c r="BST668" s="613"/>
      <c r="BSU668" s="613"/>
      <c r="BSV668" s="613"/>
      <c r="BSW668" s="613"/>
      <c r="BSX668" s="613"/>
      <c r="BSY668" s="613"/>
      <c r="BSZ668" s="613"/>
      <c r="BTA668" s="613"/>
      <c r="BTB668" s="613"/>
      <c r="BTC668" s="613"/>
      <c r="BTD668" s="613"/>
      <c r="BTE668" s="613"/>
      <c r="BTF668" s="613"/>
      <c r="BTG668" s="613"/>
      <c r="BTH668" s="613"/>
      <c r="BTI668" s="613"/>
      <c r="BTJ668" s="613"/>
      <c r="BTK668" s="613"/>
      <c r="BTL668" s="613"/>
      <c r="BTM668" s="613"/>
      <c r="BTN668" s="613"/>
      <c r="BTO668" s="613"/>
      <c r="BTP668" s="613"/>
      <c r="BTQ668" s="613"/>
      <c r="BTR668" s="613"/>
      <c r="BTS668" s="613"/>
      <c r="BTT668" s="613"/>
      <c r="BTU668" s="613"/>
      <c r="BTV668" s="613"/>
      <c r="BTW668" s="613"/>
      <c r="BTX668" s="613"/>
      <c r="BTY668" s="613"/>
      <c r="BTZ668" s="613"/>
      <c r="BUA668" s="613"/>
      <c r="BUB668" s="613"/>
      <c r="BUC668" s="613"/>
      <c r="BUD668" s="613"/>
      <c r="BUE668" s="613"/>
      <c r="BUF668" s="613"/>
      <c r="BUG668" s="613"/>
      <c r="BUH668" s="613"/>
      <c r="BUI668" s="613"/>
      <c r="BUJ668" s="613"/>
      <c r="BUK668" s="613"/>
      <c r="BUL668" s="613"/>
      <c r="BUM668" s="613"/>
      <c r="BUN668" s="613"/>
      <c r="BUO668" s="613"/>
      <c r="BUP668" s="613"/>
      <c r="BUQ668" s="613"/>
      <c r="BUR668" s="613"/>
      <c r="BUS668" s="613"/>
      <c r="BUT668" s="613"/>
      <c r="BUU668" s="613"/>
      <c r="BUV668" s="613"/>
      <c r="BUW668" s="613"/>
      <c r="BUX668" s="613"/>
      <c r="BUY668" s="613"/>
      <c r="BUZ668" s="613"/>
      <c r="BVA668" s="613"/>
      <c r="BVB668" s="613"/>
      <c r="BVC668" s="613"/>
      <c r="BVD668" s="613"/>
      <c r="BVE668" s="613"/>
      <c r="BVF668" s="613"/>
      <c r="BVG668" s="613"/>
      <c r="BVH668" s="613"/>
      <c r="BVI668" s="613"/>
      <c r="BVJ668" s="613"/>
      <c r="BVK668" s="613"/>
      <c r="BVL668" s="613"/>
      <c r="BVM668" s="613"/>
      <c r="BVN668" s="613"/>
      <c r="BVO668" s="613"/>
      <c r="BVP668" s="613"/>
      <c r="BVQ668" s="613"/>
      <c r="BVR668" s="613"/>
      <c r="BVS668" s="613"/>
      <c r="BVT668" s="613"/>
      <c r="BVU668" s="613"/>
      <c r="BVV668" s="613"/>
      <c r="BVW668" s="613"/>
      <c r="BVX668" s="613"/>
      <c r="BVY668" s="613"/>
      <c r="BVZ668" s="613"/>
      <c r="BWA668" s="613"/>
      <c r="BWB668" s="613"/>
      <c r="BWC668" s="613"/>
      <c r="BWD668" s="613"/>
      <c r="BWE668" s="613"/>
      <c r="BWF668" s="613"/>
      <c r="BWG668" s="613"/>
      <c r="BWH668" s="613"/>
      <c r="BWI668" s="613"/>
      <c r="BWJ668" s="613"/>
      <c r="BWK668" s="613"/>
      <c r="BWL668" s="613"/>
      <c r="BWM668" s="613"/>
      <c r="BWN668" s="613"/>
      <c r="BWO668" s="613"/>
      <c r="BWP668" s="613"/>
      <c r="BWQ668" s="613"/>
      <c r="BWR668" s="613"/>
      <c r="BWS668" s="613"/>
      <c r="BWT668" s="613"/>
      <c r="BWU668" s="613"/>
      <c r="BWV668" s="613"/>
      <c r="BWW668" s="613"/>
      <c r="BWX668" s="613"/>
      <c r="BWY668" s="613"/>
      <c r="BWZ668" s="613"/>
      <c r="BXA668" s="613"/>
      <c r="BXB668" s="613"/>
      <c r="BXC668" s="613"/>
      <c r="BXD668" s="613"/>
      <c r="BXE668" s="613"/>
      <c r="BXF668" s="613"/>
      <c r="BXG668" s="613"/>
      <c r="BXH668" s="613"/>
      <c r="BXI668" s="613"/>
      <c r="BXJ668" s="613"/>
      <c r="BXK668" s="613"/>
      <c r="BXL668" s="613"/>
      <c r="BXM668" s="613"/>
      <c r="BXN668" s="613"/>
      <c r="BXO668" s="613"/>
      <c r="BXP668" s="613"/>
      <c r="BXQ668" s="613"/>
      <c r="BXR668" s="613"/>
      <c r="BXS668" s="613"/>
      <c r="BXT668" s="613"/>
      <c r="BXU668" s="613"/>
      <c r="BXV668" s="613"/>
      <c r="BXW668" s="613"/>
      <c r="BXX668" s="613"/>
      <c r="BXY668" s="613"/>
      <c r="BXZ668" s="613"/>
      <c r="BYA668" s="613"/>
      <c r="BYB668" s="613"/>
      <c r="BYC668" s="613"/>
      <c r="BYD668" s="613"/>
      <c r="BYE668" s="613"/>
      <c r="BYF668" s="613"/>
      <c r="BYG668" s="613"/>
      <c r="BYH668" s="613"/>
      <c r="BYI668" s="613"/>
      <c r="BYJ668" s="613"/>
      <c r="BYK668" s="613"/>
      <c r="BYL668" s="613"/>
      <c r="BYM668" s="613"/>
      <c r="BYN668" s="613"/>
      <c r="BYO668" s="613"/>
      <c r="BYP668" s="613"/>
      <c r="BYQ668" s="613"/>
      <c r="BYR668" s="613"/>
      <c r="BYS668" s="613"/>
      <c r="BYT668" s="613"/>
      <c r="BYU668" s="613"/>
      <c r="BYV668" s="613"/>
      <c r="BYW668" s="613"/>
      <c r="BYX668" s="613"/>
      <c r="BYY668" s="613"/>
      <c r="BYZ668" s="613"/>
      <c r="BZA668" s="613"/>
      <c r="BZB668" s="613"/>
      <c r="BZC668" s="613"/>
      <c r="BZD668" s="613"/>
      <c r="BZE668" s="613"/>
      <c r="BZF668" s="613"/>
      <c r="BZG668" s="613"/>
      <c r="BZH668" s="613"/>
      <c r="BZI668" s="613"/>
      <c r="BZJ668" s="613"/>
      <c r="BZK668" s="613"/>
      <c r="BZL668" s="613"/>
      <c r="BZM668" s="613"/>
      <c r="BZN668" s="613"/>
      <c r="BZO668" s="613"/>
      <c r="BZP668" s="613"/>
      <c r="BZQ668" s="613"/>
      <c r="BZR668" s="613"/>
      <c r="BZS668" s="613"/>
      <c r="BZT668" s="613"/>
      <c r="BZU668" s="613"/>
      <c r="BZV668" s="613"/>
      <c r="BZW668" s="613"/>
      <c r="BZX668" s="613"/>
      <c r="BZY668" s="613"/>
      <c r="BZZ668" s="613"/>
      <c r="CAA668" s="613"/>
      <c r="CAB668" s="613"/>
      <c r="CAC668" s="613"/>
      <c r="CAD668" s="613"/>
      <c r="CAE668" s="613"/>
      <c r="CAF668" s="613"/>
      <c r="CAG668" s="613"/>
      <c r="CAH668" s="613"/>
      <c r="CAI668" s="613"/>
      <c r="CAJ668" s="613"/>
      <c r="CAK668" s="613"/>
      <c r="CAL668" s="613"/>
      <c r="CAM668" s="613"/>
      <c r="CAN668" s="613"/>
      <c r="CAO668" s="613"/>
      <c r="CAP668" s="613"/>
      <c r="CAQ668" s="613"/>
      <c r="CAR668" s="613"/>
      <c r="CAS668" s="613"/>
      <c r="CAT668" s="613"/>
      <c r="CAU668" s="613"/>
      <c r="CAV668" s="613"/>
      <c r="CAW668" s="613"/>
      <c r="CAX668" s="613"/>
      <c r="CAY668" s="613"/>
      <c r="CAZ668" s="613"/>
      <c r="CBA668" s="613"/>
      <c r="CBB668" s="613"/>
      <c r="CBC668" s="613"/>
      <c r="CBD668" s="613"/>
      <c r="CBE668" s="613"/>
      <c r="CBF668" s="613"/>
      <c r="CBG668" s="613"/>
      <c r="CBH668" s="613"/>
      <c r="CBI668" s="613"/>
      <c r="CBJ668" s="613"/>
      <c r="CBK668" s="613"/>
      <c r="CBL668" s="613"/>
      <c r="CBM668" s="613"/>
      <c r="CBN668" s="613"/>
      <c r="CBO668" s="613"/>
      <c r="CBP668" s="613"/>
      <c r="CBQ668" s="613"/>
      <c r="CBR668" s="613"/>
      <c r="CBS668" s="613"/>
      <c r="CBT668" s="613"/>
      <c r="CBU668" s="613"/>
      <c r="CBV668" s="613"/>
      <c r="CBW668" s="613"/>
      <c r="CBX668" s="613"/>
      <c r="CBY668" s="613"/>
      <c r="CBZ668" s="613"/>
      <c r="CCA668" s="613"/>
      <c r="CCB668" s="613"/>
      <c r="CCC668" s="613"/>
      <c r="CCD668" s="613"/>
      <c r="CCE668" s="613"/>
      <c r="CCF668" s="613"/>
      <c r="CCG668" s="613"/>
      <c r="CCH668" s="613"/>
      <c r="CCI668" s="613"/>
      <c r="CCJ668" s="613"/>
      <c r="CCK668" s="613"/>
      <c r="CCL668" s="613"/>
      <c r="CCM668" s="613"/>
      <c r="CCN668" s="613"/>
      <c r="CCO668" s="613"/>
      <c r="CCP668" s="613"/>
      <c r="CCQ668" s="613"/>
      <c r="CCR668" s="613"/>
      <c r="CCS668" s="613"/>
      <c r="CCT668" s="613"/>
      <c r="CCU668" s="613"/>
      <c r="CCV668" s="613"/>
      <c r="CCW668" s="613"/>
      <c r="CCX668" s="613"/>
      <c r="CCY668" s="613"/>
      <c r="CCZ668" s="613"/>
      <c r="CDA668" s="613"/>
      <c r="CDB668" s="613"/>
      <c r="CDC668" s="613"/>
      <c r="CDD668" s="613"/>
      <c r="CDE668" s="613"/>
      <c r="CDF668" s="613"/>
      <c r="CDG668" s="613"/>
      <c r="CDH668" s="613"/>
      <c r="CDI668" s="613"/>
      <c r="CDJ668" s="613"/>
      <c r="CDK668" s="613"/>
      <c r="CDL668" s="613"/>
      <c r="CDM668" s="613"/>
      <c r="CDN668" s="613"/>
      <c r="CDO668" s="613"/>
      <c r="CDP668" s="613"/>
      <c r="CDQ668" s="613"/>
      <c r="CDR668" s="613"/>
      <c r="CDS668" s="613"/>
      <c r="CDT668" s="613"/>
      <c r="CDU668" s="613"/>
      <c r="CDV668" s="613"/>
      <c r="CDW668" s="613"/>
      <c r="CDX668" s="613"/>
      <c r="CDY668" s="613"/>
      <c r="CDZ668" s="613"/>
      <c r="CEA668" s="613"/>
      <c r="CEB668" s="613"/>
      <c r="CEC668" s="613"/>
      <c r="CED668" s="613"/>
      <c r="CEE668" s="613"/>
      <c r="CEF668" s="613"/>
      <c r="CEG668" s="613"/>
      <c r="CEH668" s="613"/>
      <c r="CEI668" s="613"/>
      <c r="CEJ668" s="613"/>
      <c r="CEK668" s="613"/>
      <c r="CEL668" s="613"/>
      <c r="CEM668" s="613"/>
      <c r="CEN668" s="613"/>
      <c r="CEO668" s="613"/>
      <c r="CEP668" s="613"/>
      <c r="CEQ668" s="613"/>
      <c r="CER668" s="613"/>
      <c r="CES668" s="613"/>
      <c r="CET668" s="613"/>
      <c r="CEU668" s="613"/>
      <c r="CEV668" s="613"/>
      <c r="CEW668" s="613"/>
      <c r="CEX668" s="613"/>
      <c r="CEY668" s="613"/>
      <c r="CEZ668" s="613"/>
      <c r="CFA668" s="613"/>
      <c r="CFB668" s="613"/>
      <c r="CFC668" s="613"/>
      <c r="CFD668" s="613"/>
      <c r="CFE668" s="613"/>
      <c r="CFF668" s="613"/>
      <c r="CFG668" s="613"/>
      <c r="CFH668" s="613"/>
      <c r="CFI668" s="613"/>
      <c r="CFJ668" s="613"/>
      <c r="CFK668" s="613"/>
      <c r="CFL668" s="613"/>
      <c r="CFM668" s="613"/>
      <c r="CFN668" s="613"/>
      <c r="CFO668" s="613"/>
      <c r="CFP668" s="613"/>
      <c r="CFQ668" s="613"/>
      <c r="CFR668" s="613"/>
      <c r="CFS668" s="613"/>
      <c r="CFT668" s="613"/>
      <c r="CFU668" s="613"/>
      <c r="CFV668" s="613"/>
      <c r="CFW668" s="613"/>
      <c r="CFX668" s="613"/>
      <c r="CFY668" s="613"/>
      <c r="CFZ668" s="613"/>
      <c r="CGA668" s="613"/>
      <c r="CGB668" s="613"/>
      <c r="CGC668" s="613"/>
      <c r="CGD668" s="613"/>
      <c r="CGE668" s="613"/>
      <c r="CGF668" s="613"/>
      <c r="CGG668" s="613"/>
      <c r="CGH668" s="613"/>
      <c r="CGI668" s="613"/>
      <c r="CGJ668" s="613"/>
      <c r="CGK668" s="613"/>
      <c r="CGL668" s="613"/>
      <c r="CGM668" s="613"/>
      <c r="CGN668" s="613"/>
      <c r="CGO668" s="613"/>
      <c r="CGP668" s="613"/>
      <c r="CGQ668" s="613"/>
      <c r="CGR668" s="613"/>
      <c r="CGS668" s="613"/>
      <c r="CGT668" s="613"/>
      <c r="CGU668" s="613"/>
      <c r="CGV668" s="613"/>
      <c r="CGW668" s="613"/>
      <c r="CGX668" s="613"/>
      <c r="CGY668" s="613"/>
      <c r="CGZ668" s="613"/>
      <c r="CHA668" s="613"/>
      <c r="CHB668" s="613"/>
      <c r="CHC668" s="613"/>
      <c r="CHD668" s="613"/>
      <c r="CHE668" s="613"/>
      <c r="CHF668" s="613"/>
      <c r="CHG668" s="613"/>
      <c r="CHH668" s="613"/>
      <c r="CHI668" s="613"/>
      <c r="CHJ668" s="613"/>
      <c r="CHK668" s="613"/>
      <c r="CHL668" s="613"/>
      <c r="CHM668" s="613"/>
      <c r="CHN668" s="613"/>
      <c r="CHO668" s="613"/>
      <c r="CHP668" s="613"/>
      <c r="CHQ668" s="613"/>
      <c r="CHR668" s="613"/>
      <c r="CHS668" s="613"/>
      <c r="CHT668" s="613"/>
      <c r="CHU668" s="613"/>
      <c r="CHV668" s="613"/>
      <c r="CHW668" s="613"/>
      <c r="CHX668" s="613"/>
      <c r="CHY668" s="613"/>
      <c r="CHZ668" s="613"/>
      <c r="CIA668" s="613"/>
      <c r="CIB668" s="613"/>
      <c r="CIC668" s="613"/>
      <c r="CID668" s="613"/>
      <c r="CIE668" s="613"/>
      <c r="CIF668" s="613"/>
      <c r="CIG668" s="613"/>
      <c r="CIH668" s="613"/>
      <c r="CII668" s="613"/>
      <c r="CIJ668" s="613"/>
      <c r="CIK668" s="613"/>
      <c r="CIL668" s="613"/>
      <c r="CIM668" s="613"/>
      <c r="CIN668" s="613"/>
      <c r="CIO668" s="613"/>
      <c r="CIP668" s="613"/>
      <c r="CIQ668" s="613"/>
      <c r="CIR668" s="613"/>
      <c r="CIS668" s="613"/>
      <c r="CIT668" s="613"/>
      <c r="CIU668" s="613"/>
      <c r="CIV668" s="613"/>
      <c r="CIW668" s="613"/>
      <c r="CIX668" s="613"/>
      <c r="CIY668" s="613"/>
      <c r="CIZ668" s="613"/>
      <c r="CJA668" s="613"/>
      <c r="CJB668" s="613"/>
      <c r="CJC668" s="613"/>
      <c r="CJD668" s="613"/>
      <c r="CJE668" s="613"/>
      <c r="CJF668" s="613"/>
      <c r="CJG668" s="613"/>
      <c r="CJH668" s="613"/>
      <c r="CJI668" s="613"/>
      <c r="CJJ668" s="613"/>
      <c r="CJK668" s="613"/>
      <c r="CJL668" s="613"/>
      <c r="CJM668" s="613"/>
      <c r="CJN668" s="613"/>
      <c r="CJO668" s="613"/>
      <c r="CJP668" s="613"/>
      <c r="CJQ668" s="613"/>
      <c r="CJR668" s="613"/>
      <c r="CJS668" s="613"/>
      <c r="CJT668" s="613"/>
      <c r="CJU668" s="613"/>
      <c r="CJV668" s="613"/>
      <c r="CJW668" s="613"/>
      <c r="CJX668" s="613"/>
      <c r="CJY668" s="613"/>
      <c r="CJZ668" s="613"/>
      <c r="CKA668" s="613"/>
      <c r="CKB668" s="613"/>
      <c r="CKC668" s="613"/>
      <c r="CKD668" s="613"/>
      <c r="CKE668" s="613"/>
      <c r="CKF668" s="613"/>
      <c r="CKG668" s="613"/>
      <c r="CKH668" s="613"/>
      <c r="CKI668" s="613"/>
      <c r="CKJ668" s="613"/>
      <c r="CKK668" s="613"/>
      <c r="CKL668" s="613"/>
      <c r="CKM668" s="613"/>
      <c r="CKN668" s="613"/>
      <c r="CKO668" s="613"/>
      <c r="CKP668" s="613"/>
      <c r="CKQ668" s="613"/>
      <c r="CKR668" s="613"/>
      <c r="CKS668" s="613"/>
      <c r="CKT668" s="613"/>
      <c r="CKU668" s="613"/>
      <c r="CKV668" s="613"/>
      <c r="CKW668" s="613"/>
      <c r="CKX668" s="613"/>
      <c r="CKY668" s="613"/>
      <c r="CKZ668" s="613"/>
      <c r="CLA668" s="613"/>
      <c r="CLB668" s="613"/>
      <c r="CLC668" s="613"/>
      <c r="CLD668" s="613"/>
      <c r="CLE668" s="613"/>
      <c r="CLF668" s="613"/>
      <c r="CLG668" s="613"/>
      <c r="CLH668" s="613"/>
      <c r="CLI668" s="613"/>
      <c r="CLJ668" s="613"/>
      <c r="CLK668" s="613"/>
      <c r="CLL668" s="613"/>
      <c r="CLM668" s="613"/>
      <c r="CLN668" s="613"/>
      <c r="CLO668" s="613"/>
      <c r="CLP668" s="613"/>
      <c r="CLQ668" s="613"/>
      <c r="CLR668" s="613"/>
      <c r="CLS668" s="613"/>
      <c r="CLT668" s="613"/>
      <c r="CLU668" s="613"/>
      <c r="CLV668" s="613"/>
      <c r="CLW668" s="613"/>
      <c r="CLX668" s="613"/>
      <c r="CLY668" s="613"/>
      <c r="CLZ668" s="613"/>
      <c r="CMA668" s="613"/>
      <c r="CMB668" s="613"/>
      <c r="CMC668" s="613"/>
      <c r="CMD668" s="613"/>
      <c r="CME668" s="613"/>
      <c r="CMF668" s="613"/>
      <c r="CMG668" s="613"/>
      <c r="CMH668" s="613"/>
      <c r="CMI668" s="613"/>
      <c r="CMJ668" s="613"/>
      <c r="CMK668" s="613"/>
      <c r="CML668" s="613"/>
      <c r="CMM668" s="613"/>
      <c r="CMN668" s="613"/>
      <c r="CMO668" s="613"/>
      <c r="CMP668" s="613"/>
      <c r="CMQ668" s="613"/>
      <c r="CMR668" s="613"/>
      <c r="CMS668" s="613"/>
      <c r="CMT668" s="613"/>
      <c r="CMU668" s="613"/>
      <c r="CMV668" s="613"/>
      <c r="CMW668" s="613"/>
      <c r="CMX668" s="613"/>
      <c r="CMY668" s="613"/>
      <c r="CMZ668" s="613"/>
      <c r="CNA668" s="613"/>
      <c r="CNB668" s="613"/>
      <c r="CNC668" s="613"/>
      <c r="CND668" s="613"/>
      <c r="CNE668" s="613"/>
      <c r="CNF668" s="613"/>
      <c r="CNG668" s="613"/>
      <c r="CNH668" s="613"/>
      <c r="CNI668" s="613"/>
      <c r="CNJ668" s="613"/>
      <c r="CNK668" s="613"/>
      <c r="CNL668" s="613"/>
      <c r="CNM668" s="613"/>
      <c r="CNN668" s="613"/>
      <c r="CNO668" s="613"/>
      <c r="CNP668" s="613"/>
      <c r="CNQ668" s="613"/>
      <c r="CNR668" s="613"/>
      <c r="CNS668" s="613"/>
      <c r="CNT668" s="613"/>
      <c r="CNU668" s="613"/>
      <c r="CNV668" s="613"/>
      <c r="CNW668" s="613"/>
      <c r="CNX668" s="613"/>
      <c r="CNY668" s="613"/>
      <c r="CNZ668" s="613"/>
      <c r="COA668" s="613"/>
      <c r="COB668" s="613"/>
      <c r="COC668" s="613"/>
      <c r="COD668" s="613"/>
      <c r="COE668" s="613"/>
      <c r="COF668" s="613"/>
      <c r="COG668" s="613"/>
      <c r="COH668" s="613"/>
      <c r="COI668" s="613"/>
      <c r="COJ668" s="613"/>
      <c r="COK668" s="613"/>
      <c r="COL668" s="613"/>
      <c r="COM668" s="613"/>
      <c r="CON668" s="613"/>
      <c r="COO668" s="613"/>
      <c r="COP668" s="613"/>
      <c r="COQ668" s="613"/>
      <c r="COR668" s="613"/>
      <c r="COS668" s="613"/>
      <c r="COT668" s="613"/>
      <c r="COU668" s="613"/>
      <c r="COV668" s="613"/>
      <c r="COW668" s="613"/>
      <c r="COX668" s="613"/>
      <c r="COY668" s="613"/>
      <c r="COZ668" s="613"/>
      <c r="CPA668" s="613"/>
      <c r="CPB668" s="613"/>
      <c r="CPC668" s="613"/>
      <c r="CPD668" s="613"/>
      <c r="CPE668" s="613"/>
      <c r="CPF668" s="613"/>
      <c r="CPG668" s="613"/>
      <c r="CPH668" s="613"/>
      <c r="CPI668" s="613"/>
      <c r="CPJ668" s="613"/>
      <c r="CPK668" s="613"/>
      <c r="CPL668" s="613"/>
      <c r="CPM668" s="613"/>
      <c r="CPN668" s="613"/>
      <c r="CPO668" s="613"/>
      <c r="CPP668" s="613"/>
      <c r="CPQ668" s="613"/>
      <c r="CPR668" s="613"/>
      <c r="CPS668" s="613"/>
      <c r="CPT668" s="613"/>
      <c r="CPU668" s="613"/>
      <c r="CPV668" s="613"/>
      <c r="CPW668" s="613"/>
      <c r="CPX668" s="613"/>
      <c r="CPY668" s="613"/>
      <c r="CPZ668" s="613"/>
      <c r="CQA668" s="613"/>
      <c r="CQB668" s="613"/>
      <c r="CQC668" s="613"/>
      <c r="CQD668" s="613"/>
      <c r="CQE668" s="613"/>
      <c r="CQF668" s="613"/>
      <c r="CQG668" s="613"/>
      <c r="CQH668" s="613"/>
      <c r="CQI668" s="613"/>
      <c r="CQJ668" s="613"/>
      <c r="CQK668" s="613"/>
      <c r="CQL668" s="613"/>
      <c r="CQM668" s="613"/>
      <c r="CQN668" s="613"/>
      <c r="CQO668" s="613"/>
      <c r="CQP668" s="613"/>
      <c r="CQQ668" s="613"/>
      <c r="CQR668" s="613"/>
      <c r="CQS668" s="613"/>
      <c r="CQT668" s="613"/>
      <c r="CQU668" s="613"/>
      <c r="CQV668" s="613"/>
      <c r="CQW668" s="613"/>
      <c r="CQX668" s="613"/>
      <c r="CQY668" s="613"/>
      <c r="CQZ668" s="613"/>
      <c r="CRA668" s="613"/>
      <c r="CRB668" s="613"/>
      <c r="CRC668" s="613"/>
      <c r="CRD668" s="613"/>
      <c r="CRE668" s="613"/>
      <c r="CRF668" s="613"/>
      <c r="CRG668" s="613"/>
      <c r="CRH668" s="613"/>
      <c r="CRI668" s="613"/>
      <c r="CRJ668" s="613"/>
      <c r="CRK668" s="613"/>
      <c r="CRL668" s="613"/>
      <c r="CRM668" s="613"/>
      <c r="CRN668" s="613"/>
      <c r="CRO668" s="613"/>
      <c r="CRP668" s="613"/>
      <c r="CRQ668" s="613"/>
      <c r="CRR668" s="613"/>
      <c r="CRS668" s="613"/>
      <c r="CRT668" s="613"/>
      <c r="CRU668" s="613"/>
      <c r="CRV668" s="613"/>
      <c r="CRW668" s="613"/>
      <c r="CRX668" s="613"/>
      <c r="CRY668" s="613"/>
      <c r="CRZ668" s="613"/>
      <c r="CSA668" s="613"/>
      <c r="CSB668" s="613"/>
      <c r="CSC668" s="613"/>
      <c r="CSD668" s="613"/>
      <c r="CSE668" s="613"/>
      <c r="CSF668" s="613"/>
      <c r="CSG668" s="613"/>
      <c r="CSH668" s="613"/>
      <c r="CSI668" s="613"/>
      <c r="CSJ668" s="613"/>
      <c r="CSK668" s="613"/>
      <c r="CSL668" s="613"/>
      <c r="CSM668" s="613"/>
      <c r="CSN668" s="613"/>
      <c r="CSO668" s="613"/>
      <c r="CSP668" s="613"/>
      <c r="CSQ668" s="613"/>
      <c r="CSR668" s="613"/>
      <c r="CSS668" s="613"/>
      <c r="CST668" s="613"/>
      <c r="CSU668" s="613"/>
      <c r="CSV668" s="613"/>
      <c r="CSW668" s="613"/>
      <c r="CSX668" s="613"/>
      <c r="CSY668" s="613"/>
      <c r="CSZ668" s="613"/>
      <c r="CTA668" s="613"/>
      <c r="CTB668" s="613"/>
      <c r="CTC668" s="613"/>
      <c r="CTD668" s="613"/>
      <c r="CTE668" s="613"/>
      <c r="CTF668" s="613"/>
      <c r="CTG668" s="613"/>
      <c r="CTH668" s="613"/>
      <c r="CTI668" s="613"/>
      <c r="CTJ668" s="613"/>
      <c r="CTK668" s="613"/>
      <c r="CTL668" s="613"/>
      <c r="CTM668" s="613"/>
      <c r="CTN668" s="613"/>
      <c r="CTO668" s="613"/>
      <c r="CTP668" s="613"/>
      <c r="CTQ668" s="613"/>
      <c r="CTR668" s="613"/>
      <c r="CTS668" s="613"/>
      <c r="CTT668" s="613"/>
      <c r="CTU668" s="613"/>
      <c r="CTV668" s="613"/>
      <c r="CTW668" s="613"/>
      <c r="CTX668" s="613"/>
      <c r="CTY668" s="613"/>
      <c r="CTZ668" s="613"/>
      <c r="CUA668" s="613"/>
      <c r="CUB668" s="613"/>
      <c r="CUC668" s="613"/>
      <c r="CUD668" s="613"/>
      <c r="CUE668" s="613"/>
      <c r="CUF668" s="613"/>
      <c r="CUG668" s="613"/>
      <c r="CUH668" s="613"/>
      <c r="CUI668" s="613"/>
      <c r="CUJ668" s="613"/>
      <c r="CUK668" s="613"/>
      <c r="CUL668" s="613"/>
      <c r="CUM668" s="613"/>
      <c r="CUN668" s="613"/>
      <c r="CUO668" s="613"/>
      <c r="CUP668" s="613"/>
      <c r="CUQ668" s="613"/>
      <c r="CUR668" s="613"/>
      <c r="CUS668" s="613"/>
      <c r="CUT668" s="613"/>
      <c r="CUU668" s="613"/>
      <c r="CUV668" s="613"/>
      <c r="CUW668" s="613"/>
      <c r="CUX668" s="613"/>
      <c r="CUY668" s="613"/>
      <c r="CUZ668" s="613"/>
      <c r="CVA668" s="613"/>
      <c r="CVB668" s="613"/>
      <c r="CVC668" s="613"/>
      <c r="CVD668" s="613"/>
      <c r="CVE668" s="613"/>
      <c r="CVF668" s="613"/>
      <c r="CVG668" s="613"/>
      <c r="CVH668" s="613"/>
      <c r="CVI668" s="613"/>
      <c r="CVJ668" s="613"/>
      <c r="CVK668" s="613"/>
      <c r="CVL668" s="613"/>
      <c r="CVM668" s="613"/>
      <c r="CVN668" s="613"/>
      <c r="CVO668" s="613"/>
      <c r="CVP668" s="613"/>
      <c r="CVQ668" s="613"/>
      <c r="CVR668" s="613"/>
      <c r="CVS668" s="613"/>
      <c r="CVT668" s="613"/>
      <c r="CVU668" s="613"/>
      <c r="CVV668" s="613"/>
      <c r="CVW668" s="613"/>
      <c r="CVX668" s="613"/>
      <c r="CVY668" s="613"/>
      <c r="CVZ668" s="613"/>
      <c r="CWA668" s="613"/>
      <c r="CWB668" s="613"/>
      <c r="CWC668" s="613"/>
      <c r="CWD668" s="613"/>
      <c r="CWE668" s="613"/>
      <c r="CWF668" s="613"/>
      <c r="CWG668" s="613"/>
      <c r="CWH668" s="613"/>
      <c r="CWI668" s="613"/>
      <c r="CWJ668" s="613"/>
      <c r="CWK668" s="613"/>
      <c r="CWL668" s="613"/>
      <c r="CWM668" s="613"/>
      <c r="CWN668" s="613"/>
      <c r="CWO668" s="613"/>
      <c r="CWP668" s="613"/>
      <c r="CWQ668" s="613"/>
      <c r="CWR668" s="613"/>
      <c r="CWS668" s="613"/>
      <c r="CWT668" s="613"/>
      <c r="CWU668" s="613"/>
      <c r="CWV668" s="613"/>
      <c r="CWW668" s="613"/>
      <c r="CWX668" s="613"/>
      <c r="CWY668" s="613"/>
      <c r="CWZ668" s="613"/>
      <c r="CXA668" s="613"/>
      <c r="CXB668" s="613"/>
      <c r="CXC668" s="613"/>
      <c r="CXD668" s="613"/>
      <c r="CXE668" s="613"/>
      <c r="CXF668" s="613"/>
      <c r="CXG668" s="613"/>
      <c r="CXH668" s="613"/>
      <c r="CXI668" s="613"/>
      <c r="CXJ668" s="613"/>
      <c r="CXK668" s="613"/>
      <c r="CXL668" s="613"/>
      <c r="CXM668" s="613"/>
      <c r="CXN668" s="613"/>
      <c r="CXO668" s="613"/>
      <c r="CXP668" s="613"/>
      <c r="CXQ668" s="613"/>
      <c r="CXR668" s="613"/>
      <c r="CXS668" s="613"/>
      <c r="CXT668" s="613"/>
      <c r="CXU668" s="613"/>
      <c r="CXV668" s="613"/>
      <c r="CXW668" s="613"/>
      <c r="CXX668" s="613"/>
      <c r="CXY668" s="613"/>
      <c r="CXZ668" s="613"/>
      <c r="CYA668" s="613"/>
      <c r="CYB668" s="613"/>
      <c r="CYC668" s="613"/>
      <c r="CYD668" s="613"/>
      <c r="CYE668" s="613"/>
      <c r="CYF668" s="613"/>
      <c r="CYG668" s="613"/>
      <c r="CYH668" s="613"/>
      <c r="CYI668" s="613"/>
      <c r="CYJ668" s="613"/>
      <c r="CYK668" s="613"/>
      <c r="CYL668" s="613"/>
      <c r="CYM668" s="613"/>
      <c r="CYN668" s="613"/>
      <c r="CYO668" s="613"/>
      <c r="CYP668" s="613"/>
      <c r="CYQ668" s="613"/>
      <c r="CYR668" s="613"/>
      <c r="CYS668" s="613"/>
      <c r="CYT668" s="613"/>
      <c r="CYU668" s="613"/>
      <c r="CYV668" s="613"/>
      <c r="CYW668" s="613"/>
      <c r="CYX668" s="613"/>
      <c r="CYY668" s="613"/>
      <c r="CYZ668" s="613"/>
      <c r="CZA668" s="613"/>
      <c r="CZB668" s="613"/>
      <c r="CZC668" s="613"/>
      <c r="CZD668" s="613"/>
      <c r="CZE668" s="613"/>
      <c r="CZF668" s="613"/>
      <c r="CZG668" s="613"/>
      <c r="CZH668" s="613"/>
      <c r="CZI668" s="613"/>
      <c r="CZJ668" s="613"/>
      <c r="CZK668" s="613"/>
      <c r="CZL668" s="613"/>
      <c r="CZM668" s="613"/>
      <c r="CZN668" s="613"/>
      <c r="CZO668" s="613"/>
      <c r="CZP668" s="613"/>
      <c r="CZQ668" s="613"/>
      <c r="CZR668" s="613"/>
      <c r="CZS668" s="613"/>
      <c r="CZT668" s="613"/>
      <c r="CZU668" s="613"/>
      <c r="CZV668" s="613"/>
      <c r="CZW668" s="613"/>
      <c r="CZX668" s="613"/>
      <c r="CZY668" s="613"/>
      <c r="CZZ668" s="613"/>
      <c r="DAA668" s="613"/>
      <c r="DAB668" s="613"/>
      <c r="DAC668" s="613"/>
      <c r="DAD668" s="613"/>
      <c r="DAE668" s="613"/>
      <c r="DAF668" s="613"/>
      <c r="DAG668" s="613"/>
      <c r="DAH668" s="613"/>
      <c r="DAI668" s="613"/>
      <c r="DAJ668" s="613"/>
      <c r="DAK668" s="613"/>
      <c r="DAL668" s="613"/>
      <c r="DAM668" s="613"/>
      <c r="DAN668" s="613"/>
      <c r="DAO668" s="613"/>
      <c r="DAP668" s="613"/>
      <c r="DAQ668" s="613"/>
      <c r="DAR668" s="613"/>
      <c r="DAS668" s="613"/>
      <c r="DAT668" s="613"/>
      <c r="DAU668" s="613"/>
      <c r="DAV668" s="613"/>
      <c r="DAW668" s="613"/>
      <c r="DAX668" s="613"/>
      <c r="DAY668" s="613"/>
      <c r="DAZ668" s="613"/>
      <c r="DBA668" s="613"/>
      <c r="DBB668" s="613"/>
      <c r="DBC668" s="613"/>
      <c r="DBD668" s="613"/>
      <c r="DBE668" s="613"/>
      <c r="DBF668" s="613"/>
      <c r="DBG668" s="613"/>
      <c r="DBH668" s="613"/>
      <c r="DBI668" s="613"/>
      <c r="DBJ668" s="613"/>
      <c r="DBK668" s="613"/>
      <c r="DBL668" s="613"/>
      <c r="DBM668" s="613"/>
      <c r="DBN668" s="613"/>
      <c r="DBO668" s="613"/>
      <c r="DBP668" s="613"/>
      <c r="DBQ668" s="613"/>
      <c r="DBR668" s="613"/>
      <c r="DBS668" s="613"/>
      <c r="DBT668" s="613"/>
      <c r="DBU668" s="613"/>
      <c r="DBV668" s="613"/>
      <c r="DBW668" s="613"/>
      <c r="DBX668" s="613"/>
      <c r="DBY668" s="613"/>
      <c r="DBZ668" s="613"/>
      <c r="DCA668" s="613"/>
      <c r="DCB668" s="613"/>
      <c r="DCC668" s="613"/>
      <c r="DCD668" s="613"/>
      <c r="DCE668" s="613"/>
      <c r="DCF668" s="613"/>
      <c r="DCG668" s="613"/>
      <c r="DCH668" s="613"/>
      <c r="DCI668" s="613"/>
      <c r="DCJ668" s="613"/>
      <c r="DCK668" s="613"/>
      <c r="DCL668" s="613"/>
      <c r="DCM668" s="613"/>
      <c r="DCN668" s="613"/>
      <c r="DCO668" s="613"/>
      <c r="DCP668" s="613"/>
      <c r="DCQ668" s="613"/>
      <c r="DCR668" s="613"/>
      <c r="DCS668" s="613"/>
      <c r="DCT668" s="613"/>
      <c r="DCU668" s="613"/>
      <c r="DCV668" s="613"/>
      <c r="DCW668" s="613"/>
      <c r="DCX668" s="613"/>
      <c r="DCY668" s="613"/>
      <c r="DCZ668" s="613"/>
      <c r="DDA668" s="613"/>
      <c r="DDB668" s="613"/>
      <c r="DDC668" s="613"/>
      <c r="DDD668" s="613"/>
      <c r="DDE668" s="613"/>
      <c r="DDF668" s="613"/>
      <c r="DDG668" s="613"/>
      <c r="DDH668" s="613"/>
      <c r="DDI668" s="613"/>
      <c r="DDJ668" s="613"/>
      <c r="DDK668" s="613"/>
      <c r="DDL668" s="613"/>
      <c r="DDM668" s="613"/>
      <c r="DDN668" s="613"/>
      <c r="DDO668" s="613"/>
      <c r="DDP668" s="613"/>
      <c r="DDQ668" s="613"/>
      <c r="DDR668" s="613"/>
      <c r="DDS668" s="613"/>
      <c r="DDT668" s="613"/>
      <c r="DDU668" s="613"/>
      <c r="DDV668" s="613"/>
      <c r="DDW668" s="613"/>
      <c r="DDX668" s="613"/>
      <c r="DDY668" s="613"/>
      <c r="DDZ668" s="613"/>
      <c r="DEA668" s="613"/>
      <c r="DEB668" s="613"/>
      <c r="DEC668" s="613"/>
      <c r="DED668" s="613"/>
      <c r="DEE668" s="613"/>
      <c r="DEF668" s="613"/>
      <c r="DEG668" s="613"/>
      <c r="DEH668" s="613"/>
      <c r="DEI668" s="613"/>
      <c r="DEJ668" s="613"/>
      <c r="DEK668" s="613"/>
      <c r="DEL668" s="613"/>
      <c r="DEM668" s="613"/>
      <c r="DEN668" s="613"/>
      <c r="DEO668" s="613"/>
      <c r="DEP668" s="613"/>
      <c r="DEQ668" s="613"/>
      <c r="DER668" s="613"/>
      <c r="DES668" s="613"/>
      <c r="DET668" s="613"/>
      <c r="DEU668" s="613"/>
      <c r="DEV668" s="613"/>
      <c r="DEW668" s="613"/>
      <c r="DEX668" s="613"/>
      <c r="DEY668" s="613"/>
      <c r="DEZ668" s="613"/>
      <c r="DFA668" s="613"/>
      <c r="DFB668" s="613"/>
      <c r="DFC668" s="613"/>
      <c r="DFD668" s="613"/>
      <c r="DFE668" s="613"/>
      <c r="DFF668" s="613"/>
      <c r="DFG668" s="613"/>
      <c r="DFH668" s="613"/>
      <c r="DFI668" s="613"/>
      <c r="DFJ668" s="613"/>
      <c r="DFK668" s="613"/>
      <c r="DFL668" s="613"/>
      <c r="DFM668" s="613"/>
      <c r="DFN668" s="613"/>
      <c r="DFO668" s="613"/>
      <c r="DFP668" s="613"/>
      <c r="DFQ668" s="613"/>
      <c r="DFR668" s="613"/>
      <c r="DFS668" s="613"/>
      <c r="DFT668" s="613"/>
      <c r="DFU668" s="613"/>
      <c r="DFV668" s="613"/>
      <c r="DFW668" s="613"/>
      <c r="DFX668" s="613"/>
      <c r="DFY668" s="613"/>
      <c r="DFZ668" s="613"/>
      <c r="DGA668" s="613"/>
      <c r="DGB668" s="613"/>
      <c r="DGC668" s="613"/>
      <c r="DGD668" s="613"/>
      <c r="DGE668" s="613"/>
      <c r="DGF668" s="613"/>
      <c r="DGG668" s="613"/>
      <c r="DGH668" s="613"/>
      <c r="DGI668" s="613"/>
      <c r="DGJ668" s="613"/>
      <c r="DGK668" s="613"/>
      <c r="DGL668" s="613"/>
      <c r="DGM668" s="613"/>
      <c r="DGN668" s="613"/>
      <c r="DGO668" s="613"/>
      <c r="DGP668" s="613"/>
      <c r="DGQ668" s="613"/>
      <c r="DGR668" s="613"/>
      <c r="DGS668" s="613"/>
      <c r="DGT668" s="613"/>
      <c r="DGU668" s="613"/>
      <c r="DGV668" s="613"/>
      <c r="DGW668" s="613"/>
      <c r="DGX668" s="613"/>
      <c r="DGY668" s="613"/>
      <c r="DGZ668" s="613"/>
      <c r="DHA668" s="613"/>
      <c r="DHB668" s="613"/>
      <c r="DHC668" s="613"/>
      <c r="DHD668" s="613"/>
      <c r="DHE668" s="613"/>
      <c r="DHF668" s="613"/>
      <c r="DHG668" s="613"/>
      <c r="DHH668" s="613"/>
      <c r="DHI668" s="613"/>
      <c r="DHJ668" s="613"/>
      <c r="DHK668" s="613"/>
      <c r="DHL668" s="613"/>
      <c r="DHM668" s="613"/>
      <c r="DHN668" s="613"/>
      <c r="DHO668" s="613"/>
      <c r="DHP668" s="613"/>
      <c r="DHQ668" s="613"/>
      <c r="DHR668" s="613"/>
      <c r="DHS668" s="613"/>
      <c r="DHT668" s="613"/>
      <c r="DHU668" s="613"/>
      <c r="DHV668" s="613"/>
      <c r="DHW668" s="613"/>
      <c r="DHX668" s="613"/>
      <c r="DHY668" s="613"/>
      <c r="DHZ668" s="613"/>
      <c r="DIA668" s="613"/>
      <c r="DIB668" s="613"/>
      <c r="DIC668" s="613"/>
      <c r="DID668" s="613"/>
      <c r="DIE668" s="613"/>
      <c r="DIF668" s="613"/>
      <c r="DIG668" s="613"/>
      <c r="DIH668" s="613"/>
      <c r="DII668" s="613"/>
      <c r="DIJ668" s="613"/>
      <c r="DIK668" s="613"/>
      <c r="DIL668" s="613"/>
      <c r="DIM668" s="613"/>
      <c r="DIN668" s="613"/>
      <c r="DIO668" s="613"/>
      <c r="DIP668" s="613"/>
      <c r="DIQ668" s="613"/>
      <c r="DIR668" s="613"/>
      <c r="DIS668" s="613"/>
      <c r="DIT668" s="613"/>
      <c r="DIU668" s="613"/>
      <c r="DIV668" s="613"/>
      <c r="DIW668" s="613"/>
      <c r="DIX668" s="613"/>
      <c r="DIY668" s="613"/>
      <c r="DIZ668" s="613"/>
      <c r="DJA668" s="613"/>
      <c r="DJB668" s="613"/>
      <c r="DJC668" s="613"/>
      <c r="DJD668" s="613"/>
      <c r="DJE668" s="613"/>
      <c r="DJF668" s="613"/>
      <c r="DJG668" s="613"/>
      <c r="DJH668" s="613"/>
      <c r="DJI668" s="613"/>
      <c r="DJJ668" s="613"/>
      <c r="DJK668" s="613"/>
      <c r="DJL668" s="613"/>
      <c r="DJM668" s="613"/>
      <c r="DJN668" s="613"/>
      <c r="DJO668" s="613"/>
      <c r="DJP668" s="613"/>
      <c r="DJQ668" s="613"/>
      <c r="DJR668" s="613"/>
      <c r="DJS668" s="613"/>
      <c r="DJT668" s="613"/>
      <c r="DJU668" s="613"/>
      <c r="DJV668" s="613"/>
      <c r="DJW668" s="613"/>
      <c r="DJX668" s="613"/>
      <c r="DJY668" s="613"/>
      <c r="DJZ668" s="613"/>
      <c r="DKA668" s="613"/>
      <c r="DKB668" s="613"/>
      <c r="DKC668" s="613"/>
      <c r="DKD668" s="613"/>
      <c r="DKE668" s="613"/>
      <c r="DKF668" s="613"/>
      <c r="DKG668" s="613"/>
      <c r="DKH668" s="613"/>
      <c r="DKI668" s="613"/>
      <c r="DKJ668" s="613"/>
      <c r="DKK668" s="613"/>
      <c r="DKL668" s="613"/>
      <c r="DKM668" s="613"/>
      <c r="DKN668" s="613"/>
      <c r="DKO668" s="613"/>
      <c r="DKP668" s="613"/>
      <c r="DKQ668" s="613"/>
      <c r="DKR668" s="613"/>
      <c r="DKS668" s="613"/>
      <c r="DKT668" s="613"/>
      <c r="DKU668" s="613"/>
      <c r="DKV668" s="613"/>
      <c r="DKW668" s="613"/>
      <c r="DKX668" s="613"/>
      <c r="DKY668" s="613"/>
      <c r="DKZ668" s="613"/>
      <c r="DLA668" s="613"/>
      <c r="DLB668" s="613"/>
      <c r="DLC668" s="613"/>
      <c r="DLD668" s="613"/>
      <c r="DLE668" s="613"/>
      <c r="DLF668" s="613"/>
      <c r="DLG668" s="613"/>
      <c r="DLH668" s="613"/>
      <c r="DLI668" s="613"/>
      <c r="DLJ668" s="613"/>
      <c r="DLK668" s="613"/>
      <c r="DLL668" s="613"/>
      <c r="DLM668" s="613"/>
      <c r="DLN668" s="613"/>
      <c r="DLO668" s="613"/>
      <c r="DLP668" s="613"/>
      <c r="DLQ668" s="613"/>
      <c r="DLR668" s="613"/>
      <c r="DLS668" s="613"/>
      <c r="DLT668" s="613"/>
      <c r="DLU668" s="613"/>
      <c r="DLV668" s="613"/>
      <c r="DLW668" s="613"/>
      <c r="DLX668" s="613"/>
      <c r="DLY668" s="613"/>
      <c r="DLZ668" s="613"/>
      <c r="DMA668" s="613"/>
      <c r="DMB668" s="613"/>
      <c r="DMC668" s="613"/>
      <c r="DMD668" s="613"/>
      <c r="DME668" s="613"/>
      <c r="DMF668" s="613"/>
      <c r="DMG668" s="613"/>
      <c r="DMH668" s="613"/>
      <c r="DMI668" s="613"/>
      <c r="DMJ668" s="613"/>
      <c r="DMK668" s="613"/>
      <c r="DML668" s="613"/>
      <c r="DMM668" s="613"/>
      <c r="DMN668" s="613"/>
      <c r="DMO668" s="613"/>
      <c r="DMP668" s="613"/>
      <c r="DMQ668" s="613"/>
      <c r="DMR668" s="613"/>
      <c r="DMS668" s="613"/>
      <c r="DMT668" s="613"/>
      <c r="DMU668" s="613"/>
      <c r="DMV668" s="613"/>
      <c r="DMW668" s="613"/>
      <c r="DMX668" s="613"/>
      <c r="DMY668" s="613"/>
      <c r="DMZ668" s="613"/>
      <c r="DNA668" s="613"/>
      <c r="DNB668" s="613"/>
      <c r="DNC668" s="613"/>
      <c r="DND668" s="613"/>
      <c r="DNE668" s="613"/>
      <c r="DNF668" s="613"/>
      <c r="DNG668" s="613"/>
      <c r="DNH668" s="613"/>
      <c r="DNI668" s="613"/>
      <c r="DNJ668" s="613"/>
      <c r="DNK668" s="613"/>
      <c r="DNL668" s="613"/>
      <c r="DNM668" s="613"/>
      <c r="DNN668" s="613"/>
      <c r="DNO668" s="613"/>
      <c r="DNP668" s="613"/>
      <c r="DNQ668" s="613"/>
      <c r="DNR668" s="613"/>
      <c r="DNS668" s="613"/>
      <c r="DNT668" s="613"/>
      <c r="DNU668" s="613"/>
      <c r="DNV668" s="613"/>
      <c r="DNW668" s="613"/>
      <c r="DNX668" s="613"/>
      <c r="DNY668" s="613"/>
      <c r="DNZ668" s="613"/>
      <c r="DOA668" s="613"/>
      <c r="DOB668" s="613"/>
      <c r="DOC668" s="613"/>
      <c r="DOD668" s="613"/>
      <c r="DOE668" s="613"/>
      <c r="DOF668" s="613"/>
      <c r="DOG668" s="613"/>
      <c r="DOH668" s="613"/>
      <c r="DOI668" s="613"/>
      <c r="DOJ668" s="613"/>
      <c r="DOK668" s="613"/>
      <c r="DOL668" s="613"/>
      <c r="DOM668" s="613"/>
      <c r="DON668" s="613"/>
      <c r="DOO668" s="613"/>
      <c r="DOP668" s="613"/>
      <c r="DOQ668" s="613"/>
      <c r="DOR668" s="613"/>
      <c r="DOS668" s="613"/>
      <c r="DOT668" s="613"/>
      <c r="DOU668" s="613"/>
      <c r="DOV668" s="613"/>
      <c r="DOW668" s="613"/>
      <c r="DOX668" s="613"/>
      <c r="DOY668" s="613"/>
      <c r="DOZ668" s="613"/>
      <c r="DPA668" s="613"/>
      <c r="DPB668" s="613"/>
      <c r="DPC668" s="613"/>
      <c r="DPD668" s="613"/>
      <c r="DPE668" s="613"/>
      <c r="DPF668" s="613"/>
      <c r="DPG668" s="613"/>
      <c r="DPH668" s="613"/>
      <c r="DPI668" s="613"/>
      <c r="DPJ668" s="613"/>
      <c r="DPK668" s="613"/>
      <c r="DPL668" s="613"/>
      <c r="DPM668" s="613"/>
      <c r="DPN668" s="613"/>
      <c r="DPO668" s="613"/>
      <c r="DPP668" s="613"/>
      <c r="DPQ668" s="613"/>
      <c r="DPR668" s="613"/>
      <c r="DPS668" s="613"/>
      <c r="DPT668" s="613"/>
      <c r="DPU668" s="613"/>
      <c r="DPV668" s="613"/>
      <c r="DPW668" s="613"/>
      <c r="DPX668" s="613"/>
      <c r="DPY668" s="613"/>
      <c r="DPZ668" s="613"/>
      <c r="DQA668" s="613"/>
      <c r="DQB668" s="613"/>
      <c r="DQC668" s="613"/>
      <c r="DQD668" s="613"/>
      <c r="DQE668" s="613"/>
      <c r="DQF668" s="613"/>
      <c r="DQG668" s="613"/>
      <c r="DQH668" s="613"/>
      <c r="DQI668" s="613"/>
      <c r="DQJ668" s="613"/>
      <c r="DQK668" s="613"/>
      <c r="DQL668" s="613"/>
      <c r="DQM668" s="613"/>
      <c r="DQN668" s="613"/>
      <c r="DQO668" s="613"/>
      <c r="DQP668" s="613"/>
      <c r="DQQ668" s="613"/>
      <c r="DQR668" s="613"/>
      <c r="DQS668" s="613"/>
      <c r="DQT668" s="613"/>
      <c r="DQU668" s="613"/>
      <c r="DQV668" s="613"/>
      <c r="DQW668" s="613"/>
      <c r="DQX668" s="613"/>
      <c r="DQY668" s="613"/>
      <c r="DQZ668" s="613"/>
      <c r="DRA668" s="613"/>
      <c r="DRB668" s="613"/>
      <c r="DRC668" s="613"/>
      <c r="DRD668" s="613"/>
      <c r="DRE668" s="613"/>
      <c r="DRF668" s="613"/>
      <c r="DRG668" s="613"/>
      <c r="DRH668" s="613"/>
      <c r="DRI668" s="613"/>
      <c r="DRJ668" s="613"/>
      <c r="DRK668" s="613"/>
      <c r="DRL668" s="613"/>
      <c r="DRM668" s="613"/>
      <c r="DRN668" s="613"/>
      <c r="DRO668" s="613"/>
      <c r="DRP668" s="613"/>
      <c r="DRQ668" s="613"/>
      <c r="DRR668" s="613"/>
      <c r="DRS668" s="613"/>
      <c r="DRT668" s="613"/>
      <c r="DRU668" s="613"/>
      <c r="DRV668" s="613"/>
      <c r="DRW668" s="613"/>
      <c r="DRX668" s="613"/>
      <c r="DRY668" s="613"/>
      <c r="DRZ668" s="613"/>
      <c r="DSA668" s="613"/>
      <c r="DSB668" s="613"/>
      <c r="DSC668" s="613"/>
      <c r="DSD668" s="613"/>
      <c r="DSE668" s="613"/>
      <c r="DSF668" s="613"/>
      <c r="DSG668" s="613"/>
      <c r="DSH668" s="613"/>
      <c r="DSI668" s="613"/>
      <c r="DSJ668" s="613"/>
      <c r="DSK668" s="613"/>
      <c r="DSL668" s="613"/>
      <c r="DSM668" s="613"/>
      <c r="DSN668" s="613"/>
      <c r="DSO668" s="613"/>
      <c r="DSP668" s="613"/>
      <c r="DSQ668" s="613"/>
      <c r="DSR668" s="613"/>
      <c r="DSS668" s="613"/>
      <c r="DST668" s="613"/>
      <c r="DSU668" s="613"/>
      <c r="DSV668" s="613"/>
      <c r="DSW668" s="613"/>
      <c r="DSX668" s="613"/>
      <c r="DSY668" s="613"/>
      <c r="DSZ668" s="613"/>
      <c r="DTA668" s="613"/>
      <c r="DTB668" s="613"/>
      <c r="DTC668" s="613"/>
      <c r="DTD668" s="613"/>
      <c r="DTE668" s="613"/>
      <c r="DTF668" s="613"/>
      <c r="DTG668" s="613"/>
      <c r="DTH668" s="613"/>
      <c r="DTI668" s="613"/>
      <c r="DTJ668" s="613"/>
      <c r="DTK668" s="613"/>
      <c r="DTL668" s="613"/>
      <c r="DTM668" s="613"/>
      <c r="DTN668" s="613"/>
      <c r="DTO668" s="613"/>
      <c r="DTP668" s="613"/>
      <c r="DTQ668" s="613"/>
      <c r="DTR668" s="613"/>
      <c r="DTS668" s="613"/>
      <c r="DTT668" s="613"/>
      <c r="DTU668" s="613"/>
      <c r="DTV668" s="613"/>
      <c r="DTW668" s="613"/>
      <c r="DTX668" s="613"/>
      <c r="DTY668" s="613"/>
      <c r="DTZ668" s="613"/>
      <c r="DUA668" s="613"/>
      <c r="DUB668" s="613"/>
      <c r="DUC668" s="613"/>
      <c r="DUD668" s="613"/>
      <c r="DUE668" s="613"/>
      <c r="DUF668" s="613"/>
      <c r="DUG668" s="613"/>
      <c r="DUH668" s="613"/>
      <c r="DUI668" s="613"/>
      <c r="DUJ668" s="613"/>
      <c r="DUK668" s="613"/>
      <c r="DUL668" s="613"/>
      <c r="DUM668" s="613"/>
      <c r="DUN668" s="613"/>
      <c r="DUO668" s="613"/>
      <c r="DUP668" s="613"/>
      <c r="DUQ668" s="613"/>
      <c r="DUR668" s="613"/>
      <c r="DUS668" s="613"/>
      <c r="DUT668" s="613"/>
      <c r="DUU668" s="613"/>
      <c r="DUV668" s="613"/>
      <c r="DUW668" s="613"/>
      <c r="DUX668" s="613"/>
      <c r="DUY668" s="613"/>
      <c r="DUZ668" s="613"/>
      <c r="DVA668" s="613"/>
      <c r="DVB668" s="613"/>
      <c r="DVC668" s="613"/>
      <c r="DVD668" s="613"/>
      <c r="DVE668" s="613"/>
      <c r="DVF668" s="613"/>
      <c r="DVG668" s="613"/>
      <c r="DVH668" s="613"/>
      <c r="DVI668" s="613"/>
      <c r="DVJ668" s="613"/>
      <c r="DVK668" s="613"/>
      <c r="DVL668" s="613"/>
      <c r="DVM668" s="613"/>
      <c r="DVN668" s="613"/>
      <c r="DVO668" s="613"/>
      <c r="DVP668" s="613"/>
      <c r="DVQ668" s="613"/>
      <c r="DVR668" s="613"/>
      <c r="DVS668" s="613"/>
      <c r="DVT668" s="613"/>
      <c r="DVU668" s="613"/>
      <c r="DVV668" s="613"/>
      <c r="DVW668" s="613"/>
      <c r="DVX668" s="613"/>
      <c r="DVY668" s="613"/>
      <c r="DVZ668" s="613"/>
      <c r="DWA668" s="613"/>
      <c r="DWB668" s="613"/>
      <c r="DWC668" s="613"/>
      <c r="DWD668" s="613"/>
      <c r="DWE668" s="613"/>
      <c r="DWF668" s="613"/>
      <c r="DWG668" s="613"/>
      <c r="DWH668" s="613"/>
      <c r="DWI668" s="613"/>
      <c r="DWJ668" s="613"/>
      <c r="DWK668" s="613"/>
      <c r="DWL668" s="613"/>
      <c r="DWM668" s="613"/>
      <c r="DWN668" s="613"/>
      <c r="DWO668" s="613"/>
      <c r="DWP668" s="613"/>
      <c r="DWQ668" s="613"/>
      <c r="DWR668" s="613"/>
      <c r="DWS668" s="613"/>
      <c r="DWT668" s="613"/>
      <c r="DWU668" s="613"/>
      <c r="DWV668" s="613"/>
      <c r="DWW668" s="613"/>
      <c r="DWX668" s="613"/>
      <c r="DWY668" s="613"/>
      <c r="DWZ668" s="613"/>
      <c r="DXA668" s="613"/>
      <c r="DXB668" s="613"/>
      <c r="DXC668" s="613"/>
      <c r="DXD668" s="613"/>
      <c r="DXE668" s="613"/>
      <c r="DXF668" s="613"/>
      <c r="DXG668" s="613"/>
      <c r="DXH668" s="613"/>
      <c r="DXI668" s="613"/>
      <c r="DXJ668" s="613"/>
      <c r="DXK668" s="613"/>
      <c r="DXL668" s="613"/>
      <c r="DXM668" s="613"/>
      <c r="DXN668" s="613"/>
      <c r="DXO668" s="613"/>
      <c r="DXP668" s="613"/>
      <c r="DXQ668" s="613"/>
      <c r="DXR668" s="613"/>
      <c r="DXS668" s="613"/>
      <c r="DXT668" s="613"/>
      <c r="DXU668" s="613"/>
      <c r="DXV668" s="613"/>
      <c r="DXW668" s="613"/>
      <c r="DXX668" s="613"/>
      <c r="DXY668" s="613"/>
      <c r="DXZ668" s="613"/>
      <c r="DYA668" s="613"/>
      <c r="DYB668" s="613"/>
      <c r="DYC668" s="613"/>
      <c r="DYD668" s="613"/>
      <c r="DYE668" s="613"/>
      <c r="DYF668" s="613"/>
      <c r="DYG668" s="613"/>
      <c r="DYH668" s="613"/>
      <c r="DYI668" s="613"/>
      <c r="DYJ668" s="613"/>
      <c r="DYK668" s="613"/>
      <c r="DYL668" s="613"/>
      <c r="DYM668" s="613"/>
      <c r="DYN668" s="613"/>
      <c r="DYO668" s="613"/>
      <c r="DYP668" s="613"/>
      <c r="DYQ668" s="613"/>
      <c r="DYR668" s="613"/>
      <c r="DYS668" s="613"/>
      <c r="DYT668" s="613"/>
      <c r="DYU668" s="613"/>
      <c r="DYV668" s="613"/>
      <c r="DYW668" s="613"/>
      <c r="DYX668" s="613"/>
      <c r="DYY668" s="613"/>
      <c r="DYZ668" s="613"/>
      <c r="DZA668" s="613"/>
      <c r="DZB668" s="613"/>
      <c r="DZC668" s="613"/>
      <c r="DZD668" s="613"/>
      <c r="DZE668" s="613"/>
      <c r="DZF668" s="613"/>
      <c r="DZG668" s="613"/>
      <c r="DZH668" s="613"/>
      <c r="DZI668" s="613"/>
      <c r="DZJ668" s="613"/>
      <c r="DZK668" s="613"/>
      <c r="DZL668" s="613"/>
      <c r="DZM668" s="613"/>
      <c r="DZN668" s="613"/>
      <c r="DZO668" s="613"/>
      <c r="DZP668" s="613"/>
      <c r="DZQ668" s="613"/>
      <c r="DZR668" s="613"/>
      <c r="DZS668" s="613"/>
      <c r="DZT668" s="613"/>
      <c r="DZU668" s="613"/>
      <c r="DZV668" s="613"/>
      <c r="DZW668" s="613"/>
      <c r="DZX668" s="613"/>
      <c r="DZY668" s="613"/>
      <c r="DZZ668" s="613"/>
      <c r="EAA668" s="613"/>
      <c r="EAB668" s="613"/>
      <c r="EAC668" s="613"/>
      <c r="EAD668" s="613"/>
      <c r="EAE668" s="613"/>
      <c r="EAF668" s="613"/>
      <c r="EAG668" s="613"/>
      <c r="EAH668" s="613"/>
      <c r="EAI668" s="613"/>
      <c r="EAJ668" s="613"/>
      <c r="EAK668" s="613"/>
      <c r="EAL668" s="613"/>
      <c r="EAM668" s="613"/>
      <c r="EAN668" s="613"/>
      <c r="EAO668" s="613"/>
      <c r="EAP668" s="613"/>
      <c r="EAQ668" s="613"/>
      <c r="EAR668" s="613"/>
      <c r="EAS668" s="613"/>
      <c r="EAT668" s="613"/>
      <c r="EAU668" s="613"/>
      <c r="EAV668" s="613"/>
      <c r="EAW668" s="613"/>
      <c r="EAX668" s="613"/>
      <c r="EAY668" s="613"/>
      <c r="EAZ668" s="613"/>
      <c r="EBA668" s="613"/>
      <c r="EBB668" s="613"/>
      <c r="EBC668" s="613"/>
      <c r="EBD668" s="613"/>
      <c r="EBE668" s="613"/>
      <c r="EBF668" s="613"/>
      <c r="EBG668" s="613"/>
      <c r="EBH668" s="613"/>
      <c r="EBI668" s="613"/>
      <c r="EBJ668" s="613"/>
      <c r="EBK668" s="613"/>
      <c r="EBL668" s="613"/>
      <c r="EBM668" s="613"/>
      <c r="EBN668" s="613"/>
      <c r="EBO668" s="613"/>
      <c r="EBP668" s="613"/>
      <c r="EBQ668" s="613"/>
      <c r="EBR668" s="613"/>
      <c r="EBS668" s="613"/>
      <c r="EBT668" s="613"/>
      <c r="EBU668" s="613"/>
      <c r="EBV668" s="613"/>
      <c r="EBW668" s="613"/>
      <c r="EBX668" s="613"/>
      <c r="EBY668" s="613"/>
      <c r="EBZ668" s="613"/>
      <c r="ECA668" s="613"/>
      <c r="ECB668" s="613"/>
      <c r="ECC668" s="613"/>
      <c r="ECD668" s="613"/>
      <c r="ECE668" s="613"/>
      <c r="ECF668" s="613"/>
      <c r="ECG668" s="613"/>
      <c r="ECH668" s="613"/>
      <c r="ECI668" s="613"/>
      <c r="ECJ668" s="613"/>
      <c r="ECK668" s="613"/>
      <c r="ECL668" s="613"/>
      <c r="ECM668" s="613"/>
      <c r="ECN668" s="613"/>
      <c r="ECO668" s="613"/>
      <c r="ECP668" s="613"/>
      <c r="ECQ668" s="613"/>
      <c r="ECR668" s="613"/>
      <c r="ECS668" s="613"/>
      <c r="ECT668" s="613"/>
      <c r="ECU668" s="613"/>
      <c r="ECV668" s="613"/>
      <c r="ECW668" s="613"/>
      <c r="ECX668" s="613"/>
      <c r="ECY668" s="613"/>
      <c r="ECZ668" s="613"/>
      <c r="EDA668" s="613"/>
      <c r="EDB668" s="613"/>
      <c r="EDC668" s="613"/>
      <c r="EDD668" s="613"/>
      <c r="EDE668" s="613"/>
      <c r="EDF668" s="613"/>
      <c r="EDG668" s="613"/>
      <c r="EDH668" s="613"/>
      <c r="EDI668" s="613"/>
      <c r="EDJ668" s="613"/>
      <c r="EDK668" s="613"/>
      <c r="EDL668" s="613"/>
      <c r="EDM668" s="613"/>
      <c r="EDN668" s="613"/>
      <c r="EDO668" s="613"/>
      <c r="EDP668" s="613"/>
      <c r="EDQ668" s="613"/>
      <c r="EDR668" s="613"/>
      <c r="EDS668" s="613"/>
      <c r="EDT668" s="613"/>
      <c r="EDU668" s="613"/>
      <c r="EDV668" s="613"/>
      <c r="EDW668" s="613"/>
      <c r="EDX668" s="613"/>
      <c r="EDY668" s="613"/>
      <c r="EDZ668" s="613"/>
      <c r="EEA668" s="613"/>
      <c r="EEB668" s="613"/>
      <c r="EEC668" s="613"/>
      <c r="EED668" s="613"/>
      <c r="EEE668" s="613"/>
      <c r="EEF668" s="613"/>
      <c r="EEG668" s="613"/>
      <c r="EEH668" s="613"/>
      <c r="EEI668" s="613"/>
      <c r="EEJ668" s="613"/>
      <c r="EEK668" s="613"/>
      <c r="EEL668" s="613"/>
      <c r="EEM668" s="613"/>
      <c r="EEN668" s="613"/>
      <c r="EEO668" s="613"/>
      <c r="EEP668" s="613"/>
      <c r="EEQ668" s="613"/>
      <c r="EER668" s="613"/>
      <c r="EES668" s="613"/>
      <c r="EET668" s="613"/>
      <c r="EEU668" s="613"/>
      <c r="EEV668" s="613"/>
      <c r="EEW668" s="613"/>
      <c r="EEX668" s="613"/>
      <c r="EEY668" s="613"/>
      <c r="EEZ668" s="613"/>
      <c r="EFA668" s="613"/>
      <c r="EFB668" s="613"/>
      <c r="EFC668" s="613"/>
      <c r="EFD668" s="613"/>
      <c r="EFE668" s="613"/>
      <c r="EFF668" s="613"/>
      <c r="EFG668" s="613"/>
      <c r="EFH668" s="613"/>
      <c r="EFI668" s="613"/>
      <c r="EFJ668" s="613"/>
      <c r="EFK668" s="613"/>
      <c r="EFL668" s="613"/>
      <c r="EFM668" s="613"/>
      <c r="EFN668" s="613"/>
      <c r="EFO668" s="613"/>
      <c r="EFP668" s="613"/>
      <c r="EFQ668" s="613"/>
      <c r="EFR668" s="613"/>
      <c r="EFS668" s="613"/>
      <c r="EFT668" s="613"/>
      <c r="EFU668" s="613"/>
      <c r="EFV668" s="613"/>
      <c r="EFW668" s="613"/>
      <c r="EFX668" s="613"/>
      <c r="EFY668" s="613"/>
      <c r="EFZ668" s="613"/>
      <c r="EGA668" s="613"/>
      <c r="EGB668" s="613"/>
      <c r="EGC668" s="613"/>
      <c r="EGD668" s="613"/>
      <c r="EGE668" s="613"/>
      <c r="EGF668" s="613"/>
      <c r="EGG668" s="613"/>
      <c r="EGH668" s="613"/>
      <c r="EGI668" s="613"/>
      <c r="EGJ668" s="613"/>
      <c r="EGK668" s="613"/>
      <c r="EGL668" s="613"/>
      <c r="EGM668" s="613"/>
      <c r="EGN668" s="613"/>
      <c r="EGO668" s="613"/>
      <c r="EGP668" s="613"/>
      <c r="EGQ668" s="613"/>
      <c r="EGR668" s="613"/>
      <c r="EGS668" s="613"/>
      <c r="EGT668" s="613"/>
      <c r="EGU668" s="613"/>
      <c r="EGV668" s="613"/>
      <c r="EGW668" s="613"/>
      <c r="EGX668" s="613"/>
      <c r="EGY668" s="613"/>
      <c r="EGZ668" s="613"/>
      <c r="EHA668" s="613"/>
      <c r="EHB668" s="613"/>
      <c r="EHC668" s="613"/>
      <c r="EHD668" s="613"/>
      <c r="EHE668" s="613"/>
      <c r="EHF668" s="613"/>
      <c r="EHG668" s="613"/>
      <c r="EHH668" s="613"/>
      <c r="EHI668" s="613"/>
      <c r="EHJ668" s="613"/>
      <c r="EHK668" s="613"/>
      <c r="EHL668" s="613"/>
      <c r="EHM668" s="613"/>
      <c r="EHN668" s="613"/>
      <c r="EHO668" s="613"/>
      <c r="EHP668" s="613"/>
      <c r="EHQ668" s="613"/>
      <c r="EHR668" s="613"/>
      <c r="EHS668" s="613"/>
      <c r="EHT668" s="613"/>
      <c r="EHU668" s="613"/>
      <c r="EHV668" s="613"/>
      <c r="EHW668" s="613"/>
      <c r="EHX668" s="613"/>
      <c r="EHY668" s="613"/>
      <c r="EHZ668" s="613"/>
      <c r="EIA668" s="613"/>
      <c r="EIB668" s="613"/>
      <c r="EIC668" s="613"/>
      <c r="EID668" s="613"/>
      <c r="EIE668" s="613"/>
      <c r="EIF668" s="613"/>
      <c r="EIG668" s="613"/>
      <c r="EIH668" s="613"/>
      <c r="EII668" s="613"/>
      <c r="EIJ668" s="613"/>
      <c r="EIK668" s="613"/>
      <c r="EIL668" s="613"/>
      <c r="EIM668" s="613"/>
      <c r="EIN668" s="613"/>
      <c r="EIO668" s="613"/>
      <c r="EIP668" s="613"/>
      <c r="EIQ668" s="613"/>
      <c r="EIR668" s="613"/>
      <c r="EIS668" s="613"/>
      <c r="EIT668" s="613"/>
      <c r="EIU668" s="613"/>
      <c r="EIV668" s="613"/>
      <c r="EIW668" s="613"/>
      <c r="EIX668" s="613"/>
      <c r="EIY668" s="613"/>
      <c r="EIZ668" s="613"/>
      <c r="EJA668" s="613"/>
      <c r="EJB668" s="613"/>
      <c r="EJC668" s="613"/>
      <c r="EJD668" s="613"/>
      <c r="EJE668" s="613"/>
      <c r="EJF668" s="613"/>
      <c r="EJG668" s="613"/>
      <c r="EJH668" s="613"/>
      <c r="EJI668" s="613"/>
      <c r="EJJ668" s="613"/>
      <c r="EJK668" s="613"/>
      <c r="EJL668" s="613"/>
      <c r="EJM668" s="613"/>
      <c r="EJN668" s="613"/>
      <c r="EJO668" s="613"/>
      <c r="EJP668" s="613"/>
      <c r="EJQ668" s="613"/>
      <c r="EJR668" s="613"/>
      <c r="EJS668" s="613"/>
      <c r="EJT668" s="613"/>
      <c r="EJU668" s="613"/>
      <c r="EJV668" s="613"/>
      <c r="EJW668" s="613"/>
      <c r="EJX668" s="613"/>
      <c r="EJY668" s="613"/>
      <c r="EJZ668" s="613"/>
      <c r="EKA668" s="613"/>
      <c r="EKB668" s="613"/>
      <c r="EKC668" s="613"/>
      <c r="EKD668" s="613"/>
      <c r="EKE668" s="613"/>
      <c r="EKF668" s="613"/>
      <c r="EKG668" s="613"/>
      <c r="EKH668" s="613"/>
      <c r="EKI668" s="613"/>
      <c r="EKJ668" s="613"/>
      <c r="EKK668" s="613"/>
      <c r="EKL668" s="613"/>
      <c r="EKM668" s="613"/>
      <c r="EKN668" s="613"/>
      <c r="EKO668" s="613"/>
      <c r="EKP668" s="613"/>
      <c r="EKQ668" s="613"/>
      <c r="EKR668" s="613"/>
      <c r="EKS668" s="613"/>
      <c r="EKT668" s="613"/>
      <c r="EKU668" s="613"/>
      <c r="EKV668" s="613"/>
      <c r="EKW668" s="613"/>
      <c r="EKX668" s="613"/>
      <c r="EKY668" s="613"/>
      <c r="EKZ668" s="613"/>
      <c r="ELA668" s="613"/>
      <c r="ELB668" s="613"/>
      <c r="ELC668" s="613"/>
      <c r="ELD668" s="613"/>
      <c r="ELE668" s="613"/>
      <c r="ELF668" s="613"/>
      <c r="ELG668" s="613"/>
      <c r="ELH668" s="613"/>
      <c r="ELI668" s="613"/>
      <c r="ELJ668" s="613"/>
      <c r="ELK668" s="613"/>
      <c r="ELL668" s="613"/>
      <c r="ELM668" s="613"/>
      <c r="ELN668" s="613"/>
      <c r="ELO668" s="613"/>
      <c r="ELP668" s="613"/>
      <c r="ELQ668" s="613"/>
      <c r="ELR668" s="613"/>
      <c r="ELS668" s="613"/>
      <c r="ELT668" s="613"/>
      <c r="ELU668" s="613"/>
      <c r="ELV668" s="613"/>
      <c r="ELW668" s="613"/>
      <c r="ELX668" s="613"/>
      <c r="ELY668" s="613"/>
      <c r="ELZ668" s="613"/>
      <c r="EMA668" s="613"/>
      <c r="EMB668" s="613"/>
      <c r="EMC668" s="613"/>
      <c r="EMD668" s="613"/>
      <c r="EME668" s="613"/>
      <c r="EMF668" s="613"/>
      <c r="EMG668" s="613"/>
      <c r="EMH668" s="613"/>
      <c r="EMI668" s="613"/>
      <c r="EMJ668" s="613"/>
      <c r="EMK668" s="613"/>
      <c r="EML668" s="613"/>
      <c r="EMM668" s="613"/>
      <c r="EMN668" s="613"/>
      <c r="EMO668" s="613"/>
      <c r="EMP668" s="613"/>
      <c r="EMQ668" s="613"/>
      <c r="EMR668" s="613"/>
      <c r="EMS668" s="613"/>
      <c r="EMT668" s="613"/>
      <c r="EMU668" s="613"/>
      <c r="EMV668" s="613"/>
      <c r="EMW668" s="613"/>
      <c r="EMX668" s="613"/>
      <c r="EMY668" s="613"/>
      <c r="EMZ668" s="613"/>
      <c r="ENA668" s="613"/>
      <c r="ENB668" s="613"/>
      <c r="ENC668" s="613"/>
      <c r="END668" s="613"/>
      <c r="ENE668" s="613"/>
      <c r="ENF668" s="613"/>
      <c r="ENG668" s="613"/>
      <c r="ENH668" s="613"/>
      <c r="ENI668" s="613"/>
      <c r="ENJ668" s="613"/>
      <c r="ENK668" s="613"/>
      <c r="ENL668" s="613"/>
      <c r="ENM668" s="613"/>
      <c r="ENN668" s="613"/>
      <c r="ENO668" s="613"/>
      <c r="ENP668" s="613"/>
      <c r="ENQ668" s="613"/>
      <c r="ENR668" s="613"/>
      <c r="ENS668" s="613"/>
      <c r="ENT668" s="613"/>
      <c r="ENU668" s="613"/>
      <c r="ENV668" s="613"/>
      <c r="ENW668" s="613"/>
      <c r="ENX668" s="613"/>
      <c r="ENY668" s="613"/>
      <c r="ENZ668" s="613"/>
      <c r="EOA668" s="613"/>
      <c r="EOB668" s="613"/>
      <c r="EOC668" s="613"/>
      <c r="EOD668" s="613"/>
      <c r="EOE668" s="613"/>
      <c r="EOF668" s="613"/>
      <c r="EOG668" s="613"/>
      <c r="EOH668" s="613"/>
      <c r="EOI668" s="613"/>
      <c r="EOJ668" s="613"/>
      <c r="EOK668" s="613"/>
      <c r="EOL668" s="613"/>
      <c r="EOM668" s="613"/>
      <c r="EON668" s="613"/>
      <c r="EOO668" s="613"/>
      <c r="EOP668" s="613"/>
      <c r="EOQ668" s="613"/>
      <c r="EOR668" s="613"/>
      <c r="EOS668" s="613"/>
      <c r="EOT668" s="613"/>
      <c r="EOU668" s="613"/>
      <c r="EOV668" s="613"/>
      <c r="EOW668" s="613"/>
      <c r="EOX668" s="613"/>
      <c r="EOY668" s="613"/>
      <c r="EOZ668" s="613"/>
      <c r="EPA668" s="613"/>
      <c r="EPB668" s="613"/>
      <c r="EPC668" s="613"/>
      <c r="EPD668" s="613"/>
      <c r="EPE668" s="613"/>
      <c r="EPF668" s="613"/>
      <c r="EPG668" s="613"/>
      <c r="EPH668" s="613"/>
      <c r="EPI668" s="613"/>
      <c r="EPJ668" s="613"/>
      <c r="EPK668" s="613"/>
      <c r="EPL668" s="613"/>
      <c r="EPM668" s="613"/>
      <c r="EPN668" s="613"/>
      <c r="EPO668" s="613"/>
      <c r="EPP668" s="613"/>
      <c r="EPQ668" s="613"/>
      <c r="EPR668" s="613"/>
      <c r="EPS668" s="613"/>
      <c r="EPT668" s="613"/>
      <c r="EPU668" s="613"/>
      <c r="EPV668" s="613"/>
      <c r="EPW668" s="613"/>
      <c r="EPX668" s="613"/>
      <c r="EPY668" s="613"/>
      <c r="EPZ668" s="613"/>
      <c r="EQA668" s="613"/>
      <c r="EQB668" s="613"/>
      <c r="EQC668" s="613"/>
      <c r="EQD668" s="613"/>
      <c r="EQE668" s="613"/>
      <c r="EQF668" s="613"/>
      <c r="EQG668" s="613"/>
      <c r="EQH668" s="613"/>
      <c r="EQI668" s="613"/>
      <c r="EQJ668" s="613"/>
      <c r="EQK668" s="613"/>
      <c r="EQL668" s="613"/>
      <c r="EQM668" s="613"/>
      <c r="EQN668" s="613"/>
      <c r="EQO668" s="613"/>
      <c r="EQP668" s="613"/>
      <c r="EQQ668" s="613"/>
      <c r="EQR668" s="613"/>
      <c r="EQS668" s="613"/>
      <c r="EQT668" s="613"/>
      <c r="EQU668" s="613"/>
      <c r="EQV668" s="613"/>
      <c r="EQW668" s="613"/>
      <c r="EQX668" s="613"/>
      <c r="EQY668" s="613"/>
      <c r="EQZ668" s="613"/>
      <c r="ERA668" s="613"/>
      <c r="ERB668" s="613"/>
      <c r="ERC668" s="613"/>
      <c r="ERD668" s="613"/>
      <c r="ERE668" s="613"/>
      <c r="ERF668" s="613"/>
      <c r="ERG668" s="613"/>
      <c r="ERH668" s="613"/>
      <c r="ERI668" s="613"/>
      <c r="ERJ668" s="613"/>
      <c r="ERK668" s="613"/>
      <c r="ERL668" s="613"/>
      <c r="ERM668" s="613"/>
      <c r="ERN668" s="613"/>
      <c r="ERO668" s="613"/>
      <c r="ERP668" s="613"/>
      <c r="ERQ668" s="613"/>
      <c r="ERR668" s="613"/>
      <c r="ERS668" s="613"/>
      <c r="ERT668" s="613"/>
      <c r="ERU668" s="613"/>
      <c r="ERV668" s="613"/>
      <c r="ERW668" s="613"/>
      <c r="ERX668" s="613"/>
      <c r="ERY668" s="613"/>
      <c r="ERZ668" s="613"/>
      <c r="ESA668" s="613"/>
      <c r="ESB668" s="613"/>
      <c r="ESC668" s="613"/>
      <c r="ESD668" s="613"/>
      <c r="ESE668" s="613"/>
      <c r="ESF668" s="613"/>
      <c r="ESG668" s="613"/>
      <c r="ESH668" s="613"/>
      <c r="ESI668" s="613"/>
      <c r="ESJ668" s="613"/>
      <c r="ESK668" s="613"/>
      <c r="ESL668" s="613"/>
      <c r="ESM668" s="613"/>
      <c r="ESN668" s="613"/>
      <c r="ESO668" s="613"/>
      <c r="ESP668" s="613"/>
      <c r="ESQ668" s="613"/>
      <c r="ESR668" s="613"/>
      <c r="ESS668" s="613"/>
      <c r="EST668" s="613"/>
      <c r="ESU668" s="613"/>
      <c r="ESV668" s="613"/>
      <c r="ESW668" s="613"/>
      <c r="ESX668" s="613"/>
      <c r="ESY668" s="613"/>
      <c r="ESZ668" s="613"/>
      <c r="ETA668" s="613"/>
      <c r="ETB668" s="613"/>
      <c r="ETC668" s="613"/>
      <c r="ETD668" s="613"/>
      <c r="ETE668" s="613"/>
      <c r="ETF668" s="613"/>
      <c r="ETG668" s="613"/>
      <c r="ETH668" s="613"/>
      <c r="ETI668" s="613"/>
      <c r="ETJ668" s="613"/>
      <c r="ETK668" s="613"/>
      <c r="ETL668" s="613"/>
      <c r="ETM668" s="613"/>
      <c r="ETN668" s="613"/>
      <c r="ETO668" s="613"/>
      <c r="ETP668" s="613"/>
      <c r="ETQ668" s="613"/>
      <c r="ETR668" s="613"/>
      <c r="ETS668" s="613"/>
      <c r="ETT668" s="613"/>
      <c r="ETU668" s="613"/>
      <c r="ETV668" s="613"/>
      <c r="ETW668" s="613"/>
      <c r="ETX668" s="613"/>
      <c r="ETY668" s="613"/>
      <c r="ETZ668" s="613"/>
      <c r="EUA668" s="613"/>
      <c r="EUB668" s="613"/>
      <c r="EUC668" s="613"/>
      <c r="EUD668" s="613"/>
      <c r="EUE668" s="613"/>
      <c r="EUF668" s="613"/>
      <c r="EUG668" s="613"/>
      <c r="EUH668" s="613"/>
      <c r="EUI668" s="613"/>
      <c r="EUJ668" s="613"/>
      <c r="EUK668" s="613"/>
      <c r="EUL668" s="613"/>
      <c r="EUM668" s="613"/>
      <c r="EUN668" s="613"/>
      <c r="EUO668" s="613"/>
      <c r="EUP668" s="613"/>
      <c r="EUQ668" s="613"/>
      <c r="EUR668" s="613"/>
      <c r="EUS668" s="613"/>
      <c r="EUT668" s="613"/>
      <c r="EUU668" s="613"/>
      <c r="EUV668" s="613"/>
      <c r="EUW668" s="613"/>
      <c r="EUX668" s="613"/>
      <c r="EUY668" s="613"/>
      <c r="EUZ668" s="613"/>
      <c r="EVA668" s="613"/>
      <c r="EVB668" s="613"/>
      <c r="EVC668" s="613"/>
      <c r="EVD668" s="613"/>
      <c r="EVE668" s="613"/>
      <c r="EVF668" s="613"/>
      <c r="EVG668" s="613"/>
      <c r="EVH668" s="613"/>
      <c r="EVI668" s="613"/>
      <c r="EVJ668" s="613"/>
      <c r="EVK668" s="613"/>
      <c r="EVL668" s="613"/>
      <c r="EVM668" s="613"/>
      <c r="EVN668" s="613"/>
      <c r="EVO668" s="613"/>
      <c r="EVP668" s="613"/>
      <c r="EVQ668" s="613"/>
      <c r="EVR668" s="613"/>
      <c r="EVS668" s="613"/>
      <c r="EVT668" s="613"/>
      <c r="EVU668" s="613"/>
      <c r="EVV668" s="613"/>
      <c r="EVW668" s="613"/>
      <c r="EVX668" s="613"/>
      <c r="EVY668" s="613"/>
      <c r="EVZ668" s="613"/>
      <c r="EWA668" s="613"/>
      <c r="EWB668" s="613"/>
      <c r="EWC668" s="613"/>
      <c r="EWD668" s="613"/>
      <c r="EWE668" s="613"/>
      <c r="EWF668" s="613"/>
      <c r="EWG668" s="613"/>
      <c r="EWH668" s="613"/>
      <c r="EWI668" s="613"/>
      <c r="EWJ668" s="613"/>
      <c r="EWK668" s="613"/>
      <c r="EWL668" s="613"/>
      <c r="EWM668" s="613"/>
      <c r="EWN668" s="613"/>
      <c r="EWO668" s="613"/>
      <c r="EWP668" s="613"/>
      <c r="EWQ668" s="613"/>
      <c r="EWR668" s="613"/>
      <c r="EWS668" s="613"/>
      <c r="EWT668" s="613"/>
      <c r="EWU668" s="613"/>
      <c r="EWV668" s="613"/>
      <c r="EWW668" s="613"/>
      <c r="EWX668" s="613"/>
      <c r="EWY668" s="613"/>
      <c r="EWZ668" s="613"/>
      <c r="EXA668" s="613"/>
      <c r="EXB668" s="613"/>
      <c r="EXC668" s="613"/>
      <c r="EXD668" s="613"/>
      <c r="EXE668" s="613"/>
      <c r="EXF668" s="613"/>
      <c r="EXG668" s="613"/>
      <c r="EXH668" s="613"/>
      <c r="EXI668" s="613"/>
      <c r="EXJ668" s="613"/>
      <c r="EXK668" s="613"/>
      <c r="EXL668" s="613"/>
      <c r="EXM668" s="613"/>
      <c r="EXN668" s="613"/>
      <c r="EXO668" s="613"/>
      <c r="EXP668" s="613"/>
      <c r="EXQ668" s="613"/>
      <c r="EXR668" s="613"/>
      <c r="EXS668" s="613"/>
      <c r="EXT668" s="613"/>
      <c r="EXU668" s="613"/>
      <c r="EXV668" s="613"/>
      <c r="EXW668" s="613"/>
      <c r="EXX668" s="613"/>
      <c r="EXY668" s="613"/>
      <c r="EXZ668" s="613"/>
      <c r="EYA668" s="613"/>
      <c r="EYB668" s="613"/>
      <c r="EYC668" s="613"/>
      <c r="EYD668" s="613"/>
      <c r="EYE668" s="613"/>
      <c r="EYF668" s="613"/>
      <c r="EYG668" s="613"/>
      <c r="EYH668" s="613"/>
      <c r="EYI668" s="613"/>
      <c r="EYJ668" s="613"/>
      <c r="EYK668" s="613"/>
      <c r="EYL668" s="613"/>
      <c r="EYM668" s="613"/>
      <c r="EYN668" s="613"/>
      <c r="EYO668" s="613"/>
      <c r="EYP668" s="613"/>
      <c r="EYQ668" s="613"/>
      <c r="EYR668" s="613"/>
      <c r="EYS668" s="613"/>
      <c r="EYT668" s="613"/>
      <c r="EYU668" s="613"/>
      <c r="EYV668" s="613"/>
      <c r="EYW668" s="613"/>
      <c r="EYX668" s="613"/>
      <c r="EYY668" s="613"/>
      <c r="EYZ668" s="613"/>
      <c r="EZA668" s="613"/>
      <c r="EZB668" s="613"/>
      <c r="EZC668" s="613"/>
      <c r="EZD668" s="613"/>
      <c r="EZE668" s="613"/>
      <c r="EZF668" s="613"/>
      <c r="EZG668" s="613"/>
      <c r="EZH668" s="613"/>
      <c r="EZI668" s="613"/>
      <c r="EZJ668" s="613"/>
      <c r="EZK668" s="613"/>
      <c r="EZL668" s="613"/>
      <c r="EZM668" s="613"/>
      <c r="EZN668" s="613"/>
      <c r="EZO668" s="613"/>
      <c r="EZP668" s="613"/>
      <c r="EZQ668" s="613"/>
      <c r="EZR668" s="613"/>
      <c r="EZS668" s="613"/>
      <c r="EZT668" s="613"/>
      <c r="EZU668" s="613"/>
      <c r="EZV668" s="613"/>
      <c r="EZW668" s="613"/>
      <c r="EZX668" s="613"/>
      <c r="EZY668" s="613"/>
      <c r="EZZ668" s="613"/>
      <c r="FAA668" s="613"/>
      <c r="FAB668" s="613"/>
      <c r="FAC668" s="613"/>
      <c r="FAD668" s="613"/>
      <c r="FAE668" s="613"/>
      <c r="FAF668" s="613"/>
      <c r="FAG668" s="613"/>
      <c r="FAH668" s="613"/>
      <c r="FAI668" s="613"/>
      <c r="FAJ668" s="613"/>
      <c r="FAK668" s="613"/>
      <c r="FAL668" s="613"/>
      <c r="FAM668" s="613"/>
      <c r="FAN668" s="613"/>
      <c r="FAO668" s="613"/>
      <c r="FAP668" s="613"/>
      <c r="FAQ668" s="613"/>
      <c r="FAR668" s="613"/>
      <c r="FAS668" s="613"/>
      <c r="FAT668" s="613"/>
      <c r="FAU668" s="613"/>
      <c r="FAV668" s="613"/>
      <c r="FAW668" s="613"/>
      <c r="FAX668" s="613"/>
      <c r="FAY668" s="613"/>
      <c r="FAZ668" s="613"/>
      <c r="FBA668" s="613"/>
      <c r="FBB668" s="613"/>
      <c r="FBC668" s="613"/>
      <c r="FBD668" s="613"/>
      <c r="FBE668" s="613"/>
      <c r="FBF668" s="613"/>
      <c r="FBG668" s="613"/>
      <c r="FBH668" s="613"/>
      <c r="FBI668" s="613"/>
      <c r="FBJ668" s="613"/>
      <c r="FBK668" s="613"/>
      <c r="FBL668" s="613"/>
      <c r="FBM668" s="613"/>
      <c r="FBN668" s="613"/>
      <c r="FBO668" s="613"/>
      <c r="FBP668" s="613"/>
      <c r="FBQ668" s="613"/>
      <c r="FBR668" s="613"/>
      <c r="FBS668" s="613"/>
      <c r="FBT668" s="613"/>
      <c r="FBU668" s="613"/>
      <c r="FBV668" s="613"/>
      <c r="FBW668" s="613"/>
      <c r="FBX668" s="613"/>
      <c r="FBY668" s="613"/>
      <c r="FBZ668" s="613"/>
      <c r="FCA668" s="613"/>
      <c r="FCB668" s="613"/>
      <c r="FCC668" s="613"/>
      <c r="FCD668" s="613"/>
      <c r="FCE668" s="613"/>
      <c r="FCF668" s="613"/>
      <c r="FCG668" s="613"/>
      <c r="FCH668" s="613"/>
      <c r="FCI668" s="613"/>
      <c r="FCJ668" s="613"/>
      <c r="FCK668" s="613"/>
      <c r="FCL668" s="613"/>
      <c r="FCM668" s="613"/>
      <c r="FCN668" s="613"/>
      <c r="FCO668" s="613"/>
      <c r="FCP668" s="613"/>
      <c r="FCQ668" s="613"/>
      <c r="FCR668" s="613"/>
      <c r="FCS668" s="613"/>
      <c r="FCT668" s="613"/>
      <c r="FCU668" s="613"/>
      <c r="FCV668" s="613"/>
      <c r="FCW668" s="613"/>
      <c r="FCX668" s="613"/>
      <c r="FCY668" s="613"/>
      <c r="FCZ668" s="613"/>
      <c r="FDA668" s="613"/>
      <c r="FDB668" s="613"/>
      <c r="FDC668" s="613"/>
      <c r="FDD668" s="613"/>
      <c r="FDE668" s="613"/>
      <c r="FDF668" s="613"/>
      <c r="FDG668" s="613"/>
      <c r="FDH668" s="613"/>
      <c r="FDI668" s="613"/>
      <c r="FDJ668" s="613"/>
      <c r="FDK668" s="613"/>
      <c r="FDL668" s="613"/>
      <c r="FDM668" s="613"/>
      <c r="FDN668" s="613"/>
      <c r="FDO668" s="613"/>
      <c r="FDP668" s="613"/>
      <c r="FDQ668" s="613"/>
      <c r="FDR668" s="613"/>
      <c r="FDS668" s="613"/>
      <c r="FDT668" s="613"/>
      <c r="FDU668" s="613"/>
      <c r="FDV668" s="613"/>
      <c r="FDW668" s="613"/>
      <c r="FDX668" s="613"/>
      <c r="FDY668" s="613"/>
      <c r="FDZ668" s="613"/>
      <c r="FEA668" s="613"/>
      <c r="FEB668" s="613"/>
      <c r="FEC668" s="613"/>
      <c r="FED668" s="613"/>
      <c r="FEE668" s="613"/>
      <c r="FEF668" s="613"/>
      <c r="FEG668" s="613"/>
      <c r="FEH668" s="613"/>
      <c r="FEI668" s="613"/>
      <c r="FEJ668" s="613"/>
      <c r="FEK668" s="613"/>
      <c r="FEL668" s="613"/>
      <c r="FEM668" s="613"/>
      <c r="FEN668" s="613"/>
      <c r="FEO668" s="613"/>
      <c r="FEP668" s="613"/>
      <c r="FEQ668" s="613"/>
      <c r="FER668" s="613"/>
      <c r="FES668" s="613"/>
      <c r="FET668" s="613"/>
      <c r="FEU668" s="613"/>
      <c r="FEV668" s="613"/>
      <c r="FEW668" s="613"/>
      <c r="FEX668" s="613"/>
      <c r="FEY668" s="613"/>
      <c r="FEZ668" s="613"/>
      <c r="FFA668" s="613"/>
      <c r="FFB668" s="613"/>
      <c r="FFC668" s="613"/>
      <c r="FFD668" s="613"/>
      <c r="FFE668" s="613"/>
      <c r="FFF668" s="613"/>
      <c r="FFG668" s="613"/>
      <c r="FFH668" s="613"/>
      <c r="FFI668" s="613"/>
      <c r="FFJ668" s="613"/>
      <c r="FFK668" s="613"/>
      <c r="FFL668" s="613"/>
      <c r="FFM668" s="613"/>
      <c r="FFN668" s="613"/>
      <c r="FFO668" s="613"/>
      <c r="FFP668" s="613"/>
      <c r="FFQ668" s="613"/>
      <c r="FFR668" s="613"/>
      <c r="FFS668" s="613"/>
      <c r="FFT668" s="613"/>
      <c r="FFU668" s="613"/>
      <c r="FFV668" s="613"/>
      <c r="FFW668" s="613"/>
      <c r="FFX668" s="613"/>
      <c r="FFY668" s="613"/>
      <c r="FFZ668" s="613"/>
      <c r="FGA668" s="613"/>
      <c r="FGB668" s="613"/>
      <c r="FGC668" s="613"/>
      <c r="FGD668" s="613"/>
      <c r="FGE668" s="613"/>
      <c r="FGF668" s="613"/>
      <c r="FGG668" s="613"/>
      <c r="FGH668" s="613"/>
      <c r="FGI668" s="613"/>
      <c r="FGJ668" s="613"/>
      <c r="FGK668" s="613"/>
      <c r="FGL668" s="613"/>
      <c r="FGM668" s="613"/>
      <c r="FGN668" s="613"/>
      <c r="FGO668" s="613"/>
      <c r="FGP668" s="613"/>
      <c r="FGQ668" s="613"/>
      <c r="FGR668" s="613"/>
      <c r="FGS668" s="613"/>
      <c r="FGT668" s="613"/>
      <c r="FGU668" s="613"/>
      <c r="FGV668" s="613"/>
      <c r="FGW668" s="613"/>
      <c r="FGX668" s="613"/>
      <c r="FGY668" s="613"/>
      <c r="FGZ668" s="613"/>
      <c r="FHA668" s="613"/>
      <c r="FHB668" s="613"/>
      <c r="FHC668" s="613"/>
      <c r="FHD668" s="613"/>
      <c r="FHE668" s="613"/>
      <c r="FHF668" s="613"/>
      <c r="FHG668" s="613"/>
      <c r="FHH668" s="613"/>
      <c r="FHI668" s="613"/>
      <c r="FHJ668" s="613"/>
      <c r="FHK668" s="613"/>
      <c r="FHL668" s="613"/>
      <c r="FHM668" s="613"/>
      <c r="FHN668" s="613"/>
      <c r="FHO668" s="613"/>
      <c r="FHP668" s="613"/>
      <c r="FHQ668" s="613"/>
      <c r="FHR668" s="613"/>
      <c r="FHS668" s="613"/>
      <c r="FHT668" s="613"/>
      <c r="FHU668" s="613"/>
      <c r="FHV668" s="613"/>
      <c r="FHW668" s="613"/>
      <c r="FHX668" s="613"/>
      <c r="FHY668" s="613"/>
      <c r="FHZ668" s="613"/>
      <c r="FIA668" s="613"/>
      <c r="FIB668" s="613"/>
      <c r="FIC668" s="613"/>
      <c r="FID668" s="613"/>
      <c r="FIE668" s="613"/>
      <c r="FIF668" s="613"/>
      <c r="FIG668" s="613"/>
      <c r="FIH668" s="613"/>
      <c r="FII668" s="613"/>
      <c r="FIJ668" s="613"/>
      <c r="FIK668" s="613"/>
      <c r="FIL668" s="613"/>
      <c r="FIM668" s="613"/>
      <c r="FIN668" s="613"/>
      <c r="FIO668" s="613"/>
      <c r="FIP668" s="613"/>
      <c r="FIQ668" s="613"/>
      <c r="FIR668" s="613"/>
      <c r="FIS668" s="613"/>
      <c r="FIT668" s="613"/>
      <c r="FIU668" s="613"/>
      <c r="FIV668" s="613"/>
      <c r="FIW668" s="613"/>
      <c r="FIX668" s="613"/>
      <c r="FIY668" s="613"/>
      <c r="FIZ668" s="613"/>
      <c r="FJA668" s="613"/>
      <c r="FJB668" s="613"/>
      <c r="FJC668" s="613"/>
      <c r="FJD668" s="613"/>
      <c r="FJE668" s="613"/>
      <c r="FJF668" s="613"/>
      <c r="FJG668" s="613"/>
      <c r="FJH668" s="613"/>
      <c r="FJI668" s="613"/>
      <c r="FJJ668" s="613"/>
      <c r="FJK668" s="613"/>
      <c r="FJL668" s="613"/>
      <c r="FJM668" s="613"/>
      <c r="FJN668" s="613"/>
      <c r="FJO668" s="613"/>
      <c r="FJP668" s="613"/>
      <c r="FJQ668" s="613"/>
      <c r="FJR668" s="613"/>
      <c r="FJS668" s="613"/>
      <c r="FJT668" s="613"/>
      <c r="FJU668" s="613"/>
      <c r="FJV668" s="613"/>
      <c r="FJW668" s="613"/>
      <c r="FJX668" s="613"/>
      <c r="FJY668" s="613"/>
      <c r="FJZ668" s="613"/>
      <c r="FKA668" s="613"/>
      <c r="FKB668" s="613"/>
      <c r="FKC668" s="613"/>
      <c r="FKD668" s="613"/>
      <c r="FKE668" s="613"/>
      <c r="FKF668" s="613"/>
      <c r="FKG668" s="613"/>
      <c r="FKH668" s="613"/>
      <c r="FKI668" s="613"/>
      <c r="FKJ668" s="613"/>
      <c r="FKK668" s="613"/>
      <c r="FKL668" s="613"/>
      <c r="FKM668" s="613"/>
      <c r="FKN668" s="613"/>
      <c r="FKO668" s="613"/>
      <c r="FKP668" s="613"/>
      <c r="FKQ668" s="613"/>
      <c r="FKR668" s="613"/>
      <c r="FKS668" s="613"/>
      <c r="FKT668" s="613"/>
      <c r="FKU668" s="613"/>
      <c r="FKV668" s="613"/>
      <c r="FKW668" s="613"/>
      <c r="FKX668" s="613"/>
      <c r="FKY668" s="613"/>
      <c r="FKZ668" s="613"/>
      <c r="FLA668" s="613"/>
      <c r="FLB668" s="613"/>
      <c r="FLC668" s="613"/>
      <c r="FLD668" s="613"/>
      <c r="FLE668" s="613"/>
      <c r="FLF668" s="613"/>
      <c r="FLG668" s="613"/>
      <c r="FLH668" s="613"/>
      <c r="FLI668" s="613"/>
      <c r="FLJ668" s="613"/>
      <c r="FLK668" s="613"/>
      <c r="FLL668" s="613"/>
      <c r="FLM668" s="613"/>
      <c r="FLN668" s="613"/>
      <c r="FLO668" s="613"/>
      <c r="FLP668" s="613"/>
      <c r="FLQ668" s="613"/>
      <c r="FLR668" s="613"/>
      <c r="FLS668" s="613"/>
      <c r="FLT668" s="613"/>
      <c r="FLU668" s="613"/>
      <c r="FLV668" s="613"/>
      <c r="FLW668" s="613"/>
      <c r="FLX668" s="613"/>
      <c r="FLY668" s="613"/>
      <c r="FLZ668" s="613"/>
      <c r="FMA668" s="613"/>
      <c r="FMB668" s="613"/>
      <c r="FMC668" s="613"/>
      <c r="FMD668" s="613"/>
      <c r="FME668" s="613"/>
      <c r="FMF668" s="613"/>
      <c r="FMG668" s="613"/>
      <c r="FMH668" s="613"/>
      <c r="FMI668" s="613"/>
      <c r="FMJ668" s="613"/>
      <c r="FMK668" s="613"/>
      <c r="FML668" s="613"/>
      <c r="FMM668" s="613"/>
      <c r="FMN668" s="613"/>
      <c r="FMO668" s="613"/>
      <c r="FMP668" s="613"/>
      <c r="FMQ668" s="613"/>
      <c r="FMR668" s="613"/>
      <c r="FMS668" s="613"/>
      <c r="FMT668" s="613"/>
      <c r="FMU668" s="613"/>
      <c r="FMV668" s="613"/>
      <c r="FMW668" s="613"/>
      <c r="FMX668" s="613"/>
      <c r="FMY668" s="613"/>
      <c r="FMZ668" s="613"/>
      <c r="FNA668" s="613"/>
      <c r="FNB668" s="613"/>
      <c r="FNC668" s="613"/>
      <c r="FND668" s="613"/>
      <c r="FNE668" s="613"/>
      <c r="FNF668" s="613"/>
      <c r="FNG668" s="613"/>
      <c r="FNH668" s="613"/>
      <c r="FNI668" s="613"/>
      <c r="FNJ668" s="613"/>
      <c r="FNK668" s="613"/>
      <c r="FNL668" s="613"/>
      <c r="FNM668" s="613"/>
      <c r="FNN668" s="613"/>
      <c r="FNO668" s="613"/>
      <c r="FNP668" s="613"/>
      <c r="FNQ668" s="613"/>
      <c r="FNR668" s="613"/>
      <c r="FNS668" s="613"/>
      <c r="FNT668" s="613"/>
      <c r="FNU668" s="613"/>
      <c r="FNV668" s="613"/>
      <c r="FNW668" s="613"/>
      <c r="FNX668" s="613"/>
      <c r="FNY668" s="613"/>
      <c r="FNZ668" s="613"/>
      <c r="FOA668" s="613"/>
      <c r="FOB668" s="613"/>
      <c r="FOC668" s="613"/>
      <c r="FOD668" s="613"/>
      <c r="FOE668" s="613"/>
      <c r="FOF668" s="613"/>
      <c r="FOG668" s="613"/>
      <c r="FOH668" s="613"/>
      <c r="FOI668" s="613"/>
      <c r="FOJ668" s="613"/>
      <c r="FOK668" s="613"/>
      <c r="FOL668" s="613"/>
      <c r="FOM668" s="613"/>
      <c r="FON668" s="613"/>
      <c r="FOO668" s="613"/>
      <c r="FOP668" s="613"/>
      <c r="FOQ668" s="613"/>
      <c r="FOR668" s="613"/>
      <c r="FOS668" s="613"/>
      <c r="FOT668" s="613"/>
      <c r="FOU668" s="613"/>
      <c r="FOV668" s="613"/>
      <c r="FOW668" s="613"/>
      <c r="FOX668" s="613"/>
      <c r="FOY668" s="613"/>
      <c r="FOZ668" s="613"/>
      <c r="FPA668" s="613"/>
      <c r="FPB668" s="613"/>
      <c r="FPC668" s="613"/>
      <c r="FPD668" s="613"/>
      <c r="FPE668" s="613"/>
      <c r="FPF668" s="613"/>
      <c r="FPG668" s="613"/>
      <c r="FPH668" s="613"/>
      <c r="FPI668" s="613"/>
      <c r="FPJ668" s="613"/>
      <c r="FPK668" s="613"/>
      <c r="FPL668" s="613"/>
      <c r="FPM668" s="613"/>
      <c r="FPN668" s="613"/>
      <c r="FPO668" s="613"/>
      <c r="FPP668" s="613"/>
      <c r="FPQ668" s="613"/>
      <c r="FPR668" s="613"/>
      <c r="FPS668" s="613"/>
      <c r="FPT668" s="613"/>
      <c r="FPU668" s="613"/>
      <c r="FPV668" s="613"/>
      <c r="FPW668" s="613"/>
      <c r="FPX668" s="613"/>
      <c r="FPY668" s="613"/>
      <c r="FPZ668" s="613"/>
      <c r="FQA668" s="613"/>
      <c r="FQB668" s="613"/>
      <c r="FQC668" s="613"/>
      <c r="FQD668" s="613"/>
      <c r="FQE668" s="613"/>
      <c r="FQF668" s="613"/>
      <c r="FQG668" s="613"/>
      <c r="FQH668" s="613"/>
      <c r="FQI668" s="613"/>
      <c r="FQJ668" s="613"/>
      <c r="FQK668" s="613"/>
      <c r="FQL668" s="613"/>
      <c r="FQM668" s="613"/>
      <c r="FQN668" s="613"/>
      <c r="FQO668" s="613"/>
      <c r="FQP668" s="613"/>
      <c r="FQQ668" s="613"/>
      <c r="FQR668" s="613"/>
      <c r="FQS668" s="613"/>
      <c r="FQT668" s="613"/>
      <c r="FQU668" s="613"/>
      <c r="FQV668" s="613"/>
      <c r="FQW668" s="613"/>
      <c r="FQX668" s="613"/>
      <c r="FQY668" s="613"/>
      <c r="FQZ668" s="613"/>
      <c r="FRA668" s="613"/>
      <c r="FRB668" s="613"/>
      <c r="FRC668" s="613"/>
      <c r="FRD668" s="613"/>
      <c r="FRE668" s="613"/>
      <c r="FRF668" s="613"/>
      <c r="FRG668" s="613"/>
      <c r="FRH668" s="613"/>
      <c r="FRI668" s="613"/>
      <c r="FRJ668" s="613"/>
      <c r="FRK668" s="613"/>
      <c r="FRL668" s="613"/>
      <c r="FRM668" s="613"/>
      <c r="FRN668" s="613"/>
      <c r="FRO668" s="613"/>
      <c r="FRP668" s="613"/>
      <c r="FRQ668" s="613"/>
      <c r="FRR668" s="613"/>
      <c r="FRS668" s="613"/>
      <c r="FRT668" s="613"/>
      <c r="FRU668" s="613"/>
      <c r="FRV668" s="613"/>
      <c r="FRW668" s="613"/>
      <c r="FRX668" s="613"/>
      <c r="FRY668" s="613"/>
      <c r="FRZ668" s="613"/>
      <c r="FSA668" s="613"/>
      <c r="FSB668" s="613"/>
      <c r="FSC668" s="613"/>
      <c r="FSD668" s="613"/>
      <c r="FSE668" s="613"/>
      <c r="FSF668" s="613"/>
      <c r="FSG668" s="613"/>
      <c r="FSH668" s="613"/>
      <c r="FSI668" s="613"/>
      <c r="FSJ668" s="613"/>
      <c r="FSK668" s="613"/>
      <c r="FSL668" s="613"/>
      <c r="FSM668" s="613"/>
      <c r="FSN668" s="613"/>
      <c r="FSO668" s="613"/>
      <c r="FSP668" s="613"/>
      <c r="FSQ668" s="613"/>
      <c r="FSR668" s="613"/>
      <c r="FSS668" s="613"/>
      <c r="FST668" s="613"/>
      <c r="FSU668" s="613"/>
      <c r="FSV668" s="613"/>
      <c r="FSW668" s="613"/>
      <c r="FSX668" s="613"/>
      <c r="FSY668" s="613"/>
      <c r="FSZ668" s="613"/>
      <c r="FTA668" s="613"/>
      <c r="FTB668" s="613"/>
      <c r="FTC668" s="613"/>
      <c r="FTD668" s="613"/>
      <c r="FTE668" s="613"/>
      <c r="FTF668" s="613"/>
      <c r="FTG668" s="613"/>
      <c r="FTH668" s="613"/>
      <c r="FTI668" s="613"/>
      <c r="FTJ668" s="613"/>
      <c r="FTK668" s="613"/>
      <c r="FTL668" s="613"/>
      <c r="FTM668" s="613"/>
      <c r="FTN668" s="613"/>
      <c r="FTO668" s="613"/>
      <c r="FTP668" s="613"/>
      <c r="FTQ668" s="613"/>
      <c r="FTR668" s="613"/>
      <c r="FTS668" s="613"/>
      <c r="FTT668" s="613"/>
      <c r="FTU668" s="613"/>
      <c r="FTV668" s="613"/>
      <c r="FTW668" s="613"/>
      <c r="FTX668" s="613"/>
      <c r="FTY668" s="613"/>
      <c r="FTZ668" s="613"/>
      <c r="FUA668" s="613"/>
      <c r="FUB668" s="613"/>
      <c r="FUC668" s="613"/>
      <c r="FUD668" s="613"/>
      <c r="FUE668" s="613"/>
      <c r="FUF668" s="613"/>
      <c r="FUG668" s="613"/>
      <c r="FUH668" s="613"/>
      <c r="FUI668" s="613"/>
      <c r="FUJ668" s="613"/>
      <c r="FUK668" s="613"/>
      <c r="FUL668" s="613"/>
      <c r="FUM668" s="613"/>
      <c r="FUN668" s="613"/>
      <c r="FUO668" s="613"/>
      <c r="FUP668" s="613"/>
      <c r="FUQ668" s="613"/>
      <c r="FUR668" s="613"/>
      <c r="FUS668" s="613"/>
      <c r="FUT668" s="613"/>
      <c r="FUU668" s="613"/>
      <c r="FUV668" s="613"/>
      <c r="FUW668" s="613"/>
      <c r="FUX668" s="613"/>
      <c r="FUY668" s="613"/>
      <c r="FUZ668" s="613"/>
      <c r="FVA668" s="613"/>
      <c r="FVB668" s="613"/>
      <c r="FVC668" s="613"/>
      <c r="FVD668" s="613"/>
      <c r="FVE668" s="613"/>
      <c r="FVF668" s="613"/>
      <c r="FVG668" s="613"/>
      <c r="FVH668" s="613"/>
      <c r="FVI668" s="613"/>
      <c r="FVJ668" s="613"/>
      <c r="FVK668" s="613"/>
      <c r="FVL668" s="613"/>
      <c r="FVM668" s="613"/>
      <c r="FVN668" s="613"/>
      <c r="FVO668" s="613"/>
      <c r="FVP668" s="613"/>
      <c r="FVQ668" s="613"/>
      <c r="FVR668" s="613"/>
      <c r="FVS668" s="613"/>
      <c r="FVT668" s="613"/>
      <c r="FVU668" s="613"/>
      <c r="FVV668" s="613"/>
      <c r="FVW668" s="613"/>
      <c r="FVX668" s="613"/>
      <c r="FVY668" s="613"/>
      <c r="FVZ668" s="613"/>
      <c r="FWA668" s="613"/>
      <c r="FWB668" s="613"/>
      <c r="FWC668" s="613"/>
      <c r="FWD668" s="613"/>
      <c r="FWE668" s="613"/>
      <c r="FWF668" s="613"/>
      <c r="FWG668" s="613"/>
      <c r="FWH668" s="613"/>
      <c r="FWI668" s="613"/>
      <c r="FWJ668" s="613"/>
      <c r="FWK668" s="613"/>
      <c r="FWL668" s="613"/>
      <c r="FWM668" s="613"/>
      <c r="FWN668" s="613"/>
      <c r="FWO668" s="613"/>
      <c r="FWP668" s="613"/>
      <c r="FWQ668" s="613"/>
      <c r="FWR668" s="613"/>
      <c r="FWS668" s="613"/>
      <c r="FWT668" s="613"/>
      <c r="FWU668" s="613"/>
      <c r="FWV668" s="613"/>
      <c r="FWW668" s="613"/>
      <c r="FWX668" s="613"/>
      <c r="FWY668" s="613"/>
      <c r="FWZ668" s="613"/>
      <c r="FXA668" s="613"/>
      <c r="FXB668" s="613"/>
      <c r="FXC668" s="613"/>
      <c r="FXD668" s="613"/>
      <c r="FXE668" s="613"/>
      <c r="FXF668" s="613"/>
      <c r="FXG668" s="613"/>
      <c r="FXH668" s="613"/>
      <c r="FXI668" s="613"/>
      <c r="FXJ668" s="613"/>
      <c r="FXK668" s="613"/>
      <c r="FXL668" s="613"/>
      <c r="FXM668" s="613"/>
      <c r="FXN668" s="613"/>
      <c r="FXO668" s="613"/>
      <c r="FXP668" s="613"/>
      <c r="FXQ668" s="613"/>
      <c r="FXR668" s="613"/>
      <c r="FXS668" s="613"/>
      <c r="FXT668" s="613"/>
      <c r="FXU668" s="613"/>
      <c r="FXV668" s="613"/>
      <c r="FXW668" s="613"/>
      <c r="FXX668" s="613"/>
      <c r="FXY668" s="613"/>
      <c r="FXZ668" s="613"/>
      <c r="FYA668" s="613"/>
      <c r="FYB668" s="613"/>
      <c r="FYC668" s="613"/>
      <c r="FYD668" s="613"/>
      <c r="FYE668" s="613"/>
      <c r="FYF668" s="613"/>
      <c r="FYG668" s="613"/>
      <c r="FYH668" s="613"/>
      <c r="FYI668" s="613"/>
      <c r="FYJ668" s="613"/>
      <c r="FYK668" s="613"/>
      <c r="FYL668" s="613"/>
      <c r="FYM668" s="613"/>
      <c r="FYN668" s="613"/>
      <c r="FYO668" s="613"/>
      <c r="FYP668" s="613"/>
      <c r="FYQ668" s="613"/>
      <c r="FYR668" s="613"/>
      <c r="FYS668" s="613"/>
      <c r="FYT668" s="613"/>
      <c r="FYU668" s="613"/>
      <c r="FYV668" s="613"/>
      <c r="FYW668" s="613"/>
      <c r="FYX668" s="613"/>
      <c r="FYY668" s="613"/>
      <c r="FYZ668" s="613"/>
      <c r="FZA668" s="613"/>
      <c r="FZB668" s="613"/>
      <c r="FZC668" s="613"/>
      <c r="FZD668" s="613"/>
      <c r="FZE668" s="613"/>
      <c r="FZF668" s="613"/>
      <c r="FZG668" s="613"/>
      <c r="FZH668" s="613"/>
      <c r="FZI668" s="613"/>
      <c r="FZJ668" s="613"/>
      <c r="FZK668" s="613"/>
      <c r="FZL668" s="613"/>
      <c r="FZM668" s="613"/>
      <c r="FZN668" s="613"/>
      <c r="FZO668" s="613"/>
      <c r="FZP668" s="613"/>
      <c r="FZQ668" s="613"/>
      <c r="FZR668" s="613"/>
      <c r="FZS668" s="613"/>
      <c r="FZT668" s="613"/>
      <c r="FZU668" s="613"/>
      <c r="FZV668" s="613"/>
      <c r="FZW668" s="613"/>
      <c r="FZX668" s="613"/>
      <c r="FZY668" s="613"/>
      <c r="FZZ668" s="613"/>
      <c r="GAA668" s="613"/>
      <c r="GAB668" s="613"/>
      <c r="GAC668" s="613"/>
      <c r="GAD668" s="613"/>
      <c r="GAE668" s="613"/>
      <c r="GAF668" s="613"/>
      <c r="GAG668" s="613"/>
      <c r="GAH668" s="613"/>
      <c r="GAI668" s="613"/>
      <c r="GAJ668" s="613"/>
      <c r="GAK668" s="613"/>
      <c r="GAL668" s="613"/>
      <c r="GAM668" s="613"/>
      <c r="GAN668" s="613"/>
      <c r="GAO668" s="613"/>
      <c r="GAP668" s="613"/>
      <c r="GAQ668" s="613"/>
      <c r="GAR668" s="613"/>
      <c r="GAS668" s="613"/>
      <c r="GAT668" s="613"/>
      <c r="GAU668" s="613"/>
      <c r="GAV668" s="613"/>
      <c r="GAW668" s="613"/>
      <c r="GAX668" s="613"/>
      <c r="GAY668" s="613"/>
      <c r="GAZ668" s="613"/>
      <c r="GBA668" s="613"/>
      <c r="GBB668" s="613"/>
      <c r="GBC668" s="613"/>
      <c r="GBD668" s="613"/>
      <c r="GBE668" s="613"/>
      <c r="GBF668" s="613"/>
      <c r="GBG668" s="613"/>
      <c r="GBH668" s="613"/>
      <c r="GBI668" s="613"/>
      <c r="GBJ668" s="613"/>
      <c r="GBK668" s="613"/>
      <c r="GBL668" s="613"/>
      <c r="GBM668" s="613"/>
      <c r="GBN668" s="613"/>
      <c r="GBO668" s="613"/>
      <c r="GBP668" s="613"/>
      <c r="GBQ668" s="613"/>
      <c r="GBR668" s="613"/>
      <c r="GBS668" s="613"/>
      <c r="GBT668" s="613"/>
      <c r="GBU668" s="613"/>
      <c r="GBV668" s="613"/>
      <c r="GBW668" s="613"/>
      <c r="GBX668" s="613"/>
      <c r="GBY668" s="613"/>
      <c r="GBZ668" s="613"/>
      <c r="GCA668" s="613"/>
      <c r="GCB668" s="613"/>
      <c r="GCC668" s="613"/>
      <c r="GCD668" s="613"/>
      <c r="GCE668" s="613"/>
      <c r="GCF668" s="613"/>
      <c r="GCG668" s="613"/>
      <c r="GCH668" s="613"/>
      <c r="GCI668" s="613"/>
      <c r="GCJ668" s="613"/>
      <c r="GCK668" s="613"/>
      <c r="GCL668" s="613"/>
      <c r="GCM668" s="613"/>
      <c r="GCN668" s="613"/>
      <c r="GCO668" s="613"/>
      <c r="GCP668" s="613"/>
      <c r="GCQ668" s="613"/>
      <c r="GCR668" s="613"/>
      <c r="GCS668" s="613"/>
      <c r="GCT668" s="613"/>
      <c r="GCU668" s="613"/>
      <c r="GCV668" s="613"/>
      <c r="GCW668" s="613"/>
      <c r="GCX668" s="613"/>
      <c r="GCY668" s="613"/>
      <c r="GCZ668" s="613"/>
      <c r="GDA668" s="613"/>
      <c r="GDB668" s="613"/>
      <c r="GDC668" s="613"/>
      <c r="GDD668" s="613"/>
      <c r="GDE668" s="613"/>
      <c r="GDF668" s="613"/>
      <c r="GDG668" s="613"/>
      <c r="GDH668" s="613"/>
      <c r="GDI668" s="613"/>
      <c r="GDJ668" s="613"/>
      <c r="GDK668" s="613"/>
      <c r="GDL668" s="613"/>
      <c r="GDM668" s="613"/>
      <c r="GDN668" s="613"/>
      <c r="GDO668" s="613"/>
      <c r="GDP668" s="613"/>
      <c r="GDQ668" s="613"/>
      <c r="GDR668" s="613"/>
      <c r="GDS668" s="613"/>
      <c r="GDT668" s="613"/>
      <c r="GDU668" s="613"/>
      <c r="GDV668" s="613"/>
      <c r="GDW668" s="613"/>
      <c r="GDX668" s="613"/>
      <c r="GDY668" s="613"/>
      <c r="GDZ668" s="613"/>
      <c r="GEA668" s="613"/>
      <c r="GEB668" s="613"/>
      <c r="GEC668" s="613"/>
      <c r="GED668" s="613"/>
      <c r="GEE668" s="613"/>
      <c r="GEF668" s="613"/>
      <c r="GEG668" s="613"/>
      <c r="GEH668" s="613"/>
      <c r="GEI668" s="613"/>
      <c r="GEJ668" s="613"/>
      <c r="GEK668" s="613"/>
      <c r="GEL668" s="613"/>
      <c r="GEM668" s="613"/>
      <c r="GEN668" s="613"/>
      <c r="GEO668" s="613"/>
      <c r="GEP668" s="613"/>
      <c r="GEQ668" s="613"/>
      <c r="GER668" s="613"/>
      <c r="GES668" s="613"/>
      <c r="GET668" s="613"/>
      <c r="GEU668" s="613"/>
      <c r="GEV668" s="613"/>
      <c r="GEW668" s="613"/>
      <c r="GEX668" s="613"/>
      <c r="GEY668" s="613"/>
      <c r="GEZ668" s="613"/>
      <c r="GFA668" s="613"/>
      <c r="GFB668" s="613"/>
      <c r="GFC668" s="613"/>
      <c r="GFD668" s="613"/>
      <c r="GFE668" s="613"/>
      <c r="GFF668" s="613"/>
      <c r="GFG668" s="613"/>
      <c r="GFH668" s="613"/>
      <c r="GFI668" s="613"/>
      <c r="GFJ668" s="613"/>
      <c r="GFK668" s="613"/>
      <c r="GFL668" s="613"/>
      <c r="GFM668" s="613"/>
      <c r="GFN668" s="613"/>
      <c r="GFO668" s="613"/>
      <c r="GFP668" s="613"/>
      <c r="GFQ668" s="613"/>
      <c r="GFR668" s="613"/>
      <c r="GFS668" s="613"/>
      <c r="GFT668" s="613"/>
      <c r="GFU668" s="613"/>
      <c r="GFV668" s="613"/>
      <c r="GFW668" s="613"/>
      <c r="GFX668" s="613"/>
      <c r="GFY668" s="613"/>
      <c r="GFZ668" s="613"/>
      <c r="GGA668" s="613"/>
      <c r="GGB668" s="613"/>
      <c r="GGC668" s="613"/>
      <c r="GGD668" s="613"/>
      <c r="GGE668" s="613"/>
      <c r="GGF668" s="613"/>
      <c r="GGG668" s="613"/>
      <c r="GGH668" s="613"/>
      <c r="GGI668" s="613"/>
      <c r="GGJ668" s="613"/>
      <c r="GGK668" s="613"/>
      <c r="GGL668" s="613"/>
      <c r="GGM668" s="613"/>
      <c r="GGN668" s="613"/>
      <c r="GGO668" s="613"/>
      <c r="GGP668" s="613"/>
      <c r="GGQ668" s="613"/>
      <c r="GGR668" s="613"/>
      <c r="GGS668" s="613"/>
      <c r="GGT668" s="613"/>
      <c r="GGU668" s="613"/>
      <c r="GGV668" s="613"/>
      <c r="GGW668" s="613"/>
      <c r="GGX668" s="613"/>
      <c r="GGY668" s="613"/>
      <c r="GGZ668" s="613"/>
      <c r="GHA668" s="613"/>
      <c r="GHB668" s="613"/>
      <c r="GHC668" s="613"/>
      <c r="GHD668" s="613"/>
      <c r="GHE668" s="613"/>
      <c r="GHF668" s="613"/>
      <c r="GHG668" s="613"/>
      <c r="GHH668" s="613"/>
      <c r="GHI668" s="613"/>
      <c r="GHJ668" s="613"/>
      <c r="GHK668" s="613"/>
      <c r="GHL668" s="613"/>
      <c r="GHM668" s="613"/>
      <c r="GHN668" s="613"/>
      <c r="GHO668" s="613"/>
      <c r="GHP668" s="613"/>
      <c r="GHQ668" s="613"/>
      <c r="GHR668" s="613"/>
      <c r="GHS668" s="613"/>
      <c r="GHT668" s="613"/>
      <c r="GHU668" s="613"/>
      <c r="GHV668" s="613"/>
      <c r="GHW668" s="613"/>
      <c r="GHX668" s="613"/>
      <c r="GHY668" s="613"/>
      <c r="GHZ668" s="613"/>
      <c r="GIA668" s="613"/>
      <c r="GIB668" s="613"/>
      <c r="GIC668" s="613"/>
      <c r="GID668" s="613"/>
      <c r="GIE668" s="613"/>
      <c r="GIF668" s="613"/>
      <c r="GIG668" s="613"/>
      <c r="GIH668" s="613"/>
      <c r="GII668" s="613"/>
      <c r="GIJ668" s="613"/>
      <c r="GIK668" s="613"/>
      <c r="GIL668" s="613"/>
      <c r="GIM668" s="613"/>
      <c r="GIN668" s="613"/>
      <c r="GIO668" s="613"/>
      <c r="GIP668" s="613"/>
      <c r="GIQ668" s="613"/>
      <c r="GIR668" s="613"/>
      <c r="GIS668" s="613"/>
      <c r="GIT668" s="613"/>
      <c r="GIU668" s="613"/>
      <c r="GIV668" s="613"/>
      <c r="GIW668" s="613"/>
      <c r="GIX668" s="613"/>
      <c r="GIY668" s="613"/>
      <c r="GIZ668" s="613"/>
      <c r="GJA668" s="613"/>
      <c r="GJB668" s="613"/>
      <c r="GJC668" s="613"/>
      <c r="GJD668" s="613"/>
      <c r="GJE668" s="613"/>
      <c r="GJF668" s="613"/>
      <c r="GJG668" s="613"/>
      <c r="GJH668" s="613"/>
      <c r="GJI668" s="613"/>
      <c r="GJJ668" s="613"/>
      <c r="GJK668" s="613"/>
      <c r="GJL668" s="613"/>
      <c r="GJM668" s="613"/>
      <c r="GJN668" s="613"/>
      <c r="GJO668" s="613"/>
      <c r="GJP668" s="613"/>
      <c r="GJQ668" s="613"/>
      <c r="GJR668" s="613"/>
      <c r="GJS668" s="613"/>
      <c r="GJT668" s="613"/>
      <c r="GJU668" s="613"/>
      <c r="GJV668" s="613"/>
      <c r="GJW668" s="613"/>
      <c r="GJX668" s="613"/>
      <c r="GJY668" s="613"/>
      <c r="GJZ668" s="613"/>
      <c r="GKA668" s="613"/>
      <c r="GKB668" s="613"/>
      <c r="GKC668" s="613"/>
      <c r="GKD668" s="613"/>
      <c r="GKE668" s="613"/>
      <c r="GKF668" s="613"/>
      <c r="GKG668" s="613"/>
      <c r="GKH668" s="613"/>
      <c r="GKI668" s="613"/>
      <c r="GKJ668" s="613"/>
      <c r="GKK668" s="613"/>
      <c r="GKL668" s="613"/>
      <c r="GKM668" s="613"/>
      <c r="GKN668" s="613"/>
      <c r="GKO668" s="613"/>
      <c r="GKP668" s="613"/>
      <c r="GKQ668" s="613"/>
      <c r="GKR668" s="613"/>
      <c r="GKS668" s="613"/>
      <c r="GKT668" s="613"/>
      <c r="GKU668" s="613"/>
      <c r="GKV668" s="613"/>
      <c r="GKW668" s="613"/>
      <c r="GKX668" s="613"/>
      <c r="GKY668" s="613"/>
      <c r="GKZ668" s="613"/>
      <c r="GLA668" s="613"/>
      <c r="GLB668" s="613"/>
      <c r="GLC668" s="613"/>
      <c r="GLD668" s="613"/>
      <c r="GLE668" s="613"/>
      <c r="GLF668" s="613"/>
      <c r="GLG668" s="613"/>
      <c r="GLH668" s="613"/>
      <c r="GLI668" s="613"/>
      <c r="GLJ668" s="613"/>
      <c r="GLK668" s="613"/>
      <c r="GLL668" s="613"/>
      <c r="GLM668" s="613"/>
      <c r="GLN668" s="613"/>
      <c r="GLO668" s="613"/>
      <c r="GLP668" s="613"/>
      <c r="GLQ668" s="613"/>
      <c r="GLR668" s="613"/>
      <c r="GLS668" s="613"/>
      <c r="GLT668" s="613"/>
      <c r="GLU668" s="613"/>
      <c r="GLV668" s="613"/>
      <c r="GLW668" s="613"/>
      <c r="GLX668" s="613"/>
      <c r="GLY668" s="613"/>
      <c r="GLZ668" s="613"/>
      <c r="GMA668" s="613"/>
      <c r="GMB668" s="613"/>
      <c r="GMC668" s="613"/>
      <c r="GMD668" s="613"/>
      <c r="GME668" s="613"/>
      <c r="GMF668" s="613"/>
      <c r="GMG668" s="613"/>
      <c r="GMH668" s="613"/>
      <c r="GMI668" s="613"/>
      <c r="GMJ668" s="613"/>
      <c r="GMK668" s="613"/>
      <c r="GML668" s="613"/>
      <c r="GMM668" s="613"/>
      <c r="GMN668" s="613"/>
      <c r="GMO668" s="613"/>
      <c r="GMP668" s="613"/>
      <c r="GMQ668" s="613"/>
      <c r="GMR668" s="613"/>
      <c r="GMS668" s="613"/>
      <c r="GMT668" s="613"/>
      <c r="GMU668" s="613"/>
      <c r="GMV668" s="613"/>
      <c r="GMW668" s="613"/>
      <c r="GMX668" s="613"/>
      <c r="GMY668" s="613"/>
      <c r="GMZ668" s="613"/>
      <c r="GNA668" s="613"/>
      <c r="GNB668" s="613"/>
      <c r="GNC668" s="613"/>
      <c r="GND668" s="613"/>
      <c r="GNE668" s="613"/>
      <c r="GNF668" s="613"/>
      <c r="GNG668" s="613"/>
      <c r="GNH668" s="613"/>
      <c r="GNI668" s="613"/>
      <c r="GNJ668" s="613"/>
      <c r="GNK668" s="613"/>
      <c r="GNL668" s="613"/>
      <c r="GNM668" s="613"/>
      <c r="GNN668" s="613"/>
      <c r="GNO668" s="613"/>
      <c r="GNP668" s="613"/>
      <c r="GNQ668" s="613"/>
      <c r="GNR668" s="613"/>
      <c r="GNS668" s="613"/>
      <c r="GNT668" s="613"/>
      <c r="GNU668" s="613"/>
      <c r="GNV668" s="613"/>
      <c r="GNW668" s="613"/>
      <c r="GNX668" s="613"/>
      <c r="GNY668" s="613"/>
      <c r="GNZ668" s="613"/>
      <c r="GOA668" s="613"/>
      <c r="GOB668" s="613"/>
      <c r="GOC668" s="613"/>
      <c r="GOD668" s="613"/>
      <c r="GOE668" s="613"/>
      <c r="GOF668" s="613"/>
      <c r="GOG668" s="613"/>
      <c r="GOH668" s="613"/>
      <c r="GOI668" s="613"/>
      <c r="GOJ668" s="613"/>
      <c r="GOK668" s="613"/>
      <c r="GOL668" s="613"/>
      <c r="GOM668" s="613"/>
      <c r="GON668" s="613"/>
      <c r="GOO668" s="613"/>
      <c r="GOP668" s="613"/>
      <c r="GOQ668" s="613"/>
      <c r="GOR668" s="613"/>
      <c r="GOS668" s="613"/>
      <c r="GOT668" s="613"/>
      <c r="GOU668" s="613"/>
      <c r="GOV668" s="613"/>
      <c r="GOW668" s="613"/>
      <c r="GOX668" s="613"/>
      <c r="GOY668" s="613"/>
      <c r="GOZ668" s="613"/>
      <c r="GPA668" s="613"/>
      <c r="GPB668" s="613"/>
      <c r="GPC668" s="613"/>
      <c r="GPD668" s="613"/>
      <c r="GPE668" s="613"/>
      <c r="GPF668" s="613"/>
      <c r="GPG668" s="613"/>
      <c r="GPH668" s="613"/>
      <c r="GPI668" s="613"/>
      <c r="GPJ668" s="613"/>
      <c r="GPK668" s="613"/>
      <c r="GPL668" s="613"/>
      <c r="GPM668" s="613"/>
      <c r="GPN668" s="613"/>
      <c r="GPO668" s="613"/>
      <c r="GPP668" s="613"/>
      <c r="GPQ668" s="613"/>
      <c r="GPR668" s="613"/>
      <c r="GPS668" s="613"/>
      <c r="GPT668" s="613"/>
      <c r="GPU668" s="613"/>
      <c r="GPV668" s="613"/>
      <c r="GPW668" s="613"/>
      <c r="GPX668" s="613"/>
      <c r="GPY668" s="613"/>
      <c r="GPZ668" s="613"/>
      <c r="GQA668" s="613"/>
      <c r="GQB668" s="613"/>
      <c r="GQC668" s="613"/>
      <c r="GQD668" s="613"/>
      <c r="GQE668" s="613"/>
      <c r="GQF668" s="613"/>
      <c r="GQG668" s="613"/>
      <c r="GQH668" s="613"/>
      <c r="GQI668" s="613"/>
      <c r="GQJ668" s="613"/>
      <c r="GQK668" s="613"/>
      <c r="GQL668" s="613"/>
      <c r="GQM668" s="613"/>
      <c r="GQN668" s="613"/>
      <c r="GQO668" s="613"/>
      <c r="GQP668" s="613"/>
      <c r="GQQ668" s="613"/>
      <c r="GQR668" s="613"/>
      <c r="GQS668" s="613"/>
      <c r="GQT668" s="613"/>
      <c r="GQU668" s="613"/>
      <c r="GQV668" s="613"/>
      <c r="GQW668" s="613"/>
      <c r="GQX668" s="613"/>
      <c r="GQY668" s="613"/>
      <c r="GQZ668" s="613"/>
      <c r="GRA668" s="613"/>
      <c r="GRB668" s="613"/>
      <c r="GRC668" s="613"/>
      <c r="GRD668" s="613"/>
      <c r="GRE668" s="613"/>
      <c r="GRF668" s="613"/>
      <c r="GRG668" s="613"/>
      <c r="GRH668" s="613"/>
      <c r="GRI668" s="613"/>
      <c r="GRJ668" s="613"/>
      <c r="GRK668" s="613"/>
      <c r="GRL668" s="613"/>
      <c r="GRM668" s="613"/>
      <c r="GRN668" s="613"/>
      <c r="GRO668" s="613"/>
      <c r="GRP668" s="613"/>
      <c r="GRQ668" s="613"/>
      <c r="GRR668" s="613"/>
      <c r="GRS668" s="613"/>
      <c r="GRT668" s="613"/>
      <c r="GRU668" s="613"/>
      <c r="GRV668" s="613"/>
      <c r="GRW668" s="613"/>
      <c r="GRX668" s="613"/>
      <c r="GRY668" s="613"/>
      <c r="GRZ668" s="613"/>
      <c r="GSA668" s="613"/>
      <c r="GSB668" s="613"/>
      <c r="GSC668" s="613"/>
      <c r="GSD668" s="613"/>
      <c r="GSE668" s="613"/>
      <c r="GSF668" s="613"/>
      <c r="GSG668" s="613"/>
      <c r="GSH668" s="613"/>
      <c r="GSI668" s="613"/>
      <c r="GSJ668" s="613"/>
      <c r="GSK668" s="613"/>
      <c r="GSL668" s="613"/>
      <c r="GSM668" s="613"/>
      <c r="GSN668" s="613"/>
      <c r="GSO668" s="613"/>
      <c r="GSP668" s="613"/>
      <c r="GSQ668" s="613"/>
      <c r="GSR668" s="613"/>
      <c r="GSS668" s="613"/>
      <c r="GST668" s="613"/>
      <c r="GSU668" s="613"/>
      <c r="GSV668" s="613"/>
      <c r="GSW668" s="613"/>
      <c r="GSX668" s="613"/>
      <c r="GSY668" s="613"/>
      <c r="GSZ668" s="613"/>
      <c r="GTA668" s="613"/>
      <c r="GTB668" s="613"/>
      <c r="GTC668" s="613"/>
      <c r="GTD668" s="613"/>
      <c r="GTE668" s="613"/>
      <c r="GTF668" s="613"/>
      <c r="GTG668" s="613"/>
      <c r="GTH668" s="613"/>
      <c r="GTI668" s="613"/>
      <c r="GTJ668" s="613"/>
      <c r="GTK668" s="613"/>
      <c r="GTL668" s="613"/>
      <c r="GTM668" s="613"/>
      <c r="GTN668" s="613"/>
      <c r="GTO668" s="613"/>
      <c r="GTP668" s="613"/>
      <c r="GTQ668" s="613"/>
      <c r="GTR668" s="613"/>
      <c r="GTS668" s="613"/>
      <c r="GTT668" s="613"/>
      <c r="GTU668" s="613"/>
      <c r="GTV668" s="613"/>
      <c r="GTW668" s="613"/>
      <c r="GTX668" s="613"/>
      <c r="GTY668" s="613"/>
      <c r="GTZ668" s="613"/>
      <c r="GUA668" s="613"/>
      <c r="GUB668" s="613"/>
      <c r="GUC668" s="613"/>
      <c r="GUD668" s="613"/>
      <c r="GUE668" s="613"/>
      <c r="GUF668" s="613"/>
      <c r="GUG668" s="613"/>
      <c r="GUH668" s="613"/>
      <c r="GUI668" s="613"/>
      <c r="GUJ668" s="613"/>
      <c r="GUK668" s="613"/>
      <c r="GUL668" s="613"/>
      <c r="GUM668" s="613"/>
      <c r="GUN668" s="613"/>
      <c r="GUO668" s="613"/>
      <c r="GUP668" s="613"/>
      <c r="GUQ668" s="613"/>
      <c r="GUR668" s="613"/>
      <c r="GUS668" s="613"/>
      <c r="GUT668" s="613"/>
      <c r="GUU668" s="613"/>
      <c r="GUV668" s="613"/>
      <c r="GUW668" s="613"/>
      <c r="GUX668" s="613"/>
      <c r="GUY668" s="613"/>
      <c r="GUZ668" s="613"/>
      <c r="GVA668" s="613"/>
      <c r="GVB668" s="613"/>
      <c r="GVC668" s="613"/>
      <c r="GVD668" s="613"/>
      <c r="GVE668" s="613"/>
      <c r="GVF668" s="613"/>
      <c r="GVG668" s="613"/>
      <c r="GVH668" s="613"/>
      <c r="GVI668" s="613"/>
      <c r="GVJ668" s="613"/>
      <c r="GVK668" s="613"/>
      <c r="GVL668" s="613"/>
      <c r="GVM668" s="613"/>
      <c r="GVN668" s="613"/>
      <c r="GVO668" s="613"/>
      <c r="GVP668" s="613"/>
      <c r="GVQ668" s="613"/>
      <c r="GVR668" s="613"/>
      <c r="GVS668" s="613"/>
      <c r="GVT668" s="613"/>
      <c r="GVU668" s="613"/>
      <c r="GVV668" s="613"/>
      <c r="GVW668" s="613"/>
      <c r="GVX668" s="613"/>
      <c r="GVY668" s="613"/>
      <c r="GVZ668" s="613"/>
      <c r="GWA668" s="613"/>
      <c r="GWB668" s="613"/>
      <c r="GWC668" s="613"/>
      <c r="GWD668" s="613"/>
      <c r="GWE668" s="613"/>
      <c r="GWF668" s="613"/>
      <c r="GWG668" s="613"/>
      <c r="GWH668" s="613"/>
      <c r="GWI668" s="613"/>
      <c r="GWJ668" s="613"/>
      <c r="GWK668" s="613"/>
      <c r="GWL668" s="613"/>
      <c r="GWM668" s="613"/>
      <c r="GWN668" s="613"/>
      <c r="GWO668" s="613"/>
      <c r="GWP668" s="613"/>
      <c r="GWQ668" s="613"/>
      <c r="GWR668" s="613"/>
      <c r="GWS668" s="613"/>
      <c r="GWT668" s="613"/>
      <c r="GWU668" s="613"/>
      <c r="GWV668" s="613"/>
      <c r="GWW668" s="613"/>
      <c r="GWX668" s="613"/>
      <c r="GWY668" s="613"/>
      <c r="GWZ668" s="613"/>
      <c r="GXA668" s="613"/>
      <c r="GXB668" s="613"/>
      <c r="GXC668" s="613"/>
      <c r="GXD668" s="613"/>
      <c r="GXE668" s="613"/>
      <c r="GXF668" s="613"/>
      <c r="GXG668" s="613"/>
      <c r="GXH668" s="613"/>
      <c r="GXI668" s="613"/>
      <c r="GXJ668" s="613"/>
      <c r="GXK668" s="613"/>
      <c r="GXL668" s="613"/>
      <c r="GXM668" s="613"/>
      <c r="GXN668" s="613"/>
      <c r="GXO668" s="613"/>
      <c r="GXP668" s="613"/>
      <c r="GXQ668" s="613"/>
      <c r="GXR668" s="613"/>
      <c r="GXS668" s="613"/>
      <c r="GXT668" s="613"/>
      <c r="GXU668" s="613"/>
      <c r="GXV668" s="613"/>
      <c r="GXW668" s="613"/>
      <c r="GXX668" s="613"/>
      <c r="GXY668" s="613"/>
      <c r="GXZ668" s="613"/>
      <c r="GYA668" s="613"/>
      <c r="GYB668" s="613"/>
      <c r="GYC668" s="613"/>
      <c r="GYD668" s="613"/>
      <c r="GYE668" s="613"/>
      <c r="GYF668" s="613"/>
      <c r="GYG668" s="613"/>
      <c r="GYH668" s="613"/>
      <c r="GYI668" s="613"/>
      <c r="GYJ668" s="613"/>
      <c r="GYK668" s="613"/>
      <c r="GYL668" s="613"/>
      <c r="GYM668" s="613"/>
      <c r="GYN668" s="613"/>
      <c r="GYO668" s="613"/>
      <c r="GYP668" s="613"/>
      <c r="GYQ668" s="613"/>
      <c r="GYR668" s="613"/>
      <c r="GYS668" s="613"/>
      <c r="GYT668" s="613"/>
      <c r="GYU668" s="613"/>
      <c r="GYV668" s="613"/>
      <c r="GYW668" s="613"/>
      <c r="GYX668" s="613"/>
      <c r="GYY668" s="613"/>
      <c r="GYZ668" s="613"/>
      <c r="GZA668" s="613"/>
      <c r="GZB668" s="613"/>
      <c r="GZC668" s="613"/>
      <c r="GZD668" s="613"/>
      <c r="GZE668" s="613"/>
      <c r="GZF668" s="613"/>
      <c r="GZG668" s="613"/>
      <c r="GZH668" s="613"/>
      <c r="GZI668" s="613"/>
      <c r="GZJ668" s="613"/>
      <c r="GZK668" s="613"/>
      <c r="GZL668" s="613"/>
      <c r="GZM668" s="613"/>
      <c r="GZN668" s="613"/>
      <c r="GZO668" s="613"/>
      <c r="GZP668" s="613"/>
      <c r="GZQ668" s="613"/>
      <c r="GZR668" s="613"/>
      <c r="GZS668" s="613"/>
      <c r="GZT668" s="613"/>
      <c r="GZU668" s="613"/>
      <c r="GZV668" s="613"/>
      <c r="GZW668" s="613"/>
      <c r="GZX668" s="613"/>
      <c r="GZY668" s="613"/>
      <c r="GZZ668" s="613"/>
      <c r="HAA668" s="613"/>
      <c r="HAB668" s="613"/>
      <c r="HAC668" s="613"/>
      <c r="HAD668" s="613"/>
      <c r="HAE668" s="613"/>
      <c r="HAF668" s="613"/>
      <c r="HAG668" s="613"/>
      <c r="HAH668" s="613"/>
      <c r="HAI668" s="613"/>
      <c r="HAJ668" s="613"/>
      <c r="HAK668" s="613"/>
      <c r="HAL668" s="613"/>
      <c r="HAM668" s="613"/>
      <c r="HAN668" s="613"/>
      <c r="HAO668" s="613"/>
      <c r="HAP668" s="613"/>
      <c r="HAQ668" s="613"/>
      <c r="HAR668" s="613"/>
      <c r="HAS668" s="613"/>
      <c r="HAT668" s="613"/>
      <c r="HAU668" s="613"/>
      <c r="HAV668" s="613"/>
      <c r="HAW668" s="613"/>
      <c r="HAX668" s="613"/>
      <c r="HAY668" s="613"/>
      <c r="HAZ668" s="613"/>
      <c r="HBA668" s="613"/>
      <c r="HBB668" s="613"/>
      <c r="HBC668" s="613"/>
      <c r="HBD668" s="613"/>
      <c r="HBE668" s="613"/>
      <c r="HBF668" s="613"/>
      <c r="HBG668" s="613"/>
      <c r="HBH668" s="613"/>
      <c r="HBI668" s="613"/>
      <c r="HBJ668" s="613"/>
      <c r="HBK668" s="613"/>
      <c r="HBL668" s="613"/>
      <c r="HBM668" s="613"/>
      <c r="HBN668" s="613"/>
      <c r="HBO668" s="613"/>
      <c r="HBP668" s="613"/>
      <c r="HBQ668" s="613"/>
      <c r="HBR668" s="613"/>
      <c r="HBS668" s="613"/>
      <c r="HBT668" s="613"/>
      <c r="HBU668" s="613"/>
      <c r="HBV668" s="613"/>
      <c r="HBW668" s="613"/>
      <c r="HBX668" s="613"/>
      <c r="HBY668" s="613"/>
      <c r="HBZ668" s="613"/>
      <c r="HCA668" s="613"/>
      <c r="HCB668" s="613"/>
      <c r="HCC668" s="613"/>
      <c r="HCD668" s="613"/>
      <c r="HCE668" s="613"/>
      <c r="HCF668" s="613"/>
      <c r="HCG668" s="613"/>
      <c r="HCH668" s="613"/>
      <c r="HCI668" s="613"/>
      <c r="HCJ668" s="613"/>
      <c r="HCK668" s="613"/>
      <c r="HCL668" s="613"/>
      <c r="HCM668" s="613"/>
      <c r="HCN668" s="613"/>
      <c r="HCO668" s="613"/>
      <c r="HCP668" s="613"/>
      <c r="HCQ668" s="613"/>
      <c r="HCR668" s="613"/>
      <c r="HCS668" s="613"/>
      <c r="HCT668" s="613"/>
      <c r="HCU668" s="613"/>
      <c r="HCV668" s="613"/>
      <c r="HCW668" s="613"/>
      <c r="HCX668" s="613"/>
      <c r="HCY668" s="613"/>
      <c r="HCZ668" s="613"/>
      <c r="HDA668" s="613"/>
      <c r="HDB668" s="613"/>
      <c r="HDC668" s="613"/>
      <c r="HDD668" s="613"/>
      <c r="HDE668" s="613"/>
      <c r="HDF668" s="613"/>
      <c r="HDG668" s="613"/>
      <c r="HDH668" s="613"/>
      <c r="HDI668" s="613"/>
      <c r="HDJ668" s="613"/>
      <c r="HDK668" s="613"/>
      <c r="HDL668" s="613"/>
      <c r="HDM668" s="613"/>
      <c r="HDN668" s="613"/>
      <c r="HDO668" s="613"/>
      <c r="HDP668" s="613"/>
      <c r="HDQ668" s="613"/>
      <c r="HDR668" s="613"/>
      <c r="HDS668" s="613"/>
      <c r="HDT668" s="613"/>
      <c r="HDU668" s="613"/>
      <c r="HDV668" s="613"/>
      <c r="HDW668" s="613"/>
      <c r="HDX668" s="613"/>
      <c r="HDY668" s="613"/>
      <c r="HDZ668" s="613"/>
      <c r="HEA668" s="613"/>
      <c r="HEB668" s="613"/>
      <c r="HEC668" s="613"/>
      <c r="HED668" s="613"/>
      <c r="HEE668" s="613"/>
      <c r="HEF668" s="613"/>
      <c r="HEG668" s="613"/>
      <c r="HEH668" s="613"/>
      <c r="HEI668" s="613"/>
      <c r="HEJ668" s="613"/>
      <c r="HEK668" s="613"/>
      <c r="HEL668" s="613"/>
      <c r="HEM668" s="613"/>
      <c r="HEN668" s="613"/>
      <c r="HEO668" s="613"/>
      <c r="HEP668" s="613"/>
      <c r="HEQ668" s="613"/>
      <c r="HER668" s="613"/>
      <c r="HES668" s="613"/>
      <c r="HET668" s="613"/>
      <c r="HEU668" s="613"/>
      <c r="HEV668" s="613"/>
      <c r="HEW668" s="613"/>
      <c r="HEX668" s="613"/>
      <c r="HEY668" s="613"/>
      <c r="HEZ668" s="613"/>
      <c r="HFA668" s="613"/>
      <c r="HFB668" s="613"/>
      <c r="HFC668" s="613"/>
      <c r="HFD668" s="613"/>
      <c r="HFE668" s="613"/>
      <c r="HFF668" s="613"/>
      <c r="HFG668" s="613"/>
      <c r="HFH668" s="613"/>
      <c r="HFI668" s="613"/>
      <c r="HFJ668" s="613"/>
      <c r="HFK668" s="613"/>
      <c r="HFL668" s="613"/>
      <c r="HFM668" s="613"/>
      <c r="HFN668" s="613"/>
      <c r="HFO668" s="613"/>
      <c r="HFP668" s="613"/>
      <c r="HFQ668" s="613"/>
      <c r="HFR668" s="613"/>
      <c r="HFS668" s="613"/>
      <c r="HFT668" s="613"/>
      <c r="HFU668" s="613"/>
      <c r="HFV668" s="613"/>
      <c r="HFW668" s="613"/>
      <c r="HFX668" s="613"/>
      <c r="HFY668" s="613"/>
      <c r="HFZ668" s="613"/>
      <c r="HGA668" s="613"/>
      <c r="HGB668" s="613"/>
      <c r="HGC668" s="613"/>
      <c r="HGD668" s="613"/>
      <c r="HGE668" s="613"/>
      <c r="HGF668" s="613"/>
      <c r="HGG668" s="613"/>
      <c r="HGH668" s="613"/>
      <c r="HGI668" s="613"/>
      <c r="HGJ668" s="613"/>
      <c r="HGK668" s="613"/>
      <c r="HGL668" s="613"/>
      <c r="HGM668" s="613"/>
      <c r="HGN668" s="613"/>
      <c r="HGO668" s="613"/>
      <c r="HGP668" s="613"/>
      <c r="HGQ668" s="613"/>
      <c r="HGR668" s="613"/>
      <c r="HGS668" s="613"/>
      <c r="HGT668" s="613"/>
      <c r="HGU668" s="613"/>
      <c r="HGV668" s="613"/>
      <c r="HGW668" s="613"/>
      <c r="HGX668" s="613"/>
      <c r="HGY668" s="613"/>
      <c r="HGZ668" s="613"/>
      <c r="HHA668" s="613"/>
      <c r="HHB668" s="613"/>
      <c r="HHC668" s="613"/>
      <c r="HHD668" s="613"/>
      <c r="HHE668" s="613"/>
      <c r="HHF668" s="613"/>
      <c r="HHG668" s="613"/>
      <c r="HHH668" s="613"/>
      <c r="HHI668" s="613"/>
      <c r="HHJ668" s="613"/>
      <c r="HHK668" s="613"/>
      <c r="HHL668" s="613"/>
      <c r="HHM668" s="613"/>
      <c r="HHN668" s="613"/>
      <c r="HHO668" s="613"/>
      <c r="HHP668" s="613"/>
      <c r="HHQ668" s="613"/>
      <c r="HHR668" s="613"/>
      <c r="HHS668" s="613"/>
      <c r="HHT668" s="613"/>
      <c r="HHU668" s="613"/>
      <c r="HHV668" s="613"/>
      <c r="HHW668" s="613"/>
      <c r="HHX668" s="613"/>
      <c r="HHY668" s="613"/>
      <c r="HHZ668" s="613"/>
      <c r="HIA668" s="613"/>
      <c r="HIB668" s="613"/>
      <c r="HIC668" s="613"/>
      <c r="HID668" s="613"/>
      <c r="HIE668" s="613"/>
      <c r="HIF668" s="613"/>
      <c r="HIG668" s="613"/>
      <c r="HIH668" s="613"/>
      <c r="HII668" s="613"/>
      <c r="HIJ668" s="613"/>
      <c r="HIK668" s="613"/>
      <c r="HIL668" s="613"/>
      <c r="HIM668" s="613"/>
      <c r="HIN668" s="613"/>
      <c r="HIO668" s="613"/>
      <c r="HIP668" s="613"/>
      <c r="HIQ668" s="613"/>
      <c r="HIR668" s="613"/>
      <c r="HIS668" s="613"/>
      <c r="HIT668" s="613"/>
      <c r="HIU668" s="613"/>
      <c r="HIV668" s="613"/>
      <c r="HIW668" s="613"/>
      <c r="HIX668" s="613"/>
      <c r="HIY668" s="613"/>
      <c r="HIZ668" s="613"/>
      <c r="HJA668" s="613"/>
      <c r="HJB668" s="613"/>
      <c r="HJC668" s="613"/>
      <c r="HJD668" s="613"/>
      <c r="HJE668" s="613"/>
      <c r="HJF668" s="613"/>
      <c r="HJG668" s="613"/>
      <c r="HJH668" s="613"/>
      <c r="HJI668" s="613"/>
      <c r="HJJ668" s="613"/>
      <c r="HJK668" s="613"/>
      <c r="HJL668" s="613"/>
      <c r="HJM668" s="613"/>
      <c r="HJN668" s="613"/>
      <c r="HJO668" s="613"/>
      <c r="HJP668" s="613"/>
      <c r="HJQ668" s="613"/>
      <c r="HJR668" s="613"/>
      <c r="HJS668" s="613"/>
      <c r="HJT668" s="613"/>
      <c r="HJU668" s="613"/>
      <c r="HJV668" s="613"/>
      <c r="HJW668" s="613"/>
      <c r="HJX668" s="613"/>
      <c r="HJY668" s="613"/>
      <c r="HJZ668" s="613"/>
      <c r="HKA668" s="613"/>
      <c r="HKB668" s="613"/>
      <c r="HKC668" s="613"/>
      <c r="HKD668" s="613"/>
      <c r="HKE668" s="613"/>
      <c r="HKF668" s="613"/>
      <c r="HKG668" s="613"/>
      <c r="HKH668" s="613"/>
      <c r="HKI668" s="613"/>
      <c r="HKJ668" s="613"/>
      <c r="HKK668" s="613"/>
      <c r="HKL668" s="613"/>
      <c r="HKM668" s="613"/>
      <c r="HKN668" s="613"/>
      <c r="HKO668" s="613"/>
      <c r="HKP668" s="613"/>
      <c r="HKQ668" s="613"/>
      <c r="HKR668" s="613"/>
      <c r="HKS668" s="613"/>
      <c r="HKT668" s="613"/>
      <c r="HKU668" s="613"/>
      <c r="HKV668" s="613"/>
      <c r="HKW668" s="613"/>
      <c r="HKX668" s="613"/>
      <c r="HKY668" s="613"/>
      <c r="HKZ668" s="613"/>
      <c r="HLA668" s="613"/>
      <c r="HLB668" s="613"/>
      <c r="HLC668" s="613"/>
      <c r="HLD668" s="613"/>
      <c r="HLE668" s="613"/>
      <c r="HLF668" s="613"/>
      <c r="HLG668" s="613"/>
      <c r="HLH668" s="613"/>
      <c r="HLI668" s="613"/>
      <c r="HLJ668" s="613"/>
      <c r="HLK668" s="613"/>
      <c r="HLL668" s="613"/>
      <c r="HLM668" s="613"/>
      <c r="HLN668" s="613"/>
      <c r="HLO668" s="613"/>
      <c r="HLP668" s="613"/>
      <c r="HLQ668" s="613"/>
      <c r="HLR668" s="613"/>
      <c r="HLS668" s="613"/>
      <c r="HLT668" s="613"/>
      <c r="HLU668" s="613"/>
      <c r="HLV668" s="613"/>
      <c r="HLW668" s="613"/>
      <c r="HLX668" s="613"/>
      <c r="HLY668" s="613"/>
      <c r="HLZ668" s="613"/>
      <c r="HMA668" s="613"/>
      <c r="HMB668" s="613"/>
      <c r="HMC668" s="613"/>
      <c r="HMD668" s="613"/>
      <c r="HME668" s="613"/>
      <c r="HMF668" s="613"/>
      <c r="HMG668" s="613"/>
      <c r="HMH668" s="613"/>
      <c r="HMI668" s="613"/>
      <c r="HMJ668" s="613"/>
      <c r="HMK668" s="613"/>
      <c r="HML668" s="613"/>
      <c r="HMM668" s="613"/>
      <c r="HMN668" s="613"/>
      <c r="HMO668" s="613"/>
      <c r="HMP668" s="613"/>
      <c r="HMQ668" s="613"/>
      <c r="HMR668" s="613"/>
      <c r="HMS668" s="613"/>
      <c r="HMT668" s="613"/>
      <c r="HMU668" s="613"/>
      <c r="HMV668" s="613"/>
      <c r="HMW668" s="613"/>
      <c r="HMX668" s="613"/>
      <c r="HMY668" s="613"/>
      <c r="HMZ668" s="613"/>
      <c r="HNA668" s="613"/>
      <c r="HNB668" s="613"/>
      <c r="HNC668" s="613"/>
      <c r="HND668" s="613"/>
      <c r="HNE668" s="613"/>
      <c r="HNF668" s="613"/>
      <c r="HNG668" s="613"/>
      <c r="HNH668" s="613"/>
      <c r="HNI668" s="613"/>
      <c r="HNJ668" s="613"/>
      <c r="HNK668" s="613"/>
      <c r="HNL668" s="613"/>
      <c r="HNM668" s="613"/>
      <c r="HNN668" s="613"/>
      <c r="HNO668" s="613"/>
      <c r="HNP668" s="613"/>
      <c r="HNQ668" s="613"/>
      <c r="HNR668" s="613"/>
      <c r="HNS668" s="613"/>
      <c r="HNT668" s="613"/>
      <c r="HNU668" s="613"/>
      <c r="HNV668" s="613"/>
      <c r="HNW668" s="613"/>
      <c r="HNX668" s="613"/>
      <c r="HNY668" s="613"/>
      <c r="HNZ668" s="613"/>
      <c r="HOA668" s="613"/>
      <c r="HOB668" s="613"/>
      <c r="HOC668" s="613"/>
      <c r="HOD668" s="613"/>
      <c r="HOE668" s="613"/>
      <c r="HOF668" s="613"/>
      <c r="HOG668" s="613"/>
      <c r="HOH668" s="613"/>
      <c r="HOI668" s="613"/>
      <c r="HOJ668" s="613"/>
      <c r="HOK668" s="613"/>
      <c r="HOL668" s="613"/>
      <c r="HOM668" s="613"/>
      <c r="HON668" s="613"/>
      <c r="HOO668" s="613"/>
      <c r="HOP668" s="613"/>
      <c r="HOQ668" s="613"/>
      <c r="HOR668" s="613"/>
      <c r="HOS668" s="613"/>
      <c r="HOT668" s="613"/>
      <c r="HOU668" s="613"/>
      <c r="HOV668" s="613"/>
      <c r="HOW668" s="613"/>
      <c r="HOX668" s="613"/>
      <c r="HOY668" s="613"/>
      <c r="HOZ668" s="613"/>
      <c r="HPA668" s="613"/>
      <c r="HPB668" s="613"/>
      <c r="HPC668" s="613"/>
      <c r="HPD668" s="613"/>
      <c r="HPE668" s="613"/>
      <c r="HPF668" s="613"/>
      <c r="HPG668" s="613"/>
      <c r="HPH668" s="613"/>
      <c r="HPI668" s="613"/>
      <c r="HPJ668" s="613"/>
      <c r="HPK668" s="613"/>
      <c r="HPL668" s="613"/>
      <c r="HPM668" s="613"/>
      <c r="HPN668" s="613"/>
      <c r="HPO668" s="613"/>
      <c r="HPP668" s="613"/>
      <c r="HPQ668" s="613"/>
      <c r="HPR668" s="613"/>
      <c r="HPS668" s="613"/>
      <c r="HPT668" s="613"/>
      <c r="HPU668" s="613"/>
      <c r="HPV668" s="613"/>
      <c r="HPW668" s="613"/>
      <c r="HPX668" s="613"/>
      <c r="HPY668" s="613"/>
      <c r="HPZ668" s="613"/>
      <c r="HQA668" s="613"/>
      <c r="HQB668" s="613"/>
      <c r="HQC668" s="613"/>
      <c r="HQD668" s="613"/>
      <c r="HQE668" s="613"/>
      <c r="HQF668" s="613"/>
      <c r="HQG668" s="613"/>
      <c r="HQH668" s="613"/>
      <c r="HQI668" s="613"/>
      <c r="HQJ668" s="613"/>
      <c r="HQK668" s="613"/>
      <c r="HQL668" s="613"/>
      <c r="HQM668" s="613"/>
      <c r="HQN668" s="613"/>
      <c r="HQO668" s="613"/>
      <c r="HQP668" s="613"/>
      <c r="HQQ668" s="613"/>
      <c r="HQR668" s="613"/>
      <c r="HQS668" s="613"/>
      <c r="HQT668" s="613"/>
      <c r="HQU668" s="613"/>
      <c r="HQV668" s="613"/>
      <c r="HQW668" s="613"/>
      <c r="HQX668" s="613"/>
      <c r="HQY668" s="613"/>
      <c r="HQZ668" s="613"/>
      <c r="HRA668" s="613"/>
      <c r="HRB668" s="613"/>
      <c r="HRC668" s="613"/>
      <c r="HRD668" s="613"/>
      <c r="HRE668" s="613"/>
      <c r="HRF668" s="613"/>
      <c r="HRG668" s="613"/>
      <c r="HRH668" s="613"/>
      <c r="HRI668" s="613"/>
      <c r="HRJ668" s="613"/>
      <c r="HRK668" s="613"/>
      <c r="HRL668" s="613"/>
      <c r="HRM668" s="613"/>
      <c r="HRN668" s="613"/>
      <c r="HRO668" s="613"/>
      <c r="HRP668" s="613"/>
      <c r="HRQ668" s="613"/>
      <c r="HRR668" s="613"/>
      <c r="HRS668" s="613"/>
      <c r="HRT668" s="613"/>
      <c r="HRU668" s="613"/>
      <c r="HRV668" s="613"/>
      <c r="HRW668" s="613"/>
      <c r="HRX668" s="613"/>
      <c r="HRY668" s="613"/>
      <c r="HRZ668" s="613"/>
      <c r="HSA668" s="613"/>
      <c r="HSB668" s="613"/>
      <c r="HSC668" s="613"/>
      <c r="HSD668" s="613"/>
      <c r="HSE668" s="613"/>
      <c r="HSF668" s="613"/>
      <c r="HSG668" s="613"/>
      <c r="HSH668" s="613"/>
      <c r="HSI668" s="613"/>
      <c r="HSJ668" s="613"/>
      <c r="HSK668" s="613"/>
      <c r="HSL668" s="613"/>
      <c r="HSM668" s="613"/>
      <c r="HSN668" s="613"/>
      <c r="HSO668" s="613"/>
      <c r="HSP668" s="613"/>
      <c r="HSQ668" s="613"/>
      <c r="HSR668" s="613"/>
      <c r="HSS668" s="613"/>
      <c r="HST668" s="613"/>
      <c r="HSU668" s="613"/>
      <c r="HSV668" s="613"/>
      <c r="HSW668" s="613"/>
      <c r="HSX668" s="613"/>
      <c r="HSY668" s="613"/>
      <c r="HSZ668" s="613"/>
      <c r="HTA668" s="613"/>
      <c r="HTB668" s="613"/>
      <c r="HTC668" s="613"/>
      <c r="HTD668" s="613"/>
      <c r="HTE668" s="613"/>
      <c r="HTF668" s="613"/>
      <c r="HTG668" s="613"/>
      <c r="HTH668" s="613"/>
      <c r="HTI668" s="613"/>
      <c r="HTJ668" s="613"/>
      <c r="HTK668" s="613"/>
      <c r="HTL668" s="613"/>
      <c r="HTM668" s="613"/>
      <c r="HTN668" s="613"/>
      <c r="HTO668" s="613"/>
      <c r="HTP668" s="613"/>
      <c r="HTQ668" s="613"/>
      <c r="HTR668" s="613"/>
      <c r="HTS668" s="613"/>
      <c r="HTT668" s="613"/>
      <c r="HTU668" s="613"/>
      <c r="HTV668" s="613"/>
      <c r="HTW668" s="613"/>
      <c r="HTX668" s="613"/>
      <c r="HTY668" s="613"/>
      <c r="HTZ668" s="613"/>
      <c r="HUA668" s="613"/>
      <c r="HUB668" s="613"/>
      <c r="HUC668" s="613"/>
      <c r="HUD668" s="613"/>
      <c r="HUE668" s="613"/>
      <c r="HUF668" s="613"/>
      <c r="HUG668" s="613"/>
      <c r="HUH668" s="613"/>
      <c r="HUI668" s="613"/>
      <c r="HUJ668" s="613"/>
      <c r="HUK668" s="613"/>
      <c r="HUL668" s="613"/>
      <c r="HUM668" s="613"/>
      <c r="HUN668" s="613"/>
      <c r="HUO668" s="613"/>
      <c r="HUP668" s="613"/>
      <c r="HUQ668" s="613"/>
      <c r="HUR668" s="613"/>
      <c r="HUS668" s="613"/>
      <c r="HUT668" s="613"/>
      <c r="HUU668" s="613"/>
      <c r="HUV668" s="613"/>
      <c r="HUW668" s="613"/>
      <c r="HUX668" s="613"/>
      <c r="HUY668" s="613"/>
      <c r="HUZ668" s="613"/>
      <c r="HVA668" s="613"/>
      <c r="HVB668" s="613"/>
      <c r="HVC668" s="613"/>
      <c r="HVD668" s="613"/>
      <c r="HVE668" s="613"/>
      <c r="HVF668" s="613"/>
      <c r="HVG668" s="613"/>
      <c r="HVH668" s="613"/>
      <c r="HVI668" s="613"/>
      <c r="HVJ668" s="613"/>
      <c r="HVK668" s="613"/>
      <c r="HVL668" s="613"/>
      <c r="HVM668" s="613"/>
      <c r="HVN668" s="613"/>
      <c r="HVO668" s="613"/>
      <c r="HVP668" s="613"/>
      <c r="HVQ668" s="613"/>
      <c r="HVR668" s="613"/>
      <c r="HVS668" s="613"/>
      <c r="HVT668" s="613"/>
      <c r="HVU668" s="613"/>
      <c r="HVV668" s="613"/>
      <c r="HVW668" s="613"/>
      <c r="HVX668" s="613"/>
      <c r="HVY668" s="613"/>
      <c r="HVZ668" s="613"/>
      <c r="HWA668" s="613"/>
      <c r="HWB668" s="613"/>
      <c r="HWC668" s="613"/>
      <c r="HWD668" s="613"/>
      <c r="HWE668" s="613"/>
      <c r="HWF668" s="613"/>
      <c r="HWG668" s="613"/>
      <c r="HWH668" s="613"/>
      <c r="HWI668" s="613"/>
      <c r="HWJ668" s="613"/>
      <c r="HWK668" s="613"/>
      <c r="HWL668" s="613"/>
      <c r="HWM668" s="613"/>
      <c r="HWN668" s="613"/>
      <c r="HWO668" s="613"/>
      <c r="HWP668" s="613"/>
      <c r="HWQ668" s="613"/>
      <c r="HWR668" s="613"/>
      <c r="HWS668" s="613"/>
      <c r="HWT668" s="613"/>
      <c r="HWU668" s="613"/>
      <c r="HWV668" s="613"/>
      <c r="HWW668" s="613"/>
      <c r="HWX668" s="613"/>
      <c r="HWY668" s="613"/>
      <c r="HWZ668" s="613"/>
      <c r="HXA668" s="613"/>
      <c r="HXB668" s="613"/>
      <c r="HXC668" s="613"/>
      <c r="HXD668" s="613"/>
      <c r="HXE668" s="613"/>
      <c r="HXF668" s="613"/>
      <c r="HXG668" s="613"/>
      <c r="HXH668" s="613"/>
      <c r="HXI668" s="613"/>
      <c r="HXJ668" s="613"/>
      <c r="HXK668" s="613"/>
      <c r="HXL668" s="613"/>
      <c r="HXM668" s="613"/>
      <c r="HXN668" s="613"/>
      <c r="HXO668" s="613"/>
      <c r="HXP668" s="613"/>
      <c r="HXQ668" s="613"/>
      <c r="HXR668" s="613"/>
      <c r="HXS668" s="613"/>
      <c r="HXT668" s="613"/>
      <c r="HXU668" s="613"/>
      <c r="HXV668" s="613"/>
      <c r="HXW668" s="613"/>
      <c r="HXX668" s="613"/>
      <c r="HXY668" s="613"/>
      <c r="HXZ668" s="613"/>
      <c r="HYA668" s="613"/>
      <c r="HYB668" s="613"/>
      <c r="HYC668" s="613"/>
      <c r="HYD668" s="613"/>
      <c r="HYE668" s="613"/>
      <c r="HYF668" s="613"/>
      <c r="HYG668" s="613"/>
      <c r="HYH668" s="613"/>
      <c r="HYI668" s="613"/>
      <c r="HYJ668" s="613"/>
      <c r="HYK668" s="613"/>
      <c r="HYL668" s="613"/>
      <c r="HYM668" s="613"/>
      <c r="HYN668" s="613"/>
      <c r="HYO668" s="613"/>
      <c r="HYP668" s="613"/>
      <c r="HYQ668" s="613"/>
      <c r="HYR668" s="613"/>
      <c r="HYS668" s="613"/>
      <c r="HYT668" s="613"/>
      <c r="HYU668" s="613"/>
      <c r="HYV668" s="613"/>
      <c r="HYW668" s="613"/>
      <c r="HYX668" s="613"/>
      <c r="HYY668" s="613"/>
      <c r="HYZ668" s="613"/>
      <c r="HZA668" s="613"/>
      <c r="HZB668" s="613"/>
      <c r="HZC668" s="613"/>
      <c r="HZD668" s="613"/>
      <c r="HZE668" s="613"/>
      <c r="HZF668" s="613"/>
      <c r="HZG668" s="613"/>
      <c r="HZH668" s="613"/>
      <c r="HZI668" s="613"/>
      <c r="HZJ668" s="613"/>
      <c r="HZK668" s="613"/>
      <c r="HZL668" s="613"/>
      <c r="HZM668" s="613"/>
      <c r="HZN668" s="613"/>
      <c r="HZO668" s="613"/>
      <c r="HZP668" s="613"/>
      <c r="HZQ668" s="613"/>
      <c r="HZR668" s="613"/>
      <c r="HZS668" s="613"/>
      <c r="HZT668" s="613"/>
      <c r="HZU668" s="613"/>
      <c r="HZV668" s="613"/>
      <c r="HZW668" s="613"/>
      <c r="HZX668" s="613"/>
      <c r="HZY668" s="613"/>
      <c r="HZZ668" s="613"/>
      <c r="IAA668" s="613"/>
      <c r="IAB668" s="613"/>
      <c r="IAC668" s="613"/>
      <c r="IAD668" s="613"/>
      <c r="IAE668" s="613"/>
      <c r="IAF668" s="613"/>
      <c r="IAG668" s="613"/>
      <c r="IAH668" s="613"/>
      <c r="IAI668" s="613"/>
      <c r="IAJ668" s="613"/>
      <c r="IAK668" s="613"/>
      <c r="IAL668" s="613"/>
      <c r="IAM668" s="613"/>
      <c r="IAN668" s="613"/>
      <c r="IAO668" s="613"/>
      <c r="IAP668" s="613"/>
      <c r="IAQ668" s="613"/>
      <c r="IAR668" s="613"/>
      <c r="IAS668" s="613"/>
      <c r="IAT668" s="613"/>
      <c r="IAU668" s="613"/>
      <c r="IAV668" s="613"/>
      <c r="IAW668" s="613"/>
      <c r="IAX668" s="613"/>
      <c r="IAY668" s="613"/>
      <c r="IAZ668" s="613"/>
      <c r="IBA668" s="613"/>
      <c r="IBB668" s="613"/>
      <c r="IBC668" s="613"/>
      <c r="IBD668" s="613"/>
      <c r="IBE668" s="613"/>
      <c r="IBF668" s="613"/>
      <c r="IBG668" s="613"/>
      <c r="IBH668" s="613"/>
      <c r="IBI668" s="613"/>
      <c r="IBJ668" s="613"/>
      <c r="IBK668" s="613"/>
      <c r="IBL668" s="613"/>
      <c r="IBM668" s="613"/>
      <c r="IBN668" s="613"/>
      <c r="IBO668" s="613"/>
      <c r="IBP668" s="613"/>
      <c r="IBQ668" s="613"/>
      <c r="IBR668" s="613"/>
      <c r="IBS668" s="613"/>
      <c r="IBT668" s="613"/>
      <c r="IBU668" s="613"/>
      <c r="IBV668" s="613"/>
      <c r="IBW668" s="613"/>
      <c r="IBX668" s="613"/>
      <c r="IBY668" s="613"/>
      <c r="IBZ668" s="613"/>
      <c r="ICA668" s="613"/>
      <c r="ICB668" s="613"/>
      <c r="ICC668" s="613"/>
      <c r="ICD668" s="613"/>
      <c r="ICE668" s="613"/>
      <c r="ICF668" s="613"/>
      <c r="ICG668" s="613"/>
      <c r="ICH668" s="613"/>
      <c r="ICI668" s="613"/>
      <c r="ICJ668" s="613"/>
      <c r="ICK668" s="613"/>
      <c r="ICL668" s="613"/>
      <c r="ICM668" s="613"/>
      <c r="ICN668" s="613"/>
      <c r="ICO668" s="613"/>
      <c r="ICP668" s="613"/>
      <c r="ICQ668" s="613"/>
      <c r="ICR668" s="613"/>
      <c r="ICS668" s="613"/>
      <c r="ICT668" s="613"/>
      <c r="ICU668" s="613"/>
      <c r="ICV668" s="613"/>
      <c r="ICW668" s="613"/>
      <c r="ICX668" s="613"/>
      <c r="ICY668" s="613"/>
      <c r="ICZ668" s="613"/>
      <c r="IDA668" s="613"/>
      <c r="IDB668" s="613"/>
      <c r="IDC668" s="613"/>
      <c r="IDD668" s="613"/>
      <c r="IDE668" s="613"/>
      <c r="IDF668" s="613"/>
      <c r="IDG668" s="613"/>
      <c r="IDH668" s="613"/>
      <c r="IDI668" s="613"/>
      <c r="IDJ668" s="613"/>
      <c r="IDK668" s="613"/>
      <c r="IDL668" s="613"/>
      <c r="IDM668" s="613"/>
      <c r="IDN668" s="613"/>
      <c r="IDO668" s="613"/>
      <c r="IDP668" s="613"/>
      <c r="IDQ668" s="613"/>
      <c r="IDR668" s="613"/>
      <c r="IDS668" s="613"/>
      <c r="IDT668" s="613"/>
      <c r="IDU668" s="613"/>
      <c r="IDV668" s="613"/>
      <c r="IDW668" s="613"/>
      <c r="IDX668" s="613"/>
      <c r="IDY668" s="613"/>
      <c r="IDZ668" s="613"/>
      <c r="IEA668" s="613"/>
      <c r="IEB668" s="613"/>
      <c r="IEC668" s="613"/>
      <c r="IED668" s="613"/>
      <c r="IEE668" s="613"/>
      <c r="IEF668" s="613"/>
      <c r="IEG668" s="613"/>
      <c r="IEH668" s="613"/>
      <c r="IEI668" s="613"/>
      <c r="IEJ668" s="613"/>
      <c r="IEK668" s="613"/>
      <c r="IEL668" s="613"/>
      <c r="IEM668" s="613"/>
      <c r="IEN668" s="613"/>
      <c r="IEO668" s="613"/>
      <c r="IEP668" s="613"/>
      <c r="IEQ668" s="613"/>
      <c r="IER668" s="613"/>
      <c r="IES668" s="613"/>
      <c r="IET668" s="613"/>
      <c r="IEU668" s="613"/>
      <c r="IEV668" s="613"/>
      <c r="IEW668" s="613"/>
      <c r="IEX668" s="613"/>
      <c r="IEY668" s="613"/>
      <c r="IEZ668" s="613"/>
      <c r="IFA668" s="613"/>
      <c r="IFB668" s="613"/>
      <c r="IFC668" s="613"/>
      <c r="IFD668" s="613"/>
      <c r="IFE668" s="613"/>
      <c r="IFF668" s="613"/>
      <c r="IFG668" s="613"/>
      <c r="IFH668" s="613"/>
      <c r="IFI668" s="613"/>
      <c r="IFJ668" s="613"/>
      <c r="IFK668" s="613"/>
      <c r="IFL668" s="613"/>
      <c r="IFM668" s="613"/>
      <c r="IFN668" s="613"/>
      <c r="IFO668" s="613"/>
      <c r="IFP668" s="613"/>
      <c r="IFQ668" s="613"/>
      <c r="IFR668" s="613"/>
      <c r="IFS668" s="613"/>
      <c r="IFT668" s="613"/>
      <c r="IFU668" s="613"/>
      <c r="IFV668" s="613"/>
      <c r="IFW668" s="613"/>
      <c r="IFX668" s="613"/>
      <c r="IFY668" s="613"/>
      <c r="IFZ668" s="613"/>
      <c r="IGA668" s="613"/>
      <c r="IGB668" s="613"/>
      <c r="IGC668" s="613"/>
      <c r="IGD668" s="613"/>
      <c r="IGE668" s="613"/>
      <c r="IGF668" s="613"/>
      <c r="IGG668" s="613"/>
      <c r="IGH668" s="613"/>
      <c r="IGI668" s="613"/>
      <c r="IGJ668" s="613"/>
      <c r="IGK668" s="613"/>
      <c r="IGL668" s="613"/>
      <c r="IGM668" s="613"/>
      <c r="IGN668" s="613"/>
      <c r="IGO668" s="613"/>
      <c r="IGP668" s="613"/>
      <c r="IGQ668" s="613"/>
      <c r="IGR668" s="613"/>
      <c r="IGS668" s="613"/>
      <c r="IGT668" s="613"/>
      <c r="IGU668" s="613"/>
      <c r="IGV668" s="613"/>
      <c r="IGW668" s="613"/>
      <c r="IGX668" s="613"/>
      <c r="IGY668" s="613"/>
      <c r="IGZ668" s="613"/>
      <c r="IHA668" s="613"/>
      <c r="IHB668" s="613"/>
      <c r="IHC668" s="613"/>
      <c r="IHD668" s="613"/>
      <c r="IHE668" s="613"/>
      <c r="IHF668" s="613"/>
      <c r="IHG668" s="613"/>
      <c r="IHH668" s="613"/>
      <c r="IHI668" s="613"/>
      <c r="IHJ668" s="613"/>
      <c r="IHK668" s="613"/>
      <c r="IHL668" s="613"/>
      <c r="IHM668" s="613"/>
      <c r="IHN668" s="613"/>
      <c r="IHO668" s="613"/>
      <c r="IHP668" s="613"/>
      <c r="IHQ668" s="613"/>
      <c r="IHR668" s="613"/>
      <c r="IHS668" s="613"/>
      <c r="IHT668" s="613"/>
      <c r="IHU668" s="613"/>
      <c r="IHV668" s="613"/>
      <c r="IHW668" s="613"/>
      <c r="IHX668" s="613"/>
      <c r="IHY668" s="613"/>
      <c r="IHZ668" s="613"/>
      <c r="IIA668" s="613"/>
      <c r="IIB668" s="613"/>
      <c r="IIC668" s="613"/>
      <c r="IID668" s="613"/>
      <c r="IIE668" s="613"/>
      <c r="IIF668" s="613"/>
      <c r="IIG668" s="613"/>
      <c r="IIH668" s="613"/>
      <c r="III668" s="613"/>
      <c r="IIJ668" s="613"/>
      <c r="IIK668" s="613"/>
      <c r="IIL668" s="613"/>
      <c r="IIM668" s="613"/>
      <c r="IIN668" s="613"/>
      <c r="IIO668" s="613"/>
      <c r="IIP668" s="613"/>
      <c r="IIQ668" s="613"/>
      <c r="IIR668" s="613"/>
      <c r="IIS668" s="613"/>
      <c r="IIT668" s="613"/>
      <c r="IIU668" s="613"/>
      <c r="IIV668" s="613"/>
      <c r="IIW668" s="613"/>
      <c r="IIX668" s="613"/>
      <c r="IIY668" s="613"/>
      <c r="IIZ668" s="613"/>
      <c r="IJA668" s="613"/>
      <c r="IJB668" s="613"/>
      <c r="IJC668" s="613"/>
      <c r="IJD668" s="613"/>
      <c r="IJE668" s="613"/>
      <c r="IJF668" s="613"/>
      <c r="IJG668" s="613"/>
      <c r="IJH668" s="613"/>
      <c r="IJI668" s="613"/>
      <c r="IJJ668" s="613"/>
      <c r="IJK668" s="613"/>
      <c r="IJL668" s="613"/>
      <c r="IJM668" s="613"/>
      <c r="IJN668" s="613"/>
      <c r="IJO668" s="613"/>
      <c r="IJP668" s="613"/>
      <c r="IJQ668" s="613"/>
      <c r="IJR668" s="613"/>
      <c r="IJS668" s="613"/>
      <c r="IJT668" s="613"/>
      <c r="IJU668" s="613"/>
      <c r="IJV668" s="613"/>
      <c r="IJW668" s="613"/>
      <c r="IJX668" s="613"/>
      <c r="IJY668" s="613"/>
      <c r="IJZ668" s="613"/>
      <c r="IKA668" s="613"/>
      <c r="IKB668" s="613"/>
      <c r="IKC668" s="613"/>
      <c r="IKD668" s="613"/>
      <c r="IKE668" s="613"/>
      <c r="IKF668" s="613"/>
      <c r="IKG668" s="613"/>
      <c r="IKH668" s="613"/>
      <c r="IKI668" s="613"/>
      <c r="IKJ668" s="613"/>
      <c r="IKK668" s="613"/>
      <c r="IKL668" s="613"/>
      <c r="IKM668" s="613"/>
      <c r="IKN668" s="613"/>
      <c r="IKO668" s="613"/>
      <c r="IKP668" s="613"/>
      <c r="IKQ668" s="613"/>
      <c r="IKR668" s="613"/>
      <c r="IKS668" s="613"/>
      <c r="IKT668" s="613"/>
      <c r="IKU668" s="613"/>
      <c r="IKV668" s="613"/>
      <c r="IKW668" s="613"/>
      <c r="IKX668" s="613"/>
      <c r="IKY668" s="613"/>
      <c r="IKZ668" s="613"/>
      <c r="ILA668" s="613"/>
      <c r="ILB668" s="613"/>
      <c r="ILC668" s="613"/>
      <c r="ILD668" s="613"/>
      <c r="ILE668" s="613"/>
      <c r="ILF668" s="613"/>
      <c r="ILG668" s="613"/>
      <c r="ILH668" s="613"/>
      <c r="ILI668" s="613"/>
      <c r="ILJ668" s="613"/>
      <c r="ILK668" s="613"/>
      <c r="ILL668" s="613"/>
      <c r="ILM668" s="613"/>
      <c r="ILN668" s="613"/>
      <c r="ILO668" s="613"/>
      <c r="ILP668" s="613"/>
      <c r="ILQ668" s="613"/>
      <c r="ILR668" s="613"/>
      <c r="ILS668" s="613"/>
      <c r="ILT668" s="613"/>
      <c r="ILU668" s="613"/>
      <c r="ILV668" s="613"/>
      <c r="ILW668" s="613"/>
      <c r="ILX668" s="613"/>
      <c r="ILY668" s="613"/>
      <c r="ILZ668" s="613"/>
      <c r="IMA668" s="613"/>
      <c r="IMB668" s="613"/>
      <c r="IMC668" s="613"/>
      <c r="IMD668" s="613"/>
      <c r="IME668" s="613"/>
      <c r="IMF668" s="613"/>
      <c r="IMG668" s="613"/>
      <c r="IMH668" s="613"/>
      <c r="IMI668" s="613"/>
      <c r="IMJ668" s="613"/>
      <c r="IMK668" s="613"/>
      <c r="IML668" s="613"/>
      <c r="IMM668" s="613"/>
      <c r="IMN668" s="613"/>
      <c r="IMO668" s="613"/>
      <c r="IMP668" s="613"/>
      <c r="IMQ668" s="613"/>
      <c r="IMR668" s="613"/>
      <c r="IMS668" s="613"/>
      <c r="IMT668" s="613"/>
      <c r="IMU668" s="613"/>
      <c r="IMV668" s="613"/>
      <c r="IMW668" s="613"/>
      <c r="IMX668" s="613"/>
      <c r="IMY668" s="613"/>
      <c r="IMZ668" s="613"/>
      <c r="INA668" s="613"/>
      <c r="INB668" s="613"/>
      <c r="INC668" s="613"/>
      <c r="IND668" s="613"/>
      <c r="INE668" s="613"/>
      <c r="INF668" s="613"/>
      <c r="ING668" s="613"/>
      <c r="INH668" s="613"/>
      <c r="INI668" s="613"/>
      <c r="INJ668" s="613"/>
      <c r="INK668" s="613"/>
      <c r="INL668" s="613"/>
      <c r="INM668" s="613"/>
      <c r="INN668" s="613"/>
      <c r="INO668" s="613"/>
      <c r="INP668" s="613"/>
      <c r="INQ668" s="613"/>
      <c r="INR668" s="613"/>
      <c r="INS668" s="613"/>
      <c r="INT668" s="613"/>
      <c r="INU668" s="613"/>
      <c r="INV668" s="613"/>
      <c r="INW668" s="613"/>
      <c r="INX668" s="613"/>
      <c r="INY668" s="613"/>
      <c r="INZ668" s="613"/>
      <c r="IOA668" s="613"/>
      <c r="IOB668" s="613"/>
      <c r="IOC668" s="613"/>
      <c r="IOD668" s="613"/>
      <c r="IOE668" s="613"/>
      <c r="IOF668" s="613"/>
      <c r="IOG668" s="613"/>
      <c r="IOH668" s="613"/>
      <c r="IOI668" s="613"/>
      <c r="IOJ668" s="613"/>
      <c r="IOK668" s="613"/>
      <c r="IOL668" s="613"/>
      <c r="IOM668" s="613"/>
      <c r="ION668" s="613"/>
      <c r="IOO668" s="613"/>
      <c r="IOP668" s="613"/>
      <c r="IOQ668" s="613"/>
      <c r="IOR668" s="613"/>
      <c r="IOS668" s="613"/>
      <c r="IOT668" s="613"/>
      <c r="IOU668" s="613"/>
      <c r="IOV668" s="613"/>
      <c r="IOW668" s="613"/>
      <c r="IOX668" s="613"/>
      <c r="IOY668" s="613"/>
      <c r="IOZ668" s="613"/>
      <c r="IPA668" s="613"/>
      <c r="IPB668" s="613"/>
      <c r="IPC668" s="613"/>
      <c r="IPD668" s="613"/>
      <c r="IPE668" s="613"/>
      <c r="IPF668" s="613"/>
      <c r="IPG668" s="613"/>
      <c r="IPH668" s="613"/>
      <c r="IPI668" s="613"/>
      <c r="IPJ668" s="613"/>
      <c r="IPK668" s="613"/>
      <c r="IPL668" s="613"/>
      <c r="IPM668" s="613"/>
      <c r="IPN668" s="613"/>
      <c r="IPO668" s="613"/>
      <c r="IPP668" s="613"/>
      <c r="IPQ668" s="613"/>
      <c r="IPR668" s="613"/>
      <c r="IPS668" s="613"/>
      <c r="IPT668" s="613"/>
      <c r="IPU668" s="613"/>
      <c r="IPV668" s="613"/>
      <c r="IPW668" s="613"/>
      <c r="IPX668" s="613"/>
      <c r="IPY668" s="613"/>
      <c r="IPZ668" s="613"/>
      <c r="IQA668" s="613"/>
      <c r="IQB668" s="613"/>
      <c r="IQC668" s="613"/>
      <c r="IQD668" s="613"/>
      <c r="IQE668" s="613"/>
      <c r="IQF668" s="613"/>
      <c r="IQG668" s="613"/>
      <c r="IQH668" s="613"/>
      <c r="IQI668" s="613"/>
      <c r="IQJ668" s="613"/>
      <c r="IQK668" s="613"/>
      <c r="IQL668" s="613"/>
      <c r="IQM668" s="613"/>
      <c r="IQN668" s="613"/>
      <c r="IQO668" s="613"/>
      <c r="IQP668" s="613"/>
      <c r="IQQ668" s="613"/>
      <c r="IQR668" s="613"/>
      <c r="IQS668" s="613"/>
      <c r="IQT668" s="613"/>
      <c r="IQU668" s="613"/>
      <c r="IQV668" s="613"/>
      <c r="IQW668" s="613"/>
      <c r="IQX668" s="613"/>
      <c r="IQY668" s="613"/>
      <c r="IQZ668" s="613"/>
      <c r="IRA668" s="613"/>
      <c r="IRB668" s="613"/>
      <c r="IRC668" s="613"/>
      <c r="IRD668" s="613"/>
      <c r="IRE668" s="613"/>
      <c r="IRF668" s="613"/>
      <c r="IRG668" s="613"/>
      <c r="IRH668" s="613"/>
      <c r="IRI668" s="613"/>
      <c r="IRJ668" s="613"/>
      <c r="IRK668" s="613"/>
      <c r="IRL668" s="613"/>
      <c r="IRM668" s="613"/>
      <c r="IRN668" s="613"/>
      <c r="IRO668" s="613"/>
      <c r="IRP668" s="613"/>
      <c r="IRQ668" s="613"/>
      <c r="IRR668" s="613"/>
      <c r="IRS668" s="613"/>
      <c r="IRT668" s="613"/>
      <c r="IRU668" s="613"/>
      <c r="IRV668" s="613"/>
      <c r="IRW668" s="613"/>
      <c r="IRX668" s="613"/>
      <c r="IRY668" s="613"/>
      <c r="IRZ668" s="613"/>
      <c r="ISA668" s="613"/>
      <c r="ISB668" s="613"/>
      <c r="ISC668" s="613"/>
      <c r="ISD668" s="613"/>
      <c r="ISE668" s="613"/>
      <c r="ISF668" s="613"/>
      <c r="ISG668" s="613"/>
      <c r="ISH668" s="613"/>
      <c r="ISI668" s="613"/>
      <c r="ISJ668" s="613"/>
      <c r="ISK668" s="613"/>
      <c r="ISL668" s="613"/>
      <c r="ISM668" s="613"/>
      <c r="ISN668" s="613"/>
      <c r="ISO668" s="613"/>
      <c r="ISP668" s="613"/>
      <c r="ISQ668" s="613"/>
      <c r="ISR668" s="613"/>
      <c r="ISS668" s="613"/>
      <c r="IST668" s="613"/>
      <c r="ISU668" s="613"/>
      <c r="ISV668" s="613"/>
      <c r="ISW668" s="613"/>
      <c r="ISX668" s="613"/>
      <c r="ISY668" s="613"/>
      <c r="ISZ668" s="613"/>
      <c r="ITA668" s="613"/>
      <c r="ITB668" s="613"/>
      <c r="ITC668" s="613"/>
      <c r="ITD668" s="613"/>
      <c r="ITE668" s="613"/>
      <c r="ITF668" s="613"/>
      <c r="ITG668" s="613"/>
      <c r="ITH668" s="613"/>
      <c r="ITI668" s="613"/>
      <c r="ITJ668" s="613"/>
      <c r="ITK668" s="613"/>
      <c r="ITL668" s="613"/>
      <c r="ITM668" s="613"/>
      <c r="ITN668" s="613"/>
      <c r="ITO668" s="613"/>
      <c r="ITP668" s="613"/>
      <c r="ITQ668" s="613"/>
      <c r="ITR668" s="613"/>
      <c r="ITS668" s="613"/>
      <c r="ITT668" s="613"/>
      <c r="ITU668" s="613"/>
      <c r="ITV668" s="613"/>
      <c r="ITW668" s="613"/>
      <c r="ITX668" s="613"/>
      <c r="ITY668" s="613"/>
      <c r="ITZ668" s="613"/>
      <c r="IUA668" s="613"/>
      <c r="IUB668" s="613"/>
      <c r="IUC668" s="613"/>
      <c r="IUD668" s="613"/>
      <c r="IUE668" s="613"/>
      <c r="IUF668" s="613"/>
      <c r="IUG668" s="613"/>
      <c r="IUH668" s="613"/>
      <c r="IUI668" s="613"/>
      <c r="IUJ668" s="613"/>
      <c r="IUK668" s="613"/>
      <c r="IUL668" s="613"/>
      <c r="IUM668" s="613"/>
      <c r="IUN668" s="613"/>
      <c r="IUO668" s="613"/>
      <c r="IUP668" s="613"/>
      <c r="IUQ668" s="613"/>
      <c r="IUR668" s="613"/>
      <c r="IUS668" s="613"/>
      <c r="IUT668" s="613"/>
      <c r="IUU668" s="613"/>
      <c r="IUV668" s="613"/>
      <c r="IUW668" s="613"/>
      <c r="IUX668" s="613"/>
      <c r="IUY668" s="613"/>
      <c r="IUZ668" s="613"/>
      <c r="IVA668" s="613"/>
      <c r="IVB668" s="613"/>
      <c r="IVC668" s="613"/>
      <c r="IVD668" s="613"/>
      <c r="IVE668" s="613"/>
      <c r="IVF668" s="613"/>
      <c r="IVG668" s="613"/>
      <c r="IVH668" s="613"/>
      <c r="IVI668" s="613"/>
      <c r="IVJ668" s="613"/>
      <c r="IVK668" s="613"/>
      <c r="IVL668" s="613"/>
      <c r="IVM668" s="613"/>
      <c r="IVN668" s="613"/>
      <c r="IVO668" s="613"/>
      <c r="IVP668" s="613"/>
      <c r="IVQ668" s="613"/>
      <c r="IVR668" s="613"/>
      <c r="IVS668" s="613"/>
      <c r="IVT668" s="613"/>
      <c r="IVU668" s="613"/>
      <c r="IVV668" s="613"/>
      <c r="IVW668" s="613"/>
      <c r="IVX668" s="613"/>
      <c r="IVY668" s="613"/>
      <c r="IVZ668" s="613"/>
      <c r="IWA668" s="613"/>
      <c r="IWB668" s="613"/>
      <c r="IWC668" s="613"/>
      <c r="IWD668" s="613"/>
      <c r="IWE668" s="613"/>
      <c r="IWF668" s="613"/>
      <c r="IWG668" s="613"/>
      <c r="IWH668" s="613"/>
      <c r="IWI668" s="613"/>
      <c r="IWJ668" s="613"/>
      <c r="IWK668" s="613"/>
      <c r="IWL668" s="613"/>
      <c r="IWM668" s="613"/>
      <c r="IWN668" s="613"/>
      <c r="IWO668" s="613"/>
      <c r="IWP668" s="613"/>
      <c r="IWQ668" s="613"/>
      <c r="IWR668" s="613"/>
      <c r="IWS668" s="613"/>
      <c r="IWT668" s="613"/>
      <c r="IWU668" s="613"/>
      <c r="IWV668" s="613"/>
      <c r="IWW668" s="613"/>
      <c r="IWX668" s="613"/>
      <c r="IWY668" s="613"/>
      <c r="IWZ668" s="613"/>
      <c r="IXA668" s="613"/>
      <c r="IXB668" s="613"/>
      <c r="IXC668" s="613"/>
      <c r="IXD668" s="613"/>
      <c r="IXE668" s="613"/>
      <c r="IXF668" s="613"/>
      <c r="IXG668" s="613"/>
      <c r="IXH668" s="613"/>
      <c r="IXI668" s="613"/>
      <c r="IXJ668" s="613"/>
      <c r="IXK668" s="613"/>
      <c r="IXL668" s="613"/>
      <c r="IXM668" s="613"/>
      <c r="IXN668" s="613"/>
      <c r="IXO668" s="613"/>
      <c r="IXP668" s="613"/>
      <c r="IXQ668" s="613"/>
      <c r="IXR668" s="613"/>
      <c r="IXS668" s="613"/>
      <c r="IXT668" s="613"/>
      <c r="IXU668" s="613"/>
      <c r="IXV668" s="613"/>
      <c r="IXW668" s="613"/>
      <c r="IXX668" s="613"/>
      <c r="IXY668" s="613"/>
      <c r="IXZ668" s="613"/>
      <c r="IYA668" s="613"/>
      <c r="IYB668" s="613"/>
      <c r="IYC668" s="613"/>
      <c r="IYD668" s="613"/>
      <c r="IYE668" s="613"/>
      <c r="IYF668" s="613"/>
      <c r="IYG668" s="613"/>
      <c r="IYH668" s="613"/>
      <c r="IYI668" s="613"/>
      <c r="IYJ668" s="613"/>
      <c r="IYK668" s="613"/>
      <c r="IYL668" s="613"/>
      <c r="IYM668" s="613"/>
      <c r="IYN668" s="613"/>
      <c r="IYO668" s="613"/>
      <c r="IYP668" s="613"/>
      <c r="IYQ668" s="613"/>
      <c r="IYR668" s="613"/>
      <c r="IYS668" s="613"/>
      <c r="IYT668" s="613"/>
      <c r="IYU668" s="613"/>
      <c r="IYV668" s="613"/>
      <c r="IYW668" s="613"/>
      <c r="IYX668" s="613"/>
      <c r="IYY668" s="613"/>
      <c r="IYZ668" s="613"/>
      <c r="IZA668" s="613"/>
      <c r="IZB668" s="613"/>
      <c r="IZC668" s="613"/>
      <c r="IZD668" s="613"/>
      <c r="IZE668" s="613"/>
      <c r="IZF668" s="613"/>
      <c r="IZG668" s="613"/>
      <c r="IZH668" s="613"/>
      <c r="IZI668" s="613"/>
      <c r="IZJ668" s="613"/>
      <c r="IZK668" s="613"/>
      <c r="IZL668" s="613"/>
      <c r="IZM668" s="613"/>
      <c r="IZN668" s="613"/>
      <c r="IZO668" s="613"/>
      <c r="IZP668" s="613"/>
      <c r="IZQ668" s="613"/>
      <c r="IZR668" s="613"/>
      <c r="IZS668" s="613"/>
      <c r="IZT668" s="613"/>
      <c r="IZU668" s="613"/>
      <c r="IZV668" s="613"/>
      <c r="IZW668" s="613"/>
      <c r="IZX668" s="613"/>
      <c r="IZY668" s="613"/>
      <c r="IZZ668" s="613"/>
      <c r="JAA668" s="613"/>
      <c r="JAB668" s="613"/>
      <c r="JAC668" s="613"/>
      <c r="JAD668" s="613"/>
      <c r="JAE668" s="613"/>
      <c r="JAF668" s="613"/>
      <c r="JAG668" s="613"/>
      <c r="JAH668" s="613"/>
      <c r="JAI668" s="613"/>
      <c r="JAJ668" s="613"/>
      <c r="JAK668" s="613"/>
      <c r="JAL668" s="613"/>
      <c r="JAM668" s="613"/>
      <c r="JAN668" s="613"/>
      <c r="JAO668" s="613"/>
      <c r="JAP668" s="613"/>
      <c r="JAQ668" s="613"/>
      <c r="JAR668" s="613"/>
      <c r="JAS668" s="613"/>
      <c r="JAT668" s="613"/>
      <c r="JAU668" s="613"/>
      <c r="JAV668" s="613"/>
      <c r="JAW668" s="613"/>
      <c r="JAX668" s="613"/>
      <c r="JAY668" s="613"/>
      <c r="JAZ668" s="613"/>
      <c r="JBA668" s="613"/>
      <c r="JBB668" s="613"/>
      <c r="JBC668" s="613"/>
      <c r="JBD668" s="613"/>
      <c r="JBE668" s="613"/>
      <c r="JBF668" s="613"/>
      <c r="JBG668" s="613"/>
      <c r="JBH668" s="613"/>
      <c r="JBI668" s="613"/>
      <c r="JBJ668" s="613"/>
      <c r="JBK668" s="613"/>
      <c r="JBL668" s="613"/>
      <c r="JBM668" s="613"/>
      <c r="JBN668" s="613"/>
      <c r="JBO668" s="613"/>
      <c r="JBP668" s="613"/>
      <c r="JBQ668" s="613"/>
      <c r="JBR668" s="613"/>
      <c r="JBS668" s="613"/>
      <c r="JBT668" s="613"/>
      <c r="JBU668" s="613"/>
      <c r="JBV668" s="613"/>
      <c r="JBW668" s="613"/>
      <c r="JBX668" s="613"/>
      <c r="JBY668" s="613"/>
      <c r="JBZ668" s="613"/>
      <c r="JCA668" s="613"/>
      <c r="JCB668" s="613"/>
      <c r="JCC668" s="613"/>
      <c r="JCD668" s="613"/>
      <c r="JCE668" s="613"/>
      <c r="JCF668" s="613"/>
      <c r="JCG668" s="613"/>
      <c r="JCH668" s="613"/>
      <c r="JCI668" s="613"/>
      <c r="JCJ668" s="613"/>
      <c r="JCK668" s="613"/>
      <c r="JCL668" s="613"/>
      <c r="JCM668" s="613"/>
      <c r="JCN668" s="613"/>
      <c r="JCO668" s="613"/>
      <c r="JCP668" s="613"/>
      <c r="JCQ668" s="613"/>
      <c r="JCR668" s="613"/>
      <c r="JCS668" s="613"/>
      <c r="JCT668" s="613"/>
      <c r="JCU668" s="613"/>
      <c r="JCV668" s="613"/>
      <c r="JCW668" s="613"/>
      <c r="JCX668" s="613"/>
      <c r="JCY668" s="613"/>
      <c r="JCZ668" s="613"/>
      <c r="JDA668" s="613"/>
      <c r="JDB668" s="613"/>
      <c r="JDC668" s="613"/>
      <c r="JDD668" s="613"/>
      <c r="JDE668" s="613"/>
      <c r="JDF668" s="613"/>
      <c r="JDG668" s="613"/>
      <c r="JDH668" s="613"/>
      <c r="JDI668" s="613"/>
      <c r="JDJ668" s="613"/>
      <c r="JDK668" s="613"/>
      <c r="JDL668" s="613"/>
      <c r="JDM668" s="613"/>
      <c r="JDN668" s="613"/>
      <c r="JDO668" s="613"/>
      <c r="JDP668" s="613"/>
      <c r="JDQ668" s="613"/>
      <c r="JDR668" s="613"/>
      <c r="JDS668" s="613"/>
      <c r="JDT668" s="613"/>
      <c r="JDU668" s="613"/>
      <c r="JDV668" s="613"/>
      <c r="JDW668" s="613"/>
      <c r="JDX668" s="613"/>
      <c r="JDY668" s="613"/>
      <c r="JDZ668" s="613"/>
      <c r="JEA668" s="613"/>
      <c r="JEB668" s="613"/>
      <c r="JEC668" s="613"/>
      <c r="JED668" s="613"/>
      <c r="JEE668" s="613"/>
      <c r="JEF668" s="613"/>
      <c r="JEG668" s="613"/>
      <c r="JEH668" s="613"/>
      <c r="JEI668" s="613"/>
      <c r="JEJ668" s="613"/>
      <c r="JEK668" s="613"/>
      <c r="JEL668" s="613"/>
      <c r="JEM668" s="613"/>
      <c r="JEN668" s="613"/>
      <c r="JEO668" s="613"/>
      <c r="JEP668" s="613"/>
      <c r="JEQ668" s="613"/>
      <c r="JER668" s="613"/>
      <c r="JES668" s="613"/>
      <c r="JET668" s="613"/>
      <c r="JEU668" s="613"/>
      <c r="JEV668" s="613"/>
      <c r="JEW668" s="613"/>
      <c r="JEX668" s="613"/>
      <c r="JEY668" s="613"/>
      <c r="JEZ668" s="613"/>
      <c r="JFA668" s="613"/>
      <c r="JFB668" s="613"/>
      <c r="JFC668" s="613"/>
      <c r="JFD668" s="613"/>
      <c r="JFE668" s="613"/>
      <c r="JFF668" s="613"/>
      <c r="JFG668" s="613"/>
      <c r="JFH668" s="613"/>
      <c r="JFI668" s="613"/>
      <c r="JFJ668" s="613"/>
      <c r="JFK668" s="613"/>
      <c r="JFL668" s="613"/>
      <c r="JFM668" s="613"/>
      <c r="JFN668" s="613"/>
      <c r="JFO668" s="613"/>
      <c r="JFP668" s="613"/>
      <c r="JFQ668" s="613"/>
      <c r="JFR668" s="613"/>
      <c r="JFS668" s="613"/>
      <c r="JFT668" s="613"/>
      <c r="JFU668" s="613"/>
      <c r="JFV668" s="613"/>
      <c r="JFW668" s="613"/>
      <c r="JFX668" s="613"/>
      <c r="JFY668" s="613"/>
      <c r="JFZ668" s="613"/>
      <c r="JGA668" s="613"/>
      <c r="JGB668" s="613"/>
      <c r="JGC668" s="613"/>
      <c r="JGD668" s="613"/>
      <c r="JGE668" s="613"/>
      <c r="JGF668" s="613"/>
      <c r="JGG668" s="613"/>
      <c r="JGH668" s="613"/>
      <c r="JGI668" s="613"/>
      <c r="JGJ668" s="613"/>
      <c r="JGK668" s="613"/>
      <c r="JGL668" s="613"/>
      <c r="JGM668" s="613"/>
      <c r="JGN668" s="613"/>
      <c r="JGO668" s="613"/>
      <c r="JGP668" s="613"/>
      <c r="JGQ668" s="613"/>
      <c r="JGR668" s="613"/>
      <c r="JGS668" s="613"/>
      <c r="JGT668" s="613"/>
      <c r="JGU668" s="613"/>
      <c r="JGV668" s="613"/>
      <c r="JGW668" s="613"/>
      <c r="JGX668" s="613"/>
      <c r="JGY668" s="613"/>
      <c r="JGZ668" s="613"/>
      <c r="JHA668" s="613"/>
      <c r="JHB668" s="613"/>
      <c r="JHC668" s="613"/>
      <c r="JHD668" s="613"/>
      <c r="JHE668" s="613"/>
      <c r="JHF668" s="613"/>
      <c r="JHG668" s="613"/>
      <c r="JHH668" s="613"/>
      <c r="JHI668" s="613"/>
      <c r="JHJ668" s="613"/>
      <c r="JHK668" s="613"/>
      <c r="JHL668" s="613"/>
      <c r="JHM668" s="613"/>
      <c r="JHN668" s="613"/>
      <c r="JHO668" s="613"/>
      <c r="JHP668" s="613"/>
      <c r="JHQ668" s="613"/>
      <c r="JHR668" s="613"/>
      <c r="JHS668" s="613"/>
      <c r="JHT668" s="613"/>
      <c r="JHU668" s="613"/>
      <c r="JHV668" s="613"/>
      <c r="JHW668" s="613"/>
      <c r="JHX668" s="613"/>
      <c r="JHY668" s="613"/>
      <c r="JHZ668" s="613"/>
      <c r="JIA668" s="613"/>
      <c r="JIB668" s="613"/>
      <c r="JIC668" s="613"/>
      <c r="JID668" s="613"/>
      <c r="JIE668" s="613"/>
      <c r="JIF668" s="613"/>
      <c r="JIG668" s="613"/>
      <c r="JIH668" s="613"/>
      <c r="JII668" s="613"/>
      <c r="JIJ668" s="613"/>
      <c r="JIK668" s="613"/>
      <c r="JIL668" s="613"/>
      <c r="JIM668" s="613"/>
      <c r="JIN668" s="613"/>
      <c r="JIO668" s="613"/>
      <c r="JIP668" s="613"/>
      <c r="JIQ668" s="613"/>
      <c r="JIR668" s="613"/>
      <c r="JIS668" s="613"/>
      <c r="JIT668" s="613"/>
      <c r="JIU668" s="613"/>
      <c r="JIV668" s="613"/>
      <c r="JIW668" s="613"/>
      <c r="JIX668" s="613"/>
      <c r="JIY668" s="613"/>
      <c r="JIZ668" s="613"/>
      <c r="JJA668" s="613"/>
      <c r="JJB668" s="613"/>
      <c r="JJC668" s="613"/>
      <c r="JJD668" s="613"/>
      <c r="JJE668" s="613"/>
      <c r="JJF668" s="613"/>
      <c r="JJG668" s="613"/>
      <c r="JJH668" s="613"/>
      <c r="JJI668" s="613"/>
      <c r="JJJ668" s="613"/>
      <c r="JJK668" s="613"/>
      <c r="JJL668" s="613"/>
      <c r="JJM668" s="613"/>
      <c r="JJN668" s="613"/>
      <c r="JJO668" s="613"/>
      <c r="JJP668" s="613"/>
      <c r="JJQ668" s="613"/>
      <c r="JJR668" s="613"/>
      <c r="JJS668" s="613"/>
      <c r="JJT668" s="613"/>
      <c r="JJU668" s="613"/>
      <c r="JJV668" s="613"/>
      <c r="JJW668" s="613"/>
      <c r="JJX668" s="613"/>
      <c r="JJY668" s="613"/>
      <c r="JJZ668" s="613"/>
      <c r="JKA668" s="613"/>
      <c r="JKB668" s="613"/>
      <c r="JKC668" s="613"/>
      <c r="JKD668" s="613"/>
      <c r="JKE668" s="613"/>
      <c r="JKF668" s="613"/>
      <c r="JKG668" s="613"/>
      <c r="JKH668" s="613"/>
      <c r="JKI668" s="613"/>
      <c r="JKJ668" s="613"/>
      <c r="JKK668" s="613"/>
      <c r="JKL668" s="613"/>
      <c r="JKM668" s="613"/>
      <c r="JKN668" s="613"/>
      <c r="JKO668" s="613"/>
      <c r="JKP668" s="613"/>
      <c r="JKQ668" s="613"/>
      <c r="JKR668" s="613"/>
      <c r="JKS668" s="613"/>
      <c r="JKT668" s="613"/>
      <c r="JKU668" s="613"/>
      <c r="JKV668" s="613"/>
      <c r="JKW668" s="613"/>
      <c r="JKX668" s="613"/>
      <c r="JKY668" s="613"/>
      <c r="JKZ668" s="613"/>
      <c r="JLA668" s="613"/>
      <c r="JLB668" s="613"/>
      <c r="JLC668" s="613"/>
      <c r="JLD668" s="613"/>
      <c r="JLE668" s="613"/>
      <c r="JLF668" s="613"/>
      <c r="JLG668" s="613"/>
      <c r="JLH668" s="613"/>
      <c r="JLI668" s="613"/>
      <c r="JLJ668" s="613"/>
      <c r="JLK668" s="613"/>
      <c r="JLL668" s="613"/>
      <c r="JLM668" s="613"/>
      <c r="JLN668" s="613"/>
      <c r="JLO668" s="613"/>
      <c r="JLP668" s="613"/>
      <c r="JLQ668" s="613"/>
      <c r="JLR668" s="613"/>
      <c r="JLS668" s="613"/>
      <c r="JLT668" s="613"/>
      <c r="JLU668" s="613"/>
      <c r="JLV668" s="613"/>
      <c r="JLW668" s="613"/>
      <c r="JLX668" s="613"/>
      <c r="JLY668" s="613"/>
      <c r="JLZ668" s="613"/>
      <c r="JMA668" s="613"/>
      <c r="JMB668" s="613"/>
      <c r="JMC668" s="613"/>
      <c r="JMD668" s="613"/>
      <c r="JME668" s="613"/>
      <c r="JMF668" s="613"/>
      <c r="JMG668" s="613"/>
      <c r="JMH668" s="613"/>
      <c r="JMI668" s="613"/>
      <c r="JMJ668" s="613"/>
      <c r="JMK668" s="613"/>
      <c r="JML668" s="613"/>
      <c r="JMM668" s="613"/>
      <c r="JMN668" s="613"/>
      <c r="JMO668" s="613"/>
      <c r="JMP668" s="613"/>
      <c r="JMQ668" s="613"/>
      <c r="JMR668" s="613"/>
      <c r="JMS668" s="613"/>
      <c r="JMT668" s="613"/>
      <c r="JMU668" s="613"/>
      <c r="JMV668" s="613"/>
      <c r="JMW668" s="613"/>
      <c r="JMX668" s="613"/>
      <c r="JMY668" s="613"/>
      <c r="JMZ668" s="613"/>
      <c r="JNA668" s="613"/>
      <c r="JNB668" s="613"/>
      <c r="JNC668" s="613"/>
      <c r="JND668" s="613"/>
      <c r="JNE668" s="613"/>
      <c r="JNF668" s="613"/>
      <c r="JNG668" s="613"/>
      <c r="JNH668" s="613"/>
      <c r="JNI668" s="613"/>
      <c r="JNJ668" s="613"/>
      <c r="JNK668" s="613"/>
      <c r="JNL668" s="613"/>
      <c r="JNM668" s="613"/>
      <c r="JNN668" s="613"/>
      <c r="JNO668" s="613"/>
      <c r="JNP668" s="613"/>
      <c r="JNQ668" s="613"/>
      <c r="JNR668" s="613"/>
      <c r="JNS668" s="613"/>
      <c r="JNT668" s="613"/>
      <c r="JNU668" s="613"/>
      <c r="JNV668" s="613"/>
      <c r="JNW668" s="613"/>
      <c r="JNX668" s="613"/>
      <c r="JNY668" s="613"/>
      <c r="JNZ668" s="613"/>
      <c r="JOA668" s="613"/>
      <c r="JOB668" s="613"/>
      <c r="JOC668" s="613"/>
      <c r="JOD668" s="613"/>
      <c r="JOE668" s="613"/>
      <c r="JOF668" s="613"/>
      <c r="JOG668" s="613"/>
      <c r="JOH668" s="613"/>
      <c r="JOI668" s="613"/>
      <c r="JOJ668" s="613"/>
      <c r="JOK668" s="613"/>
      <c r="JOL668" s="613"/>
      <c r="JOM668" s="613"/>
      <c r="JON668" s="613"/>
      <c r="JOO668" s="613"/>
      <c r="JOP668" s="613"/>
      <c r="JOQ668" s="613"/>
      <c r="JOR668" s="613"/>
      <c r="JOS668" s="613"/>
      <c r="JOT668" s="613"/>
      <c r="JOU668" s="613"/>
      <c r="JOV668" s="613"/>
      <c r="JOW668" s="613"/>
      <c r="JOX668" s="613"/>
      <c r="JOY668" s="613"/>
      <c r="JOZ668" s="613"/>
      <c r="JPA668" s="613"/>
      <c r="JPB668" s="613"/>
      <c r="JPC668" s="613"/>
      <c r="JPD668" s="613"/>
      <c r="JPE668" s="613"/>
      <c r="JPF668" s="613"/>
      <c r="JPG668" s="613"/>
      <c r="JPH668" s="613"/>
      <c r="JPI668" s="613"/>
      <c r="JPJ668" s="613"/>
      <c r="JPK668" s="613"/>
      <c r="JPL668" s="613"/>
      <c r="JPM668" s="613"/>
      <c r="JPN668" s="613"/>
      <c r="JPO668" s="613"/>
      <c r="JPP668" s="613"/>
      <c r="JPQ668" s="613"/>
      <c r="JPR668" s="613"/>
      <c r="JPS668" s="613"/>
      <c r="JPT668" s="613"/>
      <c r="JPU668" s="613"/>
      <c r="JPV668" s="613"/>
      <c r="JPW668" s="613"/>
      <c r="JPX668" s="613"/>
      <c r="JPY668" s="613"/>
      <c r="JPZ668" s="613"/>
      <c r="JQA668" s="613"/>
      <c r="JQB668" s="613"/>
      <c r="JQC668" s="613"/>
      <c r="JQD668" s="613"/>
      <c r="JQE668" s="613"/>
      <c r="JQF668" s="613"/>
      <c r="JQG668" s="613"/>
      <c r="JQH668" s="613"/>
      <c r="JQI668" s="613"/>
      <c r="JQJ668" s="613"/>
      <c r="JQK668" s="613"/>
      <c r="JQL668" s="613"/>
      <c r="JQM668" s="613"/>
      <c r="JQN668" s="613"/>
      <c r="JQO668" s="613"/>
      <c r="JQP668" s="613"/>
      <c r="JQQ668" s="613"/>
      <c r="JQR668" s="613"/>
      <c r="JQS668" s="613"/>
      <c r="JQT668" s="613"/>
      <c r="JQU668" s="613"/>
      <c r="JQV668" s="613"/>
      <c r="JQW668" s="613"/>
      <c r="JQX668" s="613"/>
      <c r="JQY668" s="613"/>
      <c r="JQZ668" s="613"/>
      <c r="JRA668" s="613"/>
      <c r="JRB668" s="613"/>
      <c r="JRC668" s="613"/>
      <c r="JRD668" s="613"/>
      <c r="JRE668" s="613"/>
      <c r="JRF668" s="613"/>
      <c r="JRG668" s="613"/>
      <c r="JRH668" s="613"/>
      <c r="JRI668" s="613"/>
      <c r="JRJ668" s="613"/>
      <c r="JRK668" s="613"/>
      <c r="JRL668" s="613"/>
      <c r="JRM668" s="613"/>
      <c r="JRN668" s="613"/>
      <c r="JRO668" s="613"/>
      <c r="JRP668" s="613"/>
      <c r="JRQ668" s="613"/>
      <c r="JRR668" s="613"/>
      <c r="JRS668" s="613"/>
      <c r="JRT668" s="613"/>
      <c r="JRU668" s="613"/>
      <c r="JRV668" s="613"/>
      <c r="JRW668" s="613"/>
      <c r="JRX668" s="613"/>
      <c r="JRY668" s="613"/>
      <c r="JRZ668" s="613"/>
      <c r="JSA668" s="613"/>
      <c r="JSB668" s="613"/>
      <c r="JSC668" s="613"/>
      <c r="JSD668" s="613"/>
      <c r="JSE668" s="613"/>
      <c r="JSF668" s="613"/>
      <c r="JSG668" s="613"/>
      <c r="JSH668" s="613"/>
      <c r="JSI668" s="613"/>
      <c r="JSJ668" s="613"/>
      <c r="JSK668" s="613"/>
      <c r="JSL668" s="613"/>
      <c r="JSM668" s="613"/>
      <c r="JSN668" s="613"/>
      <c r="JSO668" s="613"/>
      <c r="JSP668" s="613"/>
      <c r="JSQ668" s="613"/>
      <c r="JSR668" s="613"/>
      <c r="JSS668" s="613"/>
      <c r="JST668" s="613"/>
      <c r="JSU668" s="613"/>
      <c r="JSV668" s="613"/>
      <c r="JSW668" s="613"/>
      <c r="JSX668" s="613"/>
      <c r="JSY668" s="613"/>
      <c r="JSZ668" s="613"/>
      <c r="JTA668" s="613"/>
      <c r="JTB668" s="613"/>
      <c r="JTC668" s="613"/>
      <c r="JTD668" s="613"/>
      <c r="JTE668" s="613"/>
      <c r="JTF668" s="613"/>
      <c r="JTG668" s="613"/>
      <c r="JTH668" s="613"/>
      <c r="JTI668" s="613"/>
      <c r="JTJ668" s="613"/>
      <c r="JTK668" s="613"/>
      <c r="JTL668" s="613"/>
      <c r="JTM668" s="613"/>
      <c r="JTN668" s="613"/>
      <c r="JTO668" s="613"/>
      <c r="JTP668" s="613"/>
      <c r="JTQ668" s="613"/>
      <c r="JTR668" s="613"/>
      <c r="JTS668" s="613"/>
      <c r="JTT668" s="613"/>
      <c r="JTU668" s="613"/>
      <c r="JTV668" s="613"/>
      <c r="JTW668" s="613"/>
      <c r="JTX668" s="613"/>
      <c r="JTY668" s="613"/>
      <c r="JTZ668" s="613"/>
      <c r="JUA668" s="613"/>
      <c r="JUB668" s="613"/>
      <c r="JUC668" s="613"/>
      <c r="JUD668" s="613"/>
      <c r="JUE668" s="613"/>
      <c r="JUF668" s="613"/>
      <c r="JUG668" s="613"/>
      <c r="JUH668" s="613"/>
      <c r="JUI668" s="613"/>
      <c r="JUJ668" s="613"/>
      <c r="JUK668" s="613"/>
      <c r="JUL668" s="613"/>
      <c r="JUM668" s="613"/>
      <c r="JUN668" s="613"/>
      <c r="JUO668" s="613"/>
      <c r="JUP668" s="613"/>
      <c r="JUQ668" s="613"/>
      <c r="JUR668" s="613"/>
      <c r="JUS668" s="613"/>
      <c r="JUT668" s="613"/>
      <c r="JUU668" s="613"/>
      <c r="JUV668" s="613"/>
      <c r="JUW668" s="613"/>
      <c r="JUX668" s="613"/>
      <c r="JUY668" s="613"/>
      <c r="JUZ668" s="613"/>
      <c r="JVA668" s="613"/>
      <c r="JVB668" s="613"/>
      <c r="JVC668" s="613"/>
      <c r="JVD668" s="613"/>
      <c r="JVE668" s="613"/>
      <c r="JVF668" s="613"/>
      <c r="JVG668" s="613"/>
      <c r="JVH668" s="613"/>
      <c r="JVI668" s="613"/>
      <c r="JVJ668" s="613"/>
      <c r="JVK668" s="613"/>
      <c r="JVL668" s="613"/>
      <c r="JVM668" s="613"/>
      <c r="JVN668" s="613"/>
      <c r="JVO668" s="613"/>
      <c r="JVP668" s="613"/>
      <c r="JVQ668" s="613"/>
      <c r="JVR668" s="613"/>
      <c r="JVS668" s="613"/>
      <c r="JVT668" s="613"/>
      <c r="JVU668" s="613"/>
      <c r="JVV668" s="613"/>
      <c r="JVW668" s="613"/>
      <c r="JVX668" s="613"/>
      <c r="JVY668" s="613"/>
      <c r="JVZ668" s="613"/>
      <c r="JWA668" s="613"/>
      <c r="JWB668" s="613"/>
      <c r="JWC668" s="613"/>
      <c r="JWD668" s="613"/>
      <c r="JWE668" s="613"/>
      <c r="JWF668" s="613"/>
      <c r="JWG668" s="613"/>
      <c r="JWH668" s="613"/>
      <c r="JWI668" s="613"/>
      <c r="JWJ668" s="613"/>
      <c r="JWK668" s="613"/>
      <c r="JWL668" s="613"/>
      <c r="JWM668" s="613"/>
      <c r="JWN668" s="613"/>
      <c r="JWO668" s="613"/>
      <c r="JWP668" s="613"/>
      <c r="JWQ668" s="613"/>
      <c r="JWR668" s="613"/>
      <c r="JWS668" s="613"/>
      <c r="JWT668" s="613"/>
      <c r="JWU668" s="613"/>
      <c r="JWV668" s="613"/>
      <c r="JWW668" s="613"/>
      <c r="JWX668" s="613"/>
      <c r="JWY668" s="613"/>
      <c r="JWZ668" s="613"/>
      <c r="JXA668" s="613"/>
      <c r="JXB668" s="613"/>
      <c r="JXC668" s="613"/>
      <c r="JXD668" s="613"/>
      <c r="JXE668" s="613"/>
      <c r="JXF668" s="613"/>
      <c r="JXG668" s="613"/>
      <c r="JXH668" s="613"/>
      <c r="JXI668" s="613"/>
      <c r="JXJ668" s="613"/>
      <c r="JXK668" s="613"/>
      <c r="JXL668" s="613"/>
      <c r="JXM668" s="613"/>
      <c r="JXN668" s="613"/>
      <c r="JXO668" s="613"/>
      <c r="JXP668" s="613"/>
      <c r="JXQ668" s="613"/>
      <c r="JXR668" s="613"/>
      <c r="JXS668" s="613"/>
      <c r="JXT668" s="613"/>
      <c r="JXU668" s="613"/>
      <c r="JXV668" s="613"/>
      <c r="JXW668" s="613"/>
      <c r="JXX668" s="613"/>
      <c r="JXY668" s="613"/>
      <c r="JXZ668" s="613"/>
      <c r="JYA668" s="613"/>
      <c r="JYB668" s="613"/>
      <c r="JYC668" s="613"/>
      <c r="JYD668" s="613"/>
      <c r="JYE668" s="613"/>
      <c r="JYF668" s="613"/>
      <c r="JYG668" s="613"/>
      <c r="JYH668" s="613"/>
      <c r="JYI668" s="613"/>
      <c r="JYJ668" s="613"/>
      <c r="JYK668" s="613"/>
      <c r="JYL668" s="613"/>
      <c r="JYM668" s="613"/>
      <c r="JYN668" s="613"/>
      <c r="JYO668" s="613"/>
      <c r="JYP668" s="613"/>
      <c r="JYQ668" s="613"/>
      <c r="JYR668" s="613"/>
      <c r="JYS668" s="613"/>
      <c r="JYT668" s="613"/>
      <c r="JYU668" s="613"/>
      <c r="JYV668" s="613"/>
      <c r="JYW668" s="613"/>
      <c r="JYX668" s="613"/>
      <c r="JYY668" s="613"/>
      <c r="JYZ668" s="613"/>
      <c r="JZA668" s="613"/>
      <c r="JZB668" s="613"/>
      <c r="JZC668" s="613"/>
      <c r="JZD668" s="613"/>
      <c r="JZE668" s="613"/>
      <c r="JZF668" s="613"/>
      <c r="JZG668" s="613"/>
      <c r="JZH668" s="613"/>
      <c r="JZI668" s="613"/>
      <c r="JZJ668" s="613"/>
      <c r="JZK668" s="613"/>
      <c r="JZL668" s="613"/>
      <c r="JZM668" s="613"/>
      <c r="JZN668" s="613"/>
      <c r="JZO668" s="613"/>
      <c r="JZP668" s="613"/>
      <c r="JZQ668" s="613"/>
      <c r="JZR668" s="613"/>
      <c r="JZS668" s="613"/>
      <c r="JZT668" s="613"/>
      <c r="JZU668" s="613"/>
      <c r="JZV668" s="613"/>
      <c r="JZW668" s="613"/>
      <c r="JZX668" s="613"/>
      <c r="JZY668" s="613"/>
      <c r="JZZ668" s="613"/>
      <c r="KAA668" s="613"/>
      <c r="KAB668" s="613"/>
      <c r="KAC668" s="613"/>
      <c r="KAD668" s="613"/>
      <c r="KAE668" s="613"/>
      <c r="KAF668" s="613"/>
      <c r="KAG668" s="613"/>
      <c r="KAH668" s="613"/>
      <c r="KAI668" s="613"/>
      <c r="KAJ668" s="613"/>
      <c r="KAK668" s="613"/>
      <c r="KAL668" s="613"/>
      <c r="KAM668" s="613"/>
      <c r="KAN668" s="613"/>
      <c r="KAO668" s="613"/>
      <c r="KAP668" s="613"/>
      <c r="KAQ668" s="613"/>
      <c r="KAR668" s="613"/>
      <c r="KAS668" s="613"/>
      <c r="KAT668" s="613"/>
      <c r="KAU668" s="613"/>
      <c r="KAV668" s="613"/>
      <c r="KAW668" s="613"/>
      <c r="KAX668" s="613"/>
      <c r="KAY668" s="613"/>
      <c r="KAZ668" s="613"/>
      <c r="KBA668" s="613"/>
      <c r="KBB668" s="613"/>
      <c r="KBC668" s="613"/>
      <c r="KBD668" s="613"/>
      <c r="KBE668" s="613"/>
      <c r="KBF668" s="613"/>
      <c r="KBG668" s="613"/>
      <c r="KBH668" s="613"/>
      <c r="KBI668" s="613"/>
      <c r="KBJ668" s="613"/>
      <c r="KBK668" s="613"/>
      <c r="KBL668" s="613"/>
      <c r="KBM668" s="613"/>
      <c r="KBN668" s="613"/>
      <c r="KBO668" s="613"/>
      <c r="KBP668" s="613"/>
      <c r="KBQ668" s="613"/>
      <c r="KBR668" s="613"/>
      <c r="KBS668" s="613"/>
      <c r="KBT668" s="613"/>
      <c r="KBU668" s="613"/>
      <c r="KBV668" s="613"/>
      <c r="KBW668" s="613"/>
      <c r="KBX668" s="613"/>
      <c r="KBY668" s="613"/>
      <c r="KBZ668" s="613"/>
      <c r="KCA668" s="613"/>
      <c r="KCB668" s="613"/>
      <c r="KCC668" s="613"/>
      <c r="KCD668" s="613"/>
      <c r="KCE668" s="613"/>
      <c r="KCF668" s="613"/>
      <c r="KCG668" s="613"/>
      <c r="KCH668" s="613"/>
      <c r="KCI668" s="613"/>
      <c r="KCJ668" s="613"/>
      <c r="KCK668" s="613"/>
      <c r="KCL668" s="613"/>
      <c r="KCM668" s="613"/>
      <c r="KCN668" s="613"/>
      <c r="KCO668" s="613"/>
      <c r="KCP668" s="613"/>
      <c r="KCQ668" s="613"/>
      <c r="KCR668" s="613"/>
      <c r="KCS668" s="613"/>
      <c r="KCT668" s="613"/>
      <c r="KCU668" s="613"/>
      <c r="KCV668" s="613"/>
      <c r="KCW668" s="613"/>
      <c r="KCX668" s="613"/>
      <c r="KCY668" s="613"/>
      <c r="KCZ668" s="613"/>
      <c r="KDA668" s="613"/>
      <c r="KDB668" s="613"/>
      <c r="KDC668" s="613"/>
      <c r="KDD668" s="613"/>
      <c r="KDE668" s="613"/>
      <c r="KDF668" s="613"/>
      <c r="KDG668" s="613"/>
      <c r="KDH668" s="613"/>
      <c r="KDI668" s="613"/>
      <c r="KDJ668" s="613"/>
      <c r="KDK668" s="613"/>
      <c r="KDL668" s="613"/>
      <c r="KDM668" s="613"/>
      <c r="KDN668" s="613"/>
      <c r="KDO668" s="613"/>
      <c r="KDP668" s="613"/>
      <c r="KDQ668" s="613"/>
      <c r="KDR668" s="613"/>
      <c r="KDS668" s="613"/>
      <c r="KDT668" s="613"/>
      <c r="KDU668" s="613"/>
      <c r="KDV668" s="613"/>
      <c r="KDW668" s="613"/>
      <c r="KDX668" s="613"/>
      <c r="KDY668" s="613"/>
      <c r="KDZ668" s="613"/>
      <c r="KEA668" s="613"/>
      <c r="KEB668" s="613"/>
      <c r="KEC668" s="613"/>
      <c r="KED668" s="613"/>
      <c r="KEE668" s="613"/>
      <c r="KEF668" s="613"/>
      <c r="KEG668" s="613"/>
      <c r="KEH668" s="613"/>
      <c r="KEI668" s="613"/>
      <c r="KEJ668" s="613"/>
      <c r="KEK668" s="613"/>
      <c r="KEL668" s="613"/>
      <c r="KEM668" s="613"/>
      <c r="KEN668" s="613"/>
      <c r="KEO668" s="613"/>
      <c r="KEP668" s="613"/>
      <c r="KEQ668" s="613"/>
      <c r="KER668" s="613"/>
      <c r="KES668" s="613"/>
      <c r="KET668" s="613"/>
      <c r="KEU668" s="613"/>
      <c r="KEV668" s="613"/>
      <c r="KEW668" s="613"/>
      <c r="KEX668" s="613"/>
      <c r="KEY668" s="613"/>
      <c r="KEZ668" s="613"/>
      <c r="KFA668" s="613"/>
      <c r="KFB668" s="613"/>
      <c r="KFC668" s="613"/>
      <c r="KFD668" s="613"/>
      <c r="KFE668" s="613"/>
      <c r="KFF668" s="613"/>
      <c r="KFG668" s="613"/>
      <c r="KFH668" s="613"/>
      <c r="KFI668" s="613"/>
      <c r="KFJ668" s="613"/>
      <c r="KFK668" s="613"/>
      <c r="KFL668" s="613"/>
      <c r="KFM668" s="613"/>
      <c r="KFN668" s="613"/>
      <c r="KFO668" s="613"/>
      <c r="KFP668" s="613"/>
      <c r="KFQ668" s="613"/>
      <c r="KFR668" s="613"/>
      <c r="KFS668" s="613"/>
      <c r="KFT668" s="613"/>
      <c r="KFU668" s="613"/>
      <c r="KFV668" s="613"/>
      <c r="KFW668" s="613"/>
      <c r="KFX668" s="613"/>
      <c r="KFY668" s="613"/>
      <c r="KFZ668" s="613"/>
      <c r="KGA668" s="613"/>
      <c r="KGB668" s="613"/>
      <c r="KGC668" s="613"/>
      <c r="KGD668" s="613"/>
      <c r="KGE668" s="613"/>
      <c r="KGF668" s="613"/>
      <c r="KGG668" s="613"/>
      <c r="KGH668" s="613"/>
      <c r="KGI668" s="613"/>
      <c r="KGJ668" s="613"/>
      <c r="KGK668" s="613"/>
      <c r="KGL668" s="613"/>
      <c r="KGM668" s="613"/>
      <c r="KGN668" s="613"/>
      <c r="KGO668" s="613"/>
      <c r="KGP668" s="613"/>
      <c r="KGQ668" s="613"/>
      <c r="KGR668" s="613"/>
      <c r="KGS668" s="613"/>
      <c r="KGT668" s="613"/>
      <c r="KGU668" s="613"/>
      <c r="KGV668" s="613"/>
      <c r="KGW668" s="613"/>
      <c r="KGX668" s="613"/>
      <c r="KGY668" s="613"/>
      <c r="KGZ668" s="613"/>
      <c r="KHA668" s="613"/>
      <c r="KHB668" s="613"/>
      <c r="KHC668" s="613"/>
      <c r="KHD668" s="613"/>
      <c r="KHE668" s="613"/>
      <c r="KHF668" s="613"/>
      <c r="KHG668" s="613"/>
      <c r="KHH668" s="613"/>
      <c r="KHI668" s="613"/>
      <c r="KHJ668" s="613"/>
      <c r="KHK668" s="613"/>
      <c r="KHL668" s="613"/>
      <c r="KHM668" s="613"/>
      <c r="KHN668" s="613"/>
      <c r="KHO668" s="613"/>
      <c r="KHP668" s="613"/>
      <c r="KHQ668" s="613"/>
      <c r="KHR668" s="613"/>
      <c r="KHS668" s="613"/>
      <c r="KHT668" s="613"/>
      <c r="KHU668" s="613"/>
      <c r="KHV668" s="613"/>
      <c r="KHW668" s="613"/>
      <c r="KHX668" s="613"/>
      <c r="KHY668" s="613"/>
      <c r="KHZ668" s="613"/>
      <c r="KIA668" s="613"/>
      <c r="KIB668" s="613"/>
      <c r="KIC668" s="613"/>
      <c r="KID668" s="613"/>
      <c r="KIE668" s="613"/>
      <c r="KIF668" s="613"/>
      <c r="KIG668" s="613"/>
      <c r="KIH668" s="613"/>
      <c r="KII668" s="613"/>
      <c r="KIJ668" s="613"/>
      <c r="KIK668" s="613"/>
      <c r="KIL668" s="613"/>
      <c r="KIM668" s="613"/>
      <c r="KIN668" s="613"/>
      <c r="KIO668" s="613"/>
      <c r="KIP668" s="613"/>
      <c r="KIQ668" s="613"/>
      <c r="KIR668" s="613"/>
      <c r="KIS668" s="613"/>
      <c r="KIT668" s="613"/>
      <c r="KIU668" s="613"/>
      <c r="KIV668" s="613"/>
      <c r="KIW668" s="613"/>
      <c r="KIX668" s="613"/>
      <c r="KIY668" s="613"/>
      <c r="KIZ668" s="613"/>
      <c r="KJA668" s="613"/>
      <c r="KJB668" s="613"/>
      <c r="KJC668" s="613"/>
      <c r="KJD668" s="613"/>
      <c r="KJE668" s="613"/>
      <c r="KJF668" s="613"/>
      <c r="KJG668" s="613"/>
      <c r="KJH668" s="613"/>
      <c r="KJI668" s="613"/>
      <c r="KJJ668" s="613"/>
      <c r="KJK668" s="613"/>
      <c r="KJL668" s="613"/>
      <c r="KJM668" s="613"/>
      <c r="KJN668" s="613"/>
      <c r="KJO668" s="613"/>
      <c r="KJP668" s="613"/>
      <c r="KJQ668" s="613"/>
      <c r="KJR668" s="613"/>
      <c r="KJS668" s="613"/>
      <c r="KJT668" s="613"/>
      <c r="KJU668" s="613"/>
      <c r="KJV668" s="613"/>
      <c r="KJW668" s="613"/>
      <c r="KJX668" s="613"/>
      <c r="KJY668" s="613"/>
      <c r="KJZ668" s="613"/>
      <c r="KKA668" s="613"/>
      <c r="KKB668" s="613"/>
      <c r="KKC668" s="613"/>
      <c r="KKD668" s="613"/>
      <c r="KKE668" s="613"/>
      <c r="KKF668" s="613"/>
      <c r="KKG668" s="613"/>
      <c r="KKH668" s="613"/>
      <c r="KKI668" s="613"/>
      <c r="KKJ668" s="613"/>
      <c r="KKK668" s="613"/>
      <c r="KKL668" s="613"/>
      <c r="KKM668" s="613"/>
      <c r="KKN668" s="613"/>
      <c r="KKO668" s="613"/>
      <c r="KKP668" s="613"/>
      <c r="KKQ668" s="613"/>
      <c r="KKR668" s="613"/>
      <c r="KKS668" s="613"/>
      <c r="KKT668" s="613"/>
      <c r="KKU668" s="613"/>
      <c r="KKV668" s="613"/>
      <c r="KKW668" s="613"/>
      <c r="KKX668" s="613"/>
      <c r="KKY668" s="613"/>
      <c r="KKZ668" s="613"/>
      <c r="KLA668" s="613"/>
      <c r="KLB668" s="613"/>
      <c r="KLC668" s="613"/>
      <c r="KLD668" s="613"/>
      <c r="KLE668" s="613"/>
      <c r="KLF668" s="613"/>
      <c r="KLG668" s="613"/>
      <c r="KLH668" s="613"/>
      <c r="KLI668" s="613"/>
      <c r="KLJ668" s="613"/>
      <c r="KLK668" s="613"/>
      <c r="KLL668" s="613"/>
      <c r="KLM668" s="613"/>
      <c r="KLN668" s="613"/>
      <c r="KLO668" s="613"/>
      <c r="KLP668" s="613"/>
      <c r="KLQ668" s="613"/>
      <c r="KLR668" s="613"/>
      <c r="KLS668" s="613"/>
      <c r="KLT668" s="613"/>
      <c r="KLU668" s="613"/>
      <c r="KLV668" s="613"/>
      <c r="KLW668" s="613"/>
      <c r="KLX668" s="613"/>
      <c r="KLY668" s="613"/>
      <c r="KLZ668" s="613"/>
      <c r="KMA668" s="613"/>
      <c r="KMB668" s="613"/>
      <c r="KMC668" s="613"/>
      <c r="KMD668" s="613"/>
      <c r="KME668" s="613"/>
      <c r="KMF668" s="613"/>
      <c r="KMG668" s="613"/>
      <c r="KMH668" s="613"/>
      <c r="KMI668" s="613"/>
      <c r="KMJ668" s="613"/>
      <c r="KMK668" s="613"/>
      <c r="KML668" s="613"/>
      <c r="KMM668" s="613"/>
      <c r="KMN668" s="613"/>
      <c r="KMO668" s="613"/>
      <c r="KMP668" s="613"/>
      <c r="KMQ668" s="613"/>
      <c r="KMR668" s="613"/>
      <c r="KMS668" s="613"/>
      <c r="KMT668" s="613"/>
      <c r="KMU668" s="613"/>
      <c r="KMV668" s="613"/>
      <c r="KMW668" s="613"/>
      <c r="KMX668" s="613"/>
      <c r="KMY668" s="613"/>
      <c r="KMZ668" s="613"/>
      <c r="KNA668" s="613"/>
      <c r="KNB668" s="613"/>
      <c r="KNC668" s="613"/>
      <c r="KND668" s="613"/>
      <c r="KNE668" s="613"/>
      <c r="KNF668" s="613"/>
      <c r="KNG668" s="613"/>
      <c r="KNH668" s="613"/>
      <c r="KNI668" s="613"/>
      <c r="KNJ668" s="613"/>
      <c r="KNK668" s="613"/>
      <c r="KNL668" s="613"/>
      <c r="KNM668" s="613"/>
      <c r="KNN668" s="613"/>
      <c r="KNO668" s="613"/>
      <c r="KNP668" s="613"/>
      <c r="KNQ668" s="613"/>
      <c r="KNR668" s="613"/>
      <c r="KNS668" s="613"/>
      <c r="KNT668" s="613"/>
      <c r="KNU668" s="613"/>
      <c r="KNV668" s="613"/>
      <c r="KNW668" s="613"/>
      <c r="KNX668" s="613"/>
      <c r="KNY668" s="613"/>
      <c r="KNZ668" s="613"/>
      <c r="KOA668" s="613"/>
      <c r="KOB668" s="613"/>
      <c r="KOC668" s="613"/>
      <c r="KOD668" s="613"/>
      <c r="KOE668" s="613"/>
      <c r="KOF668" s="613"/>
      <c r="KOG668" s="613"/>
      <c r="KOH668" s="613"/>
      <c r="KOI668" s="613"/>
      <c r="KOJ668" s="613"/>
      <c r="KOK668" s="613"/>
      <c r="KOL668" s="613"/>
      <c r="KOM668" s="613"/>
      <c r="KON668" s="613"/>
      <c r="KOO668" s="613"/>
      <c r="KOP668" s="613"/>
      <c r="KOQ668" s="613"/>
      <c r="KOR668" s="613"/>
      <c r="KOS668" s="613"/>
      <c r="KOT668" s="613"/>
      <c r="KOU668" s="613"/>
      <c r="KOV668" s="613"/>
      <c r="KOW668" s="613"/>
      <c r="KOX668" s="613"/>
      <c r="KOY668" s="613"/>
      <c r="KOZ668" s="613"/>
      <c r="KPA668" s="613"/>
      <c r="KPB668" s="613"/>
      <c r="KPC668" s="613"/>
      <c r="KPD668" s="613"/>
      <c r="KPE668" s="613"/>
      <c r="KPF668" s="613"/>
      <c r="KPG668" s="613"/>
      <c r="KPH668" s="613"/>
      <c r="KPI668" s="613"/>
      <c r="KPJ668" s="613"/>
      <c r="KPK668" s="613"/>
      <c r="KPL668" s="613"/>
      <c r="KPM668" s="613"/>
      <c r="KPN668" s="613"/>
      <c r="KPO668" s="613"/>
      <c r="KPP668" s="613"/>
      <c r="KPQ668" s="613"/>
      <c r="KPR668" s="613"/>
      <c r="KPS668" s="613"/>
      <c r="KPT668" s="613"/>
      <c r="KPU668" s="613"/>
      <c r="KPV668" s="613"/>
      <c r="KPW668" s="613"/>
      <c r="KPX668" s="613"/>
      <c r="KPY668" s="613"/>
      <c r="KPZ668" s="613"/>
      <c r="KQA668" s="613"/>
      <c r="KQB668" s="613"/>
      <c r="KQC668" s="613"/>
      <c r="KQD668" s="613"/>
      <c r="KQE668" s="613"/>
      <c r="KQF668" s="613"/>
      <c r="KQG668" s="613"/>
      <c r="KQH668" s="613"/>
      <c r="KQI668" s="613"/>
      <c r="KQJ668" s="613"/>
      <c r="KQK668" s="613"/>
      <c r="KQL668" s="613"/>
      <c r="KQM668" s="613"/>
      <c r="KQN668" s="613"/>
      <c r="KQO668" s="613"/>
      <c r="KQP668" s="613"/>
      <c r="KQQ668" s="613"/>
      <c r="KQR668" s="613"/>
      <c r="KQS668" s="613"/>
      <c r="KQT668" s="613"/>
      <c r="KQU668" s="613"/>
      <c r="KQV668" s="613"/>
      <c r="KQW668" s="613"/>
      <c r="KQX668" s="613"/>
      <c r="KQY668" s="613"/>
      <c r="KQZ668" s="613"/>
      <c r="KRA668" s="613"/>
      <c r="KRB668" s="613"/>
      <c r="KRC668" s="613"/>
      <c r="KRD668" s="613"/>
      <c r="KRE668" s="613"/>
      <c r="KRF668" s="613"/>
      <c r="KRG668" s="613"/>
      <c r="KRH668" s="613"/>
      <c r="KRI668" s="613"/>
      <c r="KRJ668" s="613"/>
      <c r="KRK668" s="613"/>
      <c r="KRL668" s="613"/>
      <c r="KRM668" s="613"/>
      <c r="KRN668" s="613"/>
      <c r="KRO668" s="613"/>
      <c r="KRP668" s="613"/>
      <c r="KRQ668" s="613"/>
      <c r="KRR668" s="613"/>
      <c r="KRS668" s="613"/>
      <c r="KRT668" s="613"/>
      <c r="KRU668" s="613"/>
      <c r="KRV668" s="613"/>
      <c r="KRW668" s="613"/>
      <c r="KRX668" s="613"/>
      <c r="KRY668" s="613"/>
      <c r="KRZ668" s="613"/>
      <c r="KSA668" s="613"/>
      <c r="KSB668" s="613"/>
      <c r="KSC668" s="613"/>
      <c r="KSD668" s="613"/>
      <c r="KSE668" s="613"/>
      <c r="KSF668" s="613"/>
      <c r="KSG668" s="613"/>
      <c r="KSH668" s="613"/>
      <c r="KSI668" s="613"/>
      <c r="KSJ668" s="613"/>
      <c r="KSK668" s="613"/>
      <c r="KSL668" s="613"/>
      <c r="KSM668" s="613"/>
      <c r="KSN668" s="613"/>
      <c r="KSO668" s="613"/>
      <c r="KSP668" s="613"/>
      <c r="KSQ668" s="613"/>
      <c r="KSR668" s="613"/>
      <c r="KSS668" s="613"/>
      <c r="KST668" s="613"/>
      <c r="KSU668" s="613"/>
      <c r="KSV668" s="613"/>
      <c r="KSW668" s="613"/>
      <c r="KSX668" s="613"/>
      <c r="KSY668" s="613"/>
      <c r="KSZ668" s="613"/>
      <c r="KTA668" s="613"/>
      <c r="KTB668" s="613"/>
      <c r="KTC668" s="613"/>
      <c r="KTD668" s="613"/>
      <c r="KTE668" s="613"/>
      <c r="KTF668" s="613"/>
      <c r="KTG668" s="613"/>
      <c r="KTH668" s="613"/>
      <c r="KTI668" s="613"/>
      <c r="KTJ668" s="613"/>
      <c r="KTK668" s="613"/>
      <c r="KTL668" s="613"/>
      <c r="KTM668" s="613"/>
      <c r="KTN668" s="613"/>
      <c r="KTO668" s="613"/>
      <c r="KTP668" s="613"/>
      <c r="KTQ668" s="613"/>
      <c r="KTR668" s="613"/>
      <c r="KTS668" s="613"/>
      <c r="KTT668" s="613"/>
      <c r="KTU668" s="613"/>
      <c r="KTV668" s="613"/>
      <c r="KTW668" s="613"/>
      <c r="KTX668" s="613"/>
      <c r="KTY668" s="613"/>
      <c r="KTZ668" s="613"/>
      <c r="KUA668" s="613"/>
      <c r="KUB668" s="613"/>
      <c r="KUC668" s="613"/>
      <c r="KUD668" s="613"/>
      <c r="KUE668" s="613"/>
      <c r="KUF668" s="613"/>
      <c r="KUG668" s="613"/>
      <c r="KUH668" s="613"/>
      <c r="KUI668" s="613"/>
      <c r="KUJ668" s="613"/>
      <c r="KUK668" s="613"/>
      <c r="KUL668" s="613"/>
      <c r="KUM668" s="613"/>
      <c r="KUN668" s="613"/>
      <c r="KUO668" s="613"/>
      <c r="KUP668" s="613"/>
      <c r="KUQ668" s="613"/>
      <c r="KUR668" s="613"/>
      <c r="KUS668" s="613"/>
      <c r="KUT668" s="613"/>
      <c r="KUU668" s="613"/>
      <c r="KUV668" s="613"/>
      <c r="KUW668" s="613"/>
      <c r="KUX668" s="613"/>
      <c r="KUY668" s="613"/>
      <c r="KUZ668" s="613"/>
      <c r="KVA668" s="613"/>
      <c r="KVB668" s="613"/>
      <c r="KVC668" s="613"/>
      <c r="KVD668" s="613"/>
      <c r="KVE668" s="613"/>
      <c r="KVF668" s="613"/>
      <c r="KVG668" s="613"/>
      <c r="KVH668" s="613"/>
      <c r="KVI668" s="613"/>
      <c r="KVJ668" s="613"/>
      <c r="KVK668" s="613"/>
      <c r="KVL668" s="613"/>
      <c r="KVM668" s="613"/>
      <c r="KVN668" s="613"/>
      <c r="KVO668" s="613"/>
      <c r="KVP668" s="613"/>
      <c r="KVQ668" s="613"/>
      <c r="KVR668" s="613"/>
      <c r="KVS668" s="613"/>
      <c r="KVT668" s="613"/>
      <c r="KVU668" s="613"/>
      <c r="KVV668" s="613"/>
      <c r="KVW668" s="613"/>
      <c r="KVX668" s="613"/>
      <c r="KVY668" s="613"/>
      <c r="KVZ668" s="613"/>
      <c r="KWA668" s="613"/>
      <c r="KWB668" s="613"/>
      <c r="KWC668" s="613"/>
      <c r="KWD668" s="613"/>
      <c r="KWE668" s="613"/>
      <c r="KWF668" s="613"/>
      <c r="KWG668" s="613"/>
      <c r="KWH668" s="613"/>
      <c r="KWI668" s="613"/>
      <c r="KWJ668" s="613"/>
      <c r="KWK668" s="613"/>
      <c r="KWL668" s="613"/>
      <c r="KWM668" s="613"/>
      <c r="KWN668" s="613"/>
      <c r="KWO668" s="613"/>
      <c r="KWP668" s="613"/>
      <c r="KWQ668" s="613"/>
      <c r="KWR668" s="613"/>
      <c r="KWS668" s="613"/>
      <c r="KWT668" s="613"/>
      <c r="KWU668" s="613"/>
      <c r="KWV668" s="613"/>
      <c r="KWW668" s="613"/>
      <c r="KWX668" s="613"/>
      <c r="KWY668" s="613"/>
      <c r="KWZ668" s="613"/>
      <c r="KXA668" s="613"/>
      <c r="KXB668" s="613"/>
      <c r="KXC668" s="613"/>
      <c r="KXD668" s="613"/>
      <c r="KXE668" s="613"/>
      <c r="KXF668" s="613"/>
      <c r="KXG668" s="613"/>
      <c r="KXH668" s="613"/>
      <c r="KXI668" s="613"/>
      <c r="KXJ668" s="613"/>
      <c r="KXK668" s="613"/>
      <c r="KXL668" s="613"/>
      <c r="KXM668" s="613"/>
      <c r="KXN668" s="613"/>
      <c r="KXO668" s="613"/>
      <c r="KXP668" s="613"/>
      <c r="KXQ668" s="613"/>
      <c r="KXR668" s="613"/>
      <c r="KXS668" s="613"/>
      <c r="KXT668" s="613"/>
      <c r="KXU668" s="613"/>
      <c r="KXV668" s="613"/>
      <c r="KXW668" s="613"/>
      <c r="KXX668" s="613"/>
      <c r="KXY668" s="613"/>
      <c r="KXZ668" s="613"/>
      <c r="KYA668" s="613"/>
      <c r="KYB668" s="613"/>
      <c r="KYC668" s="613"/>
      <c r="KYD668" s="613"/>
      <c r="KYE668" s="613"/>
      <c r="KYF668" s="613"/>
      <c r="KYG668" s="613"/>
      <c r="KYH668" s="613"/>
      <c r="KYI668" s="613"/>
      <c r="KYJ668" s="613"/>
      <c r="KYK668" s="613"/>
      <c r="KYL668" s="613"/>
      <c r="KYM668" s="613"/>
      <c r="KYN668" s="613"/>
      <c r="KYO668" s="613"/>
      <c r="KYP668" s="613"/>
      <c r="KYQ668" s="613"/>
      <c r="KYR668" s="613"/>
      <c r="KYS668" s="613"/>
      <c r="KYT668" s="613"/>
      <c r="KYU668" s="613"/>
      <c r="KYV668" s="613"/>
      <c r="KYW668" s="613"/>
      <c r="KYX668" s="613"/>
      <c r="KYY668" s="613"/>
      <c r="KYZ668" s="613"/>
      <c r="KZA668" s="613"/>
      <c r="KZB668" s="613"/>
      <c r="KZC668" s="613"/>
      <c r="KZD668" s="613"/>
      <c r="KZE668" s="613"/>
      <c r="KZF668" s="613"/>
      <c r="KZG668" s="613"/>
      <c r="KZH668" s="613"/>
      <c r="KZI668" s="613"/>
      <c r="KZJ668" s="613"/>
      <c r="KZK668" s="613"/>
      <c r="KZL668" s="613"/>
      <c r="KZM668" s="613"/>
      <c r="KZN668" s="613"/>
      <c r="KZO668" s="613"/>
      <c r="KZP668" s="613"/>
      <c r="KZQ668" s="613"/>
      <c r="KZR668" s="613"/>
      <c r="KZS668" s="613"/>
      <c r="KZT668" s="613"/>
      <c r="KZU668" s="613"/>
      <c r="KZV668" s="613"/>
      <c r="KZW668" s="613"/>
      <c r="KZX668" s="613"/>
      <c r="KZY668" s="613"/>
      <c r="KZZ668" s="613"/>
      <c r="LAA668" s="613"/>
      <c r="LAB668" s="613"/>
      <c r="LAC668" s="613"/>
      <c r="LAD668" s="613"/>
      <c r="LAE668" s="613"/>
      <c r="LAF668" s="613"/>
      <c r="LAG668" s="613"/>
      <c r="LAH668" s="613"/>
      <c r="LAI668" s="613"/>
      <c r="LAJ668" s="613"/>
      <c r="LAK668" s="613"/>
      <c r="LAL668" s="613"/>
      <c r="LAM668" s="613"/>
      <c r="LAN668" s="613"/>
      <c r="LAO668" s="613"/>
      <c r="LAP668" s="613"/>
      <c r="LAQ668" s="613"/>
      <c r="LAR668" s="613"/>
      <c r="LAS668" s="613"/>
      <c r="LAT668" s="613"/>
      <c r="LAU668" s="613"/>
      <c r="LAV668" s="613"/>
      <c r="LAW668" s="613"/>
      <c r="LAX668" s="613"/>
      <c r="LAY668" s="613"/>
      <c r="LAZ668" s="613"/>
      <c r="LBA668" s="613"/>
      <c r="LBB668" s="613"/>
      <c r="LBC668" s="613"/>
      <c r="LBD668" s="613"/>
      <c r="LBE668" s="613"/>
      <c r="LBF668" s="613"/>
      <c r="LBG668" s="613"/>
      <c r="LBH668" s="613"/>
      <c r="LBI668" s="613"/>
      <c r="LBJ668" s="613"/>
      <c r="LBK668" s="613"/>
      <c r="LBL668" s="613"/>
      <c r="LBM668" s="613"/>
      <c r="LBN668" s="613"/>
      <c r="LBO668" s="613"/>
      <c r="LBP668" s="613"/>
      <c r="LBQ668" s="613"/>
      <c r="LBR668" s="613"/>
      <c r="LBS668" s="613"/>
      <c r="LBT668" s="613"/>
      <c r="LBU668" s="613"/>
      <c r="LBV668" s="613"/>
      <c r="LBW668" s="613"/>
      <c r="LBX668" s="613"/>
      <c r="LBY668" s="613"/>
      <c r="LBZ668" s="613"/>
      <c r="LCA668" s="613"/>
      <c r="LCB668" s="613"/>
      <c r="LCC668" s="613"/>
      <c r="LCD668" s="613"/>
      <c r="LCE668" s="613"/>
      <c r="LCF668" s="613"/>
      <c r="LCG668" s="613"/>
      <c r="LCH668" s="613"/>
      <c r="LCI668" s="613"/>
      <c r="LCJ668" s="613"/>
      <c r="LCK668" s="613"/>
      <c r="LCL668" s="613"/>
      <c r="LCM668" s="613"/>
      <c r="LCN668" s="613"/>
      <c r="LCO668" s="613"/>
      <c r="LCP668" s="613"/>
      <c r="LCQ668" s="613"/>
      <c r="LCR668" s="613"/>
      <c r="LCS668" s="613"/>
      <c r="LCT668" s="613"/>
      <c r="LCU668" s="613"/>
      <c r="LCV668" s="613"/>
      <c r="LCW668" s="613"/>
      <c r="LCX668" s="613"/>
      <c r="LCY668" s="613"/>
      <c r="LCZ668" s="613"/>
      <c r="LDA668" s="613"/>
      <c r="LDB668" s="613"/>
      <c r="LDC668" s="613"/>
      <c r="LDD668" s="613"/>
      <c r="LDE668" s="613"/>
      <c r="LDF668" s="613"/>
      <c r="LDG668" s="613"/>
      <c r="LDH668" s="613"/>
      <c r="LDI668" s="613"/>
      <c r="LDJ668" s="613"/>
      <c r="LDK668" s="613"/>
      <c r="LDL668" s="613"/>
      <c r="LDM668" s="613"/>
      <c r="LDN668" s="613"/>
      <c r="LDO668" s="613"/>
      <c r="LDP668" s="613"/>
      <c r="LDQ668" s="613"/>
      <c r="LDR668" s="613"/>
      <c r="LDS668" s="613"/>
      <c r="LDT668" s="613"/>
      <c r="LDU668" s="613"/>
      <c r="LDV668" s="613"/>
      <c r="LDW668" s="613"/>
      <c r="LDX668" s="613"/>
      <c r="LDY668" s="613"/>
      <c r="LDZ668" s="613"/>
      <c r="LEA668" s="613"/>
      <c r="LEB668" s="613"/>
      <c r="LEC668" s="613"/>
      <c r="LED668" s="613"/>
      <c r="LEE668" s="613"/>
      <c r="LEF668" s="613"/>
      <c r="LEG668" s="613"/>
      <c r="LEH668" s="613"/>
      <c r="LEI668" s="613"/>
      <c r="LEJ668" s="613"/>
      <c r="LEK668" s="613"/>
      <c r="LEL668" s="613"/>
      <c r="LEM668" s="613"/>
      <c r="LEN668" s="613"/>
      <c r="LEO668" s="613"/>
      <c r="LEP668" s="613"/>
      <c r="LEQ668" s="613"/>
      <c r="LER668" s="613"/>
      <c r="LES668" s="613"/>
      <c r="LET668" s="613"/>
      <c r="LEU668" s="613"/>
      <c r="LEV668" s="613"/>
      <c r="LEW668" s="613"/>
      <c r="LEX668" s="613"/>
      <c r="LEY668" s="613"/>
      <c r="LEZ668" s="613"/>
      <c r="LFA668" s="613"/>
      <c r="LFB668" s="613"/>
      <c r="LFC668" s="613"/>
      <c r="LFD668" s="613"/>
      <c r="LFE668" s="613"/>
      <c r="LFF668" s="613"/>
      <c r="LFG668" s="613"/>
      <c r="LFH668" s="613"/>
      <c r="LFI668" s="613"/>
      <c r="LFJ668" s="613"/>
      <c r="LFK668" s="613"/>
      <c r="LFL668" s="613"/>
      <c r="LFM668" s="613"/>
      <c r="LFN668" s="613"/>
      <c r="LFO668" s="613"/>
      <c r="LFP668" s="613"/>
      <c r="LFQ668" s="613"/>
      <c r="LFR668" s="613"/>
      <c r="LFS668" s="613"/>
      <c r="LFT668" s="613"/>
      <c r="LFU668" s="613"/>
      <c r="LFV668" s="613"/>
      <c r="LFW668" s="613"/>
      <c r="LFX668" s="613"/>
      <c r="LFY668" s="613"/>
      <c r="LFZ668" s="613"/>
      <c r="LGA668" s="613"/>
      <c r="LGB668" s="613"/>
      <c r="LGC668" s="613"/>
      <c r="LGD668" s="613"/>
      <c r="LGE668" s="613"/>
      <c r="LGF668" s="613"/>
      <c r="LGG668" s="613"/>
      <c r="LGH668" s="613"/>
      <c r="LGI668" s="613"/>
      <c r="LGJ668" s="613"/>
      <c r="LGK668" s="613"/>
      <c r="LGL668" s="613"/>
      <c r="LGM668" s="613"/>
      <c r="LGN668" s="613"/>
      <c r="LGO668" s="613"/>
      <c r="LGP668" s="613"/>
      <c r="LGQ668" s="613"/>
      <c r="LGR668" s="613"/>
      <c r="LGS668" s="613"/>
      <c r="LGT668" s="613"/>
      <c r="LGU668" s="613"/>
      <c r="LGV668" s="613"/>
      <c r="LGW668" s="613"/>
      <c r="LGX668" s="613"/>
      <c r="LGY668" s="613"/>
      <c r="LGZ668" s="613"/>
      <c r="LHA668" s="613"/>
      <c r="LHB668" s="613"/>
      <c r="LHC668" s="613"/>
      <c r="LHD668" s="613"/>
      <c r="LHE668" s="613"/>
      <c r="LHF668" s="613"/>
      <c r="LHG668" s="613"/>
      <c r="LHH668" s="613"/>
      <c r="LHI668" s="613"/>
      <c r="LHJ668" s="613"/>
      <c r="LHK668" s="613"/>
      <c r="LHL668" s="613"/>
      <c r="LHM668" s="613"/>
      <c r="LHN668" s="613"/>
      <c r="LHO668" s="613"/>
      <c r="LHP668" s="613"/>
      <c r="LHQ668" s="613"/>
      <c r="LHR668" s="613"/>
      <c r="LHS668" s="613"/>
      <c r="LHT668" s="613"/>
      <c r="LHU668" s="613"/>
      <c r="LHV668" s="613"/>
      <c r="LHW668" s="613"/>
      <c r="LHX668" s="613"/>
      <c r="LHY668" s="613"/>
      <c r="LHZ668" s="613"/>
      <c r="LIA668" s="613"/>
      <c r="LIB668" s="613"/>
      <c r="LIC668" s="613"/>
      <c r="LID668" s="613"/>
      <c r="LIE668" s="613"/>
      <c r="LIF668" s="613"/>
      <c r="LIG668" s="613"/>
      <c r="LIH668" s="613"/>
      <c r="LII668" s="613"/>
      <c r="LIJ668" s="613"/>
      <c r="LIK668" s="613"/>
      <c r="LIL668" s="613"/>
      <c r="LIM668" s="613"/>
      <c r="LIN668" s="613"/>
      <c r="LIO668" s="613"/>
      <c r="LIP668" s="613"/>
      <c r="LIQ668" s="613"/>
      <c r="LIR668" s="613"/>
      <c r="LIS668" s="613"/>
      <c r="LIT668" s="613"/>
      <c r="LIU668" s="613"/>
      <c r="LIV668" s="613"/>
      <c r="LIW668" s="613"/>
      <c r="LIX668" s="613"/>
      <c r="LIY668" s="613"/>
      <c r="LIZ668" s="613"/>
      <c r="LJA668" s="613"/>
      <c r="LJB668" s="613"/>
      <c r="LJC668" s="613"/>
      <c r="LJD668" s="613"/>
      <c r="LJE668" s="613"/>
      <c r="LJF668" s="613"/>
      <c r="LJG668" s="613"/>
      <c r="LJH668" s="613"/>
      <c r="LJI668" s="613"/>
      <c r="LJJ668" s="613"/>
      <c r="LJK668" s="613"/>
      <c r="LJL668" s="613"/>
      <c r="LJM668" s="613"/>
      <c r="LJN668" s="613"/>
      <c r="LJO668" s="613"/>
      <c r="LJP668" s="613"/>
      <c r="LJQ668" s="613"/>
      <c r="LJR668" s="613"/>
      <c r="LJS668" s="613"/>
      <c r="LJT668" s="613"/>
      <c r="LJU668" s="613"/>
      <c r="LJV668" s="613"/>
      <c r="LJW668" s="613"/>
      <c r="LJX668" s="613"/>
      <c r="LJY668" s="613"/>
      <c r="LJZ668" s="613"/>
      <c r="LKA668" s="613"/>
      <c r="LKB668" s="613"/>
      <c r="LKC668" s="613"/>
      <c r="LKD668" s="613"/>
      <c r="LKE668" s="613"/>
      <c r="LKF668" s="613"/>
      <c r="LKG668" s="613"/>
      <c r="LKH668" s="613"/>
      <c r="LKI668" s="613"/>
      <c r="LKJ668" s="613"/>
      <c r="LKK668" s="613"/>
      <c r="LKL668" s="613"/>
      <c r="LKM668" s="613"/>
      <c r="LKN668" s="613"/>
      <c r="LKO668" s="613"/>
      <c r="LKP668" s="613"/>
      <c r="LKQ668" s="613"/>
      <c r="LKR668" s="613"/>
      <c r="LKS668" s="613"/>
      <c r="LKT668" s="613"/>
      <c r="LKU668" s="613"/>
      <c r="LKV668" s="613"/>
      <c r="LKW668" s="613"/>
      <c r="LKX668" s="613"/>
      <c r="LKY668" s="613"/>
      <c r="LKZ668" s="613"/>
      <c r="LLA668" s="613"/>
      <c r="LLB668" s="613"/>
      <c r="LLC668" s="613"/>
      <c r="LLD668" s="613"/>
      <c r="LLE668" s="613"/>
      <c r="LLF668" s="613"/>
      <c r="LLG668" s="613"/>
      <c r="LLH668" s="613"/>
      <c r="LLI668" s="613"/>
      <c r="LLJ668" s="613"/>
      <c r="LLK668" s="613"/>
      <c r="LLL668" s="613"/>
      <c r="LLM668" s="613"/>
      <c r="LLN668" s="613"/>
      <c r="LLO668" s="613"/>
      <c r="LLP668" s="613"/>
      <c r="LLQ668" s="613"/>
      <c r="LLR668" s="613"/>
      <c r="LLS668" s="613"/>
      <c r="LLT668" s="613"/>
      <c r="LLU668" s="613"/>
      <c r="LLV668" s="613"/>
      <c r="LLW668" s="613"/>
      <c r="LLX668" s="613"/>
      <c r="LLY668" s="613"/>
      <c r="LLZ668" s="613"/>
      <c r="LMA668" s="613"/>
      <c r="LMB668" s="613"/>
      <c r="LMC668" s="613"/>
      <c r="LMD668" s="613"/>
      <c r="LME668" s="613"/>
      <c r="LMF668" s="613"/>
      <c r="LMG668" s="613"/>
      <c r="LMH668" s="613"/>
      <c r="LMI668" s="613"/>
      <c r="LMJ668" s="613"/>
      <c r="LMK668" s="613"/>
      <c r="LML668" s="613"/>
      <c r="LMM668" s="613"/>
      <c r="LMN668" s="613"/>
      <c r="LMO668" s="613"/>
      <c r="LMP668" s="613"/>
      <c r="LMQ668" s="613"/>
      <c r="LMR668" s="613"/>
      <c r="LMS668" s="613"/>
      <c r="LMT668" s="613"/>
      <c r="LMU668" s="613"/>
      <c r="LMV668" s="613"/>
      <c r="LMW668" s="613"/>
      <c r="LMX668" s="613"/>
      <c r="LMY668" s="613"/>
      <c r="LMZ668" s="613"/>
      <c r="LNA668" s="613"/>
      <c r="LNB668" s="613"/>
      <c r="LNC668" s="613"/>
      <c r="LND668" s="613"/>
      <c r="LNE668" s="613"/>
      <c r="LNF668" s="613"/>
      <c r="LNG668" s="613"/>
      <c r="LNH668" s="613"/>
      <c r="LNI668" s="613"/>
      <c r="LNJ668" s="613"/>
      <c r="LNK668" s="613"/>
      <c r="LNL668" s="613"/>
      <c r="LNM668" s="613"/>
      <c r="LNN668" s="613"/>
      <c r="LNO668" s="613"/>
      <c r="LNP668" s="613"/>
      <c r="LNQ668" s="613"/>
      <c r="LNR668" s="613"/>
      <c r="LNS668" s="613"/>
      <c r="LNT668" s="613"/>
      <c r="LNU668" s="613"/>
      <c r="LNV668" s="613"/>
      <c r="LNW668" s="613"/>
      <c r="LNX668" s="613"/>
      <c r="LNY668" s="613"/>
      <c r="LNZ668" s="613"/>
      <c r="LOA668" s="613"/>
      <c r="LOB668" s="613"/>
      <c r="LOC668" s="613"/>
      <c r="LOD668" s="613"/>
      <c r="LOE668" s="613"/>
      <c r="LOF668" s="613"/>
      <c r="LOG668" s="613"/>
      <c r="LOH668" s="613"/>
      <c r="LOI668" s="613"/>
      <c r="LOJ668" s="613"/>
      <c r="LOK668" s="613"/>
      <c r="LOL668" s="613"/>
      <c r="LOM668" s="613"/>
      <c r="LON668" s="613"/>
      <c r="LOO668" s="613"/>
      <c r="LOP668" s="613"/>
      <c r="LOQ668" s="613"/>
      <c r="LOR668" s="613"/>
      <c r="LOS668" s="613"/>
      <c r="LOT668" s="613"/>
      <c r="LOU668" s="613"/>
      <c r="LOV668" s="613"/>
      <c r="LOW668" s="613"/>
      <c r="LOX668" s="613"/>
      <c r="LOY668" s="613"/>
      <c r="LOZ668" s="613"/>
      <c r="LPA668" s="613"/>
      <c r="LPB668" s="613"/>
      <c r="LPC668" s="613"/>
      <c r="LPD668" s="613"/>
      <c r="LPE668" s="613"/>
      <c r="LPF668" s="613"/>
      <c r="LPG668" s="613"/>
      <c r="LPH668" s="613"/>
      <c r="LPI668" s="613"/>
      <c r="LPJ668" s="613"/>
      <c r="LPK668" s="613"/>
      <c r="LPL668" s="613"/>
      <c r="LPM668" s="613"/>
      <c r="LPN668" s="613"/>
      <c r="LPO668" s="613"/>
      <c r="LPP668" s="613"/>
      <c r="LPQ668" s="613"/>
      <c r="LPR668" s="613"/>
      <c r="LPS668" s="613"/>
      <c r="LPT668" s="613"/>
      <c r="LPU668" s="613"/>
      <c r="LPV668" s="613"/>
      <c r="LPW668" s="613"/>
      <c r="LPX668" s="613"/>
      <c r="LPY668" s="613"/>
      <c r="LPZ668" s="613"/>
      <c r="LQA668" s="613"/>
      <c r="LQB668" s="613"/>
      <c r="LQC668" s="613"/>
      <c r="LQD668" s="613"/>
      <c r="LQE668" s="613"/>
      <c r="LQF668" s="613"/>
      <c r="LQG668" s="613"/>
      <c r="LQH668" s="613"/>
      <c r="LQI668" s="613"/>
      <c r="LQJ668" s="613"/>
      <c r="LQK668" s="613"/>
      <c r="LQL668" s="613"/>
      <c r="LQM668" s="613"/>
      <c r="LQN668" s="613"/>
      <c r="LQO668" s="613"/>
      <c r="LQP668" s="613"/>
      <c r="LQQ668" s="613"/>
      <c r="LQR668" s="613"/>
      <c r="LQS668" s="613"/>
      <c r="LQT668" s="613"/>
      <c r="LQU668" s="613"/>
      <c r="LQV668" s="613"/>
      <c r="LQW668" s="613"/>
      <c r="LQX668" s="613"/>
      <c r="LQY668" s="613"/>
      <c r="LQZ668" s="613"/>
      <c r="LRA668" s="613"/>
      <c r="LRB668" s="613"/>
      <c r="LRC668" s="613"/>
      <c r="LRD668" s="613"/>
      <c r="LRE668" s="613"/>
      <c r="LRF668" s="613"/>
      <c r="LRG668" s="613"/>
      <c r="LRH668" s="613"/>
      <c r="LRI668" s="613"/>
      <c r="LRJ668" s="613"/>
      <c r="LRK668" s="613"/>
      <c r="LRL668" s="613"/>
      <c r="LRM668" s="613"/>
      <c r="LRN668" s="613"/>
      <c r="LRO668" s="613"/>
      <c r="LRP668" s="613"/>
      <c r="LRQ668" s="613"/>
      <c r="LRR668" s="613"/>
      <c r="LRS668" s="613"/>
      <c r="LRT668" s="613"/>
      <c r="LRU668" s="613"/>
      <c r="LRV668" s="613"/>
      <c r="LRW668" s="613"/>
      <c r="LRX668" s="613"/>
      <c r="LRY668" s="613"/>
      <c r="LRZ668" s="613"/>
      <c r="LSA668" s="613"/>
      <c r="LSB668" s="613"/>
      <c r="LSC668" s="613"/>
      <c r="LSD668" s="613"/>
      <c r="LSE668" s="613"/>
      <c r="LSF668" s="613"/>
      <c r="LSG668" s="613"/>
      <c r="LSH668" s="613"/>
      <c r="LSI668" s="613"/>
      <c r="LSJ668" s="613"/>
      <c r="LSK668" s="613"/>
      <c r="LSL668" s="613"/>
      <c r="LSM668" s="613"/>
      <c r="LSN668" s="613"/>
      <c r="LSO668" s="613"/>
      <c r="LSP668" s="613"/>
      <c r="LSQ668" s="613"/>
      <c r="LSR668" s="613"/>
      <c r="LSS668" s="613"/>
      <c r="LST668" s="613"/>
      <c r="LSU668" s="613"/>
      <c r="LSV668" s="613"/>
      <c r="LSW668" s="613"/>
      <c r="LSX668" s="613"/>
      <c r="LSY668" s="613"/>
      <c r="LSZ668" s="613"/>
      <c r="LTA668" s="613"/>
      <c r="LTB668" s="613"/>
      <c r="LTC668" s="613"/>
      <c r="LTD668" s="613"/>
      <c r="LTE668" s="613"/>
      <c r="LTF668" s="613"/>
      <c r="LTG668" s="613"/>
      <c r="LTH668" s="613"/>
      <c r="LTI668" s="613"/>
      <c r="LTJ668" s="613"/>
      <c r="LTK668" s="613"/>
      <c r="LTL668" s="613"/>
      <c r="LTM668" s="613"/>
      <c r="LTN668" s="613"/>
      <c r="LTO668" s="613"/>
      <c r="LTP668" s="613"/>
      <c r="LTQ668" s="613"/>
      <c r="LTR668" s="613"/>
      <c r="LTS668" s="613"/>
      <c r="LTT668" s="613"/>
      <c r="LTU668" s="613"/>
      <c r="LTV668" s="613"/>
      <c r="LTW668" s="613"/>
      <c r="LTX668" s="613"/>
      <c r="LTY668" s="613"/>
      <c r="LTZ668" s="613"/>
      <c r="LUA668" s="613"/>
      <c r="LUB668" s="613"/>
      <c r="LUC668" s="613"/>
      <c r="LUD668" s="613"/>
      <c r="LUE668" s="613"/>
      <c r="LUF668" s="613"/>
      <c r="LUG668" s="613"/>
      <c r="LUH668" s="613"/>
      <c r="LUI668" s="613"/>
      <c r="LUJ668" s="613"/>
      <c r="LUK668" s="613"/>
      <c r="LUL668" s="613"/>
      <c r="LUM668" s="613"/>
      <c r="LUN668" s="613"/>
      <c r="LUO668" s="613"/>
      <c r="LUP668" s="613"/>
      <c r="LUQ668" s="613"/>
      <c r="LUR668" s="613"/>
      <c r="LUS668" s="613"/>
      <c r="LUT668" s="613"/>
      <c r="LUU668" s="613"/>
      <c r="LUV668" s="613"/>
      <c r="LUW668" s="613"/>
      <c r="LUX668" s="613"/>
      <c r="LUY668" s="613"/>
      <c r="LUZ668" s="613"/>
      <c r="LVA668" s="613"/>
      <c r="LVB668" s="613"/>
      <c r="LVC668" s="613"/>
      <c r="LVD668" s="613"/>
      <c r="LVE668" s="613"/>
      <c r="LVF668" s="613"/>
      <c r="LVG668" s="613"/>
      <c r="LVH668" s="613"/>
      <c r="LVI668" s="613"/>
      <c r="LVJ668" s="613"/>
      <c r="LVK668" s="613"/>
      <c r="LVL668" s="613"/>
      <c r="LVM668" s="613"/>
      <c r="LVN668" s="613"/>
      <c r="LVO668" s="613"/>
      <c r="LVP668" s="613"/>
      <c r="LVQ668" s="613"/>
      <c r="LVR668" s="613"/>
      <c r="LVS668" s="613"/>
      <c r="LVT668" s="613"/>
      <c r="LVU668" s="613"/>
      <c r="LVV668" s="613"/>
      <c r="LVW668" s="613"/>
      <c r="LVX668" s="613"/>
      <c r="LVY668" s="613"/>
      <c r="LVZ668" s="613"/>
      <c r="LWA668" s="613"/>
      <c r="LWB668" s="613"/>
      <c r="LWC668" s="613"/>
      <c r="LWD668" s="613"/>
      <c r="LWE668" s="613"/>
      <c r="LWF668" s="613"/>
      <c r="LWG668" s="613"/>
      <c r="LWH668" s="613"/>
      <c r="LWI668" s="613"/>
      <c r="LWJ668" s="613"/>
      <c r="LWK668" s="613"/>
      <c r="LWL668" s="613"/>
      <c r="LWM668" s="613"/>
      <c r="LWN668" s="613"/>
      <c r="LWO668" s="613"/>
      <c r="LWP668" s="613"/>
      <c r="LWQ668" s="613"/>
      <c r="LWR668" s="613"/>
      <c r="LWS668" s="613"/>
      <c r="LWT668" s="613"/>
      <c r="LWU668" s="613"/>
      <c r="LWV668" s="613"/>
      <c r="LWW668" s="613"/>
      <c r="LWX668" s="613"/>
      <c r="LWY668" s="613"/>
      <c r="LWZ668" s="613"/>
      <c r="LXA668" s="613"/>
      <c r="LXB668" s="613"/>
      <c r="LXC668" s="613"/>
      <c r="LXD668" s="613"/>
      <c r="LXE668" s="613"/>
      <c r="LXF668" s="613"/>
      <c r="LXG668" s="613"/>
      <c r="LXH668" s="613"/>
      <c r="LXI668" s="613"/>
      <c r="LXJ668" s="613"/>
      <c r="LXK668" s="613"/>
      <c r="LXL668" s="613"/>
      <c r="LXM668" s="613"/>
      <c r="LXN668" s="613"/>
      <c r="LXO668" s="613"/>
      <c r="LXP668" s="613"/>
      <c r="LXQ668" s="613"/>
      <c r="LXR668" s="613"/>
      <c r="LXS668" s="613"/>
      <c r="LXT668" s="613"/>
      <c r="LXU668" s="613"/>
      <c r="LXV668" s="613"/>
      <c r="LXW668" s="613"/>
      <c r="LXX668" s="613"/>
      <c r="LXY668" s="613"/>
      <c r="LXZ668" s="613"/>
      <c r="LYA668" s="613"/>
      <c r="LYB668" s="613"/>
      <c r="LYC668" s="613"/>
      <c r="LYD668" s="613"/>
      <c r="LYE668" s="613"/>
      <c r="LYF668" s="613"/>
      <c r="LYG668" s="613"/>
      <c r="LYH668" s="613"/>
      <c r="LYI668" s="613"/>
      <c r="LYJ668" s="613"/>
      <c r="LYK668" s="613"/>
      <c r="LYL668" s="613"/>
      <c r="LYM668" s="613"/>
      <c r="LYN668" s="613"/>
      <c r="LYO668" s="613"/>
      <c r="LYP668" s="613"/>
      <c r="LYQ668" s="613"/>
      <c r="LYR668" s="613"/>
      <c r="LYS668" s="613"/>
      <c r="LYT668" s="613"/>
      <c r="LYU668" s="613"/>
      <c r="LYV668" s="613"/>
      <c r="LYW668" s="613"/>
      <c r="LYX668" s="613"/>
      <c r="LYY668" s="613"/>
      <c r="LYZ668" s="613"/>
      <c r="LZA668" s="613"/>
      <c r="LZB668" s="613"/>
      <c r="LZC668" s="613"/>
      <c r="LZD668" s="613"/>
      <c r="LZE668" s="613"/>
      <c r="LZF668" s="613"/>
      <c r="LZG668" s="613"/>
      <c r="LZH668" s="613"/>
      <c r="LZI668" s="613"/>
      <c r="LZJ668" s="613"/>
      <c r="LZK668" s="613"/>
      <c r="LZL668" s="613"/>
      <c r="LZM668" s="613"/>
      <c r="LZN668" s="613"/>
      <c r="LZO668" s="613"/>
      <c r="LZP668" s="613"/>
      <c r="LZQ668" s="613"/>
      <c r="LZR668" s="613"/>
      <c r="LZS668" s="613"/>
      <c r="LZT668" s="613"/>
      <c r="LZU668" s="613"/>
      <c r="LZV668" s="613"/>
      <c r="LZW668" s="613"/>
      <c r="LZX668" s="613"/>
      <c r="LZY668" s="613"/>
      <c r="LZZ668" s="613"/>
      <c r="MAA668" s="613"/>
      <c r="MAB668" s="613"/>
      <c r="MAC668" s="613"/>
      <c r="MAD668" s="613"/>
      <c r="MAE668" s="613"/>
      <c r="MAF668" s="613"/>
      <c r="MAG668" s="613"/>
      <c r="MAH668" s="613"/>
      <c r="MAI668" s="613"/>
      <c r="MAJ668" s="613"/>
      <c r="MAK668" s="613"/>
      <c r="MAL668" s="613"/>
      <c r="MAM668" s="613"/>
      <c r="MAN668" s="613"/>
      <c r="MAO668" s="613"/>
      <c r="MAP668" s="613"/>
      <c r="MAQ668" s="613"/>
      <c r="MAR668" s="613"/>
      <c r="MAS668" s="613"/>
      <c r="MAT668" s="613"/>
      <c r="MAU668" s="613"/>
      <c r="MAV668" s="613"/>
      <c r="MAW668" s="613"/>
      <c r="MAX668" s="613"/>
      <c r="MAY668" s="613"/>
      <c r="MAZ668" s="613"/>
      <c r="MBA668" s="613"/>
      <c r="MBB668" s="613"/>
      <c r="MBC668" s="613"/>
      <c r="MBD668" s="613"/>
      <c r="MBE668" s="613"/>
      <c r="MBF668" s="613"/>
      <c r="MBG668" s="613"/>
      <c r="MBH668" s="613"/>
      <c r="MBI668" s="613"/>
      <c r="MBJ668" s="613"/>
      <c r="MBK668" s="613"/>
      <c r="MBL668" s="613"/>
      <c r="MBM668" s="613"/>
      <c r="MBN668" s="613"/>
      <c r="MBO668" s="613"/>
      <c r="MBP668" s="613"/>
      <c r="MBQ668" s="613"/>
      <c r="MBR668" s="613"/>
      <c r="MBS668" s="613"/>
      <c r="MBT668" s="613"/>
      <c r="MBU668" s="613"/>
      <c r="MBV668" s="613"/>
      <c r="MBW668" s="613"/>
      <c r="MBX668" s="613"/>
      <c r="MBY668" s="613"/>
      <c r="MBZ668" s="613"/>
      <c r="MCA668" s="613"/>
      <c r="MCB668" s="613"/>
      <c r="MCC668" s="613"/>
      <c r="MCD668" s="613"/>
      <c r="MCE668" s="613"/>
      <c r="MCF668" s="613"/>
      <c r="MCG668" s="613"/>
      <c r="MCH668" s="613"/>
      <c r="MCI668" s="613"/>
      <c r="MCJ668" s="613"/>
      <c r="MCK668" s="613"/>
      <c r="MCL668" s="613"/>
      <c r="MCM668" s="613"/>
      <c r="MCN668" s="613"/>
      <c r="MCO668" s="613"/>
      <c r="MCP668" s="613"/>
      <c r="MCQ668" s="613"/>
      <c r="MCR668" s="613"/>
      <c r="MCS668" s="613"/>
      <c r="MCT668" s="613"/>
      <c r="MCU668" s="613"/>
      <c r="MCV668" s="613"/>
      <c r="MCW668" s="613"/>
      <c r="MCX668" s="613"/>
      <c r="MCY668" s="613"/>
      <c r="MCZ668" s="613"/>
      <c r="MDA668" s="613"/>
      <c r="MDB668" s="613"/>
      <c r="MDC668" s="613"/>
      <c r="MDD668" s="613"/>
      <c r="MDE668" s="613"/>
      <c r="MDF668" s="613"/>
      <c r="MDG668" s="613"/>
      <c r="MDH668" s="613"/>
      <c r="MDI668" s="613"/>
      <c r="MDJ668" s="613"/>
      <c r="MDK668" s="613"/>
      <c r="MDL668" s="613"/>
      <c r="MDM668" s="613"/>
      <c r="MDN668" s="613"/>
      <c r="MDO668" s="613"/>
      <c r="MDP668" s="613"/>
      <c r="MDQ668" s="613"/>
      <c r="MDR668" s="613"/>
      <c r="MDS668" s="613"/>
      <c r="MDT668" s="613"/>
      <c r="MDU668" s="613"/>
      <c r="MDV668" s="613"/>
      <c r="MDW668" s="613"/>
      <c r="MDX668" s="613"/>
      <c r="MDY668" s="613"/>
      <c r="MDZ668" s="613"/>
      <c r="MEA668" s="613"/>
      <c r="MEB668" s="613"/>
      <c r="MEC668" s="613"/>
      <c r="MED668" s="613"/>
      <c r="MEE668" s="613"/>
      <c r="MEF668" s="613"/>
      <c r="MEG668" s="613"/>
      <c r="MEH668" s="613"/>
      <c r="MEI668" s="613"/>
      <c r="MEJ668" s="613"/>
      <c r="MEK668" s="613"/>
      <c r="MEL668" s="613"/>
      <c r="MEM668" s="613"/>
      <c r="MEN668" s="613"/>
      <c r="MEO668" s="613"/>
      <c r="MEP668" s="613"/>
      <c r="MEQ668" s="613"/>
      <c r="MER668" s="613"/>
      <c r="MES668" s="613"/>
      <c r="MET668" s="613"/>
      <c r="MEU668" s="613"/>
      <c r="MEV668" s="613"/>
      <c r="MEW668" s="613"/>
      <c r="MEX668" s="613"/>
      <c r="MEY668" s="613"/>
      <c r="MEZ668" s="613"/>
      <c r="MFA668" s="613"/>
      <c r="MFB668" s="613"/>
      <c r="MFC668" s="613"/>
      <c r="MFD668" s="613"/>
      <c r="MFE668" s="613"/>
      <c r="MFF668" s="613"/>
      <c r="MFG668" s="613"/>
      <c r="MFH668" s="613"/>
      <c r="MFI668" s="613"/>
      <c r="MFJ668" s="613"/>
      <c r="MFK668" s="613"/>
      <c r="MFL668" s="613"/>
      <c r="MFM668" s="613"/>
      <c r="MFN668" s="613"/>
      <c r="MFO668" s="613"/>
      <c r="MFP668" s="613"/>
      <c r="MFQ668" s="613"/>
      <c r="MFR668" s="613"/>
      <c r="MFS668" s="613"/>
      <c r="MFT668" s="613"/>
      <c r="MFU668" s="613"/>
      <c r="MFV668" s="613"/>
      <c r="MFW668" s="613"/>
      <c r="MFX668" s="613"/>
      <c r="MFY668" s="613"/>
      <c r="MFZ668" s="613"/>
      <c r="MGA668" s="613"/>
      <c r="MGB668" s="613"/>
      <c r="MGC668" s="613"/>
      <c r="MGD668" s="613"/>
      <c r="MGE668" s="613"/>
      <c r="MGF668" s="613"/>
      <c r="MGG668" s="613"/>
      <c r="MGH668" s="613"/>
      <c r="MGI668" s="613"/>
      <c r="MGJ668" s="613"/>
      <c r="MGK668" s="613"/>
      <c r="MGL668" s="613"/>
      <c r="MGM668" s="613"/>
      <c r="MGN668" s="613"/>
      <c r="MGO668" s="613"/>
      <c r="MGP668" s="613"/>
      <c r="MGQ668" s="613"/>
      <c r="MGR668" s="613"/>
      <c r="MGS668" s="613"/>
      <c r="MGT668" s="613"/>
      <c r="MGU668" s="613"/>
      <c r="MGV668" s="613"/>
      <c r="MGW668" s="613"/>
      <c r="MGX668" s="613"/>
      <c r="MGY668" s="613"/>
      <c r="MGZ668" s="613"/>
      <c r="MHA668" s="613"/>
      <c r="MHB668" s="613"/>
      <c r="MHC668" s="613"/>
      <c r="MHD668" s="613"/>
      <c r="MHE668" s="613"/>
      <c r="MHF668" s="613"/>
      <c r="MHG668" s="613"/>
      <c r="MHH668" s="613"/>
      <c r="MHI668" s="613"/>
      <c r="MHJ668" s="613"/>
      <c r="MHK668" s="613"/>
      <c r="MHL668" s="613"/>
      <c r="MHM668" s="613"/>
      <c r="MHN668" s="613"/>
      <c r="MHO668" s="613"/>
      <c r="MHP668" s="613"/>
      <c r="MHQ668" s="613"/>
      <c r="MHR668" s="613"/>
      <c r="MHS668" s="613"/>
      <c r="MHT668" s="613"/>
      <c r="MHU668" s="613"/>
      <c r="MHV668" s="613"/>
      <c r="MHW668" s="613"/>
      <c r="MHX668" s="613"/>
      <c r="MHY668" s="613"/>
      <c r="MHZ668" s="613"/>
      <c r="MIA668" s="613"/>
      <c r="MIB668" s="613"/>
      <c r="MIC668" s="613"/>
      <c r="MID668" s="613"/>
      <c r="MIE668" s="613"/>
      <c r="MIF668" s="613"/>
      <c r="MIG668" s="613"/>
      <c r="MIH668" s="613"/>
      <c r="MII668" s="613"/>
      <c r="MIJ668" s="613"/>
      <c r="MIK668" s="613"/>
      <c r="MIL668" s="613"/>
      <c r="MIM668" s="613"/>
      <c r="MIN668" s="613"/>
      <c r="MIO668" s="613"/>
      <c r="MIP668" s="613"/>
      <c r="MIQ668" s="613"/>
      <c r="MIR668" s="613"/>
      <c r="MIS668" s="613"/>
      <c r="MIT668" s="613"/>
      <c r="MIU668" s="613"/>
      <c r="MIV668" s="613"/>
      <c r="MIW668" s="613"/>
      <c r="MIX668" s="613"/>
      <c r="MIY668" s="613"/>
      <c r="MIZ668" s="613"/>
      <c r="MJA668" s="613"/>
      <c r="MJB668" s="613"/>
      <c r="MJC668" s="613"/>
      <c r="MJD668" s="613"/>
      <c r="MJE668" s="613"/>
      <c r="MJF668" s="613"/>
      <c r="MJG668" s="613"/>
      <c r="MJH668" s="613"/>
      <c r="MJI668" s="613"/>
      <c r="MJJ668" s="613"/>
      <c r="MJK668" s="613"/>
      <c r="MJL668" s="613"/>
      <c r="MJM668" s="613"/>
      <c r="MJN668" s="613"/>
      <c r="MJO668" s="613"/>
      <c r="MJP668" s="613"/>
      <c r="MJQ668" s="613"/>
      <c r="MJR668" s="613"/>
      <c r="MJS668" s="613"/>
      <c r="MJT668" s="613"/>
      <c r="MJU668" s="613"/>
      <c r="MJV668" s="613"/>
      <c r="MJW668" s="613"/>
      <c r="MJX668" s="613"/>
      <c r="MJY668" s="613"/>
      <c r="MJZ668" s="613"/>
      <c r="MKA668" s="613"/>
      <c r="MKB668" s="613"/>
      <c r="MKC668" s="613"/>
      <c r="MKD668" s="613"/>
      <c r="MKE668" s="613"/>
      <c r="MKF668" s="613"/>
      <c r="MKG668" s="613"/>
      <c r="MKH668" s="613"/>
      <c r="MKI668" s="613"/>
      <c r="MKJ668" s="613"/>
      <c r="MKK668" s="613"/>
      <c r="MKL668" s="613"/>
      <c r="MKM668" s="613"/>
      <c r="MKN668" s="613"/>
      <c r="MKO668" s="613"/>
      <c r="MKP668" s="613"/>
      <c r="MKQ668" s="613"/>
      <c r="MKR668" s="613"/>
      <c r="MKS668" s="613"/>
      <c r="MKT668" s="613"/>
      <c r="MKU668" s="613"/>
      <c r="MKV668" s="613"/>
      <c r="MKW668" s="613"/>
      <c r="MKX668" s="613"/>
      <c r="MKY668" s="613"/>
      <c r="MKZ668" s="613"/>
      <c r="MLA668" s="613"/>
      <c r="MLB668" s="613"/>
      <c r="MLC668" s="613"/>
      <c r="MLD668" s="613"/>
      <c r="MLE668" s="613"/>
      <c r="MLF668" s="613"/>
      <c r="MLG668" s="613"/>
      <c r="MLH668" s="613"/>
      <c r="MLI668" s="613"/>
      <c r="MLJ668" s="613"/>
      <c r="MLK668" s="613"/>
      <c r="MLL668" s="613"/>
      <c r="MLM668" s="613"/>
      <c r="MLN668" s="613"/>
      <c r="MLO668" s="613"/>
      <c r="MLP668" s="613"/>
      <c r="MLQ668" s="613"/>
      <c r="MLR668" s="613"/>
      <c r="MLS668" s="613"/>
      <c r="MLT668" s="613"/>
      <c r="MLU668" s="613"/>
      <c r="MLV668" s="613"/>
      <c r="MLW668" s="613"/>
      <c r="MLX668" s="613"/>
      <c r="MLY668" s="613"/>
      <c r="MLZ668" s="613"/>
      <c r="MMA668" s="613"/>
      <c r="MMB668" s="613"/>
      <c r="MMC668" s="613"/>
      <c r="MMD668" s="613"/>
      <c r="MME668" s="613"/>
      <c r="MMF668" s="613"/>
      <c r="MMG668" s="613"/>
      <c r="MMH668" s="613"/>
      <c r="MMI668" s="613"/>
      <c r="MMJ668" s="613"/>
      <c r="MMK668" s="613"/>
      <c r="MML668" s="613"/>
      <c r="MMM668" s="613"/>
      <c r="MMN668" s="613"/>
      <c r="MMO668" s="613"/>
      <c r="MMP668" s="613"/>
      <c r="MMQ668" s="613"/>
      <c r="MMR668" s="613"/>
      <c r="MMS668" s="613"/>
      <c r="MMT668" s="613"/>
      <c r="MMU668" s="613"/>
      <c r="MMV668" s="613"/>
      <c r="MMW668" s="613"/>
      <c r="MMX668" s="613"/>
      <c r="MMY668" s="613"/>
      <c r="MMZ668" s="613"/>
      <c r="MNA668" s="613"/>
      <c r="MNB668" s="613"/>
      <c r="MNC668" s="613"/>
      <c r="MND668" s="613"/>
      <c r="MNE668" s="613"/>
      <c r="MNF668" s="613"/>
      <c r="MNG668" s="613"/>
      <c r="MNH668" s="613"/>
      <c r="MNI668" s="613"/>
      <c r="MNJ668" s="613"/>
      <c r="MNK668" s="613"/>
      <c r="MNL668" s="613"/>
      <c r="MNM668" s="613"/>
      <c r="MNN668" s="613"/>
      <c r="MNO668" s="613"/>
      <c r="MNP668" s="613"/>
      <c r="MNQ668" s="613"/>
      <c r="MNR668" s="613"/>
      <c r="MNS668" s="613"/>
      <c r="MNT668" s="613"/>
      <c r="MNU668" s="613"/>
      <c r="MNV668" s="613"/>
      <c r="MNW668" s="613"/>
      <c r="MNX668" s="613"/>
      <c r="MNY668" s="613"/>
      <c r="MNZ668" s="613"/>
      <c r="MOA668" s="613"/>
      <c r="MOB668" s="613"/>
      <c r="MOC668" s="613"/>
      <c r="MOD668" s="613"/>
      <c r="MOE668" s="613"/>
      <c r="MOF668" s="613"/>
      <c r="MOG668" s="613"/>
      <c r="MOH668" s="613"/>
      <c r="MOI668" s="613"/>
      <c r="MOJ668" s="613"/>
      <c r="MOK668" s="613"/>
      <c r="MOL668" s="613"/>
      <c r="MOM668" s="613"/>
      <c r="MON668" s="613"/>
      <c r="MOO668" s="613"/>
      <c r="MOP668" s="613"/>
      <c r="MOQ668" s="613"/>
      <c r="MOR668" s="613"/>
      <c r="MOS668" s="613"/>
      <c r="MOT668" s="613"/>
      <c r="MOU668" s="613"/>
      <c r="MOV668" s="613"/>
      <c r="MOW668" s="613"/>
      <c r="MOX668" s="613"/>
      <c r="MOY668" s="613"/>
      <c r="MOZ668" s="613"/>
      <c r="MPA668" s="613"/>
      <c r="MPB668" s="613"/>
      <c r="MPC668" s="613"/>
      <c r="MPD668" s="613"/>
      <c r="MPE668" s="613"/>
      <c r="MPF668" s="613"/>
      <c r="MPG668" s="613"/>
      <c r="MPH668" s="613"/>
      <c r="MPI668" s="613"/>
      <c r="MPJ668" s="613"/>
      <c r="MPK668" s="613"/>
      <c r="MPL668" s="613"/>
      <c r="MPM668" s="613"/>
      <c r="MPN668" s="613"/>
      <c r="MPO668" s="613"/>
      <c r="MPP668" s="613"/>
      <c r="MPQ668" s="613"/>
      <c r="MPR668" s="613"/>
      <c r="MPS668" s="613"/>
      <c r="MPT668" s="613"/>
      <c r="MPU668" s="613"/>
      <c r="MPV668" s="613"/>
      <c r="MPW668" s="613"/>
      <c r="MPX668" s="613"/>
      <c r="MPY668" s="613"/>
      <c r="MPZ668" s="613"/>
      <c r="MQA668" s="613"/>
      <c r="MQB668" s="613"/>
      <c r="MQC668" s="613"/>
      <c r="MQD668" s="613"/>
      <c r="MQE668" s="613"/>
      <c r="MQF668" s="613"/>
      <c r="MQG668" s="613"/>
      <c r="MQH668" s="613"/>
      <c r="MQI668" s="613"/>
      <c r="MQJ668" s="613"/>
      <c r="MQK668" s="613"/>
      <c r="MQL668" s="613"/>
      <c r="MQM668" s="613"/>
      <c r="MQN668" s="613"/>
      <c r="MQO668" s="613"/>
      <c r="MQP668" s="613"/>
      <c r="MQQ668" s="613"/>
      <c r="MQR668" s="613"/>
      <c r="MQS668" s="613"/>
      <c r="MQT668" s="613"/>
      <c r="MQU668" s="613"/>
      <c r="MQV668" s="613"/>
      <c r="MQW668" s="613"/>
      <c r="MQX668" s="613"/>
      <c r="MQY668" s="613"/>
      <c r="MQZ668" s="613"/>
      <c r="MRA668" s="613"/>
      <c r="MRB668" s="613"/>
      <c r="MRC668" s="613"/>
      <c r="MRD668" s="613"/>
      <c r="MRE668" s="613"/>
      <c r="MRF668" s="613"/>
      <c r="MRG668" s="613"/>
      <c r="MRH668" s="613"/>
      <c r="MRI668" s="613"/>
      <c r="MRJ668" s="613"/>
      <c r="MRK668" s="613"/>
      <c r="MRL668" s="613"/>
      <c r="MRM668" s="613"/>
      <c r="MRN668" s="613"/>
      <c r="MRO668" s="613"/>
      <c r="MRP668" s="613"/>
      <c r="MRQ668" s="613"/>
      <c r="MRR668" s="613"/>
      <c r="MRS668" s="613"/>
      <c r="MRT668" s="613"/>
      <c r="MRU668" s="613"/>
      <c r="MRV668" s="613"/>
      <c r="MRW668" s="613"/>
      <c r="MRX668" s="613"/>
      <c r="MRY668" s="613"/>
      <c r="MRZ668" s="613"/>
      <c r="MSA668" s="613"/>
      <c r="MSB668" s="613"/>
      <c r="MSC668" s="613"/>
      <c r="MSD668" s="613"/>
      <c r="MSE668" s="613"/>
      <c r="MSF668" s="613"/>
      <c r="MSG668" s="613"/>
      <c r="MSH668" s="613"/>
      <c r="MSI668" s="613"/>
      <c r="MSJ668" s="613"/>
      <c r="MSK668" s="613"/>
      <c r="MSL668" s="613"/>
      <c r="MSM668" s="613"/>
      <c r="MSN668" s="613"/>
      <c r="MSO668" s="613"/>
      <c r="MSP668" s="613"/>
      <c r="MSQ668" s="613"/>
      <c r="MSR668" s="613"/>
      <c r="MSS668" s="613"/>
      <c r="MST668" s="613"/>
      <c r="MSU668" s="613"/>
      <c r="MSV668" s="613"/>
      <c r="MSW668" s="613"/>
      <c r="MSX668" s="613"/>
      <c r="MSY668" s="613"/>
      <c r="MSZ668" s="613"/>
      <c r="MTA668" s="613"/>
      <c r="MTB668" s="613"/>
      <c r="MTC668" s="613"/>
      <c r="MTD668" s="613"/>
      <c r="MTE668" s="613"/>
      <c r="MTF668" s="613"/>
      <c r="MTG668" s="613"/>
      <c r="MTH668" s="613"/>
      <c r="MTI668" s="613"/>
      <c r="MTJ668" s="613"/>
      <c r="MTK668" s="613"/>
      <c r="MTL668" s="613"/>
      <c r="MTM668" s="613"/>
      <c r="MTN668" s="613"/>
      <c r="MTO668" s="613"/>
      <c r="MTP668" s="613"/>
      <c r="MTQ668" s="613"/>
      <c r="MTR668" s="613"/>
      <c r="MTS668" s="613"/>
      <c r="MTT668" s="613"/>
      <c r="MTU668" s="613"/>
      <c r="MTV668" s="613"/>
      <c r="MTW668" s="613"/>
      <c r="MTX668" s="613"/>
      <c r="MTY668" s="613"/>
      <c r="MTZ668" s="613"/>
      <c r="MUA668" s="613"/>
      <c r="MUB668" s="613"/>
      <c r="MUC668" s="613"/>
      <c r="MUD668" s="613"/>
      <c r="MUE668" s="613"/>
      <c r="MUF668" s="613"/>
      <c r="MUG668" s="613"/>
      <c r="MUH668" s="613"/>
      <c r="MUI668" s="613"/>
      <c r="MUJ668" s="613"/>
      <c r="MUK668" s="613"/>
      <c r="MUL668" s="613"/>
      <c r="MUM668" s="613"/>
      <c r="MUN668" s="613"/>
      <c r="MUO668" s="613"/>
      <c r="MUP668" s="613"/>
      <c r="MUQ668" s="613"/>
      <c r="MUR668" s="613"/>
      <c r="MUS668" s="613"/>
      <c r="MUT668" s="613"/>
      <c r="MUU668" s="613"/>
      <c r="MUV668" s="613"/>
      <c r="MUW668" s="613"/>
      <c r="MUX668" s="613"/>
      <c r="MUY668" s="613"/>
      <c r="MUZ668" s="613"/>
      <c r="MVA668" s="613"/>
      <c r="MVB668" s="613"/>
      <c r="MVC668" s="613"/>
      <c r="MVD668" s="613"/>
      <c r="MVE668" s="613"/>
      <c r="MVF668" s="613"/>
      <c r="MVG668" s="613"/>
      <c r="MVH668" s="613"/>
      <c r="MVI668" s="613"/>
      <c r="MVJ668" s="613"/>
      <c r="MVK668" s="613"/>
      <c r="MVL668" s="613"/>
      <c r="MVM668" s="613"/>
      <c r="MVN668" s="613"/>
      <c r="MVO668" s="613"/>
      <c r="MVP668" s="613"/>
      <c r="MVQ668" s="613"/>
      <c r="MVR668" s="613"/>
      <c r="MVS668" s="613"/>
      <c r="MVT668" s="613"/>
      <c r="MVU668" s="613"/>
      <c r="MVV668" s="613"/>
      <c r="MVW668" s="613"/>
      <c r="MVX668" s="613"/>
      <c r="MVY668" s="613"/>
      <c r="MVZ668" s="613"/>
      <c r="MWA668" s="613"/>
      <c r="MWB668" s="613"/>
      <c r="MWC668" s="613"/>
      <c r="MWD668" s="613"/>
      <c r="MWE668" s="613"/>
      <c r="MWF668" s="613"/>
      <c r="MWG668" s="613"/>
      <c r="MWH668" s="613"/>
      <c r="MWI668" s="613"/>
      <c r="MWJ668" s="613"/>
      <c r="MWK668" s="613"/>
      <c r="MWL668" s="613"/>
      <c r="MWM668" s="613"/>
      <c r="MWN668" s="613"/>
      <c r="MWO668" s="613"/>
      <c r="MWP668" s="613"/>
      <c r="MWQ668" s="613"/>
      <c r="MWR668" s="613"/>
      <c r="MWS668" s="613"/>
      <c r="MWT668" s="613"/>
      <c r="MWU668" s="613"/>
      <c r="MWV668" s="613"/>
      <c r="MWW668" s="613"/>
      <c r="MWX668" s="613"/>
      <c r="MWY668" s="613"/>
      <c r="MWZ668" s="613"/>
      <c r="MXA668" s="613"/>
      <c r="MXB668" s="613"/>
      <c r="MXC668" s="613"/>
      <c r="MXD668" s="613"/>
      <c r="MXE668" s="613"/>
      <c r="MXF668" s="613"/>
      <c r="MXG668" s="613"/>
      <c r="MXH668" s="613"/>
      <c r="MXI668" s="613"/>
      <c r="MXJ668" s="613"/>
      <c r="MXK668" s="613"/>
      <c r="MXL668" s="613"/>
      <c r="MXM668" s="613"/>
      <c r="MXN668" s="613"/>
      <c r="MXO668" s="613"/>
      <c r="MXP668" s="613"/>
      <c r="MXQ668" s="613"/>
      <c r="MXR668" s="613"/>
      <c r="MXS668" s="613"/>
      <c r="MXT668" s="613"/>
      <c r="MXU668" s="613"/>
      <c r="MXV668" s="613"/>
      <c r="MXW668" s="613"/>
      <c r="MXX668" s="613"/>
      <c r="MXY668" s="613"/>
      <c r="MXZ668" s="613"/>
      <c r="MYA668" s="613"/>
      <c r="MYB668" s="613"/>
      <c r="MYC668" s="613"/>
      <c r="MYD668" s="613"/>
      <c r="MYE668" s="613"/>
      <c r="MYF668" s="613"/>
      <c r="MYG668" s="613"/>
      <c r="MYH668" s="613"/>
      <c r="MYI668" s="613"/>
      <c r="MYJ668" s="613"/>
      <c r="MYK668" s="613"/>
      <c r="MYL668" s="613"/>
      <c r="MYM668" s="613"/>
      <c r="MYN668" s="613"/>
      <c r="MYO668" s="613"/>
      <c r="MYP668" s="613"/>
      <c r="MYQ668" s="613"/>
      <c r="MYR668" s="613"/>
      <c r="MYS668" s="613"/>
      <c r="MYT668" s="613"/>
      <c r="MYU668" s="613"/>
      <c r="MYV668" s="613"/>
      <c r="MYW668" s="613"/>
      <c r="MYX668" s="613"/>
      <c r="MYY668" s="613"/>
      <c r="MYZ668" s="613"/>
      <c r="MZA668" s="613"/>
      <c r="MZB668" s="613"/>
      <c r="MZC668" s="613"/>
      <c r="MZD668" s="613"/>
      <c r="MZE668" s="613"/>
      <c r="MZF668" s="613"/>
      <c r="MZG668" s="613"/>
      <c r="MZH668" s="613"/>
      <c r="MZI668" s="613"/>
      <c r="MZJ668" s="613"/>
      <c r="MZK668" s="613"/>
      <c r="MZL668" s="613"/>
      <c r="MZM668" s="613"/>
      <c r="MZN668" s="613"/>
      <c r="MZO668" s="613"/>
      <c r="MZP668" s="613"/>
      <c r="MZQ668" s="613"/>
      <c r="MZR668" s="613"/>
      <c r="MZS668" s="613"/>
      <c r="MZT668" s="613"/>
      <c r="MZU668" s="613"/>
      <c r="MZV668" s="613"/>
      <c r="MZW668" s="613"/>
      <c r="MZX668" s="613"/>
      <c r="MZY668" s="613"/>
      <c r="MZZ668" s="613"/>
      <c r="NAA668" s="613"/>
      <c r="NAB668" s="613"/>
      <c r="NAC668" s="613"/>
      <c r="NAD668" s="613"/>
      <c r="NAE668" s="613"/>
      <c r="NAF668" s="613"/>
      <c r="NAG668" s="613"/>
      <c r="NAH668" s="613"/>
      <c r="NAI668" s="613"/>
      <c r="NAJ668" s="613"/>
      <c r="NAK668" s="613"/>
      <c r="NAL668" s="613"/>
      <c r="NAM668" s="613"/>
      <c r="NAN668" s="613"/>
      <c r="NAO668" s="613"/>
      <c r="NAP668" s="613"/>
      <c r="NAQ668" s="613"/>
      <c r="NAR668" s="613"/>
      <c r="NAS668" s="613"/>
      <c r="NAT668" s="613"/>
      <c r="NAU668" s="613"/>
      <c r="NAV668" s="613"/>
      <c r="NAW668" s="613"/>
      <c r="NAX668" s="613"/>
      <c r="NAY668" s="613"/>
      <c r="NAZ668" s="613"/>
      <c r="NBA668" s="613"/>
      <c r="NBB668" s="613"/>
      <c r="NBC668" s="613"/>
      <c r="NBD668" s="613"/>
      <c r="NBE668" s="613"/>
      <c r="NBF668" s="613"/>
      <c r="NBG668" s="613"/>
      <c r="NBH668" s="613"/>
      <c r="NBI668" s="613"/>
      <c r="NBJ668" s="613"/>
      <c r="NBK668" s="613"/>
      <c r="NBL668" s="613"/>
      <c r="NBM668" s="613"/>
      <c r="NBN668" s="613"/>
      <c r="NBO668" s="613"/>
      <c r="NBP668" s="613"/>
      <c r="NBQ668" s="613"/>
      <c r="NBR668" s="613"/>
      <c r="NBS668" s="613"/>
      <c r="NBT668" s="613"/>
      <c r="NBU668" s="613"/>
      <c r="NBV668" s="613"/>
      <c r="NBW668" s="613"/>
      <c r="NBX668" s="613"/>
      <c r="NBY668" s="613"/>
      <c r="NBZ668" s="613"/>
      <c r="NCA668" s="613"/>
      <c r="NCB668" s="613"/>
      <c r="NCC668" s="613"/>
      <c r="NCD668" s="613"/>
      <c r="NCE668" s="613"/>
      <c r="NCF668" s="613"/>
      <c r="NCG668" s="613"/>
      <c r="NCH668" s="613"/>
      <c r="NCI668" s="613"/>
      <c r="NCJ668" s="613"/>
      <c r="NCK668" s="613"/>
      <c r="NCL668" s="613"/>
      <c r="NCM668" s="613"/>
      <c r="NCN668" s="613"/>
      <c r="NCO668" s="613"/>
      <c r="NCP668" s="613"/>
      <c r="NCQ668" s="613"/>
      <c r="NCR668" s="613"/>
      <c r="NCS668" s="613"/>
      <c r="NCT668" s="613"/>
      <c r="NCU668" s="613"/>
      <c r="NCV668" s="613"/>
      <c r="NCW668" s="613"/>
      <c r="NCX668" s="613"/>
      <c r="NCY668" s="613"/>
      <c r="NCZ668" s="613"/>
      <c r="NDA668" s="613"/>
      <c r="NDB668" s="613"/>
      <c r="NDC668" s="613"/>
      <c r="NDD668" s="613"/>
      <c r="NDE668" s="613"/>
      <c r="NDF668" s="613"/>
      <c r="NDG668" s="613"/>
      <c r="NDH668" s="613"/>
      <c r="NDI668" s="613"/>
      <c r="NDJ668" s="613"/>
      <c r="NDK668" s="613"/>
      <c r="NDL668" s="613"/>
      <c r="NDM668" s="613"/>
      <c r="NDN668" s="613"/>
      <c r="NDO668" s="613"/>
      <c r="NDP668" s="613"/>
      <c r="NDQ668" s="613"/>
      <c r="NDR668" s="613"/>
      <c r="NDS668" s="613"/>
      <c r="NDT668" s="613"/>
      <c r="NDU668" s="613"/>
      <c r="NDV668" s="613"/>
      <c r="NDW668" s="613"/>
      <c r="NDX668" s="613"/>
      <c r="NDY668" s="613"/>
      <c r="NDZ668" s="613"/>
      <c r="NEA668" s="613"/>
      <c r="NEB668" s="613"/>
      <c r="NEC668" s="613"/>
      <c r="NED668" s="613"/>
      <c r="NEE668" s="613"/>
      <c r="NEF668" s="613"/>
      <c r="NEG668" s="613"/>
      <c r="NEH668" s="613"/>
      <c r="NEI668" s="613"/>
      <c r="NEJ668" s="613"/>
      <c r="NEK668" s="613"/>
      <c r="NEL668" s="613"/>
      <c r="NEM668" s="613"/>
      <c r="NEN668" s="613"/>
      <c r="NEO668" s="613"/>
      <c r="NEP668" s="613"/>
      <c r="NEQ668" s="613"/>
      <c r="NER668" s="613"/>
      <c r="NES668" s="613"/>
      <c r="NET668" s="613"/>
      <c r="NEU668" s="613"/>
      <c r="NEV668" s="613"/>
      <c r="NEW668" s="613"/>
      <c r="NEX668" s="613"/>
      <c r="NEY668" s="613"/>
      <c r="NEZ668" s="613"/>
      <c r="NFA668" s="613"/>
      <c r="NFB668" s="613"/>
      <c r="NFC668" s="613"/>
      <c r="NFD668" s="613"/>
      <c r="NFE668" s="613"/>
      <c r="NFF668" s="613"/>
      <c r="NFG668" s="613"/>
      <c r="NFH668" s="613"/>
      <c r="NFI668" s="613"/>
      <c r="NFJ668" s="613"/>
      <c r="NFK668" s="613"/>
      <c r="NFL668" s="613"/>
      <c r="NFM668" s="613"/>
      <c r="NFN668" s="613"/>
      <c r="NFO668" s="613"/>
      <c r="NFP668" s="613"/>
      <c r="NFQ668" s="613"/>
      <c r="NFR668" s="613"/>
      <c r="NFS668" s="613"/>
      <c r="NFT668" s="613"/>
      <c r="NFU668" s="613"/>
      <c r="NFV668" s="613"/>
      <c r="NFW668" s="613"/>
      <c r="NFX668" s="613"/>
      <c r="NFY668" s="613"/>
      <c r="NFZ668" s="613"/>
      <c r="NGA668" s="613"/>
      <c r="NGB668" s="613"/>
      <c r="NGC668" s="613"/>
      <c r="NGD668" s="613"/>
      <c r="NGE668" s="613"/>
      <c r="NGF668" s="613"/>
      <c r="NGG668" s="613"/>
      <c r="NGH668" s="613"/>
      <c r="NGI668" s="613"/>
      <c r="NGJ668" s="613"/>
      <c r="NGK668" s="613"/>
      <c r="NGL668" s="613"/>
      <c r="NGM668" s="613"/>
      <c r="NGN668" s="613"/>
      <c r="NGO668" s="613"/>
      <c r="NGP668" s="613"/>
      <c r="NGQ668" s="613"/>
      <c r="NGR668" s="613"/>
      <c r="NGS668" s="613"/>
      <c r="NGT668" s="613"/>
      <c r="NGU668" s="613"/>
      <c r="NGV668" s="613"/>
      <c r="NGW668" s="613"/>
      <c r="NGX668" s="613"/>
      <c r="NGY668" s="613"/>
      <c r="NGZ668" s="613"/>
      <c r="NHA668" s="613"/>
      <c r="NHB668" s="613"/>
      <c r="NHC668" s="613"/>
      <c r="NHD668" s="613"/>
      <c r="NHE668" s="613"/>
      <c r="NHF668" s="613"/>
      <c r="NHG668" s="613"/>
      <c r="NHH668" s="613"/>
      <c r="NHI668" s="613"/>
      <c r="NHJ668" s="613"/>
      <c r="NHK668" s="613"/>
      <c r="NHL668" s="613"/>
      <c r="NHM668" s="613"/>
      <c r="NHN668" s="613"/>
      <c r="NHO668" s="613"/>
      <c r="NHP668" s="613"/>
      <c r="NHQ668" s="613"/>
      <c r="NHR668" s="613"/>
      <c r="NHS668" s="613"/>
      <c r="NHT668" s="613"/>
      <c r="NHU668" s="613"/>
      <c r="NHV668" s="613"/>
      <c r="NHW668" s="613"/>
      <c r="NHX668" s="613"/>
      <c r="NHY668" s="613"/>
      <c r="NHZ668" s="613"/>
      <c r="NIA668" s="613"/>
      <c r="NIB668" s="613"/>
      <c r="NIC668" s="613"/>
      <c r="NID668" s="613"/>
      <c r="NIE668" s="613"/>
      <c r="NIF668" s="613"/>
      <c r="NIG668" s="613"/>
      <c r="NIH668" s="613"/>
      <c r="NII668" s="613"/>
      <c r="NIJ668" s="613"/>
      <c r="NIK668" s="613"/>
      <c r="NIL668" s="613"/>
      <c r="NIM668" s="613"/>
      <c r="NIN668" s="613"/>
      <c r="NIO668" s="613"/>
      <c r="NIP668" s="613"/>
      <c r="NIQ668" s="613"/>
      <c r="NIR668" s="613"/>
      <c r="NIS668" s="613"/>
      <c r="NIT668" s="613"/>
      <c r="NIU668" s="613"/>
      <c r="NIV668" s="613"/>
      <c r="NIW668" s="613"/>
      <c r="NIX668" s="613"/>
      <c r="NIY668" s="613"/>
      <c r="NIZ668" s="613"/>
      <c r="NJA668" s="613"/>
      <c r="NJB668" s="613"/>
      <c r="NJC668" s="613"/>
      <c r="NJD668" s="613"/>
      <c r="NJE668" s="613"/>
      <c r="NJF668" s="613"/>
      <c r="NJG668" s="613"/>
      <c r="NJH668" s="613"/>
      <c r="NJI668" s="613"/>
      <c r="NJJ668" s="613"/>
      <c r="NJK668" s="613"/>
      <c r="NJL668" s="613"/>
      <c r="NJM668" s="613"/>
      <c r="NJN668" s="613"/>
      <c r="NJO668" s="613"/>
      <c r="NJP668" s="613"/>
      <c r="NJQ668" s="613"/>
      <c r="NJR668" s="613"/>
      <c r="NJS668" s="613"/>
      <c r="NJT668" s="613"/>
      <c r="NJU668" s="613"/>
      <c r="NJV668" s="613"/>
      <c r="NJW668" s="613"/>
      <c r="NJX668" s="613"/>
      <c r="NJY668" s="613"/>
      <c r="NJZ668" s="613"/>
      <c r="NKA668" s="613"/>
      <c r="NKB668" s="613"/>
      <c r="NKC668" s="613"/>
      <c r="NKD668" s="613"/>
      <c r="NKE668" s="613"/>
      <c r="NKF668" s="613"/>
      <c r="NKG668" s="613"/>
      <c r="NKH668" s="613"/>
      <c r="NKI668" s="613"/>
      <c r="NKJ668" s="613"/>
      <c r="NKK668" s="613"/>
      <c r="NKL668" s="613"/>
      <c r="NKM668" s="613"/>
      <c r="NKN668" s="613"/>
      <c r="NKO668" s="613"/>
      <c r="NKP668" s="613"/>
      <c r="NKQ668" s="613"/>
      <c r="NKR668" s="613"/>
      <c r="NKS668" s="613"/>
      <c r="NKT668" s="613"/>
      <c r="NKU668" s="613"/>
      <c r="NKV668" s="613"/>
      <c r="NKW668" s="613"/>
      <c r="NKX668" s="613"/>
      <c r="NKY668" s="613"/>
      <c r="NKZ668" s="613"/>
      <c r="NLA668" s="613"/>
      <c r="NLB668" s="613"/>
      <c r="NLC668" s="613"/>
      <c r="NLD668" s="613"/>
      <c r="NLE668" s="613"/>
      <c r="NLF668" s="613"/>
      <c r="NLG668" s="613"/>
      <c r="NLH668" s="613"/>
      <c r="NLI668" s="613"/>
      <c r="NLJ668" s="613"/>
      <c r="NLK668" s="613"/>
      <c r="NLL668" s="613"/>
      <c r="NLM668" s="613"/>
      <c r="NLN668" s="613"/>
      <c r="NLO668" s="613"/>
      <c r="NLP668" s="613"/>
      <c r="NLQ668" s="613"/>
      <c r="NLR668" s="613"/>
      <c r="NLS668" s="613"/>
      <c r="NLT668" s="613"/>
      <c r="NLU668" s="613"/>
      <c r="NLV668" s="613"/>
      <c r="NLW668" s="613"/>
      <c r="NLX668" s="613"/>
      <c r="NLY668" s="613"/>
      <c r="NLZ668" s="613"/>
      <c r="NMA668" s="613"/>
      <c r="NMB668" s="613"/>
      <c r="NMC668" s="613"/>
      <c r="NMD668" s="613"/>
      <c r="NME668" s="613"/>
      <c r="NMF668" s="613"/>
      <c r="NMG668" s="613"/>
      <c r="NMH668" s="613"/>
      <c r="NMI668" s="613"/>
      <c r="NMJ668" s="613"/>
      <c r="NMK668" s="613"/>
      <c r="NML668" s="613"/>
      <c r="NMM668" s="613"/>
      <c r="NMN668" s="613"/>
      <c r="NMO668" s="613"/>
      <c r="NMP668" s="613"/>
      <c r="NMQ668" s="613"/>
      <c r="NMR668" s="613"/>
      <c r="NMS668" s="613"/>
      <c r="NMT668" s="613"/>
      <c r="NMU668" s="613"/>
      <c r="NMV668" s="613"/>
      <c r="NMW668" s="613"/>
      <c r="NMX668" s="613"/>
      <c r="NMY668" s="613"/>
      <c r="NMZ668" s="613"/>
      <c r="NNA668" s="613"/>
      <c r="NNB668" s="613"/>
      <c r="NNC668" s="613"/>
      <c r="NND668" s="613"/>
      <c r="NNE668" s="613"/>
      <c r="NNF668" s="613"/>
      <c r="NNG668" s="613"/>
      <c r="NNH668" s="613"/>
      <c r="NNI668" s="613"/>
      <c r="NNJ668" s="613"/>
      <c r="NNK668" s="613"/>
      <c r="NNL668" s="613"/>
      <c r="NNM668" s="613"/>
      <c r="NNN668" s="613"/>
      <c r="NNO668" s="613"/>
      <c r="NNP668" s="613"/>
      <c r="NNQ668" s="613"/>
      <c r="NNR668" s="613"/>
      <c r="NNS668" s="613"/>
      <c r="NNT668" s="613"/>
      <c r="NNU668" s="613"/>
      <c r="NNV668" s="613"/>
      <c r="NNW668" s="613"/>
      <c r="NNX668" s="613"/>
      <c r="NNY668" s="613"/>
      <c r="NNZ668" s="613"/>
      <c r="NOA668" s="613"/>
      <c r="NOB668" s="613"/>
      <c r="NOC668" s="613"/>
      <c r="NOD668" s="613"/>
      <c r="NOE668" s="613"/>
      <c r="NOF668" s="613"/>
      <c r="NOG668" s="613"/>
      <c r="NOH668" s="613"/>
      <c r="NOI668" s="613"/>
      <c r="NOJ668" s="613"/>
      <c r="NOK668" s="613"/>
      <c r="NOL668" s="613"/>
      <c r="NOM668" s="613"/>
      <c r="NON668" s="613"/>
      <c r="NOO668" s="613"/>
      <c r="NOP668" s="613"/>
      <c r="NOQ668" s="613"/>
      <c r="NOR668" s="613"/>
      <c r="NOS668" s="613"/>
      <c r="NOT668" s="613"/>
      <c r="NOU668" s="613"/>
      <c r="NOV668" s="613"/>
      <c r="NOW668" s="613"/>
      <c r="NOX668" s="613"/>
      <c r="NOY668" s="613"/>
      <c r="NOZ668" s="613"/>
      <c r="NPA668" s="613"/>
      <c r="NPB668" s="613"/>
      <c r="NPC668" s="613"/>
      <c r="NPD668" s="613"/>
      <c r="NPE668" s="613"/>
      <c r="NPF668" s="613"/>
      <c r="NPG668" s="613"/>
      <c r="NPH668" s="613"/>
      <c r="NPI668" s="613"/>
      <c r="NPJ668" s="613"/>
      <c r="NPK668" s="613"/>
      <c r="NPL668" s="613"/>
      <c r="NPM668" s="613"/>
      <c r="NPN668" s="613"/>
      <c r="NPO668" s="613"/>
      <c r="NPP668" s="613"/>
      <c r="NPQ668" s="613"/>
      <c r="NPR668" s="613"/>
      <c r="NPS668" s="613"/>
      <c r="NPT668" s="613"/>
      <c r="NPU668" s="613"/>
      <c r="NPV668" s="613"/>
      <c r="NPW668" s="613"/>
      <c r="NPX668" s="613"/>
      <c r="NPY668" s="613"/>
      <c r="NPZ668" s="613"/>
      <c r="NQA668" s="613"/>
      <c r="NQB668" s="613"/>
      <c r="NQC668" s="613"/>
      <c r="NQD668" s="613"/>
      <c r="NQE668" s="613"/>
      <c r="NQF668" s="613"/>
      <c r="NQG668" s="613"/>
      <c r="NQH668" s="613"/>
      <c r="NQI668" s="613"/>
      <c r="NQJ668" s="613"/>
      <c r="NQK668" s="613"/>
      <c r="NQL668" s="613"/>
      <c r="NQM668" s="613"/>
      <c r="NQN668" s="613"/>
      <c r="NQO668" s="613"/>
      <c r="NQP668" s="613"/>
      <c r="NQQ668" s="613"/>
      <c r="NQR668" s="613"/>
      <c r="NQS668" s="613"/>
      <c r="NQT668" s="613"/>
      <c r="NQU668" s="613"/>
      <c r="NQV668" s="613"/>
      <c r="NQW668" s="613"/>
      <c r="NQX668" s="613"/>
      <c r="NQY668" s="613"/>
      <c r="NQZ668" s="613"/>
      <c r="NRA668" s="613"/>
      <c r="NRB668" s="613"/>
      <c r="NRC668" s="613"/>
      <c r="NRD668" s="613"/>
      <c r="NRE668" s="613"/>
      <c r="NRF668" s="613"/>
      <c r="NRG668" s="613"/>
      <c r="NRH668" s="613"/>
      <c r="NRI668" s="613"/>
      <c r="NRJ668" s="613"/>
      <c r="NRK668" s="613"/>
      <c r="NRL668" s="613"/>
      <c r="NRM668" s="613"/>
      <c r="NRN668" s="613"/>
      <c r="NRO668" s="613"/>
      <c r="NRP668" s="613"/>
      <c r="NRQ668" s="613"/>
      <c r="NRR668" s="613"/>
      <c r="NRS668" s="613"/>
      <c r="NRT668" s="613"/>
      <c r="NRU668" s="613"/>
      <c r="NRV668" s="613"/>
      <c r="NRW668" s="613"/>
      <c r="NRX668" s="613"/>
      <c r="NRY668" s="613"/>
      <c r="NRZ668" s="613"/>
      <c r="NSA668" s="613"/>
      <c r="NSB668" s="613"/>
      <c r="NSC668" s="613"/>
      <c r="NSD668" s="613"/>
      <c r="NSE668" s="613"/>
      <c r="NSF668" s="613"/>
      <c r="NSG668" s="613"/>
      <c r="NSH668" s="613"/>
      <c r="NSI668" s="613"/>
      <c r="NSJ668" s="613"/>
      <c r="NSK668" s="613"/>
      <c r="NSL668" s="613"/>
      <c r="NSM668" s="613"/>
      <c r="NSN668" s="613"/>
      <c r="NSO668" s="613"/>
      <c r="NSP668" s="613"/>
      <c r="NSQ668" s="613"/>
      <c r="NSR668" s="613"/>
      <c r="NSS668" s="613"/>
      <c r="NST668" s="613"/>
      <c r="NSU668" s="613"/>
      <c r="NSV668" s="613"/>
      <c r="NSW668" s="613"/>
      <c r="NSX668" s="613"/>
      <c r="NSY668" s="613"/>
      <c r="NSZ668" s="613"/>
      <c r="NTA668" s="613"/>
      <c r="NTB668" s="613"/>
      <c r="NTC668" s="613"/>
      <c r="NTD668" s="613"/>
      <c r="NTE668" s="613"/>
      <c r="NTF668" s="613"/>
      <c r="NTG668" s="613"/>
      <c r="NTH668" s="613"/>
      <c r="NTI668" s="613"/>
      <c r="NTJ668" s="613"/>
      <c r="NTK668" s="613"/>
      <c r="NTL668" s="613"/>
      <c r="NTM668" s="613"/>
      <c r="NTN668" s="613"/>
      <c r="NTO668" s="613"/>
      <c r="NTP668" s="613"/>
      <c r="NTQ668" s="613"/>
      <c r="NTR668" s="613"/>
      <c r="NTS668" s="613"/>
      <c r="NTT668" s="613"/>
      <c r="NTU668" s="613"/>
      <c r="NTV668" s="613"/>
      <c r="NTW668" s="613"/>
      <c r="NTX668" s="613"/>
      <c r="NTY668" s="613"/>
      <c r="NTZ668" s="613"/>
      <c r="NUA668" s="613"/>
      <c r="NUB668" s="613"/>
      <c r="NUC668" s="613"/>
      <c r="NUD668" s="613"/>
      <c r="NUE668" s="613"/>
      <c r="NUF668" s="613"/>
      <c r="NUG668" s="613"/>
      <c r="NUH668" s="613"/>
      <c r="NUI668" s="613"/>
      <c r="NUJ668" s="613"/>
      <c r="NUK668" s="613"/>
      <c r="NUL668" s="613"/>
      <c r="NUM668" s="613"/>
      <c r="NUN668" s="613"/>
      <c r="NUO668" s="613"/>
      <c r="NUP668" s="613"/>
      <c r="NUQ668" s="613"/>
      <c r="NUR668" s="613"/>
      <c r="NUS668" s="613"/>
      <c r="NUT668" s="613"/>
      <c r="NUU668" s="613"/>
      <c r="NUV668" s="613"/>
      <c r="NUW668" s="613"/>
      <c r="NUX668" s="613"/>
      <c r="NUY668" s="613"/>
      <c r="NUZ668" s="613"/>
      <c r="NVA668" s="613"/>
      <c r="NVB668" s="613"/>
      <c r="NVC668" s="613"/>
      <c r="NVD668" s="613"/>
      <c r="NVE668" s="613"/>
      <c r="NVF668" s="613"/>
      <c r="NVG668" s="613"/>
      <c r="NVH668" s="613"/>
      <c r="NVI668" s="613"/>
      <c r="NVJ668" s="613"/>
      <c r="NVK668" s="613"/>
      <c r="NVL668" s="613"/>
      <c r="NVM668" s="613"/>
      <c r="NVN668" s="613"/>
      <c r="NVO668" s="613"/>
      <c r="NVP668" s="613"/>
      <c r="NVQ668" s="613"/>
      <c r="NVR668" s="613"/>
      <c r="NVS668" s="613"/>
      <c r="NVT668" s="613"/>
      <c r="NVU668" s="613"/>
      <c r="NVV668" s="613"/>
      <c r="NVW668" s="613"/>
      <c r="NVX668" s="613"/>
      <c r="NVY668" s="613"/>
      <c r="NVZ668" s="613"/>
      <c r="NWA668" s="613"/>
      <c r="NWB668" s="613"/>
      <c r="NWC668" s="613"/>
      <c r="NWD668" s="613"/>
      <c r="NWE668" s="613"/>
      <c r="NWF668" s="613"/>
      <c r="NWG668" s="613"/>
      <c r="NWH668" s="613"/>
      <c r="NWI668" s="613"/>
      <c r="NWJ668" s="613"/>
      <c r="NWK668" s="613"/>
      <c r="NWL668" s="613"/>
      <c r="NWM668" s="613"/>
      <c r="NWN668" s="613"/>
      <c r="NWO668" s="613"/>
      <c r="NWP668" s="613"/>
      <c r="NWQ668" s="613"/>
      <c r="NWR668" s="613"/>
      <c r="NWS668" s="613"/>
      <c r="NWT668" s="613"/>
      <c r="NWU668" s="613"/>
      <c r="NWV668" s="613"/>
      <c r="NWW668" s="613"/>
      <c r="NWX668" s="613"/>
      <c r="NWY668" s="613"/>
      <c r="NWZ668" s="613"/>
      <c r="NXA668" s="613"/>
      <c r="NXB668" s="613"/>
      <c r="NXC668" s="613"/>
      <c r="NXD668" s="613"/>
      <c r="NXE668" s="613"/>
      <c r="NXF668" s="613"/>
      <c r="NXG668" s="613"/>
      <c r="NXH668" s="613"/>
      <c r="NXI668" s="613"/>
      <c r="NXJ668" s="613"/>
      <c r="NXK668" s="613"/>
      <c r="NXL668" s="613"/>
      <c r="NXM668" s="613"/>
      <c r="NXN668" s="613"/>
      <c r="NXO668" s="613"/>
      <c r="NXP668" s="613"/>
      <c r="NXQ668" s="613"/>
      <c r="NXR668" s="613"/>
      <c r="NXS668" s="613"/>
      <c r="NXT668" s="613"/>
      <c r="NXU668" s="613"/>
      <c r="NXV668" s="613"/>
      <c r="NXW668" s="613"/>
      <c r="NXX668" s="613"/>
      <c r="NXY668" s="613"/>
      <c r="NXZ668" s="613"/>
      <c r="NYA668" s="613"/>
      <c r="NYB668" s="613"/>
      <c r="NYC668" s="613"/>
      <c r="NYD668" s="613"/>
      <c r="NYE668" s="613"/>
      <c r="NYF668" s="613"/>
      <c r="NYG668" s="613"/>
      <c r="NYH668" s="613"/>
      <c r="NYI668" s="613"/>
      <c r="NYJ668" s="613"/>
      <c r="NYK668" s="613"/>
      <c r="NYL668" s="613"/>
      <c r="NYM668" s="613"/>
      <c r="NYN668" s="613"/>
      <c r="NYO668" s="613"/>
      <c r="NYP668" s="613"/>
      <c r="NYQ668" s="613"/>
      <c r="NYR668" s="613"/>
      <c r="NYS668" s="613"/>
      <c r="NYT668" s="613"/>
      <c r="NYU668" s="613"/>
      <c r="NYV668" s="613"/>
      <c r="NYW668" s="613"/>
      <c r="NYX668" s="613"/>
      <c r="NYY668" s="613"/>
      <c r="NYZ668" s="613"/>
      <c r="NZA668" s="613"/>
      <c r="NZB668" s="613"/>
      <c r="NZC668" s="613"/>
      <c r="NZD668" s="613"/>
      <c r="NZE668" s="613"/>
      <c r="NZF668" s="613"/>
      <c r="NZG668" s="613"/>
      <c r="NZH668" s="613"/>
      <c r="NZI668" s="613"/>
      <c r="NZJ668" s="613"/>
      <c r="NZK668" s="613"/>
      <c r="NZL668" s="613"/>
      <c r="NZM668" s="613"/>
      <c r="NZN668" s="613"/>
      <c r="NZO668" s="613"/>
      <c r="NZP668" s="613"/>
      <c r="NZQ668" s="613"/>
      <c r="NZR668" s="613"/>
      <c r="NZS668" s="613"/>
      <c r="NZT668" s="613"/>
      <c r="NZU668" s="613"/>
      <c r="NZV668" s="613"/>
      <c r="NZW668" s="613"/>
      <c r="NZX668" s="613"/>
      <c r="NZY668" s="613"/>
      <c r="NZZ668" s="613"/>
      <c r="OAA668" s="613"/>
      <c r="OAB668" s="613"/>
      <c r="OAC668" s="613"/>
      <c r="OAD668" s="613"/>
      <c r="OAE668" s="613"/>
      <c r="OAF668" s="613"/>
      <c r="OAG668" s="613"/>
      <c r="OAH668" s="613"/>
      <c r="OAI668" s="613"/>
      <c r="OAJ668" s="613"/>
      <c r="OAK668" s="613"/>
      <c r="OAL668" s="613"/>
      <c r="OAM668" s="613"/>
      <c r="OAN668" s="613"/>
      <c r="OAO668" s="613"/>
      <c r="OAP668" s="613"/>
      <c r="OAQ668" s="613"/>
      <c r="OAR668" s="613"/>
      <c r="OAS668" s="613"/>
      <c r="OAT668" s="613"/>
      <c r="OAU668" s="613"/>
      <c r="OAV668" s="613"/>
      <c r="OAW668" s="613"/>
      <c r="OAX668" s="613"/>
      <c r="OAY668" s="613"/>
      <c r="OAZ668" s="613"/>
      <c r="OBA668" s="613"/>
      <c r="OBB668" s="613"/>
      <c r="OBC668" s="613"/>
      <c r="OBD668" s="613"/>
      <c r="OBE668" s="613"/>
      <c r="OBF668" s="613"/>
      <c r="OBG668" s="613"/>
      <c r="OBH668" s="613"/>
      <c r="OBI668" s="613"/>
      <c r="OBJ668" s="613"/>
      <c r="OBK668" s="613"/>
      <c r="OBL668" s="613"/>
      <c r="OBM668" s="613"/>
      <c r="OBN668" s="613"/>
      <c r="OBO668" s="613"/>
      <c r="OBP668" s="613"/>
      <c r="OBQ668" s="613"/>
      <c r="OBR668" s="613"/>
      <c r="OBS668" s="613"/>
      <c r="OBT668" s="613"/>
      <c r="OBU668" s="613"/>
      <c r="OBV668" s="613"/>
      <c r="OBW668" s="613"/>
      <c r="OBX668" s="613"/>
      <c r="OBY668" s="613"/>
      <c r="OBZ668" s="613"/>
      <c r="OCA668" s="613"/>
      <c r="OCB668" s="613"/>
      <c r="OCC668" s="613"/>
      <c r="OCD668" s="613"/>
      <c r="OCE668" s="613"/>
      <c r="OCF668" s="613"/>
      <c r="OCG668" s="613"/>
      <c r="OCH668" s="613"/>
      <c r="OCI668" s="613"/>
      <c r="OCJ668" s="613"/>
      <c r="OCK668" s="613"/>
      <c r="OCL668" s="613"/>
      <c r="OCM668" s="613"/>
      <c r="OCN668" s="613"/>
      <c r="OCO668" s="613"/>
      <c r="OCP668" s="613"/>
      <c r="OCQ668" s="613"/>
      <c r="OCR668" s="613"/>
      <c r="OCS668" s="613"/>
      <c r="OCT668" s="613"/>
      <c r="OCU668" s="613"/>
      <c r="OCV668" s="613"/>
      <c r="OCW668" s="613"/>
      <c r="OCX668" s="613"/>
      <c r="OCY668" s="613"/>
      <c r="OCZ668" s="613"/>
      <c r="ODA668" s="613"/>
      <c r="ODB668" s="613"/>
      <c r="ODC668" s="613"/>
      <c r="ODD668" s="613"/>
      <c r="ODE668" s="613"/>
      <c r="ODF668" s="613"/>
      <c r="ODG668" s="613"/>
      <c r="ODH668" s="613"/>
      <c r="ODI668" s="613"/>
      <c r="ODJ668" s="613"/>
      <c r="ODK668" s="613"/>
      <c r="ODL668" s="613"/>
      <c r="ODM668" s="613"/>
      <c r="ODN668" s="613"/>
      <c r="ODO668" s="613"/>
      <c r="ODP668" s="613"/>
      <c r="ODQ668" s="613"/>
      <c r="ODR668" s="613"/>
      <c r="ODS668" s="613"/>
      <c r="ODT668" s="613"/>
      <c r="ODU668" s="613"/>
      <c r="ODV668" s="613"/>
      <c r="ODW668" s="613"/>
      <c r="ODX668" s="613"/>
      <c r="ODY668" s="613"/>
      <c r="ODZ668" s="613"/>
      <c r="OEA668" s="613"/>
      <c r="OEB668" s="613"/>
      <c r="OEC668" s="613"/>
      <c r="OED668" s="613"/>
      <c r="OEE668" s="613"/>
      <c r="OEF668" s="613"/>
      <c r="OEG668" s="613"/>
      <c r="OEH668" s="613"/>
      <c r="OEI668" s="613"/>
      <c r="OEJ668" s="613"/>
      <c r="OEK668" s="613"/>
      <c r="OEL668" s="613"/>
      <c r="OEM668" s="613"/>
      <c r="OEN668" s="613"/>
      <c r="OEO668" s="613"/>
      <c r="OEP668" s="613"/>
      <c r="OEQ668" s="613"/>
      <c r="OER668" s="613"/>
      <c r="OES668" s="613"/>
      <c r="OET668" s="613"/>
      <c r="OEU668" s="613"/>
      <c r="OEV668" s="613"/>
      <c r="OEW668" s="613"/>
      <c r="OEX668" s="613"/>
      <c r="OEY668" s="613"/>
      <c r="OEZ668" s="613"/>
      <c r="OFA668" s="613"/>
      <c r="OFB668" s="613"/>
      <c r="OFC668" s="613"/>
      <c r="OFD668" s="613"/>
      <c r="OFE668" s="613"/>
      <c r="OFF668" s="613"/>
      <c r="OFG668" s="613"/>
      <c r="OFH668" s="613"/>
      <c r="OFI668" s="613"/>
      <c r="OFJ668" s="613"/>
      <c r="OFK668" s="613"/>
      <c r="OFL668" s="613"/>
      <c r="OFM668" s="613"/>
      <c r="OFN668" s="613"/>
      <c r="OFO668" s="613"/>
      <c r="OFP668" s="613"/>
      <c r="OFQ668" s="613"/>
      <c r="OFR668" s="613"/>
      <c r="OFS668" s="613"/>
      <c r="OFT668" s="613"/>
      <c r="OFU668" s="613"/>
      <c r="OFV668" s="613"/>
      <c r="OFW668" s="613"/>
      <c r="OFX668" s="613"/>
      <c r="OFY668" s="613"/>
      <c r="OFZ668" s="613"/>
      <c r="OGA668" s="613"/>
      <c r="OGB668" s="613"/>
      <c r="OGC668" s="613"/>
      <c r="OGD668" s="613"/>
      <c r="OGE668" s="613"/>
      <c r="OGF668" s="613"/>
      <c r="OGG668" s="613"/>
      <c r="OGH668" s="613"/>
      <c r="OGI668" s="613"/>
      <c r="OGJ668" s="613"/>
      <c r="OGK668" s="613"/>
      <c r="OGL668" s="613"/>
      <c r="OGM668" s="613"/>
      <c r="OGN668" s="613"/>
      <c r="OGO668" s="613"/>
      <c r="OGP668" s="613"/>
      <c r="OGQ668" s="613"/>
      <c r="OGR668" s="613"/>
      <c r="OGS668" s="613"/>
      <c r="OGT668" s="613"/>
      <c r="OGU668" s="613"/>
      <c r="OGV668" s="613"/>
      <c r="OGW668" s="613"/>
      <c r="OGX668" s="613"/>
      <c r="OGY668" s="613"/>
      <c r="OGZ668" s="613"/>
      <c r="OHA668" s="613"/>
      <c r="OHB668" s="613"/>
      <c r="OHC668" s="613"/>
      <c r="OHD668" s="613"/>
      <c r="OHE668" s="613"/>
      <c r="OHF668" s="613"/>
      <c r="OHG668" s="613"/>
      <c r="OHH668" s="613"/>
      <c r="OHI668" s="613"/>
      <c r="OHJ668" s="613"/>
      <c r="OHK668" s="613"/>
      <c r="OHL668" s="613"/>
      <c r="OHM668" s="613"/>
      <c r="OHN668" s="613"/>
      <c r="OHO668" s="613"/>
      <c r="OHP668" s="613"/>
      <c r="OHQ668" s="613"/>
      <c r="OHR668" s="613"/>
      <c r="OHS668" s="613"/>
      <c r="OHT668" s="613"/>
      <c r="OHU668" s="613"/>
      <c r="OHV668" s="613"/>
      <c r="OHW668" s="613"/>
      <c r="OHX668" s="613"/>
      <c r="OHY668" s="613"/>
      <c r="OHZ668" s="613"/>
      <c r="OIA668" s="613"/>
      <c r="OIB668" s="613"/>
      <c r="OIC668" s="613"/>
      <c r="OID668" s="613"/>
      <c r="OIE668" s="613"/>
      <c r="OIF668" s="613"/>
      <c r="OIG668" s="613"/>
      <c r="OIH668" s="613"/>
      <c r="OII668" s="613"/>
      <c r="OIJ668" s="613"/>
      <c r="OIK668" s="613"/>
      <c r="OIL668" s="613"/>
      <c r="OIM668" s="613"/>
      <c r="OIN668" s="613"/>
      <c r="OIO668" s="613"/>
      <c r="OIP668" s="613"/>
      <c r="OIQ668" s="613"/>
      <c r="OIR668" s="613"/>
      <c r="OIS668" s="613"/>
      <c r="OIT668" s="613"/>
      <c r="OIU668" s="613"/>
      <c r="OIV668" s="613"/>
      <c r="OIW668" s="613"/>
      <c r="OIX668" s="613"/>
      <c r="OIY668" s="613"/>
      <c r="OIZ668" s="613"/>
      <c r="OJA668" s="613"/>
      <c r="OJB668" s="613"/>
      <c r="OJC668" s="613"/>
      <c r="OJD668" s="613"/>
      <c r="OJE668" s="613"/>
      <c r="OJF668" s="613"/>
      <c r="OJG668" s="613"/>
      <c r="OJH668" s="613"/>
      <c r="OJI668" s="613"/>
      <c r="OJJ668" s="613"/>
      <c r="OJK668" s="613"/>
      <c r="OJL668" s="613"/>
      <c r="OJM668" s="613"/>
      <c r="OJN668" s="613"/>
      <c r="OJO668" s="613"/>
      <c r="OJP668" s="613"/>
      <c r="OJQ668" s="613"/>
      <c r="OJR668" s="613"/>
      <c r="OJS668" s="613"/>
      <c r="OJT668" s="613"/>
      <c r="OJU668" s="613"/>
      <c r="OJV668" s="613"/>
      <c r="OJW668" s="613"/>
      <c r="OJX668" s="613"/>
      <c r="OJY668" s="613"/>
      <c r="OJZ668" s="613"/>
      <c r="OKA668" s="613"/>
      <c r="OKB668" s="613"/>
      <c r="OKC668" s="613"/>
      <c r="OKD668" s="613"/>
      <c r="OKE668" s="613"/>
      <c r="OKF668" s="613"/>
      <c r="OKG668" s="613"/>
      <c r="OKH668" s="613"/>
      <c r="OKI668" s="613"/>
      <c r="OKJ668" s="613"/>
      <c r="OKK668" s="613"/>
      <c r="OKL668" s="613"/>
      <c r="OKM668" s="613"/>
      <c r="OKN668" s="613"/>
      <c r="OKO668" s="613"/>
      <c r="OKP668" s="613"/>
      <c r="OKQ668" s="613"/>
      <c r="OKR668" s="613"/>
      <c r="OKS668" s="613"/>
      <c r="OKT668" s="613"/>
      <c r="OKU668" s="613"/>
      <c r="OKV668" s="613"/>
      <c r="OKW668" s="613"/>
      <c r="OKX668" s="613"/>
      <c r="OKY668" s="613"/>
      <c r="OKZ668" s="613"/>
      <c r="OLA668" s="613"/>
      <c r="OLB668" s="613"/>
      <c r="OLC668" s="613"/>
      <c r="OLD668" s="613"/>
      <c r="OLE668" s="613"/>
      <c r="OLF668" s="613"/>
      <c r="OLG668" s="613"/>
      <c r="OLH668" s="613"/>
      <c r="OLI668" s="613"/>
      <c r="OLJ668" s="613"/>
      <c r="OLK668" s="613"/>
      <c r="OLL668" s="613"/>
      <c r="OLM668" s="613"/>
      <c r="OLN668" s="613"/>
      <c r="OLO668" s="613"/>
      <c r="OLP668" s="613"/>
      <c r="OLQ668" s="613"/>
      <c r="OLR668" s="613"/>
      <c r="OLS668" s="613"/>
      <c r="OLT668" s="613"/>
      <c r="OLU668" s="613"/>
      <c r="OLV668" s="613"/>
      <c r="OLW668" s="613"/>
      <c r="OLX668" s="613"/>
      <c r="OLY668" s="613"/>
      <c r="OLZ668" s="613"/>
      <c r="OMA668" s="613"/>
      <c r="OMB668" s="613"/>
      <c r="OMC668" s="613"/>
      <c r="OMD668" s="613"/>
      <c r="OME668" s="613"/>
      <c r="OMF668" s="613"/>
      <c r="OMG668" s="613"/>
      <c r="OMH668" s="613"/>
      <c r="OMI668" s="613"/>
      <c r="OMJ668" s="613"/>
      <c r="OMK668" s="613"/>
      <c r="OML668" s="613"/>
      <c r="OMM668" s="613"/>
      <c r="OMN668" s="613"/>
      <c r="OMO668" s="613"/>
      <c r="OMP668" s="613"/>
      <c r="OMQ668" s="613"/>
      <c r="OMR668" s="613"/>
      <c r="OMS668" s="613"/>
      <c r="OMT668" s="613"/>
      <c r="OMU668" s="613"/>
      <c r="OMV668" s="613"/>
      <c r="OMW668" s="613"/>
      <c r="OMX668" s="613"/>
      <c r="OMY668" s="613"/>
      <c r="OMZ668" s="613"/>
      <c r="ONA668" s="613"/>
      <c r="ONB668" s="613"/>
      <c r="ONC668" s="613"/>
      <c r="OND668" s="613"/>
      <c r="ONE668" s="613"/>
      <c r="ONF668" s="613"/>
      <c r="ONG668" s="613"/>
      <c r="ONH668" s="613"/>
      <c r="ONI668" s="613"/>
      <c r="ONJ668" s="613"/>
      <c r="ONK668" s="613"/>
      <c r="ONL668" s="613"/>
      <c r="ONM668" s="613"/>
      <c r="ONN668" s="613"/>
      <c r="ONO668" s="613"/>
      <c r="ONP668" s="613"/>
      <c r="ONQ668" s="613"/>
      <c r="ONR668" s="613"/>
      <c r="ONS668" s="613"/>
      <c r="ONT668" s="613"/>
      <c r="ONU668" s="613"/>
      <c r="ONV668" s="613"/>
      <c r="ONW668" s="613"/>
      <c r="ONX668" s="613"/>
      <c r="ONY668" s="613"/>
      <c r="ONZ668" s="613"/>
      <c r="OOA668" s="613"/>
      <c r="OOB668" s="613"/>
      <c r="OOC668" s="613"/>
      <c r="OOD668" s="613"/>
      <c r="OOE668" s="613"/>
      <c r="OOF668" s="613"/>
      <c r="OOG668" s="613"/>
      <c r="OOH668" s="613"/>
      <c r="OOI668" s="613"/>
      <c r="OOJ668" s="613"/>
      <c r="OOK668" s="613"/>
      <c r="OOL668" s="613"/>
      <c r="OOM668" s="613"/>
      <c r="OON668" s="613"/>
      <c r="OOO668" s="613"/>
      <c r="OOP668" s="613"/>
      <c r="OOQ668" s="613"/>
      <c r="OOR668" s="613"/>
      <c r="OOS668" s="613"/>
      <c r="OOT668" s="613"/>
      <c r="OOU668" s="613"/>
      <c r="OOV668" s="613"/>
      <c r="OOW668" s="613"/>
      <c r="OOX668" s="613"/>
      <c r="OOY668" s="613"/>
      <c r="OOZ668" s="613"/>
      <c r="OPA668" s="613"/>
      <c r="OPB668" s="613"/>
      <c r="OPC668" s="613"/>
      <c r="OPD668" s="613"/>
      <c r="OPE668" s="613"/>
      <c r="OPF668" s="613"/>
      <c r="OPG668" s="613"/>
      <c r="OPH668" s="613"/>
      <c r="OPI668" s="613"/>
      <c r="OPJ668" s="613"/>
      <c r="OPK668" s="613"/>
      <c r="OPL668" s="613"/>
      <c r="OPM668" s="613"/>
      <c r="OPN668" s="613"/>
      <c r="OPO668" s="613"/>
      <c r="OPP668" s="613"/>
      <c r="OPQ668" s="613"/>
      <c r="OPR668" s="613"/>
      <c r="OPS668" s="613"/>
      <c r="OPT668" s="613"/>
      <c r="OPU668" s="613"/>
      <c r="OPV668" s="613"/>
      <c r="OPW668" s="613"/>
      <c r="OPX668" s="613"/>
      <c r="OPY668" s="613"/>
      <c r="OPZ668" s="613"/>
      <c r="OQA668" s="613"/>
      <c r="OQB668" s="613"/>
      <c r="OQC668" s="613"/>
      <c r="OQD668" s="613"/>
      <c r="OQE668" s="613"/>
      <c r="OQF668" s="613"/>
      <c r="OQG668" s="613"/>
      <c r="OQH668" s="613"/>
      <c r="OQI668" s="613"/>
      <c r="OQJ668" s="613"/>
      <c r="OQK668" s="613"/>
      <c r="OQL668" s="613"/>
      <c r="OQM668" s="613"/>
      <c r="OQN668" s="613"/>
      <c r="OQO668" s="613"/>
      <c r="OQP668" s="613"/>
      <c r="OQQ668" s="613"/>
      <c r="OQR668" s="613"/>
      <c r="OQS668" s="613"/>
      <c r="OQT668" s="613"/>
      <c r="OQU668" s="613"/>
      <c r="OQV668" s="613"/>
      <c r="OQW668" s="613"/>
      <c r="OQX668" s="613"/>
      <c r="OQY668" s="613"/>
      <c r="OQZ668" s="613"/>
      <c r="ORA668" s="613"/>
      <c r="ORB668" s="613"/>
      <c r="ORC668" s="613"/>
      <c r="ORD668" s="613"/>
      <c r="ORE668" s="613"/>
      <c r="ORF668" s="613"/>
      <c r="ORG668" s="613"/>
      <c r="ORH668" s="613"/>
      <c r="ORI668" s="613"/>
      <c r="ORJ668" s="613"/>
      <c r="ORK668" s="613"/>
      <c r="ORL668" s="613"/>
      <c r="ORM668" s="613"/>
      <c r="ORN668" s="613"/>
      <c r="ORO668" s="613"/>
      <c r="ORP668" s="613"/>
      <c r="ORQ668" s="613"/>
      <c r="ORR668" s="613"/>
      <c r="ORS668" s="613"/>
      <c r="ORT668" s="613"/>
      <c r="ORU668" s="613"/>
      <c r="ORV668" s="613"/>
      <c r="ORW668" s="613"/>
      <c r="ORX668" s="613"/>
      <c r="ORY668" s="613"/>
      <c r="ORZ668" s="613"/>
      <c r="OSA668" s="613"/>
      <c r="OSB668" s="613"/>
      <c r="OSC668" s="613"/>
      <c r="OSD668" s="613"/>
      <c r="OSE668" s="613"/>
      <c r="OSF668" s="613"/>
      <c r="OSG668" s="613"/>
      <c r="OSH668" s="613"/>
      <c r="OSI668" s="613"/>
      <c r="OSJ668" s="613"/>
      <c r="OSK668" s="613"/>
      <c r="OSL668" s="613"/>
      <c r="OSM668" s="613"/>
      <c r="OSN668" s="613"/>
      <c r="OSO668" s="613"/>
      <c r="OSP668" s="613"/>
      <c r="OSQ668" s="613"/>
      <c r="OSR668" s="613"/>
      <c r="OSS668" s="613"/>
      <c r="OST668" s="613"/>
      <c r="OSU668" s="613"/>
      <c r="OSV668" s="613"/>
      <c r="OSW668" s="613"/>
      <c r="OSX668" s="613"/>
      <c r="OSY668" s="613"/>
      <c r="OSZ668" s="613"/>
      <c r="OTA668" s="613"/>
      <c r="OTB668" s="613"/>
      <c r="OTC668" s="613"/>
      <c r="OTD668" s="613"/>
      <c r="OTE668" s="613"/>
      <c r="OTF668" s="613"/>
      <c r="OTG668" s="613"/>
      <c r="OTH668" s="613"/>
      <c r="OTI668" s="613"/>
      <c r="OTJ668" s="613"/>
      <c r="OTK668" s="613"/>
      <c r="OTL668" s="613"/>
      <c r="OTM668" s="613"/>
      <c r="OTN668" s="613"/>
      <c r="OTO668" s="613"/>
      <c r="OTP668" s="613"/>
      <c r="OTQ668" s="613"/>
      <c r="OTR668" s="613"/>
      <c r="OTS668" s="613"/>
      <c r="OTT668" s="613"/>
      <c r="OTU668" s="613"/>
      <c r="OTV668" s="613"/>
      <c r="OTW668" s="613"/>
      <c r="OTX668" s="613"/>
      <c r="OTY668" s="613"/>
      <c r="OTZ668" s="613"/>
      <c r="OUA668" s="613"/>
      <c r="OUB668" s="613"/>
      <c r="OUC668" s="613"/>
      <c r="OUD668" s="613"/>
      <c r="OUE668" s="613"/>
      <c r="OUF668" s="613"/>
      <c r="OUG668" s="613"/>
      <c r="OUH668" s="613"/>
      <c r="OUI668" s="613"/>
      <c r="OUJ668" s="613"/>
      <c r="OUK668" s="613"/>
      <c r="OUL668" s="613"/>
      <c r="OUM668" s="613"/>
      <c r="OUN668" s="613"/>
      <c r="OUO668" s="613"/>
      <c r="OUP668" s="613"/>
      <c r="OUQ668" s="613"/>
      <c r="OUR668" s="613"/>
      <c r="OUS668" s="613"/>
      <c r="OUT668" s="613"/>
      <c r="OUU668" s="613"/>
      <c r="OUV668" s="613"/>
      <c r="OUW668" s="613"/>
      <c r="OUX668" s="613"/>
      <c r="OUY668" s="613"/>
      <c r="OUZ668" s="613"/>
      <c r="OVA668" s="613"/>
      <c r="OVB668" s="613"/>
      <c r="OVC668" s="613"/>
      <c r="OVD668" s="613"/>
      <c r="OVE668" s="613"/>
      <c r="OVF668" s="613"/>
      <c r="OVG668" s="613"/>
      <c r="OVH668" s="613"/>
      <c r="OVI668" s="613"/>
      <c r="OVJ668" s="613"/>
      <c r="OVK668" s="613"/>
      <c r="OVL668" s="613"/>
      <c r="OVM668" s="613"/>
      <c r="OVN668" s="613"/>
      <c r="OVO668" s="613"/>
      <c r="OVP668" s="613"/>
      <c r="OVQ668" s="613"/>
      <c r="OVR668" s="613"/>
      <c r="OVS668" s="613"/>
      <c r="OVT668" s="613"/>
      <c r="OVU668" s="613"/>
      <c r="OVV668" s="613"/>
      <c r="OVW668" s="613"/>
      <c r="OVX668" s="613"/>
      <c r="OVY668" s="613"/>
      <c r="OVZ668" s="613"/>
      <c r="OWA668" s="613"/>
      <c r="OWB668" s="613"/>
      <c r="OWC668" s="613"/>
      <c r="OWD668" s="613"/>
      <c r="OWE668" s="613"/>
      <c r="OWF668" s="613"/>
      <c r="OWG668" s="613"/>
      <c r="OWH668" s="613"/>
      <c r="OWI668" s="613"/>
      <c r="OWJ668" s="613"/>
      <c r="OWK668" s="613"/>
      <c r="OWL668" s="613"/>
      <c r="OWM668" s="613"/>
      <c r="OWN668" s="613"/>
      <c r="OWO668" s="613"/>
      <c r="OWP668" s="613"/>
      <c r="OWQ668" s="613"/>
      <c r="OWR668" s="613"/>
      <c r="OWS668" s="613"/>
      <c r="OWT668" s="613"/>
      <c r="OWU668" s="613"/>
      <c r="OWV668" s="613"/>
      <c r="OWW668" s="613"/>
      <c r="OWX668" s="613"/>
      <c r="OWY668" s="613"/>
      <c r="OWZ668" s="613"/>
      <c r="OXA668" s="613"/>
      <c r="OXB668" s="613"/>
      <c r="OXC668" s="613"/>
      <c r="OXD668" s="613"/>
      <c r="OXE668" s="613"/>
      <c r="OXF668" s="613"/>
      <c r="OXG668" s="613"/>
      <c r="OXH668" s="613"/>
      <c r="OXI668" s="613"/>
      <c r="OXJ668" s="613"/>
      <c r="OXK668" s="613"/>
      <c r="OXL668" s="613"/>
      <c r="OXM668" s="613"/>
      <c r="OXN668" s="613"/>
      <c r="OXO668" s="613"/>
      <c r="OXP668" s="613"/>
      <c r="OXQ668" s="613"/>
      <c r="OXR668" s="613"/>
      <c r="OXS668" s="613"/>
      <c r="OXT668" s="613"/>
      <c r="OXU668" s="613"/>
      <c r="OXV668" s="613"/>
      <c r="OXW668" s="613"/>
      <c r="OXX668" s="613"/>
      <c r="OXY668" s="613"/>
      <c r="OXZ668" s="613"/>
      <c r="OYA668" s="613"/>
      <c r="OYB668" s="613"/>
      <c r="OYC668" s="613"/>
      <c r="OYD668" s="613"/>
      <c r="OYE668" s="613"/>
      <c r="OYF668" s="613"/>
      <c r="OYG668" s="613"/>
      <c r="OYH668" s="613"/>
      <c r="OYI668" s="613"/>
      <c r="OYJ668" s="613"/>
      <c r="OYK668" s="613"/>
      <c r="OYL668" s="613"/>
      <c r="OYM668" s="613"/>
      <c r="OYN668" s="613"/>
      <c r="OYO668" s="613"/>
      <c r="OYP668" s="613"/>
      <c r="OYQ668" s="613"/>
      <c r="OYR668" s="613"/>
      <c r="OYS668" s="613"/>
      <c r="OYT668" s="613"/>
      <c r="OYU668" s="613"/>
      <c r="OYV668" s="613"/>
      <c r="OYW668" s="613"/>
      <c r="OYX668" s="613"/>
      <c r="OYY668" s="613"/>
      <c r="OYZ668" s="613"/>
      <c r="OZA668" s="613"/>
      <c r="OZB668" s="613"/>
      <c r="OZC668" s="613"/>
      <c r="OZD668" s="613"/>
      <c r="OZE668" s="613"/>
      <c r="OZF668" s="613"/>
      <c r="OZG668" s="613"/>
      <c r="OZH668" s="613"/>
      <c r="OZI668" s="613"/>
      <c r="OZJ668" s="613"/>
      <c r="OZK668" s="613"/>
      <c r="OZL668" s="613"/>
      <c r="OZM668" s="613"/>
      <c r="OZN668" s="613"/>
      <c r="OZO668" s="613"/>
      <c r="OZP668" s="613"/>
      <c r="OZQ668" s="613"/>
      <c r="OZR668" s="613"/>
      <c r="OZS668" s="613"/>
      <c r="OZT668" s="613"/>
      <c r="OZU668" s="613"/>
      <c r="OZV668" s="613"/>
      <c r="OZW668" s="613"/>
      <c r="OZX668" s="613"/>
      <c r="OZY668" s="613"/>
      <c r="OZZ668" s="613"/>
      <c r="PAA668" s="613"/>
      <c r="PAB668" s="613"/>
      <c r="PAC668" s="613"/>
      <c r="PAD668" s="613"/>
      <c r="PAE668" s="613"/>
      <c r="PAF668" s="613"/>
      <c r="PAG668" s="613"/>
      <c r="PAH668" s="613"/>
      <c r="PAI668" s="613"/>
      <c r="PAJ668" s="613"/>
      <c r="PAK668" s="613"/>
      <c r="PAL668" s="613"/>
      <c r="PAM668" s="613"/>
      <c r="PAN668" s="613"/>
      <c r="PAO668" s="613"/>
      <c r="PAP668" s="613"/>
      <c r="PAQ668" s="613"/>
      <c r="PAR668" s="613"/>
      <c r="PAS668" s="613"/>
      <c r="PAT668" s="613"/>
      <c r="PAU668" s="613"/>
      <c r="PAV668" s="613"/>
      <c r="PAW668" s="613"/>
      <c r="PAX668" s="613"/>
      <c r="PAY668" s="613"/>
      <c r="PAZ668" s="613"/>
      <c r="PBA668" s="613"/>
      <c r="PBB668" s="613"/>
      <c r="PBC668" s="613"/>
      <c r="PBD668" s="613"/>
      <c r="PBE668" s="613"/>
      <c r="PBF668" s="613"/>
      <c r="PBG668" s="613"/>
      <c r="PBH668" s="613"/>
      <c r="PBI668" s="613"/>
      <c r="PBJ668" s="613"/>
      <c r="PBK668" s="613"/>
      <c r="PBL668" s="613"/>
      <c r="PBM668" s="613"/>
      <c r="PBN668" s="613"/>
      <c r="PBO668" s="613"/>
      <c r="PBP668" s="613"/>
      <c r="PBQ668" s="613"/>
      <c r="PBR668" s="613"/>
      <c r="PBS668" s="613"/>
      <c r="PBT668" s="613"/>
      <c r="PBU668" s="613"/>
      <c r="PBV668" s="613"/>
      <c r="PBW668" s="613"/>
      <c r="PBX668" s="613"/>
      <c r="PBY668" s="613"/>
      <c r="PBZ668" s="613"/>
      <c r="PCA668" s="613"/>
      <c r="PCB668" s="613"/>
      <c r="PCC668" s="613"/>
      <c r="PCD668" s="613"/>
      <c r="PCE668" s="613"/>
      <c r="PCF668" s="613"/>
      <c r="PCG668" s="613"/>
      <c r="PCH668" s="613"/>
      <c r="PCI668" s="613"/>
      <c r="PCJ668" s="613"/>
      <c r="PCK668" s="613"/>
      <c r="PCL668" s="613"/>
      <c r="PCM668" s="613"/>
      <c r="PCN668" s="613"/>
      <c r="PCO668" s="613"/>
      <c r="PCP668" s="613"/>
      <c r="PCQ668" s="613"/>
      <c r="PCR668" s="613"/>
      <c r="PCS668" s="613"/>
      <c r="PCT668" s="613"/>
      <c r="PCU668" s="613"/>
      <c r="PCV668" s="613"/>
      <c r="PCW668" s="613"/>
      <c r="PCX668" s="613"/>
      <c r="PCY668" s="613"/>
      <c r="PCZ668" s="613"/>
      <c r="PDA668" s="613"/>
      <c r="PDB668" s="613"/>
      <c r="PDC668" s="613"/>
      <c r="PDD668" s="613"/>
      <c r="PDE668" s="613"/>
      <c r="PDF668" s="613"/>
      <c r="PDG668" s="613"/>
      <c r="PDH668" s="613"/>
      <c r="PDI668" s="613"/>
      <c r="PDJ668" s="613"/>
      <c r="PDK668" s="613"/>
      <c r="PDL668" s="613"/>
      <c r="PDM668" s="613"/>
      <c r="PDN668" s="613"/>
      <c r="PDO668" s="613"/>
      <c r="PDP668" s="613"/>
      <c r="PDQ668" s="613"/>
      <c r="PDR668" s="613"/>
      <c r="PDS668" s="613"/>
      <c r="PDT668" s="613"/>
      <c r="PDU668" s="613"/>
      <c r="PDV668" s="613"/>
      <c r="PDW668" s="613"/>
      <c r="PDX668" s="613"/>
      <c r="PDY668" s="613"/>
      <c r="PDZ668" s="613"/>
      <c r="PEA668" s="613"/>
      <c r="PEB668" s="613"/>
      <c r="PEC668" s="613"/>
      <c r="PED668" s="613"/>
      <c r="PEE668" s="613"/>
      <c r="PEF668" s="613"/>
      <c r="PEG668" s="613"/>
      <c r="PEH668" s="613"/>
      <c r="PEI668" s="613"/>
      <c r="PEJ668" s="613"/>
      <c r="PEK668" s="613"/>
      <c r="PEL668" s="613"/>
      <c r="PEM668" s="613"/>
      <c r="PEN668" s="613"/>
      <c r="PEO668" s="613"/>
      <c r="PEP668" s="613"/>
      <c r="PEQ668" s="613"/>
      <c r="PER668" s="613"/>
      <c r="PES668" s="613"/>
      <c r="PET668" s="613"/>
      <c r="PEU668" s="613"/>
      <c r="PEV668" s="613"/>
      <c r="PEW668" s="613"/>
      <c r="PEX668" s="613"/>
      <c r="PEY668" s="613"/>
      <c r="PEZ668" s="613"/>
      <c r="PFA668" s="613"/>
      <c r="PFB668" s="613"/>
      <c r="PFC668" s="613"/>
      <c r="PFD668" s="613"/>
      <c r="PFE668" s="613"/>
      <c r="PFF668" s="613"/>
      <c r="PFG668" s="613"/>
      <c r="PFH668" s="613"/>
      <c r="PFI668" s="613"/>
      <c r="PFJ668" s="613"/>
      <c r="PFK668" s="613"/>
      <c r="PFL668" s="613"/>
      <c r="PFM668" s="613"/>
      <c r="PFN668" s="613"/>
      <c r="PFO668" s="613"/>
      <c r="PFP668" s="613"/>
      <c r="PFQ668" s="613"/>
      <c r="PFR668" s="613"/>
      <c r="PFS668" s="613"/>
      <c r="PFT668" s="613"/>
      <c r="PFU668" s="613"/>
      <c r="PFV668" s="613"/>
      <c r="PFW668" s="613"/>
      <c r="PFX668" s="613"/>
      <c r="PFY668" s="613"/>
      <c r="PFZ668" s="613"/>
      <c r="PGA668" s="613"/>
      <c r="PGB668" s="613"/>
      <c r="PGC668" s="613"/>
      <c r="PGD668" s="613"/>
      <c r="PGE668" s="613"/>
      <c r="PGF668" s="613"/>
      <c r="PGG668" s="613"/>
      <c r="PGH668" s="613"/>
      <c r="PGI668" s="613"/>
      <c r="PGJ668" s="613"/>
      <c r="PGK668" s="613"/>
      <c r="PGL668" s="613"/>
      <c r="PGM668" s="613"/>
      <c r="PGN668" s="613"/>
      <c r="PGO668" s="613"/>
      <c r="PGP668" s="613"/>
      <c r="PGQ668" s="613"/>
      <c r="PGR668" s="613"/>
      <c r="PGS668" s="613"/>
      <c r="PGT668" s="613"/>
      <c r="PGU668" s="613"/>
      <c r="PGV668" s="613"/>
      <c r="PGW668" s="613"/>
      <c r="PGX668" s="613"/>
      <c r="PGY668" s="613"/>
      <c r="PGZ668" s="613"/>
      <c r="PHA668" s="613"/>
      <c r="PHB668" s="613"/>
      <c r="PHC668" s="613"/>
      <c r="PHD668" s="613"/>
      <c r="PHE668" s="613"/>
      <c r="PHF668" s="613"/>
      <c r="PHG668" s="613"/>
      <c r="PHH668" s="613"/>
      <c r="PHI668" s="613"/>
      <c r="PHJ668" s="613"/>
      <c r="PHK668" s="613"/>
      <c r="PHL668" s="613"/>
      <c r="PHM668" s="613"/>
      <c r="PHN668" s="613"/>
      <c r="PHO668" s="613"/>
      <c r="PHP668" s="613"/>
      <c r="PHQ668" s="613"/>
      <c r="PHR668" s="613"/>
      <c r="PHS668" s="613"/>
      <c r="PHT668" s="613"/>
      <c r="PHU668" s="613"/>
      <c r="PHV668" s="613"/>
      <c r="PHW668" s="613"/>
      <c r="PHX668" s="613"/>
      <c r="PHY668" s="613"/>
      <c r="PHZ668" s="613"/>
      <c r="PIA668" s="613"/>
      <c r="PIB668" s="613"/>
      <c r="PIC668" s="613"/>
      <c r="PID668" s="613"/>
      <c r="PIE668" s="613"/>
      <c r="PIF668" s="613"/>
      <c r="PIG668" s="613"/>
      <c r="PIH668" s="613"/>
      <c r="PII668" s="613"/>
      <c r="PIJ668" s="613"/>
      <c r="PIK668" s="613"/>
      <c r="PIL668" s="613"/>
      <c r="PIM668" s="613"/>
      <c r="PIN668" s="613"/>
      <c r="PIO668" s="613"/>
      <c r="PIP668" s="613"/>
      <c r="PIQ668" s="613"/>
      <c r="PIR668" s="613"/>
      <c r="PIS668" s="613"/>
      <c r="PIT668" s="613"/>
      <c r="PIU668" s="613"/>
      <c r="PIV668" s="613"/>
      <c r="PIW668" s="613"/>
      <c r="PIX668" s="613"/>
      <c r="PIY668" s="613"/>
      <c r="PIZ668" s="613"/>
      <c r="PJA668" s="613"/>
      <c r="PJB668" s="613"/>
      <c r="PJC668" s="613"/>
      <c r="PJD668" s="613"/>
      <c r="PJE668" s="613"/>
      <c r="PJF668" s="613"/>
      <c r="PJG668" s="613"/>
      <c r="PJH668" s="613"/>
      <c r="PJI668" s="613"/>
      <c r="PJJ668" s="613"/>
      <c r="PJK668" s="613"/>
      <c r="PJL668" s="613"/>
      <c r="PJM668" s="613"/>
      <c r="PJN668" s="613"/>
      <c r="PJO668" s="613"/>
      <c r="PJP668" s="613"/>
      <c r="PJQ668" s="613"/>
      <c r="PJR668" s="613"/>
      <c r="PJS668" s="613"/>
      <c r="PJT668" s="613"/>
      <c r="PJU668" s="613"/>
      <c r="PJV668" s="613"/>
      <c r="PJW668" s="613"/>
      <c r="PJX668" s="613"/>
      <c r="PJY668" s="613"/>
      <c r="PJZ668" s="613"/>
      <c r="PKA668" s="613"/>
      <c r="PKB668" s="613"/>
      <c r="PKC668" s="613"/>
      <c r="PKD668" s="613"/>
      <c r="PKE668" s="613"/>
      <c r="PKF668" s="613"/>
      <c r="PKG668" s="613"/>
      <c r="PKH668" s="613"/>
      <c r="PKI668" s="613"/>
      <c r="PKJ668" s="613"/>
      <c r="PKK668" s="613"/>
      <c r="PKL668" s="613"/>
      <c r="PKM668" s="613"/>
      <c r="PKN668" s="613"/>
      <c r="PKO668" s="613"/>
      <c r="PKP668" s="613"/>
      <c r="PKQ668" s="613"/>
      <c r="PKR668" s="613"/>
      <c r="PKS668" s="613"/>
      <c r="PKT668" s="613"/>
      <c r="PKU668" s="613"/>
      <c r="PKV668" s="613"/>
      <c r="PKW668" s="613"/>
      <c r="PKX668" s="613"/>
      <c r="PKY668" s="613"/>
      <c r="PKZ668" s="613"/>
      <c r="PLA668" s="613"/>
      <c r="PLB668" s="613"/>
      <c r="PLC668" s="613"/>
      <c r="PLD668" s="613"/>
      <c r="PLE668" s="613"/>
      <c r="PLF668" s="613"/>
      <c r="PLG668" s="613"/>
      <c r="PLH668" s="613"/>
      <c r="PLI668" s="613"/>
      <c r="PLJ668" s="613"/>
      <c r="PLK668" s="613"/>
      <c r="PLL668" s="613"/>
      <c r="PLM668" s="613"/>
      <c r="PLN668" s="613"/>
      <c r="PLO668" s="613"/>
      <c r="PLP668" s="613"/>
      <c r="PLQ668" s="613"/>
      <c r="PLR668" s="613"/>
      <c r="PLS668" s="613"/>
      <c r="PLT668" s="613"/>
      <c r="PLU668" s="613"/>
      <c r="PLV668" s="613"/>
      <c r="PLW668" s="613"/>
      <c r="PLX668" s="613"/>
      <c r="PLY668" s="613"/>
      <c r="PLZ668" s="613"/>
      <c r="PMA668" s="613"/>
      <c r="PMB668" s="613"/>
      <c r="PMC668" s="613"/>
      <c r="PMD668" s="613"/>
      <c r="PME668" s="613"/>
      <c r="PMF668" s="613"/>
      <c r="PMG668" s="613"/>
      <c r="PMH668" s="613"/>
      <c r="PMI668" s="613"/>
      <c r="PMJ668" s="613"/>
      <c r="PMK668" s="613"/>
      <c r="PML668" s="613"/>
      <c r="PMM668" s="613"/>
      <c r="PMN668" s="613"/>
      <c r="PMO668" s="613"/>
      <c r="PMP668" s="613"/>
      <c r="PMQ668" s="613"/>
      <c r="PMR668" s="613"/>
      <c r="PMS668" s="613"/>
      <c r="PMT668" s="613"/>
      <c r="PMU668" s="613"/>
      <c r="PMV668" s="613"/>
      <c r="PMW668" s="613"/>
      <c r="PMX668" s="613"/>
      <c r="PMY668" s="613"/>
      <c r="PMZ668" s="613"/>
      <c r="PNA668" s="613"/>
      <c r="PNB668" s="613"/>
      <c r="PNC668" s="613"/>
      <c r="PND668" s="613"/>
      <c r="PNE668" s="613"/>
      <c r="PNF668" s="613"/>
      <c r="PNG668" s="613"/>
      <c r="PNH668" s="613"/>
      <c r="PNI668" s="613"/>
      <c r="PNJ668" s="613"/>
      <c r="PNK668" s="613"/>
      <c r="PNL668" s="613"/>
      <c r="PNM668" s="613"/>
      <c r="PNN668" s="613"/>
      <c r="PNO668" s="613"/>
      <c r="PNP668" s="613"/>
      <c r="PNQ668" s="613"/>
      <c r="PNR668" s="613"/>
      <c r="PNS668" s="613"/>
      <c r="PNT668" s="613"/>
      <c r="PNU668" s="613"/>
      <c r="PNV668" s="613"/>
      <c r="PNW668" s="613"/>
      <c r="PNX668" s="613"/>
      <c r="PNY668" s="613"/>
      <c r="PNZ668" s="613"/>
      <c r="POA668" s="613"/>
      <c r="POB668" s="613"/>
      <c r="POC668" s="613"/>
      <c r="POD668" s="613"/>
      <c r="POE668" s="613"/>
      <c r="POF668" s="613"/>
      <c r="POG668" s="613"/>
      <c r="POH668" s="613"/>
      <c r="POI668" s="613"/>
      <c r="POJ668" s="613"/>
      <c r="POK668" s="613"/>
      <c r="POL668" s="613"/>
      <c r="POM668" s="613"/>
      <c r="PON668" s="613"/>
      <c r="POO668" s="613"/>
      <c r="POP668" s="613"/>
      <c r="POQ668" s="613"/>
      <c r="POR668" s="613"/>
      <c r="POS668" s="613"/>
      <c r="POT668" s="613"/>
      <c r="POU668" s="613"/>
      <c r="POV668" s="613"/>
      <c r="POW668" s="613"/>
      <c r="POX668" s="613"/>
      <c r="POY668" s="613"/>
      <c r="POZ668" s="613"/>
      <c r="PPA668" s="613"/>
      <c r="PPB668" s="613"/>
      <c r="PPC668" s="613"/>
      <c r="PPD668" s="613"/>
      <c r="PPE668" s="613"/>
      <c r="PPF668" s="613"/>
      <c r="PPG668" s="613"/>
      <c r="PPH668" s="613"/>
      <c r="PPI668" s="613"/>
      <c r="PPJ668" s="613"/>
      <c r="PPK668" s="613"/>
      <c r="PPL668" s="613"/>
      <c r="PPM668" s="613"/>
      <c r="PPN668" s="613"/>
      <c r="PPO668" s="613"/>
      <c r="PPP668" s="613"/>
      <c r="PPQ668" s="613"/>
      <c r="PPR668" s="613"/>
      <c r="PPS668" s="613"/>
      <c r="PPT668" s="613"/>
      <c r="PPU668" s="613"/>
      <c r="PPV668" s="613"/>
      <c r="PPW668" s="613"/>
      <c r="PPX668" s="613"/>
      <c r="PPY668" s="613"/>
      <c r="PPZ668" s="613"/>
      <c r="PQA668" s="613"/>
      <c r="PQB668" s="613"/>
      <c r="PQC668" s="613"/>
      <c r="PQD668" s="613"/>
      <c r="PQE668" s="613"/>
      <c r="PQF668" s="613"/>
      <c r="PQG668" s="613"/>
      <c r="PQH668" s="613"/>
      <c r="PQI668" s="613"/>
      <c r="PQJ668" s="613"/>
      <c r="PQK668" s="613"/>
      <c r="PQL668" s="613"/>
      <c r="PQM668" s="613"/>
      <c r="PQN668" s="613"/>
      <c r="PQO668" s="613"/>
      <c r="PQP668" s="613"/>
      <c r="PQQ668" s="613"/>
      <c r="PQR668" s="613"/>
      <c r="PQS668" s="613"/>
      <c r="PQT668" s="613"/>
      <c r="PQU668" s="613"/>
      <c r="PQV668" s="613"/>
      <c r="PQW668" s="613"/>
      <c r="PQX668" s="613"/>
      <c r="PQY668" s="613"/>
      <c r="PQZ668" s="613"/>
      <c r="PRA668" s="613"/>
      <c r="PRB668" s="613"/>
      <c r="PRC668" s="613"/>
      <c r="PRD668" s="613"/>
      <c r="PRE668" s="613"/>
      <c r="PRF668" s="613"/>
      <c r="PRG668" s="613"/>
      <c r="PRH668" s="613"/>
      <c r="PRI668" s="613"/>
      <c r="PRJ668" s="613"/>
      <c r="PRK668" s="613"/>
      <c r="PRL668" s="613"/>
      <c r="PRM668" s="613"/>
      <c r="PRN668" s="613"/>
      <c r="PRO668" s="613"/>
      <c r="PRP668" s="613"/>
      <c r="PRQ668" s="613"/>
      <c r="PRR668" s="613"/>
      <c r="PRS668" s="613"/>
      <c r="PRT668" s="613"/>
      <c r="PRU668" s="613"/>
      <c r="PRV668" s="613"/>
      <c r="PRW668" s="613"/>
      <c r="PRX668" s="613"/>
      <c r="PRY668" s="613"/>
      <c r="PRZ668" s="613"/>
      <c r="PSA668" s="613"/>
      <c r="PSB668" s="613"/>
      <c r="PSC668" s="613"/>
      <c r="PSD668" s="613"/>
      <c r="PSE668" s="613"/>
      <c r="PSF668" s="613"/>
      <c r="PSG668" s="613"/>
      <c r="PSH668" s="613"/>
      <c r="PSI668" s="613"/>
      <c r="PSJ668" s="613"/>
      <c r="PSK668" s="613"/>
      <c r="PSL668" s="613"/>
      <c r="PSM668" s="613"/>
      <c r="PSN668" s="613"/>
      <c r="PSO668" s="613"/>
      <c r="PSP668" s="613"/>
      <c r="PSQ668" s="613"/>
      <c r="PSR668" s="613"/>
      <c r="PSS668" s="613"/>
      <c r="PST668" s="613"/>
      <c r="PSU668" s="613"/>
      <c r="PSV668" s="613"/>
      <c r="PSW668" s="613"/>
      <c r="PSX668" s="613"/>
      <c r="PSY668" s="613"/>
      <c r="PSZ668" s="613"/>
      <c r="PTA668" s="613"/>
      <c r="PTB668" s="613"/>
      <c r="PTC668" s="613"/>
      <c r="PTD668" s="613"/>
      <c r="PTE668" s="613"/>
      <c r="PTF668" s="613"/>
      <c r="PTG668" s="613"/>
      <c r="PTH668" s="613"/>
      <c r="PTI668" s="613"/>
      <c r="PTJ668" s="613"/>
      <c r="PTK668" s="613"/>
      <c r="PTL668" s="613"/>
      <c r="PTM668" s="613"/>
      <c r="PTN668" s="613"/>
      <c r="PTO668" s="613"/>
      <c r="PTP668" s="613"/>
      <c r="PTQ668" s="613"/>
      <c r="PTR668" s="613"/>
      <c r="PTS668" s="613"/>
      <c r="PTT668" s="613"/>
      <c r="PTU668" s="613"/>
      <c r="PTV668" s="613"/>
      <c r="PTW668" s="613"/>
      <c r="PTX668" s="613"/>
      <c r="PTY668" s="613"/>
      <c r="PTZ668" s="613"/>
      <c r="PUA668" s="613"/>
      <c r="PUB668" s="613"/>
      <c r="PUC668" s="613"/>
      <c r="PUD668" s="613"/>
      <c r="PUE668" s="613"/>
      <c r="PUF668" s="613"/>
      <c r="PUG668" s="613"/>
      <c r="PUH668" s="613"/>
      <c r="PUI668" s="613"/>
      <c r="PUJ668" s="613"/>
      <c r="PUK668" s="613"/>
      <c r="PUL668" s="613"/>
      <c r="PUM668" s="613"/>
      <c r="PUN668" s="613"/>
      <c r="PUO668" s="613"/>
      <c r="PUP668" s="613"/>
      <c r="PUQ668" s="613"/>
      <c r="PUR668" s="613"/>
      <c r="PUS668" s="613"/>
      <c r="PUT668" s="613"/>
      <c r="PUU668" s="613"/>
      <c r="PUV668" s="613"/>
      <c r="PUW668" s="613"/>
      <c r="PUX668" s="613"/>
      <c r="PUY668" s="613"/>
      <c r="PUZ668" s="613"/>
      <c r="PVA668" s="613"/>
      <c r="PVB668" s="613"/>
      <c r="PVC668" s="613"/>
      <c r="PVD668" s="613"/>
      <c r="PVE668" s="613"/>
      <c r="PVF668" s="613"/>
      <c r="PVG668" s="613"/>
      <c r="PVH668" s="613"/>
      <c r="PVI668" s="613"/>
      <c r="PVJ668" s="613"/>
      <c r="PVK668" s="613"/>
      <c r="PVL668" s="613"/>
      <c r="PVM668" s="613"/>
      <c r="PVN668" s="613"/>
      <c r="PVO668" s="613"/>
      <c r="PVP668" s="613"/>
      <c r="PVQ668" s="613"/>
      <c r="PVR668" s="613"/>
      <c r="PVS668" s="613"/>
      <c r="PVT668" s="613"/>
      <c r="PVU668" s="613"/>
      <c r="PVV668" s="613"/>
      <c r="PVW668" s="613"/>
      <c r="PVX668" s="613"/>
      <c r="PVY668" s="613"/>
      <c r="PVZ668" s="613"/>
      <c r="PWA668" s="613"/>
      <c r="PWB668" s="613"/>
      <c r="PWC668" s="613"/>
      <c r="PWD668" s="613"/>
      <c r="PWE668" s="613"/>
      <c r="PWF668" s="613"/>
      <c r="PWG668" s="613"/>
      <c r="PWH668" s="613"/>
      <c r="PWI668" s="613"/>
      <c r="PWJ668" s="613"/>
      <c r="PWK668" s="613"/>
      <c r="PWL668" s="613"/>
      <c r="PWM668" s="613"/>
      <c r="PWN668" s="613"/>
      <c r="PWO668" s="613"/>
      <c r="PWP668" s="613"/>
      <c r="PWQ668" s="613"/>
      <c r="PWR668" s="613"/>
      <c r="PWS668" s="613"/>
      <c r="PWT668" s="613"/>
      <c r="PWU668" s="613"/>
      <c r="PWV668" s="613"/>
      <c r="PWW668" s="613"/>
      <c r="PWX668" s="613"/>
      <c r="PWY668" s="613"/>
      <c r="PWZ668" s="613"/>
      <c r="PXA668" s="613"/>
      <c r="PXB668" s="613"/>
      <c r="PXC668" s="613"/>
      <c r="PXD668" s="613"/>
      <c r="PXE668" s="613"/>
      <c r="PXF668" s="613"/>
      <c r="PXG668" s="613"/>
      <c r="PXH668" s="613"/>
      <c r="PXI668" s="613"/>
      <c r="PXJ668" s="613"/>
      <c r="PXK668" s="613"/>
      <c r="PXL668" s="613"/>
      <c r="PXM668" s="613"/>
      <c r="PXN668" s="613"/>
      <c r="PXO668" s="613"/>
      <c r="PXP668" s="613"/>
      <c r="PXQ668" s="613"/>
      <c r="PXR668" s="613"/>
      <c r="PXS668" s="613"/>
      <c r="PXT668" s="613"/>
      <c r="PXU668" s="613"/>
      <c r="PXV668" s="613"/>
      <c r="PXW668" s="613"/>
      <c r="PXX668" s="613"/>
      <c r="PXY668" s="613"/>
      <c r="PXZ668" s="613"/>
      <c r="PYA668" s="613"/>
      <c r="PYB668" s="613"/>
      <c r="PYC668" s="613"/>
      <c r="PYD668" s="613"/>
      <c r="PYE668" s="613"/>
      <c r="PYF668" s="613"/>
      <c r="PYG668" s="613"/>
      <c r="PYH668" s="613"/>
      <c r="PYI668" s="613"/>
      <c r="PYJ668" s="613"/>
      <c r="PYK668" s="613"/>
      <c r="PYL668" s="613"/>
      <c r="PYM668" s="613"/>
      <c r="PYN668" s="613"/>
      <c r="PYO668" s="613"/>
      <c r="PYP668" s="613"/>
      <c r="PYQ668" s="613"/>
      <c r="PYR668" s="613"/>
      <c r="PYS668" s="613"/>
      <c r="PYT668" s="613"/>
      <c r="PYU668" s="613"/>
      <c r="PYV668" s="613"/>
      <c r="PYW668" s="613"/>
      <c r="PYX668" s="613"/>
      <c r="PYY668" s="613"/>
      <c r="PYZ668" s="613"/>
      <c r="PZA668" s="613"/>
      <c r="PZB668" s="613"/>
      <c r="PZC668" s="613"/>
      <c r="PZD668" s="613"/>
      <c r="PZE668" s="613"/>
      <c r="PZF668" s="613"/>
      <c r="PZG668" s="613"/>
      <c r="PZH668" s="613"/>
      <c r="PZI668" s="613"/>
      <c r="PZJ668" s="613"/>
      <c r="PZK668" s="613"/>
      <c r="PZL668" s="613"/>
      <c r="PZM668" s="613"/>
      <c r="PZN668" s="613"/>
      <c r="PZO668" s="613"/>
      <c r="PZP668" s="613"/>
      <c r="PZQ668" s="613"/>
      <c r="PZR668" s="613"/>
      <c r="PZS668" s="613"/>
      <c r="PZT668" s="613"/>
      <c r="PZU668" s="613"/>
      <c r="PZV668" s="613"/>
      <c r="PZW668" s="613"/>
      <c r="PZX668" s="613"/>
      <c r="PZY668" s="613"/>
      <c r="PZZ668" s="613"/>
      <c r="QAA668" s="613"/>
      <c r="QAB668" s="613"/>
      <c r="QAC668" s="613"/>
      <c r="QAD668" s="613"/>
      <c r="QAE668" s="613"/>
      <c r="QAF668" s="613"/>
      <c r="QAG668" s="613"/>
      <c r="QAH668" s="613"/>
      <c r="QAI668" s="613"/>
      <c r="QAJ668" s="613"/>
      <c r="QAK668" s="613"/>
      <c r="QAL668" s="613"/>
      <c r="QAM668" s="613"/>
      <c r="QAN668" s="613"/>
      <c r="QAO668" s="613"/>
      <c r="QAP668" s="613"/>
      <c r="QAQ668" s="613"/>
      <c r="QAR668" s="613"/>
      <c r="QAS668" s="613"/>
      <c r="QAT668" s="613"/>
      <c r="QAU668" s="613"/>
      <c r="QAV668" s="613"/>
      <c r="QAW668" s="613"/>
      <c r="QAX668" s="613"/>
      <c r="QAY668" s="613"/>
      <c r="QAZ668" s="613"/>
      <c r="QBA668" s="613"/>
      <c r="QBB668" s="613"/>
      <c r="QBC668" s="613"/>
      <c r="QBD668" s="613"/>
      <c r="QBE668" s="613"/>
      <c r="QBF668" s="613"/>
      <c r="QBG668" s="613"/>
      <c r="QBH668" s="613"/>
      <c r="QBI668" s="613"/>
      <c r="QBJ668" s="613"/>
      <c r="QBK668" s="613"/>
      <c r="QBL668" s="613"/>
      <c r="QBM668" s="613"/>
      <c r="QBN668" s="613"/>
      <c r="QBO668" s="613"/>
      <c r="QBP668" s="613"/>
      <c r="QBQ668" s="613"/>
      <c r="QBR668" s="613"/>
      <c r="QBS668" s="613"/>
      <c r="QBT668" s="613"/>
      <c r="QBU668" s="613"/>
      <c r="QBV668" s="613"/>
      <c r="QBW668" s="613"/>
      <c r="QBX668" s="613"/>
      <c r="QBY668" s="613"/>
      <c r="QBZ668" s="613"/>
      <c r="QCA668" s="613"/>
      <c r="QCB668" s="613"/>
      <c r="QCC668" s="613"/>
      <c r="QCD668" s="613"/>
      <c r="QCE668" s="613"/>
      <c r="QCF668" s="613"/>
      <c r="QCG668" s="613"/>
      <c r="QCH668" s="613"/>
      <c r="QCI668" s="613"/>
      <c r="QCJ668" s="613"/>
      <c r="QCK668" s="613"/>
      <c r="QCL668" s="613"/>
      <c r="QCM668" s="613"/>
      <c r="QCN668" s="613"/>
      <c r="QCO668" s="613"/>
      <c r="QCP668" s="613"/>
      <c r="QCQ668" s="613"/>
      <c r="QCR668" s="613"/>
      <c r="QCS668" s="613"/>
      <c r="QCT668" s="613"/>
      <c r="QCU668" s="613"/>
      <c r="QCV668" s="613"/>
      <c r="QCW668" s="613"/>
      <c r="QCX668" s="613"/>
      <c r="QCY668" s="613"/>
      <c r="QCZ668" s="613"/>
      <c r="QDA668" s="613"/>
      <c r="QDB668" s="613"/>
      <c r="QDC668" s="613"/>
      <c r="QDD668" s="613"/>
      <c r="QDE668" s="613"/>
      <c r="QDF668" s="613"/>
      <c r="QDG668" s="613"/>
      <c r="QDH668" s="613"/>
      <c r="QDI668" s="613"/>
      <c r="QDJ668" s="613"/>
      <c r="QDK668" s="613"/>
      <c r="QDL668" s="613"/>
      <c r="QDM668" s="613"/>
      <c r="QDN668" s="613"/>
      <c r="QDO668" s="613"/>
      <c r="QDP668" s="613"/>
      <c r="QDQ668" s="613"/>
      <c r="QDR668" s="613"/>
      <c r="QDS668" s="613"/>
      <c r="QDT668" s="613"/>
      <c r="QDU668" s="613"/>
      <c r="QDV668" s="613"/>
      <c r="QDW668" s="613"/>
      <c r="QDX668" s="613"/>
      <c r="QDY668" s="613"/>
      <c r="QDZ668" s="613"/>
      <c r="QEA668" s="613"/>
      <c r="QEB668" s="613"/>
      <c r="QEC668" s="613"/>
      <c r="QED668" s="613"/>
      <c r="QEE668" s="613"/>
      <c r="QEF668" s="613"/>
      <c r="QEG668" s="613"/>
      <c r="QEH668" s="613"/>
      <c r="QEI668" s="613"/>
      <c r="QEJ668" s="613"/>
      <c r="QEK668" s="613"/>
      <c r="QEL668" s="613"/>
      <c r="QEM668" s="613"/>
      <c r="QEN668" s="613"/>
      <c r="QEO668" s="613"/>
      <c r="QEP668" s="613"/>
      <c r="QEQ668" s="613"/>
      <c r="QER668" s="613"/>
      <c r="QES668" s="613"/>
      <c r="QET668" s="613"/>
      <c r="QEU668" s="613"/>
      <c r="QEV668" s="613"/>
      <c r="QEW668" s="613"/>
      <c r="QEX668" s="613"/>
      <c r="QEY668" s="613"/>
      <c r="QEZ668" s="613"/>
      <c r="QFA668" s="613"/>
      <c r="QFB668" s="613"/>
      <c r="QFC668" s="613"/>
      <c r="QFD668" s="613"/>
      <c r="QFE668" s="613"/>
      <c r="QFF668" s="613"/>
      <c r="QFG668" s="613"/>
      <c r="QFH668" s="613"/>
      <c r="QFI668" s="613"/>
      <c r="QFJ668" s="613"/>
      <c r="QFK668" s="613"/>
      <c r="QFL668" s="613"/>
      <c r="QFM668" s="613"/>
      <c r="QFN668" s="613"/>
      <c r="QFO668" s="613"/>
      <c r="QFP668" s="613"/>
      <c r="QFQ668" s="613"/>
      <c r="QFR668" s="613"/>
      <c r="QFS668" s="613"/>
      <c r="QFT668" s="613"/>
      <c r="QFU668" s="613"/>
      <c r="QFV668" s="613"/>
      <c r="QFW668" s="613"/>
      <c r="QFX668" s="613"/>
      <c r="QFY668" s="613"/>
      <c r="QFZ668" s="613"/>
      <c r="QGA668" s="613"/>
      <c r="QGB668" s="613"/>
      <c r="QGC668" s="613"/>
      <c r="QGD668" s="613"/>
      <c r="QGE668" s="613"/>
      <c r="QGF668" s="613"/>
      <c r="QGG668" s="613"/>
      <c r="QGH668" s="613"/>
      <c r="QGI668" s="613"/>
      <c r="QGJ668" s="613"/>
      <c r="QGK668" s="613"/>
      <c r="QGL668" s="613"/>
      <c r="QGM668" s="613"/>
      <c r="QGN668" s="613"/>
      <c r="QGO668" s="613"/>
      <c r="QGP668" s="613"/>
      <c r="QGQ668" s="613"/>
      <c r="QGR668" s="613"/>
      <c r="QGS668" s="613"/>
      <c r="QGT668" s="613"/>
      <c r="QGU668" s="613"/>
      <c r="QGV668" s="613"/>
      <c r="QGW668" s="613"/>
      <c r="QGX668" s="613"/>
      <c r="QGY668" s="613"/>
      <c r="QGZ668" s="613"/>
      <c r="QHA668" s="613"/>
      <c r="QHB668" s="613"/>
      <c r="QHC668" s="613"/>
      <c r="QHD668" s="613"/>
      <c r="QHE668" s="613"/>
      <c r="QHF668" s="613"/>
      <c r="QHG668" s="613"/>
      <c r="QHH668" s="613"/>
      <c r="QHI668" s="613"/>
      <c r="QHJ668" s="613"/>
      <c r="QHK668" s="613"/>
      <c r="QHL668" s="613"/>
      <c r="QHM668" s="613"/>
      <c r="QHN668" s="613"/>
      <c r="QHO668" s="613"/>
      <c r="QHP668" s="613"/>
      <c r="QHQ668" s="613"/>
      <c r="QHR668" s="613"/>
      <c r="QHS668" s="613"/>
      <c r="QHT668" s="613"/>
      <c r="QHU668" s="613"/>
      <c r="QHV668" s="613"/>
      <c r="QHW668" s="613"/>
      <c r="QHX668" s="613"/>
      <c r="QHY668" s="613"/>
      <c r="QHZ668" s="613"/>
      <c r="QIA668" s="613"/>
      <c r="QIB668" s="613"/>
      <c r="QIC668" s="613"/>
      <c r="QID668" s="613"/>
      <c r="QIE668" s="613"/>
      <c r="QIF668" s="613"/>
      <c r="QIG668" s="613"/>
      <c r="QIH668" s="613"/>
      <c r="QII668" s="613"/>
      <c r="QIJ668" s="613"/>
      <c r="QIK668" s="613"/>
      <c r="QIL668" s="613"/>
      <c r="QIM668" s="613"/>
      <c r="QIN668" s="613"/>
      <c r="QIO668" s="613"/>
      <c r="QIP668" s="613"/>
      <c r="QIQ668" s="613"/>
      <c r="QIR668" s="613"/>
      <c r="QIS668" s="613"/>
      <c r="QIT668" s="613"/>
      <c r="QIU668" s="613"/>
      <c r="QIV668" s="613"/>
      <c r="QIW668" s="613"/>
      <c r="QIX668" s="613"/>
      <c r="QIY668" s="613"/>
      <c r="QIZ668" s="613"/>
      <c r="QJA668" s="613"/>
      <c r="QJB668" s="613"/>
      <c r="QJC668" s="613"/>
      <c r="QJD668" s="613"/>
      <c r="QJE668" s="613"/>
      <c r="QJF668" s="613"/>
      <c r="QJG668" s="613"/>
      <c r="QJH668" s="613"/>
      <c r="QJI668" s="613"/>
      <c r="QJJ668" s="613"/>
      <c r="QJK668" s="613"/>
      <c r="QJL668" s="613"/>
      <c r="QJM668" s="613"/>
      <c r="QJN668" s="613"/>
      <c r="QJO668" s="613"/>
      <c r="QJP668" s="613"/>
      <c r="QJQ668" s="613"/>
      <c r="QJR668" s="613"/>
      <c r="QJS668" s="613"/>
      <c r="QJT668" s="613"/>
      <c r="QJU668" s="613"/>
      <c r="QJV668" s="613"/>
      <c r="QJW668" s="613"/>
      <c r="QJX668" s="613"/>
      <c r="QJY668" s="613"/>
      <c r="QJZ668" s="613"/>
      <c r="QKA668" s="613"/>
      <c r="QKB668" s="613"/>
      <c r="QKC668" s="613"/>
      <c r="QKD668" s="613"/>
      <c r="QKE668" s="613"/>
      <c r="QKF668" s="613"/>
      <c r="QKG668" s="613"/>
      <c r="QKH668" s="613"/>
      <c r="QKI668" s="613"/>
      <c r="QKJ668" s="613"/>
      <c r="QKK668" s="613"/>
      <c r="QKL668" s="613"/>
      <c r="QKM668" s="613"/>
      <c r="QKN668" s="613"/>
      <c r="QKO668" s="613"/>
      <c r="QKP668" s="613"/>
      <c r="QKQ668" s="613"/>
      <c r="QKR668" s="613"/>
      <c r="QKS668" s="613"/>
      <c r="QKT668" s="613"/>
      <c r="QKU668" s="613"/>
      <c r="QKV668" s="613"/>
      <c r="QKW668" s="613"/>
      <c r="QKX668" s="613"/>
      <c r="QKY668" s="613"/>
      <c r="QKZ668" s="613"/>
      <c r="QLA668" s="613"/>
      <c r="QLB668" s="613"/>
      <c r="QLC668" s="613"/>
      <c r="QLD668" s="613"/>
      <c r="QLE668" s="613"/>
      <c r="QLF668" s="613"/>
      <c r="QLG668" s="613"/>
      <c r="QLH668" s="613"/>
      <c r="QLI668" s="613"/>
      <c r="QLJ668" s="613"/>
      <c r="QLK668" s="613"/>
      <c r="QLL668" s="613"/>
      <c r="QLM668" s="613"/>
      <c r="QLN668" s="613"/>
      <c r="QLO668" s="613"/>
      <c r="QLP668" s="613"/>
      <c r="QLQ668" s="613"/>
      <c r="QLR668" s="613"/>
      <c r="QLS668" s="613"/>
      <c r="QLT668" s="613"/>
      <c r="QLU668" s="613"/>
      <c r="QLV668" s="613"/>
      <c r="QLW668" s="613"/>
      <c r="QLX668" s="613"/>
      <c r="QLY668" s="613"/>
      <c r="QLZ668" s="613"/>
      <c r="QMA668" s="613"/>
      <c r="QMB668" s="613"/>
      <c r="QMC668" s="613"/>
      <c r="QMD668" s="613"/>
      <c r="QME668" s="613"/>
      <c r="QMF668" s="613"/>
      <c r="QMG668" s="613"/>
      <c r="QMH668" s="613"/>
      <c r="QMI668" s="613"/>
      <c r="QMJ668" s="613"/>
      <c r="QMK668" s="613"/>
      <c r="QML668" s="613"/>
      <c r="QMM668" s="613"/>
      <c r="QMN668" s="613"/>
      <c r="QMO668" s="613"/>
      <c r="QMP668" s="613"/>
      <c r="QMQ668" s="613"/>
      <c r="QMR668" s="613"/>
      <c r="QMS668" s="613"/>
      <c r="QMT668" s="613"/>
      <c r="QMU668" s="613"/>
      <c r="QMV668" s="613"/>
      <c r="QMW668" s="613"/>
      <c r="QMX668" s="613"/>
      <c r="QMY668" s="613"/>
      <c r="QMZ668" s="613"/>
      <c r="QNA668" s="613"/>
      <c r="QNB668" s="613"/>
      <c r="QNC668" s="613"/>
      <c r="QND668" s="613"/>
      <c r="QNE668" s="613"/>
      <c r="QNF668" s="613"/>
      <c r="QNG668" s="613"/>
      <c r="QNH668" s="613"/>
      <c r="QNI668" s="613"/>
      <c r="QNJ668" s="613"/>
      <c r="QNK668" s="613"/>
      <c r="QNL668" s="613"/>
      <c r="QNM668" s="613"/>
      <c r="QNN668" s="613"/>
      <c r="QNO668" s="613"/>
      <c r="QNP668" s="613"/>
      <c r="QNQ668" s="613"/>
      <c r="QNR668" s="613"/>
      <c r="QNS668" s="613"/>
      <c r="QNT668" s="613"/>
      <c r="QNU668" s="613"/>
      <c r="QNV668" s="613"/>
      <c r="QNW668" s="613"/>
      <c r="QNX668" s="613"/>
      <c r="QNY668" s="613"/>
      <c r="QNZ668" s="613"/>
      <c r="QOA668" s="613"/>
      <c r="QOB668" s="613"/>
      <c r="QOC668" s="613"/>
      <c r="QOD668" s="613"/>
      <c r="QOE668" s="613"/>
      <c r="QOF668" s="613"/>
      <c r="QOG668" s="613"/>
      <c r="QOH668" s="613"/>
      <c r="QOI668" s="613"/>
      <c r="QOJ668" s="613"/>
      <c r="QOK668" s="613"/>
      <c r="QOL668" s="613"/>
      <c r="QOM668" s="613"/>
      <c r="QON668" s="613"/>
      <c r="QOO668" s="613"/>
      <c r="QOP668" s="613"/>
      <c r="QOQ668" s="613"/>
      <c r="QOR668" s="613"/>
      <c r="QOS668" s="613"/>
      <c r="QOT668" s="613"/>
      <c r="QOU668" s="613"/>
      <c r="QOV668" s="613"/>
      <c r="QOW668" s="613"/>
      <c r="QOX668" s="613"/>
      <c r="QOY668" s="613"/>
      <c r="QOZ668" s="613"/>
      <c r="QPA668" s="613"/>
      <c r="QPB668" s="613"/>
      <c r="QPC668" s="613"/>
      <c r="QPD668" s="613"/>
      <c r="QPE668" s="613"/>
      <c r="QPF668" s="613"/>
      <c r="QPG668" s="613"/>
      <c r="QPH668" s="613"/>
      <c r="QPI668" s="613"/>
      <c r="QPJ668" s="613"/>
      <c r="QPK668" s="613"/>
      <c r="QPL668" s="613"/>
      <c r="QPM668" s="613"/>
      <c r="QPN668" s="613"/>
      <c r="QPO668" s="613"/>
      <c r="QPP668" s="613"/>
      <c r="QPQ668" s="613"/>
      <c r="QPR668" s="613"/>
      <c r="QPS668" s="613"/>
      <c r="QPT668" s="613"/>
      <c r="QPU668" s="613"/>
      <c r="QPV668" s="613"/>
      <c r="QPW668" s="613"/>
      <c r="QPX668" s="613"/>
      <c r="QPY668" s="613"/>
      <c r="QPZ668" s="613"/>
      <c r="QQA668" s="613"/>
      <c r="QQB668" s="613"/>
      <c r="QQC668" s="613"/>
      <c r="QQD668" s="613"/>
      <c r="QQE668" s="613"/>
      <c r="QQF668" s="613"/>
      <c r="QQG668" s="613"/>
      <c r="QQH668" s="613"/>
      <c r="QQI668" s="613"/>
      <c r="QQJ668" s="613"/>
      <c r="QQK668" s="613"/>
      <c r="QQL668" s="613"/>
      <c r="QQM668" s="613"/>
      <c r="QQN668" s="613"/>
      <c r="QQO668" s="613"/>
      <c r="QQP668" s="613"/>
      <c r="QQQ668" s="613"/>
      <c r="QQR668" s="613"/>
      <c r="QQS668" s="613"/>
      <c r="QQT668" s="613"/>
      <c r="QQU668" s="613"/>
      <c r="QQV668" s="613"/>
      <c r="QQW668" s="613"/>
      <c r="QQX668" s="613"/>
      <c r="QQY668" s="613"/>
      <c r="QQZ668" s="613"/>
      <c r="QRA668" s="613"/>
      <c r="QRB668" s="613"/>
      <c r="QRC668" s="613"/>
      <c r="QRD668" s="613"/>
      <c r="QRE668" s="613"/>
      <c r="QRF668" s="613"/>
      <c r="QRG668" s="613"/>
      <c r="QRH668" s="613"/>
      <c r="QRI668" s="613"/>
      <c r="QRJ668" s="613"/>
      <c r="QRK668" s="613"/>
      <c r="QRL668" s="613"/>
      <c r="QRM668" s="613"/>
      <c r="QRN668" s="613"/>
      <c r="QRO668" s="613"/>
      <c r="QRP668" s="613"/>
      <c r="QRQ668" s="613"/>
      <c r="QRR668" s="613"/>
      <c r="QRS668" s="613"/>
      <c r="QRT668" s="613"/>
      <c r="QRU668" s="613"/>
      <c r="QRV668" s="613"/>
      <c r="QRW668" s="613"/>
      <c r="QRX668" s="613"/>
      <c r="QRY668" s="613"/>
      <c r="QRZ668" s="613"/>
      <c r="QSA668" s="613"/>
      <c r="QSB668" s="613"/>
      <c r="QSC668" s="613"/>
      <c r="QSD668" s="613"/>
      <c r="QSE668" s="613"/>
      <c r="QSF668" s="613"/>
      <c r="QSG668" s="613"/>
      <c r="QSH668" s="613"/>
      <c r="QSI668" s="613"/>
      <c r="QSJ668" s="613"/>
      <c r="QSK668" s="613"/>
      <c r="QSL668" s="613"/>
      <c r="QSM668" s="613"/>
      <c r="QSN668" s="613"/>
      <c r="QSO668" s="613"/>
      <c r="QSP668" s="613"/>
      <c r="QSQ668" s="613"/>
      <c r="QSR668" s="613"/>
      <c r="QSS668" s="613"/>
      <c r="QST668" s="613"/>
      <c r="QSU668" s="613"/>
      <c r="QSV668" s="613"/>
      <c r="QSW668" s="613"/>
      <c r="QSX668" s="613"/>
      <c r="QSY668" s="613"/>
      <c r="QSZ668" s="613"/>
      <c r="QTA668" s="613"/>
      <c r="QTB668" s="613"/>
      <c r="QTC668" s="613"/>
      <c r="QTD668" s="613"/>
      <c r="QTE668" s="613"/>
      <c r="QTF668" s="613"/>
      <c r="QTG668" s="613"/>
      <c r="QTH668" s="613"/>
      <c r="QTI668" s="613"/>
      <c r="QTJ668" s="613"/>
      <c r="QTK668" s="613"/>
      <c r="QTL668" s="613"/>
      <c r="QTM668" s="613"/>
      <c r="QTN668" s="613"/>
      <c r="QTO668" s="613"/>
      <c r="QTP668" s="613"/>
      <c r="QTQ668" s="613"/>
      <c r="QTR668" s="613"/>
      <c r="QTS668" s="613"/>
      <c r="QTT668" s="613"/>
      <c r="QTU668" s="613"/>
      <c r="QTV668" s="613"/>
      <c r="QTW668" s="613"/>
      <c r="QTX668" s="613"/>
      <c r="QTY668" s="613"/>
      <c r="QTZ668" s="613"/>
      <c r="QUA668" s="613"/>
      <c r="QUB668" s="613"/>
      <c r="QUC668" s="613"/>
      <c r="QUD668" s="613"/>
      <c r="QUE668" s="613"/>
      <c r="QUF668" s="613"/>
      <c r="QUG668" s="613"/>
      <c r="QUH668" s="613"/>
      <c r="QUI668" s="613"/>
      <c r="QUJ668" s="613"/>
      <c r="QUK668" s="613"/>
      <c r="QUL668" s="613"/>
      <c r="QUM668" s="613"/>
      <c r="QUN668" s="613"/>
      <c r="QUO668" s="613"/>
      <c r="QUP668" s="613"/>
      <c r="QUQ668" s="613"/>
      <c r="QUR668" s="613"/>
      <c r="QUS668" s="613"/>
      <c r="QUT668" s="613"/>
      <c r="QUU668" s="613"/>
      <c r="QUV668" s="613"/>
      <c r="QUW668" s="613"/>
      <c r="QUX668" s="613"/>
      <c r="QUY668" s="613"/>
      <c r="QUZ668" s="613"/>
      <c r="QVA668" s="613"/>
      <c r="QVB668" s="613"/>
      <c r="QVC668" s="613"/>
      <c r="QVD668" s="613"/>
      <c r="QVE668" s="613"/>
      <c r="QVF668" s="613"/>
      <c r="QVG668" s="613"/>
      <c r="QVH668" s="613"/>
      <c r="QVI668" s="613"/>
      <c r="QVJ668" s="613"/>
      <c r="QVK668" s="613"/>
      <c r="QVL668" s="613"/>
      <c r="QVM668" s="613"/>
      <c r="QVN668" s="613"/>
      <c r="QVO668" s="613"/>
      <c r="QVP668" s="613"/>
      <c r="QVQ668" s="613"/>
      <c r="QVR668" s="613"/>
      <c r="QVS668" s="613"/>
      <c r="QVT668" s="613"/>
      <c r="QVU668" s="613"/>
      <c r="QVV668" s="613"/>
      <c r="QVW668" s="613"/>
      <c r="QVX668" s="613"/>
      <c r="QVY668" s="613"/>
      <c r="QVZ668" s="613"/>
      <c r="QWA668" s="613"/>
      <c r="QWB668" s="613"/>
      <c r="QWC668" s="613"/>
      <c r="QWD668" s="613"/>
      <c r="QWE668" s="613"/>
      <c r="QWF668" s="613"/>
      <c r="QWG668" s="613"/>
      <c r="QWH668" s="613"/>
      <c r="QWI668" s="613"/>
      <c r="QWJ668" s="613"/>
      <c r="QWK668" s="613"/>
      <c r="QWL668" s="613"/>
      <c r="QWM668" s="613"/>
      <c r="QWN668" s="613"/>
      <c r="QWO668" s="613"/>
      <c r="QWP668" s="613"/>
      <c r="QWQ668" s="613"/>
      <c r="QWR668" s="613"/>
      <c r="QWS668" s="613"/>
      <c r="QWT668" s="613"/>
      <c r="QWU668" s="613"/>
      <c r="QWV668" s="613"/>
      <c r="QWW668" s="613"/>
      <c r="QWX668" s="613"/>
      <c r="QWY668" s="613"/>
      <c r="QWZ668" s="613"/>
      <c r="QXA668" s="613"/>
      <c r="QXB668" s="613"/>
      <c r="QXC668" s="613"/>
      <c r="QXD668" s="613"/>
      <c r="QXE668" s="613"/>
      <c r="QXF668" s="613"/>
      <c r="QXG668" s="613"/>
      <c r="QXH668" s="613"/>
      <c r="QXI668" s="613"/>
      <c r="QXJ668" s="613"/>
      <c r="QXK668" s="613"/>
      <c r="QXL668" s="613"/>
      <c r="QXM668" s="613"/>
      <c r="QXN668" s="613"/>
      <c r="QXO668" s="613"/>
      <c r="QXP668" s="613"/>
      <c r="QXQ668" s="613"/>
      <c r="QXR668" s="613"/>
      <c r="QXS668" s="613"/>
      <c r="QXT668" s="613"/>
      <c r="QXU668" s="613"/>
      <c r="QXV668" s="613"/>
      <c r="QXW668" s="613"/>
      <c r="QXX668" s="613"/>
      <c r="QXY668" s="613"/>
      <c r="QXZ668" s="613"/>
      <c r="QYA668" s="613"/>
      <c r="QYB668" s="613"/>
      <c r="QYC668" s="613"/>
      <c r="QYD668" s="613"/>
      <c r="QYE668" s="613"/>
      <c r="QYF668" s="613"/>
      <c r="QYG668" s="613"/>
      <c r="QYH668" s="613"/>
      <c r="QYI668" s="613"/>
      <c r="QYJ668" s="613"/>
      <c r="QYK668" s="613"/>
      <c r="QYL668" s="613"/>
      <c r="QYM668" s="613"/>
      <c r="QYN668" s="613"/>
      <c r="QYO668" s="613"/>
      <c r="QYP668" s="613"/>
      <c r="QYQ668" s="613"/>
      <c r="QYR668" s="613"/>
      <c r="QYS668" s="613"/>
      <c r="QYT668" s="613"/>
      <c r="QYU668" s="613"/>
      <c r="QYV668" s="613"/>
      <c r="QYW668" s="613"/>
      <c r="QYX668" s="613"/>
      <c r="QYY668" s="613"/>
      <c r="QYZ668" s="613"/>
      <c r="QZA668" s="613"/>
      <c r="QZB668" s="613"/>
      <c r="QZC668" s="613"/>
      <c r="QZD668" s="613"/>
      <c r="QZE668" s="613"/>
      <c r="QZF668" s="613"/>
      <c r="QZG668" s="613"/>
      <c r="QZH668" s="613"/>
      <c r="QZI668" s="613"/>
      <c r="QZJ668" s="613"/>
      <c r="QZK668" s="613"/>
      <c r="QZL668" s="613"/>
      <c r="QZM668" s="613"/>
      <c r="QZN668" s="613"/>
      <c r="QZO668" s="613"/>
      <c r="QZP668" s="613"/>
      <c r="QZQ668" s="613"/>
      <c r="QZR668" s="613"/>
      <c r="QZS668" s="613"/>
      <c r="QZT668" s="613"/>
      <c r="QZU668" s="613"/>
      <c r="QZV668" s="613"/>
      <c r="QZW668" s="613"/>
      <c r="QZX668" s="613"/>
      <c r="QZY668" s="613"/>
      <c r="QZZ668" s="613"/>
      <c r="RAA668" s="613"/>
      <c r="RAB668" s="613"/>
      <c r="RAC668" s="613"/>
      <c r="RAD668" s="613"/>
      <c r="RAE668" s="613"/>
      <c r="RAF668" s="613"/>
      <c r="RAG668" s="613"/>
      <c r="RAH668" s="613"/>
      <c r="RAI668" s="613"/>
      <c r="RAJ668" s="613"/>
      <c r="RAK668" s="613"/>
      <c r="RAL668" s="613"/>
      <c r="RAM668" s="613"/>
      <c r="RAN668" s="613"/>
      <c r="RAO668" s="613"/>
      <c r="RAP668" s="613"/>
      <c r="RAQ668" s="613"/>
      <c r="RAR668" s="613"/>
      <c r="RAS668" s="613"/>
      <c r="RAT668" s="613"/>
      <c r="RAU668" s="613"/>
      <c r="RAV668" s="613"/>
      <c r="RAW668" s="613"/>
      <c r="RAX668" s="613"/>
      <c r="RAY668" s="613"/>
      <c r="RAZ668" s="613"/>
      <c r="RBA668" s="613"/>
      <c r="RBB668" s="613"/>
      <c r="RBC668" s="613"/>
      <c r="RBD668" s="613"/>
      <c r="RBE668" s="613"/>
      <c r="RBF668" s="613"/>
      <c r="RBG668" s="613"/>
      <c r="RBH668" s="613"/>
      <c r="RBI668" s="613"/>
      <c r="RBJ668" s="613"/>
      <c r="RBK668" s="613"/>
      <c r="RBL668" s="613"/>
      <c r="RBM668" s="613"/>
      <c r="RBN668" s="613"/>
      <c r="RBO668" s="613"/>
      <c r="RBP668" s="613"/>
      <c r="RBQ668" s="613"/>
      <c r="RBR668" s="613"/>
      <c r="RBS668" s="613"/>
      <c r="RBT668" s="613"/>
      <c r="RBU668" s="613"/>
      <c r="RBV668" s="613"/>
      <c r="RBW668" s="613"/>
      <c r="RBX668" s="613"/>
      <c r="RBY668" s="613"/>
      <c r="RBZ668" s="613"/>
      <c r="RCA668" s="613"/>
      <c r="RCB668" s="613"/>
      <c r="RCC668" s="613"/>
      <c r="RCD668" s="613"/>
      <c r="RCE668" s="613"/>
      <c r="RCF668" s="613"/>
      <c r="RCG668" s="613"/>
      <c r="RCH668" s="613"/>
      <c r="RCI668" s="613"/>
      <c r="RCJ668" s="613"/>
      <c r="RCK668" s="613"/>
      <c r="RCL668" s="613"/>
      <c r="RCM668" s="613"/>
      <c r="RCN668" s="613"/>
      <c r="RCO668" s="613"/>
      <c r="RCP668" s="613"/>
      <c r="RCQ668" s="613"/>
      <c r="RCR668" s="613"/>
      <c r="RCS668" s="613"/>
      <c r="RCT668" s="613"/>
      <c r="RCU668" s="613"/>
      <c r="RCV668" s="613"/>
      <c r="RCW668" s="613"/>
      <c r="RCX668" s="613"/>
      <c r="RCY668" s="613"/>
      <c r="RCZ668" s="613"/>
      <c r="RDA668" s="613"/>
      <c r="RDB668" s="613"/>
      <c r="RDC668" s="613"/>
      <c r="RDD668" s="613"/>
      <c r="RDE668" s="613"/>
      <c r="RDF668" s="613"/>
      <c r="RDG668" s="613"/>
      <c r="RDH668" s="613"/>
      <c r="RDI668" s="613"/>
      <c r="RDJ668" s="613"/>
      <c r="RDK668" s="613"/>
      <c r="RDL668" s="613"/>
      <c r="RDM668" s="613"/>
      <c r="RDN668" s="613"/>
      <c r="RDO668" s="613"/>
      <c r="RDP668" s="613"/>
      <c r="RDQ668" s="613"/>
      <c r="RDR668" s="613"/>
      <c r="RDS668" s="613"/>
      <c r="RDT668" s="613"/>
      <c r="RDU668" s="613"/>
      <c r="RDV668" s="613"/>
      <c r="RDW668" s="613"/>
      <c r="RDX668" s="613"/>
      <c r="RDY668" s="613"/>
      <c r="RDZ668" s="613"/>
      <c r="REA668" s="613"/>
      <c r="REB668" s="613"/>
      <c r="REC668" s="613"/>
      <c r="RED668" s="613"/>
      <c r="REE668" s="613"/>
      <c r="REF668" s="613"/>
      <c r="REG668" s="613"/>
      <c r="REH668" s="613"/>
      <c r="REI668" s="613"/>
      <c r="REJ668" s="613"/>
      <c r="REK668" s="613"/>
      <c r="REL668" s="613"/>
      <c r="REM668" s="613"/>
      <c r="REN668" s="613"/>
      <c r="REO668" s="613"/>
      <c r="REP668" s="613"/>
      <c r="REQ668" s="613"/>
      <c r="RER668" s="613"/>
      <c r="RES668" s="613"/>
      <c r="RET668" s="613"/>
      <c r="REU668" s="613"/>
      <c r="REV668" s="613"/>
      <c r="REW668" s="613"/>
      <c r="REX668" s="613"/>
      <c r="REY668" s="613"/>
      <c r="REZ668" s="613"/>
      <c r="RFA668" s="613"/>
      <c r="RFB668" s="613"/>
      <c r="RFC668" s="613"/>
      <c r="RFD668" s="613"/>
      <c r="RFE668" s="613"/>
      <c r="RFF668" s="613"/>
      <c r="RFG668" s="613"/>
      <c r="RFH668" s="613"/>
      <c r="RFI668" s="613"/>
      <c r="RFJ668" s="613"/>
      <c r="RFK668" s="613"/>
      <c r="RFL668" s="613"/>
      <c r="RFM668" s="613"/>
      <c r="RFN668" s="613"/>
      <c r="RFO668" s="613"/>
      <c r="RFP668" s="613"/>
      <c r="RFQ668" s="613"/>
      <c r="RFR668" s="613"/>
      <c r="RFS668" s="613"/>
      <c r="RFT668" s="613"/>
      <c r="RFU668" s="613"/>
      <c r="RFV668" s="613"/>
      <c r="RFW668" s="613"/>
      <c r="RFX668" s="613"/>
      <c r="RFY668" s="613"/>
      <c r="RFZ668" s="613"/>
      <c r="RGA668" s="613"/>
      <c r="RGB668" s="613"/>
      <c r="RGC668" s="613"/>
      <c r="RGD668" s="613"/>
      <c r="RGE668" s="613"/>
      <c r="RGF668" s="613"/>
      <c r="RGG668" s="613"/>
      <c r="RGH668" s="613"/>
      <c r="RGI668" s="613"/>
      <c r="RGJ668" s="613"/>
      <c r="RGK668" s="613"/>
      <c r="RGL668" s="613"/>
      <c r="RGM668" s="613"/>
      <c r="RGN668" s="613"/>
      <c r="RGO668" s="613"/>
      <c r="RGP668" s="613"/>
      <c r="RGQ668" s="613"/>
      <c r="RGR668" s="613"/>
      <c r="RGS668" s="613"/>
      <c r="RGT668" s="613"/>
      <c r="RGU668" s="613"/>
      <c r="RGV668" s="613"/>
      <c r="RGW668" s="613"/>
      <c r="RGX668" s="613"/>
      <c r="RGY668" s="613"/>
      <c r="RGZ668" s="613"/>
      <c r="RHA668" s="613"/>
      <c r="RHB668" s="613"/>
      <c r="RHC668" s="613"/>
      <c r="RHD668" s="613"/>
      <c r="RHE668" s="613"/>
      <c r="RHF668" s="613"/>
      <c r="RHG668" s="613"/>
      <c r="RHH668" s="613"/>
      <c r="RHI668" s="613"/>
      <c r="RHJ668" s="613"/>
      <c r="RHK668" s="613"/>
      <c r="RHL668" s="613"/>
      <c r="RHM668" s="613"/>
      <c r="RHN668" s="613"/>
      <c r="RHO668" s="613"/>
      <c r="RHP668" s="613"/>
      <c r="RHQ668" s="613"/>
      <c r="RHR668" s="613"/>
      <c r="RHS668" s="613"/>
      <c r="RHT668" s="613"/>
      <c r="RHU668" s="613"/>
      <c r="RHV668" s="613"/>
      <c r="RHW668" s="613"/>
      <c r="RHX668" s="613"/>
      <c r="RHY668" s="613"/>
      <c r="RHZ668" s="613"/>
      <c r="RIA668" s="613"/>
      <c r="RIB668" s="613"/>
      <c r="RIC668" s="613"/>
      <c r="RID668" s="613"/>
      <c r="RIE668" s="613"/>
      <c r="RIF668" s="613"/>
      <c r="RIG668" s="613"/>
      <c r="RIH668" s="613"/>
      <c r="RII668" s="613"/>
      <c r="RIJ668" s="613"/>
      <c r="RIK668" s="613"/>
      <c r="RIL668" s="613"/>
      <c r="RIM668" s="613"/>
      <c r="RIN668" s="613"/>
      <c r="RIO668" s="613"/>
      <c r="RIP668" s="613"/>
      <c r="RIQ668" s="613"/>
      <c r="RIR668" s="613"/>
      <c r="RIS668" s="613"/>
      <c r="RIT668" s="613"/>
      <c r="RIU668" s="613"/>
      <c r="RIV668" s="613"/>
      <c r="RIW668" s="613"/>
      <c r="RIX668" s="613"/>
      <c r="RIY668" s="613"/>
      <c r="RIZ668" s="613"/>
      <c r="RJA668" s="613"/>
      <c r="RJB668" s="613"/>
      <c r="RJC668" s="613"/>
      <c r="RJD668" s="613"/>
      <c r="RJE668" s="613"/>
      <c r="RJF668" s="613"/>
      <c r="RJG668" s="613"/>
      <c r="RJH668" s="613"/>
      <c r="RJI668" s="613"/>
      <c r="RJJ668" s="613"/>
      <c r="RJK668" s="613"/>
      <c r="RJL668" s="613"/>
      <c r="RJM668" s="613"/>
      <c r="RJN668" s="613"/>
      <c r="RJO668" s="613"/>
      <c r="RJP668" s="613"/>
      <c r="RJQ668" s="613"/>
      <c r="RJR668" s="613"/>
      <c r="RJS668" s="613"/>
      <c r="RJT668" s="613"/>
      <c r="RJU668" s="613"/>
      <c r="RJV668" s="613"/>
      <c r="RJW668" s="613"/>
      <c r="RJX668" s="613"/>
      <c r="RJY668" s="613"/>
      <c r="RJZ668" s="613"/>
      <c r="RKA668" s="613"/>
      <c r="RKB668" s="613"/>
      <c r="RKC668" s="613"/>
      <c r="RKD668" s="613"/>
      <c r="RKE668" s="613"/>
      <c r="RKF668" s="613"/>
      <c r="RKG668" s="613"/>
      <c r="RKH668" s="613"/>
      <c r="RKI668" s="613"/>
      <c r="RKJ668" s="613"/>
      <c r="RKK668" s="613"/>
      <c r="RKL668" s="613"/>
      <c r="RKM668" s="613"/>
      <c r="RKN668" s="613"/>
      <c r="RKO668" s="613"/>
      <c r="RKP668" s="613"/>
      <c r="RKQ668" s="613"/>
      <c r="RKR668" s="613"/>
      <c r="RKS668" s="613"/>
      <c r="RKT668" s="613"/>
      <c r="RKU668" s="613"/>
      <c r="RKV668" s="613"/>
      <c r="RKW668" s="613"/>
      <c r="RKX668" s="613"/>
      <c r="RKY668" s="613"/>
      <c r="RKZ668" s="613"/>
      <c r="RLA668" s="613"/>
      <c r="RLB668" s="613"/>
      <c r="RLC668" s="613"/>
      <c r="RLD668" s="613"/>
      <c r="RLE668" s="613"/>
      <c r="RLF668" s="613"/>
      <c r="RLG668" s="613"/>
      <c r="RLH668" s="613"/>
      <c r="RLI668" s="613"/>
      <c r="RLJ668" s="613"/>
      <c r="RLK668" s="613"/>
      <c r="RLL668" s="613"/>
      <c r="RLM668" s="613"/>
      <c r="RLN668" s="613"/>
      <c r="RLO668" s="613"/>
      <c r="RLP668" s="613"/>
      <c r="RLQ668" s="613"/>
      <c r="RLR668" s="613"/>
      <c r="RLS668" s="613"/>
      <c r="RLT668" s="613"/>
      <c r="RLU668" s="613"/>
      <c r="RLV668" s="613"/>
      <c r="RLW668" s="613"/>
      <c r="RLX668" s="613"/>
      <c r="RLY668" s="613"/>
      <c r="RLZ668" s="613"/>
      <c r="RMA668" s="613"/>
      <c r="RMB668" s="613"/>
      <c r="RMC668" s="613"/>
      <c r="RMD668" s="613"/>
      <c r="RME668" s="613"/>
      <c r="RMF668" s="613"/>
      <c r="RMG668" s="613"/>
      <c r="RMH668" s="613"/>
      <c r="RMI668" s="613"/>
      <c r="RMJ668" s="613"/>
      <c r="RMK668" s="613"/>
      <c r="RML668" s="613"/>
      <c r="RMM668" s="613"/>
      <c r="RMN668" s="613"/>
      <c r="RMO668" s="613"/>
      <c r="RMP668" s="613"/>
      <c r="RMQ668" s="613"/>
      <c r="RMR668" s="613"/>
      <c r="RMS668" s="613"/>
      <c r="RMT668" s="613"/>
      <c r="RMU668" s="613"/>
      <c r="RMV668" s="613"/>
      <c r="RMW668" s="613"/>
      <c r="RMX668" s="613"/>
      <c r="RMY668" s="613"/>
      <c r="RMZ668" s="613"/>
      <c r="RNA668" s="613"/>
      <c r="RNB668" s="613"/>
      <c r="RNC668" s="613"/>
      <c r="RND668" s="613"/>
      <c r="RNE668" s="613"/>
      <c r="RNF668" s="613"/>
      <c r="RNG668" s="613"/>
      <c r="RNH668" s="613"/>
      <c r="RNI668" s="613"/>
      <c r="RNJ668" s="613"/>
      <c r="RNK668" s="613"/>
      <c r="RNL668" s="613"/>
      <c r="RNM668" s="613"/>
      <c r="RNN668" s="613"/>
      <c r="RNO668" s="613"/>
      <c r="RNP668" s="613"/>
      <c r="RNQ668" s="613"/>
      <c r="RNR668" s="613"/>
      <c r="RNS668" s="613"/>
      <c r="RNT668" s="613"/>
      <c r="RNU668" s="613"/>
      <c r="RNV668" s="613"/>
      <c r="RNW668" s="613"/>
      <c r="RNX668" s="613"/>
      <c r="RNY668" s="613"/>
      <c r="RNZ668" s="613"/>
      <c r="ROA668" s="613"/>
      <c r="ROB668" s="613"/>
      <c r="ROC668" s="613"/>
      <c r="ROD668" s="613"/>
      <c r="ROE668" s="613"/>
      <c r="ROF668" s="613"/>
      <c r="ROG668" s="613"/>
      <c r="ROH668" s="613"/>
      <c r="ROI668" s="613"/>
      <c r="ROJ668" s="613"/>
      <c r="ROK668" s="613"/>
      <c r="ROL668" s="613"/>
      <c r="ROM668" s="613"/>
      <c r="RON668" s="613"/>
      <c r="ROO668" s="613"/>
      <c r="ROP668" s="613"/>
      <c r="ROQ668" s="613"/>
      <c r="ROR668" s="613"/>
      <c r="ROS668" s="613"/>
      <c r="ROT668" s="613"/>
      <c r="ROU668" s="613"/>
      <c r="ROV668" s="613"/>
      <c r="ROW668" s="613"/>
      <c r="ROX668" s="613"/>
      <c r="ROY668" s="613"/>
      <c r="ROZ668" s="613"/>
      <c r="RPA668" s="613"/>
      <c r="RPB668" s="613"/>
      <c r="RPC668" s="613"/>
      <c r="RPD668" s="613"/>
      <c r="RPE668" s="613"/>
      <c r="RPF668" s="613"/>
      <c r="RPG668" s="613"/>
      <c r="RPH668" s="613"/>
      <c r="RPI668" s="613"/>
      <c r="RPJ668" s="613"/>
      <c r="RPK668" s="613"/>
      <c r="RPL668" s="613"/>
      <c r="RPM668" s="613"/>
      <c r="RPN668" s="613"/>
      <c r="RPO668" s="613"/>
      <c r="RPP668" s="613"/>
      <c r="RPQ668" s="613"/>
      <c r="RPR668" s="613"/>
      <c r="RPS668" s="613"/>
      <c r="RPT668" s="613"/>
      <c r="RPU668" s="613"/>
      <c r="RPV668" s="613"/>
      <c r="RPW668" s="613"/>
      <c r="RPX668" s="613"/>
      <c r="RPY668" s="613"/>
      <c r="RPZ668" s="613"/>
      <c r="RQA668" s="613"/>
      <c r="RQB668" s="613"/>
      <c r="RQC668" s="613"/>
      <c r="RQD668" s="613"/>
      <c r="RQE668" s="613"/>
      <c r="RQF668" s="613"/>
      <c r="RQG668" s="613"/>
      <c r="RQH668" s="613"/>
      <c r="RQI668" s="613"/>
      <c r="RQJ668" s="613"/>
      <c r="RQK668" s="613"/>
      <c r="RQL668" s="613"/>
      <c r="RQM668" s="613"/>
      <c r="RQN668" s="613"/>
      <c r="RQO668" s="613"/>
      <c r="RQP668" s="613"/>
      <c r="RQQ668" s="613"/>
      <c r="RQR668" s="613"/>
      <c r="RQS668" s="613"/>
      <c r="RQT668" s="613"/>
      <c r="RQU668" s="613"/>
      <c r="RQV668" s="613"/>
      <c r="RQW668" s="613"/>
      <c r="RQX668" s="613"/>
      <c r="RQY668" s="613"/>
      <c r="RQZ668" s="613"/>
      <c r="RRA668" s="613"/>
      <c r="RRB668" s="613"/>
      <c r="RRC668" s="613"/>
      <c r="RRD668" s="613"/>
      <c r="RRE668" s="613"/>
      <c r="RRF668" s="613"/>
      <c r="RRG668" s="613"/>
      <c r="RRH668" s="613"/>
      <c r="RRI668" s="613"/>
      <c r="RRJ668" s="613"/>
      <c r="RRK668" s="613"/>
      <c r="RRL668" s="613"/>
      <c r="RRM668" s="613"/>
      <c r="RRN668" s="613"/>
      <c r="RRO668" s="613"/>
      <c r="RRP668" s="613"/>
      <c r="RRQ668" s="613"/>
      <c r="RRR668" s="613"/>
      <c r="RRS668" s="613"/>
      <c r="RRT668" s="613"/>
      <c r="RRU668" s="613"/>
      <c r="RRV668" s="613"/>
      <c r="RRW668" s="613"/>
      <c r="RRX668" s="613"/>
      <c r="RRY668" s="613"/>
      <c r="RRZ668" s="613"/>
      <c r="RSA668" s="613"/>
      <c r="RSB668" s="613"/>
      <c r="RSC668" s="613"/>
      <c r="RSD668" s="613"/>
      <c r="RSE668" s="613"/>
      <c r="RSF668" s="613"/>
      <c r="RSG668" s="613"/>
      <c r="RSH668" s="613"/>
      <c r="RSI668" s="613"/>
      <c r="RSJ668" s="613"/>
      <c r="RSK668" s="613"/>
      <c r="RSL668" s="613"/>
      <c r="RSM668" s="613"/>
      <c r="RSN668" s="613"/>
      <c r="RSO668" s="613"/>
      <c r="RSP668" s="613"/>
      <c r="RSQ668" s="613"/>
      <c r="RSR668" s="613"/>
      <c r="RSS668" s="613"/>
      <c r="RST668" s="613"/>
      <c r="RSU668" s="613"/>
      <c r="RSV668" s="613"/>
      <c r="RSW668" s="613"/>
      <c r="RSX668" s="613"/>
      <c r="RSY668" s="613"/>
      <c r="RSZ668" s="613"/>
      <c r="RTA668" s="613"/>
      <c r="RTB668" s="613"/>
      <c r="RTC668" s="613"/>
      <c r="RTD668" s="613"/>
      <c r="RTE668" s="613"/>
      <c r="RTF668" s="613"/>
      <c r="RTG668" s="613"/>
      <c r="RTH668" s="613"/>
      <c r="RTI668" s="613"/>
      <c r="RTJ668" s="613"/>
      <c r="RTK668" s="613"/>
      <c r="RTL668" s="613"/>
      <c r="RTM668" s="613"/>
      <c r="RTN668" s="613"/>
      <c r="RTO668" s="613"/>
      <c r="RTP668" s="613"/>
      <c r="RTQ668" s="613"/>
      <c r="RTR668" s="613"/>
      <c r="RTS668" s="613"/>
      <c r="RTT668" s="613"/>
      <c r="RTU668" s="613"/>
      <c r="RTV668" s="613"/>
      <c r="RTW668" s="613"/>
      <c r="RTX668" s="613"/>
      <c r="RTY668" s="613"/>
      <c r="RTZ668" s="613"/>
      <c r="RUA668" s="613"/>
      <c r="RUB668" s="613"/>
      <c r="RUC668" s="613"/>
      <c r="RUD668" s="613"/>
      <c r="RUE668" s="613"/>
      <c r="RUF668" s="613"/>
      <c r="RUG668" s="613"/>
      <c r="RUH668" s="613"/>
      <c r="RUI668" s="613"/>
      <c r="RUJ668" s="613"/>
      <c r="RUK668" s="613"/>
      <c r="RUL668" s="613"/>
      <c r="RUM668" s="613"/>
      <c r="RUN668" s="613"/>
      <c r="RUO668" s="613"/>
      <c r="RUP668" s="613"/>
      <c r="RUQ668" s="613"/>
      <c r="RUR668" s="613"/>
      <c r="RUS668" s="613"/>
      <c r="RUT668" s="613"/>
      <c r="RUU668" s="613"/>
      <c r="RUV668" s="613"/>
      <c r="RUW668" s="613"/>
      <c r="RUX668" s="613"/>
      <c r="RUY668" s="613"/>
      <c r="RUZ668" s="613"/>
      <c r="RVA668" s="613"/>
      <c r="RVB668" s="613"/>
      <c r="RVC668" s="613"/>
      <c r="RVD668" s="613"/>
      <c r="RVE668" s="613"/>
      <c r="RVF668" s="613"/>
      <c r="RVG668" s="613"/>
      <c r="RVH668" s="613"/>
      <c r="RVI668" s="613"/>
      <c r="RVJ668" s="613"/>
      <c r="RVK668" s="613"/>
      <c r="RVL668" s="613"/>
      <c r="RVM668" s="613"/>
      <c r="RVN668" s="613"/>
      <c r="RVO668" s="613"/>
      <c r="RVP668" s="613"/>
      <c r="RVQ668" s="613"/>
      <c r="RVR668" s="613"/>
      <c r="RVS668" s="613"/>
      <c r="RVT668" s="613"/>
      <c r="RVU668" s="613"/>
      <c r="RVV668" s="613"/>
      <c r="RVW668" s="613"/>
      <c r="RVX668" s="613"/>
      <c r="RVY668" s="613"/>
      <c r="RVZ668" s="613"/>
      <c r="RWA668" s="613"/>
      <c r="RWB668" s="613"/>
      <c r="RWC668" s="613"/>
      <c r="RWD668" s="613"/>
      <c r="RWE668" s="613"/>
      <c r="RWF668" s="613"/>
      <c r="RWG668" s="613"/>
      <c r="RWH668" s="613"/>
      <c r="RWI668" s="613"/>
      <c r="RWJ668" s="613"/>
      <c r="RWK668" s="613"/>
      <c r="RWL668" s="613"/>
      <c r="RWM668" s="613"/>
      <c r="RWN668" s="613"/>
      <c r="RWO668" s="613"/>
      <c r="RWP668" s="613"/>
      <c r="RWQ668" s="613"/>
      <c r="RWR668" s="613"/>
      <c r="RWS668" s="613"/>
      <c r="RWT668" s="613"/>
      <c r="RWU668" s="613"/>
      <c r="RWV668" s="613"/>
      <c r="RWW668" s="613"/>
      <c r="RWX668" s="613"/>
      <c r="RWY668" s="613"/>
      <c r="RWZ668" s="613"/>
      <c r="RXA668" s="613"/>
      <c r="RXB668" s="613"/>
      <c r="RXC668" s="613"/>
      <c r="RXD668" s="613"/>
      <c r="RXE668" s="613"/>
      <c r="RXF668" s="613"/>
      <c r="RXG668" s="613"/>
      <c r="RXH668" s="613"/>
      <c r="RXI668" s="613"/>
      <c r="RXJ668" s="613"/>
      <c r="RXK668" s="613"/>
      <c r="RXL668" s="613"/>
      <c r="RXM668" s="613"/>
      <c r="RXN668" s="613"/>
      <c r="RXO668" s="613"/>
      <c r="RXP668" s="613"/>
      <c r="RXQ668" s="613"/>
      <c r="RXR668" s="613"/>
      <c r="RXS668" s="613"/>
      <c r="RXT668" s="613"/>
      <c r="RXU668" s="613"/>
      <c r="RXV668" s="613"/>
      <c r="RXW668" s="613"/>
      <c r="RXX668" s="613"/>
      <c r="RXY668" s="613"/>
      <c r="RXZ668" s="613"/>
      <c r="RYA668" s="613"/>
      <c r="RYB668" s="613"/>
      <c r="RYC668" s="613"/>
      <c r="RYD668" s="613"/>
      <c r="RYE668" s="613"/>
      <c r="RYF668" s="613"/>
      <c r="RYG668" s="613"/>
      <c r="RYH668" s="613"/>
      <c r="RYI668" s="613"/>
      <c r="RYJ668" s="613"/>
      <c r="RYK668" s="613"/>
      <c r="RYL668" s="613"/>
      <c r="RYM668" s="613"/>
      <c r="RYN668" s="613"/>
      <c r="RYO668" s="613"/>
      <c r="RYP668" s="613"/>
      <c r="RYQ668" s="613"/>
      <c r="RYR668" s="613"/>
      <c r="RYS668" s="613"/>
      <c r="RYT668" s="613"/>
      <c r="RYU668" s="613"/>
      <c r="RYV668" s="613"/>
      <c r="RYW668" s="613"/>
      <c r="RYX668" s="613"/>
      <c r="RYY668" s="613"/>
      <c r="RYZ668" s="613"/>
      <c r="RZA668" s="613"/>
      <c r="RZB668" s="613"/>
      <c r="RZC668" s="613"/>
      <c r="RZD668" s="613"/>
      <c r="RZE668" s="613"/>
      <c r="RZF668" s="613"/>
      <c r="RZG668" s="613"/>
      <c r="RZH668" s="613"/>
      <c r="RZI668" s="613"/>
      <c r="RZJ668" s="613"/>
      <c r="RZK668" s="613"/>
      <c r="RZL668" s="613"/>
      <c r="RZM668" s="613"/>
      <c r="RZN668" s="613"/>
      <c r="RZO668" s="613"/>
      <c r="RZP668" s="613"/>
      <c r="RZQ668" s="613"/>
      <c r="RZR668" s="613"/>
      <c r="RZS668" s="613"/>
      <c r="RZT668" s="613"/>
      <c r="RZU668" s="613"/>
      <c r="RZV668" s="613"/>
      <c r="RZW668" s="613"/>
      <c r="RZX668" s="613"/>
      <c r="RZY668" s="613"/>
      <c r="RZZ668" s="613"/>
      <c r="SAA668" s="613"/>
      <c r="SAB668" s="613"/>
      <c r="SAC668" s="613"/>
      <c r="SAD668" s="613"/>
      <c r="SAE668" s="613"/>
      <c r="SAF668" s="613"/>
      <c r="SAG668" s="613"/>
      <c r="SAH668" s="613"/>
      <c r="SAI668" s="613"/>
      <c r="SAJ668" s="613"/>
      <c r="SAK668" s="613"/>
      <c r="SAL668" s="613"/>
      <c r="SAM668" s="613"/>
      <c r="SAN668" s="613"/>
      <c r="SAO668" s="613"/>
      <c r="SAP668" s="613"/>
      <c r="SAQ668" s="613"/>
      <c r="SAR668" s="613"/>
      <c r="SAS668" s="613"/>
      <c r="SAT668" s="613"/>
      <c r="SAU668" s="613"/>
      <c r="SAV668" s="613"/>
      <c r="SAW668" s="613"/>
      <c r="SAX668" s="613"/>
      <c r="SAY668" s="613"/>
      <c r="SAZ668" s="613"/>
      <c r="SBA668" s="613"/>
      <c r="SBB668" s="613"/>
      <c r="SBC668" s="613"/>
      <c r="SBD668" s="613"/>
      <c r="SBE668" s="613"/>
      <c r="SBF668" s="613"/>
      <c r="SBG668" s="613"/>
      <c r="SBH668" s="613"/>
      <c r="SBI668" s="613"/>
      <c r="SBJ668" s="613"/>
      <c r="SBK668" s="613"/>
      <c r="SBL668" s="613"/>
      <c r="SBM668" s="613"/>
      <c r="SBN668" s="613"/>
      <c r="SBO668" s="613"/>
      <c r="SBP668" s="613"/>
      <c r="SBQ668" s="613"/>
      <c r="SBR668" s="613"/>
      <c r="SBS668" s="613"/>
      <c r="SBT668" s="613"/>
      <c r="SBU668" s="613"/>
      <c r="SBV668" s="613"/>
      <c r="SBW668" s="613"/>
      <c r="SBX668" s="613"/>
      <c r="SBY668" s="613"/>
      <c r="SBZ668" s="613"/>
      <c r="SCA668" s="613"/>
      <c r="SCB668" s="613"/>
      <c r="SCC668" s="613"/>
      <c r="SCD668" s="613"/>
      <c r="SCE668" s="613"/>
      <c r="SCF668" s="613"/>
      <c r="SCG668" s="613"/>
      <c r="SCH668" s="613"/>
      <c r="SCI668" s="613"/>
      <c r="SCJ668" s="613"/>
      <c r="SCK668" s="613"/>
      <c r="SCL668" s="613"/>
      <c r="SCM668" s="613"/>
      <c r="SCN668" s="613"/>
      <c r="SCO668" s="613"/>
      <c r="SCP668" s="613"/>
      <c r="SCQ668" s="613"/>
      <c r="SCR668" s="613"/>
      <c r="SCS668" s="613"/>
      <c r="SCT668" s="613"/>
      <c r="SCU668" s="613"/>
      <c r="SCV668" s="613"/>
      <c r="SCW668" s="613"/>
      <c r="SCX668" s="613"/>
      <c r="SCY668" s="613"/>
      <c r="SCZ668" s="613"/>
      <c r="SDA668" s="613"/>
      <c r="SDB668" s="613"/>
      <c r="SDC668" s="613"/>
      <c r="SDD668" s="613"/>
      <c r="SDE668" s="613"/>
      <c r="SDF668" s="613"/>
      <c r="SDG668" s="613"/>
      <c r="SDH668" s="613"/>
      <c r="SDI668" s="613"/>
      <c r="SDJ668" s="613"/>
      <c r="SDK668" s="613"/>
      <c r="SDL668" s="613"/>
      <c r="SDM668" s="613"/>
      <c r="SDN668" s="613"/>
      <c r="SDO668" s="613"/>
      <c r="SDP668" s="613"/>
      <c r="SDQ668" s="613"/>
      <c r="SDR668" s="613"/>
      <c r="SDS668" s="613"/>
      <c r="SDT668" s="613"/>
      <c r="SDU668" s="613"/>
      <c r="SDV668" s="613"/>
      <c r="SDW668" s="613"/>
      <c r="SDX668" s="613"/>
      <c r="SDY668" s="613"/>
      <c r="SDZ668" s="613"/>
      <c r="SEA668" s="613"/>
      <c r="SEB668" s="613"/>
      <c r="SEC668" s="613"/>
      <c r="SED668" s="613"/>
      <c r="SEE668" s="613"/>
      <c r="SEF668" s="613"/>
      <c r="SEG668" s="613"/>
      <c r="SEH668" s="613"/>
      <c r="SEI668" s="613"/>
      <c r="SEJ668" s="613"/>
      <c r="SEK668" s="613"/>
      <c r="SEL668" s="613"/>
      <c r="SEM668" s="613"/>
      <c r="SEN668" s="613"/>
      <c r="SEO668" s="613"/>
      <c r="SEP668" s="613"/>
      <c r="SEQ668" s="613"/>
      <c r="SER668" s="613"/>
      <c r="SES668" s="613"/>
      <c r="SET668" s="613"/>
      <c r="SEU668" s="613"/>
      <c r="SEV668" s="613"/>
      <c r="SEW668" s="613"/>
      <c r="SEX668" s="613"/>
      <c r="SEY668" s="613"/>
      <c r="SEZ668" s="613"/>
      <c r="SFA668" s="613"/>
      <c r="SFB668" s="613"/>
      <c r="SFC668" s="613"/>
      <c r="SFD668" s="613"/>
      <c r="SFE668" s="613"/>
      <c r="SFF668" s="613"/>
      <c r="SFG668" s="613"/>
      <c r="SFH668" s="613"/>
      <c r="SFI668" s="613"/>
      <c r="SFJ668" s="613"/>
      <c r="SFK668" s="613"/>
      <c r="SFL668" s="613"/>
      <c r="SFM668" s="613"/>
      <c r="SFN668" s="613"/>
      <c r="SFO668" s="613"/>
      <c r="SFP668" s="613"/>
      <c r="SFQ668" s="613"/>
      <c r="SFR668" s="613"/>
      <c r="SFS668" s="613"/>
      <c r="SFT668" s="613"/>
      <c r="SFU668" s="613"/>
      <c r="SFV668" s="613"/>
      <c r="SFW668" s="613"/>
      <c r="SFX668" s="613"/>
      <c r="SFY668" s="613"/>
      <c r="SFZ668" s="613"/>
      <c r="SGA668" s="613"/>
      <c r="SGB668" s="613"/>
      <c r="SGC668" s="613"/>
      <c r="SGD668" s="613"/>
      <c r="SGE668" s="613"/>
      <c r="SGF668" s="613"/>
      <c r="SGG668" s="613"/>
      <c r="SGH668" s="613"/>
      <c r="SGI668" s="613"/>
      <c r="SGJ668" s="613"/>
      <c r="SGK668" s="613"/>
      <c r="SGL668" s="613"/>
      <c r="SGM668" s="613"/>
      <c r="SGN668" s="613"/>
      <c r="SGO668" s="613"/>
      <c r="SGP668" s="613"/>
      <c r="SGQ668" s="613"/>
      <c r="SGR668" s="613"/>
      <c r="SGS668" s="613"/>
      <c r="SGT668" s="613"/>
      <c r="SGU668" s="613"/>
      <c r="SGV668" s="613"/>
      <c r="SGW668" s="613"/>
      <c r="SGX668" s="613"/>
      <c r="SGY668" s="613"/>
      <c r="SGZ668" s="613"/>
      <c r="SHA668" s="613"/>
      <c r="SHB668" s="613"/>
      <c r="SHC668" s="613"/>
      <c r="SHD668" s="613"/>
      <c r="SHE668" s="613"/>
      <c r="SHF668" s="613"/>
      <c r="SHG668" s="613"/>
      <c r="SHH668" s="613"/>
      <c r="SHI668" s="613"/>
      <c r="SHJ668" s="613"/>
      <c r="SHK668" s="613"/>
      <c r="SHL668" s="613"/>
      <c r="SHM668" s="613"/>
      <c r="SHN668" s="613"/>
      <c r="SHO668" s="613"/>
      <c r="SHP668" s="613"/>
      <c r="SHQ668" s="613"/>
      <c r="SHR668" s="613"/>
      <c r="SHS668" s="613"/>
      <c r="SHT668" s="613"/>
      <c r="SHU668" s="613"/>
      <c r="SHV668" s="613"/>
      <c r="SHW668" s="613"/>
      <c r="SHX668" s="613"/>
      <c r="SHY668" s="613"/>
      <c r="SHZ668" s="613"/>
      <c r="SIA668" s="613"/>
      <c r="SIB668" s="613"/>
      <c r="SIC668" s="613"/>
      <c r="SID668" s="613"/>
      <c r="SIE668" s="613"/>
      <c r="SIF668" s="613"/>
      <c r="SIG668" s="613"/>
      <c r="SIH668" s="613"/>
      <c r="SII668" s="613"/>
      <c r="SIJ668" s="613"/>
      <c r="SIK668" s="613"/>
      <c r="SIL668" s="613"/>
      <c r="SIM668" s="613"/>
      <c r="SIN668" s="613"/>
      <c r="SIO668" s="613"/>
      <c r="SIP668" s="613"/>
      <c r="SIQ668" s="613"/>
      <c r="SIR668" s="613"/>
      <c r="SIS668" s="613"/>
      <c r="SIT668" s="613"/>
      <c r="SIU668" s="613"/>
      <c r="SIV668" s="613"/>
      <c r="SIW668" s="613"/>
      <c r="SIX668" s="613"/>
      <c r="SIY668" s="613"/>
      <c r="SIZ668" s="613"/>
      <c r="SJA668" s="613"/>
      <c r="SJB668" s="613"/>
      <c r="SJC668" s="613"/>
      <c r="SJD668" s="613"/>
      <c r="SJE668" s="613"/>
      <c r="SJF668" s="613"/>
      <c r="SJG668" s="613"/>
      <c r="SJH668" s="613"/>
      <c r="SJI668" s="613"/>
      <c r="SJJ668" s="613"/>
      <c r="SJK668" s="613"/>
      <c r="SJL668" s="613"/>
      <c r="SJM668" s="613"/>
      <c r="SJN668" s="613"/>
      <c r="SJO668" s="613"/>
      <c r="SJP668" s="613"/>
      <c r="SJQ668" s="613"/>
      <c r="SJR668" s="613"/>
      <c r="SJS668" s="613"/>
      <c r="SJT668" s="613"/>
      <c r="SJU668" s="613"/>
      <c r="SJV668" s="613"/>
      <c r="SJW668" s="613"/>
      <c r="SJX668" s="613"/>
      <c r="SJY668" s="613"/>
      <c r="SJZ668" s="613"/>
      <c r="SKA668" s="613"/>
      <c r="SKB668" s="613"/>
      <c r="SKC668" s="613"/>
      <c r="SKD668" s="613"/>
      <c r="SKE668" s="613"/>
      <c r="SKF668" s="613"/>
      <c r="SKG668" s="613"/>
      <c r="SKH668" s="613"/>
      <c r="SKI668" s="613"/>
      <c r="SKJ668" s="613"/>
      <c r="SKK668" s="613"/>
      <c r="SKL668" s="613"/>
      <c r="SKM668" s="613"/>
      <c r="SKN668" s="613"/>
      <c r="SKO668" s="613"/>
      <c r="SKP668" s="613"/>
      <c r="SKQ668" s="613"/>
      <c r="SKR668" s="613"/>
      <c r="SKS668" s="613"/>
      <c r="SKT668" s="613"/>
      <c r="SKU668" s="613"/>
      <c r="SKV668" s="613"/>
      <c r="SKW668" s="613"/>
      <c r="SKX668" s="613"/>
      <c r="SKY668" s="613"/>
      <c r="SKZ668" s="613"/>
      <c r="SLA668" s="613"/>
      <c r="SLB668" s="613"/>
      <c r="SLC668" s="613"/>
      <c r="SLD668" s="613"/>
      <c r="SLE668" s="613"/>
      <c r="SLF668" s="613"/>
      <c r="SLG668" s="613"/>
      <c r="SLH668" s="613"/>
      <c r="SLI668" s="613"/>
      <c r="SLJ668" s="613"/>
      <c r="SLK668" s="613"/>
      <c r="SLL668" s="613"/>
      <c r="SLM668" s="613"/>
      <c r="SLN668" s="613"/>
      <c r="SLO668" s="613"/>
      <c r="SLP668" s="613"/>
      <c r="SLQ668" s="613"/>
      <c r="SLR668" s="613"/>
      <c r="SLS668" s="613"/>
      <c r="SLT668" s="613"/>
      <c r="SLU668" s="613"/>
      <c r="SLV668" s="613"/>
      <c r="SLW668" s="613"/>
      <c r="SLX668" s="613"/>
      <c r="SLY668" s="613"/>
      <c r="SLZ668" s="613"/>
      <c r="SMA668" s="613"/>
      <c r="SMB668" s="613"/>
      <c r="SMC668" s="613"/>
      <c r="SMD668" s="613"/>
      <c r="SME668" s="613"/>
      <c r="SMF668" s="613"/>
      <c r="SMG668" s="613"/>
      <c r="SMH668" s="613"/>
      <c r="SMI668" s="613"/>
      <c r="SMJ668" s="613"/>
      <c r="SMK668" s="613"/>
      <c r="SML668" s="613"/>
      <c r="SMM668" s="613"/>
      <c r="SMN668" s="613"/>
      <c r="SMO668" s="613"/>
      <c r="SMP668" s="613"/>
      <c r="SMQ668" s="613"/>
      <c r="SMR668" s="613"/>
      <c r="SMS668" s="613"/>
      <c r="SMT668" s="613"/>
      <c r="SMU668" s="613"/>
      <c r="SMV668" s="613"/>
      <c r="SMW668" s="613"/>
      <c r="SMX668" s="613"/>
      <c r="SMY668" s="613"/>
      <c r="SMZ668" s="613"/>
      <c r="SNA668" s="613"/>
      <c r="SNB668" s="613"/>
      <c r="SNC668" s="613"/>
      <c r="SND668" s="613"/>
      <c r="SNE668" s="613"/>
      <c r="SNF668" s="613"/>
      <c r="SNG668" s="613"/>
      <c r="SNH668" s="613"/>
      <c r="SNI668" s="613"/>
      <c r="SNJ668" s="613"/>
      <c r="SNK668" s="613"/>
      <c r="SNL668" s="613"/>
      <c r="SNM668" s="613"/>
      <c r="SNN668" s="613"/>
      <c r="SNO668" s="613"/>
      <c r="SNP668" s="613"/>
      <c r="SNQ668" s="613"/>
      <c r="SNR668" s="613"/>
      <c r="SNS668" s="613"/>
      <c r="SNT668" s="613"/>
      <c r="SNU668" s="613"/>
      <c r="SNV668" s="613"/>
      <c r="SNW668" s="613"/>
      <c r="SNX668" s="613"/>
      <c r="SNY668" s="613"/>
      <c r="SNZ668" s="613"/>
      <c r="SOA668" s="613"/>
      <c r="SOB668" s="613"/>
      <c r="SOC668" s="613"/>
      <c r="SOD668" s="613"/>
      <c r="SOE668" s="613"/>
      <c r="SOF668" s="613"/>
      <c r="SOG668" s="613"/>
      <c r="SOH668" s="613"/>
      <c r="SOI668" s="613"/>
      <c r="SOJ668" s="613"/>
      <c r="SOK668" s="613"/>
      <c r="SOL668" s="613"/>
      <c r="SOM668" s="613"/>
      <c r="SON668" s="613"/>
      <c r="SOO668" s="613"/>
      <c r="SOP668" s="613"/>
      <c r="SOQ668" s="613"/>
      <c r="SOR668" s="613"/>
      <c r="SOS668" s="613"/>
      <c r="SOT668" s="613"/>
      <c r="SOU668" s="613"/>
      <c r="SOV668" s="613"/>
      <c r="SOW668" s="613"/>
      <c r="SOX668" s="613"/>
      <c r="SOY668" s="613"/>
      <c r="SOZ668" s="613"/>
      <c r="SPA668" s="613"/>
      <c r="SPB668" s="613"/>
      <c r="SPC668" s="613"/>
      <c r="SPD668" s="613"/>
      <c r="SPE668" s="613"/>
      <c r="SPF668" s="613"/>
      <c r="SPG668" s="613"/>
      <c r="SPH668" s="613"/>
      <c r="SPI668" s="613"/>
      <c r="SPJ668" s="613"/>
      <c r="SPK668" s="613"/>
      <c r="SPL668" s="613"/>
      <c r="SPM668" s="613"/>
      <c r="SPN668" s="613"/>
      <c r="SPO668" s="613"/>
      <c r="SPP668" s="613"/>
      <c r="SPQ668" s="613"/>
      <c r="SPR668" s="613"/>
      <c r="SPS668" s="613"/>
      <c r="SPT668" s="613"/>
      <c r="SPU668" s="613"/>
      <c r="SPV668" s="613"/>
      <c r="SPW668" s="613"/>
      <c r="SPX668" s="613"/>
      <c r="SPY668" s="613"/>
      <c r="SPZ668" s="613"/>
      <c r="SQA668" s="613"/>
      <c r="SQB668" s="613"/>
      <c r="SQC668" s="613"/>
      <c r="SQD668" s="613"/>
      <c r="SQE668" s="613"/>
      <c r="SQF668" s="613"/>
      <c r="SQG668" s="613"/>
      <c r="SQH668" s="613"/>
      <c r="SQI668" s="613"/>
      <c r="SQJ668" s="613"/>
      <c r="SQK668" s="613"/>
      <c r="SQL668" s="613"/>
      <c r="SQM668" s="613"/>
      <c r="SQN668" s="613"/>
      <c r="SQO668" s="613"/>
      <c r="SQP668" s="613"/>
      <c r="SQQ668" s="613"/>
      <c r="SQR668" s="613"/>
      <c r="SQS668" s="613"/>
      <c r="SQT668" s="613"/>
      <c r="SQU668" s="613"/>
      <c r="SQV668" s="613"/>
      <c r="SQW668" s="613"/>
      <c r="SQX668" s="613"/>
      <c r="SQY668" s="613"/>
      <c r="SQZ668" s="613"/>
      <c r="SRA668" s="613"/>
      <c r="SRB668" s="613"/>
      <c r="SRC668" s="613"/>
      <c r="SRD668" s="613"/>
      <c r="SRE668" s="613"/>
      <c r="SRF668" s="613"/>
      <c r="SRG668" s="613"/>
      <c r="SRH668" s="613"/>
      <c r="SRI668" s="613"/>
      <c r="SRJ668" s="613"/>
      <c r="SRK668" s="613"/>
      <c r="SRL668" s="613"/>
      <c r="SRM668" s="613"/>
      <c r="SRN668" s="613"/>
      <c r="SRO668" s="613"/>
      <c r="SRP668" s="613"/>
      <c r="SRQ668" s="613"/>
      <c r="SRR668" s="613"/>
      <c r="SRS668" s="613"/>
      <c r="SRT668" s="613"/>
      <c r="SRU668" s="613"/>
      <c r="SRV668" s="613"/>
      <c r="SRW668" s="613"/>
      <c r="SRX668" s="613"/>
      <c r="SRY668" s="613"/>
      <c r="SRZ668" s="613"/>
      <c r="SSA668" s="613"/>
      <c r="SSB668" s="613"/>
      <c r="SSC668" s="613"/>
      <c r="SSD668" s="613"/>
      <c r="SSE668" s="613"/>
      <c r="SSF668" s="613"/>
      <c r="SSG668" s="613"/>
      <c r="SSH668" s="613"/>
      <c r="SSI668" s="613"/>
      <c r="SSJ668" s="613"/>
      <c r="SSK668" s="613"/>
      <c r="SSL668" s="613"/>
      <c r="SSM668" s="613"/>
      <c r="SSN668" s="613"/>
      <c r="SSO668" s="613"/>
      <c r="SSP668" s="613"/>
      <c r="SSQ668" s="613"/>
      <c r="SSR668" s="613"/>
      <c r="SSS668" s="613"/>
      <c r="SST668" s="613"/>
      <c r="SSU668" s="613"/>
      <c r="SSV668" s="613"/>
      <c r="SSW668" s="613"/>
      <c r="SSX668" s="613"/>
      <c r="SSY668" s="613"/>
      <c r="SSZ668" s="613"/>
      <c r="STA668" s="613"/>
      <c r="STB668" s="613"/>
      <c r="STC668" s="613"/>
      <c r="STD668" s="613"/>
      <c r="STE668" s="613"/>
      <c r="STF668" s="613"/>
      <c r="STG668" s="613"/>
      <c r="STH668" s="613"/>
      <c r="STI668" s="613"/>
      <c r="STJ668" s="613"/>
      <c r="STK668" s="613"/>
      <c r="STL668" s="613"/>
      <c r="STM668" s="613"/>
      <c r="STN668" s="613"/>
      <c r="STO668" s="613"/>
      <c r="STP668" s="613"/>
      <c r="STQ668" s="613"/>
      <c r="STR668" s="613"/>
      <c r="STS668" s="613"/>
      <c r="STT668" s="613"/>
      <c r="STU668" s="613"/>
      <c r="STV668" s="613"/>
      <c r="STW668" s="613"/>
      <c r="STX668" s="613"/>
      <c r="STY668" s="613"/>
      <c r="STZ668" s="613"/>
      <c r="SUA668" s="613"/>
      <c r="SUB668" s="613"/>
      <c r="SUC668" s="613"/>
      <c r="SUD668" s="613"/>
      <c r="SUE668" s="613"/>
      <c r="SUF668" s="613"/>
      <c r="SUG668" s="613"/>
      <c r="SUH668" s="613"/>
      <c r="SUI668" s="613"/>
      <c r="SUJ668" s="613"/>
      <c r="SUK668" s="613"/>
      <c r="SUL668" s="613"/>
      <c r="SUM668" s="613"/>
      <c r="SUN668" s="613"/>
      <c r="SUO668" s="613"/>
      <c r="SUP668" s="613"/>
      <c r="SUQ668" s="613"/>
      <c r="SUR668" s="613"/>
      <c r="SUS668" s="613"/>
      <c r="SUT668" s="613"/>
      <c r="SUU668" s="613"/>
      <c r="SUV668" s="613"/>
      <c r="SUW668" s="613"/>
      <c r="SUX668" s="613"/>
      <c r="SUY668" s="613"/>
      <c r="SUZ668" s="613"/>
      <c r="SVA668" s="613"/>
      <c r="SVB668" s="613"/>
      <c r="SVC668" s="613"/>
      <c r="SVD668" s="613"/>
      <c r="SVE668" s="613"/>
      <c r="SVF668" s="613"/>
      <c r="SVG668" s="613"/>
      <c r="SVH668" s="613"/>
      <c r="SVI668" s="613"/>
      <c r="SVJ668" s="613"/>
      <c r="SVK668" s="613"/>
      <c r="SVL668" s="613"/>
      <c r="SVM668" s="613"/>
      <c r="SVN668" s="613"/>
      <c r="SVO668" s="613"/>
      <c r="SVP668" s="613"/>
      <c r="SVQ668" s="613"/>
      <c r="SVR668" s="613"/>
      <c r="SVS668" s="613"/>
      <c r="SVT668" s="613"/>
      <c r="SVU668" s="613"/>
      <c r="SVV668" s="613"/>
      <c r="SVW668" s="613"/>
      <c r="SVX668" s="613"/>
      <c r="SVY668" s="613"/>
      <c r="SVZ668" s="613"/>
      <c r="SWA668" s="613"/>
      <c r="SWB668" s="613"/>
      <c r="SWC668" s="613"/>
      <c r="SWD668" s="613"/>
      <c r="SWE668" s="613"/>
      <c r="SWF668" s="613"/>
      <c r="SWG668" s="613"/>
      <c r="SWH668" s="613"/>
      <c r="SWI668" s="613"/>
      <c r="SWJ668" s="613"/>
      <c r="SWK668" s="613"/>
      <c r="SWL668" s="613"/>
      <c r="SWM668" s="613"/>
      <c r="SWN668" s="613"/>
      <c r="SWO668" s="613"/>
      <c r="SWP668" s="613"/>
      <c r="SWQ668" s="613"/>
      <c r="SWR668" s="613"/>
      <c r="SWS668" s="613"/>
      <c r="SWT668" s="613"/>
      <c r="SWU668" s="613"/>
      <c r="SWV668" s="613"/>
      <c r="SWW668" s="613"/>
      <c r="SWX668" s="613"/>
      <c r="SWY668" s="613"/>
      <c r="SWZ668" s="613"/>
      <c r="SXA668" s="613"/>
      <c r="SXB668" s="613"/>
      <c r="SXC668" s="613"/>
      <c r="SXD668" s="613"/>
      <c r="SXE668" s="613"/>
      <c r="SXF668" s="613"/>
      <c r="SXG668" s="613"/>
      <c r="SXH668" s="613"/>
      <c r="SXI668" s="613"/>
      <c r="SXJ668" s="613"/>
      <c r="SXK668" s="613"/>
      <c r="SXL668" s="613"/>
      <c r="SXM668" s="613"/>
      <c r="SXN668" s="613"/>
      <c r="SXO668" s="613"/>
      <c r="SXP668" s="613"/>
      <c r="SXQ668" s="613"/>
      <c r="SXR668" s="613"/>
      <c r="SXS668" s="613"/>
      <c r="SXT668" s="613"/>
      <c r="SXU668" s="613"/>
      <c r="SXV668" s="613"/>
      <c r="SXW668" s="613"/>
      <c r="SXX668" s="613"/>
      <c r="SXY668" s="613"/>
      <c r="SXZ668" s="613"/>
      <c r="SYA668" s="613"/>
      <c r="SYB668" s="613"/>
      <c r="SYC668" s="613"/>
      <c r="SYD668" s="613"/>
      <c r="SYE668" s="613"/>
      <c r="SYF668" s="613"/>
      <c r="SYG668" s="613"/>
      <c r="SYH668" s="613"/>
      <c r="SYI668" s="613"/>
      <c r="SYJ668" s="613"/>
      <c r="SYK668" s="613"/>
      <c r="SYL668" s="613"/>
      <c r="SYM668" s="613"/>
      <c r="SYN668" s="613"/>
      <c r="SYO668" s="613"/>
      <c r="SYP668" s="613"/>
      <c r="SYQ668" s="613"/>
      <c r="SYR668" s="613"/>
      <c r="SYS668" s="613"/>
      <c r="SYT668" s="613"/>
      <c r="SYU668" s="613"/>
      <c r="SYV668" s="613"/>
      <c r="SYW668" s="613"/>
      <c r="SYX668" s="613"/>
      <c r="SYY668" s="613"/>
      <c r="SYZ668" s="613"/>
      <c r="SZA668" s="613"/>
      <c r="SZB668" s="613"/>
      <c r="SZC668" s="613"/>
      <c r="SZD668" s="613"/>
      <c r="SZE668" s="613"/>
      <c r="SZF668" s="613"/>
      <c r="SZG668" s="613"/>
      <c r="SZH668" s="613"/>
      <c r="SZI668" s="613"/>
      <c r="SZJ668" s="613"/>
      <c r="SZK668" s="613"/>
      <c r="SZL668" s="613"/>
      <c r="SZM668" s="613"/>
      <c r="SZN668" s="613"/>
      <c r="SZO668" s="613"/>
      <c r="SZP668" s="613"/>
      <c r="SZQ668" s="613"/>
      <c r="SZR668" s="613"/>
      <c r="SZS668" s="613"/>
      <c r="SZT668" s="613"/>
      <c r="SZU668" s="613"/>
      <c r="SZV668" s="613"/>
      <c r="SZW668" s="613"/>
      <c r="SZX668" s="613"/>
      <c r="SZY668" s="613"/>
      <c r="SZZ668" s="613"/>
      <c r="TAA668" s="613"/>
      <c r="TAB668" s="613"/>
      <c r="TAC668" s="613"/>
      <c r="TAD668" s="613"/>
      <c r="TAE668" s="613"/>
      <c r="TAF668" s="613"/>
      <c r="TAG668" s="613"/>
      <c r="TAH668" s="613"/>
      <c r="TAI668" s="613"/>
      <c r="TAJ668" s="613"/>
      <c r="TAK668" s="613"/>
      <c r="TAL668" s="613"/>
      <c r="TAM668" s="613"/>
      <c r="TAN668" s="613"/>
      <c r="TAO668" s="613"/>
      <c r="TAP668" s="613"/>
      <c r="TAQ668" s="613"/>
      <c r="TAR668" s="613"/>
      <c r="TAS668" s="613"/>
      <c r="TAT668" s="613"/>
      <c r="TAU668" s="613"/>
      <c r="TAV668" s="613"/>
      <c r="TAW668" s="613"/>
      <c r="TAX668" s="613"/>
      <c r="TAY668" s="613"/>
      <c r="TAZ668" s="613"/>
      <c r="TBA668" s="613"/>
      <c r="TBB668" s="613"/>
      <c r="TBC668" s="613"/>
      <c r="TBD668" s="613"/>
      <c r="TBE668" s="613"/>
      <c r="TBF668" s="613"/>
      <c r="TBG668" s="613"/>
      <c r="TBH668" s="613"/>
      <c r="TBI668" s="613"/>
      <c r="TBJ668" s="613"/>
      <c r="TBK668" s="613"/>
      <c r="TBL668" s="613"/>
      <c r="TBM668" s="613"/>
      <c r="TBN668" s="613"/>
      <c r="TBO668" s="613"/>
      <c r="TBP668" s="613"/>
      <c r="TBQ668" s="613"/>
      <c r="TBR668" s="613"/>
      <c r="TBS668" s="613"/>
      <c r="TBT668" s="613"/>
      <c r="TBU668" s="613"/>
      <c r="TBV668" s="613"/>
      <c r="TBW668" s="613"/>
      <c r="TBX668" s="613"/>
      <c r="TBY668" s="613"/>
      <c r="TBZ668" s="613"/>
      <c r="TCA668" s="613"/>
      <c r="TCB668" s="613"/>
      <c r="TCC668" s="613"/>
      <c r="TCD668" s="613"/>
      <c r="TCE668" s="613"/>
      <c r="TCF668" s="613"/>
      <c r="TCG668" s="613"/>
      <c r="TCH668" s="613"/>
      <c r="TCI668" s="613"/>
      <c r="TCJ668" s="613"/>
      <c r="TCK668" s="613"/>
      <c r="TCL668" s="613"/>
      <c r="TCM668" s="613"/>
      <c r="TCN668" s="613"/>
      <c r="TCO668" s="613"/>
      <c r="TCP668" s="613"/>
      <c r="TCQ668" s="613"/>
      <c r="TCR668" s="613"/>
      <c r="TCS668" s="613"/>
      <c r="TCT668" s="613"/>
      <c r="TCU668" s="613"/>
      <c r="TCV668" s="613"/>
      <c r="TCW668" s="613"/>
      <c r="TCX668" s="613"/>
      <c r="TCY668" s="613"/>
      <c r="TCZ668" s="613"/>
      <c r="TDA668" s="613"/>
      <c r="TDB668" s="613"/>
      <c r="TDC668" s="613"/>
      <c r="TDD668" s="613"/>
      <c r="TDE668" s="613"/>
      <c r="TDF668" s="613"/>
      <c r="TDG668" s="613"/>
      <c r="TDH668" s="613"/>
      <c r="TDI668" s="613"/>
      <c r="TDJ668" s="613"/>
      <c r="TDK668" s="613"/>
      <c r="TDL668" s="613"/>
      <c r="TDM668" s="613"/>
      <c r="TDN668" s="613"/>
      <c r="TDO668" s="613"/>
      <c r="TDP668" s="613"/>
      <c r="TDQ668" s="613"/>
      <c r="TDR668" s="613"/>
      <c r="TDS668" s="613"/>
      <c r="TDT668" s="613"/>
      <c r="TDU668" s="613"/>
      <c r="TDV668" s="613"/>
      <c r="TDW668" s="613"/>
      <c r="TDX668" s="613"/>
      <c r="TDY668" s="613"/>
      <c r="TDZ668" s="613"/>
      <c r="TEA668" s="613"/>
      <c r="TEB668" s="613"/>
      <c r="TEC668" s="613"/>
      <c r="TED668" s="613"/>
      <c r="TEE668" s="613"/>
      <c r="TEF668" s="613"/>
      <c r="TEG668" s="613"/>
      <c r="TEH668" s="613"/>
      <c r="TEI668" s="613"/>
      <c r="TEJ668" s="613"/>
      <c r="TEK668" s="613"/>
      <c r="TEL668" s="613"/>
      <c r="TEM668" s="613"/>
      <c r="TEN668" s="613"/>
      <c r="TEO668" s="613"/>
      <c r="TEP668" s="613"/>
      <c r="TEQ668" s="613"/>
      <c r="TER668" s="613"/>
      <c r="TES668" s="613"/>
      <c r="TET668" s="613"/>
      <c r="TEU668" s="613"/>
      <c r="TEV668" s="613"/>
      <c r="TEW668" s="613"/>
      <c r="TEX668" s="613"/>
      <c r="TEY668" s="613"/>
      <c r="TEZ668" s="613"/>
      <c r="TFA668" s="613"/>
      <c r="TFB668" s="613"/>
      <c r="TFC668" s="613"/>
      <c r="TFD668" s="613"/>
      <c r="TFE668" s="613"/>
      <c r="TFF668" s="613"/>
      <c r="TFG668" s="613"/>
      <c r="TFH668" s="613"/>
      <c r="TFI668" s="613"/>
      <c r="TFJ668" s="613"/>
      <c r="TFK668" s="613"/>
      <c r="TFL668" s="613"/>
      <c r="TFM668" s="613"/>
      <c r="TFN668" s="613"/>
      <c r="TFO668" s="613"/>
      <c r="TFP668" s="613"/>
      <c r="TFQ668" s="613"/>
      <c r="TFR668" s="613"/>
      <c r="TFS668" s="613"/>
      <c r="TFT668" s="613"/>
      <c r="TFU668" s="613"/>
      <c r="TFV668" s="613"/>
      <c r="TFW668" s="613"/>
      <c r="TFX668" s="613"/>
      <c r="TFY668" s="613"/>
      <c r="TFZ668" s="613"/>
      <c r="TGA668" s="613"/>
      <c r="TGB668" s="613"/>
      <c r="TGC668" s="613"/>
      <c r="TGD668" s="613"/>
      <c r="TGE668" s="613"/>
      <c r="TGF668" s="613"/>
      <c r="TGG668" s="613"/>
      <c r="TGH668" s="613"/>
      <c r="TGI668" s="613"/>
      <c r="TGJ668" s="613"/>
      <c r="TGK668" s="613"/>
      <c r="TGL668" s="613"/>
      <c r="TGM668" s="613"/>
      <c r="TGN668" s="613"/>
      <c r="TGO668" s="613"/>
      <c r="TGP668" s="613"/>
      <c r="TGQ668" s="613"/>
      <c r="TGR668" s="613"/>
      <c r="TGS668" s="613"/>
      <c r="TGT668" s="613"/>
      <c r="TGU668" s="613"/>
      <c r="TGV668" s="613"/>
      <c r="TGW668" s="613"/>
      <c r="TGX668" s="613"/>
      <c r="TGY668" s="613"/>
      <c r="TGZ668" s="613"/>
      <c r="THA668" s="613"/>
      <c r="THB668" s="613"/>
      <c r="THC668" s="613"/>
      <c r="THD668" s="613"/>
      <c r="THE668" s="613"/>
      <c r="THF668" s="613"/>
      <c r="THG668" s="613"/>
      <c r="THH668" s="613"/>
      <c r="THI668" s="613"/>
      <c r="THJ668" s="613"/>
      <c r="THK668" s="613"/>
      <c r="THL668" s="613"/>
      <c r="THM668" s="613"/>
      <c r="THN668" s="613"/>
      <c r="THO668" s="613"/>
      <c r="THP668" s="613"/>
      <c r="THQ668" s="613"/>
      <c r="THR668" s="613"/>
      <c r="THS668" s="613"/>
      <c r="THT668" s="613"/>
      <c r="THU668" s="613"/>
      <c r="THV668" s="613"/>
      <c r="THW668" s="613"/>
      <c r="THX668" s="613"/>
      <c r="THY668" s="613"/>
      <c r="THZ668" s="613"/>
      <c r="TIA668" s="613"/>
      <c r="TIB668" s="613"/>
      <c r="TIC668" s="613"/>
      <c r="TID668" s="613"/>
      <c r="TIE668" s="613"/>
      <c r="TIF668" s="613"/>
      <c r="TIG668" s="613"/>
      <c r="TIH668" s="613"/>
      <c r="TII668" s="613"/>
      <c r="TIJ668" s="613"/>
      <c r="TIK668" s="613"/>
      <c r="TIL668" s="613"/>
      <c r="TIM668" s="613"/>
      <c r="TIN668" s="613"/>
      <c r="TIO668" s="613"/>
      <c r="TIP668" s="613"/>
      <c r="TIQ668" s="613"/>
      <c r="TIR668" s="613"/>
      <c r="TIS668" s="613"/>
      <c r="TIT668" s="613"/>
      <c r="TIU668" s="613"/>
      <c r="TIV668" s="613"/>
      <c r="TIW668" s="613"/>
      <c r="TIX668" s="613"/>
      <c r="TIY668" s="613"/>
      <c r="TIZ668" s="613"/>
      <c r="TJA668" s="613"/>
      <c r="TJB668" s="613"/>
      <c r="TJC668" s="613"/>
      <c r="TJD668" s="613"/>
      <c r="TJE668" s="613"/>
      <c r="TJF668" s="613"/>
      <c r="TJG668" s="613"/>
      <c r="TJH668" s="613"/>
      <c r="TJI668" s="613"/>
      <c r="TJJ668" s="613"/>
      <c r="TJK668" s="613"/>
      <c r="TJL668" s="613"/>
      <c r="TJM668" s="613"/>
      <c r="TJN668" s="613"/>
      <c r="TJO668" s="613"/>
      <c r="TJP668" s="613"/>
      <c r="TJQ668" s="613"/>
      <c r="TJR668" s="613"/>
      <c r="TJS668" s="613"/>
      <c r="TJT668" s="613"/>
      <c r="TJU668" s="613"/>
      <c r="TJV668" s="613"/>
      <c r="TJW668" s="613"/>
      <c r="TJX668" s="613"/>
      <c r="TJY668" s="613"/>
      <c r="TJZ668" s="613"/>
      <c r="TKA668" s="613"/>
      <c r="TKB668" s="613"/>
      <c r="TKC668" s="613"/>
      <c r="TKD668" s="613"/>
      <c r="TKE668" s="613"/>
      <c r="TKF668" s="613"/>
      <c r="TKG668" s="613"/>
      <c r="TKH668" s="613"/>
      <c r="TKI668" s="613"/>
      <c r="TKJ668" s="613"/>
      <c r="TKK668" s="613"/>
      <c r="TKL668" s="613"/>
      <c r="TKM668" s="613"/>
      <c r="TKN668" s="613"/>
      <c r="TKO668" s="613"/>
      <c r="TKP668" s="613"/>
      <c r="TKQ668" s="613"/>
      <c r="TKR668" s="613"/>
      <c r="TKS668" s="613"/>
      <c r="TKT668" s="613"/>
      <c r="TKU668" s="613"/>
      <c r="TKV668" s="613"/>
      <c r="TKW668" s="613"/>
      <c r="TKX668" s="613"/>
      <c r="TKY668" s="613"/>
      <c r="TKZ668" s="613"/>
      <c r="TLA668" s="613"/>
      <c r="TLB668" s="613"/>
      <c r="TLC668" s="613"/>
      <c r="TLD668" s="613"/>
      <c r="TLE668" s="613"/>
      <c r="TLF668" s="613"/>
      <c r="TLG668" s="613"/>
      <c r="TLH668" s="613"/>
      <c r="TLI668" s="613"/>
      <c r="TLJ668" s="613"/>
      <c r="TLK668" s="613"/>
      <c r="TLL668" s="613"/>
      <c r="TLM668" s="613"/>
      <c r="TLN668" s="613"/>
      <c r="TLO668" s="613"/>
      <c r="TLP668" s="613"/>
      <c r="TLQ668" s="613"/>
      <c r="TLR668" s="613"/>
      <c r="TLS668" s="613"/>
      <c r="TLT668" s="613"/>
      <c r="TLU668" s="613"/>
      <c r="TLV668" s="613"/>
      <c r="TLW668" s="613"/>
      <c r="TLX668" s="613"/>
      <c r="TLY668" s="613"/>
      <c r="TLZ668" s="613"/>
      <c r="TMA668" s="613"/>
      <c r="TMB668" s="613"/>
      <c r="TMC668" s="613"/>
      <c r="TMD668" s="613"/>
      <c r="TME668" s="613"/>
      <c r="TMF668" s="613"/>
      <c r="TMG668" s="613"/>
      <c r="TMH668" s="613"/>
      <c r="TMI668" s="613"/>
      <c r="TMJ668" s="613"/>
      <c r="TMK668" s="613"/>
      <c r="TML668" s="613"/>
      <c r="TMM668" s="613"/>
      <c r="TMN668" s="613"/>
      <c r="TMO668" s="613"/>
      <c r="TMP668" s="613"/>
      <c r="TMQ668" s="613"/>
      <c r="TMR668" s="613"/>
      <c r="TMS668" s="613"/>
      <c r="TMT668" s="613"/>
      <c r="TMU668" s="613"/>
      <c r="TMV668" s="613"/>
      <c r="TMW668" s="613"/>
      <c r="TMX668" s="613"/>
      <c r="TMY668" s="613"/>
      <c r="TMZ668" s="613"/>
      <c r="TNA668" s="613"/>
      <c r="TNB668" s="613"/>
      <c r="TNC668" s="613"/>
      <c r="TND668" s="613"/>
      <c r="TNE668" s="613"/>
      <c r="TNF668" s="613"/>
      <c r="TNG668" s="613"/>
      <c r="TNH668" s="613"/>
      <c r="TNI668" s="613"/>
      <c r="TNJ668" s="613"/>
      <c r="TNK668" s="613"/>
      <c r="TNL668" s="613"/>
      <c r="TNM668" s="613"/>
      <c r="TNN668" s="613"/>
      <c r="TNO668" s="613"/>
      <c r="TNP668" s="613"/>
      <c r="TNQ668" s="613"/>
      <c r="TNR668" s="613"/>
      <c r="TNS668" s="613"/>
      <c r="TNT668" s="613"/>
      <c r="TNU668" s="613"/>
      <c r="TNV668" s="613"/>
      <c r="TNW668" s="613"/>
      <c r="TNX668" s="613"/>
      <c r="TNY668" s="613"/>
      <c r="TNZ668" s="613"/>
      <c r="TOA668" s="613"/>
      <c r="TOB668" s="613"/>
      <c r="TOC668" s="613"/>
      <c r="TOD668" s="613"/>
      <c r="TOE668" s="613"/>
      <c r="TOF668" s="613"/>
      <c r="TOG668" s="613"/>
      <c r="TOH668" s="613"/>
      <c r="TOI668" s="613"/>
      <c r="TOJ668" s="613"/>
      <c r="TOK668" s="613"/>
      <c r="TOL668" s="613"/>
      <c r="TOM668" s="613"/>
      <c r="TON668" s="613"/>
      <c r="TOO668" s="613"/>
      <c r="TOP668" s="613"/>
      <c r="TOQ668" s="613"/>
      <c r="TOR668" s="613"/>
      <c r="TOS668" s="613"/>
      <c r="TOT668" s="613"/>
      <c r="TOU668" s="613"/>
      <c r="TOV668" s="613"/>
      <c r="TOW668" s="613"/>
      <c r="TOX668" s="613"/>
      <c r="TOY668" s="613"/>
      <c r="TOZ668" s="613"/>
      <c r="TPA668" s="613"/>
      <c r="TPB668" s="613"/>
      <c r="TPC668" s="613"/>
      <c r="TPD668" s="613"/>
      <c r="TPE668" s="613"/>
      <c r="TPF668" s="613"/>
      <c r="TPG668" s="613"/>
      <c r="TPH668" s="613"/>
      <c r="TPI668" s="613"/>
      <c r="TPJ668" s="613"/>
      <c r="TPK668" s="613"/>
      <c r="TPL668" s="613"/>
      <c r="TPM668" s="613"/>
      <c r="TPN668" s="613"/>
      <c r="TPO668" s="613"/>
      <c r="TPP668" s="613"/>
      <c r="TPQ668" s="613"/>
      <c r="TPR668" s="613"/>
      <c r="TPS668" s="613"/>
      <c r="TPT668" s="613"/>
      <c r="TPU668" s="613"/>
      <c r="TPV668" s="613"/>
      <c r="TPW668" s="613"/>
      <c r="TPX668" s="613"/>
      <c r="TPY668" s="613"/>
      <c r="TPZ668" s="613"/>
      <c r="TQA668" s="613"/>
      <c r="TQB668" s="613"/>
      <c r="TQC668" s="613"/>
      <c r="TQD668" s="613"/>
      <c r="TQE668" s="613"/>
      <c r="TQF668" s="613"/>
      <c r="TQG668" s="613"/>
      <c r="TQH668" s="613"/>
      <c r="TQI668" s="613"/>
      <c r="TQJ668" s="613"/>
      <c r="TQK668" s="613"/>
      <c r="TQL668" s="613"/>
      <c r="TQM668" s="613"/>
      <c r="TQN668" s="613"/>
      <c r="TQO668" s="613"/>
      <c r="TQP668" s="613"/>
      <c r="TQQ668" s="613"/>
      <c r="TQR668" s="613"/>
      <c r="TQS668" s="613"/>
      <c r="TQT668" s="613"/>
      <c r="TQU668" s="613"/>
      <c r="TQV668" s="613"/>
      <c r="TQW668" s="613"/>
      <c r="TQX668" s="613"/>
      <c r="TQY668" s="613"/>
      <c r="TQZ668" s="613"/>
      <c r="TRA668" s="613"/>
      <c r="TRB668" s="613"/>
      <c r="TRC668" s="613"/>
      <c r="TRD668" s="613"/>
      <c r="TRE668" s="613"/>
      <c r="TRF668" s="613"/>
      <c r="TRG668" s="613"/>
      <c r="TRH668" s="613"/>
      <c r="TRI668" s="613"/>
      <c r="TRJ668" s="613"/>
      <c r="TRK668" s="613"/>
      <c r="TRL668" s="613"/>
      <c r="TRM668" s="613"/>
      <c r="TRN668" s="613"/>
      <c r="TRO668" s="613"/>
      <c r="TRP668" s="613"/>
      <c r="TRQ668" s="613"/>
      <c r="TRR668" s="613"/>
      <c r="TRS668" s="613"/>
      <c r="TRT668" s="613"/>
      <c r="TRU668" s="613"/>
      <c r="TRV668" s="613"/>
      <c r="TRW668" s="613"/>
      <c r="TRX668" s="613"/>
      <c r="TRY668" s="613"/>
      <c r="TRZ668" s="613"/>
      <c r="TSA668" s="613"/>
      <c r="TSB668" s="613"/>
      <c r="TSC668" s="613"/>
      <c r="TSD668" s="613"/>
      <c r="TSE668" s="613"/>
      <c r="TSF668" s="613"/>
      <c r="TSG668" s="613"/>
      <c r="TSH668" s="613"/>
      <c r="TSI668" s="613"/>
      <c r="TSJ668" s="613"/>
      <c r="TSK668" s="613"/>
      <c r="TSL668" s="613"/>
      <c r="TSM668" s="613"/>
      <c r="TSN668" s="613"/>
      <c r="TSO668" s="613"/>
      <c r="TSP668" s="613"/>
      <c r="TSQ668" s="613"/>
      <c r="TSR668" s="613"/>
      <c r="TSS668" s="613"/>
      <c r="TST668" s="613"/>
      <c r="TSU668" s="613"/>
      <c r="TSV668" s="613"/>
      <c r="TSW668" s="613"/>
      <c r="TSX668" s="613"/>
      <c r="TSY668" s="613"/>
      <c r="TSZ668" s="613"/>
      <c r="TTA668" s="613"/>
      <c r="TTB668" s="613"/>
      <c r="TTC668" s="613"/>
      <c r="TTD668" s="613"/>
      <c r="TTE668" s="613"/>
      <c r="TTF668" s="613"/>
      <c r="TTG668" s="613"/>
      <c r="TTH668" s="613"/>
      <c r="TTI668" s="613"/>
      <c r="TTJ668" s="613"/>
      <c r="TTK668" s="613"/>
      <c r="TTL668" s="613"/>
      <c r="TTM668" s="613"/>
      <c r="TTN668" s="613"/>
      <c r="TTO668" s="613"/>
      <c r="TTP668" s="613"/>
      <c r="TTQ668" s="613"/>
      <c r="TTR668" s="613"/>
      <c r="TTS668" s="613"/>
      <c r="TTT668" s="613"/>
      <c r="TTU668" s="613"/>
      <c r="TTV668" s="613"/>
      <c r="TTW668" s="613"/>
      <c r="TTX668" s="613"/>
      <c r="TTY668" s="613"/>
      <c r="TTZ668" s="613"/>
      <c r="TUA668" s="613"/>
      <c r="TUB668" s="613"/>
      <c r="TUC668" s="613"/>
      <c r="TUD668" s="613"/>
      <c r="TUE668" s="613"/>
      <c r="TUF668" s="613"/>
      <c r="TUG668" s="613"/>
      <c r="TUH668" s="613"/>
      <c r="TUI668" s="613"/>
      <c r="TUJ668" s="613"/>
      <c r="TUK668" s="613"/>
      <c r="TUL668" s="613"/>
      <c r="TUM668" s="613"/>
      <c r="TUN668" s="613"/>
      <c r="TUO668" s="613"/>
      <c r="TUP668" s="613"/>
      <c r="TUQ668" s="613"/>
      <c r="TUR668" s="613"/>
      <c r="TUS668" s="613"/>
      <c r="TUT668" s="613"/>
      <c r="TUU668" s="613"/>
      <c r="TUV668" s="613"/>
      <c r="TUW668" s="613"/>
      <c r="TUX668" s="613"/>
      <c r="TUY668" s="613"/>
      <c r="TUZ668" s="613"/>
      <c r="TVA668" s="613"/>
      <c r="TVB668" s="613"/>
      <c r="TVC668" s="613"/>
      <c r="TVD668" s="613"/>
      <c r="TVE668" s="613"/>
      <c r="TVF668" s="613"/>
      <c r="TVG668" s="613"/>
      <c r="TVH668" s="613"/>
      <c r="TVI668" s="613"/>
      <c r="TVJ668" s="613"/>
      <c r="TVK668" s="613"/>
      <c r="TVL668" s="613"/>
      <c r="TVM668" s="613"/>
      <c r="TVN668" s="613"/>
      <c r="TVO668" s="613"/>
      <c r="TVP668" s="613"/>
      <c r="TVQ668" s="613"/>
      <c r="TVR668" s="613"/>
      <c r="TVS668" s="613"/>
      <c r="TVT668" s="613"/>
      <c r="TVU668" s="613"/>
      <c r="TVV668" s="613"/>
      <c r="TVW668" s="613"/>
      <c r="TVX668" s="613"/>
      <c r="TVY668" s="613"/>
      <c r="TVZ668" s="613"/>
      <c r="TWA668" s="613"/>
      <c r="TWB668" s="613"/>
      <c r="TWC668" s="613"/>
      <c r="TWD668" s="613"/>
      <c r="TWE668" s="613"/>
      <c r="TWF668" s="613"/>
      <c r="TWG668" s="613"/>
      <c r="TWH668" s="613"/>
      <c r="TWI668" s="613"/>
      <c r="TWJ668" s="613"/>
      <c r="TWK668" s="613"/>
      <c r="TWL668" s="613"/>
      <c r="TWM668" s="613"/>
      <c r="TWN668" s="613"/>
      <c r="TWO668" s="613"/>
      <c r="TWP668" s="613"/>
      <c r="TWQ668" s="613"/>
      <c r="TWR668" s="613"/>
      <c r="TWS668" s="613"/>
      <c r="TWT668" s="613"/>
      <c r="TWU668" s="613"/>
      <c r="TWV668" s="613"/>
      <c r="TWW668" s="613"/>
      <c r="TWX668" s="613"/>
      <c r="TWY668" s="613"/>
      <c r="TWZ668" s="613"/>
      <c r="TXA668" s="613"/>
      <c r="TXB668" s="613"/>
      <c r="TXC668" s="613"/>
      <c r="TXD668" s="613"/>
      <c r="TXE668" s="613"/>
      <c r="TXF668" s="613"/>
      <c r="TXG668" s="613"/>
      <c r="TXH668" s="613"/>
      <c r="TXI668" s="613"/>
      <c r="TXJ668" s="613"/>
      <c r="TXK668" s="613"/>
      <c r="TXL668" s="613"/>
      <c r="TXM668" s="613"/>
      <c r="TXN668" s="613"/>
      <c r="TXO668" s="613"/>
      <c r="TXP668" s="613"/>
      <c r="TXQ668" s="613"/>
      <c r="TXR668" s="613"/>
      <c r="TXS668" s="613"/>
      <c r="TXT668" s="613"/>
      <c r="TXU668" s="613"/>
      <c r="TXV668" s="613"/>
      <c r="TXW668" s="613"/>
      <c r="TXX668" s="613"/>
      <c r="TXY668" s="613"/>
      <c r="TXZ668" s="613"/>
      <c r="TYA668" s="613"/>
      <c r="TYB668" s="613"/>
      <c r="TYC668" s="613"/>
      <c r="TYD668" s="613"/>
      <c r="TYE668" s="613"/>
      <c r="TYF668" s="613"/>
      <c r="TYG668" s="613"/>
      <c r="TYH668" s="613"/>
      <c r="TYI668" s="613"/>
      <c r="TYJ668" s="613"/>
      <c r="TYK668" s="613"/>
      <c r="TYL668" s="613"/>
      <c r="TYM668" s="613"/>
      <c r="TYN668" s="613"/>
      <c r="TYO668" s="613"/>
      <c r="TYP668" s="613"/>
      <c r="TYQ668" s="613"/>
      <c r="TYR668" s="613"/>
      <c r="TYS668" s="613"/>
      <c r="TYT668" s="613"/>
      <c r="TYU668" s="613"/>
      <c r="TYV668" s="613"/>
      <c r="TYW668" s="613"/>
      <c r="TYX668" s="613"/>
      <c r="TYY668" s="613"/>
      <c r="TYZ668" s="613"/>
      <c r="TZA668" s="613"/>
      <c r="TZB668" s="613"/>
      <c r="TZC668" s="613"/>
      <c r="TZD668" s="613"/>
      <c r="TZE668" s="613"/>
      <c r="TZF668" s="613"/>
      <c r="TZG668" s="613"/>
      <c r="TZH668" s="613"/>
      <c r="TZI668" s="613"/>
      <c r="TZJ668" s="613"/>
      <c r="TZK668" s="613"/>
      <c r="TZL668" s="613"/>
      <c r="TZM668" s="613"/>
      <c r="TZN668" s="613"/>
      <c r="TZO668" s="613"/>
      <c r="TZP668" s="613"/>
      <c r="TZQ668" s="613"/>
      <c r="TZR668" s="613"/>
      <c r="TZS668" s="613"/>
      <c r="TZT668" s="613"/>
      <c r="TZU668" s="613"/>
      <c r="TZV668" s="613"/>
      <c r="TZW668" s="613"/>
      <c r="TZX668" s="613"/>
      <c r="TZY668" s="613"/>
      <c r="TZZ668" s="613"/>
      <c r="UAA668" s="613"/>
      <c r="UAB668" s="613"/>
      <c r="UAC668" s="613"/>
      <c r="UAD668" s="613"/>
      <c r="UAE668" s="613"/>
      <c r="UAF668" s="613"/>
      <c r="UAG668" s="613"/>
      <c r="UAH668" s="613"/>
      <c r="UAI668" s="613"/>
      <c r="UAJ668" s="613"/>
      <c r="UAK668" s="613"/>
      <c r="UAL668" s="613"/>
      <c r="UAM668" s="613"/>
      <c r="UAN668" s="613"/>
      <c r="UAO668" s="613"/>
      <c r="UAP668" s="613"/>
      <c r="UAQ668" s="613"/>
      <c r="UAR668" s="613"/>
      <c r="UAS668" s="613"/>
      <c r="UAT668" s="613"/>
      <c r="UAU668" s="613"/>
      <c r="UAV668" s="613"/>
      <c r="UAW668" s="613"/>
      <c r="UAX668" s="613"/>
      <c r="UAY668" s="613"/>
      <c r="UAZ668" s="613"/>
      <c r="UBA668" s="613"/>
      <c r="UBB668" s="613"/>
      <c r="UBC668" s="613"/>
      <c r="UBD668" s="613"/>
      <c r="UBE668" s="613"/>
      <c r="UBF668" s="613"/>
      <c r="UBG668" s="613"/>
      <c r="UBH668" s="613"/>
      <c r="UBI668" s="613"/>
      <c r="UBJ668" s="613"/>
      <c r="UBK668" s="613"/>
      <c r="UBL668" s="613"/>
      <c r="UBM668" s="613"/>
      <c r="UBN668" s="613"/>
      <c r="UBO668" s="613"/>
      <c r="UBP668" s="613"/>
      <c r="UBQ668" s="613"/>
      <c r="UBR668" s="613"/>
      <c r="UBS668" s="613"/>
      <c r="UBT668" s="613"/>
      <c r="UBU668" s="613"/>
      <c r="UBV668" s="613"/>
      <c r="UBW668" s="613"/>
      <c r="UBX668" s="613"/>
      <c r="UBY668" s="613"/>
      <c r="UBZ668" s="613"/>
      <c r="UCA668" s="613"/>
      <c r="UCB668" s="613"/>
      <c r="UCC668" s="613"/>
      <c r="UCD668" s="613"/>
      <c r="UCE668" s="613"/>
      <c r="UCF668" s="613"/>
      <c r="UCG668" s="613"/>
      <c r="UCH668" s="613"/>
      <c r="UCI668" s="613"/>
      <c r="UCJ668" s="613"/>
      <c r="UCK668" s="613"/>
      <c r="UCL668" s="613"/>
      <c r="UCM668" s="613"/>
      <c r="UCN668" s="613"/>
      <c r="UCO668" s="613"/>
      <c r="UCP668" s="613"/>
      <c r="UCQ668" s="613"/>
      <c r="UCR668" s="613"/>
      <c r="UCS668" s="613"/>
      <c r="UCT668" s="613"/>
      <c r="UCU668" s="613"/>
      <c r="UCV668" s="613"/>
      <c r="UCW668" s="613"/>
      <c r="UCX668" s="613"/>
      <c r="UCY668" s="613"/>
      <c r="UCZ668" s="613"/>
      <c r="UDA668" s="613"/>
      <c r="UDB668" s="613"/>
      <c r="UDC668" s="613"/>
      <c r="UDD668" s="613"/>
      <c r="UDE668" s="613"/>
      <c r="UDF668" s="613"/>
      <c r="UDG668" s="613"/>
      <c r="UDH668" s="613"/>
      <c r="UDI668" s="613"/>
      <c r="UDJ668" s="613"/>
      <c r="UDK668" s="613"/>
      <c r="UDL668" s="613"/>
      <c r="UDM668" s="613"/>
      <c r="UDN668" s="613"/>
      <c r="UDO668" s="613"/>
      <c r="UDP668" s="613"/>
      <c r="UDQ668" s="613"/>
      <c r="UDR668" s="613"/>
      <c r="UDS668" s="613"/>
      <c r="UDT668" s="613"/>
      <c r="UDU668" s="613"/>
      <c r="UDV668" s="613"/>
      <c r="UDW668" s="613"/>
      <c r="UDX668" s="613"/>
      <c r="UDY668" s="613"/>
      <c r="UDZ668" s="613"/>
      <c r="UEA668" s="613"/>
      <c r="UEB668" s="613"/>
      <c r="UEC668" s="613"/>
      <c r="UED668" s="613"/>
      <c r="UEE668" s="613"/>
      <c r="UEF668" s="613"/>
      <c r="UEG668" s="613"/>
      <c r="UEH668" s="613"/>
      <c r="UEI668" s="613"/>
      <c r="UEJ668" s="613"/>
      <c r="UEK668" s="613"/>
      <c r="UEL668" s="613"/>
      <c r="UEM668" s="613"/>
      <c r="UEN668" s="613"/>
      <c r="UEO668" s="613"/>
      <c r="UEP668" s="613"/>
      <c r="UEQ668" s="613"/>
      <c r="UER668" s="613"/>
      <c r="UES668" s="613"/>
      <c r="UET668" s="613"/>
      <c r="UEU668" s="613"/>
      <c r="UEV668" s="613"/>
      <c r="UEW668" s="613"/>
      <c r="UEX668" s="613"/>
      <c r="UEY668" s="613"/>
      <c r="UEZ668" s="613"/>
      <c r="UFA668" s="613"/>
      <c r="UFB668" s="613"/>
      <c r="UFC668" s="613"/>
      <c r="UFD668" s="613"/>
      <c r="UFE668" s="613"/>
      <c r="UFF668" s="613"/>
      <c r="UFG668" s="613"/>
      <c r="UFH668" s="613"/>
      <c r="UFI668" s="613"/>
      <c r="UFJ668" s="613"/>
      <c r="UFK668" s="613"/>
      <c r="UFL668" s="613"/>
      <c r="UFM668" s="613"/>
      <c r="UFN668" s="613"/>
      <c r="UFO668" s="613"/>
      <c r="UFP668" s="613"/>
      <c r="UFQ668" s="613"/>
      <c r="UFR668" s="613"/>
      <c r="UFS668" s="613"/>
      <c r="UFT668" s="613"/>
      <c r="UFU668" s="613"/>
      <c r="UFV668" s="613"/>
      <c r="UFW668" s="613"/>
      <c r="UFX668" s="613"/>
      <c r="UFY668" s="613"/>
      <c r="UFZ668" s="613"/>
      <c r="UGA668" s="613"/>
      <c r="UGB668" s="613"/>
      <c r="UGC668" s="613"/>
      <c r="UGD668" s="613"/>
      <c r="UGE668" s="613"/>
      <c r="UGF668" s="613"/>
      <c r="UGG668" s="613"/>
      <c r="UGH668" s="613"/>
      <c r="UGI668" s="613"/>
      <c r="UGJ668" s="613"/>
      <c r="UGK668" s="613"/>
      <c r="UGL668" s="613"/>
      <c r="UGM668" s="613"/>
      <c r="UGN668" s="613"/>
      <c r="UGO668" s="613"/>
      <c r="UGP668" s="613"/>
      <c r="UGQ668" s="613"/>
      <c r="UGR668" s="613"/>
      <c r="UGS668" s="613"/>
      <c r="UGT668" s="613"/>
      <c r="UGU668" s="613"/>
      <c r="UGV668" s="613"/>
      <c r="UGW668" s="613"/>
      <c r="UGX668" s="613"/>
      <c r="UGY668" s="613"/>
      <c r="UGZ668" s="613"/>
      <c r="UHA668" s="613"/>
      <c r="UHB668" s="613"/>
      <c r="UHC668" s="613"/>
      <c r="UHD668" s="613"/>
      <c r="UHE668" s="613"/>
      <c r="UHF668" s="613"/>
      <c r="UHG668" s="613"/>
      <c r="UHH668" s="613"/>
      <c r="UHI668" s="613"/>
      <c r="UHJ668" s="613"/>
      <c r="UHK668" s="613"/>
      <c r="UHL668" s="613"/>
      <c r="UHM668" s="613"/>
      <c r="UHN668" s="613"/>
      <c r="UHO668" s="613"/>
      <c r="UHP668" s="613"/>
      <c r="UHQ668" s="613"/>
      <c r="UHR668" s="613"/>
      <c r="UHS668" s="613"/>
      <c r="UHT668" s="613"/>
      <c r="UHU668" s="613"/>
      <c r="UHV668" s="613"/>
      <c r="UHW668" s="613"/>
      <c r="UHX668" s="613"/>
      <c r="UHY668" s="613"/>
      <c r="UHZ668" s="613"/>
      <c r="UIA668" s="613"/>
      <c r="UIB668" s="613"/>
      <c r="UIC668" s="613"/>
      <c r="UID668" s="613"/>
      <c r="UIE668" s="613"/>
      <c r="UIF668" s="613"/>
      <c r="UIG668" s="613"/>
      <c r="UIH668" s="613"/>
      <c r="UII668" s="613"/>
      <c r="UIJ668" s="613"/>
      <c r="UIK668" s="613"/>
      <c r="UIL668" s="613"/>
      <c r="UIM668" s="613"/>
      <c r="UIN668" s="613"/>
      <c r="UIO668" s="613"/>
      <c r="UIP668" s="613"/>
      <c r="UIQ668" s="613"/>
      <c r="UIR668" s="613"/>
      <c r="UIS668" s="613"/>
      <c r="UIT668" s="613"/>
      <c r="UIU668" s="613"/>
      <c r="UIV668" s="613"/>
      <c r="UIW668" s="613"/>
      <c r="UIX668" s="613"/>
      <c r="UIY668" s="613"/>
      <c r="UIZ668" s="613"/>
      <c r="UJA668" s="613"/>
      <c r="UJB668" s="613"/>
      <c r="UJC668" s="613"/>
      <c r="UJD668" s="613"/>
      <c r="UJE668" s="613"/>
      <c r="UJF668" s="613"/>
      <c r="UJG668" s="613"/>
      <c r="UJH668" s="613"/>
      <c r="UJI668" s="613"/>
      <c r="UJJ668" s="613"/>
      <c r="UJK668" s="613"/>
      <c r="UJL668" s="613"/>
      <c r="UJM668" s="613"/>
      <c r="UJN668" s="613"/>
      <c r="UJO668" s="613"/>
      <c r="UJP668" s="613"/>
      <c r="UJQ668" s="613"/>
      <c r="UJR668" s="613"/>
      <c r="UJS668" s="613"/>
      <c r="UJT668" s="613"/>
      <c r="UJU668" s="613"/>
      <c r="UJV668" s="613"/>
      <c r="UJW668" s="613"/>
      <c r="UJX668" s="613"/>
      <c r="UJY668" s="613"/>
      <c r="UJZ668" s="613"/>
      <c r="UKA668" s="613"/>
      <c r="UKB668" s="613"/>
      <c r="UKC668" s="613"/>
      <c r="UKD668" s="613"/>
      <c r="UKE668" s="613"/>
      <c r="UKF668" s="613"/>
      <c r="UKG668" s="613"/>
      <c r="UKH668" s="613"/>
      <c r="UKI668" s="613"/>
      <c r="UKJ668" s="613"/>
      <c r="UKK668" s="613"/>
      <c r="UKL668" s="613"/>
      <c r="UKM668" s="613"/>
      <c r="UKN668" s="613"/>
      <c r="UKO668" s="613"/>
      <c r="UKP668" s="613"/>
      <c r="UKQ668" s="613"/>
      <c r="UKR668" s="613"/>
      <c r="UKS668" s="613"/>
      <c r="UKT668" s="613"/>
      <c r="UKU668" s="613"/>
      <c r="UKV668" s="613"/>
      <c r="UKW668" s="613"/>
      <c r="UKX668" s="613"/>
      <c r="UKY668" s="613"/>
      <c r="UKZ668" s="613"/>
      <c r="ULA668" s="613"/>
      <c r="ULB668" s="613"/>
      <c r="ULC668" s="613"/>
      <c r="ULD668" s="613"/>
      <c r="ULE668" s="613"/>
      <c r="ULF668" s="613"/>
      <c r="ULG668" s="613"/>
      <c r="ULH668" s="613"/>
      <c r="ULI668" s="613"/>
      <c r="ULJ668" s="613"/>
      <c r="ULK668" s="613"/>
      <c r="ULL668" s="613"/>
      <c r="ULM668" s="613"/>
      <c r="ULN668" s="613"/>
      <c r="ULO668" s="613"/>
      <c r="ULP668" s="613"/>
      <c r="ULQ668" s="613"/>
      <c r="ULR668" s="613"/>
      <c r="ULS668" s="613"/>
      <c r="ULT668" s="613"/>
      <c r="ULU668" s="613"/>
      <c r="ULV668" s="613"/>
      <c r="ULW668" s="613"/>
      <c r="ULX668" s="613"/>
      <c r="ULY668" s="613"/>
      <c r="ULZ668" s="613"/>
      <c r="UMA668" s="613"/>
      <c r="UMB668" s="613"/>
      <c r="UMC668" s="613"/>
      <c r="UMD668" s="613"/>
      <c r="UME668" s="613"/>
      <c r="UMF668" s="613"/>
      <c r="UMG668" s="613"/>
      <c r="UMH668" s="613"/>
      <c r="UMI668" s="613"/>
      <c r="UMJ668" s="613"/>
      <c r="UMK668" s="613"/>
      <c r="UML668" s="613"/>
      <c r="UMM668" s="613"/>
      <c r="UMN668" s="613"/>
      <c r="UMO668" s="613"/>
      <c r="UMP668" s="613"/>
      <c r="UMQ668" s="613"/>
      <c r="UMR668" s="613"/>
      <c r="UMS668" s="613"/>
      <c r="UMT668" s="613"/>
      <c r="UMU668" s="613"/>
      <c r="UMV668" s="613"/>
      <c r="UMW668" s="613"/>
      <c r="UMX668" s="613"/>
      <c r="UMY668" s="613"/>
      <c r="UMZ668" s="613"/>
      <c r="UNA668" s="613"/>
      <c r="UNB668" s="613"/>
      <c r="UNC668" s="613"/>
      <c r="UND668" s="613"/>
      <c r="UNE668" s="613"/>
      <c r="UNF668" s="613"/>
      <c r="UNG668" s="613"/>
      <c r="UNH668" s="613"/>
      <c r="UNI668" s="613"/>
      <c r="UNJ668" s="613"/>
      <c r="UNK668" s="613"/>
      <c r="UNL668" s="613"/>
      <c r="UNM668" s="613"/>
      <c r="UNN668" s="613"/>
      <c r="UNO668" s="613"/>
      <c r="UNP668" s="613"/>
      <c r="UNQ668" s="613"/>
      <c r="UNR668" s="613"/>
      <c r="UNS668" s="613"/>
      <c r="UNT668" s="613"/>
      <c r="UNU668" s="613"/>
      <c r="UNV668" s="613"/>
      <c r="UNW668" s="613"/>
      <c r="UNX668" s="613"/>
      <c r="UNY668" s="613"/>
      <c r="UNZ668" s="613"/>
      <c r="UOA668" s="613"/>
      <c r="UOB668" s="613"/>
      <c r="UOC668" s="613"/>
      <c r="UOD668" s="613"/>
      <c r="UOE668" s="613"/>
      <c r="UOF668" s="613"/>
      <c r="UOG668" s="613"/>
      <c r="UOH668" s="613"/>
      <c r="UOI668" s="613"/>
      <c r="UOJ668" s="613"/>
      <c r="UOK668" s="613"/>
      <c r="UOL668" s="613"/>
      <c r="UOM668" s="613"/>
      <c r="UON668" s="613"/>
      <c r="UOO668" s="613"/>
      <c r="UOP668" s="613"/>
      <c r="UOQ668" s="613"/>
      <c r="UOR668" s="613"/>
      <c r="UOS668" s="613"/>
      <c r="UOT668" s="613"/>
      <c r="UOU668" s="613"/>
      <c r="UOV668" s="613"/>
      <c r="UOW668" s="613"/>
      <c r="UOX668" s="613"/>
      <c r="UOY668" s="613"/>
      <c r="UOZ668" s="613"/>
      <c r="UPA668" s="613"/>
      <c r="UPB668" s="613"/>
      <c r="UPC668" s="613"/>
      <c r="UPD668" s="613"/>
      <c r="UPE668" s="613"/>
      <c r="UPF668" s="613"/>
      <c r="UPG668" s="613"/>
      <c r="UPH668" s="613"/>
      <c r="UPI668" s="613"/>
      <c r="UPJ668" s="613"/>
      <c r="UPK668" s="613"/>
      <c r="UPL668" s="613"/>
      <c r="UPM668" s="613"/>
      <c r="UPN668" s="613"/>
      <c r="UPO668" s="613"/>
      <c r="UPP668" s="613"/>
      <c r="UPQ668" s="613"/>
      <c r="UPR668" s="613"/>
      <c r="UPS668" s="613"/>
      <c r="UPT668" s="613"/>
      <c r="UPU668" s="613"/>
      <c r="UPV668" s="613"/>
      <c r="UPW668" s="613"/>
      <c r="UPX668" s="613"/>
      <c r="UPY668" s="613"/>
      <c r="UPZ668" s="613"/>
      <c r="UQA668" s="613"/>
      <c r="UQB668" s="613"/>
      <c r="UQC668" s="613"/>
      <c r="UQD668" s="613"/>
      <c r="UQE668" s="613"/>
      <c r="UQF668" s="613"/>
      <c r="UQG668" s="613"/>
      <c r="UQH668" s="613"/>
      <c r="UQI668" s="613"/>
      <c r="UQJ668" s="613"/>
      <c r="UQK668" s="613"/>
      <c r="UQL668" s="613"/>
      <c r="UQM668" s="613"/>
      <c r="UQN668" s="613"/>
      <c r="UQO668" s="613"/>
      <c r="UQP668" s="613"/>
      <c r="UQQ668" s="613"/>
      <c r="UQR668" s="613"/>
      <c r="UQS668" s="613"/>
      <c r="UQT668" s="613"/>
      <c r="UQU668" s="613"/>
      <c r="UQV668" s="613"/>
      <c r="UQW668" s="613"/>
      <c r="UQX668" s="613"/>
      <c r="UQY668" s="613"/>
      <c r="UQZ668" s="613"/>
      <c r="URA668" s="613"/>
      <c r="URB668" s="613"/>
      <c r="URC668" s="613"/>
      <c r="URD668" s="613"/>
      <c r="URE668" s="613"/>
      <c r="URF668" s="613"/>
      <c r="URG668" s="613"/>
      <c r="URH668" s="613"/>
      <c r="URI668" s="613"/>
      <c r="URJ668" s="613"/>
      <c r="URK668" s="613"/>
      <c r="URL668" s="613"/>
      <c r="URM668" s="613"/>
      <c r="URN668" s="613"/>
      <c r="URO668" s="613"/>
      <c r="URP668" s="613"/>
      <c r="URQ668" s="613"/>
      <c r="URR668" s="613"/>
      <c r="URS668" s="613"/>
      <c r="URT668" s="613"/>
      <c r="URU668" s="613"/>
      <c r="URV668" s="613"/>
      <c r="URW668" s="613"/>
      <c r="URX668" s="613"/>
      <c r="URY668" s="613"/>
      <c r="URZ668" s="613"/>
      <c r="USA668" s="613"/>
      <c r="USB668" s="613"/>
      <c r="USC668" s="613"/>
      <c r="USD668" s="613"/>
      <c r="USE668" s="613"/>
      <c r="USF668" s="613"/>
      <c r="USG668" s="613"/>
      <c r="USH668" s="613"/>
      <c r="USI668" s="613"/>
      <c r="USJ668" s="613"/>
      <c r="USK668" s="613"/>
      <c r="USL668" s="613"/>
      <c r="USM668" s="613"/>
      <c r="USN668" s="613"/>
      <c r="USO668" s="613"/>
      <c r="USP668" s="613"/>
      <c r="USQ668" s="613"/>
      <c r="USR668" s="613"/>
      <c r="USS668" s="613"/>
      <c r="UST668" s="613"/>
      <c r="USU668" s="613"/>
      <c r="USV668" s="613"/>
      <c r="USW668" s="613"/>
      <c r="USX668" s="613"/>
      <c r="USY668" s="613"/>
      <c r="USZ668" s="613"/>
      <c r="UTA668" s="613"/>
      <c r="UTB668" s="613"/>
      <c r="UTC668" s="613"/>
      <c r="UTD668" s="613"/>
      <c r="UTE668" s="613"/>
      <c r="UTF668" s="613"/>
      <c r="UTG668" s="613"/>
      <c r="UTH668" s="613"/>
      <c r="UTI668" s="613"/>
      <c r="UTJ668" s="613"/>
      <c r="UTK668" s="613"/>
      <c r="UTL668" s="613"/>
      <c r="UTM668" s="613"/>
      <c r="UTN668" s="613"/>
      <c r="UTO668" s="613"/>
      <c r="UTP668" s="613"/>
      <c r="UTQ668" s="613"/>
      <c r="UTR668" s="613"/>
      <c r="UTS668" s="613"/>
      <c r="UTT668" s="613"/>
      <c r="UTU668" s="613"/>
      <c r="UTV668" s="613"/>
      <c r="UTW668" s="613"/>
      <c r="UTX668" s="613"/>
      <c r="UTY668" s="613"/>
      <c r="UTZ668" s="613"/>
      <c r="UUA668" s="613"/>
      <c r="UUB668" s="613"/>
      <c r="UUC668" s="613"/>
      <c r="UUD668" s="613"/>
      <c r="UUE668" s="613"/>
      <c r="UUF668" s="613"/>
      <c r="UUG668" s="613"/>
      <c r="UUH668" s="613"/>
      <c r="UUI668" s="613"/>
      <c r="UUJ668" s="613"/>
      <c r="UUK668" s="613"/>
      <c r="UUL668" s="613"/>
      <c r="UUM668" s="613"/>
      <c r="UUN668" s="613"/>
      <c r="UUO668" s="613"/>
      <c r="UUP668" s="613"/>
      <c r="UUQ668" s="613"/>
      <c r="UUR668" s="613"/>
      <c r="UUS668" s="613"/>
      <c r="UUT668" s="613"/>
      <c r="UUU668" s="613"/>
      <c r="UUV668" s="613"/>
      <c r="UUW668" s="613"/>
      <c r="UUX668" s="613"/>
      <c r="UUY668" s="613"/>
      <c r="UUZ668" s="613"/>
      <c r="UVA668" s="613"/>
      <c r="UVB668" s="613"/>
      <c r="UVC668" s="613"/>
      <c r="UVD668" s="613"/>
      <c r="UVE668" s="613"/>
      <c r="UVF668" s="613"/>
      <c r="UVG668" s="613"/>
      <c r="UVH668" s="613"/>
      <c r="UVI668" s="613"/>
      <c r="UVJ668" s="613"/>
      <c r="UVK668" s="613"/>
      <c r="UVL668" s="613"/>
      <c r="UVM668" s="613"/>
      <c r="UVN668" s="613"/>
      <c r="UVO668" s="613"/>
      <c r="UVP668" s="613"/>
      <c r="UVQ668" s="613"/>
      <c r="UVR668" s="613"/>
      <c r="UVS668" s="613"/>
      <c r="UVT668" s="613"/>
      <c r="UVU668" s="613"/>
      <c r="UVV668" s="613"/>
      <c r="UVW668" s="613"/>
      <c r="UVX668" s="613"/>
      <c r="UVY668" s="613"/>
      <c r="UVZ668" s="613"/>
      <c r="UWA668" s="613"/>
      <c r="UWB668" s="613"/>
      <c r="UWC668" s="613"/>
      <c r="UWD668" s="613"/>
      <c r="UWE668" s="613"/>
      <c r="UWF668" s="613"/>
      <c r="UWG668" s="613"/>
      <c r="UWH668" s="613"/>
      <c r="UWI668" s="613"/>
      <c r="UWJ668" s="613"/>
      <c r="UWK668" s="613"/>
      <c r="UWL668" s="613"/>
      <c r="UWM668" s="613"/>
      <c r="UWN668" s="613"/>
      <c r="UWO668" s="613"/>
      <c r="UWP668" s="613"/>
      <c r="UWQ668" s="613"/>
      <c r="UWR668" s="613"/>
      <c r="UWS668" s="613"/>
      <c r="UWT668" s="613"/>
      <c r="UWU668" s="613"/>
      <c r="UWV668" s="613"/>
      <c r="UWW668" s="613"/>
      <c r="UWX668" s="613"/>
      <c r="UWY668" s="613"/>
      <c r="UWZ668" s="613"/>
      <c r="UXA668" s="613"/>
      <c r="UXB668" s="613"/>
      <c r="UXC668" s="613"/>
      <c r="UXD668" s="613"/>
      <c r="UXE668" s="613"/>
      <c r="UXF668" s="613"/>
      <c r="UXG668" s="613"/>
      <c r="UXH668" s="613"/>
      <c r="UXI668" s="613"/>
      <c r="UXJ668" s="613"/>
      <c r="UXK668" s="613"/>
      <c r="UXL668" s="613"/>
      <c r="UXM668" s="613"/>
      <c r="UXN668" s="613"/>
      <c r="UXO668" s="613"/>
      <c r="UXP668" s="613"/>
      <c r="UXQ668" s="613"/>
      <c r="UXR668" s="613"/>
      <c r="UXS668" s="613"/>
      <c r="UXT668" s="613"/>
      <c r="UXU668" s="613"/>
      <c r="UXV668" s="613"/>
      <c r="UXW668" s="613"/>
      <c r="UXX668" s="613"/>
      <c r="UXY668" s="613"/>
      <c r="UXZ668" s="613"/>
      <c r="UYA668" s="613"/>
      <c r="UYB668" s="613"/>
      <c r="UYC668" s="613"/>
      <c r="UYD668" s="613"/>
      <c r="UYE668" s="613"/>
      <c r="UYF668" s="613"/>
      <c r="UYG668" s="613"/>
      <c r="UYH668" s="613"/>
      <c r="UYI668" s="613"/>
      <c r="UYJ668" s="613"/>
      <c r="UYK668" s="613"/>
      <c r="UYL668" s="613"/>
      <c r="UYM668" s="613"/>
      <c r="UYN668" s="613"/>
      <c r="UYO668" s="613"/>
      <c r="UYP668" s="613"/>
      <c r="UYQ668" s="613"/>
      <c r="UYR668" s="613"/>
      <c r="UYS668" s="613"/>
      <c r="UYT668" s="613"/>
      <c r="UYU668" s="613"/>
      <c r="UYV668" s="613"/>
      <c r="UYW668" s="613"/>
      <c r="UYX668" s="613"/>
      <c r="UYY668" s="613"/>
      <c r="UYZ668" s="613"/>
      <c r="UZA668" s="613"/>
      <c r="UZB668" s="613"/>
      <c r="UZC668" s="613"/>
      <c r="UZD668" s="613"/>
      <c r="UZE668" s="613"/>
      <c r="UZF668" s="613"/>
      <c r="UZG668" s="613"/>
      <c r="UZH668" s="613"/>
      <c r="UZI668" s="613"/>
      <c r="UZJ668" s="613"/>
      <c r="UZK668" s="613"/>
      <c r="UZL668" s="613"/>
      <c r="UZM668" s="613"/>
      <c r="UZN668" s="613"/>
      <c r="UZO668" s="613"/>
      <c r="UZP668" s="613"/>
      <c r="UZQ668" s="613"/>
      <c r="UZR668" s="613"/>
      <c r="UZS668" s="613"/>
      <c r="UZT668" s="613"/>
      <c r="UZU668" s="613"/>
      <c r="UZV668" s="613"/>
      <c r="UZW668" s="613"/>
      <c r="UZX668" s="613"/>
      <c r="UZY668" s="613"/>
      <c r="UZZ668" s="613"/>
      <c r="VAA668" s="613"/>
      <c r="VAB668" s="613"/>
      <c r="VAC668" s="613"/>
      <c r="VAD668" s="613"/>
      <c r="VAE668" s="613"/>
      <c r="VAF668" s="613"/>
      <c r="VAG668" s="613"/>
      <c r="VAH668" s="613"/>
      <c r="VAI668" s="613"/>
      <c r="VAJ668" s="613"/>
      <c r="VAK668" s="613"/>
      <c r="VAL668" s="613"/>
      <c r="VAM668" s="613"/>
      <c r="VAN668" s="613"/>
      <c r="VAO668" s="613"/>
      <c r="VAP668" s="613"/>
      <c r="VAQ668" s="613"/>
      <c r="VAR668" s="613"/>
      <c r="VAS668" s="613"/>
      <c r="VAT668" s="613"/>
      <c r="VAU668" s="613"/>
      <c r="VAV668" s="613"/>
      <c r="VAW668" s="613"/>
      <c r="VAX668" s="613"/>
      <c r="VAY668" s="613"/>
      <c r="VAZ668" s="613"/>
      <c r="VBA668" s="613"/>
      <c r="VBB668" s="613"/>
      <c r="VBC668" s="613"/>
      <c r="VBD668" s="613"/>
      <c r="VBE668" s="613"/>
      <c r="VBF668" s="613"/>
      <c r="VBG668" s="613"/>
      <c r="VBH668" s="613"/>
      <c r="VBI668" s="613"/>
      <c r="VBJ668" s="613"/>
      <c r="VBK668" s="613"/>
      <c r="VBL668" s="613"/>
      <c r="VBM668" s="613"/>
      <c r="VBN668" s="613"/>
      <c r="VBO668" s="613"/>
      <c r="VBP668" s="613"/>
      <c r="VBQ668" s="613"/>
      <c r="VBR668" s="613"/>
      <c r="VBS668" s="613"/>
      <c r="VBT668" s="613"/>
      <c r="VBU668" s="613"/>
      <c r="VBV668" s="613"/>
      <c r="VBW668" s="613"/>
      <c r="VBX668" s="613"/>
      <c r="VBY668" s="613"/>
      <c r="VBZ668" s="613"/>
      <c r="VCA668" s="613"/>
      <c r="VCB668" s="613"/>
      <c r="VCC668" s="613"/>
      <c r="VCD668" s="613"/>
      <c r="VCE668" s="613"/>
      <c r="VCF668" s="613"/>
      <c r="VCG668" s="613"/>
      <c r="VCH668" s="613"/>
      <c r="VCI668" s="613"/>
      <c r="VCJ668" s="613"/>
      <c r="VCK668" s="613"/>
      <c r="VCL668" s="613"/>
      <c r="VCM668" s="613"/>
      <c r="VCN668" s="613"/>
      <c r="VCO668" s="613"/>
      <c r="VCP668" s="613"/>
      <c r="VCQ668" s="613"/>
      <c r="VCR668" s="613"/>
      <c r="VCS668" s="613"/>
      <c r="VCT668" s="613"/>
      <c r="VCU668" s="613"/>
      <c r="VCV668" s="613"/>
      <c r="VCW668" s="613"/>
      <c r="VCX668" s="613"/>
      <c r="VCY668" s="613"/>
      <c r="VCZ668" s="613"/>
      <c r="VDA668" s="613"/>
      <c r="VDB668" s="613"/>
      <c r="VDC668" s="613"/>
      <c r="VDD668" s="613"/>
      <c r="VDE668" s="613"/>
      <c r="VDF668" s="613"/>
      <c r="VDG668" s="613"/>
      <c r="VDH668" s="613"/>
      <c r="VDI668" s="613"/>
      <c r="VDJ668" s="613"/>
      <c r="VDK668" s="613"/>
      <c r="VDL668" s="613"/>
      <c r="VDM668" s="613"/>
      <c r="VDN668" s="613"/>
      <c r="VDO668" s="613"/>
      <c r="VDP668" s="613"/>
      <c r="VDQ668" s="613"/>
      <c r="VDR668" s="613"/>
      <c r="VDS668" s="613"/>
      <c r="VDT668" s="613"/>
      <c r="VDU668" s="613"/>
      <c r="VDV668" s="613"/>
      <c r="VDW668" s="613"/>
      <c r="VDX668" s="613"/>
      <c r="VDY668" s="613"/>
      <c r="VDZ668" s="613"/>
      <c r="VEA668" s="613"/>
      <c r="VEB668" s="613"/>
      <c r="VEC668" s="613"/>
      <c r="VED668" s="613"/>
      <c r="VEE668" s="613"/>
      <c r="VEF668" s="613"/>
      <c r="VEG668" s="613"/>
      <c r="VEH668" s="613"/>
      <c r="VEI668" s="613"/>
      <c r="VEJ668" s="613"/>
      <c r="VEK668" s="613"/>
      <c r="VEL668" s="613"/>
      <c r="VEM668" s="613"/>
      <c r="VEN668" s="613"/>
      <c r="VEO668" s="613"/>
      <c r="VEP668" s="613"/>
      <c r="VEQ668" s="613"/>
      <c r="VER668" s="613"/>
      <c r="VES668" s="613"/>
      <c r="VET668" s="613"/>
      <c r="VEU668" s="613"/>
      <c r="VEV668" s="613"/>
      <c r="VEW668" s="613"/>
      <c r="VEX668" s="613"/>
      <c r="VEY668" s="613"/>
      <c r="VEZ668" s="613"/>
      <c r="VFA668" s="613"/>
      <c r="VFB668" s="613"/>
      <c r="VFC668" s="613"/>
      <c r="VFD668" s="613"/>
      <c r="VFE668" s="613"/>
      <c r="VFF668" s="613"/>
      <c r="VFG668" s="613"/>
      <c r="VFH668" s="613"/>
      <c r="VFI668" s="613"/>
      <c r="VFJ668" s="613"/>
      <c r="VFK668" s="613"/>
      <c r="VFL668" s="613"/>
      <c r="VFM668" s="613"/>
      <c r="VFN668" s="613"/>
      <c r="VFO668" s="613"/>
      <c r="VFP668" s="613"/>
      <c r="VFQ668" s="613"/>
      <c r="VFR668" s="613"/>
      <c r="VFS668" s="613"/>
      <c r="VFT668" s="613"/>
      <c r="VFU668" s="613"/>
      <c r="VFV668" s="613"/>
      <c r="VFW668" s="613"/>
      <c r="VFX668" s="613"/>
      <c r="VFY668" s="613"/>
      <c r="VFZ668" s="613"/>
      <c r="VGA668" s="613"/>
      <c r="VGB668" s="613"/>
      <c r="VGC668" s="613"/>
      <c r="VGD668" s="613"/>
      <c r="VGE668" s="613"/>
      <c r="VGF668" s="613"/>
      <c r="VGG668" s="613"/>
      <c r="VGH668" s="613"/>
      <c r="VGI668" s="613"/>
      <c r="VGJ668" s="613"/>
      <c r="VGK668" s="613"/>
      <c r="VGL668" s="613"/>
      <c r="VGM668" s="613"/>
      <c r="VGN668" s="613"/>
      <c r="VGO668" s="613"/>
      <c r="VGP668" s="613"/>
      <c r="VGQ668" s="613"/>
      <c r="VGR668" s="613"/>
      <c r="VGS668" s="613"/>
      <c r="VGT668" s="613"/>
      <c r="VGU668" s="613"/>
      <c r="VGV668" s="613"/>
      <c r="VGW668" s="613"/>
      <c r="VGX668" s="613"/>
      <c r="VGY668" s="613"/>
      <c r="VGZ668" s="613"/>
      <c r="VHA668" s="613"/>
      <c r="VHB668" s="613"/>
      <c r="VHC668" s="613"/>
      <c r="VHD668" s="613"/>
      <c r="VHE668" s="613"/>
      <c r="VHF668" s="613"/>
      <c r="VHG668" s="613"/>
      <c r="VHH668" s="613"/>
      <c r="VHI668" s="613"/>
      <c r="VHJ668" s="613"/>
      <c r="VHK668" s="613"/>
      <c r="VHL668" s="613"/>
      <c r="VHM668" s="613"/>
      <c r="VHN668" s="613"/>
      <c r="VHO668" s="613"/>
      <c r="VHP668" s="613"/>
      <c r="VHQ668" s="613"/>
      <c r="VHR668" s="613"/>
      <c r="VHS668" s="613"/>
      <c r="VHT668" s="613"/>
      <c r="VHU668" s="613"/>
      <c r="VHV668" s="613"/>
      <c r="VHW668" s="613"/>
      <c r="VHX668" s="613"/>
      <c r="VHY668" s="613"/>
      <c r="VHZ668" s="613"/>
      <c r="VIA668" s="613"/>
      <c r="VIB668" s="613"/>
      <c r="VIC668" s="613"/>
      <c r="VID668" s="613"/>
      <c r="VIE668" s="613"/>
      <c r="VIF668" s="613"/>
      <c r="VIG668" s="613"/>
      <c r="VIH668" s="613"/>
      <c r="VII668" s="613"/>
      <c r="VIJ668" s="613"/>
      <c r="VIK668" s="613"/>
      <c r="VIL668" s="613"/>
      <c r="VIM668" s="613"/>
      <c r="VIN668" s="613"/>
      <c r="VIO668" s="613"/>
      <c r="VIP668" s="613"/>
      <c r="VIQ668" s="613"/>
      <c r="VIR668" s="613"/>
      <c r="VIS668" s="613"/>
      <c r="VIT668" s="613"/>
      <c r="VIU668" s="613"/>
      <c r="VIV668" s="613"/>
      <c r="VIW668" s="613"/>
      <c r="VIX668" s="613"/>
      <c r="VIY668" s="613"/>
      <c r="VIZ668" s="613"/>
      <c r="VJA668" s="613"/>
      <c r="VJB668" s="613"/>
      <c r="VJC668" s="613"/>
      <c r="VJD668" s="613"/>
      <c r="VJE668" s="613"/>
      <c r="VJF668" s="613"/>
      <c r="VJG668" s="613"/>
      <c r="VJH668" s="613"/>
      <c r="VJI668" s="613"/>
      <c r="VJJ668" s="613"/>
      <c r="VJK668" s="613"/>
      <c r="VJL668" s="613"/>
      <c r="VJM668" s="613"/>
      <c r="VJN668" s="613"/>
      <c r="VJO668" s="613"/>
      <c r="VJP668" s="613"/>
      <c r="VJQ668" s="613"/>
      <c r="VJR668" s="613"/>
      <c r="VJS668" s="613"/>
      <c r="VJT668" s="613"/>
      <c r="VJU668" s="613"/>
      <c r="VJV668" s="613"/>
      <c r="VJW668" s="613"/>
      <c r="VJX668" s="613"/>
      <c r="VJY668" s="613"/>
      <c r="VJZ668" s="613"/>
      <c r="VKA668" s="613"/>
      <c r="VKB668" s="613"/>
      <c r="VKC668" s="613"/>
      <c r="VKD668" s="613"/>
      <c r="VKE668" s="613"/>
      <c r="VKF668" s="613"/>
      <c r="VKG668" s="613"/>
      <c r="VKH668" s="613"/>
      <c r="VKI668" s="613"/>
      <c r="VKJ668" s="613"/>
      <c r="VKK668" s="613"/>
      <c r="VKL668" s="613"/>
      <c r="VKM668" s="613"/>
      <c r="VKN668" s="613"/>
      <c r="VKO668" s="613"/>
      <c r="VKP668" s="613"/>
      <c r="VKQ668" s="613"/>
      <c r="VKR668" s="613"/>
      <c r="VKS668" s="613"/>
      <c r="VKT668" s="613"/>
      <c r="VKU668" s="613"/>
      <c r="VKV668" s="613"/>
      <c r="VKW668" s="613"/>
      <c r="VKX668" s="613"/>
      <c r="VKY668" s="613"/>
      <c r="VKZ668" s="613"/>
      <c r="VLA668" s="613"/>
      <c r="VLB668" s="613"/>
      <c r="VLC668" s="613"/>
      <c r="VLD668" s="613"/>
      <c r="VLE668" s="613"/>
      <c r="VLF668" s="613"/>
      <c r="VLG668" s="613"/>
      <c r="VLH668" s="613"/>
      <c r="VLI668" s="613"/>
      <c r="VLJ668" s="613"/>
      <c r="VLK668" s="613"/>
      <c r="VLL668" s="613"/>
      <c r="VLM668" s="613"/>
      <c r="VLN668" s="613"/>
      <c r="VLO668" s="613"/>
      <c r="VLP668" s="613"/>
      <c r="VLQ668" s="613"/>
      <c r="VLR668" s="613"/>
      <c r="VLS668" s="613"/>
      <c r="VLT668" s="613"/>
      <c r="VLU668" s="613"/>
      <c r="VLV668" s="613"/>
      <c r="VLW668" s="613"/>
      <c r="VLX668" s="613"/>
      <c r="VLY668" s="613"/>
      <c r="VLZ668" s="613"/>
      <c r="VMA668" s="613"/>
      <c r="VMB668" s="613"/>
      <c r="VMC668" s="613"/>
      <c r="VMD668" s="613"/>
      <c r="VME668" s="613"/>
      <c r="VMF668" s="613"/>
      <c r="VMG668" s="613"/>
      <c r="VMH668" s="613"/>
      <c r="VMI668" s="613"/>
      <c r="VMJ668" s="613"/>
      <c r="VMK668" s="613"/>
      <c r="VML668" s="613"/>
      <c r="VMM668" s="613"/>
      <c r="VMN668" s="613"/>
      <c r="VMO668" s="613"/>
      <c r="VMP668" s="613"/>
      <c r="VMQ668" s="613"/>
      <c r="VMR668" s="613"/>
      <c r="VMS668" s="613"/>
      <c r="VMT668" s="613"/>
      <c r="VMU668" s="613"/>
      <c r="VMV668" s="613"/>
      <c r="VMW668" s="613"/>
      <c r="VMX668" s="613"/>
      <c r="VMY668" s="613"/>
      <c r="VMZ668" s="613"/>
      <c r="VNA668" s="613"/>
      <c r="VNB668" s="613"/>
      <c r="VNC668" s="613"/>
      <c r="VND668" s="613"/>
      <c r="VNE668" s="613"/>
      <c r="VNF668" s="613"/>
      <c r="VNG668" s="613"/>
      <c r="VNH668" s="613"/>
      <c r="VNI668" s="613"/>
      <c r="VNJ668" s="613"/>
      <c r="VNK668" s="613"/>
      <c r="VNL668" s="613"/>
      <c r="VNM668" s="613"/>
      <c r="VNN668" s="613"/>
      <c r="VNO668" s="613"/>
      <c r="VNP668" s="613"/>
      <c r="VNQ668" s="613"/>
      <c r="VNR668" s="613"/>
      <c r="VNS668" s="613"/>
      <c r="VNT668" s="613"/>
      <c r="VNU668" s="613"/>
      <c r="VNV668" s="613"/>
      <c r="VNW668" s="613"/>
      <c r="VNX668" s="613"/>
      <c r="VNY668" s="613"/>
      <c r="VNZ668" s="613"/>
      <c r="VOA668" s="613"/>
      <c r="VOB668" s="613"/>
      <c r="VOC668" s="613"/>
      <c r="VOD668" s="613"/>
      <c r="VOE668" s="613"/>
      <c r="VOF668" s="613"/>
      <c r="VOG668" s="613"/>
      <c r="VOH668" s="613"/>
      <c r="VOI668" s="613"/>
      <c r="VOJ668" s="613"/>
      <c r="VOK668" s="613"/>
      <c r="VOL668" s="613"/>
      <c r="VOM668" s="613"/>
      <c r="VON668" s="613"/>
      <c r="VOO668" s="613"/>
      <c r="VOP668" s="613"/>
      <c r="VOQ668" s="613"/>
      <c r="VOR668" s="613"/>
      <c r="VOS668" s="613"/>
      <c r="VOT668" s="613"/>
      <c r="VOU668" s="613"/>
      <c r="VOV668" s="613"/>
      <c r="VOW668" s="613"/>
      <c r="VOX668" s="613"/>
      <c r="VOY668" s="613"/>
      <c r="VOZ668" s="613"/>
      <c r="VPA668" s="613"/>
      <c r="VPB668" s="613"/>
      <c r="VPC668" s="613"/>
      <c r="VPD668" s="613"/>
      <c r="VPE668" s="613"/>
      <c r="VPF668" s="613"/>
      <c r="VPG668" s="613"/>
      <c r="VPH668" s="613"/>
      <c r="VPI668" s="613"/>
      <c r="VPJ668" s="613"/>
      <c r="VPK668" s="613"/>
      <c r="VPL668" s="613"/>
      <c r="VPM668" s="613"/>
      <c r="VPN668" s="613"/>
      <c r="VPO668" s="613"/>
      <c r="VPP668" s="613"/>
      <c r="VPQ668" s="613"/>
      <c r="VPR668" s="613"/>
      <c r="VPS668" s="613"/>
      <c r="VPT668" s="613"/>
      <c r="VPU668" s="613"/>
      <c r="VPV668" s="613"/>
      <c r="VPW668" s="613"/>
      <c r="VPX668" s="613"/>
      <c r="VPY668" s="613"/>
      <c r="VPZ668" s="613"/>
      <c r="VQA668" s="613"/>
      <c r="VQB668" s="613"/>
      <c r="VQC668" s="613"/>
      <c r="VQD668" s="613"/>
      <c r="VQE668" s="613"/>
      <c r="VQF668" s="613"/>
      <c r="VQG668" s="613"/>
      <c r="VQH668" s="613"/>
      <c r="VQI668" s="613"/>
      <c r="VQJ668" s="613"/>
      <c r="VQK668" s="613"/>
      <c r="VQL668" s="613"/>
      <c r="VQM668" s="613"/>
      <c r="VQN668" s="613"/>
      <c r="VQO668" s="613"/>
      <c r="VQP668" s="613"/>
      <c r="VQQ668" s="613"/>
      <c r="VQR668" s="613"/>
      <c r="VQS668" s="613"/>
      <c r="VQT668" s="613"/>
      <c r="VQU668" s="613"/>
      <c r="VQV668" s="613"/>
      <c r="VQW668" s="613"/>
      <c r="VQX668" s="613"/>
      <c r="VQY668" s="613"/>
      <c r="VQZ668" s="613"/>
      <c r="VRA668" s="613"/>
      <c r="VRB668" s="613"/>
      <c r="VRC668" s="613"/>
      <c r="VRD668" s="613"/>
      <c r="VRE668" s="613"/>
      <c r="VRF668" s="613"/>
      <c r="VRG668" s="613"/>
      <c r="VRH668" s="613"/>
      <c r="VRI668" s="613"/>
      <c r="VRJ668" s="613"/>
      <c r="VRK668" s="613"/>
      <c r="VRL668" s="613"/>
      <c r="VRM668" s="613"/>
      <c r="VRN668" s="613"/>
      <c r="VRO668" s="613"/>
      <c r="VRP668" s="613"/>
      <c r="VRQ668" s="613"/>
      <c r="VRR668" s="613"/>
      <c r="VRS668" s="613"/>
      <c r="VRT668" s="613"/>
      <c r="VRU668" s="613"/>
      <c r="VRV668" s="613"/>
      <c r="VRW668" s="613"/>
      <c r="VRX668" s="613"/>
      <c r="VRY668" s="613"/>
      <c r="VRZ668" s="613"/>
      <c r="VSA668" s="613"/>
      <c r="VSB668" s="613"/>
      <c r="VSC668" s="613"/>
      <c r="VSD668" s="613"/>
      <c r="VSE668" s="613"/>
      <c r="VSF668" s="613"/>
      <c r="VSG668" s="613"/>
      <c r="VSH668" s="613"/>
      <c r="VSI668" s="613"/>
      <c r="VSJ668" s="613"/>
      <c r="VSK668" s="613"/>
      <c r="VSL668" s="613"/>
      <c r="VSM668" s="613"/>
      <c r="VSN668" s="613"/>
      <c r="VSO668" s="613"/>
      <c r="VSP668" s="613"/>
      <c r="VSQ668" s="613"/>
      <c r="VSR668" s="613"/>
      <c r="VSS668" s="613"/>
      <c r="VST668" s="613"/>
      <c r="VSU668" s="613"/>
      <c r="VSV668" s="613"/>
      <c r="VSW668" s="613"/>
      <c r="VSX668" s="613"/>
      <c r="VSY668" s="613"/>
      <c r="VSZ668" s="613"/>
      <c r="VTA668" s="613"/>
      <c r="VTB668" s="613"/>
      <c r="VTC668" s="613"/>
      <c r="VTD668" s="613"/>
      <c r="VTE668" s="613"/>
      <c r="VTF668" s="613"/>
      <c r="VTG668" s="613"/>
      <c r="VTH668" s="613"/>
      <c r="VTI668" s="613"/>
      <c r="VTJ668" s="613"/>
      <c r="VTK668" s="613"/>
      <c r="VTL668" s="613"/>
      <c r="VTM668" s="613"/>
      <c r="VTN668" s="613"/>
      <c r="VTO668" s="613"/>
      <c r="VTP668" s="613"/>
      <c r="VTQ668" s="613"/>
      <c r="VTR668" s="613"/>
      <c r="VTS668" s="613"/>
      <c r="VTT668" s="613"/>
      <c r="VTU668" s="613"/>
      <c r="VTV668" s="613"/>
      <c r="VTW668" s="613"/>
      <c r="VTX668" s="613"/>
      <c r="VTY668" s="613"/>
      <c r="VTZ668" s="613"/>
      <c r="VUA668" s="613"/>
      <c r="VUB668" s="613"/>
      <c r="VUC668" s="613"/>
      <c r="VUD668" s="613"/>
      <c r="VUE668" s="613"/>
      <c r="VUF668" s="613"/>
      <c r="VUG668" s="613"/>
      <c r="VUH668" s="613"/>
      <c r="VUI668" s="613"/>
      <c r="VUJ668" s="613"/>
      <c r="VUK668" s="613"/>
      <c r="VUL668" s="613"/>
      <c r="VUM668" s="613"/>
      <c r="VUN668" s="613"/>
      <c r="VUO668" s="613"/>
      <c r="VUP668" s="613"/>
      <c r="VUQ668" s="613"/>
      <c r="VUR668" s="613"/>
      <c r="VUS668" s="613"/>
      <c r="VUT668" s="613"/>
      <c r="VUU668" s="613"/>
      <c r="VUV668" s="613"/>
      <c r="VUW668" s="613"/>
      <c r="VUX668" s="613"/>
      <c r="VUY668" s="613"/>
      <c r="VUZ668" s="613"/>
      <c r="VVA668" s="613"/>
      <c r="VVB668" s="613"/>
      <c r="VVC668" s="613"/>
      <c r="VVD668" s="613"/>
      <c r="VVE668" s="613"/>
      <c r="VVF668" s="613"/>
      <c r="VVG668" s="613"/>
      <c r="VVH668" s="613"/>
      <c r="VVI668" s="613"/>
      <c r="VVJ668" s="613"/>
      <c r="VVK668" s="613"/>
      <c r="VVL668" s="613"/>
      <c r="VVM668" s="613"/>
      <c r="VVN668" s="613"/>
      <c r="VVO668" s="613"/>
      <c r="VVP668" s="613"/>
      <c r="VVQ668" s="613"/>
      <c r="VVR668" s="613"/>
      <c r="VVS668" s="613"/>
      <c r="VVT668" s="613"/>
      <c r="VVU668" s="613"/>
      <c r="VVV668" s="613"/>
      <c r="VVW668" s="613"/>
      <c r="VVX668" s="613"/>
      <c r="VVY668" s="613"/>
      <c r="VVZ668" s="613"/>
      <c r="VWA668" s="613"/>
      <c r="VWB668" s="613"/>
      <c r="VWC668" s="613"/>
      <c r="VWD668" s="613"/>
      <c r="VWE668" s="613"/>
      <c r="VWF668" s="613"/>
      <c r="VWG668" s="613"/>
      <c r="VWH668" s="613"/>
      <c r="VWI668" s="613"/>
      <c r="VWJ668" s="613"/>
      <c r="VWK668" s="613"/>
      <c r="VWL668" s="613"/>
      <c r="VWM668" s="613"/>
      <c r="VWN668" s="613"/>
      <c r="VWO668" s="613"/>
      <c r="VWP668" s="613"/>
      <c r="VWQ668" s="613"/>
      <c r="VWR668" s="613"/>
      <c r="VWS668" s="613"/>
      <c r="VWT668" s="613"/>
      <c r="VWU668" s="613"/>
      <c r="VWV668" s="613"/>
      <c r="VWW668" s="613"/>
      <c r="VWX668" s="613"/>
      <c r="VWY668" s="613"/>
      <c r="VWZ668" s="613"/>
      <c r="VXA668" s="613"/>
      <c r="VXB668" s="613"/>
      <c r="VXC668" s="613"/>
      <c r="VXD668" s="613"/>
      <c r="VXE668" s="613"/>
      <c r="VXF668" s="613"/>
      <c r="VXG668" s="613"/>
      <c r="VXH668" s="613"/>
      <c r="VXI668" s="613"/>
      <c r="VXJ668" s="613"/>
      <c r="VXK668" s="613"/>
      <c r="VXL668" s="613"/>
      <c r="VXM668" s="613"/>
      <c r="VXN668" s="613"/>
      <c r="VXO668" s="613"/>
      <c r="VXP668" s="613"/>
      <c r="VXQ668" s="613"/>
      <c r="VXR668" s="613"/>
      <c r="VXS668" s="613"/>
      <c r="VXT668" s="613"/>
      <c r="VXU668" s="613"/>
      <c r="VXV668" s="613"/>
      <c r="VXW668" s="613"/>
      <c r="VXX668" s="613"/>
      <c r="VXY668" s="613"/>
      <c r="VXZ668" s="613"/>
      <c r="VYA668" s="613"/>
      <c r="VYB668" s="613"/>
      <c r="VYC668" s="613"/>
      <c r="VYD668" s="613"/>
      <c r="VYE668" s="613"/>
      <c r="VYF668" s="613"/>
      <c r="VYG668" s="613"/>
      <c r="VYH668" s="613"/>
      <c r="VYI668" s="613"/>
      <c r="VYJ668" s="613"/>
      <c r="VYK668" s="613"/>
      <c r="VYL668" s="613"/>
      <c r="VYM668" s="613"/>
      <c r="VYN668" s="613"/>
      <c r="VYO668" s="613"/>
      <c r="VYP668" s="613"/>
      <c r="VYQ668" s="613"/>
      <c r="VYR668" s="613"/>
      <c r="VYS668" s="613"/>
      <c r="VYT668" s="613"/>
      <c r="VYU668" s="613"/>
      <c r="VYV668" s="613"/>
      <c r="VYW668" s="613"/>
      <c r="VYX668" s="613"/>
      <c r="VYY668" s="613"/>
      <c r="VYZ668" s="613"/>
      <c r="VZA668" s="613"/>
      <c r="VZB668" s="613"/>
      <c r="VZC668" s="613"/>
      <c r="VZD668" s="613"/>
      <c r="VZE668" s="613"/>
      <c r="VZF668" s="613"/>
      <c r="VZG668" s="613"/>
      <c r="VZH668" s="613"/>
      <c r="VZI668" s="613"/>
      <c r="VZJ668" s="613"/>
      <c r="VZK668" s="613"/>
      <c r="VZL668" s="613"/>
      <c r="VZM668" s="613"/>
      <c r="VZN668" s="613"/>
      <c r="VZO668" s="613"/>
      <c r="VZP668" s="613"/>
      <c r="VZQ668" s="613"/>
      <c r="VZR668" s="613"/>
      <c r="VZS668" s="613"/>
      <c r="VZT668" s="613"/>
      <c r="VZU668" s="613"/>
      <c r="VZV668" s="613"/>
      <c r="VZW668" s="613"/>
      <c r="VZX668" s="613"/>
      <c r="VZY668" s="613"/>
      <c r="VZZ668" s="613"/>
      <c r="WAA668" s="613"/>
      <c r="WAB668" s="613"/>
      <c r="WAC668" s="613"/>
      <c r="WAD668" s="613"/>
      <c r="WAE668" s="613"/>
      <c r="WAF668" s="613"/>
      <c r="WAG668" s="613"/>
      <c r="WAH668" s="613"/>
      <c r="WAI668" s="613"/>
      <c r="WAJ668" s="613"/>
      <c r="WAK668" s="613"/>
      <c r="WAL668" s="613"/>
      <c r="WAM668" s="613"/>
      <c r="WAN668" s="613"/>
      <c r="WAO668" s="613"/>
      <c r="WAP668" s="613"/>
      <c r="WAQ668" s="613"/>
      <c r="WAR668" s="613"/>
      <c r="WAS668" s="613"/>
      <c r="WAT668" s="613"/>
      <c r="WAU668" s="613"/>
      <c r="WAV668" s="613"/>
      <c r="WAW668" s="613"/>
      <c r="WAX668" s="613"/>
      <c r="WAY668" s="613"/>
      <c r="WAZ668" s="613"/>
      <c r="WBA668" s="613"/>
      <c r="WBB668" s="613"/>
      <c r="WBC668" s="613"/>
      <c r="WBD668" s="613"/>
      <c r="WBE668" s="613"/>
      <c r="WBF668" s="613"/>
      <c r="WBG668" s="613"/>
      <c r="WBH668" s="613"/>
      <c r="WBI668" s="613"/>
      <c r="WBJ668" s="613"/>
      <c r="WBK668" s="613"/>
      <c r="WBL668" s="613"/>
      <c r="WBM668" s="613"/>
      <c r="WBN668" s="613"/>
      <c r="WBO668" s="613"/>
      <c r="WBP668" s="613"/>
      <c r="WBQ668" s="613"/>
      <c r="WBR668" s="613"/>
      <c r="WBS668" s="613"/>
      <c r="WBT668" s="613"/>
      <c r="WBU668" s="613"/>
      <c r="WBV668" s="613"/>
      <c r="WBW668" s="613"/>
      <c r="WBX668" s="613"/>
      <c r="WBY668" s="613"/>
      <c r="WBZ668" s="613"/>
      <c r="WCA668" s="613"/>
      <c r="WCB668" s="613"/>
      <c r="WCC668" s="613"/>
      <c r="WCD668" s="613"/>
      <c r="WCE668" s="613"/>
      <c r="WCF668" s="613"/>
      <c r="WCG668" s="613"/>
      <c r="WCH668" s="613"/>
      <c r="WCI668" s="613"/>
      <c r="WCJ668" s="613"/>
      <c r="WCK668" s="613"/>
      <c r="WCL668" s="613"/>
      <c r="WCM668" s="613"/>
      <c r="WCN668" s="613"/>
      <c r="WCO668" s="613"/>
      <c r="WCP668" s="613"/>
      <c r="WCQ668" s="613"/>
      <c r="WCR668" s="613"/>
      <c r="WCS668" s="613"/>
      <c r="WCT668" s="613"/>
      <c r="WCU668" s="613"/>
      <c r="WCV668" s="613"/>
      <c r="WCW668" s="613"/>
      <c r="WCX668" s="613"/>
      <c r="WCY668" s="613"/>
      <c r="WCZ668" s="613"/>
      <c r="WDA668" s="613"/>
      <c r="WDB668" s="613"/>
      <c r="WDC668" s="613"/>
      <c r="WDD668" s="613"/>
      <c r="WDE668" s="613"/>
      <c r="WDF668" s="613"/>
      <c r="WDG668" s="613"/>
      <c r="WDH668" s="613"/>
      <c r="WDI668" s="613"/>
      <c r="WDJ668" s="613"/>
      <c r="WDK668" s="613"/>
      <c r="WDL668" s="613"/>
      <c r="WDM668" s="613"/>
      <c r="WDN668" s="613"/>
      <c r="WDO668" s="613"/>
      <c r="WDP668" s="613"/>
      <c r="WDQ668" s="613"/>
      <c r="WDR668" s="613"/>
      <c r="WDS668" s="613"/>
      <c r="WDT668" s="613"/>
      <c r="WDU668" s="613"/>
      <c r="WDV668" s="613"/>
      <c r="WDW668" s="613"/>
      <c r="WDX668" s="613"/>
      <c r="WDY668" s="613"/>
      <c r="WDZ668" s="613"/>
      <c r="WEA668" s="613"/>
      <c r="WEB668" s="613"/>
      <c r="WEC668" s="613"/>
      <c r="WED668" s="613"/>
      <c r="WEE668" s="613"/>
      <c r="WEF668" s="613"/>
      <c r="WEG668" s="613"/>
      <c r="WEH668" s="613"/>
      <c r="WEI668" s="613"/>
      <c r="WEJ668" s="613"/>
      <c r="WEK668" s="613"/>
      <c r="WEL668" s="613"/>
      <c r="WEM668" s="613"/>
      <c r="WEN668" s="613"/>
      <c r="WEO668" s="613"/>
      <c r="WEP668" s="613"/>
      <c r="WEQ668" s="613"/>
      <c r="WER668" s="613"/>
      <c r="WES668" s="613"/>
      <c r="WET668" s="613"/>
      <c r="WEU668" s="613"/>
      <c r="WEV668" s="613"/>
      <c r="WEW668" s="613"/>
      <c r="WEX668" s="613"/>
      <c r="WEY668" s="613"/>
      <c r="WEZ668" s="613"/>
      <c r="WFA668" s="613"/>
      <c r="WFB668" s="613"/>
      <c r="WFC668" s="613"/>
      <c r="WFD668" s="613"/>
      <c r="WFE668" s="613"/>
      <c r="WFF668" s="613"/>
      <c r="WFG668" s="613"/>
      <c r="WFH668" s="613"/>
      <c r="WFI668" s="613"/>
      <c r="WFJ668" s="613"/>
      <c r="WFK668" s="613"/>
      <c r="WFL668" s="613"/>
      <c r="WFM668" s="613"/>
      <c r="WFN668" s="613"/>
      <c r="WFO668" s="613"/>
      <c r="WFP668" s="613"/>
      <c r="WFQ668" s="613"/>
      <c r="WFR668" s="613"/>
      <c r="WFS668" s="613"/>
      <c r="WFT668" s="613"/>
      <c r="WFU668" s="613"/>
      <c r="WFV668" s="613"/>
      <c r="WFW668" s="613"/>
      <c r="WFX668" s="613"/>
      <c r="WFY668" s="613"/>
      <c r="WFZ668" s="613"/>
      <c r="WGA668" s="613"/>
      <c r="WGB668" s="613"/>
      <c r="WGC668" s="613"/>
      <c r="WGD668" s="613"/>
      <c r="WGE668" s="613"/>
      <c r="WGF668" s="613"/>
      <c r="WGG668" s="613"/>
      <c r="WGH668" s="613"/>
      <c r="WGI668" s="613"/>
      <c r="WGJ668" s="613"/>
      <c r="WGK668" s="613"/>
      <c r="WGL668" s="613"/>
      <c r="WGM668" s="613"/>
      <c r="WGN668" s="613"/>
      <c r="WGO668" s="613"/>
      <c r="WGP668" s="613"/>
      <c r="WGQ668" s="613"/>
      <c r="WGR668" s="613"/>
      <c r="WGS668" s="613"/>
      <c r="WGT668" s="613"/>
      <c r="WGU668" s="613"/>
      <c r="WGV668" s="613"/>
      <c r="WGW668" s="613"/>
      <c r="WGX668" s="613"/>
      <c r="WGY668" s="613"/>
      <c r="WGZ668" s="613"/>
      <c r="WHA668" s="613"/>
      <c r="WHB668" s="613"/>
      <c r="WHC668" s="613"/>
      <c r="WHD668" s="613"/>
      <c r="WHE668" s="613"/>
      <c r="WHF668" s="613"/>
      <c r="WHG668" s="613"/>
      <c r="WHH668" s="613"/>
      <c r="WHI668" s="613"/>
      <c r="WHJ668" s="613"/>
      <c r="WHK668" s="613"/>
      <c r="WHL668" s="613"/>
      <c r="WHM668" s="613"/>
      <c r="WHN668" s="613"/>
      <c r="WHO668" s="613"/>
      <c r="WHP668" s="613"/>
      <c r="WHQ668" s="613"/>
      <c r="WHR668" s="613"/>
      <c r="WHS668" s="613"/>
      <c r="WHT668" s="613"/>
      <c r="WHU668" s="613"/>
      <c r="WHV668" s="613"/>
      <c r="WHW668" s="613"/>
      <c r="WHX668" s="613"/>
      <c r="WHY668" s="613"/>
      <c r="WHZ668" s="613"/>
      <c r="WIA668" s="613"/>
      <c r="WIB668" s="613"/>
      <c r="WIC668" s="613"/>
      <c r="WID668" s="613"/>
      <c r="WIE668" s="613"/>
      <c r="WIF668" s="613"/>
      <c r="WIG668" s="613"/>
      <c r="WIH668" s="613"/>
      <c r="WII668" s="613"/>
      <c r="WIJ668" s="613"/>
      <c r="WIK668" s="613"/>
      <c r="WIL668" s="613"/>
      <c r="WIM668" s="613"/>
      <c r="WIN668" s="613"/>
      <c r="WIO668" s="613"/>
      <c r="WIP668" s="613"/>
      <c r="WIQ668" s="613"/>
      <c r="WIR668" s="613"/>
      <c r="WIS668" s="613"/>
      <c r="WIT668" s="613"/>
      <c r="WIU668" s="613"/>
      <c r="WIV668" s="613"/>
      <c r="WIW668" s="613"/>
      <c r="WIX668" s="613"/>
      <c r="WIY668" s="613"/>
      <c r="WIZ668" s="613"/>
      <c r="WJA668" s="613"/>
      <c r="WJB668" s="613"/>
      <c r="WJC668" s="613"/>
      <c r="WJD668" s="613"/>
      <c r="WJE668" s="613"/>
      <c r="WJF668" s="613"/>
      <c r="WJG668" s="613"/>
      <c r="WJH668" s="613"/>
      <c r="WJI668" s="613"/>
      <c r="WJJ668" s="613"/>
      <c r="WJK668" s="613"/>
      <c r="WJL668" s="613"/>
      <c r="WJM668" s="613"/>
      <c r="WJN668" s="613"/>
      <c r="WJO668" s="613"/>
      <c r="WJP668" s="613"/>
      <c r="WJQ668" s="613"/>
      <c r="WJR668" s="613"/>
      <c r="WJS668" s="613"/>
      <c r="WJT668" s="613"/>
      <c r="WJU668" s="613"/>
      <c r="WJV668" s="613"/>
      <c r="WJW668" s="613"/>
      <c r="WJX668" s="613"/>
      <c r="WJY668" s="613"/>
      <c r="WJZ668" s="613"/>
      <c r="WKA668" s="613"/>
      <c r="WKB668" s="613"/>
      <c r="WKC668" s="613"/>
      <c r="WKD668" s="613"/>
      <c r="WKE668" s="613"/>
      <c r="WKF668" s="613"/>
      <c r="WKG668" s="613"/>
      <c r="WKH668" s="613"/>
      <c r="WKI668" s="613"/>
      <c r="WKJ668" s="613"/>
      <c r="WKK668" s="613"/>
      <c r="WKL668" s="613"/>
      <c r="WKM668" s="613"/>
      <c r="WKN668" s="613"/>
      <c r="WKO668" s="613"/>
      <c r="WKP668" s="613"/>
      <c r="WKQ668" s="613"/>
      <c r="WKR668" s="613"/>
      <c r="WKS668" s="613"/>
      <c r="WKT668" s="613"/>
      <c r="WKU668" s="613"/>
      <c r="WKV668" s="613"/>
      <c r="WKW668" s="613"/>
      <c r="WKX668" s="613"/>
      <c r="WKY668" s="613"/>
      <c r="WKZ668" s="613"/>
      <c r="WLA668" s="613"/>
      <c r="WLB668" s="613"/>
      <c r="WLC668" s="613"/>
      <c r="WLD668" s="613"/>
      <c r="WLE668" s="613"/>
      <c r="WLF668" s="613"/>
      <c r="WLG668" s="613"/>
      <c r="WLH668" s="613"/>
      <c r="WLI668" s="613"/>
      <c r="WLJ668" s="613"/>
      <c r="WLK668" s="613"/>
      <c r="WLL668" s="613"/>
      <c r="WLM668" s="613"/>
      <c r="WLN668" s="613"/>
      <c r="WLO668" s="613"/>
      <c r="WLP668" s="613"/>
      <c r="WLQ668" s="613"/>
      <c r="WLR668" s="613"/>
      <c r="WLS668" s="613"/>
      <c r="WLT668" s="613"/>
      <c r="WLU668" s="613"/>
      <c r="WLV668" s="613"/>
      <c r="WLW668" s="613"/>
      <c r="WLX668" s="613"/>
      <c r="WLY668" s="613"/>
      <c r="WLZ668" s="613"/>
      <c r="WMA668" s="613"/>
      <c r="WMB668" s="613"/>
      <c r="WMC668" s="613"/>
      <c r="WMD668" s="613"/>
      <c r="WME668" s="613"/>
      <c r="WMF668" s="613"/>
      <c r="WMG668" s="613"/>
      <c r="WMH668" s="613"/>
      <c r="WMI668" s="613"/>
      <c r="WMJ668" s="613"/>
      <c r="WMK668" s="613"/>
      <c r="WML668" s="613"/>
      <c r="WMM668" s="613"/>
      <c r="WMN668" s="613"/>
      <c r="WMO668" s="613"/>
      <c r="WMP668" s="613"/>
      <c r="WMQ668" s="613"/>
      <c r="WMR668" s="613"/>
      <c r="WMS668" s="613"/>
      <c r="WMT668" s="613"/>
      <c r="WMU668" s="613"/>
      <c r="WMV668" s="613"/>
      <c r="WMW668" s="613"/>
      <c r="WMX668" s="613"/>
      <c r="WMY668" s="613"/>
      <c r="WMZ668" s="613"/>
      <c r="WNA668" s="613"/>
      <c r="WNB668" s="613"/>
      <c r="WNC668" s="613"/>
      <c r="WND668" s="613"/>
      <c r="WNE668" s="613"/>
      <c r="WNF668" s="613"/>
      <c r="WNG668" s="613"/>
      <c r="WNH668" s="613"/>
      <c r="WNI668" s="613"/>
      <c r="WNJ668" s="613"/>
      <c r="WNK668" s="613"/>
      <c r="WNL668" s="613"/>
      <c r="WNM668" s="613"/>
      <c r="WNN668" s="613"/>
      <c r="WNO668" s="613"/>
      <c r="WNP668" s="613"/>
      <c r="WNQ668" s="613"/>
      <c r="WNR668" s="613"/>
      <c r="WNS668" s="613"/>
      <c r="WNT668" s="613"/>
      <c r="WNU668" s="613"/>
      <c r="WNV668" s="613"/>
      <c r="WNW668" s="613"/>
      <c r="WNX668" s="613"/>
      <c r="WNY668" s="613"/>
      <c r="WNZ668" s="613"/>
      <c r="WOA668" s="613"/>
      <c r="WOB668" s="613"/>
      <c r="WOC668" s="613"/>
      <c r="WOD668" s="613"/>
      <c r="WOE668" s="613"/>
      <c r="WOF668" s="613"/>
      <c r="WOG668" s="613"/>
      <c r="WOH668" s="613"/>
      <c r="WOI668" s="613"/>
      <c r="WOJ668" s="613"/>
      <c r="WOK668" s="613"/>
      <c r="WOL668" s="613"/>
      <c r="WOM668" s="613"/>
      <c r="WON668" s="613"/>
      <c r="WOO668" s="613"/>
      <c r="WOP668" s="613"/>
      <c r="WOQ668" s="613"/>
      <c r="WOR668" s="613"/>
      <c r="WOS668" s="613"/>
      <c r="WOT668" s="613"/>
      <c r="WOU668" s="613"/>
      <c r="WOV668" s="613"/>
      <c r="WOW668" s="613"/>
      <c r="WOX668" s="613"/>
      <c r="WOY668" s="613"/>
      <c r="WOZ668" s="613"/>
      <c r="WPA668" s="613"/>
      <c r="WPB668" s="613"/>
      <c r="WPC668" s="613"/>
      <c r="WPD668" s="613"/>
      <c r="WPE668" s="613"/>
      <c r="WPF668" s="613"/>
      <c r="WPG668" s="613"/>
      <c r="WPH668" s="613"/>
      <c r="WPI668" s="613"/>
      <c r="WPJ668" s="613"/>
      <c r="WPK668" s="613"/>
      <c r="WPL668" s="613"/>
      <c r="WPM668" s="613"/>
      <c r="WPN668" s="613"/>
      <c r="WPO668" s="613"/>
      <c r="WPP668" s="613"/>
      <c r="WPQ668" s="613"/>
      <c r="WPR668" s="613"/>
      <c r="WPS668" s="613"/>
      <c r="WPT668" s="613"/>
      <c r="WPU668" s="613"/>
      <c r="WPV668" s="613"/>
      <c r="WPW668" s="613"/>
      <c r="WPX668" s="613"/>
      <c r="WPY668" s="613"/>
      <c r="WPZ668" s="613"/>
      <c r="WQA668" s="613"/>
      <c r="WQB668" s="613"/>
      <c r="WQC668" s="613"/>
      <c r="WQD668" s="613"/>
      <c r="WQE668" s="613"/>
      <c r="WQF668" s="613"/>
      <c r="WQG668" s="613"/>
      <c r="WQH668" s="613"/>
      <c r="WQI668" s="613"/>
      <c r="WQJ668" s="613"/>
      <c r="WQK668" s="613"/>
      <c r="WQL668" s="613"/>
      <c r="WQM668" s="613"/>
      <c r="WQN668" s="613"/>
      <c r="WQO668" s="613"/>
      <c r="WQP668" s="613"/>
      <c r="WQQ668" s="613"/>
      <c r="WQR668" s="613"/>
      <c r="WQS668" s="613"/>
      <c r="WQT668" s="613"/>
      <c r="WQU668" s="613"/>
      <c r="WQV668" s="613"/>
      <c r="WQW668" s="613"/>
      <c r="WQX668" s="613"/>
      <c r="WQY668" s="613"/>
      <c r="WQZ668" s="613"/>
      <c r="WRA668" s="613"/>
      <c r="WRB668" s="613"/>
      <c r="WRC668" s="613"/>
      <c r="WRD668" s="613"/>
      <c r="WRE668" s="613"/>
      <c r="WRF668" s="613"/>
      <c r="WRG668" s="613"/>
      <c r="WRH668" s="613"/>
      <c r="WRI668" s="613"/>
      <c r="WRJ668" s="613"/>
      <c r="WRK668" s="613"/>
      <c r="WRL668" s="613"/>
      <c r="WRM668" s="613"/>
      <c r="WRN668" s="613"/>
      <c r="WRO668" s="613"/>
      <c r="WRP668" s="613"/>
      <c r="WRQ668" s="613"/>
      <c r="WRR668" s="613"/>
      <c r="WRS668" s="613"/>
      <c r="WRT668" s="613"/>
      <c r="WRU668" s="613"/>
      <c r="WRV668" s="613"/>
      <c r="WRW668" s="613"/>
      <c r="WRX668" s="613"/>
      <c r="WRY668" s="613"/>
      <c r="WRZ668" s="613"/>
      <c r="WSA668" s="613"/>
      <c r="WSB668" s="613"/>
      <c r="WSC668" s="613"/>
      <c r="WSD668" s="613"/>
      <c r="WSE668" s="613"/>
      <c r="WSF668" s="613"/>
      <c r="WSG668" s="613"/>
      <c r="WSH668" s="613"/>
      <c r="WSI668" s="613"/>
      <c r="WSJ668" s="613"/>
      <c r="WSK668" s="613"/>
      <c r="WSL668" s="613"/>
      <c r="WSM668" s="613"/>
      <c r="WSN668" s="613"/>
      <c r="WSO668" s="613"/>
      <c r="WSP668" s="613"/>
      <c r="WSQ668" s="613"/>
      <c r="WSR668" s="613"/>
      <c r="WSS668" s="613"/>
      <c r="WST668" s="613"/>
      <c r="WSU668" s="613"/>
      <c r="WSV668" s="613"/>
      <c r="WSW668" s="613"/>
      <c r="WSX668" s="613"/>
      <c r="WSY668" s="613"/>
      <c r="WSZ668" s="613"/>
      <c r="WTA668" s="613"/>
      <c r="WTB668" s="613"/>
      <c r="WTC668" s="613"/>
      <c r="WTD668" s="613"/>
      <c r="WTE668" s="613"/>
      <c r="WTF668" s="613"/>
      <c r="WTG668" s="613"/>
      <c r="WTH668" s="613"/>
      <c r="WTI668" s="613"/>
      <c r="WTJ668" s="613"/>
      <c r="WTK668" s="613"/>
      <c r="WTL668" s="613"/>
      <c r="WTM668" s="613"/>
      <c r="WTN668" s="613"/>
      <c r="WTO668" s="613"/>
      <c r="WTP668" s="613"/>
      <c r="WTQ668" s="613"/>
      <c r="WTR668" s="613"/>
      <c r="WTS668" s="613"/>
      <c r="WTT668" s="613"/>
      <c r="WTU668" s="613"/>
      <c r="WTV668" s="613"/>
      <c r="WTW668" s="613"/>
      <c r="WTX668" s="613"/>
      <c r="WTY668" s="613"/>
      <c r="WTZ668" s="613"/>
      <c r="WUA668" s="613"/>
      <c r="WUB668" s="613"/>
      <c r="WUC668" s="613"/>
      <c r="WUD668" s="613"/>
      <c r="WUE668" s="613"/>
      <c r="WUF668" s="613"/>
      <c r="WUG668" s="613"/>
      <c r="WUH668" s="613"/>
      <c r="WUI668" s="613"/>
      <c r="WUJ668" s="613"/>
      <c r="WUK668" s="613"/>
      <c r="WUL668" s="613"/>
      <c r="WUM668" s="613"/>
      <c r="WUN668" s="613"/>
      <c r="WUO668" s="613"/>
      <c r="WUP668" s="613"/>
      <c r="WUQ668" s="613"/>
      <c r="WUR668" s="613"/>
      <c r="WUS668" s="613"/>
      <c r="WUT668" s="613"/>
      <c r="WUU668" s="613"/>
      <c r="WUV668" s="613"/>
      <c r="WUW668" s="613"/>
      <c r="WUX668" s="613"/>
      <c r="WUY668" s="613"/>
      <c r="WUZ668" s="613"/>
      <c r="WVA668" s="613"/>
      <c r="WVB668" s="613"/>
      <c r="WVC668" s="613"/>
      <c r="WVD668" s="613"/>
      <c r="WVE668" s="613"/>
      <c r="WVF668" s="613"/>
      <c r="WVG668" s="613"/>
      <c r="WVH668" s="613"/>
      <c r="WVI668" s="613"/>
      <c r="WVJ668" s="613"/>
      <c r="WVK668" s="613"/>
      <c r="WVL668" s="613"/>
      <c r="WVM668" s="613"/>
      <c r="WVN668" s="613"/>
      <c r="WVO668" s="613"/>
      <c r="WVP668" s="613"/>
      <c r="WVQ668" s="613"/>
      <c r="WVR668" s="613"/>
      <c r="WVS668" s="613"/>
      <c r="WVT668" s="613"/>
      <c r="WVU668" s="613"/>
      <c r="WVV668" s="613"/>
      <c r="WVW668" s="613"/>
      <c r="WVX668" s="613"/>
      <c r="WVY668" s="613"/>
      <c r="WVZ668" s="613"/>
      <c r="WWA668" s="613"/>
      <c r="WWB668" s="613"/>
      <c r="WWC668" s="613"/>
      <c r="WWD668" s="613"/>
      <c r="WWE668" s="613"/>
      <c r="WWF668" s="613"/>
      <c r="WWG668" s="613"/>
      <c r="WWH668" s="613"/>
      <c r="WWI668" s="613"/>
      <c r="WWJ668" s="613"/>
      <c r="WWK668" s="613"/>
      <c r="WWL668" s="613"/>
      <c r="WWM668" s="613"/>
      <c r="WWN668" s="613"/>
      <c r="WWO668" s="613"/>
      <c r="WWP668" s="613"/>
      <c r="WWQ668" s="613"/>
      <c r="WWR668" s="613"/>
      <c r="WWS668" s="613"/>
      <c r="WWT668" s="613"/>
      <c r="WWU668" s="613"/>
      <c r="WWV668" s="613"/>
      <c r="WWW668" s="613"/>
      <c r="WWX668" s="613"/>
      <c r="WWY668" s="613"/>
      <c r="WWZ668" s="613"/>
      <c r="WXA668" s="613"/>
      <c r="WXB668" s="613"/>
      <c r="WXC668" s="613"/>
      <c r="WXD668" s="613"/>
      <c r="WXE668" s="613"/>
      <c r="WXF668" s="613"/>
      <c r="WXG668" s="613"/>
      <c r="WXH668" s="613"/>
      <c r="WXI668" s="613"/>
      <c r="WXJ668" s="613"/>
      <c r="WXK668" s="613"/>
      <c r="WXL668" s="613"/>
      <c r="WXM668" s="613"/>
      <c r="WXN668" s="613"/>
      <c r="WXO668" s="613"/>
      <c r="WXP668" s="613"/>
      <c r="WXQ668" s="613"/>
      <c r="WXR668" s="613"/>
      <c r="WXS668" s="613"/>
      <c r="WXT668" s="613"/>
      <c r="WXU668" s="613"/>
      <c r="WXV668" s="613"/>
      <c r="WXW668" s="613"/>
      <c r="WXX668" s="613"/>
      <c r="WXY668" s="613"/>
      <c r="WXZ668" s="613"/>
      <c r="WYA668" s="613"/>
      <c r="WYB668" s="613"/>
      <c r="WYC668" s="613"/>
      <c r="WYD668" s="613"/>
      <c r="WYE668" s="613"/>
      <c r="WYF668" s="613"/>
      <c r="WYG668" s="613"/>
      <c r="WYH668" s="613"/>
      <c r="WYI668" s="613"/>
      <c r="WYJ668" s="613"/>
      <c r="WYK668" s="613"/>
      <c r="WYL668" s="613"/>
      <c r="WYM668" s="613"/>
      <c r="WYN668" s="613"/>
      <c r="WYO668" s="613"/>
      <c r="WYP668" s="613"/>
      <c r="WYQ668" s="613"/>
      <c r="WYR668" s="613"/>
      <c r="WYS668" s="613"/>
      <c r="WYT668" s="613"/>
      <c r="WYU668" s="613"/>
      <c r="WYV668" s="613"/>
      <c r="WYW668" s="613"/>
      <c r="WYX668" s="613"/>
      <c r="WYY668" s="613"/>
      <c r="WYZ668" s="613"/>
      <c r="WZA668" s="613"/>
      <c r="WZB668" s="613"/>
      <c r="WZC668" s="613"/>
      <c r="WZD668" s="613"/>
      <c r="WZE668" s="613"/>
      <c r="WZF668" s="613"/>
      <c r="WZG668" s="613"/>
      <c r="WZH668" s="613"/>
      <c r="WZI668" s="613"/>
      <c r="WZJ668" s="613"/>
      <c r="WZK668" s="613"/>
      <c r="WZL668" s="613"/>
      <c r="WZM668" s="613"/>
      <c r="WZN668" s="613"/>
      <c r="WZO668" s="613"/>
      <c r="WZP668" s="613"/>
      <c r="WZQ668" s="613"/>
      <c r="WZR668" s="613"/>
      <c r="WZS668" s="613"/>
      <c r="WZT668" s="613"/>
      <c r="WZU668" s="613"/>
      <c r="WZV668" s="613"/>
      <c r="WZW668" s="613"/>
      <c r="WZX668" s="613"/>
      <c r="WZY668" s="613"/>
      <c r="WZZ668" s="613"/>
      <c r="XAA668" s="613"/>
      <c r="XAB668" s="613"/>
      <c r="XAC668" s="613"/>
      <c r="XAD668" s="613"/>
      <c r="XAE668" s="613"/>
      <c r="XAF668" s="613"/>
      <c r="XAG668" s="613"/>
      <c r="XAH668" s="613"/>
      <c r="XAI668" s="613"/>
      <c r="XAJ668" s="613"/>
      <c r="XAK668" s="613"/>
      <c r="XAL668" s="613"/>
      <c r="XAM668" s="613"/>
      <c r="XAN668" s="613"/>
      <c r="XAO668" s="613"/>
      <c r="XAP668" s="613"/>
      <c r="XAQ668" s="613"/>
      <c r="XAR668" s="613"/>
      <c r="XAS668" s="613"/>
      <c r="XAT668" s="613"/>
      <c r="XAU668" s="613"/>
      <c r="XAV668" s="613"/>
      <c r="XAW668" s="613"/>
      <c r="XAX668" s="613"/>
      <c r="XAY668" s="613"/>
      <c r="XAZ668" s="613"/>
      <c r="XBA668" s="613"/>
      <c r="XBB668" s="613"/>
      <c r="XBC668" s="613"/>
      <c r="XBD668" s="613"/>
      <c r="XBE668" s="613"/>
      <c r="XBF668" s="613"/>
      <c r="XBG668" s="613"/>
      <c r="XBH668" s="613"/>
      <c r="XBI668" s="613"/>
      <c r="XBJ668" s="613"/>
      <c r="XBK668" s="613"/>
      <c r="XBL668" s="613"/>
      <c r="XBM668" s="613"/>
      <c r="XBN668" s="613"/>
      <c r="XBO668" s="613"/>
      <c r="XBP668" s="613"/>
      <c r="XBQ668" s="613"/>
      <c r="XBR668" s="613"/>
      <c r="XBS668" s="613"/>
      <c r="XBT668" s="613"/>
      <c r="XBU668" s="613"/>
      <c r="XBV668" s="613"/>
      <c r="XBW668" s="613"/>
      <c r="XBX668" s="613"/>
      <c r="XBY668" s="613"/>
      <c r="XBZ668" s="613"/>
      <c r="XCA668" s="613"/>
      <c r="XCB668" s="613"/>
      <c r="XCC668" s="613"/>
      <c r="XCD668" s="613"/>
      <c r="XCE668" s="613"/>
      <c r="XCF668" s="613"/>
      <c r="XCG668" s="613"/>
      <c r="XCH668" s="613"/>
      <c r="XCI668" s="613"/>
      <c r="XCJ668" s="613"/>
      <c r="XCK668" s="613"/>
      <c r="XCL668" s="613"/>
      <c r="XCM668" s="613"/>
      <c r="XCN668" s="613"/>
      <c r="XCO668" s="613"/>
      <c r="XCP668" s="613"/>
      <c r="XCQ668" s="613"/>
    </row>
    <row r="669" spans="1:16319" ht="56.1" customHeight="1" x14ac:dyDescent="0.2">
      <c r="A669" s="494"/>
      <c r="B669" s="494"/>
      <c r="C669" s="494"/>
      <c r="D669" s="481">
        <v>217</v>
      </c>
      <c r="E669" s="481"/>
      <c r="F669" s="481" t="s">
        <v>2481</v>
      </c>
      <c r="G669" s="482" t="s">
        <v>53</v>
      </c>
      <c r="H669" s="481" t="s">
        <v>329</v>
      </c>
      <c r="I669" s="654" t="s">
        <v>456</v>
      </c>
      <c r="J669" s="654" t="s">
        <v>369</v>
      </c>
      <c r="K669" s="495" t="s">
        <v>468</v>
      </c>
      <c r="L669" s="621"/>
      <c r="M669" s="484" t="s">
        <v>58</v>
      </c>
      <c r="N669" s="327" t="s">
        <v>1366</v>
      </c>
      <c r="O669" s="484" t="s">
        <v>2996</v>
      </c>
      <c r="P669" s="484" t="s">
        <v>81</v>
      </c>
      <c r="Q669" s="667" t="s">
        <v>334</v>
      </c>
      <c r="R669" s="484" t="s">
        <v>334</v>
      </c>
      <c r="S669" s="484" t="s">
        <v>380</v>
      </c>
      <c r="T669" s="484"/>
      <c r="U669" s="620" t="s">
        <v>63</v>
      </c>
      <c r="V669" s="620" t="s">
        <v>63</v>
      </c>
      <c r="W669" s="723">
        <v>8176</v>
      </c>
      <c r="X669" s="723"/>
      <c r="Y669" s="654" t="s">
        <v>226</v>
      </c>
      <c r="Z669" s="654"/>
      <c r="AA669" s="723">
        <v>8176</v>
      </c>
      <c r="AB669" s="652" t="s">
        <v>82</v>
      </c>
      <c r="AC669" s="652"/>
      <c r="AD669" s="496"/>
      <c r="AE669" s="496"/>
      <c r="AF669" s="496"/>
      <c r="AG669" s="496"/>
      <c r="AH669" s="496"/>
      <c r="AI669" s="496"/>
      <c r="AJ669" s="487" t="s">
        <v>66</v>
      </c>
      <c r="AK669" s="496"/>
      <c r="AL669" s="496"/>
      <c r="AM669" s="496"/>
      <c r="AN669" s="496"/>
      <c r="AO669" s="496"/>
      <c r="AP669" s="496"/>
      <c r="AQ669" s="496"/>
      <c r="AR669" s="496"/>
      <c r="AS669" s="496"/>
      <c r="AT669" s="496"/>
      <c r="AU669" s="487"/>
      <c r="AV669" s="487"/>
      <c r="AW669" s="487"/>
      <c r="AX669" s="487"/>
      <c r="AY669" s="487"/>
      <c r="AZ669" s="487"/>
      <c r="BA669" s="484"/>
      <c r="BB669" s="484" t="s">
        <v>462</v>
      </c>
      <c r="BC669" s="484" t="s">
        <v>3041</v>
      </c>
      <c r="BD669" s="494"/>
      <c r="BE669" s="494"/>
      <c r="BF669" s="613"/>
      <c r="BG669" s="613"/>
      <c r="BH669" s="613"/>
      <c r="BI669" s="613"/>
      <c r="BJ669" s="613"/>
      <c r="BK669" s="613"/>
      <c r="BL669" s="613"/>
      <c r="BM669" s="613"/>
      <c r="BN669" s="613"/>
      <c r="BO669" s="613"/>
      <c r="BP669" s="613"/>
      <c r="BQ669" s="613"/>
      <c r="BR669" s="613"/>
      <c r="BS669" s="613"/>
      <c r="BT669" s="613"/>
      <c r="BU669" s="613"/>
      <c r="BV669" s="613"/>
      <c r="BW669" s="613"/>
      <c r="BX669" s="613"/>
      <c r="BY669" s="613"/>
      <c r="BZ669" s="613"/>
      <c r="CA669" s="613"/>
      <c r="CB669" s="613"/>
      <c r="CC669" s="613"/>
      <c r="CD669" s="613"/>
      <c r="CE669" s="613"/>
      <c r="CF669" s="613"/>
      <c r="CG669" s="613"/>
      <c r="CH669" s="613"/>
      <c r="CI669" s="613"/>
      <c r="CJ669" s="613"/>
      <c r="CK669" s="613"/>
      <c r="CL669" s="613"/>
      <c r="CM669" s="613"/>
      <c r="CN669" s="613"/>
      <c r="CO669" s="613"/>
      <c r="CP669" s="613"/>
      <c r="CQ669" s="613"/>
      <c r="CR669" s="613"/>
      <c r="CS669" s="613"/>
      <c r="CT669" s="613"/>
      <c r="CU669" s="613"/>
      <c r="CV669" s="613"/>
      <c r="CW669" s="613"/>
      <c r="CX669" s="613"/>
      <c r="CY669" s="613"/>
      <c r="CZ669" s="613"/>
      <c r="DA669" s="613"/>
      <c r="DB669" s="613"/>
      <c r="DC669" s="613"/>
      <c r="DD669" s="613"/>
      <c r="DE669" s="613"/>
      <c r="DF669" s="613"/>
      <c r="DG669" s="613"/>
      <c r="DH669" s="613"/>
      <c r="DI669" s="613"/>
      <c r="DJ669" s="613"/>
      <c r="DK669" s="613"/>
      <c r="DL669" s="613"/>
      <c r="DM669" s="613"/>
      <c r="DN669" s="613"/>
      <c r="DO669" s="613"/>
      <c r="DP669" s="613"/>
      <c r="DQ669" s="613"/>
      <c r="DR669" s="613"/>
      <c r="DS669" s="613"/>
      <c r="DT669" s="613"/>
      <c r="DU669" s="613"/>
      <c r="DV669" s="613"/>
      <c r="DW669" s="613"/>
      <c r="DX669" s="613"/>
      <c r="DY669" s="613"/>
      <c r="DZ669" s="613"/>
      <c r="EA669" s="613"/>
      <c r="EB669" s="613"/>
      <c r="EC669" s="613"/>
      <c r="ED669" s="613"/>
      <c r="EE669" s="613"/>
      <c r="EF669" s="613"/>
      <c r="EG669" s="613"/>
      <c r="EH669" s="613"/>
      <c r="EI669" s="613"/>
      <c r="EJ669" s="613"/>
      <c r="EK669" s="613"/>
      <c r="EL669" s="613"/>
      <c r="EM669" s="613"/>
      <c r="EN669" s="613"/>
      <c r="EO669" s="613"/>
      <c r="EP669" s="613"/>
      <c r="EQ669" s="613"/>
      <c r="ER669" s="613"/>
      <c r="ES669" s="613"/>
      <c r="ET669" s="613"/>
      <c r="EU669" s="613"/>
      <c r="EV669" s="613"/>
      <c r="EW669" s="613"/>
      <c r="EX669" s="613"/>
      <c r="EY669" s="613"/>
      <c r="EZ669" s="613"/>
      <c r="FA669" s="613"/>
      <c r="FB669" s="613"/>
      <c r="FC669" s="613"/>
      <c r="FD669" s="613"/>
      <c r="FE669" s="613"/>
      <c r="FF669" s="613"/>
      <c r="FG669" s="613"/>
      <c r="FH669" s="613"/>
      <c r="FI669" s="613"/>
      <c r="FJ669" s="613"/>
      <c r="FK669" s="613"/>
      <c r="FL669" s="613"/>
      <c r="FM669" s="613"/>
      <c r="FN669" s="613"/>
      <c r="FO669" s="613"/>
      <c r="FP669" s="613"/>
      <c r="FQ669" s="613"/>
      <c r="FR669" s="613"/>
      <c r="FS669" s="613"/>
      <c r="FT669" s="613"/>
      <c r="FU669" s="613"/>
      <c r="FV669" s="613"/>
      <c r="FW669" s="613"/>
      <c r="FX669" s="613"/>
      <c r="FY669" s="613"/>
      <c r="FZ669" s="613"/>
      <c r="GA669" s="613"/>
      <c r="GB669" s="613"/>
      <c r="GC669" s="613"/>
      <c r="GD669" s="613"/>
      <c r="GE669" s="613"/>
      <c r="GF669" s="613"/>
      <c r="GG669" s="613"/>
      <c r="GH669" s="613"/>
      <c r="GI669" s="613"/>
      <c r="GJ669" s="613"/>
      <c r="GK669" s="613"/>
      <c r="GL669" s="613"/>
      <c r="GM669" s="613"/>
      <c r="GN669" s="613"/>
      <c r="GO669" s="613"/>
      <c r="GP669" s="613"/>
      <c r="GQ669" s="613"/>
      <c r="GR669" s="613"/>
      <c r="GS669" s="613"/>
      <c r="GT669" s="613"/>
      <c r="GU669" s="613"/>
      <c r="GV669" s="613"/>
      <c r="GW669" s="613"/>
      <c r="GX669" s="613"/>
      <c r="GY669" s="613"/>
      <c r="GZ669" s="613"/>
      <c r="HA669" s="613"/>
      <c r="HB669" s="613"/>
      <c r="HC669" s="613"/>
      <c r="HD669" s="613"/>
      <c r="HE669" s="613"/>
      <c r="HF669" s="613"/>
      <c r="HG669" s="613"/>
      <c r="HH669" s="613"/>
      <c r="HI669" s="613"/>
      <c r="HJ669" s="613"/>
      <c r="HK669" s="613"/>
      <c r="HL669" s="613"/>
      <c r="HM669" s="613"/>
      <c r="HN669" s="613"/>
      <c r="HO669" s="613"/>
      <c r="HP669" s="613"/>
      <c r="HQ669" s="613"/>
      <c r="HR669" s="613"/>
      <c r="HS669" s="613"/>
      <c r="HT669" s="613"/>
      <c r="HU669" s="613"/>
      <c r="HV669" s="613"/>
      <c r="HW669" s="613"/>
      <c r="HX669" s="613"/>
      <c r="HY669" s="613"/>
      <c r="HZ669" s="613"/>
      <c r="IA669" s="613"/>
      <c r="IB669" s="613"/>
      <c r="IC669" s="613"/>
      <c r="ID669" s="613"/>
      <c r="IE669" s="613"/>
      <c r="IF669" s="613"/>
      <c r="IG669" s="613"/>
      <c r="IH669" s="613"/>
      <c r="II669" s="613"/>
      <c r="IJ669" s="613"/>
      <c r="IK669" s="613"/>
      <c r="IL669" s="613"/>
      <c r="IM669" s="613"/>
      <c r="IN669" s="613"/>
      <c r="IO669" s="613"/>
      <c r="IP669" s="613"/>
      <c r="IQ669" s="613"/>
      <c r="IR669" s="613"/>
      <c r="IS669" s="613"/>
      <c r="IT669" s="613"/>
      <c r="IU669" s="613"/>
      <c r="IV669" s="613"/>
      <c r="IW669" s="613"/>
      <c r="IX669" s="613"/>
      <c r="IY669" s="613"/>
      <c r="IZ669" s="613"/>
      <c r="JA669" s="613"/>
      <c r="JB669" s="613"/>
      <c r="JC669" s="613"/>
      <c r="JD669" s="613"/>
      <c r="JE669" s="613"/>
      <c r="JF669" s="613"/>
      <c r="JG669" s="613"/>
      <c r="JH669" s="613"/>
      <c r="JI669" s="613"/>
      <c r="JJ669" s="613"/>
      <c r="JK669" s="613"/>
      <c r="JL669" s="613"/>
      <c r="JM669" s="613"/>
      <c r="JN669" s="613"/>
      <c r="JO669" s="613"/>
      <c r="JP669" s="613"/>
      <c r="JQ669" s="613"/>
      <c r="JR669" s="613"/>
      <c r="JS669" s="613"/>
      <c r="JT669" s="613"/>
      <c r="JU669" s="613"/>
      <c r="JV669" s="613"/>
      <c r="JW669" s="613"/>
      <c r="JX669" s="613"/>
      <c r="JY669" s="613"/>
      <c r="JZ669" s="613"/>
      <c r="KA669" s="613"/>
      <c r="KB669" s="613"/>
      <c r="KC669" s="613"/>
      <c r="KD669" s="613"/>
      <c r="KE669" s="613"/>
      <c r="KF669" s="613"/>
      <c r="KG669" s="613"/>
      <c r="KH669" s="613"/>
      <c r="KI669" s="613"/>
      <c r="KJ669" s="613"/>
      <c r="KK669" s="613"/>
      <c r="KL669" s="613"/>
      <c r="KM669" s="613"/>
      <c r="KN669" s="613"/>
      <c r="KO669" s="613"/>
      <c r="KP669" s="613"/>
      <c r="KQ669" s="613"/>
      <c r="KR669" s="613"/>
      <c r="KS669" s="613"/>
      <c r="KT669" s="613"/>
      <c r="KU669" s="613"/>
      <c r="KV669" s="613"/>
      <c r="KW669" s="613"/>
      <c r="KX669" s="613"/>
      <c r="KY669" s="613"/>
      <c r="KZ669" s="613"/>
      <c r="LA669" s="613"/>
      <c r="LB669" s="613"/>
      <c r="LC669" s="613"/>
      <c r="LD669" s="613"/>
      <c r="LE669" s="613"/>
      <c r="LF669" s="613"/>
      <c r="LG669" s="613"/>
      <c r="LH669" s="613"/>
      <c r="LI669" s="613"/>
      <c r="LJ669" s="613"/>
      <c r="LK669" s="613"/>
      <c r="LL669" s="613"/>
      <c r="LM669" s="613"/>
      <c r="LN669" s="613"/>
      <c r="LO669" s="613"/>
      <c r="LP669" s="613"/>
      <c r="LQ669" s="613"/>
      <c r="LR669" s="613"/>
      <c r="LS669" s="613"/>
      <c r="LT669" s="613"/>
      <c r="LU669" s="613"/>
      <c r="LV669" s="613"/>
      <c r="LW669" s="613"/>
      <c r="LX669" s="613"/>
      <c r="LY669" s="613"/>
      <c r="LZ669" s="613"/>
      <c r="MA669" s="613"/>
      <c r="MB669" s="613"/>
      <c r="MC669" s="613"/>
      <c r="MD669" s="613"/>
      <c r="ME669" s="613"/>
      <c r="MF669" s="613"/>
      <c r="MG669" s="613"/>
      <c r="MH669" s="613"/>
      <c r="MI669" s="613"/>
      <c r="MJ669" s="613"/>
      <c r="MK669" s="613"/>
      <c r="ML669" s="613"/>
      <c r="MM669" s="613"/>
      <c r="MN669" s="613"/>
      <c r="MO669" s="613"/>
      <c r="MP669" s="613"/>
      <c r="MQ669" s="613"/>
      <c r="MR669" s="613"/>
      <c r="MS669" s="613"/>
      <c r="MT669" s="613"/>
      <c r="MU669" s="613"/>
      <c r="MV669" s="613"/>
      <c r="MW669" s="613"/>
      <c r="MX669" s="613"/>
      <c r="MY669" s="613"/>
      <c r="MZ669" s="613"/>
      <c r="NA669" s="613"/>
      <c r="NB669" s="613"/>
      <c r="NC669" s="613"/>
      <c r="ND669" s="613"/>
      <c r="NE669" s="613"/>
      <c r="NF669" s="613"/>
      <c r="NG669" s="613"/>
      <c r="NH669" s="613"/>
      <c r="NI669" s="613"/>
      <c r="NJ669" s="613"/>
      <c r="NK669" s="613"/>
      <c r="NL669" s="613"/>
      <c r="NM669" s="613"/>
      <c r="NN669" s="613"/>
      <c r="NO669" s="613"/>
      <c r="NP669" s="613"/>
      <c r="NQ669" s="613"/>
      <c r="NR669" s="613"/>
      <c r="NS669" s="613"/>
      <c r="NT669" s="613"/>
      <c r="NU669" s="613"/>
      <c r="NV669" s="613"/>
      <c r="NW669" s="613"/>
      <c r="NX669" s="613"/>
      <c r="NY669" s="613"/>
      <c r="NZ669" s="613"/>
      <c r="OA669" s="613"/>
      <c r="OB669" s="613"/>
      <c r="OC669" s="613"/>
      <c r="OD669" s="613"/>
      <c r="OE669" s="613"/>
      <c r="OF669" s="613"/>
      <c r="OG669" s="613"/>
      <c r="OH669" s="613"/>
      <c r="OI669" s="613"/>
      <c r="OJ669" s="613"/>
      <c r="OK669" s="613"/>
      <c r="OL669" s="613"/>
      <c r="OM669" s="613"/>
      <c r="ON669" s="613"/>
      <c r="OO669" s="613"/>
      <c r="OP669" s="613"/>
      <c r="OQ669" s="613"/>
      <c r="OR669" s="613"/>
      <c r="OS669" s="613"/>
      <c r="OT669" s="613"/>
      <c r="OU669" s="613"/>
      <c r="OV669" s="613"/>
      <c r="OW669" s="613"/>
      <c r="OX669" s="613"/>
      <c r="OY669" s="613"/>
      <c r="OZ669" s="613"/>
      <c r="PA669" s="613"/>
      <c r="PB669" s="613"/>
      <c r="PC669" s="613"/>
      <c r="PD669" s="613"/>
      <c r="PE669" s="613"/>
      <c r="PF669" s="613"/>
      <c r="PG669" s="613"/>
      <c r="PH669" s="613"/>
      <c r="PI669" s="613"/>
      <c r="PJ669" s="613"/>
      <c r="PK669" s="613"/>
      <c r="PL669" s="613"/>
      <c r="PM669" s="613"/>
      <c r="PN669" s="613"/>
      <c r="PO669" s="613"/>
      <c r="PP669" s="613"/>
      <c r="PQ669" s="613"/>
      <c r="PR669" s="613"/>
      <c r="PS669" s="613"/>
      <c r="PT669" s="613"/>
      <c r="PU669" s="613"/>
      <c r="PV669" s="613"/>
      <c r="PW669" s="613"/>
      <c r="PX669" s="613"/>
      <c r="PY669" s="613"/>
      <c r="PZ669" s="613"/>
      <c r="QA669" s="613"/>
      <c r="QB669" s="613"/>
      <c r="QC669" s="613"/>
      <c r="QD669" s="613"/>
      <c r="QE669" s="613"/>
      <c r="QF669" s="613"/>
      <c r="QG669" s="613"/>
      <c r="QH669" s="613"/>
      <c r="QI669" s="613"/>
      <c r="QJ669" s="613"/>
      <c r="QK669" s="613"/>
      <c r="QL669" s="613"/>
      <c r="QM669" s="613"/>
      <c r="QN669" s="613"/>
      <c r="QO669" s="613"/>
      <c r="QP669" s="613"/>
      <c r="QQ669" s="613"/>
      <c r="QR669" s="613"/>
      <c r="QS669" s="613"/>
      <c r="QT669" s="613"/>
      <c r="QU669" s="613"/>
      <c r="QV669" s="613"/>
      <c r="QW669" s="613"/>
      <c r="QX669" s="613"/>
      <c r="QY669" s="613"/>
      <c r="QZ669" s="613"/>
      <c r="RA669" s="613"/>
      <c r="RB669" s="613"/>
      <c r="RC669" s="613"/>
      <c r="RD669" s="613"/>
      <c r="RE669" s="613"/>
      <c r="RF669" s="613"/>
      <c r="RG669" s="613"/>
      <c r="RH669" s="613"/>
      <c r="RI669" s="613"/>
      <c r="RJ669" s="613"/>
      <c r="RK669" s="613"/>
      <c r="RL669" s="613"/>
      <c r="RM669" s="613"/>
      <c r="RN669" s="613"/>
      <c r="RO669" s="613"/>
      <c r="RP669" s="613"/>
      <c r="RQ669" s="613"/>
      <c r="RR669" s="613"/>
      <c r="RS669" s="613"/>
      <c r="RT669" s="613"/>
      <c r="RU669" s="613"/>
      <c r="RV669" s="613"/>
      <c r="RW669" s="613"/>
      <c r="RX669" s="613"/>
      <c r="RY669" s="613"/>
      <c r="RZ669" s="613"/>
      <c r="SA669" s="613"/>
      <c r="SB669" s="613"/>
      <c r="SC669" s="613"/>
      <c r="SD669" s="613"/>
      <c r="SE669" s="613"/>
      <c r="SF669" s="613"/>
      <c r="SG669" s="613"/>
      <c r="SH669" s="613"/>
      <c r="SI669" s="613"/>
      <c r="SJ669" s="613"/>
      <c r="SK669" s="613"/>
      <c r="SL669" s="613"/>
      <c r="SM669" s="613"/>
      <c r="SN669" s="613"/>
      <c r="SO669" s="613"/>
      <c r="SP669" s="613"/>
      <c r="SQ669" s="613"/>
      <c r="SR669" s="613"/>
      <c r="SS669" s="613"/>
      <c r="ST669" s="613"/>
      <c r="SU669" s="613"/>
      <c r="SV669" s="613"/>
      <c r="SW669" s="613"/>
      <c r="SX669" s="613"/>
      <c r="SY669" s="613"/>
      <c r="SZ669" s="613"/>
      <c r="TA669" s="613"/>
      <c r="TB669" s="613"/>
      <c r="TC669" s="613"/>
      <c r="TD669" s="613"/>
      <c r="TE669" s="613"/>
      <c r="TF669" s="613"/>
      <c r="TG669" s="613"/>
      <c r="TH669" s="613"/>
      <c r="TI669" s="613"/>
      <c r="TJ669" s="613"/>
      <c r="TK669" s="613"/>
      <c r="TL669" s="613"/>
      <c r="TM669" s="613"/>
      <c r="TN669" s="613"/>
      <c r="TO669" s="613"/>
      <c r="TP669" s="613"/>
      <c r="TQ669" s="613"/>
      <c r="TR669" s="613"/>
      <c r="TS669" s="613"/>
      <c r="TT669" s="613"/>
      <c r="TU669" s="613"/>
      <c r="TV669" s="613"/>
      <c r="TW669" s="613"/>
      <c r="TX669" s="613"/>
      <c r="TY669" s="613"/>
      <c r="TZ669" s="613"/>
      <c r="UA669" s="613"/>
      <c r="UB669" s="613"/>
      <c r="UC669" s="613"/>
      <c r="UD669" s="613"/>
      <c r="UE669" s="613"/>
      <c r="UF669" s="613"/>
      <c r="UG669" s="613"/>
      <c r="UH669" s="613"/>
      <c r="UI669" s="613"/>
      <c r="UJ669" s="613"/>
      <c r="UK669" s="613"/>
      <c r="UL669" s="613"/>
      <c r="UM669" s="613"/>
      <c r="UN669" s="613"/>
      <c r="UO669" s="613"/>
      <c r="UP669" s="613"/>
      <c r="UQ669" s="613"/>
      <c r="UR669" s="613"/>
      <c r="US669" s="613"/>
      <c r="UT669" s="613"/>
      <c r="UU669" s="613"/>
      <c r="UV669" s="613"/>
      <c r="UW669" s="613"/>
      <c r="UX669" s="613"/>
      <c r="UY669" s="613"/>
      <c r="UZ669" s="613"/>
      <c r="VA669" s="613"/>
      <c r="VB669" s="613"/>
      <c r="VC669" s="613"/>
      <c r="VD669" s="613"/>
      <c r="VE669" s="613"/>
      <c r="VF669" s="613"/>
      <c r="VG669" s="613"/>
      <c r="VH669" s="613"/>
      <c r="VI669" s="613"/>
      <c r="VJ669" s="613"/>
      <c r="VK669" s="613"/>
      <c r="VL669" s="613"/>
      <c r="VM669" s="613"/>
      <c r="VN669" s="613"/>
      <c r="VO669" s="613"/>
      <c r="VP669" s="613"/>
      <c r="VQ669" s="613"/>
      <c r="VR669" s="613"/>
      <c r="VS669" s="613"/>
      <c r="VT669" s="613"/>
      <c r="VU669" s="613"/>
      <c r="VV669" s="613"/>
      <c r="VW669" s="613"/>
      <c r="VX669" s="613"/>
      <c r="VY669" s="613"/>
      <c r="VZ669" s="613"/>
      <c r="WA669" s="613"/>
      <c r="WB669" s="613"/>
      <c r="WC669" s="613"/>
      <c r="WD669" s="613"/>
      <c r="WE669" s="613"/>
      <c r="WF669" s="613"/>
      <c r="WG669" s="613"/>
      <c r="WH669" s="613"/>
      <c r="WI669" s="613"/>
      <c r="WJ669" s="613"/>
      <c r="WK669" s="613"/>
      <c r="WL669" s="613"/>
      <c r="WM669" s="613"/>
      <c r="WN669" s="613"/>
      <c r="WO669" s="613"/>
      <c r="WP669" s="613"/>
      <c r="WQ669" s="613"/>
      <c r="WR669" s="613"/>
      <c r="WS669" s="613"/>
      <c r="WT669" s="613"/>
      <c r="WU669" s="613"/>
      <c r="WV669" s="613"/>
      <c r="WW669" s="613"/>
      <c r="WX669" s="613"/>
      <c r="WY669" s="613"/>
      <c r="WZ669" s="613"/>
      <c r="XA669" s="613"/>
      <c r="XB669" s="613"/>
      <c r="XC669" s="613"/>
      <c r="XD669" s="613"/>
      <c r="XE669" s="613"/>
      <c r="XF669" s="613"/>
      <c r="XG669" s="613"/>
      <c r="XH669" s="613"/>
      <c r="XI669" s="613"/>
      <c r="XJ669" s="613"/>
      <c r="XK669" s="613"/>
      <c r="XL669" s="613"/>
      <c r="XM669" s="613"/>
      <c r="XN669" s="613"/>
      <c r="XO669" s="613"/>
      <c r="XP669" s="613"/>
      <c r="XQ669" s="613"/>
      <c r="XR669" s="613"/>
      <c r="XS669" s="613"/>
      <c r="XT669" s="613"/>
      <c r="XU669" s="613"/>
      <c r="XV669" s="613"/>
      <c r="XW669" s="613"/>
      <c r="XX669" s="613"/>
      <c r="XY669" s="613"/>
      <c r="XZ669" s="613"/>
      <c r="YA669" s="613"/>
      <c r="YB669" s="613"/>
      <c r="YC669" s="613"/>
      <c r="YD669" s="613"/>
      <c r="YE669" s="613"/>
      <c r="YF669" s="613"/>
      <c r="YG669" s="613"/>
      <c r="YH669" s="613"/>
      <c r="YI669" s="613"/>
      <c r="YJ669" s="613"/>
      <c r="YK669" s="613"/>
      <c r="YL669" s="613"/>
      <c r="YM669" s="613"/>
      <c r="YN669" s="613"/>
      <c r="YO669" s="613"/>
      <c r="YP669" s="613"/>
      <c r="YQ669" s="613"/>
      <c r="YR669" s="613"/>
      <c r="YS669" s="613"/>
      <c r="YT669" s="613"/>
      <c r="YU669" s="613"/>
      <c r="YV669" s="613"/>
      <c r="YW669" s="613"/>
      <c r="YX669" s="613"/>
      <c r="YY669" s="613"/>
      <c r="YZ669" s="613"/>
      <c r="ZA669" s="613"/>
      <c r="ZB669" s="613"/>
      <c r="ZC669" s="613"/>
      <c r="ZD669" s="613"/>
      <c r="ZE669" s="613"/>
      <c r="ZF669" s="613"/>
      <c r="ZG669" s="613"/>
      <c r="ZH669" s="613"/>
      <c r="ZI669" s="613"/>
      <c r="ZJ669" s="613"/>
      <c r="ZK669" s="613"/>
      <c r="ZL669" s="613"/>
      <c r="ZM669" s="613"/>
      <c r="ZN669" s="613"/>
      <c r="ZO669" s="613"/>
      <c r="ZP669" s="613"/>
      <c r="ZQ669" s="613"/>
      <c r="ZR669" s="613"/>
      <c r="ZS669" s="613"/>
      <c r="ZT669" s="613"/>
      <c r="ZU669" s="613"/>
      <c r="ZV669" s="613"/>
      <c r="ZW669" s="613"/>
      <c r="ZX669" s="613"/>
      <c r="ZY669" s="613"/>
      <c r="ZZ669" s="613"/>
      <c r="AAA669" s="613"/>
      <c r="AAB669" s="613"/>
      <c r="AAC669" s="613"/>
      <c r="AAD669" s="613"/>
      <c r="AAE669" s="613"/>
      <c r="AAF669" s="613"/>
      <c r="AAG669" s="613"/>
      <c r="AAH669" s="613"/>
      <c r="AAI669" s="613"/>
      <c r="AAJ669" s="613"/>
      <c r="AAK669" s="613"/>
      <c r="AAL669" s="613"/>
      <c r="AAM669" s="613"/>
      <c r="AAN669" s="613"/>
      <c r="AAO669" s="613"/>
      <c r="AAP669" s="613"/>
      <c r="AAQ669" s="613"/>
      <c r="AAR669" s="613"/>
      <c r="AAS669" s="613"/>
      <c r="AAT669" s="613"/>
      <c r="AAU669" s="613"/>
      <c r="AAV669" s="613"/>
      <c r="AAW669" s="613"/>
      <c r="AAX669" s="613"/>
      <c r="AAY669" s="613"/>
      <c r="AAZ669" s="613"/>
      <c r="ABA669" s="613"/>
      <c r="ABB669" s="613"/>
      <c r="ABC669" s="613"/>
      <c r="ABD669" s="613"/>
      <c r="ABE669" s="613"/>
      <c r="ABF669" s="613"/>
      <c r="ABG669" s="613"/>
      <c r="ABH669" s="613"/>
      <c r="ABI669" s="613"/>
      <c r="ABJ669" s="613"/>
      <c r="ABK669" s="613"/>
      <c r="ABL669" s="613"/>
      <c r="ABM669" s="613"/>
      <c r="ABN669" s="613"/>
      <c r="ABO669" s="613"/>
      <c r="ABP669" s="613"/>
      <c r="ABQ669" s="613"/>
      <c r="ABR669" s="613"/>
      <c r="ABS669" s="613"/>
      <c r="ABT669" s="613"/>
      <c r="ABU669" s="613"/>
      <c r="ABV669" s="613"/>
      <c r="ABW669" s="613"/>
      <c r="ABX669" s="613"/>
      <c r="ABY669" s="613"/>
      <c r="ABZ669" s="613"/>
      <c r="ACA669" s="613"/>
      <c r="ACB669" s="613"/>
      <c r="ACC669" s="613"/>
      <c r="ACD669" s="613"/>
      <c r="ACE669" s="613"/>
      <c r="ACF669" s="613"/>
      <c r="ACG669" s="613"/>
      <c r="ACH669" s="613"/>
      <c r="ACI669" s="613"/>
      <c r="ACJ669" s="613"/>
      <c r="ACK669" s="613"/>
      <c r="ACL669" s="613"/>
      <c r="ACM669" s="613"/>
      <c r="ACN669" s="613"/>
      <c r="ACO669" s="613"/>
      <c r="ACP669" s="613"/>
      <c r="ACQ669" s="613"/>
      <c r="ACR669" s="613"/>
      <c r="ACS669" s="613"/>
      <c r="ACT669" s="613"/>
      <c r="ACU669" s="613"/>
      <c r="ACV669" s="613"/>
      <c r="ACW669" s="613"/>
      <c r="ACX669" s="613"/>
      <c r="ACY669" s="613"/>
      <c r="ACZ669" s="613"/>
      <c r="ADA669" s="613"/>
      <c r="ADB669" s="613"/>
      <c r="ADC669" s="613"/>
      <c r="ADD669" s="613"/>
      <c r="ADE669" s="613"/>
      <c r="ADF669" s="613"/>
      <c r="ADG669" s="613"/>
      <c r="ADH669" s="613"/>
      <c r="ADI669" s="613"/>
      <c r="ADJ669" s="613"/>
      <c r="ADK669" s="613"/>
      <c r="ADL669" s="613"/>
      <c r="ADM669" s="613"/>
      <c r="ADN669" s="613"/>
      <c r="ADO669" s="613"/>
      <c r="ADP669" s="613"/>
      <c r="ADQ669" s="613"/>
      <c r="ADR669" s="613"/>
      <c r="ADS669" s="613"/>
      <c r="ADT669" s="613"/>
      <c r="ADU669" s="613"/>
      <c r="ADV669" s="613"/>
      <c r="ADW669" s="613"/>
      <c r="ADX669" s="613"/>
      <c r="ADY669" s="613"/>
      <c r="ADZ669" s="613"/>
      <c r="AEA669" s="613"/>
      <c r="AEB669" s="613"/>
      <c r="AEC669" s="613"/>
      <c r="AED669" s="613"/>
      <c r="AEE669" s="613"/>
      <c r="AEF669" s="613"/>
      <c r="AEG669" s="613"/>
      <c r="AEH669" s="613"/>
      <c r="AEI669" s="613"/>
      <c r="AEJ669" s="613"/>
      <c r="AEK669" s="613"/>
      <c r="AEL669" s="613"/>
      <c r="AEM669" s="613"/>
      <c r="AEN669" s="613"/>
      <c r="AEO669" s="613"/>
      <c r="AEP669" s="613"/>
      <c r="AEQ669" s="613"/>
      <c r="AER669" s="613"/>
      <c r="AES669" s="613"/>
      <c r="AET669" s="613"/>
      <c r="AEU669" s="613"/>
      <c r="AEV669" s="613"/>
      <c r="AEW669" s="613"/>
      <c r="AEX669" s="613"/>
      <c r="AEY669" s="613"/>
      <c r="AEZ669" s="613"/>
      <c r="AFA669" s="613"/>
      <c r="AFB669" s="613"/>
      <c r="AFC669" s="613"/>
      <c r="AFD669" s="613"/>
      <c r="AFE669" s="613"/>
      <c r="AFF669" s="613"/>
      <c r="AFG669" s="613"/>
      <c r="AFH669" s="613"/>
      <c r="AFI669" s="613"/>
      <c r="AFJ669" s="613"/>
      <c r="AFK669" s="613"/>
      <c r="AFL669" s="613"/>
      <c r="AFM669" s="613"/>
      <c r="AFN669" s="613"/>
      <c r="AFO669" s="613"/>
      <c r="AFP669" s="613"/>
      <c r="AFQ669" s="613"/>
      <c r="AFR669" s="613"/>
      <c r="AFS669" s="613"/>
      <c r="AFT669" s="613"/>
      <c r="AFU669" s="613"/>
      <c r="AFV669" s="613"/>
      <c r="AFW669" s="613"/>
      <c r="AFX669" s="613"/>
      <c r="AFY669" s="613"/>
      <c r="AFZ669" s="613"/>
      <c r="AGA669" s="613"/>
      <c r="AGB669" s="613"/>
      <c r="AGC669" s="613"/>
      <c r="AGD669" s="613"/>
      <c r="AGE669" s="613"/>
      <c r="AGF669" s="613"/>
      <c r="AGG669" s="613"/>
      <c r="AGH669" s="613"/>
      <c r="AGI669" s="613"/>
      <c r="AGJ669" s="613"/>
      <c r="AGK669" s="613"/>
      <c r="AGL669" s="613"/>
      <c r="AGM669" s="613"/>
      <c r="AGN669" s="613"/>
      <c r="AGO669" s="613"/>
      <c r="AGP669" s="613"/>
      <c r="AGQ669" s="613"/>
      <c r="AGR669" s="613"/>
      <c r="AGS669" s="613"/>
      <c r="AGT669" s="613"/>
      <c r="AGU669" s="613"/>
      <c r="AGV669" s="613"/>
      <c r="AGW669" s="613"/>
      <c r="AGX669" s="613"/>
      <c r="AGY669" s="613"/>
      <c r="AGZ669" s="613"/>
      <c r="AHA669" s="613"/>
      <c r="AHB669" s="613"/>
      <c r="AHC669" s="613"/>
      <c r="AHD669" s="613"/>
      <c r="AHE669" s="613"/>
      <c r="AHF669" s="613"/>
      <c r="AHG669" s="613"/>
      <c r="AHH669" s="613"/>
      <c r="AHI669" s="613"/>
      <c r="AHJ669" s="613"/>
      <c r="AHK669" s="613"/>
      <c r="AHL669" s="613"/>
      <c r="AHM669" s="613"/>
      <c r="AHN669" s="613"/>
      <c r="AHO669" s="613"/>
      <c r="AHP669" s="613"/>
      <c r="AHQ669" s="613"/>
      <c r="AHR669" s="613"/>
      <c r="AHS669" s="613"/>
      <c r="AHT669" s="613"/>
      <c r="AHU669" s="613"/>
      <c r="AHV669" s="613"/>
      <c r="AHW669" s="613"/>
      <c r="AHX669" s="613"/>
      <c r="AHY669" s="613"/>
      <c r="AHZ669" s="613"/>
      <c r="AIA669" s="613"/>
      <c r="AIB669" s="613"/>
      <c r="AIC669" s="613"/>
      <c r="AID669" s="613"/>
      <c r="AIE669" s="613"/>
      <c r="AIF669" s="613"/>
      <c r="AIG669" s="613"/>
      <c r="AIH669" s="613"/>
      <c r="AII669" s="613"/>
      <c r="AIJ669" s="613"/>
      <c r="AIK669" s="613"/>
      <c r="AIL669" s="613"/>
      <c r="AIM669" s="613"/>
      <c r="AIN669" s="613"/>
      <c r="AIO669" s="613"/>
      <c r="AIP669" s="613"/>
      <c r="AIQ669" s="613"/>
      <c r="AIR669" s="613"/>
      <c r="AIS669" s="613"/>
      <c r="AIT669" s="613"/>
      <c r="AIU669" s="613"/>
      <c r="AIV669" s="613"/>
      <c r="AIW669" s="613"/>
      <c r="AIX669" s="613"/>
      <c r="AIY669" s="613"/>
      <c r="AIZ669" s="613"/>
      <c r="AJA669" s="613"/>
      <c r="AJB669" s="613"/>
      <c r="AJC669" s="613"/>
      <c r="AJD669" s="613"/>
      <c r="AJE669" s="613"/>
      <c r="AJF669" s="613"/>
      <c r="AJG669" s="613"/>
      <c r="AJH669" s="613"/>
      <c r="AJI669" s="613"/>
      <c r="AJJ669" s="613"/>
      <c r="AJK669" s="613"/>
      <c r="AJL669" s="613"/>
      <c r="AJM669" s="613"/>
      <c r="AJN669" s="613"/>
      <c r="AJO669" s="613"/>
      <c r="AJP669" s="613"/>
      <c r="AJQ669" s="613"/>
      <c r="AJR669" s="613"/>
      <c r="AJS669" s="613"/>
      <c r="AJT669" s="613"/>
      <c r="AJU669" s="613"/>
      <c r="AJV669" s="613"/>
      <c r="AJW669" s="613"/>
      <c r="AJX669" s="613"/>
      <c r="AJY669" s="613"/>
      <c r="AJZ669" s="613"/>
      <c r="AKA669" s="613"/>
      <c r="AKB669" s="613"/>
      <c r="AKC669" s="613"/>
      <c r="AKD669" s="613"/>
      <c r="AKE669" s="613"/>
      <c r="AKF669" s="613"/>
      <c r="AKG669" s="613"/>
      <c r="AKH669" s="613"/>
      <c r="AKI669" s="613"/>
      <c r="AKJ669" s="613"/>
      <c r="AKK669" s="613"/>
      <c r="AKL669" s="613"/>
      <c r="AKM669" s="613"/>
      <c r="AKN669" s="613"/>
      <c r="AKO669" s="613"/>
      <c r="AKP669" s="613"/>
      <c r="AKQ669" s="613"/>
      <c r="AKR669" s="613"/>
      <c r="AKS669" s="613"/>
      <c r="AKT669" s="613"/>
      <c r="AKU669" s="613"/>
      <c r="AKV669" s="613"/>
      <c r="AKW669" s="613"/>
      <c r="AKX669" s="613"/>
      <c r="AKY669" s="613"/>
      <c r="AKZ669" s="613"/>
      <c r="ALA669" s="613"/>
      <c r="ALB669" s="613"/>
      <c r="ALC669" s="613"/>
      <c r="ALD669" s="613"/>
      <c r="ALE669" s="613"/>
      <c r="ALF669" s="613"/>
      <c r="ALG669" s="613"/>
      <c r="ALH669" s="613"/>
      <c r="ALI669" s="613"/>
      <c r="ALJ669" s="613"/>
      <c r="ALK669" s="613"/>
      <c r="ALL669" s="613"/>
      <c r="ALM669" s="613"/>
      <c r="ALN669" s="613"/>
      <c r="ALO669" s="613"/>
      <c r="ALP669" s="613"/>
      <c r="ALQ669" s="613"/>
      <c r="ALR669" s="613"/>
      <c r="ALS669" s="613"/>
      <c r="ALT669" s="613"/>
      <c r="ALU669" s="613"/>
      <c r="ALV669" s="613"/>
      <c r="ALW669" s="613"/>
      <c r="ALX669" s="613"/>
      <c r="ALY669" s="613"/>
      <c r="ALZ669" s="613"/>
      <c r="AMA669" s="613"/>
      <c r="AMB669" s="613"/>
      <c r="AMC669" s="613"/>
      <c r="AMD669" s="613"/>
      <c r="AME669" s="613"/>
      <c r="AMF669" s="613"/>
      <c r="AMG669" s="613"/>
      <c r="AMH669" s="613"/>
      <c r="AMI669" s="613"/>
      <c r="AMJ669" s="613"/>
      <c r="AMK669" s="613"/>
      <c r="AML669" s="613"/>
      <c r="AMM669" s="613"/>
      <c r="AMN669" s="613"/>
      <c r="AMO669" s="613"/>
      <c r="AMP669" s="613"/>
      <c r="AMQ669" s="613"/>
      <c r="AMR669" s="613"/>
      <c r="AMS669" s="613"/>
      <c r="AMT669" s="613"/>
      <c r="AMU669" s="613"/>
      <c r="AMV669" s="613"/>
      <c r="AMW669" s="613"/>
      <c r="AMX669" s="613"/>
      <c r="AMY669" s="613"/>
      <c r="AMZ669" s="613"/>
      <c r="ANA669" s="613"/>
      <c r="ANB669" s="613"/>
      <c r="ANC669" s="613"/>
      <c r="AND669" s="613"/>
      <c r="ANE669" s="613"/>
      <c r="ANF669" s="613"/>
      <c r="ANG669" s="613"/>
      <c r="ANH669" s="613"/>
      <c r="ANI669" s="613"/>
      <c r="ANJ669" s="613"/>
      <c r="ANK669" s="613"/>
      <c r="ANL669" s="613"/>
      <c r="ANM669" s="613"/>
      <c r="ANN669" s="613"/>
      <c r="ANO669" s="613"/>
      <c r="ANP669" s="613"/>
      <c r="ANQ669" s="613"/>
      <c r="ANR669" s="613"/>
      <c r="ANS669" s="613"/>
      <c r="ANT669" s="613"/>
      <c r="ANU669" s="613"/>
      <c r="ANV669" s="613"/>
      <c r="ANW669" s="613"/>
      <c r="ANX669" s="613"/>
      <c r="ANY669" s="613"/>
      <c r="ANZ669" s="613"/>
      <c r="AOA669" s="613"/>
      <c r="AOB669" s="613"/>
      <c r="AOC669" s="613"/>
      <c r="AOD669" s="613"/>
      <c r="AOE669" s="613"/>
      <c r="AOF669" s="613"/>
      <c r="AOG669" s="613"/>
      <c r="AOH669" s="613"/>
      <c r="AOI669" s="613"/>
      <c r="AOJ669" s="613"/>
      <c r="AOK669" s="613"/>
      <c r="AOL669" s="613"/>
      <c r="AOM669" s="613"/>
      <c r="AON669" s="613"/>
      <c r="AOO669" s="613"/>
      <c r="AOP669" s="613"/>
      <c r="AOQ669" s="613"/>
      <c r="AOR669" s="613"/>
      <c r="AOS669" s="613"/>
      <c r="AOT669" s="613"/>
      <c r="AOU669" s="613"/>
      <c r="AOV669" s="613"/>
      <c r="AOW669" s="613"/>
      <c r="AOX669" s="613"/>
      <c r="AOY669" s="613"/>
      <c r="AOZ669" s="613"/>
      <c r="APA669" s="613"/>
      <c r="APB669" s="613"/>
      <c r="APC669" s="613"/>
      <c r="APD669" s="613"/>
      <c r="APE669" s="613"/>
      <c r="APF669" s="613"/>
      <c r="APG669" s="613"/>
      <c r="APH669" s="613"/>
      <c r="API669" s="613"/>
      <c r="APJ669" s="613"/>
      <c r="APK669" s="613"/>
      <c r="APL669" s="613"/>
      <c r="APM669" s="613"/>
      <c r="APN669" s="613"/>
      <c r="APO669" s="613"/>
      <c r="APP669" s="613"/>
      <c r="APQ669" s="613"/>
      <c r="APR669" s="613"/>
      <c r="APS669" s="613"/>
      <c r="APT669" s="613"/>
      <c r="APU669" s="613"/>
      <c r="APV669" s="613"/>
      <c r="APW669" s="613"/>
      <c r="APX669" s="613"/>
      <c r="APY669" s="613"/>
      <c r="APZ669" s="613"/>
      <c r="AQA669" s="613"/>
      <c r="AQB669" s="613"/>
      <c r="AQC669" s="613"/>
      <c r="AQD669" s="613"/>
      <c r="AQE669" s="613"/>
      <c r="AQF669" s="613"/>
      <c r="AQG669" s="613"/>
      <c r="AQH669" s="613"/>
      <c r="AQI669" s="613"/>
      <c r="AQJ669" s="613"/>
      <c r="AQK669" s="613"/>
      <c r="AQL669" s="613"/>
      <c r="AQM669" s="613"/>
      <c r="AQN669" s="613"/>
      <c r="AQO669" s="613"/>
      <c r="AQP669" s="613"/>
      <c r="AQQ669" s="613"/>
      <c r="AQR669" s="613"/>
      <c r="AQS669" s="613"/>
      <c r="AQT669" s="613"/>
      <c r="AQU669" s="613"/>
      <c r="AQV669" s="613"/>
      <c r="AQW669" s="613"/>
      <c r="AQX669" s="613"/>
      <c r="AQY669" s="613"/>
      <c r="AQZ669" s="613"/>
      <c r="ARA669" s="613"/>
      <c r="ARB669" s="613"/>
      <c r="ARC669" s="613"/>
      <c r="ARD669" s="613"/>
      <c r="ARE669" s="613"/>
      <c r="ARF669" s="613"/>
      <c r="ARG669" s="613"/>
      <c r="ARH669" s="613"/>
      <c r="ARI669" s="613"/>
      <c r="ARJ669" s="613"/>
      <c r="ARK669" s="613"/>
      <c r="ARL669" s="613"/>
      <c r="ARM669" s="613"/>
      <c r="ARN669" s="613"/>
      <c r="ARO669" s="613"/>
      <c r="ARP669" s="613"/>
      <c r="ARQ669" s="613"/>
      <c r="ARR669" s="613"/>
      <c r="ARS669" s="613"/>
      <c r="ART669" s="613"/>
      <c r="ARU669" s="613"/>
      <c r="ARV669" s="613"/>
      <c r="ARW669" s="613"/>
      <c r="ARX669" s="613"/>
      <c r="ARY669" s="613"/>
      <c r="ARZ669" s="613"/>
      <c r="ASA669" s="613"/>
      <c r="ASB669" s="613"/>
      <c r="ASC669" s="613"/>
      <c r="ASD669" s="613"/>
      <c r="ASE669" s="613"/>
      <c r="ASF669" s="613"/>
      <c r="ASG669" s="613"/>
      <c r="ASH669" s="613"/>
      <c r="ASI669" s="613"/>
      <c r="ASJ669" s="613"/>
      <c r="ASK669" s="613"/>
      <c r="ASL669" s="613"/>
      <c r="ASM669" s="613"/>
      <c r="ASN669" s="613"/>
      <c r="ASO669" s="613"/>
      <c r="ASP669" s="613"/>
      <c r="ASQ669" s="613"/>
      <c r="ASR669" s="613"/>
      <c r="ASS669" s="613"/>
      <c r="AST669" s="613"/>
      <c r="ASU669" s="613"/>
      <c r="ASV669" s="613"/>
      <c r="ASW669" s="613"/>
      <c r="ASX669" s="613"/>
      <c r="ASY669" s="613"/>
      <c r="ASZ669" s="613"/>
      <c r="ATA669" s="613"/>
      <c r="ATB669" s="613"/>
      <c r="ATC669" s="613"/>
      <c r="ATD669" s="613"/>
      <c r="ATE669" s="613"/>
      <c r="ATF669" s="613"/>
      <c r="ATG669" s="613"/>
      <c r="ATH669" s="613"/>
      <c r="ATI669" s="613"/>
      <c r="ATJ669" s="613"/>
      <c r="ATK669" s="613"/>
      <c r="ATL669" s="613"/>
      <c r="ATM669" s="613"/>
      <c r="ATN669" s="613"/>
      <c r="ATO669" s="613"/>
      <c r="ATP669" s="613"/>
      <c r="ATQ669" s="613"/>
      <c r="ATR669" s="613"/>
      <c r="ATS669" s="613"/>
      <c r="ATT669" s="613"/>
      <c r="ATU669" s="613"/>
      <c r="ATV669" s="613"/>
      <c r="ATW669" s="613"/>
      <c r="ATX669" s="613"/>
      <c r="ATY669" s="613"/>
      <c r="ATZ669" s="613"/>
      <c r="AUA669" s="613"/>
      <c r="AUB669" s="613"/>
      <c r="AUC669" s="613"/>
      <c r="AUD669" s="613"/>
      <c r="AUE669" s="613"/>
      <c r="AUF669" s="613"/>
      <c r="AUG669" s="613"/>
      <c r="AUH669" s="613"/>
      <c r="AUI669" s="613"/>
      <c r="AUJ669" s="613"/>
      <c r="AUK669" s="613"/>
      <c r="AUL669" s="613"/>
      <c r="AUM669" s="613"/>
      <c r="AUN669" s="613"/>
      <c r="AUO669" s="613"/>
      <c r="AUP669" s="613"/>
      <c r="AUQ669" s="613"/>
      <c r="AUR669" s="613"/>
      <c r="AUS669" s="613"/>
      <c r="AUT669" s="613"/>
      <c r="AUU669" s="613"/>
      <c r="AUV669" s="613"/>
      <c r="AUW669" s="613"/>
      <c r="AUX669" s="613"/>
      <c r="AUY669" s="613"/>
      <c r="AUZ669" s="613"/>
      <c r="AVA669" s="613"/>
      <c r="AVB669" s="613"/>
      <c r="AVC669" s="613"/>
      <c r="AVD669" s="613"/>
      <c r="AVE669" s="613"/>
      <c r="AVF669" s="613"/>
      <c r="AVG669" s="613"/>
      <c r="AVH669" s="613"/>
      <c r="AVI669" s="613"/>
      <c r="AVJ669" s="613"/>
      <c r="AVK669" s="613"/>
      <c r="AVL669" s="613"/>
      <c r="AVM669" s="613"/>
      <c r="AVN669" s="613"/>
      <c r="AVO669" s="613"/>
      <c r="AVP669" s="613"/>
      <c r="AVQ669" s="613"/>
      <c r="AVR669" s="613"/>
      <c r="AVS669" s="613"/>
      <c r="AVT669" s="613"/>
      <c r="AVU669" s="613"/>
      <c r="AVV669" s="613"/>
      <c r="AVW669" s="613"/>
      <c r="AVX669" s="613"/>
      <c r="AVY669" s="613"/>
      <c r="AVZ669" s="613"/>
      <c r="AWA669" s="613"/>
      <c r="AWB669" s="613"/>
      <c r="AWC669" s="613"/>
      <c r="AWD669" s="613"/>
      <c r="AWE669" s="613"/>
      <c r="AWF669" s="613"/>
      <c r="AWG669" s="613"/>
      <c r="AWH669" s="613"/>
      <c r="AWI669" s="613"/>
      <c r="AWJ669" s="613"/>
      <c r="AWK669" s="613"/>
      <c r="AWL669" s="613"/>
      <c r="AWM669" s="613"/>
      <c r="AWN669" s="613"/>
      <c r="AWO669" s="613"/>
      <c r="AWP669" s="613"/>
      <c r="AWQ669" s="613"/>
      <c r="AWR669" s="613"/>
      <c r="AWS669" s="613"/>
      <c r="AWT669" s="613"/>
      <c r="AWU669" s="613"/>
      <c r="AWV669" s="613"/>
      <c r="AWW669" s="613"/>
      <c r="AWX669" s="613"/>
      <c r="AWY669" s="613"/>
      <c r="AWZ669" s="613"/>
      <c r="AXA669" s="613"/>
      <c r="AXB669" s="613"/>
      <c r="AXC669" s="613"/>
      <c r="AXD669" s="613"/>
      <c r="AXE669" s="613"/>
      <c r="AXF669" s="613"/>
      <c r="AXG669" s="613"/>
      <c r="AXH669" s="613"/>
      <c r="AXI669" s="613"/>
      <c r="AXJ669" s="613"/>
      <c r="AXK669" s="613"/>
      <c r="AXL669" s="613"/>
      <c r="AXM669" s="613"/>
      <c r="AXN669" s="613"/>
      <c r="AXO669" s="613"/>
      <c r="AXP669" s="613"/>
      <c r="AXQ669" s="613"/>
      <c r="AXR669" s="613"/>
      <c r="AXS669" s="613"/>
      <c r="AXT669" s="613"/>
      <c r="AXU669" s="613"/>
      <c r="AXV669" s="613"/>
      <c r="AXW669" s="613"/>
      <c r="AXX669" s="613"/>
      <c r="AXY669" s="613"/>
      <c r="AXZ669" s="613"/>
      <c r="AYA669" s="613"/>
      <c r="AYB669" s="613"/>
      <c r="AYC669" s="613"/>
      <c r="AYD669" s="613"/>
      <c r="AYE669" s="613"/>
      <c r="AYF669" s="613"/>
      <c r="AYG669" s="613"/>
      <c r="AYH669" s="613"/>
      <c r="AYI669" s="613"/>
      <c r="AYJ669" s="613"/>
      <c r="AYK669" s="613"/>
      <c r="AYL669" s="613"/>
      <c r="AYM669" s="613"/>
      <c r="AYN669" s="613"/>
      <c r="AYO669" s="613"/>
      <c r="AYP669" s="613"/>
      <c r="AYQ669" s="613"/>
      <c r="AYR669" s="613"/>
      <c r="AYS669" s="613"/>
      <c r="AYT669" s="613"/>
      <c r="AYU669" s="613"/>
      <c r="AYV669" s="613"/>
      <c r="AYW669" s="613"/>
      <c r="AYX669" s="613"/>
      <c r="AYY669" s="613"/>
      <c r="AYZ669" s="613"/>
      <c r="AZA669" s="613"/>
      <c r="AZB669" s="613"/>
      <c r="AZC669" s="613"/>
      <c r="AZD669" s="613"/>
      <c r="AZE669" s="613"/>
      <c r="AZF669" s="613"/>
      <c r="AZG669" s="613"/>
      <c r="AZH669" s="613"/>
      <c r="AZI669" s="613"/>
      <c r="AZJ669" s="613"/>
      <c r="AZK669" s="613"/>
      <c r="AZL669" s="613"/>
      <c r="AZM669" s="613"/>
      <c r="AZN669" s="613"/>
      <c r="AZO669" s="613"/>
      <c r="AZP669" s="613"/>
      <c r="AZQ669" s="613"/>
      <c r="AZR669" s="613"/>
      <c r="AZS669" s="613"/>
      <c r="AZT669" s="613"/>
      <c r="AZU669" s="613"/>
      <c r="AZV669" s="613"/>
      <c r="AZW669" s="613"/>
      <c r="AZX669" s="613"/>
      <c r="AZY669" s="613"/>
      <c r="AZZ669" s="613"/>
      <c r="BAA669" s="613"/>
      <c r="BAB669" s="613"/>
      <c r="BAC669" s="613"/>
      <c r="BAD669" s="613"/>
      <c r="BAE669" s="613"/>
      <c r="BAF669" s="613"/>
      <c r="BAG669" s="613"/>
      <c r="BAH669" s="613"/>
      <c r="BAI669" s="613"/>
      <c r="BAJ669" s="613"/>
      <c r="BAK669" s="613"/>
      <c r="BAL669" s="613"/>
      <c r="BAM669" s="613"/>
      <c r="BAN669" s="613"/>
      <c r="BAO669" s="613"/>
      <c r="BAP669" s="613"/>
      <c r="BAQ669" s="613"/>
      <c r="BAR669" s="613"/>
      <c r="BAS669" s="613"/>
      <c r="BAT669" s="613"/>
      <c r="BAU669" s="613"/>
      <c r="BAV669" s="613"/>
      <c r="BAW669" s="613"/>
      <c r="BAX669" s="613"/>
      <c r="BAY669" s="613"/>
      <c r="BAZ669" s="613"/>
      <c r="BBA669" s="613"/>
      <c r="BBB669" s="613"/>
      <c r="BBC669" s="613"/>
      <c r="BBD669" s="613"/>
      <c r="BBE669" s="613"/>
      <c r="BBF669" s="613"/>
      <c r="BBG669" s="613"/>
      <c r="BBH669" s="613"/>
      <c r="BBI669" s="613"/>
      <c r="BBJ669" s="613"/>
      <c r="BBK669" s="613"/>
      <c r="BBL669" s="613"/>
      <c r="BBM669" s="613"/>
      <c r="BBN669" s="613"/>
      <c r="BBO669" s="613"/>
      <c r="BBP669" s="613"/>
      <c r="BBQ669" s="613"/>
      <c r="BBR669" s="613"/>
      <c r="BBS669" s="613"/>
      <c r="BBT669" s="613"/>
      <c r="BBU669" s="613"/>
      <c r="BBV669" s="613"/>
      <c r="BBW669" s="613"/>
      <c r="BBX669" s="613"/>
      <c r="BBY669" s="613"/>
      <c r="BBZ669" s="613"/>
      <c r="BCA669" s="613"/>
      <c r="BCB669" s="613"/>
      <c r="BCC669" s="613"/>
      <c r="BCD669" s="613"/>
      <c r="BCE669" s="613"/>
      <c r="BCF669" s="613"/>
      <c r="BCG669" s="613"/>
      <c r="BCH669" s="613"/>
      <c r="BCI669" s="613"/>
      <c r="BCJ669" s="613"/>
      <c r="BCK669" s="613"/>
      <c r="BCL669" s="613"/>
      <c r="BCM669" s="613"/>
      <c r="BCN669" s="613"/>
      <c r="BCO669" s="613"/>
      <c r="BCP669" s="613"/>
      <c r="BCQ669" s="613"/>
      <c r="BCR669" s="613"/>
      <c r="BCS669" s="613"/>
      <c r="BCT669" s="613"/>
      <c r="BCU669" s="613"/>
      <c r="BCV669" s="613"/>
      <c r="BCW669" s="613"/>
      <c r="BCX669" s="613"/>
      <c r="BCY669" s="613"/>
      <c r="BCZ669" s="613"/>
      <c r="BDA669" s="613"/>
      <c r="BDB669" s="613"/>
      <c r="BDC669" s="613"/>
      <c r="BDD669" s="613"/>
      <c r="BDE669" s="613"/>
      <c r="BDF669" s="613"/>
      <c r="BDG669" s="613"/>
      <c r="BDH669" s="613"/>
      <c r="BDI669" s="613"/>
      <c r="BDJ669" s="613"/>
      <c r="BDK669" s="613"/>
      <c r="BDL669" s="613"/>
      <c r="BDM669" s="613"/>
      <c r="BDN669" s="613"/>
      <c r="BDO669" s="613"/>
      <c r="BDP669" s="613"/>
      <c r="BDQ669" s="613"/>
      <c r="BDR669" s="613"/>
      <c r="BDS669" s="613"/>
      <c r="BDT669" s="613"/>
      <c r="BDU669" s="613"/>
      <c r="BDV669" s="613"/>
      <c r="BDW669" s="613"/>
      <c r="BDX669" s="613"/>
      <c r="BDY669" s="613"/>
      <c r="BDZ669" s="613"/>
      <c r="BEA669" s="613"/>
      <c r="BEB669" s="613"/>
      <c r="BEC669" s="613"/>
      <c r="BED669" s="613"/>
      <c r="BEE669" s="613"/>
      <c r="BEF669" s="613"/>
      <c r="BEG669" s="613"/>
      <c r="BEH669" s="613"/>
      <c r="BEI669" s="613"/>
      <c r="BEJ669" s="613"/>
      <c r="BEK669" s="613"/>
      <c r="BEL669" s="613"/>
      <c r="BEM669" s="613"/>
      <c r="BEN669" s="613"/>
      <c r="BEO669" s="613"/>
      <c r="BEP669" s="613"/>
      <c r="BEQ669" s="613"/>
      <c r="BER669" s="613"/>
      <c r="BES669" s="613"/>
      <c r="BET669" s="613"/>
      <c r="BEU669" s="613"/>
      <c r="BEV669" s="613"/>
      <c r="BEW669" s="613"/>
      <c r="BEX669" s="613"/>
      <c r="BEY669" s="613"/>
      <c r="BEZ669" s="613"/>
      <c r="BFA669" s="613"/>
      <c r="BFB669" s="613"/>
      <c r="BFC669" s="613"/>
      <c r="BFD669" s="613"/>
      <c r="BFE669" s="613"/>
      <c r="BFF669" s="613"/>
      <c r="BFG669" s="613"/>
      <c r="BFH669" s="613"/>
      <c r="BFI669" s="613"/>
      <c r="BFJ669" s="613"/>
      <c r="BFK669" s="613"/>
      <c r="BFL669" s="613"/>
      <c r="BFM669" s="613"/>
      <c r="BFN669" s="613"/>
      <c r="BFO669" s="613"/>
      <c r="BFP669" s="613"/>
      <c r="BFQ669" s="613"/>
      <c r="BFR669" s="613"/>
      <c r="BFS669" s="613"/>
      <c r="BFT669" s="613"/>
      <c r="BFU669" s="613"/>
      <c r="BFV669" s="613"/>
      <c r="BFW669" s="613"/>
      <c r="BFX669" s="613"/>
      <c r="BFY669" s="613"/>
      <c r="BFZ669" s="613"/>
      <c r="BGA669" s="613"/>
      <c r="BGB669" s="613"/>
      <c r="BGC669" s="613"/>
      <c r="BGD669" s="613"/>
      <c r="BGE669" s="613"/>
      <c r="BGF669" s="613"/>
      <c r="BGG669" s="613"/>
      <c r="BGH669" s="613"/>
      <c r="BGI669" s="613"/>
      <c r="BGJ669" s="613"/>
      <c r="BGK669" s="613"/>
      <c r="BGL669" s="613"/>
      <c r="BGM669" s="613"/>
      <c r="BGN669" s="613"/>
      <c r="BGO669" s="613"/>
      <c r="BGP669" s="613"/>
      <c r="BGQ669" s="613"/>
      <c r="BGR669" s="613"/>
      <c r="BGS669" s="613"/>
      <c r="BGT669" s="613"/>
      <c r="BGU669" s="613"/>
      <c r="BGV669" s="613"/>
      <c r="BGW669" s="613"/>
      <c r="BGX669" s="613"/>
      <c r="BGY669" s="613"/>
      <c r="BGZ669" s="613"/>
      <c r="BHA669" s="613"/>
      <c r="BHB669" s="613"/>
      <c r="BHC669" s="613"/>
      <c r="BHD669" s="613"/>
      <c r="BHE669" s="613"/>
      <c r="BHF669" s="613"/>
      <c r="BHG669" s="613"/>
      <c r="BHH669" s="613"/>
      <c r="BHI669" s="613"/>
      <c r="BHJ669" s="613"/>
      <c r="BHK669" s="613"/>
      <c r="BHL669" s="613"/>
      <c r="BHM669" s="613"/>
      <c r="BHN669" s="613"/>
      <c r="BHO669" s="613"/>
      <c r="BHP669" s="613"/>
      <c r="BHQ669" s="613"/>
      <c r="BHR669" s="613"/>
      <c r="BHS669" s="613"/>
      <c r="BHT669" s="613"/>
      <c r="BHU669" s="613"/>
      <c r="BHV669" s="613"/>
      <c r="BHW669" s="613"/>
      <c r="BHX669" s="613"/>
      <c r="BHY669" s="613"/>
      <c r="BHZ669" s="613"/>
      <c r="BIA669" s="613"/>
      <c r="BIB669" s="613"/>
      <c r="BIC669" s="613"/>
      <c r="BID669" s="613"/>
      <c r="BIE669" s="613"/>
      <c r="BIF669" s="613"/>
      <c r="BIG669" s="613"/>
      <c r="BIH669" s="613"/>
      <c r="BII669" s="613"/>
      <c r="BIJ669" s="613"/>
      <c r="BIK669" s="613"/>
      <c r="BIL669" s="613"/>
      <c r="BIM669" s="613"/>
      <c r="BIN669" s="613"/>
      <c r="BIO669" s="613"/>
      <c r="BIP669" s="613"/>
      <c r="BIQ669" s="613"/>
      <c r="BIR669" s="613"/>
      <c r="BIS669" s="613"/>
      <c r="BIT669" s="613"/>
      <c r="BIU669" s="613"/>
      <c r="BIV669" s="613"/>
      <c r="BIW669" s="613"/>
      <c r="BIX669" s="613"/>
      <c r="BIY669" s="613"/>
      <c r="BIZ669" s="613"/>
      <c r="BJA669" s="613"/>
      <c r="BJB669" s="613"/>
      <c r="BJC669" s="613"/>
      <c r="BJD669" s="613"/>
      <c r="BJE669" s="613"/>
      <c r="BJF669" s="613"/>
      <c r="BJG669" s="613"/>
      <c r="BJH669" s="613"/>
      <c r="BJI669" s="613"/>
      <c r="BJJ669" s="613"/>
      <c r="BJK669" s="613"/>
      <c r="BJL669" s="613"/>
      <c r="BJM669" s="613"/>
      <c r="BJN669" s="613"/>
      <c r="BJO669" s="613"/>
      <c r="BJP669" s="613"/>
      <c r="BJQ669" s="613"/>
      <c r="BJR669" s="613"/>
      <c r="BJS669" s="613"/>
      <c r="BJT669" s="613"/>
      <c r="BJU669" s="613"/>
      <c r="BJV669" s="613"/>
      <c r="BJW669" s="613"/>
      <c r="BJX669" s="613"/>
      <c r="BJY669" s="613"/>
      <c r="BJZ669" s="613"/>
      <c r="BKA669" s="613"/>
      <c r="BKB669" s="613"/>
      <c r="BKC669" s="613"/>
      <c r="BKD669" s="613"/>
      <c r="BKE669" s="613"/>
      <c r="BKF669" s="613"/>
      <c r="BKG669" s="613"/>
      <c r="BKH669" s="613"/>
      <c r="BKI669" s="613"/>
      <c r="BKJ669" s="613"/>
      <c r="BKK669" s="613"/>
      <c r="BKL669" s="613"/>
      <c r="BKM669" s="613"/>
      <c r="BKN669" s="613"/>
      <c r="BKO669" s="613"/>
      <c r="BKP669" s="613"/>
      <c r="BKQ669" s="613"/>
      <c r="BKR669" s="613"/>
      <c r="BKS669" s="613"/>
      <c r="BKT669" s="613"/>
      <c r="BKU669" s="613"/>
      <c r="BKV669" s="613"/>
      <c r="BKW669" s="613"/>
      <c r="BKX669" s="613"/>
      <c r="BKY669" s="613"/>
      <c r="BKZ669" s="613"/>
      <c r="BLA669" s="613"/>
      <c r="BLB669" s="613"/>
      <c r="BLC669" s="613"/>
      <c r="BLD669" s="613"/>
      <c r="BLE669" s="613"/>
      <c r="BLF669" s="613"/>
      <c r="BLG669" s="613"/>
      <c r="BLH669" s="613"/>
      <c r="BLI669" s="613"/>
      <c r="BLJ669" s="613"/>
      <c r="BLK669" s="613"/>
      <c r="BLL669" s="613"/>
      <c r="BLM669" s="613"/>
      <c r="BLN669" s="613"/>
      <c r="BLO669" s="613"/>
      <c r="BLP669" s="613"/>
      <c r="BLQ669" s="613"/>
      <c r="BLR669" s="613"/>
      <c r="BLS669" s="613"/>
      <c r="BLT669" s="613"/>
      <c r="BLU669" s="613"/>
      <c r="BLV669" s="613"/>
      <c r="BLW669" s="613"/>
      <c r="BLX669" s="613"/>
      <c r="BLY669" s="613"/>
      <c r="BLZ669" s="613"/>
      <c r="BMA669" s="613"/>
      <c r="BMB669" s="613"/>
      <c r="BMC669" s="613"/>
      <c r="BMD669" s="613"/>
      <c r="BME669" s="613"/>
      <c r="BMF669" s="613"/>
      <c r="BMG669" s="613"/>
      <c r="BMH669" s="613"/>
      <c r="BMI669" s="613"/>
      <c r="BMJ669" s="613"/>
      <c r="BMK669" s="613"/>
      <c r="BML669" s="613"/>
      <c r="BMM669" s="613"/>
      <c r="BMN669" s="613"/>
      <c r="BMO669" s="613"/>
      <c r="BMP669" s="613"/>
      <c r="BMQ669" s="613"/>
      <c r="BMR669" s="613"/>
      <c r="BMS669" s="613"/>
      <c r="BMT669" s="613"/>
      <c r="BMU669" s="613"/>
      <c r="BMV669" s="613"/>
      <c r="BMW669" s="613"/>
      <c r="BMX669" s="613"/>
      <c r="BMY669" s="613"/>
      <c r="BMZ669" s="613"/>
      <c r="BNA669" s="613"/>
      <c r="BNB669" s="613"/>
      <c r="BNC669" s="613"/>
      <c r="BND669" s="613"/>
      <c r="BNE669" s="613"/>
      <c r="BNF669" s="613"/>
      <c r="BNG669" s="613"/>
      <c r="BNH669" s="613"/>
      <c r="BNI669" s="613"/>
      <c r="BNJ669" s="613"/>
      <c r="BNK669" s="613"/>
      <c r="BNL669" s="613"/>
      <c r="BNM669" s="613"/>
      <c r="BNN669" s="613"/>
      <c r="BNO669" s="613"/>
      <c r="BNP669" s="613"/>
      <c r="BNQ669" s="613"/>
      <c r="BNR669" s="613"/>
      <c r="BNS669" s="613"/>
      <c r="BNT669" s="613"/>
      <c r="BNU669" s="613"/>
      <c r="BNV669" s="613"/>
      <c r="BNW669" s="613"/>
      <c r="BNX669" s="613"/>
      <c r="BNY669" s="613"/>
      <c r="BNZ669" s="613"/>
      <c r="BOA669" s="613"/>
      <c r="BOB669" s="613"/>
      <c r="BOC669" s="613"/>
      <c r="BOD669" s="613"/>
      <c r="BOE669" s="613"/>
      <c r="BOF669" s="613"/>
      <c r="BOG669" s="613"/>
      <c r="BOH669" s="613"/>
      <c r="BOI669" s="613"/>
      <c r="BOJ669" s="613"/>
      <c r="BOK669" s="613"/>
      <c r="BOL669" s="613"/>
      <c r="BOM669" s="613"/>
      <c r="BON669" s="613"/>
      <c r="BOO669" s="613"/>
      <c r="BOP669" s="613"/>
      <c r="BOQ669" s="613"/>
      <c r="BOR669" s="613"/>
      <c r="BOS669" s="613"/>
      <c r="BOT669" s="613"/>
      <c r="BOU669" s="613"/>
      <c r="BOV669" s="613"/>
      <c r="BOW669" s="613"/>
      <c r="BOX669" s="613"/>
      <c r="BOY669" s="613"/>
      <c r="BOZ669" s="613"/>
      <c r="BPA669" s="613"/>
      <c r="BPB669" s="613"/>
      <c r="BPC669" s="613"/>
      <c r="BPD669" s="613"/>
      <c r="BPE669" s="613"/>
      <c r="BPF669" s="613"/>
      <c r="BPG669" s="613"/>
      <c r="BPH669" s="613"/>
      <c r="BPI669" s="613"/>
      <c r="BPJ669" s="613"/>
      <c r="BPK669" s="613"/>
      <c r="BPL669" s="613"/>
      <c r="BPM669" s="613"/>
      <c r="BPN669" s="613"/>
      <c r="BPO669" s="613"/>
      <c r="BPP669" s="613"/>
      <c r="BPQ669" s="613"/>
      <c r="BPR669" s="613"/>
      <c r="BPS669" s="613"/>
      <c r="BPT669" s="613"/>
      <c r="BPU669" s="613"/>
      <c r="BPV669" s="613"/>
      <c r="BPW669" s="613"/>
      <c r="BPX669" s="613"/>
      <c r="BPY669" s="613"/>
      <c r="BPZ669" s="613"/>
      <c r="BQA669" s="613"/>
      <c r="BQB669" s="613"/>
      <c r="BQC669" s="613"/>
      <c r="BQD669" s="613"/>
      <c r="BQE669" s="613"/>
      <c r="BQF669" s="613"/>
      <c r="BQG669" s="613"/>
      <c r="BQH669" s="613"/>
      <c r="BQI669" s="613"/>
      <c r="BQJ669" s="613"/>
      <c r="BQK669" s="613"/>
      <c r="BQL669" s="613"/>
      <c r="BQM669" s="613"/>
      <c r="BQN669" s="613"/>
      <c r="BQO669" s="613"/>
      <c r="BQP669" s="613"/>
      <c r="BQQ669" s="613"/>
      <c r="BQR669" s="613"/>
      <c r="BQS669" s="613"/>
      <c r="BQT669" s="613"/>
      <c r="BQU669" s="613"/>
      <c r="BQV669" s="613"/>
      <c r="BQW669" s="613"/>
      <c r="BQX669" s="613"/>
      <c r="BQY669" s="613"/>
      <c r="BQZ669" s="613"/>
      <c r="BRA669" s="613"/>
      <c r="BRB669" s="613"/>
      <c r="BRC669" s="613"/>
      <c r="BRD669" s="613"/>
      <c r="BRE669" s="613"/>
      <c r="BRF669" s="613"/>
      <c r="BRG669" s="613"/>
      <c r="BRH669" s="613"/>
      <c r="BRI669" s="613"/>
      <c r="BRJ669" s="613"/>
      <c r="BRK669" s="613"/>
      <c r="BRL669" s="613"/>
      <c r="BRM669" s="613"/>
      <c r="BRN669" s="613"/>
      <c r="BRO669" s="613"/>
      <c r="BRP669" s="613"/>
      <c r="BRQ669" s="613"/>
      <c r="BRR669" s="613"/>
      <c r="BRS669" s="613"/>
      <c r="BRT669" s="613"/>
      <c r="BRU669" s="613"/>
      <c r="BRV669" s="613"/>
      <c r="BRW669" s="613"/>
      <c r="BRX669" s="613"/>
      <c r="BRY669" s="613"/>
      <c r="BRZ669" s="613"/>
      <c r="BSA669" s="613"/>
      <c r="BSB669" s="613"/>
      <c r="BSC669" s="613"/>
      <c r="BSD669" s="613"/>
      <c r="BSE669" s="613"/>
      <c r="BSF669" s="613"/>
      <c r="BSG669" s="613"/>
      <c r="BSH669" s="613"/>
      <c r="BSI669" s="613"/>
      <c r="BSJ669" s="613"/>
      <c r="BSK669" s="613"/>
      <c r="BSL669" s="613"/>
      <c r="BSM669" s="613"/>
      <c r="BSN669" s="613"/>
      <c r="BSO669" s="613"/>
      <c r="BSP669" s="613"/>
      <c r="BSQ669" s="613"/>
      <c r="BSR669" s="613"/>
      <c r="BSS669" s="613"/>
      <c r="BST669" s="613"/>
      <c r="BSU669" s="613"/>
      <c r="BSV669" s="613"/>
      <c r="BSW669" s="613"/>
      <c r="BSX669" s="613"/>
      <c r="BSY669" s="613"/>
      <c r="BSZ669" s="613"/>
      <c r="BTA669" s="613"/>
      <c r="BTB669" s="613"/>
      <c r="BTC669" s="613"/>
      <c r="BTD669" s="613"/>
      <c r="BTE669" s="613"/>
      <c r="BTF669" s="613"/>
      <c r="BTG669" s="613"/>
      <c r="BTH669" s="613"/>
      <c r="BTI669" s="613"/>
      <c r="BTJ669" s="613"/>
      <c r="BTK669" s="613"/>
      <c r="BTL669" s="613"/>
      <c r="BTM669" s="613"/>
      <c r="BTN669" s="613"/>
      <c r="BTO669" s="613"/>
      <c r="BTP669" s="613"/>
      <c r="BTQ669" s="613"/>
      <c r="BTR669" s="613"/>
      <c r="BTS669" s="613"/>
      <c r="BTT669" s="613"/>
      <c r="BTU669" s="613"/>
      <c r="BTV669" s="613"/>
      <c r="BTW669" s="613"/>
      <c r="BTX669" s="613"/>
      <c r="BTY669" s="613"/>
      <c r="BTZ669" s="613"/>
      <c r="BUA669" s="613"/>
      <c r="BUB669" s="613"/>
      <c r="BUC669" s="613"/>
      <c r="BUD669" s="613"/>
      <c r="BUE669" s="613"/>
      <c r="BUF669" s="613"/>
      <c r="BUG669" s="613"/>
      <c r="BUH669" s="613"/>
      <c r="BUI669" s="613"/>
      <c r="BUJ669" s="613"/>
      <c r="BUK669" s="613"/>
      <c r="BUL669" s="613"/>
      <c r="BUM669" s="613"/>
      <c r="BUN669" s="613"/>
      <c r="BUO669" s="613"/>
      <c r="BUP669" s="613"/>
      <c r="BUQ669" s="613"/>
      <c r="BUR669" s="613"/>
      <c r="BUS669" s="613"/>
      <c r="BUT669" s="613"/>
      <c r="BUU669" s="613"/>
      <c r="BUV669" s="613"/>
      <c r="BUW669" s="613"/>
      <c r="BUX669" s="613"/>
      <c r="BUY669" s="613"/>
      <c r="BUZ669" s="613"/>
      <c r="BVA669" s="613"/>
      <c r="BVB669" s="613"/>
      <c r="BVC669" s="613"/>
      <c r="BVD669" s="613"/>
      <c r="BVE669" s="613"/>
      <c r="BVF669" s="613"/>
      <c r="BVG669" s="613"/>
      <c r="BVH669" s="613"/>
      <c r="BVI669" s="613"/>
      <c r="BVJ669" s="613"/>
      <c r="BVK669" s="613"/>
      <c r="BVL669" s="613"/>
      <c r="BVM669" s="613"/>
      <c r="BVN669" s="613"/>
      <c r="BVO669" s="613"/>
      <c r="BVP669" s="613"/>
      <c r="BVQ669" s="613"/>
      <c r="BVR669" s="613"/>
      <c r="BVS669" s="613"/>
      <c r="BVT669" s="613"/>
      <c r="BVU669" s="613"/>
      <c r="BVV669" s="613"/>
      <c r="BVW669" s="613"/>
      <c r="BVX669" s="613"/>
      <c r="BVY669" s="613"/>
      <c r="BVZ669" s="613"/>
      <c r="BWA669" s="613"/>
      <c r="BWB669" s="613"/>
      <c r="BWC669" s="613"/>
      <c r="BWD669" s="613"/>
      <c r="BWE669" s="613"/>
      <c r="BWF669" s="613"/>
      <c r="BWG669" s="613"/>
      <c r="BWH669" s="613"/>
      <c r="BWI669" s="613"/>
      <c r="BWJ669" s="613"/>
      <c r="BWK669" s="613"/>
      <c r="BWL669" s="613"/>
      <c r="BWM669" s="613"/>
      <c r="BWN669" s="613"/>
      <c r="BWO669" s="613"/>
      <c r="BWP669" s="613"/>
      <c r="BWQ669" s="613"/>
      <c r="BWR669" s="613"/>
      <c r="BWS669" s="613"/>
      <c r="BWT669" s="613"/>
      <c r="BWU669" s="613"/>
      <c r="BWV669" s="613"/>
      <c r="BWW669" s="613"/>
      <c r="BWX669" s="613"/>
      <c r="BWY669" s="613"/>
      <c r="BWZ669" s="613"/>
      <c r="BXA669" s="613"/>
      <c r="BXB669" s="613"/>
      <c r="BXC669" s="613"/>
      <c r="BXD669" s="613"/>
      <c r="BXE669" s="613"/>
      <c r="BXF669" s="613"/>
      <c r="BXG669" s="613"/>
      <c r="BXH669" s="613"/>
      <c r="BXI669" s="613"/>
      <c r="BXJ669" s="613"/>
      <c r="BXK669" s="613"/>
      <c r="BXL669" s="613"/>
      <c r="BXM669" s="613"/>
      <c r="BXN669" s="613"/>
      <c r="BXO669" s="613"/>
      <c r="BXP669" s="613"/>
      <c r="BXQ669" s="613"/>
      <c r="BXR669" s="613"/>
      <c r="BXS669" s="613"/>
      <c r="BXT669" s="613"/>
      <c r="BXU669" s="613"/>
      <c r="BXV669" s="613"/>
      <c r="BXW669" s="613"/>
      <c r="BXX669" s="613"/>
      <c r="BXY669" s="613"/>
      <c r="BXZ669" s="613"/>
      <c r="BYA669" s="613"/>
      <c r="BYB669" s="613"/>
      <c r="BYC669" s="613"/>
      <c r="BYD669" s="613"/>
      <c r="BYE669" s="613"/>
      <c r="BYF669" s="613"/>
      <c r="BYG669" s="613"/>
      <c r="BYH669" s="613"/>
      <c r="BYI669" s="613"/>
      <c r="BYJ669" s="613"/>
      <c r="BYK669" s="613"/>
      <c r="BYL669" s="613"/>
      <c r="BYM669" s="613"/>
      <c r="BYN669" s="613"/>
      <c r="BYO669" s="613"/>
      <c r="BYP669" s="613"/>
      <c r="BYQ669" s="613"/>
      <c r="BYR669" s="613"/>
      <c r="BYS669" s="613"/>
      <c r="BYT669" s="613"/>
      <c r="BYU669" s="613"/>
      <c r="BYV669" s="613"/>
      <c r="BYW669" s="613"/>
      <c r="BYX669" s="613"/>
      <c r="BYY669" s="613"/>
      <c r="BYZ669" s="613"/>
      <c r="BZA669" s="613"/>
      <c r="BZB669" s="613"/>
      <c r="BZC669" s="613"/>
      <c r="BZD669" s="613"/>
      <c r="BZE669" s="613"/>
      <c r="BZF669" s="613"/>
      <c r="BZG669" s="613"/>
      <c r="BZH669" s="613"/>
      <c r="BZI669" s="613"/>
      <c r="BZJ669" s="613"/>
      <c r="BZK669" s="613"/>
      <c r="BZL669" s="613"/>
      <c r="BZM669" s="613"/>
      <c r="BZN669" s="613"/>
      <c r="BZO669" s="613"/>
      <c r="BZP669" s="613"/>
      <c r="BZQ669" s="613"/>
      <c r="BZR669" s="613"/>
      <c r="BZS669" s="613"/>
      <c r="BZT669" s="613"/>
      <c r="BZU669" s="613"/>
      <c r="BZV669" s="613"/>
      <c r="BZW669" s="613"/>
      <c r="BZX669" s="613"/>
      <c r="BZY669" s="613"/>
      <c r="BZZ669" s="613"/>
      <c r="CAA669" s="613"/>
      <c r="CAB669" s="613"/>
      <c r="CAC669" s="613"/>
      <c r="CAD669" s="613"/>
      <c r="CAE669" s="613"/>
      <c r="CAF669" s="613"/>
      <c r="CAG669" s="613"/>
      <c r="CAH669" s="613"/>
      <c r="CAI669" s="613"/>
      <c r="CAJ669" s="613"/>
      <c r="CAK669" s="613"/>
      <c r="CAL669" s="613"/>
      <c r="CAM669" s="613"/>
      <c r="CAN669" s="613"/>
      <c r="CAO669" s="613"/>
      <c r="CAP669" s="613"/>
      <c r="CAQ669" s="613"/>
      <c r="CAR669" s="613"/>
      <c r="CAS669" s="613"/>
      <c r="CAT669" s="613"/>
      <c r="CAU669" s="613"/>
      <c r="CAV669" s="613"/>
      <c r="CAW669" s="613"/>
      <c r="CAX669" s="613"/>
      <c r="CAY669" s="613"/>
      <c r="CAZ669" s="613"/>
      <c r="CBA669" s="613"/>
      <c r="CBB669" s="613"/>
      <c r="CBC669" s="613"/>
      <c r="CBD669" s="613"/>
      <c r="CBE669" s="613"/>
      <c r="CBF669" s="613"/>
      <c r="CBG669" s="613"/>
      <c r="CBH669" s="613"/>
      <c r="CBI669" s="613"/>
      <c r="CBJ669" s="613"/>
      <c r="CBK669" s="613"/>
      <c r="CBL669" s="613"/>
      <c r="CBM669" s="613"/>
      <c r="CBN669" s="613"/>
      <c r="CBO669" s="613"/>
      <c r="CBP669" s="613"/>
      <c r="CBQ669" s="613"/>
      <c r="CBR669" s="613"/>
      <c r="CBS669" s="613"/>
      <c r="CBT669" s="613"/>
      <c r="CBU669" s="613"/>
      <c r="CBV669" s="613"/>
      <c r="CBW669" s="613"/>
      <c r="CBX669" s="613"/>
      <c r="CBY669" s="613"/>
      <c r="CBZ669" s="613"/>
      <c r="CCA669" s="613"/>
      <c r="CCB669" s="613"/>
      <c r="CCC669" s="613"/>
      <c r="CCD669" s="613"/>
      <c r="CCE669" s="613"/>
      <c r="CCF669" s="613"/>
      <c r="CCG669" s="613"/>
      <c r="CCH669" s="613"/>
      <c r="CCI669" s="613"/>
      <c r="CCJ669" s="613"/>
      <c r="CCK669" s="613"/>
      <c r="CCL669" s="613"/>
      <c r="CCM669" s="613"/>
      <c r="CCN669" s="613"/>
      <c r="CCO669" s="613"/>
      <c r="CCP669" s="613"/>
      <c r="CCQ669" s="613"/>
      <c r="CCR669" s="613"/>
      <c r="CCS669" s="613"/>
      <c r="CCT669" s="613"/>
      <c r="CCU669" s="613"/>
      <c r="CCV669" s="613"/>
      <c r="CCW669" s="613"/>
      <c r="CCX669" s="613"/>
      <c r="CCY669" s="613"/>
      <c r="CCZ669" s="613"/>
      <c r="CDA669" s="613"/>
      <c r="CDB669" s="613"/>
      <c r="CDC669" s="613"/>
      <c r="CDD669" s="613"/>
      <c r="CDE669" s="613"/>
      <c r="CDF669" s="613"/>
      <c r="CDG669" s="613"/>
      <c r="CDH669" s="613"/>
      <c r="CDI669" s="613"/>
      <c r="CDJ669" s="613"/>
      <c r="CDK669" s="613"/>
      <c r="CDL669" s="613"/>
      <c r="CDM669" s="613"/>
      <c r="CDN669" s="613"/>
      <c r="CDO669" s="613"/>
      <c r="CDP669" s="613"/>
      <c r="CDQ669" s="613"/>
      <c r="CDR669" s="613"/>
      <c r="CDS669" s="613"/>
      <c r="CDT669" s="613"/>
      <c r="CDU669" s="613"/>
      <c r="CDV669" s="613"/>
      <c r="CDW669" s="613"/>
      <c r="CDX669" s="613"/>
      <c r="CDY669" s="613"/>
      <c r="CDZ669" s="613"/>
      <c r="CEA669" s="613"/>
      <c r="CEB669" s="613"/>
      <c r="CEC669" s="613"/>
      <c r="CED669" s="613"/>
      <c r="CEE669" s="613"/>
      <c r="CEF669" s="613"/>
      <c r="CEG669" s="613"/>
      <c r="CEH669" s="613"/>
      <c r="CEI669" s="613"/>
      <c r="CEJ669" s="613"/>
      <c r="CEK669" s="613"/>
      <c r="CEL669" s="613"/>
      <c r="CEM669" s="613"/>
      <c r="CEN669" s="613"/>
      <c r="CEO669" s="613"/>
      <c r="CEP669" s="613"/>
      <c r="CEQ669" s="613"/>
      <c r="CER669" s="613"/>
      <c r="CES669" s="613"/>
      <c r="CET669" s="613"/>
      <c r="CEU669" s="613"/>
      <c r="CEV669" s="613"/>
      <c r="CEW669" s="613"/>
      <c r="CEX669" s="613"/>
      <c r="CEY669" s="613"/>
      <c r="CEZ669" s="613"/>
      <c r="CFA669" s="613"/>
      <c r="CFB669" s="613"/>
      <c r="CFC669" s="613"/>
      <c r="CFD669" s="613"/>
      <c r="CFE669" s="613"/>
      <c r="CFF669" s="613"/>
      <c r="CFG669" s="613"/>
      <c r="CFH669" s="613"/>
      <c r="CFI669" s="613"/>
      <c r="CFJ669" s="613"/>
      <c r="CFK669" s="613"/>
      <c r="CFL669" s="613"/>
      <c r="CFM669" s="613"/>
      <c r="CFN669" s="613"/>
      <c r="CFO669" s="613"/>
      <c r="CFP669" s="613"/>
      <c r="CFQ669" s="613"/>
      <c r="CFR669" s="613"/>
      <c r="CFS669" s="613"/>
      <c r="CFT669" s="613"/>
      <c r="CFU669" s="613"/>
      <c r="CFV669" s="613"/>
      <c r="CFW669" s="613"/>
      <c r="CFX669" s="613"/>
      <c r="CFY669" s="613"/>
      <c r="CFZ669" s="613"/>
      <c r="CGA669" s="613"/>
      <c r="CGB669" s="613"/>
      <c r="CGC669" s="613"/>
      <c r="CGD669" s="613"/>
      <c r="CGE669" s="613"/>
      <c r="CGF669" s="613"/>
      <c r="CGG669" s="613"/>
      <c r="CGH669" s="613"/>
      <c r="CGI669" s="613"/>
      <c r="CGJ669" s="613"/>
      <c r="CGK669" s="613"/>
      <c r="CGL669" s="613"/>
      <c r="CGM669" s="613"/>
      <c r="CGN669" s="613"/>
      <c r="CGO669" s="613"/>
      <c r="CGP669" s="613"/>
      <c r="CGQ669" s="613"/>
      <c r="CGR669" s="613"/>
      <c r="CGS669" s="613"/>
      <c r="CGT669" s="613"/>
      <c r="CGU669" s="613"/>
      <c r="CGV669" s="613"/>
      <c r="CGW669" s="613"/>
      <c r="CGX669" s="613"/>
      <c r="CGY669" s="613"/>
      <c r="CGZ669" s="613"/>
      <c r="CHA669" s="613"/>
      <c r="CHB669" s="613"/>
      <c r="CHC669" s="613"/>
      <c r="CHD669" s="613"/>
      <c r="CHE669" s="613"/>
      <c r="CHF669" s="613"/>
      <c r="CHG669" s="613"/>
      <c r="CHH669" s="613"/>
      <c r="CHI669" s="613"/>
      <c r="CHJ669" s="613"/>
      <c r="CHK669" s="613"/>
      <c r="CHL669" s="613"/>
      <c r="CHM669" s="613"/>
      <c r="CHN669" s="613"/>
      <c r="CHO669" s="613"/>
      <c r="CHP669" s="613"/>
      <c r="CHQ669" s="613"/>
      <c r="CHR669" s="613"/>
      <c r="CHS669" s="613"/>
      <c r="CHT669" s="613"/>
      <c r="CHU669" s="613"/>
      <c r="CHV669" s="613"/>
      <c r="CHW669" s="613"/>
      <c r="CHX669" s="613"/>
      <c r="CHY669" s="613"/>
      <c r="CHZ669" s="613"/>
      <c r="CIA669" s="613"/>
      <c r="CIB669" s="613"/>
      <c r="CIC669" s="613"/>
      <c r="CID669" s="613"/>
      <c r="CIE669" s="613"/>
      <c r="CIF669" s="613"/>
      <c r="CIG669" s="613"/>
      <c r="CIH669" s="613"/>
      <c r="CII669" s="613"/>
      <c r="CIJ669" s="613"/>
      <c r="CIK669" s="613"/>
      <c r="CIL669" s="613"/>
      <c r="CIM669" s="613"/>
      <c r="CIN669" s="613"/>
      <c r="CIO669" s="613"/>
      <c r="CIP669" s="613"/>
      <c r="CIQ669" s="613"/>
      <c r="CIR669" s="613"/>
      <c r="CIS669" s="613"/>
      <c r="CIT669" s="613"/>
      <c r="CIU669" s="613"/>
      <c r="CIV669" s="613"/>
      <c r="CIW669" s="613"/>
      <c r="CIX669" s="613"/>
      <c r="CIY669" s="613"/>
      <c r="CIZ669" s="613"/>
      <c r="CJA669" s="613"/>
      <c r="CJB669" s="613"/>
      <c r="CJC669" s="613"/>
      <c r="CJD669" s="613"/>
      <c r="CJE669" s="613"/>
      <c r="CJF669" s="613"/>
      <c r="CJG669" s="613"/>
      <c r="CJH669" s="613"/>
      <c r="CJI669" s="613"/>
      <c r="CJJ669" s="613"/>
      <c r="CJK669" s="613"/>
      <c r="CJL669" s="613"/>
      <c r="CJM669" s="613"/>
      <c r="CJN669" s="613"/>
      <c r="CJO669" s="613"/>
      <c r="CJP669" s="613"/>
      <c r="CJQ669" s="613"/>
      <c r="CJR669" s="613"/>
      <c r="CJS669" s="613"/>
      <c r="CJT669" s="613"/>
      <c r="CJU669" s="613"/>
      <c r="CJV669" s="613"/>
      <c r="CJW669" s="613"/>
      <c r="CJX669" s="613"/>
      <c r="CJY669" s="613"/>
      <c r="CJZ669" s="613"/>
      <c r="CKA669" s="613"/>
      <c r="CKB669" s="613"/>
      <c r="CKC669" s="613"/>
      <c r="CKD669" s="613"/>
      <c r="CKE669" s="613"/>
      <c r="CKF669" s="613"/>
      <c r="CKG669" s="613"/>
      <c r="CKH669" s="613"/>
      <c r="CKI669" s="613"/>
      <c r="CKJ669" s="613"/>
      <c r="CKK669" s="613"/>
      <c r="CKL669" s="613"/>
      <c r="CKM669" s="613"/>
      <c r="CKN669" s="613"/>
      <c r="CKO669" s="613"/>
      <c r="CKP669" s="613"/>
      <c r="CKQ669" s="613"/>
      <c r="CKR669" s="613"/>
      <c r="CKS669" s="613"/>
      <c r="CKT669" s="613"/>
      <c r="CKU669" s="613"/>
      <c r="CKV669" s="613"/>
      <c r="CKW669" s="613"/>
      <c r="CKX669" s="613"/>
      <c r="CKY669" s="613"/>
      <c r="CKZ669" s="613"/>
      <c r="CLA669" s="613"/>
      <c r="CLB669" s="613"/>
      <c r="CLC669" s="613"/>
      <c r="CLD669" s="613"/>
      <c r="CLE669" s="613"/>
      <c r="CLF669" s="613"/>
      <c r="CLG669" s="613"/>
      <c r="CLH669" s="613"/>
      <c r="CLI669" s="613"/>
      <c r="CLJ669" s="613"/>
      <c r="CLK669" s="613"/>
      <c r="CLL669" s="613"/>
      <c r="CLM669" s="613"/>
      <c r="CLN669" s="613"/>
      <c r="CLO669" s="613"/>
      <c r="CLP669" s="613"/>
      <c r="CLQ669" s="613"/>
      <c r="CLR669" s="613"/>
      <c r="CLS669" s="613"/>
      <c r="CLT669" s="613"/>
      <c r="CLU669" s="613"/>
      <c r="CLV669" s="613"/>
      <c r="CLW669" s="613"/>
      <c r="CLX669" s="613"/>
      <c r="CLY669" s="613"/>
      <c r="CLZ669" s="613"/>
      <c r="CMA669" s="613"/>
      <c r="CMB669" s="613"/>
      <c r="CMC669" s="613"/>
      <c r="CMD669" s="613"/>
      <c r="CME669" s="613"/>
      <c r="CMF669" s="613"/>
      <c r="CMG669" s="613"/>
      <c r="CMH669" s="613"/>
      <c r="CMI669" s="613"/>
      <c r="CMJ669" s="613"/>
      <c r="CMK669" s="613"/>
      <c r="CML669" s="613"/>
      <c r="CMM669" s="613"/>
      <c r="CMN669" s="613"/>
      <c r="CMO669" s="613"/>
      <c r="CMP669" s="613"/>
      <c r="CMQ669" s="613"/>
      <c r="CMR669" s="613"/>
      <c r="CMS669" s="613"/>
      <c r="CMT669" s="613"/>
      <c r="CMU669" s="613"/>
      <c r="CMV669" s="613"/>
      <c r="CMW669" s="613"/>
      <c r="CMX669" s="613"/>
      <c r="CMY669" s="613"/>
      <c r="CMZ669" s="613"/>
      <c r="CNA669" s="613"/>
      <c r="CNB669" s="613"/>
      <c r="CNC669" s="613"/>
      <c r="CND669" s="613"/>
      <c r="CNE669" s="613"/>
      <c r="CNF669" s="613"/>
      <c r="CNG669" s="613"/>
      <c r="CNH669" s="613"/>
      <c r="CNI669" s="613"/>
      <c r="CNJ669" s="613"/>
      <c r="CNK669" s="613"/>
      <c r="CNL669" s="613"/>
      <c r="CNM669" s="613"/>
      <c r="CNN669" s="613"/>
      <c r="CNO669" s="613"/>
      <c r="CNP669" s="613"/>
      <c r="CNQ669" s="613"/>
      <c r="CNR669" s="613"/>
      <c r="CNS669" s="613"/>
      <c r="CNT669" s="613"/>
      <c r="CNU669" s="613"/>
      <c r="CNV669" s="613"/>
      <c r="CNW669" s="613"/>
      <c r="CNX669" s="613"/>
      <c r="CNY669" s="613"/>
      <c r="CNZ669" s="613"/>
      <c r="COA669" s="613"/>
      <c r="COB669" s="613"/>
      <c r="COC669" s="613"/>
      <c r="COD669" s="613"/>
      <c r="COE669" s="613"/>
      <c r="COF669" s="613"/>
      <c r="COG669" s="613"/>
      <c r="COH669" s="613"/>
      <c r="COI669" s="613"/>
      <c r="COJ669" s="613"/>
      <c r="COK669" s="613"/>
      <c r="COL669" s="613"/>
      <c r="COM669" s="613"/>
      <c r="CON669" s="613"/>
      <c r="COO669" s="613"/>
      <c r="COP669" s="613"/>
      <c r="COQ669" s="613"/>
      <c r="COR669" s="613"/>
      <c r="COS669" s="613"/>
      <c r="COT669" s="613"/>
      <c r="COU669" s="613"/>
      <c r="COV669" s="613"/>
      <c r="COW669" s="613"/>
      <c r="COX669" s="613"/>
      <c r="COY669" s="613"/>
      <c r="COZ669" s="613"/>
      <c r="CPA669" s="613"/>
      <c r="CPB669" s="613"/>
      <c r="CPC669" s="613"/>
      <c r="CPD669" s="613"/>
      <c r="CPE669" s="613"/>
      <c r="CPF669" s="613"/>
      <c r="CPG669" s="613"/>
      <c r="CPH669" s="613"/>
      <c r="CPI669" s="613"/>
      <c r="CPJ669" s="613"/>
      <c r="CPK669" s="613"/>
      <c r="CPL669" s="613"/>
      <c r="CPM669" s="613"/>
      <c r="CPN669" s="613"/>
      <c r="CPO669" s="613"/>
      <c r="CPP669" s="613"/>
      <c r="CPQ669" s="613"/>
      <c r="CPR669" s="613"/>
      <c r="CPS669" s="613"/>
      <c r="CPT669" s="613"/>
      <c r="CPU669" s="613"/>
      <c r="CPV669" s="613"/>
      <c r="CPW669" s="613"/>
      <c r="CPX669" s="613"/>
      <c r="CPY669" s="613"/>
      <c r="CPZ669" s="613"/>
      <c r="CQA669" s="613"/>
      <c r="CQB669" s="613"/>
      <c r="CQC669" s="613"/>
      <c r="CQD669" s="613"/>
      <c r="CQE669" s="613"/>
      <c r="CQF669" s="613"/>
      <c r="CQG669" s="613"/>
      <c r="CQH669" s="613"/>
      <c r="CQI669" s="613"/>
      <c r="CQJ669" s="613"/>
      <c r="CQK669" s="613"/>
      <c r="CQL669" s="613"/>
      <c r="CQM669" s="613"/>
      <c r="CQN669" s="613"/>
      <c r="CQO669" s="613"/>
      <c r="CQP669" s="613"/>
      <c r="CQQ669" s="613"/>
      <c r="CQR669" s="613"/>
      <c r="CQS669" s="613"/>
      <c r="CQT669" s="613"/>
      <c r="CQU669" s="613"/>
      <c r="CQV669" s="613"/>
      <c r="CQW669" s="613"/>
      <c r="CQX669" s="613"/>
      <c r="CQY669" s="613"/>
      <c r="CQZ669" s="613"/>
      <c r="CRA669" s="613"/>
      <c r="CRB669" s="613"/>
      <c r="CRC669" s="613"/>
      <c r="CRD669" s="613"/>
      <c r="CRE669" s="613"/>
      <c r="CRF669" s="613"/>
      <c r="CRG669" s="613"/>
      <c r="CRH669" s="613"/>
      <c r="CRI669" s="613"/>
      <c r="CRJ669" s="613"/>
      <c r="CRK669" s="613"/>
      <c r="CRL669" s="613"/>
      <c r="CRM669" s="613"/>
      <c r="CRN669" s="613"/>
      <c r="CRO669" s="613"/>
      <c r="CRP669" s="613"/>
      <c r="CRQ669" s="613"/>
      <c r="CRR669" s="613"/>
      <c r="CRS669" s="613"/>
      <c r="CRT669" s="613"/>
      <c r="CRU669" s="613"/>
      <c r="CRV669" s="613"/>
      <c r="CRW669" s="613"/>
      <c r="CRX669" s="613"/>
      <c r="CRY669" s="613"/>
      <c r="CRZ669" s="613"/>
      <c r="CSA669" s="613"/>
      <c r="CSB669" s="613"/>
      <c r="CSC669" s="613"/>
      <c r="CSD669" s="613"/>
      <c r="CSE669" s="613"/>
      <c r="CSF669" s="613"/>
      <c r="CSG669" s="613"/>
      <c r="CSH669" s="613"/>
      <c r="CSI669" s="613"/>
      <c r="CSJ669" s="613"/>
      <c r="CSK669" s="613"/>
      <c r="CSL669" s="613"/>
      <c r="CSM669" s="613"/>
      <c r="CSN669" s="613"/>
      <c r="CSO669" s="613"/>
      <c r="CSP669" s="613"/>
      <c r="CSQ669" s="613"/>
      <c r="CSR669" s="613"/>
      <c r="CSS669" s="613"/>
      <c r="CST669" s="613"/>
      <c r="CSU669" s="613"/>
      <c r="CSV669" s="613"/>
      <c r="CSW669" s="613"/>
      <c r="CSX669" s="613"/>
      <c r="CSY669" s="613"/>
      <c r="CSZ669" s="613"/>
      <c r="CTA669" s="613"/>
      <c r="CTB669" s="613"/>
      <c r="CTC669" s="613"/>
      <c r="CTD669" s="613"/>
      <c r="CTE669" s="613"/>
      <c r="CTF669" s="613"/>
      <c r="CTG669" s="613"/>
      <c r="CTH669" s="613"/>
      <c r="CTI669" s="613"/>
      <c r="CTJ669" s="613"/>
      <c r="CTK669" s="613"/>
      <c r="CTL669" s="613"/>
      <c r="CTM669" s="613"/>
      <c r="CTN669" s="613"/>
      <c r="CTO669" s="613"/>
      <c r="CTP669" s="613"/>
      <c r="CTQ669" s="613"/>
      <c r="CTR669" s="613"/>
      <c r="CTS669" s="613"/>
      <c r="CTT669" s="613"/>
      <c r="CTU669" s="613"/>
      <c r="CTV669" s="613"/>
      <c r="CTW669" s="613"/>
      <c r="CTX669" s="613"/>
      <c r="CTY669" s="613"/>
      <c r="CTZ669" s="613"/>
      <c r="CUA669" s="613"/>
      <c r="CUB669" s="613"/>
      <c r="CUC669" s="613"/>
      <c r="CUD669" s="613"/>
      <c r="CUE669" s="613"/>
      <c r="CUF669" s="613"/>
      <c r="CUG669" s="613"/>
      <c r="CUH669" s="613"/>
      <c r="CUI669" s="613"/>
      <c r="CUJ669" s="613"/>
      <c r="CUK669" s="613"/>
      <c r="CUL669" s="613"/>
      <c r="CUM669" s="613"/>
      <c r="CUN669" s="613"/>
      <c r="CUO669" s="613"/>
      <c r="CUP669" s="613"/>
      <c r="CUQ669" s="613"/>
      <c r="CUR669" s="613"/>
      <c r="CUS669" s="613"/>
      <c r="CUT669" s="613"/>
      <c r="CUU669" s="613"/>
      <c r="CUV669" s="613"/>
      <c r="CUW669" s="613"/>
      <c r="CUX669" s="613"/>
      <c r="CUY669" s="613"/>
      <c r="CUZ669" s="613"/>
      <c r="CVA669" s="613"/>
      <c r="CVB669" s="613"/>
      <c r="CVC669" s="613"/>
      <c r="CVD669" s="613"/>
      <c r="CVE669" s="613"/>
      <c r="CVF669" s="613"/>
      <c r="CVG669" s="613"/>
      <c r="CVH669" s="613"/>
      <c r="CVI669" s="613"/>
      <c r="CVJ669" s="613"/>
      <c r="CVK669" s="613"/>
      <c r="CVL669" s="613"/>
      <c r="CVM669" s="613"/>
      <c r="CVN669" s="613"/>
      <c r="CVO669" s="613"/>
      <c r="CVP669" s="613"/>
      <c r="CVQ669" s="613"/>
      <c r="CVR669" s="613"/>
      <c r="CVS669" s="613"/>
      <c r="CVT669" s="613"/>
      <c r="CVU669" s="613"/>
      <c r="CVV669" s="613"/>
      <c r="CVW669" s="613"/>
      <c r="CVX669" s="613"/>
      <c r="CVY669" s="613"/>
      <c r="CVZ669" s="613"/>
      <c r="CWA669" s="613"/>
      <c r="CWB669" s="613"/>
      <c r="CWC669" s="613"/>
      <c r="CWD669" s="613"/>
      <c r="CWE669" s="613"/>
      <c r="CWF669" s="613"/>
      <c r="CWG669" s="613"/>
      <c r="CWH669" s="613"/>
      <c r="CWI669" s="613"/>
      <c r="CWJ669" s="613"/>
      <c r="CWK669" s="613"/>
      <c r="CWL669" s="613"/>
      <c r="CWM669" s="613"/>
      <c r="CWN669" s="613"/>
      <c r="CWO669" s="613"/>
      <c r="CWP669" s="613"/>
      <c r="CWQ669" s="613"/>
      <c r="CWR669" s="613"/>
      <c r="CWS669" s="613"/>
      <c r="CWT669" s="613"/>
      <c r="CWU669" s="613"/>
      <c r="CWV669" s="613"/>
      <c r="CWW669" s="613"/>
      <c r="CWX669" s="613"/>
      <c r="CWY669" s="613"/>
      <c r="CWZ669" s="613"/>
      <c r="CXA669" s="613"/>
      <c r="CXB669" s="613"/>
      <c r="CXC669" s="613"/>
      <c r="CXD669" s="613"/>
      <c r="CXE669" s="613"/>
      <c r="CXF669" s="613"/>
      <c r="CXG669" s="613"/>
      <c r="CXH669" s="613"/>
      <c r="CXI669" s="613"/>
      <c r="CXJ669" s="613"/>
      <c r="CXK669" s="613"/>
      <c r="CXL669" s="613"/>
      <c r="CXM669" s="613"/>
      <c r="CXN669" s="613"/>
      <c r="CXO669" s="613"/>
      <c r="CXP669" s="613"/>
      <c r="CXQ669" s="613"/>
      <c r="CXR669" s="613"/>
      <c r="CXS669" s="613"/>
      <c r="CXT669" s="613"/>
      <c r="CXU669" s="613"/>
      <c r="CXV669" s="613"/>
      <c r="CXW669" s="613"/>
      <c r="CXX669" s="613"/>
      <c r="CXY669" s="613"/>
      <c r="CXZ669" s="613"/>
      <c r="CYA669" s="613"/>
      <c r="CYB669" s="613"/>
      <c r="CYC669" s="613"/>
      <c r="CYD669" s="613"/>
      <c r="CYE669" s="613"/>
      <c r="CYF669" s="613"/>
      <c r="CYG669" s="613"/>
      <c r="CYH669" s="613"/>
      <c r="CYI669" s="613"/>
      <c r="CYJ669" s="613"/>
      <c r="CYK669" s="613"/>
      <c r="CYL669" s="613"/>
      <c r="CYM669" s="613"/>
      <c r="CYN669" s="613"/>
      <c r="CYO669" s="613"/>
      <c r="CYP669" s="613"/>
      <c r="CYQ669" s="613"/>
      <c r="CYR669" s="613"/>
      <c r="CYS669" s="613"/>
      <c r="CYT669" s="613"/>
      <c r="CYU669" s="613"/>
      <c r="CYV669" s="613"/>
      <c r="CYW669" s="613"/>
      <c r="CYX669" s="613"/>
      <c r="CYY669" s="613"/>
      <c r="CYZ669" s="613"/>
      <c r="CZA669" s="613"/>
      <c r="CZB669" s="613"/>
      <c r="CZC669" s="613"/>
      <c r="CZD669" s="613"/>
      <c r="CZE669" s="613"/>
      <c r="CZF669" s="613"/>
      <c r="CZG669" s="613"/>
      <c r="CZH669" s="613"/>
      <c r="CZI669" s="613"/>
      <c r="CZJ669" s="613"/>
      <c r="CZK669" s="613"/>
      <c r="CZL669" s="613"/>
      <c r="CZM669" s="613"/>
      <c r="CZN669" s="613"/>
      <c r="CZO669" s="613"/>
      <c r="CZP669" s="613"/>
      <c r="CZQ669" s="613"/>
      <c r="CZR669" s="613"/>
      <c r="CZS669" s="613"/>
      <c r="CZT669" s="613"/>
      <c r="CZU669" s="613"/>
      <c r="CZV669" s="613"/>
      <c r="CZW669" s="613"/>
      <c r="CZX669" s="613"/>
      <c r="CZY669" s="613"/>
      <c r="CZZ669" s="613"/>
      <c r="DAA669" s="613"/>
      <c r="DAB669" s="613"/>
      <c r="DAC669" s="613"/>
      <c r="DAD669" s="613"/>
      <c r="DAE669" s="613"/>
      <c r="DAF669" s="613"/>
      <c r="DAG669" s="613"/>
      <c r="DAH669" s="613"/>
      <c r="DAI669" s="613"/>
      <c r="DAJ669" s="613"/>
      <c r="DAK669" s="613"/>
      <c r="DAL669" s="613"/>
      <c r="DAM669" s="613"/>
      <c r="DAN669" s="613"/>
      <c r="DAO669" s="613"/>
      <c r="DAP669" s="613"/>
      <c r="DAQ669" s="613"/>
      <c r="DAR669" s="613"/>
      <c r="DAS669" s="613"/>
      <c r="DAT669" s="613"/>
      <c r="DAU669" s="613"/>
      <c r="DAV669" s="613"/>
      <c r="DAW669" s="613"/>
      <c r="DAX669" s="613"/>
      <c r="DAY669" s="613"/>
      <c r="DAZ669" s="613"/>
      <c r="DBA669" s="613"/>
      <c r="DBB669" s="613"/>
      <c r="DBC669" s="613"/>
      <c r="DBD669" s="613"/>
      <c r="DBE669" s="613"/>
      <c r="DBF669" s="613"/>
      <c r="DBG669" s="613"/>
      <c r="DBH669" s="613"/>
      <c r="DBI669" s="613"/>
      <c r="DBJ669" s="613"/>
      <c r="DBK669" s="613"/>
      <c r="DBL669" s="613"/>
      <c r="DBM669" s="613"/>
      <c r="DBN669" s="613"/>
      <c r="DBO669" s="613"/>
      <c r="DBP669" s="613"/>
      <c r="DBQ669" s="613"/>
      <c r="DBR669" s="613"/>
      <c r="DBS669" s="613"/>
      <c r="DBT669" s="613"/>
      <c r="DBU669" s="613"/>
      <c r="DBV669" s="613"/>
      <c r="DBW669" s="613"/>
      <c r="DBX669" s="613"/>
      <c r="DBY669" s="613"/>
      <c r="DBZ669" s="613"/>
      <c r="DCA669" s="613"/>
      <c r="DCB669" s="613"/>
      <c r="DCC669" s="613"/>
      <c r="DCD669" s="613"/>
      <c r="DCE669" s="613"/>
      <c r="DCF669" s="613"/>
      <c r="DCG669" s="613"/>
      <c r="DCH669" s="613"/>
      <c r="DCI669" s="613"/>
      <c r="DCJ669" s="613"/>
      <c r="DCK669" s="613"/>
      <c r="DCL669" s="613"/>
      <c r="DCM669" s="613"/>
      <c r="DCN669" s="613"/>
      <c r="DCO669" s="613"/>
      <c r="DCP669" s="613"/>
      <c r="DCQ669" s="613"/>
      <c r="DCR669" s="613"/>
      <c r="DCS669" s="613"/>
      <c r="DCT669" s="613"/>
      <c r="DCU669" s="613"/>
      <c r="DCV669" s="613"/>
      <c r="DCW669" s="613"/>
      <c r="DCX669" s="613"/>
      <c r="DCY669" s="613"/>
      <c r="DCZ669" s="613"/>
      <c r="DDA669" s="613"/>
      <c r="DDB669" s="613"/>
      <c r="DDC669" s="613"/>
      <c r="DDD669" s="613"/>
      <c r="DDE669" s="613"/>
      <c r="DDF669" s="613"/>
      <c r="DDG669" s="613"/>
      <c r="DDH669" s="613"/>
      <c r="DDI669" s="613"/>
      <c r="DDJ669" s="613"/>
      <c r="DDK669" s="613"/>
      <c r="DDL669" s="613"/>
      <c r="DDM669" s="613"/>
      <c r="DDN669" s="613"/>
      <c r="DDO669" s="613"/>
      <c r="DDP669" s="613"/>
      <c r="DDQ669" s="613"/>
      <c r="DDR669" s="613"/>
      <c r="DDS669" s="613"/>
      <c r="DDT669" s="613"/>
      <c r="DDU669" s="613"/>
      <c r="DDV669" s="613"/>
      <c r="DDW669" s="613"/>
      <c r="DDX669" s="613"/>
      <c r="DDY669" s="613"/>
      <c r="DDZ669" s="613"/>
      <c r="DEA669" s="613"/>
      <c r="DEB669" s="613"/>
      <c r="DEC669" s="613"/>
      <c r="DED669" s="613"/>
      <c r="DEE669" s="613"/>
      <c r="DEF669" s="613"/>
      <c r="DEG669" s="613"/>
      <c r="DEH669" s="613"/>
      <c r="DEI669" s="613"/>
      <c r="DEJ669" s="613"/>
      <c r="DEK669" s="613"/>
      <c r="DEL669" s="613"/>
      <c r="DEM669" s="613"/>
      <c r="DEN669" s="613"/>
      <c r="DEO669" s="613"/>
      <c r="DEP669" s="613"/>
      <c r="DEQ669" s="613"/>
      <c r="DER669" s="613"/>
      <c r="DES669" s="613"/>
      <c r="DET669" s="613"/>
      <c r="DEU669" s="613"/>
      <c r="DEV669" s="613"/>
      <c r="DEW669" s="613"/>
      <c r="DEX669" s="613"/>
      <c r="DEY669" s="613"/>
      <c r="DEZ669" s="613"/>
      <c r="DFA669" s="613"/>
      <c r="DFB669" s="613"/>
      <c r="DFC669" s="613"/>
      <c r="DFD669" s="613"/>
      <c r="DFE669" s="613"/>
      <c r="DFF669" s="613"/>
      <c r="DFG669" s="613"/>
      <c r="DFH669" s="613"/>
      <c r="DFI669" s="613"/>
      <c r="DFJ669" s="613"/>
      <c r="DFK669" s="613"/>
      <c r="DFL669" s="613"/>
      <c r="DFM669" s="613"/>
      <c r="DFN669" s="613"/>
      <c r="DFO669" s="613"/>
      <c r="DFP669" s="613"/>
      <c r="DFQ669" s="613"/>
      <c r="DFR669" s="613"/>
      <c r="DFS669" s="613"/>
      <c r="DFT669" s="613"/>
      <c r="DFU669" s="613"/>
      <c r="DFV669" s="613"/>
      <c r="DFW669" s="613"/>
      <c r="DFX669" s="613"/>
      <c r="DFY669" s="613"/>
      <c r="DFZ669" s="613"/>
      <c r="DGA669" s="613"/>
      <c r="DGB669" s="613"/>
      <c r="DGC669" s="613"/>
      <c r="DGD669" s="613"/>
      <c r="DGE669" s="613"/>
      <c r="DGF669" s="613"/>
      <c r="DGG669" s="613"/>
      <c r="DGH669" s="613"/>
      <c r="DGI669" s="613"/>
      <c r="DGJ669" s="613"/>
      <c r="DGK669" s="613"/>
      <c r="DGL669" s="613"/>
      <c r="DGM669" s="613"/>
      <c r="DGN669" s="613"/>
      <c r="DGO669" s="613"/>
      <c r="DGP669" s="613"/>
      <c r="DGQ669" s="613"/>
      <c r="DGR669" s="613"/>
      <c r="DGS669" s="613"/>
      <c r="DGT669" s="613"/>
      <c r="DGU669" s="613"/>
      <c r="DGV669" s="613"/>
      <c r="DGW669" s="613"/>
      <c r="DGX669" s="613"/>
      <c r="DGY669" s="613"/>
      <c r="DGZ669" s="613"/>
      <c r="DHA669" s="613"/>
      <c r="DHB669" s="613"/>
      <c r="DHC669" s="613"/>
      <c r="DHD669" s="613"/>
      <c r="DHE669" s="613"/>
      <c r="DHF669" s="613"/>
      <c r="DHG669" s="613"/>
      <c r="DHH669" s="613"/>
      <c r="DHI669" s="613"/>
      <c r="DHJ669" s="613"/>
      <c r="DHK669" s="613"/>
      <c r="DHL669" s="613"/>
      <c r="DHM669" s="613"/>
      <c r="DHN669" s="613"/>
      <c r="DHO669" s="613"/>
      <c r="DHP669" s="613"/>
      <c r="DHQ669" s="613"/>
      <c r="DHR669" s="613"/>
      <c r="DHS669" s="613"/>
      <c r="DHT669" s="613"/>
      <c r="DHU669" s="613"/>
      <c r="DHV669" s="613"/>
      <c r="DHW669" s="613"/>
      <c r="DHX669" s="613"/>
      <c r="DHY669" s="613"/>
      <c r="DHZ669" s="613"/>
      <c r="DIA669" s="613"/>
      <c r="DIB669" s="613"/>
      <c r="DIC669" s="613"/>
      <c r="DID669" s="613"/>
      <c r="DIE669" s="613"/>
      <c r="DIF669" s="613"/>
      <c r="DIG669" s="613"/>
      <c r="DIH669" s="613"/>
      <c r="DII669" s="613"/>
      <c r="DIJ669" s="613"/>
      <c r="DIK669" s="613"/>
      <c r="DIL669" s="613"/>
      <c r="DIM669" s="613"/>
      <c r="DIN669" s="613"/>
      <c r="DIO669" s="613"/>
      <c r="DIP669" s="613"/>
      <c r="DIQ669" s="613"/>
      <c r="DIR669" s="613"/>
      <c r="DIS669" s="613"/>
      <c r="DIT669" s="613"/>
      <c r="DIU669" s="613"/>
      <c r="DIV669" s="613"/>
      <c r="DIW669" s="613"/>
      <c r="DIX669" s="613"/>
      <c r="DIY669" s="613"/>
      <c r="DIZ669" s="613"/>
      <c r="DJA669" s="613"/>
      <c r="DJB669" s="613"/>
      <c r="DJC669" s="613"/>
      <c r="DJD669" s="613"/>
      <c r="DJE669" s="613"/>
      <c r="DJF669" s="613"/>
      <c r="DJG669" s="613"/>
      <c r="DJH669" s="613"/>
      <c r="DJI669" s="613"/>
      <c r="DJJ669" s="613"/>
      <c r="DJK669" s="613"/>
      <c r="DJL669" s="613"/>
      <c r="DJM669" s="613"/>
      <c r="DJN669" s="613"/>
      <c r="DJO669" s="613"/>
      <c r="DJP669" s="613"/>
      <c r="DJQ669" s="613"/>
      <c r="DJR669" s="613"/>
      <c r="DJS669" s="613"/>
      <c r="DJT669" s="613"/>
      <c r="DJU669" s="613"/>
      <c r="DJV669" s="613"/>
      <c r="DJW669" s="613"/>
      <c r="DJX669" s="613"/>
      <c r="DJY669" s="613"/>
      <c r="DJZ669" s="613"/>
      <c r="DKA669" s="613"/>
      <c r="DKB669" s="613"/>
      <c r="DKC669" s="613"/>
      <c r="DKD669" s="613"/>
      <c r="DKE669" s="613"/>
      <c r="DKF669" s="613"/>
      <c r="DKG669" s="613"/>
      <c r="DKH669" s="613"/>
      <c r="DKI669" s="613"/>
      <c r="DKJ669" s="613"/>
      <c r="DKK669" s="613"/>
      <c r="DKL669" s="613"/>
      <c r="DKM669" s="613"/>
      <c r="DKN669" s="613"/>
      <c r="DKO669" s="613"/>
      <c r="DKP669" s="613"/>
      <c r="DKQ669" s="613"/>
      <c r="DKR669" s="613"/>
      <c r="DKS669" s="613"/>
      <c r="DKT669" s="613"/>
      <c r="DKU669" s="613"/>
      <c r="DKV669" s="613"/>
      <c r="DKW669" s="613"/>
      <c r="DKX669" s="613"/>
      <c r="DKY669" s="613"/>
      <c r="DKZ669" s="613"/>
      <c r="DLA669" s="613"/>
      <c r="DLB669" s="613"/>
      <c r="DLC669" s="613"/>
      <c r="DLD669" s="613"/>
      <c r="DLE669" s="613"/>
      <c r="DLF669" s="613"/>
      <c r="DLG669" s="613"/>
      <c r="DLH669" s="613"/>
      <c r="DLI669" s="613"/>
      <c r="DLJ669" s="613"/>
      <c r="DLK669" s="613"/>
      <c r="DLL669" s="613"/>
      <c r="DLM669" s="613"/>
      <c r="DLN669" s="613"/>
      <c r="DLO669" s="613"/>
      <c r="DLP669" s="613"/>
      <c r="DLQ669" s="613"/>
      <c r="DLR669" s="613"/>
      <c r="DLS669" s="613"/>
      <c r="DLT669" s="613"/>
      <c r="DLU669" s="613"/>
      <c r="DLV669" s="613"/>
      <c r="DLW669" s="613"/>
      <c r="DLX669" s="613"/>
      <c r="DLY669" s="613"/>
      <c r="DLZ669" s="613"/>
      <c r="DMA669" s="613"/>
      <c r="DMB669" s="613"/>
      <c r="DMC669" s="613"/>
      <c r="DMD669" s="613"/>
      <c r="DME669" s="613"/>
      <c r="DMF669" s="613"/>
      <c r="DMG669" s="613"/>
      <c r="DMH669" s="613"/>
      <c r="DMI669" s="613"/>
      <c r="DMJ669" s="613"/>
      <c r="DMK669" s="613"/>
      <c r="DML669" s="613"/>
      <c r="DMM669" s="613"/>
      <c r="DMN669" s="613"/>
      <c r="DMO669" s="613"/>
      <c r="DMP669" s="613"/>
      <c r="DMQ669" s="613"/>
      <c r="DMR669" s="613"/>
      <c r="DMS669" s="613"/>
      <c r="DMT669" s="613"/>
      <c r="DMU669" s="613"/>
      <c r="DMV669" s="613"/>
      <c r="DMW669" s="613"/>
      <c r="DMX669" s="613"/>
      <c r="DMY669" s="613"/>
      <c r="DMZ669" s="613"/>
      <c r="DNA669" s="613"/>
      <c r="DNB669" s="613"/>
      <c r="DNC669" s="613"/>
      <c r="DND669" s="613"/>
      <c r="DNE669" s="613"/>
      <c r="DNF669" s="613"/>
      <c r="DNG669" s="613"/>
      <c r="DNH669" s="613"/>
      <c r="DNI669" s="613"/>
      <c r="DNJ669" s="613"/>
      <c r="DNK669" s="613"/>
      <c r="DNL669" s="613"/>
      <c r="DNM669" s="613"/>
      <c r="DNN669" s="613"/>
      <c r="DNO669" s="613"/>
      <c r="DNP669" s="613"/>
      <c r="DNQ669" s="613"/>
      <c r="DNR669" s="613"/>
      <c r="DNS669" s="613"/>
      <c r="DNT669" s="613"/>
      <c r="DNU669" s="613"/>
      <c r="DNV669" s="613"/>
      <c r="DNW669" s="613"/>
      <c r="DNX669" s="613"/>
      <c r="DNY669" s="613"/>
      <c r="DNZ669" s="613"/>
      <c r="DOA669" s="613"/>
      <c r="DOB669" s="613"/>
      <c r="DOC669" s="613"/>
      <c r="DOD669" s="613"/>
      <c r="DOE669" s="613"/>
      <c r="DOF669" s="613"/>
      <c r="DOG669" s="613"/>
      <c r="DOH669" s="613"/>
      <c r="DOI669" s="613"/>
      <c r="DOJ669" s="613"/>
      <c r="DOK669" s="613"/>
      <c r="DOL669" s="613"/>
      <c r="DOM669" s="613"/>
      <c r="DON669" s="613"/>
      <c r="DOO669" s="613"/>
      <c r="DOP669" s="613"/>
      <c r="DOQ669" s="613"/>
      <c r="DOR669" s="613"/>
      <c r="DOS669" s="613"/>
      <c r="DOT669" s="613"/>
      <c r="DOU669" s="613"/>
      <c r="DOV669" s="613"/>
      <c r="DOW669" s="613"/>
      <c r="DOX669" s="613"/>
      <c r="DOY669" s="613"/>
      <c r="DOZ669" s="613"/>
      <c r="DPA669" s="613"/>
      <c r="DPB669" s="613"/>
      <c r="DPC669" s="613"/>
      <c r="DPD669" s="613"/>
      <c r="DPE669" s="613"/>
      <c r="DPF669" s="613"/>
      <c r="DPG669" s="613"/>
      <c r="DPH669" s="613"/>
      <c r="DPI669" s="613"/>
      <c r="DPJ669" s="613"/>
      <c r="DPK669" s="613"/>
      <c r="DPL669" s="613"/>
      <c r="DPM669" s="613"/>
      <c r="DPN669" s="613"/>
      <c r="DPO669" s="613"/>
      <c r="DPP669" s="613"/>
      <c r="DPQ669" s="613"/>
      <c r="DPR669" s="613"/>
      <c r="DPS669" s="613"/>
      <c r="DPT669" s="613"/>
      <c r="DPU669" s="613"/>
      <c r="DPV669" s="613"/>
      <c r="DPW669" s="613"/>
      <c r="DPX669" s="613"/>
      <c r="DPY669" s="613"/>
      <c r="DPZ669" s="613"/>
      <c r="DQA669" s="613"/>
      <c r="DQB669" s="613"/>
      <c r="DQC669" s="613"/>
      <c r="DQD669" s="613"/>
      <c r="DQE669" s="613"/>
      <c r="DQF669" s="613"/>
      <c r="DQG669" s="613"/>
      <c r="DQH669" s="613"/>
      <c r="DQI669" s="613"/>
      <c r="DQJ669" s="613"/>
      <c r="DQK669" s="613"/>
      <c r="DQL669" s="613"/>
      <c r="DQM669" s="613"/>
      <c r="DQN669" s="613"/>
      <c r="DQO669" s="613"/>
      <c r="DQP669" s="613"/>
      <c r="DQQ669" s="613"/>
      <c r="DQR669" s="613"/>
      <c r="DQS669" s="613"/>
      <c r="DQT669" s="613"/>
      <c r="DQU669" s="613"/>
      <c r="DQV669" s="613"/>
      <c r="DQW669" s="613"/>
      <c r="DQX669" s="613"/>
      <c r="DQY669" s="613"/>
      <c r="DQZ669" s="613"/>
      <c r="DRA669" s="613"/>
      <c r="DRB669" s="613"/>
      <c r="DRC669" s="613"/>
      <c r="DRD669" s="613"/>
      <c r="DRE669" s="613"/>
      <c r="DRF669" s="613"/>
      <c r="DRG669" s="613"/>
      <c r="DRH669" s="613"/>
      <c r="DRI669" s="613"/>
      <c r="DRJ669" s="613"/>
      <c r="DRK669" s="613"/>
      <c r="DRL669" s="613"/>
      <c r="DRM669" s="613"/>
      <c r="DRN669" s="613"/>
      <c r="DRO669" s="613"/>
      <c r="DRP669" s="613"/>
      <c r="DRQ669" s="613"/>
      <c r="DRR669" s="613"/>
      <c r="DRS669" s="613"/>
      <c r="DRT669" s="613"/>
      <c r="DRU669" s="613"/>
      <c r="DRV669" s="613"/>
      <c r="DRW669" s="613"/>
      <c r="DRX669" s="613"/>
      <c r="DRY669" s="613"/>
      <c r="DRZ669" s="613"/>
      <c r="DSA669" s="613"/>
      <c r="DSB669" s="613"/>
      <c r="DSC669" s="613"/>
      <c r="DSD669" s="613"/>
      <c r="DSE669" s="613"/>
      <c r="DSF669" s="613"/>
      <c r="DSG669" s="613"/>
      <c r="DSH669" s="613"/>
      <c r="DSI669" s="613"/>
      <c r="DSJ669" s="613"/>
      <c r="DSK669" s="613"/>
      <c r="DSL669" s="613"/>
      <c r="DSM669" s="613"/>
      <c r="DSN669" s="613"/>
      <c r="DSO669" s="613"/>
      <c r="DSP669" s="613"/>
      <c r="DSQ669" s="613"/>
      <c r="DSR669" s="613"/>
      <c r="DSS669" s="613"/>
      <c r="DST669" s="613"/>
      <c r="DSU669" s="613"/>
      <c r="DSV669" s="613"/>
      <c r="DSW669" s="613"/>
      <c r="DSX669" s="613"/>
      <c r="DSY669" s="613"/>
      <c r="DSZ669" s="613"/>
      <c r="DTA669" s="613"/>
      <c r="DTB669" s="613"/>
      <c r="DTC669" s="613"/>
      <c r="DTD669" s="613"/>
      <c r="DTE669" s="613"/>
      <c r="DTF669" s="613"/>
      <c r="DTG669" s="613"/>
      <c r="DTH669" s="613"/>
      <c r="DTI669" s="613"/>
      <c r="DTJ669" s="613"/>
      <c r="DTK669" s="613"/>
      <c r="DTL669" s="613"/>
      <c r="DTM669" s="613"/>
      <c r="DTN669" s="613"/>
      <c r="DTO669" s="613"/>
      <c r="DTP669" s="613"/>
      <c r="DTQ669" s="613"/>
      <c r="DTR669" s="613"/>
      <c r="DTS669" s="613"/>
      <c r="DTT669" s="613"/>
      <c r="DTU669" s="613"/>
      <c r="DTV669" s="613"/>
      <c r="DTW669" s="613"/>
      <c r="DTX669" s="613"/>
      <c r="DTY669" s="613"/>
      <c r="DTZ669" s="613"/>
      <c r="DUA669" s="613"/>
      <c r="DUB669" s="613"/>
      <c r="DUC669" s="613"/>
      <c r="DUD669" s="613"/>
      <c r="DUE669" s="613"/>
      <c r="DUF669" s="613"/>
      <c r="DUG669" s="613"/>
      <c r="DUH669" s="613"/>
      <c r="DUI669" s="613"/>
      <c r="DUJ669" s="613"/>
      <c r="DUK669" s="613"/>
      <c r="DUL669" s="613"/>
      <c r="DUM669" s="613"/>
      <c r="DUN669" s="613"/>
      <c r="DUO669" s="613"/>
      <c r="DUP669" s="613"/>
      <c r="DUQ669" s="613"/>
      <c r="DUR669" s="613"/>
      <c r="DUS669" s="613"/>
      <c r="DUT669" s="613"/>
      <c r="DUU669" s="613"/>
      <c r="DUV669" s="613"/>
      <c r="DUW669" s="613"/>
      <c r="DUX669" s="613"/>
      <c r="DUY669" s="613"/>
      <c r="DUZ669" s="613"/>
      <c r="DVA669" s="613"/>
      <c r="DVB669" s="613"/>
      <c r="DVC669" s="613"/>
      <c r="DVD669" s="613"/>
      <c r="DVE669" s="613"/>
      <c r="DVF669" s="613"/>
      <c r="DVG669" s="613"/>
      <c r="DVH669" s="613"/>
      <c r="DVI669" s="613"/>
      <c r="DVJ669" s="613"/>
      <c r="DVK669" s="613"/>
      <c r="DVL669" s="613"/>
      <c r="DVM669" s="613"/>
      <c r="DVN669" s="613"/>
      <c r="DVO669" s="613"/>
      <c r="DVP669" s="613"/>
      <c r="DVQ669" s="613"/>
      <c r="DVR669" s="613"/>
      <c r="DVS669" s="613"/>
      <c r="DVT669" s="613"/>
      <c r="DVU669" s="613"/>
      <c r="DVV669" s="613"/>
      <c r="DVW669" s="613"/>
      <c r="DVX669" s="613"/>
      <c r="DVY669" s="613"/>
      <c r="DVZ669" s="613"/>
      <c r="DWA669" s="613"/>
      <c r="DWB669" s="613"/>
      <c r="DWC669" s="613"/>
      <c r="DWD669" s="613"/>
      <c r="DWE669" s="613"/>
      <c r="DWF669" s="613"/>
      <c r="DWG669" s="613"/>
      <c r="DWH669" s="613"/>
      <c r="DWI669" s="613"/>
      <c r="DWJ669" s="613"/>
      <c r="DWK669" s="613"/>
      <c r="DWL669" s="613"/>
      <c r="DWM669" s="613"/>
      <c r="DWN669" s="613"/>
      <c r="DWO669" s="613"/>
      <c r="DWP669" s="613"/>
      <c r="DWQ669" s="613"/>
      <c r="DWR669" s="613"/>
      <c r="DWS669" s="613"/>
      <c r="DWT669" s="613"/>
      <c r="DWU669" s="613"/>
      <c r="DWV669" s="613"/>
      <c r="DWW669" s="613"/>
      <c r="DWX669" s="613"/>
      <c r="DWY669" s="613"/>
      <c r="DWZ669" s="613"/>
      <c r="DXA669" s="613"/>
      <c r="DXB669" s="613"/>
      <c r="DXC669" s="613"/>
      <c r="DXD669" s="613"/>
      <c r="DXE669" s="613"/>
      <c r="DXF669" s="613"/>
      <c r="DXG669" s="613"/>
      <c r="DXH669" s="613"/>
      <c r="DXI669" s="613"/>
      <c r="DXJ669" s="613"/>
      <c r="DXK669" s="613"/>
      <c r="DXL669" s="613"/>
      <c r="DXM669" s="613"/>
      <c r="DXN669" s="613"/>
      <c r="DXO669" s="613"/>
      <c r="DXP669" s="613"/>
      <c r="DXQ669" s="613"/>
      <c r="DXR669" s="613"/>
      <c r="DXS669" s="613"/>
      <c r="DXT669" s="613"/>
      <c r="DXU669" s="613"/>
      <c r="DXV669" s="613"/>
      <c r="DXW669" s="613"/>
      <c r="DXX669" s="613"/>
      <c r="DXY669" s="613"/>
      <c r="DXZ669" s="613"/>
      <c r="DYA669" s="613"/>
      <c r="DYB669" s="613"/>
      <c r="DYC669" s="613"/>
      <c r="DYD669" s="613"/>
      <c r="DYE669" s="613"/>
      <c r="DYF669" s="613"/>
      <c r="DYG669" s="613"/>
      <c r="DYH669" s="613"/>
      <c r="DYI669" s="613"/>
      <c r="DYJ669" s="613"/>
      <c r="DYK669" s="613"/>
      <c r="DYL669" s="613"/>
      <c r="DYM669" s="613"/>
      <c r="DYN669" s="613"/>
      <c r="DYO669" s="613"/>
      <c r="DYP669" s="613"/>
      <c r="DYQ669" s="613"/>
      <c r="DYR669" s="613"/>
      <c r="DYS669" s="613"/>
      <c r="DYT669" s="613"/>
      <c r="DYU669" s="613"/>
      <c r="DYV669" s="613"/>
      <c r="DYW669" s="613"/>
      <c r="DYX669" s="613"/>
      <c r="DYY669" s="613"/>
      <c r="DYZ669" s="613"/>
      <c r="DZA669" s="613"/>
      <c r="DZB669" s="613"/>
      <c r="DZC669" s="613"/>
      <c r="DZD669" s="613"/>
      <c r="DZE669" s="613"/>
      <c r="DZF669" s="613"/>
      <c r="DZG669" s="613"/>
      <c r="DZH669" s="613"/>
      <c r="DZI669" s="613"/>
      <c r="DZJ669" s="613"/>
      <c r="DZK669" s="613"/>
      <c r="DZL669" s="613"/>
      <c r="DZM669" s="613"/>
      <c r="DZN669" s="613"/>
      <c r="DZO669" s="613"/>
      <c r="DZP669" s="613"/>
      <c r="DZQ669" s="613"/>
      <c r="DZR669" s="613"/>
      <c r="DZS669" s="613"/>
      <c r="DZT669" s="613"/>
      <c r="DZU669" s="613"/>
      <c r="DZV669" s="613"/>
      <c r="DZW669" s="613"/>
      <c r="DZX669" s="613"/>
      <c r="DZY669" s="613"/>
      <c r="DZZ669" s="613"/>
      <c r="EAA669" s="613"/>
      <c r="EAB669" s="613"/>
      <c r="EAC669" s="613"/>
      <c r="EAD669" s="613"/>
      <c r="EAE669" s="613"/>
      <c r="EAF669" s="613"/>
      <c r="EAG669" s="613"/>
      <c r="EAH669" s="613"/>
      <c r="EAI669" s="613"/>
      <c r="EAJ669" s="613"/>
      <c r="EAK669" s="613"/>
      <c r="EAL669" s="613"/>
      <c r="EAM669" s="613"/>
      <c r="EAN669" s="613"/>
      <c r="EAO669" s="613"/>
      <c r="EAP669" s="613"/>
      <c r="EAQ669" s="613"/>
      <c r="EAR669" s="613"/>
      <c r="EAS669" s="613"/>
      <c r="EAT669" s="613"/>
      <c r="EAU669" s="613"/>
      <c r="EAV669" s="613"/>
      <c r="EAW669" s="613"/>
      <c r="EAX669" s="613"/>
      <c r="EAY669" s="613"/>
      <c r="EAZ669" s="613"/>
      <c r="EBA669" s="613"/>
      <c r="EBB669" s="613"/>
      <c r="EBC669" s="613"/>
      <c r="EBD669" s="613"/>
      <c r="EBE669" s="613"/>
      <c r="EBF669" s="613"/>
      <c r="EBG669" s="613"/>
      <c r="EBH669" s="613"/>
      <c r="EBI669" s="613"/>
      <c r="EBJ669" s="613"/>
      <c r="EBK669" s="613"/>
      <c r="EBL669" s="613"/>
      <c r="EBM669" s="613"/>
      <c r="EBN669" s="613"/>
      <c r="EBO669" s="613"/>
      <c r="EBP669" s="613"/>
      <c r="EBQ669" s="613"/>
      <c r="EBR669" s="613"/>
      <c r="EBS669" s="613"/>
      <c r="EBT669" s="613"/>
      <c r="EBU669" s="613"/>
      <c r="EBV669" s="613"/>
      <c r="EBW669" s="613"/>
      <c r="EBX669" s="613"/>
      <c r="EBY669" s="613"/>
      <c r="EBZ669" s="613"/>
      <c r="ECA669" s="613"/>
      <c r="ECB669" s="613"/>
      <c r="ECC669" s="613"/>
      <c r="ECD669" s="613"/>
      <c r="ECE669" s="613"/>
      <c r="ECF669" s="613"/>
      <c r="ECG669" s="613"/>
      <c r="ECH669" s="613"/>
      <c r="ECI669" s="613"/>
      <c r="ECJ669" s="613"/>
      <c r="ECK669" s="613"/>
      <c r="ECL669" s="613"/>
      <c r="ECM669" s="613"/>
      <c r="ECN669" s="613"/>
      <c r="ECO669" s="613"/>
      <c r="ECP669" s="613"/>
      <c r="ECQ669" s="613"/>
      <c r="ECR669" s="613"/>
      <c r="ECS669" s="613"/>
      <c r="ECT669" s="613"/>
      <c r="ECU669" s="613"/>
      <c r="ECV669" s="613"/>
      <c r="ECW669" s="613"/>
      <c r="ECX669" s="613"/>
      <c r="ECY669" s="613"/>
      <c r="ECZ669" s="613"/>
      <c r="EDA669" s="613"/>
      <c r="EDB669" s="613"/>
      <c r="EDC669" s="613"/>
      <c r="EDD669" s="613"/>
      <c r="EDE669" s="613"/>
      <c r="EDF669" s="613"/>
      <c r="EDG669" s="613"/>
      <c r="EDH669" s="613"/>
      <c r="EDI669" s="613"/>
      <c r="EDJ669" s="613"/>
      <c r="EDK669" s="613"/>
      <c r="EDL669" s="613"/>
      <c r="EDM669" s="613"/>
      <c r="EDN669" s="613"/>
      <c r="EDO669" s="613"/>
      <c r="EDP669" s="613"/>
      <c r="EDQ669" s="613"/>
      <c r="EDR669" s="613"/>
      <c r="EDS669" s="613"/>
      <c r="EDT669" s="613"/>
      <c r="EDU669" s="613"/>
      <c r="EDV669" s="613"/>
      <c r="EDW669" s="613"/>
      <c r="EDX669" s="613"/>
      <c r="EDY669" s="613"/>
      <c r="EDZ669" s="613"/>
      <c r="EEA669" s="613"/>
      <c r="EEB669" s="613"/>
      <c r="EEC669" s="613"/>
      <c r="EED669" s="613"/>
      <c r="EEE669" s="613"/>
      <c r="EEF669" s="613"/>
      <c r="EEG669" s="613"/>
      <c r="EEH669" s="613"/>
      <c r="EEI669" s="613"/>
      <c r="EEJ669" s="613"/>
      <c r="EEK669" s="613"/>
      <c r="EEL669" s="613"/>
      <c r="EEM669" s="613"/>
      <c r="EEN669" s="613"/>
      <c r="EEO669" s="613"/>
      <c r="EEP669" s="613"/>
      <c r="EEQ669" s="613"/>
      <c r="EER669" s="613"/>
      <c r="EES669" s="613"/>
      <c r="EET669" s="613"/>
      <c r="EEU669" s="613"/>
      <c r="EEV669" s="613"/>
      <c r="EEW669" s="613"/>
      <c r="EEX669" s="613"/>
      <c r="EEY669" s="613"/>
      <c r="EEZ669" s="613"/>
      <c r="EFA669" s="613"/>
      <c r="EFB669" s="613"/>
      <c r="EFC669" s="613"/>
      <c r="EFD669" s="613"/>
      <c r="EFE669" s="613"/>
      <c r="EFF669" s="613"/>
      <c r="EFG669" s="613"/>
      <c r="EFH669" s="613"/>
      <c r="EFI669" s="613"/>
      <c r="EFJ669" s="613"/>
      <c r="EFK669" s="613"/>
      <c r="EFL669" s="613"/>
      <c r="EFM669" s="613"/>
      <c r="EFN669" s="613"/>
      <c r="EFO669" s="613"/>
      <c r="EFP669" s="613"/>
      <c r="EFQ669" s="613"/>
      <c r="EFR669" s="613"/>
      <c r="EFS669" s="613"/>
      <c r="EFT669" s="613"/>
      <c r="EFU669" s="613"/>
      <c r="EFV669" s="613"/>
      <c r="EFW669" s="613"/>
      <c r="EFX669" s="613"/>
      <c r="EFY669" s="613"/>
      <c r="EFZ669" s="613"/>
      <c r="EGA669" s="613"/>
      <c r="EGB669" s="613"/>
      <c r="EGC669" s="613"/>
      <c r="EGD669" s="613"/>
      <c r="EGE669" s="613"/>
      <c r="EGF669" s="613"/>
      <c r="EGG669" s="613"/>
      <c r="EGH669" s="613"/>
      <c r="EGI669" s="613"/>
      <c r="EGJ669" s="613"/>
      <c r="EGK669" s="613"/>
      <c r="EGL669" s="613"/>
      <c r="EGM669" s="613"/>
      <c r="EGN669" s="613"/>
      <c r="EGO669" s="613"/>
      <c r="EGP669" s="613"/>
      <c r="EGQ669" s="613"/>
      <c r="EGR669" s="613"/>
      <c r="EGS669" s="613"/>
      <c r="EGT669" s="613"/>
      <c r="EGU669" s="613"/>
      <c r="EGV669" s="613"/>
      <c r="EGW669" s="613"/>
      <c r="EGX669" s="613"/>
      <c r="EGY669" s="613"/>
      <c r="EGZ669" s="613"/>
      <c r="EHA669" s="613"/>
      <c r="EHB669" s="613"/>
      <c r="EHC669" s="613"/>
      <c r="EHD669" s="613"/>
      <c r="EHE669" s="613"/>
      <c r="EHF669" s="613"/>
      <c r="EHG669" s="613"/>
      <c r="EHH669" s="613"/>
      <c r="EHI669" s="613"/>
      <c r="EHJ669" s="613"/>
      <c r="EHK669" s="613"/>
      <c r="EHL669" s="613"/>
      <c r="EHM669" s="613"/>
      <c r="EHN669" s="613"/>
      <c r="EHO669" s="613"/>
      <c r="EHP669" s="613"/>
      <c r="EHQ669" s="613"/>
      <c r="EHR669" s="613"/>
      <c r="EHS669" s="613"/>
      <c r="EHT669" s="613"/>
      <c r="EHU669" s="613"/>
      <c r="EHV669" s="613"/>
      <c r="EHW669" s="613"/>
      <c r="EHX669" s="613"/>
      <c r="EHY669" s="613"/>
      <c r="EHZ669" s="613"/>
      <c r="EIA669" s="613"/>
      <c r="EIB669" s="613"/>
      <c r="EIC669" s="613"/>
      <c r="EID669" s="613"/>
      <c r="EIE669" s="613"/>
      <c r="EIF669" s="613"/>
      <c r="EIG669" s="613"/>
      <c r="EIH669" s="613"/>
      <c r="EII669" s="613"/>
      <c r="EIJ669" s="613"/>
      <c r="EIK669" s="613"/>
      <c r="EIL669" s="613"/>
      <c r="EIM669" s="613"/>
      <c r="EIN669" s="613"/>
      <c r="EIO669" s="613"/>
      <c r="EIP669" s="613"/>
      <c r="EIQ669" s="613"/>
      <c r="EIR669" s="613"/>
      <c r="EIS669" s="613"/>
      <c r="EIT669" s="613"/>
      <c r="EIU669" s="613"/>
      <c r="EIV669" s="613"/>
      <c r="EIW669" s="613"/>
      <c r="EIX669" s="613"/>
      <c r="EIY669" s="613"/>
      <c r="EIZ669" s="613"/>
      <c r="EJA669" s="613"/>
      <c r="EJB669" s="613"/>
      <c r="EJC669" s="613"/>
      <c r="EJD669" s="613"/>
      <c r="EJE669" s="613"/>
      <c r="EJF669" s="613"/>
      <c r="EJG669" s="613"/>
      <c r="EJH669" s="613"/>
      <c r="EJI669" s="613"/>
      <c r="EJJ669" s="613"/>
      <c r="EJK669" s="613"/>
      <c r="EJL669" s="613"/>
      <c r="EJM669" s="613"/>
      <c r="EJN669" s="613"/>
      <c r="EJO669" s="613"/>
      <c r="EJP669" s="613"/>
      <c r="EJQ669" s="613"/>
      <c r="EJR669" s="613"/>
      <c r="EJS669" s="613"/>
      <c r="EJT669" s="613"/>
      <c r="EJU669" s="613"/>
      <c r="EJV669" s="613"/>
      <c r="EJW669" s="613"/>
      <c r="EJX669" s="613"/>
      <c r="EJY669" s="613"/>
      <c r="EJZ669" s="613"/>
      <c r="EKA669" s="613"/>
      <c r="EKB669" s="613"/>
      <c r="EKC669" s="613"/>
      <c r="EKD669" s="613"/>
      <c r="EKE669" s="613"/>
      <c r="EKF669" s="613"/>
      <c r="EKG669" s="613"/>
      <c r="EKH669" s="613"/>
      <c r="EKI669" s="613"/>
      <c r="EKJ669" s="613"/>
      <c r="EKK669" s="613"/>
      <c r="EKL669" s="613"/>
      <c r="EKM669" s="613"/>
      <c r="EKN669" s="613"/>
      <c r="EKO669" s="613"/>
      <c r="EKP669" s="613"/>
      <c r="EKQ669" s="613"/>
      <c r="EKR669" s="613"/>
      <c r="EKS669" s="613"/>
      <c r="EKT669" s="613"/>
      <c r="EKU669" s="613"/>
      <c r="EKV669" s="613"/>
      <c r="EKW669" s="613"/>
      <c r="EKX669" s="613"/>
      <c r="EKY669" s="613"/>
      <c r="EKZ669" s="613"/>
      <c r="ELA669" s="613"/>
      <c r="ELB669" s="613"/>
      <c r="ELC669" s="613"/>
      <c r="ELD669" s="613"/>
      <c r="ELE669" s="613"/>
      <c r="ELF669" s="613"/>
      <c r="ELG669" s="613"/>
      <c r="ELH669" s="613"/>
      <c r="ELI669" s="613"/>
      <c r="ELJ669" s="613"/>
      <c r="ELK669" s="613"/>
      <c r="ELL669" s="613"/>
      <c r="ELM669" s="613"/>
      <c r="ELN669" s="613"/>
      <c r="ELO669" s="613"/>
      <c r="ELP669" s="613"/>
      <c r="ELQ669" s="613"/>
      <c r="ELR669" s="613"/>
      <c r="ELS669" s="613"/>
      <c r="ELT669" s="613"/>
      <c r="ELU669" s="613"/>
      <c r="ELV669" s="613"/>
      <c r="ELW669" s="613"/>
      <c r="ELX669" s="613"/>
      <c r="ELY669" s="613"/>
      <c r="ELZ669" s="613"/>
      <c r="EMA669" s="613"/>
      <c r="EMB669" s="613"/>
      <c r="EMC669" s="613"/>
      <c r="EMD669" s="613"/>
      <c r="EME669" s="613"/>
      <c r="EMF669" s="613"/>
      <c r="EMG669" s="613"/>
      <c r="EMH669" s="613"/>
      <c r="EMI669" s="613"/>
      <c r="EMJ669" s="613"/>
      <c r="EMK669" s="613"/>
      <c r="EML669" s="613"/>
      <c r="EMM669" s="613"/>
      <c r="EMN669" s="613"/>
      <c r="EMO669" s="613"/>
      <c r="EMP669" s="613"/>
      <c r="EMQ669" s="613"/>
      <c r="EMR669" s="613"/>
      <c r="EMS669" s="613"/>
      <c r="EMT669" s="613"/>
      <c r="EMU669" s="613"/>
      <c r="EMV669" s="613"/>
      <c r="EMW669" s="613"/>
      <c r="EMX669" s="613"/>
      <c r="EMY669" s="613"/>
      <c r="EMZ669" s="613"/>
      <c r="ENA669" s="613"/>
      <c r="ENB669" s="613"/>
      <c r="ENC669" s="613"/>
      <c r="END669" s="613"/>
      <c r="ENE669" s="613"/>
      <c r="ENF669" s="613"/>
      <c r="ENG669" s="613"/>
      <c r="ENH669" s="613"/>
      <c r="ENI669" s="613"/>
      <c r="ENJ669" s="613"/>
      <c r="ENK669" s="613"/>
      <c r="ENL669" s="613"/>
      <c r="ENM669" s="613"/>
      <c r="ENN669" s="613"/>
      <c r="ENO669" s="613"/>
      <c r="ENP669" s="613"/>
      <c r="ENQ669" s="613"/>
      <c r="ENR669" s="613"/>
      <c r="ENS669" s="613"/>
      <c r="ENT669" s="613"/>
      <c r="ENU669" s="613"/>
      <c r="ENV669" s="613"/>
      <c r="ENW669" s="613"/>
      <c r="ENX669" s="613"/>
      <c r="ENY669" s="613"/>
      <c r="ENZ669" s="613"/>
      <c r="EOA669" s="613"/>
      <c r="EOB669" s="613"/>
      <c r="EOC669" s="613"/>
      <c r="EOD669" s="613"/>
      <c r="EOE669" s="613"/>
      <c r="EOF669" s="613"/>
      <c r="EOG669" s="613"/>
      <c r="EOH669" s="613"/>
      <c r="EOI669" s="613"/>
      <c r="EOJ669" s="613"/>
      <c r="EOK669" s="613"/>
      <c r="EOL669" s="613"/>
      <c r="EOM669" s="613"/>
      <c r="EON669" s="613"/>
      <c r="EOO669" s="613"/>
      <c r="EOP669" s="613"/>
      <c r="EOQ669" s="613"/>
      <c r="EOR669" s="613"/>
      <c r="EOS669" s="613"/>
      <c r="EOT669" s="613"/>
      <c r="EOU669" s="613"/>
      <c r="EOV669" s="613"/>
      <c r="EOW669" s="613"/>
      <c r="EOX669" s="613"/>
      <c r="EOY669" s="613"/>
      <c r="EOZ669" s="613"/>
      <c r="EPA669" s="613"/>
      <c r="EPB669" s="613"/>
      <c r="EPC669" s="613"/>
      <c r="EPD669" s="613"/>
      <c r="EPE669" s="613"/>
      <c r="EPF669" s="613"/>
      <c r="EPG669" s="613"/>
      <c r="EPH669" s="613"/>
      <c r="EPI669" s="613"/>
      <c r="EPJ669" s="613"/>
      <c r="EPK669" s="613"/>
      <c r="EPL669" s="613"/>
      <c r="EPM669" s="613"/>
      <c r="EPN669" s="613"/>
      <c r="EPO669" s="613"/>
      <c r="EPP669" s="613"/>
      <c r="EPQ669" s="613"/>
      <c r="EPR669" s="613"/>
      <c r="EPS669" s="613"/>
      <c r="EPT669" s="613"/>
      <c r="EPU669" s="613"/>
      <c r="EPV669" s="613"/>
      <c r="EPW669" s="613"/>
      <c r="EPX669" s="613"/>
      <c r="EPY669" s="613"/>
      <c r="EPZ669" s="613"/>
      <c r="EQA669" s="613"/>
      <c r="EQB669" s="613"/>
      <c r="EQC669" s="613"/>
      <c r="EQD669" s="613"/>
      <c r="EQE669" s="613"/>
      <c r="EQF669" s="613"/>
      <c r="EQG669" s="613"/>
      <c r="EQH669" s="613"/>
      <c r="EQI669" s="613"/>
      <c r="EQJ669" s="613"/>
      <c r="EQK669" s="613"/>
      <c r="EQL669" s="613"/>
      <c r="EQM669" s="613"/>
      <c r="EQN669" s="613"/>
      <c r="EQO669" s="613"/>
      <c r="EQP669" s="613"/>
      <c r="EQQ669" s="613"/>
      <c r="EQR669" s="613"/>
      <c r="EQS669" s="613"/>
      <c r="EQT669" s="613"/>
      <c r="EQU669" s="613"/>
      <c r="EQV669" s="613"/>
      <c r="EQW669" s="613"/>
      <c r="EQX669" s="613"/>
      <c r="EQY669" s="613"/>
      <c r="EQZ669" s="613"/>
      <c r="ERA669" s="613"/>
      <c r="ERB669" s="613"/>
      <c r="ERC669" s="613"/>
      <c r="ERD669" s="613"/>
      <c r="ERE669" s="613"/>
      <c r="ERF669" s="613"/>
      <c r="ERG669" s="613"/>
      <c r="ERH669" s="613"/>
      <c r="ERI669" s="613"/>
      <c r="ERJ669" s="613"/>
      <c r="ERK669" s="613"/>
      <c r="ERL669" s="613"/>
      <c r="ERM669" s="613"/>
      <c r="ERN669" s="613"/>
      <c r="ERO669" s="613"/>
      <c r="ERP669" s="613"/>
      <c r="ERQ669" s="613"/>
      <c r="ERR669" s="613"/>
      <c r="ERS669" s="613"/>
      <c r="ERT669" s="613"/>
      <c r="ERU669" s="613"/>
      <c r="ERV669" s="613"/>
      <c r="ERW669" s="613"/>
      <c r="ERX669" s="613"/>
      <c r="ERY669" s="613"/>
      <c r="ERZ669" s="613"/>
      <c r="ESA669" s="613"/>
      <c r="ESB669" s="613"/>
      <c r="ESC669" s="613"/>
      <c r="ESD669" s="613"/>
      <c r="ESE669" s="613"/>
      <c r="ESF669" s="613"/>
      <c r="ESG669" s="613"/>
      <c r="ESH669" s="613"/>
      <c r="ESI669" s="613"/>
      <c r="ESJ669" s="613"/>
      <c r="ESK669" s="613"/>
      <c r="ESL669" s="613"/>
      <c r="ESM669" s="613"/>
      <c r="ESN669" s="613"/>
      <c r="ESO669" s="613"/>
      <c r="ESP669" s="613"/>
      <c r="ESQ669" s="613"/>
      <c r="ESR669" s="613"/>
      <c r="ESS669" s="613"/>
      <c r="EST669" s="613"/>
      <c r="ESU669" s="613"/>
      <c r="ESV669" s="613"/>
      <c r="ESW669" s="613"/>
      <c r="ESX669" s="613"/>
      <c r="ESY669" s="613"/>
      <c r="ESZ669" s="613"/>
      <c r="ETA669" s="613"/>
      <c r="ETB669" s="613"/>
      <c r="ETC669" s="613"/>
      <c r="ETD669" s="613"/>
      <c r="ETE669" s="613"/>
      <c r="ETF669" s="613"/>
      <c r="ETG669" s="613"/>
      <c r="ETH669" s="613"/>
      <c r="ETI669" s="613"/>
      <c r="ETJ669" s="613"/>
      <c r="ETK669" s="613"/>
      <c r="ETL669" s="613"/>
      <c r="ETM669" s="613"/>
      <c r="ETN669" s="613"/>
      <c r="ETO669" s="613"/>
      <c r="ETP669" s="613"/>
      <c r="ETQ669" s="613"/>
      <c r="ETR669" s="613"/>
      <c r="ETS669" s="613"/>
      <c r="ETT669" s="613"/>
      <c r="ETU669" s="613"/>
      <c r="ETV669" s="613"/>
      <c r="ETW669" s="613"/>
      <c r="ETX669" s="613"/>
      <c r="ETY669" s="613"/>
      <c r="ETZ669" s="613"/>
      <c r="EUA669" s="613"/>
      <c r="EUB669" s="613"/>
      <c r="EUC669" s="613"/>
      <c r="EUD669" s="613"/>
      <c r="EUE669" s="613"/>
      <c r="EUF669" s="613"/>
      <c r="EUG669" s="613"/>
      <c r="EUH669" s="613"/>
      <c r="EUI669" s="613"/>
      <c r="EUJ669" s="613"/>
      <c r="EUK669" s="613"/>
      <c r="EUL669" s="613"/>
      <c r="EUM669" s="613"/>
      <c r="EUN669" s="613"/>
      <c r="EUO669" s="613"/>
      <c r="EUP669" s="613"/>
      <c r="EUQ669" s="613"/>
      <c r="EUR669" s="613"/>
      <c r="EUS669" s="613"/>
      <c r="EUT669" s="613"/>
      <c r="EUU669" s="613"/>
      <c r="EUV669" s="613"/>
      <c r="EUW669" s="613"/>
      <c r="EUX669" s="613"/>
      <c r="EUY669" s="613"/>
      <c r="EUZ669" s="613"/>
      <c r="EVA669" s="613"/>
      <c r="EVB669" s="613"/>
      <c r="EVC669" s="613"/>
      <c r="EVD669" s="613"/>
      <c r="EVE669" s="613"/>
      <c r="EVF669" s="613"/>
      <c r="EVG669" s="613"/>
      <c r="EVH669" s="613"/>
      <c r="EVI669" s="613"/>
      <c r="EVJ669" s="613"/>
      <c r="EVK669" s="613"/>
      <c r="EVL669" s="613"/>
      <c r="EVM669" s="613"/>
      <c r="EVN669" s="613"/>
      <c r="EVO669" s="613"/>
      <c r="EVP669" s="613"/>
      <c r="EVQ669" s="613"/>
      <c r="EVR669" s="613"/>
      <c r="EVS669" s="613"/>
      <c r="EVT669" s="613"/>
      <c r="EVU669" s="613"/>
      <c r="EVV669" s="613"/>
      <c r="EVW669" s="613"/>
      <c r="EVX669" s="613"/>
      <c r="EVY669" s="613"/>
      <c r="EVZ669" s="613"/>
      <c r="EWA669" s="613"/>
      <c r="EWB669" s="613"/>
      <c r="EWC669" s="613"/>
      <c r="EWD669" s="613"/>
      <c r="EWE669" s="613"/>
      <c r="EWF669" s="613"/>
      <c r="EWG669" s="613"/>
      <c r="EWH669" s="613"/>
      <c r="EWI669" s="613"/>
      <c r="EWJ669" s="613"/>
      <c r="EWK669" s="613"/>
      <c r="EWL669" s="613"/>
      <c r="EWM669" s="613"/>
      <c r="EWN669" s="613"/>
      <c r="EWO669" s="613"/>
      <c r="EWP669" s="613"/>
      <c r="EWQ669" s="613"/>
      <c r="EWR669" s="613"/>
      <c r="EWS669" s="613"/>
      <c r="EWT669" s="613"/>
      <c r="EWU669" s="613"/>
      <c r="EWV669" s="613"/>
      <c r="EWW669" s="613"/>
      <c r="EWX669" s="613"/>
      <c r="EWY669" s="613"/>
      <c r="EWZ669" s="613"/>
      <c r="EXA669" s="613"/>
      <c r="EXB669" s="613"/>
      <c r="EXC669" s="613"/>
      <c r="EXD669" s="613"/>
      <c r="EXE669" s="613"/>
      <c r="EXF669" s="613"/>
      <c r="EXG669" s="613"/>
      <c r="EXH669" s="613"/>
      <c r="EXI669" s="613"/>
      <c r="EXJ669" s="613"/>
      <c r="EXK669" s="613"/>
      <c r="EXL669" s="613"/>
      <c r="EXM669" s="613"/>
      <c r="EXN669" s="613"/>
      <c r="EXO669" s="613"/>
      <c r="EXP669" s="613"/>
      <c r="EXQ669" s="613"/>
      <c r="EXR669" s="613"/>
      <c r="EXS669" s="613"/>
      <c r="EXT669" s="613"/>
      <c r="EXU669" s="613"/>
      <c r="EXV669" s="613"/>
      <c r="EXW669" s="613"/>
      <c r="EXX669" s="613"/>
      <c r="EXY669" s="613"/>
      <c r="EXZ669" s="613"/>
      <c r="EYA669" s="613"/>
      <c r="EYB669" s="613"/>
      <c r="EYC669" s="613"/>
      <c r="EYD669" s="613"/>
      <c r="EYE669" s="613"/>
      <c r="EYF669" s="613"/>
      <c r="EYG669" s="613"/>
      <c r="EYH669" s="613"/>
      <c r="EYI669" s="613"/>
      <c r="EYJ669" s="613"/>
      <c r="EYK669" s="613"/>
      <c r="EYL669" s="613"/>
      <c r="EYM669" s="613"/>
      <c r="EYN669" s="613"/>
      <c r="EYO669" s="613"/>
      <c r="EYP669" s="613"/>
      <c r="EYQ669" s="613"/>
      <c r="EYR669" s="613"/>
      <c r="EYS669" s="613"/>
      <c r="EYT669" s="613"/>
      <c r="EYU669" s="613"/>
      <c r="EYV669" s="613"/>
      <c r="EYW669" s="613"/>
      <c r="EYX669" s="613"/>
      <c r="EYY669" s="613"/>
      <c r="EYZ669" s="613"/>
      <c r="EZA669" s="613"/>
      <c r="EZB669" s="613"/>
      <c r="EZC669" s="613"/>
      <c r="EZD669" s="613"/>
      <c r="EZE669" s="613"/>
      <c r="EZF669" s="613"/>
      <c r="EZG669" s="613"/>
      <c r="EZH669" s="613"/>
      <c r="EZI669" s="613"/>
      <c r="EZJ669" s="613"/>
      <c r="EZK669" s="613"/>
      <c r="EZL669" s="613"/>
      <c r="EZM669" s="613"/>
      <c r="EZN669" s="613"/>
      <c r="EZO669" s="613"/>
      <c r="EZP669" s="613"/>
      <c r="EZQ669" s="613"/>
      <c r="EZR669" s="613"/>
      <c r="EZS669" s="613"/>
      <c r="EZT669" s="613"/>
      <c r="EZU669" s="613"/>
      <c r="EZV669" s="613"/>
      <c r="EZW669" s="613"/>
      <c r="EZX669" s="613"/>
      <c r="EZY669" s="613"/>
      <c r="EZZ669" s="613"/>
      <c r="FAA669" s="613"/>
      <c r="FAB669" s="613"/>
      <c r="FAC669" s="613"/>
      <c r="FAD669" s="613"/>
      <c r="FAE669" s="613"/>
      <c r="FAF669" s="613"/>
      <c r="FAG669" s="613"/>
      <c r="FAH669" s="613"/>
      <c r="FAI669" s="613"/>
      <c r="FAJ669" s="613"/>
      <c r="FAK669" s="613"/>
      <c r="FAL669" s="613"/>
      <c r="FAM669" s="613"/>
      <c r="FAN669" s="613"/>
      <c r="FAO669" s="613"/>
      <c r="FAP669" s="613"/>
      <c r="FAQ669" s="613"/>
      <c r="FAR669" s="613"/>
      <c r="FAS669" s="613"/>
      <c r="FAT669" s="613"/>
      <c r="FAU669" s="613"/>
      <c r="FAV669" s="613"/>
      <c r="FAW669" s="613"/>
      <c r="FAX669" s="613"/>
      <c r="FAY669" s="613"/>
      <c r="FAZ669" s="613"/>
      <c r="FBA669" s="613"/>
      <c r="FBB669" s="613"/>
      <c r="FBC669" s="613"/>
      <c r="FBD669" s="613"/>
      <c r="FBE669" s="613"/>
      <c r="FBF669" s="613"/>
      <c r="FBG669" s="613"/>
      <c r="FBH669" s="613"/>
      <c r="FBI669" s="613"/>
      <c r="FBJ669" s="613"/>
      <c r="FBK669" s="613"/>
      <c r="FBL669" s="613"/>
      <c r="FBM669" s="613"/>
      <c r="FBN669" s="613"/>
      <c r="FBO669" s="613"/>
      <c r="FBP669" s="613"/>
      <c r="FBQ669" s="613"/>
      <c r="FBR669" s="613"/>
      <c r="FBS669" s="613"/>
      <c r="FBT669" s="613"/>
      <c r="FBU669" s="613"/>
      <c r="FBV669" s="613"/>
      <c r="FBW669" s="613"/>
      <c r="FBX669" s="613"/>
      <c r="FBY669" s="613"/>
      <c r="FBZ669" s="613"/>
      <c r="FCA669" s="613"/>
      <c r="FCB669" s="613"/>
      <c r="FCC669" s="613"/>
      <c r="FCD669" s="613"/>
      <c r="FCE669" s="613"/>
      <c r="FCF669" s="613"/>
      <c r="FCG669" s="613"/>
      <c r="FCH669" s="613"/>
      <c r="FCI669" s="613"/>
      <c r="FCJ669" s="613"/>
      <c r="FCK669" s="613"/>
      <c r="FCL669" s="613"/>
      <c r="FCM669" s="613"/>
      <c r="FCN669" s="613"/>
      <c r="FCO669" s="613"/>
      <c r="FCP669" s="613"/>
      <c r="FCQ669" s="613"/>
      <c r="FCR669" s="613"/>
      <c r="FCS669" s="613"/>
      <c r="FCT669" s="613"/>
      <c r="FCU669" s="613"/>
      <c r="FCV669" s="613"/>
      <c r="FCW669" s="613"/>
      <c r="FCX669" s="613"/>
      <c r="FCY669" s="613"/>
      <c r="FCZ669" s="613"/>
      <c r="FDA669" s="613"/>
      <c r="FDB669" s="613"/>
      <c r="FDC669" s="613"/>
      <c r="FDD669" s="613"/>
      <c r="FDE669" s="613"/>
      <c r="FDF669" s="613"/>
      <c r="FDG669" s="613"/>
      <c r="FDH669" s="613"/>
      <c r="FDI669" s="613"/>
      <c r="FDJ669" s="613"/>
      <c r="FDK669" s="613"/>
      <c r="FDL669" s="613"/>
      <c r="FDM669" s="613"/>
      <c r="FDN669" s="613"/>
      <c r="FDO669" s="613"/>
      <c r="FDP669" s="613"/>
      <c r="FDQ669" s="613"/>
      <c r="FDR669" s="613"/>
      <c r="FDS669" s="613"/>
      <c r="FDT669" s="613"/>
      <c r="FDU669" s="613"/>
      <c r="FDV669" s="613"/>
      <c r="FDW669" s="613"/>
      <c r="FDX669" s="613"/>
      <c r="FDY669" s="613"/>
      <c r="FDZ669" s="613"/>
      <c r="FEA669" s="613"/>
      <c r="FEB669" s="613"/>
      <c r="FEC669" s="613"/>
      <c r="FED669" s="613"/>
      <c r="FEE669" s="613"/>
      <c r="FEF669" s="613"/>
      <c r="FEG669" s="613"/>
      <c r="FEH669" s="613"/>
      <c r="FEI669" s="613"/>
      <c r="FEJ669" s="613"/>
      <c r="FEK669" s="613"/>
      <c r="FEL669" s="613"/>
      <c r="FEM669" s="613"/>
      <c r="FEN669" s="613"/>
      <c r="FEO669" s="613"/>
      <c r="FEP669" s="613"/>
      <c r="FEQ669" s="613"/>
      <c r="FER669" s="613"/>
      <c r="FES669" s="613"/>
      <c r="FET669" s="613"/>
      <c r="FEU669" s="613"/>
      <c r="FEV669" s="613"/>
      <c r="FEW669" s="613"/>
      <c r="FEX669" s="613"/>
      <c r="FEY669" s="613"/>
      <c r="FEZ669" s="613"/>
      <c r="FFA669" s="613"/>
      <c r="FFB669" s="613"/>
      <c r="FFC669" s="613"/>
      <c r="FFD669" s="613"/>
      <c r="FFE669" s="613"/>
      <c r="FFF669" s="613"/>
      <c r="FFG669" s="613"/>
      <c r="FFH669" s="613"/>
      <c r="FFI669" s="613"/>
      <c r="FFJ669" s="613"/>
      <c r="FFK669" s="613"/>
      <c r="FFL669" s="613"/>
      <c r="FFM669" s="613"/>
      <c r="FFN669" s="613"/>
      <c r="FFO669" s="613"/>
      <c r="FFP669" s="613"/>
      <c r="FFQ669" s="613"/>
      <c r="FFR669" s="613"/>
      <c r="FFS669" s="613"/>
      <c r="FFT669" s="613"/>
      <c r="FFU669" s="613"/>
      <c r="FFV669" s="613"/>
      <c r="FFW669" s="613"/>
      <c r="FFX669" s="613"/>
      <c r="FFY669" s="613"/>
      <c r="FFZ669" s="613"/>
      <c r="FGA669" s="613"/>
      <c r="FGB669" s="613"/>
      <c r="FGC669" s="613"/>
      <c r="FGD669" s="613"/>
      <c r="FGE669" s="613"/>
      <c r="FGF669" s="613"/>
      <c r="FGG669" s="613"/>
      <c r="FGH669" s="613"/>
      <c r="FGI669" s="613"/>
      <c r="FGJ669" s="613"/>
      <c r="FGK669" s="613"/>
      <c r="FGL669" s="613"/>
      <c r="FGM669" s="613"/>
      <c r="FGN669" s="613"/>
      <c r="FGO669" s="613"/>
      <c r="FGP669" s="613"/>
      <c r="FGQ669" s="613"/>
      <c r="FGR669" s="613"/>
      <c r="FGS669" s="613"/>
      <c r="FGT669" s="613"/>
      <c r="FGU669" s="613"/>
      <c r="FGV669" s="613"/>
      <c r="FGW669" s="613"/>
      <c r="FGX669" s="613"/>
      <c r="FGY669" s="613"/>
      <c r="FGZ669" s="613"/>
      <c r="FHA669" s="613"/>
      <c r="FHB669" s="613"/>
      <c r="FHC669" s="613"/>
      <c r="FHD669" s="613"/>
      <c r="FHE669" s="613"/>
      <c r="FHF669" s="613"/>
      <c r="FHG669" s="613"/>
      <c r="FHH669" s="613"/>
      <c r="FHI669" s="613"/>
      <c r="FHJ669" s="613"/>
      <c r="FHK669" s="613"/>
      <c r="FHL669" s="613"/>
      <c r="FHM669" s="613"/>
      <c r="FHN669" s="613"/>
      <c r="FHO669" s="613"/>
      <c r="FHP669" s="613"/>
      <c r="FHQ669" s="613"/>
      <c r="FHR669" s="613"/>
      <c r="FHS669" s="613"/>
      <c r="FHT669" s="613"/>
      <c r="FHU669" s="613"/>
      <c r="FHV669" s="613"/>
      <c r="FHW669" s="613"/>
      <c r="FHX669" s="613"/>
      <c r="FHY669" s="613"/>
      <c r="FHZ669" s="613"/>
      <c r="FIA669" s="613"/>
      <c r="FIB669" s="613"/>
      <c r="FIC669" s="613"/>
      <c r="FID669" s="613"/>
      <c r="FIE669" s="613"/>
      <c r="FIF669" s="613"/>
      <c r="FIG669" s="613"/>
      <c r="FIH669" s="613"/>
      <c r="FII669" s="613"/>
      <c r="FIJ669" s="613"/>
      <c r="FIK669" s="613"/>
      <c r="FIL669" s="613"/>
      <c r="FIM669" s="613"/>
      <c r="FIN669" s="613"/>
      <c r="FIO669" s="613"/>
      <c r="FIP669" s="613"/>
      <c r="FIQ669" s="613"/>
      <c r="FIR669" s="613"/>
      <c r="FIS669" s="613"/>
      <c r="FIT669" s="613"/>
      <c r="FIU669" s="613"/>
      <c r="FIV669" s="613"/>
      <c r="FIW669" s="613"/>
      <c r="FIX669" s="613"/>
      <c r="FIY669" s="613"/>
      <c r="FIZ669" s="613"/>
      <c r="FJA669" s="613"/>
      <c r="FJB669" s="613"/>
      <c r="FJC669" s="613"/>
      <c r="FJD669" s="613"/>
      <c r="FJE669" s="613"/>
      <c r="FJF669" s="613"/>
      <c r="FJG669" s="613"/>
      <c r="FJH669" s="613"/>
      <c r="FJI669" s="613"/>
      <c r="FJJ669" s="613"/>
      <c r="FJK669" s="613"/>
      <c r="FJL669" s="613"/>
      <c r="FJM669" s="613"/>
      <c r="FJN669" s="613"/>
      <c r="FJO669" s="613"/>
      <c r="FJP669" s="613"/>
      <c r="FJQ669" s="613"/>
      <c r="FJR669" s="613"/>
      <c r="FJS669" s="613"/>
      <c r="FJT669" s="613"/>
      <c r="FJU669" s="613"/>
      <c r="FJV669" s="613"/>
      <c r="FJW669" s="613"/>
      <c r="FJX669" s="613"/>
      <c r="FJY669" s="613"/>
      <c r="FJZ669" s="613"/>
      <c r="FKA669" s="613"/>
      <c r="FKB669" s="613"/>
      <c r="FKC669" s="613"/>
      <c r="FKD669" s="613"/>
      <c r="FKE669" s="613"/>
      <c r="FKF669" s="613"/>
      <c r="FKG669" s="613"/>
      <c r="FKH669" s="613"/>
      <c r="FKI669" s="613"/>
      <c r="FKJ669" s="613"/>
      <c r="FKK669" s="613"/>
      <c r="FKL669" s="613"/>
      <c r="FKM669" s="613"/>
      <c r="FKN669" s="613"/>
      <c r="FKO669" s="613"/>
      <c r="FKP669" s="613"/>
      <c r="FKQ669" s="613"/>
      <c r="FKR669" s="613"/>
      <c r="FKS669" s="613"/>
      <c r="FKT669" s="613"/>
      <c r="FKU669" s="613"/>
      <c r="FKV669" s="613"/>
      <c r="FKW669" s="613"/>
      <c r="FKX669" s="613"/>
      <c r="FKY669" s="613"/>
      <c r="FKZ669" s="613"/>
      <c r="FLA669" s="613"/>
      <c r="FLB669" s="613"/>
      <c r="FLC669" s="613"/>
      <c r="FLD669" s="613"/>
      <c r="FLE669" s="613"/>
      <c r="FLF669" s="613"/>
      <c r="FLG669" s="613"/>
      <c r="FLH669" s="613"/>
      <c r="FLI669" s="613"/>
      <c r="FLJ669" s="613"/>
      <c r="FLK669" s="613"/>
      <c r="FLL669" s="613"/>
      <c r="FLM669" s="613"/>
      <c r="FLN669" s="613"/>
      <c r="FLO669" s="613"/>
      <c r="FLP669" s="613"/>
      <c r="FLQ669" s="613"/>
      <c r="FLR669" s="613"/>
      <c r="FLS669" s="613"/>
      <c r="FLT669" s="613"/>
      <c r="FLU669" s="613"/>
      <c r="FLV669" s="613"/>
      <c r="FLW669" s="613"/>
      <c r="FLX669" s="613"/>
      <c r="FLY669" s="613"/>
      <c r="FLZ669" s="613"/>
      <c r="FMA669" s="613"/>
      <c r="FMB669" s="613"/>
      <c r="FMC669" s="613"/>
      <c r="FMD669" s="613"/>
      <c r="FME669" s="613"/>
      <c r="FMF669" s="613"/>
      <c r="FMG669" s="613"/>
      <c r="FMH669" s="613"/>
      <c r="FMI669" s="613"/>
      <c r="FMJ669" s="613"/>
      <c r="FMK669" s="613"/>
      <c r="FML669" s="613"/>
      <c r="FMM669" s="613"/>
      <c r="FMN669" s="613"/>
      <c r="FMO669" s="613"/>
      <c r="FMP669" s="613"/>
      <c r="FMQ669" s="613"/>
      <c r="FMR669" s="613"/>
      <c r="FMS669" s="613"/>
      <c r="FMT669" s="613"/>
      <c r="FMU669" s="613"/>
      <c r="FMV669" s="613"/>
      <c r="FMW669" s="613"/>
      <c r="FMX669" s="613"/>
      <c r="FMY669" s="613"/>
      <c r="FMZ669" s="613"/>
      <c r="FNA669" s="613"/>
      <c r="FNB669" s="613"/>
      <c r="FNC669" s="613"/>
      <c r="FND669" s="613"/>
      <c r="FNE669" s="613"/>
      <c r="FNF669" s="613"/>
      <c r="FNG669" s="613"/>
      <c r="FNH669" s="613"/>
      <c r="FNI669" s="613"/>
      <c r="FNJ669" s="613"/>
      <c r="FNK669" s="613"/>
      <c r="FNL669" s="613"/>
      <c r="FNM669" s="613"/>
      <c r="FNN669" s="613"/>
      <c r="FNO669" s="613"/>
      <c r="FNP669" s="613"/>
      <c r="FNQ669" s="613"/>
      <c r="FNR669" s="613"/>
      <c r="FNS669" s="613"/>
      <c r="FNT669" s="613"/>
      <c r="FNU669" s="613"/>
      <c r="FNV669" s="613"/>
      <c r="FNW669" s="613"/>
      <c r="FNX669" s="613"/>
      <c r="FNY669" s="613"/>
      <c r="FNZ669" s="613"/>
      <c r="FOA669" s="613"/>
      <c r="FOB669" s="613"/>
      <c r="FOC669" s="613"/>
      <c r="FOD669" s="613"/>
      <c r="FOE669" s="613"/>
      <c r="FOF669" s="613"/>
      <c r="FOG669" s="613"/>
      <c r="FOH669" s="613"/>
      <c r="FOI669" s="613"/>
      <c r="FOJ669" s="613"/>
      <c r="FOK669" s="613"/>
      <c r="FOL669" s="613"/>
      <c r="FOM669" s="613"/>
      <c r="FON669" s="613"/>
      <c r="FOO669" s="613"/>
      <c r="FOP669" s="613"/>
      <c r="FOQ669" s="613"/>
      <c r="FOR669" s="613"/>
      <c r="FOS669" s="613"/>
      <c r="FOT669" s="613"/>
      <c r="FOU669" s="613"/>
      <c r="FOV669" s="613"/>
      <c r="FOW669" s="613"/>
      <c r="FOX669" s="613"/>
      <c r="FOY669" s="613"/>
      <c r="FOZ669" s="613"/>
      <c r="FPA669" s="613"/>
      <c r="FPB669" s="613"/>
      <c r="FPC669" s="613"/>
      <c r="FPD669" s="613"/>
      <c r="FPE669" s="613"/>
      <c r="FPF669" s="613"/>
      <c r="FPG669" s="613"/>
      <c r="FPH669" s="613"/>
      <c r="FPI669" s="613"/>
      <c r="FPJ669" s="613"/>
      <c r="FPK669" s="613"/>
      <c r="FPL669" s="613"/>
      <c r="FPM669" s="613"/>
      <c r="FPN669" s="613"/>
      <c r="FPO669" s="613"/>
      <c r="FPP669" s="613"/>
      <c r="FPQ669" s="613"/>
      <c r="FPR669" s="613"/>
      <c r="FPS669" s="613"/>
      <c r="FPT669" s="613"/>
      <c r="FPU669" s="613"/>
      <c r="FPV669" s="613"/>
      <c r="FPW669" s="613"/>
      <c r="FPX669" s="613"/>
      <c r="FPY669" s="613"/>
      <c r="FPZ669" s="613"/>
      <c r="FQA669" s="613"/>
      <c r="FQB669" s="613"/>
      <c r="FQC669" s="613"/>
      <c r="FQD669" s="613"/>
      <c r="FQE669" s="613"/>
      <c r="FQF669" s="613"/>
      <c r="FQG669" s="613"/>
      <c r="FQH669" s="613"/>
      <c r="FQI669" s="613"/>
      <c r="FQJ669" s="613"/>
      <c r="FQK669" s="613"/>
      <c r="FQL669" s="613"/>
      <c r="FQM669" s="613"/>
      <c r="FQN669" s="613"/>
      <c r="FQO669" s="613"/>
      <c r="FQP669" s="613"/>
      <c r="FQQ669" s="613"/>
      <c r="FQR669" s="613"/>
      <c r="FQS669" s="613"/>
      <c r="FQT669" s="613"/>
      <c r="FQU669" s="613"/>
      <c r="FQV669" s="613"/>
      <c r="FQW669" s="613"/>
      <c r="FQX669" s="613"/>
      <c r="FQY669" s="613"/>
      <c r="FQZ669" s="613"/>
      <c r="FRA669" s="613"/>
      <c r="FRB669" s="613"/>
      <c r="FRC669" s="613"/>
      <c r="FRD669" s="613"/>
      <c r="FRE669" s="613"/>
      <c r="FRF669" s="613"/>
      <c r="FRG669" s="613"/>
      <c r="FRH669" s="613"/>
      <c r="FRI669" s="613"/>
      <c r="FRJ669" s="613"/>
      <c r="FRK669" s="613"/>
      <c r="FRL669" s="613"/>
      <c r="FRM669" s="613"/>
      <c r="FRN669" s="613"/>
      <c r="FRO669" s="613"/>
      <c r="FRP669" s="613"/>
      <c r="FRQ669" s="613"/>
      <c r="FRR669" s="613"/>
      <c r="FRS669" s="613"/>
      <c r="FRT669" s="613"/>
      <c r="FRU669" s="613"/>
      <c r="FRV669" s="613"/>
      <c r="FRW669" s="613"/>
      <c r="FRX669" s="613"/>
      <c r="FRY669" s="613"/>
      <c r="FRZ669" s="613"/>
      <c r="FSA669" s="613"/>
      <c r="FSB669" s="613"/>
      <c r="FSC669" s="613"/>
      <c r="FSD669" s="613"/>
      <c r="FSE669" s="613"/>
      <c r="FSF669" s="613"/>
      <c r="FSG669" s="613"/>
      <c r="FSH669" s="613"/>
      <c r="FSI669" s="613"/>
      <c r="FSJ669" s="613"/>
      <c r="FSK669" s="613"/>
      <c r="FSL669" s="613"/>
      <c r="FSM669" s="613"/>
      <c r="FSN669" s="613"/>
      <c r="FSO669" s="613"/>
      <c r="FSP669" s="613"/>
      <c r="FSQ669" s="613"/>
      <c r="FSR669" s="613"/>
      <c r="FSS669" s="613"/>
      <c r="FST669" s="613"/>
      <c r="FSU669" s="613"/>
      <c r="FSV669" s="613"/>
      <c r="FSW669" s="613"/>
      <c r="FSX669" s="613"/>
      <c r="FSY669" s="613"/>
      <c r="FSZ669" s="613"/>
      <c r="FTA669" s="613"/>
      <c r="FTB669" s="613"/>
      <c r="FTC669" s="613"/>
      <c r="FTD669" s="613"/>
      <c r="FTE669" s="613"/>
      <c r="FTF669" s="613"/>
      <c r="FTG669" s="613"/>
      <c r="FTH669" s="613"/>
      <c r="FTI669" s="613"/>
      <c r="FTJ669" s="613"/>
      <c r="FTK669" s="613"/>
      <c r="FTL669" s="613"/>
      <c r="FTM669" s="613"/>
      <c r="FTN669" s="613"/>
      <c r="FTO669" s="613"/>
      <c r="FTP669" s="613"/>
      <c r="FTQ669" s="613"/>
      <c r="FTR669" s="613"/>
      <c r="FTS669" s="613"/>
      <c r="FTT669" s="613"/>
      <c r="FTU669" s="613"/>
      <c r="FTV669" s="613"/>
      <c r="FTW669" s="613"/>
      <c r="FTX669" s="613"/>
      <c r="FTY669" s="613"/>
      <c r="FTZ669" s="613"/>
      <c r="FUA669" s="613"/>
      <c r="FUB669" s="613"/>
      <c r="FUC669" s="613"/>
      <c r="FUD669" s="613"/>
      <c r="FUE669" s="613"/>
      <c r="FUF669" s="613"/>
      <c r="FUG669" s="613"/>
      <c r="FUH669" s="613"/>
      <c r="FUI669" s="613"/>
      <c r="FUJ669" s="613"/>
      <c r="FUK669" s="613"/>
      <c r="FUL669" s="613"/>
      <c r="FUM669" s="613"/>
      <c r="FUN669" s="613"/>
      <c r="FUO669" s="613"/>
      <c r="FUP669" s="613"/>
      <c r="FUQ669" s="613"/>
      <c r="FUR669" s="613"/>
      <c r="FUS669" s="613"/>
      <c r="FUT669" s="613"/>
      <c r="FUU669" s="613"/>
      <c r="FUV669" s="613"/>
      <c r="FUW669" s="613"/>
      <c r="FUX669" s="613"/>
      <c r="FUY669" s="613"/>
      <c r="FUZ669" s="613"/>
      <c r="FVA669" s="613"/>
      <c r="FVB669" s="613"/>
      <c r="FVC669" s="613"/>
      <c r="FVD669" s="613"/>
      <c r="FVE669" s="613"/>
      <c r="FVF669" s="613"/>
      <c r="FVG669" s="613"/>
      <c r="FVH669" s="613"/>
      <c r="FVI669" s="613"/>
      <c r="FVJ669" s="613"/>
      <c r="FVK669" s="613"/>
      <c r="FVL669" s="613"/>
      <c r="FVM669" s="613"/>
      <c r="FVN669" s="613"/>
      <c r="FVO669" s="613"/>
      <c r="FVP669" s="613"/>
      <c r="FVQ669" s="613"/>
      <c r="FVR669" s="613"/>
      <c r="FVS669" s="613"/>
      <c r="FVT669" s="613"/>
      <c r="FVU669" s="613"/>
      <c r="FVV669" s="613"/>
      <c r="FVW669" s="613"/>
      <c r="FVX669" s="613"/>
      <c r="FVY669" s="613"/>
      <c r="FVZ669" s="613"/>
      <c r="FWA669" s="613"/>
      <c r="FWB669" s="613"/>
      <c r="FWC669" s="613"/>
      <c r="FWD669" s="613"/>
      <c r="FWE669" s="613"/>
      <c r="FWF669" s="613"/>
      <c r="FWG669" s="613"/>
      <c r="FWH669" s="613"/>
      <c r="FWI669" s="613"/>
      <c r="FWJ669" s="613"/>
      <c r="FWK669" s="613"/>
      <c r="FWL669" s="613"/>
      <c r="FWM669" s="613"/>
      <c r="FWN669" s="613"/>
      <c r="FWO669" s="613"/>
      <c r="FWP669" s="613"/>
      <c r="FWQ669" s="613"/>
      <c r="FWR669" s="613"/>
      <c r="FWS669" s="613"/>
      <c r="FWT669" s="613"/>
      <c r="FWU669" s="613"/>
      <c r="FWV669" s="613"/>
      <c r="FWW669" s="613"/>
      <c r="FWX669" s="613"/>
      <c r="FWY669" s="613"/>
      <c r="FWZ669" s="613"/>
      <c r="FXA669" s="613"/>
      <c r="FXB669" s="613"/>
      <c r="FXC669" s="613"/>
      <c r="FXD669" s="613"/>
      <c r="FXE669" s="613"/>
      <c r="FXF669" s="613"/>
      <c r="FXG669" s="613"/>
      <c r="FXH669" s="613"/>
      <c r="FXI669" s="613"/>
      <c r="FXJ669" s="613"/>
      <c r="FXK669" s="613"/>
      <c r="FXL669" s="613"/>
      <c r="FXM669" s="613"/>
      <c r="FXN669" s="613"/>
      <c r="FXO669" s="613"/>
      <c r="FXP669" s="613"/>
      <c r="FXQ669" s="613"/>
      <c r="FXR669" s="613"/>
      <c r="FXS669" s="613"/>
      <c r="FXT669" s="613"/>
      <c r="FXU669" s="613"/>
      <c r="FXV669" s="613"/>
      <c r="FXW669" s="613"/>
      <c r="FXX669" s="613"/>
      <c r="FXY669" s="613"/>
      <c r="FXZ669" s="613"/>
      <c r="FYA669" s="613"/>
      <c r="FYB669" s="613"/>
      <c r="FYC669" s="613"/>
      <c r="FYD669" s="613"/>
      <c r="FYE669" s="613"/>
      <c r="FYF669" s="613"/>
      <c r="FYG669" s="613"/>
      <c r="FYH669" s="613"/>
      <c r="FYI669" s="613"/>
      <c r="FYJ669" s="613"/>
      <c r="FYK669" s="613"/>
      <c r="FYL669" s="613"/>
      <c r="FYM669" s="613"/>
      <c r="FYN669" s="613"/>
      <c r="FYO669" s="613"/>
      <c r="FYP669" s="613"/>
      <c r="FYQ669" s="613"/>
      <c r="FYR669" s="613"/>
      <c r="FYS669" s="613"/>
      <c r="FYT669" s="613"/>
      <c r="FYU669" s="613"/>
      <c r="FYV669" s="613"/>
      <c r="FYW669" s="613"/>
      <c r="FYX669" s="613"/>
      <c r="FYY669" s="613"/>
      <c r="FYZ669" s="613"/>
      <c r="FZA669" s="613"/>
      <c r="FZB669" s="613"/>
      <c r="FZC669" s="613"/>
      <c r="FZD669" s="613"/>
      <c r="FZE669" s="613"/>
      <c r="FZF669" s="613"/>
      <c r="FZG669" s="613"/>
      <c r="FZH669" s="613"/>
      <c r="FZI669" s="613"/>
      <c r="FZJ669" s="613"/>
      <c r="FZK669" s="613"/>
      <c r="FZL669" s="613"/>
      <c r="FZM669" s="613"/>
      <c r="FZN669" s="613"/>
      <c r="FZO669" s="613"/>
      <c r="FZP669" s="613"/>
      <c r="FZQ669" s="613"/>
      <c r="FZR669" s="613"/>
      <c r="FZS669" s="613"/>
      <c r="FZT669" s="613"/>
      <c r="FZU669" s="613"/>
      <c r="FZV669" s="613"/>
      <c r="FZW669" s="613"/>
      <c r="FZX669" s="613"/>
      <c r="FZY669" s="613"/>
      <c r="FZZ669" s="613"/>
      <c r="GAA669" s="613"/>
      <c r="GAB669" s="613"/>
      <c r="GAC669" s="613"/>
      <c r="GAD669" s="613"/>
      <c r="GAE669" s="613"/>
      <c r="GAF669" s="613"/>
      <c r="GAG669" s="613"/>
      <c r="GAH669" s="613"/>
      <c r="GAI669" s="613"/>
      <c r="GAJ669" s="613"/>
      <c r="GAK669" s="613"/>
      <c r="GAL669" s="613"/>
      <c r="GAM669" s="613"/>
      <c r="GAN669" s="613"/>
      <c r="GAO669" s="613"/>
      <c r="GAP669" s="613"/>
      <c r="GAQ669" s="613"/>
      <c r="GAR669" s="613"/>
      <c r="GAS669" s="613"/>
      <c r="GAT669" s="613"/>
      <c r="GAU669" s="613"/>
      <c r="GAV669" s="613"/>
      <c r="GAW669" s="613"/>
      <c r="GAX669" s="613"/>
      <c r="GAY669" s="613"/>
      <c r="GAZ669" s="613"/>
      <c r="GBA669" s="613"/>
      <c r="GBB669" s="613"/>
      <c r="GBC669" s="613"/>
      <c r="GBD669" s="613"/>
      <c r="GBE669" s="613"/>
      <c r="GBF669" s="613"/>
      <c r="GBG669" s="613"/>
      <c r="GBH669" s="613"/>
      <c r="GBI669" s="613"/>
      <c r="GBJ669" s="613"/>
      <c r="GBK669" s="613"/>
      <c r="GBL669" s="613"/>
      <c r="GBM669" s="613"/>
      <c r="GBN669" s="613"/>
      <c r="GBO669" s="613"/>
      <c r="GBP669" s="613"/>
      <c r="GBQ669" s="613"/>
      <c r="GBR669" s="613"/>
      <c r="GBS669" s="613"/>
      <c r="GBT669" s="613"/>
      <c r="GBU669" s="613"/>
      <c r="GBV669" s="613"/>
      <c r="GBW669" s="613"/>
      <c r="GBX669" s="613"/>
      <c r="GBY669" s="613"/>
      <c r="GBZ669" s="613"/>
      <c r="GCA669" s="613"/>
      <c r="GCB669" s="613"/>
      <c r="GCC669" s="613"/>
      <c r="GCD669" s="613"/>
      <c r="GCE669" s="613"/>
      <c r="GCF669" s="613"/>
      <c r="GCG669" s="613"/>
      <c r="GCH669" s="613"/>
      <c r="GCI669" s="613"/>
      <c r="GCJ669" s="613"/>
      <c r="GCK669" s="613"/>
      <c r="GCL669" s="613"/>
      <c r="GCM669" s="613"/>
      <c r="GCN669" s="613"/>
      <c r="GCO669" s="613"/>
      <c r="GCP669" s="613"/>
      <c r="GCQ669" s="613"/>
      <c r="GCR669" s="613"/>
      <c r="GCS669" s="613"/>
      <c r="GCT669" s="613"/>
      <c r="GCU669" s="613"/>
      <c r="GCV669" s="613"/>
      <c r="GCW669" s="613"/>
      <c r="GCX669" s="613"/>
      <c r="GCY669" s="613"/>
      <c r="GCZ669" s="613"/>
      <c r="GDA669" s="613"/>
      <c r="GDB669" s="613"/>
      <c r="GDC669" s="613"/>
      <c r="GDD669" s="613"/>
      <c r="GDE669" s="613"/>
      <c r="GDF669" s="613"/>
      <c r="GDG669" s="613"/>
      <c r="GDH669" s="613"/>
      <c r="GDI669" s="613"/>
      <c r="GDJ669" s="613"/>
      <c r="GDK669" s="613"/>
      <c r="GDL669" s="613"/>
      <c r="GDM669" s="613"/>
      <c r="GDN669" s="613"/>
      <c r="GDO669" s="613"/>
      <c r="GDP669" s="613"/>
      <c r="GDQ669" s="613"/>
      <c r="GDR669" s="613"/>
      <c r="GDS669" s="613"/>
      <c r="GDT669" s="613"/>
      <c r="GDU669" s="613"/>
      <c r="GDV669" s="613"/>
      <c r="GDW669" s="613"/>
      <c r="GDX669" s="613"/>
      <c r="GDY669" s="613"/>
      <c r="GDZ669" s="613"/>
      <c r="GEA669" s="613"/>
      <c r="GEB669" s="613"/>
      <c r="GEC669" s="613"/>
      <c r="GED669" s="613"/>
      <c r="GEE669" s="613"/>
      <c r="GEF669" s="613"/>
      <c r="GEG669" s="613"/>
      <c r="GEH669" s="613"/>
      <c r="GEI669" s="613"/>
      <c r="GEJ669" s="613"/>
      <c r="GEK669" s="613"/>
      <c r="GEL669" s="613"/>
      <c r="GEM669" s="613"/>
      <c r="GEN669" s="613"/>
      <c r="GEO669" s="613"/>
      <c r="GEP669" s="613"/>
      <c r="GEQ669" s="613"/>
      <c r="GER669" s="613"/>
      <c r="GES669" s="613"/>
      <c r="GET669" s="613"/>
      <c r="GEU669" s="613"/>
      <c r="GEV669" s="613"/>
      <c r="GEW669" s="613"/>
      <c r="GEX669" s="613"/>
      <c r="GEY669" s="613"/>
      <c r="GEZ669" s="613"/>
      <c r="GFA669" s="613"/>
      <c r="GFB669" s="613"/>
      <c r="GFC669" s="613"/>
      <c r="GFD669" s="613"/>
      <c r="GFE669" s="613"/>
      <c r="GFF669" s="613"/>
      <c r="GFG669" s="613"/>
      <c r="GFH669" s="613"/>
      <c r="GFI669" s="613"/>
      <c r="GFJ669" s="613"/>
      <c r="GFK669" s="613"/>
      <c r="GFL669" s="613"/>
      <c r="GFM669" s="613"/>
      <c r="GFN669" s="613"/>
      <c r="GFO669" s="613"/>
      <c r="GFP669" s="613"/>
      <c r="GFQ669" s="613"/>
      <c r="GFR669" s="613"/>
      <c r="GFS669" s="613"/>
      <c r="GFT669" s="613"/>
      <c r="GFU669" s="613"/>
      <c r="GFV669" s="613"/>
      <c r="GFW669" s="613"/>
      <c r="GFX669" s="613"/>
      <c r="GFY669" s="613"/>
      <c r="GFZ669" s="613"/>
      <c r="GGA669" s="613"/>
      <c r="GGB669" s="613"/>
      <c r="GGC669" s="613"/>
      <c r="GGD669" s="613"/>
      <c r="GGE669" s="613"/>
      <c r="GGF669" s="613"/>
      <c r="GGG669" s="613"/>
      <c r="GGH669" s="613"/>
      <c r="GGI669" s="613"/>
      <c r="GGJ669" s="613"/>
      <c r="GGK669" s="613"/>
      <c r="GGL669" s="613"/>
      <c r="GGM669" s="613"/>
      <c r="GGN669" s="613"/>
      <c r="GGO669" s="613"/>
      <c r="GGP669" s="613"/>
      <c r="GGQ669" s="613"/>
      <c r="GGR669" s="613"/>
      <c r="GGS669" s="613"/>
      <c r="GGT669" s="613"/>
      <c r="GGU669" s="613"/>
      <c r="GGV669" s="613"/>
      <c r="GGW669" s="613"/>
      <c r="GGX669" s="613"/>
      <c r="GGY669" s="613"/>
      <c r="GGZ669" s="613"/>
      <c r="GHA669" s="613"/>
      <c r="GHB669" s="613"/>
      <c r="GHC669" s="613"/>
      <c r="GHD669" s="613"/>
      <c r="GHE669" s="613"/>
      <c r="GHF669" s="613"/>
      <c r="GHG669" s="613"/>
      <c r="GHH669" s="613"/>
      <c r="GHI669" s="613"/>
      <c r="GHJ669" s="613"/>
      <c r="GHK669" s="613"/>
      <c r="GHL669" s="613"/>
      <c r="GHM669" s="613"/>
      <c r="GHN669" s="613"/>
      <c r="GHO669" s="613"/>
      <c r="GHP669" s="613"/>
      <c r="GHQ669" s="613"/>
      <c r="GHR669" s="613"/>
      <c r="GHS669" s="613"/>
      <c r="GHT669" s="613"/>
      <c r="GHU669" s="613"/>
      <c r="GHV669" s="613"/>
      <c r="GHW669" s="613"/>
      <c r="GHX669" s="613"/>
      <c r="GHY669" s="613"/>
      <c r="GHZ669" s="613"/>
      <c r="GIA669" s="613"/>
      <c r="GIB669" s="613"/>
      <c r="GIC669" s="613"/>
      <c r="GID669" s="613"/>
      <c r="GIE669" s="613"/>
      <c r="GIF669" s="613"/>
      <c r="GIG669" s="613"/>
      <c r="GIH669" s="613"/>
      <c r="GII669" s="613"/>
      <c r="GIJ669" s="613"/>
      <c r="GIK669" s="613"/>
      <c r="GIL669" s="613"/>
      <c r="GIM669" s="613"/>
      <c r="GIN669" s="613"/>
      <c r="GIO669" s="613"/>
      <c r="GIP669" s="613"/>
      <c r="GIQ669" s="613"/>
      <c r="GIR669" s="613"/>
      <c r="GIS669" s="613"/>
      <c r="GIT669" s="613"/>
      <c r="GIU669" s="613"/>
      <c r="GIV669" s="613"/>
      <c r="GIW669" s="613"/>
      <c r="GIX669" s="613"/>
      <c r="GIY669" s="613"/>
      <c r="GIZ669" s="613"/>
      <c r="GJA669" s="613"/>
      <c r="GJB669" s="613"/>
      <c r="GJC669" s="613"/>
      <c r="GJD669" s="613"/>
      <c r="GJE669" s="613"/>
      <c r="GJF669" s="613"/>
      <c r="GJG669" s="613"/>
      <c r="GJH669" s="613"/>
      <c r="GJI669" s="613"/>
      <c r="GJJ669" s="613"/>
      <c r="GJK669" s="613"/>
      <c r="GJL669" s="613"/>
      <c r="GJM669" s="613"/>
      <c r="GJN669" s="613"/>
      <c r="GJO669" s="613"/>
      <c r="GJP669" s="613"/>
      <c r="GJQ669" s="613"/>
      <c r="GJR669" s="613"/>
      <c r="GJS669" s="613"/>
      <c r="GJT669" s="613"/>
      <c r="GJU669" s="613"/>
      <c r="GJV669" s="613"/>
      <c r="GJW669" s="613"/>
      <c r="GJX669" s="613"/>
      <c r="GJY669" s="613"/>
      <c r="GJZ669" s="613"/>
      <c r="GKA669" s="613"/>
      <c r="GKB669" s="613"/>
      <c r="GKC669" s="613"/>
      <c r="GKD669" s="613"/>
      <c r="GKE669" s="613"/>
      <c r="GKF669" s="613"/>
      <c r="GKG669" s="613"/>
      <c r="GKH669" s="613"/>
      <c r="GKI669" s="613"/>
      <c r="GKJ669" s="613"/>
      <c r="GKK669" s="613"/>
      <c r="GKL669" s="613"/>
      <c r="GKM669" s="613"/>
      <c r="GKN669" s="613"/>
      <c r="GKO669" s="613"/>
      <c r="GKP669" s="613"/>
      <c r="GKQ669" s="613"/>
      <c r="GKR669" s="613"/>
      <c r="GKS669" s="613"/>
      <c r="GKT669" s="613"/>
      <c r="GKU669" s="613"/>
      <c r="GKV669" s="613"/>
      <c r="GKW669" s="613"/>
      <c r="GKX669" s="613"/>
      <c r="GKY669" s="613"/>
      <c r="GKZ669" s="613"/>
      <c r="GLA669" s="613"/>
      <c r="GLB669" s="613"/>
      <c r="GLC669" s="613"/>
      <c r="GLD669" s="613"/>
      <c r="GLE669" s="613"/>
      <c r="GLF669" s="613"/>
      <c r="GLG669" s="613"/>
      <c r="GLH669" s="613"/>
      <c r="GLI669" s="613"/>
      <c r="GLJ669" s="613"/>
      <c r="GLK669" s="613"/>
      <c r="GLL669" s="613"/>
      <c r="GLM669" s="613"/>
      <c r="GLN669" s="613"/>
      <c r="GLO669" s="613"/>
      <c r="GLP669" s="613"/>
      <c r="GLQ669" s="613"/>
      <c r="GLR669" s="613"/>
      <c r="GLS669" s="613"/>
      <c r="GLT669" s="613"/>
      <c r="GLU669" s="613"/>
      <c r="GLV669" s="613"/>
      <c r="GLW669" s="613"/>
      <c r="GLX669" s="613"/>
      <c r="GLY669" s="613"/>
      <c r="GLZ669" s="613"/>
      <c r="GMA669" s="613"/>
      <c r="GMB669" s="613"/>
      <c r="GMC669" s="613"/>
      <c r="GMD669" s="613"/>
      <c r="GME669" s="613"/>
      <c r="GMF669" s="613"/>
      <c r="GMG669" s="613"/>
      <c r="GMH669" s="613"/>
      <c r="GMI669" s="613"/>
      <c r="GMJ669" s="613"/>
      <c r="GMK669" s="613"/>
      <c r="GML669" s="613"/>
      <c r="GMM669" s="613"/>
      <c r="GMN669" s="613"/>
      <c r="GMO669" s="613"/>
      <c r="GMP669" s="613"/>
      <c r="GMQ669" s="613"/>
      <c r="GMR669" s="613"/>
      <c r="GMS669" s="613"/>
      <c r="GMT669" s="613"/>
      <c r="GMU669" s="613"/>
      <c r="GMV669" s="613"/>
      <c r="GMW669" s="613"/>
      <c r="GMX669" s="613"/>
      <c r="GMY669" s="613"/>
      <c r="GMZ669" s="613"/>
      <c r="GNA669" s="613"/>
      <c r="GNB669" s="613"/>
      <c r="GNC669" s="613"/>
      <c r="GND669" s="613"/>
      <c r="GNE669" s="613"/>
      <c r="GNF669" s="613"/>
      <c r="GNG669" s="613"/>
      <c r="GNH669" s="613"/>
      <c r="GNI669" s="613"/>
      <c r="GNJ669" s="613"/>
      <c r="GNK669" s="613"/>
      <c r="GNL669" s="613"/>
      <c r="GNM669" s="613"/>
      <c r="GNN669" s="613"/>
      <c r="GNO669" s="613"/>
      <c r="GNP669" s="613"/>
      <c r="GNQ669" s="613"/>
      <c r="GNR669" s="613"/>
      <c r="GNS669" s="613"/>
      <c r="GNT669" s="613"/>
      <c r="GNU669" s="613"/>
      <c r="GNV669" s="613"/>
      <c r="GNW669" s="613"/>
      <c r="GNX669" s="613"/>
      <c r="GNY669" s="613"/>
      <c r="GNZ669" s="613"/>
      <c r="GOA669" s="613"/>
      <c r="GOB669" s="613"/>
      <c r="GOC669" s="613"/>
      <c r="GOD669" s="613"/>
      <c r="GOE669" s="613"/>
      <c r="GOF669" s="613"/>
      <c r="GOG669" s="613"/>
      <c r="GOH669" s="613"/>
      <c r="GOI669" s="613"/>
      <c r="GOJ669" s="613"/>
      <c r="GOK669" s="613"/>
      <c r="GOL669" s="613"/>
      <c r="GOM669" s="613"/>
      <c r="GON669" s="613"/>
      <c r="GOO669" s="613"/>
      <c r="GOP669" s="613"/>
      <c r="GOQ669" s="613"/>
      <c r="GOR669" s="613"/>
      <c r="GOS669" s="613"/>
      <c r="GOT669" s="613"/>
      <c r="GOU669" s="613"/>
      <c r="GOV669" s="613"/>
      <c r="GOW669" s="613"/>
      <c r="GOX669" s="613"/>
      <c r="GOY669" s="613"/>
      <c r="GOZ669" s="613"/>
      <c r="GPA669" s="613"/>
      <c r="GPB669" s="613"/>
      <c r="GPC669" s="613"/>
      <c r="GPD669" s="613"/>
      <c r="GPE669" s="613"/>
      <c r="GPF669" s="613"/>
      <c r="GPG669" s="613"/>
      <c r="GPH669" s="613"/>
      <c r="GPI669" s="613"/>
      <c r="GPJ669" s="613"/>
      <c r="GPK669" s="613"/>
      <c r="GPL669" s="613"/>
      <c r="GPM669" s="613"/>
      <c r="GPN669" s="613"/>
      <c r="GPO669" s="613"/>
      <c r="GPP669" s="613"/>
      <c r="GPQ669" s="613"/>
      <c r="GPR669" s="613"/>
      <c r="GPS669" s="613"/>
      <c r="GPT669" s="613"/>
      <c r="GPU669" s="613"/>
      <c r="GPV669" s="613"/>
      <c r="GPW669" s="613"/>
      <c r="GPX669" s="613"/>
      <c r="GPY669" s="613"/>
      <c r="GPZ669" s="613"/>
      <c r="GQA669" s="613"/>
      <c r="GQB669" s="613"/>
      <c r="GQC669" s="613"/>
      <c r="GQD669" s="613"/>
      <c r="GQE669" s="613"/>
      <c r="GQF669" s="613"/>
      <c r="GQG669" s="613"/>
      <c r="GQH669" s="613"/>
      <c r="GQI669" s="613"/>
      <c r="GQJ669" s="613"/>
      <c r="GQK669" s="613"/>
      <c r="GQL669" s="613"/>
      <c r="GQM669" s="613"/>
      <c r="GQN669" s="613"/>
      <c r="GQO669" s="613"/>
      <c r="GQP669" s="613"/>
      <c r="GQQ669" s="613"/>
      <c r="GQR669" s="613"/>
      <c r="GQS669" s="613"/>
      <c r="GQT669" s="613"/>
      <c r="GQU669" s="613"/>
      <c r="GQV669" s="613"/>
      <c r="GQW669" s="613"/>
      <c r="GQX669" s="613"/>
      <c r="GQY669" s="613"/>
      <c r="GQZ669" s="613"/>
      <c r="GRA669" s="613"/>
      <c r="GRB669" s="613"/>
      <c r="GRC669" s="613"/>
      <c r="GRD669" s="613"/>
      <c r="GRE669" s="613"/>
      <c r="GRF669" s="613"/>
      <c r="GRG669" s="613"/>
      <c r="GRH669" s="613"/>
      <c r="GRI669" s="613"/>
      <c r="GRJ669" s="613"/>
      <c r="GRK669" s="613"/>
      <c r="GRL669" s="613"/>
      <c r="GRM669" s="613"/>
      <c r="GRN669" s="613"/>
      <c r="GRO669" s="613"/>
      <c r="GRP669" s="613"/>
      <c r="GRQ669" s="613"/>
      <c r="GRR669" s="613"/>
      <c r="GRS669" s="613"/>
      <c r="GRT669" s="613"/>
      <c r="GRU669" s="613"/>
      <c r="GRV669" s="613"/>
      <c r="GRW669" s="613"/>
      <c r="GRX669" s="613"/>
      <c r="GRY669" s="613"/>
      <c r="GRZ669" s="613"/>
      <c r="GSA669" s="613"/>
      <c r="GSB669" s="613"/>
      <c r="GSC669" s="613"/>
      <c r="GSD669" s="613"/>
      <c r="GSE669" s="613"/>
      <c r="GSF669" s="613"/>
      <c r="GSG669" s="613"/>
      <c r="GSH669" s="613"/>
      <c r="GSI669" s="613"/>
      <c r="GSJ669" s="613"/>
      <c r="GSK669" s="613"/>
      <c r="GSL669" s="613"/>
      <c r="GSM669" s="613"/>
      <c r="GSN669" s="613"/>
      <c r="GSO669" s="613"/>
      <c r="GSP669" s="613"/>
      <c r="GSQ669" s="613"/>
      <c r="GSR669" s="613"/>
      <c r="GSS669" s="613"/>
      <c r="GST669" s="613"/>
      <c r="GSU669" s="613"/>
      <c r="GSV669" s="613"/>
      <c r="GSW669" s="613"/>
      <c r="GSX669" s="613"/>
      <c r="GSY669" s="613"/>
      <c r="GSZ669" s="613"/>
      <c r="GTA669" s="613"/>
      <c r="GTB669" s="613"/>
      <c r="GTC669" s="613"/>
      <c r="GTD669" s="613"/>
      <c r="GTE669" s="613"/>
      <c r="GTF669" s="613"/>
      <c r="GTG669" s="613"/>
      <c r="GTH669" s="613"/>
      <c r="GTI669" s="613"/>
      <c r="GTJ669" s="613"/>
      <c r="GTK669" s="613"/>
      <c r="GTL669" s="613"/>
      <c r="GTM669" s="613"/>
      <c r="GTN669" s="613"/>
      <c r="GTO669" s="613"/>
      <c r="GTP669" s="613"/>
      <c r="GTQ669" s="613"/>
      <c r="GTR669" s="613"/>
      <c r="GTS669" s="613"/>
      <c r="GTT669" s="613"/>
      <c r="GTU669" s="613"/>
      <c r="GTV669" s="613"/>
      <c r="GTW669" s="613"/>
      <c r="GTX669" s="613"/>
      <c r="GTY669" s="613"/>
      <c r="GTZ669" s="613"/>
      <c r="GUA669" s="613"/>
      <c r="GUB669" s="613"/>
      <c r="GUC669" s="613"/>
      <c r="GUD669" s="613"/>
      <c r="GUE669" s="613"/>
      <c r="GUF669" s="613"/>
      <c r="GUG669" s="613"/>
      <c r="GUH669" s="613"/>
      <c r="GUI669" s="613"/>
      <c r="GUJ669" s="613"/>
      <c r="GUK669" s="613"/>
      <c r="GUL669" s="613"/>
      <c r="GUM669" s="613"/>
      <c r="GUN669" s="613"/>
      <c r="GUO669" s="613"/>
      <c r="GUP669" s="613"/>
      <c r="GUQ669" s="613"/>
      <c r="GUR669" s="613"/>
      <c r="GUS669" s="613"/>
      <c r="GUT669" s="613"/>
      <c r="GUU669" s="613"/>
      <c r="GUV669" s="613"/>
      <c r="GUW669" s="613"/>
      <c r="GUX669" s="613"/>
      <c r="GUY669" s="613"/>
      <c r="GUZ669" s="613"/>
      <c r="GVA669" s="613"/>
      <c r="GVB669" s="613"/>
      <c r="GVC669" s="613"/>
      <c r="GVD669" s="613"/>
      <c r="GVE669" s="613"/>
      <c r="GVF669" s="613"/>
      <c r="GVG669" s="613"/>
      <c r="GVH669" s="613"/>
      <c r="GVI669" s="613"/>
      <c r="GVJ669" s="613"/>
      <c r="GVK669" s="613"/>
      <c r="GVL669" s="613"/>
      <c r="GVM669" s="613"/>
      <c r="GVN669" s="613"/>
      <c r="GVO669" s="613"/>
      <c r="GVP669" s="613"/>
      <c r="GVQ669" s="613"/>
      <c r="GVR669" s="613"/>
      <c r="GVS669" s="613"/>
      <c r="GVT669" s="613"/>
      <c r="GVU669" s="613"/>
      <c r="GVV669" s="613"/>
      <c r="GVW669" s="613"/>
      <c r="GVX669" s="613"/>
      <c r="GVY669" s="613"/>
      <c r="GVZ669" s="613"/>
      <c r="GWA669" s="613"/>
      <c r="GWB669" s="613"/>
      <c r="GWC669" s="613"/>
      <c r="GWD669" s="613"/>
      <c r="GWE669" s="613"/>
      <c r="GWF669" s="613"/>
      <c r="GWG669" s="613"/>
      <c r="GWH669" s="613"/>
      <c r="GWI669" s="613"/>
      <c r="GWJ669" s="613"/>
      <c r="GWK669" s="613"/>
      <c r="GWL669" s="613"/>
      <c r="GWM669" s="613"/>
      <c r="GWN669" s="613"/>
      <c r="GWO669" s="613"/>
      <c r="GWP669" s="613"/>
      <c r="GWQ669" s="613"/>
      <c r="GWR669" s="613"/>
      <c r="GWS669" s="613"/>
      <c r="GWT669" s="613"/>
      <c r="GWU669" s="613"/>
      <c r="GWV669" s="613"/>
      <c r="GWW669" s="613"/>
      <c r="GWX669" s="613"/>
      <c r="GWY669" s="613"/>
      <c r="GWZ669" s="613"/>
      <c r="GXA669" s="613"/>
      <c r="GXB669" s="613"/>
      <c r="GXC669" s="613"/>
      <c r="GXD669" s="613"/>
      <c r="GXE669" s="613"/>
      <c r="GXF669" s="613"/>
      <c r="GXG669" s="613"/>
      <c r="GXH669" s="613"/>
      <c r="GXI669" s="613"/>
      <c r="GXJ669" s="613"/>
      <c r="GXK669" s="613"/>
      <c r="GXL669" s="613"/>
      <c r="GXM669" s="613"/>
      <c r="GXN669" s="613"/>
      <c r="GXO669" s="613"/>
      <c r="GXP669" s="613"/>
      <c r="GXQ669" s="613"/>
      <c r="GXR669" s="613"/>
      <c r="GXS669" s="613"/>
      <c r="GXT669" s="613"/>
      <c r="GXU669" s="613"/>
      <c r="GXV669" s="613"/>
      <c r="GXW669" s="613"/>
      <c r="GXX669" s="613"/>
      <c r="GXY669" s="613"/>
      <c r="GXZ669" s="613"/>
      <c r="GYA669" s="613"/>
      <c r="GYB669" s="613"/>
      <c r="GYC669" s="613"/>
      <c r="GYD669" s="613"/>
      <c r="GYE669" s="613"/>
      <c r="GYF669" s="613"/>
      <c r="GYG669" s="613"/>
      <c r="GYH669" s="613"/>
      <c r="GYI669" s="613"/>
      <c r="GYJ669" s="613"/>
      <c r="GYK669" s="613"/>
      <c r="GYL669" s="613"/>
      <c r="GYM669" s="613"/>
      <c r="GYN669" s="613"/>
      <c r="GYO669" s="613"/>
      <c r="GYP669" s="613"/>
      <c r="GYQ669" s="613"/>
      <c r="GYR669" s="613"/>
      <c r="GYS669" s="613"/>
      <c r="GYT669" s="613"/>
      <c r="GYU669" s="613"/>
      <c r="GYV669" s="613"/>
      <c r="GYW669" s="613"/>
      <c r="GYX669" s="613"/>
      <c r="GYY669" s="613"/>
      <c r="GYZ669" s="613"/>
      <c r="GZA669" s="613"/>
      <c r="GZB669" s="613"/>
      <c r="GZC669" s="613"/>
      <c r="GZD669" s="613"/>
      <c r="GZE669" s="613"/>
      <c r="GZF669" s="613"/>
      <c r="GZG669" s="613"/>
      <c r="GZH669" s="613"/>
      <c r="GZI669" s="613"/>
      <c r="GZJ669" s="613"/>
      <c r="GZK669" s="613"/>
      <c r="GZL669" s="613"/>
      <c r="GZM669" s="613"/>
      <c r="GZN669" s="613"/>
      <c r="GZO669" s="613"/>
      <c r="GZP669" s="613"/>
      <c r="GZQ669" s="613"/>
      <c r="GZR669" s="613"/>
      <c r="GZS669" s="613"/>
      <c r="GZT669" s="613"/>
      <c r="GZU669" s="613"/>
      <c r="GZV669" s="613"/>
      <c r="GZW669" s="613"/>
      <c r="GZX669" s="613"/>
      <c r="GZY669" s="613"/>
      <c r="GZZ669" s="613"/>
      <c r="HAA669" s="613"/>
      <c r="HAB669" s="613"/>
      <c r="HAC669" s="613"/>
      <c r="HAD669" s="613"/>
      <c r="HAE669" s="613"/>
      <c r="HAF669" s="613"/>
      <c r="HAG669" s="613"/>
      <c r="HAH669" s="613"/>
      <c r="HAI669" s="613"/>
      <c r="HAJ669" s="613"/>
      <c r="HAK669" s="613"/>
      <c r="HAL669" s="613"/>
      <c r="HAM669" s="613"/>
      <c r="HAN669" s="613"/>
      <c r="HAO669" s="613"/>
      <c r="HAP669" s="613"/>
      <c r="HAQ669" s="613"/>
      <c r="HAR669" s="613"/>
      <c r="HAS669" s="613"/>
      <c r="HAT669" s="613"/>
      <c r="HAU669" s="613"/>
      <c r="HAV669" s="613"/>
      <c r="HAW669" s="613"/>
      <c r="HAX669" s="613"/>
      <c r="HAY669" s="613"/>
      <c r="HAZ669" s="613"/>
      <c r="HBA669" s="613"/>
      <c r="HBB669" s="613"/>
      <c r="HBC669" s="613"/>
      <c r="HBD669" s="613"/>
      <c r="HBE669" s="613"/>
      <c r="HBF669" s="613"/>
      <c r="HBG669" s="613"/>
      <c r="HBH669" s="613"/>
      <c r="HBI669" s="613"/>
      <c r="HBJ669" s="613"/>
      <c r="HBK669" s="613"/>
      <c r="HBL669" s="613"/>
      <c r="HBM669" s="613"/>
      <c r="HBN669" s="613"/>
      <c r="HBO669" s="613"/>
      <c r="HBP669" s="613"/>
      <c r="HBQ669" s="613"/>
      <c r="HBR669" s="613"/>
      <c r="HBS669" s="613"/>
      <c r="HBT669" s="613"/>
      <c r="HBU669" s="613"/>
      <c r="HBV669" s="613"/>
      <c r="HBW669" s="613"/>
      <c r="HBX669" s="613"/>
      <c r="HBY669" s="613"/>
      <c r="HBZ669" s="613"/>
      <c r="HCA669" s="613"/>
      <c r="HCB669" s="613"/>
      <c r="HCC669" s="613"/>
      <c r="HCD669" s="613"/>
      <c r="HCE669" s="613"/>
      <c r="HCF669" s="613"/>
      <c r="HCG669" s="613"/>
      <c r="HCH669" s="613"/>
      <c r="HCI669" s="613"/>
      <c r="HCJ669" s="613"/>
      <c r="HCK669" s="613"/>
      <c r="HCL669" s="613"/>
      <c r="HCM669" s="613"/>
      <c r="HCN669" s="613"/>
      <c r="HCO669" s="613"/>
      <c r="HCP669" s="613"/>
      <c r="HCQ669" s="613"/>
      <c r="HCR669" s="613"/>
      <c r="HCS669" s="613"/>
      <c r="HCT669" s="613"/>
      <c r="HCU669" s="613"/>
      <c r="HCV669" s="613"/>
      <c r="HCW669" s="613"/>
      <c r="HCX669" s="613"/>
      <c r="HCY669" s="613"/>
      <c r="HCZ669" s="613"/>
      <c r="HDA669" s="613"/>
      <c r="HDB669" s="613"/>
      <c r="HDC669" s="613"/>
      <c r="HDD669" s="613"/>
      <c r="HDE669" s="613"/>
      <c r="HDF669" s="613"/>
      <c r="HDG669" s="613"/>
      <c r="HDH669" s="613"/>
      <c r="HDI669" s="613"/>
      <c r="HDJ669" s="613"/>
      <c r="HDK669" s="613"/>
      <c r="HDL669" s="613"/>
      <c r="HDM669" s="613"/>
      <c r="HDN669" s="613"/>
      <c r="HDO669" s="613"/>
      <c r="HDP669" s="613"/>
      <c r="HDQ669" s="613"/>
      <c r="HDR669" s="613"/>
      <c r="HDS669" s="613"/>
      <c r="HDT669" s="613"/>
      <c r="HDU669" s="613"/>
      <c r="HDV669" s="613"/>
      <c r="HDW669" s="613"/>
      <c r="HDX669" s="613"/>
      <c r="HDY669" s="613"/>
      <c r="HDZ669" s="613"/>
      <c r="HEA669" s="613"/>
      <c r="HEB669" s="613"/>
      <c r="HEC669" s="613"/>
      <c r="HED669" s="613"/>
      <c r="HEE669" s="613"/>
      <c r="HEF669" s="613"/>
      <c r="HEG669" s="613"/>
      <c r="HEH669" s="613"/>
      <c r="HEI669" s="613"/>
      <c r="HEJ669" s="613"/>
      <c r="HEK669" s="613"/>
      <c r="HEL669" s="613"/>
      <c r="HEM669" s="613"/>
      <c r="HEN669" s="613"/>
      <c r="HEO669" s="613"/>
      <c r="HEP669" s="613"/>
      <c r="HEQ669" s="613"/>
      <c r="HER669" s="613"/>
      <c r="HES669" s="613"/>
      <c r="HET669" s="613"/>
      <c r="HEU669" s="613"/>
      <c r="HEV669" s="613"/>
      <c r="HEW669" s="613"/>
      <c r="HEX669" s="613"/>
      <c r="HEY669" s="613"/>
      <c r="HEZ669" s="613"/>
      <c r="HFA669" s="613"/>
      <c r="HFB669" s="613"/>
      <c r="HFC669" s="613"/>
      <c r="HFD669" s="613"/>
      <c r="HFE669" s="613"/>
      <c r="HFF669" s="613"/>
      <c r="HFG669" s="613"/>
      <c r="HFH669" s="613"/>
      <c r="HFI669" s="613"/>
      <c r="HFJ669" s="613"/>
      <c r="HFK669" s="613"/>
      <c r="HFL669" s="613"/>
      <c r="HFM669" s="613"/>
      <c r="HFN669" s="613"/>
      <c r="HFO669" s="613"/>
      <c r="HFP669" s="613"/>
      <c r="HFQ669" s="613"/>
      <c r="HFR669" s="613"/>
      <c r="HFS669" s="613"/>
      <c r="HFT669" s="613"/>
      <c r="HFU669" s="613"/>
      <c r="HFV669" s="613"/>
      <c r="HFW669" s="613"/>
      <c r="HFX669" s="613"/>
      <c r="HFY669" s="613"/>
      <c r="HFZ669" s="613"/>
      <c r="HGA669" s="613"/>
      <c r="HGB669" s="613"/>
      <c r="HGC669" s="613"/>
      <c r="HGD669" s="613"/>
      <c r="HGE669" s="613"/>
      <c r="HGF669" s="613"/>
      <c r="HGG669" s="613"/>
      <c r="HGH669" s="613"/>
      <c r="HGI669" s="613"/>
      <c r="HGJ669" s="613"/>
      <c r="HGK669" s="613"/>
      <c r="HGL669" s="613"/>
      <c r="HGM669" s="613"/>
      <c r="HGN669" s="613"/>
      <c r="HGO669" s="613"/>
      <c r="HGP669" s="613"/>
      <c r="HGQ669" s="613"/>
      <c r="HGR669" s="613"/>
      <c r="HGS669" s="613"/>
      <c r="HGT669" s="613"/>
      <c r="HGU669" s="613"/>
      <c r="HGV669" s="613"/>
      <c r="HGW669" s="613"/>
      <c r="HGX669" s="613"/>
      <c r="HGY669" s="613"/>
      <c r="HGZ669" s="613"/>
      <c r="HHA669" s="613"/>
      <c r="HHB669" s="613"/>
      <c r="HHC669" s="613"/>
      <c r="HHD669" s="613"/>
      <c r="HHE669" s="613"/>
      <c r="HHF669" s="613"/>
      <c r="HHG669" s="613"/>
      <c r="HHH669" s="613"/>
      <c r="HHI669" s="613"/>
      <c r="HHJ669" s="613"/>
      <c r="HHK669" s="613"/>
      <c r="HHL669" s="613"/>
      <c r="HHM669" s="613"/>
      <c r="HHN669" s="613"/>
      <c r="HHO669" s="613"/>
      <c r="HHP669" s="613"/>
      <c r="HHQ669" s="613"/>
      <c r="HHR669" s="613"/>
      <c r="HHS669" s="613"/>
      <c r="HHT669" s="613"/>
      <c r="HHU669" s="613"/>
      <c r="HHV669" s="613"/>
      <c r="HHW669" s="613"/>
      <c r="HHX669" s="613"/>
      <c r="HHY669" s="613"/>
      <c r="HHZ669" s="613"/>
      <c r="HIA669" s="613"/>
      <c r="HIB669" s="613"/>
      <c r="HIC669" s="613"/>
      <c r="HID669" s="613"/>
      <c r="HIE669" s="613"/>
      <c r="HIF669" s="613"/>
      <c r="HIG669" s="613"/>
      <c r="HIH669" s="613"/>
      <c r="HII669" s="613"/>
      <c r="HIJ669" s="613"/>
      <c r="HIK669" s="613"/>
      <c r="HIL669" s="613"/>
      <c r="HIM669" s="613"/>
      <c r="HIN669" s="613"/>
      <c r="HIO669" s="613"/>
      <c r="HIP669" s="613"/>
      <c r="HIQ669" s="613"/>
      <c r="HIR669" s="613"/>
      <c r="HIS669" s="613"/>
      <c r="HIT669" s="613"/>
      <c r="HIU669" s="613"/>
      <c r="HIV669" s="613"/>
      <c r="HIW669" s="613"/>
      <c r="HIX669" s="613"/>
      <c r="HIY669" s="613"/>
      <c r="HIZ669" s="613"/>
      <c r="HJA669" s="613"/>
      <c r="HJB669" s="613"/>
      <c r="HJC669" s="613"/>
      <c r="HJD669" s="613"/>
      <c r="HJE669" s="613"/>
      <c r="HJF669" s="613"/>
      <c r="HJG669" s="613"/>
      <c r="HJH669" s="613"/>
      <c r="HJI669" s="613"/>
      <c r="HJJ669" s="613"/>
      <c r="HJK669" s="613"/>
      <c r="HJL669" s="613"/>
      <c r="HJM669" s="613"/>
      <c r="HJN669" s="613"/>
      <c r="HJO669" s="613"/>
      <c r="HJP669" s="613"/>
      <c r="HJQ669" s="613"/>
      <c r="HJR669" s="613"/>
      <c r="HJS669" s="613"/>
      <c r="HJT669" s="613"/>
      <c r="HJU669" s="613"/>
      <c r="HJV669" s="613"/>
      <c r="HJW669" s="613"/>
      <c r="HJX669" s="613"/>
      <c r="HJY669" s="613"/>
      <c r="HJZ669" s="613"/>
      <c r="HKA669" s="613"/>
      <c r="HKB669" s="613"/>
      <c r="HKC669" s="613"/>
      <c r="HKD669" s="613"/>
      <c r="HKE669" s="613"/>
      <c r="HKF669" s="613"/>
      <c r="HKG669" s="613"/>
      <c r="HKH669" s="613"/>
      <c r="HKI669" s="613"/>
      <c r="HKJ669" s="613"/>
      <c r="HKK669" s="613"/>
      <c r="HKL669" s="613"/>
      <c r="HKM669" s="613"/>
      <c r="HKN669" s="613"/>
      <c r="HKO669" s="613"/>
      <c r="HKP669" s="613"/>
      <c r="HKQ669" s="613"/>
      <c r="HKR669" s="613"/>
      <c r="HKS669" s="613"/>
      <c r="HKT669" s="613"/>
      <c r="HKU669" s="613"/>
      <c r="HKV669" s="613"/>
      <c r="HKW669" s="613"/>
      <c r="HKX669" s="613"/>
      <c r="HKY669" s="613"/>
      <c r="HKZ669" s="613"/>
      <c r="HLA669" s="613"/>
      <c r="HLB669" s="613"/>
      <c r="HLC669" s="613"/>
      <c r="HLD669" s="613"/>
      <c r="HLE669" s="613"/>
      <c r="HLF669" s="613"/>
      <c r="HLG669" s="613"/>
      <c r="HLH669" s="613"/>
      <c r="HLI669" s="613"/>
      <c r="HLJ669" s="613"/>
      <c r="HLK669" s="613"/>
      <c r="HLL669" s="613"/>
      <c r="HLM669" s="613"/>
      <c r="HLN669" s="613"/>
      <c r="HLO669" s="613"/>
      <c r="HLP669" s="613"/>
      <c r="HLQ669" s="613"/>
      <c r="HLR669" s="613"/>
      <c r="HLS669" s="613"/>
      <c r="HLT669" s="613"/>
      <c r="HLU669" s="613"/>
      <c r="HLV669" s="613"/>
      <c r="HLW669" s="613"/>
      <c r="HLX669" s="613"/>
      <c r="HLY669" s="613"/>
      <c r="HLZ669" s="613"/>
      <c r="HMA669" s="613"/>
      <c r="HMB669" s="613"/>
      <c r="HMC669" s="613"/>
      <c r="HMD669" s="613"/>
      <c r="HME669" s="613"/>
      <c r="HMF669" s="613"/>
      <c r="HMG669" s="613"/>
      <c r="HMH669" s="613"/>
      <c r="HMI669" s="613"/>
      <c r="HMJ669" s="613"/>
      <c r="HMK669" s="613"/>
      <c r="HML669" s="613"/>
      <c r="HMM669" s="613"/>
      <c r="HMN669" s="613"/>
      <c r="HMO669" s="613"/>
      <c r="HMP669" s="613"/>
      <c r="HMQ669" s="613"/>
      <c r="HMR669" s="613"/>
      <c r="HMS669" s="613"/>
      <c r="HMT669" s="613"/>
      <c r="HMU669" s="613"/>
      <c r="HMV669" s="613"/>
      <c r="HMW669" s="613"/>
      <c r="HMX669" s="613"/>
      <c r="HMY669" s="613"/>
      <c r="HMZ669" s="613"/>
      <c r="HNA669" s="613"/>
      <c r="HNB669" s="613"/>
      <c r="HNC669" s="613"/>
      <c r="HND669" s="613"/>
      <c r="HNE669" s="613"/>
      <c r="HNF669" s="613"/>
      <c r="HNG669" s="613"/>
      <c r="HNH669" s="613"/>
      <c r="HNI669" s="613"/>
      <c r="HNJ669" s="613"/>
      <c r="HNK669" s="613"/>
      <c r="HNL669" s="613"/>
      <c r="HNM669" s="613"/>
      <c r="HNN669" s="613"/>
      <c r="HNO669" s="613"/>
      <c r="HNP669" s="613"/>
      <c r="HNQ669" s="613"/>
      <c r="HNR669" s="613"/>
      <c r="HNS669" s="613"/>
      <c r="HNT669" s="613"/>
      <c r="HNU669" s="613"/>
      <c r="HNV669" s="613"/>
      <c r="HNW669" s="613"/>
      <c r="HNX669" s="613"/>
      <c r="HNY669" s="613"/>
      <c r="HNZ669" s="613"/>
      <c r="HOA669" s="613"/>
      <c r="HOB669" s="613"/>
      <c r="HOC669" s="613"/>
      <c r="HOD669" s="613"/>
      <c r="HOE669" s="613"/>
      <c r="HOF669" s="613"/>
      <c r="HOG669" s="613"/>
      <c r="HOH669" s="613"/>
      <c r="HOI669" s="613"/>
      <c r="HOJ669" s="613"/>
      <c r="HOK669" s="613"/>
      <c r="HOL669" s="613"/>
      <c r="HOM669" s="613"/>
      <c r="HON669" s="613"/>
      <c r="HOO669" s="613"/>
      <c r="HOP669" s="613"/>
      <c r="HOQ669" s="613"/>
      <c r="HOR669" s="613"/>
      <c r="HOS669" s="613"/>
      <c r="HOT669" s="613"/>
      <c r="HOU669" s="613"/>
      <c r="HOV669" s="613"/>
      <c r="HOW669" s="613"/>
      <c r="HOX669" s="613"/>
      <c r="HOY669" s="613"/>
      <c r="HOZ669" s="613"/>
      <c r="HPA669" s="613"/>
      <c r="HPB669" s="613"/>
      <c r="HPC669" s="613"/>
      <c r="HPD669" s="613"/>
      <c r="HPE669" s="613"/>
      <c r="HPF669" s="613"/>
      <c r="HPG669" s="613"/>
      <c r="HPH669" s="613"/>
      <c r="HPI669" s="613"/>
      <c r="HPJ669" s="613"/>
      <c r="HPK669" s="613"/>
      <c r="HPL669" s="613"/>
      <c r="HPM669" s="613"/>
      <c r="HPN669" s="613"/>
      <c r="HPO669" s="613"/>
      <c r="HPP669" s="613"/>
      <c r="HPQ669" s="613"/>
      <c r="HPR669" s="613"/>
      <c r="HPS669" s="613"/>
      <c r="HPT669" s="613"/>
      <c r="HPU669" s="613"/>
      <c r="HPV669" s="613"/>
      <c r="HPW669" s="613"/>
      <c r="HPX669" s="613"/>
      <c r="HPY669" s="613"/>
      <c r="HPZ669" s="613"/>
      <c r="HQA669" s="613"/>
      <c r="HQB669" s="613"/>
      <c r="HQC669" s="613"/>
      <c r="HQD669" s="613"/>
      <c r="HQE669" s="613"/>
      <c r="HQF669" s="613"/>
      <c r="HQG669" s="613"/>
      <c r="HQH669" s="613"/>
      <c r="HQI669" s="613"/>
      <c r="HQJ669" s="613"/>
      <c r="HQK669" s="613"/>
      <c r="HQL669" s="613"/>
      <c r="HQM669" s="613"/>
      <c r="HQN669" s="613"/>
      <c r="HQO669" s="613"/>
      <c r="HQP669" s="613"/>
      <c r="HQQ669" s="613"/>
      <c r="HQR669" s="613"/>
      <c r="HQS669" s="613"/>
      <c r="HQT669" s="613"/>
      <c r="HQU669" s="613"/>
      <c r="HQV669" s="613"/>
      <c r="HQW669" s="613"/>
      <c r="HQX669" s="613"/>
      <c r="HQY669" s="613"/>
      <c r="HQZ669" s="613"/>
      <c r="HRA669" s="613"/>
      <c r="HRB669" s="613"/>
      <c r="HRC669" s="613"/>
      <c r="HRD669" s="613"/>
      <c r="HRE669" s="613"/>
      <c r="HRF669" s="613"/>
      <c r="HRG669" s="613"/>
      <c r="HRH669" s="613"/>
      <c r="HRI669" s="613"/>
      <c r="HRJ669" s="613"/>
      <c r="HRK669" s="613"/>
      <c r="HRL669" s="613"/>
      <c r="HRM669" s="613"/>
      <c r="HRN669" s="613"/>
      <c r="HRO669" s="613"/>
      <c r="HRP669" s="613"/>
      <c r="HRQ669" s="613"/>
      <c r="HRR669" s="613"/>
      <c r="HRS669" s="613"/>
      <c r="HRT669" s="613"/>
      <c r="HRU669" s="613"/>
      <c r="HRV669" s="613"/>
      <c r="HRW669" s="613"/>
      <c r="HRX669" s="613"/>
      <c r="HRY669" s="613"/>
      <c r="HRZ669" s="613"/>
      <c r="HSA669" s="613"/>
      <c r="HSB669" s="613"/>
      <c r="HSC669" s="613"/>
      <c r="HSD669" s="613"/>
      <c r="HSE669" s="613"/>
      <c r="HSF669" s="613"/>
      <c r="HSG669" s="613"/>
      <c r="HSH669" s="613"/>
      <c r="HSI669" s="613"/>
      <c r="HSJ669" s="613"/>
      <c r="HSK669" s="613"/>
      <c r="HSL669" s="613"/>
      <c r="HSM669" s="613"/>
      <c r="HSN669" s="613"/>
      <c r="HSO669" s="613"/>
      <c r="HSP669" s="613"/>
      <c r="HSQ669" s="613"/>
      <c r="HSR669" s="613"/>
      <c r="HSS669" s="613"/>
      <c r="HST669" s="613"/>
      <c r="HSU669" s="613"/>
      <c r="HSV669" s="613"/>
      <c r="HSW669" s="613"/>
      <c r="HSX669" s="613"/>
      <c r="HSY669" s="613"/>
      <c r="HSZ669" s="613"/>
      <c r="HTA669" s="613"/>
      <c r="HTB669" s="613"/>
      <c r="HTC669" s="613"/>
      <c r="HTD669" s="613"/>
      <c r="HTE669" s="613"/>
      <c r="HTF669" s="613"/>
      <c r="HTG669" s="613"/>
      <c r="HTH669" s="613"/>
      <c r="HTI669" s="613"/>
      <c r="HTJ669" s="613"/>
      <c r="HTK669" s="613"/>
      <c r="HTL669" s="613"/>
      <c r="HTM669" s="613"/>
      <c r="HTN669" s="613"/>
      <c r="HTO669" s="613"/>
      <c r="HTP669" s="613"/>
      <c r="HTQ669" s="613"/>
      <c r="HTR669" s="613"/>
      <c r="HTS669" s="613"/>
      <c r="HTT669" s="613"/>
      <c r="HTU669" s="613"/>
      <c r="HTV669" s="613"/>
      <c r="HTW669" s="613"/>
      <c r="HTX669" s="613"/>
      <c r="HTY669" s="613"/>
      <c r="HTZ669" s="613"/>
      <c r="HUA669" s="613"/>
      <c r="HUB669" s="613"/>
      <c r="HUC669" s="613"/>
      <c r="HUD669" s="613"/>
      <c r="HUE669" s="613"/>
      <c r="HUF669" s="613"/>
      <c r="HUG669" s="613"/>
      <c r="HUH669" s="613"/>
      <c r="HUI669" s="613"/>
      <c r="HUJ669" s="613"/>
      <c r="HUK669" s="613"/>
      <c r="HUL669" s="613"/>
      <c r="HUM669" s="613"/>
      <c r="HUN669" s="613"/>
      <c r="HUO669" s="613"/>
      <c r="HUP669" s="613"/>
      <c r="HUQ669" s="613"/>
      <c r="HUR669" s="613"/>
      <c r="HUS669" s="613"/>
      <c r="HUT669" s="613"/>
      <c r="HUU669" s="613"/>
      <c r="HUV669" s="613"/>
      <c r="HUW669" s="613"/>
      <c r="HUX669" s="613"/>
      <c r="HUY669" s="613"/>
      <c r="HUZ669" s="613"/>
      <c r="HVA669" s="613"/>
      <c r="HVB669" s="613"/>
      <c r="HVC669" s="613"/>
      <c r="HVD669" s="613"/>
      <c r="HVE669" s="613"/>
      <c r="HVF669" s="613"/>
      <c r="HVG669" s="613"/>
      <c r="HVH669" s="613"/>
      <c r="HVI669" s="613"/>
      <c r="HVJ669" s="613"/>
      <c r="HVK669" s="613"/>
      <c r="HVL669" s="613"/>
      <c r="HVM669" s="613"/>
      <c r="HVN669" s="613"/>
      <c r="HVO669" s="613"/>
      <c r="HVP669" s="613"/>
      <c r="HVQ669" s="613"/>
      <c r="HVR669" s="613"/>
      <c r="HVS669" s="613"/>
      <c r="HVT669" s="613"/>
      <c r="HVU669" s="613"/>
      <c r="HVV669" s="613"/>
      <c r="HVW669" s="613"/>
      <c r="HVX669" s="613"/>
      <c r="HVY669" s="613"/>
      <c r="HVZ669" s="613"/>
      <c r="HWA669" s="613"/>
      <c r="HWB669" s="613"/>
      <c r="HWC669" s="613"/>
      <c r="HWD669" s="613"/>
      <c r="HWE669" s="613"/>
      <c r="HWF669" s="613"/>
      <c r="HWG669" s="613"/>
      <c r="HWH669" s="613"/>
      <c r="HWI669" s="613"/>
      <c r="HWJ669" s="613"/>
      <c r="HWK669" s="613"/>
      <c r="HWL669" s="613"/>
      <c r="HWM669" s="613"/>
      <c r="HWN669" s="613"/>
      <c r="HWO669" s="613"/>
      <c r="HWP669" s="613"/>
      <c r="HWQ669" s="613"/>
      <c r="HWR669" s="613"/>
      <c r="HWS669" s="613"/>
      <c r="HWT669" s="613"/>
      <c r="HWU669" s="613"/>
      <c r="HWV669" s="613"/>
      <c r="HWW669" s="613"/>
      <c r="HWX669" s="613"/>
      <c r="HWY669" s="613"/>
      <c r="HWZ669" s="613"/>
      <c r="HXA669" s="613"/>
      <c r="HXB669" s="613"/>
      <c r="HXC669" s="613"/>
      <c r="HXD669" s="613"/>
      <c r="HXE669" s="613"/>
      <c r="HXF669" s="613"/>
      <c r="HXG669" s="613"/>
      <c r="HXH669" s="613"/>
      <c r="HXI669" s="613"/>
      <c r="HXJ669" s="613"/>
      <c r="HXK669" s="613"/>
      <c r="HXL669" s="613"/>
      <c r="HXM669" s="613"/>
      <c r="HXN669" s="613"/>
      <c r="HXO669" s="613"/>
      <c r="HXP669" s="613"/>
      <c r="HXQ669" s="613"/>
      <c r="HXR669" s="613"/>
      <c r="HXS669" s="613"/>
      <c r="HXT669" s="613"/>
      <c r="HXU669" s="613"/>
      <c r="HXV669" s="613"/>
      <c r="HXW669" s="613"/>
      <c r="HXX669" s="613"/>
      <c r="HXY669" s="613"/>
      <c r="HXZ669" s="613"/>
      <c r="HYA669" s="613"/>
      <c r="HYB669" s="613"/>
      <c r="HYC669" s="613"/>
      <c r="HYD669" s="613"/>
      <c r="HYE669" s="613"/>
      <c r="HYF669" s="613"/>
      <c r="HYG669" s="613"/>
      <c r="HYH669" s="613"/>
      <c r="HYI669" s="613"/>
      <c r="HYJ669" s="613"/>
      <c r="HYK669" s="613"/>
      <c r="HYL669" s="613"/>
      <c r="HYM669" s="613"/>
      <c r="HYN669" s="613"/>
      <c r="HYO669" s="613"/>
      <c r="HYP669" s="613"/>
      <c r="HYQ669" s="613"/>
      <c r="HYR669" s="613"/>
      <c r="HYS669" s="613"/>
      <c r="HYT669" s="613"/>
      <c r="HYU669" s="613"/>
      <c r="HYV669" s="613"/>
      <c r="HYW669" s="613"/>
      <c r="HYX669" s="613"/>
      <c r="HYY669" s="613"/>
      <c r="HYZ669" s="613"/>
      <c r="HZA669" s="613"/>
      <c r="HZB669" s="613"/>
      <c r="HZC669" s="613"/>
      <c r="HZD669" s="613"/>
      <c r="HZE669" s="613"/>
      <c r="HZF669" s="613"/>
      <c r="HZG669" s="613"/>
      <c r="HZH669" s="613"/>
      <c r="HZI669" s="613"/>
      <c r="HZJ669" s="613"/>
      <c r="HZK669" s="613"/>
      <c r="HZL669" s="613"/>
      <c r="HZM669" s="613"/>
      <c r="HZN669" s="613"/>
      <c r="HZO669" s="613"/>
      <c r="HZP669" s="613"/>
      <c r="HZQ669" s="613"/>
      <c r="HZR669" s="613"/>
      <c r="HZS669" s="613"/>
      <c r="HZT669" s="613"/>
      <c r="HZU669" s="613"/>
      <c r="HZV669" s="613"/>
      <c r="HZW669" s="613"/>
      <c r="HZX669" s="613"/>
      <c r="HZY669" s="613"/>
      <c r="HZZ669" s="613"/>
      <c r="IAA669" s="613"/>
      <c r="IAB669" s="613"/>
      <c r="IAC669" s="613"/>
      <c r="IAD669" s="613"/>
      <c r="IAE669" s="613"/>
      <c r="IAF669" s="613"/>
      <c r="IAG669" s="613"/>
      <c r="IAH669" s="613"/>
      <c r="IAI669" s="613"/>
      <c r="IAJ669" s="613"/>
      <c r="IAK669" s="613"/>
      <c r="IAL669" s="613"/>
      <c r="IAM669" s="613"/>
      <c r="IAN669" s="613"/>
      <c r="IAO669" s="613"/>
      <c r="IAP669" s="613"/>
      <c r="IAQ669" s="613"/>
      <c r="IAR669" s="613"/>
      <c r="IAS669" s="613"/>
      <c r="IAT669" s="613"/>
      <c r="IAU669" s="613"/>
      <c r="IAV669" s="613"/>
      <c r="IAW669" s="613"/>
      <c r="IAX669" s="613"/>
      <c r="IAY669" s="613"/>
      <c r="IAZ669" s="613"/>
      <c r="IBA669" s="613"/>
      <c r="IBB669" s="613"/>
      <c r="IBC669" s="613"/>
      <c r="IBD669" s="613"/>
      <c r="IBE669" s="613"/>
      <c r="IBF669" s="613"/>
      <c r="IBG669" s="613"/>
      <c r="IBH669" s="613"/>
      <c r="IBI669" s="613"/>
      <c r="IBJ669" s="613"/>
      <c r="IBK669" s="613"/>
      <c r="IBL669" s="613"/>
      <c r="IBM669" s="613"/>
      <c r="IBN669" s="613"/>
      <c r="IBO669" s="613"/>
      <c r="IBP669" s="613"/>
      <c r="IBQ669" s="613"/>
      <c r="IBR669" s="613"/>
      <c r="IBS669" s="613"/>
      <c r="IBT669" s="613"/>
      <c r="IBU669" s="613"/>
      <c r="IBV669" s="613"/>
      <c r="IBW669" s="613"/>
      <c r="IBX669" s="613"/>
      <c r="IBY669" s="613"/>
      <c r="IBZ669" s="613"/>
      <c r="ICA669" s="613"/>
      <c r="ICB669" s="613"/>
      <c r="ICC669" s="613"/>
      <c r="ICD669" s="613"/>
      <c r="ICE669" s="613"/>
      <c r="ICF669" s="613"/>
      <c r="ICG669" s="613"/>
      <c r="ICH669" s="613"/>
      <c r="ICI669" s="613"/>
      <c r="ICJ669" s="613"/>
      <c r="ICK669" s="613"/>
      <c r="ICL669" s="613"/>
      <c r="ICM669" s="613"/>
      <c r="ICN669" s="613"/>
      <c r="ICO669" s="613"/>
      <c r="ICP669" s="613"/>
      <c r="ICQ669" s="613"/>
      <c r="ICR669" s="613"/>
      <c r="ICS669" s="613"/>
      <c r="ICT669" s="613"/>
      <c r="ICU669" s="613"/>
      <c r="ICV669" s="613"/>
      <c r="ICW669" s="613"/>
      <c r="ICX669" s="613"/>
      <c r="ICY669" s="613"/>
      <c r="ICZ669" s="613"/>
      <c r="IDA669" s="613"/>
      <c r="IDB669" s="613"/>
      <c r="IDC669" s="613"/>
      <c r="IDD669" s="613"/>
      <c r="IDE669" s="613"/>
      <c r="IDF669" s="613"/>
      <c r="IDG669" s="613"/>
      <c r="IDH669" s="613"/>
      <c r="IDI669" s="613"/>
      <c r="IDJ669" s="613"/>
      <c r="IDK669" s="613"/>
      <c r="IDL669" s="613"/>
      <c r="IDM669" s="613"/>
      <c r="IDN669" s="613"/>
      <c r="IDO669" s="613"/>
      <c r="IDP669" s="613"/>
      <c r="IDQ669" s="613"/>
      <c r="IDR669" s="613"/>
      <c r="IDS669" s="613"/>
      <c r="IDT669" s="613"/>
      <c r="IDU669" s="613"/>
      <c r="IDV669" s="613"/>
      <c r="IDW669" s="613"/>
      <c r="IDX669" s="613"/>
      <c r="IDY669" s="613"/>
      <c r="IDZ669" s="613"/>
      <c r="IEA669" s="613"/>
      <c r="IEB669" s="613"/>
      <c r="IEC669" s="613"/>
      <c r="IED669" s="613"/>
      <c r="IEE669" s="613"/>
      <c r="IEF669" s="613"/>
      <c r="IEG669" s="613"/>
      <c r="IEH669" s="613"/>
      <c r="IEI669" s="613"/>
      <c r="IEJ669" s="613"/>
      <c r="IEK669" s="613"/>
      <c r="IEL669" s="613"/>
      <c r="IEM669" s="613"/>
      <c r="IEN669" s="613"/>
      <c r="IEO669" s="613"/>
      <c r="IEP669" s="613"/>
      <c r="IEQ669" s="613"/>
      <c r="IER669" s="613"/>
      <c r="IES669" s="613"/>
      <c r="IET669" s="613"/>
      <c r="IEU669" s="613"/>
      <c r="IEV669" s="613"/>
      <c r="IEW669" s="613"/>
      <c r="IEX669" s="613"/>
      <c r="IEY669" s="613"/>
      <c r="IEZ669" s="613"/>
      <c r="IFA669" s="613"/>
      <c r="IFB669" s="613"/>
      <c r="IFC669" s="613"/>
      <c r="IFD669" s="613"/>
      <c r="IFE669" s="613"/>
      <c r="IFF669" s="613"/>
      <c r="IFG669" s="613"/>
      <c r="IFH669" s="613"/>
      <c r="IFI669" s="613"/>
      <c r="IFJ669" s="613"/>
      <c r="IFK669" s="613"/>
      <c r="IFL669" s="613"/>
      <c r="IFM669" s="613"/>
      <c r="IFN669" s="613"/>
      <c r="IFO669" s="613"/>
      <c r="IFP669" s="613"/>
      <c r="IFQ669" s="613"/>
      <c r="IFR669" s="613"/>
      <c r="IFS669" s="613"/>
      <c r="IFT669" s="613"/>
      <c r="IFU669" s="613"/>
      <c r="IFV669" s="613"/>
      <c r="IFW669" s="613"/>
      <c r="IFX669" s="613"/>
      <c r="IFY669" s="613"/>
      <c r="IFZ669" s="613"/>
      <c r="IGA669" s="613"/>
      <c r="IGB669" s="613"/>
      <c r="IGC669" s="613"/>
      <c r="IGD669" s="613"/>
      <c r="IGE669" s="613"/>
      <c r="IGF669" s="613"/>
      <c r="IGG669" s="613"/>
      <c r="IGH669" s="613"/>
      <c r="IGI669" s="613"/>
      <c r="IGJ669" s="613"/>
      <c r="IGK669" s="613"/>
      <c r="IGL669" s="613"/>
      <c r="IGM669" s="613"/>
      <c r="IGN669" s="613"/>
      <c r="IGO669" s="613"/>
      <c r="IGP669" s="613"/>
      <c r="IGQ669" s="613"/>
      <c r="IGR669" s="613"/>
      <c r="IGS669" s="613"/>
      <c r="IGT669" s="613"/>
      <c r="IGU669" s="613"/>
      <c r="IGV669" s="613"/>
      <c r="IGW669" s="613"/>
      <c r="IGX669" s="613"/>
      <c r="IGY669" s="613"/>
      <c r="IGZ669" s="613"/>
      <c r="IHA669" s="613"/>
      <c r="IHB669" s="613"/>
      <c r="IHC669" s="613"/>
      <c r="IHD669" s="613"/>
      <c r="IHE669" s="613"/>
      <c r="IHF669" s="613"/>
      <c r="IHG669" s="613"/>
      <c r="IHH669" s="613"/>
      <c r="IHI669" s="613"/>
      <c r="IHJ669" s="613"/>
      <c r="IHK669" s="613"/>
      <c r="IHL669" s="613"/>
      <c r="IHM669" s="613"/>
      <c r="IHN669" s="613"/>
      <c r="IHO669" s="613"/>
      <c r="IHP669" s="613"/>
      <c r="IHQ669" s="613"/>
      <c r="IHR669" s="613"/>
      <c r="IHS669" s="613"/>
      <c r="IHT669" s="613"/>
      <c r="IHU669" s="613"/>
      <c r="IHV669" s="613"/>
      <c r="IHW669" s="613"/>
      <c r="IHX669" s="613"/>
      <c r="IHY669" s="613"/>
      <c r="IHZ669" s="613"/>
      <c r="IIA669" s="613"/>
      <c r="IIB669" s="613"/>
      <c r="IIC669" s="613"/>
      <c r="IID669" s="613"/>
      <c r="IIE669" s="613"/>
      <c r="IIF669" s="613"/>
      <c r="IIG669" s="613"/>
      <c r="IIH669" s="613"/>
      <c r="III669" s="613"/>
      <c r="IIJ669" s="613"/>
      <c r="IIK669" s="613"/>
      <c r="IIL669" s="613"/>
      <c r="IIM669" s="613"/>
      <c r="IIN669" s="613"/>
      <c r="IIO669" s="613"/>
      <c r="IIP669" s="613"/>
      <c r="IIQ669" s="613"/>
      <c r="IIR669" s="613"/>
      <c r="IIS669" s="613"/>
      <c r="IIT669" s="613"/>
      <c r="IIU669" s="613"/>
      <c r="IIV669" s="613"/>
      <c r="IIW669" s="613"/>
      <c r="IIX669" s="613"/>
      <c r="IIY669" s="613"/>
      <c r="IIZ669" s="613"/>
      <c r="IJA669" s="613"/>
      <c r="IJB669" s="613"/>
      <c r="IJC669" s="613"/>
      <c r="IJD669" s="613"/>
      <c r="IJE669" s="613"/>
      <c r="IJF669" s="613"/>
      <c r="IJG669" s="613"/>
      <c r="IJH669" s="613"/>
      <c r="IJI669" s="613"/>
      <c r="IJJ669" s="613"/>
      <c r="IJK669" s="613"/>
      <c r="IJL669" s="613"/>
      <c r="IJM669" s="613"/>
      <c r="IJN669" s="613"/>
      <c r="IJO669" s="613"/>
      <c r="IJP669" s="613"/>
      <c r="IJQ669" s="613"/>
      <c r="IJR669" s="613"/>
      <c r="IJS669" s="613"/>
      <c r="IJT669" s="613"/>
      <c r="IJU669" s="613"/>
      <c r="IJV669" s="613"/>
      <c r="IJW669" s="613"/>
      <c r="IJX669" s="613"/>
      <c r="IJY669" s="613"/>
      <c r="IJZ669" s="613"/>
      <c r="IKA669" s="613"/>
      <c r="IKB669" s="613"/>
      <c r="IKC669" s="613"/>
      <c r="IKD669" s="613"/>
      <c r="IKE669" s="613"/>
      <c r="IKF669" s="613"/>
      <c r="IKG669" s="613"/>
      <c r="IKH669" s="613"/>
      <c r="IKI669" s="613"/>
      <c r="IKJ669" s="613"/>
      <c r="IKK669" s="613"/>
      <c r="IKL669" s="613"/>
      <c r="IKM669" s="613"/>
      <c r="IKN669" s="613"/>
      <c r="IKO669" s="613"/>
      <c r="IKP669" s="613"/>
      <c r="IKQ669" s="613"/>
      <c r="IKR669" s="613"/>
      <c r="IKS669" s="613"/>
      <c r="IKT669" s="613"/>
      <c r="IKU669" s="613"/>
      <c r="IKV669" s="613"/>
      <c r="IKW669" s="613"/>
      <c r="IKX669" s="613"/>
      <c r="IKY669" s="613"/>
      <c r="IKZ669" s="613"/>
      <c r="ILA669" s="613"/>
      <c r="ILB669" s="613"/>
      <c r="ILC669" s="613"/>
      <c r="ILD669" s="613"/>
      <c r="ILE669" s="613"/>
      <c r="ILF669" s="613"/>
      <c r="ILG669" s="613"/>
      <c r="ILH669" s="613"/>
      <c r="ILI669" s="613"/>
      <c r="ILJ669" s="613"/>
      <c r="ILK669" s="613"/>
      <c r="ILL669" s="613"/>
      <c r="ILM669" s="613"/>
      <c r="ILN669" s="613"/>
      <c r="ILO669" s="613"/>
      <c r="ILP669" s="613"/>
      <c r="ILQ669" s="613"/>
      <c r="ILR669" s="613"/>
      <c r="ILS669" s="613"/>
      <c r="ILT669" s="613"/>
      <c r="ILU669" s="613"/>
      <c r="ILV669" s="613"/>
      <c r="ILW669" s="613"/>
      <c r="ILX669" s="613"/>
      <c r="ILY669" s="613"/>
      <c r="ILZ669" s="613"/>
      <c r="IMA669" s="613"/>
      <c r="IMB669" s="613"/>
      <c r="IMC669" s="613"/>
      <c r="IMD669" s="613"/>
      <c r="IME669" s="613"/>
      <c r="IMF669" s="613"/>
      <c r="IMG669" s="613"/>
      <c r="IMH669" s="613"/>
      <c r="IMI669" s="613"/>
      <c r="IMJ669" s="613"/>
      <c r="IMK669" s="613"/>
      <c r="IML669" s="613"/>
      <c r="IMM669" s="613"/>
      <c r="IMN669" s="613"/>
      <c r="IMO669" s="613"/>
      <c r="IMP669" s="613"/>
      <c r="IMQ669" s="613"/>
      <c r="IMR669" s="613"/>
      <c r="IMS669" s="613"/>
      <c r="IMT669" s="613"/>
      <c r="IMU669" s="613"/>
      <c r="IMV669" s="613"/>
      <c r="IMW669" s="613"/>
      <c r="IMX669" s="613"/>
      <c r="IMY669" s="613"/>
      <c r="IMZ669" s="613"/>
      <c r="INA669" s="613"/>
      <c r="INB669" s="613"/>
      <c r="INC669" s="613"/>
      <c r="IND669" s="613"/>
      <c r="INE669" s="613"/>
      <c r="INF669" s="613"/>
      <c r="ING669" s="613"/>
      <c r="INH669" s="613"/>
      <c r="INI669" s="613"/>
      <c r="INJ669" s="613"/>
      <c r="INK669" s="613"/>
      <c r="INL669" s="613"/>
      <c r="INM669" s="613"/>
      <c r="INN669" s="613"/>
      <c r="INO669" s="613"/>
      <c r="INP669" s="613"/>
      <c r="INQ669" s="613"/>
      <c r="INR669" s="613"/>
      <c r="INS669" s="613"/>
      <c r="INT669" s="613"/>
      <c r="INU669" s="613"/>
      <c r="INV669" s="613"/>
      <c r="INW669" s="613"/>
      <c r="INX669" s="613"/>
      <c r="INY669" s="613"/>
      <c r="INZ669" s="613"/>
      <c r="IOA669" s="613"/>
      <c r="IOB669" s="613"/>
      <c r="IOC669" s="613"/>
      <c r="IOD669" s="613"/>
      <c r="IOE669" s="613"/>
      <c r="IOF669" s="613"/>
      <c r="IOG669" s="613"/>
      <c r="IOH669" s="613"/>
      <c r="IOI669" s="613"/>
      <c r="IOJ669" s="613"/>
      <c r="IOK669" s="613"/>
      <c r="IOL669" s="613"/>
      <c r="IOM669" s="613"/>
      <c r="ION669" s="613"/>
      <c r="IOO669" s="613"/>
      <c r="IOP669" s="613"/>
      <c r="IOQ669" s="613"/>
      <c r="IOR669" s="613"/>
      <c r="IOS669" s="613"/>
      <c r="IOT669" s="613"/>
      <c r="IOU669" s="613"/>
      <c r="IOV669" s="613"/>
      <c r="IOW669" s="613"/>
      <c r="IOX669" s="613"/>
      <c r="IOY669" s="613"/>
      <c r="IOZ669" s="613"/>
      <c r="IPA669" s="613"/>
      <c r="IPB669" s="613"/>
      <c r="IPC669" s="613"/>
      <c r="IPD669" s="613"/>
      <c r="IPE669" s="613"/>
      <c r="IPF669" s="613"/>
      <c r="IPG669" s="613"/>
      <c r="IPH669" s="613"/>
      <c r="IPI669" s="613"/>
      <c r="IPJ669" s="613"/>
      <c r="IPK669" s="613"/>
      <c r="IPL669" s="613"/>
      <c r="IPM669" s="613"/>
      <c r="IPN669" s="613"/>
      <c r="IPO669" s="613"/>
      <c r="IPP669" s="613"/>
      <c r="IPQ669" s="613"/>
      <c r="IPR669" s="613"/>
      <c r="IPS669" s="613"/>
      <c r="IPT669" s="613"/>
      <c r="IPU669" s="613"/>
      <c r="IPV669" s="613"/>
      <c r="IPW669" s="613"/>
      <c r="IPX669" s="613"/>
      <c r="IPY669" s="613"/>
      <c r="IPZ669" s="613"/>
      <c r="IQA669" s="613"/>
      <c r="IQB669" s="613"/>
      <c r="IQC669" s="613"/>
      <c r="IQD669" s="613"/>
      <c r="IQE669" s="613"/>
      <c r="IQF669" s="613"/>
      <c r="IQG669" s="613"/>
      <c r="IQH669" s="613"/>
      <c r="IQI669" s="613"/>
      <c r="IQJ669" s="613"/>
      <c r="IQK669" s="613"/>
      <c r="IQL669" s="613"/>
      <c r="IQM669" s="613"/>
      <c r="IQN669" s="613"/>
      <c r="IQO669" s="613"/>
      <c r="IQP669" s="613"/>
      <c r="IQQ669" s="613"/>
      <c r="IQR669" s="613"/>
      <c r="IQS669" s="613"/>
      <c r="IQT669" s="613"/>
      <c r="IQU669" s="613"/>
      <c r="IQV669" s="613"/>
      <c r="IQW669" s="613"/>
      <c r="IQX669" s="613"/>
      <c r="IQY669" s="613"/>
      <c r="IQZ669" s="613"/>
      <c r="IRA669" s="613"/>
      <c r="IRB669" s="613"/>
      <c r="IRC669" s="613"/>
      <c r="IRD669" s="613"/>
      <c r="IRE669" s="613"/>
      <c r="IRF669" s="613"/>
      <c r="IRG669" s="613"/>
      <c r="IRH669" s="613"/>
      <c r="IRI669" s="613"/>
      <c r="IRJ669" s="613"/>
      <c r="IRK669" s="613"/>
      <c r="IRL669" s="613"/>
      <c r="IRM669" s="613"/>
      <c r="IRN669" s="613"/>
      <c r="IRO669" s="613"/>
      <c r="IRP669" s="613"/>
      <c r="IRQ669" s="613"/>
      <c r="IRR669" s="613"/>
      <c r="IRS669" s="613"/>
      <c r="IRT669" s="613"/>
      <c r="IRU669" s="613"/>
      <c r="IRV669" s="613"/>
      <c r="IRW669" s="613"/>
      <c r="IRX669" s="613"/>
      <c r="IRY669" s="613"/>
      <c r="IRZ669" s="613"/>
      <c r="ISA669" s="613"/>
      <c r="ISB669" s="613"/>
      <c r="ISC669" s="613"/>
      <c r="ISD669" s="613"/>
      <c r="ISE669" s="613"/>
      <c r="ISF669" s="613"/>
      <c r="ISG669" s="613"/>
      <c r="ISH669" s="613"/>
      <c r="ISI669" s="613"/>
      <c r="ISJ669" s="613"/>
      <c r="ISK669" s="613"/>
      <c r="ISL669" s="613"/>
      <c r="ISM669" s="613"/>
      <c r="ISN669" s="613"/>
      <c r="ISO669" s="613"/>
      <c r="ISP669" s="613"/>
      <c r="ISQ669" s="613"/>
      <c r="ISR669" s="613"/>
      <c r="ISS669" s="613"/>
      <c r="IST669" s="613"/>
      <c r="ISU669" s="613"/>
      <c r="ISV669" s="613"/>
      <c r="ISW669" s="613"/>
      <c r="ISX669" s="613"/>
      <c r="ISY669" s="613"/>
      <c r="ISZ669" s="613"/>
      <c r="ITA669" s="613"/>
      <c r="ITB669" s="613"/>
      <c r="ITC669" s="613"/>
      <c r="ITD669" s="613"/>
      <c r="ITE669" s="613"/>
      <c r="ITF669" s="613"/>
      <c r="ITG669" s="613"/>
      <c r="ITH669" s="613"/>
      <c r="ITI669" s="613"/>
      <c r="ITJ669" s="613"/>
      <c r="ITK669" s="613"/>
      <c r="ITL669" s="613"/>
      <c r="ITM669" s="613"/>
      <c r="ITN669" s="613"/>
      <c r="ITO669" s="613"/>
      <c r="ITP669" s="613"/>
      <c r="ITQ669" s="613"/>
      <c r="ITR669" s="613"/>
      <c r="ITS669" s="613"/>
      <c r="ITT669" s="613"/>
      <c r="ITU669" s="613"/>
      <c r="ITV669" s="613"/>
      <c r="ITW669" s="613"/>
      <c r="ITX669" s="613"/>
      <c r="ITY669" s="613"/>
      <c r="ITZ669" s="613"/>
      <c r="IUA669" s="613"/>
      <c r="IUB669" s="613"/>
      <c r="IUC669" s="613"/>
      <c r="IUD669" s="613"/>
      <c r="IUE669" s="613"/>
      <c r="IUF669" s="613"/>
      <c r="IUG669" s="613"/>
      <c r="IUH669" s="613"/>
      <c r="IUI669" s="613"/>
      <c r="IUJ669" s="613"/>
      <c r="IUK669" s="613"/>
      <c r="IUL669" s="613"/>
      <c r="IUM669" s="613"/>
      <c r="IUN669" s="613"/>
      <c r="IUO669" s="613"/>
      <c r="IUP669" s="613"/>
      <c r="IUQ669" s="613"/>
      <c r="IUR669" s="613"/>
      <c r="IUS669" s="613"/>
      <c r="IUT669" s="613"/>
      <c r="IUU669" s="613"/>
      <c r="IUV669" s="613"/>
      <c r="IUW669" s="613"/>
      <c r="IUX669" s="613"/>
      <c r="IUY669" s="613"/>
      <c r="IUZ669" s="613"/>
      <c r="IVA669" s="613"/>
      <c r="IVB669" s="613"/>
      <c r="IVC669" s="613"/>
      <c r="IVD669" s="613"/>
      <c r="IVE669" s="613"/>
      <c r="IVF669" s="613"/>
      <c r="IVG669" s="613"/>
      <c r="IVH669" s="613"/>
      <c r="IVI669" s="613"/>
      <c r="IVJ669" s="613"/>
      <c r="IVK669" s="613"/>
      <c r="IVL669" s="613"/>
      <c r="IVM669" s="613"/>
      <c r="IVN669" s="613"/>
      <c r="IVO669" s="613"/>
      <c r="IVP669" s="613"/>
      <c r="IVQ669" s="613"/>
      <c r="IVR669" s="613"/>
      <c r="IVS669" s="613"/>
      <c r="IVT669" s="613"/>
      <c r="IVU669" s="613"/>
      <c r="IVV669" s="613"/>
      <c r="IVW669" s="613"/>
      <c r="IVX669" s="613"/>
      <c r="IVY669" s="613"/>
      <c r="IVZ669" s="613"/>
      <c r="IWA669" s="613"/>
      <c r="IWB669" s="613"/>
      <c r="IWC669" s="613"/>
      <c r="IWD669" s="613"/>
      <c r="IWE669" s="613"/>
      <c r="IWF669" s="613"/>
      <c r="IWG669" s="613"/>
      <c r="IWH669" s="613"/>
      <c r="IWI669" s="613"/>
      <c r="IWJ669" s="613"/>
      <c r="IWK669" s="613"/>
      <c r="IWL669" s="613"/>
      <c r="IWM669" s="613"/>
      <c r="IWN669" s="613"/>
      <c r="IWO669" s="613"/>
      <c r="IWP669" s="613"/>
      <c r="IWQ669" s="613"/>
      <c r="IWR669" s="613"/>
      <c r="IWS669" s="613"/>
      <c r="IWT669" s="613"/>
      <c r="IWU669" s="613"/>
      <c r="IWV669" s="613"/>
      <c r="IWW669" s="613"/>
      <c r="IWX669" s="613"/>
      <c r="IWY669" s="613"/>
      <c r="IWZ669" s="613"/>
      <c r="IXA669" s="613"/>
      <c r="IXB669" s="613"/>
      <c r="IXC669" s="613"/>
      <c r="IXD669" s="613"/>
      <c r="IXE669" s="613"/>
      <c r="IXF669" s="613"/>
      <c r="IXG669" s="613"/>
      <c r="IXH669" s="613"/>
      <c r="IXI669" s="613"/>
      <c r="IXJ669" s="613"/>
      <c r="IXK669" s="613"/>
      <c r="IXL669" s="613"/>
      <c r="IXM669" s="613"/>
      <c r="IXN669" s="613"/>
      <c r="IXO669" s="613"/>
      <c r="IXP669" s="613"/>
      <c r="IXQ669" s="613"/>
      <c r="IXR669" s="613"/>
      <c r="IXS669" s="613"/>
      <c r="IXT669" s="613"/>
      <c r="IXU669" s="613"/>
      <c r="IXV669" s="613"/>
      <c r="IXW669" s="613"/>
      <c r="IXX669" s="613"/>
      <c r="IXY669" s="613"/>
      <c r="IXZ669" s="613"/>
      <c r="IYA669" s="613"/>
      <c r="IYB669" s="613"/>
      <c r="IYC669" s="613"/>
      <c r="IYD669" s="613"/>
      <c r="IYE669" s="613"/>
      <c r="IYF669" s="613"/>
      <c r="IYG669" s="613"/>
      <c r="IYH669" s="613"/>
      <c r="IYI669" s="613"/>
      <c r="IYJ669" s="613"/>
      <c r="IYK669" s="613"/>
      <c r="IYL669" s="613"/>
      <c r="IYM669" s="613"/>
      <c r="IYN669" s="613"/>
      <c r="IYO669" s="613"/>
      <c r="IYP669" s="613"/>
      <c r="IYQ669" s="613"/>
      <c r="IYR669" s="613"/>
      <c r="IYS669" s="613"/>
      <c r="IYT669" s="613"/>
      <c r="IYU669" s="613"/>
      <c r="IYV669" s="613"/>
      <c r="IYW669" s="613"/>
      <c r="IYX669" s="613"/>
      <c r="IYY669" s="613"/>
      <c r="IYZ669" s="613"/>
      <c r="IZA669" s="613"/>
      <c r="IZB669" s="613"/>
      <c r="IZC669" s="613"/>
      <c r="IZD669" s="613"/>
      <c r="IZE669" s="613"/>
      <c r="IZF669" s="613"/>
      <c r="IZG669" s="613"/>
      <c r="IZH669" s="613"/>
      <c r="IZI669" s="613"/>
      <c r="IZJ669" s="613"/>
      <c r="IZK669" s="613"/>
      <c r="IZL669" s="613"/>
      <c r="IZM669" s="613"/>
      <c r="IZN669" s="613"/>
      <c r="IZO669" s="613"/>
      <c r="IZP669" s="613"/>
      <c r="IZQ669" s="613"/>
      <c r="IZR669" s="613"/>
      <c r="IZS669" s="613"/>
      <c r="IZT669" s="613"/>
      <c r="IZU669" s="613"/>
      <c r="IZV669" s="613"/>
      <c r="IZW669" s="613"/>
      <c r="IZX669" s="613"/>
      <c r="IZY669" s="613"/>
      <c r="IZZ669" s="613"/>
      <c r="JAA669" s="613"/>
      <c r="JAB669" s="613"/>
      <c r="JAC669" s="613"/>
      <c r="JAD669" s="613"/>
      <c r="JAE669" s="613"/>
      <c r="JAF669" s="613"/>
      <c r="JAG669" s="613"/>
      <c r="JAH669" s="613"/>
      <c r="JAI669" s="613"/>
      <c r="JAJ669" s="613"/>
      <c r="JAK669" s="613"/>
      <c r="JAL669" s="613"/>
      <c r="JAM669" s="613"/>
      <c r="JAN669" s="613"/>
      <c r="JAO669" s="613"/>
      <c r="JAP669" s="613"/>
      <c r="JAQ669" s="613"/>
      <c r="JAR669" s="613"/>
      <c r="JAS669" s="613"/>
      <c r="JAT669" s="613"/>
      <c r="JAU669" s="613"/>
      <c r="JAV669" s="613"/>
      <c r="JAW669" s="613"/>
      <c r="JAX669" s="613"/>
      <c r="JAY669" s="613"/>
      <c r="JAZ669" s="613"/>
      <c r="JBA669" s="613"/>
      <c r="JBB669" s="613"/>
      <c r="JBC669" s="613"/>
      <c r="JBD669" s="613"/>
      <c r="JBE669" s="613"/>
      <c r="JBF669" s="613"/>
      <c r="JBG669" s="613"/>
      <c r="JBH669" s="613"/>
      <c r="JBI669" s="613"/>
      <c r="JBJ669" s="613"/>
      <c r="JBK669" s="613"/>
      <c r="JBL669" s="613"/>
      <c r="JBM669" s="613"/>
      <c r="JBN669" s="613"/>
      <c r="JBO669" s="613"/>
      <c r="JBP669" s="613"/>
      <c r="JBQ669" s="613"/>
      <c r="JBR669" s="613"/>
      <c r="JBS669" s="613"/>
      <c r="JBT669" s="613"/>
      <c r="JBU669" s="613"/>
      <c r="JBV669" s="613"/>
      <c r="JBW669" s="613"/>
      <c r="JBX669" s="613"/>
      <c r="JBY669" s="613"/>
      <c r="JBZ669" s="613"/>
      <c r="JCA669" s="613"/>
      <c r="JCB669" s="613"/>
      <c r="JCC669" s="613"/>
      <c r="JCD669" s="613"/>
      <c r="JCE669" s="613"/>
      <c r="JCF669" s="613"/>
      <c r="JCG669" s="613"/>
      <c r="JCH669" s="613"/>
      <c r="JCI669" s="613"/>
      <c r="JCJ669" s="613"/>
      <c r="JCK669" s="613"/>
      <c r="JCL669" s="613"/>
      <c r="JCM669" s="613"/>
      <c r="JCN669" s="613"/>
      <c r="JCO669" s="613"/>
      <c r="JCP669" s="613"/>
      <c r="JCQ669" s="613"/>
      <c r="JCR669" s="613"/>
      <c r="JCS669" s="613"/>
      <c r="JCT669" s="613"/>
      <c r="JCU669" s="613"/>
      <c r="JCV669" s="613"/>
      <c r="JCW669" s="613"/>
      <c r="JCX669" s="613"/>
      <c r="JCY669" s="613"/>
      <c r="JCZ669" s="613"/>
      <c r="JDA669" s="613"/>
      <c r="JDB669" s="613"/>
      <c r="JDC669" s="613"/>
      <c r="JDD669" s="613"/>
      <c r="JDE669" s="613"/>
      <c r="JDF669" s="613"/>
      <c r="JDG669" s="613"/>
      <c r="JDH669" s="613"/>
      <c r="JDI669" s="613"/>
      <c r="JDJ669" s="613"/>
      <c r="JDK669" s="613"/>
      <c r="JDL669" s="613"/>
      <c r="JDM669" s="613"/>
      <c r="JDN669" s="613"/>
      <c r="JDO669" s="613"/>
      <c r="JDP669" s="613"/>
      <c r="JDQ669" s="613"/>
      <c r="JDR669" s="613"/>
      <c r="JDS669" s="613"/>
      <c r="JDT669" s="613"/>
      <c r="JDU669" s="613"/>
      <c r="JDV669" s="613"/>
      <c r="JDW669" s="613"/>
      <c r="JDX669" s="613"/>
      <c r="JDY669" s="613"/>
      <c r="JDZ669" s="613"/>
      <c r="JEA669" s="613"/>
      <c r="JEB669" s="613"/>
      <c r="JEC669" s="613"/>
      <c r="JED669" s="613"/>
      <c r="JEE669" s="613"/>
      <c r="JEF669" s="613"/>
      <c r="JEG669" s="613"/>
      <c r="JEH669" s="613"/>
      <c r="JEI669" s="613"/>
      <c r="JEJ669" s="613"/>
      <c r="JEK669" s="613"/>
      <c r="JEL669" s="613"/>
      <c r="JEM669" s="613"/>
      <c r="JEN669" s="613"/>
      <c r="JEO669" s="613"/>
      <c r="JEP669" s="613"/>
      <c r="JEQ669" s="613"/>
      <c r="JER669" s="613"/>
      <c r="JES669" s="613"/>
      <c r="JET669" s="613"/>
      <c r="JEU669" s="613"/>
      <c r="JEV669" s="613"/>
      <c r="JEW669" s="613"/>
      <c r="JEX669" s="613"/>
      <c r="JEY669" s="613"/>
      <c r="JEZ669" s="613"/>
      <c r="JFA669" s="613"/>
      <c r="JFB669" s="613"/>
      <c r="JFC669" s="613"/>
      <c r="JFD669" s="613"/>
      <c r="JFE669" s="613"/>
      <c r="JFF669" s="613"/>
      <c r="JFG669" s="613"/>
      <c r="JFH669" s="613"/>
      <c r="JFI669" s="613"/>
      <c r="JFJ669" s="613"/>
      <c r="JFK669" s="613"/>
      <c r="JFL669" s="613"/>
      <c r="JFM669" s="613"/>
      <c r="JFN669" s="613"/>
      <c r="JFO669" s="613"/>
      <c r="JFP669" s="613"/>
      <c r="JFQ669" s="613"/>
      <c r="JFR669" s="613"/>
      <c r="JFS669" s="613"/>
      <c r="JFT669" s="613"/>
      <c r="JFU669" s="613"/>
      <c r="JFV669" s="613"/>
      <c r="JFW669" s="613"/>
      <c r="JFX669" s="613"/>
      <c r="JFY669" s="613"/>
      <c r="JFZ669" s="613"/>
      <c r="JGA669" s="613"/>
      <c r="JGB669" s="613"/>
      <c r="JGC669" s="613"/>
      <c r="JGD669" s="613"/>
      <c r="JGE669" s="613"/>
      <c r="JGF669" s="613"/>
      <c r="JGG669" s="613"/>
      <c r="JGH669" s="613"/>
      <c r="JGI669" s="613"/>
      <c r="JGJ669" s="613"/>
      <c r="JGK669" s="613"/>
      <c r="JGL669" s="613"/>
      <c r="JGM669" s="613"/>
      <c r="JGN669" s="613"/>
      <c r="JGO669" s="613"/>
      <c r="JGP669" s="613"/>
      <c r="JGQ669" s="613"/>
      <c r="JGR669" s="613"/>
      <c r="JGS669" s="613"/>
      <c r="JGT669" s="613"/>
      <c r="JGU669" s="613"/>
      <c r="JGV669" s="613"/>
      <c r="JGW669" s="613"/>
      <c r="JGX669" s="613"/>
      <c r="JGY669" s="613"/>
      <c r="JGZ669" s="613"/>
      <c r="JHA669" s="613"/>
      <c r="JHB669" s="613"/>
      <c r="JHC669" s="613"/>
      <c r="JHD669" s="613"/>
      <c r="JHE669" s="613"/>
      <c r="JHF669" s="613"/>
      <c r="JHG669" s="613"/>
      <c r="JHH669" s="613"/>
      <c r="JHI669" s="613"/>
      <c r="JHJ669" s="613"/>
      <c r="JHK669" s="613"/>
      <c r="JHL669" s="613"/>
      <c r="JHM669" s="613"/>
      <c r="JHN669" s="613"/>
      <c r="JHO669" s="613"/>
      <c r="JHP669" s="613"/>
      <c r="JHQ669" s="613"/>
      <c r="JHR669" s="613"/>
      <c r="JHS669" s="613"/>
      <c r="JHT669" s="613"/>
      <c r="JHU669" s="613"/>
      <c r="JHV669" s="613"/>
      <c r="JHW669" s="613"/>
      <c r="JHX669" s="613"/>
      <c r="JHY669" s="613"/>
      <c r="JHZ669" s="613"/>
      <c r="JIA669" s="613"/>
      <c r="JIB669" s="613"/>
      <c r="JIC669" s="613"/>
      <c r="JID669" s="613"/>
      <c r="JIE669" s="613"/>
      <c r="JIF669" s="613"/>
      <c r="JIG669" s="613"/>
      <c r="JIH669" s="613"/>
      <c r="JII669" s="613"/>
      <c r="JIJ669" s="613"/>
      <c r="JIK669" s="613"/>
      <c r="JIL669" s="613"/>
      <c r="JIM669" s="613"/>
      <c r="JIN669" s="613"/>
      <c r="JIO669" s="613"/>
      <c r="JIP669" s="613"/>
      <c r="JIQ669" s="613"/>
      <c r="JIR669" s="613"/>
      <c r="JIS669" s="613"/>
      <c r="JIT669" s="613"/>
      <c r="JIU669" s="613"/>
      <c r="JIV669" s="613"/>
      <c r="JIW669" s="613"/>
      <c r="JIX669" s="613"/>
      <c r="JIY669" s="613"/>
      <c r="JIZ669" s="613"/>
      <c r="JJA669" s="613"/>
      <c r="JJB669" s="613"/>
      <c r="JJC669" s="613"/>
      <c r="JJD669" s="613"/>
      <c r="JJE669" s="613"/>
      <c r="JJF669" s="613"/>
      <c r="JJG669" s="613"/>
      <c r="JJH669" s="613"/>
      <c r="JJI669" s="613"/>
      <c r="JJJ669" s="613"/>
      <c r="JJK669" s="613"/>
      <c r="JJL669" s="613"/>
      <c r="JJM669" s="613"/>
      <c r="JJN669" s="613"/>
      <c r="JJO669" s="613"/>
      <c r="JJP669" s="613"/>
      <c r="JJQ669" s="613"/>
      <c r="JJR669" s="613"/>
      <c r="JJS669" s="613"/>
      <c r="JJT669" s="613"/>
      <c r="JJU669" s="613"/>
      <c r="JJV669" s="613"/>
      <c r="JJW669" s="613"/>
      <c r="JJX669" s="613"/>
      <c r="JJY669" s="613"/>
      <c r="JJZ669" s="613"/>
      <c r="JKA669" s="613"/>
      <c r="JKB669" s="613"/>
      <c r="JKC669" s="613"/>
      <c r="JKD669" s="613"/>
      <c r="JKE669" s="613"/>
      <c r="JKF669" s="613"/>
      <c r="JKG669" s="613"/>
      <c r="JKH669" s="613"/>
      <c r="JKI669" s="613"/>
      <c r="JKJ669" s="613"/>
      <c r="JKK669" s="613"/>
      <c r="JKL669" s="613"/>
      <c r="JKM669" s="613"/>
      <c r="JKN669" s="613"/>
      <c r="JKO669" s="613"/>
      <c r="JKP669" s="613"/>
      <c r="JKQ669" s="613"/>
      <c r="JKR669" s="613"/>
      <c r="JKS669" s="613"/>
      <c r="JKT669" s="613"/>
      <c r="JKU669" s="613"/>
      <c r="JKV669" s="613"/>
      <c r="JKW669" s="613"/>
      <c r="JKX669" s="613"/>
      <c r="JKY669" s="613"/>
      <c r="JKZ669" s="613"/>
      <c r="JLA669" s="613"/>
      <c r="JLB669" s="613"/>
      <c r="JLC669" s="613"/>
      <c r="JLD669" s="613"/>
      <c r="JLE669" s="613"/>
      <c r="JLF669" s="613"/>
      <c r="JLG669" s="613"/>
      <c r="JLH669" s="613"/>
      <c r="JLI669" s="613"/>
      <c r="JLJ669" s="613"/>
      <c r="JLK669" s="613"/>
      <c r="JLL669" s="613"/>
      <c r="JLM669" s="613"/>
      <c r="JLN669" s="613"/>
      <c r="JLO669" s="613"/>
      <c r="JLP669" s="613"/>
      <c r="JLQ669" s="613"/>
      <c r="JLR669" s="613"/>
      <c r="JLS669" s="613"/>
      <c r="JLT669" s="613"/>
      <c r="JLU669" s="613"/>
      <c r="JLV669" s="613"/>
      <c r="JLW669" s="613"/>
      <c r="JLX669" s="613"/>
      <c r="JLY669" s="613"/>
      <c r="JLZ669" s="613"/>
      <c r="JMA669" s="613"/>
      <c r="JMB669" s="613"/>
      <c r="JMC669" s="613"/>
      <c r="JMD669" s="613"/>
      <c r="JME669" s="613"/>
      <c r="JMF669" s="613"/>
      <c r="JMG669" s="613"/>
      <c r="JMH669" s="613"/>
      <c r="JMI669" s="613"/>
      <c r="JMJ669" s="613"/>
      <c r="JMK669" s="613"/>
      <c r="JML669" s="613"/>
      <c r="JMM669" s="613"/>
      <c r="JMN669" s="613"/>
      <c r="JMO669" s="613"/>
      <c r="JMP669" s="613"/>
      <c r="JMQ669" s="613"/>
      <c r="JMR669" s="613"/>
      <c r="JMS669" s="613"/>
      <c r="JMT669" s="613"/>
      <c r="JMU669" s="613"/>
      <c r="JMV669" s="613"/>
      <c r="JMW669" s="613"/>
      <c r="JMX669" s="613"/>
      <c r="JMY669" s="613"/>
      <c r="JMZ669" s="613"/>
      <c r="JNA669" s="613"/>
      <c r="JNB669" s="613"/>
      <c r="JNC669" s="613"/>
      <c r="JND669" s="613"/>
      <c r="JNE669" s="613"/>
      <c r="JNF669" s="613"/>
      <c r="JNG669" s="613"/>
      <c r="JNH669" s="613"/>
      <c r="JNI669" s="613"/>
      <c r="JNJ669" s="613"/>
      <c r="JNK669" s="613"/>
      <c r="JNL669" s="613"/>
      <c r="JNM669" s="613"/>
      <c r="JNN669" s="613"/>
      <c r="JNO669" s="613"/>
      <c r="JNP669" s="613"/>
      <c r="JNQ669" s="613"/>
      <c r="JNR669" s="613"/>
      <c r="JNS669" s="613"/>
      <c r="JNT669" s="613"/>
      <c r="JNU669" s="613"/>
      <c r="JNV669" s="613"/>
      <c r="JNW669" s="613"/>
      <c r="JNX669" s="613"/>
      <c r="JNY669" s="613"/>
      <c r="JNZ669" s="613"/>
      <c r="JOA669" s="613"/>
      <c r="JOB669" s="613"/>
      <c r="JOC669" s="613"/>
      <c r="JOD669" s="613"/>
      <c r="JOE669" s="613"/>
      <c r="JOF669" s="613"/>
      <c r="JOG669" s="613"/>
      <c r="JOH669" s="613"/>
      <c r="JOI669" s="613"/>
      <c r="JOJ669" s="613"/>
      <c r="JOK669" s="613"/>
      <c r="JOL669" s="613"/>
      <c r="JOM669" s="613"/>
      <c r="JON669" s="613"/>
      <c r="JOO669" s="613"/>
      <c r="JOP669" s="613"/>
      <c r="JOQ669" s="613"/>
      <c r="JOR669" s="613"/>
      <c r="JOS669" s="613"/>
      <c r="JOT669" s="613"/>
      <c r="JOU669" s="613"/>
      <c r="JOV669" s="613"/>
      <c r="JOW669" s="613"/>
      <c r="JOX669" s="613"/>
      <c r="JOY669" s="613"/>
      <c r="JOZ669" s="613"/>
      <c r="JPA669" s="613"/>
      <c r="JPB669" s="613"/>
      <c r="JPC669" s="613"/>
      <c r="JPD669" s="613"/>
      <c r="JPE669" s="613"/>
      <c r="JPF669" s="613"/>
      <c r="JPG669" s="613"/>
      <c r="JPH669" s="613"/>
      <c r="JPI669" s="613"/>
      <c r="JPJ669" s="613"/>
      <c r="JPK669" s="613"/>
      <c r="JPL669" s="613"/>
      <c r="JPM669" s="613"/>
      <c r="JPN669" s="613"/>
      <c r="JPO669" s="613"/>
      <c r="JPP669" s="613"/>
      <c r="JPQ669" s="613"/>
      <c r="JPR669" s="613"/>
      <c r="JPS669" s="613"/>
      <c r="JPT669" s="613"/>
      <c r="JPU669" s="613"/>
      <c r="JPV669" s="613"/>
      <c r="JPW669" s="613"/>
      <c r="JPX669" s="613"/>
      <c r="JPY669" s="613"/>
      <c r="JPZ669" s="613"/>
      <c r="JQA669" s="613"/>
      <c r="JQB669" s="613"/>
      <c r="JQC669" s="613"/>
      <c r="JQD669" s="613"/>
      <c r="JQE669" s="613"/>
      <c r="JQF669" s="613"/>
      <c r="JQG669" s="613"/>
      <c r="JQH669" s="613"/>
      <c r="JQI669" s="613"/>
      <c r="JQJ669" s="613"/>
      <c r="JQK669" s="613"/>
      <c r="JQL669" s="613"/>
      <c r="JQM669" s="613"/>
      <c r="JQN669" s="613"/>
      <c r="JQO669" s="613"/>
      <c r="JQP669" s="613"/>
      <c r="JQQ669" s="613"/>
      <c r="JQR669" s="613"/>
      <c r="JQS669" s="613"/>
      <c r="JQT669" s="613"/>
      <c r="JQU669" s="613"/>
      <c r="JQV669" s="613"/>
      <c r="JQW669" s="613"/>
      <c r="JQX669" s="613"/>
      <c r="JQY669" s="613"/>
      <c r="JQZ669" s="613"/>
      <c r="JRA669" s="613"/>
      <c r="JRB669" s="613"/>
      <c r="JRC669" s="613"/>
      <c r="JRD669" s="613"/>
      <c r="JRE669" s="613"/>
      <c r="JRF669" s="613"/>
      <c r="JRG669" s="613"/>
      <c r="JRH669" s="613"/>
      <c r="JRI669" s="613"/>
      <c r="JRJ669" s="613"/>
      <c r="JRK669" s="613"/>
      <c r="JRL669" s="613"/>
      <c r="JRM669" s="613"/>
      <c r="JRN669" s="613"/>
      <c r="JRO669" s="613"/>
      <c r="JRP669" s="613"/>
      <c r="JRQ669" s="613"/>
      <c r="JRR669" s="613"/>
      <c r="JRS669" s="613"/>
      <c r="JRT669" s="613"/>
      <c r="JRU669" s="613"/>
      <c r="JRV669" s="613"/>
      <c r="JRW669" s="613"/>
      <c r="JRX669" s="613"/>
      <c r="JRY669" s="613"/>
      <c r="JRZ669" s="613"/>
      <c r="JSA669" s="613"/>
      <c r="JSB669" s="613"/>
      <c r="JSC669" s="613"/>
      <c r="JSD669" s="613"/>
      <c r="JSE669" s="613"/>
      <c r="JSF669" s="613"/>
      <c r="JSG669" s="613"/>
      <c r="JSH669" s="613"/>
      <c r="JSI669" s="613"/>
      <c r="JSJ669" s="613"/>
      <c r="JSK669" s="613"/>
      <c r="JSL669" s="613"/>
      <c r="JSM669" s="613"/>
      <c r="JSN669" s="613"/>
      <c r="JSO669" s="613"/>
      <c r="JSP669" s="613"/>
      <c r="JSQ669" s="613"/>
      <c r="JSR669" s="613"/>
      <c r="JSS669" s="613"/>
      <c r="JST669" s="613"/>
      <c r="JSU669" s="613"/>
      <c r="JSV669" s="613"/>
      <c r="JSW669" s="613"/>
      <c r="JSX669" s="613"/>
      <c r="JSY669" s="613"/>
      <c r="JSZ669" s="613"/>
      <c r="JTA669" s="613"/>
      <c r="JTB669" s="613"/>
      <c r="JTC669" s="613"/>
      <c r="JTD669" s="613"/>
      <c r="JTE669" s="613"/>
      <c r="JTF669" s="613"/>
      <c r="JTG669" s="613"/>
      <c r="JTH669" s="613"/>
      <c r="JTI669" s="613"/>
      <c r="JTJ669" s="613"/>
      <c r="JTK669" s="613"/>
      <c r="JTL669" s="613"/>
      <c r="JTM669" s="613"/>
      <c r="JTN669" s="613"/>
      <c r="JTO669" s="613"/>
      <c r="JTP669" s="613"/>
      <c r="JTQ669" s="613"/>
      <c r="JTR669" s="613"/>
      <c r="JTS669" s="613"/>
      <c r="JTT669" s="613"/>
      <c r="JTU669" s="613"/>
      <c r="JTV669" s="613"/>
      <c r="JTW669" s="613"/>
      <c r="JTX669" s="613"/>
      <c r="JTY669" s="613"/>
      <c r="JTZ669" s="613"/>
      <c r="JUA669" s="613"/>
      <c r="JUB669" s="613"/>
      <c r="JUC669" s="613"/>
      <c r="JUD669" s="613"/>
      <c r="JUE669" s="613"/>
      <c r="JUF669" s="613"/>
      <c r="JUG669" s="613"/>
      <c r="JUH669" s="613"/>
      <c r="JUI669" s="613"/>
      <c r="JUJ669" s="613"/>
      <c r="JUK669" s="613"/>
      <c r="JUL669" s="613"/>
      <c r="JUM669" s="613"/>
      <c r="JUN669" s="613"/>
      <c r="JUO669" s="613"/>
      <c r="JUP669" s="613"/>
      <c r="JUQ669" s="613"/>
      <c r="JUR669" s="613"/>
      <c r="JUS669" s="613"/>
      <c r="JUT669" s="613"/>
      <c r="JUU669" s="613"/>
      <c r="JUV669" s="613"/>
      <c r="JUW669" s="613"/>
      <c r="JUX669" s="613"/>
      <c r="JUY669" s="613"/>
      <c r="JUZ669" s="613"/>
      <c r="JVA669" s="613"/>
      <c r="JVB669" s="613"/>
      <c r="JVC669" s="613"/>
      <c r="JVD669" s="613"/>
      <c r="JVE669" s="613"/>
      <c r="JVF669" s="613"/>
      <c r="JVG669" s="613"/>
      <c r="JVH669" s="613"/>
      <c r="JVI669" s="613"/>
      <c r="JVJ669" s="613"/>
      <c r="JVK669" s="613"/>
      <c r="JVL669" s="613"/>
      <c r="JVM669" s="613"/>
      <c r="JVN669" s="613"/>
      <c r="JVO669" s="613"/>
      <c r="JVP669" s="613"/>
      <c r="JVQ669" s="613"/>
      <c r="JVR669" s="613"/>
      <c r="JVS669" s="613"/>
      <c r="JVT669" s="613"/>
      <c r="JVU669" s="613"/>
      <c r="JVV669" s="613"/>
      <c r="JVW669" s="613"/>
      <c r="JVX669" s="613"/>
      <c r="JVY669" s="613"/>
      <c r="JVZ669" s="613"/>
      <c r="JWA669" s="613"/>
      <c r="JWB669" s="613"/>
      <c r="JWC669" s="613"/>
      <c r="JWD669" s="613"/>
      <c r="JWE669" s="613"/>
      <c r="JWF669" s="613"/>
      <c r="JWG669" s="613"/>
      <c r="JWH669" s="613"/>
      <c r="JWI669" s="613"/>
      <c r="JWJ669" s="613"/>
      <c r="JWK669" s="613"/>
      <c r="JWL669" s="613"/>
      <c r="JWM669" s="613"/>
      <c r="JWN669" s="613"/>
      <c r="JWO669" s="613"/>
      <c r="JWP669" s="613"/>
      <c r="JWQ669" s="613"/>
      <c r="JWR669" s="613"/>
      <c r="JWS669" s="613"/>
      <c r="JWT669" s="613"/>
      <c r="JWU669" s="613"/>
      <c r="JWV669" s="613"/>
      <c r="JWW669" s="613"/>
      <c r="JWX669" s="613"/>
      <c r="JWY669" s="613"/>
      <c r="JWZ669" s="613"/>
      <c r="JXA669" s="613"/>
      <c r="JXB669" s="613"/>
      <c r="JXC669" s="613"/>
      <c r="JXD669" s="613"/>
      <c r="JXE669" s="613"/>
      <c r="JXF669" s="613"/>
      <c r="JXG669" s="613"/>
      <c r="JXH669" s="613"/>
      <c r="JXI669" s="613"/>
      <c r="JXJ669" s="613"/>
      <c r="JXK669" s="613"/>
      <c r="JXL669" s="613"/>
      <c r="JXM669" s="613"/>
      <c r="JXN669" s="613"/>
      <c r="JXO669" s="613"/>
      <c r="JXP669" s="613"/>
      <c r="JXQ669" s="613"/>
      <c r="JXR669" s="613"/>
      <c r="JXS669" s="613"/>
      <c r="JXT669" s="613"/>
      <c r="JXU669" s="613"/>
      <c r="JXV669" s="613"/>
      <c r="JXW669" s="613"/>
      <c r="JXX669" s="613"/>
      <c r="JXY669" s="613"/>
      <c r="JXZ669" s="613"/>
      <c r="JYA669" s="613"/>
      <c r="JYB669" s="613"/>
      <c r="JYC669" s="613"/>
      <c r="JYD669" s="613"/>
      <c r="JYE669" s="613"/>
      <c r="JYF669" s="613"/>
      <c r="JYG669" s="613"/>
      <c r="JYH669" s="613"/>
      <c r="JYI669" s="613"/>
      <c r="JYJ669" s="613"/>
      <c r="JYK669" s="613"/>
      <c r="JYL669" s="613"/>
      <c r="JYM669" s="613"/>
      <c r="JYN669" s="613"/>
      <c r="JYO669" s="613"/>
      <c r="JYP669" s="613"/>
      <c r="JYQ669" s="613"/>
      <c r="JYR669" s="613"/>
      <c r="JYS669" s="613"/>
      <c r="JYT669" s="613"/>
      <c r="JYU669" s="613"/>
      <c r="JYV669" s="613"/>
      <c r="JYW669" s="613"/>
      <c r="JYX669" s="613"/>
      <c r="JYY669" s="613"/>
      <c r="JYZ669" s="613"/>
      <c r="JZA669" s="613"/>
      <c r="JZB669" s="613"/>
      <c r="JZC669" s="613"/>
      <c r="JZD669" s="613"/>
      <c r="JZE669" s="613"/>
      <c r="JZF669" s="613"/>
      <c r="JZG669" s="613"/>
      <c r="JZH669" s="613"/>
      <c r="JZI669" s="613"/>
      <c r="JZJ669" s="613"/>
      <c r="JZK669" s="613"/>
      <c r="JZL669" s="613"/>
      <c r="JZM669" s="613"/>
      <c r="JZN669" s="613"/>
      <c r="JZO669" s="613"/>
      <c r="JZP669" s="613"/>
      <c r="JZQ669" s="613"/>
      <c r="JZR669" s="613"/>
      <c r="JZS669" s="613"/>
      <c r="JZT669" s="613"/>
      <c r="JZU669" s="613"/>
      <c r="JZV669" s="613"/>
      <c r="JZW669" s="613"/>
      <c r="JZX669" s="613"/>
      <c r="JZY669" s="613"/>
      <c r="JZZ669" s="613"/>
      <c r="KAA669" s="613"/>
      <c r="KAB669" s="613"/>
      <c r="KAC669" s="613"/>
      <c r="KAD669" s="613"/>
      <c r="KAE669" s="613"/>
      <c r="KAF669" s="613"/>
      <c r="KAG669" s="613"/>
      <c r="KAH669" s="613"/>
      <c r="KAI669" s="613"/>
      <c r="KAJ669" s="613"/>
      <c r="KAK669" s="613"/>
      <c r="KAL669" s="613"/>
      <c r="KAM669" s="613"/>
      <c r="KAN669" s="613"/>
      <c r="KAO669" s="613"/>
      <c r="KAP669" s="613"/>
      <c r="KAQ669" s="613"/>
      <c r="KAR669" s="613"/>
      <c r="KAS669" s="613"/>
      <c r="KAT669" s="613"/>
      <c r="KAU669" s="613"/>
      <c r="KAV669" s="613"/>
      <c r="KAW669" s="613"/>
      <c r="KAX669" s="613"/>
      <c r="KAY669" s="613"/>
      <c r="KAZ669" s="613"/>
      <c r="KBA669" s="613"/>
      <c r="KBB669" s="613"/>
      <c r="KBC669" s="613"/>
      <c r="KBD669" s="613"/>
      <c r="KBE669" s="613"/>
      <c r="KBF669" s="613"/>
      <c r="KBG669" s="613"/>
      <c r="KBH669" s="613"/>
      <c r="KBI669" s="613"/>
      <c r="KBJ669" s="613"/>
      <c r="KBK669" s="613"/>
      <c r="KBL669" s="613"/>
      <c r="KBM669" s="613"/>
      <c r="KBN669" s="613"/>
      <c r="KBO669" s="613"/>
      <c r="KBP669" s="613"/>
      <c r="KBQ669" s="613"/>
      <c r="KBR669" s="613"/>
      <c r="KBS669" s="613"/>
      <c r="KBT669" s="613"/>
      <c r="KBU669" s="613"/>
      <c r="KBV669" s="613"/>
      <c r="KBW669" s="613"/>
      <c r="KBX669" s="613"/>
      <c r="KBY669" s="613"/>
      <c r="KBZ669" s="613"/>
      <c r="KCA669" s="613"/>
      <c r="KCB669" s="613"/>
      <c r="KCC669" s="613"/>
      <c r="KCD669" s="613"/>
      <c r="KCE669" s="613"/>
      <c r="KCF669" s="613"/>
      <c r="KCG669" s="613"/>
      <c r="KCH669" s="613"/>
      <c r="KCI669" s="613"/>
      <c r="KCJ669" s="613"/>
      <c r="KCK669" s="613"/>
      <c r="KCL669" s="613"/>
      <c r="KCM669" s="613"/>
      <c r="KCN669" s="613"/>
      <c r="KCO669" s="613"/>
      <c r="KCP669" s="613"/>
      <c r="KCQ669" s="613"/>
      <c r="KCR669" s="613"/>
      <c r="KCS669" s="613"/>
      <c r="KCT669" s="613"/>
      <c r="KCU669" s="613"/>
      <c r="KCV669" s="613"/>
      <c r="KCW669" s="613"/>
      <c r="KCX669" s="613"/>
      <c r="KCY669" s="613"/>
      <c r="KCZ669" s="613"/>
      <c r="KDA669" s="613"/>
      <c r="KDB669" s="613"/>
      <c r="KDC669" s="613"/>
      <c r="KDD669" s="613"/>
      <c r="KDE669" s="613"/>
      <c r="KDF669" s="613"/>
      <c r="KDG669" s="613"/>
      <c r="KDH669" s="613"/>
      <c r="KDI669" s="613"/>
      <c r="KDJ669" s="613"/>
      <c r="KDK669" s="613"/>
      <c r="KDL669" s="613"/>
      <c r="KDM669" s="613"/>
      <c r="KDN669" s="613"/>
      <c r="KDO669" s="613"/>
      <c r="KDP669" s="613"/>
      <c r="KDQ669" s="613"/>
      <c r="KDR669" s="613"/>
      <c r="KDS669" s="613"/>
      <c r="KDT669" s="613"/>
      <c r="KDU669" s="613"/>
      <c r="KDV669" s="613"/>
      <c r="KDW669" s="613"/>
      <c r="KDX669" s="613"/>
      <c r="KDY669" s="613"/>
      <c r="KDZ669" s="613"/>
      <c r="KEA669" s="613"/>
      <c r="KEB669" s="613"/>
      <c r="KEC669" s="613"/>
      <c r="KED669" s="613"/>
      <c r="KEE669" s="613"/>
      <c r="KEF669" s="613"/>
      <c r="KEG669" s="613"/>
      <c r="KEH669" s="613"/>
      <c r="KEI669" s="613"/>
      <c r="KEJ669" s="613"/>
      <c r="KEK669" s="613"/>
      <c r="KEL669" s="613"/>
      <c r="KEM669" s="613"/>
      <c r="KEN669" s="613"/>
      <c r="KEO669" s="613"/>
      <c r="KEP669" s="613"/>
      <c r="KEQ669" s="613"/>
      <c r="KER669" s="613"/>
      <c r="KES669" s="613"/>
      <c r="KET669" s="613"/>
      <c r="KEU669" s="613"/>
      <c r="KEV669" s="613"/>
      <c r="KEW669" s="613"/>
      <c r="KEX669" s="613"/>
      <c r="KEY669" s="613"/>
      <c r="KEZ669" s="613"/>
      <c r="KFA669" s="613"/>
      <c r="KFB669" s="613"/>
      <c r="KFC669" s="613"/>
      <c r="KFD669" s="613"/>
      <c r="KFE669" s="613"/>
      <c r="KFF669" s="613"/>
      <c r="KFG669" s="613"/>
      <c r="KFH669" s="613"/>
      <c r="KFI669" s="613"/>
      <c r="KFJ669" s="613"/>
      <c r="KFK669" s="613"/>
      <c r="KFL669" s="613"/>
      <c r="KFM669" s="613"/>
      <c r="KFN669" s="613"/>
      <c r="KFO669" s="613"/>
      <c r="KFP669" s="613"/>
      <c r="KFQ669" s="613"/>
      <c r="KFR669" s="613"/>
      <c r="KFS669" s="613"/>
      <c r="KFT669" s="613"/>
      <c r="KFU669" s="613"/>
      <c r="KFV669" s="613"/>
      <c r="KFW669" s="613"/>
      <c r="KFX669" s="613"/>
      <c r="KFY669" s="613"/>
      <c r="KFZ669" s="613"/>
      <c r="KGA669" s="613"/>
      <c r="KGB669" s="613"/>
      <c r="KGC669" s="613"/>
      <c r="KGD669" s="613"/>
      <c r="KGE669" s="613"/>
      <c r="KGF669" s="613"/>
      <c r="KGG669" s="613"/>
      <c r="KGH669" s="613"/>
      <c r="KGI669" s="613"/>
      <c r="KGJ669" s="613"/>
      <c r="KGK669" s="613"/>
      <c r="KGL669" s="613"/>
      <c r="KGM669" s="613"/>
      <c r="KGN669" s="613"/>
      <c r="KGO669" s="613"/>
      <c r="KGP669" s="613"/>
      <c r="KGQ669" s="613"/>
      <c r="KGR669" s="613"/>
      <c r="KGS669" s="613"/>
      <c r="KGT669" s="613"/>
      <c r="KGU669" s="613"/>
      <c r="KGV669" s="613"/>
      <c r="KGW669" s="613"/>
      <c r="KGX669" s="613"/>
      <c r="KGY669" s="613"/>
      <c r="KGZ669" s="613"/>
      <c r="KHA669" s="613"/>
      <c r="KHB669" s="613"/>
      <c r="KHC669" s="613"/>
      <c r="KHD669" s="613"/>
      <c r="KHE669" s="613"/>
      <c r="KHF669" s="613"/>
      <c r="KHG669" s="613"/>
      <c r="KHH669" s="613"/>
      <c r="KHI669" s="613"/>
      <c r="KHJ669" s="613"/>
      <c r="KHK669" s="613"/>
      <c r="KHL669" s="613"/>
      <c r="KHM669" s="613"/>
      <c r="KHN669" s="613"/>
      <c r="KHO669" s="613"/>
      <c r="KHP669" s="613"/>
      <c r="KHQ669" s="613"/>
      <c r="KHR669" s="613"/>
      <c r="KHS669" s="613"/>
      <c r="KHT669" s="613"/>
      <c r="KHU669" s="613"/>
      <c r="KHV669" s="613"/>
      <c r="KHW669" s="613"/>
      <c r="KHX669" s="613"/>
      <c r="KHY669" s="613"/>
      <c r="KHZ669" s="613"/>
      <c r="KIA669" s="613"/>
      <c r="KIB669" s="613"/>
      <c r="KIC669" s="613"/>
      <c r="KID669" s="613"/>
      <c r="KIE669" s="613"/>
      <c r="KIF669" s="613"/>
      <c r="KIG669" s="613"/>
      <c r="KIH669" s="613"/>
      <c r="KII669" s="613"/>
      <c r="KIJ669" s="613"/>
      <c r="KIK669" s="613"/>
      <c r="KIL669" s="613"/>
      <c r="KIM669" s="613"/>
      <c r="KIN669" s="613"/>
      <c r="KIO669" s="613"/>
      <c r="KIP669" s="613"/>
      <c r="KIQ669" s="613"/>
      <c r="KIR669" s="613"/>
      <c r="KIS669" s="613"/>
      <c r="KIT669" s="613"/>
      <c r="KIU669" s="613"/>
      <c r="KIV669" s="613"/>
      <c r="KIW669" s="613"/>
      <c r="KIX669" s="613"/>
      <c r="KIY669" s="613"/>
      <c r="KIZ669" s="613"/>
      <c r="KJA669" s="613"/>
      <c r="KJB669" s="613"/>
      <c r="KJC669" s="613"/>
      <c r="KJD669" s="613"/>
      <c r="KJE669" s="613"/>
      <c r="KJF669" s="613"/>
      <c r="KJG669" s="613"/>
      <c r="KJH669" s="613"/>
      <c r="KJI669" s="613"/>
      <c r="KJJ669" s="613"/>
      <c r="KJK669" s="613"/>
      <c r="KJL669" s="613"/>
      <c r="KJM669" s="613"/>
      <c r="KJN669" s="613"/>
      <c r="KJO669" s="613"/>
      <c r="KJP669" s="613"/>
      <c r="KJQ669" s="613"/>
      <c r="KJR669" s="613"/>
      <c r="KJS669" s="613"/>
      <c r="KJT669" s="613"/>
      <c r="KJU669" s="613"/>
      <c r="KJV669" s="613"/>
      <c r="KJW669" s="613"/>
      <c r="KJX669" s="613"/>
      <c r="KJY669" s="613"/>
      <c r="KJZ669" s="613"/>
      <c r="KKA669" s="613"/>
      <c r="KKB669" s="613"/>
      <c r="KKC669" s="613"/>
      <c r="KKD669" s="613"/>
      <c r="KKE669" s="613"/>
      <c r="KKF669" s="613"/>
      <c r="KKG669" s="613"/>
      <c r="KKH669" s="613"/>
      <c r="KKI669" s="613"/>
      <c r="KKJ669" s="613"/>
      <c r="KKK669" s="613"/>
      <c r="KKL669" s="613"/>
      <c r="KKM669" s="613"/>
      <c r="KKN669" s="613"/>
      <c r="KKO669" s="613"/>
      <c r="KKP669" s="613"/>
      <c r="KKQ669" s="613"/>
      <c r="KKR669" s="613"/>
      <c r="KKS669" s="613"/>
      <c r="KKT669" s="613"/>
      <c r="KKU669" s="613"/>
      <c r="KKV669" s="613"/>
      <c r="KKW669" s="613"/>
      <c r="KKX669" s="613"/>
      <c r="KKY669" s="613"/>
      <c r="KKZ669" s="613"/>
      <c r="KLA669" s="613"/>
      <c r="KLB669" s="613"/>
      <c r="KLC669" s="613"/>
      <c r="KLD669" s="613"/>
      <c r="KLE669" s="613"/>
      <c r="KLF669" s="613"/>
      <c r="KLG669" s="613"/>
      <c r="KLH669" s="613"/>
      <c r="KLI669" s="613"/>
      <c r="KLJ669" s="613"/>
      <c r="KLK669" s="613"/>
      <c r="KLL669" s="613"/>
      <c r="KLM669" s="613"/>
      <c r="KLN669" s="613"/>
      <c r="KLO669" s="613"/>
      <c r="KLP669" s="613"/>
      <c r="KLQ669" s="613"/>
      <c r="KLR669" s="613"/>
      <c r="KLS669" s="613"/>
      <c r="KLT669" s="613"/>
      <c r="KLU669" s="613"/>
      <c r="KLV669" s="613"/>
      <c r="KLW669" s="613"/>
      <c r="KLX669" s="613"/>
      <c r="KLY669" s="613"/>
      <c r="KLZ669" s="613"/>
      <c r="KMA669" s="613"/>
      <c r="KMB669" s="613"/>
      <c r="KMC669" s="613"/>
      <c r="KMD669" s="613"/>
      <c r="KME669" s="613"/>
      <c r="KMF669" s="613"/>
      <c r="KMG669" s="613"/>
      <c r="KMH669" s="613"/>
      <c r="KMI669" s="613"/>
      <c r="KMJ669" s="613"/>
      <c r="KMK669" s="613"/>
      <c r="KML669" s="613"/>
      <c r="KMM669" s="613"/>
      <c r="KMN669" s="613"/>
      <c r="KMO669" s="613"/>
      <c r="KMP669" s="613"/>
      <c r="KMQ669" s="613"/>
      <c r="KMR669" s="613"/>
      <c r="KMS669" s="613"/>
      <c r="KMT669" s="613"/>
      <c r="KMU669" s="613"/>
      <c r="KMV669" s="613"/>
      <c r="KMW669" s="613"/>
      <c r="KMX669" s="613"/>
      <c r="KMY669" s="613"/>
      <c r="KMZ669" s="613"/>
      <c r="KNA669" s="613"/>
      <c r="KNB669" s="613"/>
      <c r="KNC669" s="613"/>
      <c r="KND669" s="613"/>
      <c r="KNE669" s="613"/>
      <c r="KNF669" s="613"/>
      <c r="KNG669" s="613"/>
      <c r="KNH669" s="613"/>
      <c r="KNI669" s="613"/>
      <c r="KNJ669" s="613"/>
      <c r="KNK669" s="613"/>
      <c r="KNL669" s="613"/>
      <c r="KNM669" s="613"/>
      <c r="KNN669" s="613"/>
      <c r="KNO669" s="613"/>
      <c r="KNP669" s="613"/>
      <c r="KNQ669" s="613"/>
      <c r="KNR669" s="613"/>
      <c r="KNS669" s="613"/>
      <c r="KNT669" s="613"/>
      <c r="KNU669" s="613"/>
      <c r="KNV669" s="613"/>
      <c r="KNW669" s="613"/>
      <c r="KNX669" s="613"/>
      <c r="KNY669" s="613"/>
      <c r="KNZ669" s="613"/>
      <c r="KOA669" s="613"/>
      <c r="KOB669" s="613"/>
      <c r="KOC669" s="613"/>
      <c r="KOD669" s="613"/>
      <c r="KOE669" s="613"/>
      <c r="KOF669" s="613"/>
      <c r="KOG669" s="613"/>
      <c r="KOH669" s="613"/>
      <c r="KOI669" s="613"/>
      <c r="KOJ669" s="613"/>
      <c r="KOK669" s="613"/>
      <c r="KOL669" s="613"/>
      <c r="KOM669" s="613"/>
      <c r="KON669" s="613"/>
      <c r="KOO669" s="613"/>
      <c r="KOP669" s="613"/>
      <c r="KOQ669" s="613"/>
      <c r="KOR669" s="613"/>
      <c r="KOS669" s="613"/>
      <c r="KOT669" s="613"/>
      <c r="KOU669" s="613"/>
      <c r="KOV669" s="613"/>
      <c r="KOW669" s="613"/>
      <c r="KOX669" s="613"/>
      <c r="KOY669" s="613"/>
      <c r="KOZ669" s="613"/>
      <c r="KPA669" s="613"/>
      <c r="KPB669" s="613"/>
      <c r="KPC669" s="613"/>
      <c r="KPD669" s="613"/>
      <c r="KPE669" s="613"/>
      <c r="KPF669" s="613"/>
      <c r="KPG669" s="613"/>
      <c r="KPH669" s="613"/>
      <c r="KPI669" s="613"/>
      <c r="KPJ669" s="613"/>
      <c r="KPK669" s="613"/>
      <c r="KPL669" s="613"/>
      <c r="KPM669" s="613"/>
      <c r="KPN669" s="613"/>
      <c r="KPO669" s="613"/>
      <c r="KPP669" s="613"/>
      <c r="KPQ669" s="613"/>
      <c r="KPR669" s="613"/>
      <c r="KPS669" s="613"/>
      <c r="KPT669" s="613"/>
      <c r="KPU669" s="613"/>
      <c r="KPV669" s="613"/>
      <c r="KPW669" s="613"/>
      <c r="KPX669" s="613"/>
      <c r="KPY669" s="613"/>
      <c r="KPZ669" s="613"/>
      <c r="KQA669" s="613"/>
      <c r="KQB669" s="613"/>
      <c r="KQC669" s="613"/>
      <c r="KQD669" s="613"/>
      <c r="KQE669" s="613"/>
      <c r="KQF669" s="613"/>
      <c r="KQG669" s="613"/>
      <c r="KQH669" s="613"/>
      <c r="KQI669" s="613"/>
      <c r="KQJ669" s="613"/>
      <c r="KQK669" s="613"/>
      <c r="KQL669" s="613"/>
      <c r="KQM669" s="613"/>
      <c r="KQN669" s="613"/>
      <c r="KQO669" s="613"/>
      <c r="KQP669" s="613"/>
      <c r="KQQ669" s="613"/>
      <c r="KQR669" s="613"/>
      <c r="KQS669" s="613"/>
      <c r="KQT669" s="613"/>
      <c r="KQU669" s="613"/>
      <c r="KQV669" s="613"/>
      <c r="KQW669" s="613"/>
      <c r="KQX669" s="613"/>
      <c r="KQY669" s="613"/>
      <c r="KQZ669" s="613"/>
      <c r="KRA669" s="613"/>
      <c r="KRB669" s="613"/>
      <c r="KRC669" s="613"/>
      <c r="KRD669" s="613"/>
      <c r="KRE669" s="613"/>
      <c r="KRF669" s="613"/>
      <c r="KRG669" s="613"/>
      <c r="KRH669" s="613"/>
      <c r="KRI669" s="613"/>
      <c r="KRJ669" s="613"/>
      <c r="KRK669" s="613"/>
      <c r="KRL669" s="613"/>
      <c r="KRM669" s="613"/>
      <c r="KRN669" s="613"/>
      <c r="KRO669" s="613"/>
      <c r="KRP669" s="613"/>
      <c r="KRQ669" s="613"/>
      <c r="KRR669" s="613"/>
      <c r="KRS669" s="613"/>
      <c r="KRT669" s="613"/>
      <c r="KRU669" s="613"/>
      <c r="KRV669" s="613"/>
      <c r="KRW669" s="613"/>
      <c r="KRX669" s="613"/>
      <c r="KRY669" s="613"/>
      <c r="KRZ669" s="613"/>
      <c r="KSA669" s="613"/>
      <c r="KSB669" s="613"/>
      <c r="KSC669" s="613"/>
      <c r="KSD669" s="613"/>
      <c r="KSE669" s="613"/>
      <c r="KSF669" s="613"/>
      <c r="KSG669" s="613"/>
      <c r="KSH669" s="613"/>
      <c r="KSI669" s="613"/>
      <c r="KSJ669" s="613"/>
      <c r="KSK669" s="613"/>
      <c r="KSL669" s="613"/>
      <c r="KSM669" s="613"/>
      <c r="KSN669" s="613"/>
      <c r="KSO669" s="613"/>
      <c r="KSP669" s="613"/>
      <c r="KSQ669" s="613"/>
      <c r="KSR669" s="613"/>
      <c r="KSS669" s="613"/>
      <c r="KST669" s="613"/>
      <c r="KSU669" s="613"/>
      <c r="KSV669" s="613"/>
      <c r="KSW669" s="613"/>
      <c r="KSX669" s="613"/>
      <c r="KSY669" s="613"/>
      <c r="KSZ669" s="613"/>
      <c r="KTA669" s="613"/>
      <c r="KTB669" s="613"/>
      <c r="KTC669" s="613"/>
      <c r="KTD669" s="613"/>
      <c r="KTE669" s="613"/>
      <c r="KTF669" s="613"/>
      <c r="KTG669" s="613"/>
      <c r="KTH669" s="613"/>
      <c r="KTI669" s="613"/>
      <c r="KTJ669" s="613"/>
      <c r="KTK669" s="613"/>
      <c r="KTL669" s="613"/>
      <c r="KTM669" s="613"/>
      <c r="KTN669" s="613"/>
      <c r="KTO669" s="613"/>
      <c r="KTP669" s="613"/>
      <c r="KTQ669" s="613"/>
      <c r="KTR669" s="613"/>
      <c r="KTS669" s="613"/>
      <c r="KTT669" s="613"/>
      <c r="KTU669" s="613"/>
      <c r="KTV669" s="613"/>
      <c r="KTW669" s="613"/>
      <c r="KTX669" s="613"/>
      <c r="KTY669" s="613"/>
      <c r="KTZ669" s="613"/>
      <c r="KUA669" s="613"/>
      <c r="KUB669" s="613"/>
      <c r="KUC669" s="613"/>
      <c r="KUD669" s="613"/>
      <c r="KUE669" s="613"/>
      <c r="KUF669" s="613"/>
      <c r="KUG669" s="613"/>
      <c r="KUH669" s="613"/>
      <c r="KUI669" s="613"/>
      <c r="KUJ669" s="613"/>
      <c r="KUK669" s="613"/>
      <c r="KUL669" s="613"/>
      <c r="KUM669" s="613"/>
      <c r="KUN669" s="613"/>
      <c r="KUO669" s="613"/>
      <c r="KUP669" s="613"/>
      <c r="KUQ669" s="613"/>
      <c r="KUR669" s="613"/>
      <c r="KUS669" s="613"/>
      <c r="KUT669" s="613"/>
      <c r="KUU669" s="613"/>
      <c r="KUV669" s="613"/>
      <c r="KUW669" s="613"/>
      <c r="KUX669" s="613"/>
      <c r="KUY669" s="613"/>
      <c r="KUZ669" s="613"/>
      <c r="KVA669" s="613"/>
      <c r="KVB669" s="613"/>
      <c r="KVC669" s="613"/>
      <c r="KVD669" s="613"/>
      <c r="KVE669" s="613"/>
      <c r="KVF669" s="613"/>
      <c r="KVG669" s="613"/>
      <c r="KVH669" s="613"/>
      <c r="KVI669" s="613"/>
      <c r="KVJ669" s="613"/>
      <c r="KVK669" s="613"/>
      <c r="KVL669" s="613"/>
      <c r="KVM669" s="613"/>
      <c r="KVN669" s="613"/>
      <c r="KVO669" s="613"/>
      <c r="KVP669" s="613"/>
      <c r="KVQ669" s="613"/>
      <c r="KVR669" s="613"/>
      <c r="KVS669" s="613"/>
      <c r="KVT669" s="613"/>
      <c r="KVU669" s="613"/>
      <c r="KVV669" s="613"/>
      <c r="KVW669" s="613"/>
      <c r="KVX669" s="613"/>
      <c r="KVY669" s="613"/>
      <c r="KVZ669" s="613"/>
      <c r="KWA669" s="613"/>
      <c r="KWB669" s="613"/>
      <c r="KWC669" s="613"/>
      <c r="KWD669" s="613"/>
      <c r="KWE669" s="613"/>
      <c r="KWF669" s="613"/>
      <c r="KWG669" s="613"/>
      <c r="KWH669" s="613"/>
      <c r="KWI669" s="613"/>
      <c r="KWJ669" s="613"/>
      <c r="KWK669" s="613"/>
      <c r="KWL669" s="613"/>
      <c r="KWM669" s="613"/>
      <c r="KWN669" s="613"/>
      <c r="KWO669" s="613"/>
      <c r="KWP669" s="613"/>
      <c r="KWQ669" s="613"/>
      <c r="KWR669" s="613"/>
      <c r="KWS669" s="613"/>
      <c r="KWT669" s="613"/>
      <c r="KWU669" s="613"/>
      <c r="KWV669" s="613"/>
      <c r="KWW669" s="613"/>
      <c r="KWX669" s="613"/>
      <c r="KWY669" s="613"/>
      <c r="KWZ669" s="613"/>
      <c r="KXA669" s="613"/>
      <c r="KXB669" s="613"/>
      <c r="KXC669" s="613"/>
      <c r="KXD669" s="613"/>
      <c r="KXE669" s="613"/>
      <c r="KXF669" s="613"/>
      <c r="KXG669" s="613"/>
      <c r="KXH669" s="613"/>
      <c r="KXI669" s="613"/>
      <c r="KXJ669" s="613"/>
      <c r="KXK669" s="613"/>
      <c r="KXL669" s="613"/>
      <c r="KXM669" s="613"/>
      <c r="KXN669" s="613"/>
      <c r="KXO669" s="613"/>
      <c r="KXP669" s="613"/>
      <c r="KXQ669" s="613"/>
      <c r="KXR669" s="613"/>
      <c r="KXS669" s="613"/>
      <c r="KXT669" s="613"/>
      <c r="KXU669" s="613"/>
      <c r="KXV669" s="613"/>
      <c r="KXW669" s="613"/>
      <c r="KXX669" s="613"/>
      <c r="KXY669" s="613"/>
      <c r="KXZ669" s="613"/>
      <c r="KYA669" s="613"/>
      <c r="KYB669" s="613"/>
      <c r="KYC669" s="613"/>
      <c r="KYD669" s="613"/>
      <c r="KYE669" s="613"/>
      <c r="KYF669" s="613"/>
      <c r="KYG669" s="613"/>
      <c r="KYH669" s="613"/>
      <c r="KYI669" s="613"/>
      <c r="KYJ669" s="613"/>
      <c r="KYK669" s="613"/>
      <c r="KYL669" s="613"/>
      <c r="KYM669" s="613"/>
      <c r="KYN669" s="613"/>
      <c r="KYO669" s="613"/>
      <c r="KYP669" s="613"/>
      <c r="KYQ669" s="613"/>
      <c r="KYR669" s="613"/>
      <c r="KYS669" s="613"/>
      <c r="KYT669" s="613"/>
      <c r="KYU669" s="613"/>
      <c r="KYV669" s="613"/>
      <c r="KYW669" s="613"/>
      <c r="KYX669" s="613"/>
      <c r="KYY669" s="613"/>
      <c r="KYZ669" s="613"/>
      <c r="KZA669" s="613"/>
      <c r="KZB669" s="613"/>
      <c r="KZC669" s="613"/>
      <c r="KZD669" s="613"/>
      <c r="KZE669" s="613"/>
      <c r="KZF669" s="613"/>
      <c r="KZG669" s="613"/>
      <c r="KZH669" s="613"/>
      <c r="KZI669" s="613"/>
      <c r="KZJ669" s="613"/>
      <c r="KZK669" s="613"/>
      <c r="KZL669" s="613"/>
      <c r="KZM669" s="613"/>
      <c r="KZN669" s="613"/>
      <c r="KZO669" s="613"/>
      <c r="KZP669" s="613"/>
      <c r="KZQ669" s="613"/>
      <c r="KZR669" s="613"/>
      <c r="KZS669" s="613"/>
      <c r="KZT669" s="613"/>
      <c r="KZU669" s="613"/>
      <c r="KZV669" s="613"/>
      <c r="KZW669" s="613"/>
      <c r="KZX669" s="613"/>
      <c r="KZY669" s="613"/>
      <c r="KZZ669" s="613"/>
      <c r="LAA669" s="613"/>
      <c r="LAB669" s="613"/>
      <c r="LAC669" s="613"/>
      <c r="LAD669" s="613"/>
      <c r="LAE669" s="613"/>
      <c r="LAF669" s="613"/>
      <c r="LAG669" s="613"/>
      <c r="LAH669" s="613"/>
      <c r="LAI669" s="613"/>
      <c r="LAJ669" s="613"/>
      <c r="LAK669" s="613"/>
      <c r="LAL669" s="613"/>
      <c r="LAM669" s="613"/>
      <c r="LAN669" s="613"/>
      <c r="LAO669" s="613"/>
      <c r="LAP669" s="613"/>
      <c r="LAQ669" s="613"/>
      <c r="LAR669" s="613"/>
      <c r="LAS669" s="613"/>
      <c r="LAT669" s="613"/>
      <c r="LAU669" s="613"/>
      <c r="LAV669" s="613"/>
      <c r="LAW669" s="613"/>
      <c r="LAX669" s="613"/>
      <c r="LAY669" s="613"/>
      <c r="LAZ669" s="613"/>
      <c r="LBA669" s="613"/>
      <c r="LBB669" s="613"/>
      <c r="LBC669" s="613"/>
      <c r="LBD669" s="613"/>
      <c r="LBE669" s="613"/>
      <c r="LBF669" s="613"/>
      <c r="LBG669" s="613"/>
      <c r="LBH669" s="613"/>
      <c r="LBI669" s="613"/>
      <c r="LBJ669" s="613"/>
      <c r="LBK669" s="613"/>
      <c r="LBL669" s="613"/>
      <c r="LBM669" s="613"/>
      <c r="LBN669" s="613"/>
      <c r="LBO669" s="613"/>
      <c r="LBP669" s="613"/>
      <c r="LBQ669" s="613"/>
      <c r="LBR669" s="613"/>
      <c r="LBS669" s="613"/>
      <c r="LBT669" s="613"/>
      <c r="LBU669" s="613"/>
      <c r="LBV669" s="613"/>
      <c r="LBW669" s="613"/>
      <c r="LBX669" s="613"/>
      <c r="LBY669" s="613"/>
      <c r="LBZ669" s="613"/>
      <c r="LCA669" s="613"/>
      <c r="LCB669" s="613"/>
      <c r="LCC669" s="613"/>
      <c r="LCD669" s="613"/>
      <c r="LCE669" s="613"/>
      <c r="LCF669" s="613"/>
      <c r="LCG669" s="613"/>
      <c r="LCH669" s="613"/>
      <c r="LCI669" s="613"/>
      <c r="LCJ669" s="613"/>
      <c r="LCK669" s="613"/>
      <c r="LCL669" s="613"/>
      <c r="LCM669" s="613"/>
      <c r="LCN669" s="613"/>
      <c r="LCO669" s="613"/>
      <c r="LCP669" s="613"/>
      <c r="LCQ669" s="613"/>
      <c r="LCR669" s="613"/>
      <c r="LCS669" s="613"/>
      <c r="LCT669" s="613"/>
      <c r="LCU669" s="613"/>
      <c r="LCV669" s="613"/>
      <c r="LCW669" s="613"/>
      <c r="LCX669" s="613"/>
      <c r="LCY669" s="613"/>
      <c r="LCZ669" s="613"/>
      <c r="LDA669" s="613"/>
      <c r="LDB669" s="613"/>
      <c r="LDC669" s="613"/>
      <c r="LDD669" s="613"/>
      <c r="LDE669" s="613"/>
      <c r="LDF669" s="613"/>
      <c r="LDG669" s="613"/>
      <c r="LDH669" s="613"/>
      <c r="LDI669" s="613"/>
      <c r="LDJ669" s="613"/>
      <c r="LDK669" s="613"/>
      <c r="LDL669" s="613"/>
      <c r="LDM669" s="613"/>
      <c r="LDN669" s="613"/>
      <c r="LDO669" s="613"/>
      <c r="LDP669" s="613"/>
      <c r="LDQ669" s="613"/>
      <c r="LDR669" s="613"/>
      <c r="LDS669" s="613"/>
      <c r="LDT669" s="613"/>
      <c r="LDU669" s="613"/>
      <c r="LDV669" s="613"/>
      <c r="LDW669" s="613"/>
      <c r="LDX669" s="613"/>
      <c r="LDY669" s="613"/>
      <c r="LDZ669" s="613"/>
      <c r="LEA669" s="613"/>
      <c r="LEB669" s="613"/>
      <c r="LEC669" s="613"/>
      <c r="LED669" s="613"/>
      <c r="LEE669" s="613"/>
      <c r="LEF669" s="613"/>
      <c r="LEG669" s="613"/>
      <c r="LEH669" s="613"/>
      <c r="LEI669" s="613"/>
      <c r="LEJ669" s="613"/>
      <c r="LEK669" s="613"/>
      <c r="LEL669" s="613"/>
      <c r="LEM669" s="613"/>
      <c r="LEN669" s="613"/>
      <c r="LEO669" s="613"/>
      <c r="LEP669" s="613"/>
      <c r="LEQ669" s="613"/>
      <c r="LER669" s="613"/>
      <c r="LES669" s="613"/>
      <c r="LET669" s="613"/>
      <c r="LEU669" s="613"/>
      <c r="LEV669" s="613"/>
      <c r="LEW669" s="613"/>
      <c r="LEX669" s="613"/>
      <c r="LEY669" s="613"/>
      <c r="LEZ669" s="613"/>
      <c r="LFA669" s="613"/>
      <c r="LFB669" s="613"/>
      <c r="LFC669" s="613"/>
      <c r="LFD669" s="613"/>
      <c r="LFE669" s="613"/>
      <c r="LFF669" s="613"/>
      <c r="LFG669" s="613"/>
      <c r="LFH669" s="613"/>
      <c r="LFI669" s="613"/>
      <c r="LFJ669" s="613"/>
      <c r="LFK669" s="613"/>
      <c r="LFL669" s="613"/>
      <c r="LFM669" s="613"/>
      <c r="LFN669" s="613"/>
      <c r="LFO669" s="613"/>
      <c r="LFP669" s="613"/>
      <c r="LFQ669" s="613"/>
      <c r="LFR669" s="613"/>
      <c r="LFS669" s="613"/>
      <c r="LFT669" s="613"/>
      <c r="LFU669" s="613"/>
      <c r="LFV669" s="613"/>
      <c r="LFW669" s="613"/>
      <c r="LFX669" s="613"/>
      <c r="LFY669" s="613"/>
      <c r="LFZ669" s="613"/>
      <c r="LGA669" s="613"/>
      <c r="LGB669" s="613"/>
      <c r="LGC669" s="613"/>
      <c r="LGD669" s="613"/>
      <c r="LGE669" s="613"/>
      <c r="LGF669" s="613"/>
      <c r="LGG669" s="613"/>
      <c r="LGH669" s="613"/>
      <c r="LGI669" s="613"/>
      <c r="LGJ669" s="613"/>
      <c r="LGK669" s="613"/>
      <c r="LGL669" s="613"/>
      <c r="LGM669" s="613"/>
      <c r="LGN669" s="613"/>
      <c r="LGO669" s="613"/>
      <c r="LGP669" s="613"/>
      <c r="LGQ669" s="613"/>
      <c r="LGR669" s="613"/>
      <c r="LGS669" s="613"/>
      <c r="LGT669" s="613"/>
      <c r="LGU669" s="613"/>
      <c r="LGV669" s="613"/>
      <c r="LGW669" s="613"/>
      <c r="LGX669" s="613"/>
      <c r="LGY669" s="613"/>
      <c r="LGZ669" s="613"/>
      <c r="LHA669" s="613"/>
      <c r="LHB669" s="613"/>
      <c r="LHC669" s="613"/>
      <c r="LHD669" s="613"/>
      <c r="LHE669" s="613"/>
      <c r="LHF669" s="613"/>
      <c r="LHG669" s="613"/>
      <c r="LHH669" s="613"/>
      <c r="LHI669" s="613"/>
      <c r="LHJ669" s="613"/>
      <c r="LHK669" s="613"/>
      <c r="LHL669" s="613"/>
      <c r="LHM669" s="613"/>
      <c r="LHN669" s="613"/>
      <c r="LHO669" s="613"/>
      <c r="LHP669" s="613"/>
      <c r="LHQ669" s="613"/>
      <c r="LHR669" s="613"/>
      <c r="LHS669" s="613"/>
      <c r="LHT669" s="613"/>
      <c r="LHU669" s="613"/>
      <c r="LHV669" s="613"/>
      <c r="LHW669" s="613"/>
      <c r="LHX669" s="613"/>
      <c r="LHY669" s="613"/>
      <c r="LHZ669" s="613"/>
      <c r="LIA669" s="613"/>
      <c r="LIB669" s="613"/>
      <c r="LIC669" s="613"/>
      <c r="LID669" s="613"/>
      <c r="LIE669" s="613"/>
      <c r="LIF669" s="613"/>
      <c r="LIG669" s="613"/>
      <c r="LIH669" s="613"/>
      <c r="LII669" s="613"/>
      <c r="LIJ669" s="613"/>
      <c r="LIK669" s="613"/>
      <c r="LIL669" s="613"/>
      <c r="LIM669" s="613"/>
      <c r="LIN669" s="613"/>
      <c r="LIO669" s="613"/>
      <c r="LIP669" s="613"/>
      <c r="LIQ669" s="613"/>
      <c r="LIR669" s="613"/>
      <c r="LIS669" s="613"/>
      <c r="LIT669" s="613"/>
      <c r="LIU669" s="613"/>
      <c r="LIV669" s="613"/>
      <c r="LIW669" s="613"/>
      <c r="LIX669" s="613"/>
      <c r="LIY669" s="613"/>
      <c r="LIZ669" s="613"/>
      <c r="LJA669" s="613"/>
      <c r="LJB669" s="613"/>
      <c r="LJC669" s="613"/>
      <c r="LJD669" s="613"/>
      <c r="LJE669" s="613"/>
      <c r="LJF669" s="613"/>
      <c r="LJG669" s="613"/>
      <c r="LJH669" s="613"/>
      <c r="LJI669" s="613"/>
      <c r="LJJ669" s="613"/>
      <c r="LJK669" s="613"/>
      <c r="LJL669" s="613"/>
      <c r="LJM669" s="613"/>
      <c r="LJN669" s="613"/>
      <c r="LJO669" s="613"/>
      <c r="LJP669" s="613"/>
      <c r="LJQ669" s="613"/>
      <c r="LJR669" s="613"/>
      <c r="LJS669" s="613"/>
      <c r="LJT669" s="613"/>
      <c r="LJU669" s="613"/>
      <c r="LJV669" s="613"/>
      <c r="LJW669" s="613"/>
      <c r="LJX669" s="613"/>
      <c r="LJY669" s="613"/>
      <c r="LJZ669" s="613"/>
      <c r="LKA669" s="613"/>
      <c r="LKB669" s="613"/>
      <c r="LKC669" s="613"/>
      <c r="LKD669" s="613"/>
      <c r="LKE669" s="613"/>
      <c r="LKF669" s="613"/>
      <c r="LKG669" s="613"/>
      <c r="LKH669" s="613"/>
      <c r="LKI669" s="613"/>
      <c r="LKJ669" s="613"/>
      <c r="LKK669" s="613"/>
      <c r="LKL669" s="613"/>
      <c r="LKM669" s="613"/>
      <c r="LKN669" s="613"/>
      <c r="LKO669" s="613"/>
      <c r="LKP669" s="613"/>
      <c r="LKQ669" s="613"/>
      <c r="LKR669" s="613"/>
      <c r="LKS669" s="613"/>
      <c r="LKT669" s="613"/>
      <c r="LKU669" s="613"/>
      <c r="LKV669" s="613"/>
      <c r="LKW669" s="613"/>
      <c r="LKX669" s="613"/>
      <c r="LKY669" s="613"/>
      <c r="LKZ669" s="613"/>
      <c r="LLA669" s="613"/>
      <c r="LLB669" s="613"/>
      <c r="LLC669" s="613"/>
      <c r="LLD669" s="613"/>
      <c r="LLE669" s="613"/>
      <c r="LLF669" s="613"/>
      <c r="LLG669" s="613"/>
      <c r="LLH669" s="613"/>
      <c r="LLI669" s="613"/>
      <c r="LLJ669" s="613"/>
      <c r="LLK669" s="613"/>
      <c r="LLL669" s="613"/>
      <c r="LLM669" s="613"/>
      <c r="LLN669" s="613"/>
      <c r="LLO669" s="613"/>
      <c r="LLP669" s="613"/>
      <c r="LLQ669" s="613"/>
      <c r="LLR669" s="613"/>
      <c r="LLS669" s="613"/>
      <c r="LLT669" s="613"/>
      <c r="LLU669" s="613"/>
      <c r="LLV669" s="613"/>
      <c r="LLW669" s="613"/>
      <c r="LLX669" s="613"/>
      <c r="LLY669" s="613"/>
      <c r="LLZ669" s="613"/>
      <c r="LMA669" s="613"/>
      <c r="LMB669" s="613"/>
      <c r="LMC669" s="613"/>
      <c r="LMD669" s="613"/>
      <c r="LME669" s="613"/>
      <c r="LMF669" s="613"/>
      <c r="LMG669" s="613"/>
      <c r="LMH669" s="613"/>
      <c r="LMI669" s="613"/>
      <c r="LMJ669" s="613"/>
      <c r="LMK669" s="613"/>
      <c r="LML669" s="613"/>
      <c r="LMM669" s="613"/>
      <c r="LMN669" s="613"/>
      <c r="LMO669" s="613"/>
      <c r="LMP669" s="613"/>
      <c r="LMQ669" s="613"/>
      <c r="LMR669" s="613"/>
      <c r="LMS669" s="613"/>
      <c r="LMT669" s="613"/>
      <c r="LMU669" s="613"/>
      <c r="LMV669" s="613"/>
      <c r="LMW669" s="613"/>
      <c r="LMX669" s="613"/>
      <c r="LMY669" s="613"/>
      <c r="LMZ669" s="613"/>
      <c r="LNA669" s="613"/>
      <c r="LNB669" s="613"/>
      <c r="LNC669" s="613"/>
      <c r="LND669" s="613"/>
      <c r="LNE669" s="613"/>
      <c r="LNF669" s="613"/>
      <c r="LNG669" s="613"/>
      <c r="LNH669" s="613"/>
      <c r="LNI669" s="613"/>
      <c r="LNJ669" s="613"/>
      <c r="LNK669" s="613"/>
      <c r="LNL669" s="613"/>
      <c r="LNM669" s="613"/>
      <c r="LNN669" s="613"/>
      <c r="LNO669" s="613"/>
      <c r="LNP669" s="613"/>
      <c r="LNQ669" s="613"/>
      <c r="LNR669" s="613"/>
      <c r="LNS669" s="613"/>
      <c r="LNT669" s="613"/>
      <c r="LNU669" s="613"/>
      <c r="LNV669" s="613"/>
      <c r="LNW669" s="613"/>
      <c r="LNX669" s="613"/>
      <c r="LNY669" s="613"/>
      <c r="LNZ669" s="613"/>
      <c r="LOA669" s="613"/>
      <c r="LOB669" s="613"/>
      <c r="LOC669" s="613"/>
      <c r="LOD669" s="613"/>
      <c r="LOE669" s="613"/>
      <c r="LOF669" s="613"/>
      <c r="LOG669" s="613"/>
      <c r="LOH669" s="613"/>
      <c r="LOI669" s="613"/>
      <c r="LOJ669" s="613"/>
      <c r="LOK669" s="613"/>
      <c r="LOL669" s="613"/>
      <c r="LOM669" s="613"/>
      <c r="LON669" s="613"/>
      <c r="LOO669" s="613"/>
      <c r="LOP669" s="613"/>
      <c r="LOQ669" s="613"/>
      <c r="LOR669" s="613"/>
      <c r="LOS669" s="613"/>
      <c r="LOT669" s="613"/>
      <c r="LOU669" s="613"/>
      <c r="LOV669" s="613"/>
      <c r="LOW669" s="613"/>
      <c r="LOX669" s="613"/>
      <c r="LOY669" s="613"/>
      <c r="LOZ669" s="613"/>
      <c r="LPA669" s="613"/>
      <c r="LPB669" s="613"/>
      <c r="LPC669" s="613"/>
      <c r="LPD669" s="613"/>
      <c r="LPE669" s="613"/>
      <c r="LPF669" s="613"/>
      <c r="LPG669" s="613"/>
      <c r="LPH669" s="613"/>
      <c r="LPI669" s="613"/>
      <c r="LPJ669" s="613"/>
      <c r="LPK669" s="613"/>
      <c r="LPL669" s="613"/>
      <c r="LPM669" s="613"/>
      <c r="LPN669" s="613"/>
      <c r="LPO669" s="613"/>
      <c r="LPP669" s="613"/>
      <c r="LPQ669" s="613"/>
      <c r="LPR669" s="613"/>
      <c r="LPS669" s="613"/>
      <c r="LPT669" s="613"/>
      <c r="LPU669" s="613"/>
      <c r="LPV669" s="613"/>
      <c r="LPW669" s="613"/>
      <c r="LPX669" s="613"/>
      <c r="LPY669" s="613"/>
      <c r="LPZ669" s="613"/>
      <c r="LQA669" s="613"/>
      <c r="LQB669" s="613"/>
      <c r="LQC669" s="613"/>
      <c r="LQD669" s="613"/>
      <c r="LQE669" s="613"/>
      <c r="LQF669" s="613"/>
      <c r="LQG669" s="613"/>
      <c r="LQH669" s="613"/>
      <c r="LQI669" s="613"/>
      <c r="LQJ669" s="613"/>
      <c r="LQK669" s="613"/>
      <c r="LQL669" s="613"/>
      <c r="LQM669" s="613"/>
      <c r="LQN669" s="613"/>
      <c r="LQO669" s="613"/>
      <c r="LQP669" s="613"/>
      <c r="LQQ669" s="613"/>
      <c r="LQR669" s="613"/>
      <c r="LQS669" s="613"/>
      <c r="LQT669" s="613"/>
      <c r="LQU669" s="613"/>
      <c r="LQV669" s="613"/>
      <c r="LQW669" s="613"/>
      <c r="LQX669" s="613"/>
      <c r="LQY669" s="613"/>
      <c r="LQZ669" s="613"/>
      <c r="LRA669" s="613"/>
      <c r="LRB669" s="613"/>
      <c r="LRC669" s="613"/>
      <c r="LRD669" s="613"/>
      <c r="LRE669" s="613"/>
      <c r="LRF669" s="613"/>
      <c r="LRG669" s="613"/>
      <c r="LRH669" s="613"/>
      <c r="LRI669" s="613"/>
      <c r="LRJ669" s="613"/>
      <c r="LRK669" s="613"/>
      <c r="LRL669" s="613"/>
      <c r="LRM669" s="613"/>
      <c r="LRN669" s="613"/>
      <c r="LRO669" s="613"/>
      <c r="LRP669" s="613"/>
      <c r="LRQ669" s="613"/>
      <c r="LRR669" s="613"/>
      <c r="LRS669" s="613"/>
      <c r="LRT669" s="613"/>
      <c r="LRU669" s="613"/>
      <c r="LRV669" s="613"/>
      <c r="LRW669" s="613"/>
      <c r="LRX669" s="613"/>
      <c r="LRY669" s="613"/>
      <c r="LRZ669" s="613"/>
      <c r="LSA669" s="613"/>
      <c r="LSB669" s="613"/>
      <c r="LSC669" s="613"/>
      <c r="LSD669" s="613"/>
      <c r="LSE669" s="613"/>
      <c r="LSF669" s="613"/>
      <c r="LSG669" s="613"/>
      <c r="LSH669" s="613"/>
      <c r="LSI669" s="613"/>
      <c r="LSJ669" s="613"/>
      <c r="LSK669" s="613"/>
      <c r="LSL669" s="613"/>
      <c r="LSM669" s="613"/>
      <c r="LSN669" s="613"/>
      <c r="LSO669" s="613"/>
      <c r="LSP669" s="613"/>
      <c r="LSQ669" s="613"/>
      <c r="LSR669" s="613"/>
      <c r="LSS669" s="613"/>
      <c r="LST669" s="613"/>
      <c r="LSU669" s="613"/>
      <c r="LSV669" s="613"/>
      <c r="LSW669" s="613"/>
      <c r="LSX669" s="613"/>
      <c r="LSY669" s="613"/>
      <c r="LSZ669" s="613"/>
      <c r="LTA669" s="613"/>
      <c r="LTB669" s="613"/>
      <c r="LTC669" s="613"/>
      <c r="LTD669" s="613"/>
      <c r="LTE669" s="613"/>
      <c r="LTF669" s="613"/>
      <c r="LTG669" s="613"/>
      <c r="LTH669" s="613"/>
      <c r="LTI669" s="613"/>
      <c r="LTJ669" s="613"/>
      <c r="LTK669" s="613"/>
      <c r="LTL669" s="613"/>
      <c r="LTM669" s="613"/>
      <c r="LTN669" s="613"/>
      <c r="LTO669" s="613"/>
      <c r="LTP669" s="613"/>
      <c r="LTQ669" s="613"/>
      <c r="LTR669" s="613"/>
      <c r="LTS669" s="613"/>
      <c r="LTT669" s="613"/>
      <c r="LTU669" s="613"/>
      <c r="LTV669" s="613"/>
      <c r="LTW669" s="613"/>
      <c r="LTX669" s="613"/>
      <c r="LTY669" s="613"/>
      <c r="LTZ669" s="613"/>
      <c r="LUA669" s="613"/>
      <c r="LUB669" s="613"/>
      <c r="LUC669" s="613"/>
      <c r="LUD669" s="613"/>
      <c r="LUE669" s="613"/>
      <c r="LUF669" s="613"/>
      <c r="LUG669" s="613"/>
      <c r="LUH669" s="613"/>
      <c r="LUI669" s="613"/>
      <c r="LUJ669" s="613"/>
      <c r="LUK669" s="613"/>
      <c r="LUL669" s="613"/>
      <c r="LUM669" s="613"/>
      <c r="LUN669" s="613"/>
      <c r="LUO669" s="613"/>
      <c r="LUP669" s="613"/>
      <c r="LUQ669" s="613"/>
      <c r="LUR669" s="613"/>
      <c r="LUS669" s="613"/>
      <c r="LUT669" s="613"/>
      <c r="LUU669" s="613"/>
      <c r="LUV669" s="613"/>
      <c r="LUW669" s="613"/>
      <c r="LUX669" s="613"/>
      <c r="LUY669" s="613"/>
      <c r="LUZ669" s="613"/>
      <c r="LVA669" s="613"/>
      <c r="LVB669" s="613"/>
      <c r="LVC669" s="613"/>
      <c r="LVD669" s="613"/>
      <c r="LVE669" s="613"/>
      <c r="LVF669" s="613"/>
      <c r="LVG669" s="613"/>
      <c r="LVH669" s="613"/>
      <c r="LVI669" s="613"/>
      <c r="LVJ669" s="613"/>
      <c r="LVK669" s="613"/>
      <c r="LVL669" s="613"/>
      <c r="LVM669" s="613"/>
      <c r="LVN669" s="613"/>
      <c r="LVO669" s="613"/>
      <c r="LVP669" s="613"/>
      <c r="LVQ669" s="613"/>
      <c r="LVR669" s="613"/>
      <c r="LVS669" s="613"/>
      <c r="LVT669" s="613"/>
      <c r="LVU669" s="613"/>
      <c r="LVV669" s="613"/>
      <c r="LVW669" s="613"/>
      <c r="LVX669" s="613"/>
      <c r="LVY669" s="613"/>
      <c r="LVZ669" s="613"/>
      <c r="LWA669" s="613"/>
      <c r="LWB669" s="613"/>
      <c r="LWC669" s="613"/>
      <c r="LWD669" s="613"/>
      <c r="LWE669" s="613"/>
      <c r="LWF669" s="613"/>
      <c r="LWG669" s="613"/>
      <c r="LWH669" s="613"/>
      <c r="LWI669" s="613"/>
      <c r="LWJ669" s="613"/>
      <c r="LWK669" s="613"/>
      <c r="LWL669" s="613"/>
      <c r="LWM669" s="613"/>
      <c r="LWN669" s="613"/>
      <c r="LWO669" s="613"/>
      <c r="LWP669" s="613"/>
      <c r="LWQ669" s="613"/>
      <c r="LWR669" s="613"/>
      <c r="LWS669" s="613"/>
      <c r="LWT669" s="613"/>
      <c r="LWU669" s="613"/>
      <c r="LWV669" s="613"/>
      <c r="LWW669" s="613"/>
      <c r="LWX669" s="613"/>
      <c r="LWY669" s="613"/>
      <c r="LWZ669" s="613"/>
      <c r="LXA669" s="613"/>
      <c r="LXB669" s="613"/>
      <c r="LXC669" s="613"/>
      <c r="LXD669" s="613"/>
      <c r="LXE669" s="613"/>
      <c r="LXF669" s="613"/>
      <c r="LXG669" s="613"/>
      <c r="LXH669" s="613"/>
      <c r="LXI669" s="613"/>
      <c r="LXJ669" s="613"/>
      <c r="LXK669" s="613"/>
      <c r="LXL669" s="613"/>
      <c r="LXM669" s="613"/>
      <c r="LXN669" s="613"/>
      <c r="LXO669" s="613"/>
      <c r="LXP669" s="613"/>
      <c r="LXQ669" s="613"/>
      <c r="LXR669" s="613"/>
      <c r="LXS669" s="613"/>
      <c r="LXT669" s="613"/>
      <c r="LXU669" s="613"/>
      <c r="LXV669" s="613"/>
      <c r="LXW669" s="613"/>
      <c r="LXX669" s="613"/>
      <c r="LXY669" s="613"/>
      <c r="LXZ669" s="613"/>
      <c r="LYA669" s="613"/>
      <c r="LYB669" s="613"/>
      <c r="LYC669" s="613"/>
      <c r="LYD669" s="613"/>
      <c r="LYE669" s="613"/>
      <c r="LYF669" s="613"/>
      <c r="LYG669" s="613"/>
      <c r="LYH669" s="613"/>
      <c r="LYI669" s="613"/>
      <c r="LYJ669" s="613"/>
      <c r="LYK669" s="613"/>
      <c r="LYL669" s="613"/>
      <c r="LYM669" s="613"/>
      <c r="LYN669" s="613"/>
      <c r="LYO669" s="613"/>
      <c r="LYP669" s="613"/>
      <c r="LYQ669" s="613"/>
      <c r="LYR669" s="613"/>
      <c r="LYS669" s="613"/>
      <c r="LYT669" s="613"/>
      <c r="LYU669" s="613"/>
      <c r="LYV669" s="613"/>
      <c r="LYW669" s="613"/>
      <c r="LYX669" s="613"/>
      <c r="LYY669" s="613"/>
      <c r="LYZ669" s="613"/>
      <c r="LZA669" s="613"/>
      <c r="LZB669" s="613"/>
      <c r="LZC669" s="613"/>
      <c r="LZD669" s="613"/>
      <c r="LZE669" s="613"/>
      <c r="LZF669" s="613"/>
      <c r="LZG669" s="613"/>
      <c r="LZH669" s="613"/>
      <c r="LZI669" s="613"/>
      <c r="LZJ669" s="613"/>
      <c r="LZK669" s="613"/>
      <c r="LZL669" s="613"/>
      <c r="LZM669" s="613"/>
      <c r="LZN669" s="613"/>
      <c r="LZO669" s="613"/>
      <c r="LZP669" s="613"/>
      <c r="LZQ669" s="613"/>
      <c r="LZR669" s="613"/>
      <c r="LZS669" s="613"/>
      <c r="LZT669" s="613"/>
      <c r="LZU669" s="613"/>
      <c r="LZV669" s="613"/>
      <c r="LZW669" s="613"/>
      <c r="LZX669" s="613"/>
      <c r="LZY669" s="613"/>
      <c r="LZZ669" s="613"/>
      <c r="MAA669" s="613"/>
      <c r="MAB669" s="613"/>
      <c r="MAC669" s="613"/>
      <c r="MAD669" s="613"/>
      <c r="MAE669" s="613"/>
      <c r="MAF669" s="613"/>
      <c r="MAG669" s="613"/>
      <c r="MAH669" s="613"/>
      <c r="MAI669" s="613"/>
      <c r="MAJ669" s="613"/>
      <c r="MAK669" s="613"/>
      <c r="MAL669" s="613"/>
      <c r="MAM669" s="613"/>
      <c r="MAN669" s="613"/>
      <c r="MAO669" s="613"/>
      <c r="MAP669" s="613"/>
      <c r="MAQ669" s="613"/>
      <c r="MAR669" s="613"/>
      <c r="MAS669" s="613"/>
      <c r="MAT669" s="613"/>
      <c r="MAU669" s="613"/>
      <c r="MAV669" s="613"/>
      <c r="MAW669" s="613"/>
      <c r="MAX669" s="613"/>
      <c r="MAY669" s="613"/>
      <c r="MAZ669" s="613"/>
      <c r="MBA669" s="613"/>
      <c r="MBB669" s="613"/>
      <c r="MBC669" s="613"/>
      <c r="MBD669" s="613"/>
      <c r="MBE669" s="613"/>
      <c r="MBF669" s="613"/>
      <c r="MBG669" s="613"/>
      <c r="MBH669" s="613"/>
      <c r="MBI669" s="613"/>
      <c r="MBJ669" s="613"/>
      <c r="MBK669" s="613"/>
      <c r="MBL669" s="613"/>
      <c r="MBM669" s="613"/>
      <c r="MBN669" s="613"/>
      <c r="MBO669" s="613"/>
      <c r="MBP669" s="613"/>
      <c r="MBQ669" s="613"/>
      <c r="MBR669" s="613"/>
      <c r="MBS669" s="613"/>
      <c r="MBT669" s="613"/>
      <c r="MBU669" s="613"/>
      <c r="MBV669" s="613"/>
      <c r="MBW669" s="613"/>
      <c r="MBX669" s="613"/>
      <c r="MBY669" s="613"/>
      <c r="MBZ669" s="613"/>
      <c r="MCA669" s="613"/>
      <c r="MCB669" s="613"/>
      <c r="MCC669" s="613"/>
      <c r="MCD669" s="613"/>
      <c r="MCE669" s="613"/>
      <c r="MCF669" s="613"/>
      <c r="MCG669" s="613"/>
      <c r="MCH669" s="613"/>
      <c r="MCI669" s="613"/>
      <c r="MCJ669" s="613"/>
      <c r="MCK669" s="613"/>
      <c r="MCL669" s="613"/>
      <c r="MCM669" s="613"/>
      <c r="MCN669" s="613"/>
      <c r="MCO669" s="613"/>
      <c r="MCP669" s="613"/>
      <c r="MCQ669" s="613"/>
      <c r="MCR669" s="613"/>
      <c r="MCS669" s="613"/>
      <c r="MCT669" s="613"/>
      <c r="MCU669" s="613"/>
      <c r="MCV669" s="613"/>
      <c r="MCW669" s="613"/>
      <c r="MCX669" s="613"/>
      <c r="MCY669" s="613"/>
      <c r="MCZ669" s="613"/>
      <c r="MDA669" s="613"/>
      <c r="MDB669" s="613"/>
      <c r="MDC669" s="613"/>
      <c r="MDD669" s="613"/>
      <c r="MDE669" s="613"/>
      <c r="MDF669" s="613"/>
      <c r="MDG669" s="613"/>
      <c r="MDH669" s="613"/>
      <c r="MDI669" s="613"/>
      <c r="MDJ669" s="613"/>
      <c r="MDK669" s="613"/>
      <c r="MDL669" s="613"/>
      <c r="MDM669" s="613"/>
      <c r="MDN669" s="613"/>
      <c r="MDO669" s="613"/>
      <c r="MDP669" s="613"/>
      <c r="MDQ669" s="613"/>
      <c r="MDR669" s="613"/>
      <c r="MDS669" s="613"/>
      <c r="MDT669" s="613"/>
      <c r="MDU669" s="613"/>
      <c r="MDV669" s="613"/>
      <c r="MDW669" s="613"/>
      <c r="MDX669" s="613"/>
      <c r="MDY669" s="613"/>
      <c r="MDZ669" s="613"/>
      <c r="MEA669" s="613"/>
      <c r="MEB669" s="613"/>
      <c r="MEC669" s="613"/>
      <c r="MED669" s="613"/>
      <c r="MEE669" s="613"/>
      <c r="MEF669" s="613"/>
      <c r="MEG669" s="613"/>
      <c r="MEH669" s="613"/>
      <c r="MEI669" s="613"/>
      <c r="MEJ669" s="613"/>
      <c r="MEK669" s="613"/>
      <c r="MEL669" s="613"/>
      <c r="MEM669" s="613"/>
      <c r="MEN669" s="613"/>
      <c r="MEO669" s="613"/>
      <c r="MEP669" s="613"/>
      <c r="MEQ669" s="613"/>
      <c r="MER669" s="613"/>
      <c r="MES669" s="613"/>
      <c r="MET669" s="613"/>
      <c r="MEU669" s="613"/>
      <c r="MEV669" s="613"/>
      <c r="MEW669" s="613"/>
      <c r="MEX669" s="613"/>
      <c r="MEY669" s="613"/>
      <c r="MEZ669" s="613"/>
      <c r="MFA669" s="613"/>
      <c r="MFB669" s="613"/>
      <c r="MFC669" s="613"/>
      <c r="MFD669" s="613"/>
      <c r="MFE669" s="613"/>
      <c r="MFF669" s="613"/>
      <c r="MFG669" s="613"/>
      <c r="MFH669" s="613"/>
      <c r="MFI669" s="613"/>
      <c r="MFJ669" s="613"/>
      <c r="MFK669" s="613"/>
      <c r="MFL669" s="613"/>
      <c r="MFM669" s="613"/>
      <c r="MFN669" s="613"/>
      <c r="MFO669" s="613"/>
      <c r="MFP669" s="613"/>
      <c r="MFQ669" s="613"/>
      <c r="MFR669" s="613"/>
      <c r="MFS669" s="613"/>
      <c r="MFT669" s="613"/>
      <c r="MFU669" s="613"/>
      <c r="MFV669" s="613"/>
      <c r="MFW669" s="613"/>
      <c r="MFX669" s="613"/>
      <c r="MFY669" s="613"/>
      <c r="MFZ669" s="613"/>
      <c r="MGA669" s="613"/>
      <c r="MGB669" s="613"/>
      <c r="MGC669" s="613"/>
      <c r="MGD669" s="613"/>
      <c r="MGE669" s="613"/>
      <c r="MGF669" s="613"/>
      <c r="MGG669" s="613"/>
      <c r="MGH669" s="613"/>
      <c r="MGI669" s="613"/>
      <c r="MGJ669" s="613"/>
      <c r="MGK669" s="613"/>
      <c r="MGL669" s="613"/>
      <c r="MGM669" s="613"/>
      <c r="MGN669" s="613"/>
      <c r="MGO669" s="613"/>
      <c r="MGP669" s="613"/>
      <c r="MGQ669" s="613"/>
      <c r="MGR669" s="613"/>
      <c r="MGS669" s="613"/>
      <c r="MGT669" s="613"/>
      <c r="MGU669" s="613"/>
      <c r="MGV669" s="613"/>
      <c r="MGW669" s="613"/>
      <c r="MGX669" s="613"/>
      <c r="MGY669" s="613"/>
      <c r="MGZ669" s="613"/>
      <c r="MHA669" s="613"/>
      <c r="MHB669" s="613"/>
      <c r="MHC669" s="613"/>
      <c r="MHD669" s="613"/>
      <c r="MHE669" s="613"/>
      <c r="MHF669" s="613"/>
      <c r="MHG669" s="613"/>
      <c r="MHH669" s="613"/>
      <c r="MHI669" s="613"/>
      <c r="MHJ669" s="613"/>
      <c r="MHK669" s="613"/>
      <c r="MHL669" s="613"/>
      <c r="MHM669" s="613"/>
      <c r="MHN669" s="613"/>
      <c r="MHO669" s="613"/>
      <c r="MHP669" s="613"/>
      <c r="MHQ669" s="613"/>
      <c r="MHR669" s="613"/>
      <c r="MHS669" s="613"/>
      <c r="MHT669" s="613"/>
      <c r="MHU669" s="613"/>
      <c r="MHV669" s="613"/>
      <c r="MHW669" s="613"/>
      <c r="MHX669" s="613"/>
      <c r="MHY669" s="613"/>
      <c r="MHZ669" s="613"/>
      <c r="MIA669" s="613"/>
      <c r="MIB669" s="613"/>
      <c r="MIC669" s="613"/>
      <c r="MID669" s="613"/>
      <c r="MIE669" s="613"/>
      <c r="MIF669" s="613"/>
      <c r="MIG669" s="613"/>
      <c r="MIH669" s="613"/>
      <c r="MII669" s="613"/>
      <c r="MIJ669" s="613"/>
      <c r="MIK669" s="613"/>
      <c r="MIL669" s="613"/>
      <c r="MIM669" s="613"/>
      <c r="MIN669" s="613"/>
      <c r="MIO669" s="613"/>
      <c r="MIP669" s="613"/>
      <c r="MIQ669" s="613"/>
      <c r="MIR669" s="613"/>
      <c r="MIS669" s="613"/>
      <c r="MIT669" s="613"/>
      <c r="MIU669" s="613"/>
      <c r="MIV669" s="613"/>
      <c r="MIW669" s="613"/>
      <c r="MIX669" s="613"/>
      <c r="MIY669" s="613"/>
      <c r="MIZ669" s="613"/>
      <c r="MJA669" s="613"/>
      <c r="MJB669" s="613"/>
      <c r="MJC669" s="613"/>
      <c r="MJD669" s="613"/>
      <c r="MJE669" s="613"/>
      <c r="MJF669" s="613"/>
      <c r="MJG669" s="613"/>
      <c r="MJH669" s="613"/>
      <c r="MJI669" s="613"/>
      <c r="MJJ669" s="613"/>
      <c r="MJK669" s="613"/>
      <c r="MJL669" s="613"/>
      <c r="MJM669" s="613"/>
      <c r="MJN669" s="613"/>
      <c r="MJO669" s="613"/>
      <c r="MJP669" s="613"/>
      <c r="MJQ669" s="613"/>
      <c r="MJR669" s="613"/>
      <c r="MJS669" s="613"/>
      <c r="MJT669" s="613"/>
      <c r="MJU669" s="613"/>
      <c r="MJV669" s="613"/>
      <c r="MJW669" s="613"/>
      <c r="MJX669" s="613"/>
      <c r="MJY669" s="613"/>
      <c r="MJZ669" s="613"/>
      <c r="MKA669" s="613"/>
      <c r="MKB669" s="613"/>
      <c r="MKC669" s="613"/>
      <c r="MKD669" s="613"/>
      <c r="MKE669" s="613"/>
      <c r="MKF669" s="613"/>
      <c r="MKG669" s="613"/>
      <c r="MKH669" s="613"/>
      <c r="MKI669" s="613"/>
      <c r="MKJ669" s="613"/>
      <c r="MKK669" s="613"/>
      <c r="MKL669" s="613"/>
      <c r="MKM669" s="613"/>
      <c r="MKN669" s="613"/>
      <c r="MKO669" s="613"/>
      <c r="MKP669" s="613"/>
      <c r="MKQ669" s="613"/>
      <c r="MKR669" s="613"/>
      <c r="MKS669" s="613"/>
      <c r="MKT669" s="613"/>
      <c r="MKU669" s="613"/>
      <c r="MKV669" s="613"/>
      <c r="MKW669" s="613"/>
      <c r="MKX669" s="613"/>
      <c r="MKY669" s="613"/>
      <c r="MKZ669" s="613"/>
      <c r="MLA669" s="613"/>
      <c r="MLB669" s="613"/>
      <c r="MLC669" s="613"/>
      <c r="MLD669" s="613"/>
      <c r="MLE669" s="613"/>
      <c r="MLF669" s="613"/>
      <c r="MLG669" s="613"/>
      <c r="MLH669" s="613"/>
      <c r="MLI669" s="613"/>
      <c r="MLJ669" s="613"/>
      <c r="MLK669" s="613"/>
      <c r="MLL669" s="613"/>
      <c r="MLM669" s="613"/>
      <c r="MLN669" s="613"/>
      <c r="MLO669" s="613"/>
      <c r="MLP669" s="613"/>
      <c r="MLQ669" s="613"/>
      <c r="MLR669" s="613"/>
      <c r="MLS669" s="613"/>
      <c r="MLT669" s="613"/>
      <c r="MLU669" s="613"/>
      <c r="MLV669" s="613"/>
      <c r="MLW669" s="613"/>
      <c r="MLX669" s="613"/>
      <c r="MLY669" s="613"/>
      <c r="MLZ669" s="613"/>
      <c r="MMA669" s="613"/>
      <c r="MMB669" s="613"/>
      <c r="MMC669" s="613"/>
      <c r="MMD669" s="613"/>
      <c r="MME669" s="613"/>
      <c r="MMF669" s="613"/>
      <c r="MMG669" s="613"/>
      <c r="MMH669" s="613"/>
      <c r="MMI669" s="613"/>
      <c r="MMJ669" s="613"/>
      <c r="MMK669" s="613"/>
      <c r="MML669" s="613"/>
      <c r="MMM669" s="613"/>
      <c r="MMN669" s="613"/>
      <c r="MMO669" s="613"/>
      <c r="MMP669" s="613"/>
      <c r="MMQ669" s="613"/>
      <c r="MMR669" s="613"/>
      <c r="MMS669" s="613"/>
      <c r="MMT669" s="613"/>
      <c r="MMU669" s="613"/>
      <c r="MMV669" s="613"/>
      <c r="MMW669" s="613"/>
      <c r="MMX669" s="613"/>
      <c r="MMY669" s="613"/>
      <c r="MMZ669" s="613"/>
      <c r="MNA669" s="613"/>
      <c r="MNB669" s="613"/>
      <c r="MNC669" s="613"/>
      <c r="MND669" s="613"/>
      <c r="MNE669" s="613"/>
      <c r="MNF669" s="613"/>
      <c r="MNG669" s="613"/>
      <c r="MNH669" s="613"/>
      <c r="MNI669" s="613"/>
      <c r="MNJ669" s="613"/>
      <c r="MNK669" s="613"/>
      <c r="MNL669" s="613"/>
      <c r="MNM669" s="613"/>
      <c r="MNN669" s="613"/>
      <c r="MNO669" s="613"/>
      <c r="MNP669" s="613"/>
      <c r="MNQ669" s="613"/>
      <c r="MNR669" s="613"/>
      <c r="MNS669" s="613"/>
      <c r="MNT669" s="613"/>
      <c r="MNU669" s="613"/>
      <c r="MNV669" s="613"/>
      <c r="MNW669" s="613"/>
      <c r="MNX669" s="613"/>
      <c r="MNY669" s="613"/>
      <c r="MNZ669" s="613"/>
      <c r="MOA669" s="613"/>
      <c r="MOB669" s="613"/>
      <c r="MOC669" s="613"/>
      <c r="MOD669" s="613"/>
      <c r="MOE669" s="613"/>
      <c r="MOF669" s="613"/>
      <c r="MOG669" s="613"/>
      <c r="MOH669" s="613"/>
      <c r="MOI669" s="613"/>
      <c r="MOJ669" s="613"/>
      <c r="MOK669" s="613"/>
      <c r="MOL669" s="613"/>
      <c r="MOM669" s="613"/>
      <c r="MON669" s="613"/>
      <c r="MOO669" s="613"/>
      <c r="MOP669" s="613"/>
      <c r="MOQ669" s="613"/>
      <c r="MOR669" s="613"/>
      <c r="MOS669" s="613"/>
      <c r="MOT669" s="613"/>
      <c r="MOU669" s="613"/>
      <c r="MOV669" s="613"/>
      <c r="MOW669" s="613"/>
      <c r="MOX669" s="613"/>
      <c r="MOY669" s="613"/>
      <c r="MOZ669" s="613"/>
      <c r="MPA669" s="613"/>
      <c r="MPB669" s="613"/>
      <c r="MPC669" s="613"/>
      <c r="MPD669" s="613"/>
      <c r="MPE669" s="613"/>
      <c r="MPF669" s="613"/>
      <c r="MPG669" s="613"/>
      <c r="MPH669" s="613"/>
      <c r="MPI669" s="613"/>
      <c r="MPJ669" s="613"/>
      <c r="MPK669" s="613"/>
      <c r="MPL669" s="613"/>
      <c r="MPM669" s="613"/>
      <c r="MPN669" s="613"/>
      <c r="MPO669" s="613"/>
      <c r="MPP669" s="613"/>
      <c r="MPQ669" s="613"/>
      <c r="MPR669" s="613"/>
      <c r="MPS669" s="613"/>
      <c r="MPT669" s="613"/>
      <c r="MPU669" s="613"/>
      <c r="MPV669" s="613"/>
      <c r="MPW669" s="613"/>
      <c r="MPX669" s="613"/>
      <c r="MPY669" s="613"/>
      <c r="MPZ669" s="613"/>
      <c r="MQA669" s="613"/>
      <c r="MQB669" s="613"/>
      <c r="MQC669" s="613"/>
      <c r="MQD669" s="613"/>
      <c r="MQE669" s="613"/>
      <c r="MQF669" s="613"/>
      <c r="MQG669" s="613"/>
      <c r="MQH669" s="613"/>
      <c r="MQI669" s="613"/>
      <c r="MQJ669" s="613"/>
      <c r="MQK669" s="613"/>
      <c r="MQL669" s="613"/>
      <c r="MQM669" s="613"/>
      <c r="MQN669" s="613"/>
      <c r="MQO669" s="613"/>
      <c r="MQP669" s="613"/>
      <c r="MQQ669" s="613"/>
      <c r="MQR669" s="613"/>
      <c r="MQS669" s="613"/>
      <c r="MQT669" s="613"/>
      <c r="MQU669" s="613"/>
      <c r="MQV669" s="613"/>
      <c r="MQW669" s="613"/>
      <c r="MQX669" s="613"/>
      <c r="MQY669" s="613"/>
      <c r="MQZ669" s="613"/>
      <c r="MRA669" s="613"/>
      <c r="MRB669" s="613"/>
      <c r="MRC669" s="613"/>
      <c r="MRD669" s="613"/>
      <c r="MRE669" s="613"/>
      <c r="MRF669" s="613"/>
      <c r="MRG669" s="613"/>
      <c r="MRH669" s="613"/>
      <c r="MRI669" s="613"/>
      <c r="MRJ669" s="613"/>
      <c r="MRK669" s="613"/>
      <c r="MRL669" s="613"/>
      <c r="MRM669" s="613"/>
      <c r="MRN669" s="613"/>
      <c r="MRO669" s="613"/>
      <c r="MRP669" s="613"/>
      <c r="MRQ669" s="613"/>
      <c r="MRR669" s="613"/>
      <c r="MRS669" s="613"/>
      <c r="MRT669" s="613"/>
      <c r="MRU669" s="613"/>
      <c r="MRV669" s="613"/>
      <c r="MRW669" s="613"/>
      <c r="MRX669" s="613"/>
      <c r="MRY669" s="613"/>
      <c r="MRZ669" s="613"/>
      <c r="MSA669" s="613"/>
      <c r="MSB669" s="613"/>
      <c r="MSC669" s="613"/>
      <c r="MSD669" s="613"/>
      <c r="MSE669" s="613"/>
      <c r="MSF669" s="613"/>
      <c r="MSG669" s="613"/>
      <c r="MSH669" s="613"/>
      <c r="MSI669" s="613"/>
      <c r="MSJ669" s="613"/>
      <c r="MSK669" s="613"/>
      <c r="MSL669" s="613"/>
      <c r="MSM669" s="613"/>
      <c r="MSN669" s="613"/>
      <c r="MSO669" s="613"/>
      <c r="MSP669" s="613"/>
      <c r="MSQ669" s="613"/>
      <c r="MSR669" s="613"/>
      <c r="MSS669" s="613"/>
      <c r="MST669" s="613"/>
      <c r="MSU669" s="613"/>
      <c r="MSV669" s="613"/>
      <c r="MSW669" s="613"/>
      <c r="MSX669" s="613"/>
      <c r="MSY669" s="613"/>
      <c r="MSZ669" s="613"/>
      <c r="MTA669" s="613"/>
      <c r="MTB669" s="613"/>
      <c r="MTC669" s="613"/>
      <c r="MTD669" s="613"/>
      <c r="MTE669" s="613"/>
      <c r="MTF669" s="613"/>
      <c r="MTG669" s="613"/>
      <c r="MTH669" s="613"/>
      <c r="MTI669" s="613"/>
      <c r="MTJ669" s="613"/>
      <c r="MTK669" s="613"/>
      <c r="MTL669" s="613"/>
      <c r="MTM669" s="613"/>
      <c r="MTN669" s="613"/>
      <c r="MTO669" s="613"/>
      <c r="MTP669" s="613"/>
      <c r="MTQ669" s="613"/>
      <c r="MTR669" s="613"/>
      <c r="MTS669" s="613"/>
      <c r="MTT669" s="613"/>
      <c r="MTU669" s="613"/>
      <c r="MTV669" s="613"/>
      <c r="MTW669" s="613"/>
      <c r="MTX669" s="613"/>
      <c r="MTY669" s="613"/>
      <c r="MTZ669" s="613"/>
      <c r="MUA669" s="613"/>
      <c r="MUB669" s="613"/>
      <c r="MUC669" s="613"/>
      <c r="MUD669" s="613"/>
      <c r="MUE669" s="613"/>
      <c r="MUF669" s="613"/>
      <c r="MUG669" s="613"/>
      <c r="MUH669" s="613"/>
      <c r="MUI669" s="613"/>
      <c r="MUJ669" s="613"/>
      <c r="MUK669" s="613"/>
      <c r="MUL669" s="613"/>
      <c r="MUM669" s="613"/>
      <c r="MUN669" s="613"/>
      <c r="MUO669" s="613"/>
      <c r="MUP669" s="613"/>
      <c r="MUQ669" s="613"/>
      <c r="MUR669" s="613"/>
      <c r="MUS669" s="613"/>
      <c r="MUT669" s="613"/>
      <c r="MUU669" s="613"/>
      <c r="MUV669" s="613"/>
      <c r="MUW669" s="613"/>
      <c r="MUX669" s="613"/>
      <c r="MUY669" s="613"/>
      <c r="MUZ669" s="613"/>
      <c r="MVA669" s="613"/>
      <c r="MVB669" s="613"/>
      <c r="MVC669" s="613"/>
      <c r="MVD669" s="613"/>
      <c r="MVE669" s="613"/>
      <c r="MVF669" s="613"/>
      <c r="MVG669" s="613"/>
      <c r="MVH669" s="613"/>
      <c r="MVI669" s="613"/>
      <c r="MVJ669" s="613"/>
      <c r="MVK669" s="613"/>
      <c r="MVL669" s="613"/>
      <c r="MVM669" s="613"/>
      <c r="MVN669" s="613"/>
      <c r="MVO669" s="613"/>
      <c r="MVP669" s="613"/>
      <c r="MVQ669" s="613"/>
      <c r="MVR669" s="613"/>
      <c r="MVS669" s="613"/>
      <c r="MVT669" s="613"/>
      <c r="MVU669" s="613"/>
      <c r="MVV669" s="613"/>
      <c r="MVW669" s="613"/>
      <c r="MVX669" s="613"/>
      <c r="MVY669" s="613"/>
      <c r="MVZ669" s="613"/>
      <c r="MWA669" s="613"/>
      <c r="MWB669" s="613"/>
      <c r="MWC669" s="613"/>
      <c r="MWD669" s="613"/>
      <c r="MWE669" s="613"/>
      <c r="MWF669" s="613"/>
      <c r="MWG669" s="613"/>
      <c r="MWH669" s="613"/>
      <c r="MWI669" s="613"/>
      <c r="MWJ669" s="613"/>
      <c r="MWK669" s="613"/>
      <c r="MWL669" s="613"/>
      <c r="MWM669" s="613"/>
      <c r="MWN669" s="613"/>
      <c r="MWO669" s="613"/>
      <c r="MWP669" s="613"/>
      <c r="MWQ669" s="613"/>
      <c r="MWR669" s="613"/>
      <c r="MWS669" s="613"/>
      <c r="MWT669" s="613"/>
      <c r="MWU669" s="613"/>
      <c r="MWV669" s="613"/>
      <c r="MWW669" s="613"/>
      <c r="MWX669" s="613"/>
      <c r="MWY669" s="613"/>
      <c r="MWZ669" s="613"/>
      <c r="MXA669" s="613"/>
      <c r="MXB669" s="613"/>
      <c r="MXC669" s="613"/>
      <c r="MXD669" s="613"/>
      <c r="MXE669" s="613"/>
      <c r="MXF669" s="613"/>
      <c r="MXG669" s="613"/>
      <c r="MXH669" s="613"/>
      <c r="MXI669" s="613"/>
      <c r="MXJ669" s="613"/>
      <c r="MXK669" s="613"/>
      <c r="MXL669" s="613"/>
      <c r="MXM669" s="613"/>
      <c r="MXN669" s="613"/>
      <c r="MXO669" s="613"/>
      <c r="MXP669" s="613"/>
      <c r="MXQ669" s="613"/>
      <c r="MXR669" s="613"/>
      <c r="MXS669" s="613"/>
      <c r="MXT669" s="613"/>
      <c r="MXU669" s="613"/>
      <c r="MXV669" s="613"/>
      <c r="MXW669" s="613"/>
      <c r="MXX669" s="613"/>
      <c r="MXY669" s="613"/>
      <c r="MXZ669" s="613"/>
      <c r="MYA669" s="613"/>
      <c r="MYB669" s="613"/>
      <c r="MYC669" s="613"/>
      <c r="MYD669" s="613"/>
      <c r="MYE669" s="613"/>
      <c r="MYF669" s="613"/>
      <c r="MYG669" s="613"/>
      <c r="MYH669" s="613"/>
      <c r="MYI669" s="613"/>
      <c r="MYJ669" s="613"/>
      <c r="MYK669" s="613"/>
      <c r="MYL669" s="613"/>
      <c r="MYM669" s="613"/>
      <c r="MYN669" s="613"/>
      <c r="MYO669" s="613"/>
      <c r="MYP669" s="613"/>
      <c r="MYQ669" s="613"/>
      <c r="MYR669" s="613"/>
      <c r="MYS669" s="613"/>
      <c r="MYT669" s="613"/>
      <c r="MYU669" s="613"/>
      <c r="MYV669" s="613"/>
      <c r="MYW669" s="613"/>
      <c r="MYX669" s="613"/>
      <c r="MYY669" s="613"/>
      <c r="MYZ669" s="613"/>
      <c r="MZA669" s="613"/>
      <c r="MZB669" s="613"/>
      <c r="MZC669" s="613"/>
      <c r="MZD669" s="613"/>
      <c r="MZE669" s="613"/>
      <c r="MZF669" s="613"/>
      <c r="MZG669" s="613"/>
      <c r="MZH669" s="613"/>
      <c r="MZI669" s="613"/>
      <c r="MZJ669" s="613"/>
      <c r="MZK669" s="613"/>
      <c r="MZL669" s="613"/>
      <c r="MZM669" s="613"/>
      <c r="MZN669" s="613"/>
      <c r="MZO669" s="613"/>
      <c r="MZP669" s="613"/>
      <c r="MZQ669" s="613"/>
      <c r="MZR669" s="613"/>
      <c r="MZS669" s="613"/>
      <c r="MZT669" s="613"/>
      <c r="MZU669" s="613"/>
      <c r="MZV669" s="613"/>
      <c r="MZW669" s="613"/>
      <c r="MZX669" s="613"/>
      <c r="MZY669" s="613"/>
      <c r="MZZ669" s="613"/>
      <c r="NAA669" s="613"/>
      <c r="NAB669" s="613"/>
      <c r="NAC669" s="613"/>
      <c r="NAD669" s="613"/>
      <c r="NAE669" s="613"/>
      <c r="NAF669" s="613"/>
      <c r="NAG669" s="613"/>
      <c r="NAH669" s="613"/>
      <c r="NAI669" s="613"/>
      <c r="NAJ669" s="613"/>
      <c r="NAK669" s="613"/>
      <c r="NAL669" s="613"/>
      <c r="NAM669" s="613"/>
      <c r="NAN669" s="613"/>
      <c r="NAO669" s="613"/>
      <c r="NAP669" s="613"/>
      <c r="NAQ669" s="613"/>
      <c r="NAR669" s="613"/>
      <c r="NAS669" s="613"/>
      <c r="NAT669" s="613"/>
      <c r="NAU669" s="613"/>
      <c r="NAV669" s="613"/>
      <c r="NAW669" s="613"/>
      <c r="NAX669" s="613"/>
      <c r="NAY669" s="613"/>
      <c r="NAZ669" s="613"/>
      <c r="NBA669" s="613"/>
      <c r="NBB669" s="613"/>
      <c r="NBC669" s="613"/>
      <c r="NBD669" s="613"/>
      <c r="NBE669" s="613"/>
      <c r="NBF669" s="613"/>
      <c r="NBG669" s="613"/>
      <c r="NBH669" s="613"/>
      <c r="NBI669" s="613"/>
      <c r="NBJ669" s="613"/>
      <c r="NBK669" s="613"/>
      <c r="NBL669" s="613"/>
      <c r="NBM669" s="613"/>
      <c r="NBN669" s="613"/>
      <c r="NBO669" s="613"/>
      <c r="NBP669" s="613"/>
      <c r="NBQ669" s="613"/>
      <c r="NBR669" s="613"/>
      <c r="NBS669" s="613"/>
      <c r="NBT669" s="613"/>
      <c r="NBU669" s="613"/>
      <c r="NBV669" s="613"/>
      <c r="NBW669" s="613"/>
      <c r="NBX669" s="613"/>
      <c r="NBY669" s="613"/>
      <c r="NBZ669" s="613"/>
      <c r="NCA669" s="613"/>
      <c r="NCB669" s="613"/>
      <c r="NCC669" s="613"/>
      <c r="NCD669" s="613"/>
      <c r="NCE669" s="613"/>
      <c r="NCF669" s="613"/>
      <c r="NCG669" s="613"/>
      <c r="NCH669" s="613"/>
      <c r="NCI669" s="613"/>
      <c r="NCJ669" s="613"/>
      <c r="NCK669" s="613"/>
      <c r="NCL669" s="613"/>
      <c r="NCM669" s="613"/>
      <c r="NCN669" s="613"/>
      <c r="NCO669" s="613"/>
      <c r="NCP669" s="613"/>
      <c r="NCQ669" s="613"/>
      <c r="NCR669" s="613"/>
      <c r="NCS669" s="613"/>
      <c r="NCT669" s="613"/>
      <c r="NCU669" s="613"/>
      <c r="NCV669" s="613"/>
      <c r="NCW669" s="613"/>
      <c r="NCX669" s="613"/>
      <c r="NCY669" s="613"/>
      <c r="NCZ669" s="613"/>
      <c r="NDA669" s="613"/>
      <c r="NDB669" s="613"/>
      <c r="NDC669" s="613"/>
      <c r="NDD669" s="613"/>
      <c r="NDE669" s="613"/>
      <c r="NDF669" s="613"/>
      <c r="NDG669" s="613"/>
      <c r="NDH669" s="613"/>
      <c r="NDI669" s="613"/>
      <c r="NDJ669" s="613"/>
      <c r="NDK669" s="613"/>
      <c r="NDL669" s="613"/>
      <c r="NDM669" s="613"/>
      <c r="NDN669" s="613"/>
      <c r="NDO669" s="613"/>
      <c r="NDP669" s="613"/>
      <c r="NDQ669" s="613"/>
      <c r="NDR669" s="613"/>
      <c r="NDS669" s="613"/>
      <c r="NDT669" s="613"/>
      <c r="NDU669" s="613"/>
      <c r="NDV669" s="613"/>
      <c r="NDW669" s="613"/>
      <c r="NDX669" s="613"/>
      <c r="NDY669" s="613"/>
      <c r="NDZ669" s="613"/>
      <c r="NEA669" s="613"/>
      <c r="NEB669" s="613"/>
      <c r="NEC669" s="613"/>
      <c r="NED669" s="613"/>
      <c r="NEE669" s="613"/>
      <c r="NEF669" s="613"/>
      <c r="NEG669" s="613"/>
      <c r="NEH669" s="613"/>
      <c r="NEI669" s="613"/>
      <c r="NEJ669" s="613"/>
      <c r="NEK669" s="613"/>
      <c r="NEL669" s="613"/>
      <c r="NEM669" s="613"/>
      <c r="NEN669" s="613"/>
      <c r="NEO669" s="613"/>
      <c r="NEP669" s="613"/>
      <c r="NEQ669" s="613"/>
      <c r="NER669" s="613"/>
      <c r="NES669" s="613"/>
      <c r="NET669" s="613"/>
      <c r="NEU669" s="613"/>
      <c r="NEV669" s="613"/>
      <c r="NEW669" s="613"/>
      <c r="NEX669" s="613"/>
      <c r="NEY669" s="613"/>
      <c r="NEZ669" s="613"/>
      <c r="NFA669" s="613"/>
      <c r="NFB669" s="613"/>
      <c r="NFC669" s="613"/>
      <c r="NFD669" s="613"/>
      <c r="NFE669" s="613"/>
      <c r="NFF669" s="613"/>
      <c r="NFG669" s="613"/>
      <c r="NFH669" s="613"/>
      <c r="NFI669" s="613"/>
      <c r="NFJ669" s="613"/>
      <c r="NFK669" s="613"/>
      <c r="NFL669" s="613"/>
      <c r="NFM669" s="613"/>
      <c r="NFN669" s="613"/>
      <c r="NFO669" s="613"/>
      <c r="NFP669" s="613"/>
      <c r="NFQ669" s="613"/>
      <c r="NFR669" s="613"/>
      <c r="NFS669" s="613"/>
      <c r="NFT669" s="613"/>
      <c r="NFU669" s="613"/>
      <c r="NFV669" s="613"/>
      <c r="NFW669" s="613"/>
      <c r="NFX669" s="613"/>
      <c r="NFY669" s="613"/>
      <c r="NFZ669" s="613"/>
      <c r="NGA669" s="613"/>
      <c r="NGB669" s="613"/>
      <c r="NGC669" s="613"/>
      <c r="NGD669" s="613"/>
      <c r="NGE669" s="613"/>
      <c r="NGF669" s="613"/>
      <c r="NGG669" s="613"/>
      <c r="NGH669" s="613"/>
      <c r="NGI669" s="613"/>
      <c r="NGJ669" s="613"/>
      <c r="NGK669" s="613"/>
      <c r="NGL669" s="613"/>
      <c r="NGM669" s="613"/>
      <c r="NGN669" s="613"/>
      <c r="NGO669" s="613"/>
      <c r="NGP669" s="613"/>
      <c r="NGQ669" s="613"/>
      <c r="NGR669" s="613"/>
      <c r="NGS669" s="613"/>
      <c r="NGT669" s="613"/>
      <c r="NGU669" s="613"/>
      <c r="NGV669" s="613"/>
      <c r="NGW669" s="613"/>
      <c r="NGX669" s="613"/>
      <c r="NGY669" s="613"/>
      <c r="NGZ669" s="613"/>
      <c r="NHA669" s="613"/>
      <c r="NHB669" s="613"/>
      <c r="NHC669" s="613"/>
      <c r="NHD669" s="613"/>
      <c r="NHE669" s="613"/>
      <c r="NHF669" s="613"/>
      <c r="NHG669" s="613"/>
      <c r="NHH669" s="613"/>
      <c r="NHI669" s="613"/>
      <c r="NHJ669" s="613"/>
      <c r="NHK669" s="613"/>
      <c r="NHL669" s="613"/>
      <c r="NHM669" s="613"/>
      <c r="NHN669" s="613"/>
      <c r="NHO669" s="613"/>
      <c r="NHP669" s="613"/>
      <c r="NHQ669" s="613"/>
      <c r="NHR669" s="613"/>
      <c r="NHS669" s="613"/>
      <c r="NHT669" s="613"/>
      <c r="NHU669" s="613"/>
      <c r="NHV669" s="613"/>
      <c r="NHW669" s="613"/>
      <c r="NHX669" s="613"/>
      <c r="NHY669" s="613"/>
      <c r="NHZ669" s="613"/>
      <c r="NIA669" s="613"/>
      <c r="NIB669" s="613"/>
      <c r="NIC669" s="613"/>
      <c r="NID669" s="613"/>
      <c r="NIE669" s="613"/>
      <c r="NIF669" s="613"/>
      <c r="NIG669" s="613"/>
      <c r="NIH669" s="613"/>
      <c r="NII669" s="613"/>
      <c r="NIJ669" s="613"/>
      <c r="NIK669" s="613"/>
      <c r="NIL669" s="613"/>
      <c r="NIM669" s="613"/>
      <c r="NIN669" s="613"/>
      <c r="NIO669" s="613"/>
      <c r="NIP669" s="613"/>
      <c r="NIQ669" s="613"/>
      <c r="NIR669" s="613"/>
      <c r="NIS669" s="613"/>
      <c r="NIT669" s="613"/>
      <c r="NIU669" s="613"/>
      <c r="NIV669" s="613"/>
      <c r="NIW669" s="613"/>
      <c r="NIX669" s="613"/>
      <c r="NIY669" s="613"/>
      <c r="NIZ669" s="613"/>
      <c r="NJA669" s="613"/>
      <c r="NJB669" s="613"/>
      <c r="NJC669" s="613"/>
      <c r="NJD669" s="613"/>
      <c r="NJE669" s="613"/>
      <c r="NJF669" s="613"/>
      <c r="NJG669" s="613"/>
      <c r="NJH669" s="613"/>
      <c r="NJI669" s="613"/>
      <c r="NJJ669" s="613"/>
      <c r="NJK669" s="613"/>
      <c r="NJL669" s="613"/>
      <c r="NJM669" s="613"/>
      <c r="NJN669" s="613"/>
      <c r="NJO669" s="613"/>
      <c r="NJP669" s="613"/>
      <c r="NJQ669" s="613"/>
      <c r="NJR669" s="613"/>
      <c r="NJS669" s="613"/>
      <c r="NJT669" s="613"/>
      <c r="NJU669" s="613"/>
      <c r="NJV669" s="613"/>
      <c r="NJW669" s="613"/>
      <c r="NJX669" s="613"/>
      <c r="NJY669" s="613"/>
      <c r="NJZ669" s="613"/>
      <c r="NKA669" s="613"/>
      <c r="NKB669" s="613"/>
      <c r="NKC669" s="613"/>
      <c r="NKD669" s="613"/>
      <c r="NKE669" s="613"/>
      <c r="NKF669" s="613"/>
      <c r="NKG669" s="613"/>
      <c r="NKH669" s="613"/>
      <c r="NKI669" s="613"/>
      <c r="NKJ669" s="613"/>
      <c r="NKK669" s="613"/>
      <c r="NKL669" s="613"/>
      <c r="NKM669" s="613"/>
      <c r="NKN669" s="613"/>
      <c r="NKO669" s="613"/>
      <c r="NKP669" s="613"/>
      <c r="NKQ669" s="613"/>
      <c r="NKR669" s="613"/>
      <c r="NKS669" s="613"/>
      <c r="NKT669" s="613"/>
      <c r="NKU669" s="613"/>
      <c r="NKV669" s="613"/>
      <c r="NKW669" s="613"/>
      <c r="NKX669" s="613"/>
      <c r="NKY669" s="613"/>
      <c r="NKZ669" s="613"/>
      <c r="NLA669" s="613"/>
      <c r="NLB669" s="613"/>
      <c r="NLC669" s="613"/>
      <c r="NLD669" s="613"/>
      <c r="NLE669" s="613"/>
      <c r="NLF669" s="613"/>
      <c r="NLG669" s="613"/>
      <c r="NLH669" s="613"/>
      <c r="NLI669" s="613"/>
      <c r="NLJ669" s="613"/>
      <c r="NLK669" s="613"/>
      <c r="NLL669" s="613"/>
      <c r="NLM669" s="613"/>
      <c r="NLN669" s="613"/>
      <c r="NLO669" s="613"/>
      <c r="NLP669" s="613"/>
      <c r="NLQ669" s="613"/>
      <c r="NLR669" s="613"/>
      <c r="NLS669" s="613"/>
      <c r="NLT669" s="613"/>
      <c r="NLU669" s="613"/>
      <c r="NLV669" s="613"/>
      <c r="NLW669" s="613"/>
      <c r="NLX669" s="613"/>
      <c r="NLY669" s="613"/>
      <c r="NLZ669" s="613"/>
      <c r="NMA669" s="613"/>
      <c r="NMB669" s="613"/>
      <c r="NMC669" s="613"/>
      <c r="NMD669" s="613"/>
      <c r="NME669" s="613"/>
      <c r="NMF669" s="613"/>
      <c r="NMG669" s="613"/>
      <c r="NMH669" s="613"/>
      <c r="NMI669" s="613"/>
      <c r="NMJ669" s="613"/>
      <c r="NMK669" s="613"/>
      <c r="NML669" s="613"/>
      <c r="NMM669" s="613"/>
      <c r="NMN669" s="613"/>
      <c r="NMO669" s="613"/>
      <c r="NMP669" s="613"/>
      <c r="NMQ669" s="613"/>
      <c r="NMR669" s="613"/>
      <c r="NMS669" s="613"/>
      <c r="NMT669" s="613"/>
      <c r="NMU669" s="613"/>
      <c r="NMV669" s="613"/>
      <c r="NMW669" s="613"/>
      <c r="NMX669" s="613"/>
      <c r="NMY669" s="613"/>
      <c r="NMZ669" s="613"/>
      <c r="NNA669" s="613"/>
      <c r="NNB669" s="613"/>
      <c r="NNC669" s="613"/>
      <c r="NND669" s="613"/>
      <c r="NNE669" s="613"/>
      <c r="NNF669" s="613"/>
      <c r="NNG669" s="613"/>
      <c r="NNH669" s="613"/>
      <c r="NNI669" s="613"/>
      <c r="NNJ669" s="613"/>
      <c r="NNK669" s="613"/>
      <c r="NNL669" s="613"/>
      <c r="NNM669" s="613"/>
      <c r="NNN669" s="613"/>
      <c r="NNO669" s="613"/>
      <c r="NNP669" s="613"/>
      <c r="NNQ669" s="613"/>
      <c r="NNR669" s="613"/>
      <c r="NNS669" s="613"/>
      <c r="NNT669" s="613"/>
      <c r="NNU669" s="613"/>
      <c r="NNV669" s="613"/>
      <c r="NNW669" s="613"/>
      <c r="NNX669" s="613"/>
      <c r="NNY669" s="613"/>
      <c r="NNZ669" s="613"/>
      <c r="NOA669" s="613"/>
      <c r="NOB669" s="613"/>
      <c r="NOC669" s="613"/>
      <c r="NOD669" s="613"/>
      <c r="NOE669" s="613"/>
      <c r="NOF669" s="613"/>
      <c r="NOG669" s="613"/>
      <c r="NOH669" s="613"/>
      <c r="NOI669" s="613"/>
      <c r="NOJ669" s="613"/>
      <c r="NOK669" s="613"/>
      <c r="NOL669" s="613"/>
      <c r="NOM669" s="613"/>
      <c r="NON669" s="613"/>
      <c r="NOO669" s="613"/>
      <c r="NOP669" s="613"/>
      <c r="NOQ669" s="613"/>
      <c r="NOR669" s="613"/>
      <c r="NOS669" s="613"/>
      <c r="NOT669" s="613"/>
      <c r="NOU669" s="613"/>
      <c r="NOV669" s="613"/>
      <c r="NOW669" s="613"/>
      <c r="NOX669" s="613"/>
      <c r="NOY669" s="613"/>
      <c r="NOZ669" s="613"/>
      <c r="NPA669" s="613"/>
      <c r="NPB669" s="613"/>
      <c r="NPC669" s="613"/>
      <c r="NPD669" s="613"/>
      <c r="NPE669" s="613"/>
      <c r="NPF669" s="613"/>
      <c r="NPG669" s="613"/>
      <c r="NPH669" s="613"/>
      <c r="NPI669" s="613"/>
      <c r="NPJ669" s="613"/>
      <c r="NPK669" s="613"/>
      <c r="NPL669" s="613"/>
      <c r="NPM669" s="613"/>
      <c r="NPN669" s="613"/>
      <c r="NPO669" s="613"/>
      <c r="NPP669" s="613"/>
      <c r="NPQ669" s="613"/>
      <c r="NPR669" s="613"/>
      <c r="NPS669" s="613"/>
      <c r="NPT669" s="613"/>
      <c r="NPU669" s="613"/>
      <c r="NPV669" s="613"/>
      <c r="NPW669" s="613"/>
      <c r="NPX669" s="613"/>
      <c r="NPY669" s="613"/>
      <c r="NPZ669" s="613"/>
      <c r="NQA669" s="613"/>
      <c r="NQB669" s="613"/>
      <c r="NQC669" s="613"/>
      <c r="NQD669" s="613"/>
      <c r="NQE669" s="613"/>
      <c r="NQF669" s="613"/>
      <c r="NQG669" s="613"/>
      <c r="NQH669" s="613"/>
      <c r="NQI669" s="613"/>
      <c r="NQJ669" s="613"/>
      <c r="NQK669" s="613"/>
      <c r="NQL669" s="613"/>
      <c r="NQM669" s="613"/>
      <c r="NQN669" s="613"/>
      <c r="NQO669" s="613"/>
      <c r="NQP669" s="613"/>
      <c r="NQQ669" s="613"/>
      <c r="NQR669" s="613"/>
      <c r="NQS669" s="613"/>
      <c r="NQT669" s="613"/>
      <c r="NQU669" s="613"/>
      <c r="NQV669" s="613"/>
      <c r="NQW669" s="613"/>
      <c r="NQX669" s="613"/>
      <c r="NQY669" s="613"/>
      <c r="NQZ669" s="613"/>
      <c r="NRA669" s="613"/>
      <c r="NRB669" s="613"/>
      <c r="NRC669" s="613"/>
      <c r="NRD669" s="613"/>
      <c r="NRE669" s="613"/>
      <c r="NRF669" s="613"/>
      <c r="NRG669" s="613"/>
      <c r="NRH669" s="613"/>
      <c r="NRI669" s="613"/>
      <c r="NRJ669" s="613"/>
      <c r="NRK669" s="613"/>
      <c r="NRL669" s="613"/>
      <c r="NRM669" s="613"/>
      <c r="NRN669" s="613"/>
      <c r="NRO669" s="613"/>
      <c r="NRP669" s="613"/>
      <c r="NRQ669" s="613"/>
      <c r="NRR669" s="613"/>
      <c r="NRS669" s="613"/>
      <c r="NRT669" s="613"/>
      <c r="NRU669" s="613"/>
      <c r="NRV669" s="613"/>
      <c r="NRW669" s="613"/>
      <c r="NRX669" s="613"/>
      <c r="NRY669" s="613"/>
      <c r="NRZ669" s="613"/>
      <c r="NSA669" s="613"/>
      <c r="NSB669" s="613"/>
      <c r="NSC669" s="613"/>
      <c r="NSD669" s="613"/>
      <c r="NSE669" s="613"/>
      <c r="NSF669" s="613"/>
      <c r="NSG669" s="613"/>
      <c r="NSH669" s="613"/>
      <c r="NSI669" s="613"/>
      <c r="NSJ669" s="613"/>
      <c r="NSK669" s="613"/>
      <c r="NSL669" s="613"/>
      <c r="NSM669" s="613"/>
      <c r="NSN669" s="613"/>
      <c r="NSO669" s="613"/>
      <c r="NSP669" s="613"/>
      <c r="NSQ669" s="613"/>
      <c r="NSR669" s="613"/>
      <c r="NSS669" s="613"/>
      <c r="NST669" s="613"/>
      <c r="NSU669" s="613"/>
      <c r="NSV669" s="613"/>
      <c r="NSW669" s="613"/>
      <c r="NSX669" s="613"/>
      <c r="NSY669" s="613"/>
      <c r="NSZ669" s="613"/>
      <c r="NTA669" s="613"/>
      <c r="NTB669" s="613"/>
      <c r="NTC669" s="613"/>
      <c r="NTD669" s="613"/>
      <c r="NTE669" s="613"/>
      <c r="NTF669" s="613"/>
      <c r="NTG669" s="613"/>
      <c r="NTH669" s="613"/>
      <c r="NTI669" s="613"/>
      <c r="NTJ669" s="613"/>
      <c r="NTK669" s="613"/>
      <c r="NTL669" s="613"/>
      <c r="NTM669" s="613"/>
      <c r="NTN669" s="613"/>
      <c r="NTO669" s="613"/>
      <c r="NTP669" s="613"/>
      <c r="NTQ669" s="613"/>
      <c r="NTR669" s="613"/>
      <c r="NTS669" s="613"/>
      <c r="NTT669" s="613"/>
      <c r="NTU669" s="613"/>
      <c r="NTV669" s="613"/>
      <c r="NTW669" s="613"/>
      <c r="NTX669" s="613"/>
      <c r="NTY669" s="613"/>
      <c r="NTZ669" s="613"/>
      <c r="NUA669" s="613"/>
      <c r="NUB669" s="613"/>
      <c r="NUC669" s="613"/>
      <c r="NUD669" s="613"/>
      <c r="NUE669" s="613"/>
      <c r="NUF669" s="613"/>
      <c r="NUG669" s="613"/>
      <c r="NUH669" s="613"/>
      <c r="NUI669" s="613"/>
      <c r="NUJ669" s="613"/>
      <c r="NUK669" s="613"/>
      <c r="NUL669" s="613"/>
      <c r="NUM669" s="613"/>
      <c r="NUN669" s="613"/>
      <c r="NUO669" s="613"/>
      <c r="NUP669" s="613"/>
      <c r="NUQ669" s="613"/>
      <c r="NUR669" s="613"/>
      <c r="NUS669" s="613"/>
      <c r="NUT669" s="613"/>
      <c r="NUU669" s="613"/>
      <c r="NUV669" s="613"/>
      <c r="NUW669" s="613"/>
      <c r="NUX669" s="613"/>
      <c r="NUY669" s="613"/>
      <c r="NUZ669" s="613"/>
      <c r="NVA669" s="613"/>
      <c r="NVB669" s="613"/>
      <c r="NVC669" s="613"/>
      <c r="NVD669" s="613"/>
      <c r="NVE669" s="613"/>
      <c r="NVF669" s="613"/>
      <c r="NVG669" s="613"/>
      <c r="NVH669" s="613"/>
      <c r="NVI669" s="613"/>
      <c r="NVJ669" s="613"/>
      <c r="NVK669" s="613"/>
      <c r="NVL669" s="613"/>
      <c r="NVM669" s="613"/>
      <c r="NVN669" s="613"/>
      <c r="NVO669" s="613"/>
      <c r="NVP669" s="613"/>
      <c r="NVQ669" s="613"/>
      <c r="NVR669" s="613"/>
      <c r="NVS669" s="613"/>
      <c r="NVT669" s="613"/>
      <c r="NVU669" s="613"/>
      <c r="NVV669" s="613"/>
      <c r="NVW669" s="613"/>
      <c r="NVX669" s="613"/>
      <c r="NVY669" s="613"/>
      <c r="NVZ669" s="613"/>
      <c r="NWA669" s="613"/>
      <c r="NWB669" s="613"/>
      <c r="NWC669" s="613"/>
      <c r="NWD669" s="613"/>
      <c r="NWE669" s="613"/>
      <c r="NWF669" s="613"/>
      <c r="NWG669" s="613"/>
      <c r="NWH669" s="613"/>
      <c r="NWI669" s="613"/>
      <c r="NWJ669" s="613"/>
      <c r="NWK669" s="613"/>
      <c r="NWL669" s="613"/>
      <c r="NWM669" s="613"/>
      <c r="NWN669" s="613"/>
      <c r="NWO669" s="613"/>
      <c r="NWP669" s="613"/>
      <c r="NWQ669" s="613"/>
      <c r="NWR669" s="613"/>
      <c r="NWS669" s="613"/>
      <c r="NWT669" s="613"/>
      <c r="NWU669" s="613"/>
      <c r="NWV669" s="613"/>
      <c r="NWW669" s="613"/>
      <c r="NWX669" s="613"/>
      <c r="NWY669" s="613"/>
      <c r="NWZ669" s="613"/>
      <c r="NXA669" s="613"/>
      <c r="NXB669" s="613"/>
      <c r="NXC669" s="613"/>
      <c r="NXD669" s="613"/>
      <c r="NXE669" s="613"/>
      <c r="NXF669" s="613"/>
      <c r="NXG669" s="613"/>
      <c r="NXH669" s="613"/>
      <c r="NXI669" s="613"/>
      <c r="NXJ669" s="613"/>
      <c r="NXK669" s="613"/>
      <c r="NXL669" s="613"/>
      <c r="NXM669" s="613"/>
      <c r="NXN669" s="613"/>
      <c r="NXO669" s="613"/>
      <c r="NXP669" s="613"/>
      <c r="NXQ669" s="613"/>
      <c r="NXR669" s="613"/>
      <c r="NXS669" s="613"/>
      <c r="NXT669" s="613"/>
      <c r="NXU669" s="613"/>
      <c r="NXV669" s="613"/>
      <c r="NXW669" s="613"/>
      <c r="NXX669" s="613"/>
      <c r="NXY669" s="613"/>
      <c r="NXZ669" s="613"/>
      <c r="NYA669" s="613"/>
      <c r="NYB669" s="613"/>
      <c r="NYC669" s="613"/>
      <c r="NYD669" s="613"/>
      <c r="NYE669" s="613"/>
      <c r="NYF669" s="613"/>
      <c r="NYG669" s="613"/>
      <c r="NYH669" s="613"/>
      <c r="NYI669" s="613"/>
      <c r="NYJ669" s="613"/>
      <c r="NYK669" s="613"/>
      <c r="NYL669" s="613"/>
      <c r="NYM669" s="613"/>
      <c r="NYN669" s="613"/>
      <c r="NYO669" s="613"/>
      <c r="NYP669" s="613"/>
      <c r="NYQ669" s="613"/>
      <c r="NYR669" s="613"/>
      <c r="NYS669" s="613"/>
      <c r="NYT669" s="613"/>
      <c r="NYU669" s="613"/>
      <c r="NYV669" s="613"/>
      <c r="NYW669" s="613"/>
      <c r="NYX669" s="613"/>
      <c r="NYY669" s="613"/>
      <c r="NYZ669" s="613"/>
      <c r="NZA669" s="613"/>
      <c r="NZB669" s="613"/>
      <c r="NZC669" s="613"/>
      <c r="NZD669" s="613"/>
      <c r="NZE669" s="613"/>
      <c r="NZF669" s="613"/>
      <c r="NZG669" s="613"/>
      <c r="NZH669" s="613"/>
      <c r="NZI669" s="613"/>
      <c r="NZJ669" s="613"/>
      <c r="NZK669" s="613"/>
      <c r="NZL669" s="613"/>
      <c r="NZM669" s="613"/>
      <c r="NZN669" s="613"/>
      <c r="NZO669" s="613"/>
      <c r="NZP669" s="613"/>
      <c r="NZQ669" s="613"/>
      <c r="NZR669" s="613"/>
      <c r="NZS669" s="613"/>
      <c r="NZT669" s="613"/>
      <c r="NZU669" s="613"/>
      <c r="NZV669" s="613"/>
      <c r="NZW669" s="613"/>
      <c r="NZX669" s="613"/>
      <c r="NZY669" s="613"/>
      <c r="NZZ669" s="613"/>
      <c r="OAA669" s="613"/>
      <c r="OAB669" s="613"/>
      <c r="OAC669" s="613"/>
      <c r="OAD669" s="613"/>
      <c r="OAE669" s="613"/>
      <c r="OAF669" s="613"/>
      <c r="OAG669" s="613"/>
      <c r="OAH669" s="613"/>
      <c r="OAI669" s="613"/>
      <c r="OAJ669" s="613"/>
      <c r="OAK669" s="613"/>
      <c r="OAL669" s="613"/>
      <c r="OAM669" s="613"/>
      <c r="OAN669" s="613"/>
      <c r="OAO669" s="613"/>
      <c r="OAP669" s="613"/>
      <c r="OAQ669" s="613"/>
      <c r="OAR669" s="613"/>
      <c r="OAS669" s="613"/>
      <c r="OAT669" s="613"/>
      <c r="OAU669" s="613"/>
      <c r="OAV669" s="613"/>
      <c r="OAW669" s="613"/>
      <c r="OAX669" s="613"/>
      <c r="OAY669" s="613"/>
      <c r="OAZ669" s="613"/>
      <c r="OBA669" s="613"/>
      <c r="OBB669" s="613"/>
      <c r="OBC669" s="613"/>
      <c r="OBD669" s="613"/>
      <c r="OBE669" s="613"/>
      <c r="OBF669" s="613"/>
      <c r="OBG669" s="613"/>
      <c r="OBH669" s="613"/>
      <c r="OBI669" s="613"/>
      <c r="OBJ669" s="613"/>
      <c r="OBK669" s="613"/>
      <c r="OBL669" s="613"/>
      <c r="OBM669" s="613"/>
      <c r="OBN669" s="613"/>
      <c r="OBO669" s="613"/>
      <c r="OBP669" s="613"/>
      <c r="OBQ669" s="613"/>
      <c r="OBR669" s="613"/>
      <c r="OBS669" s="613"/>
      <c r="OBT669" s="613"/>
      <c r="OBU669" s="613"/>
      <c r="OBV669" s="613"/>
      <c r="OBW669" s="613"/>
      <c r="OBX669" s="613"/>
      <c r="OBY669" s="613"/>
      <c r="OBZ669" s="613"/>
      <c r="OCA669" s="613"/>
      <c r="OCB669" s="613"/>
      <c r="OCC669" s="613"/>
      <c r="OCD669" s="613"/>
      <c r="OCE669" s="613"/>
      <c r="OCF669" s="613"/>
      <c r="OCG669" s="613"/>
      <c r="OCH669" s="613"/>
      <c r="OCI669" s="613"/>
      <c r="OCJ669" s="613"/>
      <c r="OCK669" s="613"/>
      <c r="OCL669" s="613"/>
      <c r="OCM669" s="613"/>
      <c r="OCN669" s="613"/>
      <c r="OCO669" s="613"/>
      <c r="OCP669" s="613"/>
      <c r="OCQ669" s="613"/>
      <c r="OCR669" s="613"/>
      <c r="OCS669" s="613"/>
      <c r="OCT669" s="613"/>
      <c r="OCU669" s="613"/>
      <c r="OCV669" s="613"/>
      <c r="OCW669" s="613"/>
      <c r="OCX669" s="613"/>
      <c r="OCY669" s="613"/>
      <c r="OCZ669" s="613"/>
      <c r="ODA669" s="613"/>
      <c r="ODB669" s="613"/>
      <c r="ODC669" s="613"/>
      <c r="ODD669" s="613"/>
      <c r="ODE669" s="613"/>
      <c r="ODF669" s="613"/>
      <c r="ODG669" s="613"/>
      <c r="ODH669" s="613"/>
      <c r="ODI669" s="613"/>
      <c r="ODJ669" s="613"/>
      <c r="ODK669" s="613"/>
      <c r="ODL669" s="613"/>
      <c r="ODM669" s="613"/>
      <c r="ODN669" s="613"/>
      <c r="ODO669" s="613"/>
      <c r="ODP669" s="613"/>
      <c r="ODQ669" s="613"/>
      <c r="ODR669" s="613"/>
      <c r="ODS669" s="613"/>
      <c r="ODT669" s="613"/>
      <c r="ODU669" s="613"/>
      <c r="ODV669" s="613"/>
      <c r="ODW669" s="613"/>
      <c r="ODX669" s="613"/>
      <c r="ODY669" s="613"/>
      <c r="ODZ669" s="613"/>
      <c r="OEA669" s="613"/>
      <c r="OEB669" s="613"/>
      <c r="OEC669" s="613"/>
      <c r="OED669" s="613"/>
      <c r="OEE669" s="613"/>
      <c r="OEF669" s="613"/>
      <c r="OEG669" s="613"/>
      <c r="OEH669" s="613"/>
      <c r="OEI669" s="613"/>
      <c r="OEJ669" s="613"/>
      <c r="OEK669" s="613"/>
      <c r="OEL669" s="613"/>
      <c r="OEM669" s="613"/>
      <c r="OEN669" s="613"/>
      <c r="OEO669" s="613"/>
      <c r="OEP669" s="613"/>
      <c r="OEQ669" s="613"/>
      <c r="OER669" s="613"/>
      <c r="OES669" s="613"/>
      <c r="OET669" s="613"/>
      <c r="OEU669" s="613"/>
      <c r="OEV669" s="613"/>
      <c r="OEW669" s="613"/>
      <c r="OEX669" s="613"/>
      <c r="OEY669" s="613"/>
      <c r="OEZ669" s="613"/>
      <c r="OFA669" s="613"/>
      <c r="OFB669" s="613"/>
      <c r="OFC669" s="613"/>
      <c r="OFD669" s="613"/>
      <c r="OFE669" s="613"/>
      <c r="OFF669" s="613"/>
      <c r="OFG669" s="613"/>
      <c r="OFH669" s="613"/>
      <c r="OFI669" s="613"/>
      <c r="OFJ669" s="613"/>
      <c r="OFK669" s="613"/>
      <c r="OFL669" s="613"/>
      <c r="OFM669" s="613"/>
      <c r="OFN669" s="613"/>
      <c r="OFO669" s="613"/>
      <c r="OFP669" s="613"/>
      <c r="OFQ669" s="613"/>
      <c r="OFR669" s="613"/>
      <c r="OFS669" s="613"/>
      <c r="OFT669" s="613"/>
      <c r="OFU669" s="613"/>
      <c r="OFV669" s="613"/>
      <c r="OFW669" s="613"/>
      <c r="OFX669" s="613"/>
      <c r="OFY669" s="613"/>
      <c r="OFZ669" s="613"/>
      <c r="OGA669" s="613"/>
      <c r="OGB669" s="613"/>
      <c r="OGC669" s="613"/>
      <c r="OGD669" s="613"/>
      <c r="OGE669" s="613"/>
      <c r="OGF669" s="613"/>
      <c r="OGG669" s="613"/>
      <c r="OGH669" s="613"/>
      <c r="OGI669" s="613"/>
      <c r="OGJ669" s="613"/>
      <c r="OGK669" s="613"/>
      <c r="OGL669" s="613"/>
      <c r="OGM669" s="613"/>
      <c r="OGN669" s="613"/>
      <c r="OGO669" s="613"/>
      <c r="OGP669" s="613"/>
      <c r="OGQ669" s="613"/>
      <c r="OGR669" s="613"/>
      <c r="OGS669" s="613"/>
      <c r="OGT669" s="613"/>
      <c r="OGU669" s="613"/>
      <c r="OGV669" s="613"/>
      <c r="OGW669" s="613"/>
      <c r="OGX669" s="613"/>
      <c r="OGY669" s="613"/>
      <c r="OGZ669" s="613"/>
      <c r="OHA669" s="613"/>
      <c r="OHB669" s="613"/>
      <c r="OHC669" s="613"/>
      <c r="OHD669" s="613"/>
      <c r="OHE669" s="613"/>
      <c r="OHF669" s="613"/>
      <c r="OHG669" s="613"/>
      <c r="OHH669" s="613"/>
      <c r="OHI669" s="613"/>
      <c r="OHJ669" s="613"/>
      <c r="OHK669" s="613"/>
      <c r="OHL669" s="613"/>
      <c r="OHM669" s="613"/>
      <c r="OHN669" s="613"/>
      <c r="OHO669" s="613"/>
      <c r="OHP669" s="613"/>
      <c r="OHQ669" s="613"/>
      <c r="OHR669" s="613"/>
      <c r="OHS669" s="613"/>
      <c r="OHT669" s="613"/>
      <c r="OHU669" s="613"/>
      <c r="OHV669" s="613"/>
      <c r="OHW669" s="613"/>
      <c r="OHX669" s="613"/>
      <c r="OHY669" s="613"/>
      <c r="OHZ669" s="613"/>
      <c r="OIA669" s="613"/>
      <c r="OIB669" s="613"/>
      <c r="OIC669" s="613"/>
      <c r="OID669" s="613"/>
      <c r="OIE669" s="613"/>
      <c r="OIF669" s="613"/>
      <c r="OIG669" s="613"/>
      <c r="OIH669" s="613"/>
      <c r="OII669" s="613"/>
      <c r="OIJ669" s="613"/>
      <c r="OIK669" s="613"/>
      <c r="OIL669" s="613"/>
      <c r="OIM669" s="613"/>
      <c r="OIN669" s="613"/>
      <c r="OIO669" s="613"/>
      <c r="OIP669" s="613"/>
      <c r="OIQ669" s="613"/>
      <c r="OIR669" s="613"/>
      <c r="OIS669" s="613"/>
      <c r="OIT669" s="613"/>
      <c r="OIU669" s="613"/>
      <c r="OIV669" s="613"/>
      <c r="OIW669" s="613"/>
      <c r="OIX669" s="613"/>
      <c r="OIY669" s="613"/>
      <c r="OIZ669" s="613"/>
      <c r="OJA669" s="613"/>
      <c r="OJB669" s="613"/>
      <c r="OJC669" s="613"/>
      <c r="OJD669" s="613"/>
      <c r="OJE669" s="613"/>
      <c r="OJF669" s="613"/>
      <c r="OJG669" s="613"/>
      <c r="OJH669" s="613"/>
      <c r="OJI669" s="613"/>
      <c r="OJJ669" s="613"/>
      <c r="OJK669" s="613"/>
      <c r="OJL669" s="613"/>
      <c r="OJM669" s="613"/>
      <c r="OJN669" s="613"/>
      <c r="OJO669" s="613"/>
      <c r="OJP669" s="613"/>
      <c r="OJQ669" s="613"/>
      <c r="OJR669" s="613"/>
      <c r="OJS669" s="613"/>
      <c r="OJT669" s="613"/>
      <c r="OJU669" s="613"/>
      <c r="OJV669" s="613"/>
      <c r="OJW669" s="613"/>
      <c r="OJX669" s="613"/>
      <c r="OJY669" s="613"/>
      <c r="OJZ669" s="613"/>
      <c r="OKA669" s="613"/>
      <c r="OKB669" s="613"/>
      <c r="OKC669" s="613"/>
      <c r="OKD669" s="613"/>
      <c r="OKE669" s="613"/>
      <c r="OKF669" s="613"/>
      <c r="OKG669" s="613"/>
      <c r="OKH669" s="613"/>
      <c r="OKI669" s="613"/>
      <c r="OKJ669" s="613"/>
      <c r="OKK669" s="613"/>
      <c r="OKL669" s="613"/>
      <c r="OKM669" s="613"/>
      <c r="OKN669" s="613"/>
      <c r="OKO669" s="613"/>
      <c r="OKP669" s="613"/>
      <c r="OKQ669" s="613"/>
      <c r="OKR669" s="613"/>
      <c r="OKS669" s="613"/>
      <c r="OKT669" s="613"/>
      <c r="OKU669" s="613"/>
      <c r="OKV669" s="613"/>
      <c r="OKW669" s="613"/>
      <c r="OKX669" s="613"/>
      <c r="OKY669" s="613"/>
      <c r="OKZ669" s="613"/>
      <c r="OLA669" s="613"/>
      <c r="OLB669" s="613"/>
      <c r="OLC669" s="613"/>
      <c r="OLD669" s="613"/>
      <c r="OLE669" s="613"/>
      <c r="OLF669" s="613"/>
      <c r="OLG669" s="613"/>
      <c r="OLH669" s="613"/>
      <c r="OLI669" s="613"/>
      <c r="OLJ669" s="613"/>
      <c r="OLK669" s="613"/>
      <c r="OLL669" s="613"/>
      <c r="OLM669" s="613"/>
      <c r="OLN669" s="613"/>
      <c r="OLO669" s="613"/>
      <c r="OLP669" s="613"/>
      <c r="OLQ669" s="613"/>
      <c r="OLR669" s="613"/>
      <c r="OLS669" s="613"/>
      <c r="OLT669" s="613"/>
      <c r="OLU669" s="613"/>
      <c r="OLV669" s="613"/>
      <c r="OLW669" s="613"/>
      <c r="OLX669" s="613"/>
      <c r="OLY669" s="613"/>
      <c r="OLZ669" s="613"/>
      <c r="OMA669" s="613"/>
      <c r="OMB669" s="613"/>
      <c r="OMC669" s="613"/>
      <c r="OMD669" s="613"/>
      <c r="OME669" s="613"/>
      <c r="OMF669" s="613"/>
      <c r="OMG669" s="613"/>
      <c r="OMH669" s="613"/>
      <c r="OMI669" s="613"/>
      <c r="OMJ669" s="613"/>
      <c r="OMK669" s="613"/>
      <c r="OML669" s="613"/>
      <c r="OMM669" s="613"/>
      <c r="OMN669" s="613"/>
      <c r="OMO669" s="613"/>
      <c r="OMP669" s="613"/>
      <c r="OMQ669" s="613"/>
      <c r="OMR669" s="613"/>
      <c r="OMS669" s="613"/>
      <c r="OMT669" s="613"/>
      <c r="OMU669" s="613"/>
      <c r="OMV669" s="613"/>
      <c r="OMW669" s="613"/>
      <c r="OMX669" s="613"/>
      <c r="OMY669" s="613"/>
      <c r="OMZ669" s="613"/>
      <c r="ONA669" s="613"/>
      <c r="ONB669" s="613"/>
      <c r="ONC669" s="613"/>
      <c r="OND669" s="613"/>
      <c r="ONE669" s="613"/>
      <c r="ONF669" s="613"/>
      <c r="ONG669" s="613"/>
      <c r="ONH669" s="613"/>
      <c r="ONI669" s="613"/>
      <c r="ONJ669" s="613"/>
      <c r="ONK669" s="613"/>
      <c r="ONL669" s="613"/>
      <c r="ONM669" s="613"/>
      <c r="ONN669" s="613"/>
      <c r="ONO669" s="613"/>
      <c r="ONP669" s="613"/>
      <c r="ONQ669" s="613"/>
      <c r="ONR669" s="613"/>
      <c r="ONS669" s="613"/>
      <c r="ONT669" s="613"/>
      <c r="ONU669" s="613"/>
      <c r="ONV669" s="613"/>
      <c r="ONW669" s="613"/>
      <c r="ONX669" s="613"/>
      <c r="ONY669" s="613"/>
      <c r="ONZ669" s="613"/>
      <c r="OOA669" s="613"/>
      <c r="OOB669" s="613"/>
      <c r="OOC669" s="613"/>
      <c r="OOD669" s="613"/>
      <c r="OOE669" s="613"/>
      <c r="OOF669" s="613"/>
      <c r="OOG669" s="613"/>
      <c r="OOH669" s="613"/>
      <c r="OOI669" s="613"/>
      <c r="OOJ669" s="613"/>
      <c r="OOK669" s="613"/>
      <c r="OOL669" s="613"/>
      <c r="OOM669" s="613"/>
      <c r="OON669" s="613"/>
      <c r="OOO669" s="613"/>
      <c r="OOP669" s="613"/>
      <c r="OOQ669" s="613"/>
      <c r="OOR669" s="613"/>
      <c r="OOS669" s="613"/>
      <c r="OOT669" s="613"/>
      <c r="OOU669" s="613"/>
      <c r="OOV669" s="613"/>
      <c r="OOW669" s="613"/>
      <c r="OOX669" s="613"/>
      <c r="OOY669" s="613"/>
      <c r="OOZ669" s="613"/>
      <c r="OPA669" s="613"/>
      <c r="OPB669" s="613"/>
      <c r="OPC669" s="613"/>
      <c r="OPD669" s="613"/>
      <c r="OPE669" s="613"/>
      <c r="OPF669" s="613"/>
      <c r="OPG669" s="613"/>
      <c r="OPH669" s="613"/>
      <c r="OPI669" s="613"/>
      <c r="OPJ669" s="613"/>
      <c r="OPK669" s="613"/>
      <c r="OPL669" s="613"/>
      <c r="OPM669" s="613"/>
      <c r="OPN669" s="613"/>
      <c r="OPO669" s="613"/>
      <c r="OPP669" s="613"/>
      <c r="OPQ669" s="613"/>
      <c r="OPR669" s="613"/>
      <c r="OPS669" s="613"/>
      <c r="OPT669" s="613"/>
      <c r="OPU669" s="613"/>
      <c r="OPV669" s="613"/>
      <c r="OPW669" s="613"/>
      <c r="OPX669" s="613"/>
      <c r="OPY669" s="613"/>
      <c r="OPZ669" s="613"/>
      <c r="OQA669" s="613"/>
      <c r="OQB669" s="613"/>
      <c r="OQC669" s="613"/>
      <c r="OQD669" s="613"/>
      <c r="OQE669" s="613"/>
      <c r="OQF669" s="613"/>
      <c r="OQG669" s="613"/>
      <c r="OQH669" s="613"/>
      <c r="OQI669" s="613"/>
      <c r="OQJ669" s="613"/>
      <c r="OQK669" s="613"/>
      <c r="OQL669" s="613"/>
      <c r="OQM669" s="613"/>
      <c r="OQN669" s="613"/>
      <c r="OQO669" s="613"/>
      <c r="OQP669" s="613"/>
      <c r="OQQ669" s="613"/>
      <c r="OQR669" s="613"/>
      <c r="OQS669" s="613"/>
      <c r="OQT669" s="613"/>
      <c r="OQU669" s="613"/>
      <c r="OQV669" s="613"/>
      <c r="OQW669" s="613"/>
      <c r="OQX669" s="613"/>
      <c r="OQY669" s="613"/>
      <c r="OQZ669" s="613"/>
      <c r="ORA669" s="613"/>
      <c r="ORB669" s="613"/>
      <c r="ORC669" s="613"/>
      <c r="ORD669" s="613"/>
      <c r="ORE669" s="613"/>
      <c r="ORF669" s="613"/>
      <c r="ORG669" s="613"/>
      <c r="ORH669" s="613"/>
      <c r="ORI669" s="613"/>
      <c r="ORJ669" s="613"/>
      <c r="ORK669" s="613"/>
      <c r="ORL669" s="613"/>
      <c r="ORM669" s="613"/>
      <c r="ORN669" s="613"/>
      <c r="ORO669" s="613"/>
      <c r="ORP669" s="613"/>
      <c r="ORQ669" s="613"/>
      <c r="ORR669" s="613"/>
      <c r="ORS669" s="613"/>
      <c r="ORT669" s="613"/>
      <c r="ORU669" s="613"/>
      <c r="ORV669" s="613"/>
      <c r="ORW669" s="613"/>
      <c r="ORX669" s="613"/>
      <c r="ORY669" s="613"/>
      <c r="ORZ669" s="613"/>
      <c r="OSA669" s="613"/>
      <c r="OSB669" s="613"/>
      <c r="OSC669" s="613"/>
      <c r="OSD669" s="613"/>
      <c r="OSE669" s="613"/>
      <c r="OSF669" s="613"/>
      <c r="OSG669" s="613"/>
      <c r="OSH669" s="613"/>
      <c r="OSI669" s="613"/>
      <c r="OSJ669" s="613"/>
      <c r="OSK669" s="613"/>
      <c r="OSL669" s="613"/>
      <c r="OSM669" s="613"/>
      <c r="OSN669" s="613"/>
      <c r="OSO669" s="613"/>
      <c r="OSP669" s="613"/>
      <c r="OSQ669" s="613"/>
      <c r="OSR669" s="613"/>
      <c r="OSS669" s="613"/>
      <c r="OST669" s="613"/>
      <c r="OSU669" s="613"/>
      <c r="OSV669" s="613"/>
      <c r="OSW669" s="613"/>
      <c r="OSX669" s="613"/>
      <c r="OSY669" s="613"/>
      <c r="OSZ669" s="613"/>
      <c r="OTA669" s="613"/>
      <c r="OTB669" s="613"/>
      <c r="OTC669" s="613"/>
      <c r="OTD669" s="613"/>
      <c r="OTE669" s="613"/>
      <c r="OTF669" s="613"/>
      <c r="OTG669" s="613"/>
      <c r="OTH669" s="613"/>
      <c r="OTI669" s="613"/>
      <c r="OTJ669" s="613"/>
      <c r="OTK669" s="613"/>
      <c r="OTL669" s="613"/>
      <c r="OTM669" s="613"/>
      <c r="OTN669" s="613"/>
      <c r="OTO669" s="613"/>
      <c r="OTP669" s="613"/>
      <c r="OTQ669" s="613"/>
      <c r="OTR669" s="613"/>
      <c r="OTS669" s="613"/>
      <c r="OTT669" s="613"/>
      <c r="OTU669" s="613"/>
      <c r="OTV669" s="613"/>
      <c r="OTW669" s="613"/>
      <c r="OTX669" s="613"/>
      <c r="OTY669" s="613"/>
      <c r="OTZ669" s="613"/>
      <c r="OUA669" s="613"/>
      <c r="OUB669" s="613"/>
      <c r="OUC669" s="613"/>
      <c r="OUD669" s="613"/>
      <c r="OUE669" s="613"/>
      <c r="OUF669" s="613"/>
      <c r="OUG669" s="613"/>
      <c r="OUH669" s="613"/>
      <c r="OUI669" s="613"/>
      <c r="OUJ669" s="613"/>
      <c r="OUK669" s="613"/>
      <c r="OUL669" s="613"/>
      <c r="OUM669" s="613"/>
      <c r="OUN669" s="613"/>
      <c r="OUO669" s="613"/>
      <c r="OUP669" s="613"/>
      <c r="OUQ669" s="613"/>
      <c r="OUR669" s="613"/>
      <c r="OUS669" s="613"/>
      <c r="OUT669" s="613"/>
      <c r="OUU669" s="613"/>
      <c r="OUV669" s="613"/>
      <c r="OUW669" s="613"/>
      <c r="OUX669" s="613"/>
      <c r="OUY669" s="613"/>
      <c r="OUZ669" s="613"/>
      <c r="OVA669" s="613"/>
      <c r="OVB669" s="613"/>
      <c r="OVC669" s="613"/>
      <c r="OVD669" s="613"/>
      <c r="OVE669" s="613"/>
      <c r="OVF669" s="613"/>
      <c r="OVG669" s="613"/>
      <c r="OVH669" s="613"/>
      <c r="OVI669" s="613"/>
      <c r="OVJ669" s="613"/>
      <c r="OVK669" s="613"/>
      <c r="OVL669" s="613"/>
      <c r="OVM669" s="613"/>
      <c r="OVN669" s="613"/>
      <c r="OVO669" s="613"/>
      <c r="OVP669" s="613"/>
      <c r="OVQ669" s="613"/>
      <c r="OVR669" s="613"/>
      <c r="OVS669" s="613"/>
      <c r="OVT669" s="613"/>
      <c r="OVU669" s="613"/>
      <c r="OVV669" s="613"/>
      <c r="OVW669" s="613"/>
      <c r="OVX669" s="613"/>
      <c r="OVY669" s="613"/>
      <c r="OVZ669" s="613"/>
      <c r="OWA669" s="613"/>
      <c r="OWB669" s="613"/>
      <c r="OWC669" s="613"/>
      <c r="OWD669" s="613"/>
      <c r="OWE669" s="613"/>
      <c r="OWF669" s="613"/>
      <c r="OWG669" s="613"/>
      <c r="OWH669" s="613"/>
      <c r="OWI669" s="613"/>
      <c r="OWJ669" s="613"/>
      <c r="OWK669" s="613"/>
      <c r="OWL669" s="613"/>
      <c r="OWM669" s="613"/>
      <c r="OWN669" s="613"/>
      <c r="OWO669" s="613"/>
      <c r="OWP669" s="613"/>
      <c r="OWQ669" s="613"/>
      <c r="OWR669" s="613"/>
      <c r="OWS669" s="613"/>
      <c r="OWT669" s="613"/>
      <c r="OWU669" s="613"/>
      <c r="OWV669" s="613"/>
      <c r="OWW669" s="613"/>
      <c r="OWX669" s="613"/>
      <c r="OWY669" s="613"/>
      <c r="OWZ669" s="613"/>
      <c r="OXA669" s="613"/>
      <c r="OXB669" s="613"/>
      <c r="OXC669" s="613"/>
      <c r="OXD669" s="613"/>
      <c r="OXE669" s="613"/>
      <c r="OXF669" s="613"/>
      <c r="OXG669" s="613"/>
      <c r="OXH669" s="613"/>
      <c r="OXI669" s="613"/>
      <c r="OXJ669" s="613"/>
      <c r="OXK669" s="613"/>
      <c r="OXL669" s="613"/>
      <c r="OXM669" s="613"/>
      <c r="OXN669" s="613"/>
      <c r="OXO669" s="613"/>
      <c r="OXP669" s="613"/>
      <c r="OXQ669" s="613"/>
      <c r="OXR669" s="613"/>
      <c r="OXS669" s="613"/>
      <c r="OXT669" s="613"/>
      <c r="OXU669" s="613"/>
      <c r="OXV669" s="613"/>
      <c r="OXW669" s="613"/>
      <c r="OXX669" s="613"/>
      <c r="OXY669" s="613"/>
      <c r="OXZ669" s="613"/>
      <c r="OYA669" s="613"/>
      <c r="OYB669" s="613"/>
      <c r="OYC669" s="613"/>
      <c r="OYD669" s="613"/>
      <c r="OYE669" s="613"/>
      <c r="OYF669" s="613"/>
      <c r="OYG669" s="613"/>
      <c r="OYH669" s="613"/>
      <c r="OYI669" s="613"/>
      <c r="OYJ669" s="613"/>
      <c r="OYK669" s="613"/>
      <c r="OYL669" s="613"/>
      <c r="OYM669" s="613"/>
      <c r="OYN669" s="613"/>
      <c r="OYO669" s="613"/>
      <c r="OYP669" s="613"/>
      <c r="OYQ669" s="613"/>
      <c r="OYR669" s="613"/>
      <c r="OYS669" s="613"/>
      <c r="OYT669" s="613"/>
      <c r="OYU669" s="613"/>
      <c r="OYV669" s="613"/>
      <c r="OYW669" s="613"/>
      <c r="OYX669" s="613"/>
      <c r="OYY669" s="613"/>
      <c r="OYZ669" s="613"/>
      <c r="OZA669" s="613"/>
      <c r="OZB669" s="613"/>
      <c r="OZC669" s="613"/>
      <c r="OZD669" s="613"/>
      <c r="OZE669" s="613"/>
      <c r="OZF669" s="613"/>
      <c r="OZG669" s="613"/>
      <c r="OZH669" s="613"/>
      <c r="OZI669" s="613"/>
      <c r="OZJ669" s="613"/>
      <c r="OZK669" s="613"/>
      <c r="OZL669" s="613"/>
      <c r="OZM669" s="613"/>
      <c r="OZN669" s="613"/>
      <c r="OZO669" s="613"/>
      <c r="OZP669" s="613"/>
      <c r="OZQ669" s="613"/>
      <c r="OZR669" s="613"/>
      <c r="OZS669" s="613"/>
      <c r="OZT669" s="613"/>
      <c r="OZU669" s="613"/>
      <c r="OZV669" s="613"/>
      <c r="OZW669" s="613"/>
      <c r="OZX669" s="613"/>
      <c r="OZY669" s="613"/>
      <c r="OZZ669" s="613"/>
      <c r="PAA669" s="613"/>
      <c r="PAB669" s="613"/>
      <c r="PAC669" s="613"/>
      <c r="PAD669" s="613"/>
      <c r="PAE669" s="613"/>
      <c r="PAF669" s="613"/>
      <c r="PAG669" s="613"/>
      <c r="PAH669" s="613"/>
      <c r="PAI669" s="613"/>
      <c r="PAJ669" s="613"/>
      <c r="PAK669" s="613"/>
      <c r="PAL669" s="613"/>
      <c r="PAM669" s="613"/>
      <c r="PAN669" s="613"/>
      <c r="PAO669" s="613"/>
      <c r="PAP669" s="613"/>
      <c r="PAQ669" s="613"/>
      <c r="PAR669" s="613"/>
      <c r="PAS669" s="613"/>
      <c r="PAT669" s="613"/>
      <c r="PAU669" s="613"/>
      <c r="PAV669" s="613"/>
      <c r="PAW669" s="613"/>
      <c r="PAX669" s="613"/>
      <c r="PAY669" s="613"/>
      <c r="PAZ669" s="613"/>
      <c r="PBA669" s="613"/>
      <c r="PBB669" s="613"/>
      <c r="PBC669" s="613"/>
      <c r="PBD669" s="613"/>
      <c r="PBE669" s="613"/>
      <c r="PBF669" s="613"/>
      <c r="PBG669" s="613"/>
      <c r="PBH669" s="613"/>
      <c r="PBI669" s="613"/>
      <c r="PBJ669" s="613"/>
      <c r="PBK669" s="613"/>
      <c r="PBL669" s="613"/>
      <c r="PBM669" s="613"/>
      <c r="PBN669" s="613"/>
      <c r="PBO669" s="613"/>
      <c r="PBP669" s="613"/>
      <c r="PBQ669" s="613"/>
      <c r="PBR669" s="613"/>
      <c r="PBS669" s="613"/>
      <c r="PBT669" s="613"/>
      <c r="PBU669" s="613"/>
      <c r="PBV669" s="613"/>
      <c r="PBW669" s="613"/>
      <c r="PBX669" s="613"/>
      <c r="PBY669" s="613"/>
      <c r="PBZ669" s="613"/>
      <c r="PCA669" s="613"/>
      <c r="PCB669" s="613"/>
      <c r="PCC669" s="613"/>
      <c r="PCD669" s="613"/>
      <c r="PCE669" s="613"/>
      <c r="PCF669" s="613"/>
      <c r="PCG669" s="613"/>
      <c r="PCH669" s="613"/>
      <c r="PCI669" s="613"/>
      <c r="PCJ669" s="613"/>
      <c r="PCK669" s="613"/>
      <c r="PCL669" s="613"/>
      <c r="PCM669" s="613"/>
      <c r="PCN669" s="613"/>
      <c r="PCO669" s="613"/>
      <c r="PCP669" s="613"/>
      <c r="PCQ669" s="613"/>
      <c r="PCR669" s="613"/>
      <c r="PCS669" s="613"/>
      <c r="PCT669" s="613"/>
      <c r="PCU669" s="613"/>
      <c r="PCV669" s="613"/>
      <c r="PCW669" s="613"/>
      <c r="PCX669" s="613"/>
      <c r="PCY669" s="613"/>
      <c r="PCZ669" s="613"/>
      <c r="PDA669" s="613"/>
      <c r="PDB669" s="613"/>
      <c r="PDC669" s="613"/>
      <c r="PDD669" s="613"/>
      <c r="PDE669" s="613"/>
      <c r="PDF669" s="613"/>
      <c r="PDG669" s="613"/>
      <c r="PDH669" s="613"/>
      <c r="PDI669" s="613"/>
      <c r="PDJ669" s="613"/>
      <c r="PDK669" s="613"/>
      <c r="PDL669" s="613"/>
      <c r="PDM669" s="613"/>
      <c r="PDN669" s="613"/>
      <c r="PDO669" s="613"/>
      <c r="PDP669" s="613"/>
      <c r="PDQ669" s="613"/>
      <c r="PDR669" s="613"/>
      <c r="PDS669" s="613"/>
      <c r="PDT669" s="613"/>
      <c r="PDU669" s="613"/>
      <c r="PDV669" s="613"/>
      <c r="PDW669" s="613"/>
      <c r="PDX669" s="613"/>
      <c r="PDY669" s="613"/>
      <c r="PDZ669" s="613"/>
      <c r="PEA669" s="613"/>
      <c r="PEB669" s="613"/>
      <c r="PEC669" s="613"/>
      <c r="PED669" s="613"/>
      <c r="PEE669" s="613"/>
      <c r="PEF669" s="613"/>
      <c r="PEG669" s="613"/>
      <c r="PEH669" s="613"/>
      <c r="PEI669" s="613"/>
      <c r="PEJ669" s="613"/>
      <c r="PEK669" s="613"/>
      <c r="PEL669" s="613"/>
      <c r="PEM669" s="613"/>
      <c r="PEN669" s="613"/>
      <c r="PEO669" s="613"/>
      <c r="PEP669" s="613"/>
      <c r="PEQ669" s="613"/>
      <c r="PER669" s="613"/>
      <c r="PES669" s="613"/>
      <c r="PET669" s="613"/>
      <c r="PEU669" s="613"/>
      <c r="PEV669" s="613"/>
      <c r="PEW669" s="613"/>
      <c r="PEX669" s="613"/>
      <c r="PEY669" s="613"/>
      <c r="PEZ669" s="613"/>
      <c r="PFA669" s="613"/>
      <c r="PFB669" s="613"/>
      <c r="PFC669" s="613"/>
      <c r="PFD669" s="613"/>
      <c r="PFE669" s="613"/>
      <c r="PFF669" s="613"/>
      <c r="PFG669" s="613"/>
      <c r="PFH669" s="613"/>
      <c r="PFI669" s="613"/>
      <c r="PFJ669" s="613"/>
      <c r="PFK669" s="613"/>
      <c r="PFL669" s="613"/>
      <c r="PFM669" s="613"/>
      <c r="PFN669" s="613"/>
      <c r="PFO669" s="613"/>
      <c r="PFP669" s="613"/>
      <c r="PFQ669" s="613"/>
      <c r="PFR669" s="613"/>
      <c r="PFS669" s="613"/>
      <c r="PFT669" s="613"/>
      <c r="PFU669" s="613"/>
      <c r="PFV669" s="613"/>
      <c r="PFW669" s="613"/>
      <c r="PFX669" s="613"/>
      <c r="PFY669" s="613"/>
      <c r="PFZ669" s="613"/>
      <c r="PGA669" s="613"/>
      <c r="PGB669" s="613"/>
      <c r="PGC669" s="613"/>
      <c r="PGD669" s="613"/>
      <c r="PGE669" s="613"/>
      <c r="PGF669" s="613"/>
      <c r="PGG669" s="613"/>
      <c r="PGH669" s="613"/>
      <c r="PGI669" s="613"/>
      <c r="PGJ669" s="613"/>
      <c r="PGK669" s="613"/>
      <c r="PGL669" s="613"/>
      <c r="PGM669" s="613"/>
      <c r="PGN669" s="613"/>
      <c r="PGO669" s="613"/>
      <c r="PGP669" s="613"/>
      <c r="PGQ669" s="613"/>
      <c r="PGR669" s="613"/>
      <c r="PGS669" s="613"/>
      <c r="PGT669" s="613"/>
      <c r="PGU669" s="613"/>
      <c r="PGV669" s="613"/>
      <c r="PGW669" s="613"/>
      <c r="PGX669" s="613"/>
      <c r="PGY669" s="613"/>
      <c r="PGZ669" s="613"/>
      <c r="PHA669" s="613"/>
      <c r="PHB669" s="613"/>
      <c r="PHC669" s="613"/>
      <c r="PHD669" s="613"/>
      <c r="PHE669" s="613"/>
      <c r="PHF669" s="613"/>
      <c r="PHG669" s="613"/>
      <c r="PHH669" s="613"/>
      <c r="PHI669" s="613"/>
      <c r="PHJ669" s="613"/>
      <c r="PHK669" s="613"/>
      <c r="PHL669" s="613"/>
      <c r="PHM669" s="613"/>
      <c r="PHN669" s="613"/>
      <c r="PHO669" s="613"/>
      <c r="PHP669" s="613"/>
      <c r="PHQ669" s="613"/>
      <c r="PHR669" s="613"/>
      <c r="PHS669" s="613"/>
      <c r="PHT669" s="613"/>
      <c r="PHU669" s="613"/>
      <c r="PHV669" s="613"/>
      <c r="PHW669" s="613"/>
      <c r="PHX669" s="613"/>
      <c r="PHY669" s="613"/>
      <c r="PHZ669" s="613"/>
      <c r="PIA669" s="613"/>
      <c r="PIB669" s="613"/>
      <c r="PIC669" s="613"/>
      <c r="PID669" s="613"/>
      <c r="PIE669" s="613"/>
      <c r="PIF669" s="613"/>
      <c r="PIG669" s="613"/>
      <c r="PIH669" s="613"/>
      <c r="PII669" s="613"/>
      <c r="PIJ669" s="613"/>
      <c r="PIK669" s="613"/>
      <c r="PIL669" s="613"/>
      <c r="PIM669" s="613"/>
      <c r="PIN669" s="613"/>
      <c r="PIO669" s="613"/>
      <c r="PIP669" s="613"/>
      <c r="PIQ669" s="613"/>
      <c r="PIR669" s="613"/>
      <c r="PIS669" s="613"/>
      <c r="PIT669" s="613"/>
      <c r="PIU669" s="613"/>
      <c r="PIV669" s="613"/>
      <c r="PIW669" s="613"/>
      <c r="PIX669" s="613"/>
      <c r="PIY669" s="613"/>
      <c r="PIZ669" s="613"/>
      <c r="PJA669" s="613"/>
      <c r="PJB669" s="613"/>
      <c r="PJC669" s="613"/>
      <c r="PJD669" s="613"/>
      <c r="PJE669" s="613"/>
      <c r="PJF669" s="613"/>
      <c r="PJG669" s="613"/>
      <c r="PJH669" s="613"/>
      <c r="PJI669" s="613"/>
      <c r="PJJ669" s="613"/>
      <c r="PJK669" s="613"/>
      <c r="PJL669" s="613"/>
      <c r="PJM669" s="613"/>
      <c r="PJN669" s="613"/>
      <c r="PJO669" s="613"/>
      <c r="PJP669" s="613"/>
      <c r="PJQ669" s="613"/>
      <c r="PJR669" s="613"/>
      <c r="PJS669" s="613"/>
      <c r="PJT669" s="613"/>
      <c r="PJU669" s="613"/>
      <c r="PJV669" s="613"/>
      <c r="PJW669" s="613"/>
      <c r="PJX669" s="613"/>
      <c r="PJY669" s="613"/>
      <c r="PJZ669" s="613"/>
      <c r="PKA669" s="613"/>
      <c r="PKB669" s="613"/>
      <c r="PKC669" s="613"/>
      <c r="PKD669" s="613"/>
      <c r="PKE669" s="613"/>
      <c r="PKF669" s="613"/>
      <c r="PKG669" s="613"/>
      <c r="PKH669" s="613"/>
      <c r="PKI669" s="613"/>
      <c r="PKJ669" s="613"/>
      <c r="PKK669" s="613"/>
      <c r="PKL669" s="613"/>
      <c r="PKM669" s="613"/>
      <c r="PKN669" s="613"/>
      <c r="PKO669" s="613"/>
      <c r="PKP669" s="613"/>
      <c r="PKQ669" s="613"/>
      <c r="PKR669" s="613"/>
      <c r="PKS669" s="613"/>
      <c r="PKT669" s="613"/>
      <c r="PKU669" s="613"/>
      <c r="PKV669" s="613"/>
      <c r="PKW669" s="613"/>
      <c r="PKX669" s="613"/>
      <c r="PKY669" s="613"/>
      <c r="PKZ669" s="613"/>
      <c r="PLA669" s="613"/>
      <c r="PLB669" s="613"/>
      <c r="PLC669" s="613"/>
      <c r="PLD669" s="613"/>
      <c r="PLE669" s="613"/>
      <c r="PLF669" s="613"/>
      <c r="PLG669" s="613"/>
      <c r="PLH669" s="613"/>
      <c r="PLI669" s="613"/>
      <c r="PLJ669" s="613"/>
      <c r="PLK669" s="613"/>
      <c r="PLL669" s="613"/>
      <c r="PLM669" s="613"/>
      <c r="PLN669" s="613"/>
      <c r="PLO669" s="613"/>
      <c r="PLP669" s="613"/>
      <c r="PLQ669" s="613"/>
      <c r="PLR669" s="613"/>
      <c r="PLS669" s="613"/>
      <c r="PLT669" s="613"/>
      <c r="PLU669" s="613"/>
      <c r="PLV669" s="613"/>
      <c r="PLW669" s="613"/>
      <c r="PLX669" s="613"/>
      <c r="PLY669" s="613"/>
      <c r="PLZ669" s="613"/>
      <c r="PMA669" s="613"/>
      <c r="PMB669" s="613"/>
      <c r="PMC669" s="613"/>
      <c r="PMD669" s="613"/>
      <c r="PME669" s="613"/>
      <c r="PMF669" s="613"/>
      <c r="PMG669" s="613"/>
      <c r="PMH669" s="613"/>
      <c r="PMI669" s="613"/>
      <c r="PMJ669" s="613"/>
      <c r="PMK669" s="613"/>
      <c r="PML669" s="613"/>
      <c r="PMM669" s="613"/>
      <c r="PMN669" s="613"/>
      <c r="PMO669" s="613"/>
      <c r="PMP669" s="613"/>
      <c r="PMQ669" s="613"/>
      <c r="PMR669" s="613"/>
      <c r="PMS669" s="613"/>
      <c r="PMT669" s="613"/>
      <c r="PMU669" s="613"/>
      <c r="PMV669" s="613"/>
      <c r="PMW669" s="613"/>
      <c r="PMX669" s="613"/>
      <c r="PMY669" s="613"/>
      <c r="PMZ669" s="613"/>
      <c r="PNA669" s="613"/>
      <c r="PNB669" s="613"/>
      <c r="PNC669" s="613"/>
      <c r="PND669" s="613"/>
      <c r="PNE669" s="613"/>
      <c r="PNF669" s="613"/>
      <c r="PNG669" s="613"/>
      <c r="PNH669" s="613"/>
      <c r="PNI669" s="613"/>
      <c r="PNJ669" s="613"/>
      <c r="PNK669" s="613"/>
      <c r="PNL669" s="613"/>
      <c r="PNM669" s="613"/>
      <c r="PNN669" s="613"/>
      <c r="PNO669" s="613"/>
      <c r="PNP669" s="613"/>
      <c r="PNQ669" s="613"/>
      <c r="PNR669" s="613"/>
      <c r="PNS669" s="613"/>
      <c r="PNT669" s="613"/>
      <c r="PNU669" s="613"/>
      <c r="PNV669" s="613"/>
      <c r="PNW669" s="613"/>
      <c r="PNX669" s="613"/>
      <c r="PNY669" s="613"/>
      <c r="PNZ669" s="613"/>
      <c r="POA669" s="613"/>
      <c r="POB669" s="613"/>
      <c r="POC669" s="613"/>
      <c r="POD669" s="613"/>
      <c r="POE669" s="613"/>
      <c r="POF669" s="613"/>
      <c r="POG669" s="613"/>
      <c r="POH669" s="613"/>
      <c r="POI669" s="613"/>
      <c r="POJ669" s="613"/>
      <c r="POK669" s="613"/>
      <c r="POL669" s="613"/>
      <c r="POM669" s="613"/>
      <c r="PON669" s="613"/>
      <c r="POO669" s="613"/>
      <c r="POP669" s="613"/>
      <c r="POQ669" s="613"/>
      <c r="POR669" s="613"/>
      <c r="POS669" s="613"/>
      <c r="POT669" s="613"/>
      <c r="POU669" s="613"/>
      <c r="POV669" s="613"/>
      <c r="POW669" s="613"/>
      <c r="POX669" s="613"/>
      <c r="POY669" s="613"/>
      <c r="POZ669" s="613"/>
      <c r="PPA669" s="613"/>
      <c r="PPB669" s="613"/>
      <c r="PPC669" s="613"/>
      <c r="PPD669" s="613"/>
      <c r="PPE669" s="613"/>
      <c r="PPF669" s="613"/>
      <c r="PPG669" s="613"/>
      <c r="PPH669" s="613"/>
      <c r="PPI669" s="613"/>
      <c r="PPJ669" s="613"/>
      <c r="PPK669" s="613"/>
      <c r="PPL669" s="613"/>
      <c r="PPM669" s="613"/>
      <c r="PPN669" s="613"/>
      <c r="PPO669" s="613"/>
      <c r="PPP669" s="613"/>
      <c r="PPQ669" s="613"/>
      <c r="PPR669" s="613"/>
      <c r="PPS669" s="613"/>
      <c r="PPT669" s="613"/>
      <c r="PPU669" s="613"/>
      <c r="PPV669" s="613"/>
      <c r="PPW669" s="613"/>
      <c r="PPX669" s="613"/>
      <c r="PPY669" s="613"/>
      <c r="PPZ669" s="613"/>
      <c r="PQA669" s="613"/>
      <c r="PQB669" s="613"/>
      <c r="PQC669" s="613"/>
      <c r="PQD669" s="613"/>
      <c r="PQE669" s="613"/>
      <c r="PQF669" s="613"/>
      <c r="PQG669" s="613"/>
      <c r="PQH669" s="613"/>
      <c r="PQI669" s="613"/>
      <c r="PQJ669" s="613"/>
      <c r="PQK669" s="613"/>
      <c r="PQL669" s="613"/>
      <c r="PQM669" s="613"/>
      <c r="PQN669" s="613"/>
      <c r="PQO669" s="613"/>
      <c r="PQP669" s="613"/>
      <c r="PQQ669" s="613"/>
      <c r="PQR669" s="613"/>
      <c r="PQS669" s="613"/>
      <c r="PQT669" s="613"/>
      <c r="PQU669" s="613"/>
      <c r="PQV669" s="613"/>
      <c r="PQW669" s="613"/>
      <c r="PQX669" s="613"/>
      <c r="PQY669" s="613"/>
      <c r="PQZ669" s="613"/>
      <c r="PRA669" s="613"/>
      <c r="PRB669" s="613"/>
      <c r="PRC669" s="613"/>
      <c r="PRD669" s="613"/>
      <c r="PRE669" s="613"/>
      <c r="PRF669" s="613"/>
      <c r="PRG669" s="613"/>
      <c r="PRH669" s="613"/>
      <c r="PRI669" s="613"/>
      <c r="PRJ669" s="613"/>
      <c r="PRK669" s="613"/>
      <c r="PRL669" s="613"/>
      <c r="PRM669" s="613"/>
      <c r="PRN669" s="613"/>
      <c r="PRO669" s="613"/>
      <c r="PRP669" s="613"/>
      <c r="PRQ669" s="613"/>
      <c r="PRR669" s="613"/>
      <c r="PRS669" s="613"/>
      <c r="PRT669" s="613"/>
      <c r="PRU669" s="613"/>
      <c r="PRV669" s="613"/>
      <c r="PRW669" s="613"/>
      <c r="PRX669" s="613"/>
      <c r="PRY669" s="613"/>
      <c r="PRZ669" s="613"/>
      <c r="PSA669" s="613"/>
      <c r="PSB669" s="613"/>
      <c r="PSC669" s="613"/>
      <c r="PSD669" s="613"/>
      <c r="PSE669" s="613"/>
      <c r="PSF669" s="613"/>
      <c r="PSG669" s="613"/>
      <c r="PSH669" s="613"/>
      <c r="PSI669" s="613"/>
      <c r="PSJ669" s="613"/>
      <c r="PSK669" s="613"/>
      <c r="PSL669" s="613"/>
      <c r="PSM669" s="613"/>
      <c r="PSN669" s="613"/>
      <c r="PSO669" s="613"/>
      <c r="PSP669" s="613"/>
      <c r="PSQ669" s="613"/>
      <c r="PSR669" s="613"/>
      <c r="PSS669" s="613"/>
      <c r="PST669" s="613"/>
      <c r="PSU669" s="613"/>
      <c r="PSV669" s="613"/>
      <c r="PSW669" s="613"/>
      <c r="PSX669" s="613"/>
      <c r="PSY669" s="613"/>
      <c r="PSZ669" s="613"/>
      <c r="PTA669" s="613"/>
      <c r="PTB669" s="613"/>
      <c r="PTC669" s="613"/>
      <c r="PTD669" s="613"/>
      <c r="PTE669" s="613"/>
      <c r="PTF669" s="613"/>
      <c r="PTG669" s="613"/>
      <c r="PTH669" s="613"/>
      <c r="PTI669" s="613"/>
      <c r="PTJ669" s="613"/>
      <c r="PTK669" s="613"/>
      <c r="PTL669" s="613"/>
      <c r="PTM669" s="613"/>
      <c r="PTN669" s="613"/>
      <c r="PTO669" s="613"/>
      <c r="PTP669" s="613"/>
      <c r="PTQ669" s="613"/>
      <c r="PTR669" s="613"/>
      <c r="PTS669" s="613"/>
      <c r="PTT669" s="613"/>
      <c r="PTU669" s="613"/>
      <c r="PTV669" s="613"/>
      <c r="PTW669" s="613"/>
      <c r="PTX669" s="613"/>
      <c r="PTY669" s="613"/>
      <c r="PTZ669" s="613"/>
      <c r="PUA669" s="613"/>
      <c r="PUB669" s="613"/>
      <c r="PUC669" s="613"/>
      <c r="PUD669" s="613"/>
      <c r="PUE669" s="613"/>
      <c r="PUF669" s="613"/>
      <c r="PUG669" s="613"/>
      <c r="PUH669" s="613"/>
      <c r="PUI669" s="613"/>
      <c r="PUJ669" s="613"/>
      <c r="PUK669" s="613"/>
      <c r="PUL669" s="613"/>
      <c r="PUM669" s="613"/>
      <c r="PUN669" s="613"/>
      <c r="PUO669" s="613"/>
      <c r="PUP669" s="613"/>
      <c r="PUQ669" s="613"/>
      <c r="PUR669" s="613"/>
      <c r="PUS669" s="613"/>
      <c r="PUT669" s="613"/>
      <c r="PUU669" s="613"/>
      <c r="PUV669" s="613"/>
      <c r="PUW669" s="613"/>
      <c r="PUX669" s="613"/>
      <c r="PUY669" s="613"/>
      <c r="PUZ669" s="613"/>
      <c r="PVA669" s="613"/>
      <c r="PVB669" s="613"/>
      <c r="PVC669" s="613"/>
      <c r="PVD669" s="613"/>
      <c r="PVE669" s="613"/>
      <c r="PVF669" s="613"/>
      <c r="PVG669" s="613"/>
      <c r="PVH669" s="613"/>
      <c r="PVI669" s="613"/>
      <c r="PVJ669" s="613"/>
      <c r="PVK669" s="613"/>
      <c r="PVL669" s="613"/>
      <c r="PVM669" s="613"/>
      <c r="PVN669" s="613"/>
      <c r="PVO669" s="613"/>
      <c r="PVP669" s="613"/>
      <c r="PVQ669" s="613"/>
      <c r="PVR669" s="613"/>
      <c r="PVS669" s="613"/>
      <c r="PVT669" s="613"/>
      <c r="PVU669" s="613"/>
      <c r="PVV669" s="613"/>
      <c r="PVW669" s="613"/>
      <c r="PVX669" s="613"/>
      <c r="PVY669" s="613"/>
      <c r="PVZ669" s="613"/>
      <c r="PWA669" s="613"/>
      <c r="PWB669" s="613"/>
      <c r="PWC669" s="613"/>
      <c r="PWD669" s="613"/>
      <c r="PWE669" s="613"/>
      <c r="PWF669" s="613"/>
      <c r="PWG669" s="613"/>
      <c r="PWH669" s="613"/>
      <c r="PWI669" s="613"/>
      <c r="PWJ669" s="613"/>
      <c r="PWK669" s="613"/>
      <c r="PWL669" s="613"/>
      <c r="PWM669" s="613"/>
      <c r="PWN669" s="613"/>
      <c r="PWO669" s="613"/>
      <c r="PWP669" s="613"/>
      <c r="PWQ669" s="613"/>
      <c r="PWR669" s="613"/>
      <c r="PWS669" s="613"/>
      <c r="PWT669" s="613"/>
      <c r="PWU669" s="613"/>
      <c r="PWV669" s="613"/>
      <c r="PWW669" s="613"/>
      <c r="PWX669" s="613"/>
      <c r="PWY669" s="613"/>
      <c r="PWZ669" s="613"/>
      <c r="PXA669" s="613"/>
      <c r="PXB669" s="613"/>
      <c r="PXC669" s="613"/>
      <c r="PXD669" s="613"/>
      <c r="PXE669" s="613"/>
      <c r="PXF669" s="613"/>
      <c r="PXG669" s="613"/>
      <c r="PXH669" s="613"/>
      <c r="PXI669" s="613"/>
      <c r="PXJ669" s="613"/>
      <c r="PXK669" s="613"/>
      <c r="PXL669" s="613"/>
      <c r="PXM669" s="613"/>
      <c r="PXN669" s="613"/>
      <c r="PXO669" s="613"/>
      <c r="PXP669" s="613"/>
      <c r="PXQ669" s="613"/>
      <c r="PXR669" s="613"/>
      <c r="PXS669" s="613"/>
      <c r="PXT669" s="613"/>
      <c r="PXU669" s="613"/>
      <c r="PXV669" s="613"/>
      <c r="PXW669" s="613"/>
      <c r="PXX669" s="613"/>
      <c r="PXY669" s="613"/>
      <c r="PXZ669" s="613"/>
      <c r="PYA669" s="613"/>
      <c r="PYB669" s="613"/>
      <c r="PYC669" s="613"/>
      <c r="PYD669" s="613"/>
      <c r="PYE669" s="613"/>
      <c r="PYF669" s="613"/>
      <c r="PYG669" s="613"/>
      <c r="PYH669" s="613"/>
      <c r="PYI669" s="613"/>
      <c r="PYJ669" s="613"/>
      <c r="PYK669" s="613"/>
      <c r="PYL669" s="613"/>
      <c r="PYM669" s="613"/>
      <c r="PYN669" s="613"/>
      <c r="PYO669" s="613"/>
      <c r="PYP669" s="613"/>
      <c r="PYQ669" s="613"/>
      <c r="PYR669" s="613"/>
      <c r="PYS669" s="613"/>
      <c r="PYT669" s="613"/>
      <c r="PYU669" s="613"/>
      <c r="PYV669" s="613"/>
      <c r="PYW669" s="613"/>
      <c r="PYX669" s="613"/>
      <c r="PYY669" s="613"/>
      <c r="PYZ669" s="613"/>
      <c r="PZA669" s="613"/>
      <c r="PZB669" s="613"/>
      <c r="PZC669" s="613"/>
      <c r="PZD669" s="613"/>
      <c r="PZE669" s="613"/>
      <c r="PZF669" s="613"/>
      <c r="PZG669" s="613"/>
      <c r="PZH669" s="613"/>
      <c r="PZI669" s="613"/>
      <c r="PZJ669" s="613"/>
      <c r="PZK669" s="613"/>
      <c r="PZL669" s="613"/>
      <c r="PZM669" s="613"/>
      <c r="PZN669" s="613"/>
      <c r="PZO669" s="613"/>
      <c r="PZP669" s="613"/>
      <c r="PZQ669" s="613"/>
      <c r="PZR669" s="613"/>
      <c r="PZS669" s="613"/>
      <c r="PZT669" s="613"/>
      <c r="PZU669" s="613"/>
      <c r="PZV669" s="613"/>
      <c r="PZW669" s="613"/>
      <c r="PZX669" s="613"/>
      <c r="PZY669" s="613"/>
      <c r="PZZ669" s="613"/>
      <c r="QAA669" s="613"/>
      <c r="QAB669" s="613"/>
      <c r="QAC669" s="613"/>
      <c r="QAD669" s="613"/>
      <c r="QAE669" s="613"/>
      <c r="QAF669" s="613"/>
      <c r="QAG669" s="613"/>
      <c r="QAH669" s="613"/>
      <c r="QAI669" s="613"/>
      <c r="QAJ669" s="613"/>
      <c r="QAK669" s="613"/>
      <c r="QAL669" s="613"/>
      <c r="QAM669" s="613"/>
      <c r="QAN669" s="613"/>
      <c r="QAO669" s="613"/>
      <c r="QAP669" s="613"/>
      <c r="QAQ669" s="613"/>
      <c r="QAR669" s="613"/>
      <c r="QAS669" s="613"/>
      <c r="QAT669" s="613"/>
      <c r="QAU669" s="613"/>
      <c r="QAV669" s="613"/>
      <c r="QAW669" s="613"/>
      <c r="QAX669" s="613"/>
      <c r="QAY669" s="613"/>
      <c r="QAZ669" s="613"/>
      <c r="QBA669" s="613"/>
      <c r="QBB669" s="613"/>
      <c r="QBC669" s="613"/>
      <c r="QBD669" s="613"/>
      <c r="QBE669" s="613"/>
      <c r="QBF669" s="613"/>
      <c r="QBG669" s="613"/>
      <c r="QBH669" s="613"/>
      <c r="QBI669" s="613"/>
      <c r="QBJ669" s="613"/>
      <c r="QBK669" s="613"/>
      <c r="QBL669" s="613"/>
      <c r="QBM669" s="613"/>
      <c r="QBN669" s="613"/>
      <c r="QBO669" s="613"/>
      <c r="QBP669" s="613"/>
      <c r="QBQ669" s="613"/>
      <c r="QBR669" s="613"/>
      <c r="QBS669" s="613"/>
      <c r="QBT669" s="613"/>
      <c r="QBU669" s="613"/>
      <c r="QBV669" s="613"/>
      <c r="QBW669" s="613"/>
      <c r="QBX669" s="613"/>
      <c r="QBY669" s="613"/>
      <c r="QBZ669" s="613"/>
      <c r="QCA669" s="613"/>
      <c r="QCB669" s="613"/>
      <c r="QCC669" s="613"/>
      <c r="QCD669" s="613"/>
      <c r="QCE669" s="613"/>
      <c r="QCF669" s="613"/>
      <c r="QCG669" s="613"/>
      <c r="QCH669" s="613"/>
      <c r="QCI669" s="613"/>
      <c r="QCJ669" s="613"/>
      <c r="QCK669" s="613"/>
      <c r="QCL669" s="613"/>
      <c r="QCM669" s="613"/>
      <c r="QCN669" s="613"/>
      <c r="QCO669" s="613"/>
      <c r="QCP669" s="613"/>
      <c r="QCQ669" s="613"/>
      <c r="QCR669" s="613"/>
      <c r="QCS669" s="613"/>
      <c r="QCT669" s="613"/>
      <c r="QCU669" s="613"/>
      <c r="QCV669" s="613"/>
      <c r="QCW669" s="613"/>
      <c r="QCX669" s="613"/>
      <c r="QCY669" s="613"/>
      <c r="QCZ669" s="613"/>
      <c r="QDA669" s="613"/>
      <c r="QDB669" s="613"/>
      <c r="QDC669" s="613"/>
      <c r="QDD669" s="613"/>
      <c r="QDE669" s="613"/>
      <c r="QDF669" s="613"/>
      <c r="QDG669" s="613"/>
      <c r="QDH669" s="613"/>
      <c r="QDI669" s="613"/>
      <c r="QDJ669" s="613"/>
      <c r="QDK669" s="613"/>
      <c r="QDL669" s="613"/>
      <c r="QDM669" s="613"/>
      <c r="QDN669" s="613"/>
      <c r="QDO669" s="613"/>
      <c r="QDP669" s="613"/>
      <c r="QDQ669" s="613"/>
      <c r="QDR669" s="613"/>
      <c r="QDS669" s="613"/>
      <c r="QDT669" s="613"/>
      <c r="QDU669" s="613"/>
      <c r="QDV669" s="613"/>
      <c r="QDW669" s="613"/>
      <c r="QDX669" s="613"/>
      <c r="QDY669" s="613"/>
      <c r="QDZ669" s="613"/>
      <c r="QEA669" s="613"/>
      <c r="QEB669" s="613"/>
      <c r="QEC669" s="613"/>
      <c r="QED669" s="613"/>
      <c r="QEE669" s="613"/>
      <c r="QEF669" s="613"/>
      <c r="QEG669" s="613"/>
      <c r="QEH669" s="613"/>
      <c r="QEI669" s="613"/>
      <c r="QEJ669" s="613"/>
      <c r="QEK669" s="613"/>
      <c r="QEL669" s="613"/>
      <c r="QEM669" s="613"/>
      <c r="QEN669" s="613"/>
      <c r="QEO669" s="613"/>
      <c r="QEP669" s="613"/>
      <c r="QEQ669" s="613"/>
      <c r="QER669" s="613"/>
      <c r="QES669" s="613"/>
      <c r="QET669" s="613"/>
      <c r="QEU669" s="613"/>
      <c r="QEV669" s="613"/>
      <c r="QEW669" s="613"/>
      <c r="QEX669" s="613"/>
      <c r="QEY669" s="613"/>
      <c r="QEZ669" s="613"/>
      <c r="QFA669" s="613"/>
      <c r="QFB669" s="613"/>
      <c r="QFC669" s="613"/>
      <c r="QFD669" s="613"/>
      <c r="QFE669" s="613"/>
      <c r="QFF669" s="613"/>
      <c r="QFG669" s="613"/>
      <c r="QFH669" s="613"/>
      <c r="QFI669" s="613"/>
      <c r="QFJ669" s="613"/>
      <c r="QFK669" s="613"/>
      <c r="QFL669" s="613"/>
      <c r="QFM669" s="613"/>
      <c r="QFN669" s="613"/>
      <c r="QFO669" s="613"/>
      <c r="QFP669" s="613"/>
      <c r="QFQ669" s="613"/>
      <c r="QFR669" s="613"/>
      <c r="QFS669" s="613"/>
      <c r="QFT669" s="613"/>
      <c r="QFU669" s="613"/>
      <c r="QFV669" s="613"/>
      <c r="QFW669" s="613"/>
      <c r="QFX669" s="613"/>
      <c r="QFY669" s="613"/>
      <c r="QFZ669" s="613"/>
      <c r="QGA669" s="613"/>
      <c r="QGB669" s="613"/>
      <c r="QGC669" s="613"/>
      <c r="QGD669" s="613"/>
      <c r="QGE669" s="613"/>
      <c r="QGF669" s="613"/>
      <c r="QGG669" s="613"/>
      <c r="QGH669" s="613"/>
      <c r="QGI669" s="613"/>
      <c r="QGJ669" s="613"/>
      <c r="QGK669" s="613"/>
      <c r="QGL669" s="613"/>
      <c r="QGM669" s="613"/>
      <c r="QGN669" s="613"/>
      <c r="QGO669" s="613"/>
      <c r="QGP669" s="613"/>
      <c r="QGQ669" s="613"/>
      <c r="QGR669" s="613"/>
      <c r="QGS669" s="613"/>
      <c r="QGT669" s="613"/>
      <c r="QGU669" s="613"/>
      <c r="QGV669" s="613"/>
      <c r="QGW669" s="613"/>
      <c r="QGX669" s="613"/>
      <c r="QGY669" s="613"/>
      <c r="QGZ669" s="613"/>
      <c r="QHA669" s="613"/>
      <c r="QHB669" s="613"/>
      <c r="QHC669" s="613"/>
      <c r="QHD669" s="613"/>
      <c r="QHE669" s="613"/>
      <c r="QHF669" s="613"/>
      <c r="QHG669" s="613"/>
      <c r="QHH669" s="613"/>
      <c r="QHI669" s="613"/>
      <c r="QHJ669" s="613"/>
      <c r="QHK669" s="613"/>
      <c r="QHL669" s="613"/>
      <c r="QHM669" s="613"/>
      <c r="QHN669" s="613"/>
      <c r="QHO669" s="613"/>
      <c r="QHP669" s="613"/>
      <c r="QHQ669" s="613"/>
      <c r="QHR669" s="613"/>
      <c r="QHS669" s="613"/>
      <c r="QHT669" s="613"/>
      <c r="QHU669" s="613"/>
      <c r="QHV669" s="613"/>
      <c r="QHW669" s="613"/>
      <c r="QHX669" s="613"/>
      <c r="QHY669" s="613"/>
      <c r="QHZ669" s="613"/>
      <c r="QIA669" s="613"/>
      <c r="QIB669" s="613"/>
      <c r="QIC669" s="613"/>
      <c r="QID669" s="613"/>
      <c r="QIE669" s="613"/>
      <c r="QIF669" s="613"/>
      <c r="QIG669" s="613"/>
      <c r="QIH669" s="613"/>
      <c r="QII669" s="613"/>
      <c r="QIJ669" s="613"/>
      <c r="QIK669" s="613"/>
      <c r="QIL669" s="613"/>
      <c r="QIM669" s="613"/>
      <c r="QIN669" s="613"/>
      <c r="QIO669" s="613"/>
      <c r="QIP669" s="613"/>
      <c r="QIQ669" s="613"/>
      <c r="QIR669" s="613"/>
      <c r="QIS669" s="613"/>
      <c r="QIT669" s="613"/>
      <c r="QIU669" s="613"/>
      <c r="QIV669" s="613"/>
      <c r="QIW669" s="613"/>
      <c r="QIX669" s="613"/>
      <c r="QIY669" s="613"/>
      <c r="QIZ669" s="613"/>
      <c r="QJA669" s="613"/>
      <c r="QJB669" s="613"/>
      <c r="QJC669" s="613"/>
      <c r="QJD669" s="613"/>
      <c r="QJE669" s="613"/>
      <c r="QJF669" s="613"/>
      <c r="QJG669" s="613"/>
      <c r="QJH669" s="613"/>
      <c r="QJI669" s="613"/>
      <c r="QJJ669" s="613"/>
      <c r="QJK669" s="613"/>
      <c r="QJL669" s="613"/>
      <c r="QJM669" s="613"/>
      <c r="QJN669" s="613"/>
      <c r="QJO669" s="613"/>
      <c r="QJP669" s="613"/>
      <c r="QJQ669" s="613"/>
      <c r="QJR669" s="613"/>
      <c r="QJS669" s="613"/>
      <c r="QJT669" s="613"/>
      <c r="QJU669" s="613"/>
      <c r="QJV669" s="613"/>
      <c r="QJW669" s="613"/>
      <c r="QJX669" s="613"/>
      <c r="QJY669" s="613"/>
      <c r="QJZ669" s="613"/>
      <c r="QKA669" s="613"/>
      <c r="QKB669" s="613"/>
      <c r="QKC669" s="613"/>
      <c r="QKD669" s="613"/>
      <c r="QKE669" s="613"/>
      <c r="QKF669" s="613"/>
      <c r="QKG669" s="613"/>
      <c r="QKH669" s="613"/>
      <c r="QKI669" s="613"/>
      <c r="QKJ669" s="613"/>
      <c r="QKK669" s="613"/>
      <c r="QKL669" s="613"/>
      <c r="QKM669" s="613"/>
      <c r="QKN669" s="613"/>
      <c r="QKO669" s="613"/>
      <c r="QKP669" s="613"/>
      <c r="QKQ669" s="613"/>
      <c r="QKR669" s="613"/>
      <c r="QKS669" s="613"/>
      <c r="QKT669" s="613"/>
      <c r="QKU669" s="613"/>
      <c r="QKV669" s="613"/>
      <c r="QKW669" s="613"/>
      <c r="QKX669" s="613"/>
      <c r="QKY669" s="613"/>
      <c r="QKZ669" s="613"/>
      <c r="QLA669" s="613"/>
      <c r="QLB669" s="613"/>
      <c r="QLC669" s="613"/>
      <c r="QLD669" s="613"/>
      <c r="QLE669" s="613"/>
      <c r="QLF669" s="613"/>
      <c r="QLG669" s="613"/>
      <c r="QLH669" s="613"/>
      <c r="QLI669" s="613"/>
      <c r="QLJ669" s="613"/>
      <c r="QLK669" s="613"/>
      <c r="QLL669" s="613"/>
      <c r="QLM669" s="613"/>
      <c r="QLN669" s="613"/>
      <c r="QLO669" s="613"/>
      <c r="QLP669" s="613"/>
      <c r="QLQ669" s="613"/>
      <c r="QLR669" s="613"/>
      <c r="QLS669" s="613"/>
      <c r="QLT669" s="613"/>
      <c r="QLU669" s="613"/>
      <c r="QLV669" s="613"/>
      <c r="QLW669" s="613"/>
      <c r="QLX669" s="613"/>
      <c r="QLY669" s="613"/>
      <c r="QLZ669" s="613"/>
      <c r="QMA669" s="613"/>
      <c r="QMB669" s="613"/>
      <c r="QMC669" s="613"/>
      <c r="QMD669" s="613"/>
      <c r="QME669" s="613"/>
      <c r="QMF669" s="613"/>
      <c r="QMG669" s="613"/>
      <c r="QMH669" s="613"/>
      <c r="QMI669" s="613"/>
      <c r="QMJ669" s="613"/>
      <c r="QMK669" s="613"/>
      <c r="QML669" s="613"/>
      <c r="QMM669" s="613"/>
      <c r="QMN669" s="613"/>
      <c r="QMO669" s="613"/>
      <c r="QMP669" s="613"/>
      <c r="QMQ669" s="613"/>
      <c r="QMR669" s="613"/>
      <c r="QMS669" s="613"/>
      <c r="QMT669" s="613"/>
      <c r="QMU669" s="613"/>
      <c r="QMV669" s="613"/>
      <c r="QMW669" s="613"/>
      <c r="QMX669" s="613"/>
      <c r="QMY669" s="613"/>
      <c r="QMZ669" s="613"/>
      <c r="QNA669" s="613"/>
      <c r="QNB669" s="613"/>
      <c r="QNC669" s="613"/>
      <c r="QND669" s="613"/>
      <c r="QNE669" s="613"/>
      <c r="QNF669" s="613"/>
      <c r="QNG669" s="613"/>
      <c r="QNH669" s="613"/>
      <c r="QNI669" s="613"/>
      <c r="QNJ669" s="613"/>
      <c r="QNK669" s="613"/>
      <c r="QNL669" s="613"/>
      <c r="QNM669" s="613"/>
      <c r="QNN669" s="613"/>
      <c r="QNO669" s="613"/>
      <c r="QNP669" s="613"/>
      <c r="QNQ669" s="613"/>
      <c r="QNR669" s="613"/>
      <c r="QNS669" s="613"/>
      <c r="QNT669" s="613"/>
      <c r="QNU669" s="613"/>
      <c r="QNV669" s="613"/>
      <c r="QNW669" s="613"/>
      <c r="QNX669" s="613"/>
      <c r="QNY669" s="613"/>
      <c r="QNZ669" s="613"/>
      <c r="QOA669" s="613"/>
      <c r="QOB669" s="613"/>
      <c r="QOC669" s="613"/>
      <c r="QOD669" s="613"/>
      <c r="QOE669" s="613"/>
      <c r="QOF669" s="613"/>
      <c r="QOG669" s="613"/>
      <c r="QOH669" s="613"/>
      <c r="QOI669" s="613"/>
      <c r="QOJ669" s="613"/>
      <c r="QOK669" s="613"/>
      <c r="QOL669" s="613"/>
      <c r="QOM669" s="613"/>
      <c r="QON669" s="613"/>
      <c r="QOO669" s="613"/>
      <c r="QOP669" s="613"/>
      <c r="QOQ669" s="613"/>
      <c r="QOR669" s="613"/>
      <c r="QOS669" s="613"/>
      <c r="QOT669" s="613"/>
      <c r="QOU669" s="613"/>
      <c r="QOV669" s="613"/>
      <c r="QOW669" s="613"/>
      <c r="QOX669" s="613"/>
      <c r="QOY669" s="613"/>
      <c r="QOZ669" s="613"/>
      <c r="QPA669" s="613"/>
      <c r="QPB669" s="613"/>
      <c r="QPC669" s="613"/>
      <c r="QPD669" s="613"/>
      <c r="QPE669" s="613"/>
      <c r="QPF669" s="613"/>
      <c r="QPG669" s="613"/>
      <c r="QPH669" s="613"/>
      <c r="QPI669" s="613"/>
      <c r="QPJ669" s="613"/>
      <c r="QPK669" s="613"/>
      <c r="QPL669" s="613"/>
      <c r="QPM669" s="613"/>
      <c r="QPN669" s="613"/>
      <c r="QPO669" s="613"/>
      <c r="QPP669" s="613"/>
      <c r="QPQ669" s="613"/>
      <c r="QPR669" s="613"/>
      <c r="QPS669" s="613"/>
      <c r="QPT669" s="613"/>
      <c r="QPU669" s="613"/>
      <c r="QPV669" s="613"/>
      <c r="QPW669" s="613"/>
      <c r="QPX669" s="613"/>
      <c r="QPY669" s="613"/>
      <c r="QPZ669" s="613"/>
      <c r="QQA669" s="613"/>
      <c r="QQB669" s="613"/>
      <c r="QQC669" s="613"/>
      <c r="QQD669" s="613"/>
      <c r="QQE669" s="613"/>
      <c r="QQF669" s="613"/>
      <c r="QQG669" s="613"/>
      <c r="QQH669" s="613"/>
      <c r="QQI669" s="613"/>
      <c r="QQJ669" s="613"/>
      <c r="QQK669" s="613"/>
      <c r="QQL669" s="613"/>
      <c r="QQM669" s="613"/>
      <c r="QQN669" s="613"/>
      <c r="QQO669" s="613"/>
      <c r="QQP669" s="613"/>
      <c r="QQQ669" s="613"/>
      <c r="QQR669" s="613"/>
      <c r="QQS669" s="613"/>
      <c r="QQT669" s="613"/>
      <c r="QQU669" s="613"/>
      <c r="QQV669" s="613"/>
      <c r="QQW669" s="613"/>
      <c r="QQX669" s="613"/>
      <c r="QQY669" s="613"/>
      <c r="QQZ669" s="613"/>
      <c r="QRA669" s="613"/>
      <c r="QRB669" s="613"/>
      <c r="QRC669" s="613"/>
      <c r="QRD669" s="613"/>
      <c r="QRE669" s="613"/>
      <c r="QRF669" s="613"/>
      <c r="QRG669" s="613"/>
      <c r="QRH669" s="613"/>
      <c r="QRI669" s="613"/>
      <c r="QRJ669" s="613"/>
      <c r="QRK669" s="613"/>
      <c r="QRL669" s="613"/>
      <c r="QRM669" s="613"/>
      <c r="QRN669" s="613"/>
      <c r="QRO669" s="613"/>
      <c r="QRP669" s="613"/>
      <c r="QRQ669" s="613"/>
      <c r="QRR669" s="613"/>
      <c r="QRS669" s="613"/>
      <c r="QRT669" s="613"/>
      <c r="QRU669" s="613"/>
      <c r="QRV669" s="613"/>
      <c r="QRW669" s="613"/>
      <c r="QRX669" s="613"/>
      <c r="QRY669" s="613"/>
      <c r="QRZ669" s="613"/>
      <c r="QSA669" s="613"/>
      <c r="QSB669" s="613"/>
      <c r="QSC669" s="613"/>
      <c r="QSD669" s="613"/>
      <c r="QSE669" s="613"/>
      <c r="QSF669" s="613"/>
      <c r="QSG669" s="613"/>
      <c r="QSH669" s="613"/>
      <c r="QSI669" s="613"/>
      <c r="QSJ669" s="613"/>
      <c r="QSK669" s="613"/>
      <c r="QSL669" s="613"/>
      <c r="QSM669" s="613"/>
      <c r="QSN669" s="613"/>
      <c r="QSO669" s="613"/>
      <c r="QSP669" s="613"/>
      <c r="QSQ669" s="613"/>
      <c r="QSR669" s="613"/>
      <c r="QSS669" s="613"/>
      <c r="QST669" s="613"/>
      <c r="QSU669" s="613"/>
      <c r="QSV669" s="613"/>
      <c r="QSW669" s="613"/>
      <c r="QSX669" s="613"/>
      <c r="QSY669" s="613"/>
      <c r="QSZ669" s="613"/>
      <c r="QTA669" s="613"/>
      <c r="QTB669" s="613"/>
      <c r="QTC669" s="613"/>
      <c r="QTD669" s="613"/>
      <c r="QTE669" s="613"/>
      <c r="QTF669" s="613"/>
      <c r="QTG669" s="613"/>
      <c r="QTH669" s="613"/>
      <c r="QTI669" s="613"/>
      <c r="QTJ669" s="613"/>
      <c r="QTK669" s="613"/>
      <c r="QTL669" s="613"/>
      <c r="QTM669" s="613"/>
      <c r="QTN669" s="613"/>
      <c r="QTO669" s="613"/>
      <c r="QTP669" s="613"/>
      <c r="QTQ669" s="613"/>
      <c r="QTR669" s="613"/>
      <c r="QTS669" s="613"/>
      <c r="QTT669" s="613"/>
      <c r="QTU669" s="613"/>
      <c r="QTV669" s="613"/>
      <c r="QTW669" s="613"/>
      <c r="QTX669" s="613"/>
      <c r="QTY669" s="613"/>
      <c r="QTZ669" s="613"/>
      <c r="QUA669" s="613"/>
      <c r="QUB669" s="613"/>
      <c r="QUC669" s="613"/>
      <c r="QUD669" s="613"/>
      <c r="QUE669" s="613"/>
      <c r="QUF669" s="613"/>
      <c r="QUG669" s="613"/>
      <c r="QUH669" s="613"/>
      <c r="QUI669" s="613"/>
      <c r="QUJ669" s="613"/>
      <c r="QUK669" s="613"/>
      <c r="QUL669" s="613"/>
      <c r="QUM669" s="613"/>
      <c r="QUN669" s="613"/>
      <c r="QUO669" s="613"/>
      <c r="QUP669" s="613"/>
      <c r="QUQ669" s="613"/>
      <c r="QUR669" s="613"/>
      <c r="QUS669" s="613"/>
      <c r="QUT669" s="613"/>
      <c r="QUU669" s="613"/>
      <c r="QUV669" s="613"/>
      <c r="QUW669" s="613"/>
      <c r="QUX669" s="613"/>
      <c r="QUY669" s="613"/>
      <c r="QUZ669" s="613"/>
      <c r="QVA669" s="613"/>
      <c r="QVB669" s="613"/>
      <c r="QVC669" s="613"/>
      <c r="QVD669" s="613"/>
      <c r="QVE669" s="613"/>
      <c r="QVF669" s="613"/>
      <c r="QVG669" s="613"/>
      <c r="QVH669" s="613"/>
      <c r="QVI669" s="613"/>
      <c r="QVJ669" s="613"/>
      <c r="QVK669" s="613"/>
      <c r="QVL669" s="613"/>
      <c r="QVM669" s="613"/>
      <c r="QVN669" s="613"/>
      <c r="QVO669" s="613"/>
      <c r="QVP669" s="613"/>
      <c r="QVQ669" s="613"/>
      <c r="QVR669" s="613"/>
      <c r="QVS669" s="613"/>
      <c r="QVT669" s="613"/>
      <c r="QVU669" s="613"/>
      <c r="QVV669" s="613"/>
      <c r="QVW669" s="613"/>
      <c r="QVX669" s="613"/>
      <c r="QVY669" s="613"/>
      <c r="QVZ669" s="613"/>
      <c r="QWA669" s="613"/>
      <c r="QWB669" s="613"/>
      <c r="QWC669" s="613"/>
      <c r="QWD669" s="613"/>
      <c r="QWE669" s="613"/>
      <c r="QWF669" s="613"/>
      <c r="QWG669" s="613"/>
      <c r="QWH669" s="613"/>
      <c r="QWI669" s="613"/>
      <c r="QWJ669" s="613"/>
      <c r="QWK669" s="613"/>
      <c r="QWL669" s="613"/>
      <c r="QWM669" s="613"/>
      <c r="QWN669" s="613"/>
      <c r="QWO669" s="613"/>
      <c r="QWP669" s="613"/>
      <c r="QWQ669" s="613"/>
      <c r="QWR669" s="613"/>
      <c r="QWS669" s="613"/>
      <c r="QWT669" s="613"/>
      <c r="QWU669" s="613"/>
      <c r="QWV669" s="613"/>
      <c r="QWW669" s="613"/>
      <c r="QWX669" s="613"/>
      <c r="QWY669" s="613"/>
      <c r="QWZ669" s="613"/>
      <c r="QXA669" s="613"/>
      <c r="QXB669" s="613"/>
      <c r="QXC669" s="613"/>
      <c r="QXD669" s="613"/>
      <c r="QXE669" s="613"/>
      <c r="QXF669" s="613"/>
      <c r="QXG669" s="613"/>
      <c r="QXH669" s="613"/>
      <c r="QXI669" s="613"/>
      <c r="QXJ669" s="613"/>
      <c r="QXK669" s="613"/>
      <c r="QXL669" s="613"/>
      <c r="QXM669" s="613"/>
      <c r="QXN669" s="613"/>
      <c r="QXO669" s="613"/>
      <c r="QXP669" s="613"/>
      <c r="QXQ669" s="613"/>
      <c r="QXR669" s="613"/>
      <c r="QXS669" s="613"/>
      <c r="QXT669" s="613"/>
      <c r="QXU669" s="613"/>
      <c r="QXV669" s="613"/>
      <c r="QXW669" s="613"/>
      <c r="QXX669" s="613"/>
      <c r="QXY669" s="613"/>
      <c r="QXZ669" s="613"/>
      <c r="QYA669" s="613"/>
      <c r="QYB669" s="613"/>
      <c r="QYC669" s="613"/>
      <c r="QYD669" s="613"/>
      <c r="QYE669" s="613"/>
      <c r="QYF669" s="613"/>
      <c r="QYG669" s="613"/>
      <c r="QYH669" s="613"/>
      <c r="QYI669" s="613"/>
      <c r="QYJ669" s="613"/>
      <c r="QYK669" s="613"/>
      <c r="QYL669" s="613"/>
      <c r="QYM669" s="613"/>
      <c r="QYN669" s="613"/>
      <c r="QYO669" s="613"/>
      <c r="QYP669" s="613"/>
      <c r="QYQ669" s="613"/>
      <c r="QYR669" s="613"/>
      <c r="QYS669" s="613"/>
      <c r="QYT669" s="613"/>
      <c r="QYU669" s="613"/>
      <c r="QYV669" s="613"/>
      <c r="QYW669" s="613"/>
      <c r="QYX669" s="613"/>
      <c r="QYY669" s="613"/>
      <c r="QYZ669" s="613"/>
      <c r="QZA669" s="613"/>
      <c r="QZB669" s="613"/>
      <c r="QZC669" s="613"/>
      <c r="QZD669" s="613"/>
      <c r="QZE669" s="613"/>
      <c r="QZF669" s="613"/>
      <c r="QZG669" s="613"/>
      <c r="QZH669" s="613"/>
      <c r="QZI669" s="613"/>
      <c r="QZJ669" s="613"/>
      <c r="QZK669" s="613"/>
      <c r="QZL669" s="613"/>
      <c r="QZM669" s="613"/>
      <c r="QZN669" s="613"/>
      <c r="QZO669" s="613"/>
      <c r="QZP669" s="613"/>
      <c r="QZQ669" s="613"/>
      <c r="QZR669" s="613"/>
      <c r="QZS669" s="613"/>
      <c r="QZT669" s="613"/>
      <c r="QZU669" s="613"/>
      <c r="QZV669" s="613"/>
      <c r="QZW669" s="613"/>
      <c r="QZX669" s="613"/>
      <c r="QZY669" s="613"/>
      <c r="QZZ669" s="613"/>
      <c r="RAA669" s="613"/>
      <c r="RAB669" s="613"/>
      <c r="RAC669" s="613"/>
      <c r="RAD669" s="613"/>
      <c r="RAE669" s="613"/>
      <c r="RAF669" s="613"/>
      <c r="RAG669" s="613"/>
      <c r="RAH669" s="613"/>
      <c r="RAI669" s="613"/>
      <c r="RAJ669" s="613"/>
      <c r="RAK669" s="613"/>
      <c r="RAL669" s="613"/>
      <c r="RAM669" s="613"/>
      <c r="RAN669" s="613"/>
      <c r="RAO669" s="613"/>
      <c r="RAP669" s="613"/>
      <c r="RAQ669" s="613"/>
      <c r="RAR669" s="613"/>
      <c r="RAS669" s="613"/>
      <c r="RAT669" s="613"/>
      <c r="RAU669" s="613"/>
      <c r="RAV669" s="613"/>
      <c r="RAW669" s="613"/>
      <c r="RAX669" s="613"/>
      <c r="RAY669" s="613"/>
      <c r="RAZ669" s="613"/>
      <c r="RBA669" s="613"/>
      <c r="RBB669" s="613"/>
      <c r="RBC669" s="613"/>
      <c r="RBD669" s="613"/>
      <c r="RBE669" s="613"/>
      <c r="RBF669" s="613"/>
      <c r="RBG669" s="613"/>
      <c r="RBH669" s="613"/>
      <c r="RBI669" s="613"/>
      <c r="RBJ669" s="613"/>
      <c r="RBK669" s="613"/>
      <c r="RBL669" s="613"/>
      <c r="RBM669" s="613"/>
      <c r="RBN669" s="613"/>
      <c r="RBO669" s="613"/>
      <c r="RBP669" s="613"/>
      <c r="RBQ669" s="613"/>
      <c r="RBR669" s="613"/>
      <c r="RBS669" s="613"/>
      <c r="RBT669" s="613"/>
      <c r="RBU669" s="613"/>
      <c r="RBV669" s="613"/>
      <c r="RBW669" s="613"/>
      <c r="RBX669" s="613"/>
      <c r="RBY669" s="613"/>
      <c r="RBZ669" s="613"/>
      <c r="RCA669" s="613"/>
      <c r="RCB669" s="613"/>
      <c r="RCC669" s="613"/>
      <c r="RCD669" s="613"/>
      <c r="RCE669" s="613"/>
      <c r="RCF669" s="613"/>
      <c r="RCG669" s="613"/>
      <c r="RCH669" s="613"/>
      <c r="RCI669" s="613"/>
      <c r="RCJ669" s="613"/>
      <c r="RCK669" s="613"/>
      <c r="RCL669" s="613"/>
      <c r="RCM669" s="613"/>
      <c r="RCN669" s="613"/>
      <c r="RCO669" s="613"/>
      <c r="RCP669" s="613"/>
      <c r="RCQ669" s="613"/>
      <c r="RCR669" s="613"/>
      <c r="RCS669" s="613"/>
      <c r="RCT669" s="613"/>
      <c r="RCU669" s="613"/>
      <c r="RCV669" s="613"/>
      <c r="RCW669" s="613"/>
      <c r="RCX669" s="613"/>
      <c r="RCY669" s="613"/>
      <c r="RCZ669" s="613"/>
      <c r="RDA669" s="613"/>
      <c r="RDB669" s="613"/>
      <c r="RDC669" s="613"/>
      <c r="RDD669" s="613"/>
      <c r="RDE669" s="613"/>
      <c r="RDF669" s="613"/>
      <c r="RDG669" s="613"/>
      <c r="RDH669" s="613"/>
      <c r="RDI669" s="613"/>
      <c r="RDJ669" s="613"/>
      <c r="RDK669" s="613"/>
      <c r="RDL669" s="613"/>
      <c r="RDM669" s="613"/>
      <c r="RDN669" s="613"/>
      <c r="RDO669" s="613"/>
      <c r="RDP669" s="613"/>
      <c r="RDQ669" s="613"/>
      <c r="RDR669" s="613"/>
      <c r="RDS669" s="613"/>
      <c r="RDT669" s="613"/>
      <c r="RDU669" s="613"/>
      <c r="RDV669" s="613"/>
      <c r="RDW669" s="613"/>
      <c r="RDX669" s="613"/>
      <c r="RDY669" s="613"/>
      <c r="RDZ669" s="613"/>
      <c r="REA669" s="613"/>
      <c r="REB669" s="613"/>
      <c r="REC669" s="613"/>
      <c r="RED669" s="613"/>
      <c r="REE669" s="613"/>
      <c r="REF669" s="613"/>
      <c r="REG669" s="613"/>
      <c r="REH669" s="613"/>
      <c r="REI669" s="613"/>
      <c r="REJ669" s="613"/>
      <c r="REK669" s="613"/>
      <c r="REL669" s="613"/>
      <c r="REM669" s="613"/>
      <c r="REN669" s="613"/>
      <c r="REO669" s="613"/>
      <c r="REP669" s="613"/>
      <c r="REQ669" s="613"/>
      <c r="RER669" s="613"/>
      <c r="RES669" s="613"/>
      <c r="RET669" s="613"/>
      <c r="REU669" s="613"/>
      <c r="REV669" s="613"/>
      <c r="REW669" s="613"/>
      <c r="REX669" s="613"/>
      <c r="REY669" s="613"/>
      <c r="REZ669" s="613"/>
      <c r="RFA669" s="613"/>
      <c r="RFB669" s="613"/>
      <c r="RFC669" s="613"/>
      <c r="RFD669" s="613"/>
      <c r="RFE669" s="613"/>
      <c r="RFF669" s="613"/>
      <c r="RFG669" s="613"/>
      <c r="RFH669" s="613"/>
      <c r="RFI669" s="613"/>
      <c r="RFJ669" s="613"/>
      <c r="RFK669" s="613"/>
      <c r="RFL669" s="613"/>
      <c r="RFM669" s="613"/>
      <c r="RFN669" s="613"/>
      <c r="RFO669" s="613"/>
      <c r="RFP669" s="613"/>
      <c r="RFQ669" s="613"/>
      <c r="RFR669" s="613"/>
      <c r="RFS669" s="613"/>
      <c r="RFT669" s="613"/>
      <c r="RFU669" s="613"/>
      <c r="RFV669" s="613"/>
      <c r="RFW669" s="613"/>
      <c r="RFX669" s="613"/>
      <c r="RFY669" s="613"/>
      <c r="RFZ669" s="613"/>
      <c r="RGA669" s="613"/>
      <c r="RGB669" s="613"/>
      <c r="RGC669" s="613"/>
      <c r="RGD669" s="613"/>
      <c r="RGE669" s="613"/>
      <c r="RGF669" s="613"/>
      <c r="RGG669" s="613"/>
      <c r="RGH669" s="613"/>
      <c r="RGI669" s="613"/>
      <c r="RGJ669" s="613"/>
      <c r="RGK669" s="613"/>
      <c r="RGL669" s="613"/>
      <c r="RGM669" s="613"/>
      <c r="RGN669" s="613"/>
      <c r="RGO669" s="613"/>
      <c r="RGP669" s="613"/>
      <c r="RGQ669" s="613"/>
      <c r="RGR669" s="613"/>
      <c r="RGS669" s="613"/>
      <c r="RGT669" s="613"/>
      <c r="RGU669" s="613"/>
      <c r="RGV669" s="613"/>
      <c r="RGW669" s="613"/>
      <c r="RGX669" s="613"/>
      <c r="RGY669" s="613"/>
      <c r="RGZ669" s="613"/>
      <c r="RHA669" s="613"/>
      <c r="RHB669" s="613"/>
      <c r="RHC669" s="613"/>
      <c r="RHD669" s="613"/>
      <c r="RHE669" s="613"/>
      <c r="RHF669" s="613"/>
      <c r="RHG669" s="613"/>
      <c r="RHH669" s="613"/>
      <c r="RHI669" s="613"/>
      <c r="RHJ669" s="613"/>
      <c r="RHK669" s="613"/>
      <c r="RHL669" s="613"/>
      <c r="RHM669" s="613"/>
      <c r="RHN669" s="613"/>
      <c r="RHO669" s="613"/>
      <c r="RHP669" s="613"/>
      <c r="RHQ669" s="613"/>
      <c r="RHR669" s="613"/>
      <c r="RHS669" s="613"/>
      <c r="RHT669" s="613"/>
      <c r="RHU669" s="613"/>
      <c r="RHV669" s="613"/>
      <c r="RHW669" s="613"/>
      <c r="RHX669" s="613"/>
      <c r="RHY669" s="613"/>
      <c r="RHZ669" s="613"/>
      <c r="RIA669" s="613"/>
      <c r="RIB669" s="613"/>
      <c r="RIC669" s="613"/>
      <c r="RID669" s="613"/>
      <c r="RIE669" s="613"/>
      <c r="RIF669" s="613"/>
      <c r="RIG669" s="613"/>
      <c r="RIH669" s="613"/>
      <c r="RII669" s="613"/>
      <c r="RIJ669" s="613"/>
      <c r="RIK669" s="613"/>
      <c r="RIL669" s="613"/>
      <c r="RIM669" s="613"/>
      <c r="RIN669" s="613"/>
      <c r="RIO669" s="613"/>
      <c r="RIP669" s="613"/>
      <c r="RIQ669" s="613"/>
      <c r="RIR669" s="613"/>
      <c r="RIS669" s="613"/>
      <c r="RIT669" s="613"/>
      <c r="RIU669" s="613"/>
      <c r="RIV669" s="613"/>
      <c r="RIW669" s="613"/>
      <c r="RIX669" s="613"/>
      <c r="RIY669" s="613"/>
      <c r="RIZ669" s="613"/>
      <c r="RJA669" s="613"/>
      <c r="RJB669" s="613"/>
      <c r="RJC669" s="613"/>
      <c r="RJD669" s="613"/>
      <c r="RJE669" s="613"/>
      <c r="RJF669" s="613"/>
      <c r="RJG669" s="613"/>
      <c r="RJH669" s="613"/>
      <c r="RJI669" s="613"/>
      <c r="RJJ669" s="613"/>
      <c r="RJK669" s="613"/>
      <c r="RJL669" s="613"/>
      <c r="RJM669" s="613"/>
      <c r="RJN669" s="613"/>
      <c r="RJO669" s="613"/>
      <c r="RJP669" s="613"/>
      <c r="RJQ669" s="613"/>
      <c r="RJR669" s="613"/>
      <c r="RJS669" s="613"/>
      <c r="RJT669" s="613"/>
      <c r="RJU669" s="613"/>
      <c r="RJV669" s="613"/>
      <c r="RJW669" s="613"/>
      <c r="RJX669" s="613"/>
      <c r="RJY669" s="613"/>
      <c r="RJZ669" s="613"/>
      <c r="RKA669" s="613"/>
      <c r="RKB669" s="613"/>
      <c r="RKC669" s="613"/>
      <c r="RKD669" s="613"/>
      <c r="RKE669" s="613"/>
      <c r="RKF669" s="613"/>
      <c r="RKG669" s="613"/>
      <c r="RKH669" s="613"/>
      <c r="RKI669" s="613"/>
      <c r="RKJ669" s="613"/>
      <c r="RKK669" s="613"/>
      <c r="RKL669" s="613"/>
      <c r="RKM669" s="613"/>
      <c r="RKN669" s="613"/>
      <c r="RKO669" s="613"/>
      <c r="RKP669" s="613"/>
      <c r="RKQ669" s="613"/>
      <c r="RKR669" s="613"/>
      <c r="RKS669" s="613"/>
      <c r="RKT669" s="613"/>
      <c r="RKU669" s="613"/>
      <c r="RKV669" s="613"/>
      <c r="RKW669" s="613"/>
      <c r="RKX669" s="613"/>
      <c r="RKY669" s="613"/>
      <c r="RKZ669" s="613"/>
      <c r="RLA669" s="613"/>
      <c r="RLB669" s="613"/>
      <c r="RLC669" s="613"/>
      <c r="RLD669" s="613"/>
      <c r="RLE669" s="613"/>
      <c r="RLF669" s="613"/>
      <c r="RLG669" s="613"/>
      <c r="RLH669" s="613"/>
      <c r="RLI669" s="613"/>
      <c r="RLJ669" s="613"/>
      <c r="RLK669" s="613"/>
      <c r="RLL669" s="613"/>
      <c r="RLM669" s="613"/>
      <c r="RLN669" s="613"/>
      <c r="RLO669" s="613"/>
      <c r="RLP669" s="613"/>
      <c r="RLQ669" s="613"/>
      <c r="RLR669" s="613"/>
      <c r="RLS669" s="613"/>
      <c r="RLT669" s="613"/>
      <c r="RLU669" s="613"/>
      <c r="RLV669" s="613"/>
      <c r="RLW669" s="613"/>
      <c r="RLX669" s="613"/>
      <c r="RLY669" s="613"/>
      <c r="RLZ669" s="613"/>
      <c r="RMA669" s="613"/>
      <c r="RMB669" s="613"/>
      <c r="RMC669" s="613"/>
      <c r="RMD669" s="613"/>
      <c r="RME669" s="613"/>
      <c r="RMF669" s="613"/>
      <c r="RMG669" s="613"/>
      <c r="RMH669" s="613"/>
      <c r="RMI669" s="613"/>
      <c r="RMJ669" s="613"/>
      <c r="RMK669" s="613"/>
      <c r="RML669" s="613"/>
      <c r="RMM669" s="613"/>
      <c r="RMN669" s="613"/>
      <c r="RMO669" s="613"/>
      <c r="RMP669" s="613"/>
      <c r="RMQ669" s="613"/>
      <c r="RMR669" s="613"/>
      <c r="RMS669" s="613"/>
      <c r="RMT669" s="613"/>
      <c r="RMU669" s="613"/>
      <c r="RMV669" s="613"/>
      <c r="RMW669" s="613"/>
      <c r="RMX669" s="613"/>
      <c r="RMY669" s="613"/>
      <c r="RMZ669" s="613"/>
      <c r="RNA669" s="613"/>
      <c r="RNB669" s="613"/>
      <c r="RNC669" s="613"/>
      <c r="RND669" s="613"/>
      <c r="RNE669" s="613"/>
      <c r="RNF669" s="613"/>
      <c r="RNG669" s="613"/>
      <c r="RNH669" s="613"/>
      <c r="RNI669" s="613"/>
      <c r="RNJ669" s="613"/>
      <c r="RNK669" s="613"/>
      <c r="RNL669" s="613"/>
      <c r="RNM669" s="613"/>
      <c r="RNN669" s="613"/>
      <c r="RNO669" s="613"/>
      <c r="RNP669" s="613"/>
      <c r="RNQ669" s="613"/>
      <c r="RNR669" s="613"/>
      <c r="RNS669" s="613"/>
      <c r="RNT669" s="613"/>
      <c r="RNU669" s="613"/>
      <c r="RNV669" s="613"/>
      <c r="RNW669" s="613"/>
      <c r="RNX669" s="613"/>
      <c r="RNY669" s="613"/>
      <c r="RNZ669" s="613"/>
      <c r="ROA669" s="613"/>
      <c r="ROB669" s="613"/>
      <c r="ROC669" s="613"/>
      <c r="ROD669" s="613"/>
      <c r="ROE669" s="613"/>
      <c r="ROF669" s="613"/>
      <c r="ROG669" s="613"/>
      <c r="ROH669" s="613"/>
      <c r="ROI669" s="613"/>
      <c r="ROJ669" s="613"/>
      <c r="ROK669" s="613"/>
      <c r="ROL669" s="613"/>
      <c r="ROM669" s="613"/>
      <c r="RON669" s="613"/>
      <c r="ROO669" s="613"/>
      <c r="ROP669" s="613"/>
      <c r="ROQ669" s="613"/>
      <c r="ROR669" s="613"/>
      <c r="ROS669" s="613"/>
      <c r="ROT669" s="613"/>
      <c r="ROU669" s="613"/>
      <c r="ROV669" s="613"/>
      <c r="ROW669" s="613"/>
      <c r="ROX669" s="613"/>
      <c r="ROY669" s="613"/>
      <c r="ROZ669" s="613"/>
      <c r="RPA669" s="613"/>
      <c r="RPB669" s="613"/>
      <c r="RPC669" s="613"/>
      <c r="RPD669" s="613"/>
      <c r="RPE669" s="613"/>
      <c r="RPF669" s="613"/>
      <c r="RPG669" s="613"/>
      <c r="RPH669" s="613"/>
      <c r="RPI669" s="613"/>
      <c r="RPJ669" s="613"/>
      <c r="RPK669" s="613"/>
      <c r="RPL669" s="613"/>
      <c r="RPM669" s="613"/>
      <c r="RPN669" s="613"/>
      <c r="RPO669" s="613"/>
      <c r="RPP669" s="613"/>
      <c r="RPQ669" s="613"/>
      <c r="RPR669" s="613"/>
      <c r="RPS669" s="613"/>
      <c r="RPT669" s="613"/>
      <c r="RPU669" s="613"/>
      <c r="RPV669" s="613"/>
      <c r="RPW669" s="613"/>
      <c r="RPX669" s="613"/>
      <c r="RPY669" s="613"/>
      <c r="RPZ669" s="613"/>
      <c r="RQA669" s="613"/>
      <c r="RQB669" s="613"/>
      <c r="RQC669" s="613"/>
      <c r="RQD669" s="613"/>
      <c r="RQE669" s="613"/>
      <c r="RQF669" s="613"/>
      <c r="RQG669" s="613"/>
      <c r="RQH669" s="613"/>
      <c r="RQI669" s="613"/>
      <c r="RQJ669" s="613"/>
      <c r="RQK669" s="613"/>
      <c r="RQL669" s="613"/>
      <c r="RQM669" s="613"/>
      <c r="RQN669" s="613"/>
      <c r="RQO669" s="613"/>
      <c r="RQP669" s="613"/>
      <c r="RQQ669" s="613"/>
      <c r="RQR669" s="613"/>
      <c r="RQS669" s="613"/>
      <c r="RQT669" s="613"/>
      <c r="RQU669" s="613"/>
      <c r="RQV669" s="613"/>
      <c r="RQW669" s="613"/>
      <c r="RQX669" s="613"/>
      <c r="RQY669" s="613"/>
      <c r="RQZ669" s="613"/>
      <c r="RRA669" s="613"/>
      <c r="RRB669" s="613"/>
      <c r="RRC669" s="613"/>
      <c r="RRD669" s="613"/>
      <c r="RRE669" s="613"/>
      <c r="RRF669" s="613"/>
      <c r="RRG669" s="613"/>
      <c r="RRH669" s="613"/>
      <c r="RRI669" s="613"/>
      <c r="RRJ669" s="613"/>
      <c r="RRK669" s="613"/>
      <c r="RRL669" s="613"/>
      <c r="RRM669" s="613"/>
      <c r="RRN669" s="613"/>
      <c r="RRO669" s="613"/>
      <c r="RRP669" s="613"/>
      <c r="RRQ669" s="613"/>
      <c r="RRR669" s="613"/>
      <c r="RRS669" s="613"/>
      <c r="RRT669" s="613"/>
      <c r="RRU669" s="613"/>
      <c r="RRV669" s="613"/>
      <c r="RRW669" s="613"/>
      <c r="RRX669" s="613"/>
      <c r="RRY669" s="613"/>
      <c r="RRZ669" s="613"/>
      <c r="RSA669" s="613"/>
      <c r="RSB669" s="613"/>
      <c r="RSC669" s="613"/>
      <c r="RSD669" s="613"/>
      <c r="RSE669" s="613"/>
      <c r="RSF669" s="613"/>
      <c r="RSG669" s="613"/>
      <c r="RSH669" s="613"/>
      <c r="RSI669" s="613"/>
      <c r="RSJ669" s="613"/>
      <c r="RSK669" s="613"/>
      <c r="RSL669" s="613"/>
      <c r="RSM669" s="613"/>
      <c r="RSN669" s="613"/>
      <c r="RSO669" s="613"/>
      <c r="RSP669" s="613"/>
      <c r="RSQ669" s="613"/>
      <c r="RSR669" s="613"/>
      <c r="RSS669" s="613"/>
      <c r="RST669" s="613"/>
      <c r="RSU669" s="613"/>
      <c r="RSV669" s="613"/>
      <c r="RSW669" s="613"/>
      <c r="RSX669" s="613"/>
      <c r="RSY669" s="613"/>
      <c r="RSZ669" s="613"/>
      <c r="RTA669" s="613"/>
      <c r="RTB669" s="613"/>
      <c r="RTC669" s="613"/>
      <c r="RTD669" s="613"/>
      <c r="RTE669" s="613"/>
      <c r="RTF669" s="613"/>
      <c r="RTG669" s="613"/>
      <c r="RTH669" s="613"/>
      <c r="RTI669" s="613"/>
      <c r="RTJ669" s="613"/>
      <c r="RTK669" s="613"/>
      <c r="RTL669" s="613"/>
      <c r="RTM669" s="613"/>
      <c r="RTN669" s="613"/>
      <c r="RTO669" s="613"/>
      <c r="RTP669" s="613"/>
      <c r="RTQ669" s="613"/>
      <c r="RTR669" s="613"/>
      <c r="RTS669" s="613"/>
      <c r="RTT669" s="613"/>
      <c r="RTU669" s="613"/>
      <c r="RTV669" s="613"/>
      <c r="RTW669" s="613"/>
      <c r="RTX669" s="613"/>
      <c r="RTY669" s="613"/>
      <c r="RTZ669" s="613"/>
      <c r="RUA669" s="613"/>
      <c r="RUB669" s="613"/>
      <c r="RUC669" s="613"/>
      <c r="RUD669" s="613"/>
      <c r="RUE669" s="613"/>
      <c r="RUF669" s="613"/>
      <c r="RUG669" s="613"/>
      <c r="RUH669" s="613"/>
      <c r="RUI669" s="613"/>
      <c r="RUJ669" s="613"/>
      <c r="RUK669" s="613"/>
      <c r="RUL669" s="613"/>
      <c r="RUM669" s="613"/>
      <c r="RUN669" s="613"/>
      <c r="RUO669" s="613"/>
      <c r="RUP669" s="613"/>
      <c r="RUQ669" s="613"/>
      <c r="RUR669" s="613"/>
      <c r="RUS669" s="613"/>
      <c r="RUT669" s="613"/>
      <c r="RUU669" s="613"/>
      <c r="RUV669" s="613"/>
      <c r="RUW669" s="613"/>
      <c r="RUX669" s="613"/>
      <c r="RUY669" s="613"/>
      <c r="RUZ669" s="613"/>
      <c r="RVA669" s="613"/>
      <c r="RVB669" s="613"/>
      <c r="RVC669" s="613"/>
      <c r="RVD669" s="613"/>
      <c r="RVE669" s="613"/>
      <c r="RVF669" s="613"/>
      <c r="RVG669" s="613"/>
      <c r="RVH669" s="613"/>
      <c r="RVI669" s="613"/>
      <c r="RVJ669" s="613"/>
      <c r="RVK669" s="613"/>
      <c r="RVL669" s="613"/>
      <c r="RVM669" s="613"/>
      <c r="RVN669" s="613"/>
      <c r="RVO669" s="613"/>
      <c r="RVP669" s="613"/>
      <c r="RVQ669" s="613"/>
      <c r="RVR669" s="613"/>
      <c r="RVS669" s="613"/>
      <c r="RVT669" s="613"/>
      <c r="RVU669" s="613"/>
      <c r="RVV669" s="613"/>
      <c r="RVW669" s="613"/>
      <c r="RVX669" s="613"/>
      <c r="RVY669" s="613"/>
      <c r="RVZ669" s="613"/>
      <c r="RWA669" s="613"/>
      <c r="RWB669" s="613"/>
      <c r="RWC669" s="613"/>
      <c r="RWD669" s="613"/>
      <c r="RWE669" s="613"/>
      <c r="RWF669" s="613"/>
      <c r="RWG669" s="613"/>
      <c r="RWH669" s="613"/>
      <c r="RWI669" s="613"/>
      <c r="RWJ669" s="613"/>
      <c r="RWK669" s="613"/>
      <c r="RWL669" s="613"/>
      <c r="RWM669" s="613"/>
      <c r="RWN669" s="613"/>
      <c r="RWO669" s="613"/>
      <c r="RWP669" s="613"/>
      <c r="RWQ669" s="613"/>
      <c r="RWR669" s="613"/>
      <c r="RWS669" s="613"/>
      <c r="RWT669" s="613"/>
      <c r="RWU669" s="613"/>
      <c r="RWV669" s="613"/>
      <c r="RWW669" s="613"/>
      <c r="RWX669" s="613"/>
      <c r="RWY669" s="613"/>
      <c r="RWZ669" s="613"/>
      <c r="RXA669" s="613"/>
      <c r="RXB669" s="613"/>
      <c r="RXC669" s="613"/>
      <c r="RXD669" s="613"/>
      <c r="RXE669" s="613"/>
      <c r="RXF669" s="613"/>
      <c r="RXG669" s="613"/>
      <c r="RXH669" s="613"/>
      <c r="RXI669" s="613"/>
      <c r="RXJ669" s="613"/>
      <c r="RXK669" s="613"/>
      <c r="RXL669" s="613"/>
      <c r="RXM669" s="613"/>
      <c r="RXN669" s="613"/>
      <c r="RXO669" s="613"/>
      <c r="RXP669" s="613"/>
      <c r="RXQ669" s="613"/>
      <c r="RXR669" s="613"/>
      <c r="RXS669" s="613"/>
      <c r="RXT669" s="613"/>
      <c r="RXU669" s="613"/>
      <c r="RXV669" s="613"/>
      <c r="RXW669" s="613"/>
      <c r="RXX669" s="613"/>
      <c r="RXY669" s="613"/>
      <c r="RXZ669" s="613"/>
      <c r="RYA669" s="613"/>
      <c r="RYB669" s="613"/>
      <c r="RYC669" s="613"/>
      <c r="RYD669" s="613"/>
      <c r="RYE669" s="613"/>
      <c r="RYF669" s="613"/>
      <c r="RYG669" s="613"/>
      <c r="RYH669" s="613"/>
      <c r="RYI669" s="613"/>
      <c r="RYJ669" s="613"/>
      <c r="RYK669" s="613"/>
      <c r="RYL669" s="613"/>
      <c r="RYM669" s="613"/>
      <c r="RYN669" s="613"/>
      <c r="RYO669" s="613"/>
      <c r="RYP669" s="613"/>
      <c r="RYQ669" s="613"/>
      <c r="RYR669" s="613"/>
      <c r="RYS669" s="613"/>
      <c r="RYT669" s="613"/>
      <c r="RYU669" s="613"/>
      <c r="RYV669" s="613"/>
      <c r="RYW669" s="613"/>
      <c r="RYX669" s="613"/>
      <c r="RYY669" s="613"/>
      <c r="RYZ669" s="613"/>
      <c r="RZA669" s="613"/>
      <c r="RZB669" s="613"/>
      <c r="RZC669" s="613"/>
      <c r="RZD669" s="613"/>
      <c r="RZE669" s="613"/>
      <c r="RZF669" s="613"/>
      <c r="RZG669" s="613"/>
      <c r="RZH669" s="613"/>
      <c r="RZI669" s="613"/>
      <c r="RZJ669" s="613"/>
      <c r="RZK669" s="613"/>
      <c r="RZL669" s="613"/>
      <c r="RZM669" s="613"/>
      <c r="RZN669" s="613"/>
      <c r="RZO669" s="613"/>
      <c r="RZP669" s="613"/>
      <c r="RZQ669" s="613"/>
      <c r="RZR669" s="613"/>
      <c r="RZS669" s="613"/>
      <c r="RZT669" s="613"/>
      <c r="RZU669" s="613"/>
      <c r="RZV669" s="613"/>
      <c r="RZW669" s="613"/>
      <c r="RZX669" s="613"/>
      <c r="RZY669" s="613"/>
      <c r="RZZ669" s="613"/>
      <c r="SAA669" s="613"/>
      <c r="SAB669" s="613"/>
      <c r="SAC669" s="613"/>
      <c r="SAD669" s="613"/>
      <c r="SAE669" s="613"/>
      <c r="SAF669" s="613"/>
      <c r="SAG669" s="613"/>
      <c r="SAH669" s="613"/>
      <c r="SAI669" s="613"/>
      <c r="SAJ669" s="613"/>
      <c r="SAK669" s="613"/>
      <c r="SAL669" s="613"/>
      <c r="SAM669" s="613"/>
      <c r="SAN669" s="613"/>
      <c r="SAO669" s="613"/>
      <c r="SAP669" s="613"/>
      <c r="SAQ669" s="613"/>
      <c r="SAR669" s="613"/>
      <c r="SAS669" s="613"/>
      <c r="SAT669" s="613"/>
      <c r="SAU669" s="613"/>
      <c r="SAV669" s="613"/>
      <c r="SAW669" s="613"/>
      <c r="SAX669" s="613"/>
      <c r="SAY669" s="613"/>
      <c r="SAZ669" s="613"/>
      <c r="SBA669" s="613"/>
      <c r="SBB669" s="613"/>
      <c r="SBC669" s="613"/>
      <c r="SBD669" s="613"/>
      <c r="SBE669" s="613"/>
      <c r="SBF669" s="613"/>
      <c r="SBG669" s="613"/>
      <c r="SBH669" s="613"/>
      <c r="SBI669" s="613"/>
      <c r="SBJ669" s="613"/>
      <c r="SBK669" s="613"/>
      <c r="SBL669" s="613"/>
      <c r="SBM669" s="613"/>
      <c r="SBN669" s="613"/>
      <c r="SBO669" s="613"/>
      <c r="SBP669" s="613"/>
      <c r="SBQ669" s="613"/>
      <c r="SBR669" s="613"/>
      <c r="SBS669" s="613"/>
      <c r="SBT669" s="613"/>
      <c r="SBU669" s="613"/>
      <c r="SBV669" s="613"/>
      <c r="SBW669" s="613"/>
      <c r="SBX669" s="613"/>
      <c r="SBY669" s="613"/>
      <c r="SBZ669" s="613"/>
      <c r="SCA669" s="613"/>
      <c r="SCB669" s="613"/>
      <c r="SCC669" s="613"/>
      <c r="SCD669" s="613"/>
      <c r="SCE669" s="613"/>
      <c r="SCF669" s="613"/>
      <c r="SCG669" s="613"/>
      <c r="SCH669" s="613"/>
      <c r="SCI669" s="613"/>
      <c r="SCJ669" s="613"/>
      <c r="SCK669" s="613"/>
      <c r="SCL669" s="613"/>
      <c r="SCM669" s="613"/>
      <c r="SCN669" s="613"/>
      <c r="SCO669" s="613"/>
      <c r="SCP669" s="613"/>
      <c r="SCQ669" s="613"/>
      <c r="SCR669" s="613"/>
      <c r="SCS669" s="613"/>
      <c r="SCT669" s="613"/>
      <c r="SCU669" s="613"/>
      <c r="SCV669" s="613"/>
      <c r="SCW669" s="613"/>
      <c r="SCX669" s="613"/>
      <c r="SCY669" s="613"/>
      <c r="SCZ669" s="613"/>
      <c r="SDA669" s="613"/>
      <c r="SDB669" s="613"/>
      <c r="SDC669" s="613"/>
      <c r="SDD669" s="613"/>
      <c r="SDE669" s="613"/>
      <c r="SDF669" s="613"/>
      <c r="SDG669" s="613"/>
      <c r="SDH669" s="613"/>
      <c r="SDI669" s="613"/>
      <c r="SDJ669" s="613"/>
      <c r="SDK669" s="613"/>
      <c r="SDL669" s="613"/>
      <c r="SDM669" s="613"/>
      <c r="SDN669" s="613"/>
      <c r="SDO669" s="613"/>
      <c r="SDP669" s="613"/>
      <c r="SDQ669" s="613"/>
      <c r="SDR669" s="613"/>
      <c r="SDS669" s="613"/>
      <c r="SDT669" s="613"/>
      <c r="SDU669" s="613"/>
      <c r="SDV669" s="613"/>
      <c r="SDW669" s="613"/>
      <c r="SDX669" s="613"/>
      <c r="SDY669" s="613"/>
      <c r="SDZ669" s="613"/>
      <c r="SEA669" s="613"/>
      <c r="SEB669" s="613"/>
      <c r="SEC669" s="613"/>
      <c r="SED669" s="613"/>
      <c r="SEE669" s="613"/>
      <c r="SEF669" s="613"/>
      <c r="SEG669" s="613"/>
      <c r="SEH669" s="613"/>
      <c r="SEI669" s="613"/>
      <c r="SEJ669" s="613"/>
      <c r="SEK669" s="613"/>
      <c r="SEL669" s="613"/>
      <c r="SEM669" s="613"/>
      <c r="SEN669" s="613"/>
      <c r="SEO669" s="613"/>
      <c r="SEP669" s="613"/>
      <c r="SEQ669" s="613"/>
      <c r="SER669" s="613"/>
      <c r="SES669" s="613"/>
      <c r="SET669" s="613"/>
      <c r="SEU669" s="613"/>
      <c r="SEV669" s="613"/>
      <c r="SEW669" s="613"/>
      <c r="SEX669" s="613"/>
      <c r="SEY669" s="613"/>
      <c r="SEZ669" s="613"/>
      <c r="SFA669" s="613"/>
      <c r="SFB669" s="613"/>
      <c r="SFC669" s="613"/>
      <c r="SFD669" s="613"/>
      <c r="SFE669" s="613"/>
      <c r="SFF669" s="613"/>
      <c r="SFG669" s="613"/>
      <c r="SFH669" s="613"/>
      <c r="SFI669" s="613"/>
      <c r="SFJ669" s="613"/>
      <c r="SFK669" s="613"/>
      <c r="SFL669" s="613"/>
      <c r="SFM669" s="613"/>
      <c r="SFN669" s="613"/>
      <c r="SFO669" s="613"/>
      <c r="SFP669" s="613"/>
      <c r="SFQ669" s="613"/>
      <c r="SFR669" s="613"/>
      <c r="SFS669" s="613"/>
      <c r="SFT669" s="613"/>
      <c r="SFU669" s="613"/>
      <c r="SFV669" s="613"/>
      <c r="SFW669" s="613"/>
      <c r="SFX669" s="613"/>
      <c r="SFY669" s="613"/>
      <c r="SFZ669" s="613"/>
      <c r="SGA669" s="613"/>
      <c r="SGB669" s="613"/>
      <c r="SGC669" s="613"/>
      <c r="SGD669" s="613"/>
      <c r="SGE669" s="613"/>
      <c r="SGF669" s="613"/>
      <c r="SGG669" s="613"/>
      <c r="SGH669" s="613"/>
      <c r="SGI669" s="613"/>
      <c r="SGJ669" s="613"/>
      <c r="SGK669" s="613"/>
      <c r="SGL669" s="613"/>
      <c r="SGM669" s="613"/>
      <c r="SGN669" s="613"/>
      <c r="SGO669" s="613"/>
      <c r="SGP669" s="613"/>
      <c r="SGQ669" s="613"/>
      <c r="SGR669" s="613"/>
      <c r="SGS669" s="613"/>
      <c r="SGT669" s="613"/>
      <c r="SGU669" s="613"/>
      <c r="SGV669" s="613"/>
      <c r="SGW669" s="613"/>
      <c r="SGX669" s="613"/>
      <c r="SGY669" s="613"/>
      <c r="SGZ669" s="613"/>
      <c r="SHA669" s="613"/>
      <c r="SHB669" s="613"/>
      <c r="SHC669" s="613"/>
      <c r="SHD669" s="613"/>
      <c r="SHE669" s="613"/>
      <c r="SHF669" s="613"/>
      <c r="SHG669" s="613"/>
      <c r="SHH669" s="613"/>
      <c r="SHI669" s="613"/>
      <c r="SHJ669" s="613"/>
      <c r="SHK669" s="613"/>
      <c r="SHL669" s="613"/>
      <c r="SHM669" s="613"/>
      <c r="SHN669" s="613"/>
      <c r="SHO669" s="613"/>
      <c r="SHP669" s="613"/>
      <c r="SHQ669" s="613"/>
      <c r="SHR669" s="613"/>
      <c r="SHS669" s="613"/>
      <c r="SHT669" s="613"/>
      <c r="SHU669" s="613"/>
      <c r="SHV669" s="613"/>
      <c r="SHW669" s="613"/>
      <c r="SHX669" s="613"/>
      <c r="SHY669" s="613"/>
      <c r="SHZ669" s="613"/>
      <c r="SIA669" s="613"/>
      <c r="SIB669" s="613"/>
      <c r="SIC669" s="613"/>
      <c r="SID669" s="613"/>
      <c r="SIE669" s="613"/>
      <c r="SIF669" s="613"/>
      <c r="SIG669" s="613"/>
      <c r="SIH669" s="613"/>
      <c r="SII669" s="613"/>
      <c r="SIJ669" s="613"/>
      <c r="SIK669" s="613"/>
      <c r="SIL669" s="613"/>
      <c r="SIM669" s="613"/>
      <c r="SIN669" s="613"/>
      <c r="SIO669" s="613"/>
      <c r="SIP669" s="613"/>
      <c r="SIQ669" s="613"/>
      <c r="SIR669" s="613"/>
      <c r="SIS669" s="613"/>
      <c r="SIT669" s="613"/>
      <c r="SIU669" s="613"/>
      <c r="SIV669" s="613"/>
      <c r="SIW669" s="613"/>
      <c r="SIX669" s="613"/>
      <c r="SIY669" s="613"/>
      <c r="SIZ669" s="613"/>
      <c r="SJA669" s="613"/>
      <c r="SJB669" s="613"/>
      <c r="SJC669" s="613"/>
      <c r="SJD669" s="613"/>
      <c r="SJE669" s="613"/>
      <c r="SJF669" s="613"/>
      <c r="SJG669" s="613"/>
      <c r="SJH669" s="613"/>
      <c r="SJI669" s="613"/>
      <c r="SJJ669" s="613"/>
      <c r="SJK669" s="613"/>
      <c r="SJL669" s="613"/>
      <c r="SJM669" s="613"/>
      <c r="SJN669" s="613"/>
      <c r="SJO669" s="613"/>
      <c r="SJP669" s="613"/>
      <c r="SJQ669" s="613"/>
      <c r="SJR669" s="613"/>
      <c r="SJS669" s="613"/>
      <c r="SJT669" s="613"/>
      <c r="SJU669" s="613"/>
      <c r="SJV669" s="613"/>
      <c r="SJW669" s="613"/>
      <c r="SJX669" s="613"/>
      <c r="SJY669" s="613"/>
      <c r="SJZ669" s="613"/>
      <c r="SKA669" s="613"/>
      <c r="SKB669" s="613"/>
      <c r="SKC669" s="613"/>
      <c r="SKD669" s="613"/>
      <c r="SKE669" s="613"/>
      <c r="SKF669" s="613"/>
      <c r="SKG669" s="613"/>
      <c r="SKH669" s="613"/>
      <c r="SKI669" s="613"/>
      <c r="SKJ669" s="613"/>
      <c r="SKK669" s="613"/>
      <c r="SKL669" s="613"/>
      <c r="SKM669" s="613"/>
      <c r="SKN669" s="613"/>
      <c r="SKO669" s="613"/>
      <c r="SKP669" s="613"/>
      <c r="SKQ669" s="613"/>
      <c r="SKR669" s="613"/>
      <c r="SKS669" s="613"/>
      <c r="SKT669" s="613"/>
      <c r="SKU669" s="613"/>
      <c r="SKV669" s="613"/>
      <c r="SKW669" s="613"/>
      <c r="SKX669" s="613"/>
      <c r="SKY669" s="613"/>
      <c r="SKZ669" s="613"/>
      <c r="SLA669" s="613"/>
      <c r="SLB669" s="613"/>
      <c r="SLC669" s="613"/>
      <c r="SLD669" s="613"/>
      <c r="SLE669" s="613"/>
      <c r="SLF669" s="613"/>
      <c r="SLG669" s="613"/>
      <c r="SLH669" s="613"/>
      <c r="SLI669" s="613"/>
      <c r="SLJ669" s="613"/>
      <c r="SLK669" s="613"/>
      <c r="SLL669" s="613"/>
      <c r="SLM669" s="613"/>
      <c r="SLN669" s="613"/>
      <c r="SLO669" s="613"/>
      <c r="SLP669" s="613"/>
      <c r="SLQ669" s="613"/>
      <c r="SLR669" s="613"/>
      <c r="SLS669" s="613"/>
      <c r="SLT669" s="613"/>
      <c r="SLU669" s="613"/>
      <c r="SLV669" s="613"/>
      <c r="SLW669" s="613"/>
      <c r="SLX669" s="613"/>
      <c r="SLY669" s="613"/>
      <c r="SLZ669" s="613"/>
      <c r="SMA669" s="613"/>
      <c r="SMB669" s="613"/>
      <c r="SMC669" s="613"/>
      <c r="SMD669" s="613"/>
      <c r="SME669" s="613"/>
      <c r="SMF669" s="613"/>
      <c r="SMG669" s="613"/>
      <c r="SMH669" s="613"/>
      <c r="SMI669" s="613"/>
      <c r="SMJ669" s="613"/>
      <c r="SMK669" s="613"/>
      <c r="SML669" s="613"/>
      <c r="SMM669" s="613"/>
      <c r="SMN669" s="613"/>
      <c r="SMO669" s="613"/>
      <c r="SMP669" s="613"/>
      <c r="SMQ669" s="613"/>
      <c r="SMR669" s="613"/>
      <c r="SMS669" s="613"/>
      <c r="SMT669" s="613"/>
      <c r="SMU669" s="613"/>
      <c r="SMV669" s="613"/>
      <c r="SMW669" s="613"/>
      <c r="SMX669" s="613"/>
      <c r="SMY669" s="613"/>
      <c r="SMZ669" s="613"/>
      <c r="SNA669" s="613"/>
      <c r="SNB669" s="613"/>
      <c r="SNC669" s="613"/>
      <c r="SND669" s="613"/>
      <c r="SNE669" s="613"/>
      <c r="SNF669" s="613"/>
      <c r="SNG669" s="613"/>
      <c r="SNH669" s="613"/>
      <c r="SNI669" s="613"/>
      <c r="SNJ669" s="613"/>
      <c r="SNK669" s="613"/>
      <c r="SNL669" s="613"/>
      <c r="SNM669" s="613"/>
      <c r="SNN669" s="613"/>
      <c r="SNO669" s="613"/>
      <c r="SNP669" s="613"/>
      <c r="SNQ669" s="613"/>
      <c r="SNR669" s="613"/>
      <c r="SNS669" s="613"/>
      <c r="SNT669" s="613"/>
      <c r="SNU669" s="613"/>
      <c r="SNV669" s="613"/>
      <c r="SNW669" s="613"/>
      <c r="SNX669" s="613"/>
      <c r="SNY669" s="613"/>
      <c r="SNZ669" s="613"/>
      <c r="SOA669" s="613"/>
      <c r="SOB669" s="613"/>
      <c r="SOC669" s="613"/>
      <c r="SOD669" s="613"/>
      <c r="SOE669" s="613"/>
      <c r="SOF669" s="613"/>
      <c r="SOG669" s="613"/>
      <c r="SOH669" s="613"/>
      <c r="SOI669" s="613"/>
      <c r="SOJ669" s="613"/>
      <c r="SOK669" s="613"/>
      <c r="SOL669" s="613"/>
      <c r="SOM669" s="613"/>
      <c r="SON669" s="613"/>
      <c r="SOO669" s="613"/>
      <c r="SOP669" s="613"/>
      <c r="SOQ669" s="613"/>
      <c r="SOR669" s="613"/>
      <c r="SOS669" s="613"/>
      <c r="SOT669" s="613"/>
      <c r="SOU669" s="613"/>
      <c r="SOV669" s="613"/>
      <c r="SOW669" s="613"/>
      <c r="SOX669" s="613"/>
      <c r="SOY669" s="613"/>
      <c r="SOZ669" s="613"/>
      <c r="SPA669" s="613"/>
      <c r="SPB669" s="613"/>
      <c r="SPC669" s="613"/>
      <c r="SPD669" s="613"/>
      <c r="SPE669" s="613"/>
      <c r="SPF669" s="613"/>
      <c r="SPG669" s="613"/>
      <c r="SPH669" s="613"/>
      <c r="SPI669" s="613"/>
      <c r="SPJ669" s="613"/>
      <c r="SPK669" s="613"/>
      <c r="SPL669" s="613"/>
      <c r="SPM669" s="613"/>
      <c r="SPN669" s="613"/>
      <c r="SPO669" s="613"/>
      <c r="SPP669" s="613"/>
      <c r="SPQ669" s="613"/>
      <c r="SPR669" s="613"/>
      <c r="SPS669" s="613"/>
      <c r="SPT669" s="613"/>
      <c r="SPU669" s="613"/>
      <c r="SPV669" s="613"/>
      <c r="SPW669" s="613"/>
      <c r="SPX669" s="613"/>
      <c r="SPY669" s="613"/>
      <c r="SPZ669" s="613"/>
      <c r="SQA669" s="613"/>
      <c r="SQB669" s="613"/>
      <c r="SQC669" s="613"/>
      <c r="SQD669" s="613"/>
      <c r="SQE669" s="613"/>
      <c r="SQF669" s="613"/>
      <c r="SQG669" s="613"/>
      <c r="SQH669" s="613"/>
      <c r="SQI669" s="613"/>
      <c r="SQJ669" s="613"/>
      <c r="SQK669" s="613"/>
      <c r="SQL669" s="613"/>
      <c r="SQM669" s="613"/>
      <c r="SQN669" s="613"/>
      <c r="SQO669" s="613"/>
      <c r="SQP669" s="613"/>
      <c r="SQQ669" s="613"/>
      <c r="SQR669" s="613"/>
      <c r="SQS669" s="613"/>
      <c r="SQT669" s="613"/>
      <c r="SQU669" s="613"/>
      <c r="SQV669" s="613"/>
      <c r="SQW669" s="613"/>
      <c r="SQX669" s="613"/>
      <c r="SQY669" s="613"/>
      <c r="SQZ669" s="613"/>
      <c r="SRA669" s="613"/>
      <c r="SRB669" s="613"/>
      <c r="SRC669" s="613"/>
      <c r="SRD669" s="613"/>
      <c r="SRE669" s="613"/>
      <c r="SRF669" s="613"/>
      <c r="SRG669" s="613"/>
      <c r="SRH669" s="613"/>
      <c r="SRI669" s="613"/>
      <c r="SRJ669" s="613"/>
      <c r="SRK669" s="613"/>
      <c r="SRL669" s="613"/>
      <c r="SRM669" s="613"/>
      <c r="SRN669" s="613"/>
      <c r="SRO669" s="613"/>
      <c r="SRP669" s="613"/>
      <c r="SRQ669" s="613"/>
      <c r="SRR669" s="613"/>
      <c r="SRS669" s="613"/>
      <c r="SRT669" s="613"/>
      <c r="SRU669" s="613"/>
      <c r="SRV669" s="613"/>
      <c r="SRW669" s="613"/>
      <c r="SRX669" s="613"/>
      <c r="SRY669" s="613"/>
      <c r="SRZ669" s="613"/>
      <c r="SSA669" s="613"/>
      <c r="SSB669" s="613"/>
      <c r="SSC669" s="613"/>
      <c r="SSD669" s="613"/>
      <c r="SSE669" s="613"/>
      <c r="SSF669" s="613"/>
      <c r="SSG669" s="613"/>
      <c r="SSH669" s="613"/>
      <c r="SSI669" s="613"/>
      <c r="SSJ669" s="613"/>
      <c r="SSK669" s="613"/>
      <c r="SSL669" s="613"/>
      <c r="SSM669" s="613"/>
      <c r="SSN669" s="613"/>
      <c r="SSO669" s="613"/>
      <c r="SSP669" s="613"/>
      <c r="SSQ669" s="613"/>
      <c r="SSR669" s="613"/>
      <c r="SSS669" s="613"/>
      <c r="SST669" s="613"/>
      <c r="SSU669" s="613"/>
      <c r="SSV669" s="613"/>
      <c r="SSW669" s="613"/>
      <c r="SSX669" s="613"/>
      <c r="SSY669" s="613"/>
      <c r="SSZ669" s="613"/>
      <c r="STA669" s="613"/>
      <c r="STB669" s="613"/>
      <c r="STC669" s="613"/>
      <c r="STD669" s="613"/>
      <c r="STE669" s="613"/>
      <c r="STF669" s="613"/>
      <c r="STG669" s="613"/>
      <c r="STH669" s="613"/>
      <c r="STI669" s="613"/>
      <c r="STJ669" s="613"/>
      <c r="STK669" s="613"/>
      <c r="STL669" s="613"/>
      <c r="STM669" s="613"/>
      <c r="STN669" s="613"/>
      <c r="STO669" s="613"/>
      <c r="STP669" s="613"/>
      <c r="STQ669" s="613"/>
      <c r="STR669" s="613"/>
      <c r="STS669" s="613"/>
      <c r="STT669" s="613"/>
      <c r="STU669" s="613"/>
      <c r="STV669" s="613"/>
      <c r="STW669" s="613"/>
      <c r="STX669" s="613"/>
      <c r="STY669" s="613"/>
      <c r="STZ669" s="613"/>
      <c r="SUA669" s="613"/>
      <c r="SUB669" s="613"/>
      <c r="SUC669" s="613"/>
      <c r="SUD669" s="613"/>
      <c r="SUE669" s="613"/>
      <c r="SUF669" s="613"/>
      <c r="SUG669" s="613"/>
      <c r="SUH669" s="613"/>
      <c r="SUI669" s="613"/>
      <c r="SUJ669" s="613"/>
      <c r="SUK669" s="613"/>
      <c r="SUL669" s="613"/>
      <c r="SUM669" s="613"/>
      <c r="SUN669" s="613"/>
      <c r="SUO669" s="613"/>
      <c r="SUP669" s="613"/>
      <c r="SUQ669" s="613"/>
      <c r="SUR669" s="613"/>
      <c r="SUS669" s="613"/>
      <c r="SUT669" s="613"/>
      <c r="SUU669" s="613"/>
      <c r="SUV669" s="613"/>
      <c r="SUW669" s="613"/>
      <c r="SUX669" s="613"/>
      <c r="SUY669" s="613"/>
      <c r="SUZ669" s="613"/>
      <c r="SVA669" s="613"/>
      <c r="SVB669" s="613"/>
      <c r="SVC669" s="613"/>
      <c r="SVD669" s="613"/>
      <c r="SVE669" s="613"/>
      <c r="SVF669" s="613"/>
      <c r="SVG669" s="613"/>
      <c r="SVH669" s="613"/>
      <c r="SVI669" s="613"/>
      <c r="SVJ669" s="613"/>
      <c r="SVK669" s="613"/>
      <c r="SVL669" s="613"/>
      <c r="SVM669" s="613"/>
      <c r="SVN669" s="613"/>
      <c r="SVO669" s="613"/>
      <c r="SVP669" s="613"/>
      <c r="SVQ669" s="613"/>
      <c r="SVR669" s="613"/>
      <c r="SVS669" s="613"/>
      <c r="SVT669" s="613"/>
      <c r="SVU669" s="613"/>
      <c r="SVV669" s="613"/>
      <c r="SVW669" s="613"/>
      <c r="SVX669" s="613"/>
      <c r="SVY669" s="613"/>
      <c r="SVZ669" s="613"/>
      <c r="SWA669" s="613"/>
      <c r="SWB669" s="613"/>
      <c r="SWC669" s="613"/>
      <c r="SWD669" s="613"/>
      <c r="SWE669" s="613"/>
      <c r="SWF669" s="613"/>
      <c r="SWG669" s="613"/>
      <c r="SWH669" s="613"/>
      <c r="SWI669" s="613"/>
      <c r="SWJ669" s="613"/>
      <c r="SWK669" s="613"/>
      <c r="SWL669" s="613"/>
      <c r="SWM669" s="613"/>
      <c r="SWN669" s="613"/>
      <c r="SWO669" s="613"/>
      <c r="SWP669" s="613"/>
      <c r="SWQ669" s="613"/>
      <c r="SWR669" s="613"/>
      <c r="SWS669" s="613"/>
      <c r="SWT669" s="613"/>
      <c r="SWU669" s="613"/>
      <c r="SWV669" s="613"/>
      <c r="SWW669" s="613"/>
      <c r="SWX669" s="613"/>
      <c r="SWY669" s="613"/>
      <c r="SWZ669" s="613"/>
      <c r="SXA669" s="613"/>
      <c r="SXB669" s="613"/>
      <c r="SXC669" s="613"/>
      <c r="SXD669" s="613"/>
      <c r="SXE669" s="613"/>
      <c r="SXF669" s="613"/>
      <c r="SXG669" s="613"/>
      <c r="SXH669" s="613"/>
      <c r="SXI669" s="613"/>
      <c r="SXJ669" s="613"/>
      <c r="SXK669" s="613"/>
      <c r="SXL669" s="613"/>
      <c r="SXM669" s="613"/>
      <c r="SXN669" s="613"/>
      <c r="SXO669" s="613"/>
      <c r="SXP669" s="613"/>
      <c r="SXQ669" s="613"/>
      <c r="SXR669" s="613"/>
      <c r="SXS669" s="613"/>
      <c r="SXT669" s="613"/>
      <c r="SXU669" s="613"/>
      <c r="SXV669" s="613"/>
      <c r="SXW669" s="613"/>
      <c r="SXX669" s="613"/>
      <c r="SXY669" s="613"/>
      <c r="SXZ669" s="613"/>
      <c r="SYA669" s="613"/>
      <c r="SYB669" s="613"/>
      <c r="SYC669" s="613"/>
      <c r="SYD669" s="613"/>
      <c r="SYE669" s="613"/>
      <c r="SYF669" s="613"/>
      <c r="SYG669" s="613"/>
      <c r="SYH669" s="613"/>
      <c r="SYI669" s="613"/>
      <c r="SYJ669" s="613"/>
      <c r="SYK669" s="613"/>
      <c r="SYL669" s="613"/>
      <c r="SYM669" s="613"/>
      <c r="SYN669" s="613"/>
      <c r="SYO669" s="613"/>
      <c r="SYP669" s="613"/>
      <c r="SYQ669" s="613"/>
      <c r="SYR669" s="613"/>
      <c r="SYS669" s="613"/>
      <c r="SYT669" s="613"/>
      <c r="SYU669" s="613"/>
      <c r="SYV669" s="613"/>
      <c r="SYW669" s="613"/>
      <c r="SYX669" s="613"/>
      <c r="SYY669" s="613"/>
      <c r="SYZ669" s="613"/>
      <c r="SZA669" s="613"/>
      <c r="SZB669" s="613"/>
      <c r="SZC669" s="613"/>
      <c r="SZD669" s="613"/>
      <c r="SZE669" s="613"/>
      <c r="SZF669" s="613"/>
      <c r="SZG669" s="613"/>
      <c r="SZH669" s="613"/>
      <c r="SZI669" s="613"/>
      <c r="SZJ669" s="613"/>
      <c r="SZK669" s="613"/>
      <c r="SZL669" s="613"/>
      <c r="SZM669" s="613"/>
      <c r="SZN669" s="613"/>
      <c r="SZO669" s="613"/>
      <c r="SZP669" s="613"/>
      <c r="SZQ669" s="613"/>
      <c r="SZR669" s="613"/>
      <c r="SZS669" s="613"/>
      <c r="SZT669" s="613"/>
      <c r="SZU669" s="613"/>
      <c r="SZV669" s="613"/>
      <c r="SZW669" s="613"/>
      <c r="SZX669" s="613"/>
      <c r="SZY669" s="613"/>
      <c r="SZZ669" s="613"/>
      <c r="TAA669" s="613"/>
      <c r="TAB669" s="613"/>
      <c r="TAC669" s="613"/>
      <c r="TAD669" s="613"/>
      <c r="TAE669" s="613"/>
      <c r="TAF669" s="613"/>
      <c r="TAG669" s="613"/>
      <c r="TAH669" s="613"/>
      <c r="TAI669" s="613"/>
      <c r="TAJ669" s="613"/>
      <c r="TAK669" s="613"/>
      <c r="TAL669" s="613"/>
      <c r="TAM669" s="613"/>
      <c r="TAN669" s="613"/>
      <c r="TAO669" s="613"/>
      <c r="TAP669" s="613"/>
      <c r="TAQ669" s="613"/>
      <c r="TAR669" s="613"/>
      <c r="TAS669" s="613"/>
      <c r="TAT669" s="613"/>
      <c r="TAU669" s="613"/>
      <c r="TAV669" s="613"/>
      <c r="TAW669" s="613"/>
      <c r="TAX669" s="613"/>
      <c r="TAY669" s="613"/>
      <c r="TAZ669" s="613"/>
      <c r="TBA669" s="613"/>
      <c r="TBB669" s="613"/>
      <c r="TBC669" s="613"/>
      <c r="TBD669" s="613"/>
      <c r="TBE669" s="613"/>
      <c r="TBF669" s="613"/>
      <c r="TBG669" s="613"/>
      <c r="TBH669" s="613"/>
      <c r="TBI669" s="613"/>
      <c r="TBJ669" s="613"/>
      <c r="TBK669" s="613"/>
      <c r="TBL669" s="613"/>
      <c r="TBM669" s="613"/>
      <c r="TBN669" s="613"/>
      <c r="TBO669" s="613"/>
      <c r="TBP669" s="613"/>
      <c r="TBQ669" s="613"/>
      <c r="TBR669" s="613"/>
      <c r="TBS669" s="613"/>
      <c r="TBT669" s="613"/>
      <c r="TBU669" s="613"/>
      <c r="TBV669" s="613"/>
      <c r="TBW669" s="613"/>
      <c r="TBX669" s="613"/>
      <c r="TBY669" s="613"/>
      <c r="TBZ669" s="613"/>
      <c r="TCA669" s="613"/>
      <c r="TCB669" s="613"/>
      <c r="TCC669" s="613"/>
      <c r="TCD669" s="613"/>
      <c r="TCE669" s="613"/>
      <c r="TCF669" s="613"/>
      <c r="TCG669" s="613"/>
      <c r="TCH669" s="613"/>
      <c r="TCI669" s="613"/>
      <c r="TCJ669" s="613"/>
      <c r="TCK669" s="613"/>
      <c r="TCL669" s="613"/>
      <c r="TCM669" s="613"/>
      <c r="TCN669" s="613"/>
      <c r="TCO669" s="613"/>
      <c r="TCP669" s="613"/>
      <c r="TCQ669" s="613"/>
      <c r="TCR669" s="613"/>
      <c r="TCS669" s="613"/>
      <c r="TCT669" s="613"/>
      <c r="TCU669" s="613"/>
      <c r="TCV669" s="613"/>
      <c r="TCW669" s="613"/>
      <c r="TCX669" s="613"/>
      <c r="TCY669" s="613"/>
      <c r="TCZ669" s="613"/>
      <c r="TDA669" s="613"/>
      <c r="TDB669" s="613"/>
      <c r="TDC669" s="613"/>
      <c r="TDD669" s="613"/>
      <c r="TDE669" s="613"/>
      <c r="TDF669" s="613"/>
      <c r="TDG669" s="613"/>
      <c r="TDH669" s="613"/>
      <c r="TDI669" s="613"/>
      <c r="TDJ669" s="613"/>
      <c r="TDK669" s="613"/>
      <c r="TDL669" s="613"/>
      <c r="TDM669" s="613"/>
      <c r="TDN669" s="613"/>
      <c r="TDO669" s="613"/>
      <c r="TDP669" s="613"/>
      <c r="TDQ669" s="613"/>
      <c r="TDR669" s="613"/>
      <c r="TDS669" s="613"/>
      <c r="TDT669" s="613"/>
      <c r="TDU669" s="613"/>
      <c r="TDV669" s="613"/>
      <c r="TDW669" s="613"/>
      <c r="TDX669" s="613"/>
      <c r="TDY669" s="613"/>
      <c r="TDZ669" s="613"/>
      <c r="TEA669" s="613"/>
      <c r="TEB669" s="613"/>
      <c r="TEC669" s="613"/>
      <c r="TED669" s="613"/>
      <c r="TEE669" s="613"/>
      <c r="TEF669" s="613"/>
      <c r="TEG669" s="613"/>
      <c r="TEH669" s="613"/>
      <c r="TEI669" s="613"/>
      <c r="TEJ669" s="613"/>
      <c r="TEK669" s="613"/>
      <c r="TEL669" s="613"/>
      <c r="TEM669" s="613"/>
      <c r="TEN669" s="613"/>
      <c r="TEO669" s="613"/>
      <c r="TEP669" s="613"/>
      <c r="TEQ669" s="613"/>
      <c r="TER669" s="613"/>
      <c r="TES669" s="613"/>
      <c r="TET669" s="613"/>
      <c r="TEU669" s="613"/>
      <c r="TEV669" s="613"/>
      <c r="TEW669" s="613"/>
      <c r="TEX669" s="613"/>
      <c r="TEY669" s="613"/>
      <c r="TEZ669" s="613"/>
      <c r="TFA669" s="613"/>
      <c r="TFB669" s="613"/>
      <c r="TFC669" s="613"/>
      <c r="TFD669" s="613"/>
      <c r="TFE669" s="613"/>
      <c r="TFF669" s="613"/>
      <c r="TFG669" s="613"/>
      <c r="TFH669" s="613"/>
      <c r="TFI669" s="613"/>
      <c r="TFJ669" s="613"/>
      <c r="TFK669" s="613"/>
      <c r="TFL669" s="613"/>
      <c r="TFM669" s="613"/>
      <c r="TFN669" s="613"/>
      <c r="TFO669" s="613"/>
      <c r="TFP669" s="613"/>
      <c r="TFQ669" s="613"/>
      <c r="TFR669" s="613"/>
      <c r="TFS669" s="613"/>
      <c r="TFT669" s="613"/>
      <c r="TFU669" s="613"/>
      <c r="TFV669" s="613"/>
      <c r="TFW669" s="613"/>
      <c r="TFX669" s="613"/>
      <c r="TFY669" s="613"/>
      <c r="TFZ669" s="613"/>
      <c r="TGA669" s="613"/>
      <c r="TGB669" s="613"/>
      <c r="TGC669" s="613"/>
      <c r="TGD669" s="613"/>
      <c r="TGE669" s="613"/>
      <c r="TGF669" s="613"/>
      <c r="TGG669" s="613"/>
      <c r="TGH669" s="613"/>
      <c r="TGI669" s="613"/>
      <c r="TGJ669" s="613"/>
      <c r="TGK669" s="613"/>
      <c r="TGL669" s="613"/>
      <c r="TGM669" s="613"/>
      <c r="TGN669" s="613"/>
      <c r="TGO669" s="613"/>
      <c r="TGP669" s="613"/>
      <c r="TGQ669" s="613"/>
      <c r="TGR669" s="613"/>
      <c r="TGS669" s="613"/>
      <c r="TGT669" s="613"/>
      <c r="TGU669" s="613"/>
      <c r="TGV669" s="613"/>
      <c r="TGW669" s="613"/>
      <c r="TGX669" s="613"/>
      <c r="TGY669" s="613"/>
      <c r="TGZ669" s="613"/>
      <c r="THA669" s="613"/>
      <c r="THB669" s="613"/>
      <c r="THC669" s="613"/>
      <c r="THD669" s="613"/>
      <c r="THE669" s="613"/>
      <c r="THF669" s="613"/>
      <c r="THG669" s="613"/>
      <c r="THH669" s="613"/>
      <c r="THI669" s="613"/>
      <c r="THJ669" s="613"/>
      <c r="THK669" s="613"/>
      <c r="THL669" s="613"/>
      <c r="THM669" s="613"/>
      <c r="THN669" s="613"/>
      <c r="THO669" s="613"/>
      <c r="THP669" s="613"/>
      <c r="THQ669" s="613"/>
      <c r="THR669" s="613"/>
      <c r="THS669" s="613"/>
      <c r="THT669" s="613"/>
      <c r="THU669" s="613"/>
      <c r="THV669" s="613"/>
      <c r="THW669" s="613"/>
      <c r="THX669" s="613"/>
      <c r="THY669" s="613"/>
      <c r="THZ669" s="613"/>
      <c r="TIA669" s="613"/>
      <c r="TIB669" s="613"/>
      <c r="TIC669" s="613"/>
      <c r="TID669" s="613"/>
      <c r="TIE669" s="613"/>
      <c r="TIF669" s="613"/>
      <c r="TIG669" s="613"/>
      <c r="TIH669" s="613"/>
      <c r="TII669" s="613"/>
      <c r="TIJ669" s="613"/>
      <c r="TIK669" s="613"/>
      <c r="TIL669" s="613"/>
      <c r="TIM669" s="613"/>
      <c r="TIN669" s="613"/>
      <c r="TIO669" s="613"/>
      <c r="TIP669" s="613"/>
      <c r="TIQ669" s="613"/>
      <c r="TIR669" s="613"/>
      <c r="TIS669" s="613"/>
      <c r="TIT669" s="613"/>
      <c r="TIU669" s="613"/>
      <c r="TIV669" s="613"/>
      <c r="TIW669" s="613"/>
      <c r="TIX669" s="613"/>
      <c r="TIY669" s="613"/>
      <c r="TIZ669" s="613"/>
      <c r="TJA669" s="613"/>
      <c r="TJB669" s="613"/>
      <c r="TJC669" s="613"/>
      <c r="TJD669" s="613"/>
      <c r="TJE669" s="613"/>
      <c r="TJF669" s="613"/>
      <c r="TJG669" s="613"/>
      <c r="TJH669" s="613"/>
      <c r="TJI669" s="613"/>
      <c r="TJJ669" s="613"/>
      <c r="TJK669" s="613"/>
      <c r="TJL669" s="613"/>
      <c r="TJM669" s="613"/>
      <c r="TJN669" s="613"/>
      <c r="TJO669" s="613"/>
      <c r="TJP669" s="613"/>
      <c r="TJQ669" s="613"/>
      <c r="TJR669" s="613"/>
      <c r="TJS669" s="613"/>
      <c r="TJT669" s="613"/>
      <c r="TJU669" s="613"/>
      <c r="TJV669" s="613"/>
      <c r="TJW669" s="613"/>
      <c r="TJX669" s="613"/>
      <c r="TJY669" s="613"/>
      <c r="TJZ669" s="613"/>
      <c r="TKA669" s="613"/>
      <c r="TKB669" s="613"/>
      <c r="TKC669" s="613"/>
      <c r="TKD669" s="613"/>
      <c r="TKE669" s="613"/>
      <c r="TKF669" s="613"/>
      <c r="TKG669" s="613"/>
      <c r="TKH669" s="613"/>
      <c r="TKI669" s="613"/>
      <c r="TKJ669" s="613"/>
      <c r="TKK669" s="613"/>
      <c r="TKL669" s="613"/>
      <c r="TKM669" s="613"/>
      <c r="TKN669" s="613"/>
      <c r="TKO669" s="613"/>
      <c r="TKP669" s="613"/>
      <c r="TKQ669" s="613"/>
      <c r="TKR669" s="613"/>
      <c r="TKS669" s="613"/>
      <c r="TKT669" s="613"/>
      <c r="TKU669" s="613"/>
      <c r="TKV669" s="613"/>
      <c r="TKW669" s="613"/>
      <c r="TKX669" s="613"/>
      <c r="TKY669" s="613"/>
      <c r="TKZ669" s="613"/>
      <c r="TLA669" s="613"/>
      <c r="TLB669" s="613"/>
      <c r="TLC669" s="613"/>
      <c r="TLD669" s="613"/>
      <c r="TLE669" s="613"/>
      <c r="TLF669" s="613"/>
      <c r="TLG669" s="613"/>
      <c r="TLH669" s="613"/>
      <c r="TLI669" s="613"/>
      <c r="TLJ669" s="613"/>
      <c r="TLK669" s="613"/>
      <c r="TLL669" s="613"/>
      <c r="TLM669" s="613"/>
      <c r="TLN669" s="613"/>
      <c r="TLO669" s="613"/>
      <c r="TLP669" s="613"/>
      <c r="TLQ669" s="613"/>
      <c r="TLR669" s="613"/>
      <c r="TLS669" s="613"/>
      <c r="TLT669" s="613"/>
      <c r="TLU669" s="613"/>
      <c r="TLV669" s="613"/>
      <c r="TLW669" s="613"/>
      <c r="TLX669" s="613"/>
      <c r="TLY669" s="613"/>
      <c r="TLZ669" s="613"/>
      <c r="TMA669" s="613"/>
      <c r="TMB669" s="613"/>
      <c r="TMC669" s="613"/>
      <c r="TMD669" s="613"/>
      <c r="TME669" s="613"/>
      <c r="TMF669" s="613"/>
      <c r="TMG669" s="613"/>
      <c r="TMH669" s="613"/>
      <c r="TMI669" s="613"/>
      <c r="TMJ669" s="613"/>
      <c r="TMK669" s="613"/>
      <c r="TML669" s="613"/>
      <c r="TMM669" s="613"/>
      <c r="TMN669" s="613"/>
      <c r="TMO669" s="613"/>
      <c r="TMP669" s="613"/>
      <c r="TMQ669" s="613"/>
      <c r="TMR669" s="613"/>
      <c r="TMS669" s="613"/>
      <c r="TMT669" s="613"/>
      <c r="TMU669" s="613"/>
      <c r="TMV669" s="613"/>
      <c r="TMW669" s="613"/>
      <c r="TMX669" s="613"/>
      <c r="TMY669" s="613"/>
      <c r="TMZ669" s="613"/>
      <c r="TNA669" s="613"/>
      <c r="TNB669" s="613"/>
      <c r="TNC669" s="613"/>
      <c r="TND669" s="613"/>
      <c r="TNE669" s="613"/>
      <c r="TNF669" s="613"/>
      <c r="TNG669" s="613"/>
      <c r="TNH669" s="613"/>
      <c r="TNI669" s="613"/>
      <c r="TNJ669" s="613"/>
      <c r="TNK669" s="613"/>
      <c r="TNL669" s="613"/>
      <c r="TNM669" s="613"/>
      <c r="TNN669" s="613"/>
      <c r="TNO669" s="613"/>
      <c r="TNP669" s="613"/>
      <c r="TNQ669" s="613"/>
      <c r="TNR669" s="613"/>
      <c r="TNS669" s="613"/>
      <c r="TNT669" s="613"/>
      <c r="TNU669" s="613"/>
      <c r="TNV669" s="613"/>
      <c r="TNW669" s="613"/>
      <c r="TNX669" s="613"/>
      <c r="TNY669" s="613"/>
      <c r="TNZ669" s="613"/>
      <c r="TOA669" s="613"/>
      <c r="TOB669" s="613"/>
      <c r="TOC669" s="613"/>
      <c r="TOD669" s="613"/>
      <c r="TOE669" s="613"/>
      <c r="TOF669" s="613"/>
      <c r="TOG669" s="613"/>
      <c r="TOH669" s="613"/>
      <c r="TOI669" s="613"/>
      <c r="TOJ669" s="613"/>
      <c r="TOK669" s="613"/>
      <c r="TOL669" s="613"/>
      <c r="TOM669" s="613"/>
      <c r="TON669" s="613"/>
      <c r="TOO669" s="613"/>
      <c r="TOP669" s="613"/>
      <c r="TOQ669" s="613"/>
      <c r="TOR669" s="613"/>
      <c r="TOS669" s="613"/>
      <c r="TOT669" s="613"/>
      <c r="TOU669" s="613"/>
      <c r="TOV669" s="613"/>
      <c r="TOW669" s="613"/>
      <c r="TOX669" s="613"/>
      <c r="TOY669" s="613"/>
      <c r="TOZ669" s="613"/>
      <c r="TPA669" s="613"/>
      <c r="TPB669" s="613"/>
      <c r="TPC669" s="613"/>
      <c r="TPD669" s="613"/>
      <c r="TPE669" s="613"/>
      <c r="TPF669" s="613"/>
      <c r="TPG669" s="613"/>
      <c r="TPH669" s="613"/>
      <c r="TPI669" s="613"/>
      <c r="TPJ669" s="613"/>
      <c r="TPK669" s="613"/>
      <c r="TPL669" s="613"/>
      <c r="TPM669" s="613"/>
      <c r="TPN669" s="613"/>
      <c r="TPO669" s="613"/>
      <c r="TPP669" s="613"/>
      <c r="TPQ669" s="613"/>
      <c r="TPR669" s="613"/>
      <c r="TPS669" s="613"/>
      <c r="TPT669" s="613"/>
      <c r="TPU669" s="613"/>
      <c r="TPV669" s="613"/>
      <c r="TPW669" s="613"/>
      <c r="TPX669" s="613"/>
      <c r="TPY669" s="613"/>
      <c r="TPZ669" s="613"/>
      <c r="TQA669" s="613"/>
      <c r="TQB669" s="613"/>
      <c r="TQC669" s="613"/>
      <c r="TQD669" s="613"/>
      <c r="TQE669" s="613"/>
      <c r="TQF669" s="613"/>
      <c r="TQG669" s="613"/>
      <c r="TQH669" s="613"/>
      <c r="TQI669" s="613"/>
      <c r="TQJ669" s="613"/>
      <c r="TQK669" s="613"/>
      <c r="TQL669" s="613"/>
      <c r="TQM669" s="613"/>
      <c r="TQN669" s="613"/>
      <c r="TQO669" s="613"/>
      <c r="TQP669" s="613"/>
      <c r="TQQ669" s="613"/>
      <c r="TQR669" s="613"/>
      <c r="TQS669" s="613"/>
      <c r="TQT669" s="613"/>
      <c r="TQU669" s="613"/>
      <c r="TQV669" s="613"/>
      <c r="TQW669" s="613"/>
      <c r="TQX669" s="613"/>
      <c r="TQY669" s="613"/>
      <c r="TQZ669" s="613"/>
      <c r="TRA669" s="613"/>
      <c r="TRB669" s="613"/>
      <c r="TRC669" s="613"/>
      <c r="TRD669" s="613"/>
      <c r="TRE669" s="613"/>
      <c r="TRF669" s="613"/>
      <c r="TRG669" s="613"/>
      <c r="TRH669" s="613"/>
      <c r="TRI669" s="613"/>
      <c r="TRJ669" s="613"/>
      <c r="TRK669" s="613"/>
      <c r="TRL669" s="613"/>
      <c r="TRM669" s="613"/>
      <c r="TRN669" s="613"/>
      <c r="TRO669" s="613"/>
      <c r="TRP669" s="613"/>
      <c r="TRQ669" s="613"/>
      <c r="TRR669" s="613"/>
      <c r="TRS669" s="613"/>
      <c r="TRT669" s="613"/>
      <c r="TRU669" s="613"/>
      <c r="TRV669" s="613"/>
      <c r="TRW669" s="613"/>
      <c r="TRX669" s="613"/>
      <c r="TRY669" s="613"/>
      <c r="TRZ669" s="613"/>
      <c r="TSA669" s="613"/>
      <c r="TSB669" s="613"/>
      <c r="TSC669" s="613"/>
      <c r="TSD669" s="613"/>
      <c r="TSE669" s="613"/>
      <c r="TSF669" s="613"/>
      <c r="TSG669" s="613"/>
      <c r="TSH669" s="613"/>
      <c r="TSI669" s="613"/>
      <c r="TSJ669" s="613"/>
      <c r="TSK669" s="613"/>
      <c r="TSL669" s="613"/>
      <c r="TSM669" s="613"/>
      <c r="TSN669" s="613"/>
      <c r="TSO669" s="613"/>
      <c r="TSP669" s="613"/>
      <c r="TSQ669" s="613"/>
      <c r="TSR669" s="613"/>
      <c r="TSS669" s="613"/>
      <c r="TST669" s="613"/>
      <c r="TSU669" s="613"/>
      <c r="TSV669" s="613"/>
      <c r="TSW669" s="613"/>
      <c r="TSX669" s="613"/>
      <c r="TSY669" s="613"/>
      <c r="TSZ669" s="613"/>
      <c r="TTA669" s="613"/>
      <c r="TTB669" s="613"/>
      <c r="TTC669" s="613"/>
      <c r="TTD669" s="613"/>
      <c r="TTE669" s="613"/>
      <c r="TTF669" s="613"/>
      <c r="TTG669" s="613"/>
      <c r="TTH669" s="613"/>
      <c r="TTI669" s="613"/>
      <c r="TTJ669" s="613"/>
      <c r="TTK669" s="613"/>
      <c r="TTL669" s="613"/>
      <c r="TTM669" s="613"/>
      <c r="TTN669" s="613"/>
      <c r="TTO669" s="613"/>
      <c r="TTP669" s="613"/>
      <c r="TTQ669" s="613"/>
      <c r="TTR669" s="613"/>
      <c r="TTS669" s="613"/>
      <c r="TTT669" s="613"/>
      <c r="TTU669" s="613"/>
      <c r="TTV669" s="613"/>
      <c r="TTW669" s="613"/>
      <c r="TTX669" s="613"/>
      <c r="TTY669" s="613"/>
      <c r="TTZ669" s="613"/>
      <c r="TUA669" s="613"/>
      <c r="TUB669" s="613"/>
      <c r="TUC669" s="613"/>
      <c r="TUD669" s="613"/>
      <c r="TUE669" s="613"/>
      <c r="TUF669" s="613"/>
      <c r="TUG669" s="613"/>
      <c r="TUH669" s="613"/>
      <c r="TUI669" s="613"/>
      <c r="TUJ669" s="613"/>
      <c r="TUK669" s="613"/>
      <c r="TUL669" s="613"/>
      <c r="TUM669" s="613"/>
      <c r="TUN669" s="613"/>
      <c r="TUO669" s="613"/>
      <c r="TUP669" s="613"/>
      <c r="TUQ669" s="613"/>
      <c r="TUR669" s="613"/>
      <c r="TUS669" s="613"/>
      <c r="TUT669" s="613"/>
      <c r="TUU669" s="613"/>
      <c r="TUV669" s="613"/>
      <c r="TUW669" s="613"/>
      <c r="TUX669" s="613"/>
      <c r="TUY669" s="613"/>
      <c r="TUZ669" s="613"/>
      <c r="TVA669" s="613"/>
      <c r="TVB669" s="613"/>
      <c r="TVC669" s="613"/>
      <c r="TVD669" s="613"/>
      <c r="TVE669" s="613"/>
      <c r="TVF669" s="613"/>
      <c r="TVG669" s="613"/>
      <c r="TVH669" s="613"/>
      <c r="TVI669" s="613"/>
      <c r="TVJ669" s="613"/>
      <c r="TVK669" s="613"/>
      <c r="TVL669" s="613"/>
      <c r="TVM669" s="613"/>
      <c r="TVN669" s="613"/>
      <c r="TVO669" s="613"/>
      <c r="TVP669" s="613"/>
      <c r="TVQ669" s="613"/>
      <c r="TVR669" s="613"/>
      <c r="TVS669" s="613"/>
      <c r="TVT669" s="613"/>
      <c r="TVU669" s="613"/>
      <c r="TVV669" s="613"/>
      <c r="TVW669" s="613"/>
      <c r="TVX669" s="613"/>
      <c r="TVY669" s="613"/>
      <c r="TVZ669" s="613"/>
      <c r="TWA669" s="613"/>
      <c r="TWB669" s="613"/>
      <c r="TWC669" s="613"/>
      <c r="TWD669" s="613"/>
      <c r="TWE669" s="613"/>
      <c r="TWF669" s="613"/>
      <c r="TWG669" s="613"/>
      <c r="TWH669" s="613"/>
      <c r="TWI669" s="613"/>
      <c r="TWJ669" s="613"/>
      <c r="TWK669" s="613"/>
      <c r="TWL669" s="613"/>
      <c r="TWM669" s="613"/>
      <c r="TWN669" s="613"/>
      <c r="TWO669" s="613"/>
      <c r="TWP669" s="613"/>
      <c r="TWQ669" s="613"/>
      <c r="TWR669" s="613"/>
      <c r="TWS669" s="613"/>
      <c r="TWT669" s="613"/>
      <c r="TWU669" s="613"/>
      <c r="TWV669" s="613"/>
      <c r="TWW669" s="613"/>
      <c r="TWX669" s="613"/>
      <c r="TWY669" s="613"/>
      <c r="TWZ669" s="613"/>
      <c r="TXA669" s="613"/>
      <c r="TXB669" s="613"/>
      <c r="TXC669" s="613"/>
      <c r="TXD669" s="613"/>
      <c r="TXE669" s="613"/>
      <c r="TXF669" s="613"/>
      <c r="TXG669" s="613"/>
      <c r="TXH669" s="613"/>
      <c r="TXI669" s="613"/>
      <c r="TXJ669" s="613"/>
      <c r="TXK669" s="613"/>
      <c r="TXL669" s="613"/>
      <c r="TXM669" s="613"/>
      <c r="TXN669" s="613"/>
      <c r="TXO669" s="613"/>
      <c r="TXP669" s="613"/>
      <c r="TXQ669" s="613"/>
      <c r="TXR669" s="613"/>
      <c r="TXS669" s="613"/>
      <c r="TXT669" s="613"/>
      <c r="TXU669" s="613"/>
      <c r="TXV669" s="613"/>
      <c r="TXW669" s="613"/>
      <c r="TXX669" s="613"/>
      <c r="TXY669" s="613"/>
      <c r="TXZ669" s="613"/>
      <c r="TYA669" s="613"/>
      <c r="TYB669" s="613"/>
      <c r="TYC669" s="613"/>
      <c r="TYD669" s="613"/>
      <c r="TYE669" s="613"/>
      <c r="TYF669" s="613"/>
      <c r="TYG669" s="613"/>
      <c r="TYH669" s="613"/>
      <c r="TYI669" s="613"/>
      <c r="TYJ669" s="613"/>
      <c r="TYK669" s="613"/>
      <c r="TYL669" s="613"/>
      <c r="TYM669" s="613"/>
      <c r="TYN669" s="613"/>
      <c r="TYO669" s="613"/>
      <c r="TYP669" s="613"/>
      <c r="TYQ669" s="613"/>
      <c r="TYR669" s="613"/>
      <c r="TYS669" s="613"/>
      <c r="TYT669" s="613"/>
      <c r="TYU669" s="613"/>
      <c r="TYV669" s="613"/>
      <c r="TYW669" s="613"/>
      <c r="TYX669" s="613"/>
      <c r="TYY669" s="613"/>
      <c r="TYZ669" s="613"/>
      <c r="TZA669" s="613"/>
      <c r="TZB669" s="613"/>
      <c r="TZC669" s="613"/>
      <c r="TZD669" s="613"/>
      <c r="TZE669" s="613"/>
      <c r="TZF669" s="613"/>
      <c r="TZG669" s="613"/>
      <c r="TZH669" s="613"/>
      <c r="TZI669" s="613"/>
      <c r="TZJ669" s="613"/>
      <c r="TZK669" s="613"/>
      <c r="TZL669" s="613"/>
      <c r="TZM669" s="613"/>
      <c r="TZN669" s="613"/>
      <c r="TZO669" s="613"/>
      <c r="TZP669" s="613"/>
      <c r="TZQ669" s="613"/>
      <c r="TZR669" s="613"/>
      <c r="TZS669" s="613"/>
      <c r="TZT669" s="613"/>
      <c r="TZU669" s="613"/>
      <c r="TZV669" s="613"/>
      <c r="TZW669" s="613"/>
      <c r="TZX669" s="613"/>
      <c r="TZY669" s="613"/>
      <c r="TZZ669" s="613"/>
      <c r="UAA669" s="613"/>
      <c r="UAB669" s="613"/>
      <c r="UAC669" s="613"/>
      <c r="UAD669" s="613"/>
      <c r="UAE669" s="613"/>
      <c r="UAF669" s="613"/>
      <c r="UAG669" s="613"/>
      <c r="UAH669" s="613"/>
      <c r="UAI669" s="613"/>
      <c r="UAJ669" s="613"/>
      <c r="UAK669" s="613"/>
      <c r="UAL669" s="613"/>
      <c r="UAM669" s="613"/>
      <c r="UAN669" s="613"/>
      <c r="UAO669" s="613"/>
      <c r="UAP669" s="613"/>
      <c r="UAQ669" s="613"/>
      <c r="UAR669" s="613"/>
      <c r="UAS669" s="613"/>
      <c r="UAT669" s="613"/>
      <c r="UAU669" s="613"/>
      <c r="UAV669" s="613"/>
      <c r="UAW669" s="613"/>
      <c r="UAX669" s="613"/>
      <c r="UAY669" s="613"/>
      <c r="UAZ669" s="613"/>
      <c r="UBA669" s="613"/>
      <c r="UBB669" s="613"/>
      <c r="UBC669" s="613"/>
      <c r="UBD669" s="613"/>
      <c r="UBE669" s="613"/>
      <c r="UBF669" s="613"/>
      <c r="UBG669" s="613"/>
      <c r="UBH669" s="613"/>
      <c r="UBI669" s="613"/>
      <c r="UBJ669" s="613"/>
      <c r="UBK669" s="613"/>
      <c r="UBL669" s="613"/>
      <c r="UBM669" s="613"/>
      <c r="UBN669" s="613"/>
      <c r="UBO669" s="613"/>
      <c r="UBP669" s="613"/>
      <c r="UBQ669" s="613"/>
      <c r="UBR669" s="613"/>
      <c r="UBS669" s="613"/>
      <c r="UBT669" s="613"/>
      <c r="UBU669" s="613"/>
      <c r="UBV669" s="613"/>
      <c r="UBW669" s="613"/>
      <c r="UBX669" s="613"/>
      <c r="UBY669" s="613"/>
      <c r="UBZ669" s="613"/>
      <c r="UCA669" s="613"/>
      <c r="UCB669" s="613"/>
      <c r="UCC669" s="613"/>
      <c r="UCD669" s="613"/>
      <c r="UCE669" s="613"/>
      <c r="UCF669" s="613"/>
      <c r="UCG669" s="613"/>
      <c r="UCH669" s="613"/>
      <c r="UCI669" s="613"/>
      <c r="UCJ669" s="613"/>
      <c r="UCK669" s="613"/>
      <c r="UCL669" s="613"/>
      <c r="UCM669" s="613"/>
      <c r="UCN669" s="613"/>
      <c r="UCO669" s="613"/>
      <c r="UCP669" s="613"/>
      <c r="UCQ669" s="613"/>
      <c r="UCR669" s="613"/>
      <c r="UCS669" s="613"/>
      <c r="UCT669" s="613"/>
      <c r="UCU669" s="613"/>
      <c r="UCV669" s="613"/>
      <c r="UCW669" s="613"/>
      <c r="UCX669" s="613"/>
      <c r="UCY669" s="613"/>
      <c r="UCZ669" s="613"/>
      <c r="UDA669" s="613"/>
      <c r="UDB669" s="613"/>
      <c r="UDC669" s="613"/>
      <c r="UDD669" s="613"/>
      <c r="UDE669" s="613"/>
      <c r="UDF669" s="613"/>
      <c r="UDG669" s="613"/>
      <c r="UDH669" s="613"/>
      <c r="UDI669" s="613"/>
      <c r="UDJ669" s="613"/>
      <c r="UDK669" s="613"/>
      <c r="UDL669" s="613"/>
      <c r="UDM669" s="613"/>
      <c r="UDN669" s="613"/>
      <c r="UDO669" s="613"/>
      <c r="UDP669" s="613"/>
      <c r="UDQ669" s="613"/>
      <c r="UDR669" s="613"/>
      <c r="UDS669" s="613"/>
      <c r="UDT669" s="613"/>
      <c r="UDU669" s="613"/>
      <c r="UDV669" s="613"/>
      <c r="UDW669" s="613"/>
      <c r="UDX669" s="613"/>
      <c r="UDY669" s="613"/>
      <c r="UDZ669" s="613"/>
      <c r="UEA669" s="613"/>
      <c r="UEB669" s="613"/>
      <c r="UEC669" s="613"/>
      <c r="UED669" s="613"/>
      <c r="UEE669" s="613"/>
      <c r="UEF669" s="613"/>
      <c r="UEG669" s="613"/>
      <c r="UEH669" s="613"/>
      <c r="UEI669" s="613"/>
      <c r="UEJ669" s="613"/>
      <c r="UEK669" s="613"/>
      <c r="UEL669" s="613"/>
      <c r="UEM669" s="613"/>
      <c r="UEN669" s="613"/>
      <c r="UEO669" s="613"/>
      <c r="UEP669" s="613"/>
      <c r="UEQ669" s="613"/>
      <c r="UER669" s="613"/>
      <c r="UES669" s="613"/>
      <c r="UET669" s="613"/>
      <c r="UEU669" s="613"/>
      <c r="UEV669" s="613"/>
      <c r="UEW669" s="613"/>
      <c r="UEX669" s="613"/>
      <c r="UEY669" s="613"/>
      <c r="UEZ669" s="613"/>
      <c r="UFA669" s="613"/>
      <c r="UFB669" s="613"/>
      <c r="UFC669" s="613"/>
      <c r="UFD669" s="613"/>
      <c r="UFE669" s="613"/>
      <c r="UFF669" s="613"/>
      <c r="UFG669" s="613"/>
      <c r="UFH669" s="613"/>
      <c r="UFI669" s="613"/>
      <c r="UFJ669" s="613"/>
      <c r="UFK669" s="613"/>
      <c r="UFL669" s="613"/>
      <c r="UFM669" s="613"/>
      <c r="UFN669" s="613"/>
      <c r="UFO669" s="613"/>
      <c r="UFP669" s="613"/>
      <c r="UFQ669" s="613"/>
      <c r="UFR669" s="613"/>
      <c r="UFS669" s="613"/>
      <c r="UFT669" s="613"/>
      <c r="UFU669" s="613"/>
      <c r="UFV669" s="613"/>
      <c r="UFW669" s="613"/>
      <c r="UFX669" s="613"/>
      <c r="UFY669" s="613"/>
      <c r="UFZ669" s="613"/>
      <c r="UGA669" s="613"/>
      <c r="UGB669" s="613"/>
      <c r="UGC669" s="613"/>
      <c r="UGD669" s="613"/>
      <c r="UGE669" s="613"/>
      <c r="UGF669" s="613"/>
      <c r="UGG669" s="613"/>
      <c r="UGH669" s="613"/>
      <c r="UGI669" s="613"/>
      <c r="UGJ669" s="613"/>
      <c r="UGK669" s="613"/>
      <c r="UGL669" s="613"/>
      <c r="UGM669" s="613"/>
      <c r="UGN669" s="613"/>
      <c r="UGO669" s="613"/>
      <c r="UGP669" s="613"/>
      <c r="UGQ669" s="613"/>
      <c r="UGR669" s="613"/>
      <c r="UGS669" s="613"/>
      <c r="UGT669" s="613"/>
      <c r="UGU669" s="613"/>
      <c r="UGV669" s="613"/>
      <c r="UGW669" s="613"/>
      <c r="UGX669" s="613"/>
      <c r="UGY669" s="613"/>
      <c r="UGZ669" s="613"/>
      <c r="UHA669" s="613"/>
      <c r="UHB669" s="613"/>
      <c r="UHC669" s="613"/>
      <c r="UHD669" s="613"/>
      <c r="UHE669" s="613"/>
      <c r="UHF669" s="613"/>
      <c r="UHG669" s="613"/>
      <c r="UHH669" s="613"/>
      <c r="UHI669" s="613"/>
      <c r="UHJ669" s="613"/>
      <c r="UHK669" s="613"/>
      <c r="UHL669" s="613"/>
      <c r="UHM669" s="613"/>
      <c r="UHN669" s="613"/>
      <c r="UHO669" s="613"/>
      <c r="UHP669" s="613"/>
      <c r="UHQ669" s="613"/>
      <c r="UHR669" s="613"/>
      <c r="UHS669" s="613"/>
      <c r="UHT669" s="613"/>
      <c r="UHU669" s="613"/>
      <c r="UHV669" s="613"/>
      <c r="UHW669" s="613"/>
      <c r="UHX669" s="613"/>
      <c r="UHY669" s="613"/>
      <c r="UHZ669" s="613"/>
      <c r="UIA669" s="613"/>
      <c r="UIB669" s="613"/>
      <c r="UIC669" s="613"/>
      <c r="UID669" s="613"/>
      <c r="UIE669" s="613"/>
      <c r="UIF669" s="613"/>
      <c r="UIG669" s="613"/>
      <c r="UIH669" s="613"/>
      <c r="UII669" s="613"/>
      <c r="UIJ669" s="613"/>
      <c r="UIK669" s="613"/>
      <c r="UIL669" s="613"/>
      <c r="UIM669" s="613"/>
      <c r="UIN669" s="613"/>
      <c r="UIO669" s="613"/>
      <c r="UIP669" s="613"/>
      <c r="UIQ669" s="613"/>
      <c r="UIR669" s="613"/>
      <c r="UIS669" s="613"/>
      <c r="UIT669" s="613"/>
      <c r="UIU669" s="613"/>
      <c r="UIV669" s="613"/>
      <c r="UIW669" s="613"/>
      <c r="UIX669" s="613"/>
      <c r="UIY669" s="613"/>
      <c r="UIZ669" s="613"/>
      <c r="UJA669" s="613"/>
      <c r="UJB669" s="613"/>
      <c r="UJC669" s="613"/>
      <c r="UJD669" s="613"/>
      <c r="UJE669" s="613"/>
      <c r="UJF669" s="613"/>
      <c r="UJG669" s="613"/>
      <c r="UJH669" s="613"/>
      <c r="UJI669" s="613"/>
      <c r="UJJ669" s="613"/>
      <c r="UJK669" s="613"/>
      <c r="UJL669" s="613"/>
      <c r="UJM669" s="613"/>
      <c r="UJN669" s="613"/>
      <c r="UJO669" s="613"/>
      <c r="UJP669" s="613"/>
      <c r="UJQ669" s="613"/>
      <c r="UJR669" s="613"/>
      <c r="UJS669" s="613"/>
      <c r="UJT669" s="613"/>
      <c r="UJU669" s="613"/>
      <c r="UJV669" s="613"/>
      <c r="UJW669" s="613"/>
      <c r="UJX669" s="613"/>
      <c r="UJY669" s="613"/>
      <c r="UJZ669" s="613"/>
      <c r="UKA669" s="613"/>
      <c r="UKB669" s="613"/>
      <c r="UKC669" s="613"/>
      <c r="UKD669" s="613"/>
      <c r="UKE669" s="613"/>
      <c r="UKF669" s="613"/>
      <c r="UKG669" s="613"/>
      <c r="UKH669" s="613"/>
      <c r="UKI669" s="613"/>
      <c r="UKJ669" s="613"/>
      <c r="UKK669" s="613"/>
      <c r="UKL669" s="613"/>
      <c r="UKM669" s="613"/>
      <c r="UKN669" s="613"/>
      <c r="UKO669" s="613"/>
      <c r="UKP669" s="613"/>
      <c r="UKQ669" s="613"/>
      <c r="UKR669" s="613"/>
      <c r="UKS669" s="613"/>
      <c r="UKT669" s="613"/>
      <c r="UKU669" s="613"/>
      <c r="UKV669" s="613"/>
      <c r="UKW669" s="613"/>
      <c r="UKX669" s="613"/>
      <c r="UKY669" s="613"/>
      <c r="UKZ669" s="613"/>
      <c r="ULA669" s="613"/>
      <c r="ULB669" s="613"/>
      <c r="ULC669" s="613"/>
      <c r="ULD669" s="613"/>
      <c r="ULE669" s="613"/>
      <c r="ULF669" s="613"/>
      <c r="ULG669" s="613"/>
      <c r="ULH669" s="613"/>
      <c r="ULI669" s="613"/>
      <c r="ULJ669" s="613"/>
      <c r="ULK669" s="613"/>
      <c r="ULL669" s="613"/>
      <c r="ULM669" s="613"/>
      <c r="ULN669" s="613"/>
      <c r="ULO669" s="613"/>
      <c r="ULP669" s="613"/>
      <c r="ULQ669" s="613"/>
      <c r="ULR669" s="613"/>
      <c r="ULS669" s="613"/>
      <c r="ULT669" s="613"/>
      <c r="ULU669" s="613"/>
      <c r="ULV669" s="613"/>
      <c r="ULW669" s="613"/>
      <c r="ULX669" s="613"/>
      <c r="ULY669" s="613"/>
      <c r="ULZ669" s="613"/>
      <c r="UMA669" s="613"/>
      <c r="UMB669" s="613"/>
      <c r="UMC669" s="613"/>
      <c r="UMD669" s="613"/>
      <c r="UME669" s="613"/>
      <c r="UMF669" s="613"/>
      <c r="UMG669" s="613"/>
      <c r="UMH669" s="613"/>
      <c r="UMI669" s="613"/>
      <c r="UMJ669" s="613"/>
      <c r="UMK669" s="613"/>
      <c r="UML669" s="613"/>
      <c r="UMM669" s="613"/>
      <c r="UMN669" s="613"/>
      <c r="UMO669" s="613"/>
      <c r="UMP669" s="613"/>
      <c r="UMQ669" s="613"/>
      <c r="UMR669" s="613"/>
      <c r="UMS669" s="613"/>
      <c r="UMT669" s="613"/>
      <c r="UMU669" s="613"/>
      <c r="UMV669" s="613"/>
      <c r="UMW669" s="613"/>
      <c r="UMX669" s="613"/>
      <c r="UMY669" s="613"/>
      <c r="UMZ669" s="613"/>
      <c r="UNA669" s="613"/>
      <c r="UNB669" s="613"/>
      <c r="UNC669" s="613"/>
      <c r="UND669" s="613"/>
      <c r="UNE669" s="613"/>
      <c r="UNF669" s="613"/>
      <c r="UNG669" s="613"/>
      <c r="UNH669" s="613"/>
      <c r="UNI669" s="613"/>
      <c r="UNJ669" s="613"/>
      <c r="UNK669" s="613"/>
      <c r="UNL669" s="613"/>
      <c r="UNM669" s="613"/>
      <c r="UNN669" s="613"/>
      <c r="UNO669" s="613"/>
      <c r="UNP669" s="613"/>
      <c r="UNQ669" s="613"/>
      <c r="UNR669" s="613"/>
      <c r="UNS669" s="613"/>
      <c r="UNT669" s="613"/>
      <c r="UNU669" s="613"/>
      <c r="UNV669" s="613"/>
      <c r="UNW669" s="613"/>
      <c r="UNX669" s="613"/>
      <c r="UNY669" s="613"/>
      <c r="UNZ669" s="613"/>
      <c r="UOA669" s="613"/>
      <c r="UOB669" s="613"/>
      <c r="UOC669" s="613"/>
      <c r="UOD669" s="613"/>
      <c r="UOE669" s="613"/>
      <c r="UOF669" s="613"/>
      <c r="UOG669" s="613"/>
      <c r="UOH669" s="613"/>
      <c r="UOI669" s="613"/>
      <c r="UOJ669" s="613"/>
      <c r="UOK669" s="613"/>
      <c r="UOL669" s="613"/>
      <c r="UOM669" s="613"/>
      <c r="UON669" s="613"/>
      <c r="UOO669" s="613"/>
      <c r="UOP669" s="613"/>
      <c r="UOQ669" s="613"/>
      <c r="UOR669" s="613"/>
      <c r="UOS669" s="613"/>
      <c r="UOT669" s="613"/>
      <c r="UOU669" s="613"/>
      <c r="UOV669" s="613"/>
      <c r="UOW669" s="613"/>
      <c r="UOX669" s="613"/>
      <c r="UOY669" s="613"/>
      <c r="UOZ669" s="613"/>
      <c r="UPA669" s="613"/>
      <c r="UPB669" s="613"/>
      <c r="UPC669" s="613"/>
      <c r="UPD669" s="613"/>
      <c r="UPE669" s="613"/>
      <c r="UPF669" s="613"/>
      <c r="UPG669" s="613"/>
      <c r="UPH669" s="613"/>
      <c r="UPI669" s="613"/>
      <c r="UPJ669" s="613"/>
      <c r="UPK669" s="613"/>
      <c r="UPL669" s="613"/>
      <c r="UPM669" s="613"/>
      <c r="UPN669" s="613"/>
      <c r="UPO669" s="613"/>
      <c r="UPP669" s="613"/>
      <c r="UPQ669" s="613"/>
      <c r="UPR669" s="613"/>
      <c r="UPS669" s="613"/>
      <c r="UPT669" s="613"/>
      <c r="UPU669" s="613"/>
      <c r="UPV669" s="613"/>
      <c r="UPW669" s="613"/>
      <c r="UPX669" s="613"/>
      <c r="UPY669" s="613"/>
      <c r="UPZ669" s="613"/>
      <c r="UQA669" s="613"/>
      <c r="UQB669" s="613"/>
      <c r="UQC669" s="613"/>
      <c r="UQD669" s="613"/>
      <c r="UQE669" s="613"/>
      <c r="UQF669" s="613"/>
      <c r="UQG669" s="613"/>
      <c r="UQH669" s="613"/>
      <c r="UQI669" s="613"/>
      <c r="UQJ669" s="613"/>
      <c r="UQK669" s="613"/>
      <c r="UQL669" s="613"/>
      <c r="UQM669" s="613"/>
      <c r="UQN669" s="613"/>
      <c r="UQO669" s="613"/>
      <c r="UQP669" s="613"/>
      <c r="UQQ669" s="613"/>
      <c r="UQR669" s="613"/>
      <c r="UQS669" s="613"/>
      <c r="UQT669" s="613"/>
      <c r="UQU669" s="613"/>
      <c r="UQV669" s="613"/>
      <c r="UQW669" s="613"/>
      <c r="UQX669" s="613"/>
      <c r="UQY669" s="613"/>
      <c r="UQZ669" s="613"/>
      <c r="URA669" s="613"/>
      <c r="URB669" s="613"/>
      <c r="URC669" s="613"/>
      <c r="URD669" s="613"/>
      <c r="URE669" s="613"/>
      <c r="URF669" s="613"/>
      <c r="URG669" s="613"/>
      <c r="URH669" s="613"/>
      <c r="URI669" s="613"/>
      <c r="URJ669" s="613"/>
      <c r="URK669" s="613"/>
      <c r="URL669" s="613"/>
      <c r="URM669" s="613"/>
      <c r="URN669" s="613"/>
      <c r="URO669" s="613"/>
      <c r="URP669" s="613"/>
      <c r="URQ669" s="613"/>
      <c r="URR669" s="613"/>
      <c r="URS669" s="613"/>
      <c r="URT669" s="613"/>
      <c r="URU669" s="613"/>
      <c r="URV669" s="613"/>
      <c r="URW669" s="613"/>
      <c r="URX669" s="613"/>
      <c r="URY669" s="613"/>
      <c r="URZ669" s="613"/>
      <c r="USA669" s="613"/>
      <c r="USB669" s="613"/>
      <c r="USC669" s="613"/>
      <c r="USD669" s="613"/>
      <c r="USE669" s="613"/>
      <c r="USF669" s="613"/>
      <c r="USG669" s="613"/>
      <c r="USH669" s="613"/>
      <c r="USI669" s="613"/>
      <c r="USJ669" s="613"/>
      <c r="USK669" s="613"/>
      <c r="USL669" s="613"/>
      <c r="USM669" s="613"/>
      <c r="USN669" s="613"/>
      <c r="USO669" s="613"/>
      <c r="USP669" s="613"/>
      <c r="USQ669" s="613"/>
      <c r="USR669" s="613"/>
      <c r="USS669" s="613"/>
      <c r="UST669" s="613"/>
      <c r="USU669" s="613"/>
      <c r="USV669" s="613"/>
      <c r="USW669" s="613"/>
      <c r="USX669" s="613"/>
      <c r="USY669" s="613"/>
      <c r="USZ669" s="613"/>
      <c r="UTA669" s="613"/>
      <c r="UTB669" s="613"/>
      <c r="UTC669" s="613"/>
      <c r="UTD669" s="613"/>
      <c r="UTE669" s="613"/>
      <c r="UTF669" s="613"/>
      <c r="UTG669" s="613"/>
      <c r="UTH669" s="613"/>
      <c r="UTI669" s="613"/>
      <c r="UTJ669" s="613"/>
      <c r="UTK669" s="613"/>
      <c r="UTL669" s="613"/>
      <c r="UTM669" s="613"/>
      <c r="UTN669" s="613"/>
      <c r="UTO669" s="613"/>
      <c r="UTP669" s="613"/>
      <c r="UTQ669" s="613"/>
      <c r="UTR669" s="613"/>
      <c r="UTS669" s="613"/>
      <c r="UTT669" s="613"/>
      <c r="UTU669" s="613"/>
      <c r="UTV669" s="613"/>
      <c r="UTW669" s="613"/>
      <c r="UTX669" s="613"/>
      <c r="UTY669" s="613"/>
      <c r="UTZ669" s="613"/>
      <c r="UUA669" s="613"/>
      <c r="UUB669" s="613"/>
      <c r="UUC669" s="613"/>
      <c r="UUD669" s="613"/>
      <c r="UUE669" s="613"/>
      <c r="UUF669" s="613"/>
      <c r="UUG669" s="613"/>
      <c r="UUH669" s="613"/>
      <c r="UUI669" s="613"/>
      <c r="UUJ669" s="613"/>
      <c r="UUK669" s="613"/>
      <c r="UUL669" s="613"/>
      <c r="UUM669" s="613"/>
      <c r="UUN669" s="613"/>
      <c r="UUO669" s="613"/>
      <c r="UUP669" s="613"/>
      <c r="UUQ669" s="613"/>
      <c r="UUR669" s="613"/>
      <c r="UUS669" s="613"/>
      <c r="UUT669" s="613"/>
      <c r="UUU669" s="613"/>
      <c r="UUV669" s="613"/>
      <c r="UUW669" s="613"/>
      <c r="UUX669" s="613"/>
      <c r="UUY669" s="613"/>
      <c r="UUZ669" s="613"/>
      <c r="UVA669" s="613"/>
      <c r="UVB669" s="613"/>
      <c r="UVC669" s="613"/>
      <c r="UVD669" s="613"/>
      <c r="UVE669" s="613"/>
      <c r="UVF669" s="613"/>
      <c r="UVG669" s="613"/>
      <c r="UVH669" s="613"/>
      <c r="UVI669" s="613"/>
      <c r="UVJ669" s="613"/>
      <c r="UVK669" s="613"/>
      <c r="UVL669" s="613"/>
      <c r="UVM669" s="613"/>
      <c r="UVN669" s="613"/>
      <c r="UVO669" s="613"/>
      <c r="UVP669" s="613"/>
      <c r="UVQ669" s="613"/>
      <c r="UVR669" s="613"/>
      <c r="UVS669" s="613"/>
      <c r="UVT669" s="613"/>
      <c r="UVU669" s="613"/>
      <c r="UVV669" s="613"/>
      <c r="UVW669" s="613"/>
      <c r="UVX669" s="613"/>
      <c r="UVY669" s="613"/>
      <c r="UVZ669" s="613"/>
      <c r="UWA669" s="613"/>
      <c r="UWB669" s="613"/>
      <c r="UWC669" s="613"/>
      <c r="UWD669" s="613"/>
      <c r="UWE669" s="613"/>
      <c r="UWF669" s="613"/>
      <c r="UWG669" s="613"/>
      <c r="UWH669" s="613"/>
      <c r="UWI669" s="613"/>
      <c r="UWJ669" s="613"/>
      <c r="UWK669" s="613"/>
      <c r="UWL669" s="613"/>
      <c r="UWM669" s="613"/>
      <c r="UWN669" s="613"/>
      <c r="UWO669" s="613"/>
      <c r="UWP669" s="613"/>
      <c r="UWQ669" s="613"/>
      <c r="UWR669" s="613"/>
      <c r="UWS669" s="613"/>
      <c r="UWT669" s="613"/>
      <c r="UWU669" s="613"/>
      <c r="UWV669" s="613"/>
      <c r="UWW669" s="613"/>
      <c r="UWX669" s="613"/>
      <c r="UWY669" s="613"/>
      <c r="UWZ669" s="613"/>
      <c r="UXA669" s="613"/>
      <c r="UXB669" s="613"/>
      <c r="UXC669" s="613"/>
      <c r="UXD669" s="613"/>
      <c r="UXE669" s="613"/>
      <c r="UXF669" s="613"/>
      <c r="UXG669" s="613"/>
      <c r="UXH669" s="613"/>
      <c r="UXI669" s="613"/>
      <c r="UXJ669" s="613"/>
      <c r="UXK669" s="613"/>
      <c r="UXL669" s="613"/>
      <c r="UXM669" s="613"/>
      <c r="UXN669" s="613"/>
      <c r="UXO669" s="613"/>
      <c r="UXP669" s="613"/>
      <c r="UXQ669" s="613"/>
      <c r="UXR669" s="613"/>
      <c r="UXS669" s="613"/>
      <c r="UXT669" s="613"/>
      <c r="UXU669" s="613"/>
      <c r="UXV669" s="613"/>
      <c r="UXW669" s="613"/>
      <c r="UXX669" s="613"/>
      <c r="UXY669" s="613"/>
      <c r="UXZ669" s="613"/>
      <c r="UYA669" s="613"/>
      <c r="UYB669" s="613"/>
      <c r="UYC669" s="613"/>
      <c r="UYD669" s="613"/>
      <c r="UYE669" s="613"/>
      <c r="UYF669" s="613"/>
      <c r="UYG669" s="613"/>
      <c r="UYH669" s="613"/>
      <c r="UYI669" s="613"/>
      <c r="UYJ669" s="613"/>
      <c r="UYK669" s="613"/>
      <c r="UYL669" s="613"/>
      <c r="UYM669" s="613"/>
      <c r="UYN669" s="613"/>
      <c r="UYO669" s="613"/>
      <c r="UYP669" s="613"/>
      <c r="UYQ669" s="613"/>
      <c r="UYR669" s="613"/>
      <c r="UYS669" s="613"/>
      <c r="UYT669" s="613"/>
      <c r="UYU669" s="613"/>
      <c r="UYV669" s="613"/>
      <c r="UYW669" s="613"/>
      <c r="UYX669" s="613"/>
      <c r="UYY669" s="613"/>
      <c r="UYZ669" s="613"/>
      <c r="UZA669" s="613"/>
      <c r="UZB669" s="613"/>
      <c r="UZC669" s="613"/>
      <c r="UZD669" s="613"/>
      <c r="UZE669" s="613"/>
      <c r="UZF669" s="613"/>
      <c r="UZG669" s="613"/>
      <c r="UZH669" s="613"/>
      <c r="UZI669" s="613"/>
      <c r="UZJ669" s="613"/>
      <c r="UZK669" s="613"/>
      <c r="UZL669" s="613"/>
      <c r="UZM669" s="613"/>
      <c r="UZN669" s="613"/>
      <c r="UZO669" s="613"/>
      <c r="UZP669" s="613"/>
      <c r="UZQ669" s="613"/>
      <c r="UZR669" s="613"/>
      <c r="UZS669" s="613"/>
      <c r="UZT669" s="613"/>
      <c r="UZU669" s="613"/>
      <c r="UZV669" s="613"/>
      <c r="UZW669" s="613"/>
      <c r="UZX669" s="613"/>
      <c r="UZY669" s="613"/>
      <c r="UZZ669" s="613"/>
      <c r="VAA669" s="613"/>
      <c r="VAB669" s="613"/>
      <c r="VAC669" s="613"/>
      <c r="VAD669" s="613"/>
      <c r="VAE669" s="613"/>
      <c r="VAF669" s="613"/>
      <c r="VAG669" s="613"/>
      <c r="VAH669" s="613"/>
      <c r="VAI669" s="613"/>
      <c r="VAJ669" s="613"/>
      <c r="VAK669" s="613"/>
      <c r="VAL669" s="613"/>
      <c r="VAM669" s="613"/>
      <c r="VAN669" s="613"/>
      <c r="VAO669" s="613"/>
      <c r="VAP669" s="613"/>
      <c r="VAQ669" s="613"/>
      <c r="VAR669" s="613"/>
      <c r="VAS669" s="613"/>
      <c r="VAT669" s="613"/>
      <c r="VAU669" s="613"/>
      <c r="VAV669" s="613"/>
      <c r="VAW669" s="613"/>
      <c r="VAX669" s="613"/>
      <c r="VAY669" s="613"/>
      <c r="VAZ669" s="613"/>
      <c r="VBA669" s="613"/>
      <c r="VBB669" s="613"/>
      <c r="VBC669" s="613"/>
      <c r="VBD669" s="613"/>
      <c r="VBE669" s="613"/>
      <c r="VBF669" s="613"/>
      <c r="VBG669" s="613"/>
      <c r="VBH669" s="613"/>
      <c r="VBI669" s="613"/>
      <c r="VBJ669" s="613"/>
      <c r="VBK669" s="613"/>
      <c r="VBL669" s="613"/>
      <c r="VBM669" s="613"/>
      <c r="VBN669" s="613"/>
      <c r="VBO669" s="613"/>
      <c r="VBP669" s="613"/>
      <c r="VBQ669" s="613"/>
      <c r="VBR669" s="613"/>
      <c r="VBS669" s="613"/>
      <c r="VBT669" s="613"/>
      <c r="VBU669" s="613"/>
      <c r="VBV669" s="613"/>
      <c r="VBW669" s="613"/>
      <c r="VBX669" s="613"/>
      <c r="VBY669" s="613"/>
      <c r="VBZ669" s="613"/>
      <c r="VCA669" s="613"/>
      <c r="VCB669" s="613"/>
      <c r="VCC669" s="613"/>
      <c r="VCD669" s="613"/>
      <c r="VCE669" s="613"/>
      <c r="VCF669" s="613"/>
      <c r="VCG669" s="613"/>
      <c r="VCH669" s="613"/>
      <c r="VCI669" s="613"/>
      <c r="VCJ669" s="613"/>
      <c r="VCK669" s="613"/>
      <c r="VCL669" s="613"/>
      <c r="VCM669" s="613"/>
      <c r="VCN669" s="613"/>
      <c r="VCO669" s="613"/>
      <c r="VCP669" s="613"/>
      <c r="VCQ669" s="613"/>
      <c r="VCR669" s="613"/>
      <c r="VCS669" s="613"/>
      <c r="VCT669" s="613"/>
      <c r="VCU669" s="613"/>
      <c r="VCV669" s="613"/>
      <c r="VCW669" s="613"/>
      <c r="VCX669" s="613"/>
      <c r="VCY669" s="613"/>
      <c r="VCZ669" s="613"/>
      <c r="VDA669" s="613"/>
      <c r="VDB669" s="613"/>
      <c r="VDC669" s="613"/>
      <c r="VDD669" s="613"/>
      <c r="VDE669" s="613"/>
      <c r="VDF669" s="613"/>
      <c r="VDG669" s="613"/>
      <c r="VDH669" s="613"/>
      <c r="VDI669" s="613"/>
      <c r="VDJ669" s="613"/>
      <c r="VDK669" s="613"/>
      <c r="VDL669" s="613"/>
      <c r="VDM669" s="613"/>
      <c r="VDN669" s="613"/>
      <c r="VDO669" s="613"/>
      <c r="VDP669" s="613"/>
      <c r="VDQ669" s="613"/>
      <c r="VDR669" s="613"/>
      <c r="VDS669" s="613"/>
      <c r="VDT669" s="613"/>
      <c r="VDU669" s="613"/>
      <c r="VDV669" s="613"/>
      <c r="VDW669" s="613"/>
      <c r="VDX669" s="613"/>
      <c r="VDY669" s="613"/>
      <c r="VDZ669" s="613"/>
      <c r="VEA669" s="613"/>
      <c r="VEB669" s="613"/>
      <c r="VEC669" s="613"/>
      <c r="VED669" s="613"/>
      <c r="VEE669" s="613"/>
      <c r="VEF669" s="613"/>
      <c r="VEG669" s="613"/>
      <c r="VEH669" s="613"/>
      <c r="VEI669" s="613"/>
      <c r="VEJ669" s="613"/>
      <c r="VEK669" s="613"/>
      <c r="VEL669" s="613"/>
      <c r="VEM669" s="613"/>
      <c r="VEN669" s="613"/>
      <c r="VEO669" s="613"/>
      <c r="VEP669" s="613"/>
      <c r="VEQ669" s="613"/>
      <c r="VER669" s="613"/>
      <c r="VES669" s="613"/>
      <c r="VET669" s="613"/>
      <c r="VEU669" s="613"/>
      <c r="VEV669" s="613"/>
      <c r="VEW669" s="613"/>
      <c r="VEX669" s="613"/>
      <c r="VEY669" s="613"/>
      <c r="VEZ669" s="613"/>
      <c r="VFA669" s="613"/>
      <c r="VFB669" s="613"/>
      <c r="VFC669" s="613"/>
      <c r="VFD669" s="613"/>
      <c r="VFE669" s="613"/>
      <c r="VFF669" s="613"/>
      <c r="VFG669" s="613"/>
      <c r="VFH669" s="613"/>
      <c r="VFI669" s="613"/>
      <c r="VFJ669" s="613"/>
      <c r="VFK669" s="613"/>
      <c r="VFL669" s="613"/>
      <c r="VFM669" s="613"/>
      <c r="VFN669" s="613"/>
      <c r="VFO669" s="613"/>
      <c r="VFP669" s="613"/>
      <c r="VFQ669" s="613"/>
      <c r="VFR669" s="613"/>
      <c r="VFS669" s="613"/>
      <c r="VFT669" s="613"/>
      <c r="VFU669" s="613"/>
      <c r="VFV669" s="613"/>
      <c r="VFW669" s="613"/>
      <c r="VFX669" s="613"/>
      <c r="VFY669" s="613"/>
      <c r="VFZ669" s="613"/>
      <c r="VGA669" s="613"/>
      <c r="VGB669" s="613"/>
      <c r="VGC669" s="613"/>
      <c r="VGD669" s="613"/>
      <c r="VGE669" s="613"/>
      <c r="VGF669" s="613"/>
      <c r="VGG669" s="613"/>
      <c r="VGH669" s="613"/>
      <c r="VGI669" s="613"/>
      <c r="VGJ669" s="613"/>
      <c r="VGK669" s="613"/>
      <c r="VGL669" s="613"/>
      <c r="VGM669" s="613"/>
      <c r="VGN669" s="613"/>
      <c r="VGO669" s="613"/>
      <c r="VGP669" s="613"/>
      <c r="VGQ669" s="613"/>
      <c r="VGR669" s="613"/>
      <c r="VGS669" s="613"/>
      <c r="VGT669" s="613"/>
      <c r="VGU669" s="613"/>
      <c r="VGV669" s="613"/>
      <c r="VGW669" s="613"/>
      <c r="VGX669" s="613"/>
      <c r="VGY669" s="613"/>
      <c r="VGZ669" s="613"/>
      <c r="VHA669" s="613"/>
      <c r="VHB669" s="613"/>
      <c r="VHC669" s="613"/>
      <c r="VHD669" s="613"/>
      <c r="VHE669" s="613"/>
      <c r="VHF669" s="613"/>
      <c r="VHG669" s="613"/>
      <c r="VHH669" s="613"/>
      <c r="VHI669" s="613"/>
      <c r="VHJ669" s="613"/>
      <c r="VHK669" s="613"/>
      <c r="VHL669" s="613"/>
      <c r="VHM669" s="613"/>
      <c r="VHN669" s="613"/>
      <c r="VHO669" s="613"/>
      <c r="VHP669" s="613"/>
      <c r="VHQ669" s="613"/>
      <c r="VHR669" s="613"/>
      <c r="VHS669" s="613"/>
      <c r="VHT669" s="613"/>
      <c r="VHU669" s="613"/>
      <c r="VHV669" s="613"/>
      <c r="VHW669" s="613"/>
      <c r="VHX669" s="613"/>
      <c r="VHY669" s="613"/>
      <c r="VHZ669" s="613"/>
      <c r="VIA669" s="613"/>
      <c r="VIB669" s="613"/>
      <c r="VIC669" s="613"/>
      <c r="VID669" s="613"/>
      <c r="VIE669" s="613"/>
      <c r="VIF669" s="613"/>
      <c r="VIG669" s="613"/>
      <c r="VIH669" s="613"/>
      <c r="VII669" s="613"/>
      <c r="VIJ669" s="613"/>
      <c r="VIK669" s="613"/>
      <c r="VIL669" s="613"/>
      <c r="VIM669" s="613"/>
      <c r="VIN669" s="613"/>
      <c r="VIO669" s="613"/>
      <c r="VIP669" s="613"/>
      <c r="VIQ669" s="613"/>
      <c r="VIR669" s="613"/>
      <c r="VIS669" s="613"/>
      <c r="VIT669" s="613"/>
      <c r="VIU669" s="613"/>
      <c r="VIV669" s="613"/>
      <c r="VIW669" s="613"/>
      <c r="VIX669" s="613"/>
      <c r="VIY669" s="613"/>
      <c r="VIZ669" s="613"/>
      <c r="VJA669" s="613"/>
      <c r="VJB669" s="613"/>
      <c r="VJC669" s="613"/>
      <c r="VJD669" s="613"/>
      <c r="VJE669" s="613"/>
      <c r="VJF669" s="613"/>
      <c r="VJG669" s="613"/>
      <c r="VJH669" s="613"/>
      <c r="VJI669" s="613"/>
      <c r="VJJ669" s="613"/>
      <c r="VJK669" s="613"/>
      <c r="VJL669" s="613"/>
      <c r="VJM669" s="613"/>
      <c r="VJN669" s="613"/>
      <c r="VJO669" s="613"/>
      <c r="VJP669" s="613"/>
      <c r="VJQ669" s="613"/>
      <c r="VJR669" s="613"/>
      <c r="VJS669" s="613"/>
      <c r="VJT669" s="613"/>
      <c r="VJU669" s="613"/>
      <c r="VJV669" s="613"/>
      <c r="VJW669" s="613"/>
      <c r="VJX669" s="613"/>
      <c r="VJY669" s="613"/>
      <c r="VJZ669" s="613"/>
      <c r="VKA669" s="613"/>
      <c r="VKB669" s="613"/>
      <c r="VKC669" s="613"/>
      <c r="VKD669" s="613"/>
      <c r="VKE669" s="613"/>
      <c r="VKF669" s="613"/>
      <c r="VKG669" s="613"/>
      <c r="VKH669" s="613"/>
      <c r="VKI669" s="613"/>
      <c r="VKJ669" s="613"/>
      <c r="VKK669" s="613"/>
      <c r="VKL669" s="613"/>
      <c r="VKM669" s="613"/>
      <c r="VKN669" s="613"/>
      <c r="VKO669" s="613"/>
      <c r="VKP669" s="613"/>
      <c r="VKQ669" s="613"/>
      <c r="VKR669" s="613"/>
      <c r="VKS669" s="613"/>
      <c r="VKT669" s="613"/>
      <c r="VKU669" s="613"/>
      <c r="VKV669" s="613"/>
      <c r="VKW669" s="613"/>
      <c r="VKX669" s="613"/>
      <c r="VKY669" s="613"/>
      <c r="VKZ669" s="613"/>
      <c r="VLA669" s="613"/>
      <c r="VLB669" s="613"/>
      <c r="VLC669" s="613"/>
      <c r="VLD669" s="613"/>
      <c r="VLE669" s="613"/>
      <c r="VLF669" s="613"/>
      <c r="VLG669" s="613"/>
      <c r="VLH669" s="613"/>
      <c r="VLI669" s="613"/>
      <c r="VLJ669" s="613"/>
      <c r="VLK669" s="613"/>
      <c r="VLL669" s="613"/>
      <c r="VLM669" s="613"/>
      <c r="VLN669" s="613"/>
      <c r="VLO669" s="613"/>
      <c r="VLP669" s="613"/>
      <c r="VLQ669" s="613"/>
      <c r="VLR669" s="613"/>
      <c r="VLS669" s="613"/>
      <c r="VLT669" s="613"/>
      <c r="VLU669" s="613"/>
      <c r="VLV669" s="613"/>
      <c r="VLW669" s="613"/>
      <c r="VLX669" s="613"/>
      <c r="VLY669" s="613"/>
      <c r="VLZ669" s="613"/>
      <c r="VMA669" s="613"/>
      <c r="VMB669" s="613"/>
      <c r="VMC669" s="613"/>
      <c r="VMD669" s="613"/>
      <c r="VME669" s="613"/>
      <c r="VMF669" s="613"/>
      <c r="VMG669" s="613"/>
      <c r="VMH669" s="613"/>
      <c r="VMI669" s="613"/>
      <c r="VMJ669" s="613"/>
      <c r="VMK669" s="613"/>
      <c r="VML669" s="613"/>
      <c r="VMM669" s="613"/>
      <c r="VMN669" s="613"/>
      <c r="VMO669" s="613"/>
      <c r="VMP669" s="613"/>
      <c r="VMQ669" s="613"/>
      <c r="VMR669" s="613"/>
      <c r="VMS669" s="613"/>
      <c r="VMT669" s="613"/>
      <c r="VMU669" s="613"/>
      <c r="VMV669" s="613"/>
      <c r="VMW669" s="613"/>
      <c r="VMX669" s="613"/>
      <c r="VMY669" s="613"/>
      <c r="VMZ669" s="613"/>
      <c r="VNA669" s="613"/>
      <c r="VNB669" s="613"/>
      <c r="VNC669" s="613"/>
      <c r="VND669" s="613"/>
      <c r="VNE669" s="613"/>
      <c r="VNF669" s="613"/>
      <c r="VNG669" s="613"/>
      <c r="VNH669" s="613"/>
      <c r="VNI669" s="613"/>
      <c r="VNJ669" s="613"/>
      <c r="VNK669" s="613"/>
      <c r="VNL669" s="613"/>
      <c r="VNM669" s="613"/>
      <c r="VNN669" s="613"/>
      <c r="VNO669" s="613"/>
      <c r="VNP669" s="613"/>
      <c r="VNQ669" s="613"/>
      <c r="VNR669" s="613"/>
      <c r="VNS669" s="613"/>
      <c r="VNT669" s="613"/>
      <c r="VNU669" s="613"/>
      <c r="VNV669" s="613"/>
      <c r="VNW669" s="613"/>
      <c r="VNX669" s="613"/>
      <c r="VNY669" s="613"/>
      <c r="VNZ669" s="613"/>
      <c r="VOA669" s="613"/>
      <c r="VOB669" s="613"/>
      <c r="VOC669" s="613"/>
      <c r="VOD669" s="613"/>
      <c r="VOE669" s="613"/>
      <c r="VOF669" s="613"/>
      <c r="VOG669" s="613"/>
      <c r="VOH669" s="613"/>
      <c r="VOI669" s="613"/>
      <c r="VOJ669" s="613"/>
      <c r="VOK669" s="613"/>
      <c r="VOL669" s="613"/>
      <c r="VOM669" s="613"/>
      <c r="VON669" s="613"/>
      <c r="VOO669" s="613"/>
      <c r="VOP669" s="613"/>
      <c r="VOQ669" s="613"/>
      <c r="VOR669" s="613"/>
      <c r="VOS669" s="613"/>
      <c r="VOT669" s="613"/>
      <c r="VOU669" s="613"/>
      <c r="VOV669" s="613"/>
      <c r="VOW669" s="613"/>
      <c r="VOX669" s="613"/>
      <c r="VOY669" s="613"/>
      <c r="VOZ669" s="613"/>
      <c r="VPA669" s="613"/>
      <c r="VPB669" s="613"/>
      <c r="VPC669" s="613"/>
      <c r="VPD669" s="613"/>
      <c r="VPE669" s="613"/>
      <c r="VPF669" s="613"/>
      <c r="VPG669" s="613"/>
      <c r="VPH669" s="613"/>
      <c r="VPI669" s="613"/>
      <c r="VPJ669" s="613"/>
      <c r="VPK669" s="613"/>
      <c r="VPL669" s="613"/>
      <c r="VPM669" s="613"/>
      <c r="VPN669" s="613"/>
      <c r="VPO669" s="613"/>
      <c r="VPP669" s="613"/>
      <c r="VPQ669" s="613"/>
      <c r="VPR669" s="613"/>
      <c r="VPS669" s="613"/>
      <c r="VPT669" s="613"/>
      <c r="VPU669" s="613"/>
      <c r="VPV669" s="613"/>
      <c r="VPW669" s="613"/>
      <c r="VPX669" s="613"/>
      <c r="VPY669" s="613"/>
      <c r="VPZ669" s="613"/>
      <c r="VQA669" s="613"/>
      <c r="VQB669" s="613"/>
      <c r="VQC669" s="613"/>
      <c r="VQD669" s="613"/>
      <c r="VQE669" s="613"/>
      <c r="VQF669" s="613"/>
      <c r="VQG669" s="613"/>
      <c r="VQH669" s="613"/>
      <c r="VQI669" s="613"/>
      <c r="VQJ669" s="613"/>
      <c r="VQK669" s="613"/>
      <c r="VQL669" s="613"/>
      <c r="VQM669" s="613"/>
      <c r="VQN669" s="613"/>
      <c r="VQO669" s="613"/>
      <c r="VQP669" s="613"/>
      <c r="VQQ669" s="613"/>
      <c r="VQR669" s="613"/>
      <c r="VQS669" s="613"/>
      <c r="VQT669" s="613"/>
      <c r="VQU669" s="613"/>
      <c r="VQV669" s="613"/>
      <c r="VQW669" s="613"/>
      <c r="VQX669" s="613"/>
      <c r="VQY669" s="613"/>
      <c r="VQZ669" s="613"/>
      <c r="VRA669" s="613"/>
      <c r="VRB669" s="613"/>
      <c r="VRC669" s="613"/>
      <c r="VRD669" s="613"/>
      <c r="VRE669" s="613"/>
      <c r="VRF669" s="613"/>
      <c r="VRG669" s="613"/>
      <c r="VRH669" s="613"/>
      <c r="VRI669" s="613"/>
      <c r="VRJ669" s="613"/>
      <c r="VRK669" s="613"/>
      <c r="VRL669" s="613"/>
      <c r="VRM669" s="613"/>
      <c r="VRN669" s="613"/>
      <c r="VRO669" s="613"/>
      <c r="VRP669" s="613"/>
      <c r="VRQ669" s="613"/>
      <c r="VRR669" s="613"/>
      <c r="VRS669" s="613"/>
      <c r="VRT669" s="613"/>
      <c r="VRU669" s="613"/>
      <c r="VRV669" s="613"/>
      <c r="VRW669" s="613"/>
      <c r="VRX669" s="613"/>
      <c r="VRY669" s="613"/>
      <c r="VRZ669" s="613"/>
      <c r="VSA669" s="613"/>
      <c r="VSB669" s="613"/>
      <c r="VSC669" s="613"/>
      <c r="VSD669" s="613"/>
      <c r="VSE669" s="613"/>
      <c r="VSF669" s="613"/>
      <c r="VSG669" s="613"/>
      <c r="VSH669" s="613"/>
      <c r="VSI669" s="613"/>
      <c r="VSJ669" s="613"/>
      <c r="VSK669" s="613"/>
      <c r="VSL669" s="613"/>
      <c r="VSM669" s="613"/>
      <c r="VSN669" s="613"/>
      <c r="VSO669" s="613"/>
      <c r="VSP669" s="613"/>
      <c r="VSQ669" s="613"/>
      <c r="VSR669" s="613"/>
      <c r="VSS669" s="613"/>
      <c r="VST669" s="613"/>
      <c r="VSU669" s="613"/>
      <c r="VSV669" s="613"/>
      <c r="VSW669" s="613"/>
      <c r="VSX669" s="613"/>
      <c r="VSY669" s="613"/>
      <c r="VSZ669" s="613"/>
      <c r="VTA669" s="613"/>
      <c r="VTB669" s="613"/>
      <c r="VTC669" s="613"/>
      <c r="VTD669" s="613"/>
      <c r="VTE669" s="613"/>
      <c r="VTF669" s="613"/>
      <c r="VTG669" s="613"/>
      <c r="VTH669" s="613"/>
      <c r="VTI669" s="613"/>
      <c r="VTJ669" s="613"/>
      <c r="VTK669" s="613"/>
      <c r="VTL669" s="613"/>
      <c r="VTM669" s="613"/>
      <c r="VTN669" s="613"/>
      <c r="VTO669" s="613"/>
      <c r="VTP669" s="613"/>
      <c r="VTQ669" s="613"/>
      <c r="VTR669" s="613"/>
      <c r="VTS669" s="613"/>
      <c r="VTT669" s="613"/>
      <c r="VTU669" s="613"/>
      <c r="VTV669" s="613"/>
      <c r="VTW669" s="613"/>
      <c r="VTX669" s="613"/>
      <c r="VTY669" s="613"/>
      <c r="VTZ669" s="613"/>
      <c r="VUA669" s="613"/>
      <c r="VUB669" s="613"/>
      <c r="VUC669" s="613"/>
      <c r="VUD669" s="613"/>
      <c r="VUE669" s="613"/>
      <c r="VUF669" s="613"/>
      <c r="VUG669" s="613"/>
      <c r="VUH669" s="613"/>
      <c r="VUI669" s="613"/>
      <c r="VUJ669" s="613"/>
      <c r="VUK669" s="613"/>
      <c r="VUL669" s="613"/>
      <c r="VUM669" s="613"/>
      <c r="VUN669" s="613"/>
      <c r="VUO669" s="613"/>
      <c r="VUP669" s="613"/>
      <c r="VUQ669" s="613"/>
      <c r="VUR669" s="613"/>
      <c r="VUS669" s="613"/>
      <c r="VUT669" s="613"/>
      <c r="VUU669" s="613"/>
      <c r="VUV669" s="613"/>
      <c r="VUW669" s="613"/>
      <c r="VUX669" s="613"/>
      <c r="VUY669" s="613"/>
      <c r="VUZ669" s="613"/>
      <c r="VVA669" s="613"/>
      <c r="VVB669" s="613"/>
      <c r="VVC669" s="613"/>
      <c r="VVD669" s="613"/>
      <c r="VVE669" s="613"/>
      <c r="VVF669" s="613"/>
      <c r="VVG669" s="613"/>
      <c r="VVH669" s="613"/>
      <c r="VVI669" s="613"/>
      <c r="VVJ669" s="613"/>
      <c r="VVK669" s="613"/>
      <c r="VVL669" s="613"/>
      <c r="VVM669" s="613"/>
      <c r="VVN669" s="613"/>
      <c r="VVO669" s="613"/>
      <c r="VVP669" s="613"/>
      <c r="VVQ669" s="613"/>
      <c r="VVR669" s="613"/>
      <c r="VVS669" s="613"/>
      <c r="VVT669" s="613"/>
      <c r="VVU669" s="613"/>
      <c r="VVV669" s="613"/>
      <c r="VVW669" s="613"/>
      <c r="VVX669" s="613"/>
      <c r="VVY669" s="613"/>
      <c r="VVZ669" s="613"/>
      <c r="VWA669" s="613"/>
      <c r="VWB669" s="613"/>
      <c r="VWC669" s="613"/>
      <c r="VWD669" s="613"/>
      <c r="VWE669" s="613"/>
      <c r="VWF669" s="613"/>
      <c r="VWG669" s="613"/>
      <c r="VWH669" s="613"/>
      <c r="VWI669" s="613"/>
      <c r="VWJ669" s="613"/>
      <c r="VWK669" s="613"/>
      <c r="VWL669" s="613"/>
      <c r="VWM669" s="613"/>
      <c r="VWN669" s="613"/>
      <c r="VWO669" s="613"/>
      <c r="VWP669" s="613"/>
      <c r="VWQ669" s="613"/>
      <c r="VWR669" s="613"/>
      <c r="VWS669" s="613"/>
      <c r="VWT669" s="613"/>
      <c r="VWU669" s="613"/>
      <c r="VWV669" s="613"/>
      <c r="VWW669" s="613"/>
      <c r="VWX669" s="613"/>
      <c r="VWY669" s="613"/>
      <c r="VWZ669" s="613"/>
      <c r="VXA669" s="613"/>
      <c r="VXB669" s="613"/>
      <c r="VXC669" s="613"/>
      <c r="VXD669" s="613"/>
      <c r="VXE669" s="613"/>
      <c r="VXF669" s="613"/>
      <c r="VXG669" s="613"/>
      <c r="VXH669" s="613"/>
      <c r="VXI669" s="613"/>
      <c r="VXJ669" s="613"/>
      <c r="VXK669" s="613"/>
      <c r="VXL669" s="613"/>
      <c r="VXM669" s="613"/>
      <c r="VXN669" s="613"/>
      <c r="VXO669" s="613"/>
      <c r="VXP669" s="613"/>
      <c r="VXQ669" s="613"/>
      <c r="VXR669" s="613"/>
      <c r="VXS669" s="613"/>
      <c r="VXT669" s="613"/>
      <c r="VXU669" s="613"/>
      <c r="VXV669" s="613"/>
      <c r="VXW669" s="613"/>
      <c r="VXX669" s="613"/>
      <c r="VXY669" s="613"/>
      <c r="VXZ669" s="613"/>
      <c r="VYA669" s="613"/>
      <c r="VYB669" s="613"/>
      <c r="VYC669" s="613"/>
      <c r="VYD669" s="613"/>
      <c r="VYE669" s="613"/>
      <c r="VYF669" s="613"/>
      <c r="VYG669" s="613"/>
      <c r="VYH669" s="613"/>
      <c r="VYI669" s="613"/>
      <c r="VYJ669" s="613"/>
      <c r="VYK669" s="613"/>
      <c r="VYL669" s="613"/>
      <c r="VYM669" s="613"/>
      <c r="VYN669" s="613"/>
      <c r="VYO669" s="613"/>
      <c r="VYP669" s="613"/>
      <c r="VYQ669" s="613"/>
      <c r="VYR669" s="613"/>
      <c r="VYS669" s="613"/>
      <c r="VYT669" s="613"/>
      <c r="VYU669" s="613"/>
      <c r="VYV669" s="613"/>
      <c r="VYW669" s="613"/>
      <c r="VYX669" s="613"/>
      <c r="VYY669" s="613"/>
      <c r="VYZ669" s="613"/>
      <c r="VZA669" s="613"/>
      <c r="VZB669" s="613"/>
      <c r="VZC669" s="613"/>
      <c r="VZD669" s="613"/>
      <c r="VZE669" s="613"/>
      <c r="VZF669" s="613"/>
      <c r="VZG669" s="613"/>
      <c r="VZH669" s="613"/>
      <c r="VZI669" s="613"/>
      <c r="VZJ669" s="613"/>
      <c r="VZK669" s="613"/>
      <c r="VZL669" s="613"/>
      <c r="VZM669" s="613"/>
      <c r="VZN669" s="613"/>
      <c r="VZO669" s="613"/>
      <c r="VZP669" s="613"/>
      <c r="VZQ669" s="613"/>
      <c r="VZR669" s="613"/>
      <c r="VZS669" s="613"/>
      <c r="VZT669" s="613"/>
      <c r="VZU669" s="613"/>
      <c r="VZV669" s="613"/>
      <c r="VZW669" s="613"/>
      <c r="VZX669" s="613"/>
      <c r="VZY669" s="613"/>
      <c r="VZZ669" s="613"/>
      <c r="WAA669" s="613"/>
      <c r="WAB669" s="613"/>
      <c r="WAC669" s="613"/>
      <c r="WAD669" s="613"/>
      <c r="WAE669" s="613"/>
      <c r="WAF669" s="613"/>
      <c r="WAG669" s="613"/>
      <c r="WAH669" s="613"/>
      <c r="WAI669" s="613"/>
      <c r="WAJ669" s="613"/>
      <c r="WAK669" s="613"/>
      <c r="WAL669" s="613"/>
      <c r="WAM669" s="613"/>
      <c r="WAN669" s="613"/>
      <c r="WAO669" s="613"/>
      <c r="WAP669" s="613"/>
      <c r="WAQ669" s="613"/>
      <c r="WAR669" s="613"/>
      <c r="WAS669" s="613"/>
      <c r="WAT669" s="613"/>
      <c r="WAU669" s="613"/>
      <c r="WAV669" s="613"/>
      <c r="WAW669" s="613"/>
      <c r="WAX669" s="613"/>
      <c r="WAY669" s="613"/>
      <c r="WAZ669" s="613"/>
      <c r="WBA669" s="613"/>
      <c r="WBB669" s="613"/>
      <c r="WBC669" s="613"/>
      <c r="WBD669" s="613"/>
      <c r="WBE669" s="613"/>
      <c r="WBF669" s="613"/>
      <c r="WBG669" s="613"/>
      <c r="WBH669" s="613"/>
      <c r="WBI669" s="613"/>
      <c r="WBJ669" s="613"/>
      <c r="WBK669" s="613"/>
      <c r="WBL669" s="613"/>
      <c r="WBM669" s="613"/>
      <c r="WBN669" s="613"/>
      <c r="WBO669" s="613"/>
      <c r="WBP669" s="613"/>
      <c r="WBQ669" s="613"/>
      <c r="WBR669" s="613"/>
      <c r="WBS669" s="613"/>
      <c r="WBT669" s="613"/>
      <c r="WBU669" s="613"/>
      <c r="WBV669" s="613"/>
      <c r="WBW669" s="613"/>
      <c r="WBX669" s="613"/>
      <c r="WBY669" s="613"/>
      <c r="WBZ669" s="613"/>
      <c r="WCA669" s="613"/>
      <c r="WCB669" s="613"/>
      <c r="WCC669" s="613"/>
      <c r="WCD669" s="613"/>
      <c r="WCE669" s="613"/>
      <c r="WCF669" s="613"/>
      <c r="WCG669" s="613"/>
      <c r="WCH669" s="613"/>
      <c r="WCI669" s="613"/>
      <c r="WCJ669" s="613"/>
      <c r="WCK669" s="613"/>
      <c r="WCL669" s="613"/>
      <c r="WCM669" s="613"/>
      <c r="WCN669" s="613"/>
      <c r="WCO669" s="613"/>
      <c r="WCP669" s="613"/>
      <c r="WCQ669" s="613"/>
      <c r="WCR669" s="613"/>
      <c r="WCS669" s="613"/>
      <c r="WCT669" s="613"/>
      <c r="WCU669" s="613"/>
      <c r="WCV669" s="613"/>
      <c r="WCW669" s="613"/>
      <c r="WCX669" s="613"/>
      <c r="WCY669" s="613"/>
      <c r="WCZ669" s="613"/>
      <c r="WDA669" s="613"/>
      <c r="WDB669" s="613"/>
      <c r="WDC669" s="613"/>
      <c r="WDD669" s="613"/>
      <c r="WDE669" s="613"/>
      <c r="WDF669" s="613"/>
      <c r="WDG669" s="613"/>
      <c r="WDH669" s="613"/>
      <c r="WDI669" s="613"/>
      <c r="WDJ669" s="613"/>
      <c r="WDK669" s="613"/>
      <c r="WDL669" s="613"/>
      <c r="WDM669" s="613"/>
      <c r="WDN669" s="613"/>
      <c r="WDO669" s="613"/>
      <c r="WDP669" s="613"/>
      <c r="WDQ669" s="613"/>
      <c r="WDR669" s="613"/>
      <c r="WDS669" s="613"/>
      <c r="WDT669" s="613"/>
      <c r="WDU669" s="613"/>
      <c r="WDV669" s="613"/>
      <c r="WDW669" s="613"/>
      <c r="WDX669" s="613"/>
      <c r="WDY669" s="613"/>
      <c r="WDZ669" s="613"/>
      <c r="WEA669" s="613"/>
      <c r="WEB669" s="613"/>
      <c r="WEC669" s="613"/>
      <c r="WED669" s="613"/>
      <c r="WEE669" s="613"/>
      <c r="WEF669" s="613"/>
      <c r="WEG669" s="613"/>
      <c r="WEH669" s="613"/>
      <c r="WEI669" s="613"/>
      <c r="WEJ669" s="613"/>
      <c r="WEK669" s="613"/>
      <c r="WEL669" s="613"/>
      <c r="WEM669" s="613"/>
      <c r="WEN669" s="613"/>
      <c r="WEO669" s="613"/>
      <c r="WEP669" s="613"/>
      <c r="WEQ669" s="613"/>
      <c r="WER669" s="613"/>
      <c r="WES669" s="613"/>
      <c r="WET669" s="613"/>
      <c r="WEU669" s="613"/>
      <c r="WEV669" s="613"/>
      <c r="WEW669" s="613"/>
      <c r="WEX669" s="613"/>
      <c r="WEY669" s="613"/>
      <c r="WEZ669" s="613"/>
      <c r="WFA669" s="613"/>
      <c r="WFB669" s="613"/>
      <c r="WFC669" s="613"/>
      <c r="WFD669" s="613"/>
      <c r="WFE669" s="613"/>
      <c r="WFF669" s="613"/>
      <c r="WFG669" s="613"/>
      <c r="WFH669" s="613"/>
      <c r="WFI669" s="613"/>
      <c r="WFJ669" s="613"/>
      <c r="WFK669" s="613"/>
      <c r="WFL669" s="613"/>
      <c r="WFM669" s="613"/>
      <c r="WFN669" s="613"/>
      <c r="WFO669" s="613"/>
      <c r="WFP669" s="613"/>
      <c r="WFQ669" s="613"/>
      <c r="WFR669" s="613"/>
      <c r="WFS669" s="613"/>
      <c r="WFT669" s="613"/>
      <c r="WFU669" s="613"/>
      <c r="WFV669" s="613"/>
      <c r="WFW669" s="613"/>
      <c r="WFX669" s="613"/>
      <c r="WFY669" s="613"/>
      <c r="WFZ669" s="613"/>
      <c r="WGA669" s="613"/>
      <c r="WGB669" s="613"/>
      <c r="WGC669" s="613"/>
      <c r="WGD669" s="613"/>
      <c r="WGE669" s="613"/>
      <c r="WGF669" s="613"/>
      <c r="WGG669" s="613"/>
      <c r="WGH669" s="613"/>
      <c r="WGI669" s="613"/>
      <c r="WGJ669" s="613"/>
      <c r="WGK669" s="613"/>
      <c r="WGL669" s="613"/>
      <c r="WGM669" s="613"/>
      <c r="WGN669" s="613"/>
      <c r="WGO669" s="613"/>
      <c r="WGP669" s="613"/>
      <c r="WGQ669" s="613"/>
      <c r="WGR669" s="613"/>
      <c r="WGS669" s="613"/>
      <c r="WGT669" s="613"/>
      <c r="WGU669" s="613"/>
      <c r="WGV669" s="613"/>
      <c r="WGW669" s="613"/>
      <c r="WGX669" s="613"/>
      <c r="WGY669" s="613"/>
      <c r="WGZ669" s="613"/>
      <c r="WHA669" s="613"/>
      <c r="WHB669" s="613"/>
      <c r="WHC669" s="613"/>
      <c r="WHD669" s="613"/>
      <c r="WHE669" s="613"/>
      <c r="WHF669" s="613"/>
      <c r="WHG669" s="613"/>
      <c r="WHH669" s="613"/>
      <c r="WHI669" s="613"/>
      <c r="WHJ669" s="613"/>
      <c r="WHK669" s="613"/>
      <c r="WHL669" s="613"/>
      <c r="WHM669" s="613"/>
      <c r="WHN669" s="613"/>
      <c r="WHO669" s="613"/>
      <c r="WHP669" s="613"/>
      <c r="WHQ669" s="613"/>
      <c r="WHR669" s="613"/>
      <c r="WHS669" s="613"/>
      <c r="WHT669" s="613"/>
      <c r="WHU669" s="613"/>
      <c r="WHV669" s="613"/>
      <c r="WHW669" s="613"/>
      <c r="WHX669" s="613"/>
      <c r="WHY669" s="613"/>
      <c r="WHZ669" s="613"/>
      <c r="WIA669" s="613"/>
      <c r="WIB669" s="613"/>
      <c r="WIC669" s="613"/>
      <c r="WID669" s="613"/>
      <c r="WIE669" s="613"/>
      <c r="WIF669" s="613"/>
      <c r="WIG669" s="613"/>
      <c r="WIH669" s="613"/>
      <c r="WII669" s="613"/>
      <c r="WIJ669" s="613"/>
      <c r="WIK669" s="613"/>
      <c r="WIL669" s="613"/>
      <c r="WIM669" s="613"/>
      <c r="WIN669" s="613"/>
      <c r="WIO669" s="613"/>
      <c r="WIP669" s="613"/>
      <c r="WIQ669" s="613"/>
      <c r="WIR669" s="613"/>
      <c r="WIS669" s="613"/>
      <c r="WIT669" s="613"/>
      <c r="WIU669" s="613"/>
      <c r="WIV669" s="613"/>
      <c r="WIW669" s="613"/>
      <c r="WIX669" s="613"/>
      <c r="WIY669" s="613"/>
      <c r="WIZ669" s="613"/>
      <c r="WJA669" s="613"/>
      <c r="WJB669" s="613"/>
      <c r="WJC669" s="613"/>
      <c r="WJD669" s="613"/>
      <c r="WJE669" s="613"/>
      <c r="WJF669" s="613"/>
      <c r="WJG669" s="613"/>
      <c r="WJH669" s="613"/>
      <c r="WJI669" s="613"/>
      <c r="WJJ669" s="613"/>
      <c r="WJK669" s="613"/>
      <c r="WJL669" s="613"/>
      <c r="WJM669" s="613"/>
      <c r="WJN669" s="613"/>
      <c r="WJO669" s="613"/>
      <c r="WJP669" s="613"/>
      <c r="WJQ669" s="613"/>
      <c r="WJR669" s="613"/>
      <c r="WJS669" s="613"/>
      <c r="WJT669" s="613"/>
      <c r="WJU669" s="613"/>
      <c r="WJV669" s="613"/>
      <c r="WJW669" s="613"/>
      <c r="WJX669" s="613"/>
      <c r="WJY669" s="613"/>
      <c r="WJZ669" s="613"/>
      <c r="WKA669" s="613"/>
      <c r="WKB669" s="613"/>
      <c r="WKC669" s="613"/>
      <c r="WKD669" s="613"/>
      <c r="WKE669" s="613"/>
      <c r="WKF669" s="613"/>
      <c r="WKG669" s="613"/>
      <c r="WKH669" s="613"/>
      <c r="WKI669" s="613"/>
      <c r="WKJ669" s="613"/>
      <c r="WKK669" s="613"/>
      <c r="WKL669" s="613"/>
      <c r="WKM669" s="613"/>
      <c r="WKN669" s="613"/>
      <c r="WKO669" s="613"/>
      <c r="WKP669" s="613"/>
      <c r="WKQ669" s="613"/>
      <c r="WKR669" s="613"/>
      <c r="WKS669" s="613"/>
      <c r="WKT669" s="613"/>
      <c r="WKU669" s="613"/>
      <c r="WKV669" s="613"/>
      <c r="WKW669" s="613"/>
      <c r="WKX669" s="613"/>
      <c r="WKY669" s="613"/>
      <c r="WKZ669" s="613"/>
      <c r="WLA669" s="613"/>
      <c r="WLB669" s="613"/>
      <c r="WLC669" s="613"/>
      <c r="WLD669" s="613"/>
      <c r="WLE669" s="613"/>
      <c r="WLF669" s="613"/>
      <c r="WLG669" s="613"/>
      <c r="WLH669" s="613"/>
      <c r="WLI669" s="613"/>
      <c r="WLJ669" s="613"/>
      <c r="WLK669" s="613"/>
      <c r="WLL669" s="613"/>
      <c r="WLM669" s="613"/>
      <c r="WLN669" s="613"/>
      <c r="WLO669" s="613"/>
      <c r="WLP669" s="613"/>
      <c r="WLQ669" s="613"/>
      <c r="WLR669" s="613"/>
      <c r="WLS669" s="613"/>
      <c r="WLT669" s="613"/>
      <c r="WLU669" s="613"/>
      <c r="WLV669" s="613"/>
      <c r="WLW669" s="613"/>
      <c r="WLX669" s="613"/>
      <c r="WLY669" s="613"/>
      <c r="WLZ669" s="613"/>
      <c r="WMA669" s="613"/>
      <c r="WMB669" s="613"/>
      <c r="WMC669" s="613"/>
      <c r="WMD669" s="613"/>
      <c r="WME669" s="613"/>
      <c r="WMF669" s="613"/>
      <c r="WMG669" s="613"/>
      <c r="WMH669" s="613"/>
      <c r="WMI669" s="613"/>
      <c r="WMJ669" s="613"/>
      <c r="WMK669" s="613"/>
      <c r="WML669" s="613"/>
      <c r="WMM669" s="613"/>
      <c r="WMN669" s="613"/>
      <c r="WMO669" s="613"/>
      <c r="WMP669" s="613"/>
      <c r="WMQ669" s="613"/>
      <c r="WMR669" s="613"/>
      <c r="WMS669" s="613"/>
      <c r="WMT669" s="613"/>
      <c r="WMU669" s="613"/>
      <c r="WMV669" s="613"/>
      <c r="WMW669" s="613"/>
      <c r="WMX669" s="613"/>
      <c r="WMY669" s="613"/>
      <c r="WMZ669" s="613"/>
      <c r="WNA669" s="613"/>
      <c r="WNB669" s="613"/>
      <c r="WNC669" s="613"/>
      <c r="WND669" s="613"/>
      <c r="WNE669" s="613"/>
      <c r="WNF669" s="613"/>
      <c r="WNG669" s="613"/>
      <c r="WNH669" s="613"/>
      <c r="WNI669" s="613"/>
      <c r="WNJ669" s="613"/>
      <c r="WNK669" s="613"/>
      <c r="WNL669" s="613"/>
      <c r="WNM669" s="613"/>
      <c r="WNN669" s="613"/>
      <c r="WNO669" s="613"/>
      <c r="WNP669" s="613"/>
      <c r="WNQ669" s="613"/>
      <c r="WNR669" s="613"/>
      <c r="WNS669" s="613"/>
      <c r="WNT669" s="613"/>
      <c r="WNU669" s="613"/>
      <c r="WNV669" s="613"/>
      <c r="WNW669" s="613"/>
      <c r="WNX669" s="613"/>
      <c r="WNY669" s="613"/>
      <c r="WNZ669" s="613"/>
      <c r="WOA669" s="613"/>
      <c r="WOB669" s="613"/>
      <c r="WOC669" s="613"/>
      <c r="WOD669" s="613"/>
      <c r="WOE669" s="613"/>
      <c r="WOF669" s="613"/>
      <c r="WOG669" s="613"/>
      <c r="WOH669" s="613"/>
      <c r="WOI669" s="613"/>
      <c r="WOJ669" s="613"/>
      <c r="WOK669" s="613"/>
      <c r="WOL669" s="613"/>
      <c r="WOM669" s="613"/>
      <c r="WON669" s="613"/>
      <c r="WOO669" s="613"/>
      <c r="WOP669" s="613"/>
      <c r="WOQ669" s="613"/>
      <c r="WOR669" s="613"/>
      <c r="WOS669" s="613"/>
      <c r="WOT669" s="613"/>
      <c r="WOU669" s="613"/>
      <c r="WOV669" s="613"/>
      <c r="WOW669" s="613"/>
      <c r="WOX669" s="613"/>
      <c r="WOY669" s="613"/>
      <c r="WOZ669" s="613"/>
      <c r="WPA669" s="613"/>
      <c r="WPB669" s="613"/>
      <c r="WPC669" s="613"/>
      <c r="WPD669" s="613"/>
      <c r="WPE669" s="613"/>
      <c r="WPF669" s="613"/>
      <c r="WPG669" s="613"/>
      <c r="WPH669" s="613"/>
      <c r="WPI669" s="613"/>
      <c r="WPJ669" s="613"/>
      <c r="WPK669" s="613"/>
      <c r="WPL669" s="613"/>
      <c r="WPM669" s="613"/>
      <c r="WPN669" s="613"/>
      <c r="WPO669" s="613"/>
      <c r="WPP669" s="613"/>
      <c r="WPQ669" s="613"/>
      <c r="WPR669" s="613"/>
      <c r="WPS669" s="613"/>
      <c r="WPT669" s="613"/>
      <c r="WPU669" s="613"/>
      <c r="WPV669" s="613"/>
      <c r="WPW669" s="613"/>
      <c r="WPX669" s="613"/>
      <c r="WPY669" s="613"/>
      <c r="WPZ669" s="613"/>
      <c r="WQA669" s="613"/>
      <c r="WQB669" s="613"/>
      <c r="WQC669" s="613"/>
      <c r="WQD669" s="613"/>
      <c r="WQE669" s="613"/>
      <c r="WQF669" s="613"/>
      <c r="WQG669" s="613"/>
      <c r="WQH669" s="613"/>
      <c r="WQI669" s="613"/>
      <c r="WQJ669" s="613"/>
      <c r="WQK669" s="613"/>
      <c r="WQL669" s="613"/>
      <c r="WQM669" s="613"/>
      <c r="WQN669" s="613"/>
      <c r="WQO669" s="613"/>
      <c r="WQP669" s="613"/>
      <c r="WQQ669" s="613"/>
      <c r="WQR669" s="613"/>
      <c r="WQS669" s="613"/>
      <c r="WQT669" s="613"/>
      <c r="WQU669" s="613"/>
      <c r="WQV669" s="613"/>
      <c r="WQW669" s="613"/>
      <c r="WQX669" s="613"/>
      <c r="WQY669" s="613"/>
      <c r="WQZ669" s="613"/>
      <c r="WRA669" s="613"/>
      <c r="WRB669" s="613"/>
      <c r="WRC669" s="613"/>
      <c r="WRD669" s="613"/>
      <c r="WRE669" s="613"/>
      <c r="WRF669" s="613"/>
      <c r="WRG669" s="613"/>
      <c r="WRH669" s="613"/>
      <c r="WRI669" s="613"/>
      <c r="WRJ669" s="613"/>
      <c r="WRK669" s="613"/>
      <c r="WRL669" s="613"/>
      <c r="WRM669" s="613"/>
      <c r="WRN669" s="613"/>
      <c r="WRO669" s="613"/>
      <c r="WRP669" s="613"/>
      <c r="WRQ669" s="613"/>
      <c r="WRR669" s="613"/>
      <c r="WRS669" s="613"/>
      <c r="WRT669" s="613"/>
      <c r="WRU669" s="613"/>
      <c r="WRV669" s="613"/>
      <c r="WRW669" s="613"/>
      <c r="WRX669" s="613"/>
      <c r="WRY669" s="613"/>
      <c r="WRZ669" s="613"/>
      <c r="WSA669" s="613"/>
      <c r="WSB669" s="613"/>
      <c r="WSC669" s="613"/>
      <c r="WSD669" s="613"/>
      <c r="WSE669" s="613"/>
      <c r="WSF669" s="613"/>
      <c r="WSG669" s="613"/>
      <c r="WSH669" s="613"/>
      <c r="WSI669" s="613"/>
      <c r="WSJ669" s="613"/>
      <c r="WSK669" s="613"/>
      <c r="WSL669" s="613"/>
      <c r="WSM669" s="613"/>
      <c r="WSN669" s="613"/>
      <c r="WSO669" s="613"/>
      <c r="WSP669" s="613"/>
      <c r="WSQ669" s="613"/>
      <c r="WSR669" s="613"/>
      <c r="WSS669" s="613"/>
      <c r="WST669" s="613"/>
      <c r="WSU669" s="613"/>
      <c r="WSV669" s="613"/>
      <c r="WSW669" s="613"/>
      <c r="WSX669" s="613"/>
      <c r="WSY669" s="613"/>
      <c r="WSZ669" s="613"/>
      <c r="WTA669" s="613"/>
      <c r="WTB669" s="613"/>
      <c r="WTC669" s="613"/>
      <c r="WTD669" s="613"/>
      <c r="WTE669" s="613"/>
      <c r="WTF669" s="613"/>
      <c r="WTG669" s="613"/>
      <c r="WTH669" s="613"/>
      <c r="WTI669" s="613"/>
      <c r="WTJ669" s="613"/>
      <c r="WTK669" s="613"/>
      <c r="WTL669" s="613"/>
      <c r="WTM669" s="613"/>
      <c r="WTN669" s="613"/>
      <c r="WTO669" s="613"/>
      <c r="WTP669" s="613"/>
      <c r="WTQ669" s="613"/>
      <c r="WTR669" s="613"/>
      <c r="WTS669" s="613"/>
      <c r="WTT669" s="613"/>
      <c r="WTU669" s="613"/>
      <c r="WTV669" s="613"/>
      <c r="WTW669" s="613"/>
      <c r="WTX669" s="613"/>
      <c r="WTY669" s="613"/>
      <c r="WTZ669" s="613"/>
      <c r="WUA669" s="613"/>
      <c r="WUB669" s="613"/>
      <c r="WUC669" s="613"/>
      <c r="WUD669" s="613"/>
      <c r="WUE669" s="613"/>
      <c r="WUF669" s="613"/>
      <c r="WUG669" s="613"/>
      <c r="WUH669" s="613"/>
      <c r="WUI669" s="613"/>
      <c r="WUJ669" s="613"/>
      <c r="WUK669" s="613"/>
      <c r="WUL669" s="613"/>
      <c r="WUM669" s="613"/>
      <c r="WUN669" s="613"/>
      <c r="WUO669" s="613"/>
      <c r="WUP669" s="613"/>
      <c r="WUQ669" s="613"/>
      <c r="WUR669" s="613"/>
      <c r="WUS669" s="613"/>
      <c r="WUT669" s="613"/>
      <c r="WUU669" s="613"/>
      <c r="WUV669" s="613"/>
      <c r="WUW669" s="613"/>
      <c r="WUX669" s="613"/>
      <c r="WUY669" s="613"/>
      <c r="WUZ669" s="613"/>
      <c r="WVA669" s="613"/>
      <c r="WVB669" s="613"/>
      <c r="WVC669" s="613"/>
      <c r="WVD669" s="613"/>
      <c r="WVE669" s="613"/>
      <c r="WVF669" s="613"/>
      <c r="WVG669" s="613"/>
      <c r="WVH669" s="613"/>
      <c r="WVI669" s="613"/>
      <c r="WVJ669" s="613"/>
      <c r="WVK669" s="613"/>
      <c r="WVL669" s="613"/>
      <c r="WVM669" s="613"/>
      <c r="WVN669" s="613"/>
      <c r="WVO669" s="613"/>
      <c r="WVP669" s="613"/>
      <c r="WVQ669" s="613"/>
      <c r="WVR669" s="613"/>
      <c r="WVS669" s="613"/>
      <c r="WVT669" s="613"/>
      <c r="WVU669" s="613"/>
      <c r="WVV669" s="613"/>
      <c r="WVW669" s="613"/>
      <c r="WVX669" s="613"/>
      <c r="WVY669" s="613"/>
      <c r="WVZ669" s="613"/>
      <c r="WWA669" s="613"/>
      <c r="WWB669" s="613"/>
      <c r="WWC669" s="613"/>
      <c r="WWD669" s="613"/>
      <c r="WWE669" s="613"/>
      <c r="WWF669" s="613"/>
      <c r="WWG669" s="613"/>
      <c r="WWH669" s="613"/>
      <c r="WWI669" s="613"/>
      <c r="WWJ669" s="613"/>
      <c r="WWK669" s="613"/>
      <c r="WWL669" s="613"/>
      <c r="WWM669" s="613"/>
      <c r="WWN669" s="613"/>
      <c r="WWO669" s="613"/>
      <c r="WWP669" s="613"/>
      <c r="WWQ669" s="613"/>
      <c r="WWR669" s="613"/>
      <c r="WWS669" s="613"/>
      <c r="WWT669" s="613"/>
      <c r="WWU669" s="613"/>
      <c r="WWV669" s="613"/>
      <c r="WWW669" s="613"/>
      <c r="WWX669" s="613"/>
      <c r="WWY669" s="613"/>
      <c r="WWZ669" s="613"/>
      <c r="WXA669" s="613"/>
      <c r="WXB669" s="613"/>
      <c r="WXC669" s="613"/>
      <c r="WXD669" s="613"/>
      <c r="WXE669" s="613"/>
      <c r="WXF669" s="613"/>
      <c r="WXG669" s="613"/>
      <c r="WXH669" s="613"/>
      <c r="WXI669" s="613"/>
      <c r="WXJ669" s="613"/>
      <c r="WXK669" s="613"/>
      <c r="WXL669" s="613"/>
      <c r="WXM669" s="613"/>
      <c r="WXN669" s="613"/>
      <c r="WXO669" s="613"/>
      <c r="WXP669" s="613"/>
      <c r="WXQ669" s="613"/>
      <c r="WXR669" s="613"/>
      <c r="WXS669" s="613"/>
      <c r="WXT669" s="613"/>
      <c r="WXU669" s="613"/>
      <c r="WXV669" s="613"/>
      <c r="WXW669" s="613"/>
      <c r="WXX669" s="613"/>
      <c r="WXY669" s="613"/>
      <c r="WXZ669" s="613"/>
      <c r="WYA669" s="613"/>
      <c r="WYB669" s="613"/>
      <c r="WYC669" s="613"/>
      <c r="WYD669" s="613"/>
      <c r="WYE669" s="613"/>
      <c r="WYF669" s="613"/>
      <c r="WYG669" s="613"/>
      <c r="WYH669" s="613"/>
      <c r="WYI669" s="613"/>
      <c r="WYJ669" s="613"/>
      <c r="WYK669" s="613"/>
      <c r="WYL669" s="613"/>
      <c r="WYM669" s="613"/>
      <c r="WYN669" s="613"/>
      <c r="WYO669" s="613"/>
      <c r="WYP669" s="613"/>
      <c r="WYQ669" s="613"/>
      <c r="WYR669" s="613"/>
      <c r="WYS669" s="613"/>
      <c r="WYT669" s="613"/>
      <c r="WYU669" s="613"/>
      <c r="WYV669" s="613"/>
      <c r="WYW669" s="613"/>
      <c r="WYX669" s="613"/>
      <c r="WYY669" s="613"/>
      <c r="WYZ669" s="613"/>
      <c r="WZA669" s="613"/>
      <c r="WZB669" s="613"/>
      <c r="WZC669" s="613"/>
      <c r="WZD669" s="613"/>
      <c r="WZE669" s="613"/>
      <c r="WZF669" s="613"/>
      <c r="WZG669" s="613"/>
      <c r="WZH669" s="613"/>
      <c r="WZI669" s="613"/>
      <c r="WZJ669" s="613"/>
      <c r="WZK669" s="613"/>
      <c r="WZL669" s="613"/>
      <c r="WZM669" s="613"/>
      <c r="WZN669" s="613"/>
      <c r="WZO669" s="613"/>
      <c r="WZP669" s="613"/>
      <c r="WZQ669" s="613"/>
      <c r="WZR669" s="613"/>
      <c r="WZS669" s="613"/>
      <c r="WZT669" s="613"/>
      <c r="WZU669" s="613"/>
      <c r="WZV669" s="613"/>
      <c r="WZW669" s="613"/>
      <c r="WZX669" s="613"/>
      <c r="WZY669" s="613"/>
      <c r="WZZ669" s="613"/>
      <c r="XAA669" s="613"/>
      <c r="XAB669" s="613"/>
      <c r="XAC669" s="613"/>
      <c r="XAD669" s="613"/>
      <c r="XAE669" s="613"/>
      <c r="XAF669" s="613"/>
      <c r="XAG669" s="613"/>
      <c r="XAH669" s="613"/>
      <c r="XAI669" s="613"/>
      <c r="XAJ669" s="613"/>
      <c r="XAK669" s="613"/>
      <c r="XAL669" s="613"/>
      <c r="XAM669" s="613"/>
      <c r="XAN669" s="613"/>
      <c r="XAO669" s="613"/>
      <c r="XAP669" s="613"/>
      <c r="XAQ669" s="613"/>
      <c r="XAR669" s="613"/>
      <c r="XAS669" s="613"/>
      <c r="XAT669" s="613"/>
      <c r="XAU669" s="613"/>
      <c r="XAV669" s="613"/>
      <c r="XAW669" s="613"/>
      <c r="XAX669" s="613"/>
      <c r="XAY669" s="613"/>
      <c r="XAZ669" s="613"/>
      <c r="XBA669" s="613"/>
      <c r="XBB669" s="613"/>
      <c r="XBC669" s="613"/>
      <c r="XBD669" s="613"/>
      <c r="XBE669" s="613"/>
      <c r="XBF669" s="613"/>
      <c r="XBG669" s="613"/>
      <c r="XBH669" s="613"/>
      <c r="XBI669" s="613"/>
      <c r="XBJ669" s="613"/>
      <c r="XBK669" s="613"/>
      <c r="XBL669" s="613"/>
      <c r="XBM669" s="613"/>
      <c r="XBN669" s="613"/>
      <c r="XBO669" s="613"/>
      <c r="XBP669" s="613"/>
      <c r="XBQ669" s="613"/>
      <c r="XBR669" s="613"/>
      <c r="XBS669" s="613"/>
      <c r="XBT669" s="613"/>
      <c r="XBU669" s="613"/>
      <c r="XBV669" s="613"/>
      <c r="XBW669" s="613"/>
      <c r="XBX669" s="613"/>
      <c r="XBY669" s="613"/>
      <c r="XBZ669" s="613"/>
      <c r="XCA669" s="613"/>
      <c r="XCB669" s="613"/>
      <c r="XCC669" s="613"/>
      <c r="XCD669" s="613"/>
      <c r="XCE669" s="613"/>
      <c r="XCF669" s="613"/>
      <c r="XCG669" s="613"/>
      <c r="XCH669" s="613"/>
      <c r="XCI669" s="613"/>
      <c r="XCJ669" s="613"/>
      <c r="XCK669" s="613"/>
      <c r="XCL669" s="613"/>
      <c r="XCM669" s="613"/>
      <c r="XCN669" s="613"/>
      <c r="XCO669" s="613"/>
      <c r="XCP669" s="613"/>
      <c r="XCQ669" s="613"/>
    </row>
    <row r="670" spans="1:16319" ht="56.1" customHeight="1" x14ac:dyDescent="0.2">
      <c r="A670" s="232" t="s">
        <v>3020</v>
      </c>
      <c r="B670" s="499"/>
      <c r="C670" s="494"/>
      <c r="D670" s="481">
        <v>211</v>
      </c>
      <c r="E670" s="481"/>
      <c r="F670" s="481" t="s">
        <v>2481</v>
      </c>
      <c r="G670" s="482" t="s">
        <v>53</v>
      </c>
      <c r="H670" s="481" t="s">
        <v>329</v>
      </c>
      <c r="I670" s="654" t="s">
        <v>456</v>
      </c>
      <c r="J670" s="654" t="s">
        <v>369</v>
      </c>
      <c r="K670" s="495" t="s">
        <v>473</v>
      </c>
      <c r="L670" s="621"/>
      <c r="M670" s="484" t="s">
        <v>58</v>
      </c>
      <c r="N670" s="329" t="s">
        <v>347</v>
      </c>
      <c r="O670" s="484" t="s">
        <v>2996</v>
      </c>
      <c r="P670" s="484" t="s">
        <v>81</v>
      </c>
      <c r="Q670" s="667" t="s">
        <v>334</v>
      </c>
      <c r="R670" s="484" t="s">
        <v>334</v>
      </c>
      <c r="S670" s="484" t="s">
        <v>225</v>
      </c>
      <c r="T670" s="484"/>
      <c r="U670" s="620" t="s">
        <v>63</v>
      </c>
      <c r="V670" s="620" t="s">
        <v>63</v>
      </c>
      <c r="W670" s="723">
        <v>194967</v>
      </c>
      <c r="X670" s="723"/>
      <c r="Y670" s="654" t="s">
        <v>226</v>
      </c>
      <c r="Z670" s="654"/>
      <c r="AA670" s="723">
        <v>194967</v>
      </c>
      <c r="AB670" s="652" t="s">
        <v>82</v>
      </c>
      <c r="AC670" s="652"/>
      <c r="AD670" s="496"/>
      <c r="AE670" s="496"/>
      <c r="AF670" s="496"/>
      <c r="AG670" s="496"/>
      <c r="AH670" s="496"/>
      <c r="AI670" s="496"/>
      <c r="AJ670" s="496"/>
      <c r="AK670" s="496"/>
      <c r="AL670" s="496"/>
      <c r="AM670" s="496"/>
      <c r="AN670" s="496"/>
      <c r="AO670" s="496"/>
      <c r="AP670" s="496"/>
      <c r="AQ670" s="496"/>
      <c r="AR670" s="496"/>
      <c r="AS670" s="496"/>
      <c r="AT670" s="487" t="s">
        <v>66</v>
      </c>
      <c r="AU670" s="487"/>
      <c r="AV670" s="487"/>
      <c r="AW670" s="487"/>
      <c r="AX670" s="487"/>
      <c r="AY670" s="487"/>
      <c r="AZ670" s="487"/>
      <c r="BA670" s="484"/>
      <c r="BB670" s="484" t="s">
        <v>462</v>
      </c>
      <c r="BC670" s="484" t="s">
        <v>3041</v>
      </c>
      <c r="BD670" s="494"/>
      <c r="BE670" s="494"/>
      <c r="BF670" s="613"/>
      <c r="BG670" s="613"/>
      <c r="BH670" s="613"/>
      <c r="BI670" s="613"/>
      <c r="BJ670" s="613"/>
      <c r="BK670" s="613"/>
      <c r="BL670" s="613"/>
      <c r="BM670" s="613"/>
      <c r="BN670" s="613"/>
      <c r="BO670" s="613"/>
      <c r="BP670" s="613"/>
      <c r="BQ670" s="613"/>
      <c r="BR670" s="613"/>
      <c r="BS670" s="613"/>
      <c r="BT670" s="613"/>
      <c r="BU670" s="613"/>
      <c r="BV670" s="613"/>
      <c r="BW670" s="613"/>
      <c r="BX670" s="613"/>
      <c r="BY670" s="613"/>
      <c r="BZ670" s="613"/>
      <c r="CA670" s="613"/>
      <c r="CB670" s="613"/>
      <c r="CC670" s="613"/>
      <c r="CD670" s="613"/>
      <c r="CE670" s="613"/>
      <c r="CF670" s="613"/>
      <c r="CG670" s="613"/>
      <c r="CH670" s="613"/>
      <c r="CI670" s="613"/>
      <c r="CJ670" s="613"/>
      <c r="CK670" s="613"/>
      <c r="CL670" s="613"/>
      <c r="CM670" s="613"/>
      <c r="CN670" s="613"/>
      <c r="CO670" s="613"/>
      <c r="CP670" s="613"/>
      <c r="CQ670" s="613"/>
      <c r="CR670" s="613"/>
      <c r="CS670" s="613"/>
      <c r="CT670" s="613"/>
      <c r="CU670" s="613"/>
      <c r="CV670" s="613"/>
      <c r="CW670" s="613"/>
      <c r="CX670" s="613"/>
      <c r="CY670" s="613"/>
      <c r="CZ670" s="613"/>
      <c r="DA670" s="613"/>
      <c r="DB670" s="613"/>
      <c r="DC670" s="613"/>
      <c r="DD670" s="613"/>
      <c r="DE670" s="613"/>
      <c r="DF670" s="613"/>
      <c r="DG670" s="613"/>
      <c r="DH670" s="613"/>
      <c r="DI670" s="613"/>
      <c r="DJ670" s="613"/>
      <c r="DK670" s="613"/>
      <c r="DL670" s="613"/>
      <c r="DM670" s="613"/>
      <c r="DN670" s="613"/>
      <c r="DO670" s="613"/>
      <c r="DP670" s="613"/>
      <c r="DQ670" s="613"/>
      <c r="DR670" s="613"/>
      <c r="DS670" s="613"/>
      <c r="DT670" s="613"/>
      <c r="DU670" s="613"/>
      <c r="DV670" s="613"/>
      <c r="DW670" s="613"/>
      <c r="DX670" s="613"/>
      <c r="DY670" s="613"/>
      <c r="DZ670" s="613"/>
      <c r="EA670" s="613"/>
      <c r="EB670" s="613"/>
      <c r="EC670" s="613"/>
      <c r="ED670" s="613"/>
      <c r="EE670" s="613"/>
      <c r="EF670" s="613"/>
      <c r="EG670" s="613"/>
      <c r="EH670" s="613"/>
      <c r="EI670" s="613"/>
      <c r="EJ670" s="613"/>
      <c r="EK670" s="613"/>
      <c r="EL670" s="613"/>
      <c r="EM670" s="613"/>
      <c r="EN670" s="613"/>
      <c r="EO670" s="613"/>
      <c r="EP670" s="613"/>
      <c r="EQ670" s="613"/>
      <c r="ER670" s="613"/>
      <c r="ES670" s="613"/>
      <c r="ET670" s="613"/>
      <c r="EU670" s="613"/>
      <c r="EV670" s="613"/>
      <c r="EW670" s="613"/>
      <c r="EX670" s="613"/>
      <c r="EY670" s="613"/>
      <c r="EZ670" s="613"/>
      <c r="FA670" s="613"/>
      <c r="FB670" s="613"/>
      <c r="FC670" s="613"/>
      <c r="FD670" s="613"/>
      <c r="FE670" s="613"/>
      <c r="FF670" s="613"/>
      <c r="FG670" s="613"/>
      <c r="FH670" s="613"/>
      <c r="FI670" s="613"/>
      <c r="FJ670" s="613"/>
      <c r="FK670" s="613"/>
      <c r="FL670" s="613"/>
      <c r="FM670" s="613"/>
      <c r="FN670" s="613"/>
      <c r="FO670" s="613"/>
      <c r="FP670" s="613"/>
      <c r="FQ670" s="613"/>
      <c r="FR670" s="613"/>
      <c r="FS670" s="613"/>
      <c r="FT670" s="613"/>
      <c r="FU670" s="613"/>
      <c r="FV670" s="613"/>
      <c r="FW670" s="613"/>
      <c r="FX670" s="613"/>
      <c r="FY670" s="613"/>
      <c r="FZ670" s="613"/>
      <c r="GA670" s="613"/>
      <c r="GB670" s="613"/>
      <c r="GC670" s="613"/>
      <c r="GD670" s="613"/>
      <c r="GE670" s="613"/>
      <c r="GF670" s="613"/>
      <c r="GG670" s="613"/>
      <c r="GH670" s="613"/>
      <c r="GI670" s="613"/>
      <c r="GJ670" s="613"/>
      <c r="GK670" s="613"/>
      <c r="GL670" s="613"/>
      <c r="GM670" s="613"/>
      <c r="GN670" s="613"/>
      <c r="GO670" s="613"/>
      <c r="GP670" s="613"/>
      <c r="GQ670" s="613"/>
      <c r="GR670" s="613"/>
      <c r="GS670" s="613"/>
      <c r="GT670" s="613"/>
      <c r="GU670" s="613"/>
      <c r="GV670" s="613"/>
      <c r="GW670" s="613"/>
      <c r="GX670" s="613"/>
      <c r="GY670" s="613"/>
      <c r="GZ670" s="613"/>
      <c r="HA670" s="613"/>
      <c r="HB670" s="613"/>
      <c r="HC670" s="613"/>
      <c r="HD670" s="613"/>
      <c r="HE670" s="613"/>
      <c r="HF670" s="613"/>
      <c r="HG670" s="613"/>
      <c r="HH670" s="613"/>
      <c r="HI670" s="613"/>
      <c r="HJ670" s="613"/>
      <c r="HK670" s="613"/>
      <c r="HL670" s="613"/>
      <c r="HM670" s="613"/>
      <c r="HN670" s="613"/>
      <c r="HO670" s="613"/>
      <c r="HP670" s="613"/>
      <c r="HQ670" s="613"/>
      <c r="HR670" s="613"/>
      <c r="HS670" s="613"/>
      <c r="HT670" s="613"/>
      <c r="HU670" s="613"/>
      <c r="HV670" s="613"/>
      <c r="HW670" s="613"/>
      <c r="HX670" s="613"/>
      <c r="HY670" s="613"/>
      <c r="HZ670" s="613"/>
      <c r="IA670" s="613"/>
      <c r="IB670" s="613"/>
      <c r="IC670" s="613"/>
      <c r="ID670" s="613"/>
      <c r="IE670" s="613"/>
      <c r="IF670" s="613"/>
      <c r="IG670" s="613"/>
      <c r="IH670" s="613"/>
      <c r="II670" s="613"/>
      <c r="IJ670" s="613"/>
      <c r="IK670" s="613"/>
      <c r="IL670" s="613"/>
      <c r="IM670" s="613"/>
      <c r="IN670" s="613"/>
      <c r="IO670" s="613"/>
      <c r="IP670" s="613"/>
      <c r="IQ670" s="613"/>
      <c r="IR670" s="613"/>
      <c r="IS670" s="613"/>
      <c r="IT670" s="613"/>
      <c r="IU670" s="613"/>
      <c r="IV670" s="613"/>
      <c r="IW670" s="613"/>
      <c r="IX670" s="613"/>
      <c r="IY670" s="613"/>
      <c r="IZ670" s="613"/>
      <c r="JA670" s="613"/>
      <c r="JB670" s="613"/>
      <c r="JC670" s="613"/>
      <c r="JD670" s="613"/>
      <c r="JE670" s="613"/>
      <c r="JF670" s="613"/>
      <c r="JG670" s="613"/>
      <c r="JH670" s="613"/>
      <c r="JI670" s="613"/>
      <c r="JJ670" s="613"/>
      <c r="JK670" s="613"/>
      <c r="JL670" s="613"/>
      <c r="JM670" s="613"/>
      <c r="JN670" s="613"/>
      <c r="JO670" s="613"/>
      <c r="JP670" s="613"/>
      <c r="JQ670" s="613"/>
      <c r="JR670" s="613"/>
      <c r="JS670" s="613"/>
      <c r="JT670" s="613"/>
      <c r="JU670" s="613"/>
      <c r="JV670" s="613"/>
      <c r="JW670" s="613"/>
      <c r="JX670" s="613"/>
      <c r="JY670" s="613"/>
      <c r="JZ670" s="613"/>
      <c r="KA670" s="613"/>
      <c r="KB670" s="613"/>
      <c r="KC670" s="613"/>
      <c r="KD670" s="613"/>
      <c r="KE670" s="613"/>
      <c r="KF670" s="613"/>
      <c r="KG670" s="613"/>
      <c r="KH670" s="613"/>
      <c r="KI670" s="613"/>
      <c r="KJ670" s="613"/>
      <c r="KK670" s="613"/>
      <c r="KL670" s="613"/>
      <c r="KM670" s="613"/>
      <c r="KN670" s="613"/>
      <c r="KO670" s="613"/>
      <c r="KP670" s="613"/>
      <c r="KQ670" s="613"/>
      <c r="KR670" s="613"/>
      <c r="KS670" s="613"/>
      <c r="KT670" s="613"/>
      <c r="KU670" s="613"/>
      <c r="KV670" s="613"/>
      <c r="KW670" s="613"/>
      <c r="KX670" s="613"/>
      <c r="KY670" s="613"/>
      <c r="KZ670" s="613"/>
      <c r="LA670" s="613"/>
      <c r="LB670" s="613"/>
      <c r="LC670" s="613"/>
      <c r="LD670" s="613"/>
      <c r="LE670" s="613"/>
      <c r="LF670" s="613"/>
      <c r="LG670" s="613"/>
      <c r="LH670" s="613"/>
      <c r="LI670" s="613"/>
      <c r="LJ670" s="613"/>
      <c r="LK670" s="613"/>
      <c r="LL670" s="613"/>
      <c r="LM670" s="613"/>
      <c r="LN670" s="613"/>
      <c r="LO670" s="613"/>
      <c r="LP670" s="613"/>
      <c r="LQ670" s="613"/>
      <c r="LR670" s="613"/>
      <c r="LS670" s="613"/>
      <c r="LT670" s="613"/>
      <c r="LU670" s="613"/>
      <c r="LV670" s="613"/>
      <c r="LW670" s="613"/>
      <c r="LX670" s="613"/>
      <c r="LY670" s="613"/>
      <c r="LZ670" s="613"/>
      <c r="MA670" s="613"/>
      <c r="MB670" s="613"/>
      <c r="MC670" s="613"/>
      <c r="MD670" s="613"/>
      <c r="ME670" s="613"/>
      <c r="MF670" s="613"/>
      <c r="MG670" s="613"/>
      <c r="MH670" s="613"/>
      <c r="MI670" s="613"/>
      <c r="MJ670" s="613"/>
      <c r="MK670" s="613"/>
      <c r="ML670" s="613"/>
      <c r="MM670" s="613"/>
      <c r="MN670" s="613"/>
      <c r="MO670" s="613"/>
      <c r="MP670" s="613"/>
      <c r="MQ670" s="613"/>
      <c r="MR670" s="613"/>
      <c r="MS670" s="613"/>
      <c r="MT670" s="613"/>
      <c r="MU670" s="613"/>
      <c r="MV670" s="613"/>
      <c r="MW670" s="613"/>
      <c r="MX670" s="613"/>
      <c r="MY670" s="613"/>
      <c r="MZ670" s="613"/>
      <c r="NA670" s="613"/>
      <c r="NB670" s="613"/>
      <c r="NC670" s="613"/>
      <c r="ND670" s="613"/>
      <c r="NE670" s="613"/>
      <c r="NF670" s="613"/>
      <c r="NG670" s="613"/>
      <c r="NH670" s="613"/>
      <c r="NI670" s="613"/>
      <c r="NJ670" s="613"/>
      <c r="NK670" s="613"/>
      <c r="NL670" s="613"/>
      <c r="NM670" s="613"/>
      <c r="NN670" s="613"/>
      <c r="NO670" s="613"/>
      <c r="NP670" s="613"/>
      <c r="NQ670" s="613"/>
      <c r="NR670" s="613"/>
      <c r="NS670" s="613"/>
      <c r="NT670" s="613"/>
      <c r="NU670" s="613"/>
      <c r="NV670" s="613"/>
      <c r="NW670" s="613"/>
      <c r="NX670" s="613"/>
      <c r="NY670" s="613"/>
      <c r="NZ670" s="613"/>
      <c r="OA670" s="613"/>
      <c r="OB670" s="613"/>
      <c r="OC670" s="613"/>
      <c r="OD670" s="613"/>
      <c r="OE670" s="613"/>
      <c r="OF670" s="613"/>
      <c r="OG670" s="613"/>
      <c r="OH670" s="613"/>
      <c r="OI670" s="613"/>
      <c r="OJ670" s="613"/>
      <c r="OK670" s="613"/>
      <c r="OL670" s="613"/>
      <c r="OM670" s="613"/>
      <c r="ON670" s="613"/>
      <c r="OO670" s="613"/>
      <c r="OP670" s="613"/>
      <c r="OQ670" s="613"/>
      <c r="OR670" s="613"/>
      <c r="OS670" s="613"/>
      <c r="OT670" s="613"/>
      <c r="OU670" s="613"/>
      <c r="OV670" s="613"/>
      <c r="OW670" s="613"/>
      <c r="OX670" s="613"/>
      <c r="OY670" s="613"/>
      <c r="OZ670" s="613"/>
      <c r="PA670" s="613"/>
      <c r="PB670" s="613"/>
      <c r="PC670" s="613"/>
      <c r="PD670" s="613"/>
      <c r="PE670" s="613"/>
      <c r="PF670" s="613"/>
      <c r="PG670" s="613"/>
      <c r="PH670" s="613"/>
      <c r="PI670" s="613"/>
      <c r="PJ670" s="613"/>
      <c r="PK670" s="613"/>
      <c r="PL670" s="613"/>
      <c r="PM670" s="613"/>
      <c r="PN670" s="613"/>
      <c r="PO670" s="613"/>
      <c r="PP670" s="613"/>
      <c r="PQ670" s="613"/>
      <c r="PR670" s="613"/>
      <c r="PS670" s="613"/>
      <c r="PT670" s="613"/>
      <c r="PU670" s="613"/>
      <c r="PV670" s="613"/>
      <c r="PW670" s="613"/>
      <c r="PX670" s="613"/>
      <c r="PY670" s="613"/>
      <c r="PZ670" s="613"/>
      <c r="QA670" s="613"/>
      <c r="QB670" s="613"/>
      <c r="QC670" s="613"/>
      <c r="QD670" s="613"/>
      <c r="QE670" s="613"/>
      <c r="QF670" s="613"/>
      <c r="QG670" s="613"/>
      <c r="QH670" s="613"/>
      <c r="QI670" s="613"/>
      <c r="QJ670" s="613"/>
      <c r="QK670" s="613"/>
      <c r="QL670" s="613"/>
      <c r="QM670" s="613"/>
      <c r="QN670" s="613"/>
      <c r="QO670" s="613"/>
      <c r="QP670" s="613"/>
      <c r="QQ670" s="613"/>
      <c r="QR670" s="613"/>
      <c r="QS670" s="613"/>
      <c r="QT670" s="613"/>
      <c r="QU670" s="613"/>
      <c r="QV670" s="613"/>
      <c r="QW670" s="613"/>
      <c r="QX670" s="613"/>
      <c r="QY670" s="613"/>
      <c r="QZ670" s="613"/>
      <c r="RA670" s="613"/>
      <c r="RB670" s="613"/>
      <c r="RC670" s="613"/>
      <c r="RD670" s="613"/>
      <c r="RE670" s="613"/>
      <c r="RF670" s="613"/>
      <c r="RG670" s="613"/>
      <c r="RH670" s="613"/>
      <c r="RI670" s="613"/>
      <c r="RJ670" s="613"/>
      <c r="RK670" s="613"/>
      <c r="RL670" s="613"/>
      <c r="RM670" s="613"/>
      <c r="RN670" s="613"/>
      <c r="RO670" s="613"/>
      <c r="RP670" s="613"/>
      <c r="RQ670" s="613"/>
      <c r="RR670" s="613"/>
      <c r="RS670" s="613"/>
      <c r="RT670" s="613"/>
      <c r="RU670" s="613"/>
      <c r="RV670" s="613"/>
      <c r="RW670" s="613"/>
      <c r="RX670" s="613"/>
      <c r="RY670" s="613"/>
      <c r="RZ670" s="613"/>
      <c r="SA670" s="613"/>
      <c r="SB670" s="613"/>
      <c r="SC670" s="613"/>
      <c r="SD670" s="613"/>
      <c r="SE670" s="613"/>
      <c r="SF670" s="613"/>
      <c r="SG670" s="613"/>
      <c r="SH670" s="613"/>
      <c r="SI670" s="613"/>
      <c r="SJ670" s="613"/>
      <c r="SK670" s="613"/>
      <c r="SL670" s="613"/>
      <c r="SM670" s="613"/>
      <c r="SN670" s="613"/>
      <c r="SO670" s="613"/>
      <c r="SP670" s="613"/>
      <c r="SQ670" s="613"/>
      <c r="SR670" s="613"/>
      <c r="SS670" s="613"/>
      <c r="ST670" s="613"/>
      <c r="SU670" s="613"/>
      <c r="SV670" s="613"/>
      <c r="SW670" s="613"/>
      <c r="SX670" s="613"/>
      <c r="SY670" s="613"/>
      <c r="SZ670" s="613"/>
      <c r="TA670" s="613"/>
      <c r="TB670" s="613"/>
      <c r="TC670" s="613"/>
      <c r="TD670" s="613"/>
      <c r="TE670" s="613"/>
      <c r="TF670" s="613"/>
      <c r="TG670" s="613"/>
      <c r="TH670" s="613"/>
      <c r="TI670" s="613"/>
      <c r="TJ670" s="613"/>
      <c r="TK670" s="613"/>
      <c r="TL670" s="613"/>
      <c r="TM670" s="613"/>
      <c r="TN670" s="613"/>
      <c r="TO670" s="613"/>
      <c r="TP670" s="613"/>
      <c r="TQ670" s="613"/>
      <c r="TR670" s="613"/>
      <c r="TS670" s="613"/>
      <c r="TT670" s="613"/>
      <c r="TU670" s="613"/>
      <c r="TV670" s="613"/>
      <c r="TW670" s="613"/>
      <c r="TX670" s="613"/>
      <c r="TY670" s="613"/>
      <c r="TZ670" s="613"/>
      <c r="UA670" s="613"/>
      <c r="UB670" s="613"/>
      <c r="UC670" s="613"/>
      <c r="UD670" s="613"/>
      <c r="UE670" s="613"/>
      <c r="UF670" s="613"/>
      <c r="UG670" s="613"/>
      <c r="UH670" s="613"/>
      <c r="UI670" s="613"/>
      <c r="UJ670" s="613"/>
      <c r="UK670" s="613"/>
      <c r="UL670" s="613"/>
      <c r="UM670" s="613"/>
      <c r="UN670" s="613"/>
      <c r="UO670" s="613"/>
      <c r="UP670" s="613"/>
      <c r="UQ670" s="613"/>
      <c r="UR670" s="613"/>
      <c r="US670" s="613"/>
      <c r="UT670" s="613"/>
      <c r="UU670" s="613"/>
      <c r="UV670" s="613"/>
      <c r="UW670" s="613"/>
      <c r="UX670" s="613"/>
      <c r="UY670" s="613"/>
      <c r="UZ670" s="613"/>
      <c r="VA670" s="613"/>
      <c r="VB670" s="613"/>
      <c r="VC670" s="613"/>
      <c r="VD670" s="613"/>
      <c r="VE670" s="613"/>
      <c r="VF670" s="613"/>
      <c r="VG670" s="613"/>
      <c r="VH670" s="613"/>
      <c r="VI670" s="613"/>
      <c r="VJ670" s="613"/>
      <c r="VK670" s="613"/>
      <c r="VL670" s="613"/>
      <c r="VM670" s="613"/>
      <c r="VN670" s="613"/>
      <c r="VO670" s="613"/>
      <c r="VP670" s="613"/>
      <c r="VQ670" s="613"/>
      <c r="VR670" s="613"/>
      <c r="VS670" s="613"/>
      <c r="VT670" s="613"/>
      <c r="VU670" s="613"/>
      <c r="VV670" s="613"/>
      <c r="VW670" s="613"/>
      <c r="VX670" s="613"/>
      <c r="VY670" s="613"/>
      <c r="VZ670" s="613"/>
      <c r="WA670" s="613"/>
      <c r="WB670" s="613"/>
      <c r="WC670" s="613"/>
      <c r="WD670" s="613"/>
      <c r="WE670" s="613"/>
      <c r="WF670" s="613"/>
      <c r="WG670" s="613"/>
      <c r="WH670" s="613"/>
      <c r="WI670" s="613"/>
      <c r="WJ670" s="613"/>
      <c r="WK670" s="613"/>
      <c r="WL670" s="613"/>
      <c r="WM670" s="613"/>
      <c r="WN670" s="613"/>
      <c r="WO670" s="613"/>
      <c r="WP670" s="613"/>
      <c r="WQ670" s="613"/>
      <c r="WR670" s="613"/>
      <c r="WS670" s="613"/>
      <c r="WT670" s="613"/>
      <c r="WU670" s="613"/>
      <c r="WV670" s="613"/>
      <c r="WW670" s="613"/>
      <c r="WX670" s="613"/>
      <c r="WY670" s="613"/>
      <c r="WZ670" s="613"/>
      <c r="XA670" s="613"/>
      <c r="XB670" s="613"/>
      <c r="XC670" s="613"/>
      <c r="XD670" s="613"/>
      <c r="XE670" s="613"/>
      <c r="XF670" s="613"/>
      <c r="XG670" s="613"/>
      <c r="XH670" s="613"/>
      <c r="XI670" s="613"/>
      <c r="XJ670" s="613"/>
      <c r="XK670" s="613"/>
      <c r="XL670" s="613"/>
      <c r="XM670" s="613"/>
      <c r="XN670" s="613"/>
      <c r="XO670" s="613"/>
      <c r="XP670" s="613"/>
      <c r="XQ670" s="613"/>
      <c r="XR670" s="613"/>
      <c r="XS670" s="613"/>
      <c r="XT670" s="613"/>
      <c r="XU670" s="613"/>
      <c r="XV670" s="613"/>
      <c r="XW670" s="613"/>
      <c r="XX670" s="613"/>
      <c r="XY670" s="613"/>
      <c r="XZ670" s="613"/>
      <c r="YA670" s="613"/>
      <c r="YB670" s="613"/>
      <c r="YC670" s="613"/>
      <c r="YD670" s="613"/>
      <c r="YE670" s="613"/>
      <c r="YF670" s="613"/>
      <c r="YG670" s="613"/>
      <c r="YH670" s="613"/>
      <c r="YI670" s="613"/>
      <c r="YJ670" s="613"/>
      <c r="YK670" s="613"/>
      <c r="YL670" s="613"/>
      <c r="YM670" s="613"/>
      <c r="YN670" s="613"/>
      <c r="YO670" s="613"/>
      <c r="YP670" s="613"/>
      <c r="YQ670" s="613"/>
      <c r="YR670" s="613"/>
      <c r="YS670" s="613"/>
      <c r="YT670" s="613"/>
      <c r="YU670" s="613"/>
      <c r="YV670" s="613"/>
      <c r="YW670" s="613"/>
      <c r="YX670" s="613"/>
      <c r="YY670" s="613"/>
      <c r="YZ670" s="613"/>
      <c r="ZA670" s="613"/>
      <c r="ZB670" s="613"/>
      <c r="ZC670" s="613"/>
      <c r="ZD670" s="613"/>
      <c r="ZE670" s="613"/>
      <c r="ZF670" s="613"/>
      <c r="ZG670" s="613"/>
      <c r="ZH670" s="613"/>
      <c r="ZI670" s="613"/>
      <c r="ZJ670" s="613"/>
      <c r="ZK670" s="613"/>
      <c r="ZL670" s="613"/>
      <c r="ZM670" s="613"/>
      <c r="ZN670" s="613"/>
      <c r="ZO670" s="613"/>
      <c r="ZP670" s="613"/>
      <c r="ZQ670" s="613"/>
      <c r="ZR670" s="613"/>
      <c r="ZS670" s="613"/>
      <c r="ZT670" s="613"/>
      <c r="ZU670" s="613"/>
      <c r="ZV670" s="613"/>
      <c r="ZW670" s="613"/>
      <c r="ZX670" s="613"/>
      <c r="ZY670" s="613"/>
      <c r="ZZ670" s="613"/>
      <c r="AAA670" s="613"/>
      <c r="AAB670" s="613"/>
      <c r="AAC670" s="613"/>
      <c r="AAD670" s="613"/>
      <c r="AAE670" s="613"/>
      <c r="AAF670" s="613"/>
      <c r="AAG670" s="613"/>
      <c r="AAH670" s="613"/>
      <c r="AAI670" s="613"/>
      <c r="AAJ670" s="613"/>
      <c r="AAK670" s="613"/>
      <c r="AAL670" s="613"/>
      <c r="AAM670" s="613"/>
      <c r="AAN670" s="613"/>
      <c r="AAO670" s="613"/>
      <c r="AAP670" s="613"/>
      <c r="AAQ670" s="613"/>
      <c r="AAR670" s="613"/>
      <c r="AAS670" s="613"/>
      <c r="AAT670" s="613"/>
      <c r="AAU670" s="613"/>
      <c r="AAV670" s="613"/>
      <c r="AAW670" s="613"/>
      <c r="AAX670" s="613"/>
      <c r="AAY670" s="613"/>
      <c r="AAZ670" s="613"/>
      <c r="ABA670" s="613"/>
      <c r="ABB670" s="613"/>
      <c r="ABC670" s="613"/>
      <c r="ABD670" s="613"/>
      <c r="ABE670" s="613"/>
      <c r="ABF670" s="613"/>
      <c r="ABG670" s="613"/>
      <c r="ABH670" s="613"/>
      <c r="ABI670" s="613"/>
      <c r="ABJ670" s="613"/>
      <c r="ABK670" s="613"/>
      <c r="ABL670" s="613"/>
      <c r="ABM670" s="613"/>
      <c r="ABN670" s="613"/>
      <c r="ABO670" s="613"/>
      <c r="ABP670" s="613"/>
      <c r="ABQ670" s="613"/>
      <c r="ABR670" s="613"/>
      <c r="ABS670" s="613"/>
      <c r="ABT670" s="613"/>
      <c r="ABU670" s="613"/>
      <c r="ABV670" s="613"/>
      <c r="ABW670" s="613"/>
      <c r="ABX670" s="613"/>
      <c r="ABY670" s="613"/>
      <c r="ABZ670" s="613"/>
      <c r="ACA670" s="613"/>
      <c r="ACB670" s="613"/>
      <c r="ACC670" s="613"/>
      <c r="ACD670" s="613"/>
      <c r="ACE670" s="613"/>
      <c r="ACF670" s="613"/>
      <c r="ACG670" s="613"/>
      <c r="ACH670" s="613"/>
      <c r="ACI670" s="613"/>
      <c r="ACJ670" s="613"/>
      <c r="ACK670" s="613"/>
      <c r="ACL670" s="613"/>
      <c r="ACM670" s="613"/>
      <c r="ACN670" s="613"/>
      <c r="ACO670" s="613"/>
      <c r="ACP670" s="613"/>
      <c r="ACQ670" s="613"/>
      <c r="ACR670" s="613"/>
      <c r="ACS670" s="613"/>
      <c r="ACT670" s="613"/>
      <c r="ACU670" s="613"/>
      <c r="ACV670" s="613"/>
      <c r="ACW670" s="613"/>
      <c r="ACX670" s="613"/>
      <c r="ACY670" s="613"/>
      <c r="ACZ670" s="613"/>
      <c r="ADA670" s="613"/>
      <c r="ADB670" s="613"/>
      <c r="ADC670" s="613"/>
      <c r="ADD670" s="613"/>
      <c r="ADE670" s="613"/>
      <c r="ADF670" s="613"/>
      <c r="ADG670" s="613"/>
      <c r="ADH670" s="613"/>
      <c r="ADI670" s="613"/>
      <c r="ADJ670" s="613"/>
      <c r="ADK670" s="613"/>
      <c r="ADL670" s="613"/>
      <c r="ADM670" s="613"/>
      <c r="ADN670" s="613"/>
      <c r="ADO670" s="613"/>
      <c r="ADP670" s="613"/>
      <c r="ADQ670" s="613"/>
      <c r="ADR670" s="613"/>
      <c r="ADS670" s="613"/>
      <c r="ADT670" s="613"/>
      <c r="ADU670" s="613"/>
      <c r="ADV670" s="613"/>
      <c r="ADW670" s="613"/>
      <c r="ADX670" s="613"/>
      <c r="ADY670" s="613"/>
      <c r="ADZ670" s="613"/>
      <c r="AEA670" s="613"/>
      <c r="AEB670" s="613"/>
      <c r="AEC670" s="613"/>
      <c r="AED670" s="613"/>
      <c r="AEE670" s="613"/>
      <c r="AEF670" s="613"/>
      <c r="AEG670" s="613"/>
      <c r="AEH670" s="613"/>
      <c r="AEI670" s="613"/>
      <c r="AEJ670" s="613"/>
      <c r="AEK670" s="613"/>
      <c r="AEL670" s="613"/>
      <c r="AEM670" s="613"/>
      <c r="AEN670" s="613"/>
      <c r="AEO670" s="613"/>
      <c r="AEP670" s="613"/>
      <c r="AEQ670" s="613"/>
      <c r="AER670" s="613"/>
      <c r="AES670" s="613"/>
      <c r="AET670" s="613"/>
      <c r="AEU670" s="613"/>
      <c r="AEV670" s="613"/>
      <c r="AEW670" s="613"/>
      <c r="AEX670" s="613"/>
      <c r="AEY670" s="613"/>
      <c r="AEZ670" s="613"/>
      <c r="AFA670" s="613"/>
      <c r="AFB670" s="613"/>
      <c r="AFC670" s="613"/>
      <c r="AFD670" s="613"/>
      <c r="AFE670" s="613"/>
      <c r="AFF670" s="613"/>
      <c r="AFG670" s="613"/>
      <c r="AFH670" s="613"/>
      <c r="AFI670" s="613"/>
      <c r="AFJ670" s="613"/>
      <c r="AFK670" s="613"/>
      <c r="AFL670" s="613"/>
      <c r="AFM670" s="613"/>
      <c r="AFN670" s="613"/>
      <c r="AFO670" s="613"/>
      <c r="AFP670" s="613"/>
      <c r="AFQ670" s="613"/>
      <c r="AFR670" s="613"/>
      <c r="AFS670" s="613"/>
      <c r="AFT670" s="613"/>
      <c r="AFU670" s="613"/>
      <c r="AFV670" s="613"/>
      <c r="AFW670" s="613"/>
      <c r="AFX670" s="613"/>
      <c r="AFY670" s="613"/>
      <c r="AFZ670" s="613"/>
      <c r="AGA670" s="613"/>
      <c r="AGB670" s="613"/>
      <c r="AGC670" s="613"/>
      <c r="AGD670" s="613"/>
      <c r="AGE670" s="613"/>
      <c r="AGF670" s="613"/>
      <c r="AGG670" s="613"/>
      <c r="AGH670" s="613"/>
      <c r="AGI670" s="613"/>
      <c r="AGJ670" s="613"/>
      <c r="AGK670" s="613"/>
      <c r="AGL670" s="613"/>
      <c r="AGM670" s="613"/>
      <c r="AGN670" s="613"/>
      <c r="AGO670" s="613"/>
      <c r="AGP670" s="613"/>
      <c r="AGQ670" s="613"/>
      <c r="AGR670" s="613"/>
      <c r="AGS670" s="613"/>
      <c r="AGT670" s="613"/>
      <c r="AGU670" s="613"/>
      <c r="AGV670" s="613"/>
      <c r="AGW670" s="613"/>
      <c r="AGX670" s="613"/>
      <c r="AGY670" s="613"/>
      <c r="AGZ670" s="613"/>
      <c r="AHA670" s="613"/>
      <c r="AHB670" s="613"/>
      <c r="AHC670" s="613"/>
      <c r="AHD670" s="613"/>
      <c r="AHE670" s="613"/>
      <c r="AHF670" s="613"/>
      <c r="AHG670" s="613"/>
      <c r="AHH670" s="613"/>
      <c r="AHI670" s="613"/>
      <c r="AHJ670" s="613"/>
      <c r="AHK670" s="613"/>
      <c r="AHL670" s="613"/>
      <c r="AHM670" s="613"/>
      <c r="AHN670" s="613"/>
      <c r="AHO670" s="613"/>
      <c r="AHP670" s="613"/>
      <c r="AHQ670" s="613"/>
      <c r="AHR670" s="613"/>
      <c r="AHS670" s="613"/>
      <c r="AHT670" s="613"/>
      <c r="AHU670" s="613"/>
      <c r="AHV670" s="613"/>
      <c r="AHW670" s="613"/>
      <c r="AHX670" s="613"/>
      <c r="AHY670" s="613"/>
      <c r="AHZ670" s="613"/>
      <c r="AIA670" s="613"/>
      <c r="AIB670" s="613"/>
      <c r="AIC670" s="613"/>
      <c r="AID670" s="613"/>
      <c r="AIE670" s="613"/>
      <c r="AIF670" s="613"/>
      <c r="AIG670" s="613"/>
      <c r="AIH670" s="613"/>
      <c r="AII670" s="613"/>
      <c r="AIJ670" s="613"/>
      <c r="AIK670" s="613"/>
      <c r="AIL670" s="613"/>
      <c r="AIM670" s="613"/>
      <c r="AIN670" s="613"/>
      <c r="AIO670" s="613"/>
      <c r="AIP670" s="613"/>
      <c r="AIQ670" s="613"/>
      <c r="AIR670" s="613"/>
      <c r="AIS670" s="613"/>
      <c r="AIT670" s="613"/>
      <c r="AIU670" s="613"/>
      <c r="AIV670" s="613"/>
      <c r="AIW670" s="613"/>
      <c r="AIX670" s="613"/>
      <c r="AIY670" s="613"/>
      <c r="AIZ670" s="613"/>
      <c r="AJA670" s="613"/>
      <c r="AJB670" s="613"/>
      <c r="AJC670" s="613"/>
      <c r="AJD670" s="613"/>
      <c r="AJE670" s="613"/>
      <c r="AJF670" s="613"/>
      <c r="AJG670" s="613"/>
      <c r="AJH670" s="613"/>
      <c r="AJI670" s="613"/>
      <c r="AJJ670" s="613"/>
      <c r="AJK670" s="613"/>
      <c r="AJL670" s="613"/>
      <c r="AJM670" s="613"/>
      <c r="AJN670" s="613"/>
      <c r="AJO670" s="613"/>
      <c r="AJP670" s="613"/>
      <c r="AJQ670" s="613"/>
      <c r="AJR670" s="613"/>
      <c r="AJS670" s="613"/>
      <c r="AJT670" s="613"/>
      <c r="AJU670" s="613"/>
      <c r="AJV670" s="613"/>
      <c r="AJW670" s="613"/>
      <c r="AJX670" s="613"/>
      <c r="AJY670" s="613"/>
      <c r="AJZ670" s="613"/>
      <c r="AKA670" s="613"/>
      <c r="AKB670" s="613"/>
      <c r="AKC670" s="613"/>
      <c r="AKD670" s="613"/>
      <c r="AKE670" s="613"/>
      <c r="AKF670" s="613"/>
      <c r="AKG670" s="613"/>
      <c r="AKH670" s="613"/>
      <c r="AKI670" s="613"/>
      <c r="AKJ670" s="613"/>
      <c r="AKK670" s="613"/>
      <c r="AKL670" s="613"/>
      <c r="AKM670" s="613"/>
      <c r="AKN670" s="613"/>
      <c r="AKO670" s="613"/>
      <c r="AKP670" s="613"/>
      <c r="AKQ670" s="613"/>
      <c r="AKR670" s="613"/>
      <c r="AKS670" s="613"/>
      <c r="AKT670" s="613"/>
      <c r="AKU670" s="613"/>
      <c r="AKV670" s="613"/>
      <c r="AKW670" s="613"/>
      <c r="AKX670" s="613"/>
      <c r="AKY670" s="613"/>
      <c r="AKZ670" s="613"/>
      <c r="ALA670" s="613"/>
      <c r="ALB670" s="613"/>
      <c r="ALC670" s="613"/>
      <c r="ALD670" s="613"/>
      <c r="ALE670" s="613"/>
      <c r="ALF670" s="613"/>
      <c r="ALG670" s="613"/>
      <c r="ALH670" s="613"/>
      <c r="ALI670" s="613"/>
      <c r="ALJ670" s="613"/>
      <c r="ALK670" s="613"/>
      <c r="ALL670" s="613"/>
      <c r="ALM670" s="613"/>
      <c r="ALN670" s="613"/>
      <c r="ALO670" s="613"/>
      <c r="ALP670" s="613"/>
      <c r="ALQ670" s="613"/>
      <c r="ALR670" s="613"/>
      <c r="ALS670" s="613"/>
      <c r="ALT670" s="613"/>
      <c r="ALU670" s="613"/>
      <c r="ALV670" s="613"/>
      <c r="ALW670" s="613"/>
      <c r="ALX670" s="613"/>
      <c r="ALY670" s="613"/>
      <c r="ALZ670" s="613"/>
      <c r="AMA670" s="613"/>
      <c r="AMB670" s="613"/>
      <c r="AMC670" s="613"/>
      <c r="AMD670" s="613"/>
      <c r="AME670" s="613"/>
      <c r="AMF670" s="613"/>
      <c r="AMG670" s="613"/>
      <c r="AMH670" s="613"/>
      <c r="AMI670" s="613"/>
      <c r="AMJ670" s="613"/>
      <c r="AMK670" s="613"/>
      <c r="AML670" s="613"/>
      <c r="AMM670" s="613"/>
      <c r="AMN670" s="613"/>
      <c r="AMO670" s="613"/>
      <c r="AMP670" s="613"/>
      <c r="AMQ670" s="613"/>
      <c r="AMR670" s="613"/>
      <c r="AMS670" s="613"/>
      <c r="AMT670" s="613"/>
      <c r="AMU670" s="613"/>
      <c r="AMV670" s="613"/>
      <c r="AMW670" s="613"/>
      <c r="AMX670" s="613"/>
      <c r="AMY670" s="613"/>
      <c r="AMZ670" s="613"/>
      <c r="ANA670" s="613"/>
      <c r="ANB670" s="613"/>
      <c r="ANC670" s="613"/>
      <c r="AND670" s="613"/>
      <c r="ANE670" s="613"/>
      <c r="ANF670" s="613"/>
      <c r="ANG670" s="613"/>
      <c r="ANH670" s="613"/>
      <c r="ANI670" s="613"/>
      <c r="ANJ670" s="613"/>
      <c r="ANK670" s="613"/>
      <c r="ANL670" s="613"/>
      <c r="ANM670" s="613"/>
      <c r="ANN670" s="613"/>
      <c r="ANO670" s="613"/>
      <c r="ANP670" s="613"/>
      <c r="ANQ670" s="613"/>
      <c r="ANR670" s="613"/>
      <c r="ANS670" s="613"/>
      <c r="ANT670" s="613"/>
      <c r="ANU670" s="613"/>
      <c r="ANV670" s="613"/>
      <c r="ANW670" s="613"/>
      <c r="ANX670" s="613"/>
      <c r="ANY670" s="613"/>
      <c r="ANZ670" s="613"/>
      <c r="AOA670" s="613"/>
      <c r="AOB670" s="613"/>
      <c r="AOC670" s="613"/>
      <c r="AOD670" s="613"/>
      <c r="AOE670" s="613"/>
      <c r="AOF670" s="613"/>
      <c r="AOG670" s="613"/>
      <c r="AOH670" s="613"/>
      <c r="AOI670" s="613"/>
      <c r="AOJ670" s="613"/>
      <c r="AOK670" s="613"/>
      <c r="AOL670" s="613"/>
      <c r="AOM670" s="613"/>
      <c r="AON670" s="613"/>
      <c r="AOO670" s="613"/>
      <c r="AOP670" s="613"/>
      <c r="AOQ670" s="613"/>
      <c r="AOR670" s="613"/>
      <c r="AOS670" s="613"/>
      <c r="AOT670" s="613"/>
      <c r="AOU670" s="613"/>
      <c r="AOV670" s="613"/>
      <c r="AOW670" s="613"/>
      <c r="AOX670" s="613"/>
      <c r="AOY670" s="613"/>
      <c r="AOZ670" s="613"/>
      <c r="APA670" s="613"/>
      <c r="APB670" s="613"/>
      <c r="APC670" s="613"/>
      <c r="APD670" s="613"/>
      <c r="APE670" s="613"/>
      <c r="APF670" s="613"/>
      <c r="APG670" s="613"/>
      <c r="APH670" s="613"/>
      <c r="API670" s="613"/>
      <c r="APJ670" s="613"/>
      <c r="APK670" s="613"/>
      <c r="APL670" s="613"/>
      <c r="APM670" s="613"/>
      <c r="APN670" s="613"/>
      <c r="APO670" s="613"/>
      <c r="APP670" s="613"/>
      <c r="APQ670" s="613"/>
      <c r="APR670" s="613"/>
      <c r="APS670" s="613"/>
      <c r="APT670" s="613"/>
      <c r="APU670" s="613"/>
      <c r="APV670" s="613"/>
      <c r="APW670" s="613"/>
      <c r="APX670" s="613"/>
      <c r="APY670" s="613"/>
      <c r="APZ670" s="613"/>
      <c r="AQA670" s="613"/>
      <c r="AQB670" s="613"/>
      <c r="AQC670" s="613"/>
      <c r="AQD670" s="613"/>
      <c r="AQE670" s="613"/>
      <c r="AQF670" s="613"/>
      <c r="AQG670" s="613"/>
      <c r="AQH670" s="613"/>
      <c r="AQI670" s="613"/>
      <c r="AQJ670" s="613"/>
      <c r="AQK670" s="613"/>
      <c r="AQL670" s="613"/>
      <c r="AQM670" s="613"/>
      <c r="AQN670" s="613"/>
      <c r="AQO670" s="613"/>
      <c r="AQP670" s="613"/>
      <c r="AQQ670" s="613"/>
      <c r="AQR670" s="613"/>
      <c r="AQS670" s="613"/>
      <c r="AQT670" s="613"/>
      <c r="AQU670" s="613"/>
      <c r="AQV670" s="613"/>
      <c r="AQW670" s="613"/>
      <c r="AQX670" s="613"/>
      <c r="AQY670" s="613"/>
      <c r="AQZ670" s="613"/>
      <c r="ARA670" s="613"/>
      <c r="ARB670" s="613"/>
      <c r="ARC670" s="613"/>
      <c r="ARD670" s="613"/>
      <c r="ARE670" s="613"/>
      <c r="ARF670" s="613"/>
      <c r="ARG670" s="613"/>
      <c r="ARH670" s="613"/>
      <c r="ARI670" s="613"/>
      <c r="ARJ670" s="613"/>
      <c r="ARK670" s="613"/>
      <c r="ARL670" s="613"/>
      <c r="ARM670" s="613"/>
      <c r="ARN670" s="613"/>
      <c r="ARO670" s="613"/>
      <c r="ARP670" s="613"/>
      <c r="ARQ670" s="613"/>
      <c r="ARR670" s="613"/>
      <c r="ARS670" s="613"/>
      <c r="ART670" s="613"/>
      <c r="ARU670" s="613"/>
      <c r="ARV670" s="613"/>
      <c r="ARW670" s="613"/>
      <c r="ARX670" s="613"/>
      <c r="ARY670" s="613"/>
      <c r="ARZ670" s="613"/>
      <c r="ASA670" s="613"/>
      <c r="ASB670" s="613"/>
      <c r="ASC670" s="613"/>
      <c r="ASD670" s="613"/>
      <c r="ASE670" s="613"/>
      <c r="ASF670" s="613"/>
      <c r="ASG670" s="613"/>
      <c r="ASH670" s="613"/>
      <c r="ASI670" s="613"/>
      <c r="ASJ670" s="613"/>
      <c r="ASK670" s="613"/>
      <c r="ASL670" s="613"/>
      <c r="ASM670" s="613"/>
      <c r="ASN670" s="613"/>
      <c r="ASO670" s="613"/>
      <c r="ASP670" s="613"/>
      <c r="ASQ670" s="613"/>
      <c r="ASR670" s="613"/>
      <c r="ASS670" s="613"/>
      <c r="AST670" s="613"/>
      <c r="ASU670" s="613"/>
      <c r="ASV670" s="613"/>
      <c r="ASW670" s="613"/>
      <c r="ASX670" s="613"/>
      <c r="ASY670" s="613"/>
      <c r="ASZ670" s="613"/>
      <c r="ATA670" s="613"/>
      <c r="ATB670" s="613"/>
      <c r="ATC670" s="613"/>
      <c r="ATD670" s="613"/>
      <c r="ATE670" s="613"/>
      <c r="ATF670" s="613"/>
      <c r="ATG670" s="613"/>
      <c r="ATH670" s="613"/>
      <c r="ATI670" s="613"/>
      <c r="ATJ670" s="613"/>
      <c r="ATK670" s="613"/>
      <c r="ATL670" s="613"/>
      <c r="ATM670" s="613"/>
      <c r="ATN670" s="613"/>
      <c r="ATO670" s="613"/>
      <c r="ATP670" s="613"/>
      <c r="ATQ670" s="613"/>
      <c r="ATR670" s="613"/>
      <c r="ATS670" s="613"/>
      <c r="ATT670" s="613"/>
      <c r="ATU670" s="613"/>
      <c r="ATV670" s="613"/>
      <c r="ATW670" s="613"/>
      <c r="ATX670" s="613"/>
      <c r="ATY670" s="613"/>
      <c r="ATZ670" s="613"/>
      <c r="AUA670" s="613"/>
      <c r="AUB670" s="613"/>
      <c r="AUC670" s="613"/>
      <c r="AUD670" s="613"/>
      <c r="AUE670" s="613"/>
      <c r="AUF670" s="613"/>
      <c r="AUG670" s="613"/>
      <c r="AUH670" s="613"/>
      <c r="AUI670" s="613"/>
      <c r="AUJ670" s="613"/>
      <c r="AUK670" s="613"/>
      <c r="AUL670" s="613"/>
      <c r="AUM670" s="613"/>
      <c r="AUN670" s="613"/>
      <c r="AUO670" s="613"/>
      <c r="AUP670" s="613"/>
      <c r="AUQ670" s="613"/>
      <c r="AUR670" s="613"/>
      <c r="AUS670" s="613"/>
      <c r="AUT670" s="613"/>
      <c r="AUU670" s="613"/>
      <c r="AUV670" s="613"/>
      <c r="AUW670" s="613"/>
      <c r="AUX670" s="613"/>
      <c r="AUY670" s="613"/>
      <c r="AUZ670" s="613"/>
      <c r="AVA670" s="613"/>
      <c r="AVB670" s="613"/>
      <c r="AVC670" s="613"/>
      <c r="AVD670" s="613"/>
      <c r="AVE670" s="613"/>
      <c r="AVF670" s="613"/>
      <c r="AVG670" s="613"/>
      <c r="AVH670" s="613"/>
      <c r="AVI670" s="613"/>
      <c r="AVJ670" s="613"/>
      <c r="AVK670" s="613"/>
      <c r="AVL670" s="613"/>
      <c r="AVM670" s="613"/>
      <c r="AVN670" s="613"/>
      <c r="AVO670" s="613"/>
      <c r="AVP670" s="613"/>
      <c r="AVQ670" s="613"/>
      <c r="AVR670" s="613"/>
      <c r="AVS670" s="613"/>
      <c r="AVT670" s="613"/>
      <c r="AVU670" s="613"/>
      <c r="AVV670" s="613"/>
      <c r="AVW670" s="613"/>
      <c r="AVX670" s="613"/>
      <c r="AVY670" s="613"/>
      <c r="AVZ670" s="613"/>
      <c r="AWA670" s="613"/>
      <c r="AWB670" s="613"/>
      <c r="AWC670" s="613"/>
      <c r="AWD670" s="613"/>
      <c r="AWE670" s="613"/>
      <c r="AWF670" s="613"/>
      <c r="AWG670" s="613"/>
      <c r="AWH670" s="613"/>
      <c r="AWI670" s="613"/>
      <c r="AWJ670" s="613"/>
      <c r="AWK670" s="613"/>
      <c r="AWL670" s="613"/>
      <c r="AWM670" s="613"/>
      <c r="AWN670" s="613"/>
      <c r="AWO670" s="613"/>
      <c r="AWP670" s="613"/>
      <c r="AWQ670" s="613"/>
      <c r="AWR670" s="613"/>
      <c r="AWS670" s="613"/>
      <c r="AWT670" s="613"/>
      <c r="AWU670" s="613"/>
      <c r="AWV670" s="613"/>
      <c r="AWW670" s="613"/>
      <c r="AWX670" s="613"/>
      <c r="AWY670" s="613"/>
      <c r="AWZ670" s="613"/>
      <c r="AXA670" s="613"/>
      <c r="AXB670" s="613"/>
      <c r="AXC670" s="613"/>
      <c r="AXD670" s="613"/>
      <c r="AXE670" s="613"/>
      <c r="AXF670" s="613"/>
      <c r="AXG670" s="613"/>
      <c r="AXH670" s="613"/>
      <c r="AXI670" s="613"/>
      <c r="AXJ670" s="613"/>
      <c r="AXK670" s="613"/>
      <c r="AXL670" s="613"/>
      <c r="AXM670" s="613"/>
      <c r="AXN670" s="613"/>
      <c r="AXO670" s="613"/>
      <c r="AXP670" s="613"/>
      <c r="AXQ670" s="613"/>
      <c r="AXR670" s="613"/>
      <c r="AXS670" s="613"/>
      <c r="AXT670" s="613"/>
      <c r="AXU670" s="613"/>
      <c r="AXV670" s="613"/>
      <c r="AXW670" s="613"/>
      <c r="AXX670" s="613"/>
      <c r="AXY670" s="613"/>
      <c r="AXZ670" s="613"/>
      <c r="AYA670" s="613"/>
      <c r="AYB670" s="613"/>
      <c r="AYC670" s="613"/>
      <c r="AYD670" s="613"/>
      <c r="AYE670" s="613"/>
      <c r="AYF670" s="613"/>
      <c r="AYG670" s="613"/>
      <c r="AYH670" s="613"/>
      <c r="AYI670" s="613"/>
      <c r="AYJ670" s="613"/>
      <c r="AYK670" s="613"/>
      <c r="AYL670" s="613"/>
      <c r="AYM670" s="613"/>
      <c r="AYN670" s="613"/>
      <c r="AYO670" s="613"/>
      <c r="AYP670" s="613"/>
      <c r="AYQ670" s="613"/>
      <c r="AYR670" s="613"/>
      <c r="AYS670" s="613"/>
      <c r="AYT670" s="613"/>
      <c r="AYU670" s="613"/>
      <c r="AYV670" s="613"/>
      <c r="AYW670" s="613"/>
      <c r="AYX670" s="613"/>
      <c r="AYY670" s="613"/>
      <c r="AYZ670" s="613"/>
      <c r="AZA670" s="613"/>
      <c r="AZB670" s="613"/>
      <c r="AZC670" s="613"/>
      <c r="AZD670" s="613"/>
      <c r="AZE670" s="613"/>
      <c r="AZF670" s="613"/>
      <c r="AZG670" s="613"/>
      <c r="AZH670" s="613"/>
      <c r="AZI670" s="613"/>
      <c r="AZJ670" s="613"/>
      <c r="AZK670" s="613"/>
      <c r="AZL670" s="613"/>
      <c r="AZM670" s="613"/>
      <c r="AZN670" s="613"/>
      <c r="AZO670" s="613"/>
      <c r="AZP670" s="613"/>
      <c r="AZQ670" s="613"/>
      <c r="AZR670" s="613"/>
      <c r="AZS670" s="613"/>
      <c r="AZT670" s="613"/>
      <c r="AZU670" s="613"/>
      <c r="AZV670" s="613"/>
      <c r="AZW670" s="613"/>
      <c r="AZX670" s="613"/>
      <c r="AZY670" s="613"/>
      <c r="AZZ670" s="613"/>
      <c r="BAA670" s="613"/>
      <c r="BAB670" s="613"/>
      <c r="BAC670" s="613"/>
      <c r="BAD670" s="613"/>
      <c r="BAE670" s="613"/>
      <c r="BAF670" s="613"/>
      <c r="BAG670" s="613"/>
      <c r="BAH670" s="613"/>
      <c r="BAI670" s="613"/>
      <c r="BAJ670" s="613"/>
      <c r="BAK670" s="613"/>
      <c r="BAL670" s="613"/>
      <c r="BAM670" s="613"/>
      <c r="BAN670" s="613"/>
      <c r="BAO670" s="613"/>
      <c r="BAP670" s="613"/>
      <c r="BAQ670" s="613"/>
      <c r="BAR670" s="613"/>
      <c r="BAS670" s="613"/>
      <c r="BAT670" s="613"/>
      <c r="BAU670" s="613"/>
      <c r="BAV670" s="613"/>
      <c r="BAW670" s="613"/>
      <c r="BAX670" s="613"/>
      <c r="BAY670" s="613"/>
      <c r="BAZ670" s="613"/>
      <c r="BBA670" s="613"/>
      <c r="BBB670" s="613"/>
      <c r="BBC670" s="613"/>
      <c r="BBD670" s="613"/>
      <c r="BBE670" s="613"/>
      <c r="BBF670" s="613"/>
      <c r="BBG670" s="613"/>
      <c r="BBH670" s="613"/>
      <c r="BBI670" s="613"/>
      <c r="BBJ670" s="613"/>
      <c r="BBK670" s="613"/>
      <c r="BBL670" s="613"/>
      <c r="BBM670" s="613"/>
      <c r="BBN670" s="613"/>
      <c r="BBO670" s="613"/>
      <c r="BBP670" s="613"/>
      <c r="BBQ670" s="613"/>
      <c r="BBR670" s="613"/>
      <c r="BBS670" s="613"/>
      <c r="BBT670" s="613"/>
      <c r="BBU670" s="613"/>
      <c r="BBV670" s="613"/>
      <c r="BBW670" s="613"/>
      <c r="BBX670" s="613"/>
      <c r="BBY670" s="613"/>
      <c r="BBZ670" s="613"/>
      <c r="BCA670" s="613"/>
      <c r="BCB670" s="613"/>
      <c r="BCC670" s="613"/>
      <c r="BCD670" s="613"/>
      <c r="BCE670" s="613"/>
      <c r="BCF670" s="613"/>
      <c r="BCG670" s="613"/>
      <c r="BCH670" s="613"/>
      <c r="BCI670" s="613"/>
      <c r="BCJ670" s="613"/>
      <c r="BCK670" s="613"/>
      <c r="BCL670" s="613"/>
      <c r="BCM670" s="613"/>
      <c r="BCN670" s="613"/>
      <c r="BCO670" s="613"/>
      <c r="BCP670" s="613"/>
      <c r="BCQ670" s="613"/>
      <c r="BCR670" s="613"/>
      <c r="BCS670" s="613"/>
      <c r="BCT670" s="613"/>
      <c r="BCU670" s="613"/>
      <c r="BCV670" s="613"/>
      <c r="BCW670" s="613"/>
      <c r="BCX670" s="613"/>
      <c r="BCY670" s="613"/>
      <c r="BCZ670" s="613"/>
      <c r="BDA670" s="613"/>
      <c r="BDB670" s="613"/>
      <c r="BDC670" s="613"/>
      <c r="BDD670" s="613"/>
      <c r="BDE670" s="613"/>
      <c r="BDF670" s="613"/>
      <c r="BDG670" s="613"/>
      <c r="BDH670" s="613"/>
      <c r="BDI670" s="613"/>
      <c r="BDJ670" s="613"/>
      <c r="BDK670" s="613"/>
      <c r="BDL670" s="613"/>
      <c r="BDM670" s="613"/>
      <c r="BDN670" s="613"/>
      <c r="BDO670" s="613"/>
      <c r="BDP670" s="613"/>
      <c r="BDQ670" s="613"/>
      <c r="BDR670" s="613"/>
      <c r="BDS670" s="613"/>
      <c r="BDT670" s="613"/>
      <c r="BDU670" s="613"/>
      <c r="BDV670" s="613"/>
      <c r="BDW670" s="613"/>
      <c r="BDX670" s="613"/>
      <c r="BDY670" s="613"/>
      <c r="BDZ670" s="613"/>
      <c r="BEA670" s="613"/>
      <c r="BEB670" s="613"/>
      <c r="BEC670" s="613"/>
      <c r="BED670" s="613"/>
      <c r="BEE670" s="613"/>
      <c r="BEF670" s="613"/>
      <c r="BEG670" s="613"/>
      <c r="BEH670" s="613"/>
      <c r="BEI670" s="613"/>
      <c r="BEJ670" s="613"/>
      <c r="BEK670" s="613"/>
      <c r="BEL670" s="613"/>
      <c r="BEM670" s="613"/>
      <c r="BEN670" s="613"/>
      <c r="BEO670" s="613"/>
      <c r="BEP670" s="613"/>
      <c r="BEQ670" s="613"/>
      <c r="BER670" s="613"/>
      <c r="BES670" s="613"/>
      <c r="BET670" s="613"/>
      <c r="BEU670" s="613"/>
      <c r="BEV670" s="613"/>
      <c r="BEW670" s="613"/>
      <c r="BEX670" s="613"/>
      <c r="BEY670" s="613"/>
      <c r="BEZ670" s="613"/>
      <c r="BFA670" s="613"/>
      <c r="BFB670" s="613"/>
      <c r="BFC670" s="613"/>
      <c r="BFD670" s="613"/>
      <c r="BFE670" s="613"/>
      <c r="BFF670" s="613"/>
      <c r="BFG670" s="613"/>
      <c r="BFH670" s="613"/>
      <c r="BFI670" s="613"/>
      <c r="BFJ670" s="613"/>
      <c r="BFK670" s="613"/>
      <c r="BFL670" s="613"/>
      <c r="BFM670" s="613"/>
      <c r="BFN670" s="613"/>
      <c r="BFO670" s="613"/>
      <c r="BFP670" s="613"/>
      <c r="BFQ670" s="613"/>
      <c r="BFR670" s="613"/>
      <c r="BFS670" s="613"/>
      <c r="BFT670" s="613"/>
      <c r="BFU670" s="613"/>
      <c r="BFV670" s="613"/>
      <c r="BFW670" s="613"/>
      <c r="BFX670" s="613"/>
      <c r="BFY670" s="613"/>
      <c r="BFZ670" s="613"/>
      <c r="BGA670" s="613"/>
      <c r="BGB670" s="613"/>
      <c r="BGC670" s="613"/>
      <c r="BGD670" s="613"/>
      <c r="BGE670" s="613"/>
      <c r="BGF670" s="613"/>
      <c r="BGG670" s="613"/>
      <c r="BGH670" s="613"/>
      <c r="BGI670" s="613"/>
      <c r="BGJ670" s="613"/>
      <c r="BGK670" s="613"/>
      <c r="BGL670" s="613"/>
      <c r="BGM670" s="613"/>
      <c r="BGN670" s="613"/>
      <c r="BGO670" s="613"/>
      <c r="BGP670" s="613"/>
      <c r="BGQ670" s="613"/>
      <c r="BGR670" s="613"/>
      <c r="BGS670" s="613"/>
      <c r="BGT670" s="613"/>
      <c r="BGU670" s="613"/>
      <c r="BGV670" s="613"/>
      <c r="BGW670" s="613"/>
      <c r="BGX670" s="613"/>
      <c r="BGY670" s="613"/>
      <c r="BGZ670" s="613"/>
      <c r="BHA670" s="613"/>
      <c r="BHB670" s="613"/>
      <c r="BHC670" s="613"/>
      <c r="BHD670" s="613"/>
      <c r="BHE670" s="613"/>
      <c r="BHF670" s="613"/>
      <c r="BHG670" s="613"/>
      <c r="BHH670" s="613"/>
      <c r="BHI670" s="613"/>
      <c r="BHJ670" s="613"/>
      <c r="BHK670" s="613"/>
      <c r="BHL670" s="613"/>
      <c r="BHM670" s="613"/>
      <c r="BHN670" s="613"/>
      <c r="BHO670" s="613"/>
      <c r="BHP670" s="613"/>
      <c r="BHQ670" s="613"/>
      <c r="BHR670" s="613"/>
      <c r="BHS670" s="613"/>
      <c r="BHT670" s="613"/>
      <c r="BHU670" s="613"/>
      <c r="BHV670" s="613"/>
      <c r="BHW670" s="613"/>
      <c r="BHX670" s="613"/>
      <c r="BHY670" s="613"/>
      <c r="BHZ670" s="613"/>
      <c r="BIA670" s="613"/>
      <c r="BIB670" s="613"/>
      <c r="BIC670" s="613"/>
      <c r="BID670" s="613"/>
      <c r="BIE670" s="613"/>
      <c r="BIF670" s="613"/>
      <c r="BIG670" s="613"/>
      <c r="BIH670" s="613"/>
      <c r="BII670" s="613"/>
      <c r="BIJ670" s="613"/>
      <c r="BIK670" s="613"/>
      <c r="BIL670" s="613"/>
      <c r="BIM670" s="613"/>
      <c r="BIN670" s="613"/>
      <c r="BIO670" s="613"/>
      <c r="BIP670" s="613"/>
      <c r="BIQ670" s="613"/>
      <c r="BIR670" s="613"/>
      <c r="BIS670" s="613"/>
      <c r="BIT670" s="613"/>
      <c r="BIU670" s="613"/>
      <c r="BIV670" s="613"/>
      <c r="BIW670" s="613"/>
      <c r="BIX670" s="613"/>
      <c r="BIY670" s="613"/>
      <c r="BIZ670" s="613"/>
      <c r="BJA670" s="613"/>
      <c r="BJB670" s="613"/>
      <c r="BJC670" s="613"/>
      <c r="BJD670" s="613"/>
      <c r="BJE670" s="613"/>
      <c r="BJF670" s="613"/>
      <c r="BJG670" s="613"/>
      <c r="BJH670" s="613"/>
      <c r="BJI670" s="613"/>
      <c r="BJJ670" s="613"/>
      <c r="BJK670" s="613"/>
      <c r="BJL670" s="613"/>
      <c r="BJM670" s="613"/>
      <c r="BJN670" s="613"/>
      <c r="BJO670" s="613"/>
      <c r="BJP670" s="613"/>
      <c r="BJQ670" s="613"/>
      <c r="BJR670" s="613"/>
      <c r="BJS670" s="613"/>
      <c r="BJT670" s="613"/>
      <c r="BJU670" s="613"/>
      <c r="BJV670" s="613"/>
      <c r="BJW670" s="613"/>
      <c r="BJX670" s="613"/>
      <c r="BJY670" s="613"/>
      <c r="BJZ670" s="613"/>
      <c r="BKA670" s="613"/>
      <c r="BKB670" s="613"/>
      <c r="BKC670" s="613"/>
      <c r="BKD670" s="613"/>
      <c r="BKE670" s="613"/>
      <c r="BKF670" s="613"/>
      <c r="BKG670" s="613"/>
      <c r="BKH670" s="613"/>
      <c r="BKI670" s="613"/>
      <c r="BKJ670" s="613"/>
      <c r="BKK670" s="613"/>
      <c r="BKL670" s="613"/>
      <c r="BKM670" s="613"/>
      <c r="BKN670" s="613"/>
      <c r="BKO670" s="613"/>
      <c r="BKP670" s="613"/>
      <c r="BKQ670" s="613"/>
      <c r="BKR670" s="613"/>
      <c r="BKS670" s="613"/>
      <c r="BKT670" s="613"/>
      <c r="BKU670" s="613"/>
      <c r="BKV670" s="613"/>
      <c r="BKW670" s="613"/>
      <c r="BKX670" s="613"/>
      <c r="BKY670" s="613"/>
      <c r="BKZ670" s="613"/>
      <c r="BLA670" s="613"/>
      <c r="BLB670" s="613"/>
      <c r="BLC670" s="613"/>
      <c r="BLD670" s="613"/>
      <c r="BLE670" s="613"/>
      <c r="BLF670" s="613"/>
      <c r="BLG670" s="613"/>
      <c r="BLH670" s="613"/>
      <c r="BLI670" s="613"/>
      <c r="BLJ670" s="613"/>
      <c r="BLK670" s="613"/>
      <c r="BLL670" s="613"/>
      <c r="BLM670" s="613"/>
      <c r="BLN670" s="613"/>
      <c r="BLO670" s="613"/>
      <c r="BLP670" s="613"/>
      <c r="BLQ670" s="613"/>
      <c r="BLR670" s="613"/>
      <c r="BLS670" s="613"/>
      <c r="BLT670" s="613"/>
      <c r="BLU670" s="613"/>
      <c r="BLV670" s="613"/>
      <c r="BLW670" s="613"/>
      <c r="BLX670" s="613"/>
      <c r="BLY670" s="613"/>
      <c r="BLZ670" s="613"/>
      <c r="BMA670" s="613"/>
      <c r="BMB670" s="613"/>
      <c r="BMC670" s="613"/>
      <c r="BMD670" s="613"/>
      <c r="BME670" s="613"/>
      <c r="BMF670" s="613"/>
      <c r="BMG670" s="613"/>
      <c r="BMH670" s="613"/>
      <c r="BMI670" s="613"/>
      <c r="BMJ670" s="613"/>
      <c r="BMK670" s="613"/>
      <c r="BML670" s="613"/>
      <c r="BMM670" s="613"/>
      <c r="BMN670" s="613"/>
      <c r="BMO670" s="613"/>
      <c r="BMP670" s="613"/>
      <c r="BMQ670" s="613"/>
      <c r="BMR670" s="613"/>
      <c r="BMS670" s="613"/>
      <c r="BMT670" s="613"/>
      <c r="BMU670" s="613"/>
      <c r="BMV670" s="613"/>
      <c r="BMW670" s="613"/>
      <c r="BMX670" s="613"/>
      <c r="BMY670" s="613"/>
      <c r="BMZ670" s="613"/>
      <c r="BNA670" s="613"/>
      <c r="BNB670" s="613"/>
      <c r="BNC670" s="613"/>
      <c r="BND670" s="613"/>
      <c r="BNE670" s="613"/>
      <c r="BNF670" s="613"/>
      <c r="BNG670" s="613"/>
      <c r="BNH670" s="613"/>
      <c r="BNI670" s="613"/>
      <c r="BNJ670" s="613"/>
      <c r="BNK670" s="613"/>
      <c r="BNL670" s="613"/>
      <c r="BNM670" s="613"/>
      <c r="BNN670" s="613"/>
      <c r="BNO670" s="613"/>
      <c r="BNP670" s="613"/>
      <c r="BNQ670" s="613"/>
      <c r="BNR670" s="613"/>
      <c r="BNS670" s="613"/>
      <c r="BNT670" s="613"/>
      <c r="BNU670" s="613"/>
      <c r="BNV670" s="613"/>
      <c r="BNW670" s="613"/>
      <c r="BNX670" s="613"/>
      <c r="BNY670" s="613"/>
      <c r="BNZ670" s="613"/>
      <c r="BOA670" s="613"/>
      <c r="BOB670" s="613"/>
      <c r="BOC670" s="613"/>
      <c r="BOD670" s="613"/>
      <c r="BOE670" s="613"/>
      <c r="BOF670" s="613"/>
      <c r="BOG670" s="613"/>
      <c r="BOH670" s="613"/>
      <c r="BOI670" s="613"/>
      <c r="BOJ670" s="613"/>
      <c r="BOK670" s="613"/>
      <c r="BOL670" s="613"/>
      <c r="BOM670" s="613"/>
      <c r="BON670" s="613"/>
      <c r="BOO670" s="613"/>
      <c r="BOP670" s="613"/>
      <c r="BOQ670" s="613"/>
      <c r="BOR670" s="613"/>
      <c r="BOS670" s="613"/>
      <c r="BOT670" s="613"/>
      <c r="BOU670" s="613"/>
      <c r="BOV670" s="613"/>
      <c r="BOW670" s="613"/>
      <c r="BOX670" s="613"/>
      <c r="BOY670" s="613"/>
      <c r="BOZ670" s="613"/>
      <c r="BPA670" s="613"/>
      <c r="BPB670" s="613"/>
      <c r="BPC670" s="613"/>
      <c r="BPD670" s="613"/>
      <c r="BPE670" s="613"/>
      <c r="BPF670" s="613"/>
      <c r="BPG670" s="613"/>
      <c r="BPH670" s="613"/>
      <c r="BPI670" s="613"/>
      <c r="BPJ670" s="613"/>
      <c r="BPK670" s="613"/>
      <c r="BPL670" s="613"/>
      <c r="BPM670" s="613"/>
      <c r="BPN670" s="613"/>
      <c r="BPO670" s="613"/>
      <c r="BPP670" s="613"/>
      <c r="BPQ670" s="613"/>
      <c r="BPR670" s="613"/>
      <c r="BPS670" s="613"/>
      <c r="BPT670" s="613"/>
      <c r="BPU670" s="613"/>
      <c r="BPV670" s="613"/>
      <c r="BPW670" s="613"/>
      <c r="BPX670" s="613"/>
      <c r="BPY670" s="613"/>
      <c r="BPZ670" s="613"/>
      <c r="BQA670" s="613"/>
      <c r="BQB670" s="613"/>
      <c r="BQC670" s="613"/>
      <c r="BQD670" s="613"/>
      <c r="BQE670" s="613"/>
      <c r="BQF670" s="613"/>
      <c r="BQG670" s="613"/>
      <c r="BQH670" s="613"/>
      <c r="BQI670" s="613"/>
      <c r="BQJ670" s="613"/>
      <c r="BQK670" s="613"/>
      <c r="BQL670" s="613"/>
      <c r="BQM670" s="613"/>
      <c r="BQN670" s="613"/>
      <c r="BQO670" s="613"/>
      <c r="BQP670" s="613"/>
      <c r="BQQ670" s="613"/>
      <c r="BQR670" s="613"/>
      <c r="BQS670" s="613"/>
      <c r="BQT670" s="613"/>
      <c r="BQU670" s="613"/>
      <c r="BQV670" s="613"/>
      <c r="BQW670" s="613"/>
      <c r="BQX670" s="613"/>
      <c r="BQY670" s="613"/>
      <c r="BQZ670" s="613"/>
      <c r="BRA670" s="613"/>
      <c r="BRB670" s="613"/>
      <c r="BRC670" s="613"/>
      <c r="BRD670" s="613"/>
      <c r="BRE670" s="613"/>
      <c r="BRF670" s="613"/>
      <c r="BRG670" s="613"/>
      <c r="BRH670" s="613"/>
      <c r="BRI670" s="613"/>
      <c r="BRJ670" s="613"/>
      <c r="BRK670" s="613"/>
      <c r="BRL670" s="613"/>
      <c r="BRM670" s="613"/>
      <c r="BRN670" s="613"/>
      <c r="BRO670" s="613"/>
      <c r="BRP670" s="613"/>
      <c r="BRQ670" s="613"/>
      <c r="BRR670" s="613"/>
      <c r="BRS670" s="613"/>
      <c r="BRT670" s="613"/>
      <c r="BRU670" s="613"/>
      <c r="BRV670" s="613"/>
      <c r="BRW670" s="613"/>
      <c r="BRX670" s="613"/>
      <c r="BRY670" s="613"/>
      <c r="BRZ670" s="613"/>
      <c r="BSA670" s="613"/>
      <c r="BSB670" s="613"/>
      <c r="BSC670" s="613"/>
      <c r="BSD670" s="613"/>
      <c r="BSE670" s="613"/>
      <c r="BSF670" s="613"/>
      <c r="BSG670" s="613"/>
      <c r="BSH670" s="613"/>
      <c r="BSI670" s="613"/>
      <c r="BSJ670" s="613"/>
      <c r="BSK670" s="613"/>
      <c r="BSL670" s="613"/>
      <c r="BSM670" s="613"/>
      <c r="BSN670" s="613"/>
      <c r="BSO670" s="613"/>
      <c r="BSP670" s="613"/>
      <c r="BSQ670" s="613"/>
      <c r="BSR670" s="613"/>
      <c r="BSS670" s="613"/>
      <c r="BST670" s="613"/>
      <c r="BSU670" s="613"/>
      <c r="BSV670" s="613"/>
      <c r="BSW670" s="613"/>
      <c r="BSX670" s="613"/>
      <c r="BSY670" s="613"/>
      <c r="BSZ670" s="613"/>
      <c r="BTA670" s="613"/>
      <c r="BTB670" s="613"/>
      <c r="BTC670" s="613"/>
      <c r="BTD670" s="613"/>
      <c r="BTE670" s="613"/>
      <c r="BTF670" s="613"/>
      <c r="BTG670" s="613"/>
      <c r="BTH670" s="613"/>
      <c r="BTI670" s="613"/>
      <c r="BTJ670" s="613"/>
      <c r="BTK670" s="613"/>
      <c r="BTL670" s="613"/>
      <c r="BTM670" s="613"/>
      <c r="BTN670" s="613"/>
      <c r="BTO670" s="613"/>
      <c r="BTP670" s="613"/>
      <c r="BTQ670" s="613"/>
      <c r="BTR670" s="613"/>
      <c r="BTS670" s="613"/>
      <c r="BTT670" s="613"/>
      <c r="BTU670" s="613"/>
      <c r="BTV670" s="613"/>
      <c r="BTW670" s="613"/>
      <c r="BTX670" s="613"/>
      <c r="BTY670" s="613"/>
      <c r="BTZ670" s="613"/>
      <c r="BUA670" s="613"/>
      <c r="BUB670" s="613"/>
      <c r="BUC670" s="613"/>
      <c r="BUD670" s="613"/>
      <c r="BUE670" s="613"/>
      <c r="BUF670" s="613"/>
      <c r="BUG670" s="613"/>
      <c r="BUH670" s="613"/>
      <c r="BUI670" s="613"/>
      <c r="BUJ670" s="613"/>
      <c r="BUK670" s="613"/>
      <c r="BUL670" s="613"/>
      <c r="BUM670" s="613"/>
      <c r="BUN670" s="613"/>
      <c r="BUO670" s="613"/>
      <c r="BUP670" s="613"/>
      <c r="BUQ670" s="613"/>
      <c r="BUR670" s="613"/>
      <c r="BUS670" s="613"/>
      <c r="BUT670" s="613"/>
      <c r="BUU670" s="613"/>
      <c r="BUV670" s="613"/>
      <c r="BUW670" s="613"/>
      <c r="BUX670" s="613"/>
      <c r="BUY670" s="613"/>
      <c r="BUZ670" s="613"/>
      <c r="BVA670" s="613"/>
      <c r="BVB670" s="613"/>
      <c r="BVC670" s="613"/>
      <c r="BVD670" s="613"/>
      <c r="BVE670" s="613"/>
      <c r="BVF670" s="613"/>
      <c r="BVG670" s="613"/>
      <c r="BVH670" s="613"/>
      <c r="BVI670" s="613"/>
      <c r="BVJ670" s="613"/>
      <c r="BVK670" s="613"/>
      <c r="BVL670" s="613"/>
      <c r="BVM670" s="613"/>
      <c r="BVN670" s="613"/>
      <c r="BVO670" s="613"/>
      <c r="BVP670" s="613"/>
      <c r="BVQ670" s="613"/>
      <c r="BVR670" s="613"/>
      <c r="BVS670" s="613"/>
      <c r="BVT670" s="613"/>
      <c r="BVU670" s="613"/>
      <c r="BVV670" s="613"/>
      <c r="BVW670" s="613"/>
      <c r="BVX670" s="613"/>
      <c r="BVY670" s="613"/>
      <c r="BVZ670" s="613"/>
      <c r="BWA670" s="613"/>
      <c r="BWB670" s="613"/>
      <c r="BWC670" s="613"/>
      <c r="BWD670" s="613"/>
      <c r="BWE670" s="613"/>
      <c r="BWF670" s="613"/>
      <c r="BWG670" s="613"/>
      <c r="BWH670" s="613"/>
      <c r="BWI670" s="613"/>
      <c r="BWJ670" s="613"/>
      <c r="BWK670" s="613"/>
      <c r="BWL670" s="613"/>
      <c r="BWM670" s="613"/>
      <c r="BWN670" s="613"/>
      <c r="BWO670" s="613"/>
      <c r="BWP670" s="613"/>
      <c r="BWQ670" s="613"/>
      <c r="BWR670" s="613"/>
      <c r="BWS670" s="613"/>
      <c r="BWT670" s="613"/>
      <c r="BWU670" s="613"/>
      <c r="BWV670" s="613"/>
      <c r="BWW670" s="613"/>
      <c r="BWX670" s="613"/>
      <c r="BWY670" s="613"/>
      <c r="BWZ670" s="613"/>
      <c r="BXA670" s="613"/>
      <c r="BXB670" s="613"/>
      <c r="BXC670" s="613"/>
      <c r="BXD670" s="613"/>
      <c r="BXE670" s="613"/>
      <c r="BXF670" s="613"/>
      <c r="BXG670" s="613"/>
      <c r="BXH670" s="613"/>
      <c r="BXI670" s="613"/>
      <c r="BXJ670" s="613"/>
      <c r="BXK670" s="613"/>
      <c r="BXL670" s="613"/>
      <c r="BXM670" s="613"/>
      <c r="BXN670" s="613"/>
      <c r="BXO670" s="613"/>
      <c r="BXP670" s="613"/>
      <c r="BXQ670" s="613"/>
      <c r="BXR670" s="613"/>
      <c r="BXS670" s="613"/>
      <c r="BXT670" s="613"/>
      <c r="BXU670" s="613"/>
      <c r="BXV670" s="613"/>
      <c r="BXW670" s="613"/>
      <c r="BXX670" s="613"/>
      <c r="BXY670" s="613"/>
      <c r="BXZ670" s="613"/>
      <c r="BYA670" s="613"/>
      <c r="BYB670" s="613"/>
      <c r="BYC670" s="613"/>
      <c r="BYD670" s="613"/>
      <c r="BYE670" s="613"/>
      <c r="BYF670" s="613"/>
      <c r="BYG670" s="613"/>
      <c r="BYH670" s="613"/>
      <c r="BYI670" s="613"/>
      <c r="BYJ670" s="613"/>
      <c r="BYK670" s="613"/>
      <c r="BYL670" s="613"/>
      <c r="BYM670" s="613"/>
      <c r="BYN670" s="613"/>
      <c r="BYO670" s="613"/>
      <c r="BYP670" s="613"/>
      <c r="BYQ670" s="613"/>
      <c r="BYR670" s="613"/>
      <c r="BYS670" s="613"/>
      <c r="BYT670" s="613"/>
      <c r="BYU670" s="613"/>
      <c r="BYV670" s="613"/>
      <c r="BYW670" s="613"/>
      <c r="BYX670" s="613"/>
      <c r="BYY670" s="613"/>
      <c r="BYZ670" s="613"/>
      <c r="BZA670" s="613"/>
      <c r="BZB670" s="613"/>
      <c r="BZC670" s="613"/>
      <c r="BZD670" s="613"/>
      <c r="BZE670" s="613"/>
      <c r="BZF670" s="613"/>
      <c r="BZG670" s="613"/>
      <c r="BZH670" s="613"/>
      <c r="BZI670" s="613"/>
      <c r="BZJ670" s="613"/>
      <c r="BZK670" s="613"/>
      <c r="BZL670" s="613"/>
      <c r="BZM670" s="613"/>
      <c r="BZN670" s="613"/>
      <c r="BZO670" s="613"/>
      <c r="BZP670" s="613"/>
      <c r="BZQ670" s="613"/>
      <c r="BZR670" s="613"/>
      <c r="BZS670" s="613"/>
      <c r="BZT670" s="613"/>
      <c r="BZU670" s="613"/>
      <c r="BZV670" s="613"/>
      <c r="BZW670" s="613"/>
      <c r="BZX670" s="613"/>
      <c r="BZY670" s="613"/>
      <c r="BZZ670" s="613"/>
      <c r="CAA670" s="613"/>
      <c r="CAB670" s="613"/>
      <c r="CAC670" s="613"/>
      <c r="CAD670" s="613"/>
      <c r="CAE670" s="613"/>
      <c r="CAF670" s="613"/>
      <c r="CAG670" s="613"/>
      <c r="CAH670" s="613"/>
      <c r="CAI670" s="613"/>
      <c r="CAJ670" s="613"/>
      <c r="CAK670" s="613"/>
      <c r="CAL670" s="613"/>
      <c r="CAM670" s="613"/>
      <c r="CAN670" s="613"/>
      <c r="CAO670" s="613"/>
      <c r="CAP670" s="613"/>
      <c r="CAQ670" s="613"/>
      <c r="CAR670" s="613"/>
      <c r="CAS670" s="613"/>
      <c r="CAT670" s="613"/>
      <c r="CAU670" s="613"/>
      <c r="CAV670" s="613"/>
      <c r="CAW670" s="613"/>
      <c r="CAX670" s="613"/>
      <c r="CAY670" s="613"/>
      <c r="CAZ670" s="613"/>
      <c r="CBA670" s="613"/>
      <c r="CBB670" s="613"/>
      <c r="CBC670" s="613"/>
      <c r="CBD670" s="613"/>
      <c r="CBE670" s="613"/>
      <c r="CBF670" s="613"/>
      <c r="CBG670" s="613"/>
      <c r="CBH670" s="613"/>
      <c r="CBI670" s="613"/>
      <c r="CBJ670" s="613"/>
      <c r="CBK670" s="613"/>
      <c r="CBL670" s="613"/>
      <c r="CBM670" s="613"/>
      <c r="CBN670" s="613"/>
      <c r="CBO670" s="613"/>
      <c r="CBP670" s="613"/>
      <c r="CBQ670" s="613"/>
      <c r="CBR670" s="613"/>
      <c r="CBS670" s="613"/>
      <c r="CBT670" s="613"/>
      <c r="CBU670" s="613"/>
      <c r="CBV670" s="613"/>
      <c r="CBW670" s="613"/>
      <c r="CBX670" s="613"/>
      <c r="CBY670" s="613"/>
      <c r="CBZ670" s="613"/>
      <c r="CCA670" s="613"/>
      <c r="CCB670" s="613"/>
      <c r="CCC670" s="613"/>
      <c r="CCD670" s="613"/>
      <c r="CCE670" s="613"/>
      <c r="CCF670" s="613"/>
      <c r="CCG670" s="613"/>
      <c r="CCH670" s="613"/>
      <c r="CCI670" s="613"/>
      <c r="CCJ670" s="613"/>
      <c r="CCK670" s="613"/>
      <c r="CCL670" s="613"/>
      <c r="CCM670" s="613"/>
      <c r="CCN670" s="613"/>
      <c r="CCO670" s="613"/>
      <c r="CCP670" s="613"/>
      <c r="CCQ670" s="613"/>
      <c r="CCR670" s="613"/>
      <c r="CCS670" s="613"/>
      <c r="CCT670" s="613"/>
      <c r="CCU670" s="613"/>
      <c r="CCV670" s="613"/>
      <c r="CCW670" s="613"/>
      <c r="CCX670" s="613"/>
      <c r="CCY670" s="613"/>
      <c r="CCZ670" s="613"/>
      <c r="CDA670" s="613"/>
      <c r="CDB670" s="613"/>
      <c r="CDC670" s="613"/>
      <c r="CDD670" s="613"/>
      <c r="CDE670" s="613"/>
      <c r="CDF670" s="613"/>
      <c r="CDG670" s="613"/>
      <c r="CDH670" s="613"/>
      <c r="CDI670" s="613"/>
      <c r="CDJ670" s="613"/>
      <c r="CDK670" s="613"/>
      <c r="CDL670" s="613"/>
      <c r="CDM670" s="613"/>
      <c r="CDN670" s="613"/>
      <c r="CDO670" s="613"/>
      <c r="CDP670" s="613"/>
      <c r="CDQ670" s="613"/>
      <c r="CDR670" s="613"/>
      <c r="CDS670" s="613"/>
      <c r="CDT670" s="613"/>
      <c r="CDU670" s="613"/>
      <c r="CDV670" s="613"/>
      <c r="CDW670" s="613"/>
      <c r="CDX670" s="613"/>
      <c r="CDY670" s="613"/>
      <c r="CDZ670" s="613"/>
      <c r="CEA670" s="613"/>
      <c r="CEB670" s="613"/>
      <c r="CEC670" s="613"/>
      <c r="CED670" s="613"/>
      <c r="CEE670" s="613"/>
      <c r="CEF670" s="613"/>
      <c r="CEG670" s="613"/>
      <c r="CEH670" s="613"/>
      <c r="CEI670" s="613"/>
      <c r="CEJ670" s="613"/>
      <c r="CEK670" s="613"/>
      <c r="CEL670" s="613"/>
      <c r="CEM670" s="613"/>
      <c r="CEN670" s="613"/>
      <c r="CEO670" s="613"/>
      <c r="CEP670" s="613"/>
      <c r="CEQ670" s="613"/>
      <c r="CER670" s="613"/>
      <c r="CES670" s="613"/>
      <c r="CET670" s="613"/>
      <c r="CEU670" s="613"/>
      <c r="CEV670" s="613"/>
      <c r="CEW670" s="613"/>
      <c r="CEX670" s="613"/>
      <c r="CEY670" s="613"/>
      <c r="CEZ670" s="613"/>
      <c r="CFA670" s="613"/>
      <c r="CFB670" s="613"/>
      <c r="CFC670" s="613"/>
      <c r="CFD670" s="613"/>
      <c r="CFE670" s="613"/>
      <c r="CFF670" s="613"/>
      <c r="CFG670" s="613"/>
      <c r="CFH670" s="613"/>
      <c r="CFI670" s="613"/>
      <c r="CFJ670" s="613"/>
      <c r="CFK670" s="613"/>
      <c r="CFL670" s="613"/>
      <c r="CFM670" s="613"/>
      <c r="CFN670" s="613"/>
      <c r="CFO670" s="613"/>
      <c r="CFP670" s="613"/>
      <c r="CFQ670" s="613"/>
      <c r="CFR670" s="613"/>
      <c r="CFS670" s="613"/>
      <c r="CFT670" s="613"/>
      <c r="CFU670" s="613"/>
      <c r="CFV670" s="613"/>
      <c r="CFW670" s="613"/>
      <c r="CFX670" s="613"/>
      <c r="CFY670" s="613"/>
      <c r="CFZ670" s="613"/>
      <c r="CGA670" s="613"/>
      <c r="CGB670" s="613"/>
      <c r="CGC670" s="613"/>
      <c r="CGD670" s="613"/>
      <c r="CGE670" s="613"/>
      <c r="CGF670" s="613"/>
      <c r="CGG670" s="613"/>
      <c r="CGH670" s="613"/>
      <c r="CGI670" s="613"/>
      <c r="CGJ670" s="613"/>
      <c r="CGK670" s="613"/>
      <c r="CGL670" s="613"/>
      <c r="CGM670" s="613"/>
      <c r="CGN670" s="613"/>
      <c r="CGO670" s="613"/>
      <c r="CGP670" s="613"/>
      <c r="CGQ670" s="613"/>
      <c r="CGR670" s="613"/>
      <c r="CGS670" s="613"/>
      <c r="CGT670" s="613"/>
      <c r="CGU670" s="613"/>
      <c r="CGV670" s="613"/>
      <c r="CGW670" s="613"/>
      <c r="CGX670" s="613"/>
      <c r="CGY670" s="613"/>
      <c r="CGZ670" s="613"/>
      <c r="CHA670" s="613"/>
      <c r="CHB670" s="613"/>
      <c r="CHC670" s="613"/>
      <c r="CHD670" s="613"/>
      <c r="CHE670" s="613"/>
      <c r="CHF670" s="613"/>
      <c r="CHG670" s="613"/>
      <c r="CHH670" s="613"/>
      <c r="CHI670" s="613"/>
      <c r="CHJ670" s="613"/>
      <c r="CHK670" s="613"/>
      <c r="CHL670" s="613"/>
      <c r="CHM670" s="613"/>
      <c r="CHN670" s="613"/>
      <c r="CHO670" s="613"/>
      <c r="CHP670" s="613"/>
      <c r="CHQ670" s="613"/>
      <c r="CHR670" s="613"/>
      <c r="CHS670" s="613"/>
      <c r="CHT670" s="613"/>
      <c r="CHU670" s="613"/>
      <c r="CHV670" s="613"/>
      <c r="CHW670" s="613"/>
      <c r="CHX670" s="613"/>
      <c r="CHY670" s="613"/>
      <c r="CHZ670" s="613"/>
      <c r="CIA670" s="613"/>
      <c r="CIB670" s="613"/>
      <c r="CIC670" s="613"/>
      <c r="CID670" s="613"/>
      <c r="CIE670" s="613"/>
      <c r="CIF670" s="613"/>
      <c r="CIG670" s="613"/>
      <c r="CIH670" s="613"/>
      <c r="CII670" s="613"/>
      <c r="CIJ670" s="613"/>
      <c r="CIK670" s="613"/>
      <c r="CIL670" s="613"/>
      <c r="CIM670" s="613"/>
      <c r="CIN670" s="613"/>
      <c r="CIO670" s="613"/>
      <c r="CIP670" s="613"/>
      <c r="CIQ670" s="613"/>
      <c r="CIR670" s="613"/>
      <c r="CIS670" s="613"/>
      <c r="CIT670" s="613"/>
      <c r="CIU670" s="613"/>
      <c r="CIV670" s="613"/>
      <c r="CIW670" s="613"/>
      <c r="CIX670" s="613"/>
      <c r="CIY670" s="613"/>
      <c r="CIZ670" s="613"/>
      <c r="CJA670" s="613"/>
      <c r="CJB670" s="613"/>
      <c r="CJC670" s="613"/>
      <c r="CJD670" s="613"/>
      <c r="CJE670" s="613"/>
      <c r="CJF670" s="613"/>
      <c r="CJG670" s="613"/>
      <c r="CJH670" s="613"/>
      <c r="CJI670" s="613"/>
      <c r="CJJ670" s="613"/>
      <c r="CJK670" s="613"/>
      <c r="CJL670" s="613"/>
      <c r="CJM670" s="613"/>
      <c r="CJN670" s="613"/>
      <c r="CJO670" s="613"/>
      <c r="CJP670" s="613"/>
      <c r="CJQ670" s="613"/>
      <c r="CJR670" s="613"/>
      <c r="CJS670" s="613"/>
      <c r="CJT670" s="613"/>
      <c r="CJU670" s="613"/>
      <c r="CJV670" s="613"/>
      <c r="CJW670" s="613"/>
      <c r="CJX670" s="613"/>
      <c r="CJY670" s="613"/>
      <c r="CJZ670" s="613"/>
      <c r="CKA670" s="613"/>
      <c r="CKB670" s="613"/>
      <c r="CKC670" s="613"/>
      <c r="CKD670" s="613"/>
      <c r="CKE670" s="613"/>
      <c r="CKF670" s="613"/>
      <c r="CKG670" s="613"/>
      <c r="CKH670" s="613"/>
      <c r="CKI670" s="613"/>
      <c r="CKJ670" s="613"/>
      <c r="CKK670" s="613"/>
      <c r="CKL670" s="613"/>
      <c r="CKM670" s="613"/>
      <c r="CKN670" s="613"/>
      <c r="CKO670" s="613"/>
      <c r="CKP670" s="613"/>
      <c r="CKQ670" s="613"/>
      <c r="CKR670" s="613"/>
      <c r="CKS670" s="613"/>
      <c r="CKT670" s="613"/>
      <c r="CKU670" s="613"/>
      <c r="CKV670" s="613"/>
      <c r="CKW670" s="613"/>
      <c r="CKX670" s="613"/>
      <c r="CKY670" s="613"/>
      <c r="CKZ670" s="613"/>
      <c r="CLA670" s="613"/>
      <c r="CLB670" s="613"/>
      <c r="CLC670" s="613"/>
      <c r="CLD670" s="613"/>
      <c r="CLE670" s="613"/>
      <c r="CLF670" s="613"/>
      <c r="CLG670" s="613"/>
      <c r="CLH670" s="613"/>
      <c r="CLI670" s="613"/>
      <c r="CLJ670" s="613"/>
      <c r="CLK670" s="613"/>
      <c r="CLL670" s="613"/>
      <c r="CLM670" s="613"/>
      <c r="CLN670" s="613"/>
      <c r="CLO670" s="613"/>
      <c r="CLP670" s="613"/>
      <c r="CLQ670" s="613"/>
      <c r="CLR670" s="613"/>
      <c r="CLS670" s="613"/>
      <c r="CLT670" s="613"/>
      <c r="CLU670" s="613"/>
      <c r="CLV670" s="613"/>
      <c r="CLW670" s="613"/>
      <c r="CLX670" s="613"/>
      <c r="CLY670" s="613"/>
      <c r="CLZ670" s="613"/>
      <c r="CMA670" s="613"/>
      <c r="CMB670" s="613"/>
      <c r="CMC670" s="613"/>
      <c r="CMD670" s="613"/>
      <c r="CME670" s="613"/>
      <c r="CMF670" s="613"/>
      <c r="CMG670" s="613"/>
      <c r="CMH670" s="613"/>
      <c r="CMI670" s="613"/>
      <c r="CMJ670" s="613"/>
      <c r="CMK670" s="613"/>
      <c r="CML670" s="613"/>
      <c r="CMM670" s="613"/>
      <c r="CMN670" s="613"/>
      <c r="CMO670" s="613"/>
      <c r="CMP670" s="613"/>
      <c r="CMQ670" s="613"/>
      <c r="CMR670" s="613"/>
      <c r="CMS670" s="613"/>
      <c r="CMT670" s="613"/>
      <c r="CMU670" s="613"/>
      <c r="CMV670" s="613"/>
      <c r="CMW670" s="613"/>
      <c r="CMX670" s="613"/>
      <c r="CMY670" s="613"/>
      <c r="CMZ670" s="613"/>
      <c r="CNA670" s="613"/>
      <c r="CNB670" s="613"/>
      <c r="CNC670" s="613"/>
      <c r="CND670" s="613"/>
      <c r="CNE670" s="613"/>
      <c r="CNF670" s="613"/>
      <c r="CNG670" s="613"/>
      <c r="CNH670" s="613"/>
      <c r="CNI670" s="613"/>
      <c r="CNJ670" s="613"/>
      <c r="CNK670" s="613"/>
      <c r="CNL670" s="613"/>
      <c r="CNM670" s="613"/>
      <c r="CNN670" s="613"/>
      <c r="CNO670" s="613"/>
      <c r="CNP670" s="613"/>
      <c r="CNQ670" s="613"/>
      <c r="CNR670" s="613"/>
      <c r="CNS670" s="613"/>
      <c r="CNT670" s="613"/>
      <c r="CNU670" s="613"/>
      <c r="CNV670" s="613"/>
      <c r="CNW670" s="613"/>
      <c r="CNX670" s="613"/>
      <c r="CNY670" s="613"/>
      <c r="CNZ670" s="613"/>
      <c r="COA670" s="613"/>
      <c r="COB670" s="613"/>
      <c r="COC670" s="613"/>
      <c r="COD670" s="613"/>
      <c r="COE670" s="613"/>
      <c r="COF670" s="613"/>
      <c r="COG670" s="613"/>
      <c r="COH670" s="613"/>
      <c r="COI670" s="613"/>
      <c r="COJ670" s="613"/>
      <c r="COK670" s="613"/>
      <c r="COL670" s="613"/>
      <c r="COM670" s="613"/>
      <c r="CON670" s="613"/>
      <c r="COO670" s="613"/>
      <c r="COP670" s="613"/>
      <c r="COQ670" s="613"/>
      <c r="COR670" s="613"/>
      <c r="COS670" s="613"/>
      <c r="COT670" s="613"/>
      <c r="COU670" s="613"/>
      <c r="COV670" s="613"/>
      <c r="COW670" s="613"/>
      <c r="COX670" s="613"/>
      <c r="COY670" s="613"/>
      <c r="COZ670" s="613"/>
      <c r="CPA670" s="613"/>
      <c r="CPB670" s="613"/>
      <c r="CPC670" s="613"/>
      <c r="CPD670" s="613"/>
      <c r="CPE670" s="613"/>
      <c r="CPF670" s="613"/>
      <c r="CPG670" s="613"/>
      <c r="CPH670" s="613"/>
      <c r="CPI670" s="613"/>
      <c r="CPJ670" s="613"/>
      <c r="CPK670" s="613"/>
      <c r="CPL670" s="613"/>
      <c r="CPM670" s="613"/>
      <c r="CPN670" s="613"/>
      <c r="CPO670" s="613"/>
      <c r="CPP670" s="613"/>
      <c r="CPQ670" s="613"/>
      <c r="CPR670" s="613"/>
      <c r="CPS670" s="613"/>
      <c r="CPT670" s="613"/>
      <c r="CPU670" s="613"/>
      <c r="CPV670" s="613"/>
      <c r="CPW670" s="613"/>
      <c r="CPX670" s="613"/>
      <c r="CPY670" s="613"/>
      <c r="CPZ670" s="613"/>
      <c r="CQA670" s="613"/>
      <c r="CQB670" s="613"/>
      <c r="CQC670" s="613"/>
      <c r="CQD670" s="613"/>
      <c r="CQE670" s="613"/>
      <c r="CQF670" s="613"/>
      <c r="CQG670" s="613"/>
      <c r="CQH670" s="613"/>
      <c r="CQI670" s="613"/>
      <c r="CQJ670" s="613"/>
      <c r="CQK670" s="613"/>
      <c r="CQL670" s="613"/>
      <c r="CQM670" s="613"/>
      <c r="CQN670" s="613"/>
      <c r="CQO670" s="613"/>
      <c r="CQP670" s="613"/>
      <c r="CQQ670" s="613"/>
      <c r="CQR670" s="613"/>
      <c r="CQS670" s="613"/>
      <c r="CQT670" s="613"/>
      <c r="CQU670" s="613"/>
      <c r="CQV670" s="613"/>
      <c r="CQW670" s="613"/>
      <c r="CQX670" s="613"/>
      <c r="CQY670" s="613"/>
      <c r="CQZ670" s="613"/>
      <c r="CRA670" s="613"/>
      <c r="CRB670" s="613"/>
      <c r="CRC670" s="613"/>
      <c r="CRD670" s="613"/>
      <c r="CRE670" s="613"/>
      <c r="CRF670" s="613"/>
      <c r="CRG670" s="613"/>
      <c r="CRH670" s="613"/>
      <c r="CRI670" s="613"/>
      <c r="CRJ670" s="613"/>
      <c r="CRK670" s="613"/>
      <c r="CRL670" s="613"/>
      <c r="CRM670" s="613"/>
      <c r="CRN670" s="613"/>
      <c r="CRO670" s="613"/>
      <c r="CRP670" s="613"/>
      <c r="CRQ670" s="613"/>
      <c r="CRR670" s="613"/>
      <c r="CRS670" s="613"/>
      <c r="CRT670" s="613"/>
      <c r="CRU670" s="613"/>
      <c r="CRV670" s="613"/>
      <c r="CRW670" s="613"/>
      <c r="CRX670" s="613"/>
      <c r="CRY670" s="613"/>
      <c r="CRZ670" s="613"/>
      <c r="CSA670" s="613"/>
      <c r="CSB670" s="613"/>
      <c r="CSC670" s="613"/>
      <c r="CSD670" s="613"/>
      <c r="CSE670" s="613"/>
      <c r="CSF670" s="613"/>
      <c r="CSG670" s="613"/>
      <c r="CSH670" s="613"/>
      <c r="CSI670" s="613"/>
      <c r="CSJ670" s="613"/>
      <c r="CSK670" s="613"/>
      <c r="CSL670" s="613"/>
      <c r="CSM670" s="613"/>
      <c r="CSN670" s="613"/>
      <c r="CSO670" s="613"/>
      <c r="CSP670" s="613"/>
      <c r="CSQ670" s="613"/>
      <c r="CSR670" s="613"/>
      <c r="CSS670" s="613"/>
      <c r="CST670" s="613"/>
      <c r="CSU670" s="613"/>
      <c r="CSV670" s="613"/>
      <c r="CSW670" s="613"/>
      <c r="CSX670" s="613"/>
      <c r="CSY670" s="613"/>
      <c r="CSZ670" s="613"/>
      <c r="CTA670" s="613"/>
      <c r="CTB670" s="613"/>
      <c r="CTC670" s="613"/>
      <c r="CTD670" s="613"/>
      <c r="CTE670" s="613"/>
      <c r="CTF670" s="613"/>
      <c r="CTG670" s="613"/>
      <c r="CTH670" s="613"/>
      <c r="CTI670" s="613"/>
      <c r="CTJ670" s="613"/>
      <c r="CTK670" s="613"/>
      <c r="CTL670" s="613"/>
      <c r="CTM670" s="613"/>
      <c r="CTN670" s="613"/>
      <c r="CTO670" s="613"/>
      <c r="CTP670" s="613"/>
      <c r="CTQ670" s="613"/>
      <c r="CTR670" s="613"/>
      <c r="CTS670" s="613"/>
      <c r="CTT670" s="613"/>
      <c r="CTU670" s="613"/>
      <c r="CTV670" s="613"/>
      <c r="CTW670" s="613"/>
      <c r="CTX670" s="613"/>
      <c r="CTY670" s="613"/>
      <c r="CTZ670" s="613"/>
      <c r="CUA670" s="613"/>
      <c r="CUB670" s="613"/>
      <c r="CUC670" s="613"/>
      <c r="CUD670" s="613"/>
      <c r="CUE670" s="613"/>
      <c r="CUF670" s="613"/>
      <c r="CUG670" s="613"/>
      <c r="CUH670" s="613"/>
      <c r="CUI670" s="613"/>
      <c r="CUJ670" s="613"/>
      <c r="CUK670" s="613"/>
      <c r="CUL670" s="613"/>
      <c r="CUM670" s="613"/>
      <c r="CUN670" s="613"/>
      <c r="CUO670" s="613"/>
      <c r="CUP670" s="613"/>
      <c r="CUQ670" s="613"/>
      <c r="CUR670" s="613"/>
      <c r="CUS670" s="613"/>
      <c r="CUT670" s="613"/>
      <c r="CUU670" s="613"/>
      <c r="CUV670" s="613"/>
      <c r="CUW670" s="613"/>
      <c r="CUX670" s="613"/>
      <c r="CUY670" s="613"/>
      <c r="CUZ670" s="613"/>
      <c r="CVA670" s="613"/>
      <c r="CVB670" s="613"/>
      <c r="CVC670" s="613"/>
      <c r="CVD670" s="613"/>
      <c r="CVE670" s="613"/>
      <c r="CVF670" s="613"/>
      <c r="CVG670" s="613"/>
      <c r="CVH670" s="613"/>
      <c r="CVI670" s="613"/>
      <c r="CVJ670" s="613"/>
      <c r="CVK670" s="613"/>
      <c r="CVL670" s="613"/>
      <c r="CVM670" s="613"/>
      <c r="CVN670" s="613"/>
      <c r="CVO670" s="613"/>
      <c r="CVP670" s="613"/>
      <c r="CVQ670" s="613"/>
      <c r="CVR670" s="613"/>
      <c r="CVS670" s="613"/>
      <c r="CVT670" s="613"/>
      <c r="CVU670" s="613"/>
      <c r="CVV670" s="613"/>
      <c r="CVW670" s="613"/>
      <c r="CVX670" s="613"/>
      <c r="CVY670" s="613"/>
      <c r="CVZ670" s="613"/>
      <c r="CWA670" s="613"/>
      <c r="CWB670" s="613"/>
      <c r="CWC670" s="613"/>
      <c r="CWD670" s="613"/>
      <c r="CWE670" s="613"/>
      <c r="CWF670" s="613"/>
      <c r="CWG670" s="613"/>
      <c r="CWH670" s="613"/>
      <c r="CWI670" s="613"/>
      <c r="CWJ670" s="613"/>
      <c r="CWK670" s="613"/>
      <c r="CWL670" s="613"/>
      <c r="CWM670" s="613"/>
      <c r="CWN670" s="613"/>
      <c r="CWO670" s="613"/>
      <c r="CWP670" s="613"/>
      <c r="CWQ670" s="613"/>
      <c r="CWR670" s="613"/>
      <c r="CWS670" s="613"/>
      <c r="CWT670" s="613"/>
      <c r="CWU670" s="613"/>
      <c r="CWV670" s="613"/>
      <c r="CWW670" s="613"/>
      <c r="CWX670" s="613"/>
      <c r="CWY670" s="613"/>
      <c r="CWZ670" s="613"/>
      <c r="CXA670" s="613"/>
      <c r="CXB670" s="613"/>
      <c r="CXC670" s="613"/>
      <c r="CXD670" s="613"/>
      <c r="CXE670" s="613"/>
      <c r="CXF670" s="613"/>
      <c r="CXG670" s="613"/>
      <c r="CXH670" s="613"/>
      <c r="CXI670" s="613"/>
      <c r="CXJ670" s="613"/>
      <c r="CXK670" s="613"/>
      <c r="CXL670" s="613"/>
      <c r="CXM670" s="613"/>
      <c r="CXN670" s="613"/>
      <c r="CXO670" s="613"/>
      <c r="CXP670" s="613"/>
      <c r="CXQ670" s="613"/>
      <c r="CXR670" s="613"/>
      <c r="CXS670" s="613"/>
      <c r="CXT670" s="613"/>
      <c r="CXU670" s="613"/>
      <c r="CXV670" s="613"/>
      <c r="CXW670" s="613"/>
      <c r="CXX670" s="613"/>
      <c r="CXY670" s="613"/>
      <c r="CXZ670" s="613"/>
      <c r="CYA670" s="613"/>
      <c r="CYB670" s="613"/>
      <c r="CYC670" s="613"/>
      <c r="CYD670" s="613"/>
      <c r="CYE670" s="613"/>
      <c r="CYF670" s="613"/>
      <c r="CYG670" s="613"/>
      <c r="CYH670" s="613"/>
      <c r="CYI670" s="613"/>
      <c r="CYJ670" s="613"/>
      <c r="CYK670" s="613"/>
      <c r="CYL670" s="613"/>
      <c r="CYM670" s="613"/>
      <c r="CYN670" s="613"/>
      <c r="CYO670" s="613"/>
      <c r="CYP670" s="613"/>
      <c r="CYQ670" s="613"/>
      <c r="CYR670" s="613"/>
      <c r="CYS670" s="613"/>
      <c r="CYT670" s="613"/>
      <c r="CYU670" s="613"/>
      <c r="CYV670" s="613"/>
      <c r="CYW670" s="613"/>
      <c r="CYX670" s="613"/>
      <c r="CYY670" s="613"/>
      <c r="CYZ670" s="613"/>
      <c r="CZA670" s="613"/>
      <c r="CZB670" s="613"/>
      <c r="CZC670" s="613"/>
      <c r="CZD670" s="613"/>
      <c r="CZE670" s="613"/>
      <c r="CZF670" s="613"/>
      <c r="CZG670" s="613"/>
      <c r="CZH670" s="613"/>
      <c r="CZI670" s="613"/>
      <c r="CZJ670" s="613"/>
      <c r="CZK670" s="613"/>
      <c r="CZL670" s="613"/>
      <c r="CZM670" s="613"/>
      <c r="CZN670" s="613"/>
      <c r="CZO670" s="613"/>
      <c r="CZP670" s="613"/>
      <c r="CZQ670" s="613"/>
      <c r="CZR670" s="613"/>
      <c r="CZS670" s="613"/>
      <c r="CZT670" s="613"/>
      <c r="CZU670" s="613"/>
      <c r="CZV670" s="613"/>
      <c r="CZW670" s="613"/>
      <c r="CZX670" s="613"/>
      <c r="CZY670" s="613"/>
      <c r="CZZ670" s="613"/>
      <c r="DAA670" s="613"/>
      <c r="DAB670" s="613"/>
      <c r="DAC670" s="613"/>
      <c r="DAD670" s="613"/>
      <c r="DAE670" s="613"/>
      <c r="DAF670" s="613"/>
      <c r="DAG670" s="613"/>
      <c r="DAH670" s="613"/>
      <c r="DAI670" s="613"/>
      <c r="DAJ670" s="613"/>
      <c r="DAK670" s="613"/>
      <c r="DAL670" s="613"/>
      <c r="DAM670" s="613"/>
      <c r="DAN670" s="613"/>
      <c r="DAO670" s="613"/>
      <c r="DAP670" s="613"/>
      <c r="DAQ670" s="613"/>
      <c r="DAR670" s="613"/>
      <c r="DAS670" s="613"/>
      <c r="DAT670" s="613"/>
      <c r="DAU670" s="613"/>
      <c r="DAV670" s="613"/>
      <c r="DAW670" s="613"/>
      <c r="DAX670" s="613"/>
      <c r="DAY670" s="613"/>
      <c r="DAZ670" s="613"/>
      <c r="DBA670" s="613"/>
      <c r="DBB670" s="613"/>
      <c r="DBC670" s="613"/>
      <c r="DBD670" s="613"/>
      <c r="DBE670" s="613"/>
      <c r="DBF670" s="613"/>
      <c r="DBG670" s="613"/>
      <c r="DBH670" s="613"/>
      <c r="DBI670" s="613"/>
      <c r="DBJ670" s="613"/>
      <c r="DBK670" s="613"/>
      <c r="DBL670" s="613"/>
      <c r="DBM670" s="613"/>
      <c r="DBN670" s="613"/>
      <c r="DBO670" s="613"/>
      <c r="DBP670" s="613"/>
      <c r="DBQ670" s="613"/>
      <c r="DBR670" s="613"/>
      <c r="DBS670" s="613"/>
      <c r="DBT670" s="613"/>
      <c r="DBU670" s="613"/>
      <c r="DBV670" s="613"/>
      <c r="DBW670" s="613"/>
      <c r="DBX670" s="613"/>
      <c r="DBY670" s="613"/>
      <c r="DBZ670" s="613"/>
      <c r="DCA670" s="613"/>
      <c r="DCB670" s="613"/>
      <c r="DCC670" s="613"/>
      <c r="DCD670" s="613"/>
      <c r="DCE670" s="613"/>
      <c r="DCF670" s="613"/>
      <c r="DCG670" s="613"/>
      <c r="DCH670" s="613"/>
      <c r="DCI670" s="613"/>
      <c r="DCJ670" s="613"/>
      <c r="DCK670" s="613"/>
      <c r="DCL670" s="613"/>
      <c r="DCM670" s="613"/>
      <c r="DCN670" s="613"/>
      <c r="DCO670" s="613"/>
      <c r="DCP670" s="613"/>
      <c r="DCQ670" s="613"/>
      <c r="DCR670" s="613"/>
      <c r="DCS670" s="613"/>
      <c r="DCT670" s="613"/>
      <c r="DCU670" s="613"/>
      <c r="DCV670" s="613"/>
      <c r="DCW670" s="613"/>
      <c r="DCX670" s="613"/>
      <c r="DCY670" s="613"/>
      <c r="DCZ670" s="613"/>
      <c r="DDA670" s="613"/>
      <c r="DDB670" s="613"/>
      <c r="DDC670" s="613"/>
      <c r="DDD670" s="613"/>
      <c r="DDE670" s="613"/>
      <c r="DDF670" s="613"/>
      <c r="DDG670" s="613"/>
      <c r="DDH670" s="613"/>
      <c r="DDI670" s="613"/>
      <c r="DDJ670" s="613"/>
      <c r="DDK670" s="613"/>
      <c r="DDL670" s="613"/>
      <c r="DDM670" s="613"/>
      <c r="DDN670" s="613"/>
      <c r="DDO670" s="613"/>
      <c r="DDP670" s="613"/>
      <c r="DDQ670" s="613"/>
      <c r="DDR670" s="613"/>
      <c r="DDS670" s="613"/>
      <c r="DDT670" s="613"/>
      <c r="DDU670" s="613"/>
      <c r="DDV670" s="613"/>
      <c r="DDW670" s="613"/>
      <c r="DDX670" s="613"/>
      <c r="DDY670" s="613"/>
      <c r="DDZ670" s="613"/>
      <c r="DEA670" s="613"/>
      <c r="DEB670" s="613"/>
      <c r="DEC670" s="613"/>
      <c r="DED670" s="613"/>
      <c r="DEE670" s="613"/>
      <c r="DEF670" s="613"/>
      <c r="DEG670" s="613"/>
      <c r="DEH670" s="613"/>
      <c r="DEI670" s="613"/>
      <c r="DEJ670" s="613"/>
      <c r="DEK670" s="613"/>
      <c r="DEL670" s="613"/>
      <c r="DEM670" s="613"/>
      <c r="DEN670" s="613"/>
      <c r="DEO670" s="613"/>
      <c r="DEP670" s="613"/>
      <c r="DEQ670" s="613"/>
      <c r="DER670" s="613"/>
      <c r="DES670" s="613"/>
      <c r="DET670" s="613"/>
      <c r="DEU670" s="613"/>
      <c r="DEV670" s="613"/>
      <c r="DEW670" s="613"/>
      <c r="DEX670" s="613"/>
      <c r="DEY670" s="613"/>
      <c r="DEZ670" s="613"/>
      <c r="DFA670" s="613"/>
      <c r="DFB670" s="613"/>
      <c r="DFC670" s="613"/>
      <c r="DFD670" s="613"/>
      <c r="DFE670" s="613"/>
      <c r="DFF670" s="613"/>
      <c r="DFG670" s="613"/>
      <c r="DFH670" s="613"/>
      <c r="DFI670" s="613"/>
      <c r="DFJ670" s="613"/>
      <c r="DFK670" s="613"/>
      <c r="DFL670" s="613"/>
      <c r="DFM670" s="613"/>
      <c r="DFN670" s="613"/>
      <c r="DFO670" s="613"/>
      <c r="DFP670" s="613"/>
      <c r="DFQ670" s="613"/>
      <c r="DFR670" s="613"/>
      <c r="DFS670" s="613"/>
      <c r="DFT670" s="613"/>
      <c r="DFU670" s="613"/>
      <c r="DFV670" s="613"/>
      <c r="DFW670" s="613"/>
      <c r="DFX670" s="613"/>
      <c r="DFY670" s="613"/>
      <c r="DFZ670" s="613"/>
      <c r="DGA670" s="613"/>
      <c r="DGB670" s="613"/>
      <c r="DGC670" s="613"/>
      <c r="DGD670" s="613"/>
      <c r="DGE670" s="613"/>
      <c r="DGF670" s="613"/>
      <c r="DGG670" s="613"/>
      <c r="DGH670" s="613"/>
      <c r="DGI670" s="613"/>
      <c r="DGJ670" s="613"/>
      <c r="DGK670" s="613"/>
      <c r="DGL670" s="613"/>
      <c r="DGM670" s="613"/>
      <c r="DGN670" s="613"/>
      <c r="DGO670" s="613"/>
      <c r="DGP670" s="613"/>
      <c r="DGQ670" s="613"/>
      <c r="DGR670" s="613"/>
      <c r="DGS670" s="613"/>
      <c r="DGT670" s="613"/>
      <c r="DGU670" s="613"/>
      <c r="DGV670" s="613"/>
      <c r="DGW670" s="613"/>
      <c r="DGX670" s="613"/>
      <c r="DGY670" s="613"/>
      <c r="DGZ670" s="613"/>
      <c r="DHA670" s="613"/>
      <c r="DHB670" s="613"/>
      <c r="DHC670" s="613"/>
      <c r="DHD670" s="613"/>
      <c r="DHE670" s="613"/>
      <c r="DHF670" s="613"/>
      <c r="DHG670" s="613"/>
      <c r="DHH670" s="613"/>
      <c r="DHI670" s="613"/>
      <c r="DHJ670" s="613"/>
      <c r="DHK670" s="613"/>
      <c r="DHL670" s="613"/>
      <c r="DHM670" s="613"/>
      <c r="DHN670" s="613"/>
      <c r="DHO670" s="613"/>
      <c r="DHP670" s="613"/>
      <c r="DHQ670" s="613"/>
      <c r="DHR670" s="613"/>
      <c r="DHS670" s="613"/>
      <c r="DHT670" s="613"/>
      <c r="DHU670" s="613"/>
      <c r="DHV670" s="613"/>
      <c r="DHW670" s="613"/>
      <c r="DHX670" s="613"/>
      <c r="DHY670" s="613"/>
      <c r="DHZ670" s="613"/>
      <c r="DIA670" s="613"/>
      <c r="DIB670" s="613"/>
      <c r="DIC670" s="613"/>
      <c r="DID670" s="613"/>
      <c r="DIE670" s="613"/>
      <c r="DIF670" s="613"/>
      <c r="DIG670" s="613"/>
      <c r="DIH670" s="613"/>
      <c r="DII670" s="613"/>
      <c r="DIJ670" s="613"/>
      <c r="DIK670" s="613"/>
      <c r="DIL670" s="613"/>
      <c r="DIM670" s="613"/>
      <c r="DIN670" s="613"/>
      <c r="DIO670" s="613"/>
      <c r="DIP670" s="613"/>
      <c r="DIQ670" s="613"/>
      <c r="DIR670" s="613"/>
      <c r="DIS670" s="613"/>
      <c r="DIT670" s="613"/>
      <c r="DIU670" s="613"/>
      <c r="DIV670" s="613"/>
      <c r="DIW670" s="613"/>
      <c r="DIX670" s="613"/>
      <c r="DIY670" s="613"/>
      <c r="DIZ670" s="613"/>
      <c r="DJA670" s="613"/>
      <c r="DJB670" s="613"/>
      <c r="DJC670" s="613"/>
      <c r="DJD670" s="613"/>
      <c r="DJE670" s="613"/>
      <c r="DJF670" s="613"/>
      <c r="DJG670" s="613"/>
      <c r="DJH670" s="613"/>
      <c r="DJI670" s="613"/>
      <c r="DJJ670" s="613"/>
      <c r="DJK670" s="613"/>
      <c r="DJL670" s="613"/>
      <c r="DJM670" s="613"/>
      <c r="DJN670" s="613"/>
      <c r="DJO670" s="613"/>
      <c r="DJP670" s="613"/>
      <c r="DJQ670" s="613"/>
      <c r="DJR670" s="613"/>
      <c r="DJS670" s="613"/>
      <c r="DJT670" s="613"/>
      <c r="DJU670" s="613"/>
      <c r="DJV670" s="613"/>
      <c r="DJW670" s="613"/>
      <c r="DJX670" s="613"/>
      <c r="DJY670" s="613"/>
      <c r="DJZ670" s="613"/>
      <c r="DKA670" s="613"/>
      <c r="DKB670" s="613"/>
      <c r="DKC670" s="613"/>
      <c r="DKD670" s="613"/>
      <c r="DKE670" s="613"/>
      <c r="DKF670" s="613"/>
      <c r="DKG670" s="613"/>
      <c r="DKH670" s="613"/>
      <c r="DKI670" s="613"/>
      <c r="DKJ670" s="613"/>
      <c r="DKK670" s="613"/>
      <c r="DKL670" s="613"/>
      <c r="DKM670" s="613"/>
      <c r="DKN670" s="613"/>
      <c r="DKO670" s="613"/>
      <c r="DKP670" s="613"/>
      <c r="DKQ670" s="613"/>
      <c r="DKR670" s="613"/>
      <c r="DKS670" s="613"/>
      <c r="DKT670" s="613"/>
      <c r="DKU670" s="613"/>
      <c r="DKV670" s="613"/>
      <c r="DKW670" s="613"/>
      <c r="DKX670" s="613"/>
      <c r="DKY670" s="613"/>
      <c r="DKZ670" s="613"/>
      <c r="DLA670" s="613"/>
      <c r="DLB670" s="613"/>
      <c r="DLC670" s="613"/>
      <c r="DLD670" s="613"/>
      <c r="DLE670" s="613"/>
      <c r="DLF670" s="613"/>
      <c r="DLG670" s="613"/>
      <c r="DLH670" s="613"/>
      <c r="DLI670" s="613"/>
      <c r="DLJ670" s="613"/>
      <c r="DLK670" s="613"/>
      <c r="DLL670" s="613"/>
      <c r="DLM670" s="613"/>
      <c r="DLN670" s="613"/>
      <c r="DLO670" s="613"/>
      <c r="DLP670" s="613"/>
      <c r="DLQ670" s="613"/>
      <c r="DLR670" s="613"/>
      <c r="DLS670" s="613"/>
      <c r="DLT670" s="613"/>
      <c r="DLU670" s="613"/>
      <c r="DLV670" s="613"/>
      <c r="DLW670" s="613"/>
      <c r="DLX670" s="613"/>
      <c r="DLY670" s="613"/>
      <c r="DLZ670" s="613"/>
      <c r="DMA670" s="613"/>
      <c r="DMB670" s="613"/>
      <c r="DMC670" s="613"/>
      <c r="DMD670" s="613"/>
      <c r="DME670" s="613"/>
      <c r="DMF670" s="613"/>
      <c r="DMG670" s="613"/>
      <c r="DMH670" s="613"/>
      <c r="DMI670" s="613"/>
      <c r="DMJ670" s="613"/>
      <c r="DMK670" s="613"/>
      <c r="DML670" s="613"/>
      <c r="DMM670" s="613"/>
      <c r="DMN670" s="613"/>
      <c r="DMO670" s="613"/>
      <c r="DMP670" s="613"/>
      <c r="DMQ670" s="613"/>
      <c r="DMR670" s="613"/>
      <c r="DMS670" s="613"/>
      <c r="DMT670" s="613"/>
      <c r="DMU670" s="613"/>
      <c r="DMV670" s="613"/>
      <c r="DMW670" s="613"/>
      <c r="DMX670" s="613"/>
      <c r="DMY670" s="613"/>
      <c r="DMZ670" s="613"/>
      <c r="DNA670" s="613"/>
      <c r="DNB670" s="613"/>
      <c r="DNC670" s="613"/>
      <c r="DND670" s="613"/>
      <c r="DNE670" s="613"/>
      <c r="DNF670" s="613"/>
      <c r="DNG670" s="613"/>
      <c r="DNH670" s="613"/>
      <c r="DNI670" s="613"/>
      <c r="DNJ670" s="613"/>
      <c r="DNK670" s="613"/>
      <c r="DNL670" s="613"/>
      <c r="DNM670" s="613"/>
      <c r="DNN670" s="613"/>
      <c r="DNO670" s="613"/>
      <c r="DNP670" s="613"/>
      <c r="DNQ670" s="613"/>
      <c r="DNR670" s="613"/>
      <c r="DNS670" s="613"/>
      <c r="DNT670" s="613"/>
      <c r="DNU670" s="613"/>
      <c r="DNV670" s="613"/>
      <c r="DNW670" s="613"/>
      <c r="DNX670" s="613"/>
      <c r="DNY670" s="613"/>
      <c r="DNZ670" s="613"/>
      <c r="DOA670" s="613"/>
      <c r="DOB670" s="613"/>
      <c r="DOC670" s="613"/>
      <c r="DOD670" s="613"/>
      <c r="DOE670" s="613"/>
      <c r="DOF670" s="613"/>
      <c r="DOG670" s="613"/>
      <c r="DOH670" s="613"/>
      <c r="DOI670" s="613"/>
      <c r="DOJ670" s="613"/>
      <c r="DOK670" s="613"/>
      <c r="DOL670" s="613"/>
      <c r="DOM670" s="613"/>
      <c r="DON670" s="613"/>
      <c r="DOO670" s="613"/>
      <c r="DOP670" s="613"/>
      <c r="DOQ670" s="613"/>
      <c r="DOR670" s="613"/>
      <c r="DOS670" s="613"/>
      <c r="DOT670" s="613"/>
      <c r="DOU670" s="613"/>
      <c r="DOV670" s="613"/>
      <c r="DOW670" s="613"/>
      <c r="DOX670" s="613"/>
      <c r="DOY670" s="613"/>
      <c r="DOZ670" s="613"/>
      <c r="DPA670" s="613"/>
      <c r="DPB670" s="613"/>
      <c r="DPC670" s="613"/>
      <c r="DPD670" s="613"/>
      <c r="DPE670" s="613"/>
      <c r="DPF670" s="613"/>
      <c r="DPG670" s="613"/>
      <c r="DPH670" s="613"/>
      <c r="DPI670" s="613"/>
      <c r="DPJ670" s="613"/>
      <c r="DPK670" s="613"/>
      <c r="DPL670" s="613"/>
      <c r="DPM670" s="613"/>
      <c r="DPN670" s="613"/>
      <c r="DPO670" s="613"/>
      <c r="DPP670" s="613"/>
      <c r="DPQ670" s="613"/>
      <c r="DPR670" s="613"/>
      <c r="DPS670" s="613"/>
      <c r="DPT670" s="613"/>
      <c r="DPU670" s="613"/>
      <c r="DPV670" s="613"/>
      <c r="DPW670" s="613"/>
      <c r="DPX670" s="613"/>
      <c r="DPY670" s="613"/>
      <c r="DPZ670" s="613"/>
      <c r="DQA670" s="613"/>
      <c r="DQB670" s="613"/>
      <c r="DQC670" s="613"/>
      <c r="DQD670" s="613"/>
      <c r="DQE670" s="613"/>
      <c r="DQF670" s="613"/>
      <c r="DQG670" s="613"/>
      <c r="DQH670" s="613"/>
      <c r="DQI670" s="613"/>
      <c r="DQJ670" s="613"/>
      <c r="DQK670" s="613"/>
      <c r="DQL670" s="613"/>
      <c r="DQM670" s="613"/>
      <c r="DQN670" s="613"/>
      <c r="DQO670" s="613"/>
      <c r="DQP670" s="613"/>
      <c r="DQQ670" s="613"/>
      <c r="DQR670" s="613"/>
      <c r="DQS670" s="613"/>
      <c r="DQT670" s="613"/>
      <c r="DQU670" s="613"/>
      <c r="DQV670" s="613"/>
      <c r="DQW670" s="613"/>
      <c r="DQX670" s="613"/>
      <c r="DQY670" s="613"/>
      <c r="DQZ670" s="613"/>
      <c r="DRA670" s="613"/>
      <c r="DRB670" s="613"/>
      <c r="DRC670" s="613"/>
      <c r="DRD670" s="613"/>
      <c r="DRE670" s="613"/>
      <c r="DRF670" s="613"/>
      <c r="DRG670" s="613"/>
      <c r="DRH670" s="613"/>
      <c r="DRI670" s="613"/>
      <c r="DRJ670" s="613"/>
      <c r="DRK670" s="613"/>
      <c r="DRL670" s="613"/>
      <c r="DRM670" s="613"/>
      <c r="DRN670" s="613"/>
      <c r="DRO670" s="613"/>
      <c r="DRP670" s="613"/>
      <c r="DRQ670" s="613"/>
      <c r="DRR670" s="613"/>
      <c r="DRS670" s="613"/>
      <c r="DRT670" s="613"/>
      <c r="DRU670" s="613"/>
      <c r="DRV670" s="613"/>
      <c r="DRW670" s="613"/>
      <c r="DRX670" s="613"/>
      <c r="DRY670" s="613"/>
      <c r="DRZ670" s="613"/>
      <c r="DSA670" s="613"/>
      <c r="DSB670" s="613"/>
      <c r="DSC670" s="613"/>
      <c r="DSD670" s="613"/>
      <c r="DSE670" s="613"/>
      <c r="DSF670" s="613"/>
      <c r="DSG670" s="613"/>
      <c r="DSH670" s="613"/>
      <c r="DSI670" s="613"/>
      <c r="DSJ670" s="613"/>
      <c r="DSK670" s="613"/>
      <c r="DSL670" s="613"/>
      <c r="DSM670" s="613"/>
      <c r="DSN670" s="613"/>
      <c r="DSO670" s="613"/>
      <c r="DSP670" s="613"/>
      <c r="DSQ670" s="613"/>
      <c r="DSR670" s="613"/>
      <c r="DSS670" s="613"/>
      <c r="DST670" s="613"/>
      <c r="DSU670" s="613"/>
      <c r="DSV670" s="613"/>
      <c r="DSW670" s="613"/>
      <c r="DSX670" s="613"/>
      <c r="DSY670" s="613"/>
      <c r="DSZ670" s="613"/>
      <c r="DTA670" s="613"/>
      <c r="DTB670" s="613"/>
      <c r="DTC670" s="613"/>
      <c r="DTD670" s="613"/>
      <c r="DTE670" s="613"/>
      <c r="DTF670" s="613"/>
      <c r="DTG670" s="613"/>
      <c r="DTH670" s="613"/>
      <c r="DTI670" s="613"/>
      <c r="DTJ670" s="613"/>
      <c r="DTK670" s="613"/>
      <c r="DTL670" s="613"/>
      <c r="DTM670" s="613"/>
      <c r="DTN670" s="613"/>
      <c r="DTO670" s="613"/>
      <c r="DTP670" s="613"/>
      <c r="DTQ670" s="613"/>
      <c r="DTR670" s="613"/>
      <c r="DTS670" s="613"/>
      <c r="DTT670" s="613"/>
      <c r="DTU670" s="613"/>
      <c r="DTV670" s="613"/>
      <c r="DTW670" s="613"/>
      <c r="DTX670" s="613"/>
      <c r="DTY670" s="613"/>
      <c r="DTZ670" s="613"/>
      <c r="DUA670" s="613"/>
      <c r="DUB670" s="613"/>
      <c r="DUC670" s="613"/>
      <c r="DUD670" s="613"/>
      <c r="DUE670" s="613"/>
      <c r="DUF670" s="613"/>
      <c r="DUG670" s="613"/>
      <c r="DUH670" s="613"/>
      <c r="DUI670" s="613"/>
      <c r="DUJ670" s="613"/>
      <c r="DUK670" s="613"/>
      <c r="DUL670" s="613"/>
      <c r="DUM670" s="613"/>
      <c r="DUN670" s="613"/>
      <c r="DUO670" s="613"/>
      <c r="DUP670" s="613"/>
      <c r="DUQ670" s="613"/>
      <c r="DUR670" s="613"/>
      <c r="DUS670" s="613"/>
      <c r="DUT670" s="613"/>
      <c r="DUU670" s="613"/>
      <c r="DUV670" s="613"/>
      <c r="DUW670" s="613"/>
      <c r="DUX670" s="613"/>
      <c r="DUY670" s="613"/>
      <c r="DUZ670" s="613"/>
      <c r="DVA670" s="613"/>
      <c r="DVB670" s="613"/>
      <c r="DVC670" s="613"/>
      <c r="DVD670" s="613"/>
      <c r="DVE670" s="613"/>
      <c r="DVF670" s="613"/>
      <c r="DVG670" s="613"/>
      <c r="DVH670" s="613"/>
      <c r="DVI670" s="613"/>
      <c r="DVJ670" s="613"/>
      <c r="DVK670" s="613"/>
      <c r="DVL670" s="613"/>
      <c r="DVM670" s="613"/>
      <c r="DVN670" s="613"/>
      <c r="DVO670" s="613"/>
      <c r="DVP670" s="613"/>
      <c r="DVQ670" s="613"/>
      <c r="DVR670" s="613"/>
      <c r="DVS670" s="613"/>
      <c r="DVT670" s="613"/>
      <c r="DVU670" s="613"/>
      <c r="DVV670" s="613"/>
      <c r="DVW670" s="613"/>
      <c r="DVX670" s="613"/>
      <c r="DVY670" s="613"/>
      <c r="DVZ670" s="613"/>
      <c r="DWA670" s="613"/>
      <c r="DWB670" s="613"/>
      <c r="DWC670" s="613"/>
      <c r="DWD670" s="613"/>
      <c r="DWE670" s="613"/>
      <c r="DWF670" s="613"/>
      <c r="DWG670" s="613"/>
      <c r="DWH670" s="613"/>
      <c r="DWI670" s="613"/>
      <c r="DWJ670" s="613"/>
      <c r="DWK670" s="613"/>
      <c r="DWL670" s="613"/>
      <c r="DWM670" s="613"/>
      <c r="DWN670" s="613"/>
      <c r="DWO670" s="613"/>
      <c r="DWP670" s="613"/>
      <c r="DWQ670" s="613"/>
      <c r="DWR670" s="613"/>
      <c r="DWS670" s="613"/>
      <c r="DWT670" s="613"/>
      <c r="DWU670" s="613"/>
      <c r="DWV670" s="613"/>
      <c r="DWW670" s="613"/>
      <c r="DWX670" s="613"/>
      <c r="DWY670" s="613"/>
      <c r="DWZ670" s="613"/>
      <c r="DXA670" s="613"/>
      <c r="DXB670" s="613"/>
      <c r="DXC670" s="613"/>
      <c r="DXD670" s="613"/>
      <c r="DXE670" s="613"/>
      <c r="DXF670" s="613"/>
      <c r="DXG670" s="613"/>
      <c r="DXH670" s="613"/>
      <c r="DXI670" s="613"/>
      <c r="DXJ670" s="613"/>
      <c r="DXK670" s="613"/>
      <c r="DXL670" s="613"/>
      <c r="DXM670" s="613"/>
      <c r="DXN670" s="613"/>
      <c r="DXO670" s="613"/>
      <c r="DXP670" s="613"/>
      <c r="DXQ670" s="613"/>
      <c r="DXR670" s="613"/>
      <c r="DXS670" s="613"/>
      <c r="DXT670" s="613"/>
      <c r="DXU670" s="613"/>
      <c r="DXV670" s="613"/>
      <c r="DXW670" s="613"/>
      <c r="DXX670" s="613"/>
      <c r="DXY670" s="613"/>
      <c r="DXZ670" s="613"/>
      <c r="DYA670" s="613"/>
      <c r="DYB670" s="613"/>
      <c r="DYC670" s="613"/>
      <c r="DYD670" s="613"/>
      <c r="DYE670" s="613"/>
      <c r="DYF670" s="613"/>
      <c r="DYG670" s="613"/>
      <c r="DYH670" s="613"/>
      <c r="DYI670" s="613"/>
      <c r="DYJ670" s="613"/>
      <c r="DYK670" s="613"/>
      <c r="DYL670" s="613"/>
      <c r="DYM670" s="613"/>
      <c r="DYN670" s="613"/>
      <c r="DYO670" s="613"/>
      <c r="DYP670" s="613"/>
      <c r="DYQ670" s="613"/>
      <c r="DYR670" s="613"/>
      <c r="DYS670" s="613"/>
      <c r="DYT670" s="613"/>
      <c r="DYU670" s="613"/>
      <c r="DYV670" s="613"/>
      <c r="DYW670" s="613"/>
      <c r="DYX670" s="613"/>
      <c r="DYY670" s="613"/>
      <c r="DYZ670" s="613"/>
      <c r="DZA670" s="613"/>
      <c r="DZB670" s="613"/>
      <c r="DZC670" s="613"/>
      <c r="DZD670" s="613"/>
      <c r="DZE670" s="613"/>
      <c r="DZF670" s="613"/>
      <c r="DZG670" s="613"/>
      <c r="DZH670" s="613"/>
      <c r="DZI670" s="613"/>
      <c r="DZJ670" s="613"/>
      <c r="DZK670" s="613"/>
      <c r="DZL670" s="613"/>
      <c r="DZM670" s="613"/>
      <c r="DZN670" s="613"/>
      <c r="DZO670" s="613"/>
      <c r="DZP670" s="613"/>
      <c r="DZQ670" s="613"/>
      <c r="DZR670" s="613"/>
      <c r="DZS670" s="613"/>
      <c r="DZT670" s="613"/>
      <c r="DZU670" s="613"/>
      <c r="DZV670" s="613"/>
      <c r="DZW670" s="613"/>
      <c r="DZX670" s="613"/>
      <c r="DZY670" s="613"/>
      <c r="DZZ670" s="613"/>
      <c r="EAA670" s="613"/>
      <c r="EAB670" s="613"/>
      <c r="EAC670" s="613"/>
      <c r="EAD670" s="613"/>
      <c r="EAE670" s="613"/>
      <c r="EAF670" s="613"/>
      <c r="EAG670" s="613"/>
      <c r="EAH670" s="613"/>
      <c r="EAI670" s="613"/>
      <c r="EAJ670" s="613"/>
      <c r="EAK670" s="613"/>
      <c r="EAL670" s="613"/>
      <c r="EAM670" s="613"/>
      <c r="EAN670" s="613"/>
      <c r="EAO670" s="613"/>
      <c r="EAP670" s="613"/>
      <c r="EAQ670" s="613"/>
      <c r="EAR670" s="613"/>
      <c r="EAS670" s="613"/>
      <c r="EAT670" s="613"/>
      <c r="EAU670" s="613"/>
      <c r="EAV670" s="613"/>
      <c r="EAW670" s="613"/>
      <c r="EAX670" s="613"/>
      <c r="EAY670" s="613"/>
      <c r="EAZ670" s="613"/>
      <c r="EBA670" s="613"/>
      <c r="EBB670" s="613"/>
      <c r="EBC670" s="613"/>
      <c r="EBD670" s="613"/>
      <c r="EBE670" s="613"/>
      <c r="EBF670" s="613"/>
      <c r="EBG670" s="613"/>
      <c r="EBH670" s="613"/>
      <c r="EBI670" s="613"/>
      <c r="EBJ670" s="613"/>
      <c r="EBK670" s="613"/>
      <c r="EBL670" s="613"/>
      <c r="EBM670" s="613"/>
      <c r="EBN670" s="613"/>
      <c r="EBO670" s="613"/>
      <c r="EBP670" s="613"/>
      <c r="EBQ670" s="613"/>
      <c r="EBR670" s="613"/>
      <c r="EBS670" s="613"/>
      <c r="EBT670" s="613"/>
      <c r="EBU670" s="613"/>
      <c r="EBV670" s="613"/>
      <c r="EBW670" s="613"/>
      <c r="EBX670" s="613"/>
      <c r="EBY670" s="613"/>
      <c r="EBZ670" s="613"/>
      <c r="ECA670" s="613"/>
      <c r="ECB670" s="613"/>
      <c r="ECC670" s="613"/>
      <c r="ECD670" s="613"/>
      <c r="ECE670" s="613"/>
      <c r="ECF670" s="613"/>
      <c r="ECG670" s="613"/>
      <c r="ECH670" s="613"/>
      <c r="ECI670" s="613"/>
      <c r="ECJ670" s="613"/>
      <c r="ECK670" s="613"/>
      <c r="ECL670" s="613"/>
      <c r="ECM670" s="613"/>
      <c r="ECN670" s="613"/>
      <c r="ECO670" s="613"/>
      <c r="ECP670" s="613"/>
      <c r="ECQ670" s="613"/>
      <c r="ECR670" s="613"/>
      <c r="ECS670" s="613"/>
      <c r="ECT670" s="613"/>
      <c r="ECU670" s="613"/>
      <c r="ECV670" s="613"/>
      <c r="ECW670" s="613"/>
      <c r="ECX670" s="613"/>
      <c r="ECY670" s="613"/>
      <c r="ECZ670" s="613"/>
      <c r="EDA670" s="613"/>
      <c r="EDB670" s="613"/>
      <c r="EDC670" s="613"/>
      <c r="EDD670" s="613"/>
      <c r="EDE670" s="613"/>
      <c r="EDF670" s="613"/>
      <c r="EDG670" s="613"/>
      <c r="EDH670" s="613"/>
      <c r="EDI670" s="613"/>
      <c r="EDJ670" s="613"/>
      <c r="EDK670" s="613"/>
      <c r="EDL670" s="613"/>
      <c r="EDM670" s="613"/>
      <c r="EDN670" s="613"/>
      <c r="EDO670" s="613"/>
      <c r="EDP670" s="613"/>
      <c r="EDQ670" s="613"/>
      <c r="EDR670" s="613"/>
      <c r="EDS670" s="613"/>
      <c r="EDT670" s="613"/>
      <c r="EDU670" s="613"/>
      <c r="EDV670" s="613"/>
      <c r="EDW670" s="613"/>
      <c r="EDX670" s="613"/>
      <c r="EDY670" s="613"/>
      <c r="EDZ670" s="613"/>
      <c r="EEA670" s="613"/>
      <c r="EEB670" s="613"/>
      <c r="EEC670" s="613"/>
      <c r="EED670" s="613"/>
      <c r="EEE670" s="613"/>
      <c r="EEF670" s="613"/>
      <c r="EEG670" s="613"/>
      <c r="EEH670" s="613"/>
      <c r="EEI670" s="613"/>
      <c r="EEJ670" s="613"/>
      <c r="EEK670" s="613"/>
      <c r="EEL670" s="613"/>
      <c r="EEM670" s="613"/>
      <c r="EEN670" s="613"/>
      <c r="EEO670" s="613"/>
      <c r="EEP670" s="613"/>
      <c r="EEQ670" s="613"/>
      <c r="EER670" s="613"/>
      <c r="EES670" s="613"/>
      <c r="EET670" s="613"/>
      <c r="EEU670" s="613"/>
      <c r="EEV670" s="613"/>
      <c r="EEW670" s="613"/>
      <c r="EEX670" s="613"/>
      <c r="EEY670" s="613"/>
      <c r="EEZ670" s="613"/>
      <c r="EFA670" s="613"/>
      <c r="EFB670" s="613"/>
      <c r="EFC670" s="613"/>
      <c r="EFD670" s="613"/>
      <c r="EFE670" s="613"/>
      <c r="EFF670" s="613"/>
      <c r="EFG670" s="613"/>
      <c r="EFH670" s="613"/>
      <c r="EFI670" s="613"/>
      <c r="EFJ670" s="613"/>
      <c r="EFK670" s="613"/>
      <c r="EFL670" s="613"/>
      <c r="EFM670" s="613"/>
      <c r="EFN670" s="613"/>
      <c r="EFO670" s="613"/>
      <c r="EFP670" s="613"/>
      <c r="EFQ670" s="613"/>
      <c r="EFR670" s="613"/>
      <c r="EFS670" s="613"/>
      <c r="EFT670" s="613"/>
      <c r="EFU670" s="613"/>
      <c r="EFV670" s="613"/>
      <c r="EFW670" s="613"/>
      <c r="EFX670" s="613"/>
      <c r="EFY670" s="613"/>
      <c r="EFZ670" s="613"/>
      <c r="EGA670" s="613"/>
      <c r="EGB670" s="613"/>
      <c r="EGC670" s="613"/>
      <c r="EGD670" s="613"/>
      <c r="EGE670" s="613"/>
      <c r="EGF670" s="613"/>
      <c r="EGG670" s="613"/>
      <c r="EGH670" s="613"/>
      <c r="EGI670" s="613"/>
      <c r="EGJ670" s="613"/>
      <c r="EGK670" s="613"/>
      <c r="EGL670" s="613"/>
      <c r="EGM670" s="613"/>
      <c r="EGN670" s="613"/>
      <c r="EGO670" s="613"/>
      <c r="EGP670" s="613"/>
      <c r="EGQ670" s="613"/>
      <c r="EGR670" s="613"/>
      <c r="EGS670" s="613"/>
      <c r="EGT670" s="613"/>
      <c r="EGU670" s="613"/>
      <c r="EGV670" s="613"/>
      <c r="EGW670" s="613"/>
      <c r="EGX670" s="613"/>
      <c r="EGY670" s="613"/>
      <c r="EGZ670" s="613"/>
      <c r="EHA670" s="613"/>
      <c r="EHB670" s="613"/>
      <c r="EHC670" s="613"/>
      <c r="EHD670" s="613"/>
      <c r="EHE670" s="613"/>
      <c r="EHF670" s="613"/>
      <c r="EHG670" s="613"/>
      <c r="EHH670" s="613"/>
      <c r="EHI670" s="613"/>
      <c r="EHJ670" s="613"/>
      <c r="EHK670" s="613"/>
      <c r="EHL670" s="613"/>
      <c r="EHM670" s="613"/>
      <c r="EHN670" s="613"/>
      <c r="EHO670" s="613"/>
      <c r="EHP670" s="613"/>
      <c r="EHQ670" s="613"/>
      <c r="EHR670" s="613"/>
      <c r="EHS670" s="613"/>
      <c r="EHT670" s="613"/>
      <c r="EHU670" s="613"/>
      <c r="EHV670" s="613"/>
      <c r="EHW670" s="613"/>
      <c r="EHX670" s="613"/>
      <c r="EHY670" s="613"/>
      <c r="EHZ670" s="613"/>
      <c r="EIA670" s="613"/>
      <c r="EIB670" s="613"/>
      <c r="EIC670" s="613"/>
      <c r="EID670" s="613"/>
      <c r="EIE670" s="613"/>
      <c r="EIF670" s="613"/>
      <c r="EIG670" s="613"/>
      <c r="EIH670" s="613"/>
      <c r="EII670" s="613"/>
      <c r="EIJ670" s="613"/>
      <c r="EIK670" s="613"/>
      <c r="EIL670" s="613"/>
      <c r="EIM670" s="613"/>
      <c r="EIN670" s="613"/>
      <c r="EIO670" s="613"/>
      <c r="EIP670" s="613"/>
      <c r="EIQ670" s="613"/>
      <c r="EIR670" s="613"/>
      <c r="EIS670" s="613"/>
      <c r="EIT670" s="613"/>
      <c r="EIU670" s="613"/>
      <c r="EIV670" s="613"/>
      <c r="EIW670" s="613"/>
      <c r="EIX670" s="613"/>
      <c r="EIY670" s="613"/>
      <c r="EIZ670" s="613"/>
      <c r="EJA670" s="613"/>
      <c r="EJB670" s="613"/>
      <c r="EJC670" s="613"/>
      <c r="EJD670" s="613"/>
      <c r="EJE670" s="613"/>
      <c r="EJF670" s="613"/>
      <c r="EJG670" s="613"/>
      <c r="EJH670" s="613"/>
      <c r="EJI670" s="613"/>
      <c r="EJJ670" s="613"/>
      <c r="EJK670" s="613"/>
      <c r="EJL670" s="613"/>
      <c r="EJM670" s="613"/>
      <c r="EJN670" s="613"/>
      <c r="EJO670" s="613"/>
      <c r="EJP670" s="613"/>
      <c r="EJQ670" s="613"/>
      <c r="EJR670" s="613"/>
      <c r="EJS670" s="613"/>
      <c r="EJT670" s="613"/>
      <c r="EJU670" s="613"/>
      <c r="EJV670" s="613"/>
      <c r="EJW670" s="613"/>
      <c r="EJX670" s="613"/>
      <c r="EJY670" s="613"/>
      <c r="EJZ670" s="613"/>
      <c r="EKA670" s="613"/>
      <c r="EKB670" s="613"/>
      <c r="EKC670" s="613"/>
      <c r="EKD670" s="613"/>
      <c r="EKE670" s="613"/>
      <c r="EKF670" s="613"/>
      <c r="EKG670" s="613"/>
      <c r="EKH670" s="613"/>
      <c r="EKI670" s="613"/>
      <c r="EKJ670" s="613"/>
      <c r="EKK670" s="613"/>
      <c r="EKL670" s="613"/>
      <c r="EKM670" s="613"/>
      <c r="EKN670" s="613"/>
      <c r="EKO670" s="613"/>
      <c r="EKP670" s="613"/>
      <c r="EKQ670" s="613"/>
      <c r="EKR670" s="613"/>
      <c r="EKS670" s="613"/>
      <c r="EKT670" s="613"/>
      <c r="EKU670" s="613"/>
      <c r="EKV670" s="613"/>
      <c r="EKW670" s="613"/>
      <c r="EKX670" s="613"/>
      <c r="EKY670" s="613"/>
      <c r="EKZ670" s="613"/>
      <c r="ELA670" s="613"/>
      <c r="ELB670" s="613"/>
      <c r="ELC670" s="613"/>
      <c r="ELD670" s="613"/>
      <c r="ELE670" s="613"/>
      <c r="ELF670" s="613"/>
      <c r="ELG670" s="613"/>
      <c r="ELH670" s="613"/>
      <c r="ELI670" s="613"/>
      <c r="ELJ670" s="613"/>
      <c r="ELK670" s="613"/>
      <c r="ELL670" s="613"/>
      <c r="ELM670" s="613"/>
      <c r="ELN670" s="613"/>
      <c r="ELO670" s="613"/>
      <c r="ELP670" s="613"/>
      <c r="ELQ670" s="613"/>
      <c r="ELR670" s="613"/>
      <c r="ELS670" s="613"/>
      <c r="ELT670" s="613"/>
      <c r="ELU670" s="613"/>
      <c r="ELV670" s="613"/>
      <c r="ELW670" s="613"/>
      <c r="ELX670" s="613"/>
      <c r="ELY670" s="613"/>
      <c r="ELZ670" s="613"/>
      <c r="EMA670" s="613"/>
      <c r="EMB670" s="613"/>
      <c r="EMC670" s="613"/>
      <c r="EMD670" s="613"/>
      <c r="EME670" s="613"/>
      <c r="EMF670" s="613"/>
      <c r="EMG670" s="613"/>
      <c r="EMH670" s="613"/>
      <c r="EMI670" s="613"/>
      <c r="EMJ670" s="613"/>
      <c r="EMK670" s="613"/>
      <c r="EML670" s="613"/>
      <c r="EMM670" s="613"/>
      <c r="EMN670" s="613"/>
      <c r="EMO670" s="613"/>
      <c r="EMP670" s="613"/>
      <c r="EMQ670" s="613"/>
      <c r="EMR670" s="613"/>
      <c r="EMS670" s="613"/>
      <c r="EMT670" s="613"/>
      <c r="EMU670" s="613"/>
      <c r="EMV670" s="613"/>
      <c r="EMW670" s="613"/>
      <c r="EMX670" s="613"/>
      <c r="EMY670" s="613"/>
      <c r="EMZ670" s="613"/>
      <c r="ENA670" s="613"/>
      <c r="ENB670" s="613"/>
      <c r="ENC670" s="613"/>
      <c r="END670" s="613"/>
      <c r="ENE670" s="613"/>
      <c r="ENF670" s="613"/>
      <c r="ENG670" s="613"/>
      <c r="ENH670" s="613"/>
      <c r="ENI670" s="613"/>
      <c r="ENJ670" s="613"/>
      <c r="ENK670" s="613"/>
      <c r="ENL670" s="613"/>
      <c r="ENM670" s="613"/>
      <c r="ENN670" s="613"/>
      <c r="ENO670" s="613"/>
      <c r="ENP670" s="613"/>
      <c r="ENQ670" s="613"/>
      <c r="ENR670" s="613"/>
      <c r="ENS670" s="613"/>
      <c r="ENT670" s="613"/>
      <c r="ENU670" s="613"/>
      <c r="ENV670" s="613"/>
      <c r="ENW670" s="613"/>
      <c r="ENX670" s="613"/>
      <c r="ENY670" s="613"/>
      <c r="ENZ670" s="613"/>
      <c r="EOA670" s="613"/>
      <c r="EOB670" s="613"/>
      <c r="EOC670" s="613"/>
      <c r="EOD670" s="613"/>
      <c r="EOE670" s="613"/>
      <c r="EOF670" s="613"/>
      <c r="EOG670" s="613"/>
      <c r="EOH670" s="613"/>
      <c r="EOI670" s="613"/>
      <c r="EOJ670" s="613"/>
      <c r="EOK670" s="613"/>
      <c r="EOL670" s="613"/>
      <c r="EOM670" s="613"/>
      <c r="EON670" s="613"/>
      <c r="EOO670" s="613"/>
      <c r="EOP670" s="613"/>
      <c r="EOQ670" s="613"/>
      <c r="EOR670" s="613"/>
      <c r="EOS670" s="613"/>
      <c r="EOT670" s="613"/>
      <c r="EOU670" s="613"/>
      <c r="EOV670" s="613"/>
      <c r="EOW670" s="613"/>
      <c r="EOX670" s="613"/>
      <c r="EOY670" s="613"/>
      <c r="EOZ670" s="613"/>
      <c r="EPA670" s="613"/>
      <c r="EPB670" s="613"/>
      <c r="EPC670" s="613"/>
      <c r="EPD670" s="613"/>
      <c r="EPE670" s="613"/>
      <c r="EPF670" s="613"/>
      <c r="EPG670" s="613"/>
      <c r="EPH670" s="613"/>
      <c r="EPI670" s="613"/>
      <c r="EPJ670" s="613"/>
      <c r="EPK670" s="613"/>
      <c r="EPL670" s="613"/>
      <c r="EPM670" s="613"/>
      <c r="EPN670" s="613"/>
      <c r="EPO670" s="613"/>
      <c r="EPP670" s="613"/>
      <c r="EPQ670" s="613"/>
      <c r="EPR670" s="613"/>
      <c r="EPS670" s="613"/>
      <c r="EPT670" s="613"/>
      <c r="EPU670" s="613"/>
      <c r="EPV670" s="613"/>
      <c r="EPW670" s="613"/>
      <c r="EPX670" s="613"/>
      <c r="EPY670" s="613"/>
      <c r="EPZ670" s="613"/>
      <c r="EQA670" s="613"/>
      <c r="EQB670" s="613"/>
      <c r="EQC670" s="613"/>
      <c r="EQD670" s="613"/>
      <c r="EQE670" s="613"/>
      <c r="EQF670" s="613"/>
      <c r="EQG670" s="613"/>
      <c r="EQH670" s="613"/>
      <c r="EQI670" s="613"/>
      <c r="EQJ670" s="613"/>
      <c r="EQK670" s="613"/>
      <c r="EQL670" s="613"/>
      <c r="EQM670" s="613"/>
      <c r="EQN670" s="613"/>
      <c r="EQO670" s="613"/>
      <c r="EQP670" s="613"/>
      <c r="EQQ670" s="613"/>
      <c r="EQR670" s="613"/>
      <c r="EQS670" s="613"/>
      <c r="EQT670" s="613"/>
      <c r="EQU670" s="613"/>
      <c r="EQV670" s="613"/>
      <c r="EQW670" s="613"/>
      <c r="EQX670" s="613"/>
      <c r="EQY670" s="613"/>
      <c r="EQZ670" s="613"/>
      <c r="ERA670" s="613"/>
      <c r="ERB670" s="613"/>
      <c r="ERC670" s="613"/>
      <c r="ERD670" s="613"/>
      <c r="ERE670" s="613"/>
      <c r="ERF670" s="613"/>
      <c r="ERG670" s="613"/>
      <c r="ERH670" s="613"/>
      <c r="ERI670" s="613"/>
      <c r="ERJ670" s="613"/>
      <c r="ERK670" s="613"/>
      <c r="ERL670" s="613"/>
      <c r="ERM670" s="613"/>
      <c r="ERN670" s="613"/>
      <c r="ERO670" s="613"/>
      <c r="ERP670" s="613"/>
      <c r="ERQ670" s="613"/>
      <c r="ERR670" s="613"/>
      <c r="ERS670" s="613"/>
      <c r="ERT670" s="613"/>
      <c r="ERU670" s="613"/>
      <c r="ERV670" s="613"/>
      <c r="ERW670" s="613"/>
      <c r="ERX670" s="613"/>
      <c r="ERY670" s="613"/>
      <c r="ERZ670" s="613"/>
      <c r="ESA670" s="613"/>
      <c r="ESB670" s="613"/>
      <c r="ESC670" s="613"/>
      <c r="ESD670" s="613"/>
      <c r="ESE670" s="613"/>
      <c r="ESF670" s="613"/>
      <c r="ESG670" s="613"/>
      <c r="ESH670" s="613"/>
      <c r="ESI670" s="613"/>
      <c r="ESJ670" s="613"/>
      <c r="ESK670" s="613"/>
      <c r="ESL670" s="613"/>
      <c r="ESM670" s="613"/>
      <c r="ESN670" s="613"/>
      <c r="ESO670" s="613"/>
      <c r="ESP670" s="613"/>
      <c r="ESQ670" s="613"/>
      <c r="ESR670" s="613"/>
      <c r="ESS670" s="613"/>
      <c r="EST670" s="613"/>
      <c r="ESU670" s="613"/>
      <c r="ESV670" s="613"/>
      <c r="ESW670" s="613"/>
      <c r="ESX670" s="613"/>
      <c r="ESY670" s="613"/>
      <c r="ESZ670" s="613"/>
      <c r="ETA670" s="613"/>
      <c r="ETB670" s="613"/>
      <c r="ETC670" s="613"/>
      <c r="ETD670" s="613"/>
      <c r="ETE670" s="613"/>
      <c r="ETF670" s="613"/>
      <c r="ETG670" s="613"/>
      <c r="ETH670" s="613"/>
      <c r="ETI670" s="613"/>
      <c r="ETJ670" s="613"/>
      <c r="ETK670" s="613"/>
      <c r="ETL670" s="613"/>
      <c r="ETM670" s="613"/>
      <c r="ETN670" s="613"/>
      <c r="ETO670" s="613"/>
      <c r="ETP670" s="613"/>
      <c r="ETQ670" s="613"/>
      <c r="ETR670" s="613"/>
      <c r="ETS670" s="613"/>
      <c r="ETT670" s="613"/>
      <c r="ETU670" s="613"/>
      <c r="ETV670" s="613"/>
      <c r="ETW670" s="613"/>
      <c r="ETX670" s="613"/>
      <c r="ETY670" s="613"/>
      <c r="ETZ670" s="613"/>
      <c r="EUA670" s="613"/>
      <c r="EUB670" s="613"/>
      <c r="EUC670" s="613"/>
      <c r="EUD670" s="613"/>
      <c r="EUE670" s="613"/>
      <c r="EUF670" s="613"/>
      <c r="EUG670" s="613"/>
      <c r="EUH670" s="613"/>
      <c r="EUI670" s="613"/>
      <c r="EUJ670" s="613"/>
      <c r="EUK670" s="613"/>
      <c r="EUL670" s="613"/>
      <c r="EUM670" s="613"/>
      <c r="EUN670" s="613"/>
      <c r="EUO670" s="613"/>
      <c r="EUP670" s="613"/>
      <c r="EUQ670" s="613"/>
      <c r="EUR670" s="613"/>
      <c r="EUS670" s="613"/>
      <c r="EUT670" s="613"/>
      <c r="EUU670" s="613"/>
      <c r="EUV670" s="613"/>
      <c r="EUW670" s="613"/>
      <c r="EUX670" s="613"/>
      <c r="EUY670" s="613"/>
      <c r="EUZ670" s="613"/>
      <c r="EVA670" s="613"/>
      <c r="EVB670" s="613"/>
      <c r="EVC670" s="613"/>
      <c r="EVD670" s="613"/>
      <c r="EVE670" s="613"/>
      <c r="EVF670" s="613"/>
      <c r="EVG670" s="613"/>
      <c r="EVH670" s="613"/>
      <c r="EVI670" s="613"/>
      <c r="EVJ670" s="613"/>
      <c r="EVK670" s="613"/>
      <c r="EVL670" s="613"/>
      <c r="EVM670" s="613"/>
      <c r="EVN670" s="613"/>
      <c r="EVO670" s="613"/>
      <c r="EVP670" s="613"/>
      <c r="EVQ670" s="613"/>
      <c r="EVR670" s="613"/>
      <c r="EVS670" s="613"/>
      <c r="EVT670" s="613"/>
      <c r="EVU670" s="613"/>
      <c r="EVV670" s="613"/>
      <c r="EVW670" s="613"/>
      <c r="EVX670" s="613"/>
      <c r="EVY670" s="613"/>
      <c r="EVZ670" s="613"/>
      <c r="EWA670" s="613"/>
      <c r="EWB670" s="613"/>
      <c r="EWC670" s="613"/>
      <c r="EWD670" s="613"/>
      <c r="EWE670" s="613"/>
      <c r="EWF670" s="613"/>
      <c r="EWG670" s="613"/>
      <c r="EWH670" s="613"/>
      <c r="EWI670" s="613"/>
      <c r="EWJ670" s="613"/>
      <c r="EWK670" s="613"/>
      <c r="EWL670" s="613"/>
      <c r="EWM670" s="613"/>
      <c r="EWN670" s="613"/>
      <c r="EWO670" s="613"/>
      <c r="EWP670" s="613"/>
      <c r="EWQ670" s="613"/>
      <c r="EWR670" s="613"/>
      <c r="EWS670" s="613"/>
      <c r="EWT670" s="613"/>
      <c r="EWU670" s="613"/>
      <c r="EWV670" s="613"/>
      <c r="EWW670" s="613"/>
      <c r="EWX670" s="613"/>
      <c r="EWY670" s="613"/>
      <c r="EWZ670" s="613"/>
      <c r="EXA670" s="613"/>
      <c r="EXB670" s="613"/>
      <c r="EXC670" s="613"/>
      <c r="EXD670" s="613"/>
      <c r="EXE670" s="613"/>
      <c r="EXF670" s="613"/>
      <c r="EXG670" s="613"/>
      <c r="EXH670" s="613"/>
      <c r="EXI670" s="613"/>
      <c r="EXJ670" s="613"/>
      <c r="EXK670" s="613"/>
      <c r="EXL670" s="613"/>
      <c r="EXM670" s="613"/>
      <c r="EXN670" s="613"/>
      <c r="EXO670" s="613"/>
      <c r="EXP670" s="613"/>
      <c r="EXQ670" s="613"/>
      <c r="EXR670" s="613"/>
      <c r="EXS670" s="613"/>
      <c r="EXT670" s="613"/>
      <c r="EXU670" s="613"/>
      <c r="EXV670" s="613"/>
      <c r="EXW670" s="613"/>
      <c r="EXX670" s="613"/>
      <c r="EXY670" s="613"/>
      <c r="EXZ670" s="613"/>
      <c r="EYA670" s="613"/>
      <c r="EYB670" s="613"/>
      <c r="EYC670" s="613"/>
      <c r="EYD670" s="613"/>
      <c r="EYE670" s="613"/>
      <c r="EYF670" s="613"/>
      <c r="EYG670" s="613"/>
      <c r="EYH670" s="613"/>
      <c r="EYI670" s="613"/>
      <c r="EYJ670" s="613"/>
      <c r="EYK670" s="613"/>
      <c r="EYL670" s="613"/>
      <c r="EYM670" s="613"/>
      <c r="EYN670" s="613"/>
      <c r="EYO670" s="613"/>
      <c r="EYP670" s="613"/>
      <c r="EYQ670" s="613"/>
      <c r="EYR670" s="613"/>
      <c r="EYS670" s="613"/>
      <c r="EYT670" s="613"/>
      <c r="EYU670" s="613"/>
      <c r="EYV670" s="613"/>
      <c r="EYW670" s="613"/>
      <c r="EYX670" s="613"/>
      <c r="EYY670" s="613"/>
      <c r="EYZ670" s="613"/>
      <c r="EZA670" s="613"/>
      <c r="EZB670" s="613"/>
      <c r="EZC670" s="613"/>
      <c r="EZD670" s="613"/>
      <c r="EZE670" s="613"/>
      <c r="EZF670" s="613"/>
      <c r="EZG670" s="613"/>
      <c r="EZH670" s="613"/>
      <c r="EZI670" s="613"/>
      <c r="EZJ670" s="613"/>
      <c r="EZK670" s="613"/>
      <c r="EZL670" s="613"/>
      <c r="EZM670" s="613"/>
      <c r="EZN670" s="613"/>
      <c r="EZO670" s="613"/>
      <c r="EZP670" s="613"/>
      <c r="EZQ670" s="613"/>
      <c r="EZR670" s="613"/>
      <c r="EZS670" s="613"/>
      <c r="EZT670" s="613"/>
      <c r="EZU670" s="613"/>
      <c r="EZV670" s="613"/>
      <c r="EZW670" s="613"/>
      <c r="EZX670" s="613"/>
      <c r="EZY670" s="613"/>
      <c r="EZZ670" s="613"/>
      <c r="FAA670" s="613"/>
      <c r="FAB670" s="613"/>
      <c r="FAC670" s="613"/>
      <c r="FAD670" s="613"/>
      <c r="FAE670" s="613"/>
      <c r="FAF670" s="613"/>
      <c r="FAG670" s="613"/>
      <c r="FAH670" s="613"/>
      <c r="FAI670" s="613"/>
      <c r="FAJ670" s="613"/>
      <c r="FAK670" s="613"/>
      <c r="FAL670" s="613"/>
      <c r="FAM670" s="613"/>
      <c r="FAN670" s="613"/>
      <c r="FAO670" s="613"/>
      <c r="FAP670" s="613"/>
      <c r="FAQ670" s="613"/>
      <c r="FAR670" s="613"/>
      <c r="FAS670" s="613"/>
      <c r="FAT670" s="613"/>
      <c r="FAU670" s="613"/>
      <c r="FAV670" s="613"/>
      <c r="FAW670" s="613"/>
      <c r="FAX670" s="613"/>
      <c r="FAY670" s="613"/>
      <c r="FAZ670" s="613"/>
      <c r="FBA670" s="613"/>
      <c r="FBB670" s="613"/>
      <c r="FBC670" s="613"/>
      <c r="FBD670" s="613"/>
      <c r="FBE670" s="613"/>
      <c r="FBF670" s="613"/>
      <c r="FBG670" s="613"/>
      <c r="FBH670" s="613"/>
      <c r="FBI670" s="613"/>
      <c r="FBJ670" s="613"/>
      <c r="FBK670" s="613"/>
      <c r="FBL670" s="613"/>
      <c r="FBM670" s="613"/>
      <c r="FBN670" s="613"/>
      <c r="FBO670" s="613"/>
      <c r="FBP670" s="613"/>
      <c r="FBQ670" s="613"/>
      <c r="FBR670" s="613"/>
      <c r="FBS670" s="613"/>
      <c r="FBT670" s="613"/>
      <c r="FBU670" s="613"/>
      <c r="FBV670" s="613"/>
      <c r="FBW670" s="613"/>
      <c r="FBX670" s="613"/>
      <c r="FBY670" s="613"/>
      <c r="FBZ670" s="613"/>
      <c r="FCA670" s="613"/>
      <c r="FCB670" s="613"/>
      <c r="FCC670" s="613"/>
      <c r="FCD670" s="613"/>
      <c r="FCE670" s="613"/>
      <c r="FCF670" s="613"/>
      <c r="FCG670" s="613"/>
      <c r="FCH670" s="613"/>
      <c r="FCI670" s="613"/>
      <c r="FCJ670" s="613"/>
      <c r="FCK670" s="613"/>
      <c r="FCL670" s="613"/>
      <c r="FCM670" s="613"/>
      <c r="FCN670" s="613"/>
      <c r="FCO670" s="613"/>
      <c r="FCP670" s="613"/>
      <c r="FCQ670" s="613"/>
      <c r="FCR670" s="613"/>
      <c r="FCS670" s="613"/>
      <c r="FCT670" s="613"/>
      <c r="FCU670" s="613"/>
      <c r="FCV670" s="613"/>
      <c r="FCW670" s="613"/>
      <c r="FCX670" s="613"/>
      <c r="FCY670" s="613"/>
      <c r="FCZ670" s="613"/>
      <c r="FDA670" s="613"/>
      <c r="FDB670" s="613"/>
      <c r="FDC670" s="613"/>
      <c r="FDD670" s="613"/>
      <c r="FDE670" s="613"/>
      <c r="FDF670" s="613"/>
      <c r="FDG670" s="613"/>
      <c r="FDH670" s="613"/>
      <c r="FDI670" s="613"/>
      <c r="FDJ670" s="613"/>
      <c r="FDK670" s="613"/>
      <c r="FDL670" s="613"/>
      <c r="FDM670" s="613"/>
      <c r="FDN670" s="613"/>
      <c r="FDO670" s="613"/>
      <c r="FDP670" s="613"/>
      <c r="FDQ670" s="613"/>
      <c r="FDR670" s="613"/>
      <c r="FDS670" s="613"/>
      <c r="FDT670" s="613"/>
      <c r="FDU670" s="613"/>
      <c r="FDV670" s="613"/>
      <c r="FDW670" s="613"/>
      <c r="FDX670" s="613"/>
      <c r="FDY670" s="613"/>
      <c r="FDZ670" s="613"/>
      <c r="FEA670" s="613"/>
      <c r="FEB670" s="613"/>
      <c r="FEC670" s="613"/>
      <c r="FED670" s="613"/>
      <c r="FEE670" s="613"/>
      <c r="FEF670" s="613"/>
      <c r="FEG670" s="613"/>
      <c r="FEH670" s="613"/>
      <c r="FEI670" s="613"/>
      <c r="FEJ670" s="613"/>
      <c r="FEK670" s="613"/>
      <c r="FEL670" s="613"/>
      <c r="FEM670" s="613"/>
      <c r="FEN670" s="613"/>
      <c r="FEO670" s="613"/>
      <c r="FEP670" s="613"/>
      <c r="FEQ670" s="613"/>
      <c r="FER670" s="613"/>
      <c r="FES670" s="613"/>
      <c r="FET670" s="613"/>
      <c r="FEU670" s="613"/>
      <c r="FEV670" s="613"/>
      <c r="FEW670" s="613"/>
      <c r="FEX670" s="613"/>
      <c r="FEY670" s="613"/>
      <c r="FEZ670" s="613"/>
      <c r="FFA670" s="613"/>
      <c r="FFB670" s="613"/>
      <c r="FFC670" s="613"/>
      <c r="FFD670" s="613"/>
      <c r="FFE670" s="613"/>
      <c r="FFF670" s="613"/>
      <c r="FFG670" s="613"/>
      <c r="FFH670" s="613"/>
      <c r="FFI670" s="613"/>
      <c r="FFJ670" s="613"/>
      <c r="FFK670" s="613"/>
      <c r="FFL670" s="613"/>
      <c r="FFM670" s="613"/>
      <c r="FFN670" s="613"/>
      <c r="FFO670" s="613"/>
      <c r="FFP670" s="613"/>
      <c r="FFQ670" s="613"/>
      <c r="FFR670" s="613"/>
      <c r="FFS670" s="613"/>
      <c r="FFT670" s="613"/>
      <c r="FFU670" s="613"/>
      <c r="FFV670" s="613"/>
      <c r="FFW670" s="613"/>
      <c r="FFX670" s="613"/>
      <c r="FFY670" s="613"/>
      <c r="FFZ670" s="613"/>
      <c r="FGA670" s="613"/>
      <c r="FGB670" s="613"/>
      <c r="FGC670" s="613"/>
      <c r="FGD670" s="613"/>
      <c r="FGE670" s="613"/>
      <c r="FGF670" s="613"/>
      <c r="FGG670" s="613"/>
      <c r="FGH670" s="613"/>
      <c r="FGI670" s="613"/>
      <c r="FGJ670" s="613"/>
      <c r="FGK670" s="613"/>
      <c r="FGL670" s="613"/>
      <c r="FGM670" s="613"/>
      <c r="FGN670" s="613"/>
      <c r="FGO670" s="613"/>
      <c r="FGP670" s="613"/>
      <c r="FGQ670" s="613"/>
      <c r="FGR670" s="613"/>
      <c r="FGS670" s="613"/>
      <c r="FGT670" s="613"/>
      <c r="FGU670" s="613"/>
      <c r="FGV670" s="613"/>
      <c r="FGW670" s="613"/>
      <c r="FGX670" s="613"/>
      <c r="FGY670" s="613"/>
      <c r="FGZ670" s="613"/>
      <c r="FHA670" s="613"/>
      <c r="FHB670" s="613"/>
      <c r="FHC670" s="613"/>
      <c r="FHD670" s="613"/>
      <c r="FHE670" s="613"/>
      <c r="FHF670" s="613"/>
      <c r="FHG670" s="613"/>
      <c r="FHH670" s="613"/>
      <c r="FHI670" s="613"/>
      <c r="FHJ670" s="613"/>
      <c r="FHK670" s="613"/>
      <c r="FHL670" s="613"/>
      <c r="FHM670" s="613"/>
      <c r="FHN670" s="613"/>
      <c r="FHO670" s="613"/>
      <c r="FHP670" s="613"/>
      <c r="FHQ670" s="613"/>
      <c r="FHR670" s="613"/>
      <c r="FHS670" s="613"/>
      <c r="FHT670" s="613"/>
      <c r="FHU670" s="613"/>
      <c r="FHV670" s="613"/>
      <c r="FHW670" s="613"/>
      <c r="FHX670" s="613"/>
      <c r="FHY670" s="613"/>
      <c r="FHZ670" s="613"/>
      <c r="FIA670" s="613"/>
      <c r="FIB670" s="613"/>
      <c r="FIC670" s="613"/>
      <c r="FID670" s="613"/>
      <c r="FIE670" s="613"/>
      <c r="FIF670" s="613"/>
      <c r="FIG670" s="613"/>
      <c r="FIH670" s="613"/>
      <c r="FII670" s="613"/>
      <c r="FIJ670" s="613"/>
      <c r="FIK670" s="613"/>
      <c r="FIL670" s="613"/>
      <c r="FIM670" s="613"/>
      <c r="FIN670" s="613"/>
      <c r="FIO670" s="613"/>
      <c r="FIP670" s="613"/>
      <c r="FIQ670" s="613"/>
      <c r="FIR670" s="613"/>
      <c r="FIS670" s="613"/>
      <c r="FIT670" s="613"/>
      <c r="FIU670" s="613"/>
      <c r="FIV670" s="613"/>
      <c r="FIW670" s="613"/>
      <c r="FIX670" s="613"/>
      <c r="FIY670" s="613"/>
      <c r="FIZ670" s="613"/>
      <c r="FJA670" s="613"/>
      <c r="FJB670" s="613"/>
      <c r="FJC670" s="613"/>
      <c r="FJD670" s="613"/>
      <c r="FJE670" s="613"/>
      <c r="FJF670" s="613"/>
      <c r="FJG670" s="613"/>
      <c r="FJH670" s="613"/>
      <c r="FJI670" s="613"/>
      <c r="FJJ670" s="613"/>
      <c r="FJK670" s="613"/>
      <c r="FJL670" s="613"/>
      <c r="FJM670" s="613"/>
      <c r="FJN670" s="613"/>
      <c r="FJO670" s="613"/>
      <c r="FJP670" s="613"/>
      <c r="FJQ670" s="613"/>
      <c r="FJR670" s="613"/>
      <c r="FJS670" s="613"/>
      <c r="FJT670" s="613"/>
      <c r="FJU670" s="613"/>
      <c r="FJV670" s="613"/>
      <c r="FJW670" s="613"/>
      <c r="FJX670" s="613"/>
      <c r="FJY670" s="613"/>
      <c r="FJZ670" s="613"/>
      <c r="FKA670" s="613"/>
      <c r="FKB670" s="613"/>
      <c r="FKC670" s="613"/>
      <c r="FKD670" s="613"/>
      <c r="FKE670" s="613"/>
      <c r="FKF670" s="613"/>
      <c r="FKG670" s="613"/>
      <c r="FKH670" s="613"/>
      <c r="FKI670" s="613"/>
      <c r="FKJ670" s="613"/>
      <c r="FKK670" s="613"/>
      <c r="FKL670" s="613"/>
      <c r="FKM670" s="613"/>
      <c r="FKN670" s="613"/>
      <c r="FKO670" s="613"/>
      <c r="FKP670" s="613"/>
      <c r="FKQ670" s="613"/>
      <c r="FKR670" s="613"/>
      <c r="FKS670" s="613"/>
      <c r="FKT670" s="613"/>
      <c r="FKU670" s="613"/>
      <c r="FKV670" s="613"/>
      <c r="FKW670" s="613"/>
      <c r="FKX670" s="613"/>
      <c r="FKY670" s="613"/>
      <c r="FKZ670" s="613"/>
      <c r="FLA670" s="613"/>
      <c r="FLB670" s="613"/>
      <c r="FLC670" s="613"/>
      <c r="FLD670" s="613"/>
      <c r="FLE670" s="613"/>
      <c r="FLF670" s="613"/>
      <c r="FLG670" s="613"/>
      <c r="FLH670" s="613"/>
      <c r="FLI670" s="613"/>
      <c r="FLJ670" s="613"/>
      <c r="FLK670" s="613"/>
      <c r="FLL670" s="613"/>
      <c r="FLM670" s="613"/>
      <c r="FLN670" s="613"/>
      <c r="FLO670" s="613"/>
      <c r="FLP670" s="613"/>
      <c r="FLQ670" s="613"/>
      <c r="FLR670" s="613"/>
      <c r="FLS670" s="613"/>
      <c r="FLT670" s="613"/>
      <c r="FLU670" s="613"/>
      <c r="FLV670" s="613"/>
      <c r="FLW670" s="613"/>
      <c r="FLX670" s="613"/>
      <c r="FLY670" s="613"/>
      <c r="FLZ670" s="613"/>
      <c r="FMA670" s="613"/>
      <c r="FMB670" s="613"/>
      <c r="FMC670" s="613"/>
      <c r="FMD670" s="613"/>
      <c r="FME670" s="613"/>
      <c r="FMF670" s="613"/>
      <c r="FMG670" s="613"/>
      <c r="FMH670" s="613"/>
      <c r="FMI670" s="613"/>
      <c r="FMJ670" s="613"/>
      <c r="FMK670" s="613"/>
      <c r="FML670" s="613"/>
      <c r="FMM670" s="613"/>
      <c r="FMN670" s="613"/>
      <c r="FMO670" s="613"/>
      <c r="FMP670" s="613"/>
      <c r="FMQ670" s="613"/>
      <c r="FMR670" s="613"/>
      <c r="FMS670" s="613"/>
      <c r="FMT670" s="613"/>
      <c r="FMU670" s="613"/>
      <c r="FMV670" s="613"/>
      <c r="FMW670" s="613"/>
      <c r="FMX670" s="613"/>
      <c r="FMY670" s="613"/>
      <c r="FMZ670" s="613"/>
      <c r="FNA670" s="613"/>
      <c r="FNB670" s="613"/>
      <c r="FNC670" s="613"/>
      <c r="FND670" s="613"/>
      <c r="FNE670" s="613"/>
      <c r="FNF670" s="613"/>
      <c r="FNG670" s="613"/>
      <c r="FNH670" s="613"/>
      <c r="FNI670" s="613"/>
      <c r="FNJ670" s="613"/>
      <c r="FNK670" s="613"/>
      <c r="FNL670" s="613"/>
      <c r="FNM670" s="613"/>
      <c r="FNN670" s="613"/>
      <c r="FNO670" s="613"/>
      <c r="FNP670" s="613"/>
      <c r="FNQ670" s="613"/>
      <c r="FNR670" s="613"/>
      <c r="FNS670" s="613"/>
      <c r="FNT670" s="613"/>
      <c r="FNU670" s="613"/>
      <c r="FNV670" s="613"/>
      <c r="FNW670" s="613"/>
      <c r="FNX670" s="613"/>
      <c r="FNY670" s="613"/>
      <c r="FNZ670" s="613"/>
      <c r="FOA670" s="613"/>
      <c r="FOB670" s="613"/>
      <c r="FOC670" s="613"/>
      <c r="FOD670" s="613"/>
      <c r="FOE670" s="613"/>
      <c r="FOF670" s="613"/>
      <c r="FOG670" s="613"/>
      <c r="FOH670" s="613"/>
      <c r="FOI670" s="613"/>
      <c r="FOJ670" s="613"/>
      <c r="FOK670" s="613"/>
      <c r="FOL670" s="613"/>
      <c r="FOM670" s="613"/>
      <c r="FON670" s="613"/>
      <c r="FOO670" s="613"/>
      <c r="FOP670" s="613"/>
      <c r="FOQ670" s="613"/>
      <c r="FOR670" s="613"/>
      <c r="FOS670" s="613"/>
      <c r="FOT670" s="613"/>
      <c r="FOU670" s="613"/>
      <c r="FOV670" s="613"/>
      <c r="FOW670" s="613"/>
      <c r="FOX670" s="613"/>
      <c r="FOY670" s="613"/>
      <c r="FOZ670" s="613"/>
      <c r="FPA670" s="613"/>
      <c r="FPB670" s="613"/>
      <c r="FPC670" s="613"/>
      <c r="FPD670" s="613"/>
      <c r="FPE670" s="613"/>
      <c r="FPF670" s="613"/>
      <c r="FPG670" s="613"/>
      <c r="FPH670" s="613"/>
      <c r="FPI670" s="613"/>
      <c r="FPJ670" s="613"/>
      <c r="FPK670" s="613"/>
      <c r="FPL670" s="613"/>
      <c r="FPM670" s="613"/>
      <c r="FPN670" s="613"/>
      <c r="FPO670" s="613"/>
      <c r="FPP670" s="613"/>
      <c r="FPQ670" s="613"/>
      <c r="FPR670" s="613"/>
      <c r="FPS670" s="613"/>
      <c r="FPT670" s="613"/>
      <c r="FPU670" s="613"/>
      <c r="FPV670" s="613"/>
      <c r="FPW670" s="613"/>
      <c r="FPX670" s="613"/>
      <c r="FPY670" s="613"/>
      <c r="FPZ670" s="613"/>
      <c r="FQA670" s="613"/>
      <c r="FQB670" s="613"/>
      <c r="FQC670" s="613"/>
      <c r="FQD670" s="613"/>
      <c r="FQE670" s="613"/>
      <c r="FQF670" s="613"/>
      <c r="FQG670" s="613"/>
      <c r="FQH670" s="613"/>
      <c r="FQI670" s="613"/>
      <c r="FQJ670" s="613"/>
      <c r="FQK670" s="613"/>
      <c r="FQL670" s="613"/>
      <c r="FQM670" s="613"/>
      <c r="FQN670" s="613"/>
      <c r="FQO670" s="613"/>
      <c r="FQP670" s="613"/>
      <c r="FQQ670" s="613"/>
      <c r="FQR670" s="613"/>
      <c r="FQS670" s="613"/>
      <c r="FQT670" s="613"/>
      <c r="FQU670" s="613"/>
      <c r="FQV670" s="613"/>
      <c r="FQW670" s="613"/>
      <c r="FQX670" s="613"/>
      <c r="FQY670" s="613"/>
      <c r="FQZ670" s="613"/>
      <c r="FRA670" s="613"/>
      <c r="FRB670" s="613"/>
      <c r="FRC670" s="613"/>
      <c r="FRD670" s="613"/>
      <c r="FRE670" s="613"/>
      <c r="FRF670" s="613"/>
      <c r="FRG670" s="613"/>
      <c r="FRH670" s="613"/>
      <c r="FRI670" s="613"/>
      <c r="FRJ670" s="613"/>
      <c r="FRK670" s="613"/>
      <c r="FRL670" s="613"/>
      <c r="FRM670" s="613"/>
      <c r="FRN670" s="613"/>
      <c r="FRO670" s="613"/>
      <c r="FRP670" s="613"/>
      <c r="FRQ670" s="613"/>
      <c r="FRR670" s="613"/>
      <c r="FRS670" s="613"/>
      <c r="FRT670" s="613"/>
      <c r="FRU670" s="613"/>
      <c r="FRV670" s="613"/>
      <c r="FRW670" s="613"/>
      <c r="FRX670" s="613"/>
      <c r="FRY670" s="613"/>
      <c r="FRZ670" s="613"/>
      <c r="FSA670" s="613"/>
      <c r="FSB670" s="613"/>
      <c r="FSC670" s="613"/>
      <c r="FSD670" s="613"/>
      <c r="FSE670" s="613"/>
      <c r="FSF670" s="613"/>
      <c r="FSG670" s="613"/>
      <c r="FSH670" s="613"/>
      <c r="FSI670" s="613"/>
      <c r="FSJ670" s="613"/>
      <c r="FSK670" s="613"/>
      <c r="FSL670" s="613"/>
      <c r="FSM670" s="613"/>
      <c r="FSN670" s="613"/>
      <c r="FSO670" s="613"/>
      <c r="FSP670" s="613"/>
      <c r="FSQ670" s="613"/>
      <c r="FSR670" s="613"/>
      <c r="FSS670" s="613"/>
      <c r="FST670" s="613"/>
      <c r="FSU670" s="613"/>
      <c r="FSV670" s="613"/>
      <c r="FSW670" s="613"/>
      <c r="FSX670" s="613"/>
      <c r="FSY670" s="613"/>
      <c r="FSZ670" s="613"/>
      <c r="FTA670" s="613"/>
      <c r="FTB670" s="613"/>
      <c r="FTC670" s="613"/>
      <c r="FTD670" s="613"/>
      <c r="FTE670" s="613"/>
      <c r="FTF670" s="613"/>
      <c r="FTG670" s="613"/>
      <c r="FTH670" s="613"/>
      <c r="FTI670" s="613"/>
      <c r="FTJ670" s="613"/>
      <c r="FTK670" s="613"/>
      <c r="FTL670" s="613"/>
      <c r="FTM670" s="613"/>
      <c r="FTN670" s="613"/>
      <c r="FTO670" s="613"/>
      <c r="FTP670" s="613"/>
      <c r="FTQ670" s="613"/>
      <c r="FTR670" s="613"/>
      <c r="FTS670" s="613"/>
      <c r="FTT670" s="613"/>
      <c r="FTU670" s="613"/>
      <c r="FTV670" s="613"/>
      <c r="FTW670" s="613"/>
      <c r="FTX670" s="613"/>
      <c r="FTY670" s="613"/>
      <c r="FTZ670" s="613"/>
      <c r="FUA670" s="613"/>
      <c r="FUB670" s="613"/>
      <c r="FUC670" s="613"/>
      <c r="FUD670" s="613"/>
      <c r="FUE670" s="613"/>
      <c r="FUF670" s="613"/>
      <c r="FUG670" s="613"/>
      <c r="FUH670" s="613"/>
      <c r="FUI670" s="613"/>
      <c r="FUJ670" s="613"/>
      <c r="FUK670" s="613"/>
      <c r="FUL670" s="613"/>
      <c r="FUM670" s="613"/>
      <c r="FUN670" s="613"/>
      <c r="FUO670" s="613"/>
      <c r="FUP670" s="613"/>
      <c r="FUQ670" s="613"/>
      <c r="FUR670" s="613"/>
      <c r="FUS670" s="613"/>
      <c r="FUT670" s="613"/>
      <c r="FUU670" s="613"/>
      <c r="FUV670" s="613"/>
      <c r="FUW670" s="613"/>
      <c r="FUX670" s="613"/>
      <c r="FUY670" s="613"/>
      <c r="FUZ670" s="613"/>
      <c r="FVA670" s="613"/>
      <c r="FVB670" s="613"/>
      <c r="FVC670" s="613"/>
      <c r="FVD670" s="613"/>
      <c r="FVE670" s="613"/>
      <c r="FVF670" s="613"/>
      <c r="FVG670" s="613"/>
      <c r="FVH670" s="613"/>
      <c r="FVI670" s="613"/>
      <c r="FVJ670" s="613"/>
      <c r="FVK670" s="613"/>
      <c r="FVL670" s="613"/>
      <c r="FVM670" s="613"/>
      <c r="FVN670" s="613"/>
      <c r="FVO670" s="613"/>
      <c r="FVP670" s="613"/>
      <c r="FVQ670" s="613"/>
      <c r="FVR670" s="613"/>
      <c r="FVS670" s="613"/>
      <c r="FVT670" s="613"/>
      <c r="FVU670" s="613"/>
      <c r="FVV670" s="613"/>
      <c r="FVW670" s="613"/>
      <c r="FVX670" s="613"/>
      <c r="FVY670" s="613"/>
      <c r="FVZ670" s="613"/>
      <c r="FWA670" s="613"/>
      <c r="FWB670" s="613"/>
      <c r="FWC670" s="613"/>
      <c r="FWD670" s="613"/>
      <c r="FWE670" s="613"/>
      <c r="FWF670" s="613"/>
      <c r="FWG670" s="613"/>
      <c r="FWH670" s="613"/>
      <c r="FWI670" s="613"/>
      <c r="FWJ670" s="613"/>
      <c r="FWK670" s="613"/>
      <c r="FWL670" s="613"/>
      <c r="FWM670" s="613"/>
      <c r="FWN670" s="613"/>
      <c r="FWO670" s="613"/>
      <c r="FWP670" s="613"/>
      <c r="FWQ670" s="613"/>
      <c r="FWR670" s="613"/>
      <c r="FWS670" s="613"/>
      <c r="FWT670" s="613"/>
      <c r="FWU670" s="613"/>
      <c r="FWV670" s="613"/>
      <c r="FWW670" s="613"/>
      <c r="FWX670" s="613"/>
      <c r="FWY670" s="613"/>
      <c r="FWZ670" s="613"/>
      <c r="FXA670" s="613"/>
      <c r="FXB670" s="613"/>
      <c r="FXC670" s="613"/>
      <c r="FXD670" s="613"/>
      <c r="FXE670" s="613"/>
      <c r="FXF670" s="613"/>
      <c r="FXG670" s="613"/>
      <c r="FXH670" s="613"/>
      <c r="FXI670" s="613"/>
      <c r="FXJ670" s="613"/>
      <c r="FXK670" s="613"/>
      <c r="FXL670" s="613"/>
      <c r="FXM670" s="613"/>
      <c r="FXN670" s="613"/>
      <c r="FXO670" s="613"/>
      <c r="FXP670" s="613"/>
      <c r="FXQ670" s="613"/>
      <c r="FXR670" s="613"/>
      <c r="FXS670" s="613"/>
      <c r="FXT670" s="613"/>
      <c r="FXU670" s="613"/>
      <c r="FXV670" s="613"/>
      <c r="FXW670" s="613"/>
      <c r="FXX670" s="613"/>
      <c r="FXY670" s="613"/>
      <c r="FXZ670" s="613"/>
      <c r="FYA670" s="613"/>
      <c r="FYB670" s="613"/>
      <c r="FYC670" s="613"/>
      <c r="FYD670" s="613"/>
      <c r="FYE670" s="613"/>
      <c r="FYF670" s="613"/>
      <c r="FYG670" s="613"/>
      <c r="FYH670" s="613"/>
      <c r="FYI670" s="613"/>
      <c r="FYJ670" s="613"/>
      <c r="FYK670" s="613"/>
      <c r="FYL670" s="613"/>
      <c r="FYM670" s="613"/>
      <c r="FYN670" s="613"/>
      <c r="FYO670" s="613"/>
      <c r="FYP670" s="613"/>
      <c r="FYQ670" s="613"/>
      <c r="FYR670" s="613"/>
      <c r="FYS670" s="613"/>
      <c r="FYT670" s="613"/>
      <c r="FYU670" s="613"/>
      <c r="FYV670" s="613"/>
      <c r="FYW670" s="613"/>
      <c r="FYX670" s="613"/>
      <c r="FYY670" s="613"/>
      <c r="FYZ670" s="613"/>
      <c r="FZA670" s="613"/>
      <c r="FZB670" s="613"/>
      <c r="FZC670" s="613"/>
      <c r="FZD670" s="613"/>
      <c r="FZE670" s="613"/>
      <c r="FZF670" s="613"/>
      <c r="FZG670" s="613"/>
      <c r="FZH670" s="613"/>
      <c r="FZI670" s="613"/>
      <c r="FZJ670" s="613"/>
      <c r="FZK670" s="613"/>
      <c r="FZL670" s="613"/>
      <c r="FZM670" s="613"/>
      <c r="FZN670" s="613"/>
      <c r="FZO670" s="613"/>
      <c r="FZP670" s="613"/>
      <c r="FZQ670" s="613"/>
      <c r="FZR670" s="613"/>
      <c r="FZS670" s="613"/>
      <c r="FZT670" s="613"/>
      <c r="FZU670" s="613"/>
      <c r="FZV670" s="613"/>
      <c r="FZW670" s="613"/>
      <c r="FZX670" s="613"/>
      <c r="FZY670" s="613"/>
      <c r="FZZ670" s="613"/>
      <c r="GAA670" s="613"/>
      <c r="GAB670" s="613"/>
      <c r="GAC670" s="613"/>
      <c r="GAD670" s="613"/>
      <c r="GAE670" s="613"/>
      <c r="GAF670" s="613"/>
      <c r="GAG670" s="613"/>
      <c r="GAH670" s="613"/>
      <c r="GAI670" s="613"/>
      <c r="GAJ670" s="613"/>
      <c r="GAK670" s="613"/>
      <c r="GAL670" s="613"/>
      <c r="GAM670" s="613"/>
      <c r="GAN670" s="613"/>
      <c r="GAO670" s="613"/>
      <c r="GAP670" s="613"/>
      <c r="GAQ670" s="613"/>
      <c r="GAR670" s="613"/>
      <c r="GAS670" s="613"/>
      <c r="GAT670" s="613"/>
      <c r="GAU670" s="613"/>
      <c r="GAV670" s="613"/>
      <c r="GAW670" s="613"/>
      <c r="GAX670" s="613"/>
      <c r="GAY670" s="613"/>
      <c r="GAZ670" s="613"/>
      <c r="GBA670" s="613"/>
      <c r="GBB670" s="613"/>
      <c r="GBC670" s="613"/>
      <c r="GBD670" s="613"/>
      <c r="GBE670" s="613"/>
      <c r="GBF670" s="613"/>
      <c r="GBG670" s="613"/>
      <c r="GBH670" s="613"/>
      <c r="GBI670" s="613"/>
      <c r="GBJ670" s="613"/>
      <c r="GBK670" s="613"/>
      <c r="GBL670" s="613"/>
      <c r="GBM670" s="613"/>
      <c r="GBN670" s="613"/>
      <c r="GBO670" s="613"/>
      <c r="GBP670" s="613"/>
      <c r="GBQ670" s="613"/>
      <c r="GBR670" s="613"/>
      <c r="GBS670" s="613"/>
      <c r="GBT670" s="613"/>
      <c r="GBU670" s="613"/>
      <c r="GBV670" s="613"/>
      <c r="GBW670" s="613"/>
      <c r="GBX670" s="613"/>
      <c r="GBY670" s="613"/>
      <c r="GBZ670" s="613"/>
      <c r="GCA670" s="613"/>
      <c r="GCB670" s="613"/>
      <c r="GCC670" s="613"/>
      <c r="GCD670" s="613"/>
      <c r="GCE670" s="613"/>
      <c r="GCF670" s="613"/>
      <c r="GCG670" s="613"/>
      <c r="GCH670" s="613"/>
      <c r="GCI670" s="613"/>
      <c r="GCJ670" s="613"/>
      <c r="GCK670" s="613"/>
      <c r="GCL670" s="613"/>
      <c r="GCM670" s="613"/>
      <c r="GCN670" s="613"/>
      <c r="GCO670" s="613"/>
      <c r="GCP670" s="613"/>
      <c r="GCQ670" s="613"/>
      <c r="GCR670" s="613"/>
      <c r="GCS670" s="613"/>
      <c r="GCT670" s="613"/>
      <c r="GCU670" s="613"/>
      <c r="GCV670" s="613"/>
      <c r="GCW670" s="613"/>
      <c r="GCX670" s="613"/>
      <c r="GCY670" s="613"/>
      <c r="GCZ670" s="613"/>
      <c r="GDA670" s="613"/>
      <c r="GDB670" s="613"/>
      <c r="GDC670" s="613"/>
      <c r="GDD670" s="613"/>
      <c r="GDE670" s="613"/>
      <c r="GDF670" s="613"/>
      <c r="GDG670" s="613"/>
      <c r="GDH670" s="613"/>
      <c r="GDI670" s="613"/>
      <c r="GDJ670" s="613"/>
      <c r="GDK670" s="613"/>
      <c r="GDL670" s="613"/>
      <c r="GDM670" s="613"/>
      <c r="GDN670" s="613"/>
      <c r="GDO670" s="613"/>
      <c r="GDP670" s="613"/>
      <c r="GDQ670" s="613"/>
      <c r="GDR670" s="613"/>
      <c r="GDS670" s="613"/>
      <c r="GDT670" s="613"/>
      <c r="GDU670" s="613"/>
      <c r="GDV670" s="613"/>
      <c r="GDW670" s="613"/>
      <c r="GDX670" s="613"/>
      <c r="GDY670" s="613"/>
      <c r="GDZ670" s="613"/>
      <c r="GEA670" s="613"/>
      <c r="GEB670" s="613"/>
      <c r="GEC670" s="613"/>
      <c r="GED670" s="613"/>
      <c r="GEE670" s="613"/>
      <c r="GEF670" s="613"/>
      <c r="GEG670" s="613"/>
      <c r="GEH670" s="613"/>
      <c r="GEI670" s="613"/>
      <c r="GEJ670" s="613"/>
      <c r="GEK670" s="613"/>
      <c r="GEL670" s="613"/>
      <c r="GEM670" s="613"/>
      <c r="GEN670" s="613"/>
      <c r="GEO670" s="613"/>
      <c r="GEP670" s="613"/>
      <c r="GEQ670" s="613"/>
      <c r="GER670" s="613"/>
      <c r="GES670" s="613"/>
      <c r="GET670" s="613"/>
      <c r="GEU670" s="613"/>
      <c r="GEV670" s="613"/>
      <c r="GEW670" s="613"/>
      <c r="GEX670" s="613"/>
      <c r="GEY670" s="613"/>
      <c r="GEZ670" s="613"/>
      <c r="GFA670" s="613"/>
      <c r="GFB670" s="613"/>
      <c r="GFC670" s="613"/>
      <c r="GFD670" s="613"/>
      <c r="GFE670" s="613"/>
      <c r="GFF670" s="613"/>
      <c r="GFG670" s="613"/>
      <c r="GFH670" s="613"/>
      <c r="GFI670" s="613"/>
      <c r="GFJ670" s="613"/>
      <c r="GFK670" s="613"/>
      <c r="GFL670" s="613"/>
      <c r="GFM670" s="613"/>
      <c r="GFN670" s="613"/>
      <c r="GFO670" s="613"/>
      <c r="GFP670" s="613"/>
      <c r="GFQ670" s="613"/>
      <c r="GFR670" s="613"/>
      <c r="GFS670" s="613"/>
      <c r="GFT670" s="613"/>
      <c r="GFU670" s="613"/>
      <c r="GFV670" s="613"/>
      <c r="GFW670" s="613"/>
      <c r="GFX670" s="613"/>
      <c r="GFY670" s="613"/>
      <c r="GFZ670" s="613"/>
      <c r="GGA670" s="613"/>
      <c r="GGB670" s="613"/>
      <c r="GGC670" s="613"/>
      <c r="GGD670" s="613"/>
      <c r="GGE670" s="613"/>
      <c r="GGF670" s="613"/>
      <c r="GGG670" s="613"/>
      <c r="GGH670" s="613"/>
      <c r="GGI670" s="613"/>
      <c r="GGJ670" s="613"/>
      <c r="GGK670" s="613"/>
      <c r="GGL670" s="613"/>
      <c r="GGM670" s="613"/>
      <c r="GGN670" s="613"/>
      <c r="GGO670" s="613"/>
      <c r="GGP670" s="613"/>
      <c r="GGQ670" s="613"/>
      <c r="GGR670" s="613"/>
      <c r="GGS670" s="613"/>
      <c r="GGT670" s="613"/>
      <c r="GGU670" s="613"/>
      <c r="GGV670" s="613"/>
      <c r="GGW670" s="613"/>
      <c r="GGX670" s="613"/>
      <c r="GGY670" s="613"/>
      <c r="GGZ670" s="613"/>
      <c r="GHA670" s="613"/>
      <c r="GHB670" s="613"/>
      <c r="GHC670" s="613"/>
      <c r="GHD670" s="613"/>
      <c r="GHE670" s="613"/>
      <c r="GHF670" s="613"/>
      <c r="GHG670" s="613"/>
      <c r="GHH670" s="613"/>
      <c r="GHI670" s="613"/>
      <c r="GHJ670" s="613"/>
      <c r="GHK670" s="613"/>
      <c r="GHL670" s="613"/>
      <c r="GHM670" s="613"/>
      <c r="GHN670" s="613"/>
      <c r="GHO670" s="613"/>
      <c r="GHP670" s="613"/>
      <c r="GHQ670" s="613"/>
      <c r="GHR670" s="613"/>
      <c r="GHS670" s="613"/>
      <c r="GHT670" s="613"/>
      <c r="GHU670" s="613"/>
      <c r="GHV670" s="613"/>
      <c r="GHW670" s="613"/>
      <c r="GHX670" s="613"/>
      <c r="GHY670" s="613"/>
      <c r="GHZ670" s="613"/>
      <c r="GIA670" s="613"/>
      <c r="GIB670" s="613"/>
      <c r="GIC670" s="613"/>
      <c r="GID670" s="613"/>
      <c r="GIE670" s="613"/>
      <c r="GIF670" s="613"/>
      <c r="GIG670" s="613"/>
      <c r="GIH670" s="613"/>
      <c r="GII670" s="613"/>
      <c r="GIJ670" s="613"/>
      <c r="GIK670" s="613"/>
      <c r="GIL670" s="613"/>
      <c r="GIM670" s="613"/>
      <c r="GIN670" s="613"/>
      <c r="GIO670" s="613"/>
      <c r="GIP670" s="613"/>
      <c r="GIQ670" s="613"/>
      <c r="GIR670" s="613"/>
      <c r="GIS670" s="613"/>
      <c r="GIT670" s="613"/>
      <c r="GIU670" s="613"/>
      <c r="GIV670" s="613"/>
      <c r="GIW670" s="613"/>
      <c r="GIX670" s="613"/>
      <c r="GIY670" s="613"/>
      <c r="GIZ670" s="613"/>
      <c r="GJA670" s="613"/>
      <c r="GJB670" s="613"/>
      <c r="GJC670" s="613"/>
      <c r="GJD670" s="613"/>
      <c r="GJE670" s="613"/>
      <c r="GJF670" s="613"/>
      <c r="GJG670" s="613"/>
      <c r="GJH670" s="613"/>
      <c r="GJI670" s="613"/>
      <c r="GJJ670" s="613"/>
      <c r="GJK670" s="613"/>
      <c r="GJL670" s="613"/>
      <c r="GJM670" s="613"/>
      <c r="GJN670" s="613"/>
      <c r="GJO670" s="613"/>
      <c r="GJP670" s="613"/>
      <c r="GJQ670" s="613"/>
      <c r="GJR670" s="613"/>
      <c r="GJS670" s="613"/>
      <c r="GJT670" s="613"/>
      <c r="GJU670" s="613"/>
      <c r="GJV670" s="613"/>
      <c r="GJW670" s="613"/>
      <c r="GJX670" s="613"/>
      <c r="GJY670" s="613"/>
      <c r="GJZ670" s="613"/>
      <c r="GKA670" s="613"/>
      <c r="GKB670" s="613"/>
      <c r="GKC670" s="613"/>
      <c r="GKD670" s="613"/>
      <c r="GKE670" s="613"/>
      <c r="GKF670" s="613"/>
      <c r="GKG670" s="613"/>
      <c r="GKH670" s="613"/>
      <c r="GKI670" s="613"/>
      <c r="GKJ670" s="613"/>
      <c r="GKK670" s="613"/>
      <c r="GKL670" s="613"/>
      <c r="GKM670" s="613"/>
      <c r="GKN670" s="613"/>
      <c r="GKO670" s="613"/>
      <c r="GKP670" s="613"/>
      <c r="GKQ670" s="613"/>
      <c r="GKR670" s="613"/>
      <c r="GKS670" s="613"/>
      <c r="GKT670" s="613"/>
      <c r="GKU670" s="613"/>
      <c r="GKV670" s="613"/>
      <c r="GKW670" s="613"/>
      <c r="GKX670" s="613"/>
      <c r="GKY670" s="613"/>
      <c r="GKZ670" s="613"/>
      <c r="GLA670" s="613"/>
      <c r="GLB670" s="613"/>
      <c r="GLC670" s="613"/>
      <c r="GLD670" s="613"/>
      <c r="GLE670" s="613"/>
      <c r="GLF670" s="613"/>
      <c r="GLG670" s="613"/>
      <c r="GLH670" s="613"/>
      <c r="GLI670" s="613"/>
      <c r="GLJ670" s="613"/>
      <c r="GLK670" s="613"/>
      <c r="GLL670" s="613"/>
      <c r="GLM670" s="613"/>
      <c r="GLN670" s="613"/>
      <c r="GLO670" s="613"/>
      <c r="GLP670" s="613"/>
      <c r="GLQ670" s="613"/>
      <c r="GLR670" s="613"/>
      <c r="GLS670" s="613"/>
      <c r="GLT670" s="613"/>
      <c r="GLU670" s="613"/>
      <c r="GLV670" s="613"/>
      <c r="GLW670" s="613"/>
      <c r="GLX670" s="613"/>
      <c r="GLY670" s="613"/>
      <c r="GLZ670" s="613"/>
      <c r="GMA670" s="613"/>
      <c r="GMB670" s="613"/>
      <c r="GMC670" s="613"/>
      <c r="GMD670" s="613"/>
      <c r="GME670" s="613"/>
      <c r="GMF670" s="613"/>
      <c r="GMG670" s="613"/>
      <c r="GMH670" s="613"/>
      <c r="GMI670" s="613"/>
      <c r="GMJ670" s="613"/>
      <c r="GMK670" s="613"/>
      <c r="GML670" s="613"/>
      <c r="GMM670" s="613"/>
      <c r="GMN670" s="613"/>
      <c r="GMO670" s="613"/>
      <c r="GMP670" s="613"/>
      <c r="GMQ670" s="613"/>
      <c r="GMR670" s="613"/>
      <c r="GMS670" s="613"/>
      <c r="GMT670" s="613"/>
      <c r="GMU670" s="613"/>
      <c r="GMV670" s="613"/>
      <c r="GMW670" s="613"/>
      <c r="GMX670" s="613"/>
      <c r="GMY670" s="613"/>
      <c r="GMZ670" s="613"/>
      <c r="GNA670" s="613"/>
      <c r="GNB670" s="613"/>
      <c r="GNC670" s="613"/>
      <c r="GND670" s="613"/>
      <c r="GNE670" s="613"/>
      <c r="GNF670" s="613"/>
      <c r="GNG670" s="613"/>
      <c r="GNH670" s="613"/>
      <c r="GNI670" s="613"/>
      <c r="GNJ670" s="613"/>
      <c r="GNK670" s="613"/>
      <c r="GNL670" s="613"/>
      <c r="GNM670" s="613"/>
      <c r="GNN670" s="613"/>
      <c r="GNO670" s="613"/>
      <c r="GNP670" s="613"/>
      <c r="GNQ670" s="613"/>
      <c r="GNR670" s="613"/>
      <c r="GNS670" s="613"/>
      <c r="GNT670" s="613"/>
      <c r="GNU670" s="613"/>
      <c r="GNV670" s="613"/>
      <c r="GNW670" s="613"/>
      <c r="GNX670" s="613"/>
      <c r="GNY670" s="613"/>
      <c r="GNZ670" s="613"/>
      <c r="GOA670" s="613"/>
      <c r="GOB670" s="613"/>
      <c r="GOC670" s="613"/>
      <c r="GOD670" s="613"/>
      <c r="GOE670" s="613"/>
      <c r="GOF670" s="613"/>
      <c r="GOG670" s="613"/>
      <c r="GOH670" s="613"/>
      <c r="GOI670" s="613"/>
      <c r="GOJ670" s="613"/>
      <c r="GOK670" s="613"/>
      <c r="GOL670" s="613"/>
      <c r="GOM670" s="613"/>
      <c r="GON670" s="613"/>
      <c r="GOO670" s="613"/>
      <c r="GOP670" s="613"/>
      <c r="GOQ670" s="613"/>
      <c r="GOR670" s="613"/>
      <c r="GOS670" s="613"/>
      <c r="GOT670" s="613"/>
      <c r="GOU670" s="613"/>
      <c r="GOV670" s="613"/>
      <c r="GOW670" s="613"/>
      <c r="GOX670" s="613"/>
      <c r="GOY670" s="613"/>
      <c r="GOZ670" s="613"/>
      <c r="GPA670" s="613"/>
      <c r="GPB670" s="613"/>
      <c r="GPC670" s="613"/>
      <c r="GPD670" s="613"/>
      <c r="GPE670" s="613"/>
      <c r="GPF670" s="613"/>
      <c r="GPG670" s="613"/>
      <c r="GPH670" s="613"/>
      <c r="GPI670" s="613"/>
      <c r="GPJ670" s="613"/>
      <c r="GPK670" s="613"/>
      <c r="GPL670" s="613"/>
      <c r="GPM670" s="613"/>
      <c r="GPN670" s="613"/>
      <c r="GPO670" s="613"/>
      <c r="GPP670" s="613"/>
      <c r="GPQ670" s="613"/>
      <c r="GPR670" s="613"/>
      <c r="GPS670" s="613"/>
      <c r="GPT670" s="613"/>
      <c r="GPU670" s="613"/>
      <c r="GPV670" s="613"/>
      <c r="GPW670" s="613"/>
      <c r="GPX670" s="613"/>
      <c r="GPY670" s="613"/>
      <c r="GPZ670" s="613"/>
      <c r="GQA670" s="613"/>
      <c r="GQB670" s="613"/>
      <c r="GQC670" s="613"/>
      <c r="GQD670" s="613"/>
      <c r="GQE670" s="613"/>
      <c r="GQF670" s="613"/>
      <c r="GQG670" s="613"/>
      <c r="GQH670" s="613"/>
      <c r="GQI670" s="613"/>
      <c r="GQJ670" s="613"/>
      <c r="GQK670" s="613"/>
      <c r="GQL670" s="613"/>
      <c r="GQM670" s="613"/>
      <c r="GQN670" s="613"/>
      <c r="GQO670" s="613"/>
      <c r="GQP670" s="613"/>
      <c r="GQQ670" s="613"/>
      <c r="GQR670" s="613"/>
      <c r="GQS670" s="613"/>
      <c r="GQT670" s="613"/>
      <c r="GQU670" s="613"/>
      <c r="GQV670" s="613"/>
      <c r="GQW670" s="613"/>
      <c r="GQX670" s="613"/>
      <c r="GQY670" s="613"/>
      <c r="GQZ670" s="613"/>
      <c r="GRA670" s="613"/>
      <c r="GRB670" s="613"/>
      <c r="GRC670" s="613"/>
      <c r="GRD670" s="613"/>
      <c r="GRE670" s="613"/>
      <c r="GRF670" s="613"/>
      <c r="GRG670" s="613"/>
      <c r="GRH670" s="613"/>
      <c r="GRI670" s="613"/>
      <c r="GRJ670" s="613"/>
      <c r="GRK670" s="613"/>
      <c r="GRL670" s="613"/>
      <c r="GRM670" s="613"/>
      <c r="GRN670" s="613"/>
      <c r="GRO670" s="613"/>
      <c r="GRP670" s="613"/>
      <c r="GRQ670" s="613"/>
      <c r="GRR670" s="613"/>
      <c r="GRS670" s="613"/>
      <c r="GRT670" s="613"/>
      <c r="GRU670" s="613"/>
      <c r="GRV670" s="613"/>
      <c r="GRW670" s="613"/>
      <c r="GRX670" s="613"/>
      <c r="GRY670" s="613"/>
      <c r="GRZ670" s="613"/>
      <c r="GSA670" s="613"/>
      <c r="GSB670" s="613"/>
      <c r="GSC670" s="613"/>
      <c r="GSD670" s="613"/>
      <c r="GSE670" s="613"/>
      <c r="GSF670" s="613"/>
      <c r="GSG670" s="613"/>
      <c r="GSH670" s="613"/>
      <c r="GSI670" s="613"/>
      <c r="GSJ670" s="613"/>
      <c r="GSK670" s="613"/>
      <c r="GSL670" s="613"/>
      <c r="GSM670" s="613"/>
      <c r="GSN670" s="613"/>
      <c r="GSO670" s="613"/>
      <c r="GSP670" s="613"/>
      <c r="GSQ670" s="613"/>
      <c r="GSR670" s="613"/>
      <c r="GSS670" s="613"/>
      <c r="GST670" s="613"/>
      <c r="GSU670" s="613"/>
      <c r="GSV670" s="613"/>
      <c r="GSW670" s="613"/>
      <c r="GSX670" s="613"/>
      <c r="GSY670" s="613"/>
      <c r="GSZ670" s="613"/>
      <c r="GTA670" s="613"/>
      <c r="GTB670" s="613"/>
      <c r="GTC670" s="613"/>
      <c r="GTD670" s="613"/>
      <c r="GTE670" s="613"/>
      <c r="GTF670" s="613"/>
      <c r="GTG670" s="613"/>
      <c r="GTH670" s="613"/>
      <c r="GTI670" s="613"/>
      <c r="GTJ670" s="613"/>
      <c r="GTK670" s="613"/>
      <c r="GTL670" s="613"/>
      <c r="GTM670" s="613"/>
      <c r="GTN670" s="613"/>
      <c r="GTO670" s="613"/>
      <c r="GTP670" s="613"/>
      <c r="GTQ670" s="613"/>
      <c r="GTR670" s="613"/>
      <c r="GTS670" s="613"/>
      <c r="GTT670" s="613"/>
      <c r="GTU670" s="613"/>
      <c r="GTV670" s="613"/>
      <c r="GTW670" s="613"/>
      <c r="GTX670" s="613"/>
      <c r="GTY670" s="613"/>
      <c r="GTZ670" s="613"/>
      <c r="GUA670" s="613"/>
      <c r="GUB670" s="613"/>
      <c r="GUC670" s="613"/>
      <c r="GUD670" s="613"/>
      <c r="GUE670" s="613"/>
      <c r="GUF670" s="613"/>
      <c r="GUG670" s="613"/>
      <c r="GUH670" s="613"/>
      <c r="GUI670" s="613"/>
      <c r="GUJ670" s="613"/>
      <c r="GUK670" s="613"/>
      <c r="GUL670" s="613"/>
      <c r="GUM670" s="613"/>
      <c r="GUN670" s="613"/>
      <c r="GUO670" s="613"/>
      <c r="GUP670" s="613"/>
      <c r="GUQ670" s="613"/>
      <c r="GUR670" s="613"/>
      <c r="GUS670" s="613"/>
      <c r="GUT670" s="613"/>
      <c r="GUU670" s="613"/>
      <c r="GUV670" s="613"/>
      <c r="GUW670" s="613"/>
      <c r="GUX670" s="613"/>
      <c r="GUY670" s="613"/>
      <c r="GUZ670" s="613"/>
      <c r="GVA670" s="613"/>
      <c r="GVB670" s="613"/>
      <c r="GVC670" s="613"/>
      <c r="GVD670" s="613"/>
      <c r="GVE670" s="613"/>
      <c r="GVF670" s="613"/>
      <c r="GVG670" s="613"/>
      <c r="GVH670" s="613"/>
      <c r="GVI670" s="613"/>
      <c r="GVJ670" s="613"/>
      <c r="GVK670" s="613"/>
      <c r="GVL670" s="613"/>
      <c r="GVM670" s="613"/>
      <c r="GVN670" s="613"/>
      <c r="GVO670" s="613"/>
      <c r="GVP670" s="613"/>
      <c r="GVQ670" s="613"/>
      <c r="GVR670" s="613"/>
      <c r="GVS670" s="613"/>
      <c r="GVT670" s="613"/>
      <c r="GVU670" s="613"/>
      <c r="GVV670" s="613"/>
      <c r="GVW670" s="613"/>
      <c r="GVX670" s="613"/>
      <c r="GVY670" s="613"/>
      <c r="GVZ670" s="613"/>
      <c r="GWA670" s="613"/>
      <c r="GWB670" s="613"/>
      <c r="GWC670" s="613"/>
      <c r="GWD670" s="613"/>
      <c r="GWE670" s="613"/>
      <c r="GWF670" s="613"/>
      <c r="GWG670" s="613"/>
      <c r="GWH670" s="613"/>
      <c r="GWI670" s="613"/>
      <c r="GWJ670" s="613"/>
      <c r="GWK670" s="613"/>
      <c r="GWL670" s="613"/>
      <c r="GWM670" s="613"/>
      <c r="GWN670" s="613"/>
      <c r="GWO670" s="613"/>
      <c r="GWP670" s="613"/>
      <c r="GWQ670" s="613"/>
      <c r="GWR670" s="613"/>
      <c r="GWS670" s="613"/>
      <c r="GWT670" s="613"/>
      <c r="GWU670" s="613"/>
      <c r="GWV670" s="613"/>
      <c r="GWW670" s="613"/>
      <c r="GWX670" s="613"/>
      <c r="GWY670" s="613"/>
      <c r="GWZ670" s="613"/>
      <c r="GXA670" s="613"/>
      <c r="GXB670" s="613"/>
      <c r="GXC670" s="613"/>
      <c r="GXD670" s="613"/>
      <c r="GXE670" s="613"/>
      <c r="GXF670" s="613"/>
      <c r="GXG670" s="613"/>
      <c r="GXH670" s="613"/>
      <c r="GXI670" s="613"/>
      <c r="GXJ670" s="613"/>
      <c r="GXK670" s="613"/>
      <c r="GXL670" s="613"/>
      <c r="GXM670" s="613"/>
      <c r="GXN670" s="613"/>
      <c r="GXO670" s="613"/>
      <c r="GXP670" s="613"/>
      <c r="GXQ670" s="613"/>
      <c r="GXR670" s="613"/>
      <c r="GXS670" s="613"/>
      <c r="GXT670" s="613"/>
      <c r="GXU670" s="613"/>
      <c r="GXV670" s="613"/>
      <c r="GXW670" s="613"/>
      <c r="GXX670" s="613"/>
      <c r="GXY670" s="613"/>
      <c r="GXZ670" s="613"/>
      <c r="GYA670" s="613"/>
      <c r="GYB670" s="613"/>
      <c r="GYC670" s="613"/>
      <c r="GYD670" s="613"/>
      <c r="GYE670" s="613"/>
      <c r="GYF670" s="613"/>
      <c r="GYG670" s="613"/>
      <c r="GYH670" s="613"/>
      <c r="GYI670" s="613"/>
      <c r="GYJ670" s="613"/>
      <c r="GYK670" s="613"/>
      <c r="GYL670" s="613"/>
      <c r="GYM670" s="613"/>
      <c r="GYN670" s="613"/>
      <c r="GYO670" s="613"/>
      <c r="GYP670" s="613"/>
      <c r="GYQ670" s="613"/>
      <c r="GYR670" s="613"/>
      <c r="GYS670" s="613"/>
      <c r="GYT670" s="613"/>
      <c r="GYU670" s="613"/>
      <c r="GYV670" s="613"/>
      <c r="GYW670" s="613"/>
      <c r="GYX670" s="613"/>
      <c r="GYY670" s="613"/>
      <c r="GYZ670" s="613"/>
      <c r="GZA670" s="613"/>
      <c r="GZB670" s="613"/>
      <c r="GZC670" s="613"/>
      <c r="GZD670" s="613"/>
      <c r="GZE670" s="613"/>
      <c r="GZF670" s="613"/>
      <c r="GZG670" s="613"/>
      <c r="GZH670" s="613"/>
      <c r="GZI670" s="613"/>
      <c r="GZJ670" s="613"/>
      <c r="GZK670" s="613"/>
      <c r="GZL670" s="613"/>
      <c r="GZM670" s="613"/>
      <c r="GZN670" s="613"/>
      <c r="GZO670" s="613"/>
      <c r="GZP670" s="613"/>
      <c r="GZQ670" s="613"/>
      <c r="GZR670" s="613"/>
      <c r="GZS670" s="613"/>
      <c r="GZT670" s="613"/>
      <c r="GZU670" s="613"/>
      <c r="GZV670" s="613"/>
      <c r="GZW670" s="613"/>
      <c r="GZX670" s="613"/>
      <c r="GZY670" s="613"/>
      <c r="GZZ670" s="613"/>
      <c r="HAA670" s="613"/>
      <c r="HAB670" s="613"/>
      <c r="HAC670" s="613"/>
      <c r="HAD670" s="613"/>
      <c r="HAE670" s="613"/>
      <c r="HAF670" s="613"/>
      <c r="HAG670" s="613"/>
      <c r="HAH670" s="613"/>
      <c r="HAI670" s="613"/>
      <c r="HAJ670" s="613"/>
      <c r="HAK670" s="613"/>
      <c r="HAL670" s="613"/>
      <c r="HAM670" s="613"/>
      <c r="HAN670" s="613"/>
      <c r="HAO670" s="613"/>
      <c r="HAP670" s="613"/>
      <c r="HAQ670" s="613"/>
      <c r="HAR670" s="613"/>
      <c r="HAS670" s="613"/>
      <c r="HAT670" s="613"/>
      <c r="HAU670" s="613"/>
      <c r="HAV670" s="613"/>
      <c r="HAW670" s="613"/>
      <c r="HAX670" s="613"/>
      <c r="HAY670" s="613"/>
      <c r="HAZ670" s="613"/>
      <c r="HBA670" s="613"/>
      <c r="HBB670" s="613"/>
      <c r="HBC670" s="613"/>
      <c r="HBD670" s="613"/>
      <c r="HBE670" s="613"/>
      <c r="HBF670" s="613"/>
      <c r="HBG670" s="613"/>
      <c r="HBH670" s="613"/>
      <c r="HBI670" s="613"/>
      <c r="HBJ670" s="613"/>
      <c r="HBK670" s="613"/>
      <c r="HBL670" s="613"/>
      <c r="HBM670" s="613"/>
      <c r="HBN670" s="613"/>
      <c r="HBO670" s="613"/>
      <c r="HBP670" s="613"/>
      <c r="HBQ670" s="613"/>
      <c r="HBR670" s="613"/>
      <c r="HBS670" s="613"/>
      <c r="HBT670" s="613"/>
      <c r="HBU670" s="613"/>
      <c r="HBV670" s="613"/>
      <c r="HBW670" s="613"/>
      <c r="HBX670" s="613"/>
      <c r="HBY670" s="613"/>
      <c r="HBZ670" s="613"/>
      <c r="HCA670" s="613"/>
      <c r="HCB670" s="613"/>
      <c r="HCC670" s="613"/>
      <c r="HCD670" s="613"/>
      <c r="HCE670" s="613"/>
      <c r="HCF670" s="613"/>
      <c r="HCG670" s="613"/>
      <c r="HCH670" s="613"/>
      <c r="HCI670" s="613"/>
      <c r="HCJ670" s="613"/>
      <c r="HCK670" s="613"/>
      <c r="HCL670" s="613"/>
      <c r="HCM670" s="613"/>
      <c r="HCN670" s="613"/>
      <c r="HCO670" s="613"/>
      <c r="HCP670" s="613"/>
      <c r="HCQ670" s="613"/>
      <c r="HCR670" s="613"/>
      <c r="HCS670" s="613"/>
      <c r="HCT670" s="613"/>
      <c r="HCU670" s="613"/>
      <c r="HCV670" s="613"/>
      <c r="HCW670" s="613"/>
      <c r="HCX670" s="613"/>
      <c r="HCY670" s="613"/>
      <c r="HCZ670" s="613"/>
      <c r="HDA670" s="613"/>
      <c r="HDB670" s="613"/>
      <c r="HDC670" s="613"/>
      <c r="HDD670" s="613"/>
      <c r="HDE670" s="613"/>
      <c r="HDF670" s="613"/>
      <c r="HDG670" s="613"/>
      <c r="HDH670" s="613"/>
      <c r="HDI670" s="613"/>
      <c r="HDJ670" s="613"/>
      <c r="HDK670" s="613"/>
      <c r="HDL670" s="613"/>
      <c r="HDM670" s="613"/>
      <c r="HDN670" s="613"/>
      <c r="HDO670" s="613"/>
      <c r="HDP670" s="613"/>
      <c r="HDQ670" s="613"/>
      <c r="HDR670" s="613"/>
      <c r="HDS670" s="613"/>
      <c r="HDT670" s="613"/>
      <c r="HDU670" s="613"/>
      <c r="HDV670" s="613"/>
      <c r="HDW670" s="613"/>
      <c r="HDX670" s="613"/>
      <c r="HDY670" s="613"/>
      <c r="HDZ670" s="613"/>
      <c r="HEA670" s="613"/>
      <c r="HEB670" s="613"/>
      <c r="HEC670" s="613"/>
      <c r="HED670" s="613"/>
      <c r="HEE670" s="613"/>
      <c r="HEF670" s="613"/>
      <c r="HEG670" s="613"/>
      <c r="HEH670" s="613"/>
      <c r="HEI670" s="613"/>
      <c r="HEJ670" s="613"/>
      <c r="HEK670" s="613"/>
      <c r="HEL670" s="613"/>
      <c r="HEM670" s="613"/>
      <c r="HEN670" s="613"/>
      <c r="HEO670" s="613"/>
      <c r="HEP670" s="613"/>
      <c r="HEQ670" s="613"/>
      <c r="HER670" s="613"/>
      <c r="HES670" s="613"/>
      <c r="HET670" s="613"/>
      <c r="HEU670" s="613"/>
      <c r="HEV670" s="613"/>
      <c r="HEW670" s="613"/>
      <c r="HEX670" s="613"/>
      <c r="HEY670" s="613"/>
      <c r="HEZ670" s="613"/>
      <c r="HFA670" s="613"/>
      <c r="HFB670" s="613"/>
      <c r="HFC670" s="613"/>
      <c r="HFD670" s="613"/>
      <c r="HFE670" s="613"/>
      <c r="HFF670" s="613"/>
      <c r="HFG670" s="613"/>
      <c r="HFH670" s="613"/>
      <c r="HFI670" s="613"/>
      <c r="HFJ670" s="613"/>
      <c r="HFK670" s="613"/>
      <c r="HFL670" s="613"/>
      <c r="HFM670" s="613"/>
      <c r="HFN670" s="613"/>
      <c r="HFO670" s="613"/>
      <c r="HFP670" s="613"/>
      <c r="HFQ670" s="613"/>
      <c r="HFR670" s="613"/>
      <c r="HFS670" s="613"/>
      <c r="HFT670" s="613"/>
      <c r="HFU670" s="613"/>
      <c r="HFV670" s="613"/>
      <c r="HFW670" s="613"/>
      <c r="HFX670" s="613"/>
      <c r="HFY670" s="613"/>
      <c r="HFZ670" s="613"/>
      <c r="HGA670" s="613"/>
      <c r="HGB670" s="613"/>
      <c r="HGC670" s="613"/>
      <c r="HGD670" s="613"/>
      <c r="HGE670" s="613"/>
      <c r="HGF670" s="613"/>
      <c r="HGG670" s="613"/>
      <c r="HGH670" s="613"/>
      <c r="HGI670" s="613"/>
      <c r="HGJ670" s="613"/>
      <c r="HGK670" s="613"/>
      <c r="HGL670" s="613"/>
      <c r="HGM670" s="613"/>
      <c r="HGN670" s="613"/>
      <c r="HGO670" s="613"/>
      <c r="HGP670" s="613"/>
      <c r="HGQ670" s="613"/>
      <c r="HGR670" s="613"/>
      <c r="HGS670" s="613"/>
      <c r="HGT670" s="613"/>
      <c r="HGU670" s="613"/>
      <c r="HGV670" s="613"/>
      <c r="HGW670" s="613"/>
      <c r="HGX670" s="613"/>
      <c r="HGY670" s="613"/>
      <c r="HGZ670" s="613"/>
      <c r="HHA670" s="613"/>
      <c r="HHB670" s="613"/>
      <c r="HHC670" s="613"/>
      <c r="HHD670" s="613"/>
      <c r="HHE670" s="613"/>
      <c r="HHF670" s="613"/>
      <c r="HHG670" s="613"/>
      <c r="HHH670" s="613"/>
      <c r="HHI670" s="613"/>
      <c r="HHJ670" s="613"/>
      <c r="HHK670" s="613"/>
      <c r="HHL670" s="613"/>
      <c r="HHM670" s="613"/>
      <c r="HHN670" s="613"/>
      <c r="HHO670" s="613"/>
      <c r="HHP670" s="613"/>
      <c r="HHQ670" s="613"/>
      <c r="HHR670" s="613"/>
      <c r="HHS670" s="613"/>
      <c r="HHT670" s="613"/>
      <c r="HHU670" s="613"/>
      <c r="HHV670" s="613"/>
      <c r="HHW670" s="613"/>
      <c r="HHX670" s="613"/>
      <c r="HHY670" s="613"/>
      <c r="HHZ670" s="613"/>
      <c r="HIA670" s="613"/>
      <c r="HIB670" s="613"/>
      <c r="HIC670" s="613"/>
      <c r="HID670" s="613"/>
      <c r="HIE670" s="613"/>
      <c r="HIF670" s="613"/>
      <c r="HIG670" s="613"/>
      <c r="HIH670" s="613"/>
      <c r="HII670" s="613"/>
      <c r="HIJ670" s="613"/>
      <c r="HIK670" s="613"/>
      <c r="HIL670" s="613"/>
      <c r="HIM670" s="613"/>
      <c r="HIN670" s="613"/>
      <c r="HIO670" s="613"/>
      <c r="HIP670" s="613"/>
      <c r="HIQ670" s="613"/>
      <c r="HIR670" s="613"/>
      <c r="HIS670" s="613"/>
      <c r="HIT670" s="613"/>
      <c r="HIU670" s="613"/>
      <c r="HIV670" s="613"/>
      <c r="HIW670" s="613"/>
      <c r="HIX670" s="613"/>
      <c r="HIY670" s="613"/>
      <c r="HIZ670" s="613"/>
      <c r="HJA670" s="613"/>
      <c r="HJB670" s="613"/>
      <c r="HJC670" s="613"/>
      <c r="HJD670" s="613"/>
      <c r="HJE670" s="613"/>
      <c r="HJF670" s="613"/>
      <c r="HJG670" s="613"/>
      <c r="HJH670" s="613"/>
      <c r="HJI670" s="613"/>
      <c r="HJJ670" s="613"/>
      <c r="HJK670" s="613"/>
      <c r="HJL670" s="613"/>
      <c r="HJM670" s="613"/>
      <c r="HJN670" s="613"/>
      <c r="HJO670" s="613"/>
      <c r="HJP670" s="613"/>
      <c r="HJQ670" s="613"/>
      <c r="HJR670" s="613"/>
      <c r="HJS670" s="613"/>
      <c r="HJT670" s="613"/>
      <c r="HJU670" s="613"/>
      <c r="HJV670" s="613"/>
      <c r="HJW670" s="613"/>
      <c r="HJX670" s="613"/>
      <c r="HJY670" s="613"/>
      <c r="HJZ670" s="613"/>
      <c r="HKA670" s="613"/>
      <c r="HKB670" s="613"/>
      <c r="HKC670" s="613"/>
      <c r="HKD670" s="613"/>
      <c r="HKE670" s="613"/>
      <c r="HKF670" s="613"/>
      <c r="HKG670" s="613"/>
      <c r="HKH670" s="613"/>
      <c r="HKI670" s="613"/>
      <c r="HKJ670" s="613"/>
      <c r="HKK670" s="613"/>
      <c r="HKL670" s="613"/>
      <c r="HKM670" s="613"/>
      <c r="HKN670" s="613"/>
      <c r="HKO670" s="613"/>
      <c r="HKP670" s="613"/>
      <c r="HKQ670" s="613"/>
      <c r="HKR670" s="613"/>
      <c r="HKS670" s="613"/>
      <c r="HKT670" s="613"/>
      <c r="HKU670" s="613"/>
      <c r="HKV670" s="613"/>
      <c r="HKW670" s="613"/>
      <c r="HKX670" s="613"/>
      <c r="HKY670" s="613"/>
      <c r="HKZ670" s="613"/>
      <c r="HLA670" s="613"/>
      <c r="HLB670" s="613"/>
      <c r="HLC670" s="613"/>
      <c r="HLD670" s="613"/>
      <c r="HLE670" s="613"/>
      <c r="HLF670" s="613"/>
      <c r="HLG670" s="613"/>
      <c r="HLH670" s="613"/>
      <c r="HLI670" s="613"/>
      <c r="HLJ670" s="613"/>
      <c r="HLK670" s="613"/>
      <c r="HLL670" s="613"/>
      <c r="HLM670" s="613"/>
      <c r="HLN670" s="613"/>
      <c r="HLO670" s="613"/>
      <c r="HLP670" s="613"/>
      <c r="HLQ670" s="613"/>
      <c r="HLR670" s="613"/>
      <c r="HLS670" s="613"/>
      <c r="HLT670" s="613"/>
      <c r="HLU670" s="613"/>
      <c r="HLV670" s="613"/>
      <c r="HLW670" s="613"/>
      <c r="HLX670" s="613"/>
      <c r="HLY670" s="613"/>
      <c r="HLZ670" s="613"/>
      <c r="HMA670" s="613"/>
      <c r="HMB670" s="613"/>
      <c r="HMC670" s="613"/>
      <c r="HMD670" s="613"/>
      <c r="HME670" s="613"/>
      <c r="HMF670" s="613"/>
      <c r="HMG670" s="613"/>
      <c r="HMH670" s="613"/>
      <c r="HMI670" s="613"/>
      <c r="HMJ670" s="613"/>
      <c r="HMK670" s="613"/>
      <c r="HML670" s="613"/>
      <c r="HMM670" s="613"/>
      <c r="HMN670" s="613"/>
      <c r="HMO670" s="613"/>
      <c r="HMP670" s="613"/>
      <c r="HMQ670" s="613"/>
      <c r="HMR670" s="613"/>
      <c r="HMS670" s="613"/>
      <c r="HMT670" s="613"/>
      <c r="HMU670" s="613"/>
      <c r="HMV670" s="613"/>
      <c r="HMW670" s="613"/>
      <c r="HMX670" s="613"/>
      <c r="HMY670" s="613"/>
      <c r="HMZ670" s="613"/>
      <c r="HNA670" s="613"/>
      <c r="HNB670" s="613"/>
      <c r="HNC670" s="613"/>
      <c r="HND670" s="613"/>
      <c r="HNE670" s="613"/>
      <c r="HNF670" s="613"/>
      <c r="HNG670" s="613"/>
      <c r="HNH670" s="613"/>
      <c r="HNI670" s="613"/>
      <c r="HNJ670" s="613"/>
      <c r="HNK670" s="613"/>
      <c r="HNL670" s="613"/>
      <c r="HNM670" s="613"/>
      <c r="HNN670" s="613"/>
      <c r="HNO670" s="613"/>
      <c r="HNP670" s="613"/>
      <c r="HNQ670" s="613"/>
      <c r="HNR670" s="613"/>
      <c r="HNS670" s="613"/>
      <c r="HNT670" s="613"/>
      <c r="HNU670" s="613"/>
      <c r="HNV670" s="613"/>
      <c r="HNW670" s="613"/>
      <c r="HNX670" s="613"/>
      <c r="HNY670" s="613"/>
      <c r="HNZ670" s="613"/>
      <c r="HOA670" s="613"/>
      <c r="HOB670" s="613"/>
      <c r="HOC670" s="613"/>
      <c r="HOD670" s="613"/>
      <c r="HOE670" s="613"/>
      <c r="HOF670" s="613"/>
      <c r="HOG670" s="613"/>
      <c r="HOH670" s="613"/>
      <c r="HOI670" s="613"/>
      <c r="HOJ670" s="613"/>
      <c r="HOK670" s="613"/>
      <c r="HOL670" s="613"/>
      <c r="HOM670" s="613"/>
      <c r="HON670" s="613"/>
      <c r="HOO670" s="613"/>
      <c r="HOP670" s="613"/>
      <c r="HOQ670" s="613"/>
      <c r="HOR670" s="613"/>
      <c r="HOS670" s="613"/>
      <c r="HOT670" s="613"/>
      <c r="HOU670" s="613"/>
      <c r="HOV670" s="613"/>
      <c r="HOW670" s="613"/>
      <c r="HOX670" s="613"/>
      <c r="HOY670" s="613"/>
      <c r="HOZ670" s="613"/>
      <c r="HPA670" s="613"/>
      <c r="HPB670" s="613"/>
      <c r="HPC670" s="613"/>
      <c r="HPD670" s="613"/>
      <c r="HPE670" s="613"/>
      <c r="HPF670" s="613"/>
      <c r="HPG670" s="613"/>
      <c r="HPH670" s="613"/>
      <c r="HPI670" s="613"/>
      <c r="HPJ670" s="613"/>
      <c r="HPK670" s="613"/>
      <c r="HPL670" s="613"/>
      <c r="HPM670" s="613"/>
      <c r="HPN670" s="613"/>
      <c r="HPO670" s="613"/>
      <c r="HPP670" s="613"/>
      <c r="HPQ670" s="613"/>
      <c r="HPR670" s="613"/>
      <c r="HPS670" s="613"/>
      <c r="HPT670" s="613"/>
      <c r="HPU670" s="613"/>
      <c r="HPV670" s="613"/>
      <c r="HPW670" s="613"/>
      <c r="HPX670" s="613"/>
      <c r="HPY670" s="613"/>
      <c r="HPZ670" s="613"/>
      <c r="HQA670" s="613"/>
      <c r="HQB670" s="613"/>
      <c r="HQC670" s="613"/>
      <c r="HQD670" s="613"/>
      <c r="HQE670" s="613"/>
      <c r="HQF670" s="613"/>
      <c r="HQG670" s="613"/>
      <c r="HQH670" s="613"/>
      <c r="HQI670" s="613"/>
      <c r="HQJ670" s="613"/>
      <c r="HQK670" s="613"/>
      <c r="HQL670" s="613"/>
      <c r="HQM670" s="613"/>
      <c r="HQN670" s="613"/>
      <c r="HQO670" s="613"/>
      <c r="HQP670" s="613"/>
      <c r="HQQ670" s="613"/>
      <c r="HQR670" s="613"/>
      <c r="HQS670" s="613"/>
      <c r="HQT670" s="613"/>
      <c r="HQU670" s="613"/>
      <c r="HQV670" s="613"/>
      <c r="HQW670" s="613"/>
      <c r="HQX670" s="613"/>
      <c r="HQY670" s="613"/>
      <c r="HQZ670" s="613"/>
      <c r="HRA670" s="613"/>
      <c r="HRB670" s="613"/>
      <c r="HRC670" s="613"/>
      <c r="HRD670" s="613"/>
      <c r="HRE670" s="613"/>
      <c r="HRF670" s="613"/>
      <c r="HRG670" s="613"/>
      <c r="HRH670" s="613"/>
      <c r="HRI670" s="613"/>
      <c r="HRJ670" s="613"/>
      <c r="HRK670" s="613"/>
      <c r="HRL670" s="613"/>
      <c r="HRM670" s="613"/>
      <c r="HRN670" s="613"/>
      <c r="HRO670" s="613"/>
      <c r="HRP670" s="613"/>
      <c r="HRQ670" s="613"/>
      <c r="HRR670" s="613"/>
      <c r="HRS670" s="613"/>
      <c r="HRT670" s="613"/>
      <c r="HRU670" s="613"/>
      <c r="HRV670" s="613"/>
      <c r="HRW670" s="613"/>
      <c r="HRX670" s="613"/>
      <c r="HRY670" s="613"/>
      <c r="HRZ670" s="613"/>
      <c r="HSA670" s="613"/>
      <c r="HSB670" s="613"/>
      <c r="HSC670" s="613"/>
      <c r="HSD670" s="613"/>
      <c r="HSE670" s="613"/>
      <c r="HSF670" s="613"/>
      <c r="HSG670" s="613"/>
      <c r="HSH670" s="613"/>
      <c r="HSI670" s="613"/>
      <c r="HSJ670" s="613"/>
      <c r="HSK670" s="613"/>
      <c r="HSL670" s="613"/>
      <c r="HSM670" s="613"/>
      <c r="HSN670" s="613"/>
      <c r="HSO670" s="613"/>
      <c r="HSP670" s="613"/>
      <c r="HSQ670" s="613"/>
      <c r="HSR670" s="613"/>
      <c r="HSS670" s="613"/>
      <c r="HST670" s="613"/>
      <c r="HSU670" s="613"/>
      <c r="HSV670" s="613"/>
      <c r="HSW670" s="613"/>
      <c r="HSX670" s="613"/>
      <c r="HSY670" s="613"/>
      <c r="HSZ670" s="613"/>
      <c r="HTA670" s="613"/>
      <c r="HTB670" s="613"/>
      <c r="HTC670" s="613"/>
      <c r="HTD670" s="613"/>
      <c r="HTE670" s="613"/>
      <c r="HTF670" s="613"/>
      <c r="HTG670" s="613"/>
      <c r="HTH670" s="613"/>
      <c r="HTI670" s="613"/>
      <c r="HTJ670" s="613"/>
      <c r="HTK670" s="613"/>
      <c r="HTL670" s="613"/>
      <c r="HTM670" s="613"/>
      <c r="HTN670" s="613"/>
      <c r="HTO670" s="613"/>
      <c r="HTP670" s="613"/>
      <c r="HTQ670" s="613"/>
      <c r="HTR670" s="613"/>
      <c r="HTS670" s="613"/>
      <c r="HTT670" s="613"/>
      <c r="HTU670" s="613"/>
      <c r="HTV670" s="613"/>
      <c r="HTW670" s="613"/>
      <c r="HTX670" s="613"/>
      <c r="HTY670" s="613"/>
      <c r="HTZ670" s="613"/>
      <c r="HUA670" s="613"/>
      <c r="HUB670" s="613"/>
      <c r="HUC670" s="613"/>
      <c r="HUD670" s="613"/>
      <c r="HUE670" s="613"/>
      <c r="HUF670" s="613"/>
      <c r="HUG670" s="613"/>
      <c r="HUH670" s="613"/>
      <c r="HUI670" s="613"/>
      <c r="HUJ670" s="613"/>
      <c r="HUK670" s="613"/>
      <c r="HUL670" s="613"/>
      <c r="HUM670" s="613"/>
      <c r="HUN670" s="613"/>
      <c r="HUO670" s="613"/>
      <c r="HUP670" s="613"/>
      <c r="HUQ670" s="613"/>
      <c r="HUR670" s="613"/>
      <c r="HUS670" s="613"/>
      <c r="HUT670" s="613"/>
      <c r="HUU670" s="613"/>
      <c r="HUV670" s="613"/>
      <c r="HUW670" s="613"/>
      <c r="HUX670" s="613"/>
      <c r="HUY670" s="613"/>
      <c r="HUZ670" s="613"/>
      <c r="HVA670" s="613"/>
      <c r="HVB670" s="613"/>
      <c r="HVC670" s="613"/>
      <c r="HVD670" s="613"/>
      <c r="HVE670" s="613"/>
      <c r="HVF670" s="613"/>
      <c r="HVG670" s="613"/>
      <c r="HVH670" s="613"/>
      <c r="HVI670" s="613"/>
      <c r="HVJ670" s="613"/>
      <c r="HVK670" s="613"/>
      <c r="HVL670" s="613"/>
      <c r="HVM670" s="613"/>
      <c r="HVN670" s="613"/>
      <c r="HVO670" s="613"/>
      <c r="HVP670" s="613"/>
      <c r="HVQ670" s="613"/>
      <c r="HVR670" s="613"/>
      <c r="HVS670" s="613"/>
      <c r="HVT670" s="613"/>
      <c r="HVU670" s="613"/>
      <c r="HVV670" s="613"/>
      <c r="HVW670" s="613"/>
      <c r="HVX670" s="613"/>
      <c r="HVY670" s="613"/>
      <c r="HVZ670" s="613"/>
      <c r="HWA670" s="613"/>
      <c r="HWB670" s="613"/>
      <c r="HWC670" s="613"/>
      <c r="HWD670" s="613"/>
      <c r="HWE670" s="613"/>
      <c r="HWF670" s="613"/>
      <c r="HWG670" s="613"/>
      <c r="HWH670" s="613"/>
      <c r="HWI670" s="613"/>
      <c r="HWJ670" s="613"/>
      <c r="HWK670" s="613"/>
      <c r="HWL670" s="613"/>
      <c r="HWM670" s="613"/>
      <c r="HWN670" s="613"/>
      <c r="HWO670" s="613"/>
      <c r="HWP670" s="613"/>
      <c r="HWQ670" s="613"/>
      <c r="HWR670" s="613"/>
      <c r="HWS670" s="613"/>
      <c r="HWT670" s="613"/>
      <c r="HWU670" s="613"/>
      <c r="HWV670" s="613"/>
      <c r="HWW670" s="613"/>
      <c r="HWX670" s="613"/>
      <c r="HWY670" s="613"/>
      <c r="HWZ670" s="613"/>
      <c r="HXA670" s="613"/>
      <c r="HXB670" s="613"/>
      <c r="HXC670" s="613"/>
      <c r="HXD670" s="613"/>
      <c r="HXE670" s="613"/>
      <c r="HXF670" s="613"/>
      <c r="HXG670" s="613"/>
      <c r="HXH670" s="613"/>
      <c r="HXI670" s="613"/>
      <c r="HXJ670" s="613"/>
      <c r="HXK670" s="613"/>
      <c r="HXL670" s="613"/>
      <c r="HXM670" s="613"/>
      <c r="HXN670" s="613"/>
      <c r="HXO670" s="613"/>
      <c r="HXP670" s="613"/>
      <c r="HXQ670" s="613"/>
      <c r="HXR670" s="613"/>
      <c r="HXS670" s="613"/>
      <c r="HXT670" s="613"/>
      <c r="HXU670" s="613"/>
      <c r="HXV670" s="613"/>
      <c r="HXW670" s="613"/>
      <c r="HXX670" s="613"/>
      <c r="HXY670" s="613"/>
      <c r="HXZ670" s="613"/>
      <c r="HYA670" s="613"/>
      <c r="HYB670" s="613"/>
      <c r="HYC670" s="613"/>
      <c r="HYD670" s="613"/>
      <c r="HYE670" s="613"/>
      <c r="HYF670" s="613"/>
      <c r="HYG670" s="613"/>
      <c r="HYH670" s="613"/>
      <c r="HYI670" s="613"/>
      <c r="HYJ670" s="613"/>
      <c r="HYK670" s="613"/>
      <c r="HYL670" s="613"/>
      <c r="HYM670" s="613"/>
      <c r="HYN670" s="613"/>
      <c r="HYO670" s="613"/>
      <c r="HYP670" s="613"/>
      <c r="HYQ670" s="613"/>
      <c r="HYR670" s="613"/>
      <c r="HYS670" s="613"/>
      <c r="HYT670" s="613"/>
      <c r="HYU670" s="613"/>
      <c r="HYV670" s="613"/>
      <c r="HYW670" s="613"/>
      <c r="HYX670" s="613"/>
      <c r="HYY670" s="613"/>
      <c r="HYZ670" s="613"/>
      <c r="HZA670" s="613"/>
      <c r="HZB670" s="613"/>
      <c r="HZC670" s="613"/>
      <c r="HZD670" s="613"/>
      <c r="HZE670" s="613"/>
      <c r="HZF670" s="613"/>
      <c r="HZG670" s="613"/>
      <c r="HZH670" s="613"/>
      <c r="HZI670" s="613"/>
      <c r="HZJ670" s="613"/>
      <c r="HZK670" s="613"/>
      <c r="HZL670" s="613"/>
      <c r="HZM670" s="613"/>
      <c r="HZN670" s="613"/>
      <c r="HZO670" s="613"/>
      <c r="HZP670" s="613"/>
      <c r="HZQ670" s="613"/>
      <c r="HZR670" s="613"/>
      <c r="HZS670" s="613"/>
      <c r="HZT670" s="613"/>
      <c r="HZU670" s="613"/>
      <c r="HZV670" s="613"/>
      <c r="HZW670" s="613"/>
      <c r="HZX670" s="613"/>
      <c r="HZY670" s="613"/>
      <c r="HZZ670" s="613"/>
      <c r="IAA670" s="613"/>
      <c r="IAB670" s="613"/>
      <c r="IAC670" s="613"/>
      <c r="IAD670" s="613"/>
      <c r="IAE670" s="613"/>
      <c r="IAF670" s="613"/>
      <c r="IAG670" s="613"/>
      <c r="IAH670" s="613"/>
      <c r="IAI670" s="613"/>
      <c r="IAJ670" s="613"/>
      <c r="IAK670" s="613"/>
      <c r="IAL670" s="613"/>
      <c r="IAM670" s="613"/>
      <c r="IAN670" s="613"/>
      <c r="IAO670" s="613"/>
      <c r="IAP670" s="613"/>
      <c r="IAQ670" s="613"/>
      <c r="IAR670" s="613"/>
      <c r="IAS670" s="613"/>
      <c r="IAT670" s="613"/>
      <c r="IAU670" s="613"/>
      <c r="IAV670" s="613"/>
      <c r="IAW670" s="613"/>
      <c r="IAX670" s="613"/>
      <c r="IAY670" s="613"/>
      <c r="IAZ670" s="613"/>
      <c r="IBA670" s="613"/>
      <c r="IBB670" s="613"/>
      <c r="IBC670" s="613"/>
      <c r="IBD670" s="613"/>
      <c r="IBE670" s="613"/>
      <c r="IBF670" s="613"/>
      <c r="IBG670" s="613"/>
      <c r="IBH670" s="613"/>
      <c r="IBI670" s="613"/>
      <c r="IBJ670" s="613"/>
      <c r="IBK670" s="613"/>
      <c r="IBL670" s="613"/>
      <c r="IBM670" s="613"/>
      <c r="IBN670" s="613"/>
      <c r="IBO670" s="613"/>
      <c r="IBP670" s="613"/>
      <c r="IBQ670" s="613"/>
      <c r="IBR670" s="613"/>
      <c r="IBS670" s="613"/>
      <c r="IBT670" s="613"/>
      <c r="IBU670" s="613"/>
      <c r="IBV670" s="613"/>
      <c r="IBW670" s="613"/>
      <c r="IBX670" s="613"/>
      <c r="IBY670" s="613"/>
      <c r="IBZ670" s="613"/>
      <c r="ICA670" s="613"/>
      <c r="ICB670" s="613"/>
      <c r="ICC670" s="613"/>
      <c r="ICD670" s="613"/>
      <c r="ICE670" s="613"/>
      <c r="ICF670" s="613"/>
      <c r="ICG670" s="613"/>
      <c r="ICH670" s="613"/>
      <c r="ICI670" s="613"/>
      <c r="ICJ670" s="613"/>
      <c r="ICK670" s="613"/>
      <c r="ICL670" s="613"/>
      <c r="ICM670" s="613"/>
      <c r="ICN670" s="613"/>
      <c r="ICO670" s="613"/>
      <c r="ICP670" s="613"/>
      <c r="ICQ670" s="613"/>
      <c r="ICR670" s="613"/>
      <c r="ICS670" s="613"/>
      <c r="ICT670" s="613"/>
      <c r="ICU670" s="613"/>
      <c r="ICV670" s="613"/>
      <c r="ICW670" s="613"/>
      <c r="ICX670" s="613"/>
      <c r="ICY670" s="613"/>
      <c r="ICZ670" s="613"/>
      <c r="IDA670" s="613"/>
      <c r="IDB670" s="613"/>
      <c r="IDC670" s="613"/>
      <c r="IDD670" s="613"/>
      <c r="IDE670" s="613"/>
      <c r="IDF670" s="613"/>
      <c r="IDG670" s="613"/>
      <c r="IDH670" s="613"/>
      <c r="IDI670" s="613"/>
      <c r="IDJ670" s="613"/>
      <c r="IDK670" s="613"/>
      <c r="IDL670" s="613"/>
      <c r="IDM670" s="613"/>
      <c r="IDN670" s="613"/>
      <c r="IDO670" s="613"/>
      <c r="IDP670" s="613"/>
      <c r="IDQ670" s="613"/>
      <c r="IDR670" s="613"/>
      <c r="IDS670" s="613"/>
      <c r="IDT670" s="613"/>
      <c r="IDU670" s="613"/>
      <c r="IDV670" s="613"/>
      <c r="IDW670" s="613"/>
      <c r="IDX670" s="613"/>
      <c r="IDY670" s="613"/>
      <c r="IDZ670" s="613"/>
      <c r="IEA670" s="613"/>
      <c r="IEB670" s="613"/>
      <c r="IEC670" s="613"/>
      <c r="IED670" s="613"/>
      <c r="IEE670" s="613"/>
      <c r="IEF670" s="613"/>
      <c r="IEG670" s="613"/>
      <c r="IEH670" s="613"/>
      <c r="IEI670" s="613"/>
      <c r="IEJ670" s="613"/>
      <c r="IEK670" s="613"/>
      <c r="IEL670" s="613"/>
      <c r="IEM670" s="613"/>
      <c r="IEN670" s="613"/>
      <c r="IEO670" s="613"/>
      <c r="IEP670" s="613"/>
      <c r="IEQ670" s="613"/>
      <c r="IER670" s="613"/>
      <c r="IES670" s="613"/>
      <c r="IET670" s="613"/>
      <c r="IEU670" s="613"/>
      <c r="IEV670" s="613"/>
      <c r="IEW670" s="613"/>
      <c r="IEX670" s="613"/>
      <c r="IEY670" s="613"/>
      <c r="IEZ670" s="613"/>
      <c r="IFA670" s="613"/>
      <c r="IFB670" s="613"/>
      <c r="IFC670" s="613"/>
      <c r="IFD670" s="613"/>
      <c r="IFE670" s="613"/>
      <c r="IFF670" s="613"/>
      <c r="IFG670" s="613"/>
      <c r="IFH670" s="613"/>
      <c r="IFI670" s="613"/>
      <c r="IFJ670" s="613"/>
      <c r="IFK670" s="613"/>
      <c r="IFL670" s="613"/>
      <c r="IFM670" s="613"/>
      <c r="IFN670" s="613"/>
      <c r="IFO670" s="613"/>
      <c r="IFP670" s="613"/>
      <c r="IFQ670" s="613"/>
      <c r="IFR670" s="613"/>
      <c r="IFS670" s="613"/>
      <c r="IFT670" s="613"/>
      <c r="IFU670" s="613"/>
      <c r="IFV670" s="613"/>
      <c r="IFW670" s="613"/>
      <c r="IFX670" s="613"/>
      <c r="IFY670" s="613"/>
      <c r="IFZ670" s="613"/>
      <c r="IGA670" s="613"/>
      <c r="IGB670" s="613"/>
      <c r="IGC670" s="613"/>
      <c r="IGD670" s="613"/>
      <c r="IGE670" s="613"/>
      <c r="IGF670" s="613"/>
      <c r="IGG670" s="613"/>
      <c r="IGH670" s="613"/>
      <c r="IGI670" s="613"/>
      <c r="IGJ670" s="613"/>
      <c r="IGK670" s="613"/>
      <c r="IGL670" s="613"/>
      <c r="IGM670" s="613"/>
      <c r="IGN670" s="613"/>
      <c r="IGO670" s="613"/>
      <c r="IGP670" s="613"/>
      <c r="IGQ670" s="613"/>
      <c r="IGR670" s="613"/>
      <c r="IGS670" s="613"/>
      <c r="IGT670" s="613"/>
      <c r="IGU670" s="613"/>
      <c r="IGV670" s="613"/>
      <c r="IGW670" s="613"/>
      <c r="IGX670" s="613"/>
      <c r="IGY670" s="613"/>
      <c r="IGZ670" s="613"/>
      <c r="IHA670" s="613"/>
      <c r="IHB670" s="613"/>
      <c r="IHC670" s="613"/>
      <c r="IHD670" s="613"/>
      <c r="IHE670" s="613"/>
      <c r="IHF670" s="613"/>
      <c r="IHG670" s="613"/>
      <c r="IHH670" s="613"/>
      <c r="IHI670" s="613"/>
      <c r="IHJ670" s="613"/>
      <c r="IHK670" s="613"/>
      <c r="IHL670" s="613"/>
      <c r="IHM670" s="613"/>
      <c r="IHN670" s="613"/>
      <c r="IHO670" s="613"/>
      <c r="IHP670" s="613"/>
      <c r="IHQ670" s="613"/>
      <c r="IHR670" s="613"/>
      <c r="IHS670" s="613"/>
      <c r="IHT670" s="613"/>
      <c r="IHU670" s="613"/>
      <c r="IHV670" s="613"/>
      <c r="IHW670" s="613"/>
      <c r="IHX670" s="613"/>
      <c r="IHY670" s="613"/>
      <c r="IHZ670" s="613"/>
      <c r="IIA670" s="613"/>
      <c r="IIB670" s="613"/>
      <c r="IIC670" s="613"/>
      <c r="IID670" s="613"/>
      <c r="IIE670" s="613"/>
      <c r="IIF670" s="613"/>
      <c r="IIG670" s="613"/>
      <c r="IIH670" s="613"/>
      <c r="III670" s="613"/>
      <c r="IIJ670" s="613"/>
      <c r="IIK670" s="613"/>
      <c r="IIL670" s="613"/>
      <c r="IIM670" s="613"/>
      <c r="IIN670" s="613"/>
      <c r="IIO670" s="613"/>
      <c r="IIP670" s="613"/>
      <c r="IIQ670" s="613"/>
      <c r="IIR670" s="613"/>
      <c r="IIS670" s="613"/>
      <c r="IIT670" s="613"/>
      <c r="IIU670" s="613"/>
      <c r="IIV670" s="613"/>
      <c r="IIW670" s="613"/>
      <c r="IIX670" s="613"/>
      <c r="IIY670" s="613"/>
      <c r="IIZ670" s="613"/>
      <c r="IJA670" s="613"/>
      <c r="IJB670" s="613"/>
      <c r="IJC670" s="613"/>
      <c r="IJD670" s="613"/>
      <c r="IJE670" s="613"/>
      <c r="IJF670" s="613"/>
      <c r="IJG670" s="613"/>
      <c r="IJH670" s="613"/>
      <c r="IJI670" s="613"/>
      <c r="IJJ670" s="613"/>
      <c r="IJK670" s="613"/>
      <c r="IJL670" s="613"/>
      <c r="IJM670" s="613"/>
      <c r="IJN670" s="613"/>
      <c r="IJO670" s="613"/>
      <c r="IJP670" s="613"/>
      <c r="IJQ670" s="613"/>
      <c r="IJR670" s="613"/>
      <c r="IJS670" s="613"/>
      <c r="IJT670" s="613"/>
      <c r="IJU670" s="613"/>
      <c r="IJV670" s="613"/>
      <c r="IJW670" s="613"/>
      <c r="IJX670" s="613"/>
      <c r="IJY670" s="613"/>
      <c r="IJZ670" s="613"/>
      <c r="IKA670" s="613"/>
      <c r="IKB670" s="613"/>
      <c r="IKC670" s="613"/>
      <c r="IKD670" s="613"/>
      <c r="IKE670" s="613"/>
      <c r="IKF670" s="613"/>
      <c r="IKG670" s="613"/>
      <c r="IKH670" s="613"/>
      <c r="IKI670" s="613"/>
      <c r="IKJ670" s="613"/>
      <c r="IKK670" s="613"/>
      <c r="IKL670" s="613"/>
      <c r="IKM670" s="613"/>
      <c r="IKN670" s="613"/>
      <c r="IKO670" s="613"/>
      <c r="IKP670" s="613"/>
      <c r="IKQ670" s="613"/>
      <c r="IKR670" s="613"/>
      <c r="IKS670" s="613"/>
      <c r="IKT670" s="613"/>
      <c r="IKU670" s="613"/>
      <c r="IKV670" s="613"/>
      <c r="IKW670" s="613"/>
      <c r="IKX670" s="613"/>
      <c r="IKY670" s="613"/>
      <c r="IKZ670" s="613"/>
      <c r="ILA670" s="613"/>
      <c r="ILB670" s="613"/>
      <c r="ILC670" s="613"/>
      <c r="ILD670" s="613"/>
      <c r="ILE670" s="613"/>
      <c r="ILF670" s="613"/>
      <c r="ILG670" s="613"/>
      <c r="ILH670" s="613"/>
      <c r="ILI670" s="613"/>
      <c r="ILJ670" s="613"/>
      <c r="ILK670" s="613"/>
      <c r="ILL670" s="613"/>
      <c r="ILM670" s="613"/>
      <c r="ILN670" s="613"/>
      <c r="ILO670" s="613"/>
      <c r="ILP670" s="613"/>
      <c r="ILQ670" s="613"/>
      <c r="ILR670" s="613"/>
      <c r="ILS670" s="613"/>
      <c r="ILT670" s="613"/>
      <c r="ILU670" s="613"/>
      <c r="ILV670" s="613"/>
      <c r="ILW670" s="613"/>
      <c r="ILX670" s="613"/>
      <c r="ILY670" s="613"/>
      <c r="ILZ670" s="613"/>
      <c r="IMA670" s="613"/>
      <c r="IMB670" s="613"/>
      <c r="IMC670" s="613"/>
      <c r="IMD670" s="613"/>
      <c r="IME670" s="613"/>
      <c r="IMF670" s="613"/>
      <c r="IMG670" s="613"/>
      <c r="IMH670" s="613"/>
      <c r="IMI670" s="613"/>
      <c r="IMJ670" s="613"/>
      <c r="IMK670" s="613"/>
      <c r="IML670" s="613"/>
      <c r="IMM670" s="613"/>
      <c r="IMN670" s="613"/>
      <c r="IMO670" s="613"/>
      <c r="IMP670" s="613"/>
      <c r="IMQ670" s="613"/>
      <c r="IMR670" s="613"/>
      <c r="IMS670" s="613"/>
      <c r="IMT670" s="613"/>
      <c r="IMU670" s="613"/>
      <c r="IMV670" s="613"/>
      <c r="IMW670" s="613"/>
      <c r="IMX670" s="613"/>
      <c r="IMY670" s="613"/>
      <c r="IMZ670" s="613"/>
      <c r="INA670" s="613"/>
      <c r="INB670" s="613"/>
      <c r="INC670" s="613"/>
      <c r="IND670" s="613"/>
      <c r="INE670" s="613"/>
      <c r="INF670" s="613"/>
      <c r="ING670" s="613"/>
      <c r="INH670" s="613"/>
      <c r="INI670" s="613"/>
      <c r="INJ670" s="613"/>
      <c r="INK670" s="613"/>
      <c r="INL670" s="613"/>
      <c r="INM670" s="613"/>
      <c r="INN670" s="613"/>
      <c r="INO670" s="613"/>
      <c r="INP670" s="613"/>
      <c r="INQ670" s="613"/>
      <c r="INR670" s="613"/>
      <c r="INS670" s="613"/>
      <c r="INT670" s="613"/>
      <c r="INU670" s="613"/>
      <c r="INV670" s="613"/>
      <c r="INW670" s="613"/>
      <c r="INX670" s="613"/>
      <c r="INY670" s="613"/>
      <c r="INZ670" s="613"/>
      <c r="IOA670" s="613"/>
      <c r="IOB670" s="613"/>
      <c r="IOC670" s="613"/>
      <c r="IOD670" s="613"/>
      <c r="IOE670" s="613"/>
      <c r="IOF670" s="613"/>
      <c r="IOG670" s="613"/>
      <c r="IOH670" s="613"/>
      <c r="IOI670" s="613"/>
      <c r="IOJ670" s="613"/>
      <c r="IOK670" s="613"/>
      <c r="IOL670" s="613"/>
      <c r="IOM670" s="613"/>
      <c r="ION670" s="613"/>
      <c r="IOO670" s="613"/>
      <c r="IOP670" s="613"/>
      <c r="IOQ670" s="613"/>
      <c r="IOR670" s="613"/>
      <c r="IOS670" s="613"/>
      <c r="IOT670" s="613"/>
      <c r="IOU670" s="613"/>
      <c r="IOV670" s="613"/>
      <c r="IOW670" s="613"/>
      <c r="IOX670" s="613"/>
      <c r="IOY670" s="613"/>
      <c r="IOZ670" s="613"/>
      <c r="IPA670" s="613"/>
      <c r="IPB670" s="613"/>
      <c r="IPC670" s="613"/>
      <c r="IPD670" s="613"/>
      <c r="IPE670" s="613"/>
      <c r="IPF670" s="613"/>
      <c r="IPG670" s="613"/>
      <c r="IPH670" s="613"/>
      <c r="IPI670" s="613"/>
      <c r="IPJ670" s="613"/>
      <c r="IPK670" s="613"/>
      <c r="IPL670" s="613"/>
      <c r="IPM670" s="613"/>
      <c r="IPN670" s="613"/>
      <c r="IPO670" s="613"/>
      <c r="IPP670" s="613"/>
      <c r="IPQ670" s="613"/>
      <c r="IPR670" s="613"/>
      <c r="IPS670" s="613"/>
      <c r="IPT670" s="613"/>
      <c r="IPU670" s="613"/>
      <c r="IPV670" s="613"/>
      <c r="IPW670" s="613"/>
      <c r="IPX670" s="613"/>
      <c r="IPY670" s="613"/>
      <c r="IPZ670" s="613"/>
      <c r="IQA670" s="613"/>
      <c r="IQB670" s="613"/>
      <c r="IQC670" s="613"/>
      <c r="IQD670" s="613"/>
      <c r="IQE670" s="613"/>
      <c r="IQF670" s="613"/>
      <c r="IQG670" s="613"/>
      <c r="IQH670" s="613"/>
      <c r="IQI670" s="613"/>
      <c r="IQJ670" s="613"/>
      <c r="IQK670" s="613"/>
      <c r="IQL670" s="613"/>
      <c r="IQM670" s="613"/>
      <c r="IQN670" s="613"/>
      <c r="IQO670" s="613"/>
      <c r="IQP670" s="613"/>
      <c r="IQQ670" s="613"/>
      <c r="IQR670" s="613"/>
      <c r="IQS670" s="613"/>
      <c r="IQT670" s="613"/>
      <c r="IQU670" s="613"/>
      <c r="IQV670" s="613"/>
      <c r="IQW670" s="613"/>
      <c r="IQX670" s="613"/>
      <c r="IQY670" s="613"/>
      <c r="IQZ670" s="613"/>
      <c r="IRA670" s="613"/>
      <c r="IRB670" s="613"/>
      <c r="IRC670" s="613"/>
      <c r="IRD670" s="613"/>
      <c r="IRE670" s="613"/>
      <c r="IRF670" s="613"/>
      <c r="IRG670" s="613"/>
      <c r="IRH670" s="613"/>
      <c r="IRI670" s="613"/>
      <c r="IRJ670" s="613"/>
      <c r="IRK670" s="613"/>
      <c r="IRL670" s="613"/>
      <c r="IRM670" s="613"/>
      <c r="IRN670" s="613"/>
      <c r="IRO670" s="613"/>
      <c r="IRP670" s="613"/>
      <c r="IRQ670" s="613"/>
      <c r="IRR670" s="613"/>
      <c r="IRS670" s="613"/>
      <c r="IRT670" s="613"/>
      <c r="IRU670" s="613"/>
      <c r="IRV670" s="613"/>
      <c r="IRW670" s="613"/>
      <c r="IRX670" s="613"/>
      <c r="IRY670" s="613"/>
      <c r="IRZ670" s="613"/>
      <c r="ISA670" s="613"/>
      <c r="ISB670" s="613"/>
      <c r="ISC670" s="613"/>
      <c r="ISD670" s="613"/>
      <c r="ISE670" s="613"/>
      <c r="ISF670" s="613"/>
      <c r="ISG670" s="613"/>
      <c r="ISH670" s="613"/>
      <c r="ISI670" s="613"/>
      <c r="ISJ670" s="613"/>
      <c r="ISK670" s="613"/>
      <c r="ISL670" s="613"/>
      <c r="ISM670" s="613"/>
      <c r="ISN670" s="613"/>
      <c r="ISO670" s="613"/>
      <c r="ISP670" s="613"/>
      <c r="ISQ670" s="613"/>
      <c r="ISR670" s="613"/>
      <c r="ISS670" s="613"/>
      <c r="IST670" s="613"/>
      <c r="ISU670" s="613"/>
      <c r="ISV670" s="613"/>
      <c r="ISW670" s="613"/>
      <c r="ISX670" s="613"/>
      <c r="ISY670" s="613"/>
      <c r="ISZ670" s="613"/>
      <c r="ITA670" s="613"/>
      <c r="ITB670" s="613"/>
      <c r="ITC670" s="613"/>
      <c r="ITD670" s="613"/>
      <c r="ITE670" s="613"/>
      <c r="ITF670" s="613"/>
      <c r="ITG670" s="613"/>
      <c r="ITH670" s="613"/>
      <c r="ITI670" s="613"/>
      <c r="ITJ670" s="613"/>
      <c r="ITK670" s="613"/>
      <c r="ITL670" s="613"/>
      <c r="ITM670" s="613"/>
      <c r="ITN670" s="613"/>
      <c r="ITO670" s="613"/>
      <c r="ITP670" s="613"/>
      <c r="ITQ670" s="613"/>
      <c r="ITR670" s="613"/>
      <c r="ITS670" s="613"/>
      <c r="ITT670" s="613"/>
      <c r="ITU670" s="613"/>
      <c r="ITV670" s="613"/>
      <c r="ITW670" s="613"/>
      <c r="ITX670" s="613"/>
      <c r="ITY670" s="613"/>
      <c r="ITZ670" s="613"/>
      <c r="IUA670" s="613"/>
      <c r="IUB670" s="613"/>
      <c r="IUC670" s="613"/>
      <c r="IUD670" s="613"/>
      <c r="IUE670" s="613"/>
      <c r="IUF670" s="613"/>
      <c r="IUG670" s="613"/>
      <c r="IUH670" s="613"/>
      <c r="IUI670" s="613"/>
      <c r="IUJ670" s="613"/>
      <c r="IUK670" s="613"/>
      <c r="IUL670" s="613"/>
      <c r="IUM670" s="613"/>
      <c r="IUN670" s="613"/>
      <c r="IUO670" s="613"/>
      <c r="IUP670" s="613"/>
      <c r="IUQ670" s="613"/>
      <c r="IUR670" s="613"/>
      <c r="IUS670" s="613"/>
      <c r="IUT670" s="613"/>
      <c r="IUU670" s="613"/>
      <c r="IUV670" s="613"/>
      <c r="IUW670" s="613"/>
      <c r="IUX670" s="613"/>
      <c r="IUY670" s="613"/>
      <c r="IUZ670" s="613"/>
      <c r="IVA670" s="613"/>
      <c r="IVB670" s="613"/>
      <c r="IVC670" s="613"/>
      <c r="IVD670" s="613"/>
      <c r="IVE670" s="613"/>
      <c r="IVF670" s="613"/>
      <c r="IVG670" s="613"/>
      <c r="IVH670" s="613"/>
      <c r="IVI670" s="613"/>
      <c r="IVJ670" s="613"/>
      <c r="IVK670" s="613"/>
      <c r="IVL670" s="613"/>
      <c r="IVM670" s="613"/>
      <c r="IVN670" s="613"/>
      <c r="IVO670" s="613"/>
      <c r="IVP670" s="613"/>
      <c r="IVQ670" s="613"/>
      <c r="IVR670" s="613"/>
      <c r="IVS670" s="613"/>
      <c r="IVT670" s="613"/>
      <c r="IVU670" s="613"/>
      <c r="IVV670" s="613"/>
      <c r="IVW670" s="613"/>
      <c r="IVX670" s="613"/>
      <c r="IVY670" s="613"/>
      <c r="IVZ670" s="613"/>
      <c r="IWA670" s="613"/>
      <c r="IWB670" s="613"/>
      <c r="IWC670" s="613"/>
      <c r="IWD670" s="613"/>
      <c r="IWE670" s="613"/>
      <c r="IWF670" s="613"/>
      <c r="IWG670" s="613"/>
      <c r="IWH670" s="613"/>
      <c r="IWI670" s="613"/>
      <c r="IWJ670" s="613"/>
      <c r="IWK670" s="613"/>
      <c r="IWL670" s="613"/>
      <c r="IWM670" s="613"/>
      <c r="IWN670" s="613"/>
      <c r="IWO670" s="613"/>
      <c r="IWP670" s="613"/>
      <c r="IWQ670" s="613"/>
      <c r="IWR670" s="613"/>
      <c r="IWS670" s="613"/>
      <c r="IWT670" s="613"/>
      <c r="IWU670" s="613"/>
      <c r="IWV670" s="613"/>
      <c r="IWW670" s="613"/>
      <c r="IWX670" s="613"/>
      <c r="IWY670" s="613"/>
      <c r="IWZ670" s="613"/>
      <c r="IXA670" s="613"/>
      <c r="IXB670" s="613"/>
      <c r="IXC670" s="613"/>
      <c r="IXD670" s="613"/>
      <c r="IXE670" s="613"/>
      <c r="IXF670" s="613"/>
      <c r="IXG670" s="613"/>
      <c r="IXH670" s="613"/>
      <c r="IXI670" s="613"/>
      <c r="IXJ670" s="613"/>
      <c r="IXK670" s="613"/>
      <c r="IXL670" s="613"/>
      <c r="IXM670" s="613"/>
      <c r="IXN670" s="613"/>
      <c r="IXO670" s="613"/>
      <c r="IXP670" s="613"/>
      <c r="IXQ670" s="613"/>
      <c r="IXR670" s="613"/>
      <c r="IXS670" s="613"/>
      <c r="IXT670" s="613"/>
      <c r="IXU670" s="613"/>
      <c r="IXV670" s="613"/>
      <c r="IXW670" s="613"/>
      <c r="IXX670" s="613"/>
      <c r="IXY670" s="613"/>
      <c r="IXZ670" s="613"/>
      <c r="IYA670" s="613"/>
      <c r="IYB670" s="613"/>
      <c r="IYC670" s="613"/>
      <c r="IYD670" s="613"/>
      <c r="IYE670" s="613"/>
      <c r="IYF670" s="613"/>
      <c r="IYG670" s="613"/>
      <c r="IYH670" s="613"/>
      <c r="IYI670" s="613"/>
      <c r="IYJ670" s="613"/>
      <c r="IYK670" s="613"/>
      <c r="IYL670" s="613"/>
      <c r="IYM670" s="613"/>
      <c r="IYN670" s="613"/>
      <c r="IYO670" s="613"/>
      <c r="IYP670" s="613"/>
      <c r="IYQ670" s="613"/>
      <c r="IYR670" s="613"/>
      <c r="IYS670" s="613"/>
      <c r="IYT670" s="613"/>
      <c r="IYU670" s="613"/>
      <c r="IYV670" s="613"/>
      <c r="IYW670" s="613"/>
      <c r="IYX670" s="613"/>
      <c r="IYY670" s="613"/>
      <c r="IYZ670" s="613"/>
      <c r="IZA670" s="613"/>
      <c r="IZB670" s="613"/>
      <c r="IZC670" s="613"/>
      <c r="IZD670" s="613"/>
      <c r="IZE670" s="613"/>
      <c r="IZF670" s="613"/>
      <c r="IZG670" s="613"/>
      <c r="IZH670" s="613"/>
      <c r="IZI670" s="613"/>
      <c r="IZJ670" s="613"/>
      <c r="IZK670" s="613"/>
      <c r="IZL670" s="613"/>
      <c r="IZM670" s="613"/>
      <c r="IZN670" s="613"/>
      <c r="IZO670" s="613"/>
      <c r="IZP670" s="613"/>
      <c r="IZQ670" s="613"/>
      <c r="IZR670" s="613"/>
      <c r="IZS670" s="613"/>
      <c r="IZT670" s="613"/>
      <c r="IZU670" s="613"/>
      <c r="IZV670" s="613"/>
      <c r="IZW670" s="613"/>
      <c r="IZX670" s="613"/>
      <c r="IZY670" s="613"/>
      <c r="IZZ670" s="613"/>
      <c r="JAA670" s="613"/>
      <c r="JAB670" s="613"/>
      <c r="JAC670" s="613"/>
      <c r="JAD670" s="613"/>
      <c r="JAE670" s="613"/>
      <c r="JAF670" s="613"/>
      <c r="JAG670" s="613"/>
      <c r="JAH670" s="613"/>
      <c r="JAI670" s="613"/>
      <c r="JAJ670" s="613"/>
      <c r="JAK670" s="613"/>
      <c r="JAL670" s="613"/>
      <c r="JAM670" s="613"/>
      <c r="JAN670" s="613"/>
      <c r="JAO670" s="613"/>
      <c r="JAP670" s="613"/>
      <c r="JAQ670" s="613"/>
      <c r="JAR670" s="613"/>
      <c r="JAS670" s="613"/>
      <c r="JAT670" s="613"/>
      <c r="JAU670" s="613"/>
      <c r="JAV670" s="613"/>
      <c r="JAW670" s="613"/>
      <c r="JAX670" s="613"/>
      <c r="JAY670" s="613"/>
      <c r="JAZ670" s="613"/>
      <c r="JBA670" s="613"/>
      <c r="JBB670" s="613"/>
      <c r="JBC670" s="613"/>
      <c r="JBD670" s="613"/>
      <c r="JBE670" s="613"/>
      <c r="JBF670" s="613"/>
      <c r="JBG670" s="613"/>
      <c r="JBH670" s="613"/>
      <c r="JBI670" s="613"/>
      <c r="JBJ670" s="613"/>
      <c r="JBK670" s="613"/>
      <c r="JBL670" s="613"/>
      <c r="JBM670" s="613"/>
      <c r="JBN670" s="613"/>
      <c r="JBO670" s="613"/>
      <c r="JBP670" s="613"/>
      <c r="JBQ670" s="613"/>
      <c r="JBR670" s="613"/>
      <c r="JBS670" s="613"/>
      <c r="JBT670" s="613"/>
      <c r="JBU670" s="613"/>
      <c r="JBV670" s="613"/>
      <c r="JBW670" s="613"/>
      <c r="JBX670" s="613"/>
      <c r="JBY670" s="613"/>
      <c r="JBZ670" s="613"/>
      <c r="JCA670" s="613"/>
      <c r="JCB670" s="613"/>
      <c r="JCC670" s="613"/>
      <c r="JCD670" s="613"/>
      <c r="JCE670" s="613"/>
      <c r="JCF670" s="613"/>
      <c r="JCG670" s="613"/>
      <c r="JCH670" s="613"/>
      <c r="JCI670" s="613"/>
      <c r="JCJ670" s="613"/>
      <c r="JCK670" s="613"/>
      <c r="JCL670" s="613"/>
      <c r="JCM670" s="613"/>
      <c r="JCN670" s="613"/>
      <c r="JCO670" s="613"/>
      <c r="JCP670" s="613"/>
      <c r="JCQ670" s="613"/>
      <c r="JCR670" s="613"/>
      <c r="JCS670" s="613"/>
      <c r="JCT670" s="613"/>
      <c r="JCU670" s="613"/>
      <c r="JCV670" s="613"/>
      <c r="JCW670" s="613"/>
      <c r="JCX670" s="613"/>
      <c r="JCY670" s="613"/>
      <c r="JCZ670" s="613"/>
      <c r="JDA670" s="613"/>
      <c r="JDB670" s="613"/>
      <c r="JDC670" s="613"/>
      <c r="JDD670" s="613"/>
      <c r="JDE670" s="613"/>
      <c r="JDF670" s="613"/>
      <c r="JDG670" s="613"/>
      <c r="JDH670" s="613"/>
      <c r="JDI670" s="613"/>
      <c r="JDJ670" s="613"/>
      <c r="JDK670" s="613"/>
      <c r="JDL670" s="613"/>
      <c r="JDM670" s="613"/>
      <c r="JDN670" s="613"/>
      <c r="JDO670" s="613"/>
      <c r="JDP670" s="613"/>
      <c r="JDQ670" s="613"/>
      <c r="JDR670" s="613"/>
      <c r="JDS670" s="613"/>
      <c r="JDT670" s="613"/>
      <c r="JDU670" s="613"/>
      <c r="JDV670" s="613"/>
      <c r="JDW670" s="613"/>
      <c r="JDX670" s="613"/>
      <c r="JDY670" s="613"/>
      <c r="JDZ670" s="613"/>
      <c r="JEA670" s="613"/>
      <c r="JEB670" s="613"/>
      <c r="JEC670" s="613"/>
      <c r="JED670" s="613"/>
      <c r="JEE670" s="613"/>
      <c r="JEF670" s="613"/>
      <c r="JEG670" s="613"/>
      <c r="JEH670" s="613"/>
      <c r="JEI670" s="613"/>
      <c r="JEJ670" s="613"/>
      <c r="JEK670" s="613"/>
      <c r="JEL670" s="613"/>
      <c r="JEM670" s="613"/>
      <c r="JEN670" s="613"/>
      <c r="JEO670" s="613"/>
      <c r="JEP670" s="613"/>
      <c r="JEQ670" s="613"/>
      <c r="JER670" s="613"/>
      <c r="JES670" s="613"/>
      <c r="JET670" s="613"/>
      <c r="JEU670" s="613"/>
      <c r="JEV670" s="613"/>
      <c r="JEW670" s="613"/>
      <c r="JEX670" s="613"/>
      <c r="JEY670" s="613"/>
      <c r="JEZ670" s="613"/>
      <c r="JFA670" s="613"/>
      <c r="JFB670" s="613"/>
      <c r="JFC670" s="613"/>
      <c r="JFD670" s="613"/>
      <c r="JFE670" s="613"/>
      <c r="JFF670" s="613"/>
      <c r="JFG670" s="613"/>
      <c r="JFH670" s="613"/>
      <c r="JFI670" s="613"/>
      <c r="JFJ670" s="613"/>
      <c r="JFK670" s="613"/>
      <c r="JFL670" s="613"/>
      <c r="JFM670" s="613"/>
      <c r="JFN670" s="613"/>
      <c r="JFO670" s="613"/>
      <c r="JFP670" s="613"/>
      <c r="JFQ670" s="613"/>
      <c r="JFR670" s="613"/>
      <c r="JFS670" s="613"/>
      <c r="JFT670" s="613"/>
      <c r="JFU670" s="613"/>
      <c r="JFV670" s="613"/>
      <c r="JFW670" s="613"/>
      <c r="JFX670" s="613"/>
      <c r="JFY670" s="613"/>
      <c r="JFZ670" s="613"/>
      <c r="JGA670" s="613"/>
      <c r="JGB670" s="613"/>
      <c r="JGC670" s="613"/>
      <c r="JGD670" s="613"/>
      <c r="JGE670" s="613"/>
      <c r="JGF670" s="613"/>
      <c r="JGG670" s="613"/>
      <c r="JGH670" s="613"/>
      <c r="JGI670" s="613"/>
      <c r="JGJ670" s="613"/>
      <c r="JGK670" s="613"/>
      <c r="JGL670" s="613"/>
      <c r="JGM670" s="613"/>
      <c r="JGN670" s="613"/>
      <c r="JGO670" s="613"/>
      <c r="JGP670" s="613"/>
      <c r="JGQ670" s="613"/>
      <c r="JGR670" s="613"/>
      <c r="JGS670" s="613"/>
      <c r="JGT670" s="613"/>
      <c r="JGU670" s="613"/>
      <c r="JGV670" s="613"/>
      <c r="JGW670" s="613"/>
      <c r="JGX670" s="613"/>
      <c r="JGY670" s="613"/>
      <c r="JGZ670" s="613"/>
      <c r="JHA670" s="613"/>
      <c r="JHB670" s="613"/>
      <c r="JHC670" s="613"/>
      <c r="JHD670" s="613"/>
      <c r="JHE670" s="613"/>
      <c r="JHF670" s="613"/>
      <c r="JHG670" s="613"/>
      <c r="JHH670" s="613"/>
      <c r="JHI670" s="613"/>
      <c r="JHJ670" s="613"/>
      <c r="JHK670" s="613"/>
      <c r="JHL670" s="613"/>
      <c r="JHM670" s="613"/>
      <c r="JHN670" s="613"/>
      <c r="JHO670" s="613"/>
      <c r="JHP670" s="613"/>
      <c r="JHQ670" s="613"/>
      <c r="JHR670" s="613"/>
      <c r="JHS670" s="613"/>
      <c r="JHT670" s="613"/>
      <c r="JHU670" s="613"/>
      <c r="JHV670" s="613"/>
      <c r="JHW670" s="613"/>
      <c r="JHX670" s="613"/>
      <c r="JHY670" s="613"/>
      <c r="JHZ670" s="613"/>
      <c r="JIA670" s="613"/>
      <c r="JIB670" s="613"/>
      <c r="JIC670" s="613"/>
      <c r="JID670" s="613"/>
      <c r="JIE670" s="613"/>
      <c r="JIF670" s="613"/>
      <c r="JIG670" s="613"/>
      <c r="JIH670" s="613"/>
      <c r="JII670" s="613"/>
      <c r="JIJ670" s="613"/>
      <c r="JIK670" s="613"/>
      <c r="JIL670" s="613"/>
      <c r="JIM670" s="613"/>
      <c r="JIN670" s="613"/>
      <c r="JIO670" s="613"/>
      <c r="JIP670" s="613"/>
      <c r="JIQ670" s="613"/>
      <c r="JIR670" s="613"/>
      <c r="JIS670" s="613"/>
      <c r="JIT670" s="613"/>
      <c r="JIU670" s="613"/>
      <c r="JIV670" s="613"/>
      <c r="JIW670" s="613"/>
      <c r="JIX670" s="613"/>
      <c r="JIY670" s="613"/>
      <c r="JIZ670" s="613"/>
      <c r="JJA670" s="613"/>
      <c r="JJB670" s="613"/>
      <c r="JJC670" s="613"/>
      <c r="JJD670" s="613"/>
      <c r="JJE670" s="613"/>
      <c r="JJF670" s="613"/>
      <c r="JJG670" s="613"/>
      <c r="JJH670" s="613"/>
      <c r="JJI670" s="613"/>
      <c r="JJJ670" s="613"/>
      <c r="JJK670" s="613"/>
      <c r="JJL670" s="613"/>
      <c r="JJM670" s="613"/>
      <c r="JJN670" s="613"/>
      <c r="JJO670" s="613"/>
      <c r="JJP670" s="613"/>
      <c r="JJQ670" s="613"/>
      <c r="JJR670" s="613"/>
      <c r="JJS670" s="613"/>
      <c r="JJT670" s="613"/>
      <c r="JJU670" s="613"/>
      <c r="JJV670" s="613"/>
      <c r="JJW670" s="613"/>
      <c r="JJX670" s="613"/>
      <c r="JJY670" s="613"/>
      <c r="JJZ670" s="613"/>
      <c r="JKA670" s="613"/>
      <c r="JKB670" s="613"/>
      <c r="JKC670" s="613"/>
      <c r="JKD670" s="613"/>
      <c r="JKE670" s="613"/>
      <c r="JKF670" s="613"/>
      <c r="JKG670" s="613"/>
      <c r="JKH670" s="613"/>
      <c r="JKI670" s="613"/>
      <c r="JKJ670" s="613"/>
      <c r="JKK670" s="613"/>
      <c r="JKL670" s="613"/>
      <c r="JKM670" s="613"/>
      <c r="JKN670" s="613"/>
      <c r="JKO670" s="613"/>
      <c r="JKP670" s="613"/>
      <c r="JKQ670" s="613"/>
      <c r="JKR670" s="613"/>
      <c r="JKS670" s="613"/>
      <c r="JKT670" s="613"/>
      <c r="JKU670" s="613"/>
      <c r="JKV670" s="613"/>
      <c r="JKW670" s="613"/>
      <c r="JKX670" s="613"/>
      <c r="JKY670" s="613"/>
      <c r="JKZ670" s="613"/>
      <c r="JLA670" s="613"/>
      <c r="JLB670" s="613"/>
      <c r="JLC670" s="613"/>
      <c r="JLD670" s="613"/>
      <c r="JLE670" s="613"/>
      <c r="JLF670" s="613"/>
      <c r="JLG670" s="613"/>
      <c r="JLH670" s="613"/>
      <c r="JLI670" s="613"/>
      <c r="JLJ670" s="613"/>
      <c r="JLK670" s="613"/>
      <c r="JLL670" s="613"/>
      <c r="JLM670" s="613"/>
      <c r="JLN670" s="613"/>
      <c r="JLO670" s="613"/>
      <c r="JLP670" s="613"/>
      <c r="JLQ670" s="613"/>
      <c r="JLR670" s="613"/>
      <c r="JLS670" s="613"/>
      <c r="JLT670" s="613"/>
      <c r="JLU670" s="613"/>
      <c r="JLV670" s="613"/>
      <c r="JLW670" s="613"/>
      <c r="JLX670" s="613"/>
      <c r="JLY670" s="613"/>
      <c r="JLZ670" s="613"/>
      <c r="JMA670" s="613"/>
      <c r="JMB670" s="613"/>
      <c r="JMC670" s="613"/>
      <c r="JMD670" s="613"/>
      <c r="JME670" s="613"/>
      <c r="JMF670" s="613"/>
      <c r="JMG670" s="613"/>
      <c r="JMH670" s="613"/>
      <c r="JMI670" s="613"/>
      <c r="JMJ670" s="613"/>
      <c r="JMK670" s="613"/>
      <c r="JML670" s="613"/>
      <c r="JMM670" s="613"/>
      <c r="JMN670" s="613"/>
      <c r="JMO670" s="613"/>
      <c r="JMP670" s="613"/>
      <c r="JMQ670" s="613"/>
      <c r="JMR670" s="613"/>
      <c r="JMS670" s="613"/>
      <c r="JMT670" s="613"/>
      <c r="JMU670" s="613"/>
      <c r="JMV670" s="613"/>
      <c r="JMW670" s="613"/>
      <c r="JMX670" s="613"/>
      <c r="JMY670" s="613"/>
      <c r="JMZ670" s="613"/>
      <c r="JNA670" s="613"/>
      <c r="JNB670" s="613"/>
      <c r="JNC670" s="613"/>
      <c r="JND670" s="613"/>
      <c r="JNE670" s="613"/>
      <c r="JNF670" s="613"/>
      <c r="JNG670" s="613"/>
      <c r="JNH670" s="613"/>
      <c r="JNI670" s="613"/>
      <c r="JNJ670" s="613"/>
      <c r="JNK670" s="613"/>
      <c r="JNL670" s="613"/>
      <c r="JNM670" s="613"/>
      <c r="JNN670" s="613"/>
      <c r="JNO670" s="613"/>
      <c r="JNP670" s="613"/>
      <c r="JNQ670" s="613"/>
      <c r="JNR670" s="613"/>
      <c r="JNS670" s="613"/>
      <c r="JNT670" s="613"/>
      <c r="JNU670" s="613"/>
      <c r="JNV670" s="613"/>
      <c r="JNW670" s="613"/>
      <c r="JNX670" s="613"/>
      <c r="JNY670" s="613"/>
      <c r="JNZ670" s="613"/>
      <c r="JOA670" s="613"/>
      <c r="JOB670" s="613"/>
      <c r="JOC670" s="613"/>
      <c r="JOD670" s="613"/>
      <c r="JOE670" s="613"/>
      <c r="JOF670" s="613"/>
      <c r="JOG670" s="613"/>
      <c r="JOH670" s="613"/>
      <c r="JOI670" s="613"/>
      <c r="JOJ670" s="613"/>
      <c r="JOK670" s="613"/>
      <c r="JOL670" s="613"/>
      <c r="JOM670" s="613"/>
      <c r="JON670" s="613"/>
      <c r="JOO670" s="613"/>
      <c r="JOP670" s="613"/>
      <c r="JOQ670" s="613"/>
      <c r="JOR670" s="613"/>
      <c r="JOS670" s="613"/>
      <c r="JOT670" s="613"/>
      <c r="JOU670" s="613"/>
      <c r="JOV670" s="613"/>
      <c r="JOW670" s="613"/>
      <c r="JOX670" s="613"/>
      <c r="JOY670" s="613"/>
      <c r="JOZ670" s="613"/>
      <c r="JPA670" s="613"/>
      <c r="JPB670" s="613"/>
      <c r="JPC670" s="613"/>
      <c r="JPD670" s="613"/>
      <c r="JPE670" s="613"/>
      <c r="JPF670" s="613"/>
      <c r="JPG670" s="613"/>
      <c r="JPH670" s="613"/>
      <c r="JPI670" s="613"/>
      <c r="JPJ670" s="613"/>
      <c r="JPK670" s="613"/>
      <c r="JPL670" s="613"/>
      <c r="JPM670" s="613"/>
      <c r="JPN670" s="613"/>
      <c r="JPO670" s="613"/>
      <c r="JPP670" s="613"/>
      <c r="JPQ670" s="613"/>
      <c r="JPR670" s="613"/>
      <c r="JPS670" s="613"/>
      <c r="JPT670" s="613"/>
      <c r="JPU670" s="613"/>
      <c r="JPV670" s="613"/>
      <c r="JPW670" s="613"/>
      <c r="JPX670" s="613"/>
      <c r="JPY670" s="613"/>
      <c r="JPZ670" s="613"/>
      <c r="JQA670" s="613"/>
      <c r="JQB670" s="613"/>
      <c r="JQC670" s="613"/>
      <c r="JQD670" s="613"/>
      <c r="JQE670" s="613"/>
      <c r="JQF670" s="613"/>
      <c r="JQG670" s="613"/>
      <c r="JQH670" s="613"/>
      <c r="JQI670" s="613"/>
      <c r="JQJ670" s="613"/>
      <c r="JQK670" s="613"/>
      <c r="JQL670" s="613"/>
      <c r="JQM670" s="613"/>
      <c r="JQN670" s="613"/>
      <c r="JQO670" s="613"/>
      <c r="JQP670" s="613"/>
      <c r="JQQ670" s="613"/>
      <c r="JQR670" s="613"/>
      <c r="JQS670" s="613"/>
      <c r="JQT670" s="613"/>
      <c r="JQU670" s="613"/>
      <c r="JQV670" s="613"/>
      <c r="JQW670" s="613"/>
      <c r="JQX670" s="613"/>
      <c r="JQY670" s="613"/>
      <c r="JQZ670" s="613"/>
      <c r="JRA670" s="613"/>
      <c r="JRB670" s="613"/>
      <c r="JRC670" s="613"/>
      <c r="JRD670" s="613"/>
      <c r="JRE670" s="613"/>
      <c r="JRF670" s="613"/>
      <c r="JRG670" s="613"/>
      <c r="JRH670" s="613"/>
      <c r="JRI670" s="613"/>
      <c r="JRJ670" s="613"/>
      <c r="JRK670" s="613"/>
      <c r="JRL670" s="613"/>
      <c r="JRM670" s="613"/>
      <c r="JRN670" s="613"/>
      <c r="JRO670" s="613"/>
      <c r="JRP670" s="613"/>
      <c r="JRQ670" s="613"/>
      <c r="JRR670" s="613"/>
      <c r="JRS670" s="613"/>
      <c r="JRT670" s="613"/>
      <c r="JRU670" s="613"/>
      <c r="JRV670" s="613"/>
      <c r="JRW670" s="613"/>
      <c r="JRX670" s="613"/>
      <c r="JRY670" s="613"/>
      <c r="JRZ670" s="613"/>
      <c r="JSA670" s="613"/>
      <c r="JSB670" s="613"/>
      <c r="JSC670" s="613"/>
      <c r="JSD670" s="613"/>
      <c r="JSE670" s="613"/>
      <c r="JSF670" s="613"/>
      <c r="JSG670" s="613"/>
      <c r="JSH670" s="613"/>
      <c r="JSI670" s="613"/>
      <c r="JSJ670" s="613"/>
      <c r="JSK670" s="613"/>
      <c r="JSL670" s="613"/>
      <c r="JSM670" s="613"/>
      <c r="JSN670" s="613"/>
      <c r="JSO670" s="613"/>
      <c r="JSP670" s="613"/>
      <c r="JSQ670" s="613"/>
      <c r="JSR670" s="613"/>
      <c r="JSS670" s="613"/>
      <c r="JST670" s="613"/>
      <c r="JSU670" s="613"/>
      <c r="JSV670" s="613"/>
      <c r="JSW670" s="613"/>
      <c r="JSX670" s="613"/>
      <c r="JSY670" s="613"/>
      <c r="JSZ670" s="613"/>
      <c r="JTA670" s="613"/>
      <c r="JTB670" s="613"/>
      <c r="JTC670" s="613"/>
      <c r="JTD670" s="613"/>
      <c r="JTE670" s="613"/>
      <c r="JTF670" s="613"/>
      <c r="JTG670" s="613"/>
      <c r="JTH670" s="613"/>
      <c r="JTI670" s="613"/>
      <c r="JTJ670" s="613"/>
      <c r="JTK670" s="613"/>
      <c r="JTL670" s="613"/>
      <c r="JTM670" s="613"/>
      <c r="JTN670" s="613"/>
      <c r="JTO670" s="613"/>
      <c r="JTP670" s="613"/>
      <c r="JTQ670" s="613"/>
      <c r="JTR670" s="613"/>
      <c r="JTS670" s="613"/>
      <c r="JTT670" s="613"/>
      <c r="JTU670" s="613"/>
      <c r="JTV670" s="613"/>
      <c r="JTW670" s="613"/>
      <c r="JTX670" s="613"/>
      <c r="JTY670" s="613"/>
      <c r="JTZ670" s="613"/>
      <c r="JUA670" s="613"/>
      <c r="JUB670" s="613"/>
      <c r="JUC670" s="613"/>
      <c r="JUD670" s="613"/>
      <c r="JUE670" s="613"/>
      <c r="JUF670" s="613"/>
      <c r="JUG670" s="613"/>
      <c r="JUH670" s="613"/>
      <c r="JUI670" s="613"/>
      <c r="JUJ670" s="613"/>
      <c r="JUK670" s="613"/>
      <c r="JUL670" s="613"/>
      <c r="JUM670" s="613"/>
      <c r="JUN670" s="613"/>
      <c r="JUO670" s="613"/>
      <c r="JUP670" s="613"/>
      <c r="JUQ670" s="613"/>
      <c r="JUR670" s="613"/>
      <c r="JUS670" s="613"/>
      <c r="JUT670" s="613"/>
      <c r="JUU670" s="613"/>
      <c r="JUV670" s="613"/>
      <c r="JUW670" s="613"/>
      <c r="JUX670" s="613"/>
      <c r="JUY670" s="613"/>
      <c r="JUZ670" s="613"/>
      <c r="JVA670" s="613"/>
      <c r="JVB670" s="613"/>
      <c r="JVC670" s="613"/>
      <c r="JVD670" s="613"/>
      <c r="JVE670" s="613"/>
      <c r="JVF670" s="613"/>
      <c r="JVG670" s="613"/>
      <c r="JVH670" s="613"/>
      <c r="JVI670" s="613"/>
      <c r="JVJ670" s="613"/>
      <c r="JVK670" s="613"/>
      <c r="JVL670" s="613"/>
      <c r="JVM670" s="613"/>
      <c r="JVN670" s="613"/>
      <c r="JVO670" s="613"/>
      <c r="JVP670" s="613"/>
      <c r="JVQ670" s="613"/>
      <c r="JVR670" s="613"/>
      <c r="JVS670" s="613"/>
      <c r="JVT670" s="613"/>
      <c r="JVU670" s="613"/>
      <c r="JVV670" s="613"/>
      <c r="JVW670" s="613"/>
      <c r="JVX670" s="613"/>
      <c r="JVY670" s="613"/>
      <c r="JVZ670" s="613"/>
      <c r="JWA670" s="613"/>
      <c r="JWB670" s="613"/>
      <c r="JWC670" s="613"/>
      <c r="JWD670" s="613"/>
      <c r="JWE670" s="613"/>
      <c r="JWF670" s="613"/>
      <c r="JWG670" s="613"/>
      <c r="JWH670" s="613"/>
      <c r="JWI670" s="613"/>
      <c r="JWJ670" s="613"/>
      <c r="JWK670" s="613"/>
      <c r="JWL670" s="613"/>
      <c r="JWM670" s="613"/>
      <c r="JWN670" s="613"/>
      <c r="JWO670" s="613"/>
      <c r="JWP670" s="613"/>
      <c r="JWQ670" s="613"/>
      <c r="JWR670" s="613"/>
      <c r="JWS670" s="613"/>
      <c r="JWT670" s="613"/>
      <c r="JWU670" s="613"/>
      <c r="JWV670" s="613"/>
      <c r="JWW670" s="613"/>
      <c r="JWX670" s="613"/>
      <c r="JWY670" s="613"/>
      <c r="JWZ670" s="613"/>
      <c r="JXA670" s="613"/>
      <c r="JXB670" s="613"/>
      <c r="JXC670" s="613"/>
      <c r="JXD670" s="613"/>
      <c r="JXE670" s="613"/>
      <c r="JXF670" s="613"/>
      <c r="JXG670" s="613"/>
      <c r="JXH670" s="613"/>
      <c r="JXI670" s="613"/>
      <c r="JXJ670" s="613"/>
      <c r="JXK670" s="613"/>
      <c r="JXL670" s="613"/>
      <c r="JXM670" s="613"/>
      <c r="JXN670" s="613"/>
      <c r="JXO670" s="613"/>
      <c r="JXP670" s="613"/>
      <c r="JXQ670" s="613"/>
      <c r="JXR670" s="613"/>
      <c r="JXS670" s="613"/>
      <c r="JXT670" s="613"/>
      <c r="JXU670" s="613"/>
      <c r="JXV670" s="613"/>
      <c r="JXW670" s="613"/>
      <c r="JXX670" s="613"/>
      <c r="JXY670" s="613"/>
      <c r="JXZ670" s="613"/>
      <c r="JYA670" s="613"/>
      <c r="JYB670" s="613"/>
      <c r="JYC670" s="613"/>
      <c r="JYD670" s="613"/>
      <c r="JYE670" s="613"/>
      <c r="JYF670" s="613"/>
      <c r="JYG670" s="613"/>
      <c r="JYH670" s="613"/>
      <c r="JYI670" s="613"/>
      <c r="JYJ670" s="613"/>
      <c r="JYK670" s="613"/>
      <c r="JYL670" s="613"/>
      <c r="JYM670" s="613"/>
      <c r="JYN670" s="613"/>
      <c r="JYO670" s="613"/>
      <c r="JYP670" s="613"/>
      <c r="JYQ670" s="613"/>
      <c r="JYR670" s="613"/>
      <c r="JYS670" s="613"/>
      <c r="JYT670" s="613"/>
      <c r="JYU670" s="613"/>
      <c r="JYV670" s="613"/>
      <c r="JYW670" s="613"/>
      <c r="JYX670" s="613"/>
      <c r="JYY670" s="613"/>
      <c r="JYZ670" s="613"/>
      <c r="JZA670" s="613"/>
      <c r="JZB670" s="613"/>
      <c r="JZC670" s="613"/>
      <c r="JZD670" s="613"/>
      <c r="JZE670" s="613"/>
      <c r="JZF670" s="613"/>
      <c r="JZG670" s="613"/>
      <c r="JZH670" s="613"/>
      <c r="JZI670" s="613"/>
      <c r="JZJ670" s="613"/>
      <c r="JZK670" s="613"/>
      <c r="JZL670" s="613"/>
      <c r="JZM670" s="613"/>
      <c r="JZN670" s="613"/>
      <c r="JZO670" s="613"/>
      <c r="JZP670" s="613"/>
      <c r="JZQ670" s="613"/>
      <c r="JZR670" s="613"/>
      <c r="JZS670" s="613"/>
      <c r="JZT670" s="613"/>
      <c r="JZU670" s="613"/>
      <c r="JZV670" s="613"/>
      <c r="JZW670" s="613"/>
      <c r="JZX670" s="613"/>
      <c r="JZY670" s="613"/>
      <c r="JZZ670" s="613"/>
      <c r="KAA670" s="613"/>
      <c r="KAB670" s="613"/>
      <c r="KAC670" s="613"/>
      <c r="KAD670" s="613"/>
      <c r="KAE670" s="613"/>
      <c r="KAF670" s="613"/>
      <c r="KAG670" s="613"/>
      <c r="KAH670" s="613"/>
      <c r="KAI670" s="613"/>
      <c r="KAJ670" s="613"/>
      <c r="KAK670" s="613"/>
      <c r="KAL670" s="613"/>
      <c r="KAM670" s="613"/>
      <c r="KAN670" s="613"/>
      <c r="KAO670" s="613"/>
      <c r="KAP670" s="613"/>
      <c r="KAQ670" s="613"/>
      <c r="KAR670" s="613"/>
      <c r="KAS670" s="613"/>
      <c r="KAT670" s="613"/>
      <c r="KAU670" s="613"/>
      <c r="KAV670" s="613"/>
      <c r="KAW670" s="613"/>
      <c r="KAX670" s="613"/>
      <c r="KAY670" s="613"/>
      <c r="KAZ670" s="613"/>
      <c r="KBA670" s="613"/>
      <c r="KBB670" s="613"/>
      <c r="KBC670" s="613"/>
      <c r="KBD670" s="613"/>
      <c r="KBE670" s="613"/>
      <c r="KBF670" s="613"/>
      <c r="KBG670" s="613"/>
      <c r="KBH670" s="613"/>
      <c r="KBI670" s="613"/>
      <c r="KBJ670" s="613"/>
      <c r="KBK670" s="613"/>
      <c r="KBL670" s="613"/>
      <c r="KBM670" s="613"/>
      <c r="KBN670" s="613"/>
      <c r="KBO670" s="613"/>
      <c r="KBP670" s="613"/>
      <c r="KBQ670" s="613"/>
      <c r="KBR670" s="613"/>
      <c r="KBS670" s="613"/>
      <c r="KBT670" s="613"/>
      <c r="KBU670" s="613"/>
      <c r="KBV670" s="613"/>
      <c r="KBW670" s="613"/>
      <c r="KBX670" s="613"/>
      <c r="KBY670" s="613"/>
      <c r="KBZ670" s="613"/>
      <c r="KCA670" s="613"/>
      <c r="KCB670" s="613"/>
      <c r="KCC670" s="613"/>
      <c r="KCD670" s="613"/>
      <c r="KCE670" s="613"/>
      <c r="KCF670" s="613"/>
      <c r="KCG670" s="613"/>
      <c r="KCH670" s="613"/>
      <c r="KCI670" s="613"/>
      <c r="KCJ670" s="613"/>
      <c r="KCK670" s="613"/>
      <c r="KCL670" s="613"/>
      <c r="KCM670" s="613"/>
      <c r="KCN670" s="613"/>
      <c r="KCO670" s="613"/>
      <c r="KCP670" s="613"/>
      <c r="KCQ670" s="613"/>
      <c r="KCR670" s="613"/>
      <c r="KCS670" s="613"/>
      <c r="KCT670" s="613"/>
      <c r="KCU670" s="613"/>
      <c r="KCV670" s="613"/>
      <c r="KCW670" s="613"/>
      <c r="KCX670" s="613"/>
      <c r="KCY670" s="613"/>
      <c r="KCZ670" s="613"/>
      <c r="KDA670" s="613"/>
      <c r="KDB670" s="613"/>
      <c r="KDC670" s="613"/>
      <c r="KDD670" s="613"/>
      <c r="KDE670" s="613"/>
      <c r="KDF670" s="613"/>
      <c r="KDG670" s="613"/>
      <c r="KDH670" s="613"/>
      <c r="KDI670" s="613"/>
      <c r="KDJ670" s="613"/>
      <c r="KDK670" s="613"/>
      <c r="KDL670" s="613"/>
      <c r="KDM670" s="613"/>
      <c r="KDN670" s="613"/>
      <c r="KDO670" s="613"/>
      <c r="KDP670" s="613"/>
      <c r="KDQ670" s="613"/>
      <c r="KDR670" s="613"/>
      <c r="KDS670" s="613"/>
      <c r="KDT670" s="613"/>
      <c r="KDU670" s="613"/>
      <c r="KDV670" s="613"/>
      <c r="KDW670" s="613"/>
      <c r="KDX670" s="613"/>
      <c r="KDY670" s="613"/>
      <c r="KDZ670" s="613"/>
      <c r="KEA670" s="613"/>
      <c r="KEB670" s="613"/>
      <c r="KEC670" s="613"/>
      <c r="KED670" s="613"/>
      <c r="KEE670" s="613"/>
      <c r="KEF670" s="613"/>
      <c r="KEG670" s="613"/>
      <c r="KEH670" s="613"/>
      <c r="KEI670" s="613"/>
      <c r="KEJ670" s="613"/>
      <c r="KEK670" s="613"/>
      <c r="KEL670" s="613"/>
      <c r="KEM670" s="613"/>
      <c r="KEN670" s="613"/>
      <c r="KEO670" s="613"/>
      <c r="KEP670" s="613"/>
      <c r="KEQ670" s="613"/>
      <c r="KER670" s="613"/>
      <c r="KES670" s="613"/>
      <c r="KET670" s="613"/>
      <c r="KEU670" s="613"/>
      <c r="KEV670" s="613"/>
      <c r="KEW670" s="613"/>
      <c r="KEX670" s="613"/>
      <c r="KEY670" s="613"/>
      <c r="KEZ670" s="613"/>
      <c r="KFA670" s="613"/>
      <c r="KFB670" s="613"/>
      <c r="KFC670" s="613"/>
      <c r="KFD670" s="613"/>
      <c r="KFE670" s="613"/>
      <c r="KFF670" s="613"/>
      <c r="KFG670" s="613"/>
      <c r="KFH670" s="613"/>
      <c r="KFI670" s="613"/>
      <c r="KFJ670" s="613"/>
      <c r="KFK670" s="613"/>
      <c r="KFL670" s="613"/>
      <c r="KFM670" s="613"/>
      <c r="KFN670" s="613"/>
      <c r="KFO670" s="613"/>
      <c r="KFP670" s="613"/>
      <c r="KFQ670" s="613"/>
      <c r="KFR670" s="613"/>
      <c r="KFS670" s="613"/>
      <c r="KFT670" s="613"/>
      <c r="KFU670" s="613"/>
      <c r="KFV670" s="613"/>
      <c r="KFW670" s="613"/>
      <c r="KFX670" s="613"/>
      <c r="KFY670" s="613"/>
      <c r="KFZ670" s="613"/>
      <c r="KGA670" s="613"/>
      <c r="KGB670" s="613"/>
      <c r="KGC670" s="613"/>
      <c r="KGD670" s="613"/>
      <c r="KGE670" s="613"/>
      <c r="KGF670" s="613"/>
      <c r="KGG670" s="613"/>
      <c r="KGH670" s="613"/>
      <c r="KGI670" s="613"/>
      <c r="KGJ670" s="613"/>
      <c r="KGK670" s="613"/>
      <c r="KGL670" s="613"/>
      <c r="KGM670" s="613"/>
      <c r="KGN670" s="613"/>
      <c r="KGO670" s="613"/>
      <c r="KGP670" s="613"/>
      <c r="KGQ670" s="613"/>
      <c r="KGR670" s="613"/>
      <c r="KGS670" s="613"/>
      <c r="KGT670" s="613"/>
      <c r="KGU670" s="613"/>
      <c r="KGV670" s="613"/>
      <c r="KGW670" s="613"/>
      <c r="KGX670" s="613"/>
      <c r="KGY670" s="613"/>
      <c r="KGZ670" s="613"/>
      <c r="KHA670" s="613"/>
      <c r="KHB670" s="613"/>
      <c r="KHC670" s="613"/>
      <c r="KHD670" s="613"/>
      <c r="KHE670" s="613"/>
      <c r="KHF670" s="613"/>
      <c r="KHG670" s="613"/>
      <c r="KHH670" s="613"/>
      <c r="KHI670" s="613"/>
      <c r="KHJ670" s="613"/>
      <c r="KHK670" s="613"/>
      <c r="KHL670" s="613"/>
      <c r="KHM670" s="613"/>
      <c r="KHN670" s="613"/>
      <c r="KHO670" s="613"/>
      <c r="KHP670" s="613"/>
      <c r="KHQ670" s="613"/>
      <c r="KHR670" s="613"/>
      <c r="KHS670" s="613"/>
      <c r="KHT670" s="613"/>
      <c r="KHU670" s="613"/>
      <c r="KHV670" s="613"/>
      <c r="KHW670" s="613"/>
      <c r="KHX670" s="613"/>
      <c r="KHY670" s="613"/>
      <c r="KHZ670" s="613"/>
      <c r="KIA670" s="613"/>
      <c r="KIB670" s="613"/>
      <c r="KIC670" s="613"/>
      <c r="KID670" s="613"/>
      <c r="KIE670" s="613"/>
      <c r="KIF670" s="613"/>
      <c r="KIG670" s="613"/>
      <c r="KIH670" s="613"/>
      <c r="KII670" s="613"/>
      <c r="KIJ670" s="613"/>
      <c r="KIK670" s="613"/>
      <c r="KIL670" s="613"/>
      <c r="KIM670" s="613"/>
      <c r="KIN670" s="613"/>
      <c r="KIO670" s="613"/>
      <c r="KIP670" s="613"/>
      <c r="KIQ670" s="613"/>
      <c r="KIR670" s="613"/>
      <c r="KIS670" s="613"/>
      <c r="KIT670" s="613"/>
      <c r="KIU670" s="613"/>
      <c r="KIV670" s="613"/>
      <c r="KIW670" s="613"/>
      <c r="KIX670" s="613"/>
      <c r="KIY670" s="613"/>
      <c r="KIZ670" s="613"/>
      <c r="KJA670" s="613"/>
      <c r="KJB670" s="613"/>
      <c r="KJC670" s="613"/>
      <c r="KJD670" s="613"/>
      <c r="KJE670" s="613"/>
      <c r="KJF670" s="613"/>
      <c r="KJG670" s="613"/>
      <c r="KJH670" s="613"/>
      <c r="KJI670" s="613"/>
      <c r="KJJ670" s="613"/>
      <c r="KJK670" s="613"/>
      <c r="KJL670" s="613"/>
      <c r="KJM670" s="613"/>
      <c r="KJN670" s="613"/>
      <c r="KJO670" s="613"/>
      <c r="KJP670" s="613"/>
      <c r="KJQ670" s="613"/>
      <c r="KJR670" s="613"/>
      <c r="KJS670" s="613"/>
      <c r="KJT670" s="613"/>
      <c r="KJU670" s="613"/>
      <c r="KJV670" s="613"/>
      <c r="KJW670" s="613"/>
      <c r="KJX670" s="613"/>
      <c r="KJY670" s="613"/>
      <c r="KJZ670" s="613"/>
      <c r="KKA670" s="613"/>
      <c r="KKB670" s="613"/>
      <c r="KKC670" s="613"/>
      <c r="KKD670" s="613"/>
      <c r="KKE670" s="613"/>
      <c r="KKF670" s="613"/>
      <c r="KKG670" s="613"/>
      <c r="KKH670" s="613"/>
      <c r="KKI670" s="613"/>
      <c r="KKJ670" s="613"/>
      <c r="KKK670" s="613"/>
      <c r="KKL670" s="613"/>
      <c r="KKM670" s="613"/>
      <c r="KKN670" s="613"/>
      <c r="KKO670" s="613"/>
      <c r="KKP670" s="613"/>
      <c r="KKQ670" s="613"/>
      <c r="KKR670" s="613"/>
      <c r="KKS670" s="613"/>
      <c r="KKT670" s="613"/>
      <c r="KKU670" s="613"/>
      <c r="KKV670" s="613"/>
      <c r="KKW670" s="613"/>
      <c r="KKX670" s="613"/>
      <c r="KKY670" s="613"/>
      <c r="KKZ670" s="613"/>
      <c r="KLA670" s="613"/>
      <c r="KLB670" s="613"/>
      <c r="KLC670" s="613"/>
      <c r="KLD670" s="613"/>
      <c r="KLE670" s="613"/>
      <c r="KLF670" s="613"/>
      <c r="KLG670" s="613"/>
      <c r="KLH670" s="613"/>
      <c r="KLI670" s="613"/>
      <c r="KLJ670" s="613"/>
      <c r="KLK670" s="613"/>
      <c r="KLL670" s="613"/>
      <c r="KLM670" s="613"/>
      <c r="KLN670" s="613"/>
      <c r="KLO670" s="613"/>
      <c r="KLP670" s="613"/>
      <c r="KLQ670" s="613"/>
      <c r="KLR670" s="613"/>
      <c r="KLS670" s="613"/>
      <c r="KLT670" s="613"/>
      <c r="KLU670" s="613"/>
      <c r="KLV670" s="613"/>
      <c r="KLW670" s="613"/>
      <c r="KLX670" s="613"/>
      <c r="KLY670" s="613"/>
      <c r="KLZ670" s="613"/>
      <c r="KMA670" s="613"/>
      <c r="KMB670" s="613"/>
      <c r="KMC670" s="613"/>
      <c r="KMD670" s="613"/>
      <c r="KME670" s="613"/>
      <c r="KMF670" s="613"/>
      <c r="KMG670" s="613"/>
      <c r="KMH670" s="613"/>
      <c r="KMI670" s="613"/>
      <c r="KMJ670" s="613"/>
      <c r="KMK670" s="613"/>
      <c r="KML670" s="613"/>
      <c r="KMM670" s="613"/>
      <c r="KMN670" s="613"/>
      <c r="KMO670" s="613"/>
      <c r="KMP670" s="613"/>
      <c r="KMQ670" s="613"/>
      <c r="KMR670" s="613"/>
      <c r="KMS670" s="613"/>
      <c r="KMT670" s="613"/>
      <c r="KMU670" s="613"/>
      <c r="KMV670" s="613"/>
      <c r="KMW670" s="613"/>
      <c r="KMX670" s="613"/>
      <c r="KMY670" s="613"/>
      <c r="KMZ670" s="613"/>
      <c r="KNA670" s="613"/>
      <c r="KNB670" s="613"/>
      <c r="KNC670" s="613"/>
      <c r="KND670" s="613"/>
      <c r="KNE670" s="613"/>
      <c r="KNF670" s="613"/>
      <c r="KNG670" s="613"/>
      <c r="KNH670" s="613"/>
      <c r="KNI670" s="613"/>
      <c r="KNJ670" s="613"/>
      <c r="KNK670" s="613"/>
      <c r="KNL670" s="613"/>
      <c r="KNM670" s="613"/>
      <c r="KNN670" s="613"/>
      <c r="KNO670" s="613"/>
      <c r="KNP670" s="613"/>
      <c r="KNQ670" s="613"/>
      <c r="KNR670" s="613"/>
      <c r="KNS670" s="613"/>
      <c r="KNT670" s="613"/>
      <c r="KNU670" s="613"/>
      <c r="KNV670" s="613"/>
      <c r="KNW670" s="613"/>
      <c r="KNX670" s="613"/>
      <c r="KNY670" s="613"/>
      <c r="KNZ670" s="613"/>
      <c r="KOA670" s="613"/>
      <c r="KOB670" s="613"/>
      <c r="KOC670" s="613"/>
      <c r="KOD670" s="613"/>
      <c r="KOE670" s="613"/>
      <c r="KOF670" s="613"/>
      <c r="KOG670" s="613"/>
      <c r="KOH670" s="613"/>
      <c r="KOI670" s="613"/>
      <c r="KOJ670" s="613"/>
      <c r="KOK670" s="613"/>
      <c r="KOL670" s="613"/>
      <c r="KOM670" s="613"/>
      <c r="KON670" s="613"/>
      <c r="KOO670" s="613"/>
      <c r="KOP670" s="613"/>
      <c r="KOQ670" s="613"/>
      <c r="KOR670" s="613"/>
      <c r="KOS670" s="613"/>
      <c r="KOT670" s="613"/>
      <c r="KOU670" s="613"/>
      <c r="KOV670" s="613"/>
      <c r="KOW670" s="613"/>
      <c r="KOX670" s="613"/>
      <c r="KOY670" s="613"/>
      <c r="KOZ670" s="613"/>
      <c r="KPA670" s="613"/>
      <c r="KPB670" s="613"/>
      <c r="KPC670" s="613"/>
      <c r="KPD670" s="613"/>
      <c r="KPE670" s="613"/>
      <c r="KPF670" s="613"/>
      <c r="KPG670" s="613"/>
      <c r="KPH670" s="613"/>
      <c r="KPI670" s="613"/>
      <c r="KPJ670" s="613"/>
      <c r="KPK670" s="613"/>
      <c r="KPL670" s="613"/>
      <c r="KPM670" s="613"/>
      <c r="KPN670" s="613"/>
      <c r="KPO670" s="613"/>
      <c r="KPP670" s="613"/>
      <c r="KPQ670" s="613"/>
      <c r="KPR670" s="613"/>
      <c r="KPS670" s="613"/>
      <c r="KPT670" s="613"/>
      <c r="KPU670" s="613"/>
      <c r="KPV670" s="613"/>
      <c r="KPW670" s="613"/>
      <c r="KPX670" s="613"/>
      <c r="KPY670" s="613"/>
      <c r="KPZ670" s="613"/>
      <c r="KQA670" s="613"/>
      <c r="KQB670" s="613"/>
      <c r="KQC670" s="613"/>
      <c r="KQD670" s="613"/>
      <c r="KQE670" s="613"/>
      <c r="KQF670" s="613"/>
      <c r="KQG670" s="613"/>
      <c r="KQH670" s="613"/>
      <c r="KQI670" s="613"/>
      <c r="KQJ670" s="613"/>
      <c r="KQK670" s="613"/>
      <c r="KQL670" s="613"/>
      <c r="KQM670" s="613"/>
      <c r="KQN670" s="613"/>
      <c r="KQO670" s="613"/>
      <c r="KQP670" s="613"/>
      <c r="KQQ670" s="613"/>
      <c r="KQR670" s="613"/>
      <c r="KQS670" s="613"/>
      <c r="KQT670" s="613"/>
      <c r="KQU670" s="613"/>
      <c r="KQV670" s="613"/>
      <c r="KQW670" s="613"/>
      <c r="KQX670" s="613"/>
      <c r="KQY670" s="613"/>
      <c r="KQZ670" s="613"/>
      <c r="KRA670" s="613"/>
      <c r="KRB670" s="613"/>
      <c r="KRC670" s="613"/>
      <c r="KRD670" s="613"/>
      <c r="KRE670" s="613"/>
      <c r="KRF670" s="613"/>
      <c r="KRG670" s="613"/>
      <c r="KRH670" s="613"/>
      <c r="KRI670" s="613"/>
      <c r="KRJ670" s="613"/>
      <c r="KRK670" s="613"/>
      <c r="KRL670" s="613"/>
      <c r="KRM670" s="613"/>
      <c r="KRN670" s="613"/>
      <c r="KRO670" s="613"/>
      <c r="KRP670" s="613"/>
      <c r="KRQ670" s="613"/>
      <c r="KRR670" s="613"/>
      <c r="KRS670" s="613"/>
      <c r="KRT670" s="613"/>
      <c r="KRU670" s="613"/>
      <c r="KRV670" s="613"/>
      <c r="KRW670" s="613"/>
      <c r="KRX670" s="613"/>
      <c r="KRY670" s="613"/>
      <c r="KRZ670" s="613"/>
      <c r="KSA670" s="613"/>
      <c r="KSB670" s="613"/>
      <c r="KSC670" s="613"/>
      <c r="KSD670" s="613"/>
      <c r="KSE670" s="613"/>
      <c r="KSF670" s="613"/>
      <c r="KSG670" s="613"/>
      <c r="KSH670" s="613"/>
      <c r="KSI670" s="613"/>
      <c r="KSJ670" s="613"/>
      <c r="KSK670" s="613"/>
      <c r="KSL670" s="613"/>
      <c r="KSM670" s="613"/>
      <c r="KSN670" s="613"/>
      <c r="KSO670" s="613"/>
      <c r="KSP670" s="613"/>
      <c r="KSQ670" s="613"/>
      <c r="KSR670" s="613"/>
      <c r="KSS670" s="613"/>
      <c r="KST670" s="613"/>
      <c r="KSU670" s="613"/>
      <c r="KSV670" s="613"/>
      <c r="KSW670" s="613"/>
      <c r="KSX670" s="613"/>
      <c r="KSY670" s="613"/>
      <c r="KSZ670" s="613"/>
      <c r="KTA670" s="613"/>
      <c r="KTB670" s="613"/>
      <c r="KTC670" s="613"/>
      <c r="KTD670" s="613"/>
      <c r="KTE670" s="613"/>
      <c r="KTF670" s="613"/>
      <c r="KTG670" s="613"/>
      <c r="KTH670" s="613"/>
      <c r="KTI670" s="613"/>
      <c r="KTJ670" s="613"/>
      <c r="KTK670" s="613"/>
      <c r="KTL670" s="613"/>
      <c r="KTM670" s="613"/>
      <c r="KTN670" s="613"/>
      <c r="KTO670" s="613"/>
      <c r="KTP670" s="613"/>
      <c r="KTQ670" s="613"/>
      <c r="KTR670" s="613"/>
      <c r="KTS670" s="613"/>
      <c r="KTT670" s="613"/>
      <c r="KTU670" s="613"/>
      <c r="KTV670" s="613"/>
      <c r="KTW670" s="613"/>
      <c r="KTX670" s="613"/>
      <c r="KTY670" s="613"/>
      <c r="KTZ670" s="613"/>
      <c r="KUA670" s="613"/>
      <c r="KUB670" s="613"/>
      <c r="KUC670" s="613"/>
      <c r="KUD670" s="613"/>
      <c r="KUE670" s="613"/>
      <c r="KUF670" s="613"/>
      <c r="KUG670" s="613"/>
      <c r="KUH670" s="613"/>
      <c r="KUI670" s="613"/>
      <c r="KUJ670" s="613"/>
      <c r="KUK670" s="613"/>
      <c r="KUL670" s="613"/>
      <c r="KUM670" s="613"/>
      <c r="KUN670" s="613"/>
      <c r="KUO670" s="613"/>
      <c r="KUP670" s="613"/>
      <c r="KUQ670" s="613"/>
      <c r="KUR670" s="613"/>
      <c r="KUS670" s="613"/>
      <c r="KUT670" s="613"/>
      <c r="KUU670" s="613"/>
      <c r="KUV670" s="613"/>
      <c r="KUW670" s="613"/>
      <c r="KUX670" s="613"/>
      <c r="KUY670" s="613"/>
      <c r="KUZ670" s="613"/>
      <c r="KVA670" s="613"/>
      <c r="KVB670" s="613"/>
      <c r="KVC670" s="613"/>
      <c r="KVD670" s="613"/>
      <c r="KVE670" s="613"/>
      <c r="KVF670" s="613"/>
      <c r="KVG670" s="613"/>
      <c r="KVH670" s="613"/>
      <c r="KVI670" s="613"/>
      <c r="KVJ670" s="613"/>
      <c r="KVK670" s="613"/>
      <c r="KVL670" s="613"/>
      <c r="KVM670" s="613"/>
      <c r="KVN670" s="613"/>
      <c r="KVO670" s="613"/>
      <c r="KVP670" s="613"/>
      <c r="KVQ670" s="613"/>
      <c r="KVR670" s="613"/>
      <c r="KVS670" s="613"/>
      <c r="KVT670" s="613"/>
      <c r="KVU670" s="613"/>
      <c r="KVV670" s="613"/>
      <c r="KVW670" s="613"/>
      <c r="KVX670" s="613"/>
      <c r="KVY670" s="613"/>
      <c r="KVZ670" s="613"/>
      <c r="KWA670" s="613"/>
      <c r="KWB670" s="613"/>
      <c r="KWC670" s="613"/>
      <c r="KWD670" s="613"/>
      <c r="KWE670" s="613"/>
      <c r="KWF670" s="613"/>
      <c r="KWG670" s="613"/>
      <c r="KWH670" s="613"/>
      <c r="KWI670" s="613"/>
      <c r="KWJ670" s="613"/>
      <c r="KWK670" s="613"/>
      <c r="KWL670" s="613"/>
      <c r="KWM670" s="613"/>
      <c r="KWN670" s="613"/>
      <c r="KWO670" s="613"/>
      <c r="KWP670" s="613"/>
      <c r="KWQ670" s="613"/>
      <c r="KWR670" s="613"/>
      <c r="KWS670" s="613"/>
      <c r="KWT670" s="613"/>
      <c r="KWU670" s="613"/>
      <c r="KWV670" s="613"/>
      <c r="KWW670" s="613"/>
      <c r="KWX670" s="613"/>
      <c r="KWY670" s="613"/>
      <c r="KWZ670" s="613"/>
      <c r="KXA670" s="613"/>
      <c r="KXB670" s="613"/>
      <c r="KXC670" s="613"/>
      <c r="KXD670" s="613"/>
      <c r="KXE670" s="613"/>
      <c r="KXF670" s="613"/>
      <c r="KXG670" s="613"/>
      <c r="KXH670" s="613"/>
      <c r="KXI670" s="613"/>
      <c r="KXJ670" s="613"/>
      <c r="KXK670" s="613"/>
      <c r="KXL670" s="613"/>
      <c r="KXM670" s="613"/>
      <c r="KXN670" s="613"/>
      <c r="KXO670" s="613"/>
      <c r="KXP670" s="613"/>
      <c r="KXQ670" s="613"/>
      <c r="KXR670" s="613"/>
      <c r="KXS670" s="613"/>
      <c r="KXT670" s="613"/>
      <c r="KXU670" s="613"/>
      <c r="KXV670" s="613"/>
      <c r="KXW670" s="613"/>
      <c r="KXX670" s="613"/>
      <c r="KXY670" s="613"/>
      <c r="KXZ670" s="613"/>
      <c r="KYA670" s="613"/>
      <c r="KYB670" s="613"/>
      <c r="KYC670" s="613"/>
      <c r="KYD670" s="613"/>
      <c r="KYE670" s="613"/>
      <c r="KYF670" s="613"/>
      <c r="KYG670" s="613"/>
      <c r="KYH670" s="613"/>
      <c r="KYI670" s="613"/>
      <c r="KYJ670" s="613"/>
      <c r="KYK670" s="613"/>
      <c r="KYL670" s="613"/>
      <c r="KYM670" s="613"/>
      <c r="KYN670" s="613"/>
      <c r="KYO670" s="613"/>
      <c r="KYP670" s="613"/>
      <c r="KYQ670" s="613"/>
      <c r="KYR670" s="613"/>
      <c r="KYS670" s="613"/>
      <c r="KYT670" s="613"/>
      <c r="KYU670" s="613"/>
      <c r="KYV670" s="613"/>
      <c r="KYW670" s="613"/>
      <c r="KYX670" s="613"/>
      <c r="KYY670" s="613"/>
      <c r="KYZ670" s="613"/>
      <c r="KZA670" s="613"/>
      <c r="KZB670" s="613"/>
      <c r="KZC670" s="613"/>
      <c r="KZD670" s="613"/>
      <c r="KZE670" s="613"/>
      <c r="KZF670" s="613"/>
      <c r="KZG670" s="613"/>
      <c r="KZH670" s="613"/>
      <c r="KZI670" s="613"/>
      <c r="KZJ670" s="613"/>
      <c r="KZK670" s="613"/>
      <c r="KZL670" s="613"/>
      <c r="KZM670" s="613"/>
      <c r="KZN670" s="613"/>
      <c r="KZO670" s="613"/>
      <c r="KZP670" s="613"/>
      <c r="KZQ670" s="613"/>
      <c r="KZR670" s="613"/>
      <c r="KZS670" s="613"/>
      <c r="KZT670" s="613"/>
      <c r="KZU670" s="613"/>
      <c r="KZV670" s="613"/>
      <c r="KZW670" s="613"/>
      <c r="KZX670" s="613"/>
      <c r="KZY670" s="613"/>
      <c r="KZZ670" s="613"/>
      <c r="LAA670" s="613"/>
      <c r="LAB670" s="613"/>
      <c r="LAC670" s="613"/>
      <c r="LAD670" s="613"/>
      <c r="LAE670" s="613"/>
      <c r="LAF670" s="613"/>
      <c r="LAG670" s="613"/>
      <c r="LAH670" s="613"/>
      <c r="LAI670" s="613"/>
      <c r="LAJ670" s="613"/>
      <c r="LAK670" s="613"/>
      <c r="LAL670" s="613"/>
      <c r="LAM670" s="613"/>
      <c r="LAN670" s="613"/>
      <c r="LAO670" s="613"/>
      <c r="LAP670" s="613"/>
      <c r="LAQ670" s="613"/>
      <c r="LAR670" s="613"/>
      <c r="LAS670" s="613"/>
      <c r="LAT670" s="613"/>
      <c r="LAU670" s="613"/>
      <c r="LAV670" s="613"/>
      <c r="LAW670" s="613"/>
      <c r="LAX670" s="613"/>
      <c r="LAY670" s="613"/>
      <c r="LAZ670" s="613"/>
      <c r="LBA670" s="613"/>
      <c r="LBB670" s="613"/>
      <c r="LBC670" s="613"/>
      <c r="LBD670" s="613"/>
      <c r="LBE670" s="613"/>
      <c r="LBF670" s="613"/>
      <c r="LBG670" s="613"/>
      <c r="LBH670" s="613"/>
      <c r="LBI670" s="613"/>
      <c r="LBJ670" s="613"/>
      <c r="LBK670" s="613"/>
      <c r="LBL670" s="613"/>
      <c r="LBM670" s="613"/>
      <c r="LBN670" s="613"/>
      <c r="LBO670" s="613"/>
      <c r="LBP670" s="613"/>
      <c r="LBQ670" s="613"/>
      <c r="LBR670" s="613"/>
      <c r="LBS670" s="613"/>
      <c r="LBT670" s="613"/>
      <c r="LBU670" s="613"/>
      <c r="LBV670" s="613"/>
      <c r="LBW670" s="613"/>
      <c r="LBX670" s="613"/>
      <c r="LBY670" s="613"/>
      <c r="LBZ670" s="613"/>
      <c r="LCA670" s="613"/>
      <c r="LCB670" s="613"/>
      <c r="LCC670" s="613"/>
      <c r="LCD670" s="613"/>
      <c r="LCE670" s="613"/>
      <c r="LCF670" s="613"/>
      <c r="LCG670" s="613"/>
      <c r="LCH670" s="613"/>
      <c r="LCI670" s="613"/>
      <c r="LCJ670" s="613"/>
      <c r="LCK670" s="613"/>
      <c r="LCL670" s="613"/>
      <c r="LCM670" s="613"/>
      <c r="LCN670" s="613"/>
      <c r="LCO670" s="613"/>
      <c r="LCP670" s="613"/>
      <c r="LCQ670" s="613"/>
      <c r="LCR670" s="613"/>
      <c r="LCS670" s="613"/>
      <c r="LCT670" s="613"/>
      <c r="LCU670" s="613"/>
      <c r="LCV670" s="613"/>
      <c r="LCW670" s="613"/>
      <c r="LCX670" s="613"/>
      <c r="LCY670" s="613"/>
      <c r="LCZ670" s="613"/>
      <c r="LDA670" s="613"/>
      <c r="LDB670" s="613"/>
      <c r="LDC670" s="613"/>
      <c r="LDD670" s="613"/>
      <c r="LDE670" s="613"/>
      <c r="LDF670" s="613"/>
      <c r="LDG670" s="613"/>
      <c r="LDH670" s="613"/>
      <c r="LDI670" s="613"/>
      <c r="LDJ670" s="613"/>
      <c r="LDK670" s="613"/>
      <c r="LDL670" s="613"/>
      <c r="LDM670" s="613"/>
      <c r="LDN670" s="613"/>
      <c r="LDO670" s="613"/>
      <c r="LDP670" s="613"/>
      <c r="LDQ670" s="613"/>
      <c r="LDR670" s="613"/>
      <c r="LDS670" s="613"/>
      <c r="LDT670" s="613"/>
      <c r="LDU670" s="613"/>
      <c r="LDV670" s="613"/>
      <c r="LDW670" s="613"/>
      <c r="LDX670" s="613"/>
      <c r="LDY670" s="613"/>
      <c r="LDZ670" s="613"/>
      <c r="LEA670" s="613"/>
      <c r="LEB670" s="613"/>
      <c r="LEC670" s="613"/>
      <c r="LED670" s="613"/>
      <c r="LEE670" s="613"/>
      <c r="LEF670" s="613"/>
      <c r="LEG670" s="613"/>
      <c r="LEH670" s="613"/>
      <c r="LEI670" s="613"/>
      <c r="LEJ670" s="613"/>
      <c r="LEK670" s="613"/>
      <c r="LEL670" s="613"/>
      <c r="LEM670" s="613"/>
      <c r="LEN670" s="613"/>
      <c r="LEO670" s="613"/>
      <c r="LEP670" s="613"/>
      <c r="LEQ670" s="613"/>
      <c r="LER670" s="613"/>
      <c r="LES670" s="613"/>
      <c r="LET670" s="613"/>
      <c r="LEU670" s="613"/>
      <c r="LEV670" s="613"/>
      <c r="LEW670" s="613"/>
      <c r="LEX670" s="613"/>
      <c r="LEY670" s="613"/>
      <c r="LEZ670" s="613"/>
      <c r="LFA670" s="613"/>
      <c r="LFB670" s="613"/>
      <c r="LFC670" s="613"/>
      <c r="LFD670" s="613"/>
      <c r="LFE670" s="613"/>
      <c r="LFF670" s="613"/>
      <c r="LFG670" s="613"/>
      <c r="LFH670" s="613"/>
      <c r="LFI670" s="613"/>
      <c r="LFJ670" s="613"/>
      <c r="LFK670" s="613"/>
      <c r="LFL670" s="613"/>
      <c r="LFM670" s="613"/>
      <c r="LFN670" s="613"/>
      <c r="LFO670" s="613"/>
      <c r="LFP670" s="613"/>
      <c r="LFQ670" s="613"/>
      <c r="LFR670" s="613"/>
      <c r="LFS670" s="613"/>
      <c r="LFT670" s="613"/>
      <c r="LFU670" s="613"/>
      <c r="LFV670" s="613"/>
      <c r="LFW670" s="613"/>
      <c r="LFX670" s="613"/>
      <c r="LFY670" s="613"/>
      <c r="LFZ670" s="613"/>
      <c r="LGA670" s="613"/>
      <c r="LGB670" s="613"/>
      <c r="LGC670" s="613"/>
      <c r="LGD670" s="613"/>
      <c r="LGE670" s="613"/>
      <c r="LGF670" s="613"/>
      <c r="LGG670" s="613"/>
      <c r="LGH670" s="613"/>
      <c r="LGI670" s="613"/>
      <c r="LGJ670" s="613"/>
      <c r="LGK670" s="613"/>
      <c r="LGL670" s="613"/>
      <c r="LGM670" s="613"/>
      <c r="LGN670" s="613"/>
      <c r="LGO670" s="613"/>
      <c r="LGP670" s="613"/>
      <c r="LGQ670" s="613"/>
      <c r="LGR670" s="613"/>
      <c r="LGS670" s="613"/>
      <c r="LGT670" s="613"/>
      <c r="LGU670" s="613"/>
      <c r="LGV670" s="613"/>
      <c r="LGW670" s="613"/>
      <c r="LGX670" s="613"/>
      <c r="LGY670" s="613"/>
      <c r="LGZ670" s="613"/>
      <c r="LHA670" s="613"/>
      <c r="LHB670" s="613"/>
      <c r="LHC670" s="613"/>
      <c r="LHD670" s="613"/>
      <c r="LHE670" s="613"/>
      <c r="LHF670" s="613"/>
      <c r="LHG670" s="613"/>
      <c r="LHH670" s="613"/>
      <c r="LHI670" s="613"/>
      <c r="LHJ670" s="613"/>
      <c r="LHK670" s="613"/>
      <c r="LHL670" s="613"/>
      <c r="LHM670" s="613"/>
      <c r="LHN670" s="613"/>
      <c r="LHO670" s="613"/>
      <c r="LHP670" s="613"/>
      <c r="LHQ670" s="613"/>
      <c r="LHR670" s="613"/>
      <c r="LHS670" s="613"/>
      <c r="LHT670" s="613"/>
      <c r="LHU670" s="613"/>
      <c r="LHV670" s="613"/>
      <c r="LHW670" s="613"/>
      <c r="LHX670" s="613"/>
      <c r="LHY670" s="613"/>
      <c r="LHZ670" s="613"/>
      <c r="LIA670" s="613"/>
      <c r="LIB670" s="613"/>
      <c r="LIC670" s="613"/>
      <c r="LID670" s="613"/>
      <c r="LIE670" s="613"/>
      <c r="LIF670" s="613"/>
      <c r="LIG670" s="613"/>
      <c r="LIH670" s="613"/>
      <c r="LII670" s="613"/>
      <c r="LIJ670" s="613"/>
      <c r="LIK670" s="613"/>
      <c r="LIL670" s="613"/>
      <c r="LIM670" s="613"/>
      <c r="LIN670" s="613"/>
      <c r="LIO670" s="613"/>
      <c r="LIP670" s="613"/>
      <c r="LIQ670" s="613"/>
      <c r="LIR670" s="613"/>
      <c r="LIS670" s="613"/>
      <c r="LIT670" s="613"/>
      <c r="LIU670" s="613"/>
      <c r="LIV670" s="613"/>
      <c r="LIW670" s="613"/>
      <c r="LIX670" s="613"/>
      <c r="LIY670" s="613"/>
      <c r="LIZ670" s="613"/>
      <c r="LJA670" s="613"/>
      <c r="LJB670" s="613"/>
      <c r="LJC670" s="613"/>
      <c r="LJD670" s="613"/>
      <c r="LJE670" s="613"/>
      <c r="LJF670" s="613"/>
      <c r="LJG670" s="613"/>
      <c r="LJH670" s="613"/>
      <c r="LJI670" s="613"/>
      <c r="LJJ670" s="613"/>
      <c r="LJK670" s="613"/>
      <c r="LJL670" s="613"/>
      <c r="LJM670" s="613"/>
      <c r="LJN670" s="613"/>
      <c r="LJO670" s="613"/>
      <c r="LJP670" s="613"/>
      <c r="LJQ670" s="613"/>
      <c r="LJR670" s="613"/>
      <c r="LJS670" s="613"/>
      <c r="LJT670" s="613"/>
      <c r="LJU670" s="613"/>
      <c r="LJV670" s="613"/>
      <c r="LJW670" s="613"/>
      <c r="LJX670" s="613"/>
      <c r="LJY670" s="613"/>
      <c r="LJZ670" s="613"/>
      <c r="LKA670" s="613"/>
      <c r="LKB670" s="613"/>
      <c r="LKC670" s="613"/>
      <c r="LKD670" s="613"/>
      <c r="LKE670" s="613"/>
      <c r="LKF670" s="613"/>
      <c r="LKG670" s="613"/>
      <c r="LKH670" s="613"/>
      <c r="LKI670" s="613"/>
      <c r="LKJ670" s="613"/>
      <c r="LKK670" s="613"/>
      <c r="LKL670" s="613"/>
      <c r="LKM670" s="613"/>
      <c r="LKN670" s="613"/>
      <c r="LKO670" s="613"/>
      <c r="LKP670" s="613"/>
      <c r="LKQ670" s="613"/>
      <c r="LKR670" s="613"/>
      <c r="LKS670" s="613"/>
      <c r="LKT670" s="613"/>
      <c r="LKU670" s="613"/>
      <c r="LKV670" s="613"/>
      <c r="LKW670" s="613"/>
      <c r="LKX670" s="613"/>
      <c r="LKY670" s="613"/>
      <c r="LKZ670" s="613"/>
      <c r="LLA670" s="613"/>
      <c r="LLB670" s="613"/>
      <c r="LLC670" s="613"/>
      <c r="LLD670" s="613"/>
      <c r="LLE670" s="613"/>
      <c r="LLF670" s="613"/>
      <c r="LLG670" s="613"/>
      <c r="LLH670" s="613"/>
      <c r="LLI670" s="613"/>
      <c r="LLJ670" s="613"/>
      <c r="LLK670" s="613"/>
      <c r="LLL670" s="613"/>
      <c r="LLM670" s="613"/>
      <c r="LLN670" s="613"/>
      <c r="LLO670" s="613"/>
      <c r="LLP670" s="613"/>
      <c r="LLQ670" s="613"/>
      <c r="LLR670" s="613"/>
      <c r="LLS670" s="613"/>
      <c r="LLT670" s="613"/>
      <c r="LLU670" s="613"/>
      <c r="LLV670" s="613"/>
      <c r="LLW670" s="613"/>
      <c r="LLX670" s="613"/>
      <c r="LLY670" s="613"/>
      <c r="LLZ670" s="613"/>
      <c r="LMA670" s="613"/>
      <c r="LMB670" s="613"/>
      <c r="LMC670" s="613"/>
      <c r="LMD670" s="613"/>
      <c r="LME670" s="613"/>
      <c r="LMF670" s="613"/>
      <c r="LMG670" s="613"/>
      <c r="LMH670" s="613"/>
      <c r="LMI670" s="613"/>
      <c r="LMJ670" s="613"/>
      <c r="LMK670" s="613"/>
      <c r="LML670" s="613"/>
      <c r="LMM670" s="613"/>
      <c r="LMN670" s="613"/>
      <c r="LMO670" s="613"/>
      <c r="LMP670" s="613"/>
      <c r="LMQ670" s="613"/>
      <c r="LMR670" s="613"/>
      <c r="LMS670" s="613"/>
      <c r="LMT670" s="613"/>
      <c r="LMU670" s="613"/>
      <c r="LMV670" s="613"/>
      <c r="LMW670" s="613"/>
      <c r="LMX670" s="613"/>
      <c r="LMY670" s="613"/>
      <c r="LMZ670" s="613"/>
      <c r="LNA670" s="613"/>
      <c r="LNB670" s="613"/>
      <c r="LNC670" s="613"/>
      <c r="LND670" s="613"/>
      <c r="LNE670" s="613"/>
      <c r="LNF670" s="613"/>
      <c r="LNG670" s="613"/>
      <c r="LNH670" s="613"/>
      <c r="LNI670" s="613"/>
      <c r="LNJ670" s="613"/>
      <c r="LNK670" s="613"/>
      <c r="LNL670" s="613"/>
      <c r="LNM670" s="613"/>
      <c r="LNN670" s="613"/>
      <c r="LNO670" s="613"/>
      <c r="LNP670" s="613"/>
      <c r="LNQ670" s="613"/>
      <c r="LNR670" s="613"/>
      <c r="LNS670" s="613"/>
      <c r="LNT670" s="613"/>
      <c r="LNU670" s="613"/>
      <c r="LNV670" s="613"/>
      <c r="LNW670" s="613"/>
      <c r="LNX670" s="613"/>
      <c r="LNY670" s="613"/>
      <c r="LNZ670" s="613"/>
      <c r="LOA670" s="613"/>
      <c r="LOB670" s="613"/>
      <c r="LOC670" s="613"/>
      <c r="LOD670" s="613"/>
      <c r="LOE670" s="613"/>
      <c r="LOF670" s="613"/>
      <c r="LOG670" s="613"/>
      <c r="LOH670" s="613"/>
      <c r="LOI670" s="613"/>
      <c r="LOJ670" s="613"/>
      <c r="LOK670" s="613"/>
      <c r="LOL670" s="613"/>
      <c r="LOM670" s="613"/>
      <c r="LON670" s="613"/>
      <c r="LOO670" s="613"/>
      <c r="LOP670" s="613"/>
      <c r="LOQ670" s="613"/>
      <c r="LOR670" s="613"/>
      <c r="LOS670" s="613"/>
      <c r="LOT670" s="613"/>
      <c r="LOU670" s="613"/>
      <c r="LOV670" s="613"/>
      <c r="LOW670" s="613"/>
      <c r="LOX670" s="613"/>
      <c r="LOY670" s="613"/>
      <c r="LOZ670" s="613"/>
      <c r="LPA670" s="613"/>
      <c r="LPB670" s="613"/>
      <c r="LPC670" s="613"/>
      <c r="LPD670" s="613"/>
      <c r="LPE670" s="613"/>
      <c r="LPF670" s="613"/>
      <c r="LPG670" s="613"/>
      <c r="LPH670" s="613"/>
      <c r="LPI670" s="613"/>
      <c r="LPJ670" s="613"/>
      <c r="LPK670" s="613"/>
      <c r="LPL670" s="613"/>
      <c r="LPM670" s="613"/>
      <c r="LPN670" s="613"/>
      <c r="LPO670" s="613"/>
      <c r="LPP670" s="613"/>
      <c r="LPQ670" s="613"/>
      <c r="LPR670" s="613"/>
      <c r="LPS670" s="613"/>
      <c r="LPT670" s="613"/>
      <c r="LPU670" s="613"/>
      <c r="LPV670" s="613"/>
      <c r="LPW670" s="613"/>
      <c r="LPX670" s="613"/>
      <c r="LPY670" s="613"/>
      <c r="LPZ670" s="613"/>
      <c r="LQA670" s="613"/>
      <c r="LQB670" s="613"/>
      <c r="LQC670" s="613"/>
      <c r="LQD670" s="613"/>
      <c r="LQE670" s="613"/>
      <c r="LQF670" s="613"/>
      <c r="LQG670" s="613"/>
      <c r="LQH670" s="613"/>
      <c r="LQI670" s="613"/>
      <c r="LQJ670" s="613"/>
      <c r="LQK670" s="613"/>
      <c r="LQL670" s="613"/>
      <c r="LQM670" s="613"/>
      <c r="LQN670" s="613"/>
      <c r="LQO670" s="613"/>
      <c r="LQP670" s="613"/>
      <c r="LQQ670" s="613"/>
      <c r="LQR670" s="613"/>
      <c r="LQS670" s="613"/>
      <c r="LQT670" s="613"/>
      <c r="LQU670" s="613"/>
      <c r="LQV670" s="613"/>
      <c r="LQW670" s="613"/>
      <c r="LQX670" s="613"/>
      <c r="LQY670" s="613"/>
      <c r="LQZ670" s="613"/>
      <c r="LRA670" s="613"/>
      <c r="LRB670" s="613"/>
      <c r="LRC670" s="613"/>
      <c r="LRD670" s="613"/>
      <c r="LRE670" s="613"/>
      <c r="LRF670" s="613"/>
      <c r="LRG670" s="613"/>
      <c r="LRH670" s="613"/>
      <c r="LRI670" s="613"/>
      <c r="LRJ670" s="613"/>
      <c r="LRK670" s="613"/>
      <c r="LRL670" s="613"/>
      <c r="LRM670" s="613"/>
      <c r="LRN670" s="613"/>
      <c r="LRO670" s="613"/>
      <c r="LRP670" s="613"/>
      <c r="LRQ670" s="613"/>
      <c r="LRR670" s="613"/>
      <c r="LRS670" s="613"/>
      <c r="LRT670" s="613"/>
      <c r="LRU670" s="613"/>
      <c r="LRV670" s="613"/>
      <c r="LRW670" s="613"/>
      <c r="LRX670" s="613"/>
      <c r="LRY670" s="613"/>
      <c r="LRZ670" s="613"/>
      <c r="LSA670" s="613"/>
      <c r="LSB670" s="613"/>
      <c r="LSC670" s="613"/>
      <c r="LSD670" s="613"/>
      <c r="LSE670" s="613"/>
      <c r="LSF670" s="613"/>
      <c r="LSG670" s="613"/>
      <c r="LSH670" s="613"/>
      <c r="LSI670" s="613"/>
      <c r="LSJ670" s="613"/>
      <c r="LSK670" s="613"/>
      <c r="LSL670" s="613"/>
      <c r="LSM670" s="613"/>
      <c r="LSN670" s="613"/>
      <c r="LSO670" s="613"/>
      <c r="LSP670" s="613"/>
      <c r="LSQ670" s="613"/>
      <c r="LSR670" s="613"/>
      <c r="LSS670" s="613"/>
      <c r="LST670" s="613"/>
      <c r="LSU670" s="613"/>
      <c r="LSV670" s="613"/>
      <c r="LSW670" s="613"/>
      <c r="LSX670" s="613"/>
      <c r="LSY670" s="613"/>
      <c r="LSZ670" s="613"/>
      <c r="LTA670" s="613"/>
      <c r="LTB670" s="613"/>
      <c r="LTC670" s="613"/>
      <c r="LTD670" s="613"/>
      <c r="LTE670" s="613"/>
      <c r="LTF670" s="613"/>
      <c r="LTG670" s="613"/>
      <c r="LTH670" s="613"/>
      <c r="LTI670" s="613"/>
      <c r="LTJ670" s="613"/>
      <c r="LTK670" s="613"/>
      <c r="LTL670" s="613"/>
      <c r="LTM670" s="613"/>
      <c r="LTN670" s="613"/>
      <c r="LTO670" s="613"/>
      <c r="LTP670" s="613"/>
      <c r="LTQ670" s="613"/>
      <c r="LTR670" s="613"/>
      <c r="LTS670" s="613"/>
      <c r="LTT670" s="613"/>
      <c r="LTU670" s="613"/>
      <c r="LTV670" s="613"/>
      <c r="LTW670" s="613"/>
      <c r="LTX670" s="613"/>
      <c r="LTY670" s="613"/>
      <c r="LTZ670" s="613"/>
      <c r="LUA670" s="613"/>
      <c r="LUB670" s="613"/>
      <c r="LUC670" s="613"/>
      <c r="LUD670" s="613"/>
      <c r="LUE670" s="613"/>
      <c r="LUF670" s="613"/>
      <c r="LUG670" s="613"/>
      <c r="LUH670" s="613"/>
      <c r="LUI670" s="613"/>
      <c r="LUJ670" s="613"/>
      <c r="LUK670" s="613"/>
      <c r="LUL670" s="613"/>
      <c r="LUM670" s="613"/>
      <c r="LUN670" s="613"/>
      <c r="LUO670" s="613"/>
      <c r="LUP670" s="613"/>
      <c r="LUQ670" s="613"/>
      <c r="LUR670" s="613"/>
      <c r="LUS670" s="613"/>
      <c r="LUT670" s="613"/>
      <c r="LUU670" s="613"/>
      <c r="LUV670" s="613"/>
      <c r="LUW670" s="613"/>
      <c r="LUX670" s="613"/>
      <c r="LUY670" s="613"/>
      <c r="LUZ670" s="613"/>
      <c r="LVA670" s="613"/>
      <c r="LVB670" s="613"/>
      <c r="LVC670" s="613"/>
      <c r="LVD670" s="613"/>
      <c r="LVE670" s="613"/>
      <c r="LVF670" s="613"/>
      <c r="LVG670" s="613"/>
      <c r="LVH670" s="613"/>
      <c r="LVI670" s="613"/>
      <c r="LVJ670" s="613"/>
      <c r="LVK670" s="613"/>
      <c r="LVL670" s="613"/>
      <c r="LVM670" s="613"/>
      <c r="LVN670" s="613"/>
      <c r="LVO670" s="613"/>
      <c r="LVP670" s="613"/>
      <c r="LVQ670" s="613"/>
      <c r="LVR670" s="613"/>
      <c r="LVS670" s="613"/>
      <c r="LVT670" s="613"/>
      <c r="LVU670" s="613"/>
      <c r="LVV670" s="613"/>
      <c r="LVW670" s="613"/>
      <c r="LVX670" s="613"/>
      <c r="LVY670" s="613"/>
      <c r="LVZ670" s="613"/>
      <c r="LWA670" s="613"/>
      <c r="LWB670" s="613"/>
      <c r="LWC670" s="613"/>
      <c r="LWD670" s="613"/>
      <c r="LWE670" s="613"/>
      <c r="LWF670" s="613"/>
      <c r="LWG670" s="613"/>
      <c r="LWH670" s="613"/>
      <c r="LWI670" s="613"/>
      <c r="LWJ670" s="613"/>
      <c r="LWK670" s="613"/>
      <c r="LWL670" s="613"/>
      <c r="LWM670" s="613"/>
      <c r="LWN670" s="613"/>
      <c r="LWO670" s="613"/>
      <c r="LWP670" s="613"/>
      <c r="LWQ670" s="613"/>
      <c r="LWR670" s="613"/>
      <c r="LWS670" s="613"/>
      <c r="LWT670" s="613"/>
      <c r="LWU670" s="613"/>
      <c r="LWV670" s="613"/>
      <c r="LWW670" s="613"/>
      <c r="LWX670" s="613"/>
      <c r="LWY670" s="613"/>
      <c r="LWZ670" s="613"/>
      <c r="LXA670" s="613"/>
      <c r="LXB670" s="613"/>
      <c r="LXC670" s="613"/>
      <c r="LXD670" s="613"/>
      <c r="LXE670" s="613"/>
      <c r="LXF670" s="613"/>
      <c r="LXG670" s="613"/>
      <c r="LXH670" s="613"/>
      <c r="LXI670" s="613"/>
      <c r="LXJ670" s="613"/>
      <c r="LXK670" s="613"/>
      <c r="LXL670" s="613"/>
      <c r="LXM670" s="613"/>
      <c r="LXN670" s="613"/>
      <c r="LXO670" s="613"/>
      <c r="LXP670" s="613"/>
      <c r="LXQ670" s="613"/>
      <c r="LXR670" s="613"/>
      <c r="LXS670" s="613"/>
      <c r="LXT670" s="613"/>
      <c r="LXU670" s="613"/>
      <c r="LXV670" s="613"/>
      <c r="LXW670" s="613"/>
      <c r="LXX670" s="613"/>
      <c r="LXY670" s="613"/>
      <c r="LXZ670" s="613"/>
      <c r="LYA670" s="613"/>
      <c r="LYB670" s="613"/>
      <c r="LYC670" s="613"/>
      <c r="LYD670" s="613"/>
      <c r="LYE670" s="613"/>
      <c r="LYF670" s="613"/>
      <c r="LYG670" s="613"/>
      <c r="LYH670" s="613"/>
      <c r="LYI670" s="613"/>
      <c r="LYJ670" s="613"/>
      <c r="LYK670" s="613"/>
      <c r="LYL670" s="613"/>
      <c r="LYM670" s="613"/>
      <c r="LYN670" s="613"/>
      <c r="LYO670" s="613"/>
      <c r="LYP670" s="613"/>
      <c r="LYQ670" s="613"/>
      <c r="LYR670" s="613"/>
      <c r="LYS670" s="613"/>
      <c r="LYT670" s="613"/>
      <c r="LYU670" s="613"/>
      <c r="LYV670" s="613"/>
      <c r="LYW670" s="613"/>
      <c r="LYX670" s="613"/>
      <c r="LYY670" s="613"/>
      <c r="LYZ670" s="613"/>
      <c r="LZA670" s="613"/>
      <c r="LZB670" s="613"/>
      <c r="LZC670" s="613"/>
      <c r="LZD670" s="613"/>
      <c r="LZE670" s="613"/>
      <c r="LZF670" s="613"/>
      <c r="LZG670" s="613"/>
      <c r="LZH670" s="613"/>
      <c r="LZI670" s="613"/>
      <c r="LZJ670" s="613"/>
      <c r="LZK670" s="613"/>
      <c r="LZL670" s="613"/>
      <c r="LZM670" s="613"/>
      <c r="LZN670" s="613"/>
      <c r="LZO670" s="613"/>
      <c r="LZP670" s="613"/>
      <c r="LZQ670" s="613"/>
      <c r="LZR670" s="613"/>
      <c r="LZS670" s="613"/>
      <c r="LZT670" s="613"/>
      <c r="LZU670" s="613"/>
      <c r="LZV670" s="613"/>
      <c r="LZW670" s="613"/>
      <c r="LZX670" s="613"/>
      <c r="LZY670" s="613"/>
      <c r="LZZ670" s="613"/>
      <c r="MAA670" s="613"/>
      <c r="MAB670" s="613"/>
      <c r="MAC670" s="613"/>
      <c r="MAD670" s="613"/>
      <c r="MAE670" s="613"/>
      <c r="MAF670" s="613"/>
      <c r="MAG670" s="613"/>
      <c r="MAH670" s="613"/>
      <c r="MAI670" s="613"/>
      <c r="MAJ670" s="613"/>
      <c r="MAK670" s="613"/>
      <c r="MAL670" s="613"/>
      <c r="MAM670" s="613"/>
      <c r="MAN670" s="613"/>
      <c r="MAO670" s="613"/>
      <c r="MAP670" s="613"/>
      <c r="MAQ670" s="613"/>
      <c r="MAR670" s="613"/>
      <c r="MAS670" s="613"/>
      <c r="MAT670" s="613"/>
      <c r="MAU670" s="613"/>
      <c r="MAV670" s="613"/>
      <c r="MAW670" s="613"/>
      <c r="MAX670" s="613"/>
      <c r="MAY670" s="613"/>
      <c r="MAZ670" s="613"/>
      <c r="MBA670" s="613"/>
      <c r="MBB670" s="613"/>
      <c r="MBC670" s="613"/>
      <c r="MBD670" s="613"/>
      <c r="MBE670" s="613"/>
      <c r="MBF670" s="613"/>
      <c r="MBG670" s="613"/>
      <c r="MBH670" s="613"/>
      <c r="MBI670" s="613"/>
      <c r="MBJ670" s="613"/>
      <c r="MBK670" s="613"/>
      <c r="MBL670" s="613"/>
      <c r="MBM670" s="613"/>
      <c r="MBN670" s="613"/>
      <c r="MBO670" s="613"/>
      <c r="MBP670" s="613"/>
      <c r="MBQ670" s="613"/>
      <c r="MBR670" s="613"/>
      <c r="MBS670" s="613"/>
      <c r="MBT670" s="613"/>
      <c r="MBU670" s="613"/>
      <c r="MBV670" s="613"/>
      <c r="MBW670" s="613"/>
      <c r="MBX670" s="613"/>
      <c r="MBY670" s="613"/>
      <c r="MBZ670" s="613"/>
      <c r="MCA670" s="613"/>
      <c r="MCB670" s="613"/>
      <c r="MCC670" s="613"/>
      <c r="MCD670" s="613"/>
      <c r="MCE670" s="613"/>
      <c r="MCF670" s="613"/>
      <c r="MCG670" s="613"/>
      <c r="MCH670" s="613"/>
      <c r="MCI670" s="613"/>
      <c r="MCJ670" s="613"/>
      <c r="MCK670" s="613"/>
      <c r="MCL670" s="613"/>
      <c r="MCM670" s="613"/>
      <c r="MCN670" s="613"/>
      <c r="MCO670" s="613"/>
      <c r="MCP670" s="613"/>
      <c r="MCQ670" s="613"/>
      <c r="MCR670" s="613"/>
      <c r="MCS670" s="613"/>
      <c r="MCT670" s="613"/>
      <c r="MCU670" s="613"/>
      <c r="MCV670" s="613"/>
      <c r="MCW670" s="613"/>
      <c r="MCX670" s="613"/>
      <c r="MCY670" s="613"/>
      <c r="MCZ670" s="613"/>
      <c r="MDA670" s="613"/>
      <c r="MDB670" s="613"/>
      <c r="MDC670" s="613"/>
      <c r="MDD670" s="613"/>
      <c r="MDE670" s="613"/>
      <c r="MDF670" s="613"/>
      <c r="MDG670" s="613"/>
      <c r="MDH670" s="613"/>
      <c r="MDI670" s="613"/>
      <c r="MDJ670" s="613"/>
      <c r="MDK670" s="613"/>
      <c r="MDL670" s="613"/>
      <c r="MDM670" s="613"/>
      <c r="MDN670" s="613"/>
      <c r="MDO670" s="613"/>
      <c r="MDP670" s="613"/>
      <c r="MDQ670" s="613"/>
      <c r="MDR670" s="613"/>
      <c r="MDS670" s="613"/>
      <c r="MDT670" s="613"/>
      <c r="MDU670" s="613"/>
      <c r="MDV670" s="613"/>
      <c r="MDW670" s="613"/>
      <c r="MDX670" s="613"/>
      <c r="MDY670" s="613"/>
      <c r="MDZ670" s="613"/>
      <c r="MEA670" s="613"/>
      <c r="MEB670" s="613"/>
      <c r="MEC670" s="613"/>
      <c r="MED670" s="613"/>
      <c r="MEE670" s="613"/>
      <c r="MEF670" s="613"/>
      <c r="MEG670" s="613"/>
      <c r="MEH670" s="613"/>
      <c r="MEI670" s="613"/>
      <c r="MEJ670" s="613"/>
      <c r="MEK670" s="613"/>
      <c r="MEL670" s="613"/>
      <c r="MEM670" s="613"/>
      <c r="MEN670" s="613"/>
      <c r="MEO670" s="613"/>
      <c r="MEP670" s="613"/>
      <c r="MEQ670" s="613"/>
      <c r="MER670" s="613"/>
      <c r="MES670" s="613"/>
      <c r="MET670" s="613"/>
      <c r="MEU670" s="613"/>
      <c r="MEV670" s="613"/>
      <c r="MEW670" s="613"/>
      <c r="MEX670" s="613"/>
      <c r="MEY670" s="613"/>
      <c r="MEZ670" s="613"/>
      <c r="MFA670" s="613"/>
      <c r="MFB670" s="613"/>
      <c r="MFC670" s="613"/>
      <c r="MFD670" s="613"/>
      <c r="MFE670" s="613"/>
      <c r="MFF670" s="613"/>
      <c r="MFG670" s="613"/>
      <c r="MFH670" s="613"/>
      <c r="MFI670" s="613"/>
      <c r="MFJ670" s="613"/>
      <c r="MFK670" s="613"/>
      <c r="MFL670" s="613"/>
      <c r="MFM670" s="613"/>
      <c r="MFN670" s="613"/>
      <c r="MFO670" s="613"/>
      <c r="MFP670" s="613"/>
      <c r="MFQ670" s="613"/>
      <c r="MFR670" s="613"/>
      <c r="MFS670" s="613"/>
      <c r="MFT670" s="613"/>
      <c r="MFU670" s="613"/>
      <c r="MFV670" s="613"/>
      <c r="MFW670" s="613"/>
      <c r="MFX670" s="613"/>
      <c r="MFY670" s="613"/>
      <c r="MFZ670" s="613"/>
      <c r="MGA670" s="613"/>
      <c r="MGB670" s="613"/>
      <c r="MGC670" s="613"/>
      <c r="MGD670" s="613"/>
      <c r="MGE670" s="613"/>
      <c r="MGF670" s="613"/>
      <c r="MGG670" s="613"/>
      <c r="MGH670" s="613"/>
      <c r="MGI670" s="613"/>
      <c r="MGJ670" s="613"/>
      <c r="MGK670" s="613"/>
      <c r="MGL670" s="613"/>
      <c r="MGM670" s="613"/>
      <c r="MGN670" s="613"/>
      <c r="MGO670" s="613"/>
      <c r="MGP670" s="613"/>
      <c r="MGQ670" s="613"/>
      <c r="MGR670" s="613"/>
      <c r="MGS670" s="613"/>
      <c r="MGT670" s="613"/>
      <c r="MGU670" s="613"/>
      <c r="MGV670" s="613"/>
      <c r="MGW670" s="613"/>
      <c r="MGX670" s="613"/>
      <c r="MGY670" s="613"/>
      <c r="MGZ670" s="613"/>
      <c r="MHA670" s="613"/>
      <c r="MHB670" s="613"/>
      <c r="MHC670" s="613"/>
      <c r="MHD670" s="613"/>
      <c r="MHE670" s="613"/>
      <c r="MHF670" s="613"/>
      <c r="MHG670" s="613"/>
      <c r="MHH670" s="613"/>
      <c r="MHI670" s="613"/>
      <c r="MHJ670" s="613"/>
      <c r="MHK670" s="613"/>
      <c r="MHL670" s="613"/>
      <c r="MHM670" s="613"/>
      <c r="MHN670" s="613"/>
      <c r="MHO670" s="613"/>
      <c r="MHP670" s="613"/>
      <c r="MHQ670" s="613"/>
      <c r="MHR670" s="613"/>
      <c r="MHS670" s="613"/>
      <c r="MHT670" s="613"/>
      <c r="MHU670" s="613"/>
      <c r="MHV670" s="613"/>
      <c r="MHW670" s="613"/>
      <c r="MHX670" s="613"/>
      <c r="MHY670" s="613"/>
      <c r="MHZ670" s="613"/>
      <c r="MIA670" s="613"/>
      <c r="MIB670" s="613"/>
      <c r="MIC670" s="613"/>
      <c r="MID670" s="613"/>
      <c r="MIE670" s="613"/>
      <c r="MIF670" s="613"/>
      <c r="MIG670" s="613"/>
      <c r="MIH670" s="613"/>
      <c r="MII670" s="613"/>
      <c r="MIJ670" s="613"/>
      <c r="MIK670" s="613"/>
      <c r="MIL670" s="613"/>
      <c r="MIM670" s="613"/>
      <c r="MIN670" s="613"/>
      <c r="MIO670" s="613"/>
      <c r="MIP670" s="613"/>
      <c r="MIQ670" s="613"/>
      <c r="MIR670" s="613"/>
      <c r="MIS670" s="613"/>
      <c r="MIT670" s="613"/>
      <c r="MIU670" s="613"/>
      <c r="MIV670" s="613"/>
      <c r="MIW670" s="613"/>
      <c r="MIX670" s="613"/>
      <c r="MIY670" s="613"/>
      <c r="MIZ670" s="613"/>
      <c r="MJA670" s="613"/>
      <c r="MJB670" s="613"/>
      <c r="MJC670" s="613"/>
      <c r="MJD670" s="613"/>
      <c r="MJE670" s="613"/>
      <c r="MJF670" s="613"/>
      <c r="MJG670" s="613"/>
      <c r="MJH670" s="613"/>
      <c r="MJI670" s="613"/>
      <c r="MJJ670" s="613"/>
      <c r="MJK670" s="613"/>
      <c r="MJL670" s="613"/>
      <c r="MJM670" s="613"/>
      <c r="MJN670" s="613"/>
      <c r="MJO670" s="613"/>
      <c r="MJP670" s="613"/>
      <c r="MJQ670" s="613"/>
      <c r="MJR670" s="613"/>
      <c r="MJS670" s="613"/>
      <c r="MJT670" s="613"/>
      <c r="MJU670" s="613"/>
      <c r="MJV670" s="613"/>
      <c r="MJW670" s="613"/>
      <c r="MJX670" s="613"/>
      <c r="MJY670" s="613"/>
      <c r="MJZ670" s="613"/>
      <c r="MKA670" s="613"/>
      <c r="MKB670" s="613"/>
      <c r="MKC670" s="613"/>
      <c r="MKD670" s="613"/>
      <c r="MKE670" s="613"/>
      <c r="MKF670" s="613"/>
      <c r="MKG670" s="613"/>
      <c r="MKH670" s="613"/>
      <c r="MKI670" s="613"/>
      <c r="MKJ670" s="613"/>
      <c r="MKK670" s="613"/>
      <c r="MKL670" s="613"/>
      <c r="MKM670" s="613"/>
      <c r="MKN670" s="613"/>
      <c r="MKO670" s="613"/>
      <c r="MKP670" s="613"/>
      <c r="MKQ670" s="613"/>
      <c r="MKR670" s="613"/>
      <c r="MKS670" s="613"/>
      <c r="MKT670" s="613"/>
      <c r="MKU670" s="613"/>
      <c r="MKV670" s="613"/>
      <c r="MKW670" s="613"/>
      <c r="MKX670" s="613"/>
      <c r="MKY670" s="613"/>
      <c r="MKZ670" s="613"/>
      <c r="MLA670" s="613"/>
      <c r="MLB670" s="613"/>
      <c r="MLC670" s="613"/>
      <c r="MLD670" s="613"/>
      <c r="MLE670" s="613"/>
      <c r="MLF670" s="613"/>
      <c r="MLG670" s="613"/>
      <c r="MLH670" s="613"/>
      <c r="MLI670" s="613"/>
      <c r="MLJ670" s="613"/>
      <c r="MLK670" s="613"/>
      <c r="MLL670" s="613"/>
      <c r="MLM670" s="613"/>
      <c r="MLN670" s="613"/>
      <c r="MLO670" s="613"/>
      <c r="MLP670" s="613"/>
      <c r="MLQ670" s="613"/>
      <c r="MLR670" s="613"/>
      <c r="MLS670" s="613"/>
      <c r="MLT670" s="613"/>
      <c r="MLU670" s="613"/>
      <c r="MLV670" s="613"/>
      <c r="MLW670" s="613"/>
      <c r="MLX670" s="613"/>
      <c r="MLY670" s="613"/>
      <c r="MLZ670" s="613"/>
      <c r="MMA670" s="613"/>
      <c r="MMB670" s="613"/>
      <c r="MMC670" s="613"/>
      <c r="MMD670" s="613"/>
      <c r="MME670" s="613"/>
      <c r="MMF670" s="613"/>
      <c r="MMG670" s="613"/>
      <c r="MMH670" s="613"/>
      <c r="MMI670" s="613"/>
      <c r="MMJ670" s="613"/>
      <c r="MMK670" s="613"/>
      <c r="MML670" s="613"/>
      <c r="MMM670" s="613"/>
      <c r="MMN670" s="613"/>
      <c r="MMO670" s="613"/>
      <c r="MMP670" s="613"/>
      <c r="MMQ670" s="613"/>
      <c r="MMR670" s="613"/>
      <c r="MMS670" s="613"/>
      <c r="MMT670" s="613"/>
      <c r="MMU670" s="613"/>
      <c r="MMV670" s="613"/>
      <c r="MMW670" s="613"/>
      <c r="MMX670" s="613"/>
      <c r="MMY670" s="613"/>
      <c r="MMZ670" s="613"/>
      <c r="MNA670" s="613"/>
      <c r="MNB670" s="613"/>
      <c r="MNC670" s="613"/>
      <c r="MND670" s="613"/>
      <c r="MNE670" s="613"/>
      <c r="MNF670" s="613"/>
      <c r="MNG670" s="613"/>
      <c r="MNH670" s="613"/>
      <c r="MNI670" s="613"/>
      <c r="MNJ670" s="613"/>
      <c r="MNK670" s="613"/>
      <c r="MNL670" s="613"/>
      <c r="MNM670" s="613"/>
      <c r="MNN670" s="613"/>
      <c r="MNO670" s="613"/>
      <c r="MNP670" s="613"/>
      <c r="MNQ670" s="613"/>
      <c r="MNR670" s="613"/>
      <c r="MNS670" s="613"/>
      <c r="MNT670" s="613"/>
      <c r="MNU670" s="613"/>
      <c r="MNV670" s="613"/>
      <c r="MNW670" s="613"/>
      <c r="MNX670" s="613"/>
      <c r="MNY670" s="613"/>
      <c r="MNZ670" s="613"/>
      <c r="MOA670" s="613"/>
      <c r="MOB670" s="613"/>
      <c r="MOC670" s="613"/>
      <c r="MOD670" s="613"/>
      <c r="MOE670" s="613"/>
      <c r="MOF670" s="613"/>
      <c r="MOG670" s="613"/>
      <c r="MOH670" s="613"/>
      <c r="MOI670" s="613"/>
      <c r="MOJ670" s="613"/>
      <c r="MOK670" s="613"/>
      <c r="MOL670" s="613"/>
      <c r="MOM670" s="613"/>
      <c r="MON670" s="613"/>
      <c r="MOO670" s="613"/>
      <c r="MOP670" s="613"/>
      <c r="MOQ670" s="613"/>
      <c r="MOR670" s="613"/>
      <c r="MOS670" s="613"/>
      <c r="MOT670" s="613"/>
      <c r="MOU670" s="613"/>
      <c r="MOV670" s="613"/>
      <c r="MOW670" s="613"/>
      <c r="MOX670" s="613"/>
      <c r="MOY670" s="613"/>
      <c r="MOZ670" s="613"/>
      <c r="MPA670" s="613"/>
      <c r="MPB670" s="613"/>
      <c r="MPC670" s="613"/>
      <c r="MPD670" s="613"/>
      <c r="MPE670" s="613"/>
      <c r="MPF670" s="613"/>
      <c r="MPG670" s="613"/>
      <c r="MPH670" s="613"/>
      <c r="MPI670" s="613"/>
      <c r="MPJ670" s="613"/>
      <c r="MPK670" s="613"/>
      <c r="MPL670" s="613"/>
      <c r="MPM670" s="613"/>
      <c r="MPN670" s="613"/>
      <c r="MPO670" s="613"/>
      <c r="MPP670" s="613"/>
      <c r="MPQ670" s="613"/>
      <c r="MPR670" s="613"/>
      <c r="MPS670" s="613"/>
      <c r="MPT670" s="613"/>
      <c r="MPU670" s="613"/>
      <c r="MPV670" s="613"/>
      <c r="MPW670" s="613"/>
      <c r="MPX670" s="613"/>
      <c r="MPY670" s="613"/>
      <c r="MPZ670" s="613"/>
      <c r="MQA670" s="613"/>
      <c r="MQB670" s="613"/>
      <c r="MQC670" s="613"/>
      <c r="MQD670" s="613"/>
      <c r="MQE670" s="613"/>
      <c r="MQF670" s="613"/>
      <c r="MQG670" s="613"/>
      <c r="MQH670" s="613"/>
      <c r="MQI670" s="613"/>
      <c r="MQJ670" s="613"/>
      <c r="MQK670" s="613"/>
      <c r="MQL670" s="613"/>
      <c r="MQM670" s="613"/>
      <c r="MQN670" s="613"/>
      <c r="MQO670" s="613"/>
      <c r="MQP670" s="613"/>
      <c r="MQQ670" s="613"/>
      <c r="MQR670" s="613"/>
      <c r="MQS670" s="613"/>
      <c r="MQT670" s="613"/>
      <c r="MQU670" s="613"/>
      <c r="MQV670" s="613"/>
      <c r="MQW670" s="613"/>
      <c r="MQX670" s="613"/>
      <c r="MQY670" s="613"/>
      <c r="MQZ670" s="613"/>
      <c r="MRA670" s="613"/>
      <c r="MRB670" s="613"/>
      <c r="MRC670" s="613"/>
      <c r="MRD670" s="613"/>
      <c r="MRE670" s="613"/>
      <c r="MRF670" s="613"/>
      <c r="MRG670" s="613"/>
      <c r="MRH670" s="613"/>
      <c r="MRI670" s="613"/>
      <c r="MRJ670" s="613"/>
      <c r="MRK670" s="613"/>
      <c r="MRL670" s="613"/>
      <c r="MRM670" s="613"/>
      <c r="MRN670" s="613"/>
      <c r="MRO670" s="613"/>
      <c r="MRP670" s="613"/>
      <c r="MRQ670" s="613"/>
      <c r="MRR670" s="613"/>
      <c r="MRS670" s="613"/>
      <c r="MRT670" s="613"/>
      <c r="MRU670" s="613"/>
      <c r="MRV670" s="613"/>
      <c r="MRW670" s="613"/>
      <c r="MRX670" s="613"/>
      <c r="MRY670" s="613"/>
      <c r="MRZ670" s="613"/>
      <c r="MSA670" s="613"/>
      <c r="MSB670" s="613"/>
      <c r="MSC670" s="613"/>
      <c r="MSD670" s="613"/>
      <c r="MSE670" s="613"/>
      <c r="MSF670" s="613"/>
      <c r="MSG670" s="613"/>
      <c r="MSH670" s="613"/>
      <c r="MSI670" s="613"/>
      <c r="MSJ670" s="613"/>
      <c r="MSK670" s="613"/>
      <c r="MSL670" s="613"/>
      <c r="MSM670" s="613"/>
      <c r="MSN670" s="613"/>
      <c r="MSO670" s="613"/>
      <c r="MSP670" s="613"/>
      <c r="MSQ670" s="613"/>
      <c r="MSR670" s="613"/>
      <c r="MSS670" s="613"/>
      <c r="MST670" s="613"/>
      <c r="MSU670" s="613"/>
      <c r="MSV670" s="613"/>
      <c r="MSW670" s="613"/>
      <c r="MSX670" s="613"/>
      <c r="MSY670" s="613"/>
      <c r="MSZ670" s="613"/>
      <c r="MTA670" s="613"/>
      <c r="MTB670" s="613"/>
      <c r="MTC670" s="613"/>
      <c r="MTD670" s="613"/>
      <c r="MTE670" s="613"/>
      <c r="MTF670" s="613"/>
      <c r="MTG670" s="613"/>
      <c r="MTH670" s="613"/>
      <c r="MTI670" s="613"/>
      <c r="MTJ670" s="613"/>
      <c r="MTK670" s="613"/>
      <c r="MTL670" s="613"/>
      <c r="MTM670" s="613"/>
      <c r="MTN670" s="613"/>
      <c r="MTO670" s="613"/>
      <c r="MTP670" s="613"/>
      <c r="MTQ670" s="613"/>
      <c r="MTR670" s="613"/>
      <c r="MTS670" s="613"/>
      <c r="MTT670" s="613"/>
      <c r="MTU670" s="613"/>
      <c r="MTV670" s="613"/>
      <c r="MTW670" s="613"/>
      <c r="MTX670" s="613"/>
      <c r="MTY670" s="613"/>
      <c r="MTZ670" s="613"/>
      <c r="MUA670" s="613"/>
      <c r="MUB670" s="613"/>
      <c r="MUC670" s="613"/>
      <c r="MUD670" s="613"/>
      <c r="MUE670" s="613"/>
      <c r="MUF670" s="613"/>
      <c r="MUG670" s="613"/>
      <c r="MUH670" s="613"/>
      <c r="MUI670" s="613"/>
      <c r="MUJ670" s="613"/>
      <c r="MUK670" s="613"/>
      <c r="MUL670" s="613"/>
      <c r="MUM670" s="613"/>
      <c r="MUN670" s="613"/>
      <c r="MUO670" s="613"/>
      <c r="MUP670" s="613"/>
      <c r="MUQ670" s="613"/>
      <c r="MUR670" s="613"/>
      <c r="MUS670" s="613"/>
      <c r="MUT670" s="613"/>
      <c r="MUU670" s="613"/>
      <c r="MUV670" s="613"/>
      <c r="MUW670" s="613"/>
      <c r="MUX670" s="613"/>
      <c r="MUY670" s="613"/>
      <c r="MUZ670" s="613"/>
      <c r="MVA670" s="613"/>
      <c r="MVB670" s="613"/>
      <c r="MVC670" s="613"/>
      <c r="MVD670" s="613"/>
      <c r="MVE670" s="613"/>
      <c r="MVF670" s="613"/>
      <c r="MVG670" s="613"/>
      <c r="MVH670" s="613"/>
      <c r="MVI670" s="613"/>
      <c r="MVJ670" s="613"/>
      <c r="MVK670" s="613"/>
      <c r="MVL670" s="613"/>
      <c r="MVM670" s="613"/>
      <c r="MVN670" s="613"/>
      <c r="MVO670" s="613"/>
      <c r="MVP670" s="613"/>
      <c r="MVQ670" s="613"/>
      <c r="MVR670" s="613"/>
      <c r="MVS670" s="613"/>
      <c r="MVT670" s="613"/>
      <c r="MVU670" s="613"/>
      <c r="MVV670" s="613"/>
      <c r="MVW670" s="613"/>
      <c r="MVX670" s="613"/>
      <c r="MVY670" s="613"/>
      <c r="MVZ670" s="613"/>
      <c r="MWA670" s="613"/>
      <c r="MWB670" s="613"/>
      <c r="MWC670" s="613"/>
      <c r="MWD670" s="613"/>
      <c r="MWE670" s="613"/>
      <c r="MWF670" s="613"/>
      <c r="MWG670" s="613"/>
      <c r="MWH670" s="613"/>
      <c r="MWI670" s="613"/>
      <c r="MWJ670" s="613"/>
      <c r="MWK670" s="613"/>
      <c r="MWL670" s="613"/>
      <c r="MWM670" s="613"/>
      <c r="MWN670" s="613"/>
      <c r="MWO670" s="613"/>
      <c r="MWP670" s="613"/>
      <c r="MWQ670" s="613"/>
      <c r="MWR670" s="613"/>
      <c r="MWS670" s="613"/>
      <c r="MWT670" s="613"/>
      <c r="MWU670" s="613"/>
      <c r="MWV670" s="613"/>
      <c r="MWW670" s="613"/>
      <c r="MWX670" s="613"/>
      <c r="MWY670" s="613"/>
      <c r="MWZ670" s="613"/>
      <c r="MXA670" s="613"/>
      <c r="MXB670" s="613"/>
      <c r="MXC670" s="613"/>
      <c r="MXD670" s="613"/>
      <c r="MXE670" s="613"/>
      <c r="MXF670" s="613"/>
      <c r="MXG670" s="613"/>
      <c r="MXH670" s="613"/>
      <c r="MXI670" s="613"/>
      <c r="MXJ670" s="613"/>
      <c r="MXK670" s="613"/>
      <c r="MXL670" s="613"/>
      <c r="MXM670" s="613"/>
      <c r="MXN670" s="613"/>
      <c r="MXO670" s="613"/>
      <c r="MXP670" s="613"/>
      <c r="MXQ670" s="613"/>
      <c r="MXR670" s="613"/>
      <c r="MXS670" s="613"/>
      <c r="MXT670" s="613"/>
      <c r="MXU670" s="613"/>
      <c r="MXV670" s="613"/>
      <c r="MXW670" s="613"/>
      <c r="MXX670" s="613"/>
      <c r="MXY670" s="613"/>
      <c r="MXZ670" s="613"/>
      <c r="MYA670" s="613"/>
      <c r="MYB670" s="613"/>
      <c r="MYC670" s="613"/>
      <c r="MYD670" s="613"/>
      <c r="MYE670" s="613"/>
      <c r="MYF670" s="613"/>
      <c r="MYG670" s="613"/>
      <c r="MYH670" s="613"/>
      <c r="MYI670" s="613"/>
      <c r="MYJ670" s="613"/>
      <c r="MYK670" s="613"/>
      <c r="MYL670" s="613"/>
      <c r="MYM670" s="613"/>
      <c r="MYN670" s="613"/>
      <c r="MYO670" s="613"/>
      <c r="MYP670" s="613"/>
      <c r="MYQ670" s="613"/>
      <c r="MYR670" s="613"/>
      <c r="MYS670" s="613"/>
      <c r="MYT670" s="613"/>
      <c r="MYU670" s="613"/>
      <c r="MYV670" s="613"/>
      <c r="MYW670" s="613"/>
      <c r="MYX670" s="613"/>
      <c r="MYY670" s="613"/>
      <c r="MYZ670" s="613"/>
      <c r="MZA670" s="613"/>
      <c r="MZB670" s="613"/>
      <c r="MZC670" s="613"/>
      <c r="MZD670" s="613"/>
      <c r="MZE670" s="613"/>
      <c r="MZF670" s="613"/>
      <c r="MZG670" s="613"/>
      <c r="MZH670" s="613"/>
      <c r="MZI670" s="613"/>
      <c r="MZJ670" s="613"/>
      <c r="MZK670" s="613"/>
      <c r="MZL670" s="613"/>
      <c r="MZM670" s="613"/>
      <c r="MZN670" s="613"/>
      <c r="MZO670" s="613"/>
      <c r="MZP670" s="613"/>
      <c r="MZQ670" s="613"/>
      <c r="MZR670" s="613"/>
      <c r="MZS670" s="613"/>
      <c r="MZT670" s="613"/>
      <c r="MZU670" s="613"/>
      <c r="MZV670" s="613"/>
      <c r="MZW670" s="613"/>
      <c r="MZX670" s="613"/>
      <c r="MZY670" s="613"/>
      <c r="MZZ670" s="613"/>
      <c r="NAA670" s="613"/>
      <c r="NAB670" s="613"/>
      <c r="NAC670" s="613"/>
      <c r="NAD670" s="613"/>
      <c r="NAE670" s="613"/>
      <c r="NAF670" s="613"/>
      <c r="NAG670" s="613"/>
      <c r="NAH670" s="613"/>
      <c r="NAI670" s="613"/>
      <c r="NAJ670" s="613"/>
      <c r="NAK670" s="613"/>
      <c r="NAL670" s="613"/>
      <c r="NAM670" s="613"/>
      <c r="NAN670" s="613"/>
      <c r="NAO670" s="613"/>
      <c r="NAP670" s="613"/>
      <c r="NAQ670" s="613"/>
      <c r="NAR670" s="613"/>
      <c r="NAS670" s="613"/>
      <c r="NAT670" s="613"/>
      <c r="NAU670" s="613"/>
      <c r="NAV670" s="613"/>
      <c r="NAW670" s="613"/>
      <c r="NAX670" s="613"/>
      <c r="NAY670" s="613"/>
      <c r="NAZ670" s="613"/>
      <c r="NBA670" s="613"/>
      <c r="NBB670" s="613"/>
      <c r="NBC670" s="613"/>
      <c r="NBD670" s="613"/>
      <c r="NBE670" s="613"/>
      <c r="NBF670" s="613"/>
      <c r="NBG670" s="613"/>
      <c r="NBH670" s="613"/>
      <c r="NBI670" s="613"/>
      <c r="NBJ670" s="613"/>
      <c r="NBK670" s="613"/>
      <c r="NBL670" s="613"/>
      <c r="NBM670" s="613"/>
      <c r="NBN670" s="613"/>
      <c r="NBO670" s="613"/>
      <c r="NBP670" s="613"/>
      <c r="NBQ670" s="613"/>
      <c r="NBR670" s="613"/>
      <c r="NBS670" s="613"/>
      <c r="NBT670" s="613"/>
      <c r="NBU670" s="613"/>
      <c r="NBV670" s="613"/>
      <c r="NBW670" s="613"/>
      <c r="NBX670" s="613"/>
      <c r="NBY670" s="613"/>
      <c r="NBZ670" s="613"/>
      <c r="NCA670" s="613"/>
      <c r="NCB670" s="613"/>
      <c r="NCC670" s="613"/>
      <c r="NCD670" s="613"/>
      <c r="NCE670" s="613"/>
      <c r="NCF670" s="613"/>
      <c r="NCG670" s="613"/>
      <c r="NCH670" s="613"/>
      <c r="NCI670" s="613"/>
      <c r="NCJ670" s="613"/>
      <c r="NCK670" s="613"/>
      <c r="NCL670" s="613"/>
      <c r="NCM670" s="613"/>
      <c r="NCN670" s="613"/>
      <c r="NCO670" s="613"/>
      <c r="NCP670" s="613"/>
      <c r="NCQ670" s="613"/>
      <c r="NCR670" s="613"/>
      <c r="NCS670" s="613"/>
      <c r="NCT670" s="613"/>
      <c r="NCU670" s="613"/>
      <c r="NCV670" s="613"/>
      <c r="NCW670" s="613"/>
      <c r="NCX670" s="613"/>
      <c r="NCY670" s="613"/>
      <c r="NCZ670" s="613"/>
      <c r="NDA670" s="613"/>
      <c r="NDB670" s="613"/>
      <c r="NDC670" s="613"/>
      <c r="NDD670" s="613"/>
      <c r="NDE670" s="613"/>
      <c r="NDF670" s="613"/>
      <c r="NDG670" s="613"/>
      <c r="NDH670" s="613"/>
      <c r="NDI670" s="613"/>
      <c r="NDJ670" s="613"/>
      <c r="NDK670" s="613"/>
      <c r="NDL670" s="613"/>
      <c r="NDM670" s="613"/>
      <c r="NDN670" s="613"/>
      <c r="NDO670" s="613"/>
      <c r="NDP670" s="613"/>
      <c r="NDQ670" s="613"/>
      <c r="NDR670" s="613"/>
      <c r="NDS670" s="613"/>
      <c r="NDT670" s="613"/>
      <c r="NDU670" s="613"/>
      <c r="NDV670" s="613"/>
      <c r="NDW670" s="613"/>
      <c r="NDX670" s="613"/>
      <c r="NDY670" s="613"/>
      <c r="NDZ670" s="613"/>
      <c r="NEA670" s="613"/>
      <c r="NEB670" s="613"/>
      <c r="NEC670" s="613"/>
      <c r="NED670" s="613"/>
      <c r="NEE670" s="613"/>
      <c r="NEF670" s="613"/>
      <c r="NEG670" s="613"/>
      <c r="NEH670" s="613"/>
      <c r="NEI670" s="613"/>
      <c r="NEJ670" s="613"/>
      <c r="NEK670" s="613"/>
      <c r="NEL670" s="613"/>
      <c r="NEM670" s="613"/>
      <c r="NEN670" s="613"/>
      <c r="NEO670" s="613"/>
      <c r="NEP670" s="613"/>
      <c r="NEQ670" s="613"/>
      <c r="NER670" s="613"/>
      <c r="NES670" s="613"/>
      <c r="NET670" s="613"/>
      <c r="NEU670" s="613"/>
      <c r="NEV670" s="613"/>
      <c r="NEW670" s="613"/>
      <c r="NEX670" s="613"/>
      <c r="NEY670" s="613"/>
      <c r="NEZ670" s="613"/>
      <c r="NFA670" s="613"/>
      <c r="NFB670" s="613"/>
      <c r="NFC670" s="613"/>
      <c r="NFD670" s="613"/>
      <c r="NFE670" s="613"/>
      <c r="NFF670" s="613"/>
      <c r="NFG670" s="613"/>
      <c r="NFH670" s="613"/>
      <c r="NFI670" s="613"/>
      <c r="NFJ670" s="613"/>
      <c r="NFK670" s="613"/>
      <c r="NFL670" s="613"/>
      <c r="NFM670" s="613"/>
      <c r="NFN670" s="613"/>
      <c r="NFO670" s="613"/>
      <c r="NFP670" s="613"/>
      <c r="NFQ670" s="613"/>
      <c r="NFR670" s="613"/>
      <c r="NFS670" s="613"/>
      <c r="NFT670" s="613"/>
      <c r="NFU670" s="613"/>
      <c r="NFV670" s="613"/>
      <c r="NFW670" s="613"/>
      <c r="NFX670" s="613"/>
      <c r="NFY670" s="613"/>
      <c r="NFZ670" s="613"/>
      <c r="NGA670" s="613"/>
      <c r="NGB670" s="613"/>
      <c r="NGC670" s="613"/>
      <c r="NGD670" s="613"/>
      <c r="NGE670" s="613"/>
      <c r="NGF670" s="613"/>
      <c r="NGG670" s="613"/>
      <c r="NGH670" s="613"/>
      <c r="NGI670" s="613"/>
      <c r="NGJ670" s="613"/>
      <c r="NGK670" s="613"/>
      <c r="NGL670" s="613"/>
      <c r="NGM670" s="613"/>
      <c r="NGN670" s="613"/>
      <c r="NGO670" s="613"/>
      <c r="NGP670" s="613"/>
      <c r="NGQ670" s="613"/>
      <c r="NGR670" s="613"/>
      <c r="NGS670" s="613"/>
      <c r="NGT670" s="613"/>
      <c r="NGU670" s="613"/>
      <c r="NGV670" s="613"/>
      <c r="NGW670" s="613"/>
      <c r="NGX670" s="613"/>
      <c r="NGY670" s="613"/>
      <c r="NGZ670" s="613"/>
      <c r="NHA670" s="613"/>
      <c r="NHB670" s="613"/>
      <c r="NHC670" s="613"/>
      <c r="NHD670" s="613"/>
      <c r="NHE670" s="613"/>
      <c r="NHF670" s="613"/>
      <c r="NHG670" s="613"/>
      <c r="NHH670" s="613"/>
      <c r="NHI670" s="613"/>
      <c r="NHJ670" s="613"/>
      <c r="NHK670" s="613"/>
      <c r="NHL670" s="613"/>
      <c r="NHM670" s="613"/>
      <c r="NHN670" s="613"/>
      <c r="NHO670" s="613"/>
      <c r="NHP670" s="613"/>
      <c r="NHQ670" s="613"/>
      <c r="NHR670" s="613"/>
      <c r="NHS670" s="613"/>
      <c r="NHT670" s="613"/>
      <c r="NHU670" s="613"/>
      <c r="NHV670" s="613"/>
      <c r="NHW670" s="613"/>
      <c r="NHX670" s="613"/>
      <c r="NHY670" s="613"/>
      <c r="NHZ670" s="613"/>
      <c r="NIA670" s="613"/>
      <c r="NIB670" s="613"/>
      <c r="NIC670" s="613"/>
      <c r="NID670" s="613"/>
      <c r="NIE670" s="613"/>
      <c r="NIF670" s="613"/>
      <c r="NIG670" s="613"/>
      <c r="NIH670" s="613"/>
      <c r="NII670" s="613"/>
      <c r="NIJ670" s="613"/>
      <c r="NIK670" s="613"/>
      <c r="NIL670" s="613"/>
      <c r="NIM670" s="613"/>
      <c r="NIN670" s="613"/>
      <c r="NIO670" s="613"/>
      <c r="NIP670" s="613"/>
      <c r="NIQ670" s="613"/>
      <c r="NIR670" s="613"/>
      <c r="NIS670" s="613"/>
      <c r="NIT670" s="613"/>
      <c r="NIU670" s="613"/>
      <c r="NIV670" s="613"/>
      <c r="NIW670" s="613"/>
      <c r="NIX670" s="613"/>
      <c r="NIY670" s="613"/>
      <c r="NIZ670" s="613"/>
      <c r="NJA670" s="613"/>
      <c r="NJB670" s="613"/>
      <c r="NJC670" s="613"/>
      <c r="NJD670" s="613"/>
      <c r="NJE670" s="613"/>
      <c r="NJF670" s="613"/>
      <c r="NJG670" s="613"/>
      <c r="NJH670" s="613"/>
      <c r="NJI670" s="613"/>
      <c r="NJJ670" s="613"/>
      <c r="NJK670" s="613"/>
      <c r="NJL670" s="613"/>
      <c r="NJM670" s="613"/>
      <c r="NJN670" s="613"/>
      <c r="NJO670" s="613"/>
      <c r="NJP670" s="613"/>
      <c r="NJQ670" s="613"/>
      <c r="NJR670" s="613"/>
      <c r="NJS670" s="613"/>
      <c r="NJT670" s="613"/>
      <c r="NJU670" s="613"/>
      <c r="NJV670" s="613"/>
      <c r="NJW670" s="613"/>
      <c r="NJX670" s="613"/>
      <c r="NJY670" s="613"/>
      <c r="NJZ670" s="613"/>
      <c r="NKA670" s="613"/>
      <c r="NKB670" s="613"/>
      <c r="NKC670" s="613"/>
      <c r="NKD670" s="613"/>
      <c r="NKE670" s="613"/>
      <c r="NKF670" s="613"/>
      <c r="NKG670" s="613"/>
      <c r="NKH670" s="613"/>
      <c r="NKI670" s="613"/>
      <c r="NKJ670" s="613"/>
      <c r="NKK670" s="613"/>
      <c r="NKL670" s="613"/>
      <c r="NKM670" s="613"/>
      <c r="NKN670" s="613"/>
      <c r="NKO670" s="613"/>
      <c r="NKP670" s="613"/>
      <c r="NKQ670" s="613"/>
      <c r="NKR670" s="613"/>
      <c r="NKS670" s="613"/>
      <c r="NKT670" s="613"/>
      <c r="NKU670" s="613"/>
      <c r="NKV670" s="613"/>
      <c r="NKW670" s="613"/>
      <c r="NKX670" s="613"/>
      <c r="NKY670" s="613"/>
      <c r="NKZ670" s="613"/>
      <c r="NLA670" s="613"/>
      <c r="NLB670" s="613"/>
      <c r="NLC670" s="613"/>
      <c r="NLD670" s="613"/>
      <c r="NLE670" s="613"/>
      <c r="NLF670" s="613"/>
      <c r="NLG670" s="613"/>
      <c r="NLH670" s="613"/>
      <c r="NLI670" s="613"/>
      <c r="NLJ670" s="613"/>
      <c r="NLK670" s="613"/>
      <c r="NLL670" s="613"/>
      <c r="NLM670" s="613"/>
      <c r="NLN670" s="613"/>
      <c r="NLO670" s="613"/>
      <c r="NLP670" s="613"/>
      <c r="NLQ670" s="613"/>
      <c r="NLR670" s="613"/>
      <c r="NLS670" s="613"/>
      <c r="NLT670" s="613"/>
      <c r="NLU670" s="613"/>
      <c r="NLV670" s="613"/>
      <c r="NLW670" s="613"/>
      <c r="NLX670" s="613"/>
      <c r="NLY670" s="613"/>
      <c r="NLZ670" s="613"/>
      <c r="NMA670" s="613"/>
      <c r="NMB670" s="613"/>
      <c r="NMC670" s="613"/>
      <c r="NMD670" s="613"/>
      <c r="NME670" s="613"/>
      <c r="NMF670" s="613"/>
      <c r="NMG670" s="613"/>
      <c r="NMH670" s="613"/>
      <c r="NMI670" s="613"/>
      <c r="NMJ670" s="613"/>
      <c r="NMK670" s="613"/>
      <c r="NML670" s="613"/>
      <c r="NMM670" s="613"/>
      <c r="NMN670" s="613"/>
      <c r="NMO670" s="613"/>
      <c r="NMP670" s="613"/>
      <c r="NMQ670" s="613"/>
      <c r="NMR670" s="613"/>
      <c r="NMS670" s="613"/>
      <c r="NMT670" s="613"/>
      <c r="NMU670" s="613"/>
      <c r="NMV670" s="613"/>
      <c r="NMW670" s="613"/>
      <c r="NMX670" s="613"/>
      <c r="NMY670" s="613"/>
      <c r="NMZ670" s="613"/>
      <c r="NNA670" s="613"/>
      <c r="NNB670" s="613"/>
      <c r="NNC670" s="613"/>
      <c r="NND670" s="613"/>
      <c r="NNE670" s="613"/>
      <c r="NNF670" s="613"/>
      <c r="NNG670" s="613"/>
      <c r="NNH670" s="613"/>
      <c r="NNI670" s="613"/>
      <c r="NNJ670" s="613"/>
      <c r="NNK670" s="613"/>
      <c r="NNL670" s="613"/>
      <c r="NNM670" s="613"/>
      <c r="NNN670" s="613"/>
      <c r="NNO670" s="613"/>
      <c r="NNP670" s="613"/>
      <c r="NNQ670" s="613"/>
      <c r="NNR670" s="613"/>
      <c r="NNS670" s="613"/>
      <c r="NNT670" s="613"/>
      <c r="NNU670" s="613"/>
      <c r="NNV670" s="613"/>
      <c r="NNW670" s="613"/>
      <c r="NNX670" s="613"/>
      <c r="NNY670" s="613"/>
      <c r="NNZ670" s="613"/>
      <c r="NOA670" s="613"/>
      <c r="NOB670" s="613"/>
      <c r="NOC670" s="613"/>
      <c r="NOD670" s="613"/>
      <c r="NOE670" s="613"/>
      <c r="NOF670" s="613"/>
      <c r="NOG670" s="613"/>
      <c r="NOH670" s="613"/>
      <c r="NOI670" s="613"/>
      <c r="NOJ670" s="613"/>
      <c r="NOK670" s="613"/>
      <c r="NOL670" s="613"/>
      <c r="NOM670" s="613"/>
      <c r="NON670" s="613"/>
      <c r="NOO670" s="613"/>
      <c r="NOP670" s="613"/>
      <c r="NOQ670" s="613"/>
      <c r="NOR670" s="613"/>
      <c r="NOS670" s="613"/>
      <c r="NOT670" s="613"/>
      <c r="NOU670" s="613"/>
      <c r="NOV670" s="613"/>
      <c r="NOW670" s="613"/>
      <c r="NOX670" s="613"/>
      <c r="NOY670" s="613"/>
      <c r="NOZ670" s="613"/>
      <c r="NPA670" s="613"/>
      <c r="NPB670" s="613"/>
      <c r="NPC670" s="613"/>
      <c r="NPD670" s="613"/>
      <c r="NPE670" s="613"/>
      <c r="NPF670" s="613"/>
      <c r="NPG670" s="613"/>
      <c r="NPH670" s="613"/>
      <c r="NPI670" s="613"/>
      <c r="NPJ670" s="613"/>
      <c r="NPK670" s="613"/>
      <c r="NPL670" s="613"/>
      <c r="NPM670" s="613"/>
      <c r="NPN670" s="613"/>
      <c r="NPO670" s="613"/>
      <c r="NPP670" s="613"/>
      <c r="NPQ670" s="613"/>
      <c r="NPR670" s="613"/>
      <c r="NPS670" s="613"/>
      <c r="NPT670" s="613"/>
      <c r="NPU670" s="613"/>
      <c r="NPV670" s="613"/>
      <c r="NPW670" s="613"/>
      <c r="NPX670" s="613"/>
      <c r="NPY670" s="613"/>
      <c r="NPZ670" s="613"/>
      <c r="NQA670" s="613"/>
      <c r="NQB670" s="613"/>
      <c r="NQC670" s="613"/>
      <c r="NQD670" s="613"/>
      <c r="NQE670" s="613"/>
      <c r="NQF670" s="613"/>
      <c r="NQG670" s="613"/>
      <c r="NQH670" s="613"/>
      <c r="NQI670" s="613"/>
      <c r="NQJ670" s="613"/>
      <c r="NQK670" s="613"/>
      <c r="NQL670" s="613"/>
      <c r="NQM670" s="613"/>
      <c r="NQN670" s="613"/>
      <c r="NQO670" s="613"/>
      <c r="NQP670" s="613"/>
      <c r="NQQ670" s="613"/>
      <c r="NQR670" s="613"/>
      <c r="NQS670" s="613"/>
      <c r="NQT670" s="613"/>
      <c r="NQU670" s="613"/>
      <c r="NQV670" s="613"/>
      <c r="NQW670" s="613"/>
      <c r="NQX670" s="613"/>
      <c r="NQY670" s="613"/>
      <c r="NQZ670" s="613"/>
      <c r="NRA670" s="613"/>
      <c r="NRB670" s="613"/>
      <c r="NRC670" s="613"/>
      <c r="NRD670" s="613"/>
      <c r="NRE670" s="613"/>
      <c r="NRF670" s="613"/>
      <c r="NRG670" s="613"/>
      <c r="NRH670" s="613"/>
      <c r="NRI670" s="613"/>
      <c r="NRJ670" s="613"/>
      <c r="NRK670" s="613"/>
      <c r="NRL670" s="613"/>
      <c r="NRM670" s="613"/>
      <c r="NRN670" s="613"/>
      <c r="NRO670" s="613"/>
      <c r="NRP670" s="613"/>
      <c r="NRQ670" s="613"/>
      <c r="NRR670" s="613"/>
      <c r="NRS670" s="613"/>
      <c r="NRT670" s="613"/>
      <c r="NRU670" s="613"/>
      <c r="NRV670" s="613"/>
      <c r="NRW670" s="613"/>
      <c r="NRX670" s="613"/>
      <c r="NRY670" s="613"/>
      <c r="NRZ670" s="613"/>
      <c r="NSA670" s="613"/>
      <c r="NSB670" s="613"/>
      <c r="NSC670" s="613"/>
      <c r="NSD670" s="613"/>
      <c r="NSE670" s="613"/>
      <c r="NSF670" s="613"/>
      <c r="NSG670" s="613"/>
      <c r="NSH670" s="613"/>
      <c r="NSI670" s="613"/>
      <c r="NSJ670" s="613"/>
      <c r="NSK670" s="613"/>
      <c r="NSL670" s="613"/>
      <c r="NSM670" s="613"/>
      <c r="NSN670" s="613"/>
      <c r="NSO670" s="613"/>
      <c r="NSP670" s="613"/>
      <c r="NSQ670" s="613"/>
      <c r="NSR670" s="613"/>
      <c r="NSS670" s="613"/>
      <c r="NST670" s="613"/>
      <c r="NSU670" s="613"/>
      <c r="NSV670" s="613"/>
      <c r="NSW670" s="613"/>
      <c r="NSX670" s="613"/>
      <c r="NSY670" s="613"/>
      <c r="NSZ670" s="613"/>
      <c r="NTA670" s="613"/>
      <c r="NTB670" s="613"/>
      <c r="NTC670" s="613"/>
      <c r="NTD670" s="613"/>
      <c r="NTE670" s="613"/>
      <c r="NTF670" s="613"/>
      <c r="NTG670" s="613"/>
      <c r="NTH670" s="613"/>
      <c r="NTI670" s="613"/>
      <c r="NTJ670" s="613"/>
      <c r="NTK670" s="613"/>
      <c r="NTL670" s="613"/>
      <c r="NTM670" s="613"/>
      <c r="NTN670" s="613"/>
      <c r="NTO670" s="613"/>
      <c r="NTP670" s="613"/>
      <c r="NTQ670" s="613"/>
      <c r="NTR670" s="613"/>
      <c r="NTS670" s="613"/>
      <c r="NTT670" s="613"/>
      <c r="NTU670" s="613"/>
      <c r="NTV670" s="613"/>
      <c r="NTW670" s="613"/>
      <c r="NTX670" s="613"/>
      <c r="NTY670" s="613"/>
      <c r="NTZ670" s="613"/>
      <c r="NUA670" s="613"/>
      <c r="NUB670" s="613"/>
      <c r="NUC670" s="613"/>
      <c r="NUD670" s="613"/>
      <c r="NUE670" s="613"/>
      <c r="NUF670" s="613"/>
      <c r="NUG670" s="613"/>
      <c r="NUH670" s="613"/>
      <c r="NUI670" s="613"/>
      <c r="NUJ670" s="613"/>
      <c r="NUK670" s="613"/>
      <c r="NUL670" s="613"/>
      <c r="NUM670" s="613"/>
      <c r="NUN670" s="613"/>
      <c r="NUO670" s="613"/>
      <c r="NUP670" s="613"/>
      <c r="NUQ670" s="613"/>
      <c r="NUR670" s="613"/>
      <c r="NUS670" s="613"/>
      <c r="NUT670" s="613"/>
      <c r="NUU670" s="613"/>
      <c r="NUV670" s="613"/>
      <c r="NUW670" s="613"/>
      <c r="NUX670" s="613"/>
      <c r="NUY670" s="613"/>
      <c r="NUZ670" s="613"/>
      <c r="NVA670" s="613"/>
      <c r="NVB670" s="613"/>
      <c r="NVC670" s="613"/>
      <c r="NVD670" s="613"/>
      <c r="NVE670" s="613"/>
      <c r="NVF670" s="613"/>
      <c r="NVG670" s="613"/>
      <c r="NVH670" s="613"/>
      <c r="NVI670" s="613"/>
      <c r="NVJ670" s="613"/>
      <c r="NVK670" s="613"/>
      <c r="NVL670" s="613"/>
      <c r="NVM670" s="613"/>
      <c r="NVN670" s="613"/>
      <c r="NVO670" s="613"/>
      <c r="NVP670" s="613"/>
      <c r="NVQ670" s="613"/>
      <c r="NVR670" s="613"/>
      <c r="NVS670" s="613"/>
      <c r="NVT670" s="613"/>
      <c r="NVU670" s="613"/>
      <c r="NVV670" s="613"/>
      <c r="NVW670" s="613"/>
      <c r="NVX670" s="613"/>
      <c r="NVY670" s="613"/>
      <c r="NVZ670" s="613"/>
      <c r="NWA670" s="613"/>
      <c r="NWB670" s="613"/>
      <c r="NWC670" s="613"/>
      <c r="NWD670" s="613"/>
      <c r="NWE670" s="613"/>
      <c r="NWF670" s="613"/>
      <c r="NWG670" s="613"/>
      <c r="NWH670" s="613"/>
      <c r="NWI670" s="613"/>
      <c r="NWJ670" s="613"/>
      <c r="NWK670" s="613"/>
      <c r="NWL670" s="613"/>
      <c r="NWM670" s="613"/>
      <c r="NWN670" s="613"/>
      <c r="NWO670" s="613"/>
      <c r="NWP670" s="613"/>
      <c r="NWQ670" s="613"/>
      <c r="NWR670" s="613"/>
      <c r="NWS670" s="613"/>
      <c r="NWT670" s="613"/>
      <c r="NWU670" s="613"/>
      <c r="NWV670" s="613"/>
      <c r="NWW670" s="613"/>
      <c r="NWX670" s="613"/>
      <c r="NWY670" s="613"/>
      <c r="NWZ670" s="613"/>
      <c r="NXA670" s="613"/>
      <c r="NXB670" s="613"/>
      <c r="NXC670" s="613"/>
      <c r="NXD670" s="613"/>
      <c r="NXE670" s="613"/>
      <c r="NXF670" s="613"/>
      <c r="NXG670" s="613"/>
      <c r="NXH670" s="613"/>
      <c r="NXI670" s="613"/>
      <c r="NXJ670" s="613"/>
      <c r="NXK670" s="613"/>
      <c r="NXL670" s="613"/>
      <c r="NXM670" s="613"/>
      <c r="NXN670" s="613"/>
      <c r="NXO670" s="613"/>
      <c r="NXP670" s="613"/>
      <c r="NXQ670" s="613"/>
      <c r="NXR670" s="613"/>
      <c r="NXS670" s="613"/>
      <c r="NXT670" s="613"/>
      <c r="NXU670" s="613"/>
      <c r="NXV670" s="613"/>
      <c r="NXW670" s="613"/>
      <c r="NXX670" s="613"/>
      <c r="NXY670" s="613"/>
      <c r="NXZ670" s="613"/>
      <c r="NYA670" s="613"/>
      <c r="NYB670" s="613"/>
      <c r="NYC670" s="613"/>
      <c r="NYD670" s="613"/>
      <c r="NYE670" s="613"/>
      <c r="NYF670" s="613"/>
      <c r="NYG670" s="613"/>
      <c r="NYH670" s="613"/>
      <c r="NYI670" s="613"/>
      <c r="NYJ670" s="613"/>
      <c r="NYK670" s="613"/>
      <c r="NYL670" s="613"/>
      <c r="NYM670" s="613"/>
      <c r="NYN670" s="613"/>
      <c r="NYO670" s="613"/>
      <c r="NYP670" s="613"/>
      <c r="NYQ670" s="613"/>
      <c r="NYR670" s="613"/>
      <c r="NYS670" s="613"/>
      <c r="NYT670" s="613"/>
      <c r="NYU670" s="613"/>
      <c r="NYV670" s="613"/>
      <c r="NYW670" s="613"/>
      <c r="NYX670" s="613"/>
      <c r="NYY670" s="613"/>
      <c r="NYZ670" s="613"/>
      <c r="NZA670" s="613"/>
      <c r="NZB670" s="613"/>
      <c r="NZC670" s="613"/>
      <c r="NZD670" s="613"/>
      <c r="NZE670" s="613"/>
      <c r="NZF670" s="613"/>
      <c r="NZG670" s="613"/>
      <c r="NZH670" s="613"/>
      <c r="NZI670" s="613"/>
      <c r="NZJ670" s="613"/>
      <c r="NZK670" s="613"/>
      <c r="NZL670" s="613"/>
      <c r="NZM670" s="613"/>
      <c r="NZN670" s="613"/>
      <c r="NZO670" s="613"/>
      <c r="NZP670" s="613"/>
      <c r="NZQ670" s="613"/>
      <c r="NZR670" s="613"/>
      <c r="NZS670" s="613"/>
      <c r="NZT670" s="613"/>
      <c r="NZU670" s="613"/>
      <c r="NZV670" s="613"/>
      <c r="NZW670" s="613"/>
      <c r="NZX670" s="613"/>
      <c r="NZY670" s="613"/>
      <c r="NZZ670" s="613"/>
      <c r="OAA670" s="613"/>
      <c r="OAB670" s="613"/>
      <c r="OAC670" s="613"/>
      <c r="OAD670" s="613"/>
      <c r="OAE670" s="613"/>
      <c r="OAF670" s="613"/>
      <c r="OAG670" s="613"/>
      <c r="OAH670" s="613"/>
      <c r="OAI670" s="613"/>
      <c r="OAJ670" s="613"/>
      <c r="OAK670" s="613"/>
      <c r="OAL670" s="613"/>
      <c r="OAM670" s="613"/>
      <c r="OAN670" s="613"/>
      <c r="OAO670" s="613"/>
      <c r="OAP670" s="613"/>
      <c r="OAQ670" s="613"/>
      <c r="OAR670" s="613"/>
      <c r="OAS670" s="613"/>
      <c r="OAT670" s="613"/>
      <c r="OAU670" s="613"/>
      <c r="OAV670" s="613"/>
      <c r="OAW670" s="613"/>
      <c r="OAX670" s="613"/>
      <c r="OAY670" s="613"/>
      <c r="OAZ670" s="613"/>
      <c r="OBA670" s="613"/>
      <c r="OBB670" s="613"/>
      <c r="OBC670" s="613"/>
      <c r="OBD670" s="613"/>
      <c r="OBE670" s="613"/>
      <c r="OBF670" s="613"/>
      <c r="OBG670" s="613"/>
      <c r="OBH670" s="613"/>
      <c r="OBI670" s="613"/>
      <c r="OBJ670" s="613"/>
      <c r="OBK670" s="613"/>
      <c r="OBL670" s="613"/>
      <c r="OBM670" s="613"/>
      <c r="OBN670" s="613"/>
      <c r="OBO670" s="613"/>
      <c r="OBP670" s="613"/>
      <c r="OBQ670" s="613"/>
      <c r="OBR670" s="613"/>
      <c r="OBS670" s="613"/>
      <c r="OBT670" s="613"/>
      <c r="OBU670" s="613"/>
      <c r="OBV670" s="613"/>
      <c r="OBW670" s="613"/>
      <c r="OBX670" s="613"/>
      <c r="OBY670" s="613"/>
      <c r="OBZ670" s="613"/>
      <c r="OCA670" s="613"/>
      <c r="OCB670" s="613"/>
      <c r="OCC670" s="613"/>
      <c r="OCD670" s="613"/>
      <c r="OCE670" s="613"/>
      <c r="OCF670" s="613"/>
      <c r="OCG670" s="613"/>
      <c r="OCH670" s="613"/>
      <c r="OCI670" s="613"/>
      <c r="OCJ670" s="613"/>
      <c r="OCK670" s="613"/>
      <c r="OCL670" s="613"/>
      <c r="OCM670" s="613"/>
      <c r="OCN670" s="613"/>
      <c r="OCO670" s="613"/>
      <c r="OCP670" s="613"/>
      <c r="OCQ670" s="613"/>
      <c r="OCR670" s="613"/>
      <c r="OCS670" s="613"/>
      <c r="OCT670" s="613"/>
      <c r="OCU670" s="613"/>
      <c r="OCV670" s="613"/>
      <c r="OCW670" s="613"/>
      <c r="OCX670" s="613"/>
      <c r="OCY670" s="613"/>
      <c r="OCZ670" s="613"/>
      <c r="ODA670" s="613"/>
      <c r="ODB670" s="613"/>
      <c r="ODC670" s="613"/>
      <c r="ODD670" s="613"/>
      <c r="ODE670" s="613"/>
      <c r="ODF670" s="613"/>
      <c r="ODG670" s="613"/>
      <c r="ODH670" s="613"/>
      <c r="ODI670" s="613"/>
      <c r="ODJ670" s="613"/>
      <c r="ODK670" s="613"/>
      <c r="ODL670" s="613"/>
      <c r="ODM670" s="613"/>
      <c r="ODN670" s="613"/>
      <c r="ODO670" s="613"/>
      <c r="ODP670" s="613"/>
      <c r="ODQ670" s="613"/>
      <c r="ODR670" s="613"/>
      <c r="ODS670" s="613"/>
      <c r="ODT670" s="613"/>
      <c r="ODU670" s="613"/>
      <c r="ODV670" s="613"/>
      <c r="ODW670" s="613"/>
      <c r="ODX670" s="613"/>
      <c r="ODY670" s="613"/>
      <c r="ODZ670" s="613"/>
      <c r="OEA670" s="613"/>
      <c r="OEB670" s="613"/>
      <c r="OEC670" s="613"/>
      <c r="OED670" s="613"/>
      <c r="OEE670" s="613"/>
      <c r="OEF670" s="613"/>
      <c r="OEG670" s="613"/>
      <c r="OEH670" s="613"/>
      <c r="OEI670" s="613"/>
      <c r="OEJ670" s="613"/>
      <c r="OEK670" s="613"/>
      <c r="OEL670" s="613"/>
      <c r="OEM670" s="613"/>
      <c r="OEN670" s="613"/>
      <c r="OEO670" s="613"/>
      <c r="OEP670" s="613"/>
      <c r="OEQ670" s="613"/>
      <c r="OER670" s="613"/>
      <c r="OES670" s="613"/>
      <c r="OET670" s="613"/>
      <c r="OEU670" s="613"/>
      <c r="OEV670" s="613"/>
      <c r="OEW670" s="613"/>
      <c r="OEX670" s="613"/>
      <c r="OEY670" s="613"/>
      <c r="OEZ670" s="613"/>
      <c r="OFA670" s="613"/>
      <c r="OFB670" s="613"/>
      <c r="OFC670" s="613"/>
      <c r="OFD670" s="613"/>
      <c r="OFE670" s="613"/>
      <c r="OFF670" s="613"/>
      <c r="OFG670" s="613"/>
      <c r="OFH670" s="613"/>
      <c r="OFI670" s="613"/>
      <c r="OFJ670" s="613"/>
      <c r="OFK670" s="613"/>
      <c r="OFL670" s="613"/>
      <c r="OFM670" s="613"/>
      <c r="OFN670" s="613"/>
      <c r="OFO670" s="613"/>
      <c r="OFP670" s="613"/>
      <c r="OFQ670" s="613"/>
      <c r="OFR670" s="613"/>
      <c r="OFS670" s="613"/>
      <c r="OFT670" s="613"/>
      <c r="OFU670" s="613"/>
      <c r="OFV670" s="613"/>
      <c r="OFW670" s="613"/>
      <c r="OFX670" s="613"/>
      <c r="OFY670" s="613"/>
      <c r="OFZ670" s="613"/>
      <c r="OGA670" s="613"/>
      <c r="OGB670" s="613"/>
      <c r="OGC670" s="613"/>
      <c r="OGD670" s="613"/>
      <c r="OGE670" s="613"/>
      <c r="OGF670" s="613"/>
      <c r="OGG670" s="613"/>
      <c r="OGH670" s="613"/>
      <c r="OGI670" s="613"/>
      <c r="OGJ670" s="613"/>
      <c r="OGK670" s="613"/>
      <c r="OGL670" s="613"/>
      <c r="OGM670" s="613"/>
      <c r="OGN670" s="613"/>
      <c r="OGO670" s="613"/>
      <c r="OGP670" s="613"/>
      <c r="OGQ670" s="613"/>
      <c r="OGR670" s="613"/>
      <c r="OGS670" s="613"/>
      <c r="OGT670" s="613"/>
      <c r="OGU670" s="613"/>
      <c r="OGV670" s="613"/>
      <c r="OGW670" s="613"/>
      <c r="OGX670" s="613"/>
      <c r="OGY670" s="613"/>
      <c r="OGZ670" s="613"/>
      <c r="OHA670" s="613"/>
      <c r="OHB670" s="613"/>
      <c r="OHC670" s="613"/>
      <c r="OHD670" s="613"/>
      <c r="OHE670" s="613"/>
      <c r="OHF670" s="613"/>
      <c r="OHG670" s="613"/>
      <c r="OHH670" s="613"/>
      <c r="OHI670" s="613"/>
      <c r="OHJ670" s="613"/>
      <c r="OHK670" s="613"/>
      <c r="OHL670" s="613"/>
      <c r="OHM670" s="613"/>
      <c r="OHN670" s="613"/>
      <c r="OHO670" s="613"/>
      <c r="OHP670" s="613"/>
      <c r="OHQ670" s="613"/>
      <c r="OHR670" s="613"/>
      <c r="OHS670" s="613"/>
      <c r="OHT670" s="613"/>
      <c r="OHU670" s="613"/>
      <c r="OHV670" s="613"/>
      <c r="OHW670" s="613"/>
      <c r="OHX670" s="613"/>
      <c r="OHY670" s="613"/>
      <c r="OHZ670" s="613"/>
      <c r="OIA670" s="613"/>
      <c r="OIB670" s="613"/>
      <c r="OIC670" s="613"/>
      <c r="OID670" s="613"/>
      <c r="OIE670" s="613"/>
      <c r="OIF670" s="613"/>
      <c r="OIG670" s="613"/>
      <c r="OIH670" s="613"/>
      <c r="OII670" s="613"/>
      <c r="OIJ670" s="613"/>
      <c r="OIK670" s="613"/>
      <c r="OIL670" s="613"/>
      <c r="OIM670" s="613"/>
      <c r="OIN670" s="613"/>
      <c r="OIO670" s="613"/>
      <c r="OIP670" s="613"/>
      <c r="OIQ670" s="613"/>
      <c r="OIR670" s="613"/>
      <c r="OIS670" s="613"/>
      <c r="OIT670" s="613"/>
      <c r="OIU670" s="613"/>
      <c r="OIV670" s="613"/>
      <c r="OIW670" s="613"/>
      <c r="OIX670" s="613"/>
      <c r="OIY670" s="613"/>
      <c r="OIZ670" s="613"/>
      <c r="OJA670" s="613"/>
      <c r="OJB670" s="613"/>
      <c r="OJC670" s="613"/>
      <c r="OJD670" s="613"/>
      <c r="OJE670" s="613"/>
      <c r="OJF670" s="613"/>
      <c r="OJG670" s="613"/>
      <c r="OJH670" s="613"/>
      <c r="OJI670" s="613"/>
      <c r="OJJ670" s="613"/>
      <c r="OJK670" s="613"/>
      <c r="OJL670" s="613"/>
      <c r="OJM670" s="613"/>
      <c r="OJN670" s="613"/>
      <c r="OJO670" s="613"/>
      <c r="OJP670" s="613"/>
      <c r="OJQ670" s="613"/>
      <c r="OJR670" s="613"/>
      <c r="OJS670" s="613"/>
      <c r="OJT670" s="613"/>
      <c r="OJU670" s="613"/>
      <c r="OJV670" s="613"/>
      <c r="OJW670" s="613"/>
      <c r="OJX670" s="613"/>
      <c r="OJY670" s="613"/>
      <c r="OJZ670" s="613"/>
      <c r="OKA670" s="613"/>
      <c r="OKB670" s="613"/>
      <c r="OKC670" s="613"/>
      <c r="OKD670" s="613"/>
      <c r="OKE670" s="613"/>
      <c r="OKF670" s="613"/>
      <c r="OKG670" s="613"/>
      <c r="OKH670" s="613"/>
      <c r="OKI670" s="613"/>
      <c r="OKJ670" s="613"/>
      <c r="OKK670" s="613"/>
      <c r="OKL670" s="613"/>
      <c r="OKM670" s="613"/>
      <c r="OKN670" s="613"/>
      <c r="OKO670" s="613"/>
      <c r="OKP670" s="613"/>
      <c r="OKQ670" s="613"/>
      <c r="OKR670" s="613"/>
      <c r="OKS670" s="613"/>
      <c r="OKT670" s="613"/>
      <c r="OKU670" s="613"/>
      <c r="OKV670" s="613"/>
      <c r="OKW670" s="613"/>
      <c r="OKX670" s="613"/>
      <c r="OKY670" s="613"/>
      <c r="OKZ670" s="613"/>
      <c r="OLA670" s="613"/>
      <c r="OLB670" s="613"/>
      <c r="OLC670" s="613"/>
      <c r="OLD670" s="613"/>
      <c r="OLE670" s="613"/>
      <c r="OLF670" s="613"/>
      <c r="OLG670" s="613"/>
      <c r="OLH670" s="613"/>
      <c r="OLI670" s="613"/>
      <c r="OLJ670" s="613"/>
      <c r="OLK670" s="613"/>
      <c r="OLL670" s="613"/>
      <c r="OLM670" s="613"/>
      <c r="OLN670" s="613"/>
      <c r="OLO670" s="613"/>
      <c r="OLP670" s="613"/>
      <c r="OLQ670" s="613"/>
      <c r="OLR670" s="613"/>
      <c r="OLS670" s="613"/>
      <c r="OLT670" s="613"/>
      <c r="OLU670" s="613"/>
      <c r="OLV670" s="613"/>
      <c r="OLW670" s="613"/>
      <c r="OLX670" s="613"/>
      <c r="OLY670" s="613"/>
      <c r="OLZ670" s="613"/>
      <c r="OMA670" s="613"/>
      <c r="OMB670" s="613"/>
      <c r="OMC670" s="613"/>
      <c r="OMD670" s="613"/>
      <c r="OME670" s="613"/>
      <c r="OMF670" s="613"/>
      <c r="OMG670" s="613"/>
      <c r="OMH670" s="613"/>
      <c r="OMI670" s="613"/>
      <c r="OMJ670" s="613"/>
      <c r="OMK670" s="613"/>
      <c r="OML670" s="613"/>
      <c r="OMM670" s="613"/>
      <c r="OMN670" s="613"/>
      <c r="OMO670" s="613"/>
      <c r="OMP670" s="613"/>
      <c r="OMQ670" s="613"/>
      <c r="OMR670" s="613"/>
      <c r="OMS670" s="613"/>
      <c r="OMT670" s="613"/>
      <c r="OMU670" s="613"/>
      <c r="OMV670" s="613"/>
      <c r="OMW670" s="613"/>
      <c r="OMX670" s="613"/>
      <c r="OMY670" s="613"/>
      <c r="OMZ670" s="613"/>
      <c r="ONA670" s="613"/>
      <c r="ONB670" s="613"/>
      <c r="ONC670" s="613"/>
      <c r="OND670" s="613"/>
      <c r="ONE670" s="613"/>
      <c r="ONF670" s="613"/>
      <c r="ONG670" s="613"/>
      <c r="ONH670" s="613"/>
      <c r="ONI670" s="613"/>
      <c r="ONJ670" s="613"/>
      <c r="ONK670" s="613"/>
      <c r="ONL670" s="613"/>
      <c r="ONM670" s="613"/>
      <c r="ONN670" s="613"/>
      <c r="ONO670" s="613"/>
      <c r="ONP670" s="613"/>
      <c r="ONQ670" s="613"/>
      <c r="ONR670" s="613"/>
      <c r="ONS670" s="613"/>
      <c r="ONT670" s="613"/>
      <c r="ONU670" s="613"/>
      <c r="ONV670" s="613"/>
      <c r="ONW670" s="613"/>
      <c r="ONX670" s="613"/>
      <c r="ONY670" s="613"/>
      <c r="ONZ670" s="613"/>
      <c r="OOA670" s="613"/>
      <c r="OOB670" s="613"/>
      <c r="OOC670" s="613"/>
      <c r="OOD670" s="613"/>
      <c r="OOE670" s="613"/>
      <c r="OOF670" s="613"/>
      <c r="OOG670" s="613"/>
      <c r="OOH670" s="613"/>
      <c r="OOI670" s="613"/>
      <c r="OOJ670" s="613"/>
      <c r="OOK670" s="613"/>
      <c r="OOL670" s="613"/>
      <c r="OOM670" s="613"/>
      <c r="OON670" s="613"/>
      <c r="OOO670" s="613"/>
      <c r="OOP670" s="613"/>
      <c r="OOQ670" s="613"/>
      <c r="OOR670" s="613"/>
      <c r="OOS670" s="613"/>
      <c r="OOT670" s="613"/>
      <c r="OOU670" s="613"/>
      <c r="OOV670" s="613"/>
      <c r="OOW670" s="613"/>
      <c r="OOX670" s="613"/>
      <c r="OOY670" s="613"/>
      <c r="OOZ670" s="613"/>
      <c r="OPA670" s="613"/>
      <c r="OPB670" s="613"/>
      <c r="OPC670" s="613"/>
      <c r="OPD670" s="613"/>
      <c r="OPE670" s="613"/>
      <c r="OPF670" s="613"/>
      <c r="OPG670" s="613"/>
      <c r="OPH670" s="613"/>
      <c r="OPI670" s="613"/>
      <c r="OPJ670" s="613"/>
      <c r="OPK670" s="613"/>
      <c r="OPL670" s="613"/>
      <c r="OPM670" s="613"/>
      <c r="OPN670" s="613"/>
      <c r="OPO670" s="613"/>
      <c r="OPP670" s="613"/>
      <c r="OPQ670" s="613"/>
      <c r="OPR670" s="613"/>
      <c r="OPS670" s="613"/>
      <c r="OPT670" s="613"/>
      <c r="OPU670" s="613"/>
      <c r="OPV670" s="613"/>
      <c r="OPW670" s="613"/>
      <c r="OPX670" s="613"/>
      <c r="OPY670" s="613"/>
      <c r="OPZ670" s="613"/>
      <c r="OQA670" s="613"/>
      <c r="OQB670" s="613"/>
      <c r="OQC670" s="613"/>
      <c r="OQD670" s="613"/>
      <c r="OQE670" s="613"/>
      <c r="OQF670" s="613"/>
      <c r="OQG670" s="613"/>
      <c r="OQH670" s="613"/>
      <c r="OQI670" s="613"/>
      <c r="OQJ670" s="613"/>
      <c r="OQK670" s="613"/>
      <c r="OQL670" s="613"/>
      <c r="OQM670" s="613"/>
      <c r="OQN670" s="613"/>
      <c r="OQO670" s="613"/>
      <c r="OQP670" s="613"/>
      <c r="OQQ670" s="613"/>
      <c r="OQR670" s="613"/>
      <c r="OQS670" s="613"/>
      <c r="OQT670" s="613"/>
      <c r="OQU670" s="613"/>
      <c r="OQV670" s="613"/>
      <c r="OQW670" s="613"/>
      <c r="OQX670" s="613"/>
      <c r="OQY670" s="613"/>
      <c r="OQZ670" s="613"/>
      <c r="ORA670" s="613"/>
      <c r="ORB670" s="613"/>
      <c r="ORC670" s="613"/>
      <c r="ORD670" s="613"/>
      <c r="ORE670" s="613"/>
      <c r="ORF670" s="613"/>
      <c r="ORG670" s="613"/>
      <c r="ORH670" s="613"/>
      <c r="ORI670" s="613"/>
      <c r="ORJ670" s="613"/>
      <c r="ORK670" s="613"/>
      <c r="ORL670" s="613"/>
      <c r="ORM670" s="613"/>
      <c r="ORN670" s="613"/>
      <c r="ORO670" s="613"/>
      <c r="ORP670" s="613"/>
      <c r="ORQ670" s="613"/>
      <c r="ORR670" s="613"/>
      <c r="ORS670" s="613"/>
      <c r="ORT670" s="613"/>
      <c r="ORU670" s="613"/>
      <c r="ORV670" s="613"/>
      <c r="ORW670" s="613"/>
      <c r="ORX670" s="613"/>
      <c r="ORY670" s="613"/>
      <c r="ORZ670" s="613"/>
      <c r="OSA670" s="613"/>
      <c r="OSB670" s="613"/>
      <c r="OSC670" s="613"/>
      <c r="OSD670" s="613"/>
      <c r="OSE670" s="613"/>
      <c r="OSF670" s="613"/>
      <c r="OSG670" s="613"/>
      <c r="OSH670" s="613"/>
      <c r="OSI670" s="613"/>
      <c r="OSJ670" s="613"/>
      <c r="OSK670" s="613"/>
      <c r="OSL670" s="613"/>
      <c r="OSM670" s="613"/>
      <c r="OSN670" s="613"/>
      <c r="OSO670" s="613"/>
      <c r="OSP670" s="613"/>
      <c r="OSQ670" s="613"/>
      <c r="OSR670" s="613"/>
      <c r="OSS670" s="613"/>
      <c r="OST670" s="613"/>
      <c r="OSU670" s="613"/>
      <c r="OSV670" s="613"/>
      <c r="OSW670" s="613"/>
      <c r="OSX670" s="613"/>
      <c r="OSY670" s="613"/>
      <c r="OSZ670" s="613"/>
      <c r="OTA670" s="613"/>
      <c r="OTB670" s="613"/>
      <c r="OTC670" s="613"/>
      <c r="OTD670" s="613"/>
      <c r="OTE670" s="613"/>
      <c r="OTF670" s="613"/>
      <c r="OTG670" s="613"/>
      <c r="OTH670" s="613"/>
      <c r="OTI670" s="613"/>
      <c r="OTJ670" s="613"/>
      <c r="OTK670" s="613"/>
      <c r="OTL670" s="613"/>
      <c r="OTM670" s="613"/>
      <c r="OTN670" s="613"/>
      <c r="OTO670" s="613"/>
      <c r="OTP670" s="613"/>
      <c r="OTQ670" s="613"/>
      <c r="OTR670" s="613"/>
      <c r="OTS670" s="613"/>
      <c r="OTT670" s="613"/>
      <c r="OTU670" s="613"/>
      <c r="OTV670" s="613"/>
      <c r="OTW670" s="613"/>
      <c r="OTX670" s="613"/>
      <c r="OTY670" s="613"/>
      <c r="OTZ670" s="613"/>
      <c r="OUA670" s="613"/>
      <c r="OUB670" s="613"/>
      <c r="OUC670" s="613"/>
      <c r="OUD670" s="613"/>
      <c r="OUE670" s="613"/>
      <c r="OUF670" s="613"/>
      <c r="OUG670" s="613"/>
      <c r="OUH670" s="613"/>
      <c r="OUI670" s="613"/>
      <c r="OUJ670" s="613"/>
      <c r="OUK670" s="613"/>
      <c r="OUL670" s="613"/>
      <c r="OUM670" s="613"/>
      <c r="OUN670" s="613"/>
      <c r="OUO670" s="613"/>
      <c r="OUP670" s="613"/>
      <c r="OUQ670" s="613"/>
      <c r="OUR670" s="613"/>
      <c r="OUS670" s="613"/>
      <c r="OUT670" s="613"/>
      <c r="OUU670" s="613"/>
      <c r="OUV670" s="613"/>
      <c r="OUW670" s="613"/>
      <c r="OUX670" s="613"/>
      <c r="OUY670" s="613"/>
      <c r="OUZ670" s="613"/>
      <c r="OVA670" s="613"/>
      <c r="OVB670" s="613"/>
      <c r="OVC670" s="613"/>
      <c r="OVD670" s="613"/>
      <c r="OVE670" s="613"/>
      <c r="OVF670" s="613"/>
      <c r="OVG670" s="613"/>
      <c r="OVH670" s="613"/>
      <c r="OVI670" s="613"/>
      <c r="OVJ670" s="613"/>
      <c r="OVK670" s="613"/>
      <c r="OVL670" s="613"/>
      <c r="OVM670" s="613"/>
      <c r="OVN670" s="613"/>
      <c r="OVO670" s="613"/>
      <c r="OVP670" s="613"/>
      <c r="OVQ670" s="613"/>
      <c r="OVR670" s="613"/>
      <c r="OVS670" s="613"/>
      <c r="OVT670" s="613"/>
      <c r="OVU670" s="613"/>
      <c r="OVV670" s="613"/>
      <c r="OVW670" s="613"/>
      <c r="OVX670" s="613"/>
      <c r="OVY670" s="613"/>
      <c r="OVZ670" s="613"/>
      <c r="OWA670" s="613"/>
      <c r="OWB670" s="613"/>
      <c r="OWC670" s="613"/>
      <c r="OWD670" s="613"/>
      <c r="OWE670" s="613"/>
      <c r="OWF670" s="613"/>
      <c r="OWG670" s="613"/>
      <c r="OWH670" s="613"/>
      <c r="OWI670" s="613"/>
      <c r="OWJ670" s="613"/>
      <c r="OWK670" s="613"/>
      <c r="OWL670" s="613"/>
      <c r="OWM670" s="613"/>
      <c r="OWN670" s="613"/>
      <c r="OWO670" s="613"/>
      <c r="OWP670" s="613"/>
      <c r="OWQ670" s="613"/>
      <c r="OWR670" s="613"/>
      <c r="OWS670" s="613"/>
      <c r="OWT670" s="613"/>
      <c r="OWU670" s="613"/>
      <c r="OWV670" s="613"/>
      <c r="OWW670" s="613"/>
      <c r="OWX670" s="613"/>
      <c r="OWY670" s="613"/>
      <c r="OWZ670" s="613"/>
      <c r="OXA670" s="613"/>
      <c r="OXB670" s="613"/>
      <c r="OXC670" s="613"/>
      <c r="OXD670" s="613"/>
      <c r="OXE670" s="613"/>
      <c r="OXF670" s="613"/>
      <c r="OXG670" s="613"/>
      <c r="OXH670" s="613"/>
      <c r="OXI670" s="613"/>
      <c r="OXJ670" s="613"/>
      <c r="OXK670" s="613"/>
      <c r="OXL670" s="613"/>
      <c r="OXM670" s="613"/>
      <c r="OXN670" s="613"/>
      <c r="OXO670" s="613"/>
      <c r="OXP670" s="613"/>
      <c r="OXQ670" s="613"/>
      <c r="OXR670" s="613"/>
      <c r="OXS670" s="613"/>
      <c r="OXT670" s="613"/>
      <c r="OXU670" s="613"/>
      <c r="OXV670" s="613"/>
      <c r="OXW670" s="613"/>
      <c r="OXX670" s="613"/>
      <c r="OXY670" s="613"/>
      <c r="OXZ670" s="613"/>
      <c r="OYA670" s="613"/>
      <c r="OYB670" s="613"/>
      <c r="OYC670" s="613"/>
      <c r="OYD670" s="613"/>
      <c r="OYE670" s="613"/>
      <c r="OYF670" s="613"/>
      <c r="OYG670" s="613"/>
      <c r="OYH670" s="613"/>
      <c r="OYI670" s="613"/>
      <c r="OYJ670" s="613"/>
      <c r="OYK670" s="613"/>
      <c r="OYL670" s="613"/>
      <c r="OYM670" s="613"/>
      <c r="OYN670" s="613"/>
      <c r="OYO670" s="613"/>
      <c r="OYP670" s="613"/>
      <c r="OYQ670" s="613"/>
      <c r="OYR670" s="613"/>
      <c r="OYS670" s="613"/>
      <c r="OYT670" s="613"/>
      <c r="OYU670" s="613"/>
      <c r="OYV670" s="613"/>
      <c r="OYW670" s="613"/>
      <c r="OYX670" s="613"/>
      <c r="OYY670" s="613"/>
      <c r="OYZ670" s="613"/>
      <c r="OZA670" s="613"/>
      <c r="OZB670" s="613"/>
      <c r="OZC670" s="613"/>
      <c r="OZD670" s="613"/>
      <c r="OZE670" s="613"/>
      <c r="OZF670" s="613"/>
      <c r="OZG670" s="613"/>
      <c r="OZH670" s="613"/>
      <c r="OZI670" s="613"/>
      <c r="OZJ670" s="613"/>
      <c r="OZK670" s="613"/>
      <c r="OZL670" s="613"/>
      <c r="OZM670" s="613"/>
      <c r="OZN670" s="613"/>
      <c r="OZO670" s="613"/>
      <c r="OZP670" s="613"/>
      <c r="OZQ670" s="613"/>
      <c r="OZR670" s="613"/>
      <c r="OZS670" s="613"/>
      <c r="OZT670" s="613"/>
      <c r="OZU670" s="613"/>
      <c r="OZV670" s="613"/>
      <c r="OZW670" s="613"/>
      <c r="OZX670" s="613"/>
      <c r="OZY670" s="613"/>
      <c r="OZZ670" s="613"/>
      <c r="PAA670" s="613"/>
      <c r="PAB670" s="613"/>
      <c r="PAC670" s="613"/>
      <c r="PAD670" s="613"/>
      <c r="PAE670" s="613"/>
      <c r="PAF670" s="613"/>
      <c r="PAG670" s="613"/>
      <c r="PAH670" s="613"/>
      <c r="PAI670" s="613"/>
      <c r="PAJ670" s="613"/>
      <c r="PAK670" s="613"/>
      <c r="PAL670" s="613"/>
      <c r="PAM670" s="613"/>
      <c r="PAN670" s="613"/>
      <c r="PAO670" s="613"/>
      <c r="PAP670" s="613"/>
      <c r="PAQ670" s="613"/>
      <c r="PAR670" s="613"/>
      <c r="PAS670" s="613"/>
      <c r="PAT670" s="613"/>
      <c r="PAU670" s="613"/>
      <c r="PAV670" s="613"/>
      <c r="PAW670" s="613"/>
      <c r="PAX670" s="613"/>
      <c r="PAY670" s="613"/>
      <c r="PAZ670" s="613"/>
      <c r="PBA670" s="613"/>
      <c r="PBB670" s="613"/>
      <c r="PBC670" s="613"/>
      <c r="PBD670" s="613"/>
      <c r="PBE670" s="613"/>
      <c r="PBF670" s="613"/>
      <c r="PBG670" s="613"/>
      <c r="PBH670" s="613"/>
      <c r="PBI670" s="613"/>
      <c r="PBJ670" s="613"/>
      <c r="PBK670" s="613"/>
      <c r="PBL670" s="613"/>
      <c r="PBM670" s="613"/>
      <c r="PBN670" s="613"/>
      <c r="PBO670" s="613"/>
      <c r="PBP670" s="613"/>
      <c r="PBQ670" s="613"/>
      <c r="PBR670" s="613"/>
      <c r="PBS670" s="613"/>
      <c r="PBT670" s="613"/>
      <c r="PBU670" s="613"/>
      <c r="PBV670" s="613"/>
      <c r="PBW670" s="613"/>
      <c r="PBX670" s="613"/>
      <c r="PBY670" s="613"/>
      <c r="PBZ670" s="613"/>
      <c r="PCA670" s="613"/>
      <c r="PCB670" s="613"/>
      <c r="PCC670" s="613"/>
      <c r="PCD670" s="613"/>
      <c r="PCE670" s="613"/>
      <c r="PCF670" s="613"/>
      <c r="PCG670" s="613"/>
      <c r="PCH670" s="613"/>
      <c r="PCI670" s="613"/>
      <c r="PCJ670" s="613"/>
      <c r="PCK670" s="613"/>
      <c r="PCL670" s="613"/>
      <c r="PCM670" s="613"/>
      <c r="PCN670" s="613"/>
      <c r="PCO670" s="613"/>
      <c r="PCP670" s="613"/>
      <c r="PCQ670" s="613"/>
      <c r="PCR670" s="613"/>
      <c r="PCS670" s="613"/>
      <c r="PCT670" s="613"/>
      <c r="PCU670" s="613"/>
      <c r="PCV670" s="613"/>
      <c r="PCW670" s="613"/>
      <c r="PCX670" s="613"/>
      <c r="PCY670" s="613"/>
      <c r="PCZ670" s="613"/>
      <c r="PDA670" s="613"/>
      <c r="PDB670" s="613"/>
      <c r="PDC670" s="613"/>
      <c r="PDD670" s="613"/>
      <c r="PDE670" s="613"/>
      <c r="PDF670" s="613"/>
      <c r="PDG670" s="613"/>
      <c r="PDH670" s="613"/>
      <c r="PDI670" s="613"/>
      <c r="PDJ670" s="613"/>
      <c r="PDK670" s="613"/>
      <c r="PDL670" s="613"/>
      <c r="PDM670" s="613"/>
      <c r="PDN670" s="613"/>
      <c r="PDO670" s="613"/>
      <c r="PDP670" s="613"/>
      <c r="PDQ670" s="613"/>
      <c r="PDR670" s="613"/>
      <c r="PDS670" s="613"/>
      <c r="PDT670" s="613"/>
      <c r="PDU670" s="613"/>
      <c r="PDV670" s="613"/>
      <c r="PDW670" s="613"/>
      <c r="PDX670" s="613"/>
      <c r="PDY670" s="613"/>
      <c r="PDZ670" s="613"/>
      <c r="PEA670" s="613"/>
      <c r="PEB670" s="613"/>
      <c r="PEC670" s="613"/>
      <c r="PED670" s="613"/>
      <c r="PEE670" s="613"/>
      <c r="PEF670" s="613"/>
      <c r="PEG670" s="613"/>
      <c r="PEH670" s="613"/>
      <c r="PEI670" s="613"/>
      <c r="PEJ670" s="613"/>
      <c r="PEK670" s="613"/>
      <c r="PEL670" s="613"/>
      <c r="PEM670" s="613"/>
      <c r="PEN670" s="613"/>
      <c r="PEO670" s="613"/>
      <c r="PEP670" s="613"/>
      <c r="PEQ670" s="613"/>
      <c r="PER670" s="613"/>
      <c r="PES670" s="613"/>
      <c r="PET670" s="613"/>
      <c r="PEU670" s="613"/>
      <c r="PEV670" s="613"/>
      <c r="PEW670" s="613"/>
      <c r="PEX670" s="613"/>
      <c r="PEY670" s="613"/>
      <c r="PEZ670" s="613"/>
      <c r="PFA670" s="613"/>
      <c r="PFB670" s="613"/>
      <c r="PFC670" s="613"/>
      <c r="PFD670" s="613"/>
      <c r="PFE670" s="613"/>
      <c r="PFF670" s="613"/>
      <c r="PFG670" s="613"/>
      <c r="PFH670" s="613"/>
      <c r="PFI670" s="613"/>
      <c r="PFJ670" s="613"/>
      <c r="PFK670" s="613"/>
      <c r="PFL670" s="613"/>
      <c r="PFM670" s="613"/>
      <c r="PFN670" s="613"/>
      <c r="PFO670" s="613"/>
      <c r="PFP670" s="613"/>
      <c r="PFQ670" s="613"/>
      <c r="PFR670" s="613"/>
      <c r="PFS670" s="613"/>
      <c r="PFT670" s="613"/>
      <c r="PFU670" s="613"/>
      <c r="PFV670" s="613"/>
      <c r="PFW670" s="613"/>
      <c r="PFX670" s="613"/>
      <c r="PFY670" s="613"/>
      <c r="PFZ670" s="613"/>
      <c r="PGA670" s="613"/>
      <c r="PGB670" s="613"/>
      <c r="PGC670" s="613"/>
      <c r="PGD670" s="613"/>
      <c r="PGE670" s="613"/>
      <c r="PGF670" s="613"/>
      <c r="PGG670" s="613"/>
      <c r="PGH670" s="613"/>
      <c r="PGI670" s="613"/>
      <c r="PGJ670" s="613"/>
      <c r="PGK670" s="613"/>
      <c r="PGL670" s="613"/>
      <c r="PGM670" s="613"/>
      <c r="PGN670" s="613"/>
      <c r="PGO670" s="613"/>
      <c r="PGP670" s="613"/>
      <c r="PGQ670" s="613"/>
      <c r="PGR670" s="613"/>
      <c r="PGS670" s="613"/>
      <c r="PGT670" s="613"/>
      <c r="PGU670" s="613"/>
      <c r="PGV670" s="613"/>
      <c r="PGW670" s="613"/>
      <c r="PGX670" s="613"/>
      <c r="PGY670" s="613"/>
      <c r="PGZ670" s="613"/>
      <c r="PHA670" s="613"/>
      <c r="PHB670" s="613"/>
      <c r="PHC670" s="613"/>
      <c r="PHD670" s="613"/>
      <c r="PHE670" s="613"/>
      <c r="PHF670" s="613"/>
      <c r="PHG670" s="613"/>
      <c r="PHH670" s="613"/>
      <c r="PHI670" s="613"/>
      <c r="PHJ670" s="613"/>
      <c r="PHK670" s="613"/>
      <c r="PHL670" s="613"/>
      <c r="PHM670" s="613"/>
      <c r="PHN670" s="613"/>
      <c r="PHO670" s="613"/>
      <c r="PHP670" s="613"/>
      <c r="PHQ670" s="613"/>
      <c r="PHR670" s="613"/>
      <c r="PHS670" s="613"/>
      <c r="PHT670" s="613"/>
      <c r="PHU670" s="613"/>
      <c r="PHV670" s="613"/>
      <c r="PHW670" s="613"/>
      <c r="PHX670" s="613"/>
      <c r="PHY670" s="613"/>
      <c r="PHZ670" s="613"/>
      <c r="PIA670" s="613"/>
      <c r="PIB670" s="613"/>
      <c r="PIC670" s="613"/>
      <c r="PID670" s="613"/>
      <c r="PIE670" s="613"/>
      <c r="PIF670" s="613"/>
      <c r="PIG670" s="613"/>
      <c r="PIH670" s="613"/>
      <c r="PII670" s="613"/>
      <c r="PIJ670" s="613"/>
      <c r="PIK670" s="613"/>
      <c r="PIL670" s="613"/>
      <c r="PIM670" s="613"/>
      <c r="PIN670" s="613"/>
      <c r="PIO670" s="613"/>
      <c r="PIP670" s="613"/>
      <c r="PIQ670" s="613"/>
      <c r="PIR670" s="613"/>
      <c r="PIS670" s="613"/>
      <c r="PIT670" s="613"/>
      <c r="PIU670" s="613"/>
      <c r="PIV670" s="613"/>
      <c r="PIW670" s="613"/>
      <c r="PIX670" s="613"/>
      <c r="PIY670" s="613"/>
      <c r="PIZ670" s="613"/>
      <c r="PJA670" s="613"/>
      <c r="PJB670" s="613"/>
      <c r="PJC670" s="613"/>
      <c r="PJD670" s="613"/>
      <c r="PJE670" s="613"/>
      <c r="PJF670" s="613"/>
      <c r="PJG670" s="613"/>
      <c r="PJH670" s="613"/>
      <c r="PJI670" s="613"/>
      <c r="PJJ670" s="613"/>
      <c r="PJK670" s="613"/>
      <c r="PJL670" s="613"/>
      <c r="PJM670" s="613"/>
      <c r="PJN670" s="613"/>
      <c r="PJO670" s="613"/>
      <c r="PJP670" s="613"/>
      <c r="PJQ670" s="613"/>
      <c r="PJR670" s="613"/>
      <c r="PJS670" s="613"/>
      <c r="PJT670" s="613"/>
      <c r="PJU670" s="613"/>
      <c r="PJV670" s="613"/>
      <c r="PJW670" s="613"/>
      <c r="PJX670" s="613"/>
      <c r="PJY670" s="613"/>
      <c r="PJZ670" s="613"/>
      <c r="PKA670" s="613"/>
      <c r="PKB670" s="613"/>
      <c r="PKC670" s="613"/>
      <c r="PKD670" s="613"/>
      <c r="PKE670" s="613"/>
      <c r="PKF670" s="613"/>
      <c r="PKG670" s="613"/>
      <c r="PKH670" s="613"/>
      <c r="PKI670" s="613"/>
      <c r="PKJ670" s="613"/>
      <c r="PKK670" s="613"/>
      <c r="PKL670" s="613"/>
      <c r="PKM670" s="613"/>
      <c r="PKN670" s="613"/>
      <c r="PKO670" s="613"/>
      <c r="PKP670" s="613"/>
      <c r="PKQ670" s="613"/>
      <c r="PKR670" s="613"/>
      <c r="PKS670" s="613"/>
      <c r="PKT670" s="613"/>
      <c r="PKU670" s="613"/>
      <c r="PKV670" s="613"/>
      <c r="PKW670" s="613"/>
      <c r="PKX670" s="613"/>
      <c r="PKY670" s="613"/>
      <c r="PKZ670" s="613"/>
      <c r="PLA670" s="613"/>
      <c r="PLB670" s="613"/>
      <c r="PLC670" s="613"/>
      <c r="PLD670" s="613"/>
      <c r="PLE670" s="613"/>
      <c r="PLF670" s="613"/>
      <c r="PLG670" s="613"/>
      <c r="PLH670" s="613"/>
      <c r="PLI670" s="613"/>
      <c r="PLJ670" s="613"/>
      <c r="PLK670" s="613"/>
      <c r="PLL670" s="613"/>
      <c r="PLM670" s="613"/>
      <c r="PLN670" s="613"/>
      <c r="PLO670" s="613"/>
      <c r="PLP670" s="613"/>
      <c r="PLQ670" s="613"/>
      <c r="PLR670" s="613"/>
      <c r="PLS670" s="613"/>
      <c r="PLT670" s="613"/>
      <c r="PLU670" s="613"/>
      <c r="PLV670" s="613"/>
      <c r="PLW670" s="613"/>
      <c r="PLX670" s="613"/>
      <c r="PLY670" s="613"/>
      <c r="PLZ670" s="613"/>
      <c r="PMA670" s="613"/>
      <c r="PMB670" s="613"/>
      <c r="PMC670" s="613"/>
      <c r="PMD670" s="613"/>
      <c r="PME670" s="613"/>
      <c r="PMF670" s="613"/>
      <c r="PMG670" s="613"/>
      <c r="PMH670" s="613"/>
      <c r="PMI670" s="613"/>
      <c r="PMJ670" s="613"/>
      <c r="PMK670" s="613"/>
      <c r="PML670" s="613"/>
      <c r="PMM670" s="613"/>
      <c r="PMN670" s="613"/>
      <c r="PMO670" s="613"/>
      <c r="PMP670" s="613"/>
      <c r="PMQ670" s="613"/>
      <c r="PMR670" s="613"/>
      <c r="PMS670" s="613"/>
      <c r="PMT670" s="613"/>
      <c r="PMU670" s="613"/>
      <c r="PMV670" s="613"/>
      <c r="PMW670" s="613"/>
      <c r="PMX670" s="613"/>
      <c r="PMY670" s="613"/>
      <c r="PMZ670" s="613"/>
      <c r="PNA670" s="613"/>
      <c r="PNB670" s="613"/>
      <c r="PNC670" s="613"/>
      <c r="PND670" s="613"/>
      <c r="PNE670" s="613"/>
      <c r="PNF670" s="613"/>
      <c r="PNG670" s="613"/>
      <c r="PNH670" s="613"/>
      <c r="PNI670" s="613"/>
      <c r="PNJ670" s="613"/>
      <c r="PNK670" s="613"/>
      <c r="PNL670" s="613"/>
      <c r="PNM670" s="613"/>
      <c r="PNN670" s="613"/>
      <c r="PNO670" s="613"/>
      <c r="PNP670" s="613"/>
      <c r="PNQ670" s="613"/>
      <c r="PNR670" s="613"/>
      <c r="PNS670" s="613"/>
      <c r="PNT670" s="613"/>
      <c r="PNU670" s="613"/>
      <c r="PNV670" s="613"/>
      <c r="PNW670" s="613"/>
      <c r="PNX670" s="613"/>
      <c r="PNY670" s="613"/>
      <c r="PNZ670" s="613"/>
      <c r="POA670" s="613"/>
      <c r="POB670" s="613"/>
      <c r="POC670" s="613"/>
      <c r="POD670" s="613"/>
      <c r="POE670" s="613"/>
      <c r="POF670" s="613"/>
      <c r="POG670" s="613"/>
      <c r="POH670" s="613"/>
      <c r="POI670" s="613"/>
      <c r="POJ670" s="613"/>
      <c r="POK670" s="613"/>
      <c r="POL670" s="613"/>
      <c r="POM670" s="613"/>
      <c r="PON670" s="613"/>
      <c r="POO670" s="613"/>
      <c r="POP670" s="613"/>
      <c r="POQ670" s="613"/>
      <c r="POR670" s="613"/>
      <c r="POS670" s="613"/>
      <c r="POT670" s="613"/>
      <c r="POU670" s="613"/>
      <c r="POV670" s="613"/>
      <c r="POW670" s="613"/>
      <c r="POX670" s="613"/>
      <c r="POY670" s="613"/>
      <c r="POZ670" s="613"/>
      <c r="PPA670" s="613"/>
      <c r="PPB670" s="613"/>
      <c r="PPC670" s="613"/>
      <c r="PPD670" s="613"/>
      <c r="PPE670" s="613"/>
      <c r="PPF670" s="613"/>
      <c r="PPG670" s="613"/>
      <c r="PPH670" s="613"/>
      <c r="PPI670" s="613"/>
      <c r="PPJ670" s="613"/>
      <c r="PPK670" s="613"/>
      <c r="PPL670" s="613"/>
      <c r="PPM670" s="613"/>
      <c r="PPN670" s="613"/>
      <c r="PPO670" s="613"/>
      <c r="PPP670" s="613"/>
      <c r="PPQ670" s="613"/>
      <c r="PPR670" s="613"/>
      <c r="PPS670" s="613"/>
      <c r="PPT670" s="613"/>
      <c r="PPU670" s="613"/>
      <c r="PPV670" s="613"/>
      <c r="PPW670" s="613"/>
      <c r="PPX670" s="613"/>
      <c r="PPY670" s="613"/>
      <c r="PPZ670" s="613"/>
      <c r="PQA670" s="613"/>
      <c r="PQB670" s="613"/>
      <c r="PQC670" s="613"/>
      <c r="PQD670" s="613"/>
      <c r="PQE670" s="613"/>
      <c r="PQF670" s="613"/>
      <c r="PQG670" s="613"/>
      <c r="PQH670" s="613"/>
      <c r="PQI670" s="613"/>
      <c r="PQJ670" s="613"/>
      <c r="PQK670" s="613"/>
      <c r="PQL670" s="613"/>
      <c r="PQM670" s="613"/>
      <c r="PQN670" s="613"/>
      <c r="PQO670" s="613"/>
      <c r="PQP670" s="613"/>
      <c r="PQQ670" s="613"/>
      <c r="PQR670" s="613"/>
      <c r="PQS670" s="613"/>
      <c r="PQT670" s="613"/>
      <c r="PQU670" s="613"/>
      <c r="PQV670" s="613"/>
      <c r="PQW670" s="613"/>
      <c r="PQX670" s="613"/>
      <c r="PQY670" s="613"/>
      <c r="PQZ670" s="613"/>
      <c r="PRA670" s="613"/>
      <c r="PRB670" s="613"/>
      <c r="PRC670" s="613"/>
      <c r="PRD670" s="613"/>
      <c r="PRE670" s="613"/>
      <c r="PRF670" s="613"/>
      <c r="PRG670" s="613"/>
      <c r="PRH670" s="613"/>
      <c r="PRI670" s="613"/>
      <c r="PRJ670" s="613"/>
      <c r="PRK670" s="613"/>
      <c r="PRL670" s="613"/>
      <c r="PRM670" s="613"/>
      <c r="PRN670" s="613"/>
      <c r="PRO670" s="613"/>
      <c r="PRP670" s="613"/>
      <c r="PRQ670" s="613"/>
      <c r="PRR670" s="613"/>
      <c r="PRS670" s="613"/>
      <c r="PRT670" s="613"/>
      <c r="PRU670" s="613"/>
      <c r="PRV670" s="613"/>
      <c r="PRW670" s="613"/>
      <c r="PRX670" s="613"/>
      <c r="PRY670" s="613"/>
      <c r="PRZ670" s="613"/>
      <c r="PSA670" s="613"/>
      <c r="PSB670" s="613"/>
      <c r="PSC670" s="613"/>
      <c r="PSD670" s="613"/>
      <c r="PSE670" s="613"/>
      <c r="PSF670" s="613"/>
      <c r="PSG670" s="613"/>
      <c r="PSH670" s="613"/>
      <c r="PSI670" s="613"/>
      <c r="PSJ670" s="613"/>
      <c r="PSK670" s="613"/>
      <c r="PSL670" s="613"/>
      <c r="PSM670" s="613"/>
      <c r="PSN670" s="613"/>
      <c r="PSO670" s="613"/>
      <c r="PSP670" s="613"/>
      <c r="PSQ670" s="613"/>
      <c r="PSR670" s="613"/>
      <c r="PSS670" s="613"/>
      <c r="PST670" s="613"/>
      <c r="PSU670" s="613"/>
      <c r="PSV670" s="613"/>
      <c r="PSW670" s="613"/>
      <c r="PSX670" s="613"/>
      <c r="PSY670" s="613"/>
      <c r="PSZ670" s="613"/>
      <c r="PTA670" s="613"/>
      <c r="PTB670" s="613"/>
      <c r="PTC670" s="613"/>
      <c r="PTD670" s="613"/>
      <c r="PTE670" s="613"/>
      <c r="PTF670" s="613"/>
      <c r="PTG670" s="613"/>
      <c r="PTH670" s="613"/>
      <c r="PTI670" s="613"/>
      <c r="PTJ670" s="613"/>
      <c r="PTK670" s="613"/>
      <c r="PTL670" s="613"/>
      <c r="PTM670" s="613"/>
      <c r="PTN670" s="613"/>
      <c r="PTO670" s="613"/>
      <c r="PTP670" s="613"/>
      <c r="PTQ670" s="613"/>
      <c r="PTR670" s="613"/>
      <c r="PTS670" s="613"/>
      <c r="PTT670" s="613"/>
      <c r="PTU670" s="613"/>
      <c r="PTV670" s="613"/>
      <c r="PTW670" s="613"/>
      <c r="PTX670" s="613"/>
      <c r="PTY670" s="613"/>
      <c r="PTZ670" s="613"/>
      <c r="PUA670" s="613"/>
      <c r="PUB670" s="613"/>
      <c r="PUC670" s="613"/>
      <c r="PUD670" s="613"/>
      <c r="PUE670" s="613"/>
      <c r="PUF670" s="613"/>
      <c r="PUG670" s="613"/>
      <c r="PUH670" s="613"/>
      <c r="PUI670" s="613"/>
      <c r="PUJ670" s="613"/>
      <c r="PUK670" s="613"/>
      <c r="PUL670" s="613"/>
      <c r="PUM670" s="613"/>
      <c r="PUN670" s="613"/>
      <c r="PUO670" s="613"/>
      <c r="PUP670" s="613"/>
      <c r="PUQ670" s="613"/>
      <c r="PUR670" s="613"/>
      <c r="PUS670" s="613"/>
      <c r="PUT670" s="613"/>
      <c r="PUU670" s="613"/>
      <c r="PUV670" s="613"/>
      <c r="PUW670" s="613"/>
      <c r="PUX670" s="613"/>
      <c r="PUY670" s="613"/>
      <c r="PUZ670" s="613"/>
      <c r="PVA670" s="613"/>
      <c r="PVB670" s="613"/>
      <c r="PVC670" s="613"/>
      <c r="PVD670" s="613"/>
      <c r="PVE670" s="613"/>
      <c r="PVF670" s="613"/>
      <c r="PVG670" s="613"/>
      <c r="PVH670" s="613"/>
      <c r="PVI670" s="613"/>
      <c r="PVJ670" s="613"/>
      <c r="PVK670" s="613"/>
      <c r="PVL670" s="613"/>
      <c r="PVM670" s="613"/>
      <c r="PVN670" s="613"/>
      <c r="PVO670" s="613"/>
      <c r="PVP670" s="613"/>
      <c r="PVQ670" s="613"/>
      <c r="PVR670" s="613"/>
      <c r="PVS670" s="613"/>
      <c r="PVT670" s="613"/>
      <c r="PVU670" s="613"/>
      <c r="PVV670" s="613"/>
      <c r="PVW670" s="613"/>
      <c r="PVX670" s="613"/>
      <c r="PVY670" s="613"/>
      <c r="PVZ670" s="613"/>
      <c r="PWA670" s="613"/>
      <c r="PWB670" s="613"/>
      <c r="PWC670" s="613"/>
      <c r="PWD670" s="613"/>
      <c r="PWE670" s="613"/>
      <c r="PWF670" s="613"/>
      <c r="PWG670" s="613"/>
      <c r="PWH670" s="613"/>
      <c r="PWI670" s="613"/>
      <c r="PWJ670" s="613"/>
      <c r="PWK670" s="613"/>
      <c r="PWL670" s="613"/>
      <c r="PWM670" s="613"/>
      <c r="PWN670" s="613"/>
      <c r="PWO670" s="613"/>
      <c r="PWP670" s="613"/>
      <c r="PWQ670" s="613"/>
      <c r="PWR670" s="613"/>
      <c r="PWS670" s="613"/>
      <c r="PWT670" s="613"/>
      <c r="PWU670" s="613"/>
      <c r="PWV670" s="613"/>
      <c r="PWW670" s="613"/>
      <c r="PWX670" s="613"/>
      <c r="PWY670" s="613"/>
      <c r="PWZ670" s="613"/>
      <c r="PXA670" s="613"/>
      <c r="PXB670" s="613"/>
      <c r="PXC670" s="613"/>
      <c r="PXD670" s="613"/>
      <c r="PXE670" s="613"/>
      <c r="PXF670" s="613"/>
      <c r="PXG670" s="613"/>
      <c r="PXH670" s="613"/>
      <c r="PXI670" s="613"/>
      <c r="PXJ670" s="613"/>
      <c r="PXK670" s="613"/>
      <c r="PXL670" s="613"/>
      <c r="PXM670" s="613"/>
      <c r="PXN670" s="613"/>
      <c r="PXO670" s="613"/>
      <c r="PXP670" s="613"/>
      <c r="PXQ670" s="613"/>
      <c r="PXR670" s="613"/>
      <c r="PXS670" s="613"/>
      <c r="PXT670" s="613"/>
      <c r="PXU670" s="613"/>
      <c r="PXV670" s="613"/>
      <c r="PXW670" s="613"/>
      <c r="PXX670" s="613"/>
      <c r="PXY670" s="613"/>
      <c r="PXZ670" s="613"/>
      <c r="PYA670" s="613"/>
      <c r="PYB670" s="613"/>
      <c r="PYC670" s="613"/>
      <c r="PYD670" s="613"/>
      <c r="PYE670" s="613"/>
      <c r="PYF670" s="613"/>
      <c r="PYG670" s="613"/>
      <c r="PYH670" s="613"/>
      <c r="PYI670" s="613"/>
      <c r="PYJ670" s="613"/>
      <c r="PYK670" s="613"/>
      <c r="PYL670" s="613"/>
      <c r="PYM670" s="613"/>
      <c r="PYN670" s="613"/>
      <c r="PYO670" s="613"/>
      <c r="PYP670" s="613"/>
      <c r="PYQ670" s="613"/>
      <c r="PYR670" s="613"/>
      <c r="PYS670" s="613"/>
      <c r="PYT670" s="613"/>
      <c r="PYU670" s="613"/>
      <c r="PYV670" s="613"/>
      <c r="PYW670" s="613"/>
      <c r="PYX670" s="613"/>
      <c r="PYY670" s="613"/>
      <c r="PYZ670" s="613"/>
      <c r="PZA670" s="613"/>
      <c r="PZB670" s="613"/>
      <c r="PZC670" s="613"/>
      <c r="PZD670" s="613"/>
      <c r="PZE670" s="613"/>
      <c r="PZF670" s="613"/>
      <c r="PZG670" s="613"/>
      <c r="PZH670" s="613"/>
      <c r="PZI670" s="613"/>
      <c r="PZJ670" s="613"/>
      <c r="PZK670" s="613"/>
      <c r="PZL670" s="613"/>
      <c r="PZM670" s="613"/>
      <c r="PZN670" s="613"/>
      <c r="PZO670" s="613"/>
      <c r="PZP670" s="613"/>
      <c r="PZQ670" s="613"/>
      <c r="PZR670" s="613"/>
      <c r="PZS670" s="613"/>
      <c r="PZT670" s="613"/>
      <c r="PZU670" s="613"/>
      <c r="PZV670" s="613"/>
      <c r="PZW670" s="613"/>
      <c r="PZX670" s="613"/>
      <c r="PZY670" s="613"/>
      <c r="PZZ670" s="613"/>
      <c r="QAA670" s="613"/>
      <c r="QAB670" s="613"/>
      <c r="QAC670" s="613"/>
      <c r="QAD670" s="613"/>
      <c r="QAE670" s="613"/>
      <c r="QAF670" s="613"/>
      <c r="QAG670" s="613"/>
      <c r="QAH670" s="613"/>
      <c r="QAI670" s="613"/>
      <c r="QAJ670" s="613"/>
      <c r="QAK670" s="613"/>
      <c r="QAL670" s="613"/>
      <c r="QAM670" s="613"/>
      <c r="QAN670" s="613"/>
      <c r="QAO670" s="613"/>
      <c r="QAP670" s="613"/>
      <c r="QAQ670" s="613"/>
      <c r="QAR670" s="613"/>
      <c r="QAS670" s="613"/>
      <c r="QAT670" s="613"/>
      <c r="QAU670" s="613"/>
      <c r="QAV670" s="613"/>
      <c r="QAW670" s="613"/>
      <c r="QAX670" s="613"/>
      <c r="QAY670" s="613"/>
      <c r="QAZ670" s="613"/>
      <c r="QBA670" s="613"/>
      <c r="QBB670" s="613"/>
      <c r="QBC670" s="613"/>
      <c r="QBD670" s="613"/>
      <c r="QBE670" s="613"/>
      <c r="QBF670" s="613"/>
      <c r="QBG670" s="613"/>
      <c r="QBH670" s="613"/>
      <c r="QBI670" s="613"/>
      <c r="QBJ670" s="613"/>
      <c r="QBK670" s="613"/>
      <c r="QBL670" s="613"/>
      <c r="QBM670" s="613"/>
      <c r="QBN670" s="613"/>
      <c r="QBO670" s="613"/>
      <c r="QBP670" s="613"/>
      <c r="QBQ670" s="613"/>
      <c r="QBR670" s="613"/>
      <c r="QBS670" s="613"/>
      <c r="QBT670" s="613"/>
      <c r="QBU670" s="613"/>
      <c r="QBV670" s="613"/>
      <c r="QBW670" s="613"/>
      <c r="QBX670" s="613"/>
      <c r="QBY670" s="613"/>
      <c r="QBZ670" s="613"/>
      <c r="QCA670" s="613"/>
      <c r="QCB670" s="613"/>
      <c r="QCC670" s="613"/>
      <c r="QCD670" s="613"/>
      <c r="QCE670" s="613"/>
      <c r="QCF670" s="613"/>
      <c r="QCG670" s="613"/>
      <c r="QCH670" s="613"/>
      <c r="QCI670" s="613"/>
      <c r="QCJ670" s="613"/>
      <c r="QCK670" s="613"/>
      <c r="QCL670" s="613"/>
      <c r="QCM670" s="613"/>
      <c r="QCN670" s="613"/>
      <c r="QCO670" s="613"/>
      <c r="QCP670" s="613"/>
      <c r="QCQ670" s="613"/>
      <c r="QCR670" s="613"/>
      <c r="QCS670" s="613"/>
      <c r="QCT670" s="613"/>
      <c r="QCU670" s="613"/>
      <c r="QCV670" s="613"/>
      <c r="QCW670" s="613"/>
      <c r="QCX670" s="613"/>
      <c r="QCY670" s="613"/>
      <c r="QCZ670" s="613"/>
      <c r="QDA670" s="613"/>
      <c r="QDB670" s="613"/>
      <c r="QDC670" s="613"/>
      <c r="QDD670" s="613"/>
      <c r="QDE670" s="613"/>
      <c r="QDF670" s="613"/>
      <c r="QDG670" s="613"/>
      <c r="QDH670" s="613"/>
      <c r="QDI670" s="613"/>
      <c r="QDJ670" s="613"/>
      <c r="QDK670" s="613"/>
      <c r="QDL670" s="613"/>
      <c r="QDM670" s="613"/>
      <c r="QDN670" s="613"/>
      <c r="QDO670" s="613"/>
      <c r="QDP670" s="613"/>
      <c r="QDQ670" s="613"/>
      <c r="QDR670" s="613"/>
      <c r="QDS670" s="613"/>
      <c r="QDT670" s="613"/>
      <c r="QDU670" s="613"/>
      <c r="QDV670" s="613"/>
      <c r="QDW670" s="613"/>
      <c r="QDX670" s="613"/>
      <c r="QDY670" s="613"/>
      <c r="QDZ670" s="613"/>
      <c r="QEA670" s="613"/>
      <c r="QEB670" s="613"/>
      <c r="QEC670" s="613"/>
      <c r="QED670" s="613"/>
      <c r="QEE670" s="613"/>
      <c r="QEF670" s="613"/>
      <c r="QEG670" s="613"/>
      <c r="QEH670" s="613"/>
      <c r="QEI670" s="613"/>
      <c r="QEJ670" s="613"/>
      <c r="QEK670" s="613"/>
      <c r="QEL670" s="613"/>
      <c r="QEM670" s="613"/>
      <c r="QEN670" s="613"/>
      <c r="QEO670" s="613"/>
      <c r="QEP670" s="613"/>
      <c r="QEQ670" s="613"/>
      <c r="QER670" s="613"/>
      <c r="QES670" s="613"/>
      <c r="QET670" s="613"/>
      <c r="QEU670" s="613"/>
      <c r="QEV670" s="613"/>
      <c r="QEW670" s="613"/>
      <c r="QEX670" s="613"/>
      <c r="QEY670" s="613"/>
      <c r="QEZ670" s="613"/>
      <c r="QFA670" s="613"/>
      <c r="QFB670" s="613"/>
      <c r="QFC670" s="613"/>
      <c r="QFD670" s="613"/>
      <c r="QFE670" s="613"/>
      <c r="QFF670" s="613"/>
      <c r="QFG670" s="613"/>
      <c r="QFH670" s="613"/>
      <c r="QFI670" s="613"/>
      <c r="QFJ670" s="613"/>
      <c r="QFK670" s="613"/>
      <c r="QFL670" s="613"/>
      <c r="QFM670" s="613"/>
      <c r="QFN670" s="613"/>
      <c r="QFO670" s="613"/>
      <c r="QFP670" s="613"/>
      <c r="QFQ670" s="613"/>
      <c r="QFR670" s="613"/>
      <c r="QFS670" s="613"/>
      <c r="QFT670" s="613"/>
      <c r="QFU670" s="613"/>
      <c r="QFV670" s="613"/>
      <c r="QFW670" s="613"/>
      <c r="QFX670" s="613"/>
      <c r="QFY670" s="613"/>
      <c r="QFZ670" s="613"/>
      <c r="QGA670" s="613"/>
      <c r="QGB670" s="613"/>
      <c r="QGC670" s="613"/>
      <c r="QGD670" s="613"/>
      <c r="QGE670" s="613"/>
      <c r="QGF670" s="613"/>
      <c r="QGG670" s="613"/>
      <c r="QGH670" s="613"/>
      <c r="QGI670" s="613"/>
      <c r="QGJ670" s="613"/>
      <c r="QGK670" s="613"/>
      <c r="QGL670" s="613"/>
      <c r="QGM670" s="613"/>
      <c r="QGN670" s="613"/>
      <c r="QGO670" s="613"/>
      <c r="QGP670" s="613"/>
      <c r="QGQ670" s="613"/>
      <c r="QGR670" s="613"/>
      <c r="QGS670" s="613"/>
      <c r="QGT670" s="613"/>
      <c r="QGU670" s="613"/>
      <c r="QGV670" s="613"/>
      <c r="QGW670" s="613"/>
      <c r="QGX670" s="613"/>
      <c r="QGY670" s="613"/>
      <c r="QGZ670" s="613"/>
      <c r="QHA670" s="613"/>
      <c r="QHB670" s="613"/>
      <c r="QHC670" s="613"/>
      <c r="QHD670" s="613"/>
      <c r="QHE670" s="613"/>
      <c r="QHF670" s="613"/>
      <c r="QHG670" s="613"/>
      <c r="QHH670" s="613"/>
      <c r="QHI670" s="613"/>
      <c r="QHJ670" s="613"/>
      <c r="QHK670" s="613"/>
      <c r="QHL670" s="613"/>
      <c r="QHM670" s="613"/>
      <c r="QHN670" s="613"/>
      <c r="QHO670" s="613"/>
      <c r="QHP670" s="613"/>
      <c r="QHQ670" s="613"/>
      <c r="QHR670" s="613"/>
      <c r="QHS670" s="613"/>
      <c r="QHT670" s="613"/>
      <c r="QHU670" s="613"/>
      <c r="QHV670" s="613"/>
      <c r="QHW670" s="613"/>
      <c r="QHX670" s="613"/>
      <c r="QHY670" s="613"/>
      <c r="QHZ670" s="613"/>
      <c r="QIA670" s="613"/>
      <c r="QIB670" s="613"/>
      <c r="QIC670" s="613"/>
      <c r="QID670" s="613"/>
      <c r="QIE670" s="613"/>
      <c r="QIF670" s="613"/>
      <c r="QIG670" s="613"/>
      <c r="QIH670" s="613"/>
      <c r="QII670" s="613"/>
      <c r="QIJ670" s="613"/>
      <c r="QIK670" s="613"/>
      <c r="QIL670" s="613"/>
      <c r="QIM670" s="613"/>
      <c r="QIN670" s="613"/>
      <c r="QIO670" s="613"/>
      <c r="QIP670" s="613"/>
      <c r="QIQ670" s="613"/>
      <c r="QIR670" s="613"/>
      <c r="QIS670" s="613"/>
      <c r="QIT670" s="613"/>
      <c r="QIU670" s="613"/>
      <c r="QIV670" s="613"/>
      <c r="QIW670" s="613"/>
      <c r="QIX670" s="613"/>
      <c r="QIY670" s="613"/>
      <c r="QIZ670" s="613"/>
      <c r="QJA670" s="613"/>
      <c r="QJB670" s="613"/>
      <c r="QJC670" s="613"/>
      <c r="QJD670" s="613"/>
      <c r="QJE670" s="613"/>
      <c r="QJF670" s="613"/>
      <c r="QJG670" s="613"/>
      <c r="QJH670" s="613"/>
      <c r="QJI670" s="613"/>
      <c r="QJJ670" s="613"/>
      <c r="QJK670" s="613"/>
      <c r="QJL670" s="613"/>
      <c r="QJM670" s="613"/>
      <c r="QJN670" s="613"/>
      <c r="QJO670" s="613"/>
      <c r="QJP670" s="613"/>
      <c r="QJQ670" s="613"/>
      <c r="QJR670" s="613"/>
      <c r="QJS670" s="613"/>
      <c r="QJT670" s="613"/>
      <c r="QJU670" s="613"/>
      <c r="QJV670" s="613"/>
      <c r="QJW670" s="613"/>
      <c r="QJX670" s="613"/>
      <c r="QJY670" s="613"/>
      <c r="QJZ670" s="613"/>
      <c r="QKA670" s="613"/>
      <c r="QKB670" s="613"/>
      <c r="QKC670" s="613"/>
      <c r="QKD670" s="613"/>
      <c r="QKE670" s="613"/>
      <c r="QKF670" s="613"/>
      <c r="QKG670" s="613"/>
      <c r="QKH670" s="613"/>
      <c r="QKI670" s="613"/>
      <c r="QKJ670" s="613"/>
      <c r="QKK670" s="613"/>
      <c r="QKL670" s="613"/>
      <c r="QKM670" s="613"/>
      <c r="QKN670" s="613"/>
      <c r="QKO670" s="613"/>
      <c r="QKP670" s="613"/>
      <c r="QKQ670" s="613"/>
      <c r="QKR670" s="613"/>
      <c r="QKS670" s="613"/>
      <c r="QKT670" s="613"/>
      <c r="QKU670" s="613"/>
      <c r="QKV670" s="613"/>
      <c r="QKW670" s="613"/>
      <c r="QKX670" s="613"/>
      <c r="QKY670" s="613"/>
      <c r="QKZ670" s="613"/>
      <c r="QLA670" s="613"/>
      <c r="QLB670" s="613"/>
      <c r="QLC670" s="613"/>
      <c r="QLD670" s="613"/>
      <c r="QLE670" s="613"/>
      <c r="QLF670" s="613"/>
      <c r="QLG670" s="613"/>
      <c r="QLH670" s="613"/>
      <c r="QLI670" s="613"/>
      <c r="QLJ670" s="613"/>
      <c r="QLK670" s="613"/>
      <c r="QLL670" s="613"/>
      <c r="QLM670" s="613"/>
      <c r="QLN670" s="613"/>
      <c r="QLO670" s="613"/>
      <c r="QLP670" s="613"/>
      <c r="QLQ670" s="613"/>
      <c r="QLR670" s="613"/>
      <c r="QLS670" s="613"/>
      <c r="QLT670" s="613"/>
      <c r="QLU670" s="613"/>
      <c r="QLV670" s="613"/>
      <c r="QLW670" s="613"/>
      <c r="QLX670" s="613"/>
      <c r="QLY670" s="613"/>
      <c r="QLZ670" s="613"/>
      <c r="QMA670" s="613"/>
      <c r="QMB670" s="613"/>
      <c r="QMC670" s="613"/>
      <c r="QMD670" s="613"/>
      <c r="QME670" s="613"/>
      <c r="QMF670" s="613"/>
      <c r="QMG670" s="613"/>
      <c r="QMH670" s="613"/>
      <c r="QMI670" s="613"/>
      <c r="QMJ670" s="613"/>
      <c r="QMK670" s="613"/>
      <c r="QML670" s="613"/>
      <c r="QMM670" s="613"/>
      <c r="QMN670" s="613"/>
      <c r="QMO670" s="613"/>
      <c r="QMP670" s="613"/>
      <c r="QMQ670" s="613"/>
      <c r="QMR670" s="613"/>
      <c r="QMS670" s="613"/>
      <c r="QMT670" s="613"/>
      <c r="QMU670" s="613"/>
      <c r="QMV670" s="613"/>
      <c r="QMW670" s="613"/>
      <c r="QMX670" s="613"/>
      <c r="QMY670" s="613"/>
      <c r="QMZ670" s="613"/>
      <c r="QNA670" s="613"/>
      <c r="QNB670" s="613"/>
      <c r="QNC670" s="613"/>
      <c r="QND670" s="613"/>
      <c r="QNE670" s="613"/>
      <c r="QNF670" s="613"/>
      <c r="QNG670" s="613"/>
      <c r="QNH670" s="613"/>
      <c r="QNI670" s="613"/>
      <c r="QNJ670" s="613"/>
      <c r="QNK670" s="613"/>
      <c r="QNL670" s="613"/>
      <c r="QNM670" s="613"/>
      <c r="QNN670" s="613"/>
      <c r="QNO670" s="613"/>
      <c r="QNP670" s="613"/>
      <c r="QNQ670" s="613"/>
      <c r="QNR670" s="613"/>
      <c r="QNS670" s="613"/>
      <c r="QNT670" s="613"/>
      <c r="QNU670" s="613"/>
      <c r="QNV670" s="613"/>
      <c r="QNW670" s="613"/>
      <c r="QNX670" s="613"/>
      <c r="QNY670" s="613"/>
      <c r="QNZ670" s="613"/>
      <c r="QOA670" s="613"/>
      <c r="QOB670" s="613"/>
      <c r="QOC670" s="613"/>
      <c r="QOD670" s="613"/>
      <c r="QOE670" s="613"/>
      <c r="QOF670" s="613"/>
      <c r="QOG670" s="613"/>
      <c r="QOH670" s="613"/>
      <c r="QOI670" s="613"/>
      <c r="QOJ670" s="613"/>
      <c r="QOK670" s="613"/>
      <c r="QOL670" s="613"/>
      <c r="QOM670" s="613"/>
      <c r="QON670" s="613"/>
      <c r="QOO670" s="613"/>
      <c r="QOP670" s="613"/>
      <c r="QOQ670" s="613"/>
      <c r="QOR670" s="613"/>
      <c r="QOS670" s="613"/>
      <c r="QOT670" s="613"/>
      <c r="QOU670" s="613"/>
      <c r="QOV670" s="613"/>
      <c r="QOW670" s="613"/>
      <c r="QOX670" s="613"/>
      <c r="QOY670" s="613"/>
      <c r="QOZ670" s="613"/>
      <c r="QPA670" s="613"/>
      <c r="QPB670" s="613"/>
      <c r="QPC670" s="613"/>
      <c r="QPD670" s="613"/>
      <c r="QPE670" s="613"/>
      <c r="QPF670" s="613"/>
      <c r="QPG670" s="613"/>
      <c r="QPH670" s="613"/>
      <c r="QPI670" s="613"/>
      <c r="QPJ670" s="613"/>
      <c r="QPK670" s="613"/>
      <c r="QPL670" s="613"/>
      <c r="QPM670" s="613"/>
      <c r="QPN670" s="613"/>
      <c r="QPO670" s="613"/>
      <c r="QPP670" s="613"/>
      <c r="QPQ670" s="613"/>
      <c r="QPR670" s="613"/>
      <c r="QPS670" s="613"/>
      <c r="QPT670" s="613"/>
      <c r="QPU670" s="613"/>
      <c r="QPV670" s="613"/>
      <c r="QPW670" s="613"/>
      <c r="QPX670" s="613"/>
      <c r="QPY670" s="613"/>
      <c r="QPZ670" s="613"/>
      <c r="QQA670" s="613"/>
      <c r="QQB670" s="613"/>
      <c r="QQC670" s="613"/>
      <c r="QQD670" s="613"/>
      <c r="QQE670" s="613"/>
      <c r="QQF670" s="613"/>
      <c r="QQG670" s="613"/>
      <c r="QQH670" s="613"/>
      <c r="QQI670" s="613"/>
      <c r="QQJ670" s="613"/>
      <c r="QQK670" s="613"/>
      <c r="QQL670" s="613"/>
      <c r="QQM670" s="613"/>
      <c r="QQN670" s="613"/>
      <c r="QQO670" s="613"/>
      <c r="QQP670" s="613"/>
      <c r="QQQ670" s="613"/>
      <c r="QQR670" s="613"/>
      <c r="QQS670" s="613"/>
      <c r="QQT670" s="613"/>
      <c r="QQU670" s="613"/>
      <c r="QQV670" s="613"/>
      <c r="QQW670" s="613"/>
      <c r="QQX670" s="613"/>
      <c r="QQY670" s="613"/>
      <c r="QQZ670" s="613"/>
      <c r="QRA670" s="613"/>
      <c r="QRB670" s="613"/>
      <c r="QRC670" s="613"/>
      <c r="QRD670" s="613"/>
      <c r="QRE670" s="613"/>
      <c r="QRF670" s="613"/>
      <c r="QRG670" s="613"/>
      <c r="QRH670" s="613"/>
      <c r="QRI670" s="613"/>
      <c r="QRJ670" s="613"/>
      <c r="QRK670" s="613"/>
      <c r="QRL670" s="613"/>
      <c r="QRM670" s="613"/>
      <c r="QRN670" s="613"/>
      <c r="QRO670" s="613"/>
      <c r="QRP670" s="613"/>
      <c r="QRQ670" s="613"/>
      <c r="QRR670" s="613"/>
      <c r="QRS670" s="613"/>
      <c r="QRT670" s="613"/>
      <c r="QRU670" s="613"/>
      <c r="QRV670" s="613"/>
      <c r="QRW670" s="613"/>
      <c r="QRX670" s="613"/>
      <c r="QRY670" s="613"/>
      <c r="QRZ670" s="613"/>
      <c r="QSA670" s="613"/>
      <c r="QSB670" s="613"/>
      <c r="QSC670" s="613"/>
      <c r="QSD670" s="613"/>
      <c r="QSE670" s="613"/>
      <c r="QSF670" s="613"/>
      <c r="QSG670" s="613"/>
      <c r="QSH670" s="613"/>
      <c r="QSI670" s="613"/>
      <c r="QSJ670" s="613"/>
      <c r="QSK670" s="613"/>
      <c r="QSL670" s="613"/>
      <c r="QSM670" s="613"/>
      <c r="QSN670" s="613"/>
      <c r="QSO670" s="613"/>
      <c r="QSP670" s="613"/>
      <c r="QSQ670" s="613"/>
      <c r="QSR670" s="613"/>
      <c r="QSS670" s="613"/>
      <c r="QST670" s="613"/>
      <c r="QSU670" s="613"/>
      <c r="QSV670" s="613"/>
      <c r="QSW670" s="613"/>
      <c r="QSX670" s="613"/>
      <c r="QSY670" s="613"/>
      <c r="QSZ670" s="613"/>
      <c r="QTA670" s="613"/>
      <c r="QTB670" s="613"/>
      <c r="QTC670" s="613"/>
      <c r="QTD670" s="613"/>
      <c r="QTE670" s="613"/>
      <c r="QTF670" s="613"/>
      <c r="QTG670" s="613"/>
      <c r="QTH670" s="613"/>
      <c r="QTI670" s="613"/>
      <c r="QTJ670" s="613"/>
      <c r="QTK670" s="613"/>
      <c r="QTL670" s="613"/>
      <c r="QTM670" s="613"/>
      <c r="QTN670" s="613"/>
      <c r="QTO670" s="613"/>
      <c r="QTP670" s="613"/>
      <c r="QTQ670" s="613"/>
      <c r="QTR670" s="613"/>
      <c r="QTS670" s="613"/>
      <c r="QTT670" s="613"/>
      <c r="QTU670" s="613"/>
      <c r="QTV670" s="613"/>
      <c r="QTW670" s="613"/>
      <c r="QTX670" s="613"/>
      <c r="QTY670" s="613"/>
      <c r="QTZ670" s="613"/>
      <c r="QUA670" s="613"/>
      <c r="QUB670" s="613"/>
      <c r="QUC670" s="613"/>
      <c r="QUD670" s="613"/>
      <c r="QUE670" s="613"/>
      <c r="QUF670" s="613"/>
      <c r="QUG670" s="613"/>
      <c r="QUH670" s="613"/>
      <c r="QUI670" s="613"/>
      <c r="QUJ670" s="613"/>
      <c r="QUK670" s="613"/>
      <c r="QUL670" s="613"/>
      <c r="QUM670" s="613"/>
      <c r="QUN670" s="613"/>
      <c r="QUO670" s="613"/>
      <c r="QUP670" s="613"/>
      <c r="QUQ670" s="613"/>
      <c r="QUR670" s="613"/>
      <c r="QUS670" s="613"/>
      <c r="QUT670" s="613"/>
      <c r="QUU670" s="613"/>
      <c r="QUV670" s="613"/>
      <c r="QUW670" s="613"/>
      <c r="QUX670" s="613"/>
      <c r="QUY670" s="613"/>
      <c r="QUZ670" s="613"/>
      <c r="QVA670" s="613"/>
      <c r="QVB670" s="613"/>
      <c r="QVC670" s="613"/>
      <c r="QVD670" s="613"/>
      <c r="QVE670" s="613"/>
      <c r="QVF670" s="613"/>
      <c r="QVG670" s="613"/>
      <c r="QVH670" s="613"/>
      <c r="QVI670" s="613"/>
      <c r="QVJ670" s="613"/>
      <c r="QVK670" s="613"/>
      <c r="QVL670" s="613"/>
      <c r="QVM670" s="613"/>
      <c r="QVN670" s="613"/>
      <c r="QVO670" s="613"/>
      <c r="QVP670" s="613"/>
      <c r="QVQ670" s="613"/>
      <c r="QVR670" s="613"/>
      <c r="QVS670" s="613"/>
      <c r="QVT670" s="613"/>
      <c r="QVU670" s="613"/>
      <c r="QVV670" s="613"/>
      <c r="QVW670" s="613"/>
      <c r="QVX670" s="613"/>
      <c r="QVY670" s="613"/>
      <c r="QVZ670" s="613"/>
      <c r="QWA670" s="613"/>
      <c r="QWB670" s="613"/>
      <c r="QWC670" s="613"/>
      <c r="QWD670" s="613"/>
      <c r="QWE670" s="613"/>
      <c r="QWF670" s="613"/>
      <c r="QWG670" s="613"/>
      <c r="QWH670" s="613"/>
      <c r="QWI670" s="613"/>
      <c r="QWJ670" s="613"/>
      <c r="QWK670" s="613"/>
      <c r="QWL670" s="613"/>
      <c r="QWM670" s="613"/>
      <c r="QWN670" s="613"/>
      <c r="QWO670" s="613"/>
      <c r="QWP670" s="613"/>
      <c r="QWQ670" s="613"/>
      <c r="QWR670" s="613"/>
      <c r="QWS670" s="613"/>
      <c r="QWT670" s="613"/>
      <c r="QWU670" s="613"/>
      <c r="QWV670" s="613"/>
      <c r="QWW670" s="613"/>
      <c r="QWX670" s="613"/>
      <c r="QWY670" s="613"/>
      <c r="QWZ670" s="613"/>
      <c r="QXA670" s="613"/>
      <c r="QXB670" s="613"/>
      <c r="QXC670" s="613"/>
      <c r="QXD670" s="613"/>
      <c r="QXE670" s="613"/>
      <c r="QXF670" s="613"/>
      <c r="QXG670" s="613"/>
      <c r="QXH670" s="613"/>
      <c r="QXI670" s="613"/>
      <c r="QXJ670" s="613"/>
      <c r="QXK670" s="613"/>
      <c r="QXL670" s="613"/>
      <c r="QXM670" s="613"/>
      <c r="QXN670" s="613"/>
      <c r="QXO670" s="613"/>
      <c r="QXP670" s="613"/>
      <c r="QXQ670" s="613"/>
      <c r="QXR670" s="613"/>
      <c r="QXS670" s="613"/>
      <c r="QXT670" s="613"/>
      <c r="QXU670" s="613"/>
      <c r="QXV670" s="613"/>
      <c r="QXW670" s="613"/>
      <c r="QXX670" s="613"/>
      <c r="QXY670" s="613"/>
      <c r="QXZ670" s="613"/>
      <c r="QYA670" s="613"/>
      <c r="QYB670" s="613"/>
      <c r="QYC670" s="613"/>
      <c r="QYD670" s="613"/>
      <c r="QYE670" s="613"/>
      <c r="QYF670" s="613"/>
      <c r="QYG670" s="613"/>
      <c r="QYH670" s="613"/>
      <c r="QYI670" s="613"/>
      <c r="QYJ670" s="613"/>
      <c r="QYK670" s="613"/>
      <c r="QYL670" s="613"/>
      <c r="QYM670" s="613"/>
      <c r="QYN670" s="613"/>
      <c r="QYO670" s="613"/>
      <c r="QYP670" s="613"/>
      <c r="QYQ670" s="613"/>
      <c r="QYR670" s="613"/>
      <c r="QYS670" s="613"/>
      <c r="QYT670" s="613"/>
      <c r="QYU670" s="613"/>
      <c r="QYV670" s="613"/>
      <c r="QYW670" s="613"/>
      <c r="QYX670" s="613"/>
      <c r="QYY670" s="613"/>
      <c r="QYZ670" s="613"/>
      <c r="QZA670" s="613"/>
      <c r="QZB670" s="613"/>
      <c r="QZC670" s="613"/>
      <c r="QZD670" s="613"/>
      <c r="QZE670" s="613"/>
      <c r="QZF670" s="613"/>
      <c r="QZG670" s="613"/>
      <c r="QZH670" s="613"/>
      <c r="QZI670" s="613"/>
      <c r="QZJ670" s="613"/>
      <c r="QZK670" s="613"/>
      <c r="QZL670" s="613"/>
      <c r="QZM670" s="613"/>
      <c r="QZN670" s="613"/>
      <c r="QZO670" s="613"/>
      <c r="QZP670" s="613"/>
      <c r="QZQ670" s="613"/>
      <c r="QZR670" s="613"/>
      <c r="QZS670" s="613"/>
      <c r="QZT670" s="613"/>
      <c r="QZU670" s="613"/>
      <c r="QZV670" s="613"/>
      <c r="QZW670" s="613"/>
      <c r="QZX670" s="613"/>
      <c r="QZY670" s="613"/>
      <c r="QZZ670" s="613"/>
      <c r="RAA670" s="613"/>
      <c r="RAB670" s="613"/>
      <c r="RAC670" s="613"/>
      <c r="RAD670" s="613"/>
      <c r="RAE670" s="613"/>
      <c r="RAF670" s="613"/>
      <c r="RAG670" s="613"/>
      <c r="RAH670" s="613"/>
      <c r="RAI670" s="613"/>
      <c r="RAJ670" s="613"/>
      <c r="RAK670" s="613"/>
      <c r="RAL670" s="613"/>
      <c r="RAM670" s="613"/>
      <c r="RAN670" s="613"/>
      <c r="RAO670" s="613"/>
      <c r="RAP670" s="613"/>
      <c r="RAQ670" s="613"/>
      <c r="RAR670" s="613"/>
      <c r="RAS670" s="613"/>
      <c r="RAT670" s="613"/>
      <c r="RAU670" s="613"/>
      <c r="RAV670" s="613"/>
      <c r="RAW670" s="613"/>
      <c r="RAX670" s="613"/>
      <c r="RAY670" s="613"/>
      <c r="RAZ670" s="613"/>
      <c r="RBA670" s="613"/>
      <c r="RBB670" s="613"/>
      <c r="RBC670" s="613"/>
      <c r="RBD670" s="613"/>
      <c r="RBE670" s="613"/>
      <c r="RBF670" s="613"/>
      <c r="RBG670" s="613"/>
      <c r="RBH670" s="613"/>
      <c r="RBI670" s="613"/>
      <c r="RBJ670" s="613"/>
      <c r="RBK670" s="613"/>
      <c r="RBL670" s="613"/>
      <c r="RBM670" s="613"/>
      <c r="RBN670" s="613"/>
      <c r="RBO670" s="613"/>
      <c r="RBP670" s="613"/>
      <c r="RBQ670" s="613"/>
      <c r="RBR670" s="613"/>
      <c r="RBS670" s="613"/>
      <c r="RBT670" s="613"/>
      <c r="RBU670" s="613"/>
      <c r="RBV670" s="613"/>
      <c r="RBW670" s="613"/>
      <c r="RBX670" s="613"/>
      <c r="RBY670" s="613"/>
      <c r="RBZ670" s="613"/>
      <c r="RCA670" s="613"/>
      <c r="RCB670" s="613"/>
      <c r="RCC670" s="613"/>
      <c r="RCD670" s="613"/>
      <c r="RCE670" s="613"/>
      <c r="RCF670" s="613"/>
      <c r="RCG670" s="613"/>
      <c r="RCH670" s="613"/>
      <c r="RCI670" s="613"/>
      <c r="RCJ670" s="613"/>
      <c r="RCK670" s="613"/>
      <c r="RCL670" s="613"/>
      <c r="RCM670" s="613"/>
      <c r="RCN670" s="613"/>
      <c r="RCO670" s="613"/>
      <c r="RCP670" s="613"/>
      <c r="RCQ670" s="613"/>
      <c r="RCR670" s="613"/>
      <c r="RCS670" s="613"/>
      <c r="RCT670" s="613"/>
      <c r="RCU670" s="613"/>
      <c r="RCV670" s="613"/>
      <c r="RCW670" s="613"/>
      <c r="RCX670" s="613"/>
      <c r="RCY670" s="613"/>
      <c r="RCZ670" s="613"/>
      <c r="RDA670" s="613"/>
      <c r="RDB670" s="613"/>
      <c r="RDC670" s="613"/>
      <c r="RDD670" s="613"/>
      <c r="RDE670" s="613"/>
      <c r="RDF670" s="613"/>
      <c r="RDG670" s="613"/>
      <c r="RDH670" s="613"/>
      <c r="RDI670" s="613"/>
      <c r="RDJ670" s="613"/>
      <c r="RDK670" s="613"/>
      <c r="RDL670" s="613"/>
      <c r="RDM670" s="613"/>
      <c r="RDN670" s="613"/>
      <c r="RDO670" s="613"/>
      <c r="RDP670" s="613"/>
      <c r="RDQ670" s="613"/>
      <c r="RDR670" s="613"/>
      <c r="RDS670" s="613"/>
      <c r="RDT670" s="613"/>
      <c r="RDU670" s="613"/>
      <c r="RDV670" s="613"/>
      <c r="RDW670" s="613"/>
      <c r="RDX670" s="613"/>
      <c r="RDY670" s="613"/>
      <c r="RDZ670" s="613"/>
      <c r="REA670" s="613"/>
      <c r="REB670" s="613"/>
      <c r="REC670" s="613"/>
      <c r="RED670" s="613"/>
      <c r="REE670" s="613"/>
      <c r="REF670" s="613"/>
      <c r="REG670" s="613"/>
      <c r="REH670" s="613"/>
      <c r="REI670" s="613"/>
      <c r="REJ670" s="613"/>
      <c r="REK670" s="613"/>
      <c r="REL670" s="613"/>
      <c r="REM670" s="613"/>
      <c r="REN670" s="613"/>
      <c r="REO670" s="613"/>
      <c r="REP670" s="613"/>
      <c r="REQ670" s="613"/>
      <c r="RER670" s="613"/>
      <c r="RES670" s="613"/>
      <c r="RET670" s="613"/>
      <c r="REU670" s="613"/>
      <c r="REV670" s="613"/>
      <c r="REW670" s="613"/>
      <c r="REX670" s="613"/>
      <c r="REY670" s="613"/>
      <c r="REZ670" s="613"/>
      <c r="RFA670" s="613"/>
      <c r="RFB670" s="613"/>
      <c r="RFC670" s="613"/>
      <c r="RFD670" s="613"/>
      <c r="RFE670" s="613"/>
      <c r="RFF670" s="613"/>
      <c r="RFG670" s="613"/>
      <c r="RFH670" s="613"/>
      <c r="RFI670" s="613"/>
      <c r="RFJ670" s="613"/>
      <c r="RFK670" s="613"/>
      <c r="RFL670" s="613"/>
      <c r="RFM670" s="613"/>
      <c r="RFN670" s="613"/>
      <c r="RFO670" s="613"/>
      <c r="RFP670" s="613"/>
      <c r="RFQ670" s="613"/>
      <c r="RFR670" s="613"/>
      <c r="RFS670" s="613"/>
      <c r="RFT670" s="613"/>
      <c r="RFU670" s="613"/>
      <c r="RFV670" s="613"/>
      <c r="RFW670" s="613"/>
      <c r="RFX670" s="613"/>
      <c r="RFY670" s="613"/>
      <c r="RFZ670" s="613"/>
      <c r="RGA670" s="613"/>
      <c r="RGB670" s="613"/>
      <c r="RGC670" s="613"/>
      <c r="RGD670" s="613"/>
      <c r="RGE670" s="613"/>
      <c r="RGF670" s="613"/>
      <c r="RGG670" s="613"/>
      <c r="RGH670" s="613"/>
      <c r="RGI670" s="613"/>
      <c r="RGJ670" s="613"/>
      <c r="RGK670" s="613"/>
      <c r="RGL670" s="613"/>
      <c r="RGM670" s="613"/>
      <c r="RGN670" s="613"/>
      <c r="RGO670" s="613"/>
      <c r="RGP670" s="613"/>
      <c r="RGQ670" s="613"/>
      <c r="RGR670" s="613"/>
      <c r="RGS670" s="613"/>
      <c r="RGT670" s="613"/>
      <c r="RGU670" s="613"/>
      <c r="RGV670" s="613"/>
      <c r="RGW670" s="613"/>
      <c r="RGX670" s="613"/>
      <c r="RGY670" s="613"/>
      <c r="RGZ670" s="613"/>
      <c r="RHA670" s="613"/>
      <c r="RHB670" s="613"/>
      <c r="RHC670" s="613"/>
      <c r="RHD670" s="613"/>
      <c r="RHE670" s="613"/>
      <c r="RHF670" s="613"/>
      <c r="RHG670" s="613"/>
      <c r="RHH670" s="613"/>
      <c r="RHI670" s="613"/>
      <c r="RHJ670" s="613"/>
      <c r="RHK670" s="613"/>
      <c r="RHL670" s="613"/>
      <c r="RHM670" s="613"/>
      <c r="RHN670" s="613"/>
      <c r="RHO670" s="613"/>
      <c r="RHP670" s="613"/>
      <c r="RHQ670" s="613"/>
      <c r="RHR670" s="613"/>
      <c r="RHS670" s="613"/>
      <c r="RHT670" s="613"/>
      <c r="RHU670" s="613"/>
      <c r="RHV670" s="613"/>
      <c r="RHW670" s="613"/>
      <c r="RHX670" s="613"/>
      <c r="RHY670" s="613"/>
      <c r="RHZ670" s="613"/>
      <c r="RIA670" s="613"/>
      <c r="RIB670" s="613"/>
      <c r="RIC670" s="613"/>
      <c r="RID670" s="613"/>
      <c r="RIE670" s="613"/>
      <c r="RIF670" s="613"/>
      <c r="RIG670" s="613"/>
      <c r="RIH670" s="613"/>
      <c r="RII670" s="613"/>
      <c r="RIJ670" s="613"/>
      <c r="RIK670" s="613"/>
      <c r="RIL670" s="613"/>
      <c r="RIM670" s="613"/>
      <c r="RIN670" s="613"/>
      <c r="RIO670" s="613"/>
      <c r="RIP670" s="613"/>
      <c r="RIQ670" s="613"/>
      <c r="RIR670" s="613"/>
      <c r="RIS670" s="613"/>
      <c r="RIT670" s="613"/>
      <c r="RIU670" s="613"/>
      <c r="RIV670" s="613"/>
      <c r="RIW670" s="613"/>
      <c r="RIX670" s="613"/>
      <c r="RIY670" s="613"/>
      <c r="RIZ670" s="613"/>
      <c r="RJA670" s="613"/>
      <c r="RJB670" s="613"/>
      <c r="RJC670" s="613"/>
      <c r="RJD670" s="613"/>
      <c r="RJE670" s="613"/>
      <c r="RJF670" s="613"/>
      <c r="RJG670" s="613"/>
      <c r="RJH670" s="613"/>
      <c r="RJI670" s="613"/>
      <c r="RJJ670" s="613"/>
      <c r="RJK670" s="613"/>
      <c r="RJL670" s="613"/>
      <c r="RJM670" s="613"/>
      <c r="RJN670" s="613"/>
      <c r="RJO670" s="613"/>
      <c r="RJP670" s="613"/>
      <c r="RJQ670" s="613"/>
      <c r="RJR670" s="613"/>
      <c r="RJS670" s="613"/>
      <c r="RJT670" s="613"/>
      <c r="RJU670" s="613"/>
      <c r="RJV670" s="613"/>
      <c r="RJW670" s="613"/>
      <c r="RJX670" s="613"/>
      <c r="RJY670" s="613"/>
      <c r="RJZ670" s="613"/>
      <c r="RKA670" s="613"/>
      <c r="RKB670" s="613"/>
      <c r="RKC670" s="613"/>
      <c r="RKD670" s="613"/>
      <c r="RKE670" s="613"/>
      <c r="RKF670" s="613"/>
      <c r="RKG670" s="613"/>
      <c r="RKH670" s="613"/>
      <c r="RKI670" s="613"/>
      <c r="RKJ670" s="613"/>
      <c r="RKK670" s="613"/>
      <c r="RKL670" s="613"/>
      <c r="RKM670" s="613"/>
      <c r="RKN670" s="613"/>
      <c r="RKO670" s="613"/>
      <c r="RKP670" s="613"/>
      <c r="RKQ670" s="613"/>
      <c r="RKR670" s="613"/>
      <c r="RKS670" s="613"/>
      <c r="RKT670" s="613"/>
      <c r="RKU670" s="613"/>
      <c r="RKV670" s="613"/>
      <c r="RKW670" s="613"/>
      <c r="RKX670" s="613"/>
      <c r="RKY670" s="613"/>
      <c r="RKZ670" s="613"/>
      <c r="RLA670" s="613"/>
      <c r="RLB670" s="613"/>
      <c r="RLC670" s="613"/>
      <c r="RLD670" s="613"/>
      <c r="RLE670" s="613"/>
      <c r="RLF670" s="613"/>
      <c r="RLG670" s="613"/>
      <c r="RLH670" s="613"/>
      <c r="RLI670" s="613"/>
      <c r="RLJ670" s="613"/>
      <c r="RLK670" s="613"/>
      <c r="RLL670" s="613"/>
      <c r="RLM670" s="613"/>
      <c r="RLN670" s="613"/>
      <c r="RLO670" s="613"/>
      <c r="RLP670" s="613"/>
      <c r="RLQ670" s="613"/>
      <c r="RLR670" s="613"/>
      <c r="RLS670" s="613"/>
      <c r="RLT670" s="613"/>
      <c r="RLU670" s="613"/>
      <c r="RLV670" s="613"/>
      <c r="RLW670" s="613"/>
      <c r="RLX670" s="613"/>
      <c r="RLY670" s="613"/>
      <c r="RLZ670" s="613"/>
      <c r="RMA670" s="613"/>
      <c r="RMB670" s="613"/>
      <c r="RMC670" s="613"/>
      <c r="RMD670" s="613"/>
      <c r="RME670" s="613"/>
      <c r="RMF670" s="613"/>
      <c r="RMG670" s="613"/>
      <c r="RMH670" s="613"/>
      <c r="RMI670" s="613"/>
      <c r="RMJ670" s="613"/>
      <c r="RMK670" s="613"/>
      <c r="RML670" s="613"/>
      <c r="RMM670" s="613"/>
      <c r="RMN670" s="613"/>
      <c r="RMO670" s="613"/>
      <c r="RMP670" s="613"/>
      <c r="RMQ670" s="613"/>
      <c r="RMR670" s="613"/>
      <c r="RMS670" s="613"/>
      <c r="RMT670" s="613"/>
      <c r="RMU670" s="613"/>
      <c r="RMV670" s="613"/>
      <c r="RMW670" s="613"/>
      <c r="RMX670" s="613"/>
      <c r="RMY670" s="613"/>
      <c r="RMZ670" s="613"/>
      <c r="RNA670" s="613"/>
      <c r="RNB670" s="613"/>
      <c r="RNC670" s="613"/>
      <c r="RND670" s="613"/>
      <c r="RNE670" s="613"/>
      <c r="RNF670" s="613"/>
      <c r="RNG670" s="613"/>
      <c r="RNH670" s="613"/>
      <c r="RNI670" s="613"/>
      <c r="RNJ670" s="613"/>
      <c r="RNK670" s="613"/>
      <c r="RNL670" s="613"/>
      <c r="RNM670" s="613"/>
      <c r="RNN670" s="613"/>
      <c r="RNO670" s="613"/>
      <c r="RNP670" s="613"/>
      <c r="RNQ670" s="613"/>
      <c r="RNR670" s="613"/>
      <c r="RNS670" s="613"/>
      <c r="RNT670" s="613"/>
      <c r="RNU670" s="613"/>
      <c r="RNV670" s="613"/>
      <c r="RNW670" s="613"/>
      <c r="RNX670" s="613"/>
      <c r="RNY670" s="613"/>
      <c r="RNZ670" s="613"/>
      <c r="ROA670" s="613"/>
      <c r="ROB670" s="613"/>
      <c r="ROC670" s="613"/>
      <c r="ROD670" s="613"/>
      <c r="ROE670" s="613"/>
      <c r="ROF670" s="613"/>
      <c r="ROG670" s="613"/>
      <c r="ROH670" s="613"/>
      <c r="ROI670" s="613"/>
      <c r="ROJ670" s="613"/>
      <c r="ROK670" s="613"/>
      <c r="ROL670" s="613"/>
      <c r="ROM670" s="613"/>
      <c r="RON670" s="613"/>
      <c r="ROO670" s="613"/>
      <c r="ROP670" s="613"/>
      <c r="ROQ670" s="613"/>
      <c r="ROR670" s="613"/>
      <c r="ROS670" s="613"/>
      <c r="ROT670" s="613"/>
      <c r="ROU670" s="613"/>
      <c r="ROV670" s="613"/>
      <c r="ROW670" s="613"/>
      <c r="ROX670" s="613"/>
      <c r="ROY670" s="613"/>
      <c r="ROZ670" s="613"/>
      <c r="RPA670" s="613"/>
      <c r="RPB670" s="613"/>
      <c r="RPC670" s="613"/>
      <c r="RPD670" s="613"/>
      <c r="RPE670" s="613"/>
      <c r="RPF670" s="613"/>
      <c r="RPG670" s="613"/>
      <c r="RPH670" s="613"/>
      <c r="RPI670" s="613"/>
      <c r="RPJ670" s="613"/>
      <c r="RPK670" s="613"/>
      <c r="RPL670" s="613"/>
      <c r="RPM670" s="613"/>
      <c r="RPN670" s="613"/>
      <c r="RPO670" s="613"/>
      <c r="RPP670" s="613"/>
      <c r="RPQ670" s="613"/>
      <c r="RPR670" s="613"/>
      <c r="RPS670" s="613"/>
      <c r="RPT670" s="613"/>
      <c r="RPU670" s="613"/>
      <c r="RPV670" s="613"/>
      <c r="RPW670" s="613"/>
      <c r="RPX670" s="613"/>
      <c r="RPY670" s="613"/>
      <c r="RPZ670" s="613"/>
      <c r="RQA670" s="613"/>
      <c r="RQB670" s="613"/>
      <c r="RQC670" s="613"/>
      <c r="RQD670" s="613"/>
      <c r="RQE670" s="613"/>
      <c r="RQF670" s="613"/>
      <c r="RQG670" s="613"/>
      <c r="RQH670" s="613"/>
      <c r="RQI670" s="613"/>
      <c r="RQJ670" s="613"/>
      <c r="RQK670" s="613"/>
      <c r="RQL670" s="613"/>
      <c r="RQM670" s="613"/>
      <c r="RQN670" s="613"/>
      <c r="RQO670" s="613"/>
      <c r="RQP670" s="613"/>
      <c r="RQQ670" s="613"/>
      <c r="RQR670" s="613"/>
      <c r="RQS670" s="613"/>
      <c r="RQT670" s="613"/>
      <c r="RQU670" s="613"/>
      <c r="RQV670" s="613"/>
      <c r="RQW670" s="613"/>
      <c r="RQX670" s="613"/>
      <c r="RQY670" s="613"/>
      <c r="RQZ670" s="613"/>
      <c r="RRA670" s="613"/>
      <c r="RRB670" s="613"/>
      <c r="RRC670" s="613"/>
      <c r="RRD670" s="613"/>
      <c r="RRE670" s="613"/>
      <c r="RRF670" s="613"/>
      <c r="RRG670" s="613"/>
      <c r="RRH670" s="613"/>
      <c r="RRI670" s="613"/>
      <c r="RRJ670" s="613"/>
      <c r="RRK670" s="613"/>
      <c r="RRL670" s="613"/>
      <c r="RRM670" s="613"/>
      <c r="RRN670" s="613"/>
      <c r="RRO670" s="613"/>
      <c r="RRP670" s="613"/>
      <c r="RRQ670" s="613"/>
      <c r="RRR670" s="613"/>
      <c r="RRS670" s="613"/>
      <c r="RRT670" s="613"/>
      <c r="RRU670" s="613"/>
      <c r="RRV670" s="613"/>
      <c r="RRW670" s="613"/>
      <c r="RRX670" s="613"/>
      <c r="RRY670" s="613"/>
      <c r="RRZ670" s="613"/>
      <c r="RSA670" s="613"/>
      <c r="RSB670" s="613"/>
      <c r="RSC670" s="613"/>
      <c r="RSD670" s="613"/>
      <c r="RSE670" s="613"/>
      <c r="RSF670" s="613"/>
      <c r="RSG670" s="613"/>
      <c r="RSH670" s="613"/>
      <c r="RSI670" s="613"/>
      <c r="RSJ670" s="613"/>
      <c r="RSK670" s="613"/>
      <c r="RSL670" s="613"/>
      <c r="RSM670" s="613"/>
      <c r="RSN670" s="613"/>
      <c r="RSO670" s="613"/>
      <c r="RSP670" s="613"/>
      <c r="RSQ670" s="613"/>
      <c r="RSR670" s="613"/>
      <c r="RSS670" s="613"/>
      <c r="RST670" s="613"/>
      <c r="RSU670" s="613"/>
      <c r="RSV670" s="613"/>
      <c r="RSW670" s="613"/>
      <c r="RSX670" s="613"/>
      <c r="RSY670" s="613"/>
      <c r="RSZ670" s="613"/>
      <c r="RTA670" s="613"/>
      <c r="RTB670" s="613"/>
      <c r="RTC670" s="613"/>
      <c r="RTD670" s="613"/>
      <c r="RTE670" s="613"/>
      <c r="RTF670" s="613"/>
      <c r="RTG670" s="613"/>
      <c r="RTH670" s="613"/>
      <c r="RTI670" s="613"/>
      <c r="RTJ670" s="613"/>
      <c r="RTK670" s="613"/>
      <c r="RTL670" s="613"/>
      <c r="RTM670" s="613"/>
      <c r="RTN670" s="613"/>
      <c r="RTO670" s="613"/>
      <c r="RTP670" s="613"/>
      <c r="RTQ670" s="613"/>
      <c r="RTR670" s="613"/>
      <c r="RTS670" s="613"/>
      <c r="RTT670" s="613"/>
      <c r="RTU670" s="613"/>
      <c r="RTV670" s="613"/>
      <c r="RTW670" s="613"/>
      <c r="RTX670" s="613"/>
      <c r="RTY670" s="613"/>
      <c r="RTZ670" s="613"/>
      <c r="RUA670" s="613"/>
      <c r="RUB670" s="613"/>
      <c r="RUC670" s="613"/>
      <c r="RUD670" s="613"/>
      <c r="RUE670" s="613"/>
      <c r="RUF670" s="613"/>
      <c r="RUG670" s="613"/>
      <c r="RUH670" s="613"/>
      <c r="RUI670" s="613"/>
      <c r="RUJ670" s="613"/>
      <c r="RUK670" s="613"/>
      <c r="RUL670" s="613"/>
      <c r="RUM670" s="613"/>
      <c r="RUN670" s="613"/>
      <c r="RUO670" s="613"/>
      <c r="RUP670" s="613"/>
      <c r="RUQ670" s="613"/>
      <c r="RUR670" s="613"/>
      <c r="RUS670" s="613"/>
      <c r="RUT670" s="613"/>
      <c r="RUU670" s="613"/>
      <c r="RUV670" s="613"/>
      <c r="RUW670" s="613"/>
      <c r="RUX670" s="613"/>
      <c r="RUY670" s="613"/>
      <c r="RUZ670" s="613"/>
      <c r="RVA670" s="613"/>
      <c r="RVB670" s="613"/>
      <c r="RVC670" s="613"/>
      <c r="RVD670" s="613"/>
      <c r="RVE670" s="613"/>
      <c r="RVF670" s="613"/>
      <c r="RVG670" s="613"/>
      <c r="RVH670" s="613"/>
      <c r="RVI670" s="613"/>
      <c r="RVJ670" s="613"/>
      <c r="RVK670" s="613"/>
      <c r="RVL670" s="613"/>
      <c r="RVM670" s="613"/>
      <c r="RVN670" s="613"/>
      <c r="RVO670" s="613"/>
      <c r="RVP670" s="613"/>
      <c r="RVQ670" s="613"/>
      <c r="RVR670" s="613"/>
      <c r="RVS670" s="613"/>
      <c r="RVT670" s="613"/>
      <c r="RVU670" s="613"/>
      <c r="RVV670" s="613"/>
      <c r="RVW670" s="613"/>
      <c r="RVX670" s="613"/>
      <c r="RVY670" s="613"/>
      <c r="RVZ670" s="613"/>
      <c r="RWA670" s="613"/>
      <c r="RWB670" s="613"/>
      <c r="RWC670" s="613"/>
      <c r="RWD670" s="613"/>
      <c r="RWE670" s="613"/>
      <c r="RWF670" s="613"/>
      <c r="RWG670" s="613"/>
      <c r="RWH670" s="613"/>
      <c r="RWI670" s="613"/>
      <c r="RWJ670" s="613"/>
      <c r="RWK670" s="613"/>
      <c r="RWL670" s="613"/>
      <c r="RWM670" s="613"/>
      <c r="RWN670" s="613"/>
      <c r="RWO670" s="613"/>
      <c r="RWP670" s="613"/>
      <c r="RWQ670" s="613"/>
      <c r="RWR670" s="613"/>
      <c r="RWS670" s="613"/>
      <c r="RWT670" s="613"/>
      <c r="RWU670" s="613"/>
      <c r="RWV670" s="613"/>
      <c r="RWW670" s="613"/>
      <c r="RWX670" s="613"/>
      <c r="RWY670" s="613"/>
      <c r="RWZ670" s="613"/>
      <c r="RXA670" s="613"/>
      <c r="RXB670" s="613"/>
      <c r="RXC670" s="613"/>
      <c r="RXD670" s="613"/>
      <c r="RXE670" s="613"/>
      <c r="RXF670" s="613"/>
      <c r="RXG670" s="613"/>
      <c r="RXH670" s="613"/>
      <c r="RXI670" s="613"/>
      <c r="RXJ670" s="613"/>
      <c r="RXK670" s="613"/>
      <c r="RXL670" s="613"/>
      <c r="RXM670" s="613"/>
      <c r="RXN670" s="613"/>
      <c r="RXO670" s="613"/>
      <c r="RXP670" s="613"/>
      <c r="RXQ670" s="613"/>
      <c r="RXR670" s="613"/>
      <c r="RXS670" s="613"/>
      <c r="RXT670" s="613"/>
      <c r="RXU670" s="613"/>
      <c r="RXV670" s="613"/>
      <c r="RXW670" s="613"/>
      <c r="RXX670" s="613"/>
      <c r="RXY670" s="613"/>
      <c r="RXZ670" s="613"/>
      <c r="RYA670" s="613"/>
      <c r="RYB670" s="613"/>
      <c r="RYC670" s="613"/>
      <c r="RYD670" s="613"/>
      <c r="RYE670" s="613"/>
      <c r="RYF670" s="613"/>
      <c r="RYG670" s="613"/>
      <c r="RYH670" s="613"/>
      <c r="RYI670" s="613"/>
      <c r="RYJ670" s="613"/>
      <c r="RYK670" s="613"/>
      <c r="RYL670" s="613"/>
      <c r="RYM670" s="613"/>
      <c r="RYN670" s="613"/>
      <c r="RYO670" s="613"/>
      <c r="RYP670" s="613"/>
      <c r="RYQ670" s="613"/>
      <c r="RYR670" s="613"/>
      <c r="RYS670" s="613"/>
      <c r="RYT670" s="613"/>
      <c r="RYU670" s="613"/>
      <c r="RYV670" s="613"/>
      <c r="RYW670" s="613"/>
      <c r="RYX670" s="613"/>
      <c r="RYY670" s="613"/>
      <c r="RYZ670" s="613"/>
      <c r="RZA670" s="613"/>
      <c r="RZB670" s="613"/>
      <c r="RZC670" s="613"/>
      <c r="RZD670" s="613"/>
      <c r="RZE670" s="613"/>
      <c r="RZF670" s="613"/>
      <c r="RZG670" s="613"/>
      <c r="RZH670" s="613"/>
      <c r="RZI670" s="613"/>
      <c r="RZJ670" s="613"/>
      <c r="RZK670" s="613"/>
      <c r="RZL670" s="613"/>
      <c r="RZM670" s="613"/>
      <c r="RZN670" s="613"/>
      <c r="RZO670" s="613"/>
      <c r="RZP670" s="613"/>
      <c r="RZQ670" s="613"/>
      <c r="RZR670" s="613"/>
      <c r="RZS670" s="613"/>
      <c r="RZT670" s="613"/>
      <c r="RZU670" s="613"/>
      <c r="RZV670" s="613"/>
      <c r="RZW670" s="613"/>
      <c r="RZX670" s="613"/>
      <c r="RZY670" s="613"/>
      <c r="RZZ670" s="613"/>
      <c r="SAA670" s="613"/>
      <c r="SAB670" s="613"/>
      <c r="SAC670" s="613"/>
      <c r="SAD670" s="613"/>
      <c r="SAE670" s="613"/>
      <c r="SAF670" s="613"/>
      <c r="SAG670" s="613"/>
      <c r="SAH670" s="613"/>
      <c r="SAI670" s="613"/>
      <c r="SAJ670" s="613"/>
      <c r="SAK670" s="613"/>
      <c r="SAL670" s="613"/>
      <c r="SAM670" s="613"/>
      <c r="SAN670" s="613"/>
      <c r="SAO670" s="613"/>
      <c r="SAP670" s="613"/>
      <c r="SAQ670" s="613"/>
      <c r="SAR670" s="613"/>
      <c r="SAS670" s="613"/>
      <c r="SAT670" s="613"/>
      <c r="SAU670" s="613"/>
      <c r="SAV670" s="613"/>
      <c r="SAW670" s="613"/>
      <c r="SAX670" s="613"/>
      <c r="SAY670" s="613"/>
      <c r="SAZ670" s="613"/>
      <c r="SBA670" s="613"/>
      <c r="SBB670" s="613"/>
      <c r="SBC670" s="613"/>
      <c r="SBD670" s="613"/>
      <c r="SBE670" s="613"/>
      <c r="SBF670" s="613"/>
      <c r="SBG670" s="613"/>
      <c r="SBH670" s="613"/>
      <c r="SBI670" s="613"/>
      <c r="SBJ670" s="613"/>
      <c r="SBK670" s="613"/>
      <c r="SBL670" s="613"/>
      <c r="SBM670" s="613"/>
      <c r="SBN670" s="613"/>
      <c r="SBO670" s="613"/>
      <c r="SBP670" s="613"/>
      <c r="SBQ670" s="613"/>
      <c r="SBR670" s="613"/>
      <c r="SBS670" s="613"/>
      <c r="SBT670" s="613"/>
      <c r="SBU670" s="613"/>
      <c r="SBV670" s="613"/>
      <c r="SBW670" s="613"/>
      <c r="SBX670" s="613"/>
      <c r="SBY670" s="613"/>
      <c r="SBZ670" s="613"/>
      <c r="SCA670" s="613"/>
      <c r="SCB670" s="613"/>
      <c r="SCC670" s="613"/>
      <c r="SCD670" s="613"/>
      <c r="SCE670" s="613"/>
      <c r="SCF670" s="613"/>
      <c r="SCG670" s="613"/>
      <c r="SCH670" s="613"/>
      <c r="SCI670" s="613"/>
      <c r="SCJ670" s="613"/>
      <c r="SCK670" s="613"/>
      <c r="SCL670" s="613"/>
      <c r="SCM670" s="613"/>
      <c r="SCN670" s="613"/>
      <c r="SCO670" s="613"/>
      <c r="SCP670" s="613"/>
      <c r="SCQ670" s="613"/>
      <c r="SCR670" s="613"/>
      <c r="SCS670" s="613"/>
      <c r="SCT670" s="613"/>
      <c r="SCU670" s="613"/>
      <c r="SCV670" s="613"/>
      <c r="SCW670" s="613"/>
      <c r="SCX670" s="613"/>
      <c r="SCY670" s="613"/>
      <c r="SCZ670" s="613"/>
      <c r="SDA670" s="613"/>
      <c r="SDB670" s="613"/>
      <c r="SDC670" s="613"/>
      <c r="SDD670" s="613"/>
      <c r="SDE670" s="613"/>
      <c r="SDF670" s="613"/>
      <c r="SDG670" s="613"/>
      <c r="SDH670" s="613"/>
      <c r="SDI670" s="613"/>
      <c r="SDJ670" s="613"/>
      <c r="SDK670" s="613"/>
      <c r="SDL670" s="613"/>
      <c r="SDM670" s="613"/>
      <c r="SDN670" s="613"/>
      <c r="SDO670" s="613"/>
      <c r="SDP670" s="613"/>
      <c r="SDQ670" s="613"/>
      <c r="SDR670" s="613"/>
      <c r="SDS670" s="613"/>
      <c r="SDT670" s="613"/>
      <c r="SDU670" s="613"/>
      <c r="SDV670" s="613"/>
      <c r="SDW670" s="613"/>
      <c r="SDX670" s="613"/>
      <c r="SDY670" s="613"/>
      <c r="SDZ670" s="613"/>
      <c r="SEA670" s="613"/>
      <c r="SEB670" s="613"/>
      <c r="SEC670" s="613"/>
      <c r="SED670" s="613"/>
      <c r="SEE670" s="613"/>
      <c r="SEF670" s="613"/>
      <c r="SEG670" s="613"/>
      <c r="SEH670" s="613"/>
      <c r="SEI670" s="613"/>
      <c r="SEJ670" s="613"/>
      <c r="SEK670" s="613"/>
      <c r="SEL670" s="613"/>
      <c r="SEM670" s="613"/>
      <c r="SEN670" s="613"/>
      <c r="SEO670" s="613"/>
      <c r="SEP670" s="613"/>
      <c r="SEQ670" s="613"/>
      <c r="SER670" s="613"/>
      <c r="SES670" s="613"/>
      <c r="SET670" s="613"/>
      <c r="SEU670" s="613"/>
      <c r="SEV670" s="613"/>
      <c r="SEW670" s="613"/>
      <c r="SEX670" s="613"/>
      <c r="SEY670" s="613"/>
      <c r="SEZ670" s="613"/>
      <c r="SFA670" s="613"/>
      <c r="SFB670" s="613"/>
      <c r="SFC670" s="613"/>
      <c r="SFD670" s="613"/>
      <c r="SFE670" s="613"/>
      <c r="SFF670" s="613"/>
      <c r="SFG670" s="613"/>
      <c r="SFH670" s="613"/>
      <c r="SFI670" s="613"/>
      <c r="SFJ670" s="613"/>
      <c r="SFK670" s="613"/>
      <c r="SFL670" s="613"/>
      <c r="SFM670" s="613"/>
      <c r="SFN670" s="613"/>
      <c r="SFO670" s="613"/>
      <c r="SFP670" s="613"/>
      <c r="SFQ670" s="613"/>
      <c r="SFR670" s="613"/>
      <c r="SFS670" s="613"/>
      <c r="SFT670" s="613"/>
      <c r="SFU670" s="613"/>
      <c r="SFV670" s="613"/>
      <c r="SFW670" s="613"/>
      <c r="SFX670" s="613"/>
      <c r="SFY670" s="613"/>
      <c r="SFZ670" s="613"/>
      <c r="SGA670" s="613"/>
      <c r="SGB670" s="613"/>
      <c r="SGC670" s="613"/>
      <c r="SGD670" s="613"/>
      <c r="SGE670" s="613"/>
      <c r="SGF670" s="613"/>
      <c r="SGG670" s="613"/>
      <c r="SGH670" s="613"/>
      <c r="SGI670" s="613"/>
      <c r="SGJ670" s="613"/>
      <c r="SGK670" s="613"/>
      <c r="SGL670" s="613"/>
      <c r="SGM670" s="613"/>
      <c r="SGN670" s="613"/>
      <c r="SGO670" s="613"/>
      <c r="SGP670" s="613"/>
      <c r="SGQ670" s="613"/>
      <c r="SGR670" s="613"/>
      <c r="SGS670" s="613"/>
      <c r="SGT670" s="613"/>
      <c r="SGU670" s="613"/>
      <c r="SGV670" s="613"/>
      <c r="SGW670" s="613"/>
      <c r="SGX670" s="613"/>
      <c r="SGY670" s="613"/>
      <c r="SGZ670" s="613"/>
      <c r="SHA670" s="613"/>
      <c r="SHB670" s="613"/>
      <c r="SHC670" s="613"/>
      <c r="SHD670" s="613"/>
      <c r="SHE670" s="613"/>
      <c r="SHF670" s="613"/>
      <c r="SHG670" s="613"/>
      <c r="SHH670" s="613"/>
      <c r="SHI670" s="613"/>
      <c r="SHJ670" s="613"/>
      <c r="SHK670" s="613"/>
      <c r="SHL670" s="613"/>
      <c r="SHM670" s="613"/>
      <c r="SHN670" s="613"/>
      <c r="SHO670" s="613"/>
      <c r="SHP670" s="613"/>
      <c r="SHQ670" s="613"/>
      <c r="SHR670" s="613"/>
      <c r="SHS670" s="613"/>
      <c r="SHT670" s="613"/>
      <c r="SHU670" s="613"/>
      <c r="SHV670" s="613"/>
      <c r="SHW670" s="613"/>
      <c r="SHX670" s="613"/>
      <c r="SHY670" s="613"/>
      <c r="SHZ670" s="613"/>
      <c r="SIA670" s="613"/>
      <c r="SIB670" s="613"/>
      <c r="SIC670" s="613"/>
      <c r="SID670" s="613"/>
      <c r="SIE670" s="613"/>
      <c r="SIF670" s="613"/>
      <c r="SIG670" s="613"/>
      <c r="SIH670" s="613"/>
      <c r="SII670" s="613"/>
      <c r="SIJ670" s="613"/>
      <c r="SIK670" s="613"/>
      <c r="SIL670" s="613"/>
      <c r="SIM670" s="613"/>
      <c r="SIN670" s="613"/>
      <c r="SIO670" s="613"/>
      <c r="SIP670" s="613"/>
      <c r="SIQ670" s="613"/>
      <c r="SIR670" s="613"/>
      <c r="SIS670" s="613"/>
      <c r="SIT670" s="613"/>
      <c r="SIU670" s="613"/>
      <c r="SIV670" s="613"/>
      <c r="SIW670" s="613"/>
      <c r="SIX670" s="613"/>
      <c r="SIY670" s="613"/>
      <c r="SIZ670" s="613"/>
      <c r="SJA670" s="613"/>
      <c r="SJB670" s="613"/>
      <c r="SJC670" s="613"/>
      <c r="SJD670" s="613"/>
      <c r="SJE670" s="613"/>
      <c r="SJF670" s="613"/>
      <c r="SJG670" s="613"/>
      <c r="SJH670" s="613"/>
      <c r="SJI670" s="613"/>
      <c r="SJJ670" s="613"/>
      <c r="SJK670" s="613"/>
      <c r="SJL670" s="613"/>
      <c r="SJM670" s="613"/>
      <c r="SJN670" s="613"/>
      <c r="SJO670" s="613"/>
      <c r="SJP670" s="613"/>
      <c r="SJQ670" s="613"/>
      <c r="SJR670" s="613"/>
      <c r="SJS670" s="613"/>
      <c r="SJT670" s="613"/>
      <c r="SJU670" s="613"/>
      <c r="SJV670" s="613"/>
      <c r="SJW670" s="613"/>
      <c r="SJX670" s="613"/>
      <c r="SJY670" s="613"/>
      <c r="SJZ670" s="613"/>
      <c r="SKA670" s="613"/>
      <c r="SKB670" s="613"/>
      <c r="SKC670" s="613"/>
      <c r="SKD670" s="613"/>
      <c r="SKE670" s="613"/>
      <c r="SKF670" s="613"/>
      <c r="SKG670" s="613"/>
      <c r="SKH670" s="613"/>
      <c r="SKI670" s="613"/>
      <c r="SKJ670" s="613"/>
      <c r="SKK670" s="613"/>
      <c r="SKL670" s="613"/>
      <c r="SKM670" s="613"/>
      <c r="SKN670" s="613"/>
      <c r="SKO670" s="613"/>
      <c r="SKP670" s="613"/>
      <c r="SKQ670" s="613"/>
      <c r="SKR670" s="613"/>
      <c r="SKS670" s="613"/>
      <c r="SKT670" s="613"/>
      <c r="SKU670" s="613"/>
      <c r="SKV670" s="613"/>
      <c r="SKW670" s="613"/>
      <c r="SKX670" s="613"/>
      <c r="SKY670" s="613"/>
      <c r="SKZ670" s="613"/>
      <c r="SLA670" s="613"/>
      <c r="SLB670" s="613"/>
      <c r="SLC670" s="613"/>
      <c r="SLD670" s="613"/>
      <c r="SLE670" s="613"/>
      <c r="SLF670" s="613"/>
      <c r="SLG670" s="613"/>
      <c r="SLH670" s="613"/>
      <c r="SLI670" s="613"/>
      <c r="SLJ670" s="613"/>
      <c r="SLK670" s="613"/>
      <c r="SLL670" s="613"/>
      <c r="SLM670" s="613"/>
      <c r="SLN670" s="613"/>
      <c r="SLO670" s="613"/>
      <c r="SLP670" s="613"/>
      <c r="SLQ670" s="613"/>
      <c r="SLR670" s="613"/>
      <c r="SLS670" s="613"/>
      <c r="SLT670" s="613"/>
      <c r="SLU670" s="613"/>
      <c r="SLV670" s="613"/>
      <c r="SLW670" s="613"/>
      <c r="SLX670" s="613"/>
      <c r="SLY670" s="613"/>
      <c r="SLZ670" s="613"/>
      <c r="SMA670" s="613"/>
      <c r="SMB670" s="613"/>
      <c r="SMC670" s="613"/>
      <c r="SMD670" s="613"/>
      <c r="SME670" s="613"/>
      <c r="SMF670" s="613"/>
      <c r="SMG670" s="613"/>
      <c r="SMH670" s="613"/>
      <c r="SMI670" s="613"/>
      <c r="SMJ670" s="613"/>
      <c r="SMK670" s="613"/>
      <c r="SML670" s="613"/>
      <c r="SMM670" s="613"/>
      <c r="SMN670" s="613"/>
      <c r="SMO670" s="613"/>
      <c r="SMP670" s="613"/>
      <c r="SMQ670" s="613"/>
      <c r="SMR670" s="613"/>
      <c r="SMS670" s="613"/>
      <c r="SMT670" s="613"/>
      <c r="SMU670" s="613"/>
      <c r="SMV670" s="613"/>
      <c r="SMW670" s="613"/>
      <c r="SMX670" s="613"/>
      <c r="SMY670" s="613"/>
      <c r="SMZ670" s="613"/>
      <c r="SNA670" s="613"/>
      <c r="SNB670" s="613"/>
      <c r="SNC670" s="613"/>
      <c r="SND670" s="613"/>
      <c r="SNE670" s="613"/>
      <c r="SNF670" s="613"/>
      <c r="SNG670" s="613"/>
      <c r="SNH670" s="613"/>
      <c r="SNI670" s="613"/>
      <c r="SNJ670" s="613"/>
      <c r="SNK670" s="613"/>
      <c r="SNL670" s="613"/>
      <c r="SNM670" s="613"/>
      <c r="SNN670" s="613"/>
      <c r="SNO670" s="613"/>
      <c r="SNP670" s="613"/>
      <c r="SNQ670" s="613"/>
      <c r="SNR670" s="613"/>
      <c r="SNS670" s="613"/>
      <c r="SNT670" s="613"/>
      <c r="SNU670" s="613"/>
      <c r="SNV670" s="613"/>
      <c r="SNW670" s="613"/>
      <c r="SNX670" s="613"/>
      <c r="SNY670" s="613"/>
      <c r="SNZ670" s="613"/>
      <c r="SOA670" s="613"/>
      <c r="SOB670" s="613"/>
      <c r="SOC670" s="613"/>
      <c r="SOD670" s="613"/>
      <c r="SOE670" s="613"/>
      <c r="SOF670" s="613"/>
      <c r="SOG670" s="613"/>
      <c r="SOH670" s="613"/>
      <c r="SOI670" s="613"/>
      <c r="SOJ670" s="613"/>
      <c r="SOK670" s="613"/>
      <c r="SOL670" s="613"/>
      <c r="SOM670" s="613"/>
      <c r="SON670" s="613"/>
      <c r="SOO670" s="613"/>
      <c r="SOP670" s="613"/>
      <c r="SOQ670" s="613"/>
      <c r="SOR670" s="613"/>
      <c r="SOS670" s="613"/>
      <c r="SOT670" s="613"/>
      <c r="SOU670" s="613"/>
      <c r="SOV670" s="613"/>
      <c r="SOW670" s="613"/>
      <c r="SOX670" s="613"/>
      <c r="SOY670" s="613"/>
      <c r="SOZ670" s="613"/>
      <c r="SPA670" s="613"/>
      <c r="SPB670" s="613"/>
      <c r="SPC670" s="613"/>
      <c r="SPD670" s="613"/>
      <c r="SPE670" s="613"/>
      <c r="SPF670" s="613"/>
      <c r="SPG670" s="613"/>
      <c r="SPH670" s="613"/>
      <c r="SPI670" s="613"/>
      <c r="SPJ670" s="613"/>
      <c r="SPK670" s="613"/>
      <c r="SPL670" s="613"/>
      <c r="SPM670" s="613"/>
      <c r="SPN670" s="613"/>
      <c r="SPO670" s="613"/>
      <c r="SPP670" s="613"/>
      <c r="SPQ670" s="613"/>
      <c r="SPR670" s="613"/>
      <c r="SPS670" s="613"/>
      <c r="SPT670" s="613"/>
      <c r="SPU670" s="613"/>
      <c r="SPV670" s="613"/>
      <c r="SPW670" s="613"/>
      <c r="SPX670" s="613"/>
      <c r="SPY670" s="613"/>
      <c r="SPZ670" s="613"/>
      <c r="SQA670" s="613"/>
      <c r="SQB670" s="613"/>
      <c r="SQC670" s="613"/>
      <c r="SQD670" s="613"/>
      <c r="SQE670" s="613"/>
      <c r="SQF670" s="613"/>
      <c r="SQG670" s="613"/>
      <c r="SQH670" s="613"/>
      <c r="SQI670" s="613"/>
      <c r="SQJ670" s="613"/>
      <c r="SQK670" s="613"/>
      <c r="SQL670" s="613"/>
      <c r="SQM670" s="613"/>
      <c r="SQN670" s="613"/>
      <c r="SQO670" s="613"/>
      <c r="SQP670" s="613"/>
      <c r="SQQ670" s="613"/>
      <c r="SQR670" s="613"/>
      <c r="SQS670" s="613"/>
      <c r="SQT670" s="613"/>
      <c r="SQU670" s="613"/>
      <c r="SQV670" s="613"/>
      <c r="SQW670" s="613"/>
      <c r="SQX670" s="613"/>
      <c r="SQY670" s="613"/>
      <c r="SQZ670" s="613"/>
      <c r="SRA670" s="613"/>
      <c r="SRB670" s="613"/>
      <c r="SRC670" s="613"/>
      <c r="SRD670" s="613"/>
      <c r="SRE670" s="613"/>
      <c r="SRF670" s="613"/>
      <c r="SRG670" s="613"/>
      <c r="SRH670" s="613"/>
      <c r="SRI670" s="613"/>
      <c r="SRJ670" s="613"/>
      <c r="SRK670" s="613"/>
      <c r="SRL670" s="613"/>
      <c r="SRM670" s="613"/>
      <c r="SRN670" s="613"/>
      <c r="SRO670" s="613"/>
      <c r="SRP670" s="613"/>
      <c r="SRQ670" s="613"/>
      <c r="SRR670" s="613"/>
      <c r="SRS670" s="613"/>
      <c r="SRT670" s="613"/>
      <c r="SRU670" s="613"/>
      <c r="SRV670" s="613"/>
      <c r="SRW670" s="613"/>
      <c r="SRX670" s="613"/>
      <c r="SRY670" s="613"/>
      <c r="SRZ670" s="613"/>
      <c r="SSA670" s="613"/>
      <c r="SSB670" s="613"/>
      <c r="SSC670" s="613"/>
      <c r="SSD670" s="613"/>
      <c r="SSE670" s="613"/>
      <c r="SSF670" s="613"/>
      <c r="SSG670" s="613"/>
      <c r="SSH670" s="613"/>
      <c r="SSI670" s="613"/>
      <c r="SSJ670" s="613"/>
      <c r="SSK670" s="613"/>
      <c r="SSL670" s="613"/>
      <c r="SSM670" s="613"/>
      <c r="SSN670" s="613"/>
      <c r="SSO670" s="613"/>
      <c r="SSP670" s="613"/>
      <c r="SSQ670" s="613"/>
      <c r="SSR670" s="613"/>
      <c r="SSS670" s="613"/>
      <c r="SST670" s="613"/>
      <c r="SSU670" s="613"/>
      <c r="SSV670" s="613"/>
      <c r="SSW670" s="613"/>
      <c r="SSX670" s="613"/>
      <c r="SSY670" s="613"/>
      <c r="SSZ670" s="613"/>
      <c r="STA670" s="613"/>
      <c r="STB670" s="613"/>
      <c r="STC670" s="613"/>
      <c r="STD670" s="613"/>
      <c r="STE670" s="613"/>
      <c r="STF670" s="613"/>
      <c r="STG670" s="613"/>
      <c r="STH670" s="613"/>
      <c r="STI670" s="613"/>
      <c r="STJ670" s="613"/>
      <c r="STK670" s="613"/>
      <c r="STL670" s="613"/>
      <c r="STM670" s="613"/>
      <c r="STN670" s="613"/>
      <c r="STO670" s="613"/>
      <c r="STP670" s="613"/>
      <c r="STQ670" s="613"/>
      <c r="STR670" s="613"/>
      <c r="STS670" s="613"/>
      <c r="STT670" s="613"/>
      <c r="STU670" s="613"/>
      <c r="STV670" s="613"/>
      <c r="STW670" s="613"/>
      <c r="STX670" s="613"/>
      <c r="STY670" s="613"/>
      <c r="STZ670" s="613"/>
      <c r="SUA670" s="613"/>
      <c r="SUB670" s="613"/>
      <c r="SUC670" s="613"/>
      <c r="SUD670" s="613"/>
      <c r="SUE670" s="613"/>
      <c r="SUF670" s="613"/>
      <c r="SUG670" s="613"/>
      <c r="SUH670" s="613"/>
      <c r="SUI670" s="613"/>
      <c r="SUJ670" s="613"/>
      <c r="SUK670" s="613"/>
      <c r="SUL670" s="613"/>
      <c r="SUM670" s="613"/>
      <c r="SUN670" s="613"/>
      <c r="SUO670" s="613"/>
      <c r="SUP670" s="613"/>
      <c r="SUQ670" s="613"/>
      <c r="SUR670" s="613"/>
      <c r="SUS670" s="613"/>
      <c r="SUT670" s="613"/>
      <c r="SUU670" s="613"/>
      <c r="SUV670" s="613"/>
      <c r="SUW670" s="613"/>
      <c r="SUX670" s="613"/>
      <c r="SUY670" s="613"/>
      <c r="SUZ670" s="613"/>
      <c r="SVA670" s="613"/>
      <c r="SVB670" s="613"/>
      <c r="SVC670" s="613"/>
      <c r="SVD670" s="613"/>
      <c r="SVE670" s="613"/>
      <c r="SVF670" s="613"/>
      <c r="SVG670" s="613"/>
      <c r="SVH670" s="613"/>
      <c r="SVI670" s="613"/>
      <c r="SVJ670" s="613"/>
      <c r="SVK670" s="613"/>
      <c r="SVL670" s="613"/>
      <c r="SVM670" s="613"/>
      <c r="SVN670" s="613"/>
      <c r="SVO670" s="613"/>
      <c r="SVP670" s="613"/>
      <c r="SVQ670" s="613"/>
      <c r="SVR670" s="613"/>
      <c r="SVS670" s="613"/>
      <c r="SVT670" s="613"/>
      <c r="SVU670" s="613"/>
      <c r="SVV670" s="613"/>
      <c r="SVW670" s="613"/>
      <c r="SVX670" s="613"/>
      <c r="SVY670" s="613"/>
      <c r="SVZ670" s="613"/>
      <c r="SWA670" s="613"/>
      <c r="SWB670" s="613"/>
      <c r="SWC670" s="613"/>
      <c r="SWD670" s="613"/>
      <c r="SWE670" s="613"/>
      <c r="SWF670" s="613"/>
      <c r="SWG670" s="613"/>
      <c r="SWH670" s="613"/>
      <c r="SWI670" s="613"/>
      <c r="SWJ670" s="613"/>
      <c r="SWK670" s="613"/>
      <c r="SWL670" s="613"/>
      <c r="SWM670" s="613"/>
      <c r="SWN670" s="613"/>
      <c r="SWO670" s="613"/>
      <c r="SWP670" s="613"/>
      <c r="SWQ670" s="613"/>
      <c r="SWR670" s="613"/>
      <c r="SWS670" s="613"/>
      <c r="SWT670" s="613"/>
      <c r="SWU670" s="613"/>
      <c r="SWV670" s="613"/>
      <c r="SWW670" s="613"/>
      <c r="SWX670" s="613"/>
      <c r="SWY670" s="613"/>
      <c r="SWZ670" s="613"/>
      <c r="SXA670" s="613"/>
      <c r="SXB670" s="613"/>
      <c r="SXC670" s="613"/>
      <c r="SXD670" s="613"/>
      <c r="SXE670" s="613"/>
      <c r="SXF670" s="613"/>
      <c r="SXG670" s="613"/>
      <c r="SXH670" s="613"/>
      <c r="SXI670" s="613"/>
      <c r="SXJ670" s="613"/>
      <c r="SXK670" s="613"/>
      <c r="SXL670" s="613"/>
      <c r="SXM670" s="613"/>
      <c r="SXN670" s="613"/>
      <c r="SXO670" s="613"/>
      <c r="SXP670" s="613"/>
      <c r="SXQ670" s="613"/>
      <c r="SXR670" s="613"/>
      <c r="SXS670" s="613"/>
      <c r="SXT670" s="613"/>
      <c r="SXU670" s="613"/>
      <c r="SXV670" s="613"/>
      <c r="SXW670" s="613"/>
      <c r="SXX670" s="613"/>
      <c r="SXY670" s="613"/>
      <c r="SXZ670" s="613"/>
      <c r="SYA670" s="613"/>
      <c r="SYB670" s="613"/>
      <c r="SYC670" s="613"/>
      <c r="SYD670" s="613"/>
      <c r="SYE670" s="613"/>
      <c r="SYF670" s="613"/>
      <c r="SYG670" s="613"/>
      <c r="SYH670" s="613"/>
      <c r="SYI670" s="613"/>
      <c r="SYJ670" s="613"/>
      <c r="SYK670" s="613"/>
      <c r="SYL670" s="613"/>
      <c r="SYM670" s="613"/>
      <c r="SYN670" s="613"/>
      <c r="SYO670" s="613"/>
      <c r="SYP670" s="613"/>
      <c r="SYQ670" s="613"/>
      <c r="SYR670" s="613"/>
      <c r="SYS670" s="613"/>
      <c r="SYT670" s="613"/>
      <c r="SYU670" s="613"/>
      <c r="SYV670" s="613"/>
      <c r="SYW670" s="613"/>
      <c r="SYX670" s="613"/>
      <c r="SYY670" s="613"/>
      <c r="SYZ670" s="613"/>
      <c r="SZA670" s="613"/>
      <c r="SZB670" s="613"/>
      <c r="SZC670" s="613"/>
      <c r="SZD670" s="613"/>
      <c r="SZE670" s="613"/>
      <c r="SZF670" s="613"/>
      <c r="SZG670" s="613"/>
      <c r="SZH670" s="613"/>
      <c r="SZI670" s="613"/>
      <c r="SZJ670" s="613"/>
      <c r="SZK670" s="613"/>
      <c r="SZL670" s="613"/>
      <c r="SZM670" s="613"/>
      <c r="SZN670" s="613"/>
      <c r="SZO670" s="613"/>
      <c r="SZP670" s="613"/>
      <c r="SZQ670" s="613"/>
      <c r="SZR670" s="613"/>
      <c r="SZS670" s="613"/>
      <c r="SZT670" s="613"/>
      <c r="SZU670" s="613"/>
      <c r="SZV670" s="613"/>
      <c r="SZW670" s="613"/>
      <c r="SZX670" s="613"/>
      <c r="SZY670" s="613"/>
      <c r="SZZ670" s="613"/>
      <c r="TAA670" s="613"/>
      <c r="TAB670" s="613"/>
      <c r="TAC670" s="613"/>
      <c r="TAD670" s="613"/>
      <c r="TAE670" s="613"/>
      <c r="TAF670" s="613"/>
      <c r="TAG670" s="613"/>
      <c r="TAH670" s="613"/>
      <c r="TAI670" s="613"/>
      <c r="TAJ670" s="613"/>
      <c r="TAK670" s="613"/>
      <c r="TAL670" s="613"/>
      <c r="TAM670" s="613"/>
      <c r="TAN670" s="613"/>
      <c r="TAO670" s="613"/>
      <c r="TAP670" s="613"/>
      <c r="TAQ670" s="613"/>
      <c r="TAR670" s="613"/>
      <c r="TAS670" s="613"/>
      <c r="TAT670" s="613"/>
      <c r="TAU670" s="613"/>
      <c r="TAV670" s="613"/>
      <c r="TAW670" s="613"/>
      <c r="TAX670" s="613"/>
      <c r="TAY670" s="613"/>
      <c r="TAZ670" s="613"/>
      <c r="TBA670" s="613"/>
      <c r="TBB670" s="613"/>
      <c r="TBC670" s="613"/>
      <c r="TBD670" s="613"/>
      <c r="TBE670" s="613"/>
      <c r="TBF670" s="613"/>
      <c r="TBG670" s="613"/>
      <c r="TBH670" s="613"/>
      <c r="TBI670" s="613"/>
      <c r="TBJ670" s="613"/>
      <c r="TBK670" s="613"/>
      <c r="TBL670" s="613"/>
      <c r="TBM670" s="613"/>
      <c r="TBN670" s="613"/>
      <c r="TBO670" s="613"/>
      <c r="TBP670" s="613"/>
      <c r="TBQ670" s="613"/>
      <c r="TBR670" s="613"/>
      <c r="TBS670" s="613"/>
      <c r="TBT670" s="613"/>
      <c r="TBU670" s="613"/>
      <c r="TBV670" s="613"/>
      <c r="TBW670" s="613"/>
      <c r="TBX670" s="613"/>
      <c r="TBY670" s="613"/>
      <c r="TBZ670" s="613"/>
      <c r="TCA670" s="613"/>
      <c r="TCB670" s="613"/>
      <c r="TCC670" s="613"/>
      <c r="TCD670" s="613"/>
      <c r="TCE670" s="613"/>
      <c r="TCF670" s="613"/>
      <c r="TCG670" s="613"/>
      <c r="TCH670" s="613"/>
      <c r="TCI670" s="613"/>
      <c r="TCJ670" s="613"/>
      <c r="TCK670" s="613"/>
      <c r="TCL670" s="613"/>
      <c r="TCM670" s="613"/>
      <c r="TCN670" s="613"/>
      <c r="TCO670" s="613"/>
      <c r="TCP670" s="613"/>
      <c r="TCQ670" s="613"/>
      <c r="TCR670" s="613"/>
      <c r="TCS670" s="613"/>
      <c r="TCT670" s="613"/>
      <c r="TCU670" s="613"/>
      <c r="TCV670" s="613"/>
      <c r="TCW670" s="613"/>
      <c r="TCX670" s="613"/>
      <c r="TCY670" s="613"/>
      <c r="TCZ670" s="613"/>
      <c r="TDA670" s="613"/>
      <c r="TDB670" s="613"/>
      <c r="TDC670" s="613"/>
      <c r="TDD670" s="613"/>
      <c r="TDE670" s="613"/>
      <c r="TDF670" s="613"/>
      <c r="TDG670" s="613"/>
      <c r="TDH670" s="613"/>
      <c r="TDI670" s="613"/>
      <c r="TDJ670" s="613"/>
      <c r="TDK670" s="613"/>
      <c r="TDL670" s="613"/>
      <c r="TDM670" s="613"/>
      <c r="TDN670" s="613"/>
      <c r="TDO670" s="613"/>
      <c r="TDP670" s="613"/>
      <c r="TDQ670" s="613"/>
      <c r="TDR670" s="613"/>
      <c r="TDS670" s="613"/>
      <c r="TDT670" s="613"/>
      <c r="TDU670" s="613"/>
      <c r="TDV670" s="613"/>
      <c r="TDW670" s="613"/>
      <c r="TDX670" s="613"/>
      <c r="TDY670" s="613"/>
      <c r="TDZ670" s="613"/>
      <c r="TEA670" s="613"/>
      <c r="TEB670" s="613"/>
      <c r="TEC670" s="613"/>
      <c r="TED670" s="613"/>
      <c r="TEE670" s="613"/>
      <c r="TEF670" s="613"/>
      <c r="TEG670" s="613"/>
      <c r="TEH670" s="613"/>
      <c r="TEI670" s="613"/>
      <c r="TEJ670" s="613"/>
      <c r="TEK670" s="613"/>
      <c r="TEL670" s="613"/>
      <c r="TEM670" s="613"/>
      <c r="TEN670" s="613"/>
      <c r="TEO670" s="613"/>
      <c r="TEP670" s="613"/>
      <c r="TEQ670" s="613"/>
      <c r="TER670" s="613"/>
      <c r="TES670" s="613"/>
      <c r="TET670" s="613"/>
      <c r="TEU670" s="613"/>
      <c r="TEV670" s="613"/>
      <c r="TEW670" s="613"/>
      <c r="TEX670" s="613"/>
      <c r="TEY670" s="613"/>
      <c r="TEZ670" s="613"/>
      <c r="TFA670" s="613"/>
      <c r="TFB670" s="613"/>
      <c r="TFC670" s="613"/>
      <c r="TFD670" s="613"/>
      <c r="TFE670" s="613"/>
      <c r="TFF670" s="613"/>
      <c r="TFG670" s="613"/>
      <c r="TFH670" s="613"/>
      <c r="TFI670" s="613"/>
      <c r="TFJ670" s="613"/>
      <c r="TFK670" s="613"/>
      <c r="TFL670" s="613"/>
      <c r="TFM670" s="613"/>
      <c r="TFN670" s="613"/>
      <c r="TFO670" s="613"/>
      <c r="TFP670" s="613"/>
      <c r="TFQ670" s="613"/>
      <c r="TFR670" s="613"/>
      <c r="TFS670" s="613"/>
      <c r="TFT670" s="613"/>
      <c r="TFU670" s="613"/>
      <c r="TFV670" s="613"/>
      <c r="TFW670" s="613"/>
      <c r="TFX670" s="613"/>
      <c r="TFY670" s="613"/>
      <c r="TFZ670" s="613"/>
      <c r="TGA670" s="613"/>
      <c r="TGB670" s="613"/>
      <c r="TGC670" s="613"/>
      <c r="TGD670" s="613"/>
      <c r="TGE670" s="613"/>
      <c r="TGF670" s="613"/>
      <c r="TGG670" s="613"/>
      <c r="TGH670" s="613"/>
      <c r="TGI670" s="613"/>
      <c r="TGJ670" s="613"/>
      <c r="TGK670" s="613"/>
      <c r="TGL670" s="613"/>
      <c r="TGM670" s="613"/>
      <c r="TGN670" s="613"/>
      <c r="TGO670" s="613"/>
      <c r="TGP670" s="613"/>
      <c r="TGQ670" s="613"/>
      <c r="TGR670" s="613"/>
      <c r="TGS670" s="613"/>
      <c r="TGT670" s="613"/>
      <c r="TGU670" s="613"/>
      <c r="TGV670" s="613"/>
      <c r="TGW670" s="613"/>
      <c r="TGX670" s="613"/>
      <c r="TGY670" s="613"/>
      <c r="TGZ670" s="613"/>
      <c r="THA670" s="613"/>
      <c r="THB670" s="613"/>
      <c r="THC670" s="613"/>
      <c r="THD670" s="613"/>
      <c r="THE670" s="613"/>
      <c r="THF670" s="613"/>
      <c r="THG670" s="613"/>
      <c r="THH670" s="613"/>
      <c r="THI670" s="613"/>
      <c r="THJ670" s="613"/>
      <c r="THK670" s="613"/>
      <c r="THL670" s="613"/>
      <c r="THM670" s="613"/>
      <c r="THN670" s="613"/>
      <c r="THO670" s="613"/>
      <c r="THP670" s="613"/>
      <c r="THQ670" s="613"/>
      <c r="THR670" s="613"/>
      <c r="THS670" s="613"/>
      <c r="THT670" s="613"/>
      <c r="THU670" s="613"/>
      <c r="THV670" s="613"/>
      <c r="THW670" s="613"/>
      <c r="THX670" s="613"/>
      <c r="THY670" s="613"/>
      <c r="THZ670" s="613"/>
      <c r="TIA670" s="613"/>
      <c r="TIB670" s="613"/>
      <c r="TIC670" s="613"/>
      <c r="TID670" s="613"/>
      <c r="TIE670" s="613"/>
      <c r="TIF670" s="613"/>
      <c r="TIG670" s="613"/>
      <c r="TIH670" s="613"/>
      <c r="TII670" s="613"/>
      <c r="TIJ670" s="613"/>
      <c r="TIK670" s="613"/>
      <c r="TIL670" s="613"/>
      <c r="TIM670" s="613"/>
      <c r="TIN670" s="613"/>
      <c r="TIO670" s="613"/>
      <c r="TIP670" s="613"/>
      <c r="TIQ670" s="613"/>
      <c r="TIR670" s="613"/>
      <c r="TIS670" s="613"/>
      <c r="TIT670" s="613"/>
      <c r="TIU670" s="613"/>
      <c r="TIV670" s="613"/>
      <c r="TIW670" s="613"/>
      <c r="TIX670" s="613"/>
      <c r="TIY670" s="613"/>
      <c r="TIZ670" s="613"/>
      <c r="TJA670" s="613"/>
      <c r="TJB670" s="613"/>
      <c r="TJC670" s="613"/>
      <c r="TJD670" s="613"/>
      <c r="TJE670" s="613"/>
      <c r="TJF670" s="613"/>
      <c r="TJG670" s="613"/>
      <c r="TJH670" s="613"/>
      <c r="TJI670" s="613"/>
      <c r="TJJ670" s="613"/>
      <c r="TJK670" s="613"/>
      <c r="TJL670" s="613"/>
      <c r="TJM670" s="613"/>
      <c r="TJN670" s="613"/>
      <c r="TJO670" s="613"/>
      <c r="TJP670" s="613"/>
      <c r="TJQ670" s="613"/>
      <c r="TJR670" s="613"/>
      <c r="TJS670" s="613"/>
      <c r="TJT670" s="613"/>
      <c r="TJU670" s="613"/>
      <c r="TJV670" s="613"/>
      <c r="TJW670" s="613"/>
      <c r="TJX670" s="613"/>
      <c r="TJY670" s="613"/>
      <c r="TJZ670" s="613"/>
      <c r="TKA670" s="613"/>
      <c r="TKB670" s="613"/>
      <c r="TKC670" s="613"/>
      <c r="TKD670" s="613"/>
      <c r="TKE670" s="613"/>
      <c r="TKF670" s="613"/>
      <c r="TKG670" s="613"/>
      <c r="TKH670" s="613"/>
      <c r="TKI670" s="613"/>
      <c r="TKJ670" s="613"/>
      <c r="TKK670" s="613"/>
      <c r="TKL670" s="613"/>
      <c r="TKM670" s="613"/>
      <c r="TKN670" s="613"/>
      <c r="TKO670" s="613"/>
      <c r="TKP670" s="613"/>
      <c r="TKQ670" s="613"/>
      <c r="TKR670" s="613"/>
      <c r="TKS670" s="613"/>
      <c r="TKT670" s="613"/>
      <c r="TKU670" s="613"/>
      <c r="TKV670" s="613"/>
      <c r="TKW670" s="613"/>
      <c r="TKX670" s="613"/>
      <c r="TKY670" s="613"/>
      <c r="TKZ670" s="613"/>
      <c r="TLA670" s="613"/>
      <c r="TLB670" s="613"/>
      <c r="TLC670" s="613"/>
      <c r="TLD670" s="613"/>
      <c r="TLE670" s="613"/>
      <c r="TLF670" s="613"/>
      <c r="TLG670" s="613"/>
      <c r="TLH670" s="613"/>
      <c r="TLI670" s="613"/>
      <c r="TLJ670" s="613"/>
      <c r="TLK670" s="613"/>
      <c r="TLL670" s="613"/>
      <c r="TLM670" s="613"/>
      <c r="TLN670" s="613"/>
      <c r="TLO670" s="613"/>
      <c r="TLP670" s="613"/>
      <c r="TLQ670" s="613"/>
      <c r="TLR670" s="613"/>
      <c r="TLS670" s="613"/>
      <c r="TLT670" s="613"/>
      <c r="TLU670" s="613"/>
      <c r="TLV670" s="613"/>
      <c r="TLW670" s="613"/>
      <c r="TLX670" s="613"/>
      <c r="TLY670" s="613"/>
      <c r="TLZ670" s="613"/>
      <c r="TMA670" s="613"/>
      <c r="TMB670" s="613"/>
      <c r="TMC670" s="613"/>
      <c r="TMD670" s="613"/>
      <c r="TME670" s="613"/>
      <c r="TMF670" s="613"/>
      <c r="TMG670" s="613"/>
      <c r="TMH670" s="613"/>
      <c r="TMI670" s="613"/>
      <c r="TMJ670" s="613"/>
      <c r="TMK670" s="613"/>
      <c r="TML670" s="613"/>
      <c r="TMM670" s="613"/>
      <c r="TMN670" s="613"/>
      <c r="TMO670" s="613"/>
      <c r="TMP670" s="613"/>
      <c r="TMQ670" s="613"/>
      <c r="TMR670" s="613"/>
      <c r="TMS670" s="613"/>
      <c r="TMT670" s="613"/>
      <c r="TMU670" s="613"/>
      <c r="TMV670" s="613"/>
      <c r="TMW670" s="613"/>
      <c r="TMX670" s="613"/>
      <c r="TMY670" s="613"/>
      <c r="TMZ670" s="613"/>
      <c r="TNA670" s="613"/>
      <c r="TNB670" s="613"/>
      <c r="TNC670" s="613"/>
      <c r="TND670" s="613"/>
      <c r="TNE670" s="613"/>
      <c r="TNF670" s="613"/>
      <c r="TNG670" s="613"/>
      <c r="TNH670" s="613"/>
      <c r="TNI670" s="613"/>
      <c r="TNJ670" s="613"/>
      <c r="TNK670" s="613"/>
      <c r="TNL670" s="613"/>
      <c r="TNM670" s="613"/>
      <c r="TNN670" s="613"/>
      <c r="TNO670" s="613"/>
      <c r="TNP670" s="613"/>
      <c r="TNQ670" s="613"/>
      <c r="TNR670" s="613"/>
      <c r="TNS670" s="613"/>
      <c r="TNT670" s="613"/>
      <c r="TNU670" s="613"/>
      <c r="TNV670" s="613"/>
      <c r="TNW670" s="613"/>
      <c r="TNX670" s="613"/>
      <c r="TNY670" s="613"/>
      <c r="TNZ670" s="613"/>
      <c r="TOA670" s="613"/>
      <c r="TOB670" s="613"/>
      <c r="TOC670" s="613"/>
      <c r="TOD670" s="613"/>
      <c r="TOE670" s="613"/>
      <c r="TOF670" s="613"/>
      <c r="TOG670" s="613"/>
      <c r="TOH670" s="613"/>
      <c r="TOI670" s="613"/>
      <c r="TOJ670" s="613"/>
      <c r="TOK670" s="613"/>
      <c r="TOL670" s="613"/>
      <c r="TOM670" s="613"/>
      <c r="TON670" s="613"/>
      <c r="TOO670" s="613"/>
      <c r="TOP670" s="613"/>
      <c r="TOQ670" s="613"/>
      <c r="TOR670" s="613"/>
      <c r="TOS670" s="613"/>
      <c r="TOT670" s="613"/>
      <c r="TOU670" s="613"/>
      <c r="TOV670" s="613"/>
      <c r="TOW670" s="613"/>
      <c r="TOX670" s="613"/>
      <c r="TOY670" s="613"/>
      <c r="TOZ670" s="613"/>
      <c r="TPA670" s="613"/>
      <c r="TPB670" s="613"/>
      <c r="TPC670" s="613"/>
      <c r="TPD670" s="613"/>
      <c r="TPE670" s="613"/>
      <c r="TPF670" s="613"/>
      <c r="TPG670" s="613"/>
      <c r="TPH670" s="613"/>
      <c r="TPI670" s="613"/>
      <c r="TPJ670" s="613"/>
      <c r="TPK670" s="613"/>
      <c r="TPL670" s="613"/>
      <c r="TPM670" s="613"/>
      <c r="TPN670" s="613"/>
      <c r="TPO670" s="613"/>
      <c r="TPP670" s="613"/>
      <c r="TPQ670" s="613"/>
      <c r="TPR670" s="613"/>
      <c r="TPS670" s="613"/>
      <c r="TPT670" s="613"/>
      <c r="TPU670" s="613"/>
      <c r="TPV670" s="613"/>
      <c r="TPW670" s="613"/>
      <c r="TPX670" s="613"/>
      <c r="TPY670" s="613"/>
      <c r="TPZ670" s="613"/>
      <c r="TQA670" s="613"/>
      <c r="TQB670" s="613"/>
      <c r="TQC670" s="613"/>
      <c r="TQD670" s="613"/>
      <c r="TQE670" s="613"/>
      <c r="TQF670" s="613"/>
      <c r="TQG670" s="613"/>
      <c r="TQH670" s="613"/>
      <c r="TQI670" s="613"/>
      <c r="TQJ670" s="613"/>
      <c r="TQK670" s="613"/>
      <c r="TQL670" s="613"/>
      <c r="TQM670" s="613"/>
      <c r="TQN670" s="613"/>
      <c r="TQO670" s="613"/>
      <c r="TQP670" s="613"/>
      <c r="TQQ670" s="613"/>
      <c r="TQR670" s="613"/>
      <c r="TQS670" s="613"/>
      <c r="TQT670" s="613"/>
      <c r="TQU670" s="613"/>
      <c r="TQV670" s="613"/>
      <c r="TQW670" s="613"/>
      <c r="TQX670" s="613"/>
      <c r="TQY670" s="613"/>
      <c r="TQZ670" s="613"/>
      <c r="TRA670" s="613"/>
      <c r="TRB670" s="613"/>
      <c r="TRC670" s="613"/>
      <c r="TRD670" s="613"/>
      <c r="TRE670" s="613"/>
      <c r="TRF670" s="613"/>
      <c r="TRG670" s="613"/>
      <c r="TRH670" s="613"/>
      <c r="TRI670" s="613"/>
      <c r="TRJ670" s="613"/>
      <c r="TRK670" s="613"/>
      <c r="TRL670" s="613"/>
      <c r="TRM670" s="613"/>
      <c r="TRN670" s="613"/>
      <c r="TRO670" s="613"/>
      <c r="TRP670" s="613"/>
      <c r="TRQ670" s="613"/>
      <c r="TRR670" s="613"/>
      <c r="TRS670" s="613"/>
      <c r="TRT670" s="613"/>
      <c r="TRU670" s="613"/>
      <c r="TRV670" s="613"/>
      <c r="TRW670" s="613"/>
      <c r="TRX670" s="613"/>
      <c r="TRY670" s="613"/>
      <c r="TRZ670" s="613"/>
      <c r="TSA670" s="613"/>
      <c r="TSB670" s="613"/>
      <c r="TSC670" s="613"/>
      <c r="TSD670" s="613"/>
      <c r="TSE670" s="613"/>
      <c r="TSF670" s="613"/>
      <c r="TSG670" s="613"/>
      <c r="TSH670" s="613"/>
      <c r="TSI670" s="613"/>
      <c r="TSJ670" s="613"/>
      <c r="TSK670" s="613"/>
      <c r="TSL670" s="613"/>
      <c r="TSM670" s="613"/>
      <c r="TSN670" s="613"/>
      <c r="TSO670" s="613"/>
      <c r="TSP670" s="613"/>
      <c r="TSQ670" s="613"/>
      <c r="TSR670" s="613"/>
      <c r="TSS670" s="613"/>
      <c r="TST670" s="613"/>
      <c r="TSU670" s="613"/>
      <c r="TSV670" s="613"/>
      <c r="TSW670" s="613"/>
      <c r="TSX670" s="613"/>
      <c r="TSY670" s="613"/>
      <c r="TSZ670" s="613"/>
      <c r="TTA670" s="613"/>
      <c r="TTB670" s="613"/>
      <c r="TTC670" s="613"/>
      <c r="TTD670" s="613"/>
      <c r="TTE670" s="613"/>
      <c r="TTF670" s="613"/>
      <c r="TTG670" s="613"/>
      <c r="TTH670" s="613"/>
      <c r="TTI670" s="613"/>
      <c r="TTJ670" s="613"/>
      <c r="TTK670" s="613"/>
      <c r="TTL670" s="613"/>
      <c r="TTM670" s="613"/>
      <c r="TTN670" s="613"/>
      <c r="TTO670" s="613"/>
      <c r="TTP670" s="613"/>
      <c r="TTQ670" s="613"/>
      <c r="TTR670" s="613"/>
      <c r="TTS670" s="613"/>
      <c r="TTT670" s="613"/>
      <c r="TTU670" s="613"/>
      <c r="TTV670" s="613"/>
      <c r="TTW670" s="613"/>
      <c r="TTX670" s="613"/>
      <c r="TTY670" s="613"/>
      <c r="TTZ670" s="613"/>
      <c r="TUA670" s="613"/>
      <c r="TUB670" s="613"/>
      <c r="TUC670" s="613"/>
      <c r="TUD670" s="613"/>
      <c r="TUE670" s="613"/>
      <c r="TUF670" s="613"/>
      <c r="TUG670" s="613"/>
      <c r="TUH670" s="613"/>
      <c r="TUI670" s="613"/>
      <c r="TUJ670" s="613"/>
      <c r="TUK670" s="613"/>
      <c r="TUL670" s="613"/>
      <c r="TUM670" s="613"/>
      <c r="TUN670" s="613"/>
      <c r="TUO670" s="613"/>
      <c r="TUP670" s="613"/>
      <c r="TUQ670" s="613"/>
      <c r="TUR670" s="613"/>
      <c r="TUS670" s="613"/>
      <c r="TUT670" s="613"/>
      <c r="TUU670" s="613"/>
      <c r="TUV670" s="613"/>
      <c r="TUW670" s="613"/>
      <c r="TUX670" s="613"/>
      <c r="TUY670" s="613"/>
      <c r="TUZ670" s="613"/>
      <c r="TVA670" s="613"/>
      <c r="TVB670" s="613"/>
      <c r="TVC670" s="613"/>
      <c r="TVD670" s="613"/>
      <c r="TVE670" s="613"/>
      <c r="TVF670" s="613"/>
      <c r="TVG670" s="613"/>
      <c r="TVH670" s="613"/>
      <c r="TVI670" s="613"/>
      <c r="TVJ670" s="613"/>
      <c r="TVK670" s="613"/>
      <c r="TVL670" s="613"/>
      <c r="TVM670" s="613"/>
      <c r="TVN670" s="613"/>
      <c r="TVO670" s="613"/>
      <c r="TVP670" s="613"/>
      <c r="TVQ670" s="613"/>
      <c r="TVR670" s="613"/>
      <c r="TVS670" s="613"/>
      <c r="TVT670" s="613"/>
      <c r="TVU670" s="613"/>
      <c r="TVV670" s="613"/>
      <c r="TVW670" s="613"/>
      <c r="TVX670" s="613"/>
      <c r="TVY670" s="613"/>
      <c r="TVZ670" s="613"/>
      <c r="TWA670" s="613"/>
      <c r="TWB670" s="613"/>
      <c r="TWC670" s="613"/>
      <c r="TWD670" s="613"/>
      <c r="TWE670" s="613"/>
      <c r="TWF670" s="613"/>
      <c r="TWG670" s="613"/>
      <c r="TWH670" s="613"/>
      <c r="TWI670" s="613"/>
      <c r="TWJ670" s="613"/>
      <c r="TWK670" s="613"/>
      <c r="TWL670" s="613"/>
      <c r="TWM670" s="613"/>
      <c r="TWN670" s="613"/>
      <c r="TWO670" s="613"/>
      <c r="TWP670" s="613"/>
      <c r="TWQ670" s="613"/>
      <c r="TWR670" s="613"/>
      <c r="TWS670" s="613"/>
      <c r="TWT670" s="613"/>
      <c r="TWU670" s="613"/>
      <c r="TWV670" s="613"/>
      <c r="TWW670" s="613"/>
      <c r="TWX670" s="613"/>
      <c r="TWY670" s="613"/>
      <c r="TWZ670" s="613"/>
      <c r="TXA670" s="613"/>
      <c r="TXB670" s="613"/>
      <c r="TXC670" s="613"/>
      <c r="TXD670" s="613"/>
      <c r="TXE670" s="613"/>
      <c r="TXF670" s="613"/>
      <c r="TXG670" s="613"/>
      <c r="TXH670" s="613"/>
      <c r="TXI670" s="613"/>
      <c r="TXJ670" s="613"/>
      <c r="TXK670" s="613"/>
      <c r="TXL670" s="613"/>
      <c r="TXM670" s="613"/>
      <c r="TXN670" s="613"/>
      <c r="TXO670" s="613"/>
      <c r="TXP670" s="613"/>
      <c r="TXQ670" s="613"/>
      <c r="TXR670" s="613"/>
      <c r="TXS670" s="613"/>
      <c r="TXT670" s="613"/>
      <c r="TXU670" s="613"/>
      <c r="TXV670" s="613"/>
      <c r="TXW670" s="613"/>
      <c r="TXX670" s="613"/>
      <c r="TXY670" s="613"/>
      <c r="TXZ670" s="613"/>
      <c r="TYA670" s="613"/>
      <c r="TYB670" s="613"/>
      <c r="TYC670" s="613"/>
      <c r="TYD670" s="613"/>
      <c r="TYE670" s="613"/>
      <c r="TYF670" s="613"/>
      <c r="TYG670" s="613"/>
      <c r="TYH670" s="613"/>
      <c r="TYI670" s="613"/>
      <c r="TYJ670" s="613"/>
      <c r="TYK670" s="613"/>
      <c r="TYL670" s="613"/>
      <c r="TYM670" s="613"/>
      <c r="TYN670" s="613"/>
      <c r="TYO670" s="613"/>
      <c r="TYP670" s="613"/>
      <c r="TYQ670" s="613"/>
      <c r="TYR670" s="613"/>
      <c r="TYS670" s="613"/>
      <c r="TYT670" s="613"/>
      <c r="TYU670" s="613"/>
      <c r="TYV670" s="613"/>
      <c r="TYW670" s="613"/>
      <c r="TYX670" s="613"/>
      <c r="TYY670" s="613"/>
      <c r="TYZ670" s="613"/>
      <c r="TZA670" s="613"/>
      <c r="TZB670" s="613"/>
      <c r="TZC670" s="613"/>
      <c r="TZD670" s="613"/>
      <c r="TZE670" s="613"/>
      <c r="TZF670" s="613"/>
      <c r="TZG670" s="613"/>
      <c r="TZH670" s="613"/>
      <c r="TZI670" s="613"/>
      <c r="TZJ670" s="613"/>
      <c r="TZK670" s="613"/>
      <c r="TZL670" s="613"/>
      <c r="TZM670" s="613"/>
      <c r="TZN670" s="613"/>
      <c r="TZO670" s="613"/>
      <c r="TZP670" s="613"/>
      <c r="TZQ670" s="613"/>
      <c r="TZR670" s="613"/>
      <c r="TZS670" s="613"/>
      <c r="TZT670" s="613"/>
      <c r="TZU670" s="613"/>
      <c r="TZV670" s="613"/>
      <c r="TZW670" s="613"/>
      <c r="TZX670" s="613"/>
      <c r="TZY670" s="613"/>
      <c r="TZZ670" s="613"/>
      <c r="UAA670" s="613"/>
      <c r="UAB670" s="613"/>
      <c r="UAC670" s="613"/>
      <c r="UAD670" s="613"/>
      <c r="UAE670" s="613"/>
      <c r="UAF670" s="613"/>
      <c r="UAG670" s="613"/>
      <c r="UAH670" s="613"/>
      <c r="UAI670" s="613"/>
      <c r="UAJ670" s="613"/>
      <c r="UAK670" s="613"/>
      <c r="UAL670" s="613"/>
      <c r="UAM670" s="613"/>
      <c r="UAN670" s="613"/>
      <c r="UAO670" s="613"/>
      <c r="UAP670" s="613"/>
      <c r="UAQ670" s="613"/>
      <c r="UAR670" s="613"/>
      <c r="UAS670" s="613"/>
      <c r="UAT670" s="613"/>
      <c r="UAU670" s="613"/>
      <c r="UAV670" s="613"/>
      <c r="UAW670" s="613"/>
      <c r="UAX670" s="613"/>
      <c r="UAY670" s="613"/>
      <c r="UAZ670" s="613"/>
      <c r="UBA670" s="613"/>
      <c r="UBB670" s="613"/>
      <c r="UBC670" s="613"/>
      <c r="UBD670" s="613"/>
      <c r="UBE670" s="613"/>
      <c r="UBF670" s="613"/>
      <c r="UBG670" s="613"/>
      <c r="UBH670" s="613"/>
      <c r="UBI670" s="613"/>
      <c r="UBJ670" s="613"/>
      <c r="UBK670" s="613"/>
      <c r="UBL670" s="613"/>
      <c r="UBM670" s="613"/>
      <c r="UBN670" s="613"/>
      <c r="UBO670" s="613"/>
      <c r="UBP670" s="613"/>
      <c r="UBQ670" s="613"/>
      <c r="UBR670" s="613"/>
      <c r="UBS670" s="613"/>
      <c r="UBT670" s="613"/>
      <c r="UBU670" s="613"/>
      <c r="UBV670" s="613"/>
      <c r="UBW670" s="613"/>
      <c r="UBX670" s="613"/>
      <c r="UBY670" s="613"/>
      <c r="UBZ670" s="613"/>
      <c r="UCA670" s="613"/>
      <c r="UCB670" s="613"/>
      <c r="UCC670" s="613"/>
      <c r="UCD670" s="613"/>
      <c r="UCE670" s="613"/>
      <c r="UCF670" s="613"/>
      <c r="UCG670" s="613"/>
      <c r="UCH670" s="613"/>
      <c r="UCI670" s="613"/>
      <c r="UCJ670" s="613"/>
      <c r="UCK670" s="613"/>
      <c r="UCL670" s="613"/>
      <c r="UCM670" s="613"/>
      <c r="UCN670" s="613"/>
      <c r="UCO670" s="613"/>
      <c r="UCP670" s="613"/>
      <c r="UCQ670" s="613"/>
      <c r="UCR670" s="613"/>
      <c r="UCS670" s="613"/>
      <c r="UCT670" s="613"/>
      <c r="UCU670" s="613"/>
      <c r="UCV670" s="613"/>
      <c r="UCW670" s="613"/>
      <c r="UCX670" s="613"/>
      <c r="UCY670" s="613"/>
      <c r="UCZ670" s="613"/>
      <c r="UDA670" s="613"/>
      <c r="UDB670" s="613"/>
      <c r="UDC670" s="613"/>
      <c r="UDD670" s="613"/>
      <c r="UDE670" s="613"/>
      <c r="UDF670" s="613"/>
      <c r="UDG670" s="613"/>
      <c r="UDH670" s="613"/>
      <c r="UDI670" s="613"/>
      <c r="UDJ670" s="613"/>
      <c r="UDK670" s="613"/>
      <c r="UDL670" s="613"/>
      <c r="UDM670" s="613"/>
      <c r="UDN670" s="613"/>
      <c r="UDO670" s="613"/>
      <c r="UDP670" s="613"/>
      <c r="UDQ670" s="613"/>
      <c r="UDR670" s="613"/>
      <c r="UDS670" s="613"/>
      <c r="UDT670" s="613"/>
      <c r="UDU670" s="613"/>
      <c r="UDV670" s="613"/>
      <c r="UDW670" s="613"/>
      <c r="UDX670" s="613"/>
      <c r="UDY670" s="613"/>
      <c r="UDZ670" s="613"/>
      <c r="UEA670" s="613"/>
      <c r="UEB670" s="613"/>
      <c r="UEC670" s="613"/>
      <c r="UED670" s="613"/>
      <c r="UEE670" s="613"/>
      <c r="UEF670" s="613"/>
      <c r="UEG670" s="613"/>
      <c r="UEH670" s="613"/>
      <c r="UEI670" s="613"/>
      <c r="UEJ670" s="613"/>
      <c r="UEK670" s="613"/>
      <c r="UEL670" s="613"/>
      <c r="UEM670" s="613"/>
      <c r="UEN670" s="613"/>
      <c r="UEO670" s="613"/>
      <c r="UEP670" s="613"/>
      <c r="UEQ670" s="613"/>
      <c r="UER670" s="613"/>
      <c r="UES670" s="613"/>
      <c r="UET670" s="613"/>
      <c r="UEU670" s="613"/>
      <c r="UEV670" s="613"/>
      <c r="UEW670" s="613"/>
      <c r="UEX670" s="613"/>
      <c r="UEY670" s="613"/>
      <c r="UEZ670" s="613"/>
      <c r="UFA670" s="613"/>
      <c r="UFB670" s="613"/>
      <c r="UFC670" s="613"/>
      <c r="UFD670" s="613"/>
      <c r="UFE670" s="613"/>
      <c r="UFF670" s="613"/>
      <c r="UFG670" s="613"/>
      <c r="UFH670" s="613"/>
      <c r="UFI670" s="613"/>
      <c r="UFJ670" s="613"/>
      <c r="UFK670" s="613"/>
      <c r="UFL670" s="613"/>
      <c r="UFM670" s="613"/>
      <c r="UFN670" s="613"/>
      <c r="UFO670" s="613"/>
      <c r="UFP670" s="613"/>
      <c r="UFQ670" s="613"/>
      <c r="UFR670" s="613"/>
      <c r="UFS670" s="613"/>
      <c r="UFT670" s="613"/>
      <c r="UFU670" s="613"/>
      <c r="UFV670" s="613"/>
      <c r="UFW670" s="613"/>
      <c r="UFX670" s="613"/>
      <c r="UFY670" s="613"/>
      <c r="UFZ670" s="613"/>
      <c r="UGA670" s="613"/>
      <c r="UGB670" s="613"/>
      <c r="UGC670" s="613"/>
      <c r="UGD670" s="613"/>
      <c r="UGE670" s="613"/>
      <c r="UGF670" s="613"/>
      <c r="UGG670" s="613"/>
      <c r="UGH670" s="613"/>
      <c r="UGI670" s="613"/>
      <c r="UGJ670" s="613"/>
      <c r="UGK670" s="613"/>
      <c r="UGL670" s="613"/>
      <c r="UGM670" s="613"/>
      <c r="UGN670" s="613"/>
      <c r="UGO670" s="613"/>
      <c r="UGP670" s="613"/>
      <c r="UGQ670" s="613"/>
      <c r="UGR670" s="613"/>
      <c r="UGS670" s="613"/>
      <c r="UGT670" s="613"/>
      <c r="UGU670" s="613"/>
      <c r="UGV670" s="613"/>
      <c r="UGW670" s="613"/>
      <c r="UGX670" s="613"/>
      <c r="UGY670" s="613"/>
      <c r="UGZ670" s="613"/>
      <c r="UHA670" s="613"/>
      <c r="UHB670" s="613"/>
      <c r="UHC670" s="613"/>
      <c r="UHD670" s="613"/>
      <c r="UHE670" s="613"/>
      <c r="UHF670" s="613"/>
      <c r="UHG670" s="613"/>
      <c r="UHH670" s="613"/>
      <c r="UHI670" s="613"/>
      <c r="UHJ670" s="613"/>
      <c r="UHK670" s="613"/>
      <c r="UHL670" s="613"/>
      <c r="UHM670" s="613"/>
      <c r="UHN670" s="613"/>
      <c r="UHO670" s="613"/>
      <c r="UHP670" s="613"/>
      <c r="UHQ670" s="613"/>
      <c r="UHR670" s="613"/>
      <c r="UHS670" s="613"/>
      <c r="UHT670" s="613"/>
      <c r="UHU670" s="613"/>
      <c r="UHV670" s="613"/>
      <c r="UHW670" s="613"/>
      <c r="UHX670" s="613"/>
      <c r="UHY670" s="613"/>
      <c r="UHZ670" s="613"/>
      <c r="UIA670" s="613"/>
      <c r="UIB670" s="613"/>
      <c r="UIC670" s="613"/>
      <c r="UID670" s="613"/>
      <c r="UIE670" s="613"/>
      <c r="UIF670" s="613"/>
      <c r="UIG670" s="613"/>
      <c r="UIH670" s="613"/>
      <c r="UII670" s="613"/>
      <c r="UIJ670" s="613"/>
      <c r="UIK670" s="613"/>
      <c r="UIL670" s="613"/>
      <c r="UIM670" s="613"/>
      <c r="UIN670" s="613"/>
      <c r="UIO670" s="613"/>
      <c r="UIP670" s="613"/>
      <c r="UIQ670" s="613"/>
      <c r="UIR670" s="613"/>
      <c r="UIS670" s="613"/>
      <c r="UIT670" s="613"/>
      <c r="UIU670" s="613"/>
      <c r="UIV670" s="613"/>
      <c r="UIW670" s="613"/>
      <c r="UIX670" s="613"/>
      <c r="UIY670" s="613"/>
      <c r="UIZ670" s="613"/>
      <c r="UJA670" s="613"/>
      <c r="UJB670" s="613"/>
      <c r="UJC670" s="613"/>
      <c r="UJD670" s="613"/>
      <c r="UJE670" s="613"/>
      <c r="UJF670" s="613"/>
      <c r="UJG670" s="613"/>
      <c r="UJH670" s="613"/>
      <c r="UJI670" s="613"/>
      <c r="UJJ670" s="613"/>
      <c r="UJK670" s="613"/>
      <c r="UJL670" s="613"/>
      <c r="UJM670" s="613"/>
      <c r="UJN670" s="613"/>
      <c r="UJO670" s="613"/>
      <c r="UJP670" s="613"/>
      <c r="UJQ670" s="613"/>
      <c r="UJR670" s="613"/>
      <c r="UJS670" s="613"/>
      <c r="UJT670" s="613"/>
      <c r="UJU670" s="613"/>
      <c r="UJV670" s="613"/>
      <c r="UJW670" s="613"/>
      <c r="UJX670" s="613"/>
      <c r="UJY670" s="613"/>
      <c r="UJZ670" s="613"/>
      <c r="UKA670" s="613"/>
      <c r="UKB670" s="613"/>
      <c r="UKC670" s="613"/>
      <c r="UKD670" s="613"/>
      <c r="UKE670" s="613"/>
      <c r="UKF670" s="613"/>
      <c r="UKG670" s="613"/>
      <c r="UKH670" s="613"/>
      <c r="UKI670" s="613"/>
      <c r="UKJ670" s="613"/>
      <c r="UKK670" s="613"/>
      <c r="UKL670" s="613"/>
      <c r="UKM670" s="613"/>
      <c r="UKN670" s="613"/>
      <c r="UKO670" s="613"/>
      <c r="UKP670" s="613"/>
      <c r="UKQ670" s="613"/>
      <c r="UKR670" s="613"/>
      <c r="UKS670" s="613"/>
      <c r="UKT670" s="613"/>
      <c r="UKU670" s="613"/>
      <c r="UKV670" s="613"/>
      <c r="UKW670" s="613"/>
      <c r="UKX670" s="613"/>
      <c r="UKY670" s="613"/>
      <c r="UKZ670" s="613"/>
      <c r="ULA670" s="613"/>
      <c r="ULB670" s="613"/>
      <c r="ULC670" s="613"/>
      <c r="ULD670" s="613"/>
      <c r="ULE670" s="613"/>
      <c r="ULF670" s="613"/>
      <c r="ULG670" s="613"/>
      <c r="ULH670" s="613"/>
      <c r="ULI670" s="613"/>
      <c r="ULJ670" s="613"/>
      <c r="ULK670" s="613"/>
      <c r="ULL670" s="613"/>
      <c r="ULM670" s="613"/>
      <c r="ULN670" s="613"/>
      <c r="ULO670" s="613"/>
      <c r="ULP670" s="613"/>
      <c r="ULQ670" s="613"/>
      <c r="ULR670" s="613"/>
      <c r="ULS670" s="613"/>
      <c r="ULT670" s="613"/>
      <c r="ULU670" s="613"/>
      <c r="ULV670" s="613"/>
      <c r="ULW670" s="613"/>
      <c r="ULX670" s="613"/>
      <c r="ULY670" s="613"/>
      <c r="ULZ670" s="613"/>
      <c r="UMA670" s="613"/>
      <c r="UMB670" s="613"/>
      <c r="UMC670" s="613"/>
      <c r="UMD670" s="613"/>
      <c r="UME670" s="613"/>
      <c r="UMF670" s="613"/>
      <c r="UMG670" s="613"/>
      <c r="UMH670" s="613"/>
      <c r="UMI670" s="613"/>
      <c r="UMJ670" s="613"/>
      <c r="UMK670" s="613"/>
      <c r="UML670" s="613"/>
      <c r="UMM670" s="613"/>
      <c r="UMN670" s="613"/>
      <c r="UMO670" s="613"/>
      <c r="UMP670" s="613"/>
      <c r="UMQ670" s="613"/>
      <c r="UMR670" s="613"/>
      <c r="UMS670" s="613"/>
      <c r="UMT670" s="613"/>
      <c r="UMU670" s="613"/>
      <c r="UMV670" s="613"/>
      <c r="UMW670" s="613"/>
      <c r="UMX670" s="613"/>
      <c r="UMY670" s="613"/>
      <c r="UMZ670" s="613"/>
      <c r="UNA670" s="613"/>
      <c r="UNB670" s="613"/>
      <c r="UNC670" s="613"/>
      <c r="UND670" s="613"/>
      <c r="UNE670" s="613"/>
      <c r="UNF670" s="613"/>
      <c r="UNG670" s="613"/>
      <c r="UNH670" s="613"/>
      <c r="UNI670" s="613"/>
      <c r="UNJ670" s="613"/>
      <c r="UNK670" s="613"/>
      <c r="UNL670" s="613"/>
      <c r="UNM670" s="613"/>
      <c r="UNN670" s="613"/>
      <c r="UNO670" s="613"/>
      <c r="UNP670" s="613"/>
      <c r="UNQ670" s="613"/>
      <c r="UNR670" s="613"/>
      <c r="UNS670" s="613"/>
      <c r="UNT670" s="613"/>
      <c r="UNU670" s="613"/>
      <c r="UNV670" s="613"/>
      <c r="UNW670" s="613"/>
      <c r="UNX670" s="613"/>
      <c r="UNY670" s="613"/>
      <c r="UNZ670" s="613"/>
      <c r="UOA670" s="613"/>
      <c r="UOB670" s="613"/>
      <c r="UOC670" s="613"/>
      <c r="UOD670" s="613"/>
      <c r="UOE670" s="613"/>
      <c r="UOF670" s="613"/>
      <c r="UOG670" s="613"/>
      <c r="UOH670" s="613"/>
      <c r="UOI670" s="613"/>
      <c r="UOJ670" s="613"/>
      <c r="UOK670" s="613"/>
      <c r="UOL670" s="613"/>
      <c r="UOM670" s="613"/>
      <c r="UON670" s="613"/>
      <c r="UOO670" s="613"/>
      <c r="UOP670" s="613"/>
      <c r="UOQ670" s="613"/>
      <c r="UOR670" s="613"/>
      <c r="UOS670" s="613"/>
      <c r="UOT670" s="613"/>
      <c r="UOU670" s="613"/>
      <c r="UOV670" s="613"/>
      <c r="UOW670" s="613"/>
      <c r="UOX670" s="613"/>
      <c r="UOY670" s="613"/>
      <c r="UOZ670" s="613"/>
      <c r="UPA670" s="613"/>
      <c r="UPB670" s="613"/>
      <c r="UPC670" s="613"/>
      <c r="UPD670" s="613"/>
      <c r="UPE670" s="613"/>
      <c r="UPF670" s="613"/>
      <c r="UPG670" s="613"/>
      <c r="UPH670" s="613"/>
      <c r="UPI670" s="613"/>
      <c r="UPJ670" s="613"/>
      <c r="UPK670" s="613"/>
      <c r="UPL670" s="613"/>
      <c r="UPM670" s="613"/>
      <c r="UPN670" s="613"/>
      <c r="UPO670" s="613"/>
      <c r="UPP670" s="613"/>
      <c r="UPQ670" s="613"/>
      <c r="UPR670" s="613"/>
      <c r="UPS670" s="613"/>
      <c r="UPT670" s="613"/>
      <c r="UPU670" s="613"/>
      <c r="UPV670" s="613"/>
      <c r="UPW670" s="613"/>
      <c r="UPX670" s="613"/>
      <c r="UPY670" s="613"/>
      <c r="UPZ670" s="613"/>
      <c r="UQA670" s="613"/>
      <c r="UQB670" s="613"/>
      <c r="UQC670" s="613"/>
      <c r="UQD670" s="613"/>
      <c r="UQE670" s="613"/>
      <c r="UQF670" s="613"/>
      <c r="UQG670" s="613"/>
      <c r="UQH670" s="613"/>
      <c r="UQI670" s="613"/>
      <c r="UQJ670" s="613"/>
      <c r="UQK670" s="613"/>
      <c r="UQL670" s="613"/>
      <c r="UQM670" s="613"/>
      <c r="UQN670" s="613"/>
      <c r="UQO670" s="613"/>
      <c r="UQP670" s="613"/>
      <c r="UQQ670" s="613"/>
      <c r="UQR670" s="613"/>
      <c r="UQS670" s="613"/>
      <c r="UQT670" s="613"/>
      <c r="UQU670" s="613"/>
      <c r="UQV670" s="613"/>
      <c r="UQW670" s="613"/>
      <c r="UQX670" s="613"/>
      <c r="UQY670" s="613"/>
      <c r="UQZ670" s="613"/>
      <c r="URA670" s="613"/>
      <c r="URB670" s="613"/>
      <c r="URC670" s="613"/>
      <c r="URD670" s="613"/>
      <c r="URE670" s="613"/>
      <c r="URF670" s="613"/>
      <c r="URG670" s="613"/>
      <c r="URH670" s="613"/>
      <c r="URI670" s="613"/>
      <c r="URJ670" s="613"/>
      <c r="URK670" s="613"/>
      <c r="URL670" s="613"/>
      <c r="URM670" s="613"/>
      <c r="URN670" s="613"/>
      <c r="URO670" s="613"/>
      <c r="URP670" s="613"/>
      <c r="URQ670" s="613"/>
      <c r="URR670" s="613"/>
      <c r="URS670" s="613"/>
      <c r="URT670" s="613"/>
      <c r="URU670" s="613"/>
      <c r="URV670" s="613"/>
      <c r="URW670" s="613"/>
      <c r="URX670" s="613"/>
      <c r="URY670" s="613"/>
      <c r="URZ670" s="613"/>
      <c r="USA670" s="613"/>
      <c r="USB670" s="613"/>
      <c r="USC670" s="613"/>
      <c r="USD670" s="613"/>
      <c r="USE670" s="613"/>
      <c r="USF670" s="613"/>
      <c r="USG670" s="613"/>
      <c r="USH670" s="613"/>
      <c r="USI670" s="613"/>
      <c r="USJ670" s="613"/>
      <c r="USK670" s="613"/>
      <c r="USL670" s="613"/>
      <c r="USM670" s="613"/>
      <c r="USN670" s="613"/>
      <c r="USO670" s="613"/>
      <c r="USP670" s="613"/>
      <c r="USQ670" s="613"/>
      <c r="USR670" s="613"/>
      <c r="USS670" s="613"/>
      <c r="UST670" s="613"/>
      <c r="USU670" s="613"/>
      <c r="USV670" s="613"/>
      <c r="USW670" s="613"/>
      <c r="USX670" s="613"/>
      <c r="USY670" s="613"/>
      <c r="USZ670" s="613"/>
      <c r="UTA670" s="613"/>
      <c r="UTB670" s="613"/>
      <c r="UTC670" s="613"/>
      <c r="UTD670" s="613"/>
      <c r="UTE670" s="613"/>
      <c r="UTF670" s="613"/>
      <c r="UTG670" s="613"/>
      <c r="UTH670" s="613"/>
      <c r="UTI670" s="613"/>
      <c r="UTJ670" s="613"/>
      <c r="UTK670" s="613"/>
      <c r="UTL670" s="613"/>
      <c r="UTM670" s="613"/>
      <c r="UTN670" s="613"/>
      <c r="UTO670" s="613"/>
      <c r="UTP670" s="613"/>
      <c r="UTQ670" s="613"/>
      <c r="UTR670" s="613"/>
      <c r="UTS670" s="613"/>
      <c r="UTT670" s="613"/>
      <c r="UTU670" s="613"/>
      <c r="UTV670" s="613"/>
      <c r="UTW670" s="613"/>
      <c r="UTX670" s="613"/>
      <c r="UTY670" s="613"/>
      <c r="UTZ670" s="613"/>
      <c r="UUA670" s="613"/>
      <c r="UUB670" s="613"/>
      <c r="UUC670" s="613"/>
      <c r="UUD670" s="613"/>
      <c r="UUE670" s="613"/>
      <c r="UUF670" s="613"/>
      <c r="UUG670" s="613"/>
      <c r="UUH670" s="613"/>
      <c r="UUI670" s="613"/>
      <c r="UUJ670" s="613"/>
      <c r="UUK670" s="613"/>
      <c r="UUL670" s="613"/>
      <c r="UUM670" s="613"/>
      <c r="UUN670" s="613"/>
      <c r="UUO670" s="613"/>
      <c r="UUP670" s="613"/>
      <c r="UUQ670" s="613"/>
      <c r="UUR670" s="613"/>
      <c r="UUS670" s="613"/>
      <c r="UUT670" s="613"/>
      <c r="UUU670" s="613"/>
      <c r="UUV670" s="613"/>
      <c r="UUW670" s="613"/>
      <c r="UUX670" s="613"/>
      <c r="UUY670" s="613"/>
      <c r="UUZ670" s="613"/>
      <c r="UVA670" s="613"/>
      <c r="UVB670" s="613"/>
      <c r="UVC670" s="613"/>
      <c r="UVD670" s="613"/>
      <c r="UVE670" s="613"/>
      <c r="UVF670" s="613"/>
      <c r="UVG670" s="613"/>
      <c r="UVH670" s="613"/>
      <c r="UVI670" s="613"/>
      <c r="UVJ670" s="613"/>
      <c r="UVK670" s="613"/>
      <c r="UVL670" s="613"/>
      <c r="UVM670" s="613"/>
      <c r="UVN670" s="613"/>
      <c r="UVO670" s="613"/>
      <c r="UVP670" s="613"/>
      <c r="UVQ670" s="613"/>
      <c r="UVR670" s="613"/>
      <c r="UVS670" s="613"/>
      <c r="UVT670" s="613"/>
      <c r="UVU670" s="613"/>
      <c r="UVV670" s="613"/>
      <c r="UVW670" s="613"/>
      <c r="UVX670" s="613"/>
      <c r="UVY670" s="613"/>
      <c r="UVZ670" s="613"/>
      <c r="UWA670" s="613"/>
      <c r="UWB670" s="613"/>
      <c r="UWC670" s="613"/>
      <c r="UWD670" s="613"/>
      <c r="UWE670" s="613"/>
      <c r="UWF670" s="613"/>
      <c r="UWG670" s="613"/>
      <c r="UWH670" s="613"/>
      <c r="UWI670" s="613"/>
      <c r="UWJ670" s="613"/>
      <c r="UWK670" s="613"/>
      <c r="UWL670" s="613"/>
      <c r="UWM670" s="613"/>
      <c r="UWN670" s="613"/>
      <c r="UWO670" s="613"/>
      <c r="UWP670" s="613"/>
      <c r="UWQ670" s="613"/>
      <c r="UWR670" s="613"/>
      <c r="UWS670" s="613"/>
      <c r="UWT670" s="613"/>
      <c r="UWU670" s="613"/>
      <c r="UWV670" s="613"/>
      <c r="UWW670" s="613"/>
      <c r="UWX670" s="613"/>
      <c r="UWY670" s="613"/>
      <c r="UWZ670" s="613"/>
      <c r="UXA670" s="613"/>
      <c r="UXB670" s="613"/>
      <c r="UXC670" s="613"/>
      <c r="UXD670" s="613"/>
      <c r="UXE670" s="613"/>
      <c r="UXF670" s="613"/>
      <c r="UXG670" s="613"/>
      <c r="UXH670" s="613"/>
      <c r="UXI670" s="613"/>
      <c r="UXJ670" s="613"/>
      <c r="UXK670" s="613"/>
      <c r="UXL670" s="613"/>
      <c r="UXM670" s="613"/>
      <c r="UXN670" s="613"/>
      <c r="UXO670" s="613"/>
      <c r="UXP670" s="613"/>
      <c r="UXQ670" s="613"/>
      <c r="UXR670" s="613"/>
      <c r="UXS670" s="613"/>
      <c r="UXT670" s="613"/>
      <c r="UXU670" s="613"/>
      <c r="UXV670" s="613"/>
      <c r="UXW670" s="613"/>
      <c r="UXX670" s="613"/>
      <c r="UXY670" s="613"/>
      <c r="UXZ670" s="613"/>
      <c r="UYA670" s="613"/>
      <c r="UYB670" s="613"/>
      <c r="UYC670" s="613"/>
      <c r="UYD670" s="613"/>
      <c r="UYE670" s="613"/>
      <c r="UYF670" s="613"/>
      <c r="UYG670" s="613"/>
      <c r="UYH670" s="613"/>
      <c r="UYI670" s="613"/>
      <c r="UYJ670" s="613"/>
      <c r="UYK670" s="613"/>
      <c r="UYL670" s="613"/>
      <c r="UYM670" s="613"/>
      <c r="UYN670" s="613"/>
      <c r="UYO670" s="613"/>
      <c r="UYP670" s="613"/>
      <c r="UYQ670" s="613"/>
      <c r="UYR670" s="613"/>
      <c r="UYS670" s="613"/>
      <c r="UYT670" s="613"/>
      <c r="UYU670" s="613"/>
      <c r="UYV670" s="613"/>
      <c r="UYW670" s="613"/>
      <c r="UYX670" s="613"/>
      <c r="UYY670" s="613"/>
      <c r="UYZ670" s="613"/>
      <c r="UZA670" s="613"/>
      <c r="UZB670" s="613"/>
      <c r="UZC670" s="613"/>
      <c r="UZD670" s="613"/>
      <c r="UZE670" s="613"/>
      <c r="UZF670" s="613"/>
      <c r="UZG670" s="613"/>
      <c r="UZH670" s="613"/>
      <c r="UZI670" s="613"/>
      <c r="UZJ670" s="613"/>
      <c r="UZK670" s="613"/>
      <c r="UZL670" s="613"/>
      <c r="UZM670" s="613"/>
      <c r="UZN670" s="613"/>
      <c r="UZO670" s="613"/>
      <c r="UZP670" s="613"/>
      <c r="UZQ670" s="613"/>
      <c r="UZR670" s="613"/>
      <c r="UZS670" s="613"/>
      <c r="UZT670" s="613"/>
      <c r="UZU670" s="613"/>
      <c r="UZV670" s="613"/>
      <c r="UZW670" s="613"/>
      <c r="UZX670" s="613"/>
      <c r="UZY670" s="613"/>
      <c r="UZZ670" s="613"/>
      <c r="VAA670" s="613"/>
      <c r="VAB670" s="613"/>
      <c r="VAC670" s="613"/>
      <c r="VAD670" s="613"/>
      <c r="VAE670" s="613"/>
      <c r="VAF670" s="613"/>
      <c r="VAG670" s="613"/>
      <c r="VAH670" s="613"/>
      <c r="VAI670" s="613"/>
      <c r="VAJ670" s="613"/>
      <c r="VAK670" s="613"/>
      <c r="VAL670" s="613"/>
      <c r="VAM670" s="613"/>
      <c r="VAN670" s="613"/>
      <c r="VAO670" s="613"/>
      <c r="VAP670" s="613"/>
      <c r="VAQ670" s="613"/>
      <c r="VAR670" s="613"/>
      <c r="VAS670" s="613"/>
      <c r="VAT670" s="613"/>
      <c r="VAU670" s="613"/>
      <c r="VAV670" s="613"/>
      <c r="VAW670" s="613"/>
      <c r="VAX670" s="613"/>
      <c r="VAY670" s="613"/>
      <c r="VAZ670" s="613"/>
      <c r="VBA670" s="613"/>
      <c r="VBB670" s="613"/>
      <c r="VBC670" s="613"/>
      <c r="VBD670" s="613"/>
      <c r="VBE670" s="613"/>
      <c r="VBF670" s="613"/>
      <c r="VBG670" s="613"/>
      <c r="VBH670" s="613"/>
      <c r="VBI670" s="613"/>
      <c r="VBJ670" s="613"/>
      <c r="VBK670" s="613"/>
      <c r="VBL670" s="613"/>
      <c r="VBM670" s="613"/>
      <c r="VBN670" s="613"/>
      <c r="VBO670" s="613"/>
      <c r="VBP670" s="613"/>
      <c r="VBQ670" s="613"/>
      <c r="VBR670" s="613"/>
      <c r="VBS670" s="613"/>
      <c r="VBT670" s="613"/>
      <c r="VBU670" s="613"/>
      <c r="VBV670" s="613"/>
      <c r="VBW670" s="613"/>
      <c r="VBX670" s="613"/>
      <c r="VBY670" s="613"/>
      <c r="VBZ670" s="613"/>
      <c r="VCA670" s="613"/>
      <c r="VCB670" s="613"/>
      <c r="VCC670" s="613"/>
      <c r="VCD670" s="613"/>
      <c r="VCE670" s="613"/>
      <c r="VCF670" s="613"/>
      <c r="VCG670" s="613"/>
      <c r="VCH670" s="613"/>
      <c r="VCI670" s="613"/>
      <c r="VCJ670" s="613"/>
      <c r="VCK670" s="613"/>
      <c r="VCL670" s="613"/>
      <c r="VCM670" s="613"/>
      <c r="VCN670" s="613"/>
      <c r="VCO670" s="613"/>
      <c r="VCP670" s="613"/>
      <c r="VCQ670" s="613"/>
      <c r="VCR670" s="613"/>
      <c r="VCS670" s="613"/>
      <c r="VCT670" s="613"/>
      <c r="VCU670" s="613"/>
      <c r="VCV670" s="613"/>
      <c r="VCW670" s="613"/>
      <c r="VCX670" s="613"/>
      <c r="VCY670" s="613"/>
      <c r="VCZ670" s="613"/>
      <c r="VDA670" s="613"/>
      <c r="VDB670" s="613"/>
      <c r="VDC670" s="613"/>
      <c r="VDD670" s="613"/>
      <c r="VDE670" s="613"/>
      <c r="VDF670" s="613"/>
      <c r="VDG670" s="613"/>
      <c r="VDH670" s="613"/>
      <c r="VDI670" s="613"/>
      <c r="VDJ670" s="613"/>
      <c r="VDK670" s="613"/>
      <c r="VDL670" s="613"/>
      <c r="VDM670" s="613"/>
      <c r="VDN670" s="613"/>
      <c r="VDO670" s="613"/>
      <c r="VDP670" s="613"/>
      <c r="VDQ670" s="613"/>
      <c r="VDR670" s="613"/>
      <c r="VDS670" s="613"/>
      <c r="VDT670" s="613"/>
      <c r="VDU670" s="613"/>
      <c r="VDV670" s="613"/>
      <c r="VDW670" s="613"/>
      <c r="VDX670" s="613"/>
      <c r="VDY670" s="613"/>
      <c r="VDZ670" s="613"/>
      <c r="VEA670" s="613"/>
      <c r="VEB670" s="613"/>
      <c r="VEC670" s="613"/>
      <c r="VED670" s="613"/>
      <c r="VEE670" s="613"/>
      <c r="VEF670" s="613"/>
      <c r="VEG670" s="613"/>
      <c r="VEH670" s="613"/>
      <c r="VEI670" s="613"/>
      <c r="VEJ670" s="613"/>
      <c r="VEK670" s="613"/>
      <c r="VEL670" s="613"/>
      <c r="VEM670" s="613"/>
      <c r="VEN670" s="613"/>
      <c r="VEO670" s="613"/>
      <c r="VEP670" s="613"/>
      <c r="VEQ670" s="613"/>
      <c r="VER670" s="613"/>
      <c r="VES670" s="613"/>
      <c r="VET670" s="613"/>
      <c r="VEU670" s="613"/>
      <c r="VEV670" s="613"/>
      <c r="VEW670" s="613"/>
      <c r="VEX670" s="613"/>
      <c r="VEY670" s="613"/>
      <c r="VEZ670" s="613"/>
      <c r="VFA670" s="613"/>
      <c r="VFB670" s="613"/>
      <c r="VFC670" s="613"/>
      <c r="VFD670" s="613"/>
      <c r="VFE670" s="613"/>
      <c r="VFF670" s="613"/>
      <c r="VFG670" s="613"/>
      <c r="VFH670" s="613"/>
      <c r="VFI670" s="613"/>
      <c r="VFJ670" s="613"/>
      <c r="VFK670" s="613"/>
      <c r="VFL670" s="613"/>
      <c r="VFM670" s="613"/>
      <c r="VFN670" s="613"/>
      <c r="VFO670" s="613"/>
      <c r="VFP670" s="613"/>
      <c r="VFQ670" s="613"/>
      <c r="VFR670" s="613"/>
      <c r="VFS670" s="613"/>
      <c r="VFT670" s="613"/>
      <c r="VFU670" s="613"/>
      <c r="VFV670" s="613"/>
      <c r="VFW670" s="613"/>
      <c r="VFX670" s="613"/>
      <c r="VFY670" s="613"/>
      <c r="VFZ670" s="613"/>
      <c r="VGA670" s="613"/>
      <c r="VGB670" s="613"/>
      <c r="VGC670" s="613"/>
      <c r="VGD670" s="613"/>
      <c r="VGE670" s="613"/>
      <c r="VGF670" s="613"/>
      <c r="VGG670" s="613"/>
      <c r="VGH670" s="613"/>
      <c r="VGI670" s="613"/>
      <c r="VGJ670" s="613"/>
      <c r="VGK670" s="613"/>
      <c r="VGL670" s="613"/>
      <c r="VGM670" s="613"/>
      <c r="VGN670" s="613"/>
      <c r="VGO670" s="613"/>
      <c r="VGP670" s="613"/>
      <c r="VGQ670" s="613"/>
      <c r="VGR670" s="613"/>
      <c r="VGS670" s="613"/>
      <c r="VGT670" s="613"/>
      <c r="VGU670" s="613"/>
      <c r="VGV670" s="613"/>
      <c r="VGW670" s="613"/>
      <c r="VGX670" s="613"/>
      <c r="VGY670" s="613"/>
      <c r="VGZ670" s="613"/>
      <c r="VHA670" s="613"/>
      <c r="VHB670" s="613"/>
      <c r="VHC670" s="613"/>
      <c r="VHD670" s="613"/>
      <c r="VHE670" s="613"/>
      <c r="VHF670" s="613"/>
      <c r="VHG670" s="613"/>
      <c r="VHH670" s="613"/>
      <c r="VHI670" s="613"/>
      <c r="VHJ670" s="613"/>
      <c r="VHK670" s="613"/>
      <c r="VHL670" s="613"/>
      <c r="VHM670" s="613"/>
      <c r="VHN670" s="613"/>
      <c r="VHO670" s="613"/>
      <c r="VHP670" s="613"/>
      <c r="VHQ670" s="613"/>
      <c r="VHR670" s="613"/>
      <c r="VHS670" s="613"/>
      <c r="VHT670" s="613"/>
      <c r="VHU670" s="613"/>
      <c r="VHV670" s="613"/>
      <c r="VHW670" s="613"/>
      <c r="VHX670" s="613"/>
      <c r="VHY670" s="613"/>
      <c r="VHZ670" s="613"/>
      <c r="VIA670" s="613"/>
      <c r="VIB670" s="613"/>
      <c r="VIC670" s="613"/>
      <c r="VID670" s="613"/>
      <c r="VIE670" s="613"/>
      <c r="VIF670" s="613"/>
      <c r="VIG670" s="613"/>
      <c r="VIH670" s="613"/>
      <c r="VII670" s="613"/>
      <c r="VIJ670" s="613"/>
      <c r="VIK670" s="613"/>
      <c r="VIL670" s="613"/>
      <c r="VIM670" s="613"/>
      <c r="VIN670" s="613"/>
      <c r="VIO670" s="613"/>
      <c r="VIP670" s="613"/>
      <c r="VIQ670" s="613"/>
      <c r="VIR670" s="613"/>
      <c r="VIS670" s="613"/>
      <c r="VIT670" s="613"/>
      <c r="VIU670" s="613"/>
      <c r="VIV670" s="613"/>
      <c r="VIW670" s="613"/>
      <c r="VIX670" s="613"/>
      <c r="VIY670" s="613"/>
      <c r="VIZ670" s="613"/>
      <c r="VJA670" s="613"/>
      <c r="VJB670" s="613"/>
      <c r="VJC670" s="613"/>
      <c r="VJD670" s="613"/>
      <c r="VJE670" s="613"/>
      <c r="VJF670" s="613"/>
      <c r="VJG670" s="613"/>
      <c r="VJH670" s="613"/>
      <c r="VJI670" s="613"/>
      <c r="VJJ670" s="613"/>
      <c r="VJK670" s="613"/>
      <c r="VJL670" s="613"/>
      <c r="VJM670" s="613"/>
      <c r="VJN670" s="613"/>
      <c r="VJO670" s="613"/>
      <c r="VJP670" s="613"/>
      <c r="VJQ670" s="613"/>
      <c r="VJR670" s="613"/>
      <c r="VJS670" s="613"/>
      <c r="VJT670" s="613"/>
      <c r="VJU670" s="613"/>
      <c r="VJV670" s="613"/>
      <c r="VJW670" s="613"/>
      <c r="VJX670" s="613"/>
      <c r="VJY670" s="613"/>
      <c r="VJZ670" s="613"/>
      <c r="VKA670" s="613"/>
      <c r="VKB670" s="613"/>
      <c r="VKC670" s="613"/>
      <c r="VKD670" s="613"/>
      <c r="VKE670" s="613"/>
      <c r="VKF670" s="613"/>
      <c r="VKG670" s="613"/>
      <c r="VKH670" s="613"/>
      <c r="VKI670" s="613"/>
      <c r="VKJ670" s="613"/>
      <c r="VKK670" s="613"/>
      <c r="VKL670" s="613"/>
      <c r="VKM670" s="613"/>
      <c r="VKN670" s="613"/>
      <c r="VKO670" s="613"/>
      <c r="VKP670" s="613"/>
      <c r="VKQ670" s="613"/>
      <c r="VKR670" s="613"/>
      <c r="VKS670" s="613"/>
      <c r="VKT670" s="613"/>
      <c r="VKU670" s="613"/>
      <c r="VKV670" s="613"/>
      <c r="VKW670" s="613"/>
      <c r="VKX670" s="613"/>
      <c r="VKY670" s="613"/>
      <c r="VKZ670" s="613"/>
      <c r="VLA670" s="613"/>
      <c r="VLB670" s="613"/>
      <c r="VLC670" s="613"/>
      <c r="VLD670" s="613"/>
      <c r="VLE670" s="613"/>
      <c r="VLF670" s="613"/>
      <c r="VLG670" s="613"/>
      <c r="VLH670" s="613"/>
      <c r="VLI670" s="613"/>
      <c r="VLJ670" s="613"/>
      <c r="VLK670" s="613"/>
      <c r="VLL670" s="613"/>
      <c r="VLM670" s="613"/>
      <c r="VLN670" s="613"/>
      <c r="VLO670" s="613"/>
      <c r="VLP670" s="613"/>
      <c r="VLQ670" s="613"/>
      <c r="VLR670" s="613"/>
      <c r="VLS670" s="613"/>
      <c r="VLT670" s="613"/>
      <c r="VLU670" s="613"/>
      <c r="VLV670" s="613"/>
      <c r="VLW670" s="613"/>
      <c r="VLX670" s="613"/>
      <c r="VLY670" s="613"/>
      <c r="VLZ670" s="613"/>
      <c r="VMA670" s="613"/>
      <c r="VMB670" s="613"/>
      <c r="VMC670" s="613"/>
      <c r="VMD670" s="613"/>
      <c r="VME670" s="613"/>
      <c r="VMF670" s="613"/>
      <c r="VMG670" s="613"/>
      <c r="VMH670" s="613"/>
      <c r="VMI670" s="613"/>
      <c r="VMJ670" s="613"/>
      <c r="VMK670" s="613"/>
      <c r="VML670" s="613"/>
      <c r="VMM670" s="613"/>
      <c r="VMN670" s="613"/>
      <c r="VMO670" s="613"/>
      <c r="VMP670" s="613"/>
      <c r="VMQ670" s="613"/>
      <c r="VMR670" s="613"/>
      <c r="VMS670" s="613"/>
      <c r="VMT670" s="613"/>
      <c r="VMU670" s="613"/>
      <c r="VMV670" s="613"/>
      <c r="VMW670" s="613"/>
      <c r="VMX670" s="613"/>
      <c r="VMY670" s="613"/>
      <c r="VMZ670" s="613"/>
      <c r="VNA670" s="613"/>
      <c r="VNB670" s="613"/>
      <c r="VNC670" s="613"/>
      <c r="VND670" s="613"/>
      <c r="VNE670" s="613"/>
      <c r="VNF670" s="613"/>
      <c r="VNG670" s="613"/>
      <c r="VNH670" s="613"/>
      <c r="VNI670" s="613"/>
      <c r="VNJ670" s="613"/>
      <c r="VNK670" s="613"/>
      <c r="VNL670" s="613"/>
      <c r="VNM670" s="613"/>
      <c r="VNN670" s="613"/>
      <c r="VNO670" s="613"/>
      <c r="VNP670" s="613"/>
      <c r="VNQ670" s="613"/>
      <c r="VNR670" s="613"/>
      <c r="VNS670" s="613"/>
      <c r="VNT670" s="613"/>
      <c r="VNU670" s="613"/>
      <c r="VNV670" s="613"/>
      <c r="VNW670" s="613"/>
      <c r="VNX670" s="613"/>
      <c r="VNY670" s="613"/>
      <c r="VNZ670" s="613"/>
      <c r="VOA670" s="613"/>
      <c r="VOB670" s="613"/>
      <c r="VOC670" s="613"/>
      <c r="VOD670" s="613"/>
      <c r="VOE670" s="613"/>
      <c r="VOF670" s="613"/>
      <c r="VOG670" s="613"/>
      <c r="VOH670" s="613"/>
      <c r="VOI670" s="613"/>
      <c r="VOJ670" s="613"/>
      <c r="VOK670" s="613"/>
      <c r="VOL670" s="613"/>
      <c r="VOM670" s="613"/>
      <c r="VON670" s="613"/>
      <c r="VOO670" s="613"/>
      <c r="VOP670" s="613"/>
      <c r="VOQ670" s="613"/>
      <c r="VOR670" s="613"/>
      <c r="VOS670" s="613"/>
      <c r="VOT670" s="613"/>
      <c r="VOU670" s="613"/>
      <c r="VOV670" s="613"/>
      <c r="VOW670" s="613"/>
      <c r="VOX670" s="613"/>
      <c r="VOY670" s="613"/>
      <c r="VOZ670" s="613"/>
      <c r="VPA670" s="613"/>
      <c r="VPB670" s="613"/>
      <c r="VPC670" s="613"/>
      <c r="VPD670" s="613"/>
      <c r="VPE670" s="613"/>
      <c r="VPF670" s="613"/>
      <c r="VPG670" s="613"/>
      <c r="VPH670" s="613"/>
      <c r="VPI670" s="613"/>
      <c r="VPJ670" s="613"/>
      <c r="VPK670" s="613"/>
      <c r="VPL670" s="613"/>
      <c r="VPM670" s="613"/>
      <c r="VPN670" s="613"/>
      <c r="VPO670" s="613"/>
      <c r="VPP670" s="613"/>
      <c r="VPQ670" s="613"/>
      <c r="VPR670" s="613"/>
      <c r="VPS670" s="613"/>
      <c r="VPT670" s="613"/>
      <c r="VPU670" s="613"/>
      <c r="VPV670" s="613"/>
      <c r="VPW670" s="613"/>
      <c r="VPX670" s="613"/>
      <c r="VPY670" s="613"/>
      <c r="VPZ670" s="613"/>
      <c r="VQA670" s="613"/>
      <c r="VQB670" s="613"/>
      <c r="VQC670" s="613"/>
      <c r="VQD670" s="613"/>
      <c r="VQE670" s="613"/>
      <c r="VQF670" s="613"/>
      <c r="VQG670" s="613"/>
      <c r="VQH670" s="613"/>
      <c r="VQI670" s="613"/>
      <c r="VQJ670" s="613"/>
      <c r="VQK670" s="613"/>
      <c r="VQL670" s="613"/>
      <c r="VQM670" s="613"/>
      <c r="VQN670" s="613"/>
      <c r="VQO670" s="613"/>
      <c r="VQP670" s="613"/>
      <c r="VQQ670" s="613"/>
      <c r="VQR670" s="613"/>
      <c r="VQS670" s="613"/>
      <c r="VQT670" s="613"/>
      <c r="VQU670" s="613"/>
      <c r="VQV670" s="613"/>
      <c r="VQW670" s="613"/>
      <c r="VQX670" s="613"/>
      <c r="VQY670" s="613"/>
      <c r="VQZ670" s="613"/>
      <c r="VRA670" s="613"/>
      <c r="VRB670" s="613"/>
      <c r="VRC670" s="613"/>
      <c r="VRD670" s="613"/>
      <c r="VRE670" s="613"/>
      <c r="VRF670" s="613"/>
      <c r="VRG670" s="613"/>
      <c r="VRH670" s="613"/>
      <c r="VRI670" s="613"/>
      <c r="VRJ670" s="613"/>
      <c r="VRK670" s="613"/>
      <c r="VRL670" s="613"/>
      <c r="VRM670" s="613"/>
      <c r="VRN670" s="613"/>
      <c r="VRO670" s="613"/>
      <c r="VRP670" s="613"/>
      <c r="VRQ670" s="613"/>
      <c r="VRR670" s="613"/>
      <c r="VRS670" s="613"/>
      <c r="VRT670" s="613"/>
      <c r="VRU670" s="613"/>
      <c r="VRV670" s="613"/>
      <c r="VRW670" s="613"/>
      <c r="VRX670" s="613"/>
      <c r="VRY670" s="613"/>
      <c r="VRZ670" s="613"/>
      <c r="VSA670" s="613"/>
      <c r="VSB670" s="613"/>
      <c r="VSC670" s="613"/>
      <c r="VSD670" s="613"/>
      <c r="VSE670" s="613"/>
      <c r="VSF670" s="613"/>
      <c r="VSG670" s="613"/>
      <c r="VSH670" s="613"/>
      <c r="VSI670" s="613"/>
      <c r="VSJ670" s="613"/>
      <c r="VSK670" s="613"/>
      <c r="VSL670" s="613"/>
      <c r="VSM670" s="613"/>
      <c r="VSN670" s="613"/>
      <c r="VSO670" s="613"/>
      <c r="VSP670" s="613"/>
      <c r="VSQ670" s="613"/>
      <c r="VSR670" s="613"/>
      <c r="VSS670" s="613"/>
      <c r="VST670" s="613"/>
      <c r="VSU670" s="613"/>
      <c r="VSV670" s="613"/>
      <c r="VSW670" s="613"/>
      <c r="VSX670" s="613"/>
      <c r="VSY670" s="613"/>
      <c r="VSZ670" s="613"/>
      <c r="VTA670" s="613"/>
      <c r="VTB670" s="613"/>
      <c r="VTC670" s="613"/>
      <c r="VTD670" s="613"/>
      <c r="VTE670" s="613"/>
      <c r="VTF670" s="613"/>
      <c r="VTG670" s="613"/>
      <c r="VTH670" s="613"/>
      <c r="VTI670" s="613"/>
      <c r="VTJ670" s="613"/>
      <c r="VTK670" s="613"/>
      <c r="VTL670" s="613"/>
      <c r="VTM670" s="613"/>
      <c r="VTN670" s="613"/>
      <c r="VTO670" s="613"/>
      <c r="VTP670" s="613"/>
      <c r="VTQ670" s="613"/>
      <c r="VTR670" s="613"/>
      <c r="VTS670" s="613"/>
      <c r="VTT670" s="613"/>
      <c r="VTU670" s="613"/>
      <c r="VTV670" s="613"/>
      <c r="VTW670" s="613"/>
      <c r="VTX670" s="613"/>
      <c r="VTY670" s="613"/>
      <c r="VTZ670" s="613"/>
      <c r="VUA670" s="613"/>
      <c r="VUB670" s="613"/>
      <c r="VUC670" s="613"/>
      <c r="VUD670" s="613"/>
      <c r="VUE670" s="613"/>
      <c r="VUF670" s="613"/>
      <c r="VUG670" s="613"/>
      <c r="VUH670" s="613"/>
      <c r="VUI670" s="613"/>
      <c r="VUJ670" s="613"/>
      <c r="VUK670" s="613"/>
      <c r="VUL670" s="613"/>
      <c r="VUM670" s="613"/>
      <c r="VUN670" s="613"/>
      <c r="VUO670" s="613"/>
      <c r="VUP670" s="613"/>
      <c r="VUQ670" s="613"/>
      <c r="VUR670" s="613"/>
      <c r="VUS670" s="613"/>
      <c r="VUT670" s="613"/>
      <c r="VUU670" s="613"/>
      <c r="VUV670" s="613"/>
      <c r="VUW670" s="613"/>
      <c r="VUX670" s="613"/>
      <c r="VUY670" s="613"/>
      <c r="VUZ670" s="613"/>
      <c r="VVA670" s="613"/>
      <c r="VVB670" s="613"/>
      <c r="VVC670" s="613"/>
      <c r="VVD670" s="613"/>
      <c r="VVE670" s="613"/>
      <c r="VVF670" s="613"/>
      <c r="VVG670" s="613"/>
      <c r="VVH670" s="613"/>
      <c r="VVI670" s="613"/>
      <c r="VVJ670" s="613"/>
      <c r="VVK670" s="613"/>
      <c r="VVL670" s="613"/>
      <c r="VVM670" s="613"/>
      <c r="VVN670" s="613"/>
      <c r="VVO670" s="613"/>
      <c r="VVP670" s="613"/>
      <c r="VVQ670" s="613"/>
      <c r="VVR670" s="613"/>
      <c r="VVS670" s="613"/>
      <c r="VVT670" s="613"/>
      <c r="VVU670" s="613"/>
      <c r="VVV670" s="613"/>
      <c r="VVW670" s="613"/>
      <c r="VVX670" s="613"/>
      <c r="VVY670" s="613"/>
      <c r="VVZ670" s="613"/>
      <c r="VWA670" s="613"/>
      <c r="VWB670" s="613"/>
      <c r="VWC670" s="613"/>
      <c r="VWD670" s="613"/>
      <c r="VWE670" s="613"/>
      <c r="VWF670" s="613"/>
      <c r="VWG670" s="613"/>
      <c r="VWH670" s="613"/>
      <c r="VWI670" s="613"/>
      <c r="VWJ670" s="613"/>
      <c r="VWK670" s="613"/>
      <c r="VWL670" s="613"/>
      <c r="VWM670" s="613"/>
      <c r="VWN670" s="613"/>
      <c r="VWO670" s="613"/>
      <c r="VWP670" s="613"/>
      <c r="VWQ670" s="613"/>
      <c r="VWR670" s="613"/>
      <c r="VWS670" s="613"/>
      <c r="VWT670" s="613"/>
      <c r="VWU670" s="613"/>
      <c r="VWV670" s="613"/>
      <c r="VWW670" s="613"/>
      <c r="VWX670" s="613"/>
      <c r="VWY670" s="613"/>
      <c r="VWZ670" s="613"/>
      <c r="VXA670" s="613"/>
      <c r="VXB670" s="613"/>
      <c r="VXC670" s="613"/>
      <c r="VXD670" s="613"/>
      <c r="VXE670" s="613"/>
      <c r="VXF670" s="613"/>
      <c r="VXG670" s="613"/>
      <c r="VXH670" s="613"/>
      <c r="VXI670" s="613"/>
      <c r="VXJ670" s="613"/>
      <c r="VXK670" s="613"/>
      <c r="VXL670" s="613"/>
      <c r="VXM670" s="613"/>
      <c r="VXN670" s="613"/>
      <c r="VXO670" s="613"/>
      <c r="VXP670" s="613"/>
      <c r="VXQ670" s="613"/>
      <c r="VXR670" s="613"/>
      <c r="VXS670" s="613"/>
      <c r="VXT670" s="613"/>
      <c r="VXU670" s="613"/>
      <c r="VXV670" s="613"/>
      <c r="VXW670" s="613"/>
      <c r="VXX670" s="613"/>
      <c r="VXY670" s="613"/>
      <c r="VXZ670" s="613"/>
      <c r="VYA670" s="613"/>
      <c r="VYB670" s="613"/>
      <c r="VYC670" s="613"/>
      <c r="VYD670" s="613"/>
      <c r="VYE670" s="613"/>
      <c r="VYF670" s="613"/>
      <c r="VYG670" s="613"/>
      <c r="VYH670" s="613"/>
      <c r="VYI670" s="613"/>
      <c r="VYJ670" s="613"/>
      <c r="VYK670" s="613"/>
      <c r="VYL670" s="613"/>
      <c r="VYM670" s="613"/>
      <c r="VYN670" s="613"/>
      <c r="VYO670" s="613"/>
      <c r="VYP670" s="613"/>
      <c r="VYQ670" s="613"/>
      <c r="VYR670" s="613"/>
      <c r="VYS670" s="613"/>
      <c r="VYT670" s="613"/>
      <c r="VYU670" s="613"/>
      <c r="VYV670" s="613"/>
      <c r="VYW670" s="613"/>
      <c r="VYX670" s="613"/>
      <c r="VYY670" s="613"/>
      <c r="VYZ670" s="613"/>
      <c r="VZA670" s="613"/>
      <c r="VZB670" s="613"/>
      <c r="VZC670" s="613"/>
      <c r="VZD670" s="613"/>
      <c r="VZE670" s="613"/>
      <c r="VZF670" s="613"/>
      <c r="VZG670" s="613"/>
      <c r="VZH670" s="613"/>
      <c r="VZI670" s="613"/>
      <c r="VZJ670" s="613"/>
      <c r="VZK670" s="613"/>
      <c r="VZL670" s="613"/>
      <c r="VZM670" s="613"/>
      <c r="VZN670" s="613"/>
      <c r="VZO670" s="613"/>
      <c r="VZP670" s="613"/>
      <c r="VZQ670" s="613"/>
      <c r="VZR670" s="613"/>
      <c r="VZS670" s="613"/>
      <c r="VZT670" s="613"/>
      <c r="VZU670" s="613"/>
      <c r="VZV670" s="613"/>
      <c r="VZW670" s="613"/>
      <c r="VZX670" s="613"/>
      <c r="VZY670" s="613"/>
      <c r="VZZ670" s="613"/>
      <c r="WAA670" s="613"/>
      <c r="WAB670" s="613"/>
      <c r="WAC670" s="613"/>
      <c r="WAD670" s="613"/>
      <c r="WAE670" s="613"/>
      <c r="WAF670" s="613"/>
      <c r="WAG670" s="613"/>
      <c r="WAH670" s="613"/>
      <c r="WAI670" s="613"/>
      <c r="WAJ670" s="613"/>
      <c r="WAK670" s="613"/>
      <c r="WAL670" s="613"/>
      <c r="WAM670" s="613"/>
      <c r="WAN670" s="613"/>
      <c r="WAO670" s="613"/>
      <c r="WAP670" s="613"/>
      <c r="WAQ670" s="613"/>
      <c r="WAR670" s="613"/>
      <c r="WAS670" s="613"/>
      <c r="WAT670" s="613"/>
      <c r="WAU670" s="613"/>
      <c r="WAV670" s="613"/>
      <c r="WAW670" s="613"/>
      <c r="WAX670" s="613"/>
      <c r="WAY670" s="613"/>
      <c r="WAZ670" s="613"/>
      <c r="WBA670" s="613"/>
      <c r="WBB670" s="613"/>
      <c r="WBC670" s="613"/>
      <c r="WBD670" s="613"/>
      <c r="WBE670" s="613"/>
      <c r="WBF670" s="613"/>
      <c r="WBG670" s="613"/>
      <c r="WBH670" s="613"/>
      <c r="WBI670" s="613"/>
      <c r="WBJ670" s="613"/>
      <c r="WBK670" s="613"/>
      <c r="WBL670" s="613"/>
      <c r="WBM670" s="613"/>
      <c r="WBN670" s="613"/>
      <c r="WBO670" s="613"/>
      <c r="WBP670" s="613"/>
      <c r="WBQ670" s="613"/>
      <c r="WBR670" s="613"/>
      <c r="WBS670" s="613"/>
      <c r="WBT670" s="613"/>
      <c r="WBU670" s="613"/>
      <c r="WBV670" s="613"/>
      <c r="WBW670" s="613"/>
      <c r="WBX670" s="613"/>
      <c r="WBY670" s="613"/>
      <c r="WBZ670" s="613"/>
      <c r="WCA670" s="613"/>
      <c r="WCB670" s="613"/>
      <c r="WCC670" s="613"/>
      <c r="WCD670" s="613"/>
      <c r="WCE670" s="613"/>
      <c r="WCF670" s="613"/>
      <c r="WCG670" s="613"/>
      <c r="WCH670" s="613"/>
      <c r="WCI670" s="613"/>
      <c r="WCJ670" s="613"/>
      <c r="WCK670" s="613"/>
      <c r="WCL670" s="613"/>
      <c r="WCM670" s="613"/>
      <c r="WCN670" s="613"/>
      <c r="WCO670" s="613"/>
      <c r="WCP670" s="613"/>
      <c r="WCQ670" s="613"/>
      <c r="WCR670" s="613"/>
      <c r="WCS670" s="613"/>
      <c r="WCT670" s="613"/>
      <c r="WCU670" s="613"/>
      <c r="WCV670" s="613"/>
      <c r="WCW670" s="613"/>
      <c r="WCX670" s="613"/>
      <c r="WCY670" s="613"/>
      <c r="WCZ670" s="613"/>
      <c r="WDA670" s="613"/>
      <c r="WDB670" s="613"/>
      <c r="WDC670" s="613"/>
      <c r="WDD670" s="613"/>
      <c r="WDE670" s="613"/>
      <c r="WDF670" s="613"/>
      <c r="WDG670" s="613"/>
      <c r="WDH670" s="613"/>
      <c r="WDI670" s="613"/>
      <c r="WDJ670" s="613"/>
      <c r="WDK670" s="613"/>
      <c r="WDL670" s="613"/>
      <c r="WDM670" s="613"/>
      <c r="WDN670" s="613"/>
      <c r="WDO670" s="613"/>
      <c r="WDP670" s="613"/>
      <c r="WDQ670" s="613"/>
      <c r="WDR670" s="613"/>
      <c r="WDS670" s="613"/>
      <c r="WDT670" s="613"/>
      <c r="WDU670" s="613"/>
      <c r="WDV670" s="613"/>
      <c r="WDW670" s="613"/>
      <c r="WDX670" s="613"/>
      <c r="WDY670" s="613"/>
      <c r="WDZ670" s="613"/>
      <c r="WEA670" s="613"/>
      <c r="WEB670" s="613"/>
      <c r="WEC670" s="613"/>
      <c r="WED670" s="613"/>
      <c r="WEE670" s="613"/>
      <c r="WEF670" s="613"/>
      <c r="WEG670" s="613"/>
      <c r="WEH670" s="613"/>
      <c r="WEI670" s="613"/>
      <c r="WEJ670" s="613"/>
      <c r="WEK670" s="613"/>
      <c r="WEL670" s="613"/>
      <c r="WEM670" s="613"/>
      <c r="WEN670" s="613"/>
      <c r="WEO670" s="613"/>
      <c r="WEP670" s="613"/>
      <c r="WEQ670" s="613"/>
      <c r="WER670" s="613"/>
      <c r="WES670" s="613"/>
      <c r="WET670" s="613"/>
      <c r="WEU670" s="613"/>
      <c r="WEV670" s="613"/>
      <c r="WEW670" s="613"/>
      <c r="WEX670" s="613"/>
      <c r="WEY670" s="613"/>
      <c r="WEZ670" s="613"/>
      <c r="WFA670" s="613"/>
      <c r="WFB670" s="613"/>
      <c r="WFC670" s="613"/>
      <c r="WFD670" s="613"/>
      <c r="WFE670" s="613"/>
      <c r="WFF670" s="613"/>
      <c r="WFG670" s="613"/>
      <c r="WFH670" s="613"/>
      <c r="WFI670" s="613"/>
      <c r="WFJ670" s="613"/>
      <c r="WFK670" s="613"/>
      <c r="WFL670" s="613"/>
      <c r="WFM670" s="613"/>
      <c r="WFN670" s="613"/>
      <c r="WFO670" s="613"/>
      <c r="WFP670" s="613"/>
      <c r="WFQ670" s="613"/>
      <c r="WFR670" s="613"/>
      <c r="WFS670" s="613"/>
      <c r="WFT670" s="613"/>
      <c r="WFU670" s="613"/>
      <c r="WFV670" s="613"/>
      <c r="WFW670" s="613"/>
      <c r="WFX670" s="613"/>
      <c r="WFY670" s="613"/>
      <c r="WFZ670" s="613"/>
      <c r="WGA670" s="613"/>
      <c r="WGB670" s="613"/>
      <c r="WGC670" s="613"/>
      <c r="WGD670" s="613"/>
      <c r="WGE670" s="613"/>
      <c r="WGF670" s="613"/>
      <c r="WGG670" s="613"/>
      <c r="WGH670" s="613"/>
      <c r="WGI670" s="613"/>
      <c r="WGJ670" s="613"/>
      <c r="WGK670" s="613"/>
      <c r="WGL670" s="613"/>
      <c r="WGM670" s="613"/>
      <c r="WGN670" s="613"/>
      <c r="WGO670" s="613"/>
      <c r="WGP670" s="613"/>
      <c r="WGQ670" s="613"/>
      <c r="WGR670" s="613"/>
      <c r="WGS670" s="613"/>
      <c r="WGT670" s="613"/>
      <c r="WGU670" s="613"/>
      <c r="WGV670" s="613"/>
      <c r="WGW670" s="613"/>
      <c r="WGX670" s="613"/>
      <c r="WGY670" s="613"/>
      <c r="WGZ670" s="613"/>
      <c r="WHA670" s="613"/>
      <c r="WHB670" s="613"/>
      <c r="WHC670" s="613"/>
      <c r="WHD670" s="613"/>
      <c r="WHE670" s="613"/>
      <c r="WHF670" s="613"/>
      <c r="WHG670" s="613"/>
      <c r="WHH670" s="613"/>
      <c r="WHI670" s="613"/>
      <c r="WHJ670" s="613"/>
      <c r="WHK670" s="613"/>
      <c r="WHL670" s="613"/>
      <c r="WHM670" s="613"/>
      <c r="WHN670" s="613"/>
      <c r="WHO670" s="613"/>
      <c r="WHP670" s="613"/>
      <c r="WHQ670" s="613"/>
      <c r="WHR670" s="613"/>
      <c r="WHS670" s="613"/>
      <c r="WHT670" s="613"/>
      <c r="WHU670" s="613"/>
      <c r="WHV670" s="613"/>
      <c r="WHW670" s="613"/>
      <c r="WHX670" s="613"/>
      <c r="WHY670" s="613"/>
      <c r="WHZ670" s="613"/>
      <c r="WIA670" s="613"/>
      <c r="WIB670" s="613"/>
      <c r="WIC670" s="613"/>
      <c r="WID670" s="613"/>
      <c r="WIE670" s="613"/>
      <c r="WIF670" s="613"/>
      <c r="WIG670" s="613"/>
      <c r="WIH670" s="613"/>
      <c r="WII670" s="613"/>
      <c r="WIJ670" s="613"/>
      <c r="WIK670" s="613"/>
      <c r="WIL670" s="613"/>
      <c r="WIM670" s="613"/>
      <c r="WIN670" s="613"/>
      <c r="WIO670" s="613"/>
      <c r="WIP670" s="613"/>
      <c r="WIQ670" s="613"/>
      <c r="WIR670" s="613"/>
      <c r="WIS670" s="613"/>
      <c r="WIT670" s="613"/>
      <c r="WIU670" s="613"/>
      <c r="WIV670" s="613"/>
      <c r="WIW670" s="613"/>
      <c r="WIX670" s="613"/>
      <c r="WIY670" s="613"/>
      <c r="WIZ670" s="613"/>
      <c r="WJA670" s="613"/>
      <c r="WJB670" s="613"/>
      <c r="WJC670" s="613"/>
      <c r="WJD670" s="613"/>
      <c r="WJE670" s="613"/>
      <c r="WJF670" s="613"/>
      <c r="WJG670" s="613"/>
      <c r="WJH670" s="613"/>
      <c r="WJI670" s="613"/>
      <c r="WJJ670" s="613"/>
      <c r="WJK670" s="613"/>
      <c r="WJL670" s="613"/>
      <c r="WJM670" s="613"/>
      <c r="WJN670" s="613"/>
      <c r="WJO670" s="613"/>
      <c r="WJP670" s="613"/>
      <c r="WJQ670" s="613"/>
      <c r="WJR670" s="613"/>
      <c r="WJS670" s="613"/>
      <c r="WJT670" s="613"/>
      <c r="WJU670" s="613"/>
      <c r="WJV670" s="613"/>
      <c r="WJW670" s="613"/>
      <c r="WJX670" s="613"/>
      <c r="WJY670" s="613"/>
      <c r="WJZ670" s="613"/>
      <c r="WKA670" s="613"/>
      <c r="WKB670" s="613"/>
      <c r="WKC670" s="613"/>
      <c r="WKD670" s="613"/>
      <c r="WKE670" s="613"/>
      <c r="WKF670" s="613"/>
      <c r="WKG670" s="613"/>
      <c r="WKH670" s="613"/>
      <c r="WKI670" s="613"/>
      <c r="WKJ670" s="613"/>
      <c r="WKK670" s="613"/>
      <c r="WKL670" s="613"/>
      <c r="WKM670" s="613"/>
      <c r="WKN670" s="613"/>
      <c r="WKO670" s="613"/>
      <c r="WKP670" s="613"/>
      <c r="WKQ670" s="613"/>
      <c r="WKR670" s="613"/>
      <c r="WKS670" s="613"/>
      <c r="WKT670" s="613"/>
      <c r="WKU670" s="613"/>
      <c r="WKV670" s="613"/>
      <c r="WKW670" s="613"/>
      <c r="WKX670" s="613"/>
      <c r="WKY670" s="613"/>
      <c r="WKZ670" s="613"/>
      <c r="WLA670" s="613"/>
      <c r="WLB670" s="613"/>
      <c r="WLC670" s="613"/>
      <c r="WLD670" s="613"/>
      <c r="WLE670" s="613"/>
      <c r="WLF670" s="613"/>
      <c r="WLG670" s="613"/>
      <c r="WLH670" s="613"/>
      <c r="WLI670" s="613"/>
      <c r="WLJ670" s="613"/>
      <c r="WLK670" s="613"/>
      <c r="WLL670" s="613"/>
      <c r="WLM670" s="613"/>
      <c r="WLN670" s="613"/>
      <c r="WLO670" s="613"/>
      <c r="WLP670" s="613"/>
      <c r="WLQ670" s="613"/>
      <c r="WLR670" s="613"/>
      <c r="WLS670" s="613"/>
      <c r="WLT670" s="613"/>
      <c r="WLU670" s="613"/>
      <c r="WLV670" s="613"/>
      <c r="WLW670" s="613"/>
      <c r="WLX670" s="613"/>
      <c r="WLY670" s="613"/>
      <c r="WLZ670" s="613"/>
      <c r="WMA670" s="613"/>
      <c r="WMB670" s="613"/>
      <c r="WMC670" s="613"/>
      <c r="WMD670" s="613"/>
      <c r="WME670" s="613"/>
      <c r="WMF670" s="613"/>
      <c r="WMG670" s="613"/>
      <c r="WMH670" s="613"/>
      <c r="WMI670" s="613"/>
      <c r="WMJ670" s="613"/>
      <c r="WMK670" s="613"/>
      <c r="WML670" s="613"/>
      <c r="WMM670" s="613"/>
      <c r="WMN670" s="613"/>
      <c r="WMO670" s="613"/>
      <c r="WMP670" s="613"/>
      <c r="WMQ670" s="613"/>
      <c r="WMR670" s="613"/>
      <c r="WMS670" s="613"/>
      <c r="WMT670" s="613"/>
      <c r="WMU670" s="613"/>
      <c r="WMV670" s="613"/>
      <c r="WMW670" s="613"/>
      <c r="WMX670" s="613"/>
      <c r="WMY670" s="613"/>
      <c r="WMZ670" s="613"/>
      <c r="WNA670" s="613"/>
      <c r="WNB670" s="613"/>
      <c r="WNC670" s="613"/>
      <c r="WND670" s="613"/>
      <c r="WNE670" s="613"/>
      <c r="WNF670" s="613"/>
      <c r="WNG670" s="613"/>
      <c r="WNH670" s="613"/>
      <c r="WNI670" s="613"/>
      <c r="WNJ670" s="613"/>
      <c r="WNK670" s="613"/>
      <c r="WNL670" s="613"/>
      <c r="WNM670" s="613"/>
      <c r="WNN670" s="613"/>
      <c r="WNO670" s="613"/>
      <c r="WNP670" s="613"/>
      <c r="WNQ670" s="613"/>
      <c r="WNR670" s="613"/>
      <c r="WNS670" s="613"/>
      <c r="WNT670" s="613"/>
      <c r="WNU670" s="613"/>
      <c r="WNV670" s="613"/>
      <c r="WNW670" s="613"/>
      <c r="WNX670" s="613"/>
      <c r="WNY670" s="613"/>
      <c r="WNZ670" s="613"/>
      <c r="WOA670" s="613"/>
      <c r="WOB670" s="613"/>
      <c r="WOC670" s="613"/>
      <c r="WOD670" s="613"/>
      <c r="WOE670" s="613"/>
      <c r="WOF670" s="613"/>
      <c r="WOG670" s="613"/>
      <c r="WOH670" s="613"/>
      <c r="WOI670" s="613"/>
      <c r="WOJ670" s="613"/>
      <c r="WOK670" s="613"/>
      <c r="WOL670" s="613"/>
      <c r="WOM670" s="613"/>
      <c r="WON670" s="613"/>
      <c r="WOO670" s="613"/>
      <c r="WOP670" s="613"/>
      <c r="WOQ670" s="613"/>
      <c r="WOR670" s="613"/>
      <c r="WOS670" s="613"/>
      <c r="WOT670" s="613"/>
      <c r="WOU670" s="613"/>
      <c r="WOV670" s="613"/>
      <c r="WOW670" s="613"/>
      <c r="WOX670" s="613"/>
      <c r="WOY670" s="613"/>
      <c r="WOZ670" s="613"/>
      <c r="WPA670" s="613"/>
      <c r="WPB670" s="613"/>
      <c r="WPC670" s="613"/>
      <c r="WPD670" s="613"/>
      <c r="WPE670" s="613"/>
      <c r="WPF670" s="613"/>
      <c r="WPG670" s="613"/>
      <c r="WPH670" s="613"/>
      <c r="WPI670" s="613"/>
      <c r="WPJ670" s="613"/>
      <c r="WPK670" s="613"/>
      <c r="WPL670" s="613"/>
      <c r="WPM670" s="613"/>
      <c r="WPN670" s="613"/>
      <c r="WPO670" s="613"/>
      <c r="WPP670" s="613"/>
      <c r="WPQ670" s="613"/>
      <c r="WPR670" s="613"/>
      <c r="WPS670" s="613"/>
      <c r="WPT670" s="613"/>
      <c r="WPU670" s="613"/>
      <c r="WPV670" s="613"/>
      <c r="WPW670" s="613"/>
      <c r="WPX670" s="613"/>
      <c r="WPY670" s="613"/>
      <c r="WPZ670" s="613"/>
      <c r="WQA670" s="613"/>
      <c r="WQB670" s="613"/>
      <c r="WQC670" s="613"/>
      <c r="WQD670" s="613"/>
      <c r="WQE670" s="613"/>
      <c r="WQF670" s="613"/>
      <c r="WQG670" s="613"/>
      <c r="WQH670" s="613"/>
      <c r="WQI670" s="613"/>
      <c r="WQJ670" s="613"/>
      <c r="WQK670" s="613"/>
      <c r="WQL670" s="613"/>
      <c r="WQM670" s="613"/>
      <c r="WQN670" s="613"/>
      <c r="WQO670" s="613"/>
      <c r="WQP670" s="613"/>
      <c r="WQQ670" s="613"/>
      <c r="WQR670" s="613"/>
      <c r="WQS670" s="613"/>
      <c r="WQT670" s="613"/>
      <c r="WQU670" s="613"/>
      <c r="WQV670" s="613"/>
      <c r="WQW670" s="613"/>
      <c r="WQX670" s="613"/>
      <c r="WQY670" s="613"/>
      <c r="WQZ670" s="613"/>
      <c r="WRA670" s="613"/>
      <c r="WRB670" s="613"/>
      <c r="WRC670" s="613"/>
      <c r="WRD670" s="613"/>
      <c r="WRE670" s="613"/>
      <c r="WRF670" s="613"/>
      <c r="WRG670" s="613"/>
      <c r="WRH670" s="613"/>
      <c r="WRI670" s="613"/>
      <c r="WRJ670" s="613"/>
      <c r="WRK670" s="613"/>
      <c r="WRL670" s="613"/>
      <c r="WRM670" s="613"/>
      <c r="WRN670" s="613"/>
      <c r="WRO670" s="613"/>
      <c r="WRP670" s="613"/>
      <c r="WRQ670" s="613"/>
      <c r="WRR670" s="613"/>
      <c r="WRS670" s="613"/>
      <c r="WRT670" s="613"/>
      <c r="WRU670" s="613"/>
      <c r="WRV670" s="613"/>
      <c r="WRW670" s="613"/>
      <c r="WRX670" s="613"/>
      <c r="WRY670" s="613"/>
      <c r="WRZ670" s="613"/>
      <c r="WSA670" s="613"/>
      <c r="WSB670" s="613"/>
      <c r="WSC670" s="613"/>
      <c r="WSD670" s="613"/>
      <c r="WSE670" s="613"/>
      <c r="WSF670" s="613"/>
      <c r="WSG670" s="613"/>
      <c r="WSH670" s="613"/>
      <c r="WSI670" s="613"/>
      <c r="WSJ670" s="613"/>
      <c r="WSK670" s="613"/>
      <c r="WSL670" s="613"/>
      <c r="WSM670" s="613"/>
      <c r="WSN670" s="613"/>
      <c r="WSO670" s="613"/>
      <c r="WSP670" s="613"/>
      <c r="WSQ670" s="613"/>
      <c r="WSR670" s="613"/>
      <c r="WSS670" s="613"/>
      <c r="WST670" s="613"/>
      <c r="WSU670" s="613"/>
      <c r="WSV670" s="613"/>
      <c r="WSW670" s="613"/>
      <c r="WSX670" s="613"/>
      <c r="WSY670" s="613"/>
      <c r="WSZ670" s="613"/>
      <c r="WTA670" s="613"/>
      <c r="WTB670" s="613"/>
      <c r="WTC670" s="613"/>
      <c r="WTD670" s="613"/>
      <c r="WTE670" s="613"/>
      <c r="WTF670" s="613"/>
      <c r="WTG670" s="613"/>
      <c r="WTH670" s="613"/>
      <c r="WTI670" s="613"/>
      <c r="WTJ670" s="613"/>
      <c r="WTK670" s="613"/>
      <c r="WTL670" s="613"/>
      <c r="WTM670" s="613"/>
      <c r="WTN670" s="613"/>
      <c r="WTO670" s="613"/>
      <c r="WTP670" s="613"/>
      <c r="WTQ670" s="613"/>
      <c r="WTR670" s="613"/>
      <c r="WTS670" s="613"/>
      <c r="WTT670" s="613"/>
      <c r="WTU670" s="613"/>
      <c r="WTV670" s="613"/>
      <c r="WTW670" s="613"/>
      <c r="WTX670" s="613"/>
      <c r="WTY670" s="613"/>
      <c r="WTZ670" s="613"/>
      <c r="WUA670" s="613"/>
      <c r="WUB670" s="613"/>
      <c r="WUC670" s="613"/>
      <c r="WUD670" s="613"/>
      <c r="WUE670" s="613"/>
      <c r="WUF670" s="613"/>
      <c r="WUG670" s="613"/>
      <c r="WUH670" s="613"/>
      <c r="WUI670" s="613"/>
      <c r="WUJ670" s="613"/>
      <c r="WUK670" s="613"/>
      <c r="WUL670" s="613"/>
      <c r="WUM670" s="613"/>
      <c r="WUN670" s="613"/>
      <c r="WUO670" s="613"/>
      <c r="WUP670" s="613"/>
      <c r="WUQ670" s="613"/>
      <c r="WUR670" s="613"/>
      <c r="WUS670" s="613"/>
      <c r="WUT670" s="613"/>
      <c r="WUU670" s="613"/>
      <c r="WUV670" s="613"/>
      <c r="WUW670" s="613"/>
      <c r="WUX670" s="613"/>
      <c r="WUY670" s="613"/>
      <c r="WUZ670" s="613"/>
      <c r="WVA670" s="613"/>
      <c r="WVB670" s="613"/>
      <c r="WVC670" s="613"/>
      <c r="WVD670" s="613"/>
      <c r="WVE670" s="613"/>
      <c r="WVF670" s="613"/>
      <c r="WVG670" s="613"/>
      <c r="WVH670" s="613"/>
      <c r="WVI670" s="613"/>
      <c r="WVJ670" s="613"/>
      <c r="WVK670" s="613"/>
      <c r="WVL670" s="613"/>
      <c r="WVM670" s="613"/>
      <c r="WVN670" s="613"/>
      <c r="WVO670" s="613"/>
      <c r="WVP670" s="613"/>
      <c r="WVQ670" s="613"/>
      <c r="WVR670" s="613"/>
      <c r="WVS670" s="613"/>
      <c r="WVT670" s="613"/>
      <c r="WVU670" s="613"/>
      <c r="WVV670" s="613"/>
      <c r="WVW670" s="613"/>
      <c r="WVX670" s="613"/>
      <c r="WVY670" s="613"/>
      <c r="WVZ670" s="613"/>
      <c r="WWA670" s="613"/>
      <c r="WWB670" s="613"/>
      <c r="WWC670" s="613"/>
      <c r="WWD670" s="613"/>
      <c r="WWE670" s="613"/>
      <c r="WWF670" s="613"/>
      <c r="WWG670" s="613"/>
      <c r="WWH670" s="613"/>
      <c r="WWI670" s="613"/>
      <c r="WWJ670" s="613"/>
      <c r="WWK670" s="613"/>
      <c r="WWL670" s="613"/>
      <c r="WWM670" s="613"/>
      <c r="WWN670" s="613"/>
      <c r="WWO670" s="613"/>
      <c r="WWP670" s="613"/>
      <c r="WWQ670" s="613"/>
      <c r="WWR670" s="613"/>
      <c r="WWS670" s="613"/>
      <c r="WWT670" s="613"/>
      <c r="WWU670" s="613"/>
      <c r="WWV670" s="613"/>
      <c r="WWW670" s="613"/>
      <c r="WWX670" s="613"/>
      <c r="WWY670" s="613"/>
      <c r="WWZ670" s="613"/>
      <c r="WXA670" s="613"/>
      <c r="WXB670" s="613"/>
      <c r="WXC670" s="613"/>
      <c r="WXD670" s="613"/>
      <c r="WXE670" s="613"/>
      <c r="WXF670" s="613"/>
      <c r="WXG670" s="613"/>
      <c r="WXH670" s="613"/>
      <c r="WXI670" s="613"/>
      <c r="WXJ670" s="613"/>
      <c r="WXK670" s="613"/>
      <c r="WXL670" s="613"/>
      <c r="WXM670" s="613"/>
      <c r="WXN670" s="613"/>
      <c r="WXO670" s="613"/>
      <c r="WXP670" s="613"/>
      <c r="WXQ670" s="613"/>
      <c r="WXR670" s="613"/>
      <c r="WXS670" s="613"/>
      <c r="WXT670" s="613"/>
      <c r="WXU670" s="613"/>
      <c r="WXV670" s="613"/>
      <c r="WXW670" s="613"/>
      <c r="WXX670" s="613"/>
      <c r="WXY670" s="613"/>
      <c r="WXZ670" s="613"/>
      <c r="WYA670" s="613"/>
      <c r="WYB670" s="613"/>
      <c r="WYC670" s="613"/>
      <c r="WYD670" s="613"/>
      <c r="WYE670" s="613"/>
      <c r="WYF670" s="613"/>
      <c r="WYG670" s="613"/>
      <c r="WYH670" s="613"/>
      <c r="WYI670" s="613"/>
      <c r="WYJ670" s="613"/>
      <c r="WYK670" s="613"/>
      <c r="WYL670" s="613"/>
      <c r="WYM670" s="613"/>
      <c r="WYN670" s="613"/>
      <c r="WYO670" s="613"/>
      <c r="WYP670" s="613"/>
      <c r="WYQ670" s="613"/>
      <c r="WYR670" s="613"/>
      <c r="WYS670" s="613"/>
      <c r="WYT670" s="613"/>
      <c r="WYU670" s="613"/>
      <c r="WYV670" s="613"/>
      <c r="WYW670" s="613"/>
      <c r="WYX670" s="613"/>
      <c r="WYY670" s="613"/>
      <c r="WYZ670" s="613"/>
      <c r="WZA670" s="613"/>
      <c r="WZB670" s="613"/>
      <c r="WZC670" s="613"/>
      <c r="WZD670" s="613"/>
      <c r="WZE670" s="613"/>
      <c r="WZF670" s="613"/>
      <c r="WZG670" s="613"/>
      <c r="WZH670" s="613"/>
      <c r="WZI670" s="613"/>
      <c r="WZJ670" s="613"/>
      <c r="WZK670" s="613"/>
      <c r="WZL670" s="613"/>
      <c r="WZM670" s="613"/>
      <c r="WZN670" s="613"/>
      <c r="WZO670" s="613"/>
      <c r="WZP670" s="613"/>
      <c r="WZQ670" s="613"/>
      <c r="WZR670" s="613"/>
      <c r="WZS670" s="613"/>
      <c r="WZT670" s="613"/>
      <c r="WZU670" s="613"/>
      <c r="WZV670" s="613"/>
      <c r="WZW670" s="613"/>
      <c r="WZX670" s="613"/>
      <c r="WZY670" s="613"/>
      <c r="WZZ670" s="613"/>
      <c r="XAA670" s="613"/>
      <c r="XAB670" s="613"/>
      <c r="XAC670" s="613"/>
      <c r="XAD670" s="613"/>
      <c r="XAE670" s="613"/>
      <c r="XAF670" s="613"/>
      <c r="XAG670" s="613"/>
      <c r="XAH670" s="613"/>
      <c r="XAI670" s="613"/>
      <c r="XAJ670" s="613"/>
      <c r="XAK670" s="613"/>
      <c r="XAL670" s="613"/>
      <c r="XAM670" s="613"/>
      <c r="XAN670" s="613"/>
      <c r="XAO670" s="613"/>
      <c r="XAP670" s="613"/>
      <c r="XAQ670" s="613"/>
      <c r="XAR670" s="613"/>
      <c r="XAS670" s="613"/>
      <c r="XAT670" s="613"/>
      <c r="XAU670" s="613"/>
      <c r="XAV670" s="613"/>
      <c r="XAW670" s="613"/>
      <c r="XAX670" s="613"/>
      <c r="XAY670" s="613"/>
      <c r="XAZ670" s="613"/>
      <c r="XBA670" s="613"/>
      <c r="XBB670" s="613"/>
      <c r="XBC670" s="613"/>
      <c r="XBD670" s="613"/>
      <c r="XBE670" s="613"/>
      <c r="XBF670" s="613"/>
      <c r="XBG670" s="613"/>
      <c r="XBH670" s="613"/>
      <c r="XBI670" s="613"/>
      <c r="XBJ670" s="613"/>
      <c r="XBK670" s="613"/>
      <c r="XBL670" s="613"/>
      <c r="XBM670" s="613"/>
      <c r="XBN670" s="613"/>
      <c r="XBO670" s="613"/>
      <c r="XBP670" s="613"/>
      <c r="XBQ670" s="613"/>
      <c r="XBR670" s="613"/>
      <c r="XBS670" s="613"/>
      <c r="XBT670" s="613"/>
      <c r="XBU670" s="613"/>
      <c r="XBV670" s="613"/>
      <c r="XBW670" s="613"/>
      <c r="XBX670" s="613"/>
      <c r="XBY670" s="613"/>
      <c r="XBZ670" s="613"/>
      <c r="XCA670" s="613"/>
      <c r="XCB670" s="613"/>
      <c r="XCC670" s="613"/>
      <c r="XCD670" s="613"/>
      <c r="XCE670" s="613"/>
      <c r="XCF670" s="613"/>
      <c r="XCG670" s="613"/>
      <c r="XCH670" s="613"/>
      <c r="XCI670" s="613"/>
      <c r="XCJ670" s="613"/>
      <c r="XCK670" s="613"/>
      <c r="XCL670" s="613"/>
      <c r="XCM670" s="613"/>
      <c r="XCN670" s="613"/>
      <c r="XCO670" s="613"/>
      <c r="XCP670" s="613"/>
      <c r="XCQ670" s="613"/>
    </row>
    <row r="671" spans="1:16319" ht="56.1" customHeight="1" x14ac:dyDescent="0.2">
      <c r="A671" s="273" t="s">
        <v>3016</v>
      </c>
      <c r="B671" s="77"/>
      <c r="C671" s="77"/>
      <c r="D671" s="481">
        <v>153</v>
      </c>
      <c r="E671" s="481"/>
      <c r="F671" s="481" t="s">
        <v>2481</v>
      </c>
      <c r="G671" s="482" t="s">
        <v>53</v>
      </c>
      <c r="H671" s="481" t="s">
        <v>329</v>
      </c>
      <c r="I671" s="654" t="s">
        <v>396</v>
      </c>
      <c r="J671" s="654" t="s">
        <v>369</v>
      </c>
      <c r="K671" s="495" t="s">
        <v>404</v>
      </c>
      <c r="L671" s="621"/>
      <c r="M671" s="484" t="s">
        <v>58</v>
      </c>
      <c r="N671" s="329" t="s">
        <v>1361</v>
      </c>
      <c r="O671" s="484" t="s">
        <v>2996</v>
      </c>
      <c r="P671" s="484" t="s">
        <v>81</v>
      </c>
      <c r="Q671" s="667" t="s">
        <v>334</v>
      </c>
      <c r="R671" s="484" t="s">
        <v>334</v>
      </c>
      <c r="S671" s="484" t="s">
        <v>377</v>
      </c>
      <c r="T671" s="484"/>
      <c r="U671" s="620" t="s">
        <v>63</v>
      </c>
      <c r="V671" s="620" t="s">
        <v>63</v>
      </c>
      <c r="W671" s="723">
        <v>170699</v>
      </c>
      <c r="X671" s="723"/>
      <c r="Y671" s="654" t="s">
        <v>226</v>
      </c>
      <c r="Z671" s="654"/>
      <c r="AA671" s="723">
        <v>170699</v>
      </c>
      <c r="AB671" s="652" t="s">
        <v>82</v>
      </c>
      <c r="AC671" s="652"/>
      <c r="AD671" s="496"/>
      <c r="AE671" s="487" t="s">
        <v>66</v>
      </c>
      <c r="AF671" s="496"/>
      <c r="AG671" s="496"/>
      <c r="AH671" s="496"/>
      <c r="AI671" s="496"/>
      <c r="AJ671" s="496"/>
      <c r="AK671" s="496"/>
      <c r="AL671" s="496"/>
      <c r="AM671" s="496"/>
      <c r="AN671" s="496"/>
      <c r="AO671" s="496"/>
      <c r="AP671" s="496"/>
      <c r="AQ671" s="496"/>
      <c r="AR671" s="496"/>
      <c r="AS671" s="496"/>
      <c r="AT671" s="496"/>
      <c r="AU671" s="487"/>
      <c r="AV671" s="487"/>
      <c r="AW671" s="487"/>
      <c r="AX671" s="487"/>
      <c r="AY671" s="487"/>
      <c r="AZ671" s="487"/>
      <c r="BA671" s="484"/>
      <c r="BB671" s="484" t="s">
        <v>399</v>
      </c>
      <c r="BC671" s="484" t="s">
        <v>3041</v>
      </c>
      <c r="BD671" s="494"/>
      <c r="BE671" s="494"/>
      <c r="BF671" s="613"/>
      <c r="BG671" s="613"/>
      <c r="BH671" s="613"/>
      <c r="BI671" s="613"/>
      <c r="BJ671" s="613"/>
      <c r="BK671" s="613"/>
      <c r="BL671" s="613"/>
      <c r="BM671" s="613"/>
      <c r="BN671" s="613"/>
      <c r="BO671" s="613"/>
      <c r="BP671" s="613"/>
      <c r="BQ671" s="613"/>
      <c r="BR671" s="613"/>
      <c r="BS671" s="613"/>
      <c r="BT671" s="613"/>
      <c r="BU671" s="613"/>
      <c r="BV671" s="613"/>
      <c r="BW671" s="613"/>
      <c r="BX671" s="613"/>
      <c r="BY671" s="613"/>
      <c r="BZ671" s="613"/>
      <c r="CA671" s="613"/>
      <c r="CB671" s="613"/>
      <c r="CC671" s="613"/>
      <c r="CD671" s="613"/>
      <c r="CE671" s="613"/>
      <c r="CF671" s="613"/>
      <c r="CG671" s="613"/>
      <c r="CH671" s="613"/>
      <c r="CI671" s="613"/>
      <c r="CJ671" s="613"/>
      <c r="CK671" s="613"/>
      <c r="CL671" s="613"/>
      <c r="CM671" s="613"/>
      <c r="CN671" s="613"/>
      <c r="CO671" s="613"/>
      <c r="CP671" s="613"/>
      <c r="CQ671" s="613"/>
      <c r="CR671" s="613"/>
      <c r="CS671" s="613"/>
      <c r="CT671" s="613"/>
      <c r="CU671" s="613"/>
      <c r="CV671" s="613"/>
      <c r="CW671" s="613"/>
      <c r="CX671" s="613"/>
      <c r="CY671" s="613"/>
      <c r="CZ671" s="613"/>
      <c r="DA671" s="613"/>
      <c r="DB671" s="613"/>
      <c r="DC671" s="613"/>
      <c r="DD671" s="613"/>
      <c r="DE671" s="613"/>
      <c r="DF671" s="613"/>
      <c r="DG671" s="613"/>
      <c r="DH671" s="613"/>
      <c r="DI671" s="613"/>
      <c r="DJ671" s="613"/>
      <c r="DK671" s="613"/>
      <c r="DL671" s="613"/>
      <c r="DM671" s="613"/>
      <c r="DN671" s="613"/>
      <c r="DO671" s="613"/>
      <c r="DP671" s="613"/>
      <c r="DQ671" s="613"/>
      <c r="DR671" s="613"/>
      <c r="DS671" s="613"/>
      <c r="DT671" s="613"/>
      <c r="DU671" s="613"/>
      <c r="DV671" s="613"/>
      <c r="DW671" s="613"/>
      <c r="DX671" s="613"/>
      <c r="DY671" s="613"/>
      <c r="DZ671" s="613"/>
      <c r="EA671" s="613"/>
      <c r="EB671" s="613"/>
      <c r="EC671" s="613"/>
      <c r="ED671" s="613"/>
      <c r="EE671" s="613"/>
      <c r="EF671" s="613"/>
      <c r="EG671" s="613"/>
      <c r="EH671" s="613"/>
      <c r="EI671" s="613"/>
      <c r="EJ671" s="613"/>
      <c r="EK671" s="613"/>
      <c r="EL671" s="613"/>
      <c r="EM671" s="613"/>
      <c r="EN671" s="613"/>
      <c r="EO671" s="613"/>
      <c r="EP671" s="613"/>
      <c r="EQ671" s="613"/>
      <c r="ER671" s="613"/>
      <c r="ES671" s="613"/>
      <c r="ET671" s="613"/>
      <c r="EU671" s="613"/>
      <c r="EV671" s="613"/>
      <c r="EW671" s="613"/>
      <c r="EX671" s="613"/>
      <c r="EY671" s="613"/>
      <c r="EZ671" s="613"/>
      <c r="FA671" s="613"/>
      <c r="FB671" s="613"/>
      <c r="FC671" s="613"/>
      <c r="FD671" s="613"/>
      <c r="FE671" s="613"/>
      <c r="FF671" s="613"/>
      <c r="FG671" s="613"/>
      <c r="FH671" s="613"/>
      <c r="FI671" s="613"/>
      <c r="FJ671" s="613"/>
      <c r="FK671" s="613"/>
      <c r="FL671" s="613"/>
      <c r="FM671" s="613"/>
      <c r="FN671" s="613"/>
      <c r="FO671" s="613"/>
      <c r="FP671" s="613"/>
      <c r="FQ671" s="613"/>
      <c r="FR671" s="613"/>
      <c r="FS671" s="613"/>
      <c r="FT671" s="613"/>
      <c r="FU671" s="613"/>
      <c r="FV671" s="613"/>
      <c r="FW671" s="613"/>
      <c r="FX671" s="613"/>
      <c r="FY671" s="613"/>
      <c r="FZ671" s="613"/>
      <c r="GA671" s="613"/>
      <c r="GB671" s="613"/>
      <c r="GC671" s="613"/>
      <c r="GD671" s="613"/>
      <c r="GE671" s="613"/>
      <c r="GF671" s="613"/>
      <c r="GG671" s="613"/>
      <c r="GH671" s="613"/>
      <c r="GI671" s="613"/>
      <c r="GJ671" s="613"/>
      <c r="GK671" s="613"/>
      <c r="GL671" s="613"/>
      <c r="GM671" s="613"/>
      <c r="GN671" s="613"/>
      <c r="GO671" s="613"/>
      <c r="GP671" s="613"/>
      <c r="GQ671" s="613"/>
      <c r="GR671" s="613"/>
      <c r="GS671" s="613"/>
      <c r="GT671" s="613"/>
      <c r="GU671" s="613"/>
      <c r="GV671" s="613"/>
      <c r="GW671" s="613"/>
      <c r="GX671" s="613"/>
      <c r="GY671" s="613"/>
      <c r="GZ671" s="613"/>
      <c r="HA671" s="613"/>
      <c r="HB671" s="613"/>
      <c r="HC671" s="613"/>
      <c r="HD671" s="613"/>
      <c r="HE671" s="613"/>
      <c r="HF671" s="613"/>
      <c r="HG671" s="613"/>
      <c r="HH671" s="613"/>
      <c r="HI671" s="613"/>
      <c r="HJ671" s="613"/>
      <c r="HK671" s="613"/>
      <c r="HL671" s="613"/>
      <c r="HM671" s="613"/>
      <c r="HN671" s="613"/>
      <c r="HO671" s="613"/>
      <c r="HP671" s="613"/>
      <c r="HQ671" s="613"/>
      <c r="HR671" s="613"/>
      <c r="HS671" s="613"/>
      <c r="HT671" s="613"/>
      <c r="HU671" s="613"/>
      <c r="HV671" s="613"/>
      <c r="HW671" s="613"/>
      <c r="HX671" s="613"/>
      <c r="HY671" s="613"/>
      <c r="HZ671" s="613"/>
      <c r="IA671" s="613"/>
      <c r="IB671" s="613"/>
      <c r="IC671" s="613"/>
      <c r="ID671" s="613"/>
      <c r="IE671" s="613"/>
      <c r="IF671" s="613"/>
      <c r="IG671" s="613"/>
      <c r="IH671" s="613"/>
      <c r="II671" s="613"/>
      <c r="IJ671" s="613"/>
      <c r="IK671" s="613"/>
      <c r="IL671" s="613"/>
      <c r="IM671" s="613"/>
      <c r="IN671" s="613"/>
      <c r="IO671" s="613"/>
      <c r="IP671" s="613"/>
      <c r="IQ671" s="613"/>
      <c r="IR671" s="613"/>
      <c r="IS671" s="613"/>
      <c r="IT671" s="613"/>
      <c r="IU671" s="613"/>
      <c r="IV671" s="613"/>
      <c r="IW671" s="613"/>
      <c r="IX671" s="613"/>
      <c r="IY671" s="613"/>
      <c r="IZ671" s="613"/>
      <c r="JA671" s="613"/>
      <c r="JB671" s="613"/>
      <c r="JC671" s="613"/>
      <c r="JD671" s="613"/>
      <c r="JE671" s="613"/>
      <c r="JF671" s="613"/>
      <c r="JG671" s="613"/>
      <c r="JH671" s="613"/>
      <c r="JI671" s="613"/>
      <c r="JJ671" s="613"/>
      <c r="JK671" s="613"/>
      <c r="JL671" s="613"/>
      <c r="JM671" s="613"/>
      <c r="JN671" s="613"/>
      <c r="JO671" s="613"/>
      <c r="JP671" s="613"/>
      <c r="JQ671" s="613"/>
      <c r="JR671" s="613"/>
      <c r="JS671" s="613"/>
      <c r="JT671" s="613"/>
      <c r="JU671" s="613"/>
      <c r="JV671" s="613"/>
      <c r="JW671" s="613"/>
      <c r="JX671" s="613"/>
      <c r="JY671" s="613"/>
      <c r="JZ671" s="613"/>
      <c r="KA671" s="613"/>
      <c r="KB671" s="613"/>
      <c r="KC671" s="613"/>
      <c r="KD671" s="613"/>
      <c r="KE671" s="613"/>
      <c r="KF671" s="613"/>
      <c r="KG671" s="613"/>
      <c r="KH671" s="613"/>
      <c r="KI671" s="613"/>
      <c r="KJ671" s="613"/>
      <c r="KK671" s="613"/>
      <c r="KL671" s="613"/>
      <c r="KM671" s="613"/>
      <c r="KN671" s="613"/>
      <c r="KO671" s="613"/>
      <c r="KP671" s="613"/>
      <c r="KQ671" s="613"/>
      <c r="KR671" s="613"/>
      <c r="KS671" s="613"/>
      <c r="KT671" s="613"/>
      <c r="KU671" s="613"/>
      <c r="KV671" s="613"/>
      <c r="KW671" s="613"/>
      <c r="KX671" s="613"/>
      <c r="KY671" s="613"/>
      <c r="KZ671" s="613"/>
      <c r="LA671" s="613"/>
      <c r="LB671" s="613"/>
      <c r="LC671" s="613"/>
      <c r="LD671" s="613"/>
      <c r="LE671" s="613"/>
      <c r="LF671" s="613"/>
      <c r="LG671" s="613"/>
      <c r="LH671" s="613"/>
      <c r="LI671" s="613"/>
      <c r="LJ671" s="613"/>
      <c r="LK671" s="613"/>
      <c r="LL671" s="613"/>
      <c r="LM671" s="613"/>
      <c r="LN671" s="613"/>
      <c r="LO671" s="613"/>
      <c r="LP671" s="613"/>
      <c r="LQ671" s="613"/>
      <c r="LR671" s="613"/>
      <c r="LS671" s="613"/>
      <c r="LT671" s="613"/>
      <c r="LU671" s="613"/>
      <c r="LV671" s="613"/>
      <c r="LW671" s="613"/>
      <c r="LX671" s="613"/>
      <c r="LY671" s="613"/>
      <c r="LZ671" s="613"/>
      <c r="MA671" s="613"/>
      <c r="MB671" s="613"/>
      <c r="MC671" s="613"/>
      <c r="MD671" s="613"/>
      <c r="ME671" s="613"/>
      <c r="MF671" s="613"/>
      <c r="MG671" s="613"/>
      <c r="MH671" s="613"/>
      <c r="MI671" s="613"/>
      <c r="MJ671" s="613"/>
      <c r="MK671" s="613"/>
      <c r="ML671" s="613"/>
      <c r="MM671" s="613"/>
      <c r="MN671" s="613"/>
      <c r="MO671" s="613"/>
      <c r="MP671" s="613"/>
      <c r="MQ671" s="613"/>
      <c r="MR671" s="613"/>
      <c r="MS671" s="613"/>
      <c r="MT671" s="613"/>
      <c r="MU671" s="613"/>
      <c r="MV671" s="613"/>
      <c r="MW671" s="613"/>
      <c r="MX671" s="613"/>
      <c r="MY671" s="613"/>
      <c r="MZ671" s="613"/>
      <c r="NA671" s="613"/>
      <c r="NB671" s="613"/>
      <c r="NC671" s="613"/>
      <c r="ND671" s="613"/>
      <c r="NE671" s="613"/>
      <c r="NF671" s="613"/>
      <c r="NG671" s="613"/>
      <c r="NH671" s="613"/>
      <c r="NI671" s="613"/>
      <c r="NJ671" s="613"/>
      <c r="NK671" s="613"/>
      <c r="NL671" s="613"/>
      <c r="NM671" s="613"/>
      <c r="NN671" s="613"/>
      <c r="NO671" s="613"/>
      <c r="NP671" s="613"/>
      <c r="NQ671" s="613"/>
      <c r="NR671" s="613"/>
      <c r="NS671" s="613"/>
      <c r="NT671" s="613"/>
      <c r="NU671" s="613"/>
      <c r="NV671" s="613"/>
      <c r="NW671" s="613"/>
      <c r="NX671" s="613"/>
      <c r="NY671" s="613"/>
      <c r="NZ671" s="613"/>
      <c r="OA671" s="613"/>
      <c r="OB671" s="613"/>
      <c r="OC671" s="613"/>
      <c r="OD671" s="613"/>
      <c r="OE671" s="613"/>
      <c r="OF671" s="613"/>
      <c r="OG671" s="613"/>
      <c r="OH671" s="613"/>
      <c r="OI671" s="613"/>
      <c r="OJ671" s="613"/>
      <c r="OK671" s="613"/>
      <c r="OL671" s="613"/>
      <c r="OM671" s="613"/>
      <c r="ON671" s="613"/>
      <c r="OO671" s="613"/>
      <c r="OP671" s="613"/>
      <c r="OQ671" s="613"/>
      <c r="OR671" s="613"/>
      <c r="OS671" s="613"/>
      <c r="OT671" s="613"/>
      <c r="OU671" s="613"/>
      <c r="OV671" s="613"/>
      <c r="OW671" s="613"/>
      <c r="OX671" s="613"/>
      <c r="OY671" s="613"/>
      <c r="OZ671" s="613"/>
      <c r="PA671" s="613"/>
      <c r="PB671" s="613"/>
      <c r="PC671" s="613"/>
      <c r="PD671" s="613"/>
      <c r="PE671" s="613"/>
      <c r="PF671" s="613"/>
      <c r="PG671" s="613"/>
      <c r="PH671" s="613"/>
      <c r="PI671" s="613"/>
      <c r="PJ671" s="613"/>
      <c r="PK671" s="613"/>
      <c r="PL671" s="613"/>
      <c r="PM671" s="613"/>
      <c r="PN671" s="613"/>
      <c r="PO671" s="613"/>
      <c r="PP671" s="613"/>
      <c r="PQ671" s="613"/>
      <c r="PR671" s="613"/>
      <c r="PS671" s="613"/>
      <c r="PT671" s="613"/>
      <c r="PU671" s="613"/>
      <c r="PV671" s="613"/>
      <c r="PW671" s="613"/>
      <c r="PX671" s="613"/>
      <c r="PY671" s="613"/>
      <c r="PZ671" s="613"/>
      <c r="QA671" s="613"/>
      <c r="QB671" s="613"/>
      <c r="QC671" s="613"/>
      <c r="QD671" s="613"/>
      <c r="QE671" s="613"/>
      <c r="QF671" s="613"/>
      <c r="QG671" s="613"/>
      <c r="QH671" s="613"/>
      <c r="QI671" s="613"/>
      <c r="QJ671" s="613"/>
      <c r="QK671" s="613"/>
      <c r="QL671" s="613"/>
      <c r="QM671" s="613"/>
      <c r="QN671" s="613"/>
      <c r="QO671" s="613"/>
      <c r="QP671" s="613"/>
      <c r="QQ671" s="613"/>
      <c r="QR671" s="613"/>
      <c r="QS671" s="613"/>
      <c r="QT671" s="613"/>
      <c r="QU671" s="613"/>
      <c r="QV671" s="613"/>
      <c r="QW671" s="613"/>
      <c r="QX671" s="613"/>
      <c r="QY671" s="613"/>
      <c r="QZ671" s="613"/>
      <c r="RA671" s="613"/>
      <c r="RB671" s="613"/>
      <c r="RC671" s="613"/>
      <c r="RD671" s="613"/>
      <c r="RE671" s="613"/>
      <c r="RF671" s="613"/>
      <c r="RG671" s="613"/>
      <c r="RH671" s="613"/>
      <c r="RI671" s="613"/>
      <c r="RJ671" s="613"/>
      <c r="RK671" s="613"/>
      <c r="RL671" s="613"/>
      <c r="RM671" s="613"/>
      <c r="RN671" s="613"/>
      <c r="RO671" s="613"/>
      <c r="RP671" s="613"/>
      <c r="RQ671" s="613"/>
      <c r="RR671" s="613"/>
      <c r="RS671" s="613"/>
      <c r="RT671" s="613"/>
      <c r="RU671" s="613"/>
      <c r="RV671" s="613"/>
      <c r="RW671" s="613"/>
      <c r="RX671" s="613"/>
      <c r="RY671" s="613"/>
      <c r="RZ671" s="613"/>
      <c r="SA671" s="613"/>
      <c r="SB671" s="613"/>
      <c r="SC671" s="613"/>
      <c r="SD671" s="613"/>
      <c r="SE671" s="613"/>
      <c r="SF671" s="613"/>
      <c r="SG671" s="613"/>
      <c r="SH671" s="613"/>
      <c r="SI671" s="613"/>
      <c r="SJ671" s="613"/>
      <c r="SK671" s="613"/>
      <c r="SL671" s="613"/>
      <c r="SM671" s="613"/>
      <c r="SN671" s="613"/>
      <c r="SO671" s="613"/>
      <c r="SP671" s="613"/>
      <c r="SQ671" s="613"/>
      <c r="SR671" s="613"/>
      <c r="SS671" s="613"/>
      <c r="ST671" s="613"/>
      <c r="SU671" s="613"/>
      <c r="SV671" s="613"/>
      <c r="SW671" s="613"/>
      <c r="SX671" s="613"/>
      <c r="SY671" s="613"/>
      <c r="SZ671" s="613"/>
      <c r="TA671" s="613"/>
      <c r="TB671" s="613"/>
      <c r="TC671" s="613"/>
      <c r="TD671" s="613"/>
      <c r="TE671" s="613"/>
      <c r="TF671" s="613"/>
      <c r="TG671" s="613"/>
      <c r="TH671" s="613"/>
      <c r="TI671" s="613"/>
      <c r="TJ671" s="613"/>
      <c r="TK671" s="613"/>
      <c r="TL671" s="613"/>
      <c r="TM671" s="613"/>
      <c r="TN671" s="613"/>
      <c r="TO671" s="613"/>
      <c r="TP671" s="613"/>
      <c r="TQ671" s="613"/>
      <c r="TR671" s="613"/>
      <c r="TS671" s="613"/>
      <c r="TT671" s="613"/>
      <c r="TU671" s="613"/>
      <c r="TV671" s="613"/>
      <c r="TW671" s="613"/>
      <c r="TX671" s="613"/>
      <c r="TY671" s="613"/>
      <c r="TZ671" s="613"/>
      <c r="UA671" s="613"/>
      <c r="UB671" s="613"/>
      <c r="UC671" s="613"/>
      <c r="UD671" s="613"/>
      <c r="UE671" s="613"/>
      <c r="UF671" s="613"/>
      <c r="UG671" s="613"/>
      <c r="UH671" s="613"/>
      <c r="UI671" s="613"/>
      <c r="UJ671" s="613"/>
      <c r="UK671" s="613"/>
      <c r="UL671" s="613"/>
      <c r="UM671" s="613"/>
      <c r="UN671" s="613"/>
      <c r="UO671" s="613"/>
      <c r="UP671" s="613"/>
      <c r="UQ671" s="613"/>
      <c r="UR671" s="613"/>
      <c r="US671" s="613"/>
      <c r="UT671" s="613"/>
      <c r="UU671" s="613"/>
      <c r="UV671" s="613"/>
      <c r="UW671" s="613"/>
      <c r="UX671" s="613"/>
      <c r="UY671" s="613"/>
      <c r="UZ671" s="613"/>
      <c r="VA671" s="613"/>
      <c r="VB671" s="613"/>
      <c r="VC671" s="613"/>
      <c r="VD671" s="613"/>
      <c r="VE671" s="613"/>
      <c r="VF671" s="613"/>
      <c r="VG671" s="613"/>
      <c r="VH671" s="613"/>
      <c r="VI671" s="613"/>
      <c r="VJ671" s="613"/>
      <c r="VK671" s="613"/>
      <c r="VL671" s="613"/>
      <c r="VM671" s="613"/>
      <c r="VN671" s="613"/>
      <c r="VO671" s="613"/>
      <c r="VP671" s="613"/>
      <c r="VQ671" s="613"/>
      <c r="VR671" s="613"/>
      <c r="VS671" s="613"/>
      <c r="VT671" s="613"/>
      <c r="VU671" s="613"/>
      <c r="VV671" s="613"/>
      <c r="VW671" s="613"/>
      <c r="VX671" s="613"/>
      <c r="VY671" s="613"/>
      <c r="VZ671" s="613"/>
      <c r="WA671" s="613"/>
      <c r="WB671" s="613"/>
      <c r="WC671" s="613"/>
      <c r="WD671" s="613"/>
      <c r="WE671" s="613"/>
      <c r="WF671" s="613"/>
      <c r="WG671" s="613"/>
      <c r="WH671" s="613"/>
      <c r="WI671" s="613"/>
      <c r="WJ671" s="613"/>
      <c r="WK671" s="613"/>
      <c r="WL671" s="613"/>
      <c r="WM671" s="613"/>
      <c r="WN671" s="613"/>
      <c r="WO671" s="613"/>
      <c r="WP671" s="613"/>
      <c r="WQ671" s="613"/>
      <c r="WR671" s="613"/>
      <c r="WS671" s="613"/>
      <c r="WT671" s="613"/>
      <c r="WU671" s="613"/>
      <c r="WV671" s="613"/>
      <c r="WW671" s="613"/>
      <c r="WX671" s="613"/>
      <c r="WY671" s="613"/>
      <c r="WZ671" s="613"/>
      <c r="XA671" s="613"/>
      <c r="XB671" s="613"/>
      <c r="XC671" s="613"/>
      <c r="XD671" s="613"/>
      <c r="XE671" s="613"/>
      <c r="XF671" s="613"/>
      <c r="XG671" s="613"/>
      <c r="XH671" s="613"/>
      <c r="XI671" s="613"/>
      <c r="XJ671" s="613"/>
      <c r="XK671" s="613"/>
      <c r="XL671" s="613"/>
      <c r="XM671" s="613"/>
      <c r="XN671" s="613"/>
      <c r="XO671" s="613"/>
      <c r="XP671" s="613"/>
      <c r="XQ671" s="613"/>
      <c r="XR671" s="613"/>
      <c r="XS671" s="613"/>
      <c r="XT671" s="613"/>
      <c r="XU671" s="613"/>
      <c r="XV671" s="613"/>
      <c r="XW671" s="613"/>
      <c r="XX671" s="613"/>
      <c r="XY671" s="613"/>
      <c r="XZ671" s="613"/>
      <c r="YA671" s="613"/>
      <c r="YB671" s="613"/>
      <c r="YC671" s="613"/>
      <c r="YD671" s="613"/>
      <c r="YE671" s="613"/>
      <c r="YF671" s="613"/>
      <c r="YG671" s="613"/>
      <c r="YH671" s="613"/>
      <c r="YI671" s="613"/>
      <c r="YJ671" s="613"/>
      <c r="YK671" s="613"/>
      <c r="YL671" s="613"/>
      <c r="YM671" s="613"/>
      <c r="YN671" s="613"/>
      <c r="YO671" s="613"/>
      <c r="YP671" s="613"/>
      <c r="YQ671" s="613"/>
      <c r="YR671" s="613"/>
      <c r="YS671" s="613"/>
      <c r="YT671" s="613"/>
      <c r="YU671" s="613"/>
      <c r="YV671" s="613"/>
      <c r="YW671" s="613"/>
      <c r="YX671" s="613"/>
      <c r="YY671" s="613"/>
      <c r="YZ671" s="613"/>
      <c r="ZA671" s="613"/>
      <c r="ZB671" s="613"/>
      <c r="ZC671" s="613"/>
      <c r="ZD671" s="613"/>
      <c r="ZE671" s="613"/>
      <c r="ZF671" s="613"/>
      <c r="ZG671" s="613"/>
      <c r="ZH671" s="613"/>
      <c r="ZI671" s="613"/>
      <c r="ZJ671" s="613"/>
      <c r="ZK671" s="613"/>
      <c r="ZL671" s="613"/>
      <c r="ZM671" s="613"/>
      <c r="ZN671" s="613"/>
      <c r="ZO671" s="613"/>
      <c r="ZP671" s="613"/>
      <c r="ZQ671" s="613"/>
      <c r="ZR671" s="613"/>
      <c r="ZS671" s="613"/>
      <c r="ZT671" s="613"/>
      <c r="ZU671" s="613"/>
      <c r="ZV671" s="613"/>
      <c r="ZW671" s="613"/>
      <c r="ZX671" s="613"/>
      <c r="ZY671" s="613"/>
      <c r="ZZ671" s="613"/>
      <c r="AAA671" s="613"/>
      <c r="AAB671" s="613"/>
      <c r="AAC671" s="613"/>
      <c r="AAD671" s="613"/>
      <c r="AAE671" s="613"/>
      <c r="AAF671" s="613"/>
      <c r="AAG671" s="613"/>
      <c r="AAH671" s="613"/>
      <c r="AAI671" s="613"/>
      <c r="AAJ671" s="613"/>
      <c r="AAK671" s="613"/>
      <c r="AAL671" s="613"/>
      <c r="AAM671" s="613"/>
      <c r="AAN671" s="613"/>
      <c r="AAO671" s="613"/>
      <c r="AAP671" s="613"/>
      <c r="AAQ671" s="613"/>
      <c r="AAR671" s="613"/>
      <c r="AAS671" s="613"/>
      <c r="AAT671" s="613"/>
      <c r="AAU671" s="613"/>
      <c r="AAV671" s="613"/>
      <c r="AAW671" s="613"/>
      <c r="AAX671" s="613"/>
      <c r="AAY671" s="613"/>
      <c r="AAZ671" s="613"/>
      <c r="ABA671" s="613"/>
      <c r="ABB671" s="613"/>
      <c r="ABC671" s="613"/>
      <c r="ABD671" s="613"/>
      <c r="ABE671" s="613"/>
      <c r="ABF671" s="613"/>
      <c r="ABG671" s="613"/>
      <c r="ABH671" s="613"/>
      <c r="ABI671" s="613"/>
      <c r="ABJ671" s="613"/>
      <c r="ABK671" s="613"/>
      <c r="ABL671" s="613"/>
      <c r="ABM671" s="613"/>
      <c r="ABN671" s="613"/>
      <c r="ABO671" s="613"/>
      <c r="ABP671" s="613"/>
      <c r="ABQ671" s="613"/>
      <c r="ABR671" s="613"/>
      <c r="ABS671" s="613"/>
      <c r="ABT671" s="613"/>
      <c r="ABU671" s="613"/>
      <c r="ABV671" s="613"/>
      <c r="ABW671" s="613"/>
      <c r="ABX671" s="613"/>
      <c r="ABY671" s="613"/>
      <c r="ABZ671" s="613"/>
      <c r="ACA671" s="613"/>
      <c r="ACB671" s="613"/>
      <c r="ACC671" s="613"/>
      <c r="ACD671" s="613"/>
      <c r="ACE671" s="613"/>
      <c r="ACF671" s="613"/>
      <c r="ACG671" s="613"/>
      <c r="ACH671" s="613"/>
      <c r="ACI671" s="613"/>
      <c r="ACJ671" s="613"/>
      <c r="ACK671" s="613"/>
      <c r="ACL671" s="613"/>
      <c r="ACM671" s="613"/>
      <c r="ACN671" s="613"/>
      <c r="ACO671" s="613"/>
      <c r="ACP671" s="613"/>
      <c r="ACQ671" s="613"/>
      <c r="ACR671" s="613"/>
      <c r="ACS671" s="613"/>
      <c r="ACT671" s="613"/>
      <c r="ACU671" s="613"/>
      <c r="ACV671" s="613"/>
      <c r="ACW671" s="613"/>
      <c r="ACX671" s="613"/>
      <c r="ACY671" s="613"/>
      <c r="ACZ671" s="613"/>
      <c r="ADA671" s="613"/>
      <c r="ADB671" s="613"/>
      <c r="ADC671" s="613"/>
      <c r="ADD671" s="613"/>
      <c r="ADE671" s="613"/>
      <c r="ADF671" s="613"/>
      <c r="ADG671" s="613"/>
      <c r="ADH671" s="613"/>
      <c r="ADI671" s="613"/>
      <c r="ADJ671" s="613"/>
      <c r="ADK671" s="613"/>
      <c r="ADL671" s="613"/>
      <c r="ADM671" s="613"/>
      <c r="ADN671" s="613"/>
      <c r="ADO671" s="613"/>
      <c r="ADP671" s="613"/>
      <c r="ADQ671" s="613"/>
      <c r="ADR671" s="613"/>
      <c r="ADS671" s="613"/>
      <c r="ADT671" s="613"/>
      <c r="ADU671" s="613"/>
      <c r="ADV671" s="613"/>
      <c r="ADW671" s="613"/>
      <c r="ADX671" s="613"/>
      <c r="ADY671" s="613"/>
      <c r="ADZ671" s="613"/>
      <c r="AEA671" s="613"/>
      <c r="AEB671" s="613"/>
      <c r="AEC671" s="613"/>
      <c r="AED671" s="613"/>
      <c r="AEE671" s="613"/>
      <c r="AEF671" s="613"/>
      <c r="AEG671" s="613"/>
      <c r="AEH671" s="613"/>
      <c r="AEI671" s="613"/>
      <c r="AEJ671" s="613"/>
      <c r="AEK671" s="613"/>
      <c r="AEL671" s="613"/>
      <c r="AEM671" s="613"/>
      <c r="AEN671" s="613"/>
      <c r="AEO671" s="613"/>
      <c r="AEP671" s="613"/>
      <c r="AEQ671" s="613"/>
      <c r="AER671" s="613"/>
      <c r="AES671" s="613"/>
      <c r="AET671" s="613"/>
      <c r="AEU671" s="613"/>
      <c r="AEV671" s="613"/>
      <c r="AEW671" s="613"/>
      <c r="AEX671" s="613"/>
      <c r="AEY671" s="613"/>
      <c r="AEZ671" s="613"/>
      <c r="AFA671" s="613"/>
      <c r="AFB671" s="613"/>
      <c r="AFC671" s="613"/>
      <c r="AFD671" s="613"/>
      <c r="AFE671" s="613"/>
      <c r="AFF671" s="613"/>
      <c r="AFG671" s="613"/>
      <c r="AFH671" s="613"/>
      <c r="AFI671" s="613"/>
      <c r="AFJ671" s="613"/>
      <c r="AFK671" s="613"/>
      <c r="AFL671" s="613"/>
      <c r="AFM671" s="613"/>
      <c r="AFN671" s="613"/>
      <c r="AFO671" s="613"/>
      <c r="AFP671" s="613"/>
      <c r="AFQ671" s="613"/>
      <c r="AFR671" s="613"/>
      <c r="AFS671" s="613"/>
      <c r="AFT671" s="613"/>
      <c r="AFU671" s="613"/>
      <c r="AFV671" s="613"/>
      <c r="AFW671" s="613"/>
      <c r="AFX671" s="613"/>
      <c r="AFY671" s="613"/>
      <c r="AFZ671" s="613"/>
      <c r="AGA671" s="613"/>
      <c r="AGB671" s="613"/>
      <c r="AGC671" s="613"/>
      <c r="AGD671" s="613"/>
      <c r="AGE671" s="613"/>
      <c r="AGF671" s="613"/>
      <c r="AGG671" s="613"/>
      <c r="AGH671" s="613"/>
      <c r="AGI671" s="613"/>
      <c r="AGJ671" s="613"/>
      <c r="AGK671" s="613"/>
      <c r="AGL671" s="613"/>
      <c r="AGM671" s="613"/>
      <c r="AGN671" s="613"/>
      <c r="AGO671" s="613"/>
      <c r="AGP671" s="613"/>
      <c r="AGQ671" s="613"/>
      <c r="AGR671" s="613"/>
      <c r="AGS671" s="613"/>
      <c r="AGT671" s="613"/>
      <c r="AGU671" s="613"/>
      <c r="AGV671" s="613"/>
      <c r="AGW671" s="613"/>
      <c r="AGX671" s="613"/>
      <c r="AGY671" s="613"/>
      <c r="AGZ671" s="613"/>
      <c r="AHA671" s="613"/>
      <c r="AHB671" s="613"/>
      <c r="AHC671" s="613"/>
      <c r="AHD671" s="613"/>
      <c r="AHE671" s="613"/>
      <c r="AHF671" s="613"/>
      <c r="AHG671" s="613"/>
      <c r="AHH671" s="613"/>
      <c r="AHI671" s="613"/>
      <c r="AHJ671" s="613"/>
      <c r="AHK671" s="613"/>
      <c r="AHL671" s="613"/>
      <c r="AHM671" s="613"/>
      <c r="AHN671" s="613"/>
      <c r="AHO671" s="613"/>
      <c r="AHP671" s="613"/>
      <c r="AHQ671" s="613"/>
      <c r="AHR671" s="613"/>
      <c r="AHS671" s="613"/>
      <c r="AHT671" s="613"/>
      <c r="AHU671" s="613"/>
      <c r="AHV671" s="613"/>
      <c r="AHW671" s="613"/>
      <c r="AHX671" s="613"/>
      <c r="AHY671" s="613"/>
      <c r="AHZ671" s="613"/>
      <c r="AIA671" s="613"/>
      <c r="AIB671" s="613"/>
      <c r="AIC671" s="613"/>
      <c r="AID671" s="613"/>
      <c r="AIE671" s="613"/>
      <c r="AIF671" s="613"/>
      <c r="AIG671" s="613"/>
      <c r="AIH671" s="613"/>
      <c r="AII671" s="613"/>
      <c r="AIJ671" s="613"/>
      <c r="AIK671" s="613"/>
      <c r="AIL671" s="613"/>
      <c r="AIM671" s="613"/>
      <c r="AIN671" s="613"/>
      <c r="AIO671" s="613"/>
      <c r="AIP671" s="613"/>
      <c r="AIQ671" s="613"/>
      <c r="AIR671" s="613"/>
      <c r="AIS671" s="613"/>
      <c r="AIT671" s="613"/>
      <c r="AIU671" s="613"/>
      <c r="AIV671" s="613"/>
      <c r="AIW671" s="613"/>
      <c r="AIX671" s="613"/>
      <c r="AIY671" s="613"/>
      <c r="AIZ671" s="613"/>
      <c r="AJA671" s="613"/>
      <c r="AJB671" s="613"/>
      <c r="AJC671" s="613"/>
      <c r="AJD671" s="613"/>
      <c r="AJE671" s="613"/>
      <c r="AJF671" s="613"/>
      <c r="AJG671" s="613"/>
      <c r="AJH671" s="613"/>
      <c r="AJI671" s="613"/>
      <c r="AJJ671" s="613"/>
      <c r="AJK671" s="613"/>
      <c r="AJL671" s="613"/>
      <c r="AJM671" s="613"/>
      <c r="AJN671" s="613"/>
      <c r="AJO671" s="613"/>
      <c r="AJP671" s="613"/>
      <c r="AJQ671" s="613"/>
      <c r="AJR671" s="613"/>
      <c r="AJS671" s="613"/>
      <c r="AJT671" s="613"/>
      <c r="AJU671" s="613"/>
      <c r="AJV671" s="613"/>
      <c r="AJW671" s="613"/>
      <c r="AJX671" s="613"/>
      <c r="AJY671" s="613"/>
      <c r="AJZ671" s="613"/>
      <c r="AKA671" s="613"/>
      <c r="AKB671" s="613"/>
      <c r="AKC671" s="613"/>
      <c r="AKD671" s="613"/>
      <c r="AKE671" s="613"/>
      <c r="AKF671" s="613"/>
      <c r="AKG671" s="613"/>
      <c r="AKH671" s="613"/>
      <c r="AKI671" s="613"/>
      <c r="AKJ671" s="613"/>
      <c r="AKK671" s="613"/>
      <c r="AKL671" s="613"/>
      <c r="AKM671" s="613"/>
      <c r="AKN671" s="613"/>
      <c r="AKO671" s="613"/>
      <c r="AKP671" s="613"/>
      <c r="AKQ671" s="613"/>
      <c r="AKR671" s="613"/>
      <c r="AKS671" s="613"/>
      <c r="AKT671" s="613"/>
      <c r="AKU671" s="613"/>
      <c r="AKV671" s="613"/>
      <c r="AKW671" s="613"/>
      <c r="AKX671" s="613"/>
      <c r="AKY671" s="613"/>
      <c r="AKZ671" s="613"/>
      <c r="ALA671" s="613"/>
      <c r="ALB671" s="613"/>
      <c r="ALC671" s="613"/>
      <c r="ALD671" s="613"/>
      <c r="ALE671" s="613"/>
      <c r="ALF671" s="613"/>
      <c r="ALG671" s="613"/>
      <c r="ALH671" s="613"/>
      <c r="ALI671" s="613"/>
      <c r="ALJ671" s="613"/>
      <c r="ALK671" s="613"/>
      <c r="ALL671" s="613"/>
      <c r="ALM671" s="613"/>
      <c r="ALN671" s="613"/>
      <c r="ALO671" s="613"/>
      <c r="ALP671" s="613"/>
      <c r="ALQ671" s="613"/>
      <c r="ALR671" s="613"/>
      <c r="ALS671" s="613"/>
      <c r="ALT671" s="613"/>
      <c r="ALU671" s="613"/>
      <c r="ALV671" s="613"/>
      <c r="ALW671" s="613"/>
      <c r="ALX671" s="613"/>
      <c r="ALY671" s="613"/>
      <c r="ALZ671" s="613"/>
      <c r="AMA671" s="613"/>
      <c r="AMB671" s="613"/>
      <c r="AMC671" s="613"/>
      <c r="AMD671" s="613"/>
      <c r="AME671" s="613"/>
      <c r="AMF671" s="613"/>
      <c r="AMG671" s="613"/>
      <c r="AMH671" s="613"/>
      <c r="AMI671" s="613"/>
      <c r="AMJ671" s="613"/>
      <c r="AMK671" s="613"/>
      <c r="AML671" s="613"/>
      <c r="AMM671" s="613"/>
      <c r="AMN671" s="613"/>
      <c r="AMO671" s="613"/>
      <c r="AMP671" s="613"/>
      <c r="AMQ671" s="613"/>
      <c r="AMR671" s="613"/>
      <c r="AMS671" s="613"/>
      <c r="AMT671" s="613"/>
      <c r="AMU671" s="613"/>
      <c r="AMV671" s="613"/>
      <c r="AMW671" s="613"/>
      <c r="AMX671" s="613"/>
      <c r="AMY671" s="613"/>
      <c r="AMZ671" s="613"/>
      <c r="ANA671" s="613"/>
      <c r="ANB671" s="613"/>
      <c r="ANC671" s="613"/>
      <c r="AND671" s="613"/>
      <c r="ANE671" s="613"/>
      <c r="ANF671" s="613"/>
      <c r="ANG671" s="613"/>
      <c r="ANH671" s="613"/>
      <c r="ANI671" s="613"/>
      <c r="ANJ671" s="613"/>
      <c r="ANK671" s="613"/>
      <c r="ANL671" s="613"/>
      <c r="ANM671" s="613"/>
      <c r="ANN671" s="613"/>
      <c r="ANO671" s="613"/>
      <c r="ANP671" s="613"/>
      <c r="ANQ671" s="613"/>
      <c r="ANR671" s="613"/>
      <c r="ANS671" s="613"/>
      <c r="ANT671" s="613"/>
      <c r="ANU671" s="613"/>
      <c r="ANV671" s="613"/>
      <c r="ANW671" s="613"/>
      <c r="ANX671" s="613"/>
      <c r="ANY671" s="613"/>
      <c r="ANZ671" s="613"/>
      <c r="AOA671" s="613"/>
      <c r="AOB671" s="613"/>
      <c r="AOC671" s="613"/>
      <c r="AOD671" s="613"/>
      <c r="AOE671" s="613"/>
      <c r="AOF671" s="613"/>
      <c r="AOG671" s="613"/>
      <c r="AOH671" s="613"/>
      <c r="AOI671" s="613"/>
      <c r="AOJ671" s="613"/>
      <c r="AOK671" s="613"/>
      <c r="AOL671" s="613"/>
      <c r="AOM671" s="613"/>
      <c r="AON671" s="613"/>
      <c r="AOO671" s="613"/>
      <c r="AOP671" s="613"/>
      <c r="AOQ671" s="613"/>
      <c r="AOR671" s="613"/>
      <c r="AOS671" s="613"/>
      <c r="AOT671" s="613"/>
      <c r="AOU671" s="613"/>
      <c r="AOV671" s="613"/>
      <c r="AOW671" s="613"/>
      <c r="AOX671" s="613"/>
      <c r="AOY671" s="613"/>
      <c r="AOZ671" s="613"/>
      <c r="APA671" s="613"/>
      <c r="APB671" s="613"/>
      <c r="APC671" s="613"/>
      <c r="APD671" s="613"/>
      <c r="APE671" s="613"/>
      <c r="APF671" s="613"/>
      <c r="APG671" s="613"/>
      <c r="APH671" s="613"/>
      <c r="API671" s="613"/>
      <c r="APJ671" s="613"/>
      <c r="APK671" s="613"/>
      <c r="APL671" s="613"/>
      <c r="APM671" s="613"/>
      <c r="APN671" s="613"/>
      <c r="APO671" s="613"/>
      <c r="APP671" s="613"/>
      <c r="APQ671" s="613"/>
      <c r="APR671" s="613"/>
      <c r="APS671" s="613"/>
      <c r="APT671" s="613"/>
      <c r="APU671" s="613"/>
      <c r="APV671" s="613"/>
      <c r="APW671" s="613"/>
      <c r="APX671" s="613"/>
      <c r="APY671" s="613"/>
      <c r="APZ671" s="613"/>
      <c r="AQA671" s="613"/>
      <c r="AQB671" s="613"/>
      <c r="AQC671" s="613"/>
      <c r="AQD671" s="613"/>
      <c r="AQE671" s="613"/>
      <c r="AQF671" s="613"/>
      <c r="AQG671" s="613"/>
      <c r="AQH671" s="613"/>
      <c r="AQI671" s="613"/>
      <c r="AQJ671" s="613"/>
      <c r="AQK671" s="613"/>
      <c r="AQL671" s="613"/>
      <c r="AQM671" s="613"/>
      <c r="AQN671" s="613"/>
      <c r="AQO671" s="613"/>
      <c r="AQP671" s="613"/>
      <c r="AQQ671" s="613"/>
      <c r="AQR671" s="613"/>
      <c r="AQS671" s="613"/>
      <c r="AQT671" s="613"/>
      <c r="AQU671" s="613"/>
      <c r="AQV671" s="613"/>
      <c r="AQW671" s="613"/>
      <c r="AQX671" s="613"/>
      <c r="AQY671" s="613"/>
      <c r="AQZ671" s="613"/>
      <c r="ARA671" s="613"/>
      <c r="ARB671" s="613"/>
      <c r="ARC671" s="613"/>
      <c r="ARD671" s="613"/>
      <c r="ARE671" s="613"/>
      <c r="ARF671" s="613"/>
      <c r="ARG671" s="613"/>
      <c r="ARH671" s="613"/>
      <c r="ARI671" s="613"/>
      <c r="ARJ671" s="613"/>
      <c r="ARK671" s="613"/>
      <c r="ARL671" s="613"/>
      <c r="ARM671" s="613"/>
      <c r="ARN671" s="613"/>
      <c r="ARO671" s="613"/>
      <c r="ARP671" s="613"/>
      <c r="ARQ671" s="613"/>
      <c r="ARR671" s="613"/>
      <c r="ARS671" s="613"/>
      <c r="ART671" s="613"/>
      <c r="ARU671" s="613"/>
      <c r="ARV671" s="613"/>
      <c r="ARW671" s="613"/>
      <c r="ARX671" s="613"/>
      <c r="ARY671" s="613"/>
      <c r="ARZ671" s="613"/>
      <c r="ASA671" s="613"/>
      <c r="ASB671" s="613"/>
      <c r="ASC671" s="613"/>
      <c r="ASD671" s="613"/>
      <c r="ASE671" s="613"/>
      <c r="ASF671" s="613"/>
      <c r="ASG671" s="613"/>
      <c r="ASH671" s="613"/>
      <c r="ASI671" s="613"/>
      <c r="ASJ671" s="613"/>
      <c r="ASK671" s="613"/>
      <c r="ASL671" s="613"/>
      <c r="ASM671" s="613"/>
      <c r="ASN671" s="613"/>
      <c r="ASO671" s="613"/>
      <c r="ASP671" s="613"/>
      <c r="ASQ671" s="613"/>
      <c r="ASR671" s="613"/>
      <c r="ASS671" s="613"/>
      <c r="AST671" s="613"/>
      <c r="ASU671" s="613"/>
      <c r="ASV671" s="613"/>
      <c r="ASW671" s="613"/>
      <c r="ASX671" s="613"/>
      <c r="ASY671" s="613"/>
      <c r="ASZ671" s="613"/>
      <c r="ATA671" s="613"/>
      <c r="ATB671" s="613"/>
      <c r="ATC671" s="613"/>
      <c r="ATD671" s="613"/>
      <c r="ATE671" s="613"/>
      <c r="ATF671" s="613"/>
      <c r="ATG671" s="613"/>
      <c r="ATH671" s="613"/>
      <c r="ATI671" s="613"/>
      <c r="ATJ671" s="613"/>
      <c r="ATK671" s="613"/>
      <c r="ATL671" s="613"/>
      <c r="ATM671" s="613"/>
      <c r="ATN671" s="613"/>
      <c r="ATO671" s="613"/>
      <c r="ATP671" s="613"/>
      <c r="ATQ671" s="613"/>
      <c r="ATR671" s="613"/>
      <c r="ATS671" s="613"/>
      <c r="ATT671" s="613"/>
      <c r="ATU671" s="613"/>
      <c r="ATV671" s="613"/>
      <c r="ATW671" s="613"/>
      <c r="ATX671" s="613"/>
      <c r="ATY671" s="613"/>
      <c r="ATZ671" s="613"/>
      <c r="AUA671" s="613"/>
      <c r="AUB671" s="613"/>
      <c r="AUC671" s="613"/>
      <c r="AUD671" s="613"/>
      <c r="AUE671" s="613"/>
      <c r="AUF671" s="613"/>
      <c r="AUG671" s="613"/>
      <c r="AUH671" s="613"/>
      <c r="AUI671" s="613"/>
      <c r="AUJ671" s="613"/>
      <c r="AUK671" s="613"/>
      <c r="AUL671" s="613"/>
      <c r="AUM671" s="613"/>
      <c r="AUN671" s="613"/>
      <c r="AUO671" s="613"/>
      <c r="AUP671" s="613"/>
      <c r="AUQ671" s="613"/>
      <c r="AUR671" s="613"/>
      <c r="AUS671" s="613"/>
      <c r="AUT671" s="613"/>
      <c r="AUU671" s="613"/>
      <c r="AUV671" s="613"/>
      <c r="AUW671" s="613"/>
      <c r="AUX671" s="613"/>
      <c r="AUY671" s="613"/>
      <c r="AUZ671" s="613"/>
      <c r="AVA671" s="613"/>
      <c r="AVB671" s="613"/>
      <c r="AVC671" s="613"/>
      <c r="AVD671" s="613"/>
      <c r="AVE671" s="613"/>
      <c r="AVF671" s="613"/>
      <c r="AVG671" s="613"/>
      <c r="AVH671" s="613"/>
      <c r="AVI671" s="613"/>
      <c r="AVJ671" s="613"/>
      <c r="AVK671" s="613"/>
      <c r="AVL671" s="613"/>
      <c r="AVM671" s="613"/>
      <c r="AVN671" s="613"/>
      <c r="AVO671" s="613"/>
      <c r="AVP671" s="613"/>
      <c r="AVQ671" s="613"/>
      <c r="AVR671" s="613"/>
      <c r="AVS671" s="613"/>
      <c r="AVT671" s="613"/>
      <c r="AVU671" s="613"/>
      <c r="AVV671" s="613"/>
      <c r="AVW671" s="613"/>
      <c r="AVX671" s="613"/>
      <c r="AVY671" s="613"/>
      <c r="AVZ671" s="613"/>
      <c r="AWA671" s="613"/>
      <c r="AWB671" s="613"/>
      <c r="AWC671" s="613"/>
      <c r="AWD671" s="613"/>
      <c r="AWE671" s="613"/>
      <c r="AWF671" s="613"/>
      <c r="AWG671" s="613"/>
      <c r="AWH671" s="613"/>
      <c r="AWI671" s="613"/>
      <c r="AWJ671" s="613"/>
      <c r="AWK671" s="613"/>
      <c r="AWL671" s="613"/>
      <c r="AWM671" s="613"/>
      <c r="AWN671" s="613"/>
      <c r="AWO671" s="613"/>
      <c r="AWP671" s="613"/>
      <c r="AWQ671" s="613"/>
      <c r="AWR671" s="613"/>
      <c r="AWS671" s="613"/>
      <c r="AWT671" s="613"/>
      <c r="AWU671" s="613"/>
      <c r="AWV671" s="613"/>
      <c r="AWW671" s="613"/>
      <c r="AWX671" s="613"/>
      <c r="AWY671" s="613"/>
      <c r="AWZ671" s="613"/>
      <c r="AXA671" s="613"/>
      <c r="AXB671" s="613"/>
      <c r="AXC671" s="613"/>
      <c r="AXD671" s="613"/>
      <c r="AXE671" s="613"/>
      <c r="AXF671" s="613"/>
      <c r="AXG671" s="613"/>
      <c r="AXH671" s="613"/>
      <c r="AXI671" s="613"/>
      <c r="AXJ671" s="613"/>
      <c r="AXK671" s="613"/>
      <c r="AXL671" s="613"/>
      <c r="AXM671" s="613"/>
      <c r="AXN671" s="613"/>
      <c r="AXO671" s="613"/>
      <c r="AXP671" s="613"/>
      <c r="AXQ671" s="613"/>
      <c r="AXR671" s="613"/>
      <c r="AXS671" s="613"/>
      <c r="AXT671" s="613"/>
      <c r="AXU671" s="613"/>
      <c r="AXV671" s="613"/>
      <c r="AXW671" s="613"/>
      <c r="AXX671" s="613"/>
      <c r="AXY671" s="613"/>
      <c r="AXZ671" s="613"/>
      <c r="AYA671" s="613"/>
      <c r="AYB671" s="613"/>
      <c r="AYC671" s="613"/>
      <c r="AYD671" s="613"/>
      <c r="AYE671" s="613"/>
      <c r="AYF671" s="613"/>
      <c r="AYG671" s="613"/>
      <c r="AYH671" s="613"/>
      <c r="AYI671" s="613"/>
      <c r="AYJ671" s="613"/>
      <c r="AYK671" s="613"/>
      <c r="AYL671" s="613"/>
      <c r="AYM671" s="613"/>
      <c r="AYN671" s="613"/>
      <c r="AYO671" s="613"/>
      <c r="AYP671" s="613"/>
      <c r="AYQ671" s="613"/>
      <c r="AYR671" s="613"/>
      <c r="AYS671" s="613"/>
      <c r="AYT671" s="613"/>
      <c r="AYU671" s="613"/>
      <c r="AYV671" s="613"/>
      <c r="AYW671" s="613"/>
      <c r="AYX671" s="613"/>
      <c r="AYY671" s="613"/>
      <c r="AYZ671" s="613"/>
      <c r="AZA671" s="613"/>
      <c r="AZB671" s="613"/>
      <c r="AZC671" s="613"/>
      <c r="AZD671" s="613"/>
      <c r="AZE671" s="613"/>
      <c r="AZF671" s="613"/>
      <c r="AZG671" s="613"/>
      <c r="AZH671" s="613"/>
      <c r="AZI671" s="613"/>
      <c r="AZJ671" s="613"/>
      <c r="AZK671" s="613"/>
      <c r="AZL671" s="613"/>
      <c r="AZM671" s="613"/>
      <c r="AZN671" s="613"/>
      <c r="AZO671" s="613"/>
      <c r="AZP671" s="613"/>
      <c r="AZQ671" s="613"/>
      <c r="AZR671" s="613"/>
      <c r="AZS671" s="613"/>
      <c r="AZT671" s="613"/>
      <c r="AZU671" s="613"/>
      <c r="AZV671" s="613"/>
      <c r="AZW671" s="613"/>
      <c r="AZX671" s="613"/>
      <c r="AZY671" s="613"/>
      <c r="AZZ671" s="613"/>
      <c r="BAA671" s="613"/>
      <c r="BAB671" s="613"/>
      <c r="BAC671" s="613"/>
      <c r="BAD671" s="613"/>
      <c r="BAE671" s="613"/>
      <c r="BAF671" s="613"/>
      <c r="BAG671" s="613"/>
      <c r="BAH671" s="613"/>
      <c r="BAI671" s="613"/>
      <c r="BAJ671" s="613"/>
      <c r="BAK671" s="613"/>
      <c r="BAL671" s="613"/>
      <c r="BAM671" s="613"/>
      <c r="BAN671" s="613"/>
      <c r="BAO671" s="613"/>
      <c r="BAP671" s="613"/>
      <c r="BAQ671" s="613"/>
      <c r="BAR671" s="613"/>
      <c r="BAS671" s="613"/>
      <c r="BAT671" s="613"/>
      <c r="BAU671" s="613"/>
      <c r="BAV671" s="613"/>
      <c r="BAW671" s="613"/>
      <c r="BAX671" s="613"/>
      <c r="BAY671" s="613"/>
      <c r="BAZ671" s="613"/>
      <c r="BBA671" s="613"/>
      <c r="BBB671" s="613"/>
      <c r="BBC671" s="613"/>
      <c r="BBD671" s="613"/>
      <c r="BBE671" s="613"/>
      <c r="BBF671" s="613"/>
      <c r="BBG671" s="613"/>
      <c r="BBH671" s="613"/>
      <c r="BBI671" s="613"/>
      <c r="BBJ671" s="613"/>
      <c r="BBK671" s="613"/>
      <c r="BBL671" s="613"/>
      <c r="BBM671" s="613"/>
      <c r="BBN671" s="613"/>
      <c r="BBO671" s="613"/>
      <c r="BBP671" s="613"/>
      <c r="BBQ671" s="613"/>
      <c r="BBR671" s="613"/>
      <c r="BBS671" s="613"/>
      <c r="BBT671" s="613"/>
      <c r="BBU671" s="613"/>
      <c r="BBV671" s="613"/>
      <c r="BBW671" s="613"/>
      <c r="BBX671" s="613"/>
      <c r="BBY671" s="613"/>
      <c r="BBZ671" s="613"/>
      <c r="BCA671" s="613"/>
      <c r="BCB671" s="613"/>
      <c r="BCC671" s="613"/>
      <c r="BCD671" s="613"/>
      <c r="BCE671" s="613"/>
      <c r="BCF671" s="613"/>
      <c r="BCG671" s="613"/>
      <c r="BCH671" s="613"/>
      <c r="BCI671" s="613"/>
      <c r="BCJ671" s="613"/>
      <c r="BCK671" s="613"/>
      <c r="BCL671" s="613"/>
      <c r="BCM671" s="613"/>
      <c r="BCN671" s="613"/>
      <c r="BCO671" s="613"/>
      <c r="BCP671" s="613"/>
      <c r="BCQ671" s="613"/>
      <c r="BCR671" s="613"/>
      <c r="BCS671" s="613"/>
      <c r="BCT671" s="613"/>
      <c r="BCU671" s="613"/>
      <c r="BCV671" s="613"/>
      <c r="BCW671" s="613"/>
      <c r="BCX671" s="613"/>
      <c r="BCY671" s="613"/>
      <c r="BCZ671" s="613"/>
      <c r="BDA671" s="613"/>
      <c r="BDB671" s="613"/>
      <c r="BDC671" s="613"/>
      <c r="BDD671" s="613"/>
      <c r="BDE671" s="613"/>
      <c r="BDF671" s="613"/>
      <c r="BDG671" s="613"/>
      <c r="BDH671" s="613"/>
      <c r="BDI671" s="613"/>
      <c r="BDJ671" s="613"/>
      <c r="BDK671" s="613"/>
      <c r="BDL671" s="613"/>
      <c r="BDM671" s="613"/>
      <c r="BDN671" s="613"/>
      <c r="BDO671" s="613"/>
      <c r="BDP671" s="613"/>
      <c r="BDQ671" s="613"/>
      <c r="BDR671" s="613"/>
      <c r="BDS671" s="613"/>
      <c r="BDT671" s="613"/>
      <c r="BDU671" s="613"/>
      <c r="BDV671" s="613"/>
      <c r="BDW671" s="613"/>
      <c r="BDX671" s="613"/>
      <c r="BDY671" s="613"/>
      <c r="BDZ671" s="613"/>
      <c r="BEA671" s="613"/>
      <c r="BEB671" s="613"/>
      <c r="BEC671" s="613"/>
      <c r="BED671" s="613"/>
      <c r="BEE671" s="613"/>
      <c r="BEF671" s="613"/>
      <c r="BEG671" s="613"/>
      <c r="BEH671" s="613"/>
      <c r="BEI671" s="613"/>
      <c r="BEJ671" s="613"/>
      <c r="BEK671" s="613"/>
      <c r="BEL671" s="613"/>
      <c r="BEM671" s="613"/>
      <c r="BEN671" s="613"/>
      <c r="BEO671" s="613"/>
      <c r="BEP671" s="613"/>
      <c r="BEQ671" s="613"/>
      <c r="BER671" s="613"/>
      <c r="BES671" s="613"/>
      <c r="BET671" s="613"/>
      <c r="BEU671" s="613"/>
      <c r="BEV671" s="613"/>
      <c r="BEW671" s="613"/>
      <c r="BEX671" s="613"/>
      <c r="BEY671" s="613"/>
      <c r="BEZ671" s="613"/>
      <c r="BFA671" s="613"/>
      <c r="BFB671" s="613"/>
      <c r="BFC671" s="613"/>
      <c r="BFD671" s="613"/>
      <c r="BFE671" s="613"/>
      <c r="BFF671" s="613"/>
      <c r="BFG671" s="613"/>
      <c r="BFH671" s="613"/>
      <c r="BFI671" s="613"/>
      <c r="BFJ671" s="613"/>
      <c r="BFK671" s="613"/>
      <c r="BFL671" s="613"/>
      <c r="BFM671" s="613"/>
      <c r="BFN671" s="613"/>
      <c r="BFO671" s="613"/>
      <c r="BFP671" s="613"/>
      <c r="BFQ671" s="613"/>
      <c r="BFR671" s="613"/>
      <c r="BFS671" s="613"/>
      <c r="BFT671" s="613"/>
      <c r="BFU671" s="613"/>
      <c r="BFV671" s="613"/>
      <c r="BFW671" s="613"/>
      <c r="BFX671" s="613"/>
      <c r="BFY671" s="613"/>
      <c r="BFZ671" s="613"/>
      <c r="BGA671" s="613"/>
      <c r="BGB671" s="613"/>
      <c r="BGC671" s="613"/>
      <c r="BGD671" s="613"/>
      <c r="BGE671" s="613"/>
      <c r="BGF671" s="613"/>
      <c r="BGG671" s="613"/>
      <c r="BGH671" s="613"/>
      <c r="BGI671" s="613"/>
      <c r="BGJ671" s="613"/>
      <c r="BGK671" s="613"/>
      <c r="BGL671" s="613"/>
      <c r="BGM671" s="613"/>
      <c r="BGN671" s="613"/>
      <c r="BGO671" s="613"/>
      <c r="BGP671" s="613"/>
      <c r="BGQ671" s="613"/>
      <c r="BGR671" s="613"/>
      <c r="BGS671" s="613"/>
      <c r="BGT671" s="613"/>
      <c r="BGU671" s="613"/>
      <c r="BGV671" s="613"/>
      <c r="BGW671" s="613"/>
      <c r="BGX671" s="613"/>
      <c r="BGY671" s="613"/>
      <c r="BGZ671" s="613"/>
      <c r="BHA671" s="613"/>
      <c r="BHB671" s="613"/>
      <c r="BHC671" s="613"/>
      <c r="BHD671" s="613"/>
      <c r="BHE671" s="613"/>
      <c r="BHF671" s="613"/>
      <c r="BHG671" s="613"/>
      <c r="BHH671" s="613"/>
      <c r="BHI671" s="613"/>
      <c r="BHJ671" s="613"/>
      <c r="BHK671" s="613"/>
      <c r="BHL671" s="613"/>
      <c r="BHM671" s="613"/>
      <c r="BHN671" s="613"/>
      <c r="BHO671" s="613"/>
      <c r="BHP671" s="613"/>
      <c r="BHQ671" s="613"/>
      <c r="BHR671" s="613"/>
      <c r="BHS671" s="613"/>
      <c r="BHT671" s="613"/>
      <c r="BHU671" s="613"/>
      <c r="BHV671" s="613"/>
      <c r="BHW671" s="613"/>
      <c r="BHX671" s="613"/>
      <c r="BHY671" s="613"/>
      <c r="BHZ671" s="613"/>
      <c r="BIA671" s="613"/>
      <c r="BIB671" s="613"/>
      <c r="BIC671" s="613"/>
      <c r="BID671" s="613"/>
      <c r="BIE671" s="613"/>
      <c r="BIF671" s="613"/>
      <c r="BIG671" s="613"/>
      <c r="BIH671" s="613"/>
      <c r="BII671" s="613"/>
      <c r="BIJ671" s="613"/>
      <c r="BIK671" s="613"/>
      <c r="BIL671" s="613"/>
      <c r="BIM671" s="613"/>
      <c r="BIN671" s="613"/>
      <c r="BIO671" s="613"/>
      <c r="BIP671" s="613"/>
      <c r="BIQ671" s="613"/>
      <c r="BIR671" s="613"/>
      <c r="BIS671" s="613"/>
      <c r="BIT671" s="613"/>
      <c r="BIU671" s="613"/>
      <c r="BIV671" s="613"/>
      <c r="BIW671" s="613"/>
      <c r="BIX671" s="613"/>
      <c r="BIY671" s="613"/>
      <c r="BIZ671" s="613"/>
      <c r="BJA671" s="613"/>
      <c r="BJB671" s="613"/>
      <c r="BJC671" s="613"/>
      <c r="BJD671" s="613"/>
      <c r="BJE671" s="613"/>
      <c r="BJF671" s="613"/>
      <c r="BJG671" s="613"/>
      <c r="BJH671" s="613"/>
      <c r="BJI671" s="613"/>
      <c r="BJJ671" s="613"/>
      <c r="BJK671" s="613"/>
      <c r="BJL671" s="613"/>
      <c r="BJM671" s="613"/>
      <c r="BJN671" s="613"/>
      <c r="BJO671" s="613"/>
      <c r="BJP671" s="613"/>
      <c r="BJQ671" s="613"/>
      <c r="BJR671" s="613"/>
      <c r="BJS671" s="613"/>
      <c r="BJT671" s="613"/>
      <c r="BJU671" s="613"/>
      <c r="BJV671" s="613"/>
      <c r="BJW671" s="613"/>
      <c r="BJX671" s="613"/>
      <c r="BJY671" s="613"/>
      <c r="BJZ671" s="613"/>
      <c r="BKA671" s="613"/>
      <c r="BKB671" s="613"/>
      <c r="BKC671" s="613"/>
      <c r="BKD671" s="613"/>
      <c r="BKE671" s="613"/>
      <c r="BKF671" s="613"/>
      <c r="BKG671" s="613"/>
      <c r="BKH671" s="613"/>
      <c r="BKI671" s="613"/>
      <c r="BKJ671" s="613"/>
      <c r="BKK671" s="613"/>
      <c r="BKL671" s="613"/>
      <c r="BKM671" s="613"/>
      <c r="BKN671" s="613"/>
      <c r="BKO671" s="613"/>
      <c r="BKP671" s="613"/>
      <c r="BKQ671" s="613"/>
      <c r="BKR671" s="613"/>
      <c r="BKS671" s="613"/>
      <c r="BKT671" s="613"/>
      <c r="BKU671" s="613"/>
      <c r="BKV671" s="613"/>
      <c r="BKW671" s="613"/>
      <c r="BKX671" s="613"/>
      <c r="BKY671" s="613"/>
      <c r="BKZ671" s="613"/>
      <c r="BLA671" s="613"/>
      <c r="BLB671" s="613"/>
      <c r="BLC671" s="613"/>
      <c r="BLD671" s="613"/>
      <c r="BLE671" s="613"/>
      <c r="BLF671" s="613"/>
      <c r="BLG671" s="613"/>
      <c r="BLH671" s="613"/>
      <c r="BLI671" s="613"/>
      <c r="BLJ671" s="613"/>
      <c r="BLK671" s="613"/>
      <c r="BLL671" s="613"/>
      <c r="BLM671" s="613"/>
      <c r="BLN671" s="613"/>
      <c r="BLO671" s="613"/>
      <c r="BLP671" s="613"/>
      <c r="BLQ671" s="613"/>
      <c r="BLR671" s="613"/>
      <c r="BLS671" s="613"/>
      <c r="BLT671" s="613"/>
      <c r="BLU671" s="613"/>
      <c r="BLV671" s="613"/>
      <c r="BLW671" s="613"/>
      <c r="BLX671" s="613"/>
      <c r="BLY671" s="613"/>
      <c r="BLZ671" s="613"/>
      <c r="BMA671" s="613"/>
      <c r="BMB671" s="613"/>
      <c r="BMC671" s="613"/>
      <c r="BMD671" s="613"/>
      <c r="BME671" s="613"/>
      <c r="BMF671" s="613"/>
      <c r="BMG671" s="613"/>
      <c r="BMH671" s="613"/>
      <c r="BMI671" s="613"/>
      <c r="BMJ671" s="613"/>
      <c r="BMK671" s="613"/>
      <c r="BML671" s="613"/>
      <c r="BMM671" s="613"/>
      <c r="BMN671" s="613"/>
      <c r="BMO671" s="613"/>
      <c r="BMP671" s="613"/>
      <c r="BMQ671" s="613"/>
      <c r="BMR671" s="613"/>
      <c r="BMS671" s="613"/>
      <c r="BMT671" s="613"/>
      <c r="BMU671" s="613"/>
      <c r="BMV671" s="613"/>
      <c r="BMW671" s="613"/>
      <c r="BMX671" s="613"/>
      <c r="BMY671" s="613"/>
      <c r="BMZ671" s="613"/>
      <c r="BNA671" s="613"/>
      <c r="BNB671" s="613"/>
      <c r="BNC671" s="613"/>
      <c r="BND671" s="613"/>
      <c r="BNE671" s="613"/>
      <c r="BNF671" s="613"/>
      <c r="BNG671" s="613"/>
      <c r="BNH671" s="613"/>
      <c r="BNI671" s="613"/>
      <c r="BNJ671" s="613"/>
      <c r="BNK671" s="613"/>
      <c r="BNL671" s="613"/>
      <c r="BNM671" s="613"/>
      <c r="BNN671" s="613"/>
      <c r="BNO671" s="613"/>
      <c r="BNP671" s="613"/>
      <c r="BNQ671" s="613"/>
      <c r="BNR671" s="613"/>
      <c r="BNS671" s="613"/>
      <c r="BNT671" s="613"/>
      <c r="BNU671" s="613"/>
      <c r="BNV671" s="613"/>
      <c r="BNW671" s="613"/>
      <c r="BNX671" s="613"/>
      <c r="BNY671" s="613"/>
      <c r="BNZ671" s="613"/>
      <c r="BOA671" s="613"/>
      <c r="BOB671" s="613"/>
      <c r="BOC671" s="613"/>
      <c r="BOD671" s="613"/>
      <c r="BOE671" s="613"/>
      <c r="BOF671" s="613"/>
      <c r="BOG671" s="613"/>
      <c r="BOH671" s="613"/>
      <c r="BOI671" s="613"/>
      <c r="BOJ671" s="613"/>
      <c r="BOK671" s="613"/>
      <c r="BOL671" s="613"/>
      <c r="BOM671" s="613"/>
      <c r="BON671" s="613"/>
      <c r="BOO671" s="613"/>
      <c r="BOP671" s="613"/>
      <c r="BOQ671" s="613"/>
      <c r="BOR671" s="613"/>
      <c r="BOS671" s="613"/>
      <c r="BOT671" s="613"/>
      <c r="BOU671" s="613"/>
      <c r="BOV671" s="613"/>
      <c r="BOW671" s="613"/>
      <c r="BOX671" s="613"/>
      <c r="BOY671" s="613"/>
      <c r="BOZ671" s="613"/>
      <c r="BPA671" s="613"/>
      <c r="BPB671" s="613"/>
      <c r="BPC671" s="613"/>
      <c r="BPD671" s="613"/>
      <c r="BPE671" s="613"/>
      <c r="BPF671" s="613"/>
      <c r="BPG671" s="613"/>
      <c r="BPH671" s="613"/>
      <c r="BPI671" s="613"/>
      <c r="BPJ671" s="613"/>
      <c r="BPK671" s="613"/>
      <c r="BPL671" s="613"/>
      <c r="BPM671" s="613"/>
      <c r="BPN671" s="613"/>
      <c r="BPO671" s="613"/>
      <c r="BPP671" s="613"/>
      <c r="BPQ671" s="613"/>
      <c r="BPR671" s="613"/>
      <c r="BPS671" s="613"/>
      <c r="BPT671" s="613"/>
      <c r="BPU671" s="613"/>
      <c r="BPV671" s="613"/>
      <c r="BPW671" s="613"/>
      <c r="BPX671" s="613"/>
      <c r="BPY671" s="613"/>
      <c r="BPZ671" s="613"/>
      <c r="BQA671" s="613"/>
      <c r="BQB671" s="613"/>
      <c r="BQC671" s="613"/>
      <c r="BQD671" s="613"/>
      <c r="BQE671" s="613"/>
      <c r="BQF671" s="613"/>
      <c r="BQG671" s="613"/>
      <c r="BQH671" s="613"/>
      <c r="BQI671" s="613"/>
      <c r="BQJ671" s="613"/>
      <c r="BQK671" s="613"/>
      <c r="BQL671" s="613"/>
      <c r="BQM671" s="613"/>
      <c r="BQN671" s="613"/>
      <c r="BQO671" s="613"/>
      <c r="BQP671" s="613"/>
      <c r="BQQ671" s="613"/>
      <c r="BQR671" s="613"/>
      <c r="BQS671" s="613"/>
      <c r="BQT671" s="613"/>
      <c r="BQU671" s="613"/>
      <c r="BQV671" s="613"/>
      <c r="BQW671" s="613"/>
      <c r="BQX671" s="613"/>
      <c r="BQY671" s="613"/>
      <c r="BQZ671" s="613"/>
      <c r="BRA671" s="613"/>
      <c r="BRB671" s="613"/>
      <c r="BRC671" s="613"/>
      <c r="BRD671" s="613"/>
      <c r="BRE671" s="613"/>
      <c r="BRF671" s="613"/>
      <c r="BRG671" s="613"/>
      <c r="BRH671" s="613"/>
      <c r="BRI671" s="613"/>
      <c r="BRJ671" s="613"/>
      <c r="BRK671" s="613"/>
      <c r="BRL671" s="613"/>
      <c r="BRM671" s="613"/>
      <c r="BRN671" s="613"/>
      <c r="BRO671" s="613"/>
      <c r="BRP671" s="613"/>
      <c r="BRQ671" s="613"/>
      <c r="BRR671" s="613"/>
      <c r="BRS671" s="613"/>
      <c r="BRT671" s="613"/>
      <c r="BRU671" s="613"/>
      <c r="BRV671" s="613"/>
      <c r="BRW671" s="613"/>
      <c r="BRX671" s="613"/>
      <c r="BRY671" s="613"/>
      <c r="BRZ671" s="613"/>
      <c r="BSA671" s="613"/>
      <c r="BSB671" s="613"/>
      <c r="BSC671" s="613"/>
      <c r="BSD671" s="613"/>
      <c r="BSE671" s="613"/>
      <c r="BSF671" s="613"/>
      <c r="BSG671" s="613"/>
      <c r="BSH671" s="613"/>
      <c r="BSI671" s="613"/>
      <c r="BSJ671" s="613"/>
      <c r="BSK671" s="613"/>
      <c r="BSL671" s="613"/>
      <c r="BSM671" s="613"/>
      <c r="BSN671" s="613"/>
      <c r="BSO671" s="613"/>
      <c r="BSP671" s="613"/>
      <c r="BSQ671" s="613"/>
      <c r="BSR671" s="613"/>
      <c r="BSS671" s="613"/>
      <c r="BST671" s="613"/>
      <c r="BSU671" s="613"/>
      <c r="BSV671" s="613"/>
      <c r="BSW671" s="613"/>
      <c r="BSX671" s="613"/>
      <c r="BSY671" s="613"/>
      <c r="BSZ671" s="613"/>
      <c r="BTA671" s="613"/>
      <c r="BTB671" s="613"/>
      <c r="BTC671" s="613"/>
      <c r="BTD671" s="613"/>
      <c r="BTE671" s="613"/>
      <c r="BTF671" s="613"/>
      <c r="BTG671" s="613"/>
      <c r="BTH671" s="613"/>
      <c r="BTI671" s="613"/>
      <c r="BTJ671" s="613"/>
      <c r="BTK671" s="613"/>
      <c r="BTL671" s="613"/>
      <c r="BTM671" s="613"/>
      <c r="BTN671" s="613"/>
      <c r="BTO671" s="613"/>
      <c r="BTP671" s="613"/>
      <c r="BTQ671" s="613"/>
      <c r="BTR671" s="613"/>
      <c r="BTS671" s="613"/>
      <c r="BTT671" s="613"/>
      <c r="BTU671" s="613"/>
      <c r="BTV671" s="613"/>
      <c r="BTW671" s="613"/>
      <c r="BTX671" s="613"/>
      <c r="BTY671" s="613"/>
      <c r="BTZ671" s="613"/>
      <c r="BUA671" s="613"/>
      <c r="BUB671" s="613"/>
      <c r="BUC671" s="613"/>
      <c r="BUD671" s="613"/>
      <c r="BUE671" s="613"/>
      <c r="BUF671" s="613"/>
      <c r="BUG671" s="613"/>
      <c r="BUH671" s="613"/>
      <c r="BUI671" s="613"/>
      <c r="BUJ671" s="613"/>
      <c r="BUK671" s="613"/>
      <c r="BUL671" s="613"/>
      <c r="BUM671" s="613"/>
      <c r="BUN671" s="613"/>
      <c r="BUO671" s="613"/>
      <c r="BUP671" s="613"/>
      <c r="BUQ671" s="613"/>
      <c r="BUR671" s="613"/>
      <c r="BUS671" s="613"/>
      <c r="BUT671" s="613"/>
      <c r="BUU671" s="613"/>
      <c r="BUV671" s="613"/>
      <c r="BUW671" s="613"/>
      <c r="BUX671" s="613"/>
      <c r="BUY671" s="613"/>
      <c r="BUZ671" s="613"/>
      <c r="BVA671" s="613"/>
      <c r="BVB671" s="613"/>
      <c r="BVC671" s="613"/>
      <c r="BVD671" s="613"/>
      <c r="BVE671" s="613"/>
      <c r="BVF671" s="613"/>
      <c r="BVG671" s="613"/>
      <c r="BVH671" s="613"/>
      <c r="BVI671" s="613"/>
      <c r="BVJ671" s="613"/>
      <c r="BVK671" s="613"/>
      <c r="BVL671" s="613"/>
      <c r="BVM671" s="613"/>
      <c r="BVN671" s="613"/>
      <c r="BVO671" s="613"/>
      <c r="BVP671" s="613"/>
      <c r="BVQ671" s="613"/>
      <c r="BVR671" s="613"/>
      <c r="BVS671" s="613"/>
      <c r="BVT671" s="613"/>
      <c r="BVU671" s="613"/>
      <c r="BVV671" s="613"/>
      <c r="BVW671" s="613"/>
      <c r="BVX671" s="613"/>
      <c r="BVY671" s="613"/>
      <c r="BVZ671" s="613"/>
      <c r="BWA671" s="613"/>
      <c r="BWB671" s="613"/>
      <c r="BWC671" s="613"/>
      <c r="BWD671" s="613"/>
      <c r="BWE671" s="613"/>
      <c r="BWF671" s="613"/>
      <c r="BWG671" s="613"/>
      <c r="BWH671" s="613"/>
      <c r="BWI671" s="613"/>
      <c r="BWJ671" s="613"/>
      <c r="BWK671" s="613"/>
      <c r="BWL671" s="613"/>
      <c r="BWM671" s="613"/>
      <c r="BWN671" s="613"/>
      <c r="BWO671" s="613"/>
      <c r="BWP671" s="613"/>
      <c r="BWQ671" s="613"/>
      <c r="BWR671" s="613"/>
      <c r="BWS671" s="613"/>
      <c r="BWT671" s="613"/>
      <c r="BWU671" s="613"/>
      <c r="BWV671" s="613"/>
      <c r="BWW671" s="613"/>
      <c r="BWX671" s="613"/>
      <c r="BWY671" s="613"/>
      <c r="BWZ671" s="613"/>
      <c r="BXA671" s="613"/>
      <c r="BXB671" s="613"/>
      <c r="BXC671" s="613"/>
      <c r="BXD671" s="613"/>
      <c r="BXE671" s="613"/>
      <c r="BXF671" s="613"/>
      <c r="BXG671" s="613"/>
      <c r="BXH671" s="613"/>
      <c r="BXI671" s="613"/>
      <c r="BXJ671" s="613"/>
      <c r="BXK671" s="613"/>
      <c r="BXL671" s="613"/>
      <c r="BXM671" s="613"/>
      <c r="BXN671" s="613"/>
      <c r="BXO671" s="613"/>
      <c r="BXP671" s="613"/>
      <c r="BXQ671" s="613"/>
      <c r="BXR671" s="613"/>
      <c r="BXS671" s="613"/>
      <c r="BXT671" s="613"/>
      <c r="BXU671" s="613"/>
      <c r="BXV671" s="613"/>
      <c r="BXW671" s="613"/>
      <c r="BXX671" s="613"/>
      <c r="BXY671" s="613"/>
      <c r="BXZ671" s="613"/>
      <c r="BYA671" s="613"/>
      <c r="BYB671" s="613"/>
      <c r="BYC671" s="613"/>
      <c r="BYD671" s="613"/>
      <c r="BYE671" s="613"/>
      <c r="BYF671" s="613"/>
      <c r="BYG671" s="613"/>
      <c r="BYH671" s="613"/>
      <c r="BYI671" s="613"/>
      <c r="BYJ671" s="613"/>
      <c r="BYK671" s="613"/>
      <c r="BYL671" s="613"/>
      <c r="BYM671" s="613"/>
      <c r="BYN671" s="613"/>
      <c r="BYO671" s="613"/>
      <c r="BYP671" s="613"/>
      <c r="BYQ671" s="613"/>
      <c r="BYR671" s="613"/>
      <c r="BYS671" s="613"/>
      <c r="BYT671" s="613"/>
      <c r="BYU671" s="613"/>
      <c r="BYV671" s="613"/>
      <c r="BYW671" s="613"/>
      <c r="BYX671" s="613"/>
      <c r="BYY671" s="613"/>
      <c r="BYZ671" s="613"/>
      <c r="BZA671" s="613"/>
      <c r="BZB671" s="613"/>
      <c r="BZC671" s="613"/>
      <c r="BZD671" s="613"/>
      <c r="BZE671" s="613"/>
      <c r="BZF671" s="613"/>
      <c r="BZG671" s="613"/>
      <c r="BZH671" s="613"/>
      <c r="BZI671" s="613"/>
      <c r="BZJ671" s="613"/>
      <c r="BZK671" s="613"/>
      <c r="BZL671" s="613"/>
      <c r="BZM671" s="613"/>
      <c r="BZN671" s="613"/>
      <c r="BZO671" s="613"/>
      <c r="BZP671" s="613"/>
      <c r="BZQ671" s="613"/>
      <c r="BZR671" s="613"/>
      <c r="BZS671" s="613"/>
      <c r="BZT671" s="613"/>
      <c r="BZU671" s="613"/>
      <c r="BZV671" s="613"/>
      <c r="BZW671" s="613"/>
      <c r="BZX671" s="613"/>
      <c r="BZY671" s="613"/>
      <c r="BZZ671" s="613"/>
      <c r="CAA671" s="613"/>
      <c r="CAB671" s="613"/>
      <c r="CAC671" s="613"/>
      <c r="CAD671" s="613"/>
      <c r="CAE671" s="613"/>
      <c r="CAF671" s="613"/>
      <c r="CAG671" s="613"/>
      <c r="CAH671" s="613"/>
      <c r="CAI671" s="613"/>
      <c r="CAJ671" s="613"/>
      <c r="CAK671" s="613"/>
      <c r="CAL671" s="613"/>
      <c r="CAM671" s="613"/>
      <c r="CAN671" s="613"/>
      <c r="CAO671" s="613"/>
      <c r="CAP671" s="613"/>
      <c r="CAQ671" s="613"/>
      <c r="CAR671" s="613"/>
      <c r="CAS671" s="613"/>
      <c r="CAT671" s="613"/>
      <c r="CAU671" s="613"/>
      <c r="CAV671" s="613"/>
      <c r="CAW671" s="613"/>
      <c r="CAX671" s="613"/>
      <c r="CAY671" s="613"/>
      <c r="CAZ671" s="613"/>
      <c r="CBA671" s="613"/>
      <c r="CBB671" s="613"/>
      <c r="CBC671" s="613"/>
      <c r="CBD671" s="613"/>
      <c r="CBE671" s="613"/>
      <c r="CBF671" s="613"/>
      <c r="CBG671" s="613"/>
      <c r="CBH671" s="613"/>
      <c r="CBI671" s="613"/>
      <c r="CBJ671" s="613"/>
      <c r="CBK671" s="613"/>
      <c r="CBL671" s="613"/>
      <c r="CBM671" s="613"/>
      <c r="CBN671" s="613"/>
      <c r="CBO671" s="613"/>
      <c r="CBP671" s="613"/>
      <c r="CBQ671" s="613"/>
      <c r="CBR671" s="613"/>
      <c r="CBS671" s="613"/>
      <c r="CBT671" s="613"/>
      <c r="CBU671" s="613"/>
      <c r="CBV671" s="613"/>
      <c r="CBW671" s="613"/>
      <c r="CBX671" s="613"/>
      <c r="CBY671" s="613"/>
      <c r="CBZ671" s="613"/>
      <c r="CCA671" s="613"/>
      <c r="CCB671" s="613"/>
      <c r="CCC671" s="613"/>
      <c r="CCD671" s="613"/>
      <c r="CCE671" s="613"/>
      <c r="CCF671" s="613"/>
      <c r="CCG671" s="613"/>
      <c r="CCH671" s="613"/>
      <c r="CCI671" s="613"/>
      <c r="CCJ671" s="613"/>
      <c r="CCK671" s="613"/>
      <c r="CCL671" s="613"/>
      <c r="CCM671" s="613"/>
      <c r="CCN671" s="613"/>
      <c r="CCO671" s="613"/>
      <c r="CCP671" s="613"/>
      <c r="CCQ671" s="613"/>
      <c r="CCR671" s="613"/>
      <c r="CCS671" s="613"/>
      <c r="CCT671" s="613"/>
      <c r="CCU671" s="613"/>
      <c r="CCV671" s="613"/>
      <c r="CCW671" s="613"/>
      <c r="CCX671" s="613"/>
      <c r="CCY671" s="613"/>
      <c r="CCZ671" s="613"/>
      <c r="CDA671" s="613"/>
      <c r="CDB671" s="613"/>
      <c r="CDC671" s="613"/>
      <c r="CDD671" s="613"/>
      <c r="CDE671" s="613"/>
      <c r="CDF671" s="613"/>
      <c r="CDG671" s="613"/>
      <c r="CDH671" s="613"/>
      <c r="CDI671" s="613"/>
      <c r="CDJ671" s="613"/>
      <c r="CDK671" s="613"/>
      <c r="CDL671" s="613"/>
      <c r="CDM671" s="613"/>
      <c r="CDN671" s="613"/>
      <c r="CDO671" s="613"/>
      <c r="CDP671" s="613"/>
      <c r="CDQ671" s="613"/>
      <c r="CDR671" s="613"/>
      <c r="CDS671" s="613"/>
      <c r="CDT671" s="613"/>
      <c r="CDU671" s="613"/>
      <c r="CDV671" s="613"/>
      <c r="CDW671" s="613"/>
      <c r="CDX671" s="613"/>
      <c r="CDY671" s="613"/>
      <c r="CDZ671" s="613"/>
      <c r="CEA671" s="613"/>
      <c r="CEB671" s="613"/>
      <c r="CEC671" s="613"/>
      <c r="CED671" s="613"/>
      <c r="CEE671" s="613"/>
      <c r="CEF671" s="613"/>
      <c r="CEG671" s="613"/>
      <c r="CEH671" s="613"/>
      <c r="CEI671" s="613"/>
      <c r="CEJ671" s="613"/>
      <c r="CEK671" s="613"/>
      <c r="CEL671" s="613"/>
      <c r="CEM671" s="613"/>
      <c r="CEN671" s="613"/>
      <c r="CEO671" s="613"/>
      <c r="CEP671" s="613"/>
      <c r="CEQ671" s="613"/>
      <c r="CER671" s="613"/>
      <c r="CES671" s="613"/>
      <c r="CET671" s="613"/>
      <c r="CEU671" s="613"/>
      <c r="CEV671" s="613"/>
      <c r="CEW671" s="613"/>
      <c r="CEX671" s="613"/>
      <c r="CEY671" s="613"/>
      <c r="CEZ671" s="613"/>
      <c r="CFA671" s="613"/>
      <c r="CFB671" s="613"/>
      <c r="CFC671" s="613"/>
      <c r="CFD671" s="613"/>
      <c r="CFE671" s="613"/>
      <c r="CFF671" s="613"/>
      <c r="CFG671" s="613"/>
      <c r="CFH671" s="613"/>
      <c r="CFI671" s="613"/>
      <c r="CFJ671" s="613"/>
      <c r="CFK671" s="613"/>
      <c r="CFL671" s="613"/>
      <c r="CFM671" s="613"/>
      <c r="CFN671" s="613"/>
      <c r="CFO671" s="613"/>
      <c r="CFP671" s="613"/>
      <c r="CFQ671" s="613"/>
      <c r="CFR671" s="613"/>
      <c r="CFS671" s="613"/>
      <c r="CFT671" s="613"/>
      <c r="CFU671" s="613"/>
      <c r="CFV671" s="613"/>
      <c r="CFW671" s="613"/>
      <c r="CFX671" s="613"/>
      <c r="CFY671" s="613"/>
      <c r="CFZ671" s="613"/>
      <c r="CGA671" s="613"/>
      <c r="CGB671" s="613"/>
      <c r="CGC671" s="613"/>
      <c r="CGD671" s="613"/>
      <c r="CGE671" s="613"/>
      <c r="CGF671" s="613"/>
      <c r="CGG671" s="613"/>
      <c r="CGH671" s="613"/>
      <c r="CGI671" s="613"/>
      <c r="CGJ671" s="613"/>
      <c r="CGK671" s="613"/>
      <c r="CGL671" s="613"/>
      <c r="CGM671" s="613"/>
      <c r="CGN671" s="613"/>
      <c r="CGO671" s="613"/>
      <c r="CGP671" s="613"/>
      <c r="CGQ671" s="613"/>
      <c r="CGR671" s="613"/>
      <c r="CGS671" s="613"/>
      <c r="CGT671" s="613"/>
      <c r="CGU671" s="613"/>
      <c r="CGV671" s="613"/>
      <c r="CGW671" s="613"/>
      <c r="CGX671" s="613"/>
      <c r="CGY671" s="613"/>
      <c r="CGZ671" s="613"/>
      <c r="CHA671" s="613"/>
      <c r="CHB671" s="613"/>
      <c r="CHC671" s="613"/>
      <c r="CHD671" s="613"/>
      <c r="CHE671" s="613"/>
      <c r="CHF671" s="613"/>
      <c r="CHG671" s="613"/>
      <c r="CHH671" s="613"/>
      <c r="CHI671" s="613"/>
      <c r="CHJ671" s="613"/>
      <c r="CHK671" s="613"/>
      <c r="CHL671" s="613"/>
      <c r="CHM671" s="613"/>
      <c r="CHN671" s="613"/>
      <c r="CHO671" s="613"/>
      <c r="CHP671" s="613"/>
      <c r="CHQ671" s="613"/>
      <c r="CHR671" s="613"/>
      <c r="CHS671" s="613"/>
      <c r="CHT671" s="613"/>
      <c r="CHU671" s="613"/>
      <c r="CHV671" s="613"/>
      <c r="CHW671" s="613"/>
      <c r="CHX671" s="613"/>
      <c r="CHY671" s="613"/>
      <c r="CHZ671" s="613"/>
      <c r="CIA671" s="613"/>
      <c r="CIB671" s="613"/>
      <c r="CIC671" s="613"/>
      <c r="CID671" s="613"/>
      <c r="CIE671" s="613"/>
      <c r="CIF671" s="613"/>
      <c r="CIG671" s="613"/>
      <c r="CIH671" s="613"/>
      <c r="CII671" s="613"/>
      <c r="CIJ671" s="613"/>
      <c r="CIK671" s="613"/>
      <c r="CIL671" s="613"/>
      <c r="CIM671" s="613"/>
      <c r="CIN671" s="613"/>
      <c r="CIO671" s="613"/>
      <c r="CIP671" s="613"/>
      <c r="CIQ671" s="613"/>
      <c r="CIR671" s="613"/>
      <c r="CIS671" s="613"/>
      <c r="CIT671" s="613"/>
      <c r="CIU671" s="613"/>
      <c r="CIV671" s="613"/>
      <c r="CIW671" s="613"/>
      <c r="CIX671" s="613"/>
      <c r="CIY671" s="613"/>
      <c r="CIZ671" s="613"/>
      <c r="CJA671" s="613"/>
      <c r="CJB671" s="613"/>
      <c r="CJC671" s="613"/>
      <c r="CJD671" s="613"/>
      <c r="CJE671" s="613"/>
      <c r="CJF671" s="613"/>
      <c r="CJG671" s="613"/>
      <c r="CJH671" s="613"/>
      <c r="CJI671" s="613"/>
      <c r="CJJ671" s="613"/>
      <c r="CJK671" s="613"/>
      <c r="CJL671" s="613"/>
      <c r="CJM671" s="613"/>
      <c r="CJN671" s="613"/>
      <c r="CJO671" s="613"/>
      <c r="CJP671" s="613"/>
      <c r="CJQ671" s="613"/>
      <c r="CJR671" s="613"/>
      <c r="CJS671" s="613"/>
      <c r="CJT671" s="613"/>
      <c r="CJU671" s="613"/>
      <c r="CJV671" s="613"/>
      <c r="CJW671" s="613"/>
      <c r="CJX671" s="613"/>
      <c r="CJY671" s="613"/>
      <c r="CJZ671" s="613"/>
      <c r="CKA671" s="613"/>
      <c r="CKB671" s="613"/>
      <c r="CKC671" s="613"/>
      <c r="CKD671" s="613"/>
      <c r="CKE671" s="613"/>
      <c r="CKF671" s="613"/>
      <c r="CKG671" s="613"/>
      <c r="CKH671" s="613"/>
      <c r="CKI671" s="613"/>
      <c r="CKJ671" s="613"/>
      <c r="CKK671" s="613"/>
      <c r="CKL671" s="613"/>
      <c r="CKM671" s="613"/>
      <c r="CKN671" s="613"/>
      <c r="CKO671" s="613"/>
      <c r="CKP671" s="613"/>
      <c r="CKQ671" s="613"/>
      <c r="CKR671" s="613"/>
      <c r="CKS671" s="613"/>
      <c r="CKT671" s="613"/>
      <c r="CKU671" s="613"/>
      <c r="CKV671" s="613"/>
      <c r="CKW671" s="613"/>
      <c r="CKX671" s="613"/>
      <c r="CKY671" s="613"/>
      <c r="CKZ671" s="613"/>
      <c r="CLA671" s="613"/>
      <c r="CLB671" s="613"/>
      <c r="CLC671" s="613"/>
      <c r="CLD671" s="613"/>
      <c r="CLE671" s="613"/>
      <c r="CLF671" s="613"/>
      <c r="CLG671" s="613"/>
      <c r="CLH671" s="613"/>
      <c r="CLI671" s="613"/>
      <c r="CLJ671" s="613"/>
      <c r="CLK671" s="613"/>
      <c r="CLL671" s="613"/>
      <c r="CLM671" s="613"/>
      <c r="CLN671" s="613"/>
      <c r="CLO671" s="613"/>
      <c r="CLP671" s="613"/>
      <c r="CLQ671" s="613"/>
      <c r="CLR671" s="613"/>
      <c r="CLS671" s="613"/>
      <c r="CLT671" s="613"/>
      <c r="CLU671" s="613"/>
      <c r="CLV671" s="613"/>
      <c r="CLW671" s="613"/>
      <c r="CLX671" s="613"/>
      <c r="CLY671" s="613"/>
      <c r="CLZ671" s="613"/>
      <c r="CMA671" s="613"/>
      <c r="CMB671" s="613"/>
      <c r="CMC671" s="613"/>
      <c r="CMD671" s="613"/>
      <c r="CME671" s="613"/>
      <c r="CMF671" s="613"/>
      <c r="CMG671" s="613"/>
      <c r="CMH671" s="613"/>
      <c r="CMI671" s="613"/>
      <c r="CMJ671" s="613"/>
      <c r="CMK671" s="613"/>
      <c r="CML671" s="613"/>
      <c r="CMM671" s="613"/>
      <c r="CMN671" s="613"/>
      <c r="CMO671" s="613"/>
      <c r="CMP671" s="613"/>
      <c r="CMQ671" s="613"/>
      <c r="CMR671" s="613"/>
      <c r="CMS671" s="613"/>
      <c r="CMT671" s="613"/>
      <c r="CMU671" s="613"/>
      <c r="CMV671" s="613"/>
      <c r="CMW671" s="613"/>
      <c r="CMX671" s="613"/>
      <c r="CMY671" s="613"/>
      <c r="CMZ671" s="613"/>
      <c r="CNA671" s="613"/>
      <c r="CNB671" s="613"/>
      <c r="CNC671" s="613"/>
      <c r="CND671" s="613"/>
      <c r="CNE671" s="613"/>
      <c r="CNF671" s="613"/>
      <c r="CNG671" s="613"/>
      <c r="CNH671" s="613"/>
      <c r="CNI671" s="613"/>
      <c r="CNJ671" s="613"/>
      <c r="CNK671" s="613"/>
      <c r="CNL671" s="613"/>
      <c r="CNM671" s="613"/>
      <c r="CNN671" s="613"/>
      <c r="CNO671" s="613"/>
      <c r="CNP671" s="613"/>
      <c r="CNQ671" s="613"/>
      <c r="CNR671" s="613"/>
      <c r="CNS671" s="613"/>
      <c r="CNT671" s="613"/>
      <c r="CNU671" s="613"/>
      <c r="CNV671" s="613"/>
      <c r="CNW671" s="613"/>
      <c r="CNX671" s="613"/>
      <c r="CNY671" s="613"/>
      <c r="CNZ671" s="613"/>
      <c r="COA671" s="613"/>
      <c r="COB671" s="613"/>
      <c r="COC671" s="613"/>
      <c r="COD671" s="613"/>
      <c r="COE671" s="613"/>
      <c r="COF671" s="613"/>
      <c r="COG671" s="613"/>
      <c r="COH671" s="613"/>
      <c r="COI671" s="613"/>
      <c r="COJ671" s="613"/>
      <c r="COK671" s="613"/>
      <c r="COL671" s="613"/>
      <c r="COM671" s="613"/>
      <c r="CON671" s="613"/>
      <c r="COO671" s="613"/>
      <c r="COP671" s="613"/>
      <c r="COQ671" s="613"/>
      <c r="COR671" s="613"/>
      <c r="COS671" s="613"/>
      <c r="COT671" s="613"/>
      <c r="COU671" s="613"/>
      <c r="COV671" s="613"/>
      <c r="COW671" s="613"/>
      <c r="COX671" s="613"/>
      <c r="COY671" s="613"/>
      <c r="COZ671" s="613"/>
      <c r="CPA671" s="613"/>
      <c r="CPB671" s="613"/>
      <c r="CPC671" s="613"/>
      <c r="CPD671" s="613"/>
      <c r="CPE671" s="613"/>
      <c r="CPF671" s="613"/>
      <c r="CPG671" s="613"/>
      <c r="CPH671" s="613"/>
      <c r="CPI671" s="613"/>
      <c r="CPJ671" s="613"/>
      <c r="CPK671" s="613"/>
      <c r="CPL671" s="613"/>
      <c r="CPM671" s="613"/>
      <c r="CPN671" s="613"/>
      <c r="CPO671" s="613"/>
      <c r="CPP671" s="613"/>
      <c r="CPQ671" s="613"/>
      <c r="CPR671" s="613"/>
      <c r="CPS671" s="613"/>
      <c r="CPT671" s="613"/>
      <c r="CPU671" s="613"/>
      <c r="CPV671" s="613"/>
      <c r="CPW671" s="613"/>
      <c r="CPX671" s="613"/>
      <c r="CPY671" s="613"/>
      <c r="CPZ671" s="613"/>
      <c r="CQA671" s="613"/>
      <c r="CQB671" s="613"/>
      <c r="CQC671" s="613"/>
      <c r="CQD671" s="613"/>
      <c r="CQE671" s="613"/>
      <c r="CQF671" s="613"/>
      <c r="CQG671" s="613"/>
      <c r="CQH671" s="613"/>
      <c r="CQI671" s="613"/>
      <c r="CQJ671" s="613"/>
      <c r="CQK671" s="613"/>
      <c r="CQL671" s="613"/>
      <c r="CQM671" s="613"/>
      <c r="CQN671" s="613"/>
      <c r="CQO671" s="613"/>
      <c r="CQP671" s="613"/>
      <c r="CQQ671" s="613"/>
      <c r="CQR671" s="613"/>
      <c r="CQS671" s="613"/>
      <c r="CQT671" s="613"/>
      <c r="CQU671" s="613"/>
      <c r="CQV671" s="613"/>
      <c r="CQW671" s="613"/>
      <c r="CQX671" s="613"/>
      <c r="CQY671" s="613"/>
      <c r="CQZ671" s="613"/>
      <c r="CRA671" s="613"/>
      <c r="CRB671" s="613"/>
      <c r="CRC671" s="613"/>
      <c r="CRD671" s="613"/>
      <c r="CRE671" s="613"/>
      <c r="CRF671" s="613"/>
      <c r="CRG671" s="613"/>
      <c r="CRH671" s="613"/>
      <c r="CRI671" s="613"/>
      <c r="CRJ671" s="613"/>
      <c r="CRK671" s="613"/>
      <c r="CRL671" s="613"/>
      <c r="CRM671" s="613"/>
      <c r="CRN671" s="613"/>
      <c r="CRO671" s="613"/>
      <c r="CRP671" s="613"/>
      <c r="CRQ671" s="613"/>
      <c r="CRR671" s="613"/>
      <c r="CRS671" s="613"/>
      <c r="CRT671" s="613"/>
      <c r="CRU671" s="613"/>
      <c r="CRV671" s="613"/>
      <c r="CRW671" s="613"/>
      <c r="CRX671" s="613"/>
      <c r="CRY671" s="613"/>
      <c r="CRZ671" s="613"/>
      <c r="CSA671" s="613"/>
      <c r="CSB671" s="613"/>
      <c r="CSC671" s="613"/>
      <c r="CSD671" s="613"/>
      <c r="CSE671" s="613"/>
      <c r="CSF671" s="613"/>
      <c r="CSG671" s="613"/>
      <c r="CSH671" s="613"/>
      <c r="CSI671" s="613"/>
      <c r="CSJ671" s="613"/>
      <c r="CSK671" s="613"/>
      <c r="CSL671" s="613"/>
      <c r="CSM671" s="613"/>
      <c r="CSN671" s="613"/>
      <c r="CSO671" s="613"/>
      <c r="CSP671" s="613"/>
      <c r="CSQ671" s="613"/>
      <c r="CSR671" s="613"/>
      <c r="CSS671" s="613"/>
      <c r="CST671" s="613"/>
      <c r="CSU671" s="613"/>
      <c r="CSV671" s="613"/>
      <c r="CSW671" s="613"/>
      <c r="CSX671" s="613"/>
      <c r="CSY671" s="613"/>
      <c r="CSZ671" s="613"/>
      <c r="CTA671" s="613"/>
      <c r="CTB671" s="613"/>
      <c r="CTC671" s="613"/>
      <c r="CTD671" s="613"/>
      <c r="CTE671" s="613"/>
      <c r="CTF671" s="613"/>
      <c r="CTG671" s="613"/>
      <c r="CTH671" s="613"/>
      <c r="CTI671" s="613"/>
      <c r="CTJ671" s="613"/>
      <c r="CTK671" s="613"/>
      <c r="CTL671" s="613"/>
      <c r="CTM671" s="613"/>
      <c r="CTN671" s="613"/>
      <c r="CTO671" s="613"/>
      <c r="CTP671" s="613"/>
      <c r="CTQ671" s="613"/>
      <c r="CTR671" s="613"/>
      <c r="CTS671" s="613"/>
      <c r="CTT671" s="613"/>
      <c r="CTU671" s="613"/>
      <c r="CTV671" s="613"/>
      <c r="CTW671" s="613"/>
      <c r="CTX671" s="613"/>
      <c r="CTY671" s="613"/>
      <c r="CTZ671" s="613"/>
      <c r="CUA671" s="613"/>
      <c r="CUB671" s="613"/>
      <c r="CUC671" s="613"/>
      <c r="CUD671" s="613"/>
      <c r="CUE671" s="613"/>
      <c r="CUF671" s="613"/>
      <c r="CUG671" s="613"/>
      <c r="CUH671" s="613"/>
      <c r="CUI671" s="613"/>
      <c r="CUJ671" s="613"/>
      <c r="CUK671" s="613"/>
      <c r="CUL671" s="613"/>
      <c r="CUM671" s="613"/>
      <c r="CUN671" s="613"/>
      <c r="CUO671" s="613"/>
      <c r="CUP671" s="613"/>
      <c r="CUQ671" s="613"/>
      <c r="CUR671" s="613"/>
      <c r="CUS671" s="613"/>
      <c r="CUT671" s="613"/>
      <c r="CUU671" s="613"/>
      <c r="CUV671" s="613"/>
      <c r="CUW671" s="613"/>
      <c r="CUX671" s="613"/>
      <c r="CUY671" s="613"/>
      <c r="CUZ671" s="613"/>
      <c r="CVA671" s="613"/>
      <c r="CVB671" s="613"/>
      <c r="CVC671" s="613"/>
      <c r="CVD671" s="613"/>
      <c r="CVE671" s="613"/>
      <c r="CVF671" s="613"/>
      <c r="CVG671" s="613"/>
      <c r="CVH671" s="613"/>
      <c r="CVI671" s="613"/>
      <c r="CVJ671" s="613"/>
      <c r="CVK671" s="613"/>
      <c r="CVL671" s="613"/>
      <c r="CVM671" s="613"/>
      <c r="CVN671" s="613"/>
      <c r="CVO671" s="613"/>
      <c r="CVP671" s="613"/>
      <c r="CVQ671" s="613"/>
      <c r="CVR671" s="613"/>
      <c r="CVS671" s="613"/>
      <c r="CVT671" s="613"/>
      <c r="CVU671" s="613"/>
      <c r="CVV671" s="613"/>
      <c r="CVW671" s="613"/>
      <c r="CVX671" s="613"/>
      <c r="CVY671" s="613"/>
      <c r="CVZ671" s="613"/>
      <c r="CWA671" s="613"/>
      <c r="CWB671" s="613"/>
      <c r="CWC671" s="613"/>
      <c r="CWD671" s="613"/>
      <c r="CWE671" s="613"/>
      <c r="CWF671" s="613"/>
      <c r="CWG671" s="613"/>
      <c r="CWH671" s="613"/>
      <c r="CWI671" s="613"/>
      <c r="CWJ671" s="613"/>
      <c r="CWK671" s="613"/>
      <c r="CWL671" s="613"/>
      <c r="CWM671" s="613"/>
      <c r="CWN671" s="613"/>
      <c r="CWO671" s="613"/>
      <c r="CWP671" s="613"/>
      <c r="CWQ671" s="613"/>
      <c r="CWR671" s="613"/>
      <c r="CWS671" s="613"/>
      <c r="CWT671" s="613"/>
      <c r="CWU671" s="613"/>
      <c r="CWV671" s="613"/>
      <c r="CWW671" s="613"/>
      <c r="CWX671" s="613"/>
      <c r="CWY671" s="613"/>
      <c r="CWZ671" s="613"/>
      <c r="CXA671" s="613"/>
      <c r="CXB671" s="613"/>
      <c r="CXC671" s="613"/>
      <c r="CXD671" s="613"/>
      <c r="CXE671" s="613"/>
      <c r="CXF671" s="613"/>
      <c r="CXG671" s="613"/>
      <c r="CXH671" s="613"/>
      <c r="CXI671" s="613"/>
      <c r="CXJ671" s="613"/>
      <c r="CXK671" s="613"/>
      <c r="CXL671" s="613"/>
      <c r="CXM671" s="613"/>
      <c r="CXN671" s="613"/>
      <c r="CXO671" s="613"/>
      <c r="CXP671" s="613"/>
      <c r="CXQ671" s="613"/>
      <c r="CXR671" s="613"/>
      <c r="CXS671" s="613"/>
      <c r="CXT671" s="613"/>
      <c r="CXU671" s="613"/>
      <c r="CXV671" s="613"/>
      <c r="CXW671" s="613"/>
      <c r="CXX671" s="613"/>
      <c r="CXY671" s="613"/>
      <c r="CXZ671" s="613"/>
      <c r="CYA671" s="613"/>
      <c r="CYB671" s="613"/>
      <c r="CYC671" s="613"/>
      <c r="CYD671" s="613"/>
      <c r="CYE671" s="613"/>
      <c r="CYF671" s="613"/>
      <c r="CYG671" s="613"/>
      <c r="CYH671" s="613"/>
      <c r="CYI671" s="613"/>
      <c r="CYJ671" s="613"/>
      <c r="CYK671" s="613"/>
      <c r="CYL671" s="613"/>
      <c r="CYM671" s="613"/>
      <c r="CYN671" s="613"/>
      <c r="CYO671" s="613"/>
      <c r="CYP671" s="613"/>
      <c r="CYQ671" s="613"/>
      <c r="CYR671" s="613"/>
      <c r="CYS671" s="613"/>
      <c r="CYT671" s="613"/>
      <c r="CYU671" s="613"/>
      <c r="CYV671" s="613"/>
      <c r="CYW671" s="613"/>
      <c r="CYX671" s="613"/>
      <c r="CYY671" s="613"/>
      <c r="CYZ671" s="613"/>
      <c r="CZA671" s="613"/>
      <c r="CZB671" s="613"/>
      <c r="CZC671" s="613"/>
      <c r="CZD671" s="613"/>
      <c r="CZE671" s="613"/>
      <c r="CZF671" s="613"/>
      <c r="CZG671" s="613"/>
      <c r="CZH671" s="613"/>
      <c r="CZI671" s="613"/>
      <c r="CZJ671" s="613"/>
      <c r="CZK671" s="613"/>
      <c r="CZL671" s="613"/>
      <c r="CZM671" s="613"/>
      <c r="CZN671" s="613"/>
      <c r="CZO671" s="613"/>
      <c r="CZP671" s="613"/>
      <c r="CZQ671" s="613"/>
      <c r="CZR671" s="613"/>
      <c r="CZS671" s="613"/>
      <c r="CZT671" s="613"/>
      <c r="CZU671" s="613"/>
      <c r="CZV671" s="613"/>
      <c r="CZW671" s="613"/>
      <c r="CZX671" s="613"/>
      <c r="CZY671" s="613"/>
      <c r="CZZ671" s="613"/>
      <c r="DAA671" s="613"/>
      <c r="DAB671" s="613"/>
      <c r="DAC671" s="613"/>
      <c r="DAD671" s="613"/>
      <c r="DAE671" s="613"/>
      <c r="DAF671" s="613"/>
      <c r="DAG671" s="613"/>
      <c r="DAH671" s="613"/>
      <c r="DAI671" s="613"/>
      <c r="DAJ671" s="613"/>
      <c r="DAK671" s="613"/>
      <c r="DAL671" s="613"/>
      <c r="DAM671" s="613"/>
      <c r="DAN671" s="613"/>
      <c r="DAO671" s="613"/>
      <c r="DAP671" s="613"/>
      <c r="DAQ671" s="613"/>
      <c r="DAR671" s="613"/>
      <c r="DAS671" s="613"/>
      <c r="DAT671" s="613"/>
      <c r="DAU671" s="613"/>
      <c r="DAV671" s="613"/>
      <c r="DAW671" s="613"/>
      <c r="DAX671" s="613"/>
      <c r="DAY671" s="613"/>
      <c r="DAZ671" s="613"/>
      <c r="DBA671" s="613"/>
      <c r="DBB671" s="613"/>
      <c r="DBC671" s="613"/>
      <c r="DBD671" s="613"/>
      <c r="DBE671" s="613"/>
      <c r="DBF671" s="613"/>
      <c r="DBG671" s="613"/>
      <c r="DBH671" s="613"/>
      <c r="DBI671" s="613"/>
      <c r="DBJ671" s="613"/>
      <c r="DBK671" s="613"/>
      <c r="DBL671" s="613"/>
      <c r="DBM671" s="613"/>
      <c r="DBN671" s="613"/>
      <c r="DBO671" s="613"/>
      <c r="DBP671" s="613"/>
      <c r="DBQ671" s="613"/>
      <c r="DBR671" s="613"/>
      <c r="DBS671" s="613"/>
      <c r="DBT671" s="613"/>
      <c r="DBU671" s="613"/>
      <c r="DBV671" s="613"/>
      <c r="DBW671" s="613"/>
      <c r="DBX671" s="613"/>
      <c r="DBY671" s="613"/>
      <c r="DBZ671" s="613"/>
      <c r="DCA671" s="613"/>
      <c r="DCB671" s="613"/>
      <c r="DCC671" s="613"/>
      <c r="DCD671" s="613"/>
      <c r="DCE671" s="613"/>
      <c r="DCF671" s="613"/>
      <c r="DCG671" s="613"/>
      <c r="DCH671" s="613"/>
      <c r="DCI671" s="613"/>
      <c r="DCJ671" s="613"/>
      <c r="DCK671" s="613"/>
      <c r="DCL671" s="613"/>
      <c r="DCM671" s="613"/>
      <c r="DCN671" s="613"/>
      <c r="DCO671" s="613"/>
      <c r="DCP671" s="613"/>
      <c r="DCQ671" s="613"/>
      <c r="DCR671" s="613"/>
      <c r="DCS671" s="613"/>
      <c r="DCT671" s="613"/>
      <c r="DCU671" s="613"/>
      <c r="DCV671" s="613"/>
      <c r="DCW671" s="613"/>
      <c r="DCX671" s="613"/>
      <c r="DCY671" s="613"/>
      <c r="DCZ671" s="613"/>
      <c r="DDA671" s="613"/>
      <c r="DDB671" s="613"/>
      <c r="DDC671" s="613"/>
      <c r="DDD671" s="613"/>
      <c r="DDE671" s="613"/>
      <c r="DDF671" s="613"/>
      <c r="DDG671" s="613"/>
      <c r="DDH671" s="613"/>
      <c r="DDI671" s="613"/>
      <c r="DDJ671" s="613"/>
      <c r="DDK671" s="613"/>
      <c r="DDL671" s="613"/>
      <c r="DDM671" s="613"/>
      <c r="DDN671" s="613"/>
      <c r="DDO671" s="613"/>
      <c r="DDP671" s="613"/>
      <c r="DDQ671" s="613"/>
      <c r="DDR671" s="613"/>
      <c r="DDS671" s="613"/>
      <c r="DDT671" s="613"/>
      <c r="DDU671" s="613"/>
      <c r="DDV671" s="613"/>
      <c r="DDW671" s="613"/>
      <c r="DDX671" s="613"/>
      <c r="DDY671" s="613"/>
      <c r="DDZ671" s="613"/>
      <c r="DEA671" s="613"/>
      <c r="DEB671" s="613"/>
      <c r="DEC671" s="613"/>
      <c r="DED671" s="613"/>
      <c r="DEE671" s="613"/>
      <c r="DEF671" s="613"/>
      <c r="DEG671" s="613"/>
      <c r="DEH671" s="613"/>
      <c r="DEI671" s="613"/>
      <c r="DEJ671" s="613"/>
      <c r="DEK671" s="613"/>
      <c r="DEL671" s="613"/>
      <c r="DEM671" s="613"/>
      <c r="DEN671" s="613"/>
      <c r="DEO671" s="613"/>
      <c r="DEP671" s="613"/>
      <c r="DEQ671" s="613"/>
      <c r="DER671" s="613"/>
      <c r="DES671" s="613"/>
      <c r="DET671" s="613"/>
      <c r="DEU671" s="613"/>
      <c r="DEV671" s="613"/>
      <c r="DEW671" s="613"/>
      <c r="DEX671" s="613"/>
      <c r="DEY671" s="613"/>
      <c r="DEZ671" s="613"/>
      <c r="DFA671" s="613"/>
      <c r="DFB671" s="613"/>
      <c r="DFC671" s="613"/>
      <c r="DFD671" s="613"/>
      <c r="DFE671" s="613"/>
      <c r="DFF671" s="613"/>
      <c r="DFG671" s="613"/>
      <c r="DFH671" s="613"/>
      <c r="DFI671" s="613"/>
      <c r="DFJ671" s="613"/>
      <c r="DFK671" s="613"/>
      <c r="DFL671" s="613"/>
      <c r="DFM671" s="613"/>
      <c r="DFN671" s="613"/>
      <c r="DFO671" s="613"/>
      <c r="DFP671" s="613"/>
      <c r="DFQ671" s="613"/>
      <c r="DFR671" s="613"/>
      <c r="DFS671" s="613"/>
      <c r="DFT671" s="613"/>
      <c r="DFU671" s="613"/>
      <c r="DFV671" s="613"/>
      <c r="DFW671" s="613"/>
      <c r="DFX671" s="613"/>
      <c r="DFY671" s="613"/>
      <c r="DFZ671" s="613"/>
      <c r="DGA671" s="613"/>
      <c r="DGB671" s="613"/>
      <c r="DGC671" s="613"/>
      <c r="DGD671" s="613"/>
      <c r="DGE671" s="613"/>
      <c r="DGF671" s="613"/>
      <c r="DGG671" s="613"/>
      <c r="DGH671" s="613"/>
      <c r="DGI671" s="613"/>
      <c r="DGJ671" s="613"/>
      <c r="DGK671" s="613"/>
      <c r="DGL671" s="613"/>
      <c r="DGM671" s="613"/>
      <c r="DGN671" s="613"/>
      <c r="DGO671" s="613"/>
      <c r="DGP671" s="613"/>
      <c r="DGQ671" s="613"/>
      <c r="DGR671" s="613"/>
      <c r="DGS671" s="613"/>
      <c r="DGT671" s="613"/>
      <c r="DGU671" s="613"/>
      <c r="DGV671" s="613"/>
      <c r="DGW671" s="613"/>
      <c r="DGX671" s="613"/>
      <c r="DGY671" s="613"/>
      <c r="DGZ671" s="613"/>
      <c r="DHA671" s="613"/>
      <c r="DHB671" s="613"/>
      <c r="DHC671" s="613"/>
      <c r="DHD671" s="613"/>
      <c r="DHE671" s="613"/>
      <c r="DHF671" s="613"/>
      <c r="DHG671" s="613"/>
      <c r="DHH671" s="613"/>
      <c r="DHI671" s="613"/>
      <c r="DHJ671" s="613"/>
      <c r="DHK671" s="613"/>
      <c r="DHL671" s="613"/>
      <c r="DHM671" s="613"/>
      <c r="DHN671" s="613"/>
      <c r="DHO671" s="613"/>
      <c r="DHP671" s="613"/>
      <c r="DHQ671" s="613"/>
      <c r="DHR671" s="613"/>
      <c r="DHS671" s="613"/>
      <c r="DHT671" s="613"/>
      <c r="DHU671" s="613"/>
      <c r="DHV671" s="613"/>
      <c r="DHW671" s="613"/>
      <c r="DHX671" s="613"/>
      <c r="DHY671" s="613"/>
      <c r="DHZ671" s="613"/>
      <c r="DIA671" s="613"/>
      <c r="DIB671" s="613"/>
      <c r="DIC671" s="613"/>
      <c r="DID671" s="613"/>
      <c r="DIE671" s="613"/>
      <c r="DIF671" s="613"/>
      <c r="DIG671" s="613"/>
      <c r="DIH671" s="613"/>
      <c r="DII671" s="613"/>
      <c r="DIJ671" s="613"/>
      <c r="DIK671" s="613"/>
      <c r="DIL671" s="613"/>
      <c r="DIM671" s="613"/>
      <c r="DIN671" s="613"/>
      <c r="DIO671" s="613"/>
      <c r="DIP671" s="613"/>
      <c r="DIQ671" s="613"/>
      <c r="DIR671" s="613"/>
      <c r="DIS671" s="613"/>
      <c r="DIT671" s="613"/>
      <c r="DIU671" s="613"/>
      <c r="DIV671" s="613"/>
      <c r="DIW671" s="613"/>
      <c r="DIX671" s="613"/>
      <c r="DIY671" s="613"/>
      <c r="DIZ671" s="613"/>
      <c r="DJA671" s="613"/>
      <c r="DJB671" s="613"/>
      <c r="DJC671" s="613"/>
      <c r="DJD671" s="613"/>
      <c r="DJE671" s="613"/>
      <c r="DJF671" s="613"/>
      <c r="DJG671" s="613"/>
      <c r="DJH671" s="613"/>
      <c r="DJI671" s="613"/>
      <c r="DJJ671" s="613"/>
      <c r="DJK671" s="613"/>
      <c r="DJL671" s="613"/>
      <c r="DJM671" s="613"/>
      <c r="DJN671" s="613"/>
      <c r="DJO671" s="613"/>
      <c r="DJP671" s="613"/>
      <c r="DJQ671" s="613"/>
      <c r="DJR671" s="613"/>
      <c r="DJS671" s="613"/>
      <c r="DJT671" s="613"/>
      <c r="DJU671" s="613"/>
      <c r="DJV671" s="613"/>
      <c r="DJW671" s="613"/>
      <c r="DJX671" s="613"/>
      <c r="DJY671" s="613"/>
      <c r="DJZ671" s="613"/>
      <c r="DKA671" s="613"/>
      <c r="DKB671" s="613"/>
      <c r="DKC671" s="613"/>
      <c r="DKD671" s="613"/>
      <c r="DKE671" s="613"/>
      <c r="DKF671" s="613"/>
      <c r="DKG671" s="613"/>
      <c r="DKH671" s="613"/>
      <c r="DKI671" s="613"/>
      <c r="DKJ671" s="613"/>
      <c r="DKK671" s="613"/>
      <c r="DKL671" s="613"/>
      <c r="DKM671" s="613"/>
      <c r="DKN671" s="613"/>
      <c r="DKO671" s="613"/>
      <c r="DKP671" s="613"/>
      <c r="DKQ671" s="613"/>
      <c r="DKR671" s="613"/>
      <c r="DKS671" s="613"/>
      <c r="DKT671" s="613"/>
      <c r="DKU671" s="613"/>
      <c r="DKV671" s="613"/>
      <c r="DKW671" s="613"/>
      <c r="DKX671" s="613"/>
      <c r="DKY671" s="613"/>
      <c r="DKZ671" s="613"/>
      <c r="DLA671" s="613"/>
      <c r="DLB671" s="613"/>
      <c r="DLC671" s="613"/>
      <c r="DLD671" s="613"/>
      <c r="DLE671" s="613"/>
      <c r="DLF671" s="613"/>
      <c r="DLG671" s="613"/>
      <c r="DLH671" s="613"/>
      <c r="DLI671" s="613"/>
      <c r="DLJ671" s="613"/>
      <c r="DLK671" s="613"/>
      <c r="DLL671" s="613"/>
      <c r="DLM671" s="613"/>
      <c r="DLN671" s="613"/>
      <c r="DLO671" s="613"/>
      <c r="DLP671" s="613"/>
      <c r="DLQ671" s="613"/>
      <c r="DLR671" s="613"/>
      <c r="DLS671" s="613"/>
      <c r="DLT671" s="613"/>
      <c r="DLU671" s="613"/>
      <c r="DLV671" s="613"/>
      <c r="DLW671" s="613"/>
      <c r="DLX671" s="613"/>
      <c r="DLY671" s="613"/>
      <c r="DLZ671" s="613"/>
      <c r="DMA671" s="613"/>
      <c r="DMB671" s="613"/>
      <c r="DMC671" s="613"/>
      <c r="DMD671" s="613"/>
      <c r="DME671" s="613"/>
      <c r="DMF671" s="613"/>
      <c r="DMG671" s="613"/>
      <c r="DMH671" s="613"/>
      <c r="DMI671" s="613"/>
      <c r="DMJ671" s="613"/>
      <c r="DMK671" s="613"/>
      <c r="DML671" s="613"/>
      <c r="DMM671" s="613"/>
      <c r="DMN671" s="613"/>
      <c r="DMO671" s="613"/>
      <c r="DMP671" s="613"/>
      <c r="DMQ671" s="613"/>
      <c r="DMR671" s="613"/>
      <c r="DMS671" s="613"/>
      <c r="DMT671" s="613"/>
      <c r="DMU671" s="613"/>
      <c r="DMV671" s="613"/>
      <c r="DMW671" s="613"/>
      <c r="DMX671" s="613"/>
      <c r="DMY671" s="613"/>
      <c r="DMZ671" s="613"/>
      <c r="DNA671" s="613"/>
      <c r="DNB671" s="613"/>
      <c r="DNC671" s="613"/>
      <c r="DND671" s="613"/>
      <c r="DNE671" s="613"/>
      <c r="DNF671" s="613"/>
      <c r="DNG671" s="613"/>
      <c r="DNH671" s="613"/>
      <c r="DNI671" s="613"/>
      <c r="DNJ671" s="613"/>
      <c r="DNK671" s="613"/>
      <c r="DNL671" s="613"/>
      <c r="DNM671" s="613"/>
      <c r="DNN671" s="613"/>
      <c r="DNO671" s="613"/>
      <c r="DNP671" s="613"/>
      <c r="DNQ671" s="613"/>
      <c r="DNR671" s="613"/>
      <c r="DNS671" s="613"/>
      <c r="DNT671" s="613"/>
      <c r="DNU671" s="613"/>
      <c r="DNV671" s="613"/>
      <c r="DNW671" s="613"/>
      <c r="DNX671" s="613"/>
      <c r="DNY671" s="613"/>
      <c r="DNZ671" s="613"/>
      <c r="DOA671" s="613"/>
      <c r="DOB671" s="613"/>
      <c r="DOC671" s="613"/>
      <c r="DOD671" s="613"/>
      <c r="DOE671" s="613"/>
      <c r="DOF671" s="613"/>
      <c r="DOG671" s="613"/>
      <c r="DOH671" s="613"/>
      <c r="DOI671" s="613"/>
      <c r="DOJ671" s="613"/>
      <c r="DOK671" s="613"/>
      <c r="DOL671" s="613"/>
      <c r="DOM671" s="613"/>
      <c r="DON671" s="613"/>
      <c r="DOO671" s="613"/>
      <c r="DOP671" s="613"/>
      <c r="DOQ671" s="613"/>
      <c r="DOR671" s="613"/>
      <c r="DOS671" s="613"/>
      <c r="DOT671" s="613"/>
      <c r="DOU671" s="613"/>
      <c r="DOV671" s="613"/>
      <c r="DOW671" s="613"/>
      <c r="DOX671" s="613"/>
      <c r="DOY671" s="613"/>
      <c r="DOZ671" s="613"/>
      <c r="DPA671" s="613"/>
      <c r="DPB671" s="613"/>
      <c r="DPC671" s="613"/>
      <c r="DPD671" s="613"/>
      <c r="DPE671" s="613"/>
      <c r="DPF671" s="613"/>
      <c r="DPG671" s="613"/>
      <c r="DPH671" s="613"/>
      <c r="DPI671" s="613"/>
      <c r="DPJ671" s="613"/>
      <c r="DPK671" s="613"/>
      <c r="DPL671" s="613"/>
      <c r="DPM671" s="613"/>
      <c r="DPN671" s="613"/>
      <c r="DPO671" s="613"/>
      <c r="DPP671" s="613"/>
      <c r="DPQ671" s="613"/>
      <c r="DPR671" s="613"/>
      <c r="DPS671" s="613"/>
      <c r="DPT671" s="613"/>
      <c r="DPU671" s="613"/>
      <c r="DPV671" s="613"/>
      <c r="DPW671" s="613"/>
      <c r="DPX671" s="613"/>
      <c r="DPY671" s="613"/>
      <c r="DPZ671" s="613"/>
      <c r="DQA671" s="613"/>
      <c r="DQB671" s="613"/>
      <c r="DQC671" s="613"/>
      <c r="DQD671" s="613"/>
      <c r="DQE671" s="613"/>
      <c r="DQF671" s="613"/>
      <c r="DQG671" s="613"/>
      <c r="DQH671" s="613"/>
      <c r="DQI671" s="613"/>
      <c r="DQJ671" s="613"/>
      <c r="DQK671" s="613"/>
      <c r="DQL671" s="613"/>
      <c r="DQM671" s="613"/>
      <c r="DQN671" s="613"/>
      <c r="DQO671" s="613"/>
      <c r="DQP671" s="613"/>
      <c r="DQQ671" s="613"/>
      <c r="DQR671" s="613"/>
      <c r="DQS671" s="613"/>
      <c r="DQT671" s="613"/>
      <c r="DQU671" s="613"/>
      <c r="DQV671" s="613"/>
      <c r="DQW671" s="613"/>
      <c r="DQX671" s="613"/>
      <c r="DQY671" s="613"/>
      <c r="DQZ671" s="613"/>
      <c r="DRA671" s="613"/>
      <c r="DRB671" s="613"/>
      <c r="DRC671" s="613"/>
      <c r="DRD671" s="613"/>
      <c r="DRE671" s="613"/>
      <c r="DRF671" s="613"/>
      <c r="DRG671" s="613"/>
      <c r="DRH671" s="613"/>
      <c r="DRI671" s="613"/>
      <c r="DRJ671" s="613"/>
      <c r="DRK671" s="613"/>
      <c r="DRL671" s="613"/>
      <c r="DRM671" s="613"/>
      <c r="DRN671" s="613"/>
      <c r="DRO671" s="613"/>
      <c r="DRP671" s="613"/>
      <c r="DRQ671" s="613"/>
      <c r="DRR671" s="613"/>
      <c r="DRS671" s="613"/>
      <c r="DRT671" s="613"/>
      <c r="DRU671" s="613"/>
      <c r="DRV671" s="613"/>
      <c r="DRW671" s="613"/>
      <c r="DRX671" s="613"/>
      <c r="DRY671" s="613"/>
      <c r="DRZ671" s="613"/>
      <c r="DSA671" s="613"/>
      <c r="DSB671" s="613"/>
      <c r="DSC671" s="613"/>
      <c r="DSD671" s="613"/>
      <c r="DSE671" s="613"/>
      <c r="DSF671" s="613"/>
      <c r="DSG671" s="613"/>
      <c r="DSH671" s="613"/>
      <c r="DSI671" s="613"/>
      <c r="DSJ671" s="613"/>
      <c r="DSK671" s="613"/>
      <c r="DSL671" s="613"/>
      <c r="DSM671" s="613"/>
      <c r="DSN671" s="613"/>
      <c r="DSO671" s="613"/>
      <c r="DSP671" s="613"/>
      <c r="DSQ671" s="613"/>
      <c r="DSR671" s="613"/>
      <c r="DSS671" s="613"/>
      <c r="DST671" s="613"/>
      <c r="DSU671" s="613"/>
      <c r="DSV671" s="613"/>
      <c r="DSW671" s="613"/>
      <c r="DSX671" s="613"/>
      <c r="DSY671" s="613"/>
      <c r="DSZ671" s="613"/>
      <c r="DTA671" s="613"/>
      <c r="DTB671" s="613"/>
      <c r="DTC671" s="613"/>
      <c r="DTD671" s="613"/>
      <c r="DTE671" s="613"/>
      <c r="DTF671" s="613"/>
      <c r="DTG671" s="613"/>
      <c r="DTH671" s="613"/>
      <c r="DTI671" s="613"/>
      <c r="DTJ671" s="613"/>
      <c r="DTK671" s="613"/>
      <c r="DTL671" s="613"/>
      <c r="DTM671" s="613"/>
      <c r="DTN671" s="613"/>
      <c r="DTO671" s="613"/>
      <c r="DTP671" s="613"/>
      <c r="DTQ671" s="613"/>
      <c r="DTR671" s="613"/>
      <c r="DTS671" s="613"/>
      <c r="DTT671" s="613"/>
      <c r="DTU671" s="613"/>
      <c r="DTV671" s="613"/>
      <c r="DTW671" s="613"/>
      <c r="DTX671" s="613"/>
      <c r="DTY671" s="613"/>
      <c r="DTZ671" s="613"/>
      <c r="DUA671" s="613"/>
      <c r="DUB671" s="613"/>
      <c r="DUC671" s="613"/>
      <c r="DUD671" s="613"/>
      <c r="DUE671" s="613"/>
      <c r="DUF671" s="613"/>
      <c r="DUG671" s="613"/>
      <c r="DUH671" s="613"/>
      <c r="DUI671" s="613"/>
      <c r="DUJ671" s="613"/>
      <c r="DUK671" s="613"/>
      <c r="DUL671" s="613"/>
      <c r="DUM671" s="613"/>
      <c r="DUN671" s="613"/>
      <c r="DUO671" s="613"/>
      <c r="DUP671" s="613"/>
      <c r="DUQ671" s="613"/>
      <c r="DUR671" s="613"/>
      <c r="DUS671" s="613"/>
      <c r="DUT671" s="613"/>
      <c r="DUU671" s="613"/>
      <c r="DUV671" s="613"/>
      <c r="DUW671" s="613"/>
      <c r="DUX671" s="613"/>
      <c r="DUY671" s="613"/>
      <c r="DUZ671" s="613"/>
      <c r="DVA671" s="613"/>
      <c r="DVB671" s="613"/>
      <c r="DVC671" s="613"/>
      <c r="DVD671" s="613"/>
      <c r="DVE671" s="613"/>
      <c r="DVF671" s="613"/>
      <c r="DVG671" s="613"/>
      <c r="DVH671" s="613"/>
      <c r="DVI671" s="613"/>
      <c r="DVJ671" s="613"/>
      <c r="DVK671" s="613"/>
      <c r="DVL671" s="613"/>
      <c r="DVM671" s="613"/>
      <c r="DVN671" s="613"/>
      <c r="DVO671" s="613"/>
      <c r="DVP671" s="613"/>
      <c r="DVQ671" s="613"/>
      <c r="DVR671" s="613"/>
      <c r="DVS671" s="613"/>
      <c r="DVT671" s="613"/>
      <c r="DVU671" s="613"/>
      <c r="DVV671" s="613"/>
      <c r="DVW671" s="613"/>
      <c r="DVX671" s="613"/>
      <c r="DVY671" s="613"/>
      <c r="DVZ671" s="613"/>
      <c r="DWA671" s="613"/>
      <c r="DWB671" s="613"/>
      <c r="DWC671" s="613"/>
      <c r="DWD671" s="613"/>
      <c r="DWE671" s="613"/>
      <c r="DWF671" s="613"/>
      <c r="DWG671" s="613"/>
      <c r="DWH671" s="613"/>
      <c r="DWI671" s="613"/>
      <c r="DWJ671" s="613"/>
      <c r="DWK671" s="613"/>
      <c r="DWL671" s="613"/>
      <c r="DWM671" s="613"/>
      <c r="DWN671" s="613"/>
      <c r="DWO671" s="613"/>
      <c r="DWP671" s="613"/>
      <c r="DWQ671" s="613"/>
      <c r="DWR671" s="613"/>
      <c r="DWS671" s="613"/>
      <c r="DWT671" s="613"/>
      <c r="DWU671" s="613"/>
      <c r="DWV671" s="613"/>
      <c r="DWW671" s="613"/>
      <c r="DWX671" s="613"/>
      <c r="DWY671" s="613"/>
      <c r="DWZ671" s="613"/>
      <c r="DXA671" s="613"/>
      <c r="DXB671" s="613"/>
      <c r="DXC671" s="613"/>
      <c r="DXD671" s="613"/>
      <c r="DXE671" s="613"/>
      <c r="DXF671" s="613"/>
      <c r="DXG671" s="613"/>
      <c r="DXH671" s="613"/>
      <c r="DXI671" s="613"/>
      <c r="DXJ671" s="613"/>
      <c r="DXK671" s="613"/>
      <c r="DXL671" s="613"/>
      <c r="DXM671" s="613"/>
      <c r="DXN671" s="613"/>
      <c r="DXO671" s="613"/>
      <c r="DXP671" s="613"/>
      <c r="DXQ671" s="613"/>
      <c r="DXR671" s="613"/>
      <c r="DXS671" s="613"/>
      <c r="DXT671" s="613"/>
      <c r="DXU671" s="613"/>
      <c r="DXV671" s="613"/>
      <c r="DXW671" s="613"/>
      <c r="DXX671" s="613"/>
      <c r="DXY671" s="613"/>
      <c r="DXZ671" s="613"/>
      <c r="DYA671" s="613"/>
      <c r="DYB671" s="613"/>
      <c r="DYC671" s="613"/>
      <c r="DYD671" s="613"/>
      <c r="DYE671" s="613"/>
      <c r="DYF671" s="613"/>
      <c r="DYG671" s="613"/>
      <c r="DYH671" s="613"/>
      <c r="DYI671" s="613"/>
      <c r="DYJ671" s="613"/>
      <c r="DYK671" s="613"/>
      <c r="DYL671" s="613"/>
      <c r="DYM671" s="613"/>
      <c r="DYN671" s="613"/>
      <c r="DYO671" s="613"/>
      <c r="DYP671" s="613"/>
      <c r="DYQ671" s="613"/>
      <c r="DYR671" s="613"/>
      <c r="DYS671" s="613"/>
      <c r="DYT671" s="613"/>
      <c r="DYU671" s="613"/>
      <c r="DYV671" s="613"/>
      <c r="DYW671" s="613"/>
      <c r="DYX671" s="613"/>
      <c r="DYY671" s="613"/>
      <c r="DYZ671" s="613"/>
      <c r="DZA671" s="613"/>
      <c r="DZB671" s="613"/>
      <c r="DZC671" s="613"/>
      <c r="DZD671" s="613"/>
      <c r="DZE671" s="613"/>
      <c r="DZF671" s="613"/>
      <c r="DZG671" s="613"/>
      <c r="DZH671" s="613"/>
      <c r="DZI671" s="613"/>
      <c r="DZJ671" s="613"/>
      <c r="DZK671" s="613"/>
      <c r="DZL671" s="613"/>
      <c r="DZM671" s="613"/>
      <c r="DZN671" s="613"/>
      <c r="DZO671" s="613"/>
      <c r="DZP671" s="613"/>
      <c r="DZQ671" s="613"/>
      <c r="DZR671" s="613"/>
      <c r="DZS671" s="613"/>
      <c r="DZT671" s="613"/>
      <c r="DZU671" s="613"/>
      <c r="DZV671" s="613"/>
      <c r="DZW671" s="613"/>
      <c r="DZX671" s="613"/>
      <c r="DZY671" s="613"/>
      <c r="DZZ671" s="613"/>
      <c r="EAA671" s="613"/>
      <c r="EAB671" s="613"/>
      <c r="EAC671" s="613"/>
      <c r="EAD671" s="613"/>
      <c r="EAE671" s="613"/>
      <c r="EAF671" s="613"/>
      <c r="EAG671" s="613"/>
      <c r="EAH671" s="613"/>
      <c r="EAI671" s="613"/>
      <c r="EAJ671" s="613"/>
      <c r="EAK671" s="613"/>
      <c r="EAL671" s="613"/>
      <c r="EAM671" s="613"/>
      <c r="EAN671" s="613"/>
      <c r="EAO671" s="613"/>
      <c r="EAP671" s="613"/>
      <c r="EAQ671" s="613"/>
      <c r="EAR671" s="613"/>
      <c r="EAS671" s="613"/>
      <c r="EAT671" s="613"/>
      <c r="EAU671" s="613"/>
      <c r="EAV671" s="613"/>
      <c r="EAW671" s="613"/>
      <c r="EAX671" s="613"/>
      <c r="EAY671" s="613"/>
      <c r="EAZ671" s="613"/>
      <c r="EBA671" s="613"/>
      <c r="EBB671" s="613"/>
      <c r="EBC671" s="613"/>
      <c r="EBD671" s="613"/>
      <c r="EBE671" s="613"/>
      <c r="EBF671" s="613"/>
      <c r="EBG671" s="613"/>
      <c r="EBH671" s="613"/>
      <c r="EBI671" s="613"/>
      <c r="EBJ671" s="613"/>
      <c r="EBK671" s="613"/>
      <c r="EBL671" s="613"/>
      <c r="EBM671" s="613"/>
      <c r="EBN671" s="613"/>
      <c r="EBO671" s="613"/>
      <c r="EBP671" s="613"/>
      <c r="EBQ671" s="613"/>
      <c r="EBR671" s="613"/>
      <c r="EBS671" s="613"/>
      <c r="EBT671" s="613"/>
      <c r="EBU671" s="613"/>
      <c r="EBV671" s="613"/>
      <c r="EBW671" s="613"/>
      <c r="EBX671" s="613"/>
      <c r="EBY671" s="613"/>
      <c r="EBZ671" s="613"/>
      <c r="ECA671" s="613"/>
      <c r="ECB671" s="613"/>
      <c r="ECC671" s="613"/>
      <c r="ECD671" s="613"/>
      <c r="ECE671" s="613"/>
      <c r="ECF671" s="613"/>
      <c r="ECG671" s="613"/>
      <c r="ECH671" s="613"/>
      <c r="ECI671" s="613"/>
      <c r="ECJ671" s="613"/>
      <c r="ECK671" s="613"/>
      <c r="ECL671" s="613"/>
      <c r="ECM671" s="613"/>
      <c r="ECN671" s="613"/>
      <c r="ECO671" s="613"/>
      <c r="ECP671" s="613"/>
      <c r="ECQ671" s="613"/>
      <c r="ECR671" s="613"/>
      <c r="ECS671" s="613"/>
      <c r="ECT671" s="613"/>
      <c r="ECU671" s="613"/>
      <c r="ECV671" s="613"/>
      <c r="ECW671" s="613"/>
      <c r="ECX671" s="613"/>
      <c r="ECY671" s="613"/>
      <c r="ECZ671" s="613"/>
      <c r="EDA671" s="613"/>
      <c r="EDB671" s="613"/>
      <c r="EDC671" s="613"/>
      <c r="EDD671" s="613"/>
      <c r="EDE671" s="613"/>
      <c r="EDF671" s="613"/>
      <c r="EDG671" s="613"/>
      <c r="EDH671" s="613"/>
      <c r="EDI671" s="613"/>
      <c r="EDJ671" s="613"/>
      <c r="EDK671" s="613"/>
      <c r="EDL671" s="613"/>
      <c r="EDM671" s="613"/>
      <c r="EDN671" s="613"/>
      <c r="EDO671" s="613"/>
      <c r="EDP671" s="613"/>
      <c r="EDQ671" s="613"/>
      <c r="EDR671" s="613"/>
      <c r="EDS671" s="613"/>
      <c r="EDT671" s="613"/>
      <c r="EDU671" s="613"/>
      <c r="EDV671" s="613"/>
      <c r="EDW671" s="613"/>
      <c r="EDX671" s="613"/>
      <c r="EDY671" s="613"/>
      <c r="EDZ671" s="613"/>
      <c r="EEA671" s="613"/>
      <c r="EEB671" s="613"/>
      <c r="EEC671" s="613"/>
      <c r="EED671" s="613"/>
      <c r="EEE671" s="613"/>
      <c r="EEF671" s="613"/>
      <c r="EEG671" s="613"/>
      <c r="EEH671" s="613"/>
      <c r="EEI671" s="613"/>
      <c r="EEJ671" s="613"/>
      <c r="EEK671" s="613"/>
      <c r="EEL671" s="613"/>
      <c r="EEM671" s="613"/>
      <c r="EEN671" s="613"/>
      <c r="EEO671" s="613"/>
      <c r="EEP671" s="613"/>
      <c r="EEQ671" s="613"/>
      <c r="EER671" s="613"/>
      <c r="EES671" s="613"/>
      <c r="EET671" s="613"/>
      <c r="EEU671" s="613"/>
      <c r="EEV671" s="613"/>
      <c r="EEW671" s="613"/>
      <c r="EEX671" s="613"/>
      <c r="EEY671" s="613"/>
      <c r="EEZ671" s="613"/>
      <c r="EFA671" s="613"/>
      <c r="EFB671" s="613"/>
      <c r="EFC671" s="613"/>
      <c r="EFD671" s="613"/>
      <c r="EFE671" s="613"/>
      <c r="EFF671" s="613"/>
      <c r="EFG671" s="613"/>
      <c r="EFH671" s="613"/>
      <c r="EFI671" s="613"/>
      <c r="EFJ671" s="613"/>
      <c r="EFK671" s="613"/>
      <c r="EFL671" s="613"/>
      <c r="EFM671" s="613"/>
      <c r="EFN671" s="613"/>
      <c r="EFO671" s="613"/>
      <c r="EFP671" s="613"/>
      <c r="EFQ671" s="613"/>
      <c r="EFR671" s="613"/>
      <c r="EFS671" s="613"/>
      <c r="EFT671" s="613"/>
      <c r="EFU671" s="613"/>
      <c r="EFV671" s="613"/>
      <c r="EFW671" s="613"/>
      <c r="EFX671" s="613"/>
      <c r="EFY671" s="613"/>
      <c r="EFZ671" s="613"/>
      <c r="EGA671" s="613"/>
      <c r="EGB671" s="613"/>
      <c r="EGC671" s="613"/>
      <c r="EGD671" s="613"/>
      <c r="EGE671" s="613"/>
      <c r="EGF671" s="613"/>
      <c r="EGG671" s="613"/>
      <c r="EGH671" s="613"/>
      <c r="EGI671" s="613"/>
      <c r="EGJ671" s="613"/>
      <c r="EGK671" s="613"/>
      <c r="EGL671" s="613"/>
      <c r="EGM671" s="613"/>
      <c r="EGN671" s="613"/>
      <c r="EGO671" s="613"/>
      <c r="EGP671" s="613"/>
      <c r="EGQ671" s="613"/>
      <c r="EGR671" s="613"/>
      <c r="EGS671" s="613"/>
      <c r="EGT671" s="613"/>
      <c r="EGU671" s="613"/>
      <c r="EGV671" s="613"/>
      <c r="EGW671" s="613"/>
      <c r="EGX671" s="613"/>
      <c r="EGY671" s="613"/>
      <c r="EGZ671" s="613"/>
      <c r="EHA671" s="613"/>
      <c r="EHB671" s="613"/>
      <c r="EHC671" s="613"/>
      <c r="EHD671" s="613"/>
      <c r="EHE671" s="613"/>
      <c r="EHF671" s="613"/>
      <c r="EHG671" s="613"/>
      <c r="EHH671" s="613"/>
      <c r="EHI671" s="613"/>
      <c r="EHJ671" s="613"/>
      <c r="EHK671" s="613"/>
      <c r="EHL671" s="613"/>
      <c r="EHM671" s="613"/>
      <c r="EHN671" s="613"/>
      <c r="EHO671" s="613"/>
      <c r="EHP671" s="613"/>
      <c r="EHQ671" s="613"/>
      <c r="EHR671" s="613"/>
      <c r="EHS671" s="613"/>
      <c r="EHT671" s="613"/>
      <c r="EHU671" s="613"/>
      <c r="EHV671" s="613"/>
      <c r="EHW671" s="613"/>
      <c r="EHX671" s="613"/>
      <c r="EHY671" s="613"/>
      <c r="EHZ671" s="613"/>
      <c r="EIA671" s="613"/>
      <c r="EIB671" s="613"/>
      <c r="EIC671" s="613"/>
      <c r="EID671" s="613"/>
      <c r="EIE671" s="613"/>
      <c r="EIF671" s="613"/>
      <c r="EIG671" s="613"/>
      <c r="EIH671" s="613"/>
      <c r="EII671" s="613"/>
      <c r="EIJ671" s="613"/>
      <c r="EIK671" s="613"/>
      <c r="EIL671" s="613"/>
      <c r="EIM671" s="613"/>
      <c r="EIN671" s="613"/>
      <c r="EIO671" s="613"/>
      <c r="EIP671" s="613"/>
      <c r="EIQ671" s="613"/>
      <c r="EIR671" s="613"/>
      <c r="EIS671" s="613"/>
      <c r="EIT671" s="613"/>
      <c r="EIU671" s="613"/>
      <c r="EIV671" s="613"/>
      <c r="EIW671" s="613"/>
      <c r="EIX671" s="613"/>
      <c r="EIY671" s="613"/>
      <c r="EIZ671" s="613"/>
      <c r="EJA671" s="613"/>
      <c r="EJB671" s="613"/>
      <c r="EJC671" s="613"/>
      <c r="EJD671" s="613"/>
      <c r="EJE671" s="613"/>
      <c r="EJF671" s="613"/>
      <c r="EJG671" s="613"/>
      <c r="EJH671" s="613"/>
      <c r="EJI671" s="613"/>
      <c r="EJJ671" s="613"/>
      <c r="EJK671" s="613"/>
      <c r="EJL671" s="613"/>
      <c r="EJM671" s="613"/>
      <c r="EJN671" s="613"/>
      <c r="EJO671" s="613"/>
      <c r="EJP671" s="613"/>
      <c r="EJQ671" s="613"/>
      <c r="EJR671" s="613"/>
      <c r="EJS671" s="613"/>
      <c r="EJT671" s="613"/>
      <c r="EJU671" s="613"/>
      <c r="EJV671" s="613"/>
      <c r="EJW671" s="613"/>
      <c r="EJX671" s="613"/>
      <c r="EJY671" s="613"/>
      <c r="EJZ671" s="613"/>
      <c r="EKA671" s="613"/>
      <c r="EKB671" s="613"/>
      <c r="EKC671" s="613"/>
      <c r="EKD671" s="613"/>
      <c r="EKE671" s="613"/>
      <c r="EKF671" s="613"/>
      <c r="EKG671" s="613"/>
      <c r="EKH671" s="613"/>
      <c r="EKI671" s="613"/>
      <c r="EKJ671" s="613"/>
      <c r="EKK671" s="613"/>
      <c r="EKL671" s="613"/>
      <c r="EKM671" s="613"/>
      <c r="EKN671" s="613"/>
      <c r="EKO671" s="613"/>
      <c r="EKP671" s="613"/>
      <c r="EKQ671" s="613"/>
      <c r="EKR671" s="613"/>
      <c r="EKS671" s="613"/>
      <c r="EKT671" s="613"/>
      <c r="EKU671" s="613"/>
      <c r="EKV671" s="613"/>
      <c r="EKW671" s="613"/>
      <c r="EKX671" s="613"/>
      <c r="EKY671" s="613"/>
      <c r="EKZ671" s="613"/>
      <c r="ELA671" s="613"/>
      <c r="ELB671" s="613"/>
      <c r="ELC671" s="613"/>
      <c r="ELD671" s="613"/>
      <c r="ELE671" s="613"/>
      <c r="ELF671" s="613"/>
      <c r="ELG671" s="613"/>
      <c r="ELH671" s="613"/>
      <c r="ELI671" s="613"/>
      <c r="ELJ671" s="613"/>
      <c r="ELK671" s="613"/>
      <c r="ELL671" s="613"/>
      <c r="ELM671" s="613"/>
      <c r="ELN671" s="613"/>
      <c r="ELO671" s="613"/>
      <c r="ELP671" s="613"/>
      <c r="ELQ671" s="613"/>
      <c r="ELR671" s="613"/>
      <c r="ELS671" s="613"/>
      <c r="ELT671" s="613"/>
      <c r="ELU671" s="613"/>
      <c r="ELV671" s="613"/>
      <c r="ELW671" s="613"/>
      <c r="ELX671" s="613"/>
      <c r="ELY671" s="613"/>
      <c r="ELZ671" s="613"/>
      <c r="EMA671" s="613"/>
      <c r="EMB671" s="613"/>
      <c r="EMC671" s="613"/>
      <c r="EMD671" s="613"/>
      <c r="EME671" s="613"/>
      <c r="EMF671" s="613"/>
      <c r="EMG671" s="613"/>
      <c r="EMH671" s="613"/>
      <c r="EMI671" s="613"/>
      <c r="EMJ671" s="613"/>
      <c r="EMK671" s="613"/>
      <c r="EML671" s="613"/>
      <c r="EMM671" s="613"/>
      <c r="EMN671" s="613"/>
      <c r="EMO671" s="613"/>
      <c r="EMP671" s="613"/>
      <c r="EMQ671" s="613"/>
      <c r="EMR671" s="613"/>
      <c r="EMS671" s="613"/>
      <c r="EMT671" s="613"/>
      <c r="EMU671" s="613"/>
      <c r="EMV671" s="613"/>
      <c r="EMW671" s="613"/>
      <c r="EMX671" s="613"/>
      <c r="EMY671" s="613"/>
      <c r="EMZ671" s="613"/>
      <c r="ENA671" s="613"/>
      <c r="ENB671" s="613"/>
      <c r="ENC671" s="613"/>
      <c r="END671" s="613"/>
      <c r="ENE671" s="613"/>
      <c r="ENF671" s="613"/>
      <c r="ENG671" s="613"/>
      <c r="ENH671" s="613"/>
      <c r="ENI671" s="613"/>
      <c r="ENJ671" s="613"/>
      <c r="ENK671" s="613"/>
      <c r="ENL671" s="613"/>
      <c r="ENM671" s="613"/>
      <c r="ENN671" s="613"/>
      <c r="ENO671" s="613"/>
      <c r="ENP671" s="613"/>
      <c r="ENQ671" s="613"/>
      <c r="ENR671" s="613"/>
      <c r="ENS671" s="613"/>
      <c r="ENT671" s="613"/>
      <c r="ENU671" s="613"/>
      <c r="ENV671" s="613"/>
      <c r="ENW671" s="613"/>
      <c r="ENX671" s="613"/>
      <c r="ENY671" s="613"/>
      <c r="ENZ671" s="613"/>
      <c r="EOA671" s="613"/>
      <c r="EOB671" s="613"/>
      <c r="EOC671" s="613"/>
      <c r="EOD671" s="613"/>
      <c r="EOE671" s="613"/>
      <c r="EOF671" s="613"/>
      <c r="EOG671" s="613"/>
      <c r="EOH671" s="613"/>
      <c r="EOI671" s="613"/>
      <c r="EOJ671" s="613"/>
      <c r="EOK671" s="613"/>
      <c r="EOL671" s="613"/>
      <c r="EOM671" s="613"/>
      <c r="EON671" s="613"/>
      <c r="EOO671" s="613"/>
      <c r="EOP671" s="613"/>
      <c r="EOQ671" s="613"/>
      <c r="EOR671" s="613"/>
      <c r="EOS671" s="613"/>
      <c r="EOT671" s="613"/>
      <c r="EOU671" s="613"/>
      <c r="EOV671" s="613"/>
      <c r="EOW671" s="613"/>
      <c r="EOX671" s="613"/>
      <c r="EOY671" s="613"/>
      <c r="EOZ671" s="613"/>
      <c r="EPA671" s="613"/>
      <c r="EPB671" s="613"/>
      <c r="EPC671" s="613"/>
      <c r="EPD671" s="613"/>
      <c r="EPE671" s="613"/>
      <c r="EPF671" s="613"/>
      <c r="EPG671" s="613"/>
      <c r="EPH671" s="613"/>
      <c r="EPI671" s="613"/>
      <c r="EPJ671" s="613"/>
      <c r="EPK671" s="613"/>
      <c r="EPL671" s="613"/>
      <c r="EPM671" s="613"/>
      <c r="EPN671" s="613"/>
      <c r="EPO671" s="613"/>
      <c r="EPP671" s="613"/>
      <c r="EPQ671" s="613"/>
      <c r="EPR671" s="613"/>
      <c r="EPS671" s="613"/>
      <c r="EPT671" s="613"/>
      <c r="EPU671" s="613"/>
      <c r="EPV671" s="613"/>
      <c r="EPW671" s="613"/>
      <c r="EPX671" s="613"/>
      <c r="EPY671" s="613"/>
      <c r="EPZ671" s="613"/>
      <c r="EQA671" s="613"/>
      <c r="EQB671" s="613"/>
      <c r="EQC671" s="613"/>
      <c r="EQD671" s="613"/>
      <c r="EQE671" s="613"/>
      <c r="EQF671" s="613"/>
      <c r="EQG671" s="613"/>
      <c r="EQH671" s="613"/>
      <c r="EQI671" s="613"/>
      <c r="EQJ671" s="613"/>
      <c r="EQK671" s="613"/>
      <c r="EQL671" s="613"/>
      <c r="EQM671" s="613"/>
      <c r="EQN671" s="613"/>
      <c r="EQO671" s="613"/>
      <c r="EQP671" s="613"/>
      <c r="EQQ671" s="613"/>
      <c r="EQR671" s="613"/>
      <c r="EQS671" s="613"/>
      <c r="EQT671" s="613"/>
      <c r="EQU671" s="613"/>
      <c r="EQV671" s="613"/>
      <c r="EQW671" s="613"/>
      <c r="EQX671" s="613"/>
      <c r="EQY671" s="613"/>
      <c r="EQZ671" s="613"/>
      <c r="ERA671" s="613"/>
      <c r="ERB671" s="613"/>
      <c r="ERC671" s="613"/>
      <c r="ERD671" s="613"/>
      <c r="ERE671" s="613"/>
      <c r="ERF671" s="613"/>
      <c r="ERG671" s="613"/>
      <c r="ERH671" s="613"/>
      <c r="ERI671" s="613"/>
      <c r="ERJ671" s="613"/>
      <c r="ERK671" s="613"/>
      <c r="ERL671" s="613"/>
      <c r="ERM671" s="613"/>
      <c r="ERN671" s="613"/>
      <c r="ERO671" s="613"/>
      <c r="ERP671" s="613"/>
      <c r="ERQ671" s="613"/>
      <c r="ERR671" s="613"/>
      <c r="ERS671" s="613"/>
      <c r="ERT671" s="613"/>
      <c r="ERU671" s="613"/>
      <c r="ERV671" s="613"/>
      <c r="ERW671" s="613"/>
      <c r="ERX671" s="613"/>
      <c r="ERY671" s="613"/>
      <c r="ERZ671" s="613"/>
      <c r="ESA671" s="613"/>
      <c r="ESB671" s="613"/>
      <c r="ESC671" s="613"/>
      <c r="ESD671" s="613"/>
      <c r="ESE671" s="613"/>
      <c r="ESF671" s="613"/>
      <c r="ESG671" s="613"/>
      <c r="ESH671" s="613"/>
      <c r="ESI671" s="613"/>
      <c r="ESJ671" s="613"/>
      <c r="ESK671" s="613"/>
      <c r="ESL671" s="613"/>
      <c r="ESM671" s="613"/>
      <c r="ESN671" s="613"/>
      <c r="ESO671" s="613"/>
      <c r="ESP671" s="613"/>
      <c r="ESQ671" s="613"/>
      <c r="ESR671" s="613"/>
      <c r="ESS671" s="613"/>
      <c r="EST671" s="613"/>
      <c r="ESU671" s="613"/>
      <c r="ESV671" s="613"/>
      <c r="ESW671" s="613"/>
      <c r="ESX671" s="613"/>
      <c r="ESY671" s="613"/>
      <c r="ESZ671" s="613"/>
      <c r="ETA671" s="613"/>
      <c r="ETB671" s="613"/>
      <c r="ETC671" s="613"/>
      <c r="ETD671" s="613"/>
      <c r="ETE671" s="613"/>
      <c r="ETF671" s="613"/>
      <c r="ETG671" s="613"/>
      <c r="ETH671" s="613"/>
      <c r="ETI671" s="613"/>
      <c r="ETJ671" s="613"/>
      <c r="ETK671" s="613"/>
      <c r="ETL671" s="613"/>
      <c r="ETM671" s="613"/>
      <c r="ETN671" s="613"/>
      <c r="ETO671" s="613"/>
      <c r="ETP671" s="613"/>
      <c r="ETQ671" s="613"/>
      <c r="ETR671" s="613"/>
      <c r="ETS671" s="613"/>
      <c r="ETT671" s="613"/>
      <c r="ETU671" s="613"/>
      <c r="ETV671" s="613"/>
      <c r="ETW671" s="613"/>
      <c r="ETX671" s="613"/>
      <c r="ETY671" s="613"/>
      <c r="ETZ671" s="613"/>
      <c r="EUA671" s="613"/>
      <c r="EUB671" s="613"/>
      <c r="EUC671" s="613"/>
      <c r="EUD671" s="613"/>
      <c r="EUE671" s="613"/>
      <c r="EUF671" s="613"/>
      <c r="EUG671" s="613"/>
      <c r="EUH671" s="613"/>
      <c r="EUI671" s="613"/>
      <c r="EUJ671" s="613"/>
      <c r="EUK671" s="613"/>
      <c r="EUL671" s="613"/>
      <c r="EUM671" s="613"/>
      <c r="EUN671" s="613"/>
      <c r="EUO671" s="613"/>
      <c r="EUP671" s="613"/>
      <c r="EUQ671" s="613"/>
      <c r="EUR671" s="613"/>
      <c r="EUS671" s="613"/>
      <c r="EUT671" s="613"/>
      <c r="EUU671" s="613"/>
      <c r="EUV671" s="613"/>
      <c r="EUW671" s="613"/>
      <c r="EUX671" s="613"/>
      <c r="EUY671" s="613"/>
      <c r="EUZ671" s="613"/>
      <c r="EVA671" s="613"/>
      <c r="EVB671" s="613"/>
      <c r="EVC671" s="613"/>
      <c r="EVD671" s="613"/>
      <c r="EVE671" s="613"/>
      <c r="EVF671" s="613"/>
      <c r="EVG671" s="613"/>
      <c r="EVH671" s="613"/>
      <c r="EVI671" s="613"/>
      <c r="EVJ671" s="613"/>
      <c r="EVK671" s="613"/>
      <c r="EVL671" s="613"/>
      <c r="EVM671" s="613"/>
      <c r="EVN671" s="613"/>
      <c r="EVO671" s="613"/>
      <c r="EVP671" s="613"/>
      <c r="EVQ671" s="613"/>
      <c r="EVR671" s="613"/>
      <c r="EVS671" s="613"/>
      <c r="EVT671" s="613"/>
      <c r="EVU671" s="613"/>
      <c r="EVV671" s="613"/>
      <c r="EVW671" s="613"/>
      <c r="EVX671" s="613"/>
      <c r="EVY671" s="613"/>
      <c r="EVZ671" s="613"/>
      <c r="EWA671" s="613"/>
      <c r="EWB671" s="613"/>
      <c r="EWC671" s="613"/>
      <c r="EWD671" s="613"/>
      <c r="EWE671" s="613"/>
      <c r="EWF671" s="613"/>
      <c r="EWG671" s="613"/>
      <c r="EWH671" s="613"/>
      <c r="EWI671" s="613"/>
      <c r="EWJ671" s="613"/>
      <c r="EWK671" s="613"/>
      <c r="EWL671" s="613"/>
      <c r="EWM671" s="613"/>
      <c r="EWN671" s="613"/>
      <c r="EWO671" s="613"/>
      <c r="EWP671" s="613"/>
      <c r="EWQ671" s="613"/>
      <c r="EWR671" s="613"/>
      <c r="EWS671" s="613"/>
      <c r="EWT671" s="613"/>
      <c r="EWU671" s="613"/>
      <c r="EWV671" s="613"/>
      <c r="EWW671" s="613"/>
      <c r="EWX671" s="613"/>
      <c r="EWY671" s="613"/>
      <c r="EWZ671" s="613"/>
      <c r="EXA671" s="613"/>
      <c r="EXB671" s="613"/>
      <c r="EXC671" s="613"/>
      <c r="EXD671" s="613"/>
      <c r="EXE671" s="613"/>
      <c r="EXF671" s="613"/>
      <c r="EXG671" s="613"/>
      <c r="EXH671" s="613"/>
      <c r="EXI671" s="613"/>
      <c r="EXJ671" s="613"/>
      <c r="EXK671" s="613"/>
      <c r="EXL671" s="613"/>
      <c r="EXM671" s="613"/>
      <c r="EXN671" s="613"/>
      <c r="EXO671" s="613"/>
      <c r="EXP671" s="613"/>
      <c r="EXQ671" s="613"/>
      <c r="EXR671" s="613"/>
      <c r="EXS671" s="613"/>
      <c r="EXT671" s="613"/>
      <c r="EXU671" s="613"/>
      <c r="EXV671" s="613"/>
      <c r="EXW671" s="613"/>
      <c r="EXX671" s="613"/>
      <c r="EXY671" s="613"/>
      <c r="EXZ671" s="613"/>
      <c r="EYA671" s="613"/>
      <c r="EYB671" s="613"/>
      <c r="EYC671" s="613"/>
      <c r="EYD671" s="613"/>
      <c r="EYE671" s="613"/>
      <c r="EYF671" s="613"/>
      <c r="EYG671" s="613"/>
      <c r="EYH671" s="613"/>
      <c r="EYI671" s="613"/>
      <c r="EYJ671" s="613"/>
      <c r="EYK671" s="613"/>
      <c r="EYL671" s="613"/>
      <c r="EYM671" s="613"/>
      <c r="EYN671" s="613"/>
      <c r="EYO671" s="613"/>
      <c r="EYP671" s="613"/>
      <c r="EYQ671" s="613"/>
      <c r="EYR671" s="613"/>
      <c r="EYS671" s="613"/>
      <c r="EYT671" s="613"/>
      <c r="EYU671" s="613"/>
      <c r="EYV671" s="613"/>
      <c r="EYW671" s="613"/>
      <c r="EYX671" s="613"/>
      <c r="EYY671" s="613"/>
      <c r="EYZ671" s="613"/>
      <c r="EZA671" s="613"/>
      <c r="EZB671" s="613"/>
      <c r="EZC671" s="613"/>
      <c r="EZD671" s="613"/>
      <c r="EZE671" s="613"/>
      <c r="EZF671" s="613"/>
      <c r="EZG671" s="613"/>
      <c r="EZH671" s="613"/>
      <c r="EZI671" s="613"/>
      <c r="EZJ671" s="613"/>
      <c r="EZK671" s="613"/>
      <c r="EZL671" s="613"/>
      <c r="EZM671" s="613"/>
      <c r="EZN671" s="613"/>
      <c r="EZO671" s="613"/>
      <c r="EZP671" s="613"/>
      <c r="EZQ671" s="613"/>
      <c r="EZR671" s="613"/>
      <c r="EZS671" s="613"/>
      <c r="EZT671" s="613"/>
      <c r="EZU671" s="613"/>
      <c r="EZV671" s="613"/>
      <c r="EZW671" s="613"/>
      <c r="EZX671" s="613"/>
      <c r="EZY671" s="613"/>
      <c r="EZZ671" s="613"/>
      <c r="FAA671" s="613"/>
      <c r="FAB671" s="613"/>
      <c r="FAC671" s="613"/>
      <c r="FAD671" s="613"/>
      <c r="FAE671" s="613"/>
      <c r="FAF671" s="613"/>
      <c r="FAG671" s="613"/>
      <c r="FAH671" s="613"/>
      <c r="FAI671" s="613"/>
      <c r="FAJ671" s="613"/>
      <c r="FAK671" s="613"/>
      <c r="FAL671" s="613"/>
      <c r="FAM671" s="613"/>
      <c r="FAN671" s="613"/>
      <c r="FAO671" s="613"/>
      <c r="FAP671" s="613"/>
      <c r="FAQ671" s="613"/>
      <c r="FAR671" s="613"/>
      <c r="FAS671" s="613"/>
      <c r="FAT671" s="613"/>
      <c r="FAU671" s="613"/>
      <c r="FAV671" s="613"/>
      <c r="FAW671" s="613"/>
      <c r="FAX671" s="613"/>
      <c r="FAY671" s="613"/>
      <c r="FAZ671" s="613"/>
      <c r="FBA671" s="613"/>
      <c r="FBB671" s="613"/>
      <c r="FBC671" s="613"/>
      <c r="FBD671" s="613"/>
      <c r="FBE671" s="613"/>
      <c r="FBF671" s="613"/>
      <c r="FBG671" s="613"/>
      <c r="FBH671" s="613"/>
      <c r="FBI671" s="613"/>
      <c r="FBJ671" s="613"/>
      <c r="FBK671" s="613"/>
      <c r="FBL671" s="613"/>
      <c r="FBM671" s="613"/>
      <c r="FBN671" s="613"/>
      <c r="FBO671" s="613"/>
      <c r="FBP671" s="613"/>
      <c r="FBQ671" s="613"/>
      <c r="FBR671" s="613"/>
      <c r="FBS671" s="613"/>
      <c r="FBT671" s="613"/>
      <c r="FBU671" s="613"/>
      <c r="FBV671" s="613"/>
      <c r="FBW671" s="613"/>
      <c r="FBX671" s="613"/>
      <c r="FBY671" s="613"/>
      <c r="FBZ671" s="613"/>
      <c r="FCA671" s="613"/>
      <c r="FCB671" s="613"/>
      <c r="FCC671" s="613"/>
      <c r="FCD671" s="613"/>
      <c r="FCE671" s="613"/>
      <c r="FCF671" s="613"/>
      <c r="FCG671" s="613"/>
      <c r="FCH671" s="613"/>
      <c r="FCI671" s="613"/>
      <c r="FCJ671" s="613"/>
      <c r="FCK671" s="613"/>
      <c r="FCL671" s="613"/>
      <c r="FCM671" s="613"/>
      <c r="FCN671" s="613"/>
      <c r="FCO671" s="613"/>
      <c r="FCP671" s="613"/>
      <c r="FCQ671" s="613"/>
      <c r="FCR671" s="613"/>
      <c r="FCS671" s="613"/>
      <c r="FCT671" s="613"/>
      <c r="FCU671" s="613"/>
      <c r="FCV671" s="613"/>
      <c r="FCW671" s="613"/>
      <c r="FCX671" s="613"/>
      <c r="FCY671" s="613"/>
      <c r="FCZ671" s="613"/>
      <c r="FDA671" s="613"/>
      <c r="FDB671" s="613"/>
      <c r="FDC671" s="613"/>
      <c r="FDD671" s="613"/>
      <c r="FDE671" s="613"/>
      <c r="FDF671" s="613"/>
      <c r="FDG671" s="613"/>
      <c r="FDH671" s="613"/>
      <c r="FDI671" s="613"/>
      <c r="FDJ671" s="613"/>
      <c r="FDK671" s="613"/>
      <c r="FDL671" s="613"/>
      <c r="FDM671" s="613"/>
      <c r="FDN671" s="613"/>
      <c r="FDO671" s="613"/>
      <c r="FDP671" s="613"/>
      <c r="FDQ671" s="613"/>
      <c r="FDR671" s="613"/>
      <c r="FDS671" s="613"/>
      <c r="FDT671" s="613"/>
      <c r="FDU671" s="613"/>
      <c r="FDV671" s="613"/>
      <c r="FDW671" s="613"/>
      <c r="FDX671" s="613"/>
      <c r="FDY671" s="613"/>
      <c r="FDZ671" s="613"/>
      <c r="FEA671" s="613"/>
      <c r="FEB671" s="613"/>
      <c r="FEC671" s="613"/>
      <c r="FED671" s="613"/>
      <c r="FEE671" s="613"/>
      <c r="FEF671" s="613"/>
      <c r="FEG671" s="613"/>
      <c r="FEH671" s="613"/>
      <c r="FEI671" s="613"/>
      <c r="FEJ671" s="613"/>
      <c r="FEK671" s="613"/>
      <c r="FEL671" s="613"/>
      <c r="FEM671" s="613"/>
      <c r="FEN671" s="613"/>
      <c r="FEO671" s="613"/>
      <c r="FEP671" s="613"/>
      <c r="FEQ671" s="613"/>
      <c r="FER671" s="613"/>
      <c r="FES671" s="613"/>
      <c r="FET671" s="613"/>
      <c r="FEU671" s="613"/>
      <c r="FEV671" s="613"/>
      <c r="FEW671" s="613"/>
      <c r="FEX671" s="613"/>
      <c r="FEY671" s="613"/>
      <c r="FEZ671" s="613"/>
      <c r="FFA671" s="613"/>
      <c r="FFB671" s="613"/>
      <c r="FFC671" s="613"/>
      <c r="FFD671" s="613"/>
      <c r="FFE671" s="613"/>
      <c r="FFF671" s="613"/>
      <c r="FFG671" s="613"/>
      <c r="FFH671" s="613"/>
      <c r="FFI671" s="613"/>
      <c r="FFJ671" s="613"/>
      <c r="FFK671" s="613"/>
      <c r="FFL671" s="613"/>
      <c r="FFM671" s="613"/>
      <c r="FFN671" s="613"/>
      <c r="FFO671" s="613"/>
      <c r="FFP671" s="613"/>
      <c r="FFQ671" s="613"/>
      <c r="FFR671" s="613"/>
      <c r="FFS671" s="613"/>
      <c r="FFT671" s="613"/>
      <c r="FFU671" s="613"/>
      <c r="FFV671" s="613"/>
      <c r="FFW671" s="613"/>
      <c r="FFX671" s="613"/>
      <c r="FFY671" s="613"/>
      <c r="FFZ671" s="613"/>
      <c r="FGA671" s="613"/>
      <c r="FGB671" s="613"/>
      <c r="FGC671" s="613"/>
      <c r="FGD671" s="613"/>
      <c r="FGE671" s="613"/>
      <c r="FGF671" s="613"/>
      <c r="FGG671" s="613"/>
      <c r="FGH671" s="613"/>
      <c r="FGI671" s="613"/>
      <c r="FGJ671" s="613"/>
      <c r="FGK671" s="613"/>
      <c r="FGL671" s="613"/>
      <c r="FGM671" s="613"/>
      <c r="FGN671" s="613"/>
      <c r="FGO671" s="613"/>
      <c r="FGP671" s="613"/>
      <c r="FGQ671" s="613"/>
      <c r="FGR671" s="613"/>
      <c r="FGS671" s="613"/>
      <c r="FGT671" s="613"/>
      <c r="FGU671" s="613"/>
      <c r="FGV671" s="613"/>
      <c r="FGW671" s="613"/>
      <c r="FGX671" s="613"/>
      <c r="FGY671" s="613"/>
      <c r="FGZ671" s="613"/>
      <c r="FHA671" s="613"/>
      <c r="FHB671" s="613"/>
      <c r="FHC671" s="613"/>
      <c r="FHD671" s="613"/>
      <c r="FHE671" s="613"/>
      <c r="FHF671" s="613"/>
      <c r="FHG671" s="613"/>
      <c r="FHH671" s="613"/>
      <c r="FHI671" s="613"/>
      <c r="FHJ671" s="613"/>
      <c r="FHK671" s="613"/>
      <c r="FHL671" s="613"/>
      <c r="FHM671" s="613"/>
      <c r="FHN671" s="613"/>
      <c r="FHO671" s="613"/>
      <c r="FHP671" s="613"/>
      <c r="FHQ671" s="613"/>
      <c r="FHR671" s="613"/>
      <c r="FHS671" s="613"/>
      <c r="FHT671" s="613"/>
      <c r="FHU671" s="613"/>
      <c r="FHV671" s="613"/>
      <c r="FHW671" s="613"/>
      <c r="FHX671" s="613"/>
      <c r="FHY671" s="613"/>
      <c r="FHZ671" s="613"/>
      <c r="FIA671" s="613"/>
      <c r="FIB671" s="613"/>
      <c r="FIC671" s="613"/>
      <c r="FID671" s="613"/>
      <c r="FIE671" s="613"/>
      <c r="FIF671" s="613"/>
      <c r="FIG671" s="613"/>
      <c r="FIH671" s="613"/>
      <c r="FII671" s="613"/>
      <c r="FIJ671" s="613"/>
      <c r="FIK671" s="613"/>
      <c r="FIL671" s="613"/>
      <c r="FIM671" s="613"/>
      <c r="FIN671" s="613"/>
      <c r="FIO671" s="613"/>
      <c r="FIP671" s="613"/>
      <c r="FIQ671" s="613"/>
      <c r="FIR671" s="613"/>
      <c r="FIS671" s="613"/>
      <c r="FIT671" s="613"/>
      <c r="FIU671" s="613"/>
      <c r="FIV671" s="613"/>
      <c r="FIW671" s="613"/>
      <c r="FIX671" s="613"/>
      <c r="FIY671" s="613"/>
      <c r="FIZ671" s="613"/>
      <c r="FJA671" s="613"/>
      <c r="FJB671" s="613"/>
      <c r="FJC671" s="613"/>
      <c r="FJD671" s="613"/>
      <c r="FJE671" s="613"/>
      <c r="FJF671" s="613"/>
      <c r="FJG671" s="613"/>
      <c r="FJH671" s="613"/>
      <c r="FJI671" s="613"/>
      <c r="FJJ671" s="613"/>
      <c r="FJK671" s="613"/>
      <c r="FJL671" s="613"/>
      <c r="FJM671" s="613"/>
      <c r="FJN671" s="613"/>
      <c r="FJO671" s="613"/>
      <c r="FJP671" s="613"/>
      <c r="FJQ671" s="613"/>
      <c r="FJR671" s="613"/>
      <c r="FJS671" s="613"/>
      <c r="FJT671" s="613"/>
      <c r="FJU671" s="613"/>
      <c r="FJV671" s="613"/>
      <c r="FJW671" s="613"/>
      <c r="FJX671" s="613"/>
      <c r="FJY671" s="613"/>
      <c r="FJZ671" s="613"/>
      <c r="FKA671" s="613"/>
      <c r="FKB671" s="613"/>
      <c r="FKC671" s="613"/>
      <c r="FKD671" s="613"/>
      <c r="FKE671" s="613"/>
      <c r="FKF671" s="613"/>
      <c r="FKG671" s="613"/>
      <c r="FKH671" s="613"/>
      <c r="FKI671" s="613"/>
      <c r="FKJ671" s="613"/>
      <c r="FKK671" s="613"/>
      <c r="FKL671" s="613"/>
      <c r="FKM671" s="613"/>
      <c r="FKN671" s="613"/>
      <c r="FKO671" s="613"/>
      <c r="FKP671" s="613"/>
      <c r="FKQ671" s="613"/>
      <c r="FKR671" s="613"/>
      <c r="FKS671" s="613"/>
      <c r="FKT671" s="613"/>
      <c r="FKU671" s="613"/>
      <c r="FKV671" s="613"/>
      <c r="FKW671" s="613"/>
      <c r="FKX671" s="613"/>
      <c r="FKY671" s="613"/>
      <c r="FKZ671" s="613"/>
      <c r="FLA671" s="613"/>
      <c r="FLB671" s="613"/>
      <c r="FLC671" s="613"/>
      <c r="FLD671" s="613"/>
      <c r="FLE671" s="613"/>
      <c r="FLF671" s="613"/>
      <c r="FLG671" s="613"/>
      <c r="FLH671" s="613"/>
      <c r="FLI671" s="613"/>
      <c r="FLJ671" s="613"/>
      <c r="FLK671" s="613"/>
      <c r="FLL671" s="613"/>
      <c r="FLM671" s="613"/>
      <c r="FLN671" s="613"/>
      <c r="FLO671" s="613"/>
      <c r="FLP671" s="613"/>
      <c r="FLQ671" s="613"/>
      <c r="FLR671" s="613"/>
      <c r="FLS671" s="613"/>
      <c r="FLT671" s="613"/>
      <c r="FLU671" s="613"/>
      <c r="FLV671" s="613"/>
      <c r="FLW671" s="613"/>
      <c r="FLX671" s="613"/>
      <c r="FLY671" s="613"/>
      <c r="FLZ671" s="613"/>
      <c r="FMA671" s="613"/>
      <c r="FMB671" s="613"/>
      <c r="FMC671" s="613"/>
      <c r="FMD671" s="613"/>
      <c r="FME671" s="613"/>
      <c r="FMF671" s="613"/>
      <c r="FMG671" s="613"/>
      <c r="FMH671" s="613"/>
      <c r="FMI671" s="613"/>
      <c r="FMJ671" s="613"/>
      <c r="FMK671" s="613"/>
      <c r="FML671" s="613"/>
      <c r="FMM671" s="613"/>
      <c r="FMN671" s="613"/>
      <c r="FMO671" s="613"/>
      <c r="FMP671" s="613"/>
      <c r="FMQ671" s="613"/>
      <c r="FMR671" s="613"/>
      <c r="FMS671" s="613"/>
      <c r="FMT671" s="613"/>
      <c r="FMU671" s="613"/>
      <c r="FMV671" s="613"/>
      <c r="FMW671" s="613"/>
      <c r="FMX671" s="613"/>
      <c r="FMY671" s="613"/>
      <c r="FMZ671" s="613"/>
      <c r="FNA671" s="613"/>
      <c r="FNB671" s="613"/>
      <c r="FNC671" s="613"/>
      <c r="FND671" s="613"/>
      <c r="FNE671" s="613"/>
      <c r="FNF671" s="613"/>
      <c r="FNG671" s="613"/>
      <c r="FNH671" s="613"/>
      <c r="FNI671" s="613"/>
      <c r="FNJ671" s="613"/>
      <c r="FNK671" s="613"/>
      <c r="FNL671" s="613"/>
      <c r="FNM671" s="613"/>
      <c r="FNN671" s="613"/>
      <c r="FNO671" s="613"/>
      <c r="FNP671" s="613"/>
      <c r="FNQ671" s="613"/>
      <c r="FNR671" s="613"/>
      <c r="FNS671" s="613"/>
      <c r="FNT671" s="613"/>
      <c r="FNU671" s="613"/>
      <c r="FNV671" s="613"/>
      <c r="FNW671" s="613"/>
      <c r="FNX671" s="613"/>
      <c r="FNY671" s="613"/>
      <c r="FNZ671" s="613"/>
      <c r="FOA671" s="613"/>
      <c r="FOB671" s="613"/>
      <c r="FOC671" s="613"/>
      <c r="FOD671" s="613"/>
      <c r="FOE671" s="613"/>
      <c r="FOF671" s="613"/>
      <c r="FOG671" s="613"/>
      <c r="FOH671" s="613"/>
      <c r="FOI671" s="613"/>
      <c r="FOJ671" s="613"/>
      <c r="FOK671" s="613"/>
      <c r="FOL671" s="613"/>
      <c r="FOM671" s="613"/>
      <c r="FON671" s="613"/>
      <c r="FOO671" s="613"/>
      <c r="FOP671" s="613"/>
      <c r="FOQ671" s="613"/>
      <c r="FOR671" s="613"/>
      <c r="FOS671" s="613"/>
      <c r="FOT671" s="613"/>
      <c r="FOU671" s="613"/>
      <c r="FOV671" s="613"/>
      <c r="FOW671" s="613"/>
      <c r="FOX671" s="613"/>
      <c r="FOY671" s="613"/>
      <c r="FOZ671" s="613"/>
      <c r="FPA671" s="613"/>
      <c r="FPB671" s="613"/>
      <c r="FPC671" s="613"/>
      <c r="FPD671" s="613"/>
      <c r="FPE671" s="613"/>
      <c r="FPF671" s="613"/>
      <c r="FPG671" s="613"/>
      <c r="FPH671" s="613"/>
      <c r="FPI671" s="613"/>
      <c r="FPJ671" s="613"/>
      <c r="FPK671" s="613"/>
      <c r="FPL671" s="613"/>
      <c r="FPM671" s="613"/>
      <c r="FPN671" s="613"/>
      <c r="FPO671" s="613"/>
      <c r="FPP671" s="613"/>
      <c r="FPQ671" s="613"/>
      <c r="FPR671" s="613"/>
      <c r="FPS671" s="613"/>
      <c r="FPT671" s="613"/>
      <c r="FPU671" s="613"/>
      <c r="FPV671" s="613"/>
      <c r="FPW671" s="613"/>
      <c r="FPX671" s="613"/>
      <c r="FPY671" s="613"/>
      <c r="FPZ671" s="613"/>
      <c r="FQA671" s="613"/>
      <c r="FQB671" s="613"/>
      <c r="FQC671" s="613"/>
      <c r="FQD671" s="613"/>
      <c r="FQE671" s="613"/>
      <c r="FQF671" s="613"/>
      <c r="FQG671" s="613"/>
      <c r="FQH671" s="613"/>
      <c r="FQI671" s="613"/>
      <c r="FQJ671" s="613"/>
      <c r="FQK671" s="613"/>
      <c r="FQL671" s="613"/>
      <c r="FQM671" s="613"/>
      <c r="FQN671" s="613"/>
      <c r="FQO671" s="613"/>
      <c r="FQP671" s="613"/>
      <c r="FQQ671" s="613"/>
      <c r="FQR671" s="613"/>
      <c r="FQS671" s="613"/>
      <c r="FQT671" s="613"/>
      <c r="FQU671" s="613"/>
      <c r="FQV671" s="613"/>
      <c r="FQW671" s="613"/>
      <c r="FQX671" s="613"/>
      <c r="FQY671" s="613"/>
      <c r="FQZ671" s="613"/>
      <c r="FRA671" s="613"/>
      <c r="FRB671" s="613"/>
      <c r="FRC671" s="613"/>
      <c r="FRD671" s="613"/>
      <c r="FRE671" s="613"/>
      <c r="FRF671" s="613"/>
      <c r="FRG671" s="613"/>
      <c r="FRH671" s="613"/>
      <c r="FRI671" s="613"/>
      <c r="FRJ671" s="613"/>
      <c r="FRK671" s="613"/>
      <c r="FRL671" s="613"/>
      <c r="FRM671" s="613"/>
      <c r="FRN671" s="613"/>
      <c r="FRO671" s="613"/>
      <c r="FRP671" s="613"/>
      <c r="FRQ671" s="613"/>
      <c r="FRR671" s="613"/>
      <c r="FRS671" s="613"/>
      <c r="FRT671" s="613"/>
      <c r="FRU671" s="613"/>
      <c r="FRV671" s="613"/>
      <c r="FRW671" s="613"/>
      <c r="FRX671" s="613"/>
      <c r="FRY671" s="613"/>
      <c r="FRZ671" s="613"/>
      <c r="FSA671" s="613"/>
      <c r="FSB671" s="613"/>
      <c r="FSC671" s="613"/>
      <c r="FSD671" s="613"/>
      <c r="FSE671" s="613"/>
      <c r="FSF671" s="613"/>
      <c r="FSG671" s="613"/>
      <c r="FSH671" s="613"/>
      <c r="FSI671" s="613"/>
      <c r="FSJ671" s="613"/>
      <c r="FSK671" s="613"/>
      <c r="FSL671" s="613"/>
      <c r="FSM671" s="613"/>
      <c r="FSN671" s="613"/>
      <c r="FSO671" s="613"/>
      <c r="FSP671" s="613"/>
      <c r="FSQ671" s="613"/>
      <c r="FSR671" s="613"/>
      <c r="FSS671" s="613"/>
      <c r="FST671" s="613"/>
      <c r="FSU671" s="613"/>
      <c r="FSV671" s="613"/>
      <c r="FSW671" s="613"/>
      <c r="FSX671" s="613"/>
      <c r="FSY671" s="613"/>
      <c r="FSZ671" s="613"/>
      <c r="FTA671" s="613"/>
      <c r="FTB671" s="613"/>
      <c r="FTC671" s="613"/>
      <c r="FTD671" s="613"/>
      <c r="FTE671" s="613"/>
      <c r="FTF671" s="613"/>
      <c r="FTG671" s="613"/>
      <c r="FTH671" s="613"/>
      <c r="FTI671" s="613"/>
      <c r="FTJ671" s="613"/>
      <c r="FTK671" s="613"/>
      <c r="FTL671" s="613"/>
      <c r="FTM671" s="613"/>
      <c r="FTN671" s="613"/>
      <c r="FTO671" s="613"/>
      <c r="FTP671" s="613"/>
      <c r="FTQ671" s="613"/>
      <c r="FTR671" s="613"/>
      <c r="FTS671" s="613"/>
      <c r="FTT671" s="613"/>
      <c r="FTU671" s="613"/>
      <c r="FTV671" s="613"/>
      <c r="FTW671" s="613"/>
      <c r="FTX671" s="613"/>
      <c r="FTY671" s="613"/>
      <c r="FTZ671" s="613"/>
      <c r="FUA671" s="613"/>
      <c r="FUB671" s="613"/>
      <c r="FUC671" s="613"/>
      <c r="FUD671" s="613"/>
      <c r="FUE671" s="613"/>
      <c r="FUF671" s="613"/>
      <c r="FUG671" s="613"/>
      <c r="FUH671" s="613"/>
      <c r="FUI671" s="613"/>
      <c r="FUJ671" s="613"/>
      <c r="FUK671" s="613"/>
      <c r="FUL671" s="613"/>
      <c r="FUM671" s="613"/>
      <c r="FUN671" s="613"/>
      <c r="FUO671" s="613"/>
      <c r="FUP671" s="613"/>
      <c r="FUQ671" s="613"/>
      <c r="FUR671" s="613"/>
      <c r="FUS671" s="613"/>
      <c r="FUT671" s="613"/>
      <c r="FUU671" s="613"/>
      <c r="FUV671" s="613"/>
      <c r="FUW671" s="613"/>
      <c r="FUX671" s="613"/>
      <c r="FUY671" s="613"/>
      <c r="FUZ671" s="613"/>
      <c r="FVA671" s="613"/>
      <c r="FVB671" s="613"/>
      <c r="FVC671" s="613"/>
      <c r="FVD671" s="613"/>
      <c r="FVE671" s="613"/>
      <c r="FVF671" s="613"/>
      <c r="FVG671" s="613"/>
      <c r="FVH671" s="613"/>
      <c r="FVI671" s="613"/>
      <c r="FVJ671" s="613"/>
      <c r="FVK671" s="613"/>
      <c r="FVL671" s="613"/>
      <c r="FVM671" s="613"/>
      <c r="FVN671" s="613"/>
      <c r="FVO671" s="613"/>
      <c r="FVP671" s="613"/>
      <c r="FVQ671" s="613"/>
      <c r="FVR671" s="613"/>
      <c r="FVS671" s="613"/>
      <c r="FVT671" s="613"/>
      <c r="FVU671" s="613"/>
      <c r="FVV671" s="613"/>
      <c r="FVW671" s="613"/>
      <c r="FVX671" s="613"/>
      <c r="FVY671" s="613"/>
      <c r="FVZ671" s="613"/>
      <c r="FWA671" s="613"/>
      <c r="FWB671" s="613"/>
      <c r="FWC671" s="613"/>
      <c r="FWD671" s="613"/>
      <c r="FWE671" s="613"/>
      <c r="FWF671" s="613"/>
      <c r="FWG671" s="613"/>
      <c r="FWH671" s="613"/>
      <c r="FWI671" s="613"/>
      <c r="FWJ671" s="613"/>
      <c r="FWK671" s="613"/>
      <c r="FWL671" s="613"/>
      <c r="FWM671" s="613"/>
      <c r="FWN671" s="613"/>
      <c r="FWO671" s="613"/>
      <c r="FWP671" s="613"/>
      <c r="FWQ671" s="613"/>
      <c r="FWR671" s="613"/>
      <c r="FWS671" s="613"/>
      <c r="FWT671" s="613"/>
      <c r="FWU671" s="613"/>
      <c r="FWV671" s="613"/>
      <c r="FWW671" s="613"/>
      <c r="FWX671" s="613"/>
      <c r="FWY671" s="613"/>
      <c r="FWZ671" s="613"/>
      <c r="FXA671" s="613"/>
      <c r="FXB671" s="613"/>
      <c r="FXC671" s="613"/>
      <c r="FXD671" s="613"/>
      <c r="FXE671" s="613"/>
      <c r="FXF671" s="613"/>
      <c r="FXG671" s="613"/>
      <c r="FXH671" s="613"/>
      <c r="FXI671" s="613"/>
      <c r="FXJ671" s="613"/>
      <c r="FXK671" s="613"/>
      <c r="FXL671" s="613"/>
      <c r="FXM671" s="613"/>
      <c r="FXN671" s="613"/>
      <c r="FXO671" s="613"/>
      <c r="FXP671" s="613"/>
      <c r="FXQ671" s="613"/>
      <c r="FXR671" s="613"/>
      <c r="FXS671" s="613"/>
      <c r="FXT671" s="613"/>
      <c r="FXU671" s="613"/>
      <c r="FXV671" s="613"/>
      <c r="FXW671" s="613"/>
      <c r="FXX671" s="613"/>
      <c r="FXY671" s="613"/>
      <c r="FXZ671" s="613"/>
      <c r="FYA671" s="613"/>
      <c r="FYB671" s="613"/>
      <c r="FYC671" s="613"/>
      <c r="FYD671" s="613"/>
      <c r="FYE671" s="613"/>
      <c r="FYF671" s="613"/>
      <c r="FYG671" s="613"/>
      <c r="FYH671" s="613"/>
      <c r="FYI671" s="613"/>
      <c r="FYJ671" s="613"/>
      <c r="FYK671" s="613"/>
      <c r="FYL671" s="613"/>
      <c r="FYM671" s="613"/>
      <c r="FYN671" s="613"/>
      <c r="FYO671" s="613"/>
      <c r="FYP671" s="613"/>
      <c r="FYQ671" s="613"/>
      <c r="FYR671" s="613"/>
      <c r="FYS671" s="613"/>
      <c r="FYT671" s="613"/>
      <c r="FYU671" s="613"/>
      <c r="FYV671" s="613"/>
      <c r="FYW671" s="613"/>
      <c r="FYX671" s="613"/>
      <c r="FYY671" s="613"/>
      <c r="FYZ671" s="613"/>
      <c r="FZA671" s="613"/>
      <c r="FZB671" s="613"/>
      <c r="FZC671" s="613"/>
      <c r="FZD671" s="613"/>
      <c r="FZE671" s="613"/>
      <c r="FZF671" s="613"/>
      <c r="FZG671" s="613"/>
      <c r="FZH671" s="613"/>
      <c r="FZI671" s="613"/>
      <c r="FZJ671" s="613"/>
      <c r="FZK671" s="613"/>
      <c r="FZL671" s="613"/>
      <c r="FZM671" s="613"/>
      <c r="FZN671" s="613"/>
      <c r="FZO671" s="613"/>
      <c r="FZP671" s="613"/>
      <c r="FZQ671" s="613"/>
      <c r="FZR671" s="613"/>
      <c r="FZS671" s="613"/>
      <c r="FZT671" s="613"/>
      <c r="FZU671" s="613"/>
      <c r="FZV671" s="613"/>
      <c r="FZW671" s="613"/>
      <c r="FZX671" s="613"/>
      <c r="FZY671" s="613"/>
      <c r="FZZ671" s="613"/>
      <c r="GAA671" s="613"/>
      <c r="GAB671" s="613"/>
      <c r="GAC671" s="613"/>
      <c r="GAD671" s="613"/>
      <c r="GAE671" s="613"/>
      <c r="GAF671" s="613"/>
      <c r="GAG671" s="613"/>
      <c r="GAH671" s="613"/>
      <c r="GAI671" s="613"/>
      <c r="GAJ671" s="613"/>
      <c r="GAK671" s="613"/>
      <c r="GAL671" s="613"/>
      <c r="GAM671" s="613"/>
      <c r="GAN671" s="613"/>
      <c r="GAO671" s="613"/>
      <c r="GAP671" s="613"/>
      <c r="GAQ671" s="613"/>
      <c r="GAR671" s="613"/>
      <c r="GAS671" s="613"/>
      <c r="GAT671" s="613"/>
      <c r="GAU671" s="613"/>
      <c r="GAV671" s="613"/>
      <c r="GAW671" s="613"/>
      <c r="GAX671" s="613"/>
      <c r="GAY671" s="613"/>
      <c r="GAZ671" s="613"/>
      <c r="GBA671" s="613"/>
      <c r="GBB671" s="613"/>
      <c r="GBC671" s="613"/>
      <c r="GBD671" s="613"/>
      <c r="GBE671" s="613"/>
      <c r="GBF671" s="613"/>
      <c r="GBG671" s="613"/>
      <c r="GBH671" s="613"/>
      <c r="GBI671" s="613"/>
      <c r="GBJ671" s="613"/>
      <c r="GBK671" s="613"/>
      <c r="GBL671" s="613"/>
      <c r="GBM671" s="613"/>
      <c r="GBN671" s="613"/>
      <c r="GBO671" s="613"/>
      <c r="GBP671" s="613"/>
      <c r="GBQ671" s="613"/>
      <c r="GBR671" s="613"/>
      <c r="GBS671" s="613"/>
      <c r="GBT671" s="613"/>
      <c r="GBU671" s="613"/>
      <c r="GBV671" s="613"/>
      <c r="GBW671" s="613"/>
      <c r="GBX671" s="613"/>
      <c r="GBY671" s="613"/>
      <c r="GBZ671" s="613"/>
      <c r="GCA671" s="613"/>
      <c r="GCB671" s="613"/>
      <c r="GCC671" s="613"/>
      <c r="GCD671" s="613"/>
      <c r="GCE671" s="613"/>
      <c r="GCF671" s="613"/>
      <c r="GCG671" s="613"/>
      <c r="GCH671" s="613"/>
      <c r="GCI671" s="613"/>
      <c r="GCJ671" s="613"/>
      <c r="GCK671" s="613"/>
      <c r="GCL671" s="613"/>
      <c r="GCM671" s="613"/>
      <c r="GCN671" s="613"/>
      <c r="GCO671" s="613"/>
      <c r="GCP671" s="613"/>
      <c r="GCQ671" s="613"/>
      <c r="GCR671" s="613"/>
      <c r="GCS671" s="613"/>
      <c r="GCT671" s="613"/>
      <c r="GCU671" s="613"/>
      <c r="GCV671" s="613"/>
      <c r="GCW671" s="613"/>
      <c r="GCX671" s="613"/>
      <c r="GCY671" s="613"/>
      <c r="GCZ671" s="613"/>
      <c r="GDA671" s="613"/>
      <c r="GDB671" s="613"/>
      <c r="GDC671" s="613"/>
      <c r="GDD671" s="613"/>
      <c r="GDE671" s="613"/>
      <c r="GDF671" s="613"/>
      <c r="GDG671" s="613"/>
      <c r="GDH671" s="613"/>
      <c r="GDI671" s="613"/>
      <c r="GDJ671" s="613"/>
      <c r="GDK671" s="613"/>
      <c r="GDL671" s="613"/>
      <c r="GDM671" s="613"/>
      <c r="GDN671" s="613"/>
      <c r="GDO671" s="613"/>
      <c r="GDP671" s="613"/>
      <c r="GDQ671" s="613"/>
      <c r="GDR671" s="613"/>
      <c r="GDS671" s="613"/>
      <c r="GDT671" s="613"/>
      <c r="GDU671" s="613"/>
      <c r="GDV671" s="613"/>
      <c r="GDW671" s="613"/>
      <c r="GDX671" s="613"/>
      <c r="GDY671" s="613"/>
      <c r="GDZ671" s="613"/>
      <c r="GEA671" s="613"/>
      <c r="GEB671" s="613"/>
      <c r="GEC671" s="613"/>
      <c r="GED671" s="613"/>
      <c r="GEE671" s="613"/>
      <c r="GEF671" s="613"/>
      <c r="GEG671" s="613"/>
      <c r="GEH671" s="613"/>
      <c r="GEI671" s="613"/>
      <c r="GEJ671" s="613"/>
      <c r="GEK671" s="613"/>
      <c r="GEL671" s="613"/>
      <c r="GEM671" s="613"/>
      <c r="GEN671" s="613"/>
      <c r="GEO671" s="613"/>
      <c r="GEP671" s="613"/>
      <c r="GEQ671" s="613"/>
      <c r="GER671" s="613"/>
      <c r="GES671" s="613"/>
      <c r="GET671" s="613"/>
      <c r="GEU671" s="613"/>
      <c r="GEV671" s="613"/>
      <c r="GEW671" s="613"/>
      <c r="GEX671" s="613"/>
      <c r="GEY671" s="613"/>
      <c r="GEZ671" s="613"/>
      <c r="GFA671" s="613"/>
      <c r="GFB671" s="613"/>
      <c r="GFC671" s="613"/>
      <c r="GFD671" s="613"/>
      <c r="GFE671" s="613"/>
      <c r="GFF671" s="613"/>
      <c r="GFG671" s="613"/>
      <c r="GFH671" s="613"/>
      <c r="GFI671" s="613"/>
      <c r="GFJ671" s="613"/>
      <c r="GFK671" s="613"/>
      <c r="GFL671" s="613"/>
      <c r="GFM671" s="613"/>
      <c r="GFN671" s="613"/>
      <c r="GFO671" s="613"/>
      <c r="GFP671" s="613"/>
      <c r="GFQ671" s="613"/>
      <c r="GFR671" s="613"/>
      <c r="GFS671" s="613"/>
      <c r="GFT671" s="613"/>
      <c r="GFU671" s="613"/>
      <c r="GFV671" s="613"/>
      <c r="GFW671" s="613"/>
      <c r="GFX671" s="613"/>
      <c r="GFY671" s="613"/>
      <c r="GFZ671" s="613"/>
      <c r="GGA671" s="613"/>
      <c r="GGB671" s="613"/>
      <c r="GGC671" s="613"/>
      <c r="GGD671" s="613"/>
      <c r="GGE671" s="613"/>
      <c r="GGF671" s="613"/>
      <c r="GGG671" s="613"/>
      <c r="GGH671" s="613"/>
      <c r="GGI671" s="613"/>
      <c r="GGJ671" s="613"/>
      <c r="GGK671" s="613"/>
      <c r="GGL671" s="613"/>
      <c r="GGM671" s="613"/>
      <c r="GGN671" s="613"/>
      <c r="GGO671" s="613"/>
      <c r="GGP671" s="613"/>
      <c r="GGQ671" s="613"/>
      <c r="GGR671" s="613"/>
      <c r="GGS671" s="613"/>
      <c r="GGT671" s="613"/>
      <c r="GGU671" s="613"/>
      <c r="GGV671" s="613"/>
      <c r="GGW671" s="613"/>
      <c r="GGX671" s="613"/>
      <c r="GGY671" s="613"/>
      <c r="GGZ671" s="613"/>
      <c r="GHA671" s="613"/>
      <c r="GHB671" s="613"/>
      <c r="GHC671" s="613"/>
      <c r="GHD671" s="613"/>
      <c r="GHE671" s="613"/>
      <c r="GHF671" s="613"/>
      <c r="GHG671" s="613"/>
      <c r="GHH671" s="613"/>
      <c r="GHI671" s="613"/>
      <c r="GHJ671" s="613"/>
      <c r="GHK671" s="613"/>
      <c r="GHL671" s="613"/>
      <c r="GHM671" s="613"/>
      <c r="GHN671" s="613"/>
      <c r="GHO671" s="613"/>
      <c r="GHP671" s="613"/>
      <c r="GHQ671" s="613"/>
      <c r="GHR671" s="613"/>
      <c r="GHS671" s="613"/>
      <c r="GHT671" s="613"/>
      <c r="GHU671" s="613"/>
      <c r="GHV671" s="613"/>
      <c r="GHW671" s="613"/>
      <c r="GHX671" s="613"/>
      <c r="GHY671" s="613"/>
      <c r="GHZ671" s="613"/>
      <c r="GIA671" s="613"/>
      <c r="GIB671" s="613"/>
      <c r="GIC671" s="613"/>
      <c r="GID671" s="613"/>
      <c r="GIE671" s="613"/>
      <c r="GIF671" s="613"/>
      <c r="GIG671" s="613"/>
      <c r="GIH671" s="613"/>
      <c r="GII671" s="613"/>
      <c r="GIJ671" s="613"/>
      <c r="GIK671" s="613"/>
      <c r="GIL671" s="613"/>
      <c r="GIM671" s="613"/>
      <c r="GIN671" s="613"/>
      <c r="GIO671" s="613"/>
      <c r="GIP671" s="613"/>
      <c r="GIQ671" s="613"/>
      <c r="GIR671" s="613"/>
      <c r="GIS671" s="613"/>
      <c r="GIT671" s="613"/>
      <c r="GIU671" s="613"/>
      <c r="GIV671" s="613"/>
      <c r="GIW671" s="613"/>
      <c r="GIX671" s="613"/>
      <c r="GIY671" s="613"/>
      <c r="GIZ671" s="613"/>
      <c r="GJA671" s="613"/>
      <c r="GJB671" s="613"/>
      <c r="GJC671" s="613"/>
      <c r="GJD671" s="613"/>
      <c r="GJE671" s="613"/>
      <c r="GJF671" s="613"/>
      <c r="GJG671" s="613"/>
      <c r="GJH671" s="613"/>
      <c r="GJI671" s="613"/>
      <c r="GJJ671" s="613"/>
      <c r="GJK671" s="613"/>
      <c r="GJL671" s="613"/>
      <c r="GJM671" s="613"/>
      <c r="GJN671" s="613"/>
      <c r="GJO671" s="613"/>
      <c r="GJP671" s="613"/>
      <c r="GJQ671" s="613"/>
      <c r="GJR671" s="613"/>
      <c r="GJS671" s="613"/>
      <c r="GJT671" s="613"/>
      <c r="GJU671" s="613"/>
      <c r="GJV671" s="613"/>
      <c r="GJW671" s="613"/>
      <c r="GJX671" s="613"/>
      <c r="GJY671" s="613"/>
      <c r="GJZ671" s="613"/>
      <c r="GKA671" s="613"/>
      <c r="GKB671" s="613"/>
      <c r="GKC671" s="613"/>
      <c r="GKD671" s="613"/>
      <c r="GKE671" s="613"/>
      <c r="GKF671" s="613"/>
      <c r="GKG671" s="613"/>
      <c r="GKH671" s="613"/>
      <c r="GKI671" s="613"/>
      <c r="GKJ671" s="613"/>
      <c r="GKK671" s="613"/>
      <c r="GKL671" s="613"/>
      <c r="GKM671" s="613"/>
      <c r="GKN671" s="613"/>
      <c r="GKO671" s="613"/>
      <c r="GKP671" s="613"/>
      <c r="GKQ671" s="613"/>
      <c r="GKR671" s="613"/>
      <c r="GKS671" s="613"/>
      <c r="GKT671" s="613"/>
      <c r="GKU671" s="613"/>
      <c r="GKV671" s="613"/>
      <c r="GKW671" s="613"/>
      <c r="GKX671" s="613"/>
      <c r="GKY671" s="613"/>
      <c r="GKZ671" s="613"/>
      <c r="GLA671" s="613"/>
      <c r="GLB671" s="613"/>
      <c r="GLC671" s="613"/>
      <c r="GLD671" s="613"/>
      <c r="GLE671" s="613"/>
      <c r="GLF671" s="613"/>
      <c r="GLG671" s="613"/>
      <c r="GLH671" s="613"/>
      <c r="GLI671" s="613"/>
      <c r="GLJ671" s="613"/>
      <c r="GLK671" s="613"/>
      <c r="GLL671" s="613"/>
      <c r="GLM671" s="613"/>
      <c r="GLN671" s="613"/>
      <c r="GLO671" s="613"/>
      <c r="GLP671" s="613"/>
      <c r="GLQ671" s="613"/>
      <c r="GLR671" s="613"/>
      <c r="GLS671" s="613"/>
      <c r="GLT671" s="613"/>
      <c r="GLU671" s="613"/>
      <c r="GLV671" s="613"/>
      <c r="GLW671" s="613"/>
      <c r="GLX671" s="613"/>
      <c r="GLY671" s="613"/>
      <c r="GLZ671" s="613"/>
      <c r="GMA671" s="613"/>
      <c r="GMB671" s="613"/>
      <c r="GMC671" s="613"/>
      <c r="GMD671" s="613"/>
      <c r="GME671" s="613"/>
      <c r="GMF671" s="613"/>
      <c r="GMG671" s="613"/>
      <c r="GMH671" s="613"/>
      <c r="GMI671" s="613"/>
      <c r="GMJ671" s="613"/>
      <c r="GMK671" s="613"/>
      <c r="GML671" s="613"/>
      <c r="GMM671" s="613"/>
      <c r="GMN671" s="613"/>
      <c r="GMO671" s="613"/>
      <c r="GMP671" s="613"/>
      <c r="GMQ671" s="613"/>
      <c r="GMR671" s="613"/>
      <c r="GMS671" s="613"/>
      <c r="GMT671" s="613"/>
      <c r="GMU671" s="613"/>
      <c r="GMV671" s="613"/>
      <c r="GMW671" s="613"/>
      <c r="GMX671" s="613"/>
      <c r="GMY671" s="613"/>
      <c r="GMZ671" s="613"/>
      <c r="GNA671" s="613"/>
      <c r="GNB671" s="613"/>
      <c r="GNC671" s="613"/>
      <c r="GND671" s="613"/>
      <c r="GNE671" s="613"/>
      <c r="GNF671" s="613"/>
      <c r="GNG671" s="613"/>
      <c r="GNH671" s="613"/>
      <c r="GNI671" s="613"/>
      <c r="GNJ671" s="613"/>
      <c r="GNK671" s="613"/>
      <c r="GNL671" s="613"/>
      <c r="GNM671" s="613"/>
      <c r="GNN671" s="613"/>
      <c r="GNO671" s="613"/>
      <c r="GNP671" s="613"/>
      <c r="GNQ671" s="613"/>
      <c r="GNR671" s="613"/>
      <c r="GNS671" s="613"/>
      <c r="GNT671" s="613"/>
      <c r="GNU671" s="613"/>
      <c r="GNV671" s="613"/>
      <c r="GNW671" s="613"/>
      <c r="GNX671" s="613"/>
      <c r="GNY671" s="613"/>
      <c r="GNZ671" s="613"/>
      <c r="GOA671" s="613"/>
      <c r="GOB671" s="613"/>
      <c r="GOC671" s="613"/>
      <c r="GOD671" s="613"/>
      <c r="GOE671" s="613"/>
      <c r="GOF671" s="613"/>
      <c r="GOG671" s="613"/>
      <c r="GOH671" s="613"/>
      <c r="GOI671" s="613"/>
      <c r="GOJ671" s="613"/>
      <c r="GOK671" s="613"/>
      <c r="GOL671" s="613"/>
      <c r="GOM671" s="613"/>
      <c r="GON671" s="613"/>
      <c r="GOO671" s="613"/>
      <c r="GOP671" s="613"/>
      <c r="GOQ671" s="613"/>
      <c r="GOR671" s="613"/>
      <c r="GOS671" s="613"/>
      <c r="GOT671" s="613"/>
      <c r="GOU671" s="613"/>
      <c r="GOV671" s="613"/>
      <c r="GOW671" s="613"/>
      <c r="GOX671" s="613"/>
      <c r="GOY671" s="613"/>
      <c r="GOZ671" s="613"/>
      <c r="GPA671" s="613"/>
      <c r="GPB671" s="613"/>
      <c r="GPC671" s="613"/>
      <c r="GPD671" s="613"/>
      <c r="GPE671" s="613"/>
      <c r="GPF671" s="613"/>
      <c r="GPG671" s="613"/>
      <c r="GPH671" s="613"/>
      <c r="GPI671" s="613"/>
      <c r="GPJ671" s="613"/>
      <c r="GPK671" s="613"/>
      <c r="GPL671" s="613"/>
      <c r="GPM671" s="613"/>
      <c r="GPN671" s="613"/>
      <c r="GPO671" s="613"/>
      <c r="GPP671" s="613"/>
      <c r="GPQ671" s="613"/>
      <c r="GPR671" s="613"/>
      <c r="GPS671" s="613"/>
      <c r="GPT671" s="613"/>
      <c r="GPU671" s="613"/>
      <c r="GPV671" s="613"/>
      <c r="GPW671" s="613"/>
      <c r="GPX671" s="613"/>
      <c r="GPY671" s="613"/>
      <c r="GPZ671" s="613"/>
      <c r="GQA671" s="613"/>
      <c r="GQB671" s="613"/>
      <c r="GQC671" s="613"/>
      <c r="GQD671" s="613"/>
      <c r="GQE671" s="613"/>
      <c r="GQF671" s="613"/>
      <c r="GQG671" s="613"/>
      <c r="GQH671" s="613"/>
      <c r="GQI671" s="613"/>
      <c r="GQJ671" s="613"/>
      <c r="GQK671" s="613"/>
      <c r="GQL671" s="613"/>
      <c r="GQM671" s="613"/>
      <c r="GQN671" s="613"/>
      <c r="GQO671" s="613"/>
      <c r="GQP671" s="613"/>
      <c r="GQQ671" s="613"/>
      <c r="GQR671" s="613"/>
      <c r="GQS671" s="613"/>
      <c r="GQT671" s="613"/>
      <c r="GQU671" s="613"/>
      <c r="GQV671" s="613"/>
      <c r="GQW671" s="613"/>
      <c r="GQX671" s="613"/>
      <c r="GQY671" s="613"/>
      <c r="GQZ671" s="613"/>
      <c r="GRA671" s="613"/>
      <c r="GRB671" s="613"/>
      <c r="GRC671" s="613"/>
      <c r="GRD671" s="613"/>
      <c r="GRE671" s="613"/>
      <c r="GRF671" s="613"/>
      <c r="GRG671" s="613"/>
      <c r="GRH671" s="613"/>
      <c r="GRI671" s="613"/>
      <c r="GRJ671" s="613"/>
      <c r="GRK671" s="613"/>
      <c r="GRL671" s="613"/>
      <c r="GRM671" s="613"/>
      <c r="GRN671" s="613"/>
      <c r="GRO671" s="613"/>
      <c r="GRP671" s="613"/>
      <c r="GRQ671" s="613"/>
      <c r="GRR671" s="613"/>
      <c r="GRS671" s="613"/>
      <c r="GRT671" s="613"/>
      <c r="GRU671" s="613"/>
      <c r="GRV671" s="613"/>
      <c r="GRW671" s="613"/>
      <c r="GRX671" s="613"/>
      <c r="GRY671" s="613"/>
      <c r="GRZ671" s="613"/>
      <c r="GSA671" s="613"/>
      <c r="GSB671" s="613"/>
      <c r="GSC671" s="613"/>
      <c r="GSD671" s="613"/>
      <c r="GSE671" s="613"/>
      <c r="GSF671" s="613"/>
      <c r="GSG671" s="613"/>
      <c r="GSH671" s="613"/>
      <c r="GSI671" s="613"/>
      <c r="GSJ671" s="613"/>
      <c r="GSK671" s="613"/>
      <c r="GSL671" s="613"/>
      <c r="GSM671" s="613"/>
      <c r="GSN671" s="613"/>
      <c r="GSO671" s="613"/>
      <c r="GSP671" s="613"/>
      <c r="GSQ671" s="613"/>
      <c r="GSR671" s="613"/>
      <c r="GSS671" s="613"/>
      <c r="GST671" s="613"/>
      <c r="GSU671" s="613"/>
      <c r="GSV671" s="613"/>
      <c r="GSW671" s="613"/>
      <c r="GSX671" s="613"/>
      <c r="GSY671" s="613"/>
      <c r="GSZ671" s="613"/>
      <c r="GTA671" s="613"/>
      <c r="GTB671" s="613"/>
      <c r="GTC671" s="613"/>
      <c r="GTD671" s="613"/>
      <c r="GTE671" s="613"/>
      <c r="GTF671" s="613"/>
      <c r="GTG671" s="613"/>
      <c r="GTH671" s="613"/>
      <c r="GTI671" s="613"/>
      <c r="GTJ671" s="613"/>
      <c r="GTK671" s="613"/>
      <c r="GTL671" s="613"/>
      <c r="GTM671" s="613"/>
      <c r="GTN671" s="613"/>
      <c r="GTO671" s="613"/>
      <c r="GTP671" s="613"/>
      <c r="GTQ671" s="613"/>
      <c r="GTR671" s="613"/>
      <c r="GTS671" s="613"/>
      <c r="GTT671" s="613"/>
      <c r="GTU671" s="613"/>
      <c r="GTV671" s="613"/>
      <c r="GTW671" s="613"/>
      <c r="GTX671" s="613"/>
      <c r="GTY671" s="613"/>
      <c r="GTZ671" s="613"/>
      <c r="GUA671" s="613"/>
      <c r="GUB671" s="613"/>
      <c r="GUC671" s="613"/>
      <c r="GUD671" s="613"/>
      <c r="GUE671" s="613"/>
      <c r="GUF671" s="613"/>
      <c r="GUG671" s="613"/>
      <c r="GUH671" s="613"/>
      <c r="GUI671" s="613"/>
      <c r="GUJ671" s="613"/>
      <c r="GUK671" s="613"/>
      <c r="GUL671" s="613"/>
      <c r="GUM671" s="613"/>
      <c r="GUN671" s="613"/>
      <c r="GUO671" s="613"/>
      <c r="GUP671" s="613"/>
      <c r="GUQ671" s="613"/>
      <c r="GUR671" s="613"/>
      <c r="GUS671" s="613"/>
      <c r="GUT671" s="613"/>
      <c r="GUU671" s="613"/>
      <c r="GUV671" s="613"/>
      <c r="GUW671" s="613"/>
      <c r="GUX671" s="613"/>
      <c r="GUY671" s="613"/>
      <c r="GUZ671" s="613"/>
      <c r="GVA671" s="613"/>
      <c r="GVB671" s="613"/>
      <c r="GVC671" s="613"/>
      <c r="GVD671" s="613"/>
      <c r="GVE671" s="613"/>
      <c r="GVF671" s="613"/>
      <c r="GVG671" s="613"/>
      <c r="GVH671" s="613"/>
      <c r="GVI671" s="613"/>
      <c r="GVJ671" s="613"/>
      <c r="GVK671" s="613"/>
      <c r="GVL671" s="613"/>
      <c r="GVM671" s="613"/>
      <c r="GVN671" s="613"/>
      <c r="GVO671" s="613"/>
      <c r="GVP671" s="613"/>
      <c r="GVQ671" s="613"/>
      <c r="GVR671" s="613"/>
      <c r="GVS671" s="613"/>
      <c r="GVT671" s="613"/>
      <c r="GVU671" s="613"/>
      <c r="GVV671" s="613"/>
      <c r="GVW671" s="613"/>
      <c r="GVX671" s="613"/>
      <c r="GVY671" s="613"/>
      <c r="GVZ671" s="613"/>
      <c r="GWA671" s="613"/>
      <c r="GWB671" s="613"/>
      <c r="GWC671" s="613"/>
      <c r="GWD671" s="613"/>
      <c r="GWE671" s="613"/>
      <c r="GWF671" s="613"/>
      <c r="GWG671" s="613"/>
      <c r="GWH671" s="613"/>
      <c r="GWI671" s="613"/>
      <c r="GWJ671" s="613"/>
      <c r="GWK671" s="613"/>
      <c r="GWL671" s="613"/>
      <c r="GWM671" s="613"/>
      <c r="GWN671" s="613"/>
      <c r="GWO671" s="613"/>
      <c r="GWP671" s="613"/>
      <c r="GWQ671" s="613"/>
      <c r="GWR671" s="613"/>
      <c r="GWS671" s="613"/>
      <c r="GWT671" s="613"/>
      <c r="GWU671" s="613"/>
      <c r="GWV671" s="613"/>
      <c r="GWW671" s="613"/>
      <c r="GWX671" s="613"/>
      <c r="GWY671" s="613"/>
      <c r="GWZ671" s="613"/>
      <c r="GXA671" s="613"/>
      <c r="GXB671" s="613"/>
      <c r="GXC671" s="613"/>
      <c r="GXD671" s="613"/>
      <c r="GXE671" s="613"/>
      <c r="GXF671" s="613"/>
      <c r="GXG671" s="613"/>
      <c r="GXH671" s="613"/>
      <c r="GXI671" s="613"/>
      <c r="GXJ671" s="613"/>
      <c r="GXK671" s="613"/>
      <c r="GXL671" s="613"/>
      <c r="GXM671" s="613"/>
      <c r="GXN671" s="613"/>
      <c r="GXO671" s="613"/>
      <c r="GXP671" s="613"/>
      <c r="GXQ671" s="613"/>
      <c r="GXR671" s="613"/>
      <c r="GXS671" s="613"/>
      <c r="GXT671" s="613"/>
      <c r="GXU671" s="613"/>
      <c r="GXV671" s="613"/>
      <c r="GXW671" s="613"/>
      <c r="GXX671" s="613"/>
      <c r="GXY671" s="613"/>
      <c r="GXZ671" s="613"/>
      <c r="GYA671" s="613"/>
      <c r="GYB671" s="613"/>
      <c r="GYC671" s="613"/>
      <c r="GYD671" s="613"/>
      <c r="GYE671" s="613"/>
      <c r="GYF671" s="613"/>
      <c r="GYG671" s="613"/>
      <c r="GYH671" s="613"/>
      <c r="GYI671" s="613"/>
      <c r="GYJ671" s="613"/>
      <c r="GYK671" s="613"/>
      <c r="GYL671" s="613"/>
      <c r="GYM671" s="613"/>
      <c r="GYN671" s="613"/>
      <c r="GYO671" s="613"/>
      <c r="GYP671" s="613"/>
      <c r="GYQ671" s="613"/>
      <c r="GYR671" s="613"/>
      <c r="GYS671" s="613"/>
      <c r="GYT671" s="613"/>
      <c r="GYU671" s="613"/>
      <c r="GYV671" s="613"/>
      <c r="GYW671" s="613"/>
      <c r="GYX671" s="613"/>
      <c r="GYY671" s="613"/>
      <c r="GYZ671" s="613"/>
      <c r="GZA671" s="613"/>
      <c r="GZB671" s="613"/>
      <c r="GZC671" s="613"/>
      <c r="GZD671" s="613"/>
      <c r="GZE671" s="613"/>
      <c r="GZF671" s="613"/>
      <c r="GZG671" s="613"/>
      <c r="GZH671" s="613"/>
      <c r="GZI671" s="613"/>
      <c r="GZJ671" s="613"/>
      <c r="GZK671" s="613"/>
      <c r="GZL671" s="613"/>
      <c r="GZM671" s="613"/>
      <c r="GZN671" s="613"/>
      <c r="GZO671" s="613"/>
      <c r="GZP671" s="613"/>
      <c r="GZQ671" s="613"/>
      <c r="GZR671" s="613"/>
      <c r="GZS671" s="613"/>
      <c r="GZT671" s="613"/>
      <c r="GZU671" s="613"/>
      <c r="GZV671" s="613"/>
      <c r="GZW671" s="613"/>
      <c r="GZX671" s="613"/>
      <c r="GZY671" s="613"/>
      <c r="GZZ671" s="613"/>
      <c r="HAA671" s="613"/>
      <c r="HAB671" s="613"/>
      <c r="HAC671" s="613"/>
      <c r="HAD671" s="613"/>
      <c r="HAE671" s="613"/>
      <c r="HAF671" s="613"/>
      <c r="HAG671" s="613"/>
      <c r="HAH671" s="613"/>
      <c r="HAI671" s="613"/>
      <c r="HAJ671" s="613"/>
      <c r="HAK671" s="613"/>
      <c r="HAL671" s="613"/>
      <c r="HAM671" s="613"/>
      <c r="HAN671" s="613"/>
      <c r="HAO671" s="613"/>
      <c r="HAP671" s="613"/>
      <c r="HAQ671" s="613"/>
      <c r="HAR671" s="613"/>
      <c r="HAS671" s="613"/>
      <c r="HAT671" s="613"/>
      <c r="HAU671" s="613"/>
      <c r="HAV671" s="613"/>
      <c r="HAW671" s="613"/>
      <c r="HAX671" s="613"/>
      <c r="HAY671" s="613"/>
      <c r="HAZ671" s="613"/>
      <c r="HBA671" s="613"/>
      <c r="HBB671" s="613"/>
      <c r="HBC671" s="613"/>
      <c r="HBD671" s="613"/>
      <c r="HBE671" s="613"/>
      <c r="HBF671" s="613"/>
      <c r="HBG671" s="613"/>
      <c r="HBH671" s="613"/>
      <c r="HBI671" s="613"/>
      <c r="HBJ671" s="613"/>
      <c r="HBK671" s="613"/>
      <c r="HBL671" s="613"/>
      <c r="HBM671" s="613"/>
      <c r="HBN671" s="613"/>
      <c r="HBO671" s="613"/>
      <c r="HBP671" s="613"/>
      <c r="HBQ671" s="613"/>
      <c r="HBR671" s="613"/>
      <c r="HBS671" s="613"/>
      <c r="HBT671" s="613"/>
      <c r="HBU671" s="613"/>
      <c r="HBV671" s="613"/>
      <c r="HBW671" s="613"/>
      <c r="HBX671" s="613"/>
      <c r="HBY671" s="613"/>
      <c r="HBZ671" s="613"/>
      <c r="HCA671" s="613"/>
      <c r="HCB671" s="613"/>
      <c r="HCC671" s="613"/>
      <c r="HCD671" s="613"/>
      <c r="HCE671" s="613"/>
      <c r="HCF671" s="613"/>
      <c r="HCG671" s="613"/>
      <c r="HCH671" s="613"/>
      <c r="HCI671" s="613"/>
      <c r="HCJ671" s="613"/>
      <c r="HCK671" s="613"/>
      <c r="HCL671" s="613"/>
      <c r="HCM671" s="613"/>
      <c r="HCN671" s="613"/>
      <c r="HCO671" s="613"/>
      <c r="HCP671" s="613"/>
      <c r="HCQ671" s="613"/>
      <c r="HCR671" s="613"/>
      <c r="HCS671" s="613"/>
      <c r="HCT671" s="613"/>
      <c r="HCU671" s="613"/>
      <c r="HCV671" s="613"/>
      <c r="HCW671" s="613"/>
      <c r="HCX671" s="613"/>
      <c r="HCY671" s="613"/>
      <c r="HCZ671" s="613"/>
      <c r="HDA671" s="613"/>
      <c r="HDB671" s="613"/>
      <c r="HDC671" s="613"/>
      <c r="HDD671" s="613"/>
      <c r="HDE671" s="613"/>
      <c r="HDF671" s="613"/>
      <c r="HDG671" s="613"/>
      <c r="HDH671" s="613"/>
      <c r="HDI671" s="613"/>
      <c r="HDJ671" s="613"/>
      <c r="HDK671" s="613"/>
      <c r="HDL671" s="613"/>
      <c r="HDM671" s="613"/>
      <c r="HDN671" s="613"/>
      <c r="HDO671" s="613"/>
      <c r="HDP671" s="613"/>
      <c r="HDQ671" s="613"/>
      <c r="HDR671" s="613"/>
      <c r="HDS671" s="613"/>
      <c r="HDT671" s="613"/>
      <c r="HDU671" s="613"/>
      <c r="HDV671" s="613"/>
      <c r="HDW671" s="613"/>
      <c r="HDX671" s="613"/>
      <c r="HDY671" s="613"/>
      <c r="HDZ671" s="613"/>
      <c r="HEA671" s="613"/>
      <c r="HEB671" s="613"/>
      <c r="HEC671" s="613"/>
      <c r="HED671" s="613"/>
      <c r="HEE671" s="613"/>
      <c r="HEF671" s="613"/>
      <c r="HEG671" s="613"/>
      <c r="HEH671" s="613"/>
      <c r="HEI671" s="613"/>
      <c r="HEJ671" s="613"/>
      <c r="HEK671" s="613"/>
      <c r="HEL671" s="613"/>
      <c r="HEM671" s="613"/>
      <c r="HEN671" s="613"/>
      <c r="HEO671" s="613"/>
      <c r="HEP671" s="613"/>
      <c r="HEQ671" s="613"/>
      <c r="HER671" s="613"/>
      <c r="HES671" s="613"/>
      <c r="HET671" s="613"/>
      <c r="HEU671" s="613"/>
      <c r="HEV671" s="613"/>
      <c r="HEW671" s="613"/>
      <c r="HEX671" s="613"/>
      <c r="HEY671" s="613"/>
      <c r="HEZ671" s="613"/>
      <c r="HFA671" s="613"/>
      <c r="HFB671" s="613"/>
      <c r="HFC671" s="613"/>
      <c r="HFD671" s="613"/>
      <c r="HFE671" s="613"/>
      <c r="HFF671" s="613"/>
      <c r="HFG671" s="613"/>
      <c r="HFH671" s="613"/>
      <c r="HFI671" s="613"/>
      <c r="HFJ671" s="613"/>
      <c r="HFK671" s="613"/>
      <c r="HFL671" s="613"/>
      <c r="HFM671" s="613"/>
      <c r="HFN671" s="613"/>
      <c r="HFO671" s="613"/>
      <c r="HFP671" s="613"/>
      <c r="HFQ671" s="613"/>
      <c r="HFR671" s="613"/>
      <c r="HFS671" s="613"/>
      <c r="HFT671" s="613"/>
      <c r="HFU671" s="613"/>
      <c r="HFV671" s="613"/>
      <c r="HFW671" s="613"/>
      <c r="HFX671" s="613"/>
      <c r="HFY671" s="613"/>
      <c r="HFZ671" s="613"/>
      <c r="HGA671" s="613"/>
      <c r="HGB671" s="613"/>
      <c r="HGC671" s="613"/>
      <c r="HGD671" s="613"/>
      <c r="HGE671" s="613"/>
      <c r="HGF671" s="613"/>
      <c r="HGG671" s="613"/>
      <c r="HGH671" s="613"/>
      <c r="HGI671" s="613"/>
      <c r="HGJ671" s="613"/>
      <c r="HGK671" s="613"/>
      <c r="HGL671" s="613"/>
      <c r="HGM671" s="613"/>
      <c r="HGN671" s="613"/>
      <c r="HGO671" s="613"/>
      <c r="HGP671" s="613"/>
      <c r="HGQ671" s="613"/>
      <c r="HGR671" s="613"/>
      <c r="HGS671" s="613"/>
      <c r="HGT671" s="613"/>
      <c r="HGU671" s="613"/>
      <c r="HGV671" s="613"/>
      <c r="HGW671" s="613"/>
      <c r="HGX671" s="613"/>
      <c r="HGY671" s="613"/>
      <c r="HGZ671" s="613"/>
      <c r="HHA671" s="613"/>
      <c r="HHB671" s="613"/>
      <c r="HHC671" s="613"/>
      <c r="HHD671" s="613"/>
      <c r="HHE671" s="613"/>
      <c r="HHF671" s="613"/>
      <c r="HHG671" s="613"/>
      <c r="HHH671" s="613"/>
      <c r="HHI671" s="613"/>
      <c r="HHJ671" s="613"/>
      <c r="HHK671" s="613"/>
      <c r="HHL671" s="613"/>
      <c r="HHM671" s="613"/>
      <c r="HHN671" s="613"/>
      <c r="HHO671" s="613"/>
      <c r="HHP671" s="613"/>
      <c r="HHQ671" s="613"/>
      <c r="HHR671" s="613"/>
      <c r="HHS671" s="613"/>
      <c r="HHT671" s="613"/>
      <c r="HHU671" s="613"/>
      <c r="HHV671" s="613"/>
      <c r="HHW671" s="613"/>
      <c r="HHX671" s="613"/>
      <c r="HHY671" s="613"/>
      <c r="HHZ671" s="613"/>
      <c r="HIA671" s="613"/>
      <c r="HIB671" s="613"/>
      <c r="HIC671" s="613"/>
      <c r="HID671" s="613"/>
      <c r="HIE671" s="613"/>
      <c r="HIF671" s="613"/>
      <c r="HIG671" s="613"/>
      <c r="HIH671" s="613"/>
      <c r="HII671" s="613"/>
      <c r="HIJ671" s="613"/>
      <c r="HIK671" s="613"/>
      <c r="HIL671" s="613"/>
      <c r="HIM671" s="613"/>
      <c r="HIN671" s="613"/>
      <c r="HIO671" s="613"/>
      <c r="HIP671" s="613"/>
      <c r="HIQ671" s="613"/>
      <c r="HIR671" s="613"/>
      <c r="HIS671" s="613"/>
      <c r="HIT671" s="613"/>
      <c r="HIU671" s="613"/>
      <c r="HIV671" s="613"/>
      <c r="HIW671" s="613"/>
      <c r="HIX671" s="613"/>
      <c r="HIY671" s="613"/>
      <c r="HIZ671" s="613"/>
      <c r="HJA671" s="613"/>
      <c r="HJB671" s="613"/>
      <c r="HJC671" s="613"/>
      <c r="HJD671" s="613"/>
      <c r="HJE671" s="613"/>
      <c r="HJF671" s="613"/>
      <c r="HJG671" s="613"/>
      <c r="HJH671" s="613"/>
      <c r="HJI671" s="613"/>
      <c r="HJJ671" s="613"/>
      <c r="HJK671" s="613"/>
      <c r="HJL671" s="613"/>
      <c r="HJM671" s="613"/>
      <c r="HJN671" s="613"/>
      <c r="HJO671" s="613"/>
      <c r="HJP671" s="613"/>
      <c r="HJQ671" s="613"/>
      <c r="HJR671" s="613"/>
      <c r="HJS671" s="613"/>
      <c r="HJT671" s="613"/>
      <c r="HJU671" s="613"/>
      <c r="HJV671" s="613"/>
      <c r="HJW671" s="613"/>
      <c r="HJX671" s="613"/>
      <c r="HJY671" s="613"/>
      <c r="HJZ671" s="613"/>
      <c r="HKA671" s="613"/>
      <c r="HKB671" s="613"/>
      <c r="HKC671" s="613"/>
      <c r="HKD671" s="613"/>
      <c r="HKE671" s="613"/>
      <c r="HKF671" s="613"/>
      <c r="HKG671" s="613"/>
      <c r="HKH671" s="613"/>
      <c r="HKI671" s="613"/>
      <c r="HKJ671" s="613"/>
      <c r="HKK671" s="613"/>
      <c r="HKL671" s="613"/>
      <c r="HKM671" s="613"/>
      <c r="HKN671" s="613"/>
      <c r="HKO671" s="613"/>
      <c r="HKP671" s="613"/>
      <c r="HKQ671" s="613"/>
      <c r="HKR671" s="613"/>
      <c r="HKS671" s="613"/>
      <c r="HKT671" s="613"/>
      <c r="HKU671" s="613"/>
      <c r="HKV671" s="613"/>
      <c r="HKW671" s="613"/>
      <c r="HKX671" s="613"/>
      <c r="HKY671" s="613"/>
      <c r="HKZ671" s="613"/>
      <c r="HLA671" s="613"/>
      <c r="HLB671" s="613"/>
      <c r="HLC671" s="613"/>
      <c r="HLD671" s="613"/>
      <c r="HLE671" s="613"/>
      <c r="HLF671" s="613"/>
      <c r="HLG671" s="613"/>
      <c r="HLH671" s="613"/>
      <c r="HLI671" s="613"/>
      <c r="HLJ671" s="613"/>
      <c r="HLK671" s="613"/>
      <c r="HLL671" s="613"/>
      <c r="HLM671" s="613"/>
      <c r="HLN671" s="613"/>
      <c r="HLO671" s="613"/>
      <c r="HLP671" s="613"/>
      <c r="HLQ671" s="613"/>
      <c r="HLR671" s="613"/>
      <c r="HLS671" s="613"/>
      <c r="HLT671" s="613"/>
      <c r="HLU671" s="613"/>
      <c r="HLV671" s="613"/>
      <c r="HLW671" s="613"/>
      <c r="HLX671" s="613"/>
      <c r="HLY671" s="613"/>
      <c r="HLZ671" s="613"/>
      <c r="HMA671" s="613"/>
      <c r="HMB671" s="613"/>
      <c r="HMC671" s="613"/>
      <c r="HMD671" s="613"/>
      <c r="HME671" s="613"/>
      <c r="HMF671" s="613"/>
      <c r="HMG671" s="613"/>
      <c r="HMH671" s="613"/>
      <c r="HMI671" s="613"/>
      <c r="HMJ671" s="613"/>
      <c r="HMK671" s="613"/>
      <c r="HML671" s="613"/>
      <c r="HMM671" s="613"/>
      <c r="HMN671" s="613"/>
      <c r="HMO671" s="613"/>
      <c r="HMP671" s="613"/>
      <c r="HMQ671" s="613"/>
      <c r="HMR671" s="613"/>
      <c r="HMS671" s="613"/>
      <c r="HMT671" s="613"/>
      <c r="HMU671" s="613"/>
      <c r="HMV671" s="613"/>
      <c r="HMW671" s="613"/>
      <c r="HMX671" s="613"/>
      <c r="HMY671" s="613"/>
      <c r="HMZ671" s="613"/>
      <c r="HNA671" s="613"/>
      <c r="HNB671" s="613"/>
      <c r="HNC671" s="613"/>
      <c r="HND671" s="613"/>
      <c r="HNE671" s="613"/>
      <c r="HNF671" s="613"/>
      <c r="HNG671" s="613"/>
      <c r="HNH671" s="613"/>
      <c r="HNI671" s="613"/>
      <c r="HNJ671" s="613"/>
      <c r="HNK671" s="613"/>
      <c r="HNL671" s="613"/>
      <c r="HNM671" s="613"/>
      <c r="HNN671" s="613"/>
      <c r="HNO671" s="613"/>
      <c r="HNP671" s="613"/>
      <c r="HNQ671" s="613"/>
      <c r="HNR671" s="613"/>
      <c r="HNS671" s="613"/>
      <c r="HNT671" s="613"/>
      <c r="HNU671" s="613"/>
      <c r="HNV671" s="613"/>
      <c r="HNW671" s="613"/>
      <c r="HNX671" s="613"/>
      <c r="HNY671" s="613"/>
      <c r="HNZ671" s="613"/>
      <c r="HOA671" s="613"/>
      <c r="HOB671" s="613"/>
      <c r="HOC671" s="613"/>
      <c r="HOD671" s="613"/>
      <c r="HOE671" s="613"/>
      <c r="HOF671" s="613"/>
      <c r="HOG671" s="613"/>
      <c r="HOH671" s="613"/>
      <c r="HOI671" s="613"/>
      <c r="HOJ671" s="613"/>
      <c r="HOK671" s="613"/>
      <c r="HOL671" s="613"/>
      <c r="HOM671" s="613"/>
      <c r="HON671" s="613"/>
      <c r="HOO671" s="613"/>
      <c r="HOP671" s="613"/>
      <c r="HOQ671" s="613"/>
      <c r="HOR671" s="613"/>
      <c r="HOS671" s="613"/>
      <c r="HOT671" s="613"/>
      <c r="HOU671" s="613"/>
      <c r="HOV671" s="613"/>
      <c r="HOW671" s="613"/>
      <c r="HOX671" s="613"/>
      <c r="HOY671" s="613"/>
      <c r="HOZ671" s="613"/>
      <c r="HPA671" s="613"/>
      <c r="HPB671" s="613"/>
      <c r="HPC671" s="613"/>
      <c r="HPD671" s="613"/>
      <c r="HPE671" s="613"/>
      <c r="HPF671" s="613"/>
      <c r="HPG671" s="613"/>
      <c r="HPH671" s="613"/>
      <c r="HPI671" s="613"/>
      <c r="HPJ671" s="613"/>
      <c r="HPK671" s="613"/>
      <c r="HPL671" s="613"/>
      <c r="HPM671" s="613"/>
      <c r="HPN671" s="613"/>
      <c r="HPO671" s="613"/>
      <c r="HPP671" s="613"/>
      <c r="HPQ671" s="613"/>
      <c r="HPR671" s="613"/>
      <c r="HPS671" s="613"/>
      <c r="HPT671" s="613"/>
      <c r="HPU671" s="613"/>
      <c r="HPV671" s="613"/>
      <c r="HPW671" s="613"/>
      <c r="HPX671" s="613"/>
      <c r="HPY671" s="613"/>
      <c r="HPZ671" s="613"/>
      <c r="HQA671" s="613"/>
      <c r="HQB671" s="613"/>
      <c r="HQC671" s="613"/>
      <c r="HQD671" s="613"/>
      <c r="HQE671" s="613"/>
      <c r="HQF671" s="613"/>
      <c r="HQG671" s="613"/>
      <c r="HQH671" s="613"/>
      <c r="HQI671" s="613"/>
      <c r="HQJ671" s="613"/>
      <c r="HQK671" s="613"/>
      <c r="HQL671" s="613"/>
      <c r="HQM671" s="613"/>
      <c r="HQN671" s="613"/>
      <c r="HQO671" s="613"/>
      <c r="HQP671" s="613"/>
      <c r="HQQ671" s="613"/>
      <c r="HQR671" s="613"/>
      <c r="HQS671" s="613"/>
      <c r="HQT671" s="613"/>
      <c r="HQU671" s="613"/>
      <c r="HQV671" s="613"/>
      <c r="HQW671" s="613"/>
      <c r="HQX671" s="613"/>
      <c r="HQY671" s="613"/>
      <c r="HQZ671" s="613"/>
      <c r="HRA671" s="613"/>
      <c r="HRB671" s="613"/>
      <c r="HRC671" s="613"/>
      <c r="HRD671" s="613"/>
      <c r="HRE671" s="613"/>
      <c r="HRF671" s="613"/>
      <c r="HRG671" s="613"/>
      <c r="HRH671" s="613"/>
      <c r="HRI671" s="613"/>
      <c r="HRJ671" s="613"/>
      <c r="HRK671" s="613"/>
      <c r="HRL671" s="613"/>
      <c r="HRM671" s="613"/>
      <c r="HRN671" s="613"/>
      <c r="HRO671" s="613"/>
      <c r="HRP671" s="613"/>
      <c r="HRQ671" s="613"/>
      <c r="HRR671" s="613"/>
      <c r="HRS671" s="613"/>
      <c r="HRT671" s="613"/>
      <c r="HRU671" s="613"/>
      <c r="HRV671" s="613"/>
      <c r="HRW671" s="613"/>
      <c r="HRX671" s="613"/>
      <c r="HRY671" s="613"/>
      <c r="HRZ671" s="613"/>
      <c r="HSA671" s="613"/>
      <c r="HSB671" s="613"/>
      <c r="HSC671" s="613"/>
      <c r="HSD671" s="613"/>
      <c r="HSE671" s="613"/>
      <c r="HSF671" s="613"/>
      <c r="HSG671" s="613"/>
      <c r="HSH671" s="613"/>
      <c r="HSI671" s="613"/>
      <c r="HSJ671" s="613"/>
      <c r="HSK671" s="613"/>
      <c r="HSL671" s="613"/>
      <c r="HSM671" s="613"/>
      <c r="HSN671" s="613"/>
      <c r="HSO671" s="613"/>
      <c r="HSP671" s="613"/>
      <c r="HSQ671" s="613"/>
      <c r="HSR671" s="613"/>
      <c r="HSS671" s="613"/>
      <c r="HST671" s="613"/>
      <c r="HSU671" s="613"/>
      <c r="HSV671" s="613"/>
      <c r="HSW671" s="613"/>
      <c r="HSX671" s="613"/>
      <c r="HSY671" s="613"/>
      <c r="HSZ671" s="613"/>
      <c r="HTA671" s="613"/>
      <c r="HTB671" s="613"/>
      <c r="HTC671" s="613"/>
      <c r="HTD671" s="613"/>
      <c r="HTE671" s="613"/>
      <c r="HTF671" s="613"/>
      <c r="HTG671" s="613"/>
      <c r="HTH671" s="613"/>
      <c r="HTI671" s="613"/>
      <c r="HTJ671" s="613"/>
      <c r="HTK671" s="613"/>
      <c r="HTL671" s="613"/>
      <c r="HTM671" s="613"/>
      <c r="HTN671" s="613"/>
      <c r="HTO671" s="613"/>
      <c r="HTP671" s="613"/>
      <c r="HTQ671" s="613"/>
      <c r="HTR671" s="613"/>
      <c r="HTS671" s="613"/>
      <c r="HTT671" s="613"/>
      <c r="HTU671" s="613"/>
      <c r="HTV671" s="613"/>
      <c r="HTW671" s="613"/>
      <c r="HTX671" s="613"/>
      <c r="HTY671" s="613"/>
      <c r="HTZ671" s="613"/>
      <c r="HUA671" s="613"/>
      <c r="HUB671" s="613"/>
      <c r="HUC671" s="613"/>
      <c r="HUD671" s="613"/>
      <c r="HUE671" s="613"/>
      <c r="HUF671" s="613"/>
      <c r="HUG671" s="613"/>
      <c r="HUH671" s="613"/>
      <c r="HUI671" s="613"/>
      <c r="HUJ671" s="613"/>
      <c r="HUK671" s="613"/>
      <c r="HUL671" s="613"/>
      <c r="HUM671" s="613"/>
      <c r="HUN671" s="613"/>
      <c r="HUO671" s="613"/>
      <c r="HUP671" s="613"/>
      <c r="HUQ671" s="613"/>
      <c r="HUR671" s="613"/>
      <c r="HUS671" s="613"/>
      <c r="HUT671" s="613"/>
      <c r="HUU671" s="613"/>
      <c r="HUV671" s="613"/>
      <c r="HUW671" s="613"/>
      <c r="HUX671" s="613"/>
      <c r="HUY671" s="613"/>
      <c r="HUZ671" s="613"/>
      <c r="HVA671" s="613"/>
      <c r="HVB671" s="613"/>
      <c r="HVC671" s="613"/>
      <c r="HVD671" s="613"/>
      <c r="HVE671" s="613"/>
      <c r="HVF671" s="613"/>
      <c r="HVG671" s="613"/>
      <c r="HVH671" s="613"/>
      <c r="HVI671" s="613"/>
      <c r="HVJ671" s="613"/>
      <c r="HVK671" s="613"/>
      <c r="HVL671" s="613"/>
      <c r="HVM671" s="613"/>
      <c r="HVN671" s="613"/>
      <c r="HVO671" s="613"/>
      <c r="HVP671" s="613"/>
      <c r="HVQ671" s="613"/>
      <c r="HVR671" s="613"/>
      <c r="HVS671" s="613"/>
      <c r="HVT671" s="613"/>
      <c r="HVU671" s="613"/>
      <c r="HVV671" s="613"/>
      <c r="HVW671" s="613"/>
      <c r="HVX671" s="613"/>
      <c r="HVY671" s="613"/>
      <c r="HVZ671" s="613"/>
      <c r="HWA671" s="613"/>
      <c r="HWB671" s="613"/>
      <c r="HWC671" s="613"/>
      <c r="HWD671" s="613"/>
      <c r="HWE671" s="613"/>
      <c r="HWF671" s="613"/>
      <c r="HWG671" s="613"/>
      <c r="HWH671" s="613"/>
      <c r="HWI671" s="613"/>
      <c r="HWJ671" s="613"/>
      <c r="HWK671" s="613"/>
      <c r="HWL671" s="613"/>
      <c r="HWM671" s="613"/>
      <c r="HWN671" s="613"/>
      <c r="HWO671" s="613"/>
      <c r="HWP671" s="613"/>
      <c r="HWQ671" s="613"/>
      <c r="HWR671" s="613"/>
      <c r="HWS671" s="613"/>
      <c r="HWT671" s="613"/>
      <c r="HWU671" s="613"/>
      <c r="HWV671" s="613"/>
      <c r="HWW671" s="613"/>
      <c r="HWX671" s="613"/>
      <c r="HWY671" s="613"/>
      <c r="HWZ671" s="613"/>
      <c r="HXA671" s="613"/>
      <c r="HXB671" s="613"/>
      <c r="HXC671" s="613"/>
      <c r="HXD671" s="613"/>
      <c r="HXE671" s="613"/>
      <c r="HXF671" s="613"/>
      <c r="HXG671" s="613"/>
      <c r="HXH671" s="613"/>
      <c r="HXI671" s="613"/>
      <c r="HXJ671" s="613"/>
      <c r="HXK671" s="613"/>
      <c r="HXL671" s="613"/>
      <c r="HXM671" s="613"/>
      <c r="HXN671" s="613"/>
      <c r="HXO671" s="613"/>
      <c r="HXP671" s="613"/>
      <c r="HXQ671" s="613"/>
      <c r="HXR671" s="613"/>
      <c r="HXS671" s="613"/>
      <c r="HXT671" s="613"/>
      <c r="HXU671" s="613"/>
      <c r="HXV671" s="613"/>
      <c r="HXW671" s="613"/>
      <c r="HXX671" s="613"/>
      <c r="HXY671" s="613"/>
      <c r="HXZ671" s="613"/>
      <c r="HYA671" s="613"/>
      <c r="HYB671" s="613"/>
      <c r="HYC671" s="613"/>
      <c r="HYD671" s="613"/>
      <c r="HYE671" s="613"/>
      <c r="HYF671" s="613"/>
      <c r="HYG671" s="613"/>
      <c r="HYH671" s="613"/>
      <c r="HYI671" s="613"/>
      <c r="HYJ671" s="613"/>
      <c r="HYK671" s="613"/>
      <c r="HYL671" s="613"/>
      <c r="HYM671" s="613"/>
      <c r="HYN671" s="613"/>
      <c r="HYO671" s="613"/>
      <c r="HYP671" s="613"/>
      <c r="HYQ671" s="613"/>
      <c r="HYR671" s="613"/>
      <c r="HYS671" s="613"/>
      <c r="HYT671" s="613"/>
      <c r="HYU671" s="613"/>
      <c r="HYV671" s="613"/>
      <c r="HYW671" s="613"/>
      <c r="HYX671" s="613"/>
      <c r="HYY671" s="613"/>
      <c r="HYZ671" s="613"/>
      <c r="HZA671" s="613"/>
      <c r="HZB671" s="613"/>
      <c r="HZC671" s="613"/>
      <c r="HZD671" s="613"/>
      <c r="HZE671" s="613"/>
      <c r="HZF671" s="613"/>
      <c r="HZG671" s="613"/>
      <c r="HZH671" s="613"/>
      <c r="HZI671" s="613"/>
      <c r="HZJ671" s="613"/>
      <c r="HZK671" s="613"/>
      <c r="HZL671" s="613"/>
      <c r="HZM671" s="613"/>
      <c r="HZN671" s="613"/>
      <c r="HZO671" s="613"/>
      <c r="HZP671" s="613"/>
      <c r="HZQ671" s="613"/>
      <c r="HZR671" s="613"/>
      <c r="HZS671" s="613"/>
      <c r="HZT671" s="613"/>
      <c r="HZU671" s="613"/>
      <c r="HZV671" s="613"/>
      <c r="HZW671" s="613"/>
      <c r="HZX671" s="613"/>
      <c r="HZY671" s="613"/>
      <c r="HZZ671" s="613"/>
      <c r="IAA671" s="613"/>
      <c r="IAB671" s="613"/>
      <c r="IAC671" s="613"/>
      <c r="IAD671" s="613"/>
      <c r="IAE671" s="613"/>
      <c r="IAF671" s="613"/>
      <c r="IAG671" s="613"/>
      <c r="IAH671" s="613"/>
      <c r="IAI671" s="613"/>
      <c r="IAJ671" s="613"/>
      <c r="IAK671" s="613"/>
      <c r="IAL671" s="613"/>
      <c r="IAM671" s="613"/>
      <c r="IAN671" s="613"/>
      <c r="IAO671" s="613"/>
      <c r="IAP671" s="613"/>
      <c r="IAQ671" s="613"/>
      <c r="IAR671" s="613"/>
      <c r="IAS671" s="613"/>
      <c r="IAT671" s="613"/>
      <c r="IAU671" s="613"/>
      <c r="IAV671" s="613"/>
      <c r="IAW671" s="613"/>
      <c r="IAX671" s="613"/>
      <c r="IAY671" s="613"/>
      <c r="IAZ671" s="613"/>
      <c r="IBA671" s="613"/>
      <c r="IBB671" s="613"/>
      <c r="IBC671" s="613"/>
      <c r="IBD671" s="613"/>
      <c r="IBE671" s="613"/>
      <c r="IBF671" s="613"/>
      <c r="IBG671" s="613"/>
      <c r="IBH671" s="613"/>
      <c r="IBI671" s="613"/>
      <c r="IBJ671" s="613"/>
      <c r="IBK671" s="613"/>
      <c r="IBL671" s="613"/>
      <c r="IBM671" s="613"/>
      <c r="IBN671" s="613"/>
      <c r="IBO671" s="613"/>
      <c r="IBP671" s="613"/>
      <c r="IBQ671" s="613"/>
      <c r="IBR671" s="613"/>
      <c r="IBS671" s="613"/>
      <c r="IBT671" s="613"/>
      <c r="IBU671" s="613"/>
      <c r="IBV671" s="613"/>
      <c r="IBW671" s="613"/>
      <c r="IBX671" s="613"/>
      <c r="IBY671" s="613"/>
      <c r="IBZ671" s="613"/>
      <c r="ICA671" s="613"/>
      <c r="ICB671" s="613"/>
      <c r="ICC671" s="613"/>
      <c r="ICD671" s="613"/>
      <c r="ICE671" s="613"/>
      <c r="ICF671" s="613"/>
      <c r="ICG671" s="613"/>
      <c r="ICH671" s="613"/>
      <c r="ICI671" s="613"/>
      <c r="ICJ671" s="613"/>
      <c r="ICK671" s="613"/>
      <c r="ICL671" s="613"/>
      <c r="ICM671" s="613"/>
      <c r="ICN671" s="613"/>
      <c r="ICO671" s="613"/>
      <c r="ICP671" s="613"/>
      <c r="ICQ671" s="613"/>
      <c r="ICR671" s="613"/>
      <c r="ICS671" s="613"/>
      <c r="ICT671" s="613"/>
      <c r="ICU671" s="613"/>
      <c r="ICV671" s="613"/>
      <c r="ICW671" s="613"/>
      <c r="ICX671" s="613"/>
      <c r="ICY671" s="613"/>
      <c r="ICZ671" s="613"/>
      <c r="IDA671" s="613"/>
      <c r="IDB671" s="613"/>
      <c r="IDC671" s="613"/>
      <c r="IDD671" s="613"/>
      <c r="IDE671" s="613"/>
      <c r="IDF671" s="613"/>
      <c r="IDG671" s="613"/>
      <c r="IDH671" s="613"/>
      <c r="IDI671" s="613"/>
      <c r="IDJ671" s="613"/>
      <c r="IDK671" s="613"/>
      <c r="IDL671" s="613"/>
      <c r="IDM671" s="613"/>
      <c r="IDN671" s="613"/>
      <c r="IDO671" s="613"/>
      <c r="IDP671" s="613"/>
      <c r="IDQ671" s="613"/>
      <c r="IDR671" s="613"/>
      <c r="IDS671" s="613"/>
      <c r="IDT671" s="613"/>
      <c r="IDU671" s="613"/>
      <c r="IDV671" s="613"/>
      <c r="IDW671" s="613"/>
      <c r="IDX671" s="613"/>
      <c r="IDY671" s="613"/>
      <c r="IDZ671" s="613"/>
      <c r="IEA671" s="613"/>
      <c r="IEB671" s="613"/>
      <c r="IEC671" s="613"/>
      <c r="IED671" s="613"/>
      <c r="IEE671" s="613"/>
      <c r="IEF671" s="613"/>
      <c r="IEG671" s="613"/>
      <c r="IEH671" s="613"/>
      <c r="IEI671" s="613"/>
      <c r="IEJ671" s="613"/>
      <c r="IEK671" s="613"/>
      <c r="IEL671" s="613"/>
      <c r="IEM671" s="613"/>
      <c r="IEN671" s="613"/>
      <c r="IEO671" s="613"/>
      <c r="IEP671" s="613"/>
      <c r="IEQ671" s="613"/>
      <c r="IER671" s="613"/>
      <c r="IES671" s="613"/>
      <c r="IET671" s="613"/>
      <c r="IEU671" s="613"/>
      <c r="IEV671" s="613"/>
      <c r="IEW671" s="613"/>
      <c r="IEX671" s="613"/>
      <c r="IEY671" s="613"/>
      <c r="IEZ671" s="613"/>
      <c r="IFA671" s="613"/>
      <c r="IFB671" s="613"/>
      <c r="IFC671" s="613"/>
      <c r="IFD671" s="613"/>
      <c r="IFE671" s="613"/>
      <c r="IFF671" s="613"/>
      <c r="IFG671" s="613"/>
      <c r="IFH671" s="613"/>
      <c r="IFI671" s="613"/>
      <c r="IFJ671" s="613"/>
      <c r="IFK671" s="613"/>
      <c r="IFL671" s="613"/>
      <c r="IFM671" s="613"/>
      <c r="IFN671" s="613"/>
      <c r="IFO671" s="613"/>
      <c r="IFP671" s="613"/>
      <c r="IFQ671" s="613"/>
      <c r="IFR671" s="613"/>
      <c r="IFS671" s="613"/>
      <c r="IFT671" s="613"/>
      <c r="IFU671" s="613"/>
      <c r="IFV671" s="613"/>
      <c r="IFW671" s="613"/>
      <c r="IFX671" s="613"/>
      <c r="IFY671" s="613"/>
      <c r="IFZ671" s="613"/>
      <c r="IGA671" s="613"/>
      <c r="IGB671" s="613"/>
      <c r="IGC671" s="613"/>
      <c r="IGD671" s="613"/>
      <c r="IGE671" s="613"/>
      <c r="IGF671" s="613"/>
      <c r="IGG671" s="613"/>
      <c r="IGH671" s="613"/>
      <c r="IGI671" s="613"/>
      <c r="IGJ671" s="613"/>
      <c r="IGK671" s="613"/>
      <c r="IGL671" s="613"/>
      <c r="IGM671" s="613"/>
      <c r="IGN671" s="613"/>
      <c r="IGO671" s="613"/>
      <c r="IGP671" s="613"/>
      <c r="IGQ671" s="613"/>
      <c r="IGR671" s="613"/>
      <c r="IGS671" s="613"/>
      <c r="IGT671" s="613"/>
      <c r="IGU671" s="613"/>
      <c r="IGV671" s="613"/>
      <c r="IGW671" s="613"/>
      <c r="IGX671" s="613"/>
      <c r="IGY671" s="613"/>
      <c r="IGZ671" s="613"/>
      <c r="IHA671" s="613"/>
      <c r="IHB671" s="613"/>
      <c r="IHC671" s="613"/>
      <c r="IHD671" s="613"/>
      <c r="IHE671" s="613"/>
      <c r="IHF671" s="613"/>
      <c r="IHG671" s="613"/>
      <c r="IHH671" s="613"/>
      <c r="IHI671" s="613"/>
      <c r="IHJ671" s="613"/>
      <c r="IHK671" s="613"/>
      <c r="IHL671" s="613"/>
      <c r="IHM671" s="613"/>
      <c r="IHN671" s="613"/>
      <c r="IHO671" s="613"/>
      <c r="IHP671" s="613"/>
      <c r="IHQ671" s="613"/>
      <c r="IHR671" s="613"/>
      <c r="IHS671" s="613"/>
      <c r="IHT671" s="613"/>
      <c r="IHU671" s="613"/>
      <c r="IHV671" s="613"/>
      <c r="IHW671" s="613"/>
      <c r="IHX671" s="613"/>
      <c r="IHY671" s="613"/>
      <c r="IHZ671" s="613"/>
      <c r="IIA671" s="613"/>
      <c r="IIB671" s="613"/>
      <c r="IIC671" s="613"/>
      <c r="IID671" s="613"/>
      <c r="IIE671" s="613"/>
      <c r="IIF671" s="613"/>
      <c r="IIG671" s="613"/>
      <c r="IIH671" s="613"/>
      <c r="III671" s="613"/>
      <c r="IIJ671" s="613"/>
      <c r="IIK671" s="613"/>
      <c r="IIL671" s="613"/>
      <c r="IIM671" s="613"/>
      <c r="IIN671" s="613"/>
      <c r="IIO671" s="613"/>
      <c r="IIP671" s="613"/>
      <c r="IIQ671" s="613"/>
      <c r="IIR671" s="613"/>
      <c r="IIS671" s="613"/>
      <c r="IIT671" s="613"/>
      <c r="IIU671" s="613"/>
      <c r="IIV671" s="613"/>
      <c r="IIW671" s="613"/>
      <c r="IIX671" s="613"/>
      <c r="IIY671" s="613"/>
      <c r="IIZ671" s="613"/>
      <c r="IJA671" s="613"/>
      <c r="IJB671" s="613"/>
      <c r="IJC671" s="613"/>
      <c r="IJD671" s="613"/>
      <c r="IJE671" s="613"/>
      <c r="IJF671" s="613"/>
      <c r="IJG671" s="613"/>
      <c r="IJH671" s="613"/>
      <c r="IJI671" s="613"/>
      <c r="IJJ671" s="613"/>
      <c r="IJK671" s="613"/>
      <c r="IJL671" s="613"/>
      <c r="IJM671" s="613"/>
      <c r="IJN671" s="613"/>
      <c r="IJO671" s="613"/>
      <c r="IJP671" s="613"/>
      <c r="IJQ671" s="613"/>
      <c r="IJR671" s="613"/>
      <c r="IJS671" s="613"/>
      <c r="IJT671" s="613"/>
      <c r="IJU671" s="613"/>
      <c r="IJV671" s="613"/>
      <c r="IJW671" s="613"/>
      <c r="IJX671" s="613"/>
      <c r="IJY671" s="613"/>
      <c r="IJZ671" s="613"/>
      <c r="IKA671" s="613"/>
      <c r="IKB671" s="613"/>
      <c r="IKC671" s="613"/>
      <c r="IKD671" s="613"/>
      <c r="IKE671" s="613"/>
      <c r="IKF671" s="613"/>
      <c r="IKG671" s="613"/>
      <c r="IKH671" s="613"/>
      <c r="IKI671" s="613"/>
      <c r="IKJ671" s="613"/>
      <c r="IKK671" s="613"/>
      <c r="IKL671" s="613"/>
      <c r="IKM671" s="613"/>
      <c r="IKN671" s="613"/>
      <c r="IKO671" s="613"/>
      <c r="IKP671" s="613"/>
      <c r="IKQ671" s="613"/>
      <c r="IKR671" s="613"/>
      <c r="IKS671" s="613"/>
      <c r="IKT671" s="613"/>
      <c r="IKU671" s="613"/>
      <c r="IKV671" s="613"/>
      <c r="IKW671" s="613"/>
      <c r="IKX671" s="613"/>
      <c r="IKY671" s="613"/>
      <c r="IKZ671" s="613"/>
      <c r="ILA671" s="613"/>
      <c r="ILB671" s="613"/>
      <c r="ILC671" s="613"/>
      <c r="ILD671" s="613"/>
      <c r="ILE671" s="613"/>
      <c r="ILF671" s="613"/>
      <c r="ILG671" s="613"/>
      <c r="ILH671" s="613"/>
      <c r="ILI671" s="613"/>
      <c r="ILJ671" s="613"/>
      <c r="ILK671" s="613"/>
      <c r="ILL671" s="613"/>
      <c r="ILM671" s="613"/>
      <c r="ILN671" s="613"/>
      <c r="ILO671" s="613"/>
      <c r="ILP671" s="613"/>
      <c r="ILQ671" s="613"/>
      <c r="ILR671" s="613"/>
      <c r="ILS671" s="613"/>
      <c r="ILT671" s="613"/>
      <c r="ILU671" s="613"/>
      <c r="ILV671" s="613"/>
      <c r="ILW671" s="613"/>
      <c r="ILX671" s="613"/>
      <c r="ILY671" s="613"/>
      <c r="ILZ671" s="613"/>
      <c r="IMA671" s="613"/>
      <c r="IMB671" s="613"/>
      <c r="IMC671" s="613"/>
      <c r="IMD671" s="613"/>
      <c r="IME671" s="613"/>
      <c r="IMF671" s="613"/>
      <c r="IMG671" s="613"/>
      <c r="IMH671" s="613"/>
      <c r="IMI671" s="613"/>
      <c r="IMJ671" s="613"/>
      <c r="IMK671" s="613"/>
      <c r="IML671" s="613"/>
      <c r="IMM671" s="613"/>
      <c r="IMN671" s="613"/>
      <c r="IMO671" s="613"/>
      <c r="IMP671" s="613"/>
      <c r="IMQ671" s="613"/>
      <c r="IMR671" s="613"/>
      <c r="IMS671" s="613"/>
      <c r="IMT671" s="613"/>
      <c r="IMU671" s="613"/>
      <c r="IMV671" s="613"/>
      <c r="IMW671" s="613"/>
      <c r="IMX671" s="613"/>
      <c r="IMY671" s="613"/>
      <c r="IMZ671" s="613"/>
      <c r="INA671" s="613"/>
      <c r="INB671" s="613"/>
      <c r="INC671" s="613"/>
      <c r="IND671" s="613"/>
      <c r="INE671" s="613"/>
      <c r="INF671" s="613"/>
      <c r="ING671" s="613"/>
      <c r="INH671" s="613"/>
      <c r="INI671" s="613"/>
      <c r="INJ671" s="613"/>
      <c r="INK671" s="613"/>
      <c r="INL671" s="613"/>
      <c r="INM671" s="613"/>
      <c r="INN671" s="613"/>
      <c r="INO671" s="613"/>
      <c r="INP671" s="613"/>
      <c r="INQ671" s="613"/>
      <c r="INR671" s="613"/>
      <c r="INS671" s="613"/>
      <c r="INT671" s="613"/>
      <c r="INU671" s="613"/>
      <c r="INV671" s="613"/>
      <c r="INW671" s="613"/>
      <c r="INX671" s="613"/>
      <c r="INY671" s="613"/>
      <c r="INZ671" s="613"/>
      <c r="IOA671" s="613"/>
      <c r="IOB671" s="613"/>
      <c r="IOC671" s="613"/>
      <c r="IOD671" s="613"/>
      <c r="IOE671" s="613"/>
      <c r="IOF671" s="613"/>
      <c r="IOG671" s="613"/>
      <c r="IOH671" s="613"/>
      <c r="IOI671" s="613"/>
      <c r="IOJ671" s="613"/>
      <c r="IOK671" s="613"/>
      <c r="IOL671" s="613"/>
      <c r="IOM671" s="613"/>
      <c r="ION671" s="613"/>
      <c r="IOO671" s="613"/>
      <c r="IOP671" s="613"/>
      <c r="IOQ671" s="613"/>
      <c r="IOR671" s="613"/>
      <c r="IOS671" s="613"/>
      <c r="IOT671" s="613"/>
      <c r="IOU671" s="613"/>
      <c r="IOV671" s="613"/>
      <c r="IOW671" s="613"/>
      <c r="IOX671" s="613"/>
      <c r="IOY671" s="613"/>
      <c r="IOZ671" s="613"/>
      <c r="IPA671" s="613"/>
      <c r="IPB671" s="613"/>
      <c r="IPC671" s="613"/>
      <c r="IPD671" s="613"/>
      <c r="IPE671" s="613"/>
      <c r="IPF671" s="613"/>
      <c r="IPG671" s="613"/>
      <c r="IPH671" s="613"/>
      <c r="IPI671" s="613"/>
      <c r="IPJ671" s="613"/>
      <c r="IPK671" s="613"/>
      <c r="IPL671" s="613"/>
      <c r="IPM671" s="613"/>
      <c r="IPN671" s="613"/>
      <c r="IPO671" s="613"/>
      <c r="IPP671" s="613"/>
      <c r="IPQ671" s="613"/>
      <c r="IPR671" s="613"/>
      <c r="IPS671" s="613"/>
      <c r="IPT671" s="613"/>
      <c r="IPU671" s="613"/>
      <c r="IPV671" s="613"/>
      <c r="IPW671" s="613"/>
      <c r="IPX671" s="613"/>
      <c r="IPY671" s="613"/>
      <c r="IPZ671" s="613"/>
      <c r="IQA671" s="613"/>
      <c r="IQB671" s="613"/>
      <c r="IQC671" s="613"/>
      <c r="IQD671" s="613"/>
      <c r="IQE671" s="613"/>
      <c r="IQF671" s="613"/>
      <c r="IQG671" s="613"/>
      <c r="IQH671" s="613"/>
      <c r="IQI671" s="613"/>
      <c r="IQJ671" s="613"/>
      <c r="IQK671" s="613"/>
      <c r="IQL671" s="613"/>
      <c r="IQM671" s="613"/>
      <c r="IQN671" s="613"/>
      <c r="IQO671" s="613"/>
      <c r="IQP671" s="613"/>
      <c r="IQQ671" s="613"/>
      <c r="IQR671" s="613"/>
      <c r="IQS671" s="613"/>
      <c r="IQT671" s="613"/>
      <c r="IQU671" s="613"/>
      <c r="IQV671" s="613"/>
      <c r="IQW671" s="613"/>
      <c r="IQX671" s="613"/>
      <c r="IQY671" s="613"/>
      <c r="IQZ671" s="613"/>
      <c r="IRA671" s="613"/>
      <c r="IRB671" s="613"/>
      <c r="IRC671" s="613"/>
      <c r="IRD671" s="613"/>
      <c r="IRE671" s="613"/>
      <c r="IRF671" s="613"/>
      <c r="IRG671" s="613"/>
      <c r="IRH671" s="613"/>
      <c r="IRI671" s="613"/>
      <c r="IRJ671" s="613"/>
      <c r="IRK671" s="613"/>
      <c r="IRL671" s="613"/>
      <c r="IRM671" s="613"/>
      <c r="IRN671" s="613"/>
      <c r="IRO671" s="613"/>
      <c r="IRP671" s="613"/>
      <c r="IRQ671" s="613"/>
      <c r="IRR671" s="613"/>
      <c r="IRS671" s="613"/>
      <c r="IRT671" s="613"/>
      <c r="IRU671" s="613"/>
      <c r="IRV671" s="613"/>
      <c r="IRW671" s="613"/>
      <c r="IRX671" s="613"/>
      <c r="IRY671" s="613"/>
      <c r="IRZ671" s="613"/>
      <c r="ISA671" s="613"/>
      <c r="ISB671" s="613"/>
      <c r="ISC671" s="613"/>
      <c r="ISD671" s="613"/>
      <c r="ISE671" s="613"/>
      <c r="ISF671" s="613"/>
      <c r="ISG671" s="613"/>
      <c r="ISH671" s="613"/>
      <c r="ISI671" s="613"/>
      <c r="ISJ671" s="613"/>
      <c r="ISK671" s="613"/>
      <c r="ISL671" s="613"/>
      <c r="ISM671" s="613"/>
      <c r="ISN671" s="613"/>
      <c r="ISO671" s="613"/>
      <c r="ISP671" s="613"/>
      <c r="ISQ671" s="613"/>
      <c r="ISR671" s="613"/>
      <c r="ISS671" s="613"/>
      <c r="IST671" s="613"/>
      <c r="ISU671" s="613"/>
      <c r="ISV671" s="613"/>
      <c r="ISW671" s="613"/>
      <c r="ISX671" s="613"/>
      <c r="ISY671" s="613"/>
      <c r="ISZ671" s="613"/>
      <c r="ITA671" s="613"/>
      <c r="ITB671" s="613"/>
      <c r="ITC671" s="613"/>
      <c r="ITD671" s="613"/>
      <c r="ITE671" s="613"/>
      <c r="ITF671" s="613"/>
      <c r="ITG671" s="613"/>
      <c r="ITH671" s="613"/>
      <c r="ITI671" s="613"/>
      <c r="ITJ671" s="613"/>
      <c r="ITK671" s="613"/>
      <c r="ITL671" s="613"/>
      <c r="ITM671" s="613"/>
      <c r="ITN671" s="613"/>
      <c r="ITO671" s="613"/>
      <c r="ITP671" s="613"/>
      <c r="ITQ671" s="613"/>
      <c r="ITR671" s="613"/>
      <c r="ITS671" s="613"/>
      <c r="ITT671" s="613"/>
      <c r="ITU671" s="613"/>
      <c r="ITV671" s="613"/>
      <c r="ITW671" s="613"/>
      <c r="ITX671" s="613"/>
      <c r="ITY671" s="613"/>
      <c r="ITZ671" s="613"/>
      <c r="IUA671" s="613"/>
      <c r="IUB671" s="613"/>
      <c r="IUC671" s="613"/>
      <c r="IUD671" s="613"/>
      <c r="IUE671" s="613"/>
      <c r="IUF671" s="613"/>
      <c r="IUG671" s="613"/>
      <c r="IUH671" s="613"/>
      <c r="IUI671" s="613"/>
      <c r="IUJ671" s="613"/>
      <c r="IUK671" s="613"/>
      <c r="IUL671" s="613"/>
      <c r="IUM671" s="613"/>
      <c r="IUN671" s="613"/>
      <c r="IUO671" s="613"/>
      <c r="IUP671" s="613"/>
      <c r="IUQ671" s="613"/>
      <c r="IUR671" s="613"/>
      <c r="IUS671" s="613"/>
      <c r="IUT671" s="613"/>
      <c r="IUU671" s="613"/>
      <c r="IUV671" s="613"/>
      <c r="IUW671" s="613"/>
      <c r="IUX671" s="613"/>
      <c r="IUY671" s="613"/>
      <c r="IUZ671" s="613"/>
      <c r="IVA671" s="613"/>
      <c r="IVB671" s="613"/>
      <c r="IVC671" s="613"/>
      <c r="IVD671" s="613"/>
      <c r="IVE671" s="613"/>
      <c r="IVF671" s="613"/>
      <c r="IVG671" s="613"/>
      <c r="IVH671" s="613"/>
      <c r="IVI671" s="613"/>
      <c r="IVJ671" s="613"/>
      <c r="IVK671" s="613"/>
      <c r="IVL671" s="613"/>
      <c r="IVM671" s="613"/>
      <c r="IVN671" s="613"/>
      <c r="IVO671" s="613"/>
      <c r="IVP671" s="613"/>
      <c r="IVQ671" s="613"/>
      <c r="IVR671" s="613"/>
      <c r="IVS671" s="613"/>
      <c r="IVT671" s="613"/>
      <c r="IVU671" s="613"/>
      <c r="IVV671" s="613"/>
      <c r="IVW671" s="613"/>
      <c r="IVX671" s="613"/>
      <c r="IVY671" s="613"/>
      <c r="IVZ671" s="613"/>
      <c r="IWA671" s="613"/>
      <c r="IWB671" s="613"/>
      <c r="IWC671" s="613"/>
      <c r="IWD671" s="613"/>
      <c r="IWE671" s="613"/>
      <c r="IWF671" s="613"/>
      <c r="IWG671" s="613"/>
      <c r="IWH671" s="613"/>
      <c r="IWI671" s="613"/>
      <c r="IWJ671" s="613"/>
      <c r="IWK671" s="613"/>
      <c r="IWL671" s="613"/>
      <c r="IWM671" s="613"/>
      <c r="IWN671" s="613"/>
      <c r="IWO671" s="613"/>
      <c r="IWP671" s="613"/>
      <c r="IWQ671" s="613"/>
      <c r="IWR671" s="613"/>
      <c r="IWS671" s="613"/>
      <c r="IWT671" s="613"/>
      <c r="IWU671" s="613"/>
      <c r="IWV671" s="613"/>
      <c r="IWW671" s="613"/>
      <c r="IWX671" s="613"/>
      <c r="IWY671" s="613"/>
      <c r="IWZ671" s="613"/>
      <c r="IXA671" s="613"/>
      <c r="IXB671" s="613"/>
      <c r="IXC671" s="613"/>
      <c r="IXD671" s="613"/>
      <c r="IXE671" s="613"/>
      <c r="IXF671" s="613"/>
      <c r="IXG671" s="613"/>
      <c r="IXH671" s="613"/>
      <c r="IXI671" s="613"/>
      <c r="IXJ671" s="613"/>
      <c r="IXK671" s="613"/>
      <c r="IXL671" s="613"/>
      <c r="IXM671" s="613"/>
      <c r="IXN671" s="613"/>
      <c r="IXO671" s="613"/>
      <c r="IXP671" s="613"/>
      <c r="IXQ671" s="613"/>
      <c r="IXR671" s="613"/>
      <c r="IXS671" s="613"/>
      <c r="IXT671" s="613"/>
      <c r="IXU671" s="613"/>
      <c r="IXV671" s="613"/>
      <c r="IXW671" s="613"/>
      <c r="IXX671" s="613"/>
      <c r="IXY671" s="613"/>
      <c r="IXZ671" s="613"/>
      <c r="IYA671" s="613"/>
      <c r="IYB671" s="613"/>
      <c r="IYC671" s="613"/>
      <c r="IYD671" s="613"/>
      <c r="IYE671" s="613"/>
      <c r="IYF671" s="613"/>
      <c r="IYG671" s="613"/>
      <c r="IYH671" s="613"/>
      <c r="IYI671" s="613"/>
      <c r="IYJ671" s="613"/>
      <c r="IYK671" s="613"/>
      <c r="IYL671" s="613"/>
      <c r="IYM671" s="613"/>
      <c r="IYN671" s="613"/>
      <c r="IYO671" s="613"/>
      <c r="IYP671" s="613"/>
      <c r="IYQ671" s="613"/>
      <c r="IYR671" s="613"/>
      <c r="IYS671" s="613"/>
      <c r="IYT671" s="613"/>
      <c r="IYU671" s="613"/>
      <c r="IYV671" s="613"/>
      <c r="IYW671" s="613"/>
      <c r="IYX671" s="613"/>
      <c r="IYY671" s="613"/>
      <c r="IYZ671" s="613"/>
      <c r="IZA671" s="613"/>
      <c r="IZB671" s="613"/>
      <c r="IZC671" s="613"/>
      <c r="IZD671" s="613"/>
      <c r="IZE671" s="613"/>
      <c r="IZF671" s="613"/>
      <c r="IZG671" s="613"/>
      <c r="IZH671" s="613"/>
      <c r="IZI671" s="613"/>
      <c r="IZJ671" s="613"/>
      <c r="IZK671" s="613"/>
      <c r="IZL671" s="613"/>
      <c r="IZM671" s="613"/>
      <c r="IZN671" s="613"/>
      <c r="IZO671" s="613"/>
      <c r="IZP671" s="613"/>
      <c r="IZQ671" s="613"/>
      <c r="IZR671" s="613"/>
      <c r="IZS671" s="613"/>
      <c r="IZT671" s="613"/>
      <c r="IZU671" s="613"/>
      <c r="IZV671" s="613"/>
      <c r="IZW671" s="613"/>
      <c r="IZX671" s="613"/>
      <c r="IZY671" s="613"/>
      <c r="IZZ671" s="613"/>
      <c r="JAA671" s="613"/>
      <c r="JAB671" s="613"/>
      <c r="JAC671" s="613"/>
      <c r="JAD671" s="613"/>
      <c r="JAE671" s="613"/>
      <c r="JAF671" s="613"/>
      <c r="JAG671" s="613"/>
      <c r="JAH671" s="613"/>
      <c r="JAI671" s="613"/>
      <c r="JAJ671" s="613"/>
      <c r="JAK671" s="613"/>
      <c r="JAL671" s="613"/>
      <c r="JAM671" s="613"/>
      <c r="JAN671" s="613"/>
      <c r="JAO671" s="613"/>
      <c r="JAP671" s="613"/>
      <c r="JAQ671" s="613"/>
      <c r="JAR671" s="613"/>
      <c r="JAS671" s="613"/>
      <c r="JAT671" s="613"/>
      <c r="JAU671" s="613"/>
      <c r="JAV671" s="613"/>
      <c r="JAW671" s="613"/>
      <c r="JAX671" s="613"/>
      <c r="JAY671" s="613"/>
      <c r="JAZ671" s="613"/>
      <c r="JBA671" s="613"/>
      <c r="JBB671" s="613"/>
      <c r="JBC671" s="613"/>
      <c r="JBD671" s="613"/>
      <c r="JBE671" s="613"/>
      <c r="JBF671" s="613"/>
      <c r="JBG671" s="613"/>
      <c r="JBH671" s="613"/>
      <c r="JBI671" s="613"/>
      <c r="JBJ671" s="613"/>
      <c r="JBK671" s="613"/>
      <c r="JBL671" s="613"/>
      <c r="JBM671" s="613"/>
      <c r="JBN671" s="613"/>
      <c r="JBO671" s="613"/>
      <c r="JBP671" s="613"/>
      <c r="JBQ671" s="613"/>
      <c r="JBR671" s="613"/>
      <c r="JBS671" s="613"/>
      <c r="JBT671" s="613"/>
      <c r="JBU671" s="613"/>
      <c r="JBV671" s="613"/>
      <c r="JBW671" s="613"/>
      <c r="JBX671" s="613"/>
      <c r="JBY671" s="613"/>
      <c r="JBZ671" s="613"/>
      <c r="JCA671" s="613"/>
      <c r="JCB671" s="613"/>
      <c r="JCC671" s="613"/>
      <c r="JCD671" s="613"/>
      <c r="JCE671" s="613"/>
      <c r="JCF671" s="613"/>
      <c r="JCG671" s="613"/>
      <c r="JCH671" s="613"/>
      <c r="JCI671" s="613"/>
      <c r="JCJ671" s="613"/>
      <c r="JCK671" s="613"/>
      <c r="JCL671" s="613"/>
      <c r="JCM671" s="613"/>
      <c r="JCN671" s="613"/>
      <c r="JCO671" s="613"/>
      <c r="JCP671" s="613"/>
      <c r="JCQ671" s="613"/>
      <c r="JCR671" s="613"/>
      <c r="JCS671" s="613"/>
      <c r="JCT671" s="613"/>
      <c r="JCU671" s="613"/>
      <c r="JCV671" s="613"/>
      <c r="JCW671" s="613"/>
      <c r="JCX671" s="613"/>
      <c r="JCY671" s="613"/>
      <c r="JCZ671" s="613"/>
      <c r="JDA671" s="613"/>
      <c r="JDB671" s="613"/>
      <c r="JDC671" s="613"/>
      <c r="JDD671" s="613"/>
      <c r="JDE671" s="613"/>
      <c r="JDF671" s="613"/>
      <c r="JDG671" s="613"/>
      <c r="JDH671" s="613"/>
      <c r="JDI671" s="613"/>
      <c r="JDJ671" s="613"/>
      <c r="JDK671" s="613"/>
      <c r="JDL671" s="613"/>
      <c r="JDM671" s="613"/>
      <c r="JDN671" s="613"/>
      <c r="JDO671" s="613"/>
      <c r="JDP671" s="613"/>
      <c r="JDQ671" s="613"/>
      <c r="JDR671" s="613"/>
      <c r="JDS671" s="613"/>
      <c r="JDT671" s="613"/>
      <c r="JDU671" s="613"/>
      <c r="JDV671" s="613"/>
      <c r="JDW671" s="613"/>
      <c r="JDX671" s="613"/>
      <c r="JDY671" s="613"/>
      <c r="JDZ671" s="613"/>
      <c r="JEA671" s="613"/>
      <c r="JEB671" s="613"/>
      <c r="JEC671" s="613"/>
      <c r="JED671" s="613"/>
      <c r="JEE671" s="613"/>
      <c r="JEF671" s="613"/>
      <c r="JEG671" s="613"/>
      <c r="JEH671" s="613"/>
      <c r="JEI671" s="613"/>
      <c r="JEJ671" s="613"/>
      <c r="JEK671" s="613"/>
      <c r="JEL671" s="613"/>
      <c r="JEM671" s="613"/>
      <c r="JEN671" s="613"/>
      <c r="JEO671" s="613"/>
      <c r="JEP671" s="613"/>
      <c r="JEQ671" s="613"/>
      <c r="JER671" s="613"/>
      <c r="JES671" s="613"/>
      <c r="JET671" s="613"/>
      <c r="JEU671" s="613"/>
      <c r="JEV671" s="613"/>
      <c r="JEW671" s="613"/>
      <c r="JEX671" s="613"/>
      <c r="JEY671" s="613"/>
      <c r="JEZ671" s="613"/>
      <c r="JFA671" s="613"/>
      <c r="JFB671" s="613"/>
      <c r="JFC671" s="613"/>
      <c r="JFD671" s="613"/>
      <c r="JFE671" s="613"/>
      <c r="JFF671" s="613"/>
      <c r="JFG671" s="613"/>
      <c r="JFH671" s="613"/>
      <c r="JFI671" s="613"/>
      <c r="JFJ671" s="613"/>
      <c r="JFK671" s="613"/>
      <c r="JFL671" s="613"/>
      <c r="JFM671" s="613"/>
      <c r="JFN671" s="613"/>
      <c r="JFO671" s="613"/>
      <c r="JFP671" s="613"/>
      <c r="JFQ671" s="613"/>
      <c r="JFR671" s="613"/>
      <c r="JFS671" s="613"/>
      <c r="JFT671" s="613"/>
      <c r="JFU671" s="613"/>
      <c r="JFV671" s="613"/>
      <c r="JFW671" s="613"/>
      <c r="JFX671" s="613"/>
      <c r="JFY671" s="613"/>
      <c r="JFZ671" s="613"/>
      <c r="JGA671" s="613"/>
      <c r="JGB671" s="613"/>
      <c r="JGC671" s="613"/>
      <c r="JGD671" s="613"/>
      <c r="JGE671" s="613"/>
      <c r="JGF671" s="613"/>
      <c r="JGG671" s="613"/>
      <c r="JGH671" s="613"/>
      <c r="JGI671" s="613"/>
      <c r="JGJ671" s="613"/>
      <c r="JGK671" s="613"/>
      <c r="JGL671" s="613"/>
      <c r="JGM671" s="613"/>
      <c r="JGN671" s="613"/>
      <c r="JGO671" s="613"/>
      <c r="JGP671" s="613"/>
      <c r="JGQ671" s="613"/>
      <c r="JGR671" s="613"/>
      <c r="JGS671" s="613"/>
      <c r="JGT671" s="613"/>
      <c r="JGU671" s="613"/>
      <c r="JGV671" s="613"/>
      <c r="JGW671" s="613"/>
      <c r="JGX671" s="613"/>
      <c r="JGY671" s="613"/>
      <c r="JGZ671" s="613"/>
      <c r="JHA671" s="613"/>
      <c r="JHB671" s="613"/>
      <c r="JHC671" s="613"/>
      <c r="JHD671" s="613"/>
      <c r="JHE671" s="613"/>
      <c r="JHF671" s="613"/>
      <c r="JHG671" s="613"/>
      <c r="JHH671" s="613"/>
      <c r="JHI671" s="613"/>
      <c r="JHJ671" s="613"/>
      <c r="JHK671" s="613"/>
      <c r="JHL671" s="613"/>
      <c r="JHM671" s="613"/>
      <c r="JHN671" s="613"/>
      <c r="JHO671" s="613"/>
      <c r="JHP671" s="613"/>
      <c r="JHQ671" s="613"/>
      <c r="JHR671" s="613"/>
      <c r="JHS671" s="613"/>
      <c r="JHT671" s="613"/>
      <c r="JHU671" s="613"/>
      <c r="JHV671" s="613"/>
      <c r="JHW671" s="613"/>
      <c r="JHX671" s="613"/>
      <c r="JHY671" s="613"/>
      <c r="JHZ671" s="613"/>
      <c r="JIA671" s="613"/>
      <c r="JIB671" s="613"/>
      <c r="JIC671" s="613"/>
      <c r="JID671" s="613"/>
      <c r="JIE671" s="613"/>
      <c r="JIF671" s="613"/>
      <c r="JIG671" s="613"/>
      <c r="JIH671" s="613"/>
      <c r="JII671" s="613"/>
      <c r="JIJ671" s="613"/>
      <c r="JIK671" s="613"/>
      <c r="JIL671" s="613"/>
      <c r="JIM671" s="613"/>
      <c r="JIN671" s="613"/>
      <c r="JIO671" s="613"/>
      <c r="JIP671" s="613"/>
      <c r="JIQ671" s="613"/>
      <c r="JIR671" s="613"/>
      <c r="JIS671" s="613"/>
      <c r="JIT671" s="613"/>
      <c r="JIU671" s="613"/>
      <c r="JIV671" s="613"/>
      <c r="JIW671" s="613"/>
      <c r="JIX671" s="613"/>
      <c r="JIY671" s="613"/>
      <c r="JIZ671" s="613"/>
      <c r="JJA671" s="613"/>
      <c r="JJB671" s="613"/>
      <c r="JJC671" s="613"/>
      <c r="JJD671" s="613"/>
      <c r="JJE671" s="613"/>
      <c r="JJF671" s="613"/>
      <c r="JJG671" s="613"/>
      <c r="JJH671" s="613"/>
      <c r="JJI671" s="613"/>
      <c r="JJJ671" s="613"/>
      <c r="JJK671" s="613"/>
      <c r="JJL671" s="613"/>
      <c r="JJM671" s="613"/>
      <c r="JJN671" s="613"/>
      <c r="JJO671" s="613"/>
      <c r="JJP671" s="613"/>
      <c r="JJQ671" s="613"/>
      <c r="JJR671" s="613"/>
      <c r="JJS671" s="613"/>
      <c r="JJT671" s="613"/>
      <c r="JJU671" s="613"/>
      <c r="JJV671" s="613"/>
      <c r="JJW671" s="613"/>
      <c r="JJX671" s="613"/>
      <c r="JJY671" s="613"/>
      <c r="JJZ671" s="613"/>
      <c r="JKA671" s="613"/>
      <c r="JKB671" s="613"/>
      <c r="JKC671" s="613"/>
      <c r="JKD671" s="613"/>
      <c r="JKE671" s="613"/>
      <c r="JKF671" s="613"/>
      <c r="JKG671" s="613"/>
      <c r="JKH671" s="613"/>
      <c r="JKI671" s="613"/>
      <c r="JKJ671" s="613"/>
      <c r="JKK671" s="613"/>
      <c r="JKL671" s="613"/>
      <c r="JKM671" s="613"/>
      <c r="JKN671" s="613"/>
      <c r="JKO671" s="613"/>
      <c r="JKP671" s="613"/>
      <c r="JKQ671" s="613"/>
      <c r="JKR671" s="613"/>
      <c r="JKS671" s="613"/>
      <c r="JKT671" s="613"/>
      <c r="JKU671" s="613"/>
      <c r="JKV671" s="613"/>
      <c r="JKW671" s="613"/>
      <c r="JKX671" s="613"/>
      <c r="JKY671" s="613"/>
      <c r="JKZ671" s="613"/>
      <c r="JLA671" s="613"/>
      <c r="JLB671" s="613"/>
      <c r="JLC671" s="613"/>
      <c r="JLD671" s="613"/>
      <c r="JLE671" s="613"/>
      <c r="JLF671" s="613"/>
      <c r="JLG671" s="613"/>
      <c r="JLH671" s="613"/>
      <c r="JLI671" s="613"/>
      <c r="JLJ671" s="613"/>
      <c r="JLK671" s="613"/>
      <c r="JLL671" s="613"/>
      <c r="JLM671" s="613"/>
      <c r="JLN671" s="613"/>
      <c r="JLO671" s="613"/>
      <c r="JLP671" s="613"/>
      <c r="JLQ671" s="613"/>
      <c r="JLR671" s="613"/>
      <c r="JLS671" s="613"/>
      <c r="JLT671" s="613"/>
      <c r="JLU671" s="613"/>
      <c r="JLV671" s="613"/>
      <c r="JLW671" s="613"/>
      <c r="JLX671" s="613"/>
      <c r="JLY671" s="613"/>
      <c r="JLZ671" s="613"/>
      <c r="JMA671" s="613"/>
      <c r="JMB671" s="613"/>
      <c r="JMC671" s="613"/>
      <c r="JMD671" s="613"/>
      <c r="JME671" s="613"/>
      <c r="JMF671" s="613"/>
      <c r="JMG671" s="613"/>
      <c r="JMH671" s="613"/>
      <c r="JMI671" s="613"/>
      <c r="JMJ671" s="613"/>
      <c r="JMK671" s="613"/>
      <c r="JML671" s="613"/>
      <c r="JMM671" s="613"/>
      <c r="JMN671" s="613"/>
      <c r="JMO671" s="613"/>
      <c r="JMP671" s="613"/>
      <c r="JMQ671" s="613"/>
      <c r="JMR671" s="613"/>
      <c r="JMS671" s="613"/>
      <c r="JMT671" s="613"/>
      <c r="JMU671" s="613"/>
      <c r="JMV671" s="613"/>
      <c r="JMW671" s="613"/>
      <c r="JMX671" s="613"/>
      <c r="JMY671" s="613"/>
      <c r="JMZ671" s="613"/>
      <c r="JNA671" s="613"/>
      <c r="JNB671" s="613"/>
      <c r="JNC671" s="613"/>
      <c r="JND671" s="613"/>
      <c r="JNE671" s="613"/>
      <c r="JNF671" s="613"/>
      <c r="JNG671" s="613"/>
      <c r="JNH671" s="613"/>
      <c r="JNI671" s="613"/>
      <c r="JNJ671" s="613"/>
      <c r="JNK671" s="613"/>
      <c r="JNL671" s="613"/>
      <c r="JNM671" s="613"/>
      <c r="JNN671" s="613"/>
      <c r="JNO671" s="613"/>
      <c r="JNP671" s="613"/>
      <c r="JNQ671" s="613"/>
      <c r="JNR671" s="613"/>
      <c r="JNS671" s="613"/>
      <c r="JNT671" s="613"/>
      <c r="JNU671" s="613"/>
      <c r="JNV671" s="613"/>
      <c r="JNW671" s="613"/>
      <c r="JNX671" s="613"/>
      <c r="JNY671" s="613"/>
      <c r="JNZ671" s="613"/>
      <c r="JOA671" s="613"/>
      <c r="JOB671" s="613"/>
      <c r="JOC671" s="613"/>
      <c r="JOD671" s="613"/>
      <c r="JOE671" s="613"/>
      <c r="JOF671" s="613"/>
      <c r="JOG671" s="613"/>
      <c r="JOH671" s="613"/>
      <c r="JOI671" s="613"/>
      <c r="JOJ671" s="613"/>
      <c r="JOK671" s="613"/>
      <c r="JOL671" s="613"/>
      <c r="JOM671" s="613"/>
      <c r="JON671" s="613"/>
      <c r="JOO671" s="613"/>
      <c r="JOP671" s="613"/>
      <c r="JOQ671" s="613"/>
      <c r="JOR671" s="613"/>
      <c r="JOS671" s="613"/>
      <c r="JOT671" s="613"/>
      <c r="JOU671" s="613"/>
      <c r="JOV671" s="613"/>
      <c r="JOW671" s="613"/>
      <c r="JOX671" s="613"/>
      <c r="JOY671" s="613"/>
      <c r="JOZ671" s="613"/>
      <c r="JPA671" s="613"/>
      <c r="JPB671" s="613"/>
      <c r="JPC671" s="613"/>
      <c r="JPD671" s="613"/>
      <c r="JPE671" s="613"/>
      <c r="JPF671" s="613"/>
      <c r="JPG671" s="613"/>
      <c r="JPH671" s="613"/>
      <c r="JPI671" s="613"/>
      <c r="JPJ671" s="613"/>
      <c r="JPK671" s="613"/>
      <c r="JPL671" s="613"/>
      <c r="JPM671" s="613"/>
      <c r="JPN671" s="613"/>
      <c r="JPO671" s="613"/>
      <c r="JPP671" s="613"/>
      <c r="JPQ671" s="613"/>
      <c r="JPR671" s="613"/>
      <c r="JPS671" s="613"/>
      <c r="JPT671" s="613"/>
      <c r="JPU671" s="613"/>
      <c r="JPV671" s="613"/>
      <c r="JPW671" s="613"/>
      <c r="JPX671" s="613"/>
      <c r="JPY671" s="613"/>
      <c r="JPZ671" s="613"/>
      <c r="JQA671" s="613"/>
      <c r="JQB671" s="613"/>
      <c r="JQC671" s="613"/>
      <c r="JQD671" s="613"/>
      <c r="JQE671" s="613"/>
      <c r="JQF671" s="613"/>
      <c r="JQG671" s="613"/>
      <c r="JQH671" s="613"/>
      <c r="JQI671" s="613"/>
      <c r="JQJ671" s="613"/>
      <c r="JQK671" s="613"/>
      <c r="JQL671" s="613"/>
      <c r="JQM671" s="613"/>
      <c r="JQN671" s="613"/>
      <c r="JQO671" s="613"/>
      <c r="JQP671" s="613"/>
      <c r="JQQ671" s="613"/>
      <c r="JQR671" s="613"/>
      <c r="JQS671" s="613"/>
      <c r="JQT671" s="613"/>
      <c r="JQU671" s="613"/>
      <c r="JQV671" s="613"/>
      <c r="JQW671" s="613"/>
      <c r="JQX671" s="613"/>
      <c r="JQY671" s="613"/>
      <c r="JQZ671" s="613"/>
      <c r="JRA671" s="613"/>
      <c r="JRB671" s="613"/>
      <c r="JRC671" s="613"/>
      <c r="JRD671" s="613"/>
      <c r="JRE671" s="613"/>
      <c r="JRF671" s="613"/>
      <c r="JRG671" s="613"/>
      <c r="JRH671" s="613"/>
      <c r="JRI671" s="613"/>
      <c r="JRJ671" s="613"/>
      <c r="JRK671" s="613"/>
      <c r="JRL671" s="613"/>
      <c r="JRM671" s="613"/>
      <c r="JRN671" s="613"/>
      <c r="JRO671" s="613"/>
      <c r="JRP671" s="613"/>
      <c r="JRQ671" s="613"/>
      <c r="JRR671" s="613"/>
      <c r="JRS671" s="613"/>
      <c r="JRT671" s="613"/>
      <c r="JRU671" s="613"/>
      <c r="JRV671" s="613"/>
      <c r="JRW671" s="613"/>
      <c r="JRX671" s="613"/>
      <c r="JRY671" s="613"/>
      <c r="JRZ671" s="613"/>
      <c r="JSA671" s="613"/>
      <c r="JSB671" s="613"/>
      <c r="JSC671" s="613"/>
      <c r="JSD671" s="613"/>
      <c r="JSE671" s="613"/>
      <c r="JSF671" s="613"/>
      <c r="JSG671" s="613"/>
      <c r="JSH671" s="613"/>
      <c r="JSI671" s="613"/>
      <c r="JSJ671" s="613"/>
      <c r="JSK671" s="613"/>
      <c r="JSL671" s="613"/>
      <c r="JSM671" s="613"/>
      <c r="JSN671" s="613"/>
      <c r="JSO671" s="613"/>
      <c r="JSP671" s="613"/>
      <c r="JSQ671" s="613"/>
      <c r="JSR671" s="613"/>
      <c r="JSS671" s="613"/>
      <c r="JST671" s="613"/>
      <c r="JSU671" s="613"/>
      <c r="JSV671" s="613"/>
      <c r="JSW671" s="613"/>
      <c r="JSX671" s="613"/>
      <c r="JSY671" s="613"/>
      <c r="JSZ671" s="613"/>
      <c r="JTA671" s="613"/>
      <c r="JTB671" s="613"/>
      <c r="JTC671" s="613"/>
      <c r="JTD671" s="613"/>
      <c r="JTE671" s="613"/>
      <c r="JTF671" s="613"/>
      <c r="JTG671" s="613"/>
      <c r="JTH671" s="613"/>
      <c r="JTI671" s="613"/>
      <c r="JTJ671" s="613"/>
      <c r="JTK671" s="613"/>
      <c r="JTL671" s="613"/>
      <c r="JTM671" s="613"/>
      <c r="JTN671" s="613"/>
      <c r="JTO671" s="613"/>
      <c r="JTP671" s="613"/>
      <c r="JTQ671" s="613"/>
      <c r="JTR671" s="613"/>
      <c r="JTS671" s="613"/>
      <c r="JTT671" s="613"/>
      <c r="JTU671" s="613"/>
      <c r="JTV671" s="613"/>
      <c r="JTW671" s="613"/>
      <c r="JTX671" s="613"/>
      <c r="JTY671" s="613"/>
      <c r="JTZ671" s="613"/>
      <c r="JUA671" s="613"/>
      <c r="JUB671" s="613"/>
      <c r="JUC671" s="613"/>
      <c r="JUD671" s="613"/>
      <c r="JUE671" s="613"/>
      <c r="JUF671" s="613"/>
      <c r="JUG671" s="613"/>
      <c r="JUH671" s="613"/>
      <c r="JUI671" s="613"/>
      <c r="JUJ671" s="613"/>
      <c r="JUK671" s="613"/>
      <c r="JUL671" s="613"/>
      <c r="JUM671" s="613"/>
      <c r="JUN671" s="613"/>
      <c r="JUO671" s="613"/>
      <c r="JUP671" s="613"/>
      <c r="JUQ671" s="613"/>
      <c r="JUR671" s="613"/>
      <c r="JUS671" s="613"/>
      <c r="JUT671" s="613"/>
      <c r="JUU671" s="613"/>
      <c r="JUV671" s="613"/>
      <c r="JUW671" s="613"/>
      <c r="JUX671" s="613"/>
      <c r="JUY671" s="613"/>
      <c r="JUZ671" s="613"/>
      <c r="JVA671" s="613"/>
      <c r="JVB671" s="613"/>
      <c r="JVC671" s="613"/>
      <c r="JVD671" s="613"/>
      <c r="JVE671" s="613"/>
      <c r="JVF671" s="613"/>
      <c r="JVG671" s="613"/>
      <c r="JVH671" s="613"/>
      <c r="JVI671" s="613"/>
      <c r="JVJ671" s="613"/>
      <c r="JVK671" s="613"/>
      <c r="JVL671" s="613"/>
      <c r="JVM671" s="613"/>
      <c r="JVN671" s="613"/>
      <c r="JVO671" s="613"/>
      <c r="JVP671" s="613"/>
      <c r="JVQ671" s="613"/>
      <c r="JVR671" s="613"/>
      <c r="JVS671" s="613"/>
      <c r="JVT671" s="613"/>
      <c r="JVU671" s="613"/>
      <c r="JVV671" s="613"/>
      <c r="JVW671" s="613"/>
      <c r="JVX671" s="613"/>
      <c r="JVY671" s="613"/>
      <c r="JVZ671" s="613"/>
      <c r="JWA671" s="613"/>
      <c r="JWB671" s="613"/>
      <c r="JWC671" s="613"/>
      <c r="JWD671" s="613"/>
      <c r="JWE671" s="613"/>
      <c r="JWF671" s="613"/>
      <c r="JWG671" s="613"/>
      <c r="JWH671" s="613"/>
      <c r="JWI671" s="613"/>
      <c r="JWJ671" s="613"/>
      <c r="JWK671" s="613"/>
      <c r="JWL671" s="613"/>
      <c r="JWM671" s="613"/>
      <c r="JWN671" s="613"/>
      <c r="JWO671" s="613"/>
      <c r="JWP671" s="613"/>
      <c r="JWQ671" s="613"/>
      <c r="JWR671" s="613"/>
      <c r="JWS671" s="613"/>
      <c r="JWT671" s="613"/>
      <c r="JWU671" s="613"/>
      <c r="JWV671" s="613"/>
      <c r="JWW671" s="613"/>
      <c r="JWX671" s="613"/>
      <c r="JWY671" s="613"/>
      <c r="JWZ671" s="613"/>
      <c r="JXA671" s="613"/>
      <c r="JXB671" s="613"/>
      <c r="JXC671" s="613"/>
      <c r="JXD671" s="613"/>
      <c r="JXE671" s="613"/>
      <c r="JXF671" s="613"/>
      <c r="JXG671" s="613"/>
      <c r="JXH671" s="613"/>
      <c r="JXI671" s="613"/>
      <c r="JXJ671" s="613"/>
      <c r="JXK671" s="613"/>
      <c r="JXL671" s="613"/>
      <c r="JXM671" s="613"/>
      <c r="JXN671" s="613"/>
      <c r="JXO671" s="613"/>
      <c r="JXP671" s="613"/>
      <c r="JXQ671" s="613"/>
      <c r="JXR671" s="613"/>
      <c r="JXS671" s="613"/>
      <c r="JXT671" s="613"/>
      <c r="JXU671" s="613"/>
      <c r="JXV671" s="613"/>
      <c r="JXW671" s="613"/>
      <c r="JXX671" s="613"/>
      <c r="JXY671" s="613"/>
      <c r="JXZ671" s="613"/>
      <c r="JYA671" s="613"/>
      <c r="JYB671" s="613"/>
      <c r="JYC671" s="613"/>
      <c r="JYD671" s="613"/>
      <c r="JYE671" s="613"/>
      <c r="JYF671" s="613"/>
      <c r="JYG671" s="613"/>
      <c r="JYH671" s="613"/>
      <c r="JYI671" s="613"/>
      <c r="JYJ671" s="613"/>
      <c r="JYK671" s="613"/>
      <c r="JYL671" s="613"/>
      <c r="JYM671" s="613"/>
      <c r="JYN671" s="613"/>
      <c r="JYO671" s="613"/>
      <c r="JYP671" s="613"/>
      <c r="JYQ671" s="613"/>
      <c r="JYR671" s="613"/>
      <c r="JYS671" s="613"/>
      <c r="JYT671" s="613"/>
      <c r="JYU671" s="613"/>
      <c r="JYV671" s="613"/>
      <c r="JYW671" s="613"/>
      <c r="JYX671" s="613"/>
      <c r="JYY671" s="613"/>
      <c r="JYZ671" s="613"/>
      <c r="JZA671" s="613"/>
      <c r="JZB671" s="613"/>
      <c r="JZC671" s="613"/>
      <c r="JZD671" s="613"/>
      <c r="JZE671" s="613"/>
      <c r="JZF671" s="613"/>
      <c r="JZG671" s="613"/>
      <c r="JZH671" s="613"/>
      <c r="JZI671" s="613"/>
      <c r="JZJ671" s="613"/>
      <c r="JZK671" s="613"/>
      <c r="JZL671" s="613"/>
      <c r="JZM671" s="613"/>
      <c r="JZN671" s="613"/>
      <c r="JZO671" s="613"/>
      <c r="JZP671" s="613"/>
      <c r="JZQ671" s="613"/>
      <c r="JZR671" s="613"/>
      <c r="JZS671" s="613"/>
      <c r="JZT671" s="613"/>
      <c r="JZU671" s="613"/>
      <c r="JZV671" s="613"/>
      <c r="JZW671" s="613"/>
      <c r="JZX671" s="613"/>
      <c r="JZY671" s="613"/>
      <c r="JZZ671" s="613"/>
      <c r="KAA671" s="613"/>
      <c r="KAB671" s="613"/>
      <c r="KAC671" s="613"/>
      <c r="KAD671" s="613"/>
      <c r="KAE671" s="613"/>
      <c r="KAF671" s="613"/>
      <c r="KAG671" s="613"/>
      <c r="KAH671" s="613"/>
      <c r="KAI671" s="613"/>
      <c r="KAJ671" s="613"/>
      <c r="KAK671" s="613"/>
      <c r="KAL671" s="613"/>
      <c r="KAM671" s="613"/>
      <c r="KAN671" s="613"/>
      <c r="KAO671" s="613"/>
      <c r="KAP671" s="613"/>
      <c r="KAQ671" s="613"/>
      <c r="KAR671" s="613"/>
      <c r="KAS671" s="613"/>
      <c r="KAT671" s="613"/>
      <c r="KAU671" s="613"/>
      <c r="KAV671" s="613"/>
      <c r="KAW671" s="613"/>
      <c r="KAX671" s="613"/>
      <c r="KAY671" s="613"/>
      <c r="KAZ671" s="613"/>
      <c r="KBA671" s="613"/>
      <c r="KBB671" s="613"/>
      <c r="KBC671" s="613"/>
      <c r="KBD671" s="613"/>
      <c r="KBE671" s="613"/>
      <c r="KBF671" s="613"/>
      <c r="KBG671" s="613"/>
      <c r="KBH671" s="613"/>
      <c r="KBI671" s="613"/>
      <c r="KBJ671" s="613"/>
      <c r="KBK671" s="613"/>
      <c r="KBL671" s="613"/>
      <c r="KBM671" s="613"/>
      <c r="KBN671" s="613"/>
      <c r="KBO671" s="613"/>
      <c r="KBP671" s="613"/>
      <c r="KBQ671" s="613"/>
      <c r="KBR671" s="613"/>
      <c r="KBS671" s="613"/>
      <c r="KBT671" s="613"/>
      <c r="KBU671" s="613"/>
      <c r="KBV671" s="613"/>
      <c r="KBW671" s="613"/>
      <c r="KBX671" s="613"/>
      <c r="KBY671" s="613"/>
      <c r="KBZ671" s="613"/>
      <c r="KCA671" s="613"/>
      <c r="KCB671" s="613"/>
      <c r="KCC671" s="613"/>
      <c r="KCD671" s="613"/>
      <c r="KCE671" s="613"/>
      <c r="KCF671" s="613"/>
      <c r="KCG671" s="613"/>
      <c r="KCH671" s="613"/>
      <c r="KCI671" s="613"/>
      <c r="KCJ671" s="613"/>
      <c r="KCK671" s="613"/>
      <c r="KCL671" s="613"/>
      <c r="KCM671" s="613"/>
      <c r="KCN671" s="613"/>
      <c r="KCO671" s="613"/>
      <c r="KCP671" s="613"/>
      <c r="KCQ671" s="613"/>
      <c r="KCR671" s="613"/>
      <c r="KCS671" s="613"/>
      <c r="KCT671" s="613"/>
      <c r="KCU671" s="613"/>
      <c r="KCV671" s="613"/>
      <c r="KCW671" s="613"/>
      <c r="KCX671" s="613"/>
      <c r="KCY671" s="613"/>
      <c r="KCZ671" s="613"/>
      <c r="KDA671" s="613"/>
      <c r="KDB671" s="613"/>
      <c r="KDC671" s="613"/>
      <c r="KDD671" s="613"/>
      <c r="KDE671" s="613"/>
      <c r="KDF671" s="613"/>
      <c r="KDG671" s="613"/>
      <c r="KDH671" s="613"/>
      <c r="KDI671" s="613"/>
      <c r="KDJ671" s="613"/>
      <c r="KDK671" s="613"/>
      <c r="KDL671" s="613"/>
      <c r="KDM671" s="613"/>
      <c r="KDN671" s="613"/>
      <c r="KDO671" s="613"/>
      <c r="KDP671" s="613"/>
      <c r="KDQ671" s="613"/>
      <c r="KDR671" s="613"/>
      <c r="KDS671" s="613"/>
      <c r="KDT671" s="613"/>
      <c r="KDU671" s="613"/>
      <c r="KDV671" s="613"/>
      <c r="KDW671" s="613"/>
      <c r="KDX671" s="613"/>
      <c r="KDY671" s="613"/>
      <c r="KDZ671" s="613"/>
      <c r="KEA671" s="613"/>
      <c r="KEB671" s="613"/>
      <c r="KEC671" s="613"/>
      <c r="KED671" s="613"/>
      <c r="KEE671" s="613"/>
      <c r="KEF671" s="613"/>
      <c r="KEG671" s="613"/>
      <c r="KEH671" s="613"/>
      <c r="KEI671" s="613"/>
      <c r="KEJ671" s="613"/>
      <c r="KEK671" s="613"/>
      <c r="KEL671" s="613"/>
      <c r="KEM671" s="613"/>
      <c r="KEN671" s="613"/>
      <c r="KEO671" s="613"/>
      <c r="KEP671" s="613"/>
      <c r="KEQ671" s="613"/>
      <c r="KER671" s="613"/>
      <c r="KES671" s="613"/>
      <c r="KET671" s="613"/>
      <c r="KEU671" s="613"/>
      <c r="KEV671" s="613"/>
      <c r="KEW671" s="613"/>
      <c r="KEX671" s="613"/>
      <c r="KEY671" s="613"/>
      <c r="KEZ671" s="613"/>
      <c r="KFA671" s="613"/>
      <c r="KFB671" s="613"/>
      <c r="KFC671" s="613"/>
      <c r="KFD671" s="613"/>
      <c r="KFE671" s="613"/>
      <c r="KFF671" s="613"/>
      <c r="KFG671" s="613"/>
      <c r="KFH671" s="613"/>
      <c r="KFI671" s="613"/>
      <c r="KFJ671" s="613"/>
      <c r="KFK671" s="613"/>
      <c r="KFL671" s="613"/>
      <c r="KFM671" s="613"/>
      <c r="KFN671" s="613"/>
      <c r="KFO671" s="613"/>
      <c r="KFP671" s="613"/>
      <c r="KFQ671" s="613"/>
      <c r="KFR671" s="613"/>
      <c r="KFS671" s="613"/>
      <c r="KFT671" s="613"/>
      <c r="KFU671" s="613"/>
      <c r="KFV671" s="613"/>
      <c r="KFW671" s="613"/>
      <c r="KFX671" s="613"/>
      <c r="KFY671" s="613"/>
      <c r="KFZ671" s="613"/>
      <c r="KGA671" s="613"/>
      <c r="KGB671" s="613"/>
      <c r="KGC671" s="613"/>
      <c r="KGD671" s="613"/>
      <c r="KGE671" s="613"/>
      <c r="KGF671" s="613"/>
      <c r="KGG671" s="613"/>
      <c r="KGH671" s="613"/>
      <c r="KGI671" s="613"/>
      <c r="KGJ671" s="613"/>
      <c r="KGK671" s="613"/>
      <c r="KGL671" s="613"/>
      <c r="KGM671" s="613"/>
      <c r="KGN671" s="613"/>
      <c r="KGO671" s="613"/>
      <c r="KGP671" s="613"/>
      <c r="KGQ671" s="613"/>
      <c r="KGR671" s="613"/>
      <c r="KGS671" s="613"/>
      <c r="KGT671" s="613"/>
      <c r="KGU671" s="613"/>
      <c r="KGV671" s="613"/>
      <c r="KGW671" s="613"/>
      <c r="KGX671" s="613"/>
      <c r="KGY671" s="613"/>
      <c r="KGZ671" s="613"/>
      <c r="KHA671" s="613"/>
      <c r="KHB671" s="613"/>
      <c r="KHC671" s="613"/>
      <c r="KHD671" s="613"/>
      <c r="KHE671" s="613"/>
      <c r="KHF671" s="613"/>
      <c r="KHG671" s="613"/>
      <c r="KHH671" s="613"/>
      <c r="KHI671" s="613"/>
      <c r="KHJ671" s="613"/>
      <c r="KHK671" s="613"/>
      <c r="KHL671" s="613"/>
      <c r="KHM671" s="613"/>
      <c r="KHN671" s="613"/>
      <c r="KHO671" s="613"/>
      <c r="KHP671" s="613"/>
      <c r="KHQ671" s="613"/>
      <c r="KHR671" s="613"/>
      <c r="KHS671" s="613"/>
      <c r="KHT671" s="613"/>
      <c r="KHU671" s="613"/>
      <c r="KHV671" s="613"/>
      <c r="KHW671" s="613"/>
      <c r="KHX671" s="613"/>
      <c r="KHY671" s="613"/>
      <c r="KHZ671" s="613"/>
      <c r="KIA671" s="613"/>
      <c r="KIB671" s="613"/>
      <c r="KIC671" s="613"/>
      <c r="KID671" s="613"/>
      <c r="KIE671" s="613"/>
      <c r="KIF671" s="613"/>
      <c r="KIG671" s="613"/>
      <c r="KIH671" s="613"/>
      <c r="KII671" s="613"/>
      <c r="KIJ671" s="613"/>
      <c r="KIK671" s="613"/>
      <c r="KIL671" s="613"/>
      <c r="KIM671" s="613"/>
      <c r="KIN671" s="613"/>
      <c r="KIO671" s="613"/>
      <c r="KIP671" s="613"/>
      <c r="KIQ671" s="613"/>
      <c r="KIR671" s="613"/>
      <c r="KIS671" s="613"/>
      <c r="KIT671" s="613"/>
      <c r="KIU671" s="613"/>
      <c r="KIV671" s="613"/>
      <c r="KIW671" s="613"/>
      <c r="KIX671" s="613"/>
      <c r="KIY671" s="613"/>
      <c r="KIZ671" s="613"/>
      <c r="KJA671" s="613"/>
      <c r="KJB671" s="613"/>
      <c r="KJC671" s="613"/>
      <c r="KJD671" s="613"/>
      <c r="KJE671" s="613"/>
      <c r="KJF671" s="613"/>
      <c r="KJG671" s="613"/>
      <c r="KJH671" s="613"/>
      <c r="KJI671" s="613"/>
      <c r="KJJ671" s="613"/>
      <c r="KJK671" s="613"/>
      <c r="KJL671" s="613"/>
      <c r="KJM671" s="613"/>
      <c r="KJN671" s="613"/>
      <c r="KJO671" s="613"/>
      <c r="KJP671" s="613"/>
      <c r="KJQ671" s="613"/>
      <c r="KJR671" s="613"/>
      <c r="KJS671" s="613"/>
      <c r="KJT671" s="613"/>
      <c r="KJU671" s="613"/>
      <c r="KJV671" s="613"/>
      <c r="KJW671" s="613"/>
      <c r="KJX671" s="613"/>
      <c r="KJY671" s="613"/>
      <c r="KJZ671" s="613"/>
      <c r="KKA671" s="613"/>
      <c r="KKB671" s="613"/>
      <c r="KKC671" s="613"/>
      <c r="KKD671" s="613"/>
      <c r="KKE671" s="613"/>
      <c r="KKF671" s="613"/>
      <c r="KKG671" s="613"/>
      <c r="KKH671" s="613"/>
      <c r="KKI671" s="613"/>
      <c r="KKJ671" s="613"/>
      <c r="KKK671" s="613"/>
      <c r="KKL671" s="613"/>
      <c r="KKM671" s="613"/>
      <c r="KKN671" s="613"/>
      <c r="KKO671" s="613"/>
      <c r="KKP671" s="613"/>
      <c r="KKQ671" s="613"/>
      <c r="KKR671" s="613"/>
      <c r="KKS671" s="613"/>
      <c r="KKT671" s="613"/>
      <c r="KKU671" s="613"/>
      <c r="KKV671" s="613"/>
      <c r="KKW671" s="613"/>
      <c r="KKX671" s="613"/>
      <c r="KKY671" s="613"/>
      <c r="KKZ671" s="613"/>
      <c r="KLA671" s="613"/>
      <c r="KLB671" s="613"/>
      <c r="KLC671" s="613"/>
      <c r="KLD671" s="613"/>
      <c r="KLE671" s="613"/>
      <c r="KLF671" s="613"/>
      <c r="KLG671" s="613"/>
      <c r="KLH671" s="613"/>
      <c r="KLI671" s="613"/>
      <c r="KLJ671" s="613"/>
      <c r="KLK671" s="613"/>
      <c r="KLL671" s="613"/>
      <c r="KLM671" s="613"/>
      <c r="KLN671" s="613"/>
      <c r="KLO671" s="613"/>
      <c r="KLP671" s="613"/>
      <c r="KLQ671" s="613"/>
      <c r="KLR671" s="613"/>
      <c r="KLS671" s="613"/>
      <c r="KLT671" s="613"/>
      <c r="KLU671" s="613"/>
      <c r="KLV671" s="613"/>
      <c r="KLW671" s="613"/>
      <c r="KLX671" s="613"/>
      <c r="KLY671" s="613"/>
      <c r="KLZ671" s="613"/>
      <c r="KMA671" s="613"/>
      <c r="KMB671" s="613"/>
      <c r="KMC671" s="613"/>
      <c r="KMD671" s="613"/>
      <c r="KME671" s="613"/>
      <c r="KMF671" s="613"/>
      <c r="KMG671" s="613"/>
      <c r="KMH671" s="613"/>
      <c r="KMI671" s="613"/>
      <c r="KMJ671" s="613"/>
      <c r="KMK671" s="613"/>
      <c r="KML671" s="613"/>
      <c r="KMM671" s="613"/>
      <c r="KMN671" s="613"/>
      <c r="KMO671" s="613"/>
      <c r="KMP671" s="613"/>
      <c r="KMQ671" s="613"/>
      <c r="KMR671" s="613"/>
      <c r="KMS671" s="613"/>
      <c r="KMT671" s="613"/>
      <c r="KMU671" s="613"/>
      <c r="KMV671" s="613"/>
      <c r="KMW671" s="613"/>
      <c r="KMX671" s="613"/>
      <c r="KMY671" s="613"/>
      <c r="KMZ671" s="613"/>
      <c r="KNA671" s="613"/>
      <c r="KNB671" s="613"/>
      <c r="KNC671" s="613"/>
      <c r="KND671" s="613"/>
      <c r="KNE671" s="613"/>
      <c r="KNF671" s="613"/>
      <c r="KNG671" s="613"/>
      <c r="KNH671" s="613"/>
      <c r="KNI671" s="613"/>
      <c r="KNJ671" s="613"/>
      <c r="KNK671" s="613"/>
      <c r="KNL671" s="613"/>
      <c r="KNM671" s="613"/>
      <c r="KNN671" s="613"/>
      <c r="KNO671" s="613"/>
      <c r="KNP671" s="613"/>
      <c r="KNQ671" s="613"/>
      <c r="KNR671" s="613"/>
      <c r="KNS671" s="613"/>
      <c r="KNT671" s="613"/>
      <c r="KNU671" s="613"/>
      <c r="KNV671" s="613"/>
      <c r="KNW671" s="613"/>
      <c r="KNX671" s="613"/>
      <c r="KNY671" s="613"/>
      <c r="KNZ671" s="613"/>
      <c r="KOA671" s="613"/>
      <c r="KOB671" s="613"/>
      <c r="KOC671" s="613"/>
      <c r="KOD671" s="613"/>
      <c r="KOE671" s="613"/>
      <c r="KOF671" s="613"/>
      <c r="KOG671" s="613"/>
      <c r="KOH671" s="613"/>
      <c r="KOI671" s="613"/>
      <c r="KOJ671" s="613"/>
      <c r="KOK671" s="613"/>
      <c r="KOL671" s="613"/>
      <c r="KOM671" s="613"/>
      <c r="KON671" s="613"/>
      <c r="KOO671" s="613"/>
      <c r="KOP671" s="613"/>
      <c r="KOQ671" s="613"/>
      <c r="KOR671" s="613"/>
      <c r="KOS671" s="613"/>
      <c r="KOT671" s="613"/>
      <c r="KOU671" s="613"/>
      <c r="KOV671" s="613"/>
      <c r="KOW671" s="613"/>
      <c r="KOX671" s="613"/>
      <c r="KOY671" s="613"/>
      <c r="KOZ671" s="613"/>
      <c r="KPA671" s="613"/>
      <c r="KPB671" s="613"/>
      <c r="KPC671" s="613"/>
      <c r="KPD671" s="613"/>
      <c r="KPE671" s="613"/>
      <c r="KPF671" s="613"/>
      <c r="KPG671" s="613"/>
      <c r="KPH671" s="613"/>
      <c r="KPI671" s="613"/>
      <c r="KPJ671" s="613"/>
      <c r="KPK671" s="613"/>
      <c r="KPL671" s="613"/>
      <c r="KPM671" s="613"/>
      <c r="KPN671" s="613"/>
      <c r="KPO671" s="613"/>
      <c r="KPP671" s="613"/>
      <c r="KPQ671" s="613"/>
      <c r="KPR671" s="613"/>
      <c r="KPS671" s="613"/>
      <c r="KPT671" s="613"/>
      <c r="KPU671" s="613"/>
      <c r="KPV671" s="613"/>
      <c r="KPW671" s="613"/>
      <c r="KPX671" s="613"/>
      <c r="KPY671" s="613"/>
      <c r="KPZ671" s="613"/>
      <c r="KQA671" s="613"/>
      <c r="KQB671" s="613"/>
      <c r="KQC671" s="613"/>
      <c r="KQD671" s="613"/>
      <c r="KQE671" s="613"/>
      <c r="KQF671" s="613"/>
      <c r="KQG671" s="613"/>
      <c r="KQH671" s="613"/>
      <c r="KQI671" s="613"/>
      <c r="KQJ671" s="613"/>
      <c r="KQK671" s="613"/>
      <c r="KQL671" s="613"/>
      <c r="KQM671" s="613"/>
      <c r="KQN671" s="613"/>
      <c r="KQO671" s="613"/>
      <c r="KQP671" s="613"/>
      <c r="KQQ671" s="613"/>
      <c r="KQR671" s="613"/>
      <c r="KQS671" s="613"/>
      <c r="KQT671" s="613"/>
      <c r="KQU671" s="613"/>
      <c r="KQV671" s="613"/>
      <c r="KQW671" s="613"/>
      <c r="KQX671" s="613"/>
      <c r="KQY671" s="613"/>
      <c r="KQZ671" s="613"/>
      <c r="KRA671" s="613"/>
      <c r="KRB671" s="613"/>
      <c r="KRC671" s="613"/>
      <c r="KRD671" s="613"/>
      <c r="KRE671" s="613"/>
      <c r="KRF671" s="613"/>
      <c r="KRG671" s="613"/>
      <c r="KRH671" s="613"/>
      <c r="KRI671" s="613"/>
      <c r="KRJ671" s="613"/>
      <c r="KRK671" s="613"/>
      <c r="KRL671" s="613"/>
      <c r="KRM671" s="613"/>
      <c r="KRN671" s="613"/>
      <c r="KRO671" s="613"/>
      <c r="KRP671" s="613"/>
      <c r="KRQ671" s="613"/>
      <c r="KRR671" s="613"/>
      <c r="KRS671" s="613"/>
      <c r="KRT671" s="613"/>
      <c r="KRU671" s="613"/>
      <c r="KRV671" s="613"/>
      <c r="KRW671" s="613"/>
      <c r="KRX671" s="613"/>
      <c r="KRY671" s="613"/>
      <c r="KRZ671" s="613"/>
      <c r="KSA671" s="613"/>
      <c r="KSB671" s="613"/>
      <c r="KSC671" s="613"/>
      <c r="KSD671" s="613"/>
      <c r="KSE671" s="613"/>
      <c r="KSF671" s="613"/>
      <c r="KSG671" s="613"/>
      <c r="KSH671" s="613"/>
      <c r="KSI671" s="613"/>
      <c r="KSJ671" s="613"/>
      <c r="KSK671" s="613"/>
      <c r="KSL671" s="613"/>
      <c r="KSM671" s="613"/>
      <c r="KSN671" s="613"/>
      <c r="KSO671" s="613"/>
      <c r="KSP671" s="613"/>
      <c r="KSQ671" s="613"/>
      <c r="KSR671" s="613"/>
      <c r="KSS671" s="613"/>
      <c r="KST671" s="613"/>
      <c r="KSU671" s="613"/>
      <c r="KSV671" s="613"/>
      <c r="KSW671" s="613"/>
      <c r="KSX671" s="613"/>
      <c r="KSY671" s="613"/>
      <c r="KSZ671" s="613"/>
      <c r="KTA671" s="613"/>
      <c r="KTB671" s="613"/>
      <c r="KTC671" s="613"/>
      <c r="KTD671" s="613"/>
      <c r="KTE671" s="613"/>
      <c r="KTF671" s="613"/>
      <c r="KTG671" s="613"/>
      <c r="KTH671" s="613"/>
      <c r="KTI671" s="613"/>
      <c r="KTJ671" s="613"/>
      <c r="KTK671" s="613"/>
      <c r="KTL671" s="613"/>
      <c r="KTM671" s="613"/>
      <c r="KTN671" s="613"/>
      <c r="KTO671" s="613"/>
      <c r="KTP671" s="613"/>
      <c r="KTQ671" s="613"/>
      <c r="KTR671" s="613"/>
      <c r="KTS671" s="613"/>
      <c r="KTT671" s="613"/>
      <c r="KTU671" s="613"/>
      <c r="KTV671" s="613"/>
      <c r="KTW671" s="613"/>
      <c r="KTX671" s="613"/>
      <c r="KTY671" s="613"/>
      <c r="KTZ671" s="613"/>
      <c r="KUA671" s="613"/>
      <c r="KUB671" s="613"/>
      <c r="KUC671" s="613"/>
      <c r="KUD671" s="613"/>
      <c r="KUE671" s="613"/>
      <c r="KUF671" s="613"/>
      <c r="KUG671" s="613"/>
      <c r="KUH671" s="613"/>
      <c r="KUI671" s="613"/>
      <c r="KUJ671" s="613"/>
      <c r="KUK671" s="613"/>
      <c r="KUL671" s="613"/>
      <c r="KUM671" s="613"/>
      <c r="KUN671" s="613"/>
      <c r="KUO671" s="613"/>
      <c r="KUP671" s="613"/>
      <c r="KUQ671" s="613"/>
      <c r="KUR671" s="613"/>
      <c r="KUS671" s="613"/>
      <c r="KUT671" s="613"/>
      <c r="KUU671" s="613"/>
      <c r="KUV671" s="613"/>
      <c r="KUW671" s="613"/>
      <c r="KUX671" s="613"/>
      <c r="KUY671" s="613"/>
      <c r="KUZ671" s="613"/>
      <c r="KVA671" s="613"/>
      <c r="KVB671" s="613"/>
      <c r="KVC671" s="613"/>
      <c r="KVD671" s="613"/>
      <c r="KVE671" s="613"/>
      <c r="KVF671" s="613"/>
      <c r="KVG671" s="613"/>
      <c r="KVH671" s="613"/>
      <c r="KVI671" s="613"/>
      <c r="KVJ671" s="613"/>
      <c r="KVK671" s="613"/>
      <c r="KVL671" s="613"/>
      <c r="KVM671" s="613"/>
      <c r="KVN671" s="613"/>
      <c r="KVO671" s="613"/>
      <c r="KVP671" s="613"/>
      <c r="KVQ671" s="613"/>
      <c r="KVR671" s="613"/>
      <c r="KVS671" s="613"/>
      <c r="KVT671" s="613"/>
      <c r="KVU671" s="613"/>
      <c r="KVV671" s="613"/>
      <c r="KVW671" s="613"/>
      <c r="KVX671" s="613"/>
      <c r="KVY671" s="613"/>
      <c r="KVZ671" s="613"/>
      <c r="KWA671" s="613"/>
      <c r="KWB671" s="613"/>
      <c r="KWC671" s="613"/>
      <c r="KWD671" s="613"/>
      <c r="KWE671" s="613"/>
      <c r="KWF671" s="613"/>
      <c r="KWG671" s="613"/>
      <c r="KWH671" s="613"/>
      <c r="KWI671" s="613"/>
      <c r="KWJ671" s="613"/>
      <c r="KWK671" s="613"/>
      <c r="KWL671" s="613"/>
      <c r="KWM671" s="613"/>
      <c r="KWN671" s="613"/>
      <c r="KWO671" s="613"/>
      <c r="KWP671" s="613"/>
      <c r="KWQ671" s="613"/>
      <c r="KWR671" s="613"/>
      <c r="KWS671" s="613"/>
      <c r="KWT671" s="613"/>
      <c r="KWU671" s="613"/>
      <c r="KWV671" s="613"/>
      <c r="KWW671" s="613"/>
      <c r="KWX671" s="613"/>
      <c r="KWY671" s="613"/>
      <c r="KWZ671" s="613"/>
      <c r="KXA671" s="613"/>
      <c r="KXB671" s="613"/>
      <c r="KXC671" s="613"/>
      <c r="KXD671" s="613"/>
      <c r="KXE671" s="613"/>
      <c r="KXF671" s="613"/>
      <c r="KXG671" s="613"/>
      <c r="KXH671" s="613"/>
      <c r="KXI671" s="613"/>
      <c r="KXJ671" s="613"/>
      <c r="KXK671" s="613"/>
      <c r="KXL671" s="613"/>
      <c r="KXM671" s="613"/>
      <c r="KXN671" s="613"/>
      <c r="KXO671" s="613"/>
      <c r="KXP671" s="613"/>
      <c r="KXQ671" s="613"/>
      <c r="KXR671" s="613"/>
      <c r="KXS671" s="613"/>
      <c r="KXT671" s="613"/>
      <c r="KXU671" s="613"/>
      <c r="KXV671" s="613"/>
      <c r="KXW671" s="613"/>
      <c r="KXX671" s="613"/>
      <c r="KXY671" s="613"/>
      <c r="KXZ671" s="613"/>
      <c r="KYA671" s="613"/>
      <c r="KYB671" s="613"/>
      <c r="KYC671" s="613"/>
      <c r="KYD671" s="613"/>
      <c r="KYE671" s="613"/>
      <c r="KYF671" s="613"/>
      <c r="KYG671" s="613"/>
      <c r="KYH671" s="613"/>
      <c r="KYI671" s="613"/>
      <c r="KYJ671" s="613"/>
      <c r="KYK671" s="613"/>
      <c r="KYL671" s="613"/>
      <c r="KYM671" s="613"/>
      <c r="KYN671" s="613"/>
      <c r="KYO671" s="613"/>
      <c r="KYP671" s="613"/>
      <c r="KYQ671" s="613"/>
      <c r="KYR671" s="613"/>
      <c r="KYS671" s="613"/>
      <c r="KYT671" s="613"/>
      <c r="KYU671" s="613"/>
      <c r="KYV671" s="613"/>
      <c r="KYW671" s="613"/>
      <c r="KYX671" s="613"/>
      <c r="KYY671" s="613"/>
      <c r="KYZ671" s="613"/>
      <c r="KZA671" s="613"/>
      <c r="KZB671" s="613"/>
      <c r="KZC671" s="613"/>
      <c r="KZD671" s="613"/>
      <c r="KZE671" s="613"/>
      <c r="KZF671" s="613"/>
      <c r="KZG671" s="613"/>
      <c r="KZH671" s="613"/>
      <c r="KZI671" s="613"/>
      <c r="KZJ671" s="613"/>
      <c r="KZK671" s="613"/>
      <c r="KZL671" s="613"/>
      <c r="KZM671" s="613"/>
      <c r="KZN671" s="613"/>
      <c r="KZO671" s="613"/>
      <c r="KZP671" s="613"/>
      <c r="KZQ671" s="613"/>
      <c r="KZR671" s="613"/>
      <c r="KZS671" s="613"/>
      <c r="KZT671" s="613"/>
      <c r="KZU671" s="613"/>
      <c r="KZV671" s="613"/>
      <c r="KZW671" s="613"/>
      <c r="KZX671" s="613"/>
      <c r="KZY671" s="613"/>
      <c r="KZZ671" s="613"/>
      <c r="LAA671" s="613"/>
      <c r="LAB671" s="613"/>
      <c r="LAC671" s="613"/>
      <c r="LAD671" s="613"/>
      <c r="LAE671" s="613"/>
      <c r="LAF671" s="613"/>
      <c r="LAG671" s="613"/>
      <c r="LAH671" s="613"/>
      <c r="LAI671" s="613"/>
      <c r="LAJ671" s="613"/>
      <c r="LAK671" s="613"/>
      <c r="LAL671" s="613"/>
      <c r="LAM671" s="613"/>
      <c r="LAN671" s="613"/>
      <c r="LAO671" s="613"/>
      <c r="LAP671" s="613"/>
      <c r="LAQ671" s="613"/>
      <c r="LAR671" s="613"/>
      <c r="LAS671" s="613"/>
      <c r="LAT671" s="613"/>
      <c r="LAU671" s="613"/>
      <c r="LAV671" s="613"/>
      <c r="LAW671" s="613"/>
      <c r="LAX671" s="613"/>
      <c r="LAY671" s="613"/>
      <c r="LAZ671" s="613"/>
      <c r="LBA671" s="613"/>
      <c r="LBB671" s="613"/>
      <c r="LBC671" s="613"/>
      <c r="LBD671" s="613"/>
      <c r="LBE671" s="613"/>
      <c r="LBF671" s="613"/>
      <c r="LBG671" s="613"/>
      <c r="LBH671" s="613"/>
      <c r="LBI671" s="613"/>
      <c r="LBJ671" s="613"/>
      <c r="LBK671" s="613"/>
      <c r="LBL671" s="613"/>
      <c r="LBM671" s="613"/>
      <c r="LBN671" s="613"/>
      <c r="LBO671" s="613"/>
      <c r="LBP671" s="613"/>
      <c r="LBQ671" s="613"/>
      <c r="LBR671" s="613"/>
      <c r="LBS671" s="613"/>
      <c r="LBT671" s="613"/>
      <c r="LBU671" s="613"/>
      <c r="LBV671" s="613"/>
      <c r="LBW671" s="613"/>
      <c r="LBX671" s="613"/>
      <c r="LBY671" s="613"/>
      <c r="LBZ671" s="613"/>
      <c r="LCA671" s="613"/>
      <c r="LCB671" s="613"/>
      <c r="LCC671" s="613"/>
      <c r="LCD671" s="613"/>
      <c r="LCE671" s="613"/>
      <c r="LCF671" s="613"/>
      <c r="LCG671" s="613"/>
      <c r="LCH671" s="613"/>
      <c r="LCI671" s="613"/>
      <c r="LCJ671" s="613"/>
      <c r="LCK671" s="613"/>
      <c r="LCL671" s="613"/>
      <c r="LCM671" s="613"/>
      <c r="LCN671" s="613"/>
      <c r="LCO671" s="613"/>
      <c r="LCP671" s="613"/>
      <c r="LCQ671" s="613"/>
      <c r="LCR671" s="613"/>
      <c r="LCS671" s="613"/>
      <c r="LCT671" s="613"/>
      <c r="LCU671" s="613"/>
      <c r="LCV671" s="613"/>
      <c r="LCW671" s="613"/>
      <c r="LCX671" s="613"/>
      <c r="LCY671" s="613"/>
      <c r="LCZ671" s="613"/>
      <c r="LDA671" s="613"/>
      <c r="LDB671" s="613"/>
      <c r="LDC671" s="613"/>
      <c r="LDD671" s="613"/>
      <c r="LDE671" s="613"/>
      <c r="LDF671" s="613"/>
      <c r="LDG671" s="613"/>
      <c r="LDH671" s="613"/>
      <c r="LDI671" s="613"/>
      <c r="LDJ671" s="613"/>
      <c r="LDK671" s="613"/>
      <c r="LDL671" s="613"/>
      <c r="LDM671" s="613"/>
      <c r="LDN671" s="613"/>
      <c r="LDO671" s="613"/>
      <c r="LDP671" s="613"/>
      <c r="LDQ671" s="613"/>
      <c r="LDR671" s="613"/>
      <c r="LDS671" s="613"/>
      <c r="LDT671" s="613"/>
      <c r="LDU671" s="613"/>
      <c r="LDV671" s="613"/>
      <c r="LDW671" s="613"/>
      <c r="LDX671" s="613"/>
      <c r="LDY671" s="613"/>
      <c r="LDZ671" s="613"/>
      <c r="LEA671" s="613"/>
      <c r="LEB671" s="613"/>
      <c r="LEC671" s="613"/>
      <c r="LED671" s="613"/>
      <c r="LEE671" s="613"/>
      <c r="LEF671" s="613"/>
      <c r="LEG671" s="613"/>
      <c r="LEH671" s="613"/>
      <c r="LEI671" s="613"/>
      <c r="LEJ671" s="613"/>
      <c r="LEK671" s="613"/>
      <c r="LEL671" s="613"/>
      <c r="LEM671" s="613"/>
      <c r="LEN671" s="613"/>
      <c r="LEO671" s="613"/>
      <c r="LEP671" s="613"/>
      <c r="LEQ671" s="613"/>
      <c r="LER671" s="613"/>
      <c r="LES671" s="613"/>
      <c r="LET671" s="613"/>
      <c r="LEU671" s="613"/>
      <c r="LEV671" s="613"/>
      <c r="LEW671" s="613"/>
      <c r="LEX671" s="613"/>
      <c r="LEY671" s="613"/>
      <c r="LEZ671" s="613"/>
      <c r="LFA671" s="613"/>
      <c r="LFB671" s="613"/>
      <c r="LFC671" s="613"/>
      <c r="LFD671" s="613"/>
      <c r="LFE671" s="613"/>
      <c r="LFF671" s="613"/>
      <c r="LFG671" s="613"/>
      <c r="LFH671" s="613"/>
      <c r="LFI671" s="613"/>
      <c r="LFJ671" s="613"/>
      <c r="LFK671" s="613"/>
      <c r="LFL671" s="613"/>
      <c r="LFM671" s="613"/>
      <c r="LFN671" s="613"/>
      <c r="LFO671" s="613"/>
      <c r="LFP671" s="613"/>
      <c r="LFQ671" s="613"/>
      <c r="LFR671" s="613"/>
      <c r="LFS671" s="613"/>
      <c r="LFT671" s="613"/>
      <c r="LFU671" s="613"/>
      <c r="LFV671" s="613"/>
      <c r="LFW671" s="613"/>
      <c r="LFX671" s="613"/>
      <c r="LFY671" s="613"/>
      <c r="LFZ671" s="613"/>
      <c r="LGA671" s="613"/>
      <c r="LGB671" s="613"/>
      <c r="LGC671" s="613"/>
      <c r="LGD671" s="613"/>
      <c r="LGE671" s="613"/>
      <c r="LGF671" s="613"/>
      <c r="LGG671" s="613"/>
      <c r="LGH671" s="613"/>
      <c r="LGI671" s="613"/>
      <c r="LGJ671" s="613"/>
      <c r="LGK671" s="613"/>
      <c r="LGL671" s="613"/>
      <c r="LGM671" s="613"/>
      <c r="LGN671" s="613"/>
      <c r="LGO671" s="613"/>
      <c r="LGP671" s="613"/>
      <c r="LGQ671" s="613"/>
      <c r="LGR671" s="613"/>
      <c r="LGS671" s="613"/>
      <c r="LGT671" s="613"/>
      <c r="LGU671" s="613"/>
      <c r="LGV671" s="613"/>
      <c r="LGW671" s="613"/>
      <c r="LGX671" s="613"/>
      <c r="LGY671" s="613"/>
      <c r="LGZ671" s="613"/>
      <c r="LHA671" s="613"/>
      <c r="LHB671" s="613"/>
      <c r="LHC671" s="613"/>
      <c r="LHD671" s="613"/>
      <c r="LHE671" s="613"/>
      <c r="LHF671" s="613"/>
      <c r="LHG671" s="613"/>
      <c r="LHH671" s="613"/>
      <c r="LHI671" s="613"/>
      <c r="LHJ671" s="613"/>
      <c r="LHK671" s="613"/>
      <c r="LHL671" s="613"/>
      <c r="LHM671" s="613"/>
      <c r="LHN671" s="613"/>
      <c r="LHO671" s="613"/>
      <c r="LHP671" s="613"/>
      <c r="LHQ671" s="613"/>
      <c r="LHR671" s="613"/>
      <c r="LHS671" s="613"/>
      <c r="LHT671" s="613"/>
      <c r="LHU671" s="613"/>
      <c r="LHV671" s="613"/>
      <c r="LHW671" s="613"/>
      <c r="LHX671" s="613"/>
      <c r="LHY671" s="613"/>
      <c r="LHZ671" s="613"/>
      <c r="LIA671" s="613"/>
      <c r="LIB671" s="613"/>
      <c r="LIC671" s="613"/>
      <c r="LID671" s="613"/>
      <c r="LIE671" s="613"/>
      <c r="LIF671" s="613"/>
      <c r="LIG671" s="613"/>
      <c r="LIH671" s="613"/>
      <c r="LII671" s="613"/>
      <c r="LIJ671" s="613"/>
      <c r="LIK671" s="613"/>
      <c r="LIL671" s="613"/>
      <c r="LIM671" s="613"/>
      <c r="LIN671" s="613"/>
      <c r="LIO671" s="613"/>
      <c r="LIP671" s="613"/>
      <c r="LIQ671" s="613"/>
      <c r="LIR671" s="613"/>
      <c r="LIS671" s="613"/>
      <c r="LIT671" s="613"/>
      <c r="LIU671" s="613"/>
      <c r="LIV671" s="613"/>
      <c r="LIW671" s="613"/>
      <c r="LIX671" s="613"/>
      <c r="LIY671" s="613"/>
      <c r="LIZ671" s="613"/>
      <c r="LJA671" s="613"/>
      <c r="LJB671" s="613"/>
      <c r="LJC671" s="613"/>
      <c r="LJD671" s="613"/>
      <c r="LJE671" s="613"/>
      <c r="LJF671" s="613"/>
      <c r="LJG671" s="613"/>
      <c r="LJH671" s="613"/>
      <c r="LJI671" s="613"/>
      <c r="LJJ671" s="613"/>
      <c r="LJK671" s="613"/>
      <c r="LJL671" s="613"/>
      <c r="LJM671" s="613"/>
      <c r="LJN671" s="613"/>
      <c r="LJO671" s="613"/>
      <c r="LJP671" s="613"/>
      <c r="LJQ671" s="613"/>
      <c r="LJR671" s="613"/>
      <c r="LJS671" s="613"/>
      <c r="LJT671" s="613"/>
      <c r="LJU671" s="613"/>
      <c r="LJV671" s="613"/>
      <c r="LJW671" s="613"/>
      <c r="LJX671" s="613"/>
      <c r="LJY671" s="613"/>
      <c r="LJZ671" s="613"/>
      <c r="LKA671" s="613"/>
      <c r="LKB671" s="613"/>
      <c r="LKC671" s="613"/>
      <c r="LKD671" s="613"/>
      <c r="LKE671" s="613"/>
      <c r="LKF671" s="613"/>
      <c r="LKG671" s="613"/>
      <c r="LKH671" s="613"/>
      <c r="LKI671" s="613"/>
      <c r="LKJ671" s="613"/>
      <c r="LKK671" s="613"/>
      <c r="LKL671" s="613"/>
      <c r="LKM671" s="613"/>
      <c r="LKN671" s="613"/>
      <c r="LKO671" s="613"/>
      <c r="LKP671" s="613"/>
      <c r="LKQ671" s="613"/>
      <c r="LKR671" s="613"/>
      <c r="LKS671" s="613"/>
      <c r="LKT671" s="613"/>
      <c r="LKU671" s="613"/>
      <c r="LKV671" s="613"/>
      <c r="LKW671" s="613"/>
      <c r="LKX671" s="613"/>
      <c r="LKY671" s="613"/>
      <c r="LKZ671" s="613"/>
      <c r="LLA671" s="613"/>
      <c r="LLB671" s="613"/>
      <c r="LLC671" s="613"/>
      <c r="LLD671" s="613"/>
      <c r="LLE671" s="613"/>
      <c r="LLF671" s="613"/>
      <c r="LLG671" s="613"/>
      <c r="LLH671" s="613"/>
      <c r="LLI671" s="613"/>
      <c r="LLJ671" s="613"/>
      <c r="LLK671" s="613"/>
      <c r="LLL671" s="613"/>
      <c r="LLM671" s="613"/>
      <c r="LLN671" s="613"/>
      <c r="LLO671" s="613"/>
      <c r="LLP671" s="613"/>
      <c r="LLQ671" s="613"/>
      <c r="LLR671" s="613"/>
      <c r="LLS671" s="613"/>
      <c r="LLT671" s="613"/>
      <c r="LLU671" s="613"/>
      <c r="LLV671" s="613"/>
      <c r="LLW671" s="613"/>
      <c r="LLX671" s="613"/>
      <c r="LLY671" s="613"/>
      <c r="LLZ671" s="613"/>
      <c r="LMA671" s="613"/>
      <c r="LMB671" s="613"/>
      <c r="LMC671" s="613"/>
      <c r="LMD671" s="613"/>
      <c r="LME671" s="613"/>
      <c r="LMF671" s="613"/>
      <c r="LMG671" s="613"/>
      <c r="LMH671" s="613"/>
      <c r="LMI671" s="613"/>
      <c r="LMJ671" s="613"/>
      <c r="LMK671" s="613"/>
      <c r="LML671" s="613"/>
      <c r="LMM671" s="613"/>
      <c r="LMN671" s="613"/>
      <c r="LMO671" s="613"/>
      <c r="LMP671" s="613"/>
      <c r="LMQ671" s="613"/>
      <c r="LMR671" s="613"/>
      <c r="LMS671" s="613"/>
      <c r="LMT671" s="613"/>
      <c r="LMU671" s="613"/>
      <c r="LMV671" s="613"/>
      <c r="LMW671" s="613"/>
      <c r="LMX671" s="613"/>
      <c r="LMY671" s="613"/>
      <c r="LMZ671" s="613"/>
      <c r="LNA671" s="613"/>
      <c r="LNB671" s="613"/>
      <c r="LNC671" s="613"/>
      <c r="LND671" s="613"/>
      <c r="LNE671" s="613"/>
      <c r="LNF671" s="613"/>
      <c r="LNG671" s="613"/>
      <c r="LNH671" s="613"/>
      <c r="LNI671" s="613"/>
      <c r="LNJ671" s="613"/>
      <c r="LNK671" s="613"/>
      <c r="LNL671" s="613"/>
      <c r="LNM671" s="613"/>
      <c r="LNN671" s="613"/>
      <c r="LNO671" s="613"/>
      <c r="LNP671" s="613"/>
      <c r="LNQ671" s="613"/>
      <c r="LNR671" s="613"/>
      <c r="LNS671" s="613"/>
      <c r="LNT671" s="613"/>
      <c r="LNU671" s="613"/>
      <c r="LNV671" s="613"/>
      <c r="LNW671" s="613"/>
      <c r="LNX671" s="613"/>
      <c r="LNY671" s="613"/>
      <c r="LNZ671" s="613"/>
      <c r="LOA671" s="613"/>
      <c r="LOB671" s="613"/>
      <c r="LOC671" s="613"/>
      <c r="LOD671" s="613"/>
      <c r="LOE671" s="613"/>
      <c r="LOF671" s="613"/>
      <c r="LOG671" s="613"/>
      <c r="LOH671" s="613"/>
      <c r="LOI671" s="613"/>
      <c r="LOJ671" s="613"/>
      <c r="LOK671" s="613"/>
      <c r="LOL671" s="613"/>
      <c r="LOM671" s="613"/>
      <c r="LON671" s="613"/>
      <c r="LOO671" s="613"/>
      <c r="LOP671" s="613"/>
      <c r="LOQ671" s="613"/>
      <c r="LOR671" s="613"/>
      <c r="LOS671" s="613"/>
      <c r="LOT671" s="613"/>
      <c r="LOU671" s="613"/>
      <c r="LOV671" s="613"/>
      <c r="LOW671" s="613"/>
      <c r="LOX671" s="613"/>
      <c r="LOY671" s="613"/>
      <c r="LOZ671" s="613"/>
      <c r="LPA671" s="613"/>
      <c r="LPB671" s="613"/>
      <c r="LPC671" s="613"/>
      <c r="LPD671" s="613"/>
      <c r="LPE671" s="613"/>
      <c r="LPF671" s="613"/>
      <c r="LPG671" s="613"/>
      <c r="LPH671" s="613"/>
      <c r="LPI671" s="613"/>
      <c r="LPJ671" s="613"/>
      <c r="LPK671" s="613"/>
      <c r="LPL671" s="613"/>
      <c r="LPM671" s="613"/>
      <c r="LPN671" s="613"/>
      <c r="LPO671" s="613"/>
      <c r="LPP671" s="613"/>
      <c r="LPQ671" s="613"/>
      <c r="LPR671" s="613"/>
      <c r="LPS671" s="613"/>
      <c r="LPT671" s="613"/>
      <c r="LPU671" s="613"/>
      <c r="LPV671" s="613"/>
      <c r="LPW671" s="613"/>
      <c r="LPX671" s="613"/>
      <c r="LPY671" s="613"/>
      <c r="LPZ671" s="613"/>
      <c r="LQA671" s="613"/>
      <c r="LQB671" s="613"/>
      <c r="LQC671" s="613"/>
      <c r="LQD671" s="613"/>
      <c r="LQE671" s="613"/>
      <c r="LQF671" s="613"/>
      <c r="LQG671" s="613"/>
      <c r="LQH671" s="613"/>
      <c r="LQI671" s="613"/>
      <c r="LQJ671" s="613"/>
      <c r="LQK671" s="613"/>
      <c r="LQL671" s="613"/>
      <c r="LQM671" s="613"/>
      <c r="LQN671" s="613"/>
      <c r="LQO671" s="613"/>
      <c r="LQP671" s="613"/>
      <c r="LQQ671" s="613"/>
      <c r="LQR671" s="613"/>
      <c r="LQS671" s="613"/>
      <c r="LQT671" s="613"/>
      <c r="LQU671" s="613"/>
      <c r="LQV671" s="613"/>
      <c r="LQW671" s="613"/>
      <c r="LQX671" s="613"/>
      <c r="LQY671" s="613"/>
      <c r="LQZ671" s="613"/>
      <c r="LRA671" s="613"/>
      <c r="LRB671" s="613"/>
      <c r="LRC671" s="613"/>
      <c r="LRD671" s="613"/>
      <c r="LRE671" s="613"/>
      <c r="LRF671" s="613"/>
      <c r="LRG671" s="613"/>
      <c r="LRH671" s="613"/>
      <c r="LRI671" s="613"/>
      <c r="LRJ671" s="613"/>
      <c r="LRK671" s="613"/>
      <c r="LRL671" s="613"/>
      <c r="LRM671" s="613"/>
      <c r="LRN671" s="613"/>
      <c r="LRO671" s="613"/>
      <c r="LRP671" s="613"/>
      <c r="LRQ671" s="613"/>
      <c r="LRR671" s="613"/>
      <c r="LRS671" s="613"/>
      <c r="LRT671" s="613"/>
      <c r="LRU671" s="613"/>
      <c r="LRV671" s="613"/>
      <c r="LRW671" s="613"/>
      <c r="LRX671" s="613"/>
      <c r="LRY671" s="613"/>
      <c r="LRZ671" s="613"/>
      <c r="LSA671" s="613"/>
      <c r="LSB671" s="613"/>
      <c r="LSC671" s="613"/>
      <c r="LSD671" s="613"/>
      <c r="LSE671" s="613"/>
      <c r="LSF671" s="613"/>
      <c r="LSG671" s="613"/>
      <c r="LSH671" s="613"/>
      <c r="LSI671" s="613"/>
      <c r="LSJ671" s="613"/>
      <c r="LSK671" s="613"/>
      <c r="LSL671" s="613"/>
      <c r="LSM671" s="613"/>
      <c r="LSN671" s="613"/>
      <c r="LSO671" s="613"/>
      <c r="LSP671" s="613"/>
      <c r="LSQ671" s="613"/>
      <c r="LSR671" s="613"/>
      <c r="LSS671" s="613"/>
      <c r="LST671" s="613"/>
      <c r="LSU671" s="613"/>
      <c r="LSV671" s="613"/>
      <c r="LSW671" s="613"/>
      <c r="LSX671" s="613"/>
      <c r="LSY671" s="613"/>
      <c r="LSZ671" s="613"/>
      <c r="LTA671" s="613"/>
      <c r="LTB671" s="613"/>
      <c r="LTC671" s="613"/>
      <c r="LTD671" s="613"/>
      <c r="LTE671" s="613"/>
      <c r="LTF671" s="613"/>
      <c r="LTG671" s="613"/>
      <c r="LTH671" s="613"/>
      <c r="LTI671" s="613"/>
      <c r="LTJ671" s="613"/>
      <c r="LTK671" s="613"/>
      <c r="LTL671" s="613"/>
      <c r="LTM671" s="613"/>
      <c r="LTN671" s="613"/>
      <c r="LTO671" s="613"/>
      <c r="LTP671" s="613"/>
      <c r="LTQ671" s="613"/>
      <c r="LTR671" s="613"/>
      <c r="LTS671" s="613"/>
      <c r="LTT671" s="613"/>
      <c r="LTU671" s="613"/>
      <c r="LTV671" s="613"/>
      <c r="LTW671" s="613"/>
      <c r="LTX671" s="613"/>
      <c r="LTY671" s="613"/>
      <c r="LTZ671" s="613"/>
      <c r="LUA671" s="613"/>
      <c r="LUB671" s="613"/>
      <c r="LUC671" s="613"/>
      <c r="LUD671" s="613"/>
      <c r="LUE671" s="613"/>
      <c r="LUF671" s="613"/>
      <c r="LUG671" s="613"/>
      <c r="LUH671" s="613"/>
      <c r="LUI671" s="613"/>
      <c r="LUJ671" s="613"/>
      <c r="LUK671" s="613"/>
      <c r="LUL671" s="613"/>
      <c r="LUM671" s="613"/>
      <c r="LUN671" s="613"/>
      <c r="LUO671" s="613"/>
      <c r="LUP671" s="613"/>
      <c r="LUQ671" s="613"/>
      <c r="LUR671" s="613"/>
      <c r="LUS671" s="613"/>
      <c r="LUT671" s="613"/>
      <c r="LUU671" s="613"/>
      <c r="LUV671" s="613"/>
      <c r="LUW671" s="613"/>
      <c r="LUX671" s="613"/>
      <c r="LUY671" s="613"/>
      <c r="LUZ671" s="613"/>
      <c r="LVA671" s="613"/>
      <c r="LVB671" s="613"/>
      <c r="LVC671" s="613"/>
      <c r="LVD671" s="613"/>
      <c r="LVE671" s="613"/>
      <c r="LVF671" s="613"/>
      <c r="LVG671" s="613"/>
      <c r="LVH671" s="613"/>
      <c r="LVI671" s="613"/>
      <c r="LVJ671" s="613"/>
      <c r="LVK671" s="613"/>
      <c r="LVL671" s="613"/>
      <c r="LVM671" s="613"/>
      <c r="LVN671" s="613"/>
      <c r="LVO671" s="613"/>
      <c r="LVP671" s="613"/>
      <c r="LVQ671" s="613"/>
      <c r="LVR671" s="613"/>
      <c r="LVS671" s="613"/>
      <c r="LVT671" s="613"/>
      <c r="LVU671" s="613"/>
      <c r="LVV671" s="613"/>
      <c r="LVW671" s="613"/>
      <c r="LVX671" s="613"/>
      <c r="LVY671" s="613"/>
      <c r="LVZ671" s="613"/>
      <c r="LWA671" s="613"/>
      <c r="LWB671" s="613"/>
      <c r="LWC671" s="613"/>
      <c r="LWD671" s="613"/>
      <c r="LWE671" s="613"/>
      <c r="LWF671" s="613"/>
      <c r="LWG671" s="613"/>
      <c r="LWH671" s="613"/>
      <c r="LWI671" s="613"/>
      <c r="LWJ671" s="613"/>
      <c r="LWK671" s="613"/>
      <c r="LWL671" s="613"/>
      <c r="LWM671" s="613"/>
      <c r="LWN671" s="613"/>
      <c r="LWO671" s="613"/>
      <c r="LWP671" s="613"/>
      <c r="LWQ671" s="613"/>
      <c r="LWR671" s="613"/>
      <c r="LWS671" s="613"/>
      <c r="LWT671" s="613"/>
      <c r="LWU671" s="613"/>
      <c r="LWV671" s="613"/>
      <c r="LWW671" s="613"/>
      <c r="LWX671" s="613"/>
      <c r="LWY671" s="613"/>
      <c r="LWZ671" s="613"/>
      <c r="LXA671" s="613"/>
      <c r="LXB671" s="613"/>
      <c r="LXC671" s="613"/>
      <c r="LXD671" s="613"/>
      <c r="LXE671" s="613"/>
      <c r="LXF671" s="613"/>
      <c r="LXG671" s="613"/>
      <c r="LXH671" s="613"/>
      <c r="LXI671" s="613"/>
      <c r="LXJ671" s="613"/>
      <c r="LXK671" s="613"/>
      <c r="LXL671" s="613"/>
      <c r="LXM671" s="613"/>
      <c r="LXN671" s="613"/>
      <c r="LXO671" s="613"/>
      <c r="LXP671" s="613"/>
      <c r="LXQ671" s="613"/>
      <c r="LXR671" s="613"/>
      <c r="LXS671" s="613"/>
      <c r="LXT671" s="613"/>
      <c r="LXU671" s="613"/>
      <c r="LXV671" s="613"/>
      <c r="LXW671" s="613"/>
      <c r="LXX671" s="613"/>
      <c r="LXY671" s="613"/>
      <c r="LXZ671" s="613"/>
      <c r="LYA671" s="613"/>
      <c r="LYB671" s="613"/>
      <c r="LYC671" s="613"/>
      <c r="LYD671" s="613"/>
      <c r="LYE671" s="613"/>
      <c r="LYF671" s="613"/>
      <c r="LYG671" s="613"/>
      <c r="LYH671" s="613"/>
      <c r="LYI671" s="613"/>
      <c r="LYJ671" s="613"/>
      <c r="LYK671" s="613"/>
      <c r="LYL671" s="613"/>
      <c r="LYM671" s="613"/>
      <c r="LYN671" s="613"/>
      <c r="LYO671" s="613"/>
      <c r="LYP671" s="613"/>
      <c r="LYQ671" s="613"/>
      <c r="LYR671" s="613"/>
      <c r="LYS671" s="613"/>
      <c r="LYT671" s="613"/>
      <c r="LYU671" s="613"/>
      <c r="LYV671" s="613"/>
      <c r="LYW671" s="613"/>
      <c r="LYX671" s="613"/>
      <c r="LYY671" s="613"/>
      <c r="LYZ671" s="613"/>
      <c r="LZA671" s="613"/>
      <c r="LZB671" s="613"/>
      <c r="LZC671" s="613"/>
      <c r="LZD671" s="613"/>
      <c r="LZE671" s="613"/>
      <c r="LZF671" s="613"/>
      <c r="LZG671" s="613"/>
      <c r="LZH671" s="613"/>
      <c r="LZI671" s="613"/>
      <c r="LZJ671" s="613"/>
      <c r="LZK671" s="613"/>
      <c r="LZL671" s="613"/>
      <c r="LZM671" s="613"/>
      <c r="LZN671" s="613"/>
      <c r="LZO671" s="613"/>
      <c r="LZP671" s="613"/>
      <c r="LZQ671" s="613"/>
      <c r="LZR671" s="613"/>
      <c r="LZS671" s="613"/>
      <c r="LZT671" s="613"/>
      <c r="LZU671" s="613"/>
      <c r="LZV671" s="613"/>
      <c r="LZW671" s="613"/>
      <c r="LZX671" s="613"/>
      <c r="LZY671" s="613"/>
      <c r="LZZ671" s="613"/>
      <c r="MAA671" s="613"/>
      <c r="MAB671" s="613"/>
      <c r="MAC671" s="613"/>
      <c r="MAD671" s="613"/>
      <c r="MAE671" s="613"/>
      <c r="MAF671" s="613"/>
      <c r="MAG671" s="613"/>
      <c r="MAH671" s="613"/>
      <c r="MAI671" s="613"/>
      <c r="MAJ671" s="613"/>
      <c r="MAK671" s="613"/>
      <c r="MAL671" s="613"/>
      <c r="MAM671" s="613"/>
      <c r="MAN671" s="613"/>
      <c r="MAO671" s="613"/>
      <c r="MAP671" s="613"/>
      <c r="MAQ671" s="613"/>
      <c r="MAR671" s="613"/>
      <c r="MAS671" s="613"/>
      <c r="MAT671" s="613"/>
      <c r="MAU671" s="613"/>
      <c r="MAV671" s="613"/>
      <c r="MAW671" s="613"/>
      <c r="MAX671" s="613"/>
      <c r="MAY671" s="613"/>
      <c r="MAZ671" s="613"/>
      <c r="MBA671" s="613"/>
      <c r="MBB671" s="613"/>
      <c r="MBC671" s="613"/>
      <c r="MBD671" s="613"/>
      <c r="MBE671" s="613"/>
      <c r="MBF671" s="613"/>
      <c r="MBG671" s="613"/>
      <c r="MBH671" s="613"/>
      <c r="MBI671" s="613"/>
      <c r="MBJ671" s="613"/>
      <c r="MBK671" s="613"/>
      <c r="MBL671" s="613"/>
      <c r="MBM671" s="613"/>
      <c r="MBN671" s="613"/>
      <c r="MBO671" s="613"/>
      <c r="MBP671" s="613"/>
      <c r="MBQ671" s="613"/>
      <c r="MBR671" s="613"/>
      <c r="MBS671" s="613"/>
      <c r="MBT671" s="613"/>
      <c r="MBU671" s="613"/>
      <c r="MBV671" s="613"/>
      <c r="MBW671" s="613"/>
      <c r="MBX671" s="613"/>
      <c r="MBY671" s="613"/>
      <c r="MBZ671" s="613"/>
      <c r="MCA671" s="613"/>
      <c r="MCB671" s="613"/>
      <c r="MCC671" s="613"/>
      <c r="MCD671" s="613"/>
      <c r="MCE671" s="613"/>
      <c r="MCF671" s="613"/>
      <c r="MCG671" s="613"/>
      <c r="MCH671" s="613"/>
      <c r="MCI671" s="613"/>
      <c r="MCJ671" s="613"/>
      <c r="MCK671" s="613"/>
      <c r="MCL671" s="613"/>
      <c r="MCM671" s="613"/>
      <c r="MCN671" s="613"/>
      <c r="MCO671" s="613"/>
      <c r="MCP671" s="613"/>
      <c r="MCQ671" s="613"/>
      <c r="MCR671" s="613"/>
      <c r="MCS671" s="613"/>
      <c r="MCT671" s="613"/>
      <c r="MCU671" s="613"/>
      <c r="MCV671" s="613"/>
      <c r="MCW671" s="613"/>
      <c r="MCX671" s="613"/>
      <c r="MCY671" s="613"/>
      <c r="MCZ671" s="613"/>
      <c r="MDA671" s="613"/>
      <c r="MDB671" s="613"/>
      <c r="MDC671" s="613"/>
      <c r="MDD671" s="613"/>
      <c r="MDE671" s="613"/>
      <c r="MDF671" s="613"/>
      <c r="MDG671" s="613"/>
      <c r="MDH671" s="613"/>
      <c r="MDI671" s="613"/>
      <c r="MDJ671" s="613"/>
      <c r="MDK671" s="613"/>
      <c r="MDL671" s="613"/>
      <c r="MDM671" s="613"/>
      <c r="MDN671" s="613"/>
      <c r="MDO671" s="613"/>
      <c r="MDP671" s="613"/>
      <c r="MDQ671" s="613"/>
      <c r="MDR671" s="613"/>
      <c r="MDS671" s="613"/>
      <c r="MDT671" s="613"/>
      <c r="MDU671" s="613"/>
      <c r="MDV671" s="613"/>
      <c r="MDW671" s="613"/>
      <c r="MDX671" s="613"/>
      <c r="MDY671" s="613"/>
      <c r="MDZ671" s="613"/>
      <c r="MEA671" s="613"/>
      <c r="MEB671" s="613"/>
      <c r="MEC671" s="613"/>
      <c r="MED671" s="613"/>
      <c r="MEE671" s="613"/>
      <c r="MEF671" s="613"/>
      <c r="MEG671" s="613"/>
      <c r="MEH671" s="613"/>
      <c r="MEI671" s="613"/>
      <c r="MEJ671" s="613"/>
      <c r="MEK671" s="613"/>
      <c r="MEL671" s="613"/>
      <c r="MEM671" s="613"/>
      <c r="MEN671" s="613"/>
      <c r="MEO671" s="613"/>
      <c r="MEP671" s="613"/>
      <c r="MEQ671" s="613"/>
      <c r="MER671" s="613"/>
      <c r="MES671" s="613"/>
      <c r="MET671" s="613"/>
      <c r="MEU671" s="613"/>
      <c r="MEV671" s="613"/>
      <c r="MEW671" s="613"/>
      <c r="MEX671" s="613"/>
      <c r="MEY671" s="613"/>
      <c r="MEZ671" s="613"/>
      <c r="MFA671" s="613"/>
      <c r="MFB671" s="613"/>
      <c r="MFC671" s="613"/>
      <c r="MFD671" s="613"/>
      <c r="MFE671" s="613"/>
      <c r="MFF671" s="613"/>
      <c r="MFG671" s="613"/>
      <c r="MFH671" s="613"/>
      <c r="MFI671" s="613"/>
      <c r="MFJ671" s="613"/>
      <c r="MFK671" s="613"/>
      <c r="MFL671" s="613"/>
      <c r="MFM671" s="613"/>
      <c r="MFN671" s="613"/>
      <c r="MFO671" s="613"/>
      <c r="MFP671" s="613"/>
      <c r="MFQ671" s="613"/>
      <c r="MFR671" s="613"/>
      <c r="MFS671" s="613"/>
      <c r="MFT671" s="613"/>
      <c r="MFU671" s="613"/>
      <c r="MFV671" s="613"/>
      <c r="MFW671" s="613"/>
      <c r="MFX671" s="613"/>
      <c r="MFY671" s="613"/>
      <c r="MFZ671" s="613"/>
      <c r="MGA671" s="613"/>
      <c r="MGB671" s="613"/>
      <c r="MGC671" s="613"/>
      <c r="MGD671" s="613"/>
      <c r="MGE671" s="613"/>
      <c r="MGF671" s="613"/>
      <c r="MGG671" s="613"/>
      <c r="MGH671" s="613"/>
      <c r="MGI671" s="613"/>
      <c r="MGJ671" s="613"/>
      <c r="MGK671" s="613"/>
      <c r="MGL671" s="613"/>
      <c r="MGM671" s="613"/>
      <c r="MGN671" s="613"/>
      <c r="MGO671" s="613"/>
      <c r="MGP671" s="613"/>
      <c r="MGQ671" s="613"/>
      <c r="MGR671" s="613"/>
      <c r="MGS671" s="613"/>
      <c r="MGT671" s="613"/>
      <c r="MGU671" s="613"/>
      <c r="MGV671" s="613"/>
      <c r="MGW671" s="613"/>
      <c r="MGX671" s="613"/>
      <c r="MGY671" s="613"/>
      <c r="MGZ671" s="613"/>
      <c r="MHA671" s="613"/>
      <c r="MHB671" s="613"/>
      <c r="MHC671" s="613"/>
      <c r="MHD671" s="613"/>
      <c r="MHE671" s="613"/>
      <c r="MHF671" s="613"/>
      <c r="MHG671" s="613"/>
      <c r="MHH671" s="613"/>
      <c r="MHI671" s="613"/>
      <c r="MHJ671" s="613"/>
      <c r="MHK671" s="613"/>
      <c r="MHL671" s="613"/>
      <c r="MHM671" s="613"/>
      <c r="MHN671" s="613"/>
      <c r="MHO671" s="613"/>
      <c r="MHP671" s="613"/>
      <c r="MHQ671" s="613"/>
      <c r="MHR671" s="613"/>
      <c r="MHS671" s="613"/>
      <c r="MHT671" s="613"/>
      <c r="MHU671" s="613"/>
      <c r="MHV671" s="613"/>
      <c r="MHW671" s="613"/>
      <c r="MHX671" s="613"/>
      <c r="MHY671" s="613"/>
      <c r="MHZ671" s="613"/>
      <c r="MIA671" s="613"/>
      <c r="MIB671" s="613"/>
      <c r="MIC671" s="613"/>
      <c r="MID671" s="613"/>
      <c r="MIE671" s="613"/>
      <c r="MIF671" s="613"/>
      <c r="MIG671" s="613"/>
      <c r="MIH671" s="613"/>
      <c r="MII671" s="613"/>
      <c r="MIJ671" s="613"/>
      <c r="MIK671" s="613"/>
      <c r="MIL671" s="613"/>
      <c r="MIM671" s="613"/>
      <c r="MIN671" s="613"/>
      <c r="MIO671" s="613"/>
      <c r="MIP671" s="613"/>
      <c r="MIQ671" s="613"/>
      <c r="MIR671" s="613"/>
      <c r="MIS671" s="613"/>
      <c r="MIT671" s="613"/>
      <c r="MIU671" s="613"/>
      <c r="MIV671" s="613"/>
      <c r="MIW671" s="613"/>
      <c r="MIX671" s="613"/>
      <c r="MIY671" s="613"/>
      <c r="MIZ671" s="613"/>
      <c r="MJA671" s="613"/>
      <c r="MJB671" s="613"/>
      <c r="MJC671" s="613"/>
      <c r="MJD671" s="613"/>
      <c r="MJE671" s="613"/>
      <c r="MJF671" s="613"/>
      <c r="MJG671" s="613"/>
      <c r="MJH671" s="613"/>
      <c r="MJI671" s="613"/>
      <c r="MJJ671" s="613"/>
      <c r="MJK671" s="613"/>
      <c r="MJL671" s="613"/>
      <c r="MJM671" s="613"/>
      <c r="MJN671" s="613"/>
      <c r="MJO671" s="613"/>
      <c r="MJP671" s="613"/>
      <c r="MJQ671" s="613"/>
      <c r="MJR671" s="613"/>
      <c r="MJS671" s="613"/>
      <c r="MJT671" s="613"/>
      <c r="MJU671" s="613"/>
      <c r="MJV671" s="613"/>
      <c r="MJW671" s="613"/>
      <c r="MJX671" s="613"/>
      <c r="MJY671" s="613"/>
      <c r="MJZ671" s="613"/>
      <c r="MKA671" s="613"/>
      <c r="MKB671" s="613"/>
      <c r="MKC671" s="613"/>
      <c r="MKD671" s="613"/>
      <c r="MKE671" s="613"/>
      <c r="MKF671" s="613"/>
      <c r="MKG671" s="613"/>
      <c r="MKH671" s="613"/>
      <c r="MKI671" s="613"/>
      <c r="MKJ671" s="613"/>
      <c r="MKK671" s="613"/>
      <c r="MKL671" s="613"/>
      <c r="MKM671" s="613"/>
      <c r="MKN671" s="613"/>
      <c r="MKO671" s="613"/>
      <c r="MKP671" s="613"/>
      <c r="MKQ671" s="613"/>
      <c r="MKR671" s="613"/>
      <c r="MKS671" s="613"/>
      <c r="MKT671" s="613"/>
      <c r="MKU671" s="613"/>
      <c r="MKV671" s="613"/>
      <c r="MKW671" s="613"/>
      <c r="MKX671" s="613"/>
      <c r="MKY671" s="613"/>
      <c r="MKZ671" s="613"/>
      <c r="MLA671" s="613"/>
      <c r="MLB671" s="613"/>
      <c r="MLC671" s="613"/>
      <c r="MLD671" s="613"/>
      <c r="MLE671" s="613"/>
      <c r="MLF671" s="613"/>
      <c r="MLG671" s="613"/>
      <c r="MLH671" s="613"/>
      <c r="MLI671" s="613"/>
      <c r="MLJ671" s="613"/>
      <c r="MLK671" s="613"/>
      <c r="MLL671" s="613"/>
      <c r="MLM671" s="613"/>
      <c r="MLN671" s="613"/>
      <c r="MLO671" s="613"/>
      <c r="MLP671" s="613"/>
      <c r="MLQ671" s="613"/>
      <c r="MLR671" s="613"/>
      <c r="MLS671" s="613"/>
      <c r="MLT671" s="613"/>
      <c r="MLU671" s="613"/>
      <c r="MLV671" s="613"/>
      <c r="MLW671" s="613"/>
      <c r="MLX671" s="613"/>
      <c r="MLY671" s="613"/>
      <c r="MLZ671" s="613"/>
      <c r="MMA671" s="613"/>
      <c r="MMB671" s="613"/>
      <c r="MMC671" s="613"/>
      <c r="MMD671" s="613"/>
      <c r="MME671" s="613"/>
      <c r="MMF671" s="613"/>
      <c r="MMG671" s="613"/>
      <c r="MMH671" s="613"/>
      <c r="MMI671" s="613"/>
      <c r="MMJ671" s="613"/>
      <c r="MMK671" s="613"/>
      <c r="MML671" s="613"/>
      <c r="MMM671" s="613"/>
      <c r="MMN671" s="613"/>
      <c r="MMO671" s="613"/>
      <c r="MMP671" s="613"/>
      <c r="MMQ671" s="613"/>
      <c r="MMR671" s="613"/>
      <c r="MMS671" s="613"/>
      <c r="MMT671" s="613"/>
      <c r="MMU671" s="613"/>
      <c r="MMV671" s="613"/>
      <c r="MMW671" s="613"/>
      <c r="MMX671" s="613"/>
      <c r="MMY671" s="613"/>
      <c r="MMZ671" s="613"/>
      <c r="MNA671" s="613"/>
      <c r="MNB671" s="613"/>
      <c r="MNC671" s="613"/>
      <c r="MND671" s="613"/>
      <c r="MNE671" s="613"/>
      <c r="MNF671" s="613"/>
      <c r="MNG671" s="613"/>
      <c r="MNH671" s="613"/>
      <c r="MNI671" s="613"/>
      <c r="MNJ671" s="613"/>
      <c r="MNK671" s="613"/>
      <c r="MNL671" s="613"/>
      <c r="MNM671" s="613"/>
      <c r="MNN671" s="613"/>
      <c r="MNO671" s="613"/>
      <c r="MNP671" s="613"/>
      <c r="MNQ671" s="613"/>
      <c r="MNR671" s="613"/>
      <c r="MNS671" s="613"/>
      <c r="MNT671" s="613"/>
      <c r="MNU671" s="613"/>
      <c r="MNV671" s="613"/>
      <c r="MNW671" s="613"/>
      <c r="MNX671" s="613"/>
      <c r="MNY671" s="613"/>
      <c r="MNZ671" s="613"/>
      <c r="MOA671" s="613"/>
      <c r="MOB671" s="613"/>
      <c r="MOC671" s="613"/>
      <c r="MOD671" s="613"/>
      <c r="MOE671" s="613"/>
      <c r="MOF671" s="613"/>
      <c r="MOG671" s="613"/>
      <c r="MOH671" s="613"/>
      <c r="MOI671" s="613"/>
      <c r="MOJ671" s="613"/>
      <c r="MOK671" s="613"/>
      <c r="MOL671" s="613"/>
      <c r="MOM671" s="613"/>
      <c r="MON671" s="613"/>
      <c r="MOO671" s="613"/>
      <c r="MOP671" s="613"/>
      <c r="MOQ671" s="613"/>
      <c r="MOR671" s="613"/>
      <c r="MOS671" s="613"/>
      <c r="MOT671" s="613"/>
      <c r="MOU671" s="613"/>
      <c r="MOV671" s="613"/>
      <c r="MOW671" s="613"/>
      <c r="MOX671" s="613"/>
      <c r="MOY671" s="613"/>
      <c r="MOZ671" s="613"/>
      <c r="MPA671" s="613"/>
      <c r="MPB671" s="613"/>
      <c r="MPC671" s="613"/>
      <c r="MPD671" s="613"/>
      <c r="MPE671" s="613"/>
      <c r="MPF671" s="613"/>
      <c r="MPG671" s="613"/>
      <c r="MPH671" s="613"/>
      <c r="MPI671" s="613"/>
      <c r="MPJ671" s="613"/>
      <c r="MPK671" s="613"/>
      <c r="MPL671" s="613"/>
      <c r="MPM671" s="613"/>
      <c r="MPN671" s="613"/>
      <c r="MPO671" s="613"/>
      <c r="MPP671" s="613"/>
      <c r="MPQ671" s="613"/>
      <c r="MPR671" s="613"/>
      <c r="MPS671" s="613"/>
      <c r="MPT671" s="613"/>
      <c r="MPU671" s="613"/>
      <c r="MPV671" s="613"/>
      <c r="MPW671" s="613"/>
      <c r="MPX671" s="613"/>
      <c r="MPY671" s="613"/>
      <c r="MPZ671" s="613"/>
      <c r="MQA671" s="613"/>
      <c r="MQB671" s="613"/>
      <c r="MQC671" s="613"/>
      <c r="MQD671" s="613"/>
      <c r="MQE671" s="613"/>
      <c r="MQF671" s="613"/>
      <c r="MQG671" s="613"/>
      <c r="MQH671" s="613"/>
      <c r="MQI671" s="613"/>
      <c r="MQJ671" s="613"/>
      <c r="MQK671" s="613"/>
      <c r="MQL671" s="613"/>
      <c r="MQM671" s="613"/>
      <c r="MQN671" s="613"/>
      <c r="MQO671" s="613"/>
      <c r="MQP671" s="613"/>
      <c r="MQQ671" s="613"/>
      <c r="MQR671" s="613"/>
      <c r="MQS671" s="613"/>
      <c r="MQT671" s="613"/>
      <c r="MQU671" s="613"/>
      <c r="MQV671" s="613"/>
      <c r="MQW671" s="613"/>
      <c r="MQX671" s="613"/>
      <c r="MQY671" s="613"/>
      <c r="MQZ671" s="613"/>
      <c r="MRA671" s="613"/>
      <c r="MRB671" s="613"/>
      <c r="MRC671" s="613"/>
      <c r="MRD671" s="613"/>
      <c r="MRE671" s="613"/>
      <c r="MRF671" s="613"/>
      <c r="MRG671" s="613"/>
      <c r="MRH671" s="613"/>
      <c r="MRI671" s="613"/>
      <c r="MRJ671" s="613"/>
      <c r="MRK671" s="613"/>
      <c r="MRL671" s="613"/>
      <c r="MRM671" s="613"/>
      <c r="MRN671" s="613"/>
      <c r="MRO671" s="613"/>
      <c r="MRP671" s="613"/>
      <c r="MRQ671" s="613"/>
      <c r="MRR671" s="613"/>
      <c r="MRS671" s="613"/>
      <c r="MRT671" s="613"/>
      <c r="MRU671" s="613"/>
      <c r="MRV671" s="613"/>
      <c r="MRW671" s="613"/>
      <c r="MRX671" s="613"/>
      <c r="MRY671" s="613"/>
      <c r="MRZ671" s="613"/>
      <c r="MSA671" s="613"/>
      <c r="MSB671" s="613"/>
      <c r="MSC671" s="613"/>
      <c r="MSD671" s="613"/>
      <c r="MSE671" s="613"/>
      <c r="MSF671" s="613"/>
      <c r="MSG671" s="613"/>
      <c r="MSH671" s="613"/>
      <c r="MSI671" s="613"/>
      <c r="MSJ671" s="613"/>
      <c r="MSK671" s="613"/>
      <c r="MSL671" s="613"/>
      <c r="MSM671" s="613"/>
      <c r="MSN671" s="613"/>
      <c r="MSO671" s="613"/>
      <c r="MSP671" s="613"/>
      <c r="MSQ671" s="613"/>
      <c r="MSR671" s="613"/>
      <c r="MSS671" s="613"/>
      <c r="MST671" s="613"/>
      <c r="MSU671" s="613"/>
      <c r="MSV671" s="613"/>
      <c r="MSW671" s="613"/>
      <c r="MSX671" s="613"/>
      <c r="MSY671" s="613"/>
      <c r="MSZ671" s="613"/>
      <c r="MTA671" s="613"/>
      <c r="MTB671" s="613"/>
      <c r="MTC671" s="613"/>
      <c r="MTD671" s="613"/>
      <c r="MTE671" s="613"/>
      <c r="MTF671" s="613"/>
      <c r="MTG671" s="613"/>
      <c r="MTH671" s="613"/>
      <c r="MTI671" s="613"/>
      <c r="MTJ671" s="613"/>
      <c r="MTK671" s="613"/>
      <c r="MTL671" s="613"/>
      <c r="MTM671" s="613"/>
      <c r="MTN671" s="613"/>
      <c r="MTO671" s="613"/>
      <c r="MTP671" s="613"/>
      <c r="MTQ671" s="613"/>
      <c r="MTR671" s="613"/>
      <c r="MTS671" s="613"/>
      <c r="MTT671" s="613"/>
      <c r="MTU671" s="613"/>
      <c r="MTV671" s="613"/>
      <c r="MTW671" s="613"/>
      <c r="MTX671" s="613"/>
      <c r="MTY671" s="613"/>
      <c r="MTZ671" s="613"/>
      <c r="MUA671" s="613"/>
      <c r="MUB671" s="613"/>
      <c r="MUC671" s="613"/>
      <c r="MUD671" s="613"/>
      <c r="MUE671" s="613"/>
      <c r="MUF671" s="613"/>
      <c r="MUG671" s="613"/>
      <c r="MUH671" s="613"/>
      <c r="MUI671" s="613"/>
      <c r="MUJ671" s="613"/>
      <c r="MUK671" s="613"/>
      <c r="MUL671" s="613"/>
      <c r="MUM671" s="613"/>
      <c r="MUN671" s="613"/>
      <c r="MUO671" s="613"/>
      <c r="MUP671" s="613"/>
      <c r="MUQ671" s="613"/>
      <c r="MUR671" s="613"/>
      <c r="MUS671" s="613"/>
      <c r="MUT671" s="613"/>
      <c r="MUU671" s="613"/>
      <c r="MUV671" s="613"/>
      <c r="MUW671" s="613"/>
      <c r="MUX671" s="613"/>
      <c r="MUY671" s="613"/>
      <c r="MUZ671" s="613"/>
      <c r="MVA671" s="613"/>
      <c r="MVB671" s="613"/>
      <c r="MVC671" s="613"/>
      <c r="MVD671" s="613"/>
      <c r="MVE671" s="613"/>
      <c r="MVF671" s="613"/>
      <c r="MVG671" s="613"/>
      <c r="MVH671" s="613"/>
      <c r="MVI671" s="613"/>
      <c r="MVJ671" s="613"/>
      <c r="MVK671" s="613"/>
      <c r="MVL671" s="613"/>
      <c r="MVM671" s="613"/>
      <c r="MVN671" s="613"/>
      <c r="MVO671" s="613"/>
      <c r="MVP671" s="613"/>
      <c r="MVQ671" s="613"/>
      <c r="MVR671" s="613"/>
      <c r="MVS671" s="613"/>
      <c r="MVT671" s="613"/>
      <c r="MVU671" s="613"/>
      <c r="MVV671" s="613"/>
      <c r="MVW671" s="613"/>
      <c r="MVX671" s="613"/>
      <c r="MVY671" s="613"/>
      <c r="MVZ671" s="613"/>
      <c r="MWA671" s="613"/>
      <c r="MWB671" s="613"/>
      <c r="MWC671" s="613"/>
      <c r="MWD671" s="613"/>
      <c r="MWE671" s="613"/>
      <c r="MWF671" s="613"/>
      <c r="MWG671" s="613"/>
      <c r="MWH671" s="613"/>
      <c r="MWI671" s="613"/>
      <c r="MWJ671" s="613"/>
      <c r="MWK671" s="613"/>
      <c r="MWL671" s="613"/>
      <c r="MWM671" s="613"/>
      <c r="MWN671" s="613"/>
      <c r="MWO671" s="613"/>
      <c r="MWP671" s="613"/>
      <c r="MWQ671" s="613"/>
      <c r="MWR671" s="613"/>
      <c r="MWS671" s="613"/>
      <c r="MWT671" s="613"/>
      <c r="MWU671" s="613"/>
      <c r="MWV671" s="613"/>
      <c r="MWW671" s="613"/>
      <c r="MWX671" s="613"/>
      <c r="MWY671" s="613"/>
      <c r="MWZ671" s="613"/>
      <c r="MXA671" s="613"/>
      <c r="MXB671" s="613"/>
      <c r="MXC671" s="613"/>
      <c r="MXD671" s="613"/>
      <c r="MXE671" s="613"/>
      <c r="MXF671" s="613"/>
      <c r="MXG671" s="613"/>
      <c r="MXH671" s="613"/>
      <c r="MXI671" s="613"/>
      <c r="MXJ671" s="613"/>
      <c r="MXK671" s="613"/>
      <c r="MXL671" s="613"/>
      <c r="MXM671" s="613"/>
      <c r="MXN671" s="613"/>
      <c r="MXO671" s="613"/>
      <c r="MXP671" s="613"/>
      <c r="MXQ671" s="613"/>
      <c r="MXR671" s="613"/>
      <c r="MXS671" s="613"/>
      <c r="MXT671" s="613"/>
      <c r="MXU671" s="613"/>
      <c r="MXV671" s="613"/>
      <c r="MXW671" s="613"/>
      <c r="MXX671" s="613"/>
      <c r="MXY671" s="613"/>
      <c r="MXZ671" s="613"/>
      <c r="MYA671" s="613"/>
      <c r="MYB671" s="613"/>
      <c r="MYC671" s="613"/>
      <c r="MYD671" s="613"/>
      <c r="MYE671" s="613"/>
      <c r="MYF671" s="613"/>
      <c r="MYG671" s="613"/>
      <c r="MYH671" s="613"/>
      <c r="MYI671" s="613"/>
      <c r="MYJ671" s="613"/>
      <c r="MYK671" s="613"/>
      <c r="MYL671" s="613"/>
      <c r="MYM671" s="613"/>
      <c r="MYN671" s="613"/>
      <c r="MYO671" s="613"/>
      <c r="MYP671" s="613"/>
      <c r="MYQ671" s="613"/>
      <c r="MYR671" s="613"/>
      <c r="MYS671" s="613"/>
      <c r="MYT671" s="613"/>
      <c r="MYU671" s="613"/>
      <c r="MYV671" s="613"/>
      <c r="MYW671" s="613"/>
      <c r="MYX671" s="613"/>
      <c r="MYY671" s="613"/>
      <c r="MYZ671" s="613"/>
      <c r="MZA671" s="613"/>
      <c r="MZB671" s="613"/>
      <c r="MZC671" s="613"/>
      <c r="MZD671" s="613"/>
      <c r="MZE671" s="613"/>
      <c r="MZF671" s="613"/>
      <c r="MZG671" s="613"/>
      <c r="MZH671" s="613"/>
      <c r="MZI671" s="613"/>
      <c r="MZJ671" s="613"/>
      <c r="MZK671" s="613"/>
      <c r="MZL671" s="613"/>
      <c r="MZM671" s="613"/>
      <c r="MZN671" s="613"/>
      <c r="MZO671" s="613"/>
      <c r="MZP671" s="613"/>
      <c r="MZQ671" s="613"/>
      <c r="MZR671" s="613"/>
      <c r="MZS671" s="613"/>
      <c r="MZT671" s="613"/>
      <c r="MZU671" s="613"/>
      <c r="MZV671" s="613"/>
      <c r="MZW671" s="613"/>
      <c r="MZX671" s="613"/>
      <c r="MZY671" s="613"/>
      <c r="MZZ671" s="613"/>
      <c r="NAA671" s="613"/>
      <c r="NAB671" s="613"/>
      <c r="NAC671" s="613"/>
      <c r="NAD671" s="613"/>
      <c r="NAE671" s="613"/>
      <c r="NAF671" s="613"/>
      <c r="NAG671" s="613"/>
      <c r="NAH671" s="613"/>
      <c r="NAI671" s="613"/>
      <c r="NAJ671" s="613"/>
      <c r="NAK671" s="613"/>
      <c r="NAL671" s="613"/>
      <c r="NAM671" s="613"/>
      <c r="NAN671" s="613"/>
      <c r="NAO671" s="613"/>
      <c r="NAP671" s="613"/>
      <c r="NAQ671" s="613"/>
      <c r="NAR671" s="613"/>
      <c r="NAS671" s="613"/>
      <c r="NAT671" s="613"/>
      <c r="NAU671" s="613"/>
      <c r="NAV671" s="613"/>
      <c r="NAW671" s="613"/>
      <c r="NAX671" s="613"/>
      <c r="NAY671" s="613"/>
      <c r="NAZ671" s="613"/>
      <c r="NBA671" s="613"/>
      <c r="NBB671" s="613"/>
      <c r="NBC671" s="613"/>
      <c r="NBD671" s="613"/>
      <c r="NBE671" s="613"/>
      <c r="NBF671" s="613"/>
      <c r="NBG671" s="613"/>
      <c r="NBH671" s="613"/>
      <c r="NBI671" s="613"/>
      <c r="NBJ671" s="613"/>
      <c r="NBK671" s="613"/>
      <c r="NBL671" s="613"/>
      <c r="NBM671" s="613"/>
      <c r="NBN671" s="613"/>
      <c r="NBO671" s="613"/>
      <c r="NBP671" s="613"/>
      <c r="NBQ671" s="613"/>
      <c r="NBR671" s="613"/>
      <c r="NBS671" s="613"/>
      <c r="NBT671" s="613"/>
      <c r="NBU671" s="613"/>
      <c r="NBV671" s="613"/>
      <c r="NBW671" s="613"/>
      <c r="NBX671" s="613"/>
      <c r="NBY671" s="613"/>
      <c r="NBZ671" s="613"/>
      <c r="NCA671" s="613"/>
      <c r="NCB671" s="613"/>
      <c r="NCC671" s="613"/>
      <c r="NCD671" s="613"/>
      <c r="NCE671" s="613"/>
      <c r="NCF671" s="613"/>
      <c r="NCG671" s="613"/>
      <c r="NCH671" s="613"/>
      <c r="NCI671" s="613"/>
      <c r="NCJ671" s="613"/>
      <c r="NCK671" s="613"/>
      <c r="NCL671" s="613"/>
      <c r="NCM671" s="613"/>
      <c r="NCN671" s="613"/>
      <c r="NCO671" s="613"/>
      <c r="NCP671" s="613"/>
      <c r="NCQ671" s="613"/>
      <c r="NCR671" s="613"/>
      <c r="NCS671" s="613"/>
      <c r="NCT671" s="613"/>
      <c r="NCU671" s="613"/>
      <c r="NCV671" s="613"/>
      <c r="NCW671" s="613"/>
      <c r="NCX671" s="613"/>
      <c r="NCY671" s="613"/>
      <c r="NCZ671" s="613"/>
      <c r="NDA671" s="613"/>
      <c r="NDB671" s="613"/>
      <c r="NDC671" s="613"/>
      <c r="NDD671" s="613"/>
      <c r="NDE671" s="613"/>
      <c r="NDF671" s="613"/>
      <c r="NDG671" s="613"/>
      <c r="NDH671" s="613"/>
      <c r="NDI671" s="613"/>
      <c r="NDJ671" s="613"/>
      <c r="NDK671" s="613"/>
      <c r="NDL671" s="613"/>
      <c r="NDM671" s="613"/>
      <c r="NDN671" s="613"/>
      <c r="NDO671" s="613"/>
      <c r="NDP671" s="613"/>
      <c r="NDQ671" s="613"/>
      <c r="NDR671" s="613"/>
      <c r="NDS671" s="613"/>
      <c r="NDT671" s="613"/>
      <c r="NDU671" s="613"/>
      <c r="NDV671" s="613"/>
      <c r="NDW671" s="613"/>
      <c r="NDX671" s="613"/>
      <c r="NDY671" s="613"/>
      <c r="NDZ671" s="613"/>
      <c r="NEA671" s="613"/>
      <c r="NEB671" s="613"/>
      <c r="NEC671" s="613"/>
      <c r="NED671" s="613"/>
      <c r="NEE671" s="613"/>
      <c r="NEF671" s="613"/>
      <c r="NEG671" s="613"/>
      <c r="NEH671" s="613"/>
      <c r="NEI671" s="613"/>
      <c r="NEJ671" s="613"/>
      <c r="NEK671" s="613"/>
      <c r="NEL671" s="613"/>
      <c r="NEM671" s="613"/>
      <c r="NEN671" s="613"/>
      <c r="NEO671" s="613"/>
      <c r="NEP671" s="613"/>
      <c r="NEQ671" s="613"/>
      <c r="NER671" s="613"/>
      <c r="NES671" s="613"/>
      <c r="NET671" s="613"/>
      <c r="NEU671" s="613"/>
      <c r="NEV671" s="613"/>
      <c r="NEW671" s="613"/>
      <c r="NEX671" s="613"/>
      <c r="NEY671" s="613"/>
      <c r="NEZ671" s="613"/>
      <c r="NFA671" s="613"/>
      <c r="NFB671" s="613"/>
      <c r="NFC671" s="613"/>
      <c r="NFD671" s="613"/>
      <c r="NFE671" s="613"/>
      <c r="NFF671" s="613"/>
      <c r="NFG671" s="613"/>
      <c r="NFH671" s="613"/>
      <c r="NFI671" s="613"/>
      <c r="NFJ671" s="613"/>
      <c r="NFK671" s="613"/>
      <c r="NFL671" s="613"/>
      <c r="NFM671" s="613"/>
      <c r="NFN671" s="613"/>
      <c r="NFO671" s="613"/>
      <c r="NFP671" s="613"/>
      <c r="NFQ671" s="613"/>
      <c r="NFR671" s="613"/>
      <c r="NFS671" s="613"/>
      <c r="NFT671" s="613"/>
      <c r="NFU671" s="613"/>
      <c r="NFV671" s="613"/>
      <c r="NFW671" s="613"/>
      <c r="NFX671" s="613"/>
      <c r="NFY671" s="613"/>
      <c r="NFZ671" s="613"/>
      <c r="NGA671" s="613"/>
      <c r="NGB671" s="613"/>
      <c r="NGC671" s="613"/>
      <c r="NGD671" s="613"/>
      <c r="NGE671" s="613"/>
      <c r="NGF671" s="613"/>
      <c r="NGG671" s="613"/>
      <c r="NGH671" s="613"/>
      <c r="NGI671" s="613"/>
      <c r="NGJ671" s="613"/>
      <c r="NGK671" s="613"/>
      <c r="NGL671" s="613"/>
      <c r="NGM671" s="613"/>
      <c r="NGN671" s="613"/>
      <c r="NGO671" s="613"/>
      <c r="NGP671" s="613"/>
      <c r="NGQ671" s="613"/>
      <c r="NGR671" s="613"/>
      <c r="NGS671" s="613"/>
      <c r="NGT671" s="613"/>
      <c r="NGU671" s="613"/>
      <c r="NGV671" s="613"/>
      <c r="NGW671" s="613"/>
      <c r="NGX671" s="613"/>
      <c r="NGY671" s="613"/>
      <c r="NGZ671" s="613"/>
      <c r="NHA671" s="613"/>
      <c r="NHB671" s="613"/>
      <c r="NHC671" s="613"/>
      <c r="NHD671" s="613"/>
      <c r="NHE671" s="613"/>
      <c r="NHF671" s="613"/>
      <c r="NHG671" s="613"/>
      <c r="NHH671" s="613"/>
      <c r="NHI671" s="613"/>
      <c r="NHJ671" s="613"/>
      <c r="NHK671" s="613"/>
      <c r="NHL671" s="613"/>
      <c r="NHM671" s="613"/>
      <c r="NHN671" s="613"/>
      <c r="NHO671" s="613"/>
      <c r="NHP671" s="613"/>
      <c r="NHQ671" s="613"/>
      <c r="NHR671" s="613"/>
      <c r="NHS671" s="613"/>
      <c r="NHT671" s="613"/>
      <c r="NHU671" s="613"/>
      <c r="NHV671" s="613"/>
      <c r="NHW671" s="613"/>
      <c r="NHX671" s="613"/>
      <c r="NHY671" s="613"/>
      <c r="NHZ671" s="613"/>
      <c r="NIA671" s="613"/>
      <c r="NIB671" s="613"/>
      <c r="NIC671" s="613"/>
      <c r="NID671" s="613"/>
      <c r="NIE671" s="613"/>
      <c r="NIF671" s="613"/>
      <c r="NIG671" s="613"/>
      <c r="NIH671" s="613"/>
      <c r="NII671" s="613"/>
      <c r="NIJ671" s="613"/>
      <c r="NIK671" s="613"/>
      <c r="NIL671" s="613"/>
      <c r="NIM671" s="613"/>
      <c r="NIN671" s="613"/>
      <c r="NIO671" s="613"/>
      <c r="NIP671" s="613"/>
      <c r="NIQ671" s="613"/>
      <c r="NIR671" s="613"/>
      <c r="NIS671" s="613"/>
      <c r="NIT671" s="613"/>
      <c r="NIU671" s="613"/>
      <c r="NIV671" s="613"/>
      <c r="NIW671" s="613"/>
      <c r="NIX671" s="613"/>
      <c r="NIY671" s="613"/>
      <c r="NIZ671" s="613"/>
      <c r="NJA671" s="613"/>
      <c r="NJB671" s="613"/>
      <c r="NJC671" s="613"/>
      <c r="NJD671" s="613"/>
      <c r="NJE671" s="613"/>
      <c r="NJF671" s="613"/>
      <c r="NJG671" s="613"/>
      <c r="NJH671" s="613"/>
      <c r="NJI671" s="613"/>
      <c r="NJJ671" s="613"/>
      <c r="NJK671" s="613"/>
      <c r="NJL671" s="613"/>
      <c r="NJM671" s="613"/>
      <c r="NJN671" s="613"/>
      <c r="NJO671" s="613"/>
      <c r="NJP671" s="613"/>
      <c r="NJQ671" s="613"/>
      <c r="NJR671" s="613"/>
      <c r="NJS671" s="613"/>
      <c r="NJT671" s="613"/>
      <c r="NJU671" s="613"/>
      <c r="NJV671" s="613"/>
      <c r="NJW671" s="613"/>
      <c r="NJX671" s="613"/>
      <c r="NJY671" s="613"/>
      <c r="NJZ671" s="613"/>
      <c r="NKA671" s="613"/>
      <c r="NKB671" s="613"/>
      <c r="NKC671" s="613"/>
      <c r="NKD671" s="613"/>
      <c r="NKE671" s="613"/>
      <c r="NKF671" s="613"/>
      <c r="NKG671" s="613"/>
      <c r="NKH671" s="613"/>
      <c r="NKI671" s="613"/>
      <c r="NKJ671" s="613"/>
      <c r="NKK671" s="613"/>
      <c r="NKL671" s="613"/>
      <c r="NKM671" s="613"/>
      <c r="NKN671" s="613"/>
      <c r="NKO671" s="613"/>
      <c r="NKP671" s="613"/>
      <c r="NKQ671" s="613"/>
      <c r="NKR671" s="613"/>
      <c r="NKS671" s="613"/>
      <c r="NKT671" s="613"/>
      <c r="NKU671" s="613"/>
      <c r="NKV671" s="613"/>
      <c r="NKW671" s="613"/>
      <c r="NKX671" s="613"/>
      <c r="NKY671" s="613"/>
      <c r="NKZ671" s="613"/>
      <c r="NLA671" s="613"/>
      <c r="NLB671" s="613"/>
      <c r="NLC671" s="613"/>
      <c r="NLD671" s="613"/>
      <c r="NLE671" s="613"/>
      <c r="NLF671" s="613"/>
      <c r="NLG671" s="613"/>
      <c r="NLH671" s="613"/>
      <c r="NLI671" s="613"/>
      <c r="NLJ671" s="613"/>
      <c r="NLK671" s="613"/>
      <c r="NLL671" s="613"/>
      <c r="NLM671" s="613"/>
      <c r="NLN671" s="613"/>
      <c r="NLO671" s="613"/>
      <c r="NLP671" s="613"/>
      <c r="NLQ671" s="613"/>
      <c r="NLR671" s="613"/>
      <c r="NLS671" s="613"/>
      <c r="NLT671" s="613"/>
      <c r="NLU671" s="613"/>
      <c r="NLV671" s="613"/>
      <c r="NLW671" s="613"/>
      <c r="NLX671" s="613"/>
      <c r="NLY671" s="613"/>
      <c r="NLZ671" s="613"/>
      <c r="NMA671" s="613"/>
      <c r="NMB671" s="613"/>
      <c r="NMC671" s="613"/>
      <c r="NMD671" s="613"/>
      <c r="NME671" s="613"/>
      <c r="NMF671" s="613"/>
      <c r="NMG671" s="613"/>
      <c r="NMH671" s="613"/>
      <c r="NMI671" s="613"/>
      <c r="NMJ671" s="613"/>
      <c r="NMK671" s="613"/>
      <c r="NML671" s="613"/>
      <c r="NMM671" s="613"/>
      <c r="NMN671" s="613"/>
      <c r="NMO671" s="613"/>
      <c r="NMP671" s="613"/>
      <c r="NMQ671" s="613"/>
      <c r="NMR671" s="613"/>
      <c r="NMS671" s="613"/>
      <c r="NMT671" s="613"/>
      <c r="NMU671" s="613"/>
      <c r="NMV671" s="613"/>
      <c r="NMW671" s="613"/>
      <c r="NMX671" s="613"/>
      <c r="NMY671" s="613"/>
      <c r="NMZ671" s="613"/>
      <c r="NNA671" s="613"/>
      <c r="NNB671" s="613"/>
      <c r="NNC671" s="613"/>
      <c r="NND671" s="613"/>
      <c r="NNE671" s="613"/>
      <c r="NNF671" s="613"/>
      <c r="NNG671" s="613"/>
      <c r="NNH671" s="613"/>
      <c r="NNI671" s="613"/>
      <c r="NNJ671" s="613"/>
      <c r="NNK671" s="613"/>
      <c r="NNL671" s="613"/>
      <c r="NNM671" s="613"/>
      <c r="NNN671" s="613"/>
      <c r="NNO671" s="613"/>
      <c r="NNP671" s="613"/>
      <c r="NNQ671" s="613"/>
      <c r="NNR671" s="613"/>
      <c r="NNS671" s="613"/>
      <c r="NNT671" s="613"/>
      <c r="NNU671" s="613"/>
      <c r="NNV671" s="613"/>
      <c r="NNW671" s="613"/>
      <c r="NNX671" s="613"/>
      <c r="NNY671" s="613"/>
      <c r="NNZ671" s="613"/>
      <c r="NOA671" s="613"/>
      <c r="NOB671" s="613"/>
      <c r="NOC671" s="613"/>
      <c r="NOD671" s="613"/>
      <c r="NOE671" s="613"/>
      <c r="NOF671" s="613"/>
      <c r="NOG671" s="613"/>
      <c r="NOH671" s="613"/>
      <c r="NOI671" s="613"/>
      <c r="NOJ671" s="613"/>
      <c r="NOK671" s="613"/>
      <c r="NOL671" s="613"/>
      <c r="NOM671" s="613"/>
      <c r="NON671" s="613"/>
      <c r="NOO671" s="613"/>
      <c r="NOP671" s="613"/>
      <c r="NOQ671" s="613"/>
      <c r="NOR671" s="613"/>
      <c r="NOS671" s="613"/>
      <c r="NOT671" s="613"/>
      <c r="NOU671" s="613"/>
      <c r="NOV671" s="613"/>
      <c r="NOW671" s="613"/>
      <c r="NOX671" s="613"/>
      <c r="NOY671" s="613"/>
      <c r="NOZ671" s="613"/>
      <c r="NPA671" s="613"/>
      <c r="NPB671" s="613"/>
      <c r="NPC671" s="613"/>
      <c r="NPD671" s="613"/>
      <c r="NPE671" s="613"/>
      <c r="NPF671" s="613"/>
      <c r="NPG671" s="613"/>
      <c r="NPH671" s="613"/>
      <c r="NPI671" s="613"/>
      <c r="NPJ671" s="613"/>
      <c r="NPK671" s="613"/>
      <c r="NPL671" s="613"/>
      <c r="NPM671" s="613"/>
      <c r="NPN671" s="613"/>
      <c r="NPO671" s="613"/>
      <c r="NPP671" s="613"/>
      <c r="NPQ671" s="613"/>
      <c r="NPR671" s="613"/>
      <c r="NPS671" s="613"/>
      <c r="NPT671" s="613"/>
      <c r="NPU671" s="613"/>
      <c r="NPV671" s="613"/>
      <c r="NPW671" s="613"/>
      <c r="NPX671" s="613"/>
      <c r="NPY671" s="613"/>
      <c r="NPZ671" s="613"/>
      <c r="NQA671" s="613"/>
      <c r="NQB671" s="613"/>
      <c r="NQC671" s="613"/>
      <c r="NQD671" s="613"/>
      <c r="NQE671" s="613"/>
      <c r="NQF671" s="613"/>
      <c r="NQG671" s="613"/>
      <c r="NQH671" s="613"/>
      <c r="NQI671" s="613"/>
      <c r="NQJ671" s="613"/>
      <c r="NQK671" s="613"/>
      <c r="NQL671" s="613"/>
      <c r="NQM671" s="613"/>
      <c r="NQN671" s="613"/>
      <c r="NQO671" s="613"/>
      <c r="NQP671" s="613"/>
      <c r="NQQ671" s="613"/>
      <c r="NQR671" s="613"/>
      <c r="NQS671" s="613"/>
      <c r="NQT671" s="613"/>
      <c r="NQU671" s="613"/>
      <c r="NQV671" s="613"/>
      <c r="NQW671" s="613"/>
      <c r="NQX671" s="613"/>
      <c r="NQY671" s="613"/>
      <c r="NQZ671" s="613"/>
      <c r="NRA671" s="613"/>
      <c r="NRB671" s="613"/>
      <c r="NRC671" s="613"/>
      <c r="NRD671" s="613"/>
      <c r="NRE671" s="613"/>
      <c r="NRF671" s="613"/>
      <c r="NRG671" s="613"/>
      <c r="NRH671" s="613"/>
      <c r="NRI671" s="613"/>
      <c r="NRJ671" s="613"/>
      <c r="NRK671" s="613"/>
      <c r="NRL671" s="613"/>
      <c r="NRM671" s="613"/>
      <c r="NRN671" s="613"/>
      <c r="NRO671" s="613"/>
      <c r="NRP671" s="613"/>
      <c r="NRQ671" s="613"/>
      <c r="NRR671" s="613"/>
      <c r="NRS671" s="613"/>
      <c r="NRT671" s="613"/>
      <c r="NRU671" s="613"/>
      <c r="NRV671" s="613"/>
      <c r="NRW671" s="613"/>
      <c r="NRX671" s="613"/>
      <c r="NRY671" s="613"/>
      <c r="NRZ671" s="613"/>
      <c r="NSA671" s="613"/>
      <c r="NSB671" s="613"/>
      <c r="NSC671" s="613"/>
      <c r="NSD671" s="613"/>
      <c r="NSE671" s="613"/>
      <c r="NSF671" s="613"/>
      <c r="NSG671" s="613"/>
      <c r="NSH671" s="613"/>
      <c r="NSI671" s="613"/>
      <c r="NSJ671" s="613"/>
      <c r="NSK671" s="613"/>
      <c r="NSL671" s="613"/>
      <c r="NSM671" s="613"/>
      <c r="NSN671" s="613"/>
      <c r="NSO671" s="613"/>
      <c r="NSP671" s="613"/>
      <c r="NSQ671" s="613"/>
      <c r="NSR671" s="613"/>
      <c r="NSS671" s="613"/>
      <c r="NST671" s="613"/>
      <c r="NSU671" s="613"/>
      <c r="NSV671" s="613"/>
      <c r="NSW671" s="613"/>
      <c r="NSX671" s="613"/>
      <c r="NSY671" s="613"/>
      <c r="NSZ671" s="613"/>
      <c r="NTA671" s="613"/>
      <c r="NTB671" s="613"/>
      <c r="NTC671" s="613"/>
      <c r="NTD671" s="613"/>
      <c r="NTE671" s="613"/>
      <c r="NTF671" s="613"/>
      <c r="NTG671" s="613"/>
      <c r="NTH671" s="613"/>
      <c r="NTI671" s="613"/>
      <c r="NTJ671" s="613"/>
      <c r="NTK671" s="613"/>
      <c r="NTL671" s="613"/>
      <c r="NTM671" s="613"/>
      <c r="NTN671" s="613"/>
      <c r="NTO671" s="613"/>
      <c r="NTP671" s="613"/>
      <c r="NTQ671" s="613"/>
      <c r="NTR671" s="613"/>
      <c r="NTS671" s="613"/>
      <c r="NTT671" s="613"/>
      <c r="NTU671" s="613"/>
      <c r="NTV671" s="613"/>
      <c r="NTW671" s="613"/>
      <c r="NTX671" s="613"/>
      <c r="NTY671" s="613"/>
      <c r="NTZ671" s="613"/>
      <c r="NUA671" s="613"/>
      <c r="NUB671" s="613"/>
      <c r="NUC671" s="613"/>
      <c r="NUD671" s="613"/>
      <c r="NUE671" s="613"/>
      <c r="NUF671" s="613"/>
      <c r="NUG671" s="613"/>
      <c r="NUH671" s="613"/>
      <c r="NUI671" s="613"/>
      <c r="NUJ671" s="613"/>
      <c r="NUK671" s="613"/>
      <c r="NUL671" s="613"/>
      <c r="NUM671" s="613"/>
      <c r="NUN671" s="613"/>
      <c r="NUO671" s="613"/>
      <c r="NUP671" s="613"/>
      <c r="NUQ671" s="613"/>
      <c r="NUR671" s="613"/>
      <c r="NUS671" s="613"/>
      <c r="NUT671" s="613"/>
      <c r="NUU671" s="613"/>
      <c r="NUV671" s="613"/>
      <c r="NUW671" s="613"/>
      <c r="NUX671" s="613"/>
      <c r="NUY671" s="613"/>
      <c r="NUZ671" s="613"/>
      <c r="NVA671" s="613"/>
      <c r="NVB671" s="613"/>
      <c r="NVC671" s="613"/>
      <c r="NVD671" s="613"/>
      <c r="NVE671" s="613"/>
      <c r="NVF671" s="613"/>
      <c r="NVG671" s="613"/>
      <c r="NVH671" s="613"/>
      <c r="NVI671" s="613"/>
      <c r="NVJ671" s="613"/>
      <c r="NVK671" s="613"/>
      <c r="NVL671" s="613"/>
      <c r="NVM671" s="613"/>
      <c r="NVN671" s="613"/>
      <c r="NVO671" s="613"/>
      <c r="NVP671" s="613"/>
      <c r="NVQ671" s="613"/>
      <c r="NVR671" s="613"/>
      <c r="NVS671" s="613"/>
      <c r="NVT671" s="613"/>
      <c r="NVU671" s="613"/>
      <c r="NVV671" s="613"/>
      <c r="NVW671" s="613"/>
      <c r="NVX671" s="613"/>
      <c r="NVY671" s="613"/>
      <c r="NVZ671" s="613"/>
      <c r="NWA671" s="613"/>
      <c r="NWB671" s="613"/>
      <c r="NWC671" s="613"/>
      <c r="NWD671" s="613"/>
      <c r="NWE671" s="613"/>
      <c r="NWF671" s="613"/>
      <c r="NWG671" s="613"/>
      <c r="NWH671" s="613"/>
      <c r="NWI671" s="613"/>
      <c r="NWJ671" s="613"/>
      <c r="NWK671" s="613"/>
      <c r="NWL671" s="613"/>
      <c r="NWM671" s="613"/>
      <c r="NWN671" s="613"/>
      <c r="NWO671" s="613"/>
      <c r="NWP671" s="613"/>
      <c r="NWQ671" s="613"/>
      <c r="NWR671" s="613"/>
      <c r="NWS671" s="613"/>
      <c r="NWT671" s="613"/>
      <c r="NWU671" s="613"/>
      <c r="NWV671" s="613"/>
      <c r="NWW671" s="613"/>
      <c r="NWX671" s="613"/>
      <c r="NWY671" s="613"/>
      <c r="NWZ671" s="613"/>
      <c r="NXA671" s="613"/>
      <c r="NXB671" s="613"/>
      <c r="NXC671" s="613"/>
      <c r="NXD671" s="613"/>
      <c r="NXE671" s="613"/>
      <c r="NXF671" s="613"/>
      <c r="NXG671" s="613"/>
      <c r="NXH671" s="613"/>
      <c r="NXI671" s="613"/>
      <c r="NXJ671" s="613"/>
      <c r="NXK671" s="613"/>
      <c r="NXL671" s="613"/>
      <c r="NXM671" s="613"/>
      <c r="NXN671" s="613"/>
      <c r="NXO671" s="613"/>
      <c r="NXP671" s="613"/>
      <c r="NXQ671" s="613"/>
      <c r="NXR671" s="613"/>
      <c r="NXS671" s="613"/>
      <c r="NXT671" s="613"/>
      <c r="NXU671" s="613"/>
      <c r="NXV671" s="613"/>
      <c r="NXW671" s="613"/>
      <c r="NXX671" s="613"/>
      <c r="NXY671" s="613"/>
      <c r="NXZ671" s="613"/>
      <c r="NYA671" s="613"/>
      <c r="NYB671" s="613"/>
      <c r="NYC671" s="613"/>
      <c r="NYD671" s="613"/>
      <c r="NYE671" s="613"/>
      <c r="NYF671" s="613"/>
      <c r="NYG671" s="613"/>
      <c r="NYH671" s="613"/>
      <c r="NYI671" s="613"/>
      <c r="NYJ671" s="613"/>
      <c r="NYK671" s="613"/>
      <c r="NYL671" s="613"/>
      <c r="NYM671" s="613"/>
      <c r="NYN671" s="613"/>
      <c r="NYO671" s="613"/>
      <c r="NYP671" s="613"/>
      <c r="NYQ671" s="613"/>
      <c r="NYR671" s="613"/>
      <c r="NYS671" s="613"/>
      <c r="NYT671" s="613"/>
      <c r="NYU671" s="613"/>
      <c r="NYV671" s="613"/>
      <c r="NYW671" s="613"/>
      <c r="NYX671" s="613"/>
      <c r="NYY671" s="613"/>
      <c r="NYZ671" s="613"/>
      <c r="NZA671" s="613"/>
      <c r="NZB671" s="613"/>
      <c r="NZC671" s="613"/>
      <c r="NZD671" s="613"/>
      <c r="NZE671" s="613"/>
      <c r="NZF671" s="613"/>
      <c r="NZG671" s="613"/>
      <c r="NZH671" s="613"/>
      <c r="NZI671" s="613"/>
      <c r="NZJ671" s="613"/>
      <c r="NZK671" s="613"/>
      <c r="NZL671" s="613"/>
      <c r="NZM671" s="613"/>
      <c r="NZN671" s="613"/>
      <c r="NZO671" s="613"/>
      <c r="NZP671" s="613"/>
      <c r="NZQ671" s="613"/>
      <c r="NZR671" s="613"/>
      <c r="NZS671" s="613"/>
      <c r="NZT671" s="613"/>
      <c r="NZU671" s="613"/>
      <c r="NZV671" s="613"/>
      <c r="NZW671" s="613"/>
      <c r="NZX671" s="613"/>
      <c r="NZY671" s="613"/>
      <c r="NZZ671" s="613"/>
      <c r="OAA671" s="613"/>
      <c r="OAB671" s="613"/>
      <c r="OAC671" s="613"/>
      <c r="OAD671" s="613"/>
      <c r="OAE671" s="613"/>
      <c r="OAF671" s="613"/>
      <c r="OAG671" s="613"/>
      <c r="OAH671" s="613"/>
      <c r="OAI671" s="613"/>
      <c r="OAJ671" s="613"/>
      <c r="OAK671" s="613"/>
      <c r="OAL671" s="613"/>
      <c r="OAM671" s="613"/>
      <c r="OAN671" s="613"/>
      <c r="OAO671" s="613"/>
      <c r="OAP671" s="613"/>
      <c r="OAQ671" s="613"/>
      <c r="OAR671" s="613"/>
      <c r="OAS671" s="613"/>
      <c r="OAT671" s="613"/>
      <c r="OAU671" s="613"/>
      <c r="OAV671" s="613"/>
      <c r="OAW671" s="613"/>
      <c r="OAX671" s="613"/>
      <c r="OAY671" s="613"/>
      <c r="OAZ671" s="613"/>
      <c r="OBA671" s="613"/>
      <c r="OBB671" s="613"/>
      <c r="OBC671" s="613"/>
      <c r="OBD671" s="613"/>
      <c r="OBE671" s="613"/>
      <c r="OBF671" s="613"/>
      <c r="OBG671" s="613"/>
      <c r="OBH671" s="613"/>
      <c r="OBI671" s="613"/>
      <c r="OBJ671" s="613"/>
      <c r="OBK671" s="613"/>
      <c r="OBL671" s="613"/>
      <c r="OBM671" s="613"/>
      <c r="OBN671" s="613"/>
      <c r="OBO671" s="613"/>
      <c r="OBP671" s="613"/>
      <c r="OBQ671" s="613"/>
      <c r="OBR671" s="613"/>
      <c r="OBS671" s="613"/>
      <c r="OBT671" s="613"/>
      <c r="OBU671" s="613"/>
      <c r="OBV671" s="613"/>
      <c r="OBW671" s="613"/>
      <c r="OBX671" s="613"/>
      <c r="OBY671" s="613"/>
      <c r="OBZ671" s="613"/>
      <c r="OCA671" s="613"/>
      <c r="OCB671" s="613"/>
      <c r="OCC671" s="613"/>
      <c r="OCD671" s="613"/>
      <c r="OCE671" s="613"/>
      <c r="OCF671" s="613"/>
      <c r="OCG671" s="613"/>
      <c r="OCH671" s="613"/>
      <c r="OCI671" s="613"/>
      <c r="OCJ671" s="613"/>
      <c r="OCK671" s="613"/>
      <c r="OCL671" s="613"/>
      <c r="OCM671" s="613"/>
      <c r="OCN671" s="613"/>
      <c r="OCO671" s="613"/>
      <c r="OCP671" s="613"/>
      <c r="OCQ671" s="613"/>
      <c r="OCR671" s="613"/>
      <c r="OCS671" s="613"/>
      <c r="OCT671" s="613"/>
      <c r="OCU671" s="613"/>
      <c r="OCV671" s="613"/>
      <c r="OCW671" s="613"/>
      <c r="OCX671" s="613"/>
      <c r="OCY671" s="613"/>
      <c r="OCZ671" s="613"/>
      <c r="ODA671" s="613"/>
      <c r="ODB671" s="613"/>
      <c r="ODC671" s="613"/>
      <c r="ODD671" s="613"/>
      <c r="ODE671" s="613"/>
      <c r="ODF671" s="613"/>
      <c r="ODG671" s="613"/>
      <c r="ODH671" s="613"/>
      <c r="ODI671" s="613"/>
      <c r="ODJ671" s="613"/>
      <c r="ODK671" s="613"/>
      <c r="ODL671" s="613"/>
      <c r="ODM671" s="613"/>
      <c r="ODN671" s="613"/>
      <c r="ODO671" s="613"/>
      <c r="ODP671" s="613"/>
      <c r="ODQ671" s="613"/>
      <c r="ODR671" s="613"/>
      <c r="ODS671" s="613"/>
      <c r="ODT671" s="613"/>
      <c r="ODU671" s="613"/>
      <c r="ODV671" s="613"/>
      <c r="ODW671" s="613"/>
      <c r="ODX671" s="613"/>
      <c r="ODY671" s="613"/>
      <c r="ODZ671" s="613"/>
      <c r="OEA671" s="613"/>
      <c r="OEB671" s="613"/>
      <c r="OEC671" s="613"/>
      <c r="OED671" s="613"/>
      <c r="OEE671" s="613"/>
      <c r="OEF671" s="613"/>
      <c r="OEG671" s="613"/>
      <c r="OEH671" s="613"/>
      <c r="OEI671" s="613"/>
      <c r="OEJ671" s="613"/>
      <c r="OEK671" s="613"/>
      <c r="OEL671" s="613"/>
      <c r="OEM671" s="613"/>
      <c r="OEN671" s="613"/>
      <c r="OEO671" s="613"/>
      <c r="OEP671" s="613"/>
      <c r="OEQ671" s="613"/>
      <c r="OER671" s="613"/>
      <c r="OES671" s="613"/>
      <c r="OET671" s="613"/>
      <c r="OEU671" s="613"/>
      <c r="OEV671" s="613"/>
      <c r="OEW671" s="613"/>
      <c r="OEX671" s="613"/>
      <c r="OEY671" s="613"/>
      <c r="OEZ671" s="613"/>
      <c r="OFA671" s="613"/>
      <c r="OFB671" s="613"/>
      <c r="OFC671" s="613"/>
      <c r="OFD671" s="613"/>
      <c r="OFE671" s="613"/>
      <c r="OFF671" s="613"/>
      <c r="OFG671" s="613"/>
      <c r="OFH671" s="613"/>
      <c r="OFI671" s="613"/>
      <c r="OFJ671" s="613"/>
      <c r="OFK671" s="613"/>
      <c r="OFL671" s="613"/>
      <c r="OFM671" s="613"/>
      <c r="OFN671" s="613"/>
      <c r="OFO671" s="613"/>
      <c r="OFP671" s="613"/>
      <c r="OFQ671" s="613"/>
      <c r="OFR671" s="613"/>
      <c r="OFS671" s="613"/>
      <c r="OFT671" s="613"/>
      <c r="OFU671" s="613"/>
      <c r="OFV671" s="613"/>
      <c r="OFW671" s="613"/>
      <c r="OFX671" s="613"/>
      <c r="OFY671" s="613"/>
      <c r="OFZ671" s="613"/>
      <c r="OGA671" s="613"/>
      <c r="OGB671" s="613"/>
      <c r="OGC671" s="613"/>
      <c r="OGD671" s="613"/>
      <c r="OGE671" s="613"/>
      <c r="OGF671" s="613"/>
      <c r="OGG671" s="613"/>
      <c r="OGH671" s="613"/>
      <c r="OGI671" s="613"/>
      <c r="OGJ671" s="613"/>
      <c r="OGK671" s="613"/>
      <c r="OGL671" s="613"/>
      <c r="OGM671" s="613"/>
      <c r="OGN671" s="613"/>
      <c r="OGO671" s="613"/>
      <c r="OGP671" s="613"/>
      <c r="OGQ671" s="613"/>
      <c r="OGR671" s="613"/>
      <c r="OGS671" s="613"/>
      <c r="OGT671" s="613"/>
      <c r="OGU671" s="613"/>
      <c r="OGV671" s="613"/>
      <c r="OGW671" s="613"/>
      <c r="OGX671" s="613"/>
      <c r="OGY671" s="613"/>
      <c r="OGZ671" s="613"/>
      <c r="OHA671" s="613"/>
      <c r="OHB671" s="613"/>
      <c r="OHC671" s="613"/>
      <c r="OHD671" s="613"/>
      <c r="OHE671" s="613"/>
      <c r="OHF671" s="613"/>
      <c r="OHG671" s="613"/>
      <c r="OHH671" s="613"/>
      <c r="OHI671" s="613"/>
      <c r="OHJ671" s="613"/>
      <c r="OHK671" s="613"/>
      <c r="OHL671" s="613"/>
      <c r="OHM671" s="613"/>
      <c r="OHN671" s="613"/>
      <c r="OHO671" s="613"/>
      <c r="OHP671" s="613"/>
      <c r="OHQ671" s="613"/>
      <c r="OHR671" s="613"/>
      <c r="OHS671" s="613"/>
      <c r="OHT671" s="613"/>
      <c r="OHU671" s="613"/>
      <c r="OHV671" s="613"/>
      <c r="OHW671" s="613"/>
      <c r="OHX671" s="613"/>
      <c r="OHY671" s="613"/>
      <c r="OHZ671" s="613"/>
      <c r="OIA671" s="613"/>
      <c r="OIB671" s="613"/>
      <c r="OIC671" s="613"/>
      <c r="OID671" s="613"/>
      <c r="OIE671" s="613"/>
      <c r="OIF671" s="613"/>
      <c r="OIG671" s="613"/>
      <c r="OIH671" s="613"/>
      <c r="OII671" s="613"/>
      <c r="OIJ671" s="613"/>
      <c r="OIK671" s="613"/>
      <c r="OIL671" s="613"/>
      <c r="OIM671" s="613"/>
      <c r="OIN671" s="613"/>
      <c r="OIO671" s="613"/>
      <c r="OIP671" s="613"/>
      <c r="OIQ671" s="613"/>
      <c r="OIR671" s="613"/>
      <c r="OIS671" s="613"/>
      <c r="OIT671" s="613"/>
      <c r="OIU671" s="613"/>
      <c r="OIV671" s="613"/>
      <c r="OIW671" s="613"/>
      <c r="OIX671" s="613"/>
      <c r="OIY671" s="613"/>
      <c r="OIZ671" s="613"/>
      <c r="OJA671" s="613"/>
      <c r="OJB671" s="613"/>
      <c r="OJC671" s="613"/>
      <c r="OJD671" s="613"/>
      <c r="OJE671" s="613"/>
      <c r="OJF671" s="613"/>
      <c r="OJG671" s="613"/>
      <c r="OJH671" s="613"/>
      <c r="OJI671" s="613"/>
      <c r="OJJ671" s="613"/>
      <c r="OJK671" s="613"/>
      <c r="OJL671" s="613"/>
      <c r="OJM671" s="613"/>
      <c r="OJN671" s="613"/>
      <c r="OJO671" s="613"/>
      <c r="OJP671" s="613"/>
      <c r="OJQ671" s="613"/>
      <c r="OJR671" s="613"/>
      <c r="OJS671" s="613"/>
      <c r="OJT671" s="613"/>
      <c r="OJU671" s="613"/>
      <c r="OJV671" s="613"/>
      <c r="OJW671" s="613"/>
      <c r="OJX671" s="613"/>
      <c r="OJY671" s="613"/>
      <c r="OJZ671" s="613"/>
      <c r="OKA671" s="613"/>
      <c r="OKB671" s="613"/>
      <c r="OKC671" s="613"/>
      <c r="OKD671" s="613"/>
      <c r="OKE671" s="613"/>
      <c r="OKF671" s="613"/>
      <c r="OKG671" s="613"/>
      <c r="OKH671" s="613"/>
      <c r="OKI671" s="613"/>
      <c r="OKJ671" s="613"/>
      <c r="OKK671" s="613"/>
      <c r="OKL671" s="613"/>
      <c r="OKM671" s="613"/>
      <c r="OKN671" s="613"/>
      <c r="OKO671" s="613"/>
      <c r="OKP671" s="613"/>
      <c r="OKQ671" s="613"/>
      <c r="OKR671" s="613"/>
      <c r="OKS671" s="613"/>
      <c r="OKT671" s="613"/>
      <c r="OKU671" s="613"/>
      <c r="OKV671" s="613"/>
      <c r="OKW671" s="613"/>
      <c r="OKX671" s="613"/>
      <c r="OKY671" s="613"/>
      <c r="OKZ671" s="613"/>
      <c r="OLA671" s="613"/>
      <c r="OLB671" s="613"/>
      <c r="OLC671" s="613"/>
      <c r="OLD671" s="613"/>
      <c r="OLE671" s="613"/>
      <c r="OLF671" s="613"/>
      <c r="OLG671" s="613"/>
      <c r="OLH671" s="613"/>
      <c r="OLI671" s="613"/>
      <c r="OLJ671" s="613"/>
      <c r="OLK671" s="613"/>
      <c r="OLL671" s="613"/>
      <c r="OLM671" s="613"/>
      <c r="OLN671" s="613"/>
      <c r="OLO671" s="613"/>
      <c r="OLP671" s="613"/>
      <c r="OLQ671" s="613"/>
      <c r="OLR671" s="613"/>
      <c r="OLS671" s="613"/>
      <c r="OLT671" s="613"/>
      <c r="OLU671" s="613"/>
      <c r="OLV671" s="613"/>
      <c r="OLW671" s="613"/>
      <c r="OLX671" s="613"/>
      <c r="OLY671" s="613"/>
      <c r="OLZ671" s="613"/>
      <c r="OMA671" s="613"/>
      <c r="OMB671" s="613"/>
      <c r="OMC671" s="613"/>
      <c r="OMD671" s="613"/>
      <c r="OME671" s="613"/>
      <c r="OMF671" s="613"/>
      <c r="OMG671" s="613"/>
      <c r="OMH671" s="613"/>
      <c r="OMI671" s="613"/>
      <c r="OMJ671" s="613"/>
      <c r="OMK671" s="613"/>
      <c r="OML671" s="613"/>
      <c r="OMM671" s="613"/>
      <c r="OMN671" s="613"/>
      <c r="OMO671" s="613"/>
      <c r="OMP671" s="613"/>
      <c r="OMQ671" s="613"/>
      <c r="OMR671" s="613"/>
      <c r="OMS671" s="613"/>
      <c r="OMT671" s="613"/>
      <c r="OMU671" s="613"/>
      <c r="OMV671" s="613"/>
      <c r="OMW671" s="613"/>
      <c r="OMX671" s="613"/>
      <c r="OMY671" s="613"/>
      <c r="OMZ671" s="613"/>
      <c r="ONA671" s="613"/>
      <c r="ONB671" s="613"/>
      <c r="ONC671" s="613"/>
      <c r="OND671" s="613"/>
      <c r="ONE671" s="613"/>
      <c r="ONF671" s="613"/>
      <c r="ONG671" s="613"/>
      <c r="ONH671" s="613"/>
      <c r="ONI671" s="613"/>
      <c r="ONJ671" s="613"/>
      <c r="ONK671" s="613"/>
      <c r="ONL671" s="613"/>
      <c r="ONM671" s="613"/>
      <c r="ONN671" s="613"/>
      <c r="ONO671" s="613"/>
      <c r="ONP671" s="613"/>
      <c r="ONQ671" s="613"/>
      <c r="ONR671" s="613"/>
      <c r="ONS671" s="613"/>
      <c r="ONT671" s="613"/>
      <c r="ONU671" s="613"/>
      <c r="ONV671" s="613"/>
      <c r="ONW671" s="613"/>
      <c r="ONX671" s="613"/>
      <c r="ONY671" s="613"/>
      <c r="ONZ671" s="613"/>
      <c r="OOA671" s="613"/>
      <c r="OOB671" s="613"/>
      <c r="OOC671" s="613"/>
      <c r="OOD671" s="613"/>
      <c r="OOE671" s="613"/>
      <c r="OOF671" s="613"/>
      <c r="OOG671" s="613"/>
      <c r="OOH671" s="613"/>
      <c r="OOI671" s="613"/>
      <c r="OOJ671" s="613"/>
      <c r="OOK671" s="613"/>
      <c r="OOL671" s="613"/>
      <c r="OOM671" s="613"/>
      <c r="OON671" s="613"/>
      <c r="OOO671" s="613"/>
      <c r="OOP671" s="613"/>
      <c r="OOQ671" s="613"/>
      <c r="OOR671" s="613"/>
      <c r="OOS671" s="613"/>
      <c r="OOT671" s="613"/>
      <c r="OOU671" s="613"/>
      <c r="OOV671" s="613"/>
      <c r="OOW671" s="613"/>
      <c r="OOX671" s="613"/>
      <c r="OOY671" s="613"/>
      <c r="OOZ671" s="613"/>
      <c r="OPA671" s="613"/>
      <c r="OPB671" s="613"/>
      <c r="OPC671" s="613"/>
      <c r="OPD671" s="613"/>
      <c r="OPE671" s="613"/>
      <c r="OPF671" s="613"/>
      <c r="OPG671" s="613"/>
      <c r="OPH671" s="613"/>
      <c r="OPI671" s="613"/>
      <c r="OPJ671" s="613"/>
      <c r="OPK671" s="613"/>
      <c r="OPL671" s="613"/>
      <c r="OPM671" s="613"/>
      <c r="OPN671" s="613"/>
      <c r="OPO671" s="613"/>
      <c r="OPP671" s="613"/>
      <c r="OPQ671" s="613"/>
      <c r="OPR671" s="613"/>
      <c r="OPS671" s="613"/>
      <c r="OPT671" s="613"/>
      <c r="OPU671" s="613"/>
      <c r="OPV671" s="613"/>
      <c r="OPW671" s="613"/>
      <c r="OPX671" s="613"/>
      <c r="OPY671" s="613"/>
      <c r="OPZ671" s="613"/>
      <c r="OQA671" s="613"/>
      <c r="OQB671" s="613"/>
      <c r="OQC671" s="613"/>
      <c r="OQD671" s="613"/>
      <c r="OQE671" s="613"/>
      <c r="OQF671" s="613"/>
      <c r="OQG671" s="613"/>
      <c r="OQH671" s="613"/>
      <c r="OQI671" s="613"/>
      <c r="OQJ671" s="613"/>
      <c r="OQK671" s="613"/>
      <c r="OQL671" s="613"/>
      <c r="OQM671" s="613"/>
      <c r="OQN671" s="613"/>
      <c r="OQO671" s="613"/>
      <c r="OQP671" s="613"/>
      <c r="OQQ671" s="613"/>
      <c r="OQR671" s="613"/>
      <c r="OQS671" s="613"/>
      <c r="OQT671" s="613"/>
      <c r="OQU671" s="613"/>
      <c r="OQV671" s="613"/>
      <c r="OQW671" s="613"/>
      <c r="OQX671" s="613"/>
      <c r="OQY671" s="613"/>
      <c r="OQZ671" s="613"/>
      <c r="ORA671" s="613"/>
      <c r="ORB671" s="613"/>
      <c r="ORC671" s="613"/>
      <c r="ORD671" s="613"/>
      <c r="ORE671" s="613"/>
      <c r="ORF671" s="613"/>
      <c r="ORG671" s="613"/>
      <c r="ORH671" s="613"/>
      <c r="ORI671" s="613"/>
      <c r="ORJ671" s="613"/>
      <c r="ORK671" s="613"/>
      <c r="ORL671" s="613"/>
      <c r="ORM671" s="613"/>
      <c r="ORN671" s="613"/>
      <c r="ORO671" s="613"/>
      <c r="ORP671" s="613"/>
      <c r="ORQ671" s="613"/>
      <c r="ORR671" s="613"/>
      <c r="ORS671" s="613"/>
      <c r="ORT671" s="613"/>
      <c r="ORU671" s="613"/>
      <c r="ORV671" s="613"/>
      <c r="ORW671" s="613"/>
      <c r="ORX671" s="613"/>
      <c r="ORY671" s="613"/>
      <c r="ORZ671" s="613"/>
      <c r="OSA671" s="613"/>
      <c r="OSB671" s="613"/>
      <c r="OSC671" s="613"/>
      <c r="OSD671" s="613"/>
      <c r="OSE671" s="613"/>
      <c r="OSF671" s="613"/>
      <c r="OSG671" s="613"/>
      <c r="OSH671" s="613"/>
      <c r="OSI671" s="613"/>
      <c r="OSJ671" s="613"/>
      <c r="OSK671" s="613"/>
      <c r="OSL671" s="613"/>
      <c r="OSM671" s="613"/>
      <c r="OSN671" s="613"/>
      <c r="OSO671" s="613"/>
      <c r="OSP671" s="613"/>
      <c r="OSQ671" s="613"/>
      <c r="OSR671" s="613"/>
      <c r="OSS671" s="613"/>
      <c r="OST671" s="613"/>
      <c r="OSU671" s="613"/>
      <c r="OSV671" s="613"/>
      <c r="OSW671" s="613"/>
      <c r="OSX671" s="613"/>
      <c r="OSY671" s="613"/>
      <c r="OSZ671" s="613"/>
      <c r="OTA671" s="613"/>
      <c r="OTB671" s="613"/>
      <c r="OTC671" s="613"/>
      <c r="OTD671" s="613"/>
      <c r="OTE671" s="613"/>
      <c r="OTF671" s="613"/>
      <c r="OTG671" s="613"/>
      <c r="OTH671" s="613"/>
      <c r="OTI671" s="613"/>
      <c r="OTJ671" s="613"/>
      <c r="OTK671" s="613"/>
      <c r="OTL671" s="613"/>
      <c r="OTM671" s="613"/>
      <c r="OTN671" s="613"/>
      <c r="OTO671" s="613"/>
      <c r="OTP671" s="613"/>
      <c r="OTQ671" s="613"/>
      <c r="OTR671" s="613"/>
      <c r="OTS671" s="613"/>
      <c r="OTT671" s="613"/>
      <c r="OTU671" s="613"/>
      <c r="OTV671" s="613"/>
      <c r="OTW671" s="613"/>
      <c r="OTX671" s="613"/>
      <c r="OTY671" s="613"/>
      <c r="OTZ671" s="613"/>
      <c r="OUA671" s="613"/>
      <c r="OUB671" s="613"/>
      <c r="OUC671" s="613"/>
      <c r="OUD671" s="613"/>
      <c r="OUE671" s="613"/>
      <c r="OUF671" s="613"/>
      <c r="OUG671" s="613"/>
      <c r="OUH671" s="613"/>
      <c r="OUI671" s="613"/>
      <c r="OUJ671" s="613"/>
      <c r="OUK671" s="613"/>
      <c r="OUL671" s="613"/>
      <c r="OUM671" s="613"/>
      <c r="OUN671" s="613"/>
      <c r="OUO671" s="613"/>
      <c r="OUP671" s="613"/>
      <c r="OUQ671" s="613"/>
      <c r="OUR671" s="613"/>
      <c r="OUS671" s="613"/>
      <c r="OUT671" s="613"/>
      <c r="OUU671" s="613"/>
      <c r="OUV671" s="613"/>
      <c r="OUW671" s="613"/>
      <c r="OUX671" s="613"/>
      <c r="OUY671" s="613"/>
      <c r="OUZ671" s="613"/>
      <c r="OVA671" s="613"/>
      <c r="OVB671" s="613"/>
      <c r="OVC671" s="613"/>
      <c r="OVD671" s="613"/>
      <c r="OVE671" s="613"/>
      <c r="OVF671" s="613"/>
      <c r="OVG671" s="613"/>
      <c r="OVH671" s="613"/>
      <c r="OVI671" s="613"/>
      <c r="OVJ671" s="613"/>
      <c r="OVK671" s="613"/>
      <c r="OVL671" s="613"/>
      <c r="OVM671" s="613"/>
      <c r="OVN671" s="613"/>
      <c r="OVO671" s="613"/>
      <c r="OVP671" s="613"/>
      <c r="OVQ671" s="613"/>
      <c r="OVR671" s="613"/>
      <c r="OVS671" s="613"/>
      <c r="OVT671" s="613"/>
      <c r="OVU671" s="613"/>
      <c r="OVV671" s="613"/>
      <c r="OVW671" s="613"/>
      <c r="OVX671" s="613"/>
      <c r="OVY671" s="613"/>
      <c r="OVZ671" s="613"/>
      <c r="OWA671" s="613"/>
      <c r="OWB671" s="613"/>
      <c r="OWC671" s="613"/>
      <c r="OWD671" s="613"/>
      <c r="OWE671" s="613"/>
      <c r="OWF671" s="613"/>
      <c r="OWG671" s="613"/>
      <c r="OWH671" s="613"/>
      <c r="OWI671" s="613"/>
      <c r="OWJ671" s="613"/>
      <c r="OWK671" s="613"/>
      <c r="OWL671" s="613"/>
      <c r="OWM671" s="613"/>
      <c r="OWN671" s="613"/>
      <c r="OWO671" s="613"/>
      <c r="OWP671" s="613"/>
      <c r="OWQ671" s="613"/>
      <c r="OWR671" s="613"/>
      <c r="OWS671" s="613"/>
      <c r="OWT671" s="613"/>
      <c r="OWU671" s="613"/>
      <c r="OWV671" s="613"/>
      <c r="OWW671" s="613"/>
      <c r="OWX671" s="613"/>
      <c r="OWY671" s="613"/>
      <c r="OWZ671" s="613"/>
      <c r="OXA671" s="613"/>
      <c r="OXB671" s="613"/>
      <c r="OXC671" s="613"/>
      <c r="OXD671" s="613"/>
      <c r="OXE671" s="613"/>
      <c r="OXF671" s="613"/>
      <c r="OXG671" s="613"/>
      <c r="OXH671" s="613"/>
      <c r="OXI671" s="613"/>
      <c r="OXJ671" s="613"/>
      <c r="OXK671" s="613"/>
      <c r="OXL671" s="613"/>
      <c r="OXM671" s="613"/>
      <c r="OXN671" s="613"/>
      <c r="OXO671" s="613"/>
      <c r="OXP671" s="613"/>
      <c r="OXQ671" s="613"/>
      <c r="OXR671" s="613"/>
      <c r="OXS671" s="613"/>
      <c r="OXT671" s="613"/>
      <c r="OXU671" s="613"/>
      <c r="OXV671" s="613"/>
      <c r="OXW671" s="613"/>
      <c r="OXX671" s="613"/>
      <c r="OXY671" s="613"/>
      <c r="OXZ671" s="613"/>
      <c r="OYA671" s="613"/>
      <c r="OYB671" s="613"/>
      <c r="OYC671" s="613"/>
      <c r="OYD671" s="613"/>
      <c r="OYE671" s="613"/>
      <c r="OYF671" s="613"/>
      <c r="OYG671" s="613"/>
      <c r="OYH671" s="613"/>
      <c r="OYI671" s="613"/>
      <c r="OYJ671" s="613"/>
      <c r="OYK671" s="613"/>
      <c r="OYL671" s="613"/>
      <c r="OYM671" s="613"/>
      <c r="OYN671" s="613"/>
      <c r="OYO671" s="613"/>
      <c r="OYP671" s="613"/>
      <c r="OYQ671" s="613"/>
      <c r="OYR671" s="613"/>
      <c r="OYS671" s="613"/>
      <c r="OYT671" s="613"/>
      <c r="OYU671" s="613"/>
      <c r="OYV671" s="613"/>
      <c r="OYW671" s="613"/>
      <c r="OYX671" s="613"/>
      <c r="OYY671" s="613"/>
      <c r="OYZ671" s="613"/>
      <c r="OZA671" s="613"/>
      <c r="OZB671" s="613"/>
      <c r="OZC671" s="613"/>
      <c r="OZD671" s="613"/>
      <c r="OZE671" s="613"/>
      <c r="OZF671" s="613"/>
      <c r="OZG671" s="613"/>
      <c r="OZH671" s="613"/>
      <c r="OZI671" s="613"/>
      <c r="OZJ671" s="613"/>
      <c r="OZK671" s="613"/>
      <c r="OZL671" s="613"/>
      <c r="OZM671" s="613"/>
      <c r="OZN671" s="613"/>
      <c r="OZO671" s="613"/>
      <c r="OZP671" s="613"/>
      <c r="OZQ671" s="613"/>
      <c r="OZR671" s="613"/>
      <c r="OZS671" s="613"/>
      <c r="OZT671" s="613"/>
      <c r="OZU671" s="613"/>
      <c r="OZV671" s="613"/>
      <c r="OZW671" s="613"/>
      <c r="OZX671" s="613"/>
      <c r="OZY671" s="613"/>
      <c r="OZZ671" s="613"/>
      <c r="PAA671" s="613"/>
      <c r="PAB671" s="613"/>
      <c r="PAC671" s="613"/>
      <c r="PAD671" s="613"/>
      <c r="PAE671" s="613"/>
      <c r="PAF671" s="613"/>
      <c r="PAG671" s="613"/>
      <c r="PAH671" s="613"/>
      <c r="PAI671" s="613"/>
      <c r="PAJ671" s="613"/>
      <c r="PAK671" s="613"/>
      <c r="PAL671" s="613"/>
      <c r="PAM671" s="613"/>
      <c r="PAN671" s="613"/>
      <c r="PAO671" s="613"/>
      <c r="PAP671" s="613"/>
      <c r="PAQ671" s="613"/>
      <c r="PAR671" s="613"/>
      <c r="PAS671" s="613"/>
      <c r="PAT671" s="613"/>
      <c r="PAU671" s="613"/>
      <c r="PAV671" s="613"/>
      <c r="PAW671" s="613"/>
      <c r="PAX671" s="613"/>
      <c r="PAY671" s="613"/>
      <c r="PAZ671" s="613"/>
      <c r="PBA671" s="613"/>
      <c r="PBB671" s="613"/>
      <c r="PBC671" s="613"/>
      <c r="PBD671" s="613"/>
      <c r="PBE671" s="613"/>
      <c r="PBF671" s="613"/>
      <c r="PBG671" s="613"/>
      <c r="PBH671" s="613"/>
      <c r="PBI671" s="613"/>
      <c r="PBJ671" s="613"/>
      <c r="PBK671" s="613"/>
      <c r="PBL671" s="613"/>
      <c r="PBM671" s="613"/>
      <c r="PBN671" s="613"/>
      <c r="PBO671" s="613"/>
      <c r="PBP671" s="613"/>
      <c r="PBQ671" s="613"/>
      <c r="PBR671" s="613"/>
      <c r="PBS671" s="613"/>
      <c r="PBT671" s="613"/>
      <c r="PBU671" s="613"/>
      <c r="PBV671" s="613"/>
      <c r="PBW671" s="613"/>
      <c r="PBX671" s="613"/>
      <c r="PBY671" s="613"/>
      <c r="PBZ671" s="613"/>
      <c r="PCA671" s="613"/>
      <c r="PCB671" s="613"/>
      <c r="PCC671" s="613"/>
      <c r="PCD671" s="613"/>
      <c r="PCE671" s="613"/>
      <c r="PCF671" s="613"/>
      <c r="PCG671" s="613"/>
      <c r="PCH671" s="613"/>
      <c r="PCI671" s="613"/>
      <c r="PCJ671" s="613"/>
      <c r="PCK671" s="613"/>
      <c r="PCL671" s="613"/>
      <c r="PCM671" s="613"/>
      <c r="PCN671" s="613"/>
      <c r="PCO671" s="613"/>
      <c r="PCP671" s="613"/>
      <c r="PCQ671" s="613"/>
      <c r="PCR671" s="613"/>
      <c r="PCS671" s="613"/>
      <c r="PCT671" s="613"/>
      <c r="PCU671" s="613"/>
      <c r="PCV671" s="613"/>
      <c r="PCW671" s="613"/>
      <c r="PCX671" s="613"/>
      <c r="PCY671" s="613"/>
      <c r="PCZ671" s="613"/>
      <c r="PDA671" s="613"/>
      <c r="PDB671" s="613"/>
      <c r="PDC671" s="613"/>
      <c r="PDD671" s="613"/>
      <c r="PDE671" s="613"/>
      <c r="PDF671" s="613"/>
      <c r="PDG671" s="613"/>
      <c r="PDH671" s="613"/>
      <c r="PDI671" s="613"/>
      <c r="PDJ671" s="613"/>
      <c r="PDK671" s="613"/>
      <c r="PDL671" s="613"/>
      <c r="PDM671" s="613"/>
      <c r="PDN671" s="613"/>
      <c r="PDO671" s="613"/>
      <c r="PDP671" s="613"/>
      <c r="PDQ671" s="613"/>
      <c r="PDR671" s="613"/>
      <c r="PDS671" s="613"/>
      <c r="PDT671" s="613"/>
      <c r="PDU671" s="613"/>
      <c r="PDV671" s="613"/>
      <c r="PDW671" s="613"/>
      <c r="PDX671" s="613"/>
      <c r="PDY671" s="613"/>
      <c r="PDZ671" s="613"/>
      <c r="PEA671" s="613"/>
      <c r="PEB671" s="613"/>
      <c r="PEC671" s="613"/>
      <c r="PED671" s="613"/>
      <c r="PEE671" s="613"/>
      <c r="PEF671" s="613"/>
      <c r="PEG671" s="613"/>
      <c r="PEH671" s="613"/>
      <c r="PEI671" s="613"/>
      <c r="PEJ671" s="613"/>
      <c r="PEK671" s="613"/>
      <c r="PEL671" s="613"/>
      <c r="PEM671" s="613"/>
      <c r="PEN671" s="613"/>
      <c r="PEO671" s="613"/>
      <c r="PEP671" s="613"/>
      <c r="PEQ671" s="613"/>
      <c r="PER671" s="613"/>
      <c r="PES671" s="613"/>
      <c r="PET671" s="613"/>
      <c r="PEU671" s="613"/>
      <c r="PEV671" s="613"/>
      <c r="PEW671" s="613"/>
      <c r="PEX671" s="613"/>
      <c r="PEY671" s="613"/>
      <c r="PEZ671" s="613"/>
      <c r="PFA671" s="613"/>
      <c r="PFB671" s="613"/>
      <c r="PFC671" s="613"/>
      <c r="PFD671" s="613"/>
      <c r="PFE671" s="613"/>
      <c r="PFF671" s="613"/>
      <c r="PFG671" s="613"/>
      <c r="PFH671" s="613"/>
      <c r="PFI671" s="613"/>
      <c r="PFJ671" s="613"/>
      <c r="PFK671" s="613"/>
      <c r="PFL671" s="613"/>
      <c r="PFM671" s="613"/>
      <c r="PFN671" s="613"/>
      <c r="PFO671" s="613"/>
      <c r="PFP671" s="613"/>
      <c r="PFQ671" s="613"/>
      <c r="PFR671" s="613"/>
      <c r="PFS671" s="613"/>
      <c r="PFT671" s="613"/>
      <c r="PFU671" s="613"/>
      <c r="PFV671" s="613"/>
      <c r="PFW671" s="613"/>
      <c r="PFX671" s="613"/>
      <c r="PFY671" s="613"/>
      <c r="PFZ671" s="613"/>
      <c r="PGA671" s="613"/>
      <c r="PGB671" s="613"/>
      <c r="PGC671" s="613"/>
      <c r="PGD671" s="613"/>
      <c r="PGE671" s="613"/>
      <c r="PGF671" s="613"/>
      <c r="PGG671" s="613"/>
      <c r="PGH671" s="613"/>
      <c r="PGI671" s="613"/>
      <c r="PGJ671" s="613"/>
      <c r="PGK671" s="613"/>
      <c r="PGL671" s="613"/>
      <c r="PGM671" s="613"/>
      <c r="PGN671" s="613"/>
      <c r="PGO671" s="613"/>
      <c r="PGP671" s="613"/>
      <c r="PGQ671" s="613"/>
      <c r="PGR671" s="613"/>
      <c r="PGS671" s="613"/>
      <c r="PGT671" s="613"/>
      <c r="PGU671" s="613"/>
      <c r="PGV671" s="613"/>
      <c r="PGW671" s="613"/>
      <c r="PGX671" s="613"/>
      <c r="PGY671" s="613"/>
      <c r="PGZ671" s="613"/>
      <c r="PHA671" s="613"/>
      <c r="PHB671" s="613"/>
      <c r="PHC671" s="613"/>
      <c r="PHD671" s="613"/>
      <c r="PHE671" s="613"/>
      <c r="PHF671" s="613"/>
      <c r="PHG671" s="613"/>
      <c r="PHH671" s="613"/>
      <c r="PHI671" s="613"/>
      <c r="PHJ671" s="613"/>
      <c r="PHK671" s="613"/>
      <c r="PHL671" s="613"/>
      <c r="PHM671" s="613"/>
      <c r="PHN671" s="613"/>
      <c r="PHO671" s="613"/>
      <c r="PHP671" s="613"/>
      <c r="PHQ671" s="613"/>
      <c r="PHR671" s="613"/>
      <c r="PHS671" s="613"/>
      <c r="PHT671" s="613"/>
      <c r="PHU671" s="613"/>
      <c r="PHV671" s="613"/>
      <c r="PHW671" s="613"/>
      <c r="PHX671" s="613"/>
      <c r="PHY671" s="613"/>
      <c r="PHZ671" s="613"/>
      <c r="PIA671" s="613"/>
      <c r="PIB671" s="613"/>
      <c r="PIC671" s="613"/>
      <c r="PID671" s="613"/>
      <c r="PIE671" s="613"/>
      <c r="PIF671" s="613"/>
      <c r="PIG671" s="613"/>
      <c r="PIH671" s="613"/>
      <c r="PII671" s="613"/>
      <c r="PIJ671" s="613"/>
      <c r="PIK671" s="613"/>
      <c r="PIL671" s="613"/>
      <c r="PIM671" s="613"/>
      <c r="PIN671" s="613"/>
      <c r="PIO671" s="613"/>
      <c r="PIP671" s="613"/>
      <c r="PIQ671" s="613"/>
      <c r="PIR671" s="613"/>
      <c r="PIS671" s="613"/>
      <c r="PIT671" s="613"/>
      <c r="PIU671" s="613"/>
      <c r="PIV671" s="613"/>
      <c r="PIW671" s="613"/>
      <c r="PIX671" s="613"/>
      <c r="PIY671" s="613"/>
      <c r="PIZ671" s="613"/>
      <c r="PJA671" s="613"/>
      <c r="PJB671" s="613"/>
      <c r="PJC671" s="613"/>
      <c r="PJD671" s="613"/>
      <c r="PJE671" s="613"/>
      <c r="PJF671" s="613"/>
      <c r="PJG671" s="613"/>
      <c r="PJH671" s="613"/>
      <c r="PJI671" s="613"/>
      <c r="PJJ671" s="613"/>
      <c r="PJK671" s="613"/>
      <c r="PJL671" s="613"/>
      <c r="PJM671" s="613"/>
      <c r="PJN671" s="613"/>
      <c r="PJO671" s="613"/>
      <c r="PJP671" s="613"/>
      <c r="PJQ671" s="613"/>
      <c r="PJR671" s="613"/>
      <c r="PJS671" s="613"/>
      <c r="PJT671" s="613"/>
      <c r="PJU671" s="613"/>
      <c r="PJV671" s="613"/>
      <c r="PJW671" s="613"/>
      <c r="PJX671" s="613"/>
      <c r="PJY671" s="613"/>
      <c r="PJZ671" s="613"/>
      <c r="PKA671" s="613"/>
      <c r="PKB671" s="613"/>
      <c r="PKC671" s="613"/>
      <c r="PKD671" s="613"/>
      <c r="PKE671" s="613"/>
      <c r="PKF671" s="613"/>
      <c r="PKG671" s="613"/>
      <c r="PKH671" s="613"/>
      <c r="PKI671" s="613"/>
      <c r="PKJ671" s="613"/>
      <c r="PKK671" s="613"/>
      <c r="PKL671" s="613"/>
      <c r="PKM671" s="613"/>
      <c r="PKN671" s="613"/>
      <c r="PKO671" s="613"/>
      <c r="PKP671" s="613"/>
      <c r="PKQ671" s="613"/>
      <c r="PKR671" s="613"/>
      <c r="PKS671" s="613"/>
      <c r="PKT671" s="613"/>
      <c r="PKU671" s="613"/>
      <c r="PKV671" s="613"/>
      <c r="PKW671" s="613"/>
      <c r="PKX671" s="613"/>
      <c r="PKY671" s="613"/>
      <c r="PKZ671" s="613"/>
      <c r="PLA671" s="613"/>
      <c r="PLB671" s="613"/>
      <c r="PLC671" s="613"/>
      <c r="PLD671" s="613"/>
      <c r="PLE671" s="613"/>
      <c r="PLF671" s="613"/>
      <c r="PLG671" s="613"/>
      <c r="PLH671" s="613"/>
      <c r="PLI671" s="613"/>
      <c r="PLJ671" s="613"/>
      <c r="PLK671" s="613"/>
      <c r="PLL671" s="613"/>
      <c r="PLM671" s="613"/>
      <c r="PLN671" s="613"/>
      <c r="PLO671" s="613"/>
      <c r="PLP671" s="613"/>
      <c r="PLQ671" s="613"/>
      <c r="PLR671" s="613"/>
      <c r="PLS671" s="613"/>
      <c r="PLT671" s="613"/>
      <c r="PLU671" s="613"/>
      <c r="PLV671" s="613"/>
      <c r="PLW671" s="613"/>
      <c r="PLX671" s="613"/>
      <c r="PLY671" s="613"/>
      <c r="PLZ671" s="613"/>
      <c r="PMA671" s="613"/>
      <c r="PMB671" s="613"/>
      <c r="PMC671" s="613"/>
      <c r="PMD671" s="613"/>
      <c r="PME671" s="613"/>
      <c r="PMF671" s="613"/>
      <c r="PMG671" s="613"/>
      <c r="PMH671" s="613"/>
      <c r="PMI671" s="613"/>
      <c r="PMJ671" s="613"/>
      <c r="PMK671" s="613"/>
      <c r="PML671" s="613"/>
      <c r="PMM671" s="613"/>
      <c r="PMN671" s="613"/>
      <c r="PMO671" s="613"/>
      <c r="PMP671" s="613"/>
      <c r="PMQ671" s="613"/>
      <c r="PMR671" s="613"/>
      <c r="PMS671" s="613"/>
      <c r="PMT671" s="613"/>
      <c r="PMU671" s="613"/>
      <c r="PMV671" s="613"/>
      <c r="PMW671" s="613"/>
      <c r="PMX671" s="613"/>
      <c r="PMY671" s="613"/>
      <c r="PMZ671" s="613"/>
      <c r="PNA671" s="613"/>
      <c r="PNB671" s="613"/>
      <c r="PNC671" s="613"/>
      <c r="PND671" s="613"/>
      <c r="PNE671" s="613"/>
      <c r="PNF671" s="613"/>
      <c r="PNG671" s="613"/>
      <c r="PNH671" s="613"/>
      <c r="PNI671" s="613"/>
      <c r="PNJ671" s="613"/>
      <c r="PNK671" s="613"/>
      <c r="PNL671" s="613"/>
      <c r="PNM671" s="613"/>
      <c r="PNN671" s="613"/>
      <c r="PNO671" s="613"/>
      <c r="PNP671" s="613"/>
      <c r="PNQ671" s="613"/>
      <c r="PNR671" s="613"/>
      <c r="PNS671" s="613"/>
      <c r="PNT671" s="613"/>
      <c r="PNU671" s="613"/>
      <c r="PNV671" s="613"/>
      <c r="PNW671" s="613"/>
      <c r="PNX671" s="613"/>
      <c r="PNY671" s="613"/>
      <c r="PNZ671" s="613"/>
      <c r="POA671" s="613"/>
      <c r="POB671" s="613"/>
      <c r="POC671" s="613"/>
      <c r="POD671" s="613"/>
      <c r="POE671" s="613"/>
      <c r="POF671" s="613"/>
      <c r="POG671" s="613"/>
      <c r="POH671" s="613"/>
      <c r="POI671" s="613"/>
      <c r="POJ671" s="613"/>
      <c r="POK671" s="613"/>
      <c r="POL671" s="613"/>
      <c r="POM671" s="613"/>
      <c r="PON671" s="613"/>
      <c r="POO671" s="613"/>
      <c r="POP671" s="613"/>
      <c r="POQ671" s="613"/>
      <c r="POR671" s="613"/>
      <c r="POS671" s="613"/>
      <c r="POT671" s="613"/>
      <c r="POU671" s="613"/>
      <c r="POV671" s="613"/>
      <c r="POW671" s="613"/>
      <c r="POX671" s="613"/>
      <c r="POY671" s="613"/>
      <c r="POZ671" s="613"/>
      <c r="PPA671" s="613"/>
      <c r="PPB671" s="613"/>
      <c r="PPC671" s="613"/>
      <c r="PPD671" s="613"/>
      <c r="PPE671" s="613"/>
      <c r="PPF671" s="613"/>
      <c r="PPG671" s="613"/>
      <c r="PPH671" s="613"/>
      <c r="PPI671" s="613"/>
      <c r="PPJ671" s="613"/>
      <c r="PPK671" s="613"/>
      <c r="PPL671" s="613"/>
      <c r="PPM671" s="613"/>
      <c r="PPN671" s="613"/>
      <c r="PPO671" s="613"/>
      <c r="PPP671" s="613"/>
      <c r="PPQ671" s="613"/>
      <c r="PPR671" s="613"/>
      <c r="PPS671" s="613"/>
      <c r="PPT671" s="613"/>
      <c r="PPU671" s="613"/>
      <c r="PPV671" s="613"/>
      <c r="PPW671" s="613"/>
      <c r="PPX671" s="613"/>
      <c r="PPY671" s="613"/>
      <c r="PPZ671" s="613"/>
      <c r="PQA671" s="613"/>
      <c r="PQB671" s="613"/>
      <c r="PQC671" s="613"/>
      <c r="PQD671" s="613"/>
      <c r="PQE671" s="613"/>
      <c r="PQF671" s="613"/>
      <c r="PQG671" s="613"/>
      <c r="PQH671" s="613"/>
      <c r="PQI671" s="613"/>
      <c r="PQJ671" s="613"/>
      <c r="PQK671" s="613"/>
      <c r="PQL671" s="613"/>
      <c r="PQM671" s="613"/>
      <c r="PQN671" s="613"/>
      <c r="PQO671" s="613"/>
      <c r="PQP671" s="613"/>
      <c r="PQQ671" s="613"/>
      <c r="PQR671" s="613"/>
      <c r="PQS671" s="613"/>
      <c r="PQT671" s="613"/>
      <c r="PQU671" s="613"/>
      <c r="PQV671" s="613"/>
      <c r="PQW671" s="613"/>
      <c r="PQX671" s="613"/>
      <c r="PQY671" s="613"/>
      <c r="PQZ671" s="613"/>
      <c r="PRA671" s="613"/>
      <c r="PRB671" s="613"/>
      <c r="PRC671" s="613"/>
      <c r="PRD671" s="613"/>
      <c r="PRE671" s="613"/>
      <c r="PRF671" s="613"/>
      <c r="PRG671" s="613"/>
      <c r="PRH671" s="613"/>
      <c r="PRI671" s="613"/>
      <c r="PRJ671" s="613"/>
      <c r="PRK671" s="613"/>
      <c r="PRL671" s="613"/>
      <c r="PRM671" s="613"/>
      <c r="PRN671" s="613"/>
      <c r="PRO671" s="613"/>
      <c r="PRP671" s="613"/>
      <c r="PRQ671" s="613"/>
      <c r="PRR671" s="613"/>
      <c r="PRS671" s="613"/>
      <c r="PRT671" s="613"/>
      <c r="PRU671" s="613"/>
      <c r="PRV671" s="613"/>
      <c r="PRW671" s="613"/>
      <c r="PRX671" s="613"/>
      <c r="PRY671" s="613"/>
      <c r="PRZ671" s="613"/>
      <c r="PSA671" s="613"/>
      <c r="PSB671" s="613"/>
      <c r="PSC671" s="613"/>
      <c r="PSD671" s="613"/>
      <c r="PSE671" s="613"/>
      <c r="PSF671" s="613"/>
      <c r="PSG671" s="613"/>
      <c r="PSH671" s="613"/>
      <c r="PSI671" s="613"/>
      <c r="PSJ671" s="613"/>
      <c r="PSK671" s="613"/>
      <c r="PSL671" s="613"/>
      <c r="PSM671" s="613"/>
      <c r="PSN671" s="613"/>
      <c r="PSO671" s="613"/>
      <c r="PSP671" s="613"/>
      <c r="PSQ671" s="613"/>
      <c r="PSR671" s="613"/>
      <c r="PSS671" s="613"/>
      <c r="PST671" s="613"/>
      <c r="PSU671" s="613"/>
      <c r="PSV671" s="613"/>
      <c r="PSW671" s="613"/>
      <c r="PSX671" s="613"/>
      <c r="PSY671" s="613"/>
      <c r="PSZ671" s="613"/>
      <c r="PTA671" s="613"/>
      <c r="PTB671" s="613"/>
      <c r="PTC671" s="613"/>
      <c r="PTD671" s="613"/>
      <c r="PTE671" s="613"/>
      <c r="PTF671" s="613"/>
      <c r="PTG671" s="613"/>
      <c r="PTH671" s="613"/>
      <c r="PTI671" s="613"/>
      <c r="PTJ671" s="613"/>
      <c r="PTK671" s="613"/>
      <c r="PTL671" s="613"/>
      <c r="PTM671" s="613"/>
      <c r="PTN671" s="613"/>
      <c r="PTO671" s="613"/>
      <c r="PTP671" s="613"/>
      <c r="PTQ671" s="613"/>
      <c r="PTR671" s="613"/>
      <c r="PTS671" s="613"/>
      <c r="PTT671" s="613"/>
      <c r="PTU671" s="613"/>
      <c r="PTV671" s="613"/>
      <c r="PTW671" s="613"/>
      <c r="PTX671" s="613"/>
      <c r="PTY671" s="613"/>
      <c r="PTZ671" s="613"/>
      <c r="PUA671" s="613"/>
      <c r="PUB671" s="613"/>
      <c r="PUC671" s="613"/>
      <c r="PUD671" s="613"/>
      <c r="PUE671" s="613"/>
      <c r="PUF671" s="613"/>
      <c r="PUG671" s="613"/>
      <c r="PUH671" s="613"/>
      <c r="PUI671" s="613"/>
      <c r="PUJ671" s="613"/>
      <c r="PUK671" s="613"/>
      <c r="PUL671" s="613"/>
      <c r="PUM671" s="613"/>
      <c r="PUN671" s="613"/>
      <c r="PUO671" s="613"/>
      <c r="PUP671" s="613"/>
      <c r="PUQ671" s="613"/>
      <c r="PUR671" s="613"/>
      <c r="PUS671" s="613"/>
      <c r="PUT671" s="613"/>
      <c r="PUU671" s="613"/>
      <c r="PUV671" s="613"/>
      <c r="PUW671" s="613"/>
      <c r="PUX671" s="613"/>
      <c r="PUY671" s="613"/>
      <c r="PUZ671" s="613"/>
      <c r="PVA671" s="613"/>
      <c r="PVB671" s="613"/>
      <c r="PVC671" s="613"/>
      <c r="PVD671" s="613"/>
      <c r="PVE671" s="613"/>
      <c r="PVF671" s="613"/>
      <c r="PVG671" s="613"/>
      <c r="PVH671" s="613"/>
      <c r="PVI671" s="613"/>
      <c r="PVJ671" s="613"/>
      <c r="PVK671" s="613"/>
      <c r="PVL671" s="613"/>
      <c r="PVM671" s="613"/>
      <c r="PVN671" s="613"/>
      <c r="PVO671" s="613"/>
      <c r="PVP671" s="613"/>
      <c r="PVQ671" s="613"/>
      <c r="PVR671" s="613"/>
      <c r="PVS671" s="613"/>
      <c r="PVT671" s="613"/>
      <c r="PVU671" s="613"/>
      <c r="PVV671" s="613"/>
      <c r="PVW671" s="613"/>
      <c r="PVX671" s="613"/>
      <c r="PVY671" s="613"/>
      <c r="PVZ671" s="613"/>
      <c r="PWA671" s="613"/>
      <c r="PWB671" s="613"/>
      <c r="PWC671" s="613"/>
      <c r="PWD671" s="613"/>
      <c r="PWE671" s="613"/>
      <c r="PWF671" s="613"/>
      <c r="PWG671" s="613"/>
      <c r="PWH671" s="613"/>
      <c r="PWI671" s="613"/>
      <c r="PWJ671" s="613"/>
      <c r="PWK671" s="613"/>
      <c r="PWL671" s="613"/>
      <c r="PWM671" s="613"/>
      <c r="PWN671" s="613"/>
      <c r="PWO671" s="613"/>
      <c r="PWP671" s="613"/>
      <c r="PWQ671" s="613"/>
      <c r="PWR671" s="613"/>
      <c r="PWS671" s="613"/>
      <c r="PWT671" s="613"/>
      <c r="PWU671" s="613"/>
      <c r="PWV671" s="613"/>
      <c r="PWW671" s="613"/>
      <c r="PWX671" s="613"/>
      <c r="PWY671" s="613"/>
      <c r="PWZ671" s="613"/>
      <c r="PXA671" s="613"/>
      <c r="PXB671" s="613"/>
      <c r="PXC671" s="613"/>
      <c r="PXD671" s="613"/>
      <c r="PXE671" s="613"/>
      <c r="PXF671" s="613"/>
      <c r="PXG671" s="613"/>
      <c r="PXH671" s="613"/>
      <c r="PXI671" s="613"/>
      <c r="PXJ671" s="613"/>
      <c r="PXK671" s="613"/>
      <c r="PXL671" s="613"/>
      <c r="PXM671" s="613"/>
      <c r="PXN671" s="613"/>
      <c r="PXO671" s="613"/>
      <c r="PXP671" s="613"/>
      <c r="PXQ671" s="613"/>
      <c r="PXR671" s="613"/>
      <c r="PXS671" s="613"/>
      <c r="PXT671" s="613"/>
      <c r="PXU671" s="613"/>
      <c r="PXV671" s="613"/>
      <c r="PXW671" s="613"/>
      <c r="PXX671" s="613"/>
      <c r="PXY671" s="613"/>
      <c r="PXZ671" s="613"/>
      <c r="PYA671" s="613"/>
      <c r="PYB671" s="613"/>
      <c r="PYC671" s="613"/>
      <c r="PYD671" s="613"/>
      <c r="PYE671" s="613"/>
      <c r="PYF671" s="613"/>
      <c r="PYG671" s="613"/>
      <c r="PYH671" s="613"/>
      <c r="PYI671" s="613"/>
      <c r="PYJ671" s="613"/>
      <c r="PYK671" s="613"/>
      <c r="PYL671" s="613"/>
      <c r="PYM671" s="613"/>
      <c r="PYN671" s="613"/>
      <c r="PYO671" s="613"/>
      <c r="PYP671" s="613"/>
      <c r="PYQ671" s="613"/>
      <c r="PYR671" s="613"/>
      <c r="PYS671" s="613"/>
      <c r="PYT671" s="613"/>
      <c r="PYU671" s="613"/>
      <c r="PYV671" s="613"/>
      <c r="PYW671" s="613"/>
      <c r="PYX671" s="613"/>
      <c r="PYY671" s="613"/>
      <c r="PYZ671" s="613"/>
      <c r="PZA671" s="613"/>
      <c r="PZB671" s="613"/>
      <c r="PZC671" s="613"/>
      <c r="PZD671" s="613"/>
      <c r="PZE671" s="613"/>
      <c r="PZF671" s="613"/>
      <c r="PZG671" s="613"/>
      <c r="PZH671" s="613"/>
      <c r="PZI671" s="613"/>
      <c r="PZJ671" s="613"/>
      <c r="PZK671" s="613"/>
      <c r="PZL671" s="613"/>
      <c r="PZM671" s="613"/>
      <c r="PZN671" s="613"/>
      <c r="PZO671" s="613"/>
      <c r="PZP671" s="613"/>
      <c r="PZQ671" s="613"/>
      <c r="PZR671" s="613"/>
      <c r="PZS671" s="613"/>
      <c r="PZT671" s="613"/>
      <c r="PZU671" s="613"/>
      <c r="PZV671" s="613"/>
      <c r="PZW671" s="613"/>
      <c r="PZX671" s="613"/>
      <c r="PZY671" s="613"/>
      <c r="PZZ671" s="613"/>
      <c r="QAA671" s="613"/>
      <c r="QAB671" s="613"/>
      <c r="QAC671" s="613"/>
      <c r="QAD671" s="613"/>
      <c r="QAE671" s="613"/>
      <c r="QAF671" s="613"/>
      <c r="QAG671" s="613"/>
      <c r="QAH671" s="613"/>
      <c r="QAI671" s="613"/>
      <c r="QAJ671" s="613"/>
      <c r="QAK671" s="613"/>
      <c r="QAL671" s="613"/>
      <c r="QAM671" s="613"/>
      <c r="QAN671" s="613"/>
      <c r="QAO671" s="613"/>
      <c r="QAP671" s="613"/>
      <c r="QAQ671" s="613"/>
      <c r="QAR671" s="613"/>
      <c r="QAS671" s="613"/>
      <c r="QAT671" s="613"/>
      <c r="QAU671" s="613"/>
      <c r="QAV671" s="613"/>
      <c r="QAW671" s="613"/>
      <c r="QAX671" s="613"/>
      <c r="QAY671" s="613"/>
      <c r="QAZ671" s="613"/>
      <c r="QBA671" s="613"/>
      <c r="QBB671" s="613"/>
      <c r="QBC671" s="613"/>
      <c r="QBD671" s="613"/>
      <c r="QBE671" s="613"/>
      <c r="QBF671" s="613"/>
      <c r="QBG671" s="613"/>
      <c r="QBH671" s="613"/>
      <c r="QBI671" s="613"/>
      <c r="QBJ671" s="613"/>
      <c r="QBK671" s="613"/>
      <c r="QBL671" s="613"/>
      <c r="QBM671" s="613"/>
      <c r="QBN671" s="613"/>
      <c r="QBO671" s="613"/>
      <c r="QBP671" s="613"/>
      <c r="QBQ671" s="613"/>
      <c r="QBR671" s="613"/>
      <c r="QBS671" s="613"/>
      <c r="QBT671" s="613"/>
      <c r="QBU671" s="613"/>
      <c r="QBV671" s="613"/>
      <c r="QBW671" s="613"/>
      <c r="QBX671" s="613"/>
      <c r="QBY671" s="613"/>
      <c r="QBZ671" s="613"/>
      <c r="QCA671" s="613"/>
      <c r="QCB671" s="613"/>
      <c r="QCC671" s="613"/>
      <c r="QCD671" s="613"/>
      <c r="QCE671" s="613"/>
      <c r="QCF671" s="613"/>
      <c r="QCG671" s="613"/>
      <c r="QCH671" s="613"/>
      <c r="QCI671" s="613"/>
      <c r="QCJ671" s="613"/>
      <c r="QCK671" s="613"/>
      <c r="QCL671" s="613"/>
      <c r="QCM671" s="613"/>
      <c r="QCN671" s="613"/>
      <c r="QCO671" s="613"/>
      <c r="QCP671" s="613"/>
      <c r="QCQ671" s="613"/>
      <c r="QCR671" s="613"/>
      <c r="QCS671" s="613"/>
      <c r="QCT671" s="613"/>
      <c r="QCU671" s="613"/>
      <c r="QCV671" s="613"/>
      <c r="QCW671" s="613"/>
      <c r="QCX671" s="613"/>
      <c r="QCY671" s="613"/>
      <c r="QCZ671" s="613"/>
      <c r="QDA671" s="613"/>
      <c r="QDB671" s="613"/>
      <c r="QDC671" s="613"/>
      <c r="QDD671" s="613"/>
      <c r="QDE671" s="613"/>
      <c r="QDF671" s="613"/>
      <c r="QDG671" s="613"/>
      <c r="QDH671" s="613"/>
      <c r="QDI671" s="613"/>
      <c r="QDJ671" s="613"/>
      <c r="QDK671" s="613"/>
      <c r="QDL671" s="613"/>
      <c r="QDM671" s="613"/>
      <c r="QDN671" s="613"/>
      <c r="QDO671" s="613"/>
      <c r="QDP671" s="613"/>
      <c r="QDQ671" s="613"/>
      <c r="QDR671" s="613"/>
      <c r="QDS671" s="613"/>
      <c r="QDT671" s="613"/>
      <c r="QDU671" s="613"/>
      <c r="QDV671" s="613"/>
      <c r="QDW671" s="613"/>
      <c r="QDX671" s="613"/>
      <c r="QDY671" s="613"/>
      <c r="QDZ671" s="613"/>
      <c r="QEA671" s="613"/>
      <c r="QEB671" s="613"/>
      <c r="QEC671" s="613"/>
      <c r="QED671" s="613"/>
      <c r="QEE671" s="613"/>
      <c r="QEF671" s="613"/>
      <c r="QEG671" s="613"/>
      <c r="QEH671" s="613"/>
      <c r="QEI671" s="613"/>
      <c r="QEJ671" s="613"/>
      <c r="QEK671" s="613"/>
      <c r="QEL671" s="613"/>
      <c r="QEM671" s="613"/>
      <c r="QEN671" s="613"/>
      <c r="QEO671" s="613"/>
      <c r="QEP671" s="613"/>
      <c r="QEQ671" s="613"/>
      <c r="QER671" s="613"/>
      <c r="QES671" s="613"/>
      <c r="QET671" s="613"/>
      <c r="QEU671" s="613"/>
      <c r="QEV671" s="613"/>
      <c r="QEW671" s="613"/>
      <c r="QEX671" s="613"/>
      <c r="QEY671" s="613"/>
      <c r="QEZ671" s="613"/>
      <c r="QFA671" s="613"/>
      <c r="QFB671" s="613"/>
      <c r="QFC671" s="613"/>
      <c r="QFD671" s="613"/>
      <c r="QFE671" s="613"/>
      <c r="QFF671" s="613"/>
      <c r="QFG671" s="613"/>
      <c r="QFH671" s="613"/>
      <c r="QFI671" s="613"/>
      <c r="QFJ671" s="613"/>
      <c r="QFK671" s="613"/>
      <c r="QFL671" s="613"/>
      <c r="QFM671" s="613"/>
      <c r="QFN671" s="613"/>
      <c r="QFO671" s="613"/>
      <c r="QFP671" s="613"/>
      <c r="QFQ671" s="613"/>
      <c r="QFR671" s="613"/>
      <c r="QFS671" s="613"/>
      <c r="QFT671" s="613"/>
      <c r="QFU671" s="613"/>
      <c r="QFV671" s="613"/>
      <c r="QFW671" s="613"/>
      <c r="QFX671" s="613"/>
      <c r="QFY671" s="613"/>
      <c r="QFZ671" s="613"/>
      <c r="QGA671" s="613"/>
      <c r="QGB671" s="613"/>
      <c r="QGC671" s="613"/>
      <c r="QGD671" s="613"/>
      <c r="QGE671" s="613"/>
      <c r="QGF671" s="613"/>
      <c r="QGG671" s="613"/>
      <c r="QGH671" s="613"/>
      <c r="QGI671" s="613"/>
      <c r="QGJ671" s="613"/>
      <c r="QGK671" s="613"/>
      <c r="QGL671" s="613"/>
      <c r="QGM671" s="613"/>
      <c r="QGN671" s="613"/>
      <c r="QGO671" s="613"/>
      <c r="QGP671" s="613"/>
      <c r="QGQ671" s="613"/>
      <c r="QGR671" s="613"/>
      <c r="QGS671" s="613"/>
      <c r="QGT671" s="613"/>
      <c r="QGU671" s="613"/>
      <c r="QGV671" s="613"/>
      <c r="QGW671" s="613"/>
      <c r="QGX671" s="613"/>
      <c r="QGY671" s="613"/>
      <c r="QGZ671" s="613"/>
      <c r="QHA671" s="613"/>
      <c r="QHB671" s="613"/>
      <c r="QHC671" s="613"/>
      <c r="QHD671" s="613"/>
      <c r="QHE671" s="613"/>
      <c r="QHF671" s="613"/>
      <c r="QHG671" s="613"/>
      <c r="QHH671" s="613"/>
      <c r="QHI671" s="613"/>
      <c r="QHJ671" s="613"/>
      <c r="QHK671" s="613"/>
      <c r="QHL671" s="613"/>
      <c r="QHM671" s="613"/>
      <c r="QHN671" s="613"/>
      <c r="QHO671" s="613"/>
      <c r="QHP671" s="613"/>
      <c r="QHQ671" s="613"/>
      <c r="QHR671" s="613"/>
      <c r="QHS671" s="613"/>
      <c r="QHT671" s="613"/>
      <c r="QHU671" s="613"/>
      <c r="QHV671" s="613"/>
      <c r="QHW671" s="613"/>
      <c r="QHX671" s="613"/>
      <c r="QHY671" s="613"/>
      <c r="QHZ671" s="613"/>
      <c r="QIA671" s="613"/>
      <c r="QIB671" s="613"/>
      <c r="QIC671" s="613"/>
      <c r="QID671" s="613"/>
      <c r="QIE671" s="613"/>
      <c r="QIF671" s="613"/>
      <c r="QIG671" s="613"/>
      <c r="QIH671" s="613"/>
      <c r="QII671" s="613"/>
      <c r="QIJ671" s="613"/>
      <c r="QIK671" s="613"/>
      <c r="QIL671" s="613"/>
      <c r="QIM671" s="613"/>
      <c r="QIN671" s="613"/>
      <c r="QIO671" s="613"/>
      <c r="QIP671" s="613"/>
      <c r="QIQ671" s="613"/>
      <c r="QIR671" s="613"/>
      <c r="QIS671" s="613"/>
      <c r="QIT671" s="613"/>
      <c r="QIU671" s="613"/>
      <c r="QIV671" s="613"/>
      <c r="QIW671" s="613"/>
      <c r="QIX671" s="613"/>
      <c r="QIY671" s="613"/>
      <c r="QIZ671" s="613"/>
      <c r="QJA671" s="613"/>
      <c r="QJB671" s="613"/>
      <c r="QJC671" s="613"/>
      <c r="QJD671" s="613"/>
      <c r="QJE671" s="613"/>
      <c r="QJF671" s="613"/>
      <c r="QJG671" s="613"/>
      <c r="QJH671" s="613"/>
      <c r="QJI671" s="613"/>
      <c r="QJJ671" s="613"/>
      <c r="QJK671" s="613"/>
      <c r="QJL671" s="613"/>
      <c r="QJM671" s="613"/>
      <c r="QJN671" s="613"/>
      <c r="QJO671" s="613"/>
      <c r="QJP671" s="613"/>
      <c r="QJQ671" s="613"/>
      <c r="QJR671" s="613"/>
      <c r="QJS671" s="613"/>
      <c r="QJT671" s="613"/>
      <c r="QJU671" s="613"/>
      <c r="QJV671" s="613"/>
      <c r="QJW671" s="613"/>
      <c r="QJX671" s="613"/>
      <c r="QJY671" s="613"/>
      <c r="QJZ671" s="613"/>
      <c r="QKA671" s="613"/>
      <c r="QKB671" s="613"/>
      <c r="QKC671" s="613"/>
      <c r="QKD671" s="613"/>
      <c r="QKE671" s="613"/>
      <c r="QKF671" s="613"/>
      <c r="QKG671" s="613"/>
      <c r="QKH671" s="613"/>
      <c r="QKI671" s="613"/>
      <c r="QKJ671" s="613"/>
      <c r="QKK671" s="613"/>
      <c r="QKL671" s="613"/>
      <c r="QKM671" s="613"/>
      <c r="QKN671" s="613"/>
      <c r="QKO671" s="613"/>
      <c r="QKP671" s="613"/>
      <c r="QKQ671" s="613"/>
      <c r="QKR671" s="613"/>
      <c r="QKS671" s="613"/>
      <c r="QKT671" s="613"/>
      <c r="QKU671" s="613"/>
      <c r="QKV671" s="613"/>
      <c r="QKW671" s="613"/>
      <c r="QKX671" s="613"/>
      <c r="QKY671" s="613"/>
      <c r="QKZ671" s="613"/>
      <c r="QLA671" s="613"/>
      <c r="QLB671" s="613"/>
      <c r="QLC671" s="613"/>
      <c r="QLD671" s="613"/>
      <c r="QLE671" s="613"/>
      <c r="QLF671" s="613"/>
      <c r="QLG671" s="613"/>
      <c r="QLH671" s="613"/>
      <c r="QLI671" s="613"/>
      <c r="QLJ671" s="613"/>
      <c r="QLK671" s="613"/>
      <c r="QLL671" s="613"/>
      <c r="QLM671" s="613"/>
      <c r="QLN671" s="613"/>
      <c r="QLO671" s="613"/>
      <c r="QLP671" s="613"/>
      <c r="QLQ671" s="613"/>
      <c r="QLR671" s="613"/>
      <c r="QLS671" s="613"/>
      <c r="QLT671" s="613"/>
      <c r="QLU671" s="613"/>
      <c r="QLV671" s="613"/>
      <c r="QLW671" s="613"/>
      <c r="QLX671" s="613"/>
      <c r="QLY671" s="613"/>
      <c r="QLZ671" s="613"/>
      <c r="QMA671" s="613"/>
      <c r="QMB671" s="613"/>
      <c r="QMC671" s="613"/>
      <c r="QMD671" s="613"/>
      <c r="QME671" s="613"/>
      <c r="QMF671" s="613"/>
      <c r="QMG671" s="613"/>
      <c r="QMH671" s="613"/>
      <c r="QMI671" s="613"/>
      <c r="QMJ671" s="613"/>
      <c r="QMK671" s="613"/>
      <c r="QML671" s="613"/>
      <c r="QMM671" s="613"/>
      <c r="QMN671" s="613"/>
      <c r="QMO671" s="613"/>
      <c r="QMP671" s="613"/>
      <c r="QMQ671" s="613"/>
      <c r="QMR671" s="613"/>
      <c r="QMS671" s="613"/>
      <c r="QMT671" s="613"/>
      <c r="QMU671" s="613"/>
      <c r="QMV671" s="613"/>
      <c r="QMW671" s="613"/>
      <c r="QMX671" s="613"/>
      <c r="QMY671" s="613"/>
      <c r="QMZ671" s="613"/>
      <c r="QNA671" s="613"/>
      <c r="QNB671" s="613"/>
      <c r="QNC671" s="613"/>
      <c r="QND671" s="613"/>
      <c r="QNE671" s="613"/>
      <c r="QNF671" s="613"/>
      <c r="QNG671" s="613"/>
      <c r="QNH671" s="613"/>
      <c r="QNI671" s="613"/>
      <c r="QNJ671" s="613"/>
      <c r="QNK671" s="613"/>
      <c r="QNL671" s="613"/>
      <c r="QNM671" s="613"/>
      <c r="QNN671" s="613"/>
      <c r="QNO671" s="613"/>
      <c r="QNP671" s="613"/>
      <c r="QNQ671" s="613"/>
      <c r="QNR671" s="613"/>
      <c r="QNS671" s="613"/>
      <c r="QNT671" s="613"/>
      <c r="QNU671" s="613"/>
      <c r="QNV671" s="613"/>
      <c r="QNW671" s="613"/>
      <c r="QNX671" s="613"/>
      <c r="QNY671" s="613"/>
      <c r="QNZ671" s="613"/>
      <c r="QOA671" s="613"/>
      <c r="QOB671" s="613"/>
      <c r="QOC671" s="613"/>
      <c r="QOD671" s="613"/>
      <c r="QOE671" s="613"/>
      <c r="QOF671" s="613"/>
      <c r="QOG671" s="613"/>
      <c r="QOH671" s="613"/>
      <c r="QOI671" s="613"/>
      <c r="QOJ671" s="613"/>
      <c r="QOK671" s="613"/>
      <c r="QOL671" s="613"/>
      <c r="QOM671" s="613"/>
      <c r="QON671" s="613"/>
      <c r="QOO671" s="613"/>
      <c r="QOP671" s="613"/>
      <c r="QOQ671" s="613"/>
      <c r="QOR671" s="613"/>
      <c r="QOS671" s="613"/>
      <c r="QOT671" s="613"/>
      <c r="QOU671" s="613"/>
      <c r="QOV671" s="613"/>
      <c r="QOW671" s="613"/>
      <c r="QOX671" s="613"/>
      <c r="QOY671" s="613"/>
      <c r="QOZ671" s="613"/>
      <c r="QPA671" s="613"/>
      <c r="QPB671" s="613"/>
      <c r="QPC671" s="613"/>
      <c r="QPD671" s="613"/>
      <c r="QPE671" s="613"/>
      <c r="QPF671" s="613"/>
      <c r="QPG671" s="613"/>
      <c r="QPH671" s="613"/>
      <c r="QPI671" s="613"/>
      <c r="QPJ671" s="613"/>
      <c r="QPK671" s="613"/>
      <c r="QPL671" s="613"/>
      <c r="QPM671" s="613"/>
      <c r="QPN671" s="613"/>
      <c r="QPO671" s="613"/>
      <c r="QPP671" s="613"/>
      <c r="QPQ671" s="613"/>
      <c r="QPR671" s="613"/>
      <c r="QPS671" s="613"/>
      <c r="QPT671" s="613"/>
      <c r="QPU671" s="613"/>
      <c r="QPV671" s="613"/>
      <c r="QPW671" s="613"/>
      <c r="QPX671" s="613"/>
      <c r="QPY671" s="613"/>
      <c r="QPZ671" s="613"/>
      <c r="QQA671" s="613"/>
      <c r="QQB671" s="613"/>
      <c r="QQC671" s="613"/>
      <c r="QQD671" s="613"/>
      <c r="QQE671" s="613"/>
      <c r="QQF671" s="613"/>
      <c r="QQG671" s="613"/>
      <c r="QQH671" s="613"/>
      <c r="QQI671" s="613"/>
      <c r="QQJ671" s="613"/>
      <c r="QQK671" s="613"/>
      <c r="QQL671" s="613"/>
      <c r="QQM671" s="613"/>
      <c r="QQN671" s="613"/>
      <c r="QQO671" s="613"/>
      <c r="QQP671" s="613"/>
      <c r="QQQ671" s="613"/>
      <c r="QQR671" s="613"/>
      <c r="QQS671" s="613"/>
      <c r="QQT671" s="613"/>
      <c r="QQU671" s="613"/>
      <c r="QQV671" s="613"/>
      <c r="QQW671" s="613"/>
      <c r="QQX671" s="613"/>
      <c r="QQY671" s="613"/>
      <c r="QQZ671" s="613"/>
      <c r="QRA671" s="613"/>
      <c r="QRB671" s="613"/>
      <c r="QRC671" s="613"/>
      <c r="QRD671" s="613"/>
      <c r="QRE671" s="613"/>
      <c r="QRF671" s="613"/>
      <c r="QRG671" s="613"/>
      <c r="QRH671" s="613"/>
      <c r="QRI671" s="613"/>
      <c r="QRJ671" s="613"/>
      <c r="QRK671" s="613"/>
      <c r="QRL671" s="613"/>
      <c r="QRM671" s="613"/>
      <c r="QRN671" s="613"/>
      <c r="QRO671" s="613"/>
      <c r="QRP671" s="613"/>
      <c r="QRQ671" s="613"/>
      <c r="QRR671" s="613"/>
      <c r="QRS671" s="613"/>
      <c r="QRT671" s="613"/>
      <c r="QRU671" s="613"/>
      <c r="QRV671" s="613"/>
      <c r="QRW671" s="613"/>
      <c r="QRX671" s="613"/>
      <c r="QRY671" s="613"/>
      <c r="QRZ671" s="613"/>
      <c r="QSA671" s="613"/>
      <c r="QSB671" s="613"/>
      <c r="QSC671" s="613"/>
      <c r="QSD671" s="613"/>
      <c r="QSE671" s="613"/>
      <c r="QSF671" s="613"/>
      <c r="QSG671" s="613"/>
      <c r="QSH671" s="613"/>
      <c r="QSI671" s="613"/>
      <c r="QSJ671" s="613"/>
      <c r="QSK671" s="613"/>
      <c r="QSL671" s="613"/>
      <c r="QSM671" s="613"/>
      <c r="QSN671" s="613"/>
      <c r="QSO671" s="613"/>
      <c r="QSP671" s="613"/>
      <c r="QSQ671" s="613"/>
      <c r="QSR671" s="613"/>
      <c r="QSS671" s="613"/>
      <c r="QST671" s="613"/>
      <c r="QSU671" s="613"/>
      <c r="QSV671" s="613"/>
      <c r="QSW671" s="613"/>
      <c r="QSX671" s="613"/>
      <c r="QSY671" s="613"/>
      <c r="QSZ671" s="613"/>
      <c r="QTA671" s="613"/>
      <c r="QTB671" s="613"/>
      <c r="QTC671" s="613"/>
      <c r="QTD671" s="613"/>
      <c r="QTE671" s="613"/>
      <c r="QTF671" s="613"/>
      <c r="QTG671" s="613"/>
      <c r="QTH671" s="613"/>
      <c r="QTI671" s="613"/>
      <c r="QTJ671" s="613"/>
      <c r="QTK671" s="613"/>
      <c r="QTL671" s="613"/>
      <c r="QTM671" s="613"/>
      <c r="QTN671" s="613"/>
      <c r="QTO671" s="613"/>
      <c r="QTP671" s="613"/>
      <c r="QTQ671" s="613"/>
      <c r="QTR671" s="613"/>
      <c r="QTS671" s="613"/>
      <c r="QTT671" s="613"/>
      <c r="QTU671" s="613"/>
      <c r="QTV671" s="613"/>
      <c r="QTW671" s="613"/>
      <c r="QTX671" s="613"/>
      <c r="QTY671" s="613"/>
      <c r="QTZ671" s="613"/>
      <c r="QUA671" s="613"/>
      <c r="QUB671" s="613"/>
      <c r="QUC671" s="613"/>
      <c r="QUD671" s="613"/>
      <c r="QUE671" s="613"/>
      <c r="QUF671" s="613"/>
      <c r="QUG671" s="613"/>
      <c r="QUH671" s="613"/>
      <c r="QUI671" s="613"/>
      <c r="QUJ671" s="613"/>
      <c r="QUK671" s="613"/>
      <c r="QUL671" s="613"/>
      <c r="QUM671" s="613"/>
      <c r="QUN671" s="613"/>
      <c r="QUO671" s="613"/>
      <c r="QUP671" s="613"/>
      <c r="QUQ671" s="613"/>
      <c r="QUR671" s="613"/>
      <c r="QUS671" s="613"/>
      <c r="QUT671" s="613"/>
      <c r="QUU671" s="613"/>
      <c r="QUV671" s="613"/>
      <c r="QUW671" s="613"/>
      <c r="QUX671" s="613"/>
      <c r="QUY671" s="613"/>
      <c r="QUZ671" s="613"/>
      <c r="QVA671" s="613"/>
      <c r="QVB671" s="613"/>
      <c r="QVC671" s="613"/>
      <c r="QVD671" s="613"/>
      <c r="QVE671" s="613"/>
      <c r="QVF671" s="613"/>
      <c r="QVG671" s="613"/>
      <c r="QVH671" s="613"/>
      <c r="QVI671" s="613"/>
      <c r="QVJ671" s="613"/>
      <c r="QVK671" s="613"/>
      <c r="QVL671" s="613"/>
      <c r="QVM671" s="613"/>
      <c r="QVN671" s="613"/>
      <c r="QVO671" s="613"/>
      <c r="QVP671" s="613"/>
      <c r="QVQ671" s="613"/>
      <c r="QVR671" s="613"/>
      <c r="QVS671" s="613"/>
      <c r="QVT671" s="613"/>
      <c r="QVU671" s="613"/>
      <c r="QVV671" s="613"/>
      <c r="QVW671" s="613"/>
      <c r="QVX671" s="613"/>
      <c r="QVY671" s="613"/>
      <c r="QVZ671" s="613"/>
      <c r="QWA671" s="613"/>
      <c r="QWB671" s="613"/>
      <c r="QWC671" s="613"/>
      <c r="QWD671" s="613"/>
      <c r="QWE671" s="613"/>
      <c r="QWF671" s="613"/>
      <c r="QWG671" s="613"/>
      <c r="QWH671" s="613"/>
      <c r="QWI671" s="613"/>
      <c r="QWJ671" s="613"/>
      <c r="QWK671" s="613"/>
      <c r="QWL671" s="613"/>
      <c r="QWM671" s="613"/>
      <c r="QWN671" s="613"/>
      <c r="QWO671" s="613"/>
      <c r="QWP671" s="613"/>
      <c r="QWQ671" s="613"/>
      <c r="QWR671" s="613"/>
      <c r="QWS671" s="613"/>
      <c r="QWT671" s="613"/>
      <c r="QWU671" s="613"/>
      <c r="QWV671" s="613"/>
      <c r="QWW671" s="613"/>
      <c r="QWX671" s="613"/>
      <c r="QWY671" s="613"/>
      <c r="QWZ671" s="613"/>
      <c r="QXA671" s="613"/>
      <c r="QXB671" s="613"/>
      <c r="QXC671" s="613"/>
      <c r="QXD671" s="613"/>
      <c r="QXE671" s="613"/>
      <c r="QXF671" s="613"/>
      <c r="QXG671" s="613"/>
      <c r="QXH671" s="613"/>
      <c r="QXI671" s="613"/>
      <c r="QXJ671" s="613"/>
      <c r="QXK671" s="613"/>
      <c r="QXL671" s="613"/>
      <c r="QXM671" s="613"/>
      <c r="QXN671" s="613"/>
      <c r="QXO671" s="613"/>
      <c r="QXP671" s="613"/>
      <c r="QXQ671" s="613"/>
      <c r="QXR671" s="613"/>
      <c r="QXS671" s="613"/>
      <c r="QXT671" s="613"/>
      <c r="QXU671" s="613"/>
      <c r="QXV671" s="613"/>
      <c r="QXW671" s="613"/>
      <c r="QXX671" s="613"/>
      <c r="QXY671" s="613"/>
      <c r="QXZ671" s="613"/>
      <c r="QYA671" s="613"/>
      <c r="QYB671" s="613"/>
      <c r="QYC671" s="613"/>
      <c r="QYD671" s="613"/>
      <c r="QYE671" s="613"/>
      <c r="QYF671" s="613"/>
      <c r="QYG671" s="613"/>
      <c r="QYH671" s="613"/>
      <c r="QYI671" s="613"/>
      <c r="QYJ671" s="613"/>
      <c r="QYK671" s="613"/>
      <c r="QYL671" s="613"/>
      <c r="QYM671" s="613"/>
      <c r="QYN671" s="613"/>
      <c r="QYO671" s="613"/>
      <c r="QYP671" s="613"/>
      <c r="QYQ671" s="613"/>
      <c r="QYR671" s="613"/>
      <c r="QYS671" s="613"/>
      <c r="QYT671" s="613"/>
      <c r="QYU671" s="613"/>
      <c r="QYV671" s="613"/>
      <c r="QYW671" s="613"/>
      <c r="QYX671" s="613"/>
      <c r="QYY671" s="613"/>
      <c r="QYZ671" s="613"/>
      <c r="QZA671" s="613"/>
      <c r="QZB671" s="613"/>
      <c r="QZC671" s="613"/>
      <c r="QZD671" s="613"/>
      <c r="QZE671" s="613"/>
      <c r="QZF671" s="613"/>
      <c r="QZG671" s="613"/>
      <c r="QZH671" s="613"/>
      <c r="QZI671" s="613"/>
      <c r="QZJ671" s="613"/>
      <c r="QZK671" s="613"/>
      <c r="QZL671" s="613"/>
      <c r="QZM671" s="613"/>
      <c r="QZN671" s="613"/>
      <c r="QZO671" s="613"/>
      <c r="QZP671" s="613"/>
      <c r="QZQ671" s="613"/>
      <c r="QZR671" s="613"/>
      <c r="QZS671" s="613"/>
      <c r="QZT671" s="613"/>
      <c r="QZU671" s="613"/>
      <c r="QZV671" s="613"/>
      <c r="QZW671" s="613"/>
      <c r="QZX671" s="613"/>
      <c r="QZY671" s="613"/>
      <c r="QZZ671" s="613"/>
      <c r="RAA671" s="613"/>
      <c r="RAB671" s="613"/>
      <c r="RAC671" s="613"/>
      <c r="RAD671" s="613"/>
      <c r="RAE671" s="613"/>
      <c r="RAF671" s="613"/>
      <c r="RAG671" s="613"/>
      <c r="RAH671" s="613"/>
      <c r="RAI671" s="613"/>
      <c r="RAJ671" s="613"/>
      <c r="RAK671" s="613"/>
      <c r="RAL671" s="613"/>
      <c r="RAM671" s="613"/>
      <c r="RAN671" s="613"/>
      <c r="RAO671" s="613"/>
      <c r="RAP671" s="613"/>
      <c r="RAQ671" s="613"/>
      <c r="RAR671" s="613"/>
      <c r="RAS671" s="613"/>
      <c r="RAT671" s="613"/>
      <c r="RAU671" s="613"/>
      <c r="RAV671" s="613"/>
      <c r="RAW671" s="613"/>
      <c r="RAX671" s="613"/>
      <c r="RAY671" s="613"/>
      <c r="RAZ671" s="613"/>
      <c r="RBA671" s="613"/>
      <c r="RBB671" s="613"/>
      <c r="RBC671" s="613"/>
      <c r="RBD671" s="613"/>
      <c r="RBE671" s="613"/>
      <c r="RBF671" s="613"/>
      <c r="RBG671" s="613"/>
      <c r="RBH671" s="613"/>
      <c r="RBI671" s="613"/>
      <c r="RBJ671" s="613"/>
      <c r="RBK671" s="613"/>
      <c r="RBL671" s="613"/>
      <c r="RBM671" s="613"/>
      <c r="RBN671" s="613"/>
      <c r="RBO671" s="613"/>
      <c r="RBP671" s="613"/>
      <c r="RBQ671" s="613"/>
      <c r="RBR671" s="613"/>
      <c r="RBS671" s="613"/>
      <c r="RBT671" s="613"/>
      <c r="RBU671" s="613"/>
      <c r="RBV671" s="613"/>
      <c r="RBW671" s="613"/>
      <c r="RBX671" s="613"/>
      <c r="RBY671" s="613"/>
      <c r="RBZ671" s="613"/>
      <c r="RCA671" s="613"/>
      <c r="RCB671" s="613"/>
      <c r="RCC671" s="613"/>
      <c r="RCD671" s="613"/>
      <c r="RCE671" s="613"/>
      <c r="RCF671" s="613"/>
      <c r="RCG671" s="613"/>
      <c r="RCH671" s="613"/>
      <c r="RCI671" s="613"/>
      <c r="RCJ671" s="613"/>
      <c r="RCK671" s="613"/>
      <c r="RCL671" s="613"/>
      <c r="RCM671" s="613"/>
      <c r="RCN671" s="613"/>
      <c r="RCO671" s="613"/>
      <c r="RCP671" s="613"/>
      <c r="RCQ671" s="613"/>
      <c r="RCR671" s="613"/>
      <c r="RCS671" s="613"/>
      <c r="RCT671" s="613"/>
      <c r="RCU671" s="613"/>
      <c r="RCV671" s="613"/>
      <c r="RCW671" s="613"/>
      <c r="RCX671" s="613"/>
      <c r="RCY671" s="613"/>
      <c r="RCZ671" s="613"/>
      <c r="RDA671" s="613"/>
      <c r="RDB671" s="613"/>
      <c r="RDC671" s="613"/>
      <c r="RDD671" s="613"/>
      <c r="RDE671" s="613"/>
      <c r="RDF671" s="613"/>
      <c r="RDG671" s="613"/>
      <c r="RDH671" s="613"/>
      <c r="RDI671" s="613"/>
      <c r="RDJ671" s="613"/>
      <c r="RDK671" s="613"/>
      <c r="RDL671" s="613"/>
      <c r="RDM671" s="613"/>
      <c r="RDN671" s="613"/>
      <c r="RDO671" s="613"/>
      <c r="RDP671" s="613"/>
      <c r="RDQ671" s="613"/>
      <c r="RDR671" s="613"/>
      <c r="RDS671" s="613"/>
      <c r="RDT671" s="613"/>
      <c r="RDU671" s="613"/>
      <c r="RDV671" s="613"/>
      <c r="RDW671" s="613"/>
      <c r="RDX671" s="613"/>
      <c r="RDY671" s="613"/>
      <c r="RDZ671" s="613"/>
      <c r="REA671" s="613"/>
      <c r="REB671" s="613"/>
      <c r="REC671" s="613"/>
      <c r="RED671" s="613"/>
      <c r="REE671" s="613"/>
      <c r="REF671" s="613"/>
      <c r="REG671" s="613"/>
      <c r="REH671" s="613"/>
      <c r="REI671" s="613"/>
      <c r="REJ671" s="613"/>
      <c r="REK671" s="613"/>
      <c r="REL671" s="613"/>
      <c r="REM671" s="613"/>
      <c r="REN671" s="613"/>
      <c r="REO671" s="613"/>
      <c r="REP671" s="613"/>
      <c r="REQ671" s="613"/>
      <c r="RER671" s="613"/>
      <c r="RES671" s="613"/>
      <c r="RET671" s="613"/>
      <c r="REU671" s="613"/>
      <c r="REV671" s="613"/>
      <c r="REW671" s="613"/>
      <c r="REX671" s="613"/>
      <c r="REY671" s="613"/>
      <c r="REZ671" s="613"/>
      <c r="RFA671" s="613"/>
      <c r="RFB671" s="613"/>
      <c r="RFC671" s="613"/>
      <c r="RFD671" s="613"/>
      <c r="RFE671" s="613"/>
      <c r="RFF671" s="613"/>
      <c r="RFG671" s="613"/>
      <c r="RFH671" s="613"/>
      <c r="RFI671" s="613"/>
      <c r="RFJ671" s="613"/>
      <c r="RFK671" s="613"/>
      <c r="RFL671" s="613"/>
      <c r="RFM671" s="613"/>
      <c r="RFN671" s="613"/>
      <c r="RFO671" s="613"/>
      <c r="RFP671" s="613"/>
      <c r="RFQ671" s="613"/>
      <c r="RFR671" s="613"/>
      <c r="RFS671" s="613"/>
      <c r="RFT671" s="613"/>
      <c r="RFU671" s="613"/>
      <c r="RFV671" s="613"/>
      <c r="RFW671" s="613"/>
      <c r="RFX671" s="613"/>
      <c r="RFY671" s="613"/>
      <c r="RFZ671" s="613"/>
      <c r="RGA671" s="613"/>
      <c r="RGB671" s="613"/>
      <c r="RGC671" s="613"/>
      <c r="RGD671" s="613"/>
      <c r="RGE671" s="613"/>
      <c r="RGF671" s="613"/>
      <c r="RGG671" s="613"/>
      <c r="RGH671" s="613"/>
      <c r="RGI671" s="613"/>
      <c r="RGJ671" s="613"/>
      <c r="RGK671" s="613"/>
      <c r="RGL671" s="613"/>
      <c r="RGM671" s="613"/>
      <c r="RGN671" s="613"/>
      <c r="RGO671" s="613"/>
      <c r="RGP671" s="613"/>
      <c r="RGQ671" s="613"/>
      <c r="RGR671" s="613"/>
      <c r="RGS671" s="613"/>
      <c r="RGT671" s="613"/>
      <c r="RGU671" s="613"/>
      <c r="RGV671" s="613"/>
      <c r="RGW671" s="613"/>
      <c r="RGX671" s="613"/>
      <c r="RGY671" s="613"/>
      <c r="RGZ671" s="613"/>
      <c r="RHA671" s="613"/>
      <c r="RHB671" s="613"/>
      <c r="RHC671" s="613"/>
      <c r="RHD671" s="613"/>
      <c r="RHE671" s="613"/>
      <c r="RHF671" s="613"/>
      <c r="RHG671" s="613"/>
      <c r="RHH671" s="613"/>
      <c r="RHI671" s="613"/>
      <c r="RHJ671" s="613"/>
      <c r="RHK671" s="613"/>
      <c r="RHL671" s="613"/>
      <c r="RHM671" s="613"/>
      <c r="RHN671" s="613"/>
      <c r="RHO671" s="613"/>
      <c r="RHP671" s="613"/>
      <c r="RHQ671" s="613"/>
      <c r="RHR671" s="613"/>
      <c r="RHS671" s="613"/>
      <c r="RHT671" s="613"/>
      <c r="RHU671" s="613"/>
      <c r="RHV671" s="613"/>
      <c r="RHW671" s="613"/>
      <c r="RHX671" s="613"/>
      <c r="RHY671" s="613"/>
      <c r="RHZ671" s="613"/>
      <c r="RIA671" s="613"/>
      <c r="RIB671" s="613"/>
      <c r="RIC671" s="613"/>
      <c r="RID671" s="613"/>
      <c r="RIE671" s="613"/>
      <c r="RIF671" s="613"/>
      <c r="RIG671" s="613"/>
      <c r="RIH671" s="613"/>
      <c r="RII671" s="613"/>
      <c r="RIJ671" s="613"/>
      <c r="RIK671" s="613"/>
      <c r="RIL671" s="613"/>
      <c r="RIM671" s="613"/>
      <c r="RIN671" s="613"/>
      <c r="RIO671" s="613"/>
      <c r="RIP671" s="613"/>
      <c r="RIQ671" s="613"/>
      <c r="RIR671" s="613"/>
      <c r="RIS671" s="613"/>
      <c r="RIT671" s="613"/>
      <c r="RIU671" s="613"/>
      <c r="RIV671" s="613"/>
      <c r="RIW671" s="613"/>
      <c r="RIX671" s="613"/>
      <c r="RIY671" s="613"/>
      <c r="RIZ671" s="613"/>
      <c r="RJA671" s="613"/>
      <c r="RJB671" s="613"/>
      <c r="RJC671" s="613"/>
      <c r="RJD671" s="613"/>
      <c r="RJE671" s="613"/>
      <c r="RJF671" s="613"/>
      <c r="RJG671" s="613"/>
      <c r="RJH671" s="613"/>
      <c r="RJI671" s="613"/>
      <c r="RJJ671" s="613"/>
      <c r="RJK671" s="613"/>
      <c r="RJL671" s="613"/>
      <c r="RJM671" s="613"/>
      <c r="RJN671" s="613"/>
      <c r="RJO671" s="613"/>
      <c r="RJP671" s="613"/>
      <c r="RJQ671" s="613"/>
      <c r="RJR671" s="613"/>
      <c r="RJS671" s="613"/>
      <c r="RJT671" s="613"/>
      <c r="RJU671" s="613"/>
      <c r="RJV671" s="613"/>
      <c r="RJW671" s="613"/>
      <c r="RJX671" s="613"/>
      <c r="RJY671" s="613"/>
      <c r="RJZ671" s="613"/>
      <c r="RKA671" s="613"/>
      <c r="RKB671" s="613"/>
      <c r="RKC671" s="613"/>
      <c r="RKD671" s="613"/>
      <c r="RKE671" s="613"/>
      <c r="RKF671" s="613"/>
      <c r="RKG671" s="613"/>
      <c r="RKH671" s="613"/>
      <c r="RKI671" s="613"/>
      <c r="RKJ671" s="613"/>
      <c r="RKK671" s="613"/>
      <c r="RKL671" s="613"/>
      <c r="RKM671" s="613"/>
      <c r="RKN671" s="613"/>
      <c r="RKO671" s="613"/>
      <c r="RKP671" s="613"/>
      <c r="RKQ671" s="613"/>
      <c r="RKR671" s="613"/>
      <c r="RKS671" s="613"/>
      <c r="RKT671" s="613"/>
      <c r="RKU671" s="613"/>
      <c r="RKV671" s="613"/>
      <c r="RKW671" s="613"/>
      <c r="RKX671" s="613"/>
      <c r="RKY671" s="613"/>
      <c r="RKZ671" s="613"/>
      <c r="RLA671" s="613"/>
      <c r="RLB671" s="613"/>
      <c r="RLC671" s="613"/>
      <c r="RLD671" s="613"/>
      <c r="RLE671" s="613"/>
      <c r="RLF671" s="613"/>
      <c r="RLG671" s="613"/>
      <c r="RLH671" s="613"/>
      <c r="RLI671" s="613"/>
      <c r="RLJ671" s="613"/>
      <c r="RLK671" s="613"/>
      <c r="RLL671" s="613"/>
      <c r="RLM671" s="613"/>
      <c r="RLN671" s="613"/>
      <c r="RLO671" s="613"/>
      <c r="RLP671" s="613"/>
      <c r="RLQ671" s="613"/>
      <c r="RLR671" s="613"/>
      <c r="RLS671" s="613"/>
      <c r="RLT671" s="613"/>
      <c r="RLU671" s="613"/>
      <c r="RLV671" s="613"/>
      <c r="RLW671" s="613"/>
      <c r="RLX671" s="613"/>
      <c r="RLY671" s="613"/>
      <c r="RLZ671" s="613"/>
      <c r="RMA671" s="613"/>
      <c r="RMB671" s="613"/>
      <c r="RMC671" s="613"/>
      <c r="RMD671" s="613"/>
      <c r="RME671" s="613"/>
      <c r="RMF671" s="613"/>
      <c r="RMG671" s="613"/>
      <c r="RMH671" s="613"/>
      <c r="RMI671" s="613"/>
      <c r="RMJ671" s="613"/>
      <c r="RMK671" s="613"/>
      <c r="RML671" s="613"/>
      <c r="RMM671" s="613"/>
      <c r="RMN671" s="613"/>
      <c r="RMO671" s="613"/>
      <c r="RMP671" s="613"/>
      <c r="RMQ671" s="613"/>
      <c r="RMR671" s="613"/>
      <c r="RMS671" s="613"/>
      <c r="RMT671" s="613"/>
      <c r="RMU671" s="613"/>
      <c r="RMV671" s="613"/>
      <c r="RMW671" s="613"/>
      <c r="RMX671" s="613"/>
      <c r="RMY671" s="613"/>
      <c r="RMZ671" s="613"/>
      <c r="RNA671" s="613"/>
      <c r="RNB671" s="613"/>
      <c r="RNC671" s="613"/>
      <c r="RND671" s="613"/>
      <c r="RNE671" s="613"/>
      <c r="RNF671" s="613"/>
      <c r="RNG671" s="613"/>
      <c r="RNH671" s="613"/>
      <c r="RNI671" s="613"/>
      <c r="RNJ671" s="613"/>
      <c r="RNK671" s="613"/>
      <c r="RNL671" s="613"/>
      <c r="RNM671" s="613"/>
      <c r="RNN671" s="613"/>
      <c r="RNO671" s="613"/>
      <c r="RNP671" s="613"/>
      <c r="RNQ671" s="613"/>
      <c r="RNR671" s="613"/>
      <c r="RNS671" s="613"/>
      <c r="RNT671" s="613"/>
      <c r="RNU671" s="613"/>
      <c r="RNV671" s="613"/>
      <c r="RNW671" s="613"/>
      <c r="RNX671" s="613"/>
      <c r="RNY671" s="613"/>
      <c r="RNZ671" s="613"/>
      <c r="ROA671" s="613"/>
      <c r="ROB671" s="613"/>
      <c r="ROC671" s="613"/>
      <c r="ROD671" s="613"/>
      <c r="ROE671" s="613"/>
      <c r="ROF671" s="613"/>
      <c r="ROG671" s="613"/>
      <c r="ROH671" s="613"/>
      <c r="ROI671" s="613"/>
      <c r="ROJ671" s="613"/>
      <c r="ROK671" s="613"/>
      <c r="ROL671" s="613"/>
      <c r="ROM671" s="613"/>
      <c r="RON671" s="613"/>
      <c r="ROO671" s="613"/>
      <c r="ROP671" s="613"/>
      <c r="ROQ671" s="613"/>
      <c r="ROR671" s="613"/>
      <c r="ROS671" s="613"/>
      <c r="ROT671" s="613"/>
      <c r="ROU671" s="613"/>
      <c r="ROV671" s="613"/>
      <c r="ROW671" s="613"/>
      <c r="ROX671" s="613"/>
      <c r="ROY671" s="613"/>
      <c r="ROZ671" s="613"/>
      <c r="RPA671" s="613"/>
      <c r="RPB671" s="613"/>
      <c r="RPC671" s="613"/>
      <c r="RPD671" s="613"/>
      <c r="RPE671" s="613"/>
      <c r="RPF671" s="613"/>
      <c r="RPG671" s="613"/>
      <c r="RPH671" s="613"/>
      <c r="RPI671" s="613"/>
      <c r="RPJ671" s="613"/>
      <c r="RPK671" s="613"/>
      <c r="RPL671" s="613"/>
      <c r="RPM671" s="613"/>
      <c r="RPN671" s="613"/>
      <c r="RPO671" s="613"/>
      <c r="RPP671" s="613"/>
      <c r="RPQ671" s="613"/>
      <c r="RPR671" s="613"/>
      <c r="RPS671" s="613"/>
      <c r="RPT671" s="613"/>
      <c r="RPU671" s="613"/>
      <c r="RPV671" s="613"/>
      <c r="RPW671" s="613"/>
      <c r="RPX671" s="613"/>
      <c r="RPY671" s="613"/>
      <c r="RPZ671" s="613"/>
      <c r="RQA671" s="613"/>
      <c r="RQB671" s="613"/>
      <c r="RQC671" s="613"/>
      <c r="RQD671" s="613"/>
      <c r="RQE671" s="613"/>
      <c r="RQF671" s="613"/>
      <c r="RQG671" s="613"/>
      <c r="RQH671" s="613"/>
      <c r="RQI671" s="613"/>
      <c r="RQJ671" s="613"/>
      <c r="RQK671" s="613"/>
      <c r="RQL671" s="613"/>
      <c r="RQM671" s="613"/>
      <c r="RQN671" s="613"/>
      <c r="RQO671" s="613"/>
      <c r="RQP671" s="613"/>
      <c r="RQQ671" s="613"/>
      <c r="RQR671" s="613"/>
      <c r="RQS671" s="613"/>
      <c r="RQT671" s="613"/>
      <c r="RQU671" s="613"/>
      <c r="RQV671" s="613"/>
      <c r="RQW671" s="613"/>
      <c r="RQX671" s="613"/>
      <c r="RQY671" s="613"/>
      <c r="RQZ671" s="613"/>
      <c r="RRA671" s="613"/>
      <c r="RRB671" s="613"/>
      <c r="RRC671" s="613"/>
      <c r="RRD671" s="613"/>
      <c r="RRE671" s="613"/>
      <c r="RRF671" s="613"/>
      <c r="RRG671" s="613"/>
      <c r="RRH671" s="613"/>
      <c r="RRI671" s="613"/>
      <c r="RRJ671" s="613"/>
      <c r="RRK671" s="613"/>
      <c r="RRL671" s="613"/>
      <c r="RRM671" s="613"/>
      <c r="RRN671" s="613"/>
      <c r="RRO671" s="613"/>
      <c r="RRP671" s="613"/>
      <c r="RRQ671" s="613"/>
      <c r="RRR671" s="613"/>
      <c r="RRS671" s="613"/>
      <c r="RRT671" s="613"/>
      <c r="RRU671" s="613"/>
      <c r="RRV671" s="613"/>
      <c r="RRW671" s="613"/>
      <c r="RRX671" s="613"/>
      <c r="RRY671" s="613"/>
      <c r="RRZ671" s="613"/>
      <c r="RSA671" s="613"/>
      <c r="RSB671" s="613"/>
      <c r="RSC671" s="613"/>
      <c r="RSD671" s="613"/>
      <c r="RSE671" s="613"/>
      <c r="RSF671" s="613"/>
      <c r="RSG671" s="613"/>
      <c r="RSH671" s="613"/>
      <c r="RSI671" s="613"/>
      <c r="RSJ671" s="613"/>
      <c r="RSK671" s="613"/>
      <c r="RSL671" s="613"/>
      <c r="RSM671" s="613"/>
      <c r="RSN671" s="613"/>
      <c r="RSO671" s="613"/>
      <c r="RSP671" s="613"/>
      <c r="RSQ671" s="613"/>
      <c r="RSR671" s="613"/>
      <c r="RSS671" s="613"/>
      <c r="RST671" s="613"/>
      <c r="RSU671" s="613"/>
      <c r="RSV671" s="613"/>
      <c r="RSW671" s="613"/>
      <c r="RSX671" s="613"/>
      <c r="RSY671" s="613"/>
      <c r="RSZ671" s="613"/>
      <c r="RTA671" s="613"/>
      <c r="RTB671" s="613"/>
      <c r="RTC671" s="613"/>
      <c r="RTD671" s="613"/>
      <c r="RTE671" s="613"/>
      <c r="RTF671" s="613"/>
      <c r="RTG671" s="613"/>
      <c r="RTH671" s="613"/>
      <c r="RTI671" s="613"/>
      <c r="RTJ671" s="613"/>
      <c r="RTK671" s="613"/>
      <c r="RTL671" s="613"/>
      <c r="RTM671" s="613"/>
      <c r="RTN671" s="613"/>
      <c r="RTO671" s="613"/>
      <c r="RTP671" s="613"/>
      <c r="RTQ671" s="613"/>
      <c r="RTR671" s="613"/>
      <c r="RTS671" s="613"/>
      <c r="RTT671" s="613"/>
      <c r="RTU671" s="613"/>
      <c r="RTV671" s="613"/>
      <c r="RTW671" s="613"/>
      <c r="RTX671" s="613"/>
      <c r="RTY671" s="613"/>
      <c r="RTZ671" s="613"/>
      <c r="RUA671" s="613"/>
      <c r="RUB671" s="613"/>
      <c r="RUC671" s="613"/>
      <c r="RUD671" s="613"/>
      <c r="RUE671" s="613"/>
      <c r="RUF671" s="613"/>
      <c r="RUG671" s="613"/>
      <c r="RUH671" s="613"/>
      <c r="RUI671" s="613"/>
      <c r="RUJ671" s="613"/>
      <c r="RUK671" s="613"/>
      <c r="RUL671" s="613"/>
      <c r="RUM671" s="613"/>
      <c r="RUN671" s="613"/>
      <c r="RUO671" s="613"/>
      <c r="RUP671" s="613"/>
      <c r="RUQ671" s="613"/>
      <c r="RUR671" s="613"/>
      <c r="RUS671" s="613"/>
      <c r="RUT671" s="613"/>
      <c r="RUU671" s="613"/>
      <c r="RUV671" s="613"/>
      <c r="RUW671" s="613"/>
      <c r="RUX671" s="613"/>
      <c r="RUY671" s="613"/>
      <c r="RUZ671" s="613"/>
      <c r="RVA671" s="613"/>
      <c r="RVB671" s="613"/>
      <c r="RVC671" s="613"/>
      <c r="RVD671" s="613"/>
      <c r="RVE671" s="613"/>
      <c r="RVF671" s="613"/>
      <c r="RVG671" s="613"/>
      <c r="RVH671" s="613"/>
      <c r="RVI671" s="613"/>
      <c r="RVJ671" s="613"/>
      <c r="RVK671" s="613"/>
      <c r="RVL671" s="613"/>
      <c r="RVM671" s="613"/>
      <c r="RVN671" s="613"/>
      <c r="RVO671" s="613"/>
      <c r="RVP671" s="613"/>
      <c r="RVQ671" s="613"/>
      <c r="RVR671" s="613"/>
      <c r="RVS671" s="613"/>
      <c r="RVT671" s="613"/>
      <c r="RVU671" s="613"/>
      <c r="RVV671" s="613"/>
      <c r="RVW671" s="613"/>
      <c r="RVX671" s="613"/>
      <c r="RVY671" s="613"/>
      <c r="RVZ671" s="613"/>
      <c r="RWA671" s="613"/>
      <c r="RWB671" s="613"/>
      <c r="RWC671" s="613"/>
      <c r="RWD671" s="613"/>
      <c r="RWE671" s="613"/>
      <c r="RWF671" s="613"/>
      <c r="RWG671" s="613"/>
      <c r="RWH671" s="613"/>
      <c r="RWI671" s="613"/>
      <c r="RWJ671" s="613"/>
      <c r="RWK671" s="613"/>
      <c r="RWL671" s="613"/>
      <c r="RWM671" s="613"/>
      <c r="RWN671" s="613"/>
      <c r="RWO671" s="613"/>
      <c r="RWP671" s="613"/>
      <c r="RWQ671" s="613"/>
      <c r="RWR671" s="613"/>
      <c r="RWS671" s="613"/>
      <c r="RWT671" s="613"/>
      <c r="RWU671" s="613"/>
      <c r="RWV671" s="613"/>
      <c r="RWW671" s="613"/>
      <c r="RWX671" s="613"/>
      <c r="RWY671" s="613"/>
      <c r="RWZ671" s="613"/>
      <c r="RXA671" s="613"/>
      <c r="RXB671" s="613"/>
      <c r="RXC671" s="613"/>
      <c r="RXD671" s="613"/>
      <c r="RXE671" s="613"/>
      <c r="RXF671" s="613"/>
      <c r="RXG671" s="613"/>
      <c r="RXH671" s="613"/>
      <c r="RXI671" s="613"/>
      <c r="RXJ671" s="613"/>
      <c r="RXK671" s="613"/>
      <c r="RXL671" s="613"/>
      <c r="RXM671" s="613"/>
      <c r="RXN671" s="613"/>
      <c r="RXO671" s="613"/>
      <c r="RXP671" s="613"/>
      <c r="RXQ671" s="613"/>
      <c r="RXR671" s="613"/>
      <c r="RXS671" s="613"/>
      <c r="RXT671" s="613"/>
      <c r="RXU671" s="613"/>
      <c r="RXV671" s="613"/>
      <c r="RXW671" s="613"/>
      <c r="RXX671" s="613"/>
      <c r="RXY671" s="613"/>
      <c r="RXZ671" s="613"/>
      <c r="RYA671" s="613"/>
      <c r="RYB671" s="613"/>
      <c r="RYC671" s="613"/>
      <c r="RYD671" s="613"/>
      <c r="RYE671" s="613"/>
      <c r="RYF671" s="613"/>
      <c r="RYG671" s="613"/>
      <c r="RYH671" s="613"/>
      <c r="RYI671" s="613"/>
      <c r="RYJ671" s="613"/>
      <c r="RYK671" s="613"/>
      <c r="RYL671" s="613"/>
      <c r="RYM671" s="613"/>
      <c r="RYN671" s="613"/>
      <c r="RYO671" s="613"/>
      <c r="RYP671" s="613"/>
      <c r="RYQ671" s="613"/>
      <c r="RYR671" s="613"/>
      <c r="RYS671" s="613"/>
      <c r="RYT671" s="613"/>
      <c r="RYU671" s="613"/>
      <c r="RYV671" s="613"/>
      <c r="RYW671" s="613"/>
      <c r="RYX671" s="613"/>
      <c r="RYY671" s="613"/>
      <c r="RYZ671" s="613"/>
      <c r="RZA671" s="613"/>
      <c r="RZB671" s="613"/>
      <c r="RZC671" s="613"/>
      <c r="RZD671" s="613"/>
      <c r="RZE671" s="613"/>
      <c r="RZF671" s="613"/>
      <c r="RZG671" s="613"/>
      <c r="RZH671" s="613"/>
      <c r="RZI671" s="613"/>
      <c r="RZJ671" s="613"/>
      <c r="RZK671" s="613"/>
      <c r="RZL671" s="613"/>
      <c r="RZM671" s="613"/>
      <c r="RZN671" s="613"/>
      <c r="RZO671" s="613"/>
      <c r="RZP671" s="613"/>
      <c r="RZQ671" s="613"/>
      <c r="RZR671" s="613"/>
      <c r="RZS671" s="613"/>
      <c r="RZT671" s="613"/>
      <c r="RZU671" s="613"/>
      <c r="RZV671" s="613"/>
      <c r="RZW671" s="613"/>
      <c r="RZX671" s="613"/>
      <c r="RZY671" s="613"/>
      <c r="RZZ671" s="613"/>
      <c r="SAA671" s="613"/>
      <c r="SAB671" s="613"/>
      <c r="SAC671" s="613"/>
      <c r="SAD671" s="613"/>
      <c r="SAE671" s="613"/>
      <c r="SAF671" s="613"/>
      <c r="SAG671" s="613"/>
      <c r="SAH671" s="613"/>
      <c r="SAI671" s="613"/>
      <c r="SAJ671" s="613"/>
      <c r="SAK671" s="613"/>
      <c r="SAL671" s="613"/>
      <c r="SAM671" s="613"/>
      <c r="SAN671" s="613"/>
      <c r="SAO671" s="613"/>
      <c r="SAP671" s="613"/>
      <c r="SAQ671" s="613"/>
      <c r="SAR671" s="613"/>
      <c r="SAS671" s="613"/>
      <c r="SAT671" s="613"/>
      <c r="SAU671" s="613"/>
      <c r="SAV671" s="613"/>
      <c r="SAW671" s="613"/>
      <c r="SAX671" s="613"/>
      <c r="SAY671" s="613"/>
      <c r="SAZ671" s="613"/>
      <c r="SBA671" s="613"/>
      <c r="SBB671" s="613"/>
      <c r="SBC671" s="613"/>
      <c r="SBD671" s="613"/>
      <c r="SBE671" s="613"/>
      <c r="SBF671" s="613"/>
      <c r="SBG671" s="613"/>
      <c r="SBH671" s="613"/>
      <c r="SBI671" s="613"/>
      <c r="SBJ671" s="613"/>
      <c r="SBK671" s="613"/>
      <c r="SBL671" s="613"/>
      <c r="SBM671" s="613"/>
      <c r="SBN671" s="613"/>
      <c r="SBO671" s="613"/>
      <c r="SBP671" s="613"/>
      <c r="SBQ671" s="613"/>
      <c r="SBR671" s="613"/>
      <c r="SBS671" s="613"/>
      <c r="SBT671" s="613"/>
      <c r="SBU671" s="613"/>
      <c r="SBV671" s="613"/>
      <c r="SBW671" s="613"/>
      <c r="SBX671" s="613"/>
      <c r="SBY671" s="613"/>
      <c r="SBZ671" s="613"/>
      <c r="SCA671" s="613"/>
      <c r="SCB671" s="613"/>
      <c r="SCC671" s="613"/>
      <c r="SCD671" s="613"/>
      <c r="SCE671" s="613"/>
      <c r="SCF671" s="613"/>
      <c r="SCG671" s="613"/>
      <c r="SCH671" s="613"/>
      <c r="SCI671" s="613"/>
      <c r="SCJ671" s="613"/>
      <c r="SCK671" s="613"/>
      <c r="SCL671" s="613"/>
      <c r="SCM671" s="613"/>
      <c r="SCN671" s="613"/>
      <c r="SCO671" s="613"/>
      <c r="SCP671" s="613"/>
      <c r="SCQ671" s="613"/>
      <c r="SCR671" s="613"/>
      <c r="SCS671" s="613"/>
      <c r="SCT671" s="613"/>
      <c r="SCU671" s="613"/>
      <c r="SCV671" s="613"/>
      <c r="SCW671" s="613"/>
      <c r="SCX671" s="613"/>
      <c r="SCY671" s="613"/>
      <c r="SCZ671" s="613"/>
      <c r="SDA671" s="613"/>
      <c r="SDB671" s="613"/>
      <c r="SDC671" s="613"/>
      <c r="SDD671" s="613"/>
      <c r="SDE671" s="613"/>
      <c r="SDF671" s="613"/>
      <c r="SDG671" s="613"/>
      <c r="SDH671" s="613"/>
      <c r="SDI671" s="613"/>
      <c r="SDJ671" s="613"/>
      <c r="SDK671" s="613"/>
      <c r="SDL671" s="613"/>
      <c r="SDM671" s="613"/>
      <c r="SDN671" s="613"/>
      <c r="SDO671" s="613"/>
      <c r="SDP671" s="613"/>
      <c r="SDQ671" s="613"/>
      <c r="SDR671" s="613"/>
      <c r="SDS671" s="613"/>
      <c r="SDT671" s="613"/>
      <c r="SDU671" s="613"/>
      <c r="SDV671" s="613"/>
      <c r="SDW671" s="613"/>
      <c r="SDX671" s="613"/>
      <c r="SDY671" s="613"/>
      <c r="SDZ671" s="613"/>
      <c r="SEA671" s="613"/>
      <c r="SEB671" s="613"/>
      <c r="SEC671" s="613"/>
      <c r="SED671" s="613"/>
      <c r="SEE671" s="613"/>
      <c r="SEF671" s="613"/>
      <c r="SEG671" s="613"/>
      <c r="SEH671" s="613"/>
      <c r="SEI671" s="613"/>
      <c r="SEJ671" s="613"/>
      <c r="SEK671" s="613"/>
      <c r="SEL671" s="613"/>
      <c r="SEM671" s="613"/>
      <c r="SEN671" s="613"/>
      <c r="SEO671" s="613"/>
      <c r="SEP671" s="613"/>
      <c r="SEQ671" s="613"/>
      <c r="SER671" s="613"/>
      <c r="SES671" s="613"/>
      <c r="SET671" s="613"/>
      <c r="SEU671" s="613"/>
      <c r="SEV671" s="613"/>
      <c r="SEW671" s="613"/>
      <c r="SEX671" s="613"/>
      <c r="SEY671" s="613"/>
      <c r="SEZ671" s="613"/>
      <c r="SFA671" s="613"/>
      <c r="SFB671" s="613"/>
      <c r="SFC671" s="613"/>
      <c r="SFD671" s="613"/>
      <c r="SFE671" s="613"/>
      <c r="SFF671" s="613"/>
      <c r="SFG671" s="613"/>
      <c r="SFH671" s="613"/>
      <c r="SFI671" s="613"/>
      <c r="SFJ671" s="613"/>
      <c r="SFK671" s="613"/>
      <c r="SFL671" s="613"/>
      <c r="SFM671" s="613"/>
      <c r="SFN671" s="613"/>
      <c r="SFO671" s="613"/>
      <c r="SFP671" s="613"/>
      <c r="SFQ671" s="613"/>
      <c r="SFR671" s="613"/>
      <c r="SFS671" s="613"/>
      <c r="SFT671" s="613"/>
      <c r="SFU671" s="613"/>
      <c r="SFV671" s="613"/>
      <c r="SFW671" s="613"/>
      <c r="SFX671" s="613"/>
      <c r="SFY671" s="613"/>
      <c r="SFZ671" s="613"/>
      <c r="SGA671" s="613"/>
      <c r="SGB671" s="613"/>
      <c r="SGC671" s="613"/>
      <c r="SGD671" s="613"/>
      <c r="SGE671" s="613"/>
      <c r="SGF671" s="613"/>
      <c r="SGG671" s="613"/>
      <c r="SGH671" s="613"/>
      <c r="SGI671" s="613"/>
      <c r="SGJ671" s="613"/>
      <c r="SGK671" s="613"/>
      <c r="SGL671" s="613"/>
      <c r="SGM671" s="613"/>
      <c r="SGN671" s="613"/>
      <c r="SGO671" s="613"/>
      <c r="SGP671" s="613"/>
      <c r="SGQ671" s="613"/>
      <c r="SGR671" s="613"/>
      <c r="SGS671" s="613"/>
      <c r="SGT671" s="613"/>
      <c r="SGU671" s="613"/>
      <c r="SGV671" s="613"/>
      <c r="SGW671" s="613"/>
      <c r="SGX671" s="613"/>
      <c r="SGY671" s="613"/>
      <c r="SGZ671" s="613"/>
      <c r="SHA671" s="613"/>
      <c r="SHB671" s="613"/>
      <c r="SHC671" s="613"/>
      <c r="SHD671" s="613"/>
      <c r="SHE671" s="613"/>
      <c r="SHF671" s="613"/>
      <c r="SHG671" s="613"/>
      <c r="SHH671" s="613"/>
      <c r="SHI671" s="613"/>
      <c r="SHJ671" s="613"/>
      <c r="SHK671" s="613"/>
      <c r="SHL671" s="613"/>
      <c r="SHM671" s="613"/>
      <c r="SHN671" s="613"/>
      <c r="SHO671" s="613"/>
      <c r="SHP671" s="613"/>
      <c r="SHQ671" s="613"/>
      <c r="SHR671" s="613"/>
      <c r="SHS671" s="613"/>
      <c r="SHT671" s="613"/>
      <c r="SHU671" s="613"/>
      <c r="SHV671" s="613"/>
      <c r="SHW671" s="613"/>
      <c r="SHX671" s="613"/>
      <c r="SHY671" s="613"/>
      <c r="SHZ671" s="613"/>
      <c r="SIA671" s="613"/>
      <c r="SIB671" s="613"/>
      <c r="SIC671" s="613"/>
      <c r="SID671" s="613"/>
      <c r="SIE671" s="613"/>
      <c r="SIF671" s="613"/>
      <c r="SIG671" s="613"/>
      <c r="SIH671" s="613"/>
      <c r="SII671" s="613"/>
      <c r="SIJ671" s="613"/>
      <c r="SIK671" s="613"/>
      <c r="SIL671" s="613"/>
      <c r="SIM671" s="613"/>
      <c r="SIN671" s="613"/>
      <c r="SIO671" s="613"/>
      <c r="SIP671" s="613"/>
      <c r="SIQ671" s="613"/>
      <c r="SIR671" s="613"/>
      <c r="SIS671" s="613"/>
      <c r="SIT671" s="613"/>
      <c r="SIU671" s="613"/>
      <c r="SIV671" s="613"/>
      <c r="SIW671" s="613"/>
      <c r="SIX671" s="613"/>
      <c r="SIY671" s="613"/>
      <c r="SIZ671" s="613"/>
      <c r="SJA671" s="613"/>
      <c r="SJB671" s="613"/>
      <c r="SJC671" s="613"/>
      <c r="SJD671" s="613"/>
      <c r="SJE671" s="613"/>
      <c r="SJF671" s="613"/>
      <c r="SJG671" s="613"/>
      <c r="SJH671" s="613"/>
      <c r="SJI671" s="613"/>
      <c r="SJJ671" s="613"/>
      <c r="SJK671" s="613"/>
      <c r="SJL671" s="613"/>
      <c r="SJM671" s="613"/>
      <c r="SJN671" s="613"/>
      <c r="SJO671" s="613"/>
      <c r="SJP671" s="613"/>
      <c r="SJQ671" s="613"/>
      <c r="SJR671" s="613"/>
      <c r="SJS671" s="613"/>
      <c r="SJT671" s="613"/>
      <c r="SJU671" s="613"/>
      <c r="SJV671" s="613"/>
      <c r="SJW671" s="613"/>
      <c r="SJX671" s="613"/>
      <c r="SJY671" s="613"/>
      <c r="SJZ671" s="613"/>
      <c r="SKA671" s="613"/>
      <c r="SKB671" s="613"/>
      <c r="SKC671" s="613"/>
      <c r="SKD671" s="613"/>
      <c r="SKE671" s="613"/>
      <c r="SKF671" s="613"/>
      <c r="SKG671" s="613"/>
      <c r="SKH671" s="613"/>
      <c r="SKI671" s="613"/>
      <c r="SKJ671" s="613"/>
      <c r="SKK671" s="613"/>
      <c r="SKL671" s="613"/>
      <c r="SKM671" s="613"/>
      <c r="SKN671" s="613"/>
      <c r="SKO671" s="613"/>
      <c r="SKP671" s="613"/>
      <c r="SKQ671" s="613"/>
      <c r="SKR671" s="613"/>
      <c r="SKS671" s="613"/>
      <c r="SKT671" s="613"/>
      <c r="SKU671" s="613"/>
      <c r="SKV671" s="613"/>
      <c r="SKW671" s="613"/>
      <c r="SKX671" s="613"/>
      <c r="SKY671" s="613"/>
      <c r="SKZ671" s="613"/>
      <c r="SLA671" s="613"/>
      <c r="SLB671" s="613"/>
      <c r="SLC671" s="613"/>
      <c r="SLD671" s="613"/>
      <c r="SLE671" s="613"/>
      <c r="SLF671" s="613"/>
      <c r="SLG671" s="613"/>
      <c r="SLH671" s="613"/>
      <c r="SLI671" s="613"/>
      <c r="SLJ671" s="613"/>
      <c r="SLK671" s="613"/>
      <c r="SLL671" s="613"/>
      <c r="SLM671" s="613"/>
      <c r="SLN671" s="613"/>
      <c r="SLO671" s="613"/>
      <c r="SLP671" s="613"/>
      <c r="SLQ671" s="613"/>
      <c r="SLR671" s="613"/>
      <c r="SLS671" s="613"/>
      <c r="SLT671" s="613"/>
      <c r="SLU671" s="613"/>
      <c r="SLV671" s="613"/>
      <c r="SLW671" s="613"/>
      <c r="SLX671" s="613"/>
      <c r="SLY671" s="613"/>
      <c r="SLZ671" s="613"/>
      <c r="SMA671" s="613"/>
      <c r="SMB671" s="613"/>
      <c r="SMC671" s="613"/>
      <c r="SMD671" s="613"/>
      <c r="SME671" s="613"/>
      <c r="SMF671" s="613"/>
      <c r="SMG671" s="613"/>
      <c r="SMH671" s="613"/>
      <c r="SMI671" s="613"/>
      <c r="SMJ671" s="613"/>
      <c r="SMK671" s="613"/>
      <c r="SML671" s="613"/>
      <c r="SMM671" s="613"/>
      <c r="SMN671" s="613"/>
      <c r="SMO671" s="613"/>
      <c r="SMP671" s="613"/>
      <c r="SMQ671" s="613"/>
      <c r="SMR671" s="613"/>
      <c r="SMS671" s="613"/>
      <c r="SMT671" s="613"/>
      <c r="SMU671" s="613"/>
      <c r="SMV671" s="613"/>
      <c r="SMW671" s="613"/>
      <c r="SMX671" s="613"/>
      <c r="SMY671" s="613"/>
      <c r="SMZ671" s="613"/>
      <c r="SNA671" s="613"/>
      <c r="SNB671" s="613"/>
      <c r="SNC671" s="613"/>
      <c r="SND671" s="613"/>
      <c r="SNE671" s="613"/>
      <c r="SNF671" s="613"/>
      <c r="SNG671" s="613"/>
      <c r="SNH671" s="613"/>
      <c r="SNI671" s="613"/>
      <c r="SNJ671" s="613"/>
      <c r="SNK671" s="613"/>
      <c r="SNL671" s="613"/>
      <c r="SNM671" s="613"/>
      <c r="SNN671" s="613"/>
      <c r="SNO671" s="613"/>
      <c r="SNP671" s="613"/>
      <c r="SNQ671" s="613"/>
      <c r="SNR671" s="613"/>
      <c r="SNS671" s="613"/>
      <c r="SNT671" s="613"/>
      <c r="SNU671" s="613"/>
      <c r="SNV671" s="613"/>
      <c r="SNW671" s="613"/>
      <c r="SNX671" s="613"/>
      <c r="SNY671" s="613"/>
      <c r="SNZ671" s="613"/>
      <c r="SOA671" s="613"/>
      <c r="SOB671" s="613"/>
      <c r="SOC671" s="613"/>
      <c r="SOD671" s="613"/>
      <c r="SOE671" s="613"/>
      <c r="SOF671" s="613"/>
      <c r="SOG671" s="613"/>
      <c r="SOH671" s="613"/>
      <c r="SOI671" s="613"/>
      <c r="SOJ671" s="613"/>
      <c r="SOK671" s="613"/>
      <c r="SOL671" s="613"/>
      <c r="SOM671" s="613"/>
      <c r="SON671" s="613"/>
      <c r="SOO671" s="613"/>
      <c r="SOP671" s="613"/>
      <c r="SOQ671" s="613"/>
      <c r="SOR671" s="613"/>
      <c r="SOS671" s="613"/>
      <c r="SOT671" s="613"/>
      <c r="SOU671" s="613"/>
      <c r="SOV671" s="613"/>
      <c r="SOW671" s="613"/>
      <c r="SOX671" s="613"/>
      <c r="SOY671" s="613"/>
      <c r="SOZ671" s="613"/>
      <c r="SPA671" s="613"/>
      <c r="SPB671" s="613"/>
      <c r="SPC671" s="613"/>
      <c r="SPD671" s="613"/>
      <c r="SPE671" s="613"/>
      <c r="SPF671" s="613"/>
      <c r="SPG671" s="613"/>
      <c r="SPH671" s="613"/>
      <c r="SPI671" s="613"/>
      <c r="SPJ671" s="613"/>
      <c r="SPK671" s="613"/>
      <c r="SPL671" s="613"/>
      <c r="SPM671" s="613"/>
      <c r="SPN671" s="613"/>
      <c r="SPO671" s="613"/>
      <c r="SPP671" s="613"/>
      <c r="SPQ671" s="613"/>
      <c r="SPR671" s="613"/>
      <c r="SPS671" s="613"/>
      <c r="SPT671" s="613"/>
      <c r="SPU671" s="613"/>
      <c r="SPV671" s="613"/>
      <c r="SPW671" s="613"/>
      <c r="SPX671" s="613"/>
      <c r="SPY671" s="613"/>
      <c r="SPZ671" s="613"/>
      <c r="SQA671" s="613"/>
      <c r="SQB671" s="613"/>
      <c r="SQC671" s="613"/>
      <c r="SQD671" s="613"/>
      <c r="SQE671" s="613"/>
      <c r="SQF671" s="613"/>
      <c r="SQG671" s="613"/>
      <c r="SQH671" s="613"/>
      <c r="SQI671" s="613"/>
      <c r="SQJ671" s="613"/>
      <c r="SQK671" s="613"/>
      <c r="SQL671" s="613"/>
      <c r="SQM671" s="613"/>
      <c r="SQN671" s="613"/>
      <c r="SQO671" s="613"/>
      <c r="SQP671" s="613"/>
      <c r="SQQ671" s="613"/>
      <c r="SQR671" s="613"/>
      <c r="SQS671" s="613"/>
      <c r="SQT671" s="613"/>
      <c r="SQU671" s="613"/>
      <c r="SQV671" s="613"/>
      <c r="SQW671" s="613"/>
      <c r="SQX671" s="613"/>
      <c r="SQY671" s="613"/>
      <c r="SQZ671" s="613"/>
      <c r="SRA671" s="613"/>
      <c r="SRB671" s="613"/>
      <c r="SRC671" s="613"/>
      <c r="SRD671" s="613"/>
      <c r="SRE671" s="613"/>
      <c r="SRF671" s="613"/>
      <c r="SRG671" s="613"/>
      <c r="SRH671" s="613"/>
      <c r="SRI671" s="613"/>
      <c r="SRJ671" s="613"/>
      <c r="SRK671" s="613"/>
      <c r="SRL671" s="613"/>
      <c r="SRM671" s="613"/>
      <c r="SRN671" s="613"/>
      <c r="SRO671" s="613"/>
      <c r="SRP671" s="613"/>
      <c r="SRQ671" s="613"/>
      <c r="SRR671" s="613"/>
      <c r="SRS671" s="613"/>
      <c r="SRT671" s="613"/>
      <c r="SRU671" s="613"/>
      <c r="SRV671" s="613"/>
      <c r="SRW671" s="613"/>
      <c r="SRX671" s="613"/>
      <c r="SRY671" s="613"/>
      <c r="SRZ671" s="613"/>
      <c r="SSA671" s="613"/>
      <c r="SSB671" s="613"/>
      <c r="SSC671" s="613"/>
      <c r="SSD671" s="613"/>
      <c r="SSE671" s="613"/>
      <c r="SSF671" s="613"/>
      <c r="SSG671" s="613"/>
      <c r="SSH671" s="613"/>
      <c r="SSI671" s="613"/>
      <c r="SSJ671" s="613"/>
      <c r="SSK671" s="613"/>
      <c r="SSL671" s="613"/>
      <c r="SSM671" s="613"/>
      <c r="SSN671" s="613"/>
      <c r="SSO671" s="613"/>
      <c r="SSP671" s="613"/>
      <c r="SSQ671" s="613"/>
      <c r="SSR671" s="613"/>
      <c r="SSS671" s="613"/>
      <c r="SST671" s="613"/>
      <c r="SSU671" s="613"/>
      <c r="SSV671" s="613"/>
      <c r="SSW671" s="613"/>
      <c r="SSX671" s="613"/>
      <c r="SSY671" s="613"/>
      <c r="SSZ671" s="613"/>
      <c r="STA671" s="613"/>
      <c r="STB671" s="613"/>
      <c r="STC671" s="613"/>
      <c r="STD671" s="613"/>
      <c r="STE671" s="613"/>
      <c r="STF671" s="613"/>
      <c r="STG671" s="613"/>
      <c r="STH671" s="613"/>
      <c r="STI671" s="613"/>
      <c r="STJ671" s="613"/>
      <c r="STK671" s="613"/>
      <c r="STL671" s="613"/>
      <c r="STM671" s="613"/>
      <c r="STN671" s="613"/>
      <c r="STO671" s="613"/>
      <c r="STP671" s="613"/>
      <c r="STQ671" s="613"/>
      <c r="STR671" s="613"/>
      <c r="STS671" s="613"/>
      <c r="STT671" s="613"/>
      <c r="STU671" s="613"/>
      <c r="STV671" s="613"/>
      <c r="STW671" s="613"/>
      <c r="STX671" s="613"/>
      <c r="STY671" s="613"/>
      <c r="STZ671" s="613"/>
      <c r="SUA671" s="613"/>
      <c r="SUB671" s="613"/>
      <c r="SUC671" s="613"/>
      <c r="SUD671" s="613"/>
      <c r="SUE671" s="613"/>
      <c r="SUF671" s="613"/>
      <c r="SUG671" s="613"/>
      <c r="SUH671" s="613"/>
      <c r="SUI671" s="613"/>
      <c r="SUJ671" s="613"/>
      <c r="SUK671" s="613"/>
      <c r="SUL671" s="613"/>
      <c r="SUM671" s="613"/>
      <c r="SUN671" s="613"/>
      <c r="SUO671" s="613"/>
      <c r="SUP671" s="613"/>
      <c r="SUQ671" s="613"/>
      <c r="SUR671" s="613"/>
      <c r="SUS671" s="613"/>
      <c r="SUT671" s="613"/>
      <c r="SUU671" s="613"/>
      <c r="SUV671" s="613"/>
      <c r="SUW671" s="613"/>
      <c r="SUX671" s="613"/>
      <c r="SUY671" s="613"/>
      <c r="SUZ671" s="613"/>
      <c r="SVA671" s="613"/>
      <c r="SVB671" s="613"/>
      <c r="SVC671" s="613"/>
      <c r="SVD671" s="613"/>
      <c r="SVE671" s="613"/>
      <c r="SVF671" s="613"/>
      <c r="SVG671" s="613"/>
      <c r="SVH671" s="613"/>
      <c r="SVI671" s="613"/>
      <c r="SVJ671" s="613"/>
      <c r="SVK671" s="613"/>
      <c r="SVL671" s="613"/>
      <c r="SVM671" s="613"/>
      <c r="SVN671" s="613"/>
      <c r="SVO671" s="613"/>
      <c r="SVP671" s="613"/>
      <c r="SVQ671" s="613"/>
      <c r="SVR671" s="613"/>
      <c r="SVS671" s="613"/>
      <c r="SVT671" s="613"/>
      <c r="SVU671" s="613"/>
      <c r="SVV671" s="613"/>
      <c r="SVW671" s="613"/>
      <c r="SVX671" s="613"/>
      <c r="SVY671" s="613"/>
      <c r="SVZ671" s="613"/>
      <c r="SWA671" s="613"/>
      <c r="SWB671" s="613"/>
      <c r="SWC671" s="613"/>
      <c r="SWD671" s="613"/>
      <c r="SWE671" s="613"/>
      <c r="SWF671" s="613"/>
      <c r="SWG671" s="613"/>
      <c r="SWH671" s="613"/>
      <c r="SWI671" s="613"/>
      <c r="SWJ671" s="613"/>
      <c r="SWK671" s="613"/>
      <c r="SWL671" s="613"/>
      <c r="SWM671" s="613"/>
      <c r="SWN671" s="613"/>
      <c r="SWO671" s="613"/>
      <c r="SWP671" s="613"/>
      <c r="SWQ671" s="613"/>
      <c r="SWR671" s="613"/>
      <c r="SWS671" s="613"/>
      <c r="SWT671" s="613"/>
      <c r="SWU671" s="613"/>
      <c r="SWV671" s="613"/>
      <c r="SWW671" s="613"/>
      <c r="SWX671" s="613"/>
      <c r="SWY671" s="613"/>
      <c r="SWZ671" s="613"/>
      <c r="SXA671" s="613"/>
      <c r="SXB671" s="613"/>
      <c r="SXC671" s="613"/>
      <c r="SXD671" s="613"/>
      <c r="SXE671" s="613"/>
      <c r="SXF671" s="613"/>
      <c r="SXG671" s="613"/>
      <c r="SXH671" s="613"/>
      <c r="SXI671" s="613"/>
      <c r="SXJ671" s="613"/>
      <c r="SXK671" s="613"/>
      <c r="SXL671" s="613"/>
      <c r="SXM671" s="613"/>
      <c r="SXN671" s="613"/>
      <c r="SXO671" s="613"/>
      <c r="SXP671" s="613"/>
      <c r="SXQ671" s="613"/>
      <c r="SXR671" s="613"/>
      <c r="SXS671" s="613"/>
      <c r="SXT671" s="613"/>
      <c r="SXU671" s="613"/>
      <c r="SXV671" s="613"/>
      <c r="SXW671" s="613"/>
      <c r="SXX671" s="613"/>
      <c r="SXY671" s="613"/>
      <c r="SXZ671" s="613"/>
      <c r="SYA671" s="613"/>
      <c r="SYB671" s="613"/>
      <c r="SYC671" s="613"/>
      <c r="SYD671" s="613"/>
      <c r="SYE671" s="613"/>
      <c r="SYF671" s="613"/>
      <c r="SYG671" s="613"/>
      <c r="SYH671" s="613"/>
      <c r="SYI671" s="613"/>
      <c r="SYJ671" s="613"/>
      <c r="SYK671" s="613"/>
      <c r="SYL671" s="613"/>
      <c r="SYM671" s="613"/>
      <c r="SYN671" s="613"/>
      <c r="SYO671" s="613"/>
      <c r="SYP671" s="613"/>
      <c r="SYQ671" s="613"/>
      <c r="SYR671" s="613"/>
      <c r="SYS671" s="613"/>
      <c r="SYT671" s="613"/>
      <c r="SYU671" s="613"/>
      <c r="SYV671" s="613"/>
      <c r="SYW671" s="613"/>
      <c r="SYX671" s="613"/>
      <c r="SYY671" s="613"/>
      <c r="SYZ671" s="613"/>
      <c r="SZA671" s="613"/>
      <c r="SZB671" s="613"/>
      <c r="SZC671" s="613"/>
      <c r="SZD671" s="613"/>
      <c r="SZE671" s="613"/>
      <c r="SZF671" s="613"/>
      <c r="SZG671" s="613"/>
      <c r="SZH671" s="613"/>
      <c r="SZI671" s="613"/>
      <c r="SZJ671" s="613"/>
      <c r="SZK671" s="613"/>
      <c r="SZL671" s="613"/>
      <c r="SZM671" s="613"/>
      <c r="SZN671" s="613"/>
      <c r="SZO671" s="613"/>
      <c r="SZP671" s="613"/>
      <c r="SZQ671" s="613"/>
      <c r="SZR671" s="613"/>
      <c r="SZS671" s="613"/>
      <c r="SZT671" s="613"/>
      <c r="SZU671" s="613"/>
      <c r="SZV671" s="613"/>
      <c r="SZW671" s="613"/>
      <c r="SZX671" s="613"/>
      <c r="SZY671" s="613"/>
      <c r="SZZ671" s="613"/>
      <c r="TAA671" s="613"/>
      <c r="TAB671" s="613"/>
      <c r="TAC671" s="613"/>
      <c r="TAD671" s="613"/>
      <c r="TAE671" s="613"/>
      <c r="TAF671" s="613"/>
      <c r="TAG671" s="613"/>
      <c r="TAH671" s="613"/>
      <c r="TAI671" s="613"/>
      <c r="TAJ671" s="613"/>
      <c r="TAK671" s="613"/>
      <c r="TAL671" s="613"/>
      <c r="TAM671" s="613"/>
      <c r="TAN671" s="613"/>
      <c r="TAO671" s="613"/>
      <c r="TAP671" s="613"/>
      <c r="TAQ671" s="613"/>
      <c r="TAR671" s="613"/>
      <c r="TAS671" s="613"/>
      <c r="TAT671" s="613"/>
      <c r="TAU671" s="613"/>
      <c r="TAV671" s="613"/>
      <c r="TAW671" s="613"/>
      <c r="TAX671" s="613"/>
      <c r="TAY671" s="613"/>
      <c r="TAZ671" s="613"/>
      <c r="TBA671" s="613"/>
      <c r="TBB671" s="613"/>
      <c r="TBC671" s="613"/>
      <c r="TBD671" s="613"/>
      <c r="TBE671" s="613"/>
      <c r="TBF671" s="613"/>
      <c r="TBG671" s="613"/>
      <c r="TBH671" s="613"/>
      <c r="TBI671" s="613"/>
      <c r="TBJ671" s="613"/>
      <c r="TBK671" s="613"/>
      <c r="TBL671" s="613"/>
      <c r="TBM671" s="613"/>
      <c r="TBN671" s="613"/>
      <c r="TBO671" s="613"/>
      <c r="TBP671" s="613"/>
      <c r="TBQ671" s="613"/>
      <c r="TBR671" s="613"/>
      <c r="TBS671" s="613"/>
      <c r="TBT671" s="613"/>
      <c r="TBU671" s="613"/>
      <c r="TBV671" s="613"/>
      <c r="TBW671" s="613"/>
      <c r="TBX671" s="613"/>
      <c r="TBY671" s="613"/>
      <c r="TBZ671" s="613"/>
      <c r="TCA671" s="613"/>
      <c r="TCB671" s="613"/>
      <c r="TCC671" s="613"/>
      <c r="TCD671" s="613"/>
      <c r="TCE671" s="613"/>
      <c r="TCF671" s="613"/>
      <c r="TCG671" s="613"/>
      <c r="TCH671" s="613"/>
      <c r="TCI671" s="613"/>
      <c r="TCJ671" s="613"/>
      <c r="TCK671" s="613"/>
      <c r="TCL671" s="613"/>
      <c r="TCM671" s="613"/>
      <c r="TCN671" s="613"/>
      <c r="TCO671" s="613"/>
      <c r="TCP671" s="613"/>
      <c r="TCQ671" s="613"/>
      <c r="TCR671" s="613"/>
      <c r="TCS671" s="613"/>
      <c r="TCT671" s="613"/>
      <c r="TCU671" s="613"/>
      <c r="TCV671" s="613"/>
      <c r="TCW671" s="613"/>
      <c r="TCX671" s="613"/>
      <c r="TCY671" s="613"/>
      <c r="TCZ671" s="613"/>
      <c r="TDA671" s="613"/>
      <c r="TDB671" s="613"/>
      <c r="TDC671" s="613"/>
      <c r="TDD671" s="613"/>
      <c r="TDE671" s="613"/>
      <c r="TDF671" s="613"/>
      <c r="TDG671" s="613"/>
      <c r="TDH671" s="613"/>
      <c r="TDI671" s="613"/>
      <c r="TDJ671" s="613"/>
      <c r="TDK671" s="613"/>
      <c r="TDL671" s="613"/>
      <c r="TDM671" s="613"/>
      <c r="TDN671" s="613"/>
      <c r="TDO671" s="613"/>
      <c r="TDP671" s="613"/>
      <c r="TDQ671" s="613"/>
      <c r="TDR671" s="613"/>
      <c r="TDS671" s="613"/>
      <c r="TDT671" s="613"/>
      <c r="TDU671" s="613"/>
      <c r="TDV671" s="613"/>
      <c r="TDW671" s="613"/>
      <c r="TDX671" s="613"/>
      <c r="TDY671" s="613"/>
      <c r="TDZ671" s="613"/>
      <c r="TEA671" s="613"/>
      <c r="TEB671" s="613"/>
      <c r="TEC671" s="613"/>
      <c r="TED671" s="613"/>
      <c r="TEE671" s="613"/>
      <c r="TEF671" s="613"/>
      <c r="TEG671" s="613"/>
      <c r="TEH671" s="613"/>
      <c r="TEI671" s="613"/>
      <c r="TEJ671" s="613"/>
      <c r="TEK671" s="613"/>
      <c r="TEL671" s="613"/>
      <c r="TEM671" s="613"/>
      <c r="TEN671" s="613"/>
      <c r="TEO671" s="613"/>
      <c r="TEP671" s="613"/>
      <c r="TEQ671" s="613"/>
      <c r="TER671" s="613"/>
      <c r="TES671" s="613"/>
      <c r="TET671" s="613"/>
      <c r="TEU671" s="613"/>
      <c r="TEV671" s="613"/>
      <c r="TEW671" s="613"/>
      <c r="TEX671" s="613"/>
      <c r="TEY671" s="613"/>
      <c r="TEZ671" s="613"/>
      <c r="TFA671" s="613"/>
      <c r="TFB671" s="613"/>
      <c r="TFC671" s="613"/>
      <c r="TFD671" s="613"/>
      <c r="TFE671" s="613"/>
      <c r="TFF671" s="613"/>
      <c r="TFG671" s="613"/>
      <c r="TFH671" s="613"/>
      <c r="TFI671" s="613"/>
      <c r="TFJ671" s="613"/>
      <c r="TFK671" s="613"/>
      <c r="TFL671" s="613"/>
      <c r="TFM671" s="613"/>
      <c r="TFN671" s="613"/>
      <c r="TFO671" s="613"/>
      <c r="TFP671" s="613"/>
      <c r="TFQ671" s="613"/>
      <c r="TFR671" s="613"/>
      <c r="TFS671" s="613"/>
      <c r="TFT671" s="613"/>
      <c r="TFU671" s="613"/>
      <c r="TFV671" s="613"/>
      <c r="TFW671" s="613"/>
      <c r="TFX671" s="613"/>
      <c r="TFY671" s="613"/>
      <c r="TFZ671" s="613"/>
      <c r="TGA671" s="613"/>
      <c r="TGB671" s="613"/>
      <c r="TGC671" s="613"/>
      <c r="TGD671" s="613"/>
      <c r="TGE671" s="613"/>
      <c r="TGF671" s="613"/>
      <c r="TGG671" s="613"/>
      <c r="TGH671" s="613"/>
      <c r="TGI671" s="613"/>
      <c r="TGJ671" s="613"/>
      <c r="TGK671" s="613"/>
      <c r="TGL671" s="613"/>
      <c r="TGM671" s="613"/>
      <c r="TGN671" s="613"/>
      <c r="TGO671" s="613"/>
      <c r="TGP671" s="613"/>
      <c r="TGQ671" s="613"/>
      <c r="TGR671" s="613"/>
      <c r="TGS671" s="613"/>
      <c r="TGT671" s="613"/>
      <c r="TGU671" s="613"/>
      <c r="TGV671" s="613"/>
      <c r="TGW671" s="613"/>
      <c r="TGX671" s="613"/>
      <c r="TGY671" s="613"/>
      <c r="TGZ671" s="613"/>
      <c r="THA671" s="613"/>
      <c r="THB671" s="613"/>
      <c r="THC671" s="613"/>
      <c r="THD671" s="613"/>
      <c r="THE671" s="613"/>
      <c r="THF671" s="613"/>
      <c r="THG671" s="613"/>
      <c r="THH671" s="613"/>
      <c r="THI671" s="613"/>
      <c r="THJ671" s="613"/>
      <c r="THK671" s="613"/>
      <c r="THL671" s="613"/>
      <c r="THM671" s="613"/>
      <c r="THN671" s="613"/>
      <c r="THO671" s="613"/>
      <c r="THP671" s="613"/>
      <c r="THQ671" s="613"/>
      <c r="THR671" s="613"/>
      <c r="THS671" s="613"/>
      <c r="THT671" s="613"/>
      <c r="THU671" s="613"/>
      <c r="THV671" s="613"/>
      <c r="THW671" s="613"/>
      <c r="THX671" s="613"/>
      <c r="THY671" s="613"/>
      <c r="THZ671" s="613"/>
      <c r="TIA671" s="613"/>
      <c r="TIB671" s="613"/>
      <c r="TIC671" s="613"/>
      <c r="TID671" s="613"/>
      <c r="TIE671" s="613"/>
      <c r="TIF671" s="613"/>
      <c r="TIG671" s="613"/>
      <c r="TIH671" s="613"/>
      <c r="TII671" s="613"/>
      <c r="TIJ671" s="613"/>
      <c r="TIK671" s="613"/>
      <c r="TIL671" s="613"/>
      <c r="TIM671" s="613"/>
      <c r="TIN671" s="613"/>
      <c r="TIO671" s="613"/>
      <c r="TIP671" s="613"/>
      <c r="TIQ671" s="613"/>
      <c r="TIR671" s="613"/>
      <c r="TIS671" s="613"/>
      <c r="TIT671" s="613"/>
      <c r="TIU671" s="613"/>
      <c r="TIV671" s="613"/>
      <c r="TIW671" s="613"/>
      <c r="TIX671" s="613"/>
      <c r="TIY671" s="613"/>
      <c r="TIZ671" s="613"/>
      <c r="TJA671" s="613"/>
      <c r="TJB671" s="613"/>
      <c r="TJC671" s="613"/>
      <c r="TJD671" s="613"/>
      <c r="TJE671" s="613"/>
      <c r="TJF671" s="613"/>
      <c r="TJG671" s="613"/>
      <c r="TJH671" s="613"/>
      <c r="TJI671" s="613"/>
      <c r="TJJ671" s="613"/>
      <c r="TJK671" s="613"/>
      <c r="TJL671" s="613"/>
      <c r="TJM671" s="613"/>
      <c r="TJN671" s="613"/>
      <c r="TJO671" s="613"/>
      <c r="TJP671" s="613"/>
      <c r="TJQ671" s="613"/>
      <c r="TJR671" s="613"/>
      <c r="TJS671" s="613"/>
      <c r="TJT671" s="613"/>
      <c r="TJU671" s="613"/>
      <c r="TJV671" s="613"/>
      <c r="TJW671" s="613"/>
      <c r="TJX671" s="613"/>
      <c r="TJY671" s="613"/>
      <c r="TJZ671" s="613"/>
      <c r="TKA671" s="613"/>
      <c r="TKB671" s="613"/>
      <c r="TKC671" s="613"/>
      <c r="TKD671" s="613"/>
      <c r="TKE671" s="613"/>
      <c r="TKF671" s="613"/>
      <c r="TKG671" s="613"/>
      <c r="TKH671" s="613"/>
      <c r="TKI671" s="613"/>
      <c r="TKJ671" s="613"/>
      <c r="TKK671" s="613"/>
      <c r="TKL671" s="613"/>
      <c r="TKM671" s="613"/>
      <c r="TKN671" s="613"/>
      <c r="TKO671" s="613"/>
      <c r="TKP671" s="613"/>
      <c r="TKQ671" s="613"/>
      <c r="TKR671" s="613"/>
      <c r="TKS671" s="613"/>
      <c r="TKT671" s="613"/>
      <c r="TKU671" s="613"/>
      <c r="TKV671" s="613"/>
      <c r="TKW671" s="613"/>
      <c r="TKX671" s="613"/>
      <c r="TKY671" s="613"/>
      <c r="TKZ671" s="613"/>
      <c r="TLA671" s="613"/>
      <c r="TLB671" s="613"/>
      <c r="TLC671" s="613"/>
      <c r="TLD671" s="613"/>
      <c r="TLE671" s="613"/>
      <c r="TLF671" s="613"/>
      <c r="TLG671" s="613"/>
      <c r="TLH671" s="613"/>
      <c r="TLI671" s="613"/>
      <c r="TLJ671" s="613"/>
      <c r="TLK671" s="613"/>
      <c r="TLL671" s="613"/>
      <c r="TLM671" s="613"/>
      <c r="TLN671" s="613"/>
      <c r="TLO671" s="613"/>
      <c r="TLP671" s="613"/>
      <c r="TLQ671" s="613"/>
      <c r="TLR671" s="613"/>
      <c r="TLS671" s="613"/>
      <c r="TLT671" s="613"/>
      <c r="TLU671" s="613"/>
      <c r="TLV671" s="613"/>
      <c r="TLW671" s="613"/>
      <c r="TLX671" s="613"/>
      <c r="TLY671" s="613"/>
      <c r="TLZ671" s="613"/>
      <c r="TMA671" s="613"/>
      <c r="TMB671" s="613"/>
      <c r="TMC671" s="613"/>
      <c r="TMD671" s="613"/>
      <c r="TME671" s="613"/>
      <c r="TMF671" s="613"/>
      <c r="TMG671" s="613"/>
      <c r="TMH671" s="613"/>
      <c r="TMI671" s="613"/>
      <c r="TMJ671" s="613"/>
      <c r="TMK671" s="613"/>
      <c r="TML671" s="613"/>
      <c r="TMM671" s="613"/>
      <c r="TMN671" s="613"/>
      <c r="TMO671" s="613"/>
      <c r="TMP671" s="613"/>
      <c r="TMQ671" s="613"/>
      <c r="TMR671" s="613"/>
      <c r="TMS671" s="613"/>
      <c r="TMT671" s="613"/>
      <c r="TMU671" s="613"/>
      <c r="TMV671" s="613"/>
      <c r="TMW671" s="613"/>
      <c r="TMX671" s="613"/>
      <c r="TMY671" s="613"/>
      <c r="TMZ671" s="613"/>
      <c r="TNA671" s="613"/>
      <c r="TNB671" s="613"/>
      <c r="TNC671" s="613"/>
      <c r="TND671" s="613"/>
      <c r="TNE671" s="613"/>
      <c r="TNF671" s="613"/>
      <c r="TNG671" s="613"/>
      <c r="TNH671" s="613"/>
      <c r="TNI671" s="613"/>
      <c r="TNJ671" s="613"/>
      <c r="TNK671" s="613"/>
      <c r="TNL671" s="613"/>
      <c r="TNM671" s="613"/>
      <c r="TNN671" s="613"/>
      <c r="TNO671" s="613"/>
      <c r="TNP671" s="613"/>
      <c r="TNQ671" s="613"/>
      <c r="TNR671" s="613"/>
      <c r="TNS671" s="613"/>
      <c r="TNT671" s="613"/>
      <c r="TNU671" s="613"/>
      <c r="TNV671" s="613"/>
      <c r="TNW671" s="613"/>
      <c r="TNX671" s="613"/>
      <c r="TNY671" s="613"/>
      <c r="TNZ671" s="613"/>
      <c r="TOA671" s="613"/>
      <c r="TOB671" s="613"/>
      <c r="TOC671" s="613"/>
      <c r="TOD671" s="613"/>
      <c r="TOE671" s="613"/>
      <c r="TOF671" s="613"/>
      <c r="TOG671" s="613"/>
      <c r="TOH671" s="613"/>
      <c r="TOI671" s="613"/>
      <c r="TOJ671" s="613"/>
      <c r="TOK671" s="613"/>
      <c r="TOL671" s="613"/>
      <c r="TOM671" s="613"/>
      <c r="TON671" s="613"/>
      <c r="TOO671" s="613"/>
      <c r="TOP671" s="613"/>
      <c r="TOQ671" s="613"/>
      <c r="TOR671" s="613"/>
      <c r="TOS671" s="613"/>
      <c r="TOT671" s="613"/>
      <c r="TOU671" s="613"/>
      <c r="TOV671" s="613"/>
      <c r="TOW671" s="613"/>
      <c r="TOX671" s="613"/>
      <c r="TOY671" s="613"/>
      <c r="TOZ671" s="613"/>
      <c r="TPA671" s="613"/>
      <c r="TPB671" s="613"/>
      <c r="TPC671" s="613"/>
      <c r="TPD671" s="613"/>
      <c r="TPE671" s="613"/>
      <c r="TPF671" s="613"/>
      <c r="TPG671" s="613"/>
      <c r="TPH671" s="613"/>
      <c r="TPI671" s="613"/>
      <c r="TPJ671" s="613"/>
      <c r="TPK671" s="613"/>
      <c r="TPL671" s="613"/>
      <c r="TPM671" s="613"/>
      <c r="TPN671" s="613"/>
      <c r="TPO671" s="613"/>
      <c r="TPP671" s="613"/>
      <c r="TPQ671" s="613"/>
      <c r="TPR671" s="613"/>
      <c r="TPS671" s="613"/>
      <c r="TPT671" s="613"/>
      <c r="TPU671" s="613"/>
      <c r="TPV671" s="613"/>
      <c r="TPW671" s="613"/>
      <c r="TPX671" s="613"/>
      <c r="TPY671" s="613"/>
      <c r="TPZ671" s="613"/>
      <c r="TQA671" s="613"/>
      <c r="TQB671" s="613"/>
      <c r="TQC671" s="613"/>
      <c r="TQD671" s="613"/>
      <c r="TQE671" s="613"/>
      <c r="TQF671" s="613"/>
      <c r="TQG671" s="613"/>
      <c r="TQH671" s="613"/>
      <c r="TQI671" s="613"/>
      <c r="TQJ671" s="613"/>
      <c r="TQK671" s="613"/>
      <c r="TQL671" s="613"/>
      <c r="TQM671" s="613"/>
      <c r="TQN671" s="613"/>
      <c r="TQO671" s="613"/>
      <c r="TQP671" s="613"/>
      <c r="TQQ671" s="613"/>
      <c r="TQR671" s="613"/>
      <c r="TQS671" s="613"/>
      <c r="TQT671" s="613"/>
      <c r="TQU671" s="613"/>
      <c r="TQV671" s="613"/>
      <c r="TQW671" s="613"/>
      <c r="TQX671" s="613"/>
      <c r="TQY671" s="613"/>
      <c r="TQZ671" s="613"/>
      <c r="TRA671" s="613"/>
      <c r="TRB671" s="613"/>
      <c r="TRC671" s="613"/>
      <c r="TRD671" s="613"/>
      <c r="TRE671" s="613"/>
      <c r="TRF671" s="613"/>
      <c r="TRG671" s="613"/>
      <c r="TRH671" s="613"/>
      <c r="TRI671" s="613"/>
      <c r="TRJ671" s="613"/>
      <c r="TRK671" s="613"/>
      <c r="TRL671" s="613"/>
      <c r="TRM671" s="613"/>
      <c r="TRN671" s="613"/>
      <c r="TRO671" s="613"/>
      <c r="TRP671" s="613"/>
      <c r="TRQ671" s="613"/>
      <c r="TRR671" s="613"/>
      <c r="TRS671" s="613"/>
      <c r="TRT671" s="613"/>
      <c r="TRU671" s="613"/>
      <c r="TRV671" s="613"/>
      <c r="TRW671" s="613"/>
      <c r="TRX671" s="613"/>
      <c r="TRY671" s="613"/>
      <c r="TRZ671" s="613"/>
      <c r="TSA671" s="613"/>
      <c r="TSB671" s="613"/>
      <c r="TSC671" s="613"/>
      <c r="TSD671" s="613"/>
      <c r="TSE671" s="613"/>
      <c r="TSF671" s="613"/>
      <c r="TSG671" s="613"/>
      <c r="TSH671" s="613"/>
      <c r="TSI671" s="613"/>
      <c r="TSJ671" s="613"/>
      <c r="TSK671" s="613"/>
      <c r="TSL671" s="613"/>
      <c r="TSM671" s="613"/>
      <c r="TSN671" s="613"/>
      <c r="TSO671" s="613"/>
      <c r="TSP671" s="613"/>
      <c r="TSQ671" s="613"/>
      <c r="TSR671" s="613"/>
      <c r="TSS671" s="613"/>
      <c r="TST671" s="613"/>
      <c r="TSU671" s="613"/>
      <c r="TSV671" s="613"/>
      <c r="TSW671" s="613"/>
      <c r="TSX671" s="613"/>
      <c r="TSY671" s="613"/>
      <c r="TSZ671" s="613"/>
      <c r="TTA671" s="613"/>
      <c r="TTB671" s="613"/>
      <c r="TTC671" s="613"/>
      <c r="TTD671" s="613"/>
      <c r="TTE671" s="613"/>
      <c r="TTF671" s="613"/>
      <c r="TTG671" s="613"/>
      <c r="TTH671" s="613"/>
      <c r="TTI671" s="613"/>
      <c r="TTJ671" s="613"/>
      <c r="TTK671" s="613"/>
      <c r="TTL671" s="613"/>
      <c r="TTM671" s="613"/>
      <c r="TTN671" s="613"/>
      <c r="TTO671" s="613"/>
      <c r="TTP671" s="613"/>
      <c r="TTQ671" s="613"/>
      <c r="TTR671" s="613"/>
      <c r="TTS671" s="613"/>
      <c r="TTT671" s="613"/>
      <c r="TTU671" s="613"/>
      <c r="TTV671" s="613"/>
      <c r="TTW671" s="613"/>
      <c r="TTX671" s="613"/>
      <c r="TTY671" s="613"/>
      <c r="TTZ671" s="613"/>
      <c r="TUA671" s="613"/>
      <c r="TUB671" s="613"/>
      <c r="TUC671" s="613"/>
      <c r="TUD671" s="613"/>
      <c r="TUE671" s="613"/>
      <c r="TUF671" s="613"/>
      <c r="TUG671" s="613"/>
      <c r="TUH671" s="613"/>
      <c r="TUI671" s="613"/>
      <c r="TUJ671" s="613"/>
      <c r="TUK671" s="613"/>
      <c r="TUL671" s="613"/>
      <c r="TUM671" s="613"/>
      <c r="TUN671" s="613"/>
      <c r="TUO671" s="613"/>
      <c r="TUP671" s="613"/>
      <c r="TUQ671" s="613"/>
      <c r="TUR671" s="613"/>
      <c r="TUS671" s="613"/>
      <c r="TUT671" s="613"/>
      <c r="TUU671" s="613"/>
      <c r="TUV671" s="613"/>
      <c r="TUW671" s="613"/>
      <c r="TUX671" s="613"/>
      <c r="TUY671" s="613"/>
      <c r="TUZ671" s="613"/>
      <c r="TVA671" s="613"/>
      <c r="TVB671" s="613"/>
      <c r="TVC671" s="613"/>
      <c r="TVD671" s="613"/>
      <c r="TVE671" s="613"/>
      <c r="TVF671" s="613"/>
      <c r="TVG671" s="613"/>
      <c r="TVH671" s="613"/>
      <c r="TVI671" s="613"/>
      <c r="TVJ671" s="613"/>
      <c r="TVK671" s="613"/>
      <c r="TVL671" s="613"/>
      <c r="TVM671" s="613"/>
      <c r="TVN671" s="613"/>
      <c r="TVO671" s="613"/>
      <c r="TVP671" s="613"/>
      <c r="TVQ671" s="613"/>
      <c r="TVR671" s="613"/>
      <c r="TVS671" s="613"/>
      <c r="TVT671" s="613"/>
      <c r="TVU671" s="613"/>
      <c r="TVV671" s="613"/>
      <c r="TVW671" s="613"/>
      <c r="TVX671" s="613"/>
      <c r="TVY671" s="613"/>
      <c r="TVZ671" s="613"/>
      <c r="TWA671" s="613"/>
      <c r="TWB671" s="613"/>
      <c r="TWC671" s="613"/>
      <c r="TWD671" s="613"/>
      <c r="TWE671" s="613"/>
      <c r="TWF671" s="613"/>
      <c r="TWG671" s="613"/>
      <c r="TWH671" s="613"/>
      <c r="TWI671" s="613"/>
      <c r="TWJ671" s="613"/>
      <c r="TWK671" s="613"/>
      <c r="TWL671" s="613"/>
      <c r="TWM671" s="613"/>
      <c r="TWN671" s="613"/>
      <c r="TWO671" s="613"/>
      <c r="TWP671" s="613"/>
      <c r="TWQ671" s="613"/>
      <c r="TWR671" s="613"/>
      <c r="TWS671" s="613"/>
      <c r="TWT671" s="613"/>
      <c r="TWU671" s="613"/>
      <c r="TWV671" s="613"/>
      <c r="TWW671" s="613"/>
      <c r="TWX671" s="613"/>
      <c r="TWY671" s="613"/>
      <c r="TWZ671" s="613"/>
      <c r="TXA671" s="613"/>
      <c r="TXB671" s="613"/>
      <c r="TXC671" s="613"/>
      <c r="TXD671" s="613"/>
      <c r="TXE671" s="613"/>
      <c r="TXF671" s="613"/>
      <c r="TXG671" s="613"/>
      <c r="TXH671" s="613"/>
      <c r="TXI671" s="613"/>
      <c r="TXJ671" s="613"/>
      <c r="TXK671" s="613"/>
      <c r="TXL671" s="613"/>
      <c r="TXM671" s="613"/>
      <c r="TXN671" s="613"/>
      <c r="TXO671" s="613"/>
      <c r="TXP671" s="613"/>
      <c r="TXQ671" s="613"/>
      <c r="TXR671" s="613"/>
      <c r="TXS671" s="613"/>
      <c r="TXT671" s="613"/>
      <c r="TXU671" s="613"/>
      <c r="TXV671" s="613"/>
      <c r="TXW671" s="613"/>
      <c r="TXX671" s="613"/>
      <c r="TXY671" s="613"/>
      <c r="TXZ671" s="613"/>
      <c r="TYA671" s="613"/>
      <c r="TYB671" s="613"/>
      <c r="TYC671" s="613"/>
      <c r="TYD671" s="613"/>
      <c r="TYE671" s="613"/>
      <c r="TYF671" s="613"/>
      <c r="TYG671" s="613"/>
      <c r="TYH671" s="613"/>
      <c r="TYI671" s="613"/>
      <c r="TYJ671" s="613"/>
      <c r="TYK671" s="613"/>
      <c r="TYL671" s="613"/>
      <c r="TYM671" s="613"/>
      <c r="TYN671" s="613"/>
      <c r="TYO671" s="613"/>
      <c r="TYP671" s="613"/>
      <c r="TYQ671" s="613"/>
      <c r="TYR671" s="613"/>
      <c r="TYS671" s="613"/>
      <c r="TYT671" s="613"/>
      <c r="TYU671" s="613"/>
      <c r="TYV671" s="613"/>
      <c r="TYW671" s="613"/>
      <c r="TYX671" s="613"/>
      <c r="TYY671" s="613"/>
      <c r="TYZ671" s="613"/>
      <c r="TZA671" s="613"/>
      <c r="TZB671" s="613"/>
      <c r="TZC671" s="613"/>
      <c r="TZD671" s="613"/>
      <c r="TZE671" s="613"/>
      <c r="TZF671" s="613"/>
      <c r="TZG671" s="613"/>
      <c r="TZH671" s="613"/>
      <c r="TZI671" s="613"/>
      <c r="TZJ671" s="613"/>
      <c r="TZK671" s="613"/>
      <c r="TZL671" s="613"/>
      <c r="TZM671" s="613"/>
      <c r="TZN671" s="613"/>
      <c r="TZO671" s="613"/>
      <c r="TZP671" s="613"/>
      <c r="TZQ671" s="613"/>
      <c r="TZR671" s="613"/>
      <c r="TZS671" s="613"/>
      <c r="TZT671" s="613"/>
      <c r="TZU671" s="613"/>
      <c r="TZV671" s="613"/>
      <c r="TZW671" s="613"/>
      <c r="TZX671" s="613"/>
      <c r="TZY671" s="613"/>
      <c r="TZZ671" s="613"/>
      <c r="UAA671" s="613"/>
      <c r="UAB671" s="613"/>
      <c r="UAC671" s="613"/>
      <c r="UAD671" s="613"/>
      <c r="UAE671" s="613"/>
      <c r="UAF671" s="613"/>
      <c r="UAG671" s="613"/>
      <c r="UAH671" s="613"/>
      <c r="UAI671" s="613"/>
      <c r="UAJ671" s="613"/>
      <c r="UAK671" s="613"/>
      <c r="UAL671" s="613"/>
      <c r="UAM671" s="613"/>
      <c r="UAN671" s="613"/>
      <c r="UAO671" s="613"/>
      <c r="UAP671" s="613"/>
      <c r="UAQ671" s="613"/>
      <c r="UAR671" s="613"/>
      <c r="UAS671" s="613"/>
      <c r="UAT671" s="613"/>
      <c r="UAU671" s="613"/>
      <c r="UAV671" s="613"/>
      <c r="UAW671" s="613"/>
      <c r="UAX671" s="613"/>
      <c r="UAY671" s="613"/>
      <c r="UAZ671" s="613"/>
      <c r="UBA671" s="613"/>
      <c r="UBB671" s="613"/>
      <c r="UBC671" s="613"/>
      <c r="UBD671" s="613"/>
      <c r="UBE671" s="613"/>
      <c r="UBF671" s="613"/>
      <c r="UBG671" s="613"/>
      <c r="UBH671" s="613"/>
      <c r="UBI671" s="613"/>
      <c r="UBJ671" s="613"/>
      <c r="UBK671" s="613"/>
      <c r="UBL671" s="613"/>
      <c r="UBM671" s="613"/>
      <c r="UBN671" s="613"/>
      <c r="UBO671" s="613"/>
      <c r="UBP671" s="613"/>
      <c r="UBQ671" s="613"/>
      <c r="UBR671" s="613"/>
      <c r="UBS671" s="613"/>
      <c r="UBT671" s="613"/>
      <c r="UBU671" s="613"/>
      <c r="UBV671" s="613"/>
      <c r="UBW671" s="613"/>
      <c r="UBX671" s="613"/>
      <c r="UBY671" s="613"/>
      <c r="UBZ671" s="613"/>
      <c r="UCA671" s="613"/>
      <c r="UCB671" s="613"/>
      <c r="UCC671" s="613"/>
      <c r="UCD671" s="613"/>
      <c r="UCE671" s="613"/>
      <c r="UCF671" s="613"/>
      <c r="UCG671" s="613"/>
      <c r="UCH671" s="613"/>
      <c r="UCI671" s="613"/>
      <c r="UCJ671" s="613"/>
      <c r="UCK671" s="613"/>
      <c r="UCL671" s="613"/>
      <c r="UCM671" s="613"/>
      <c r="UCN671" s="613"/>
      <c r="UCO671" s="613"/>
      <c r="UCP671" s="613"/>
      <c r="UCQ671" s="613"/>
      <c r="UCR671" s="613"/>
      <c r="UCS671" s="613"/>
      <c r="UCT671" s="613"/>
      <c r="UCU671" s="613"/>
      <c r="UCV671" s="613"/>
      <c r="UCW671" s="613"/>
      <c r="UCX671" s="613"/>
      <c r="UCY671" s="613"/>
      <c r="UCZ671" s="613"/>
      <c r="UDA671" s="613"/>
      <c r="UDB671" s="613"/>
      <c r="UDC671" s="613"/>
      <c r="UDD671" s="613"/>
      <c r="UDE671" s="613"/>
      <c r="UDF671" s="613"/>
      <c r="UDG671" s="613"/>
      <c r="UDH671" s="613"/>
      <c r="UDI671" s="613"/>
      <c r="UDJ671" s="613"/>
      <c r="UDK671" s="613"/>
      <c r="UDL671" s="613"/>
      <c r="UDM671" s="613"/>
      <c r="UDN671" s="613"/>
      <c r="UDO671" s="613"/>
      <c r="UDP671" s="613"/>
      <c r="UDQ671" s="613"/>
      <c r="UDR671" s="613"/>
      <c r="UDS671" s="613"/>
      <c r="UDT671" s="613"/>
      <c r="UDU671" s="613"/>
      <c r="UDV671" s="613"/>
      <c r="UDW671" s="613"/>
      <c r="UDX671" s="613"/>
      <c r="UDY671" s="613"/>
      <c r="UDZ671" s="613"/>
      <c r="UEA671" s="613"/>
      <c r="UEB671" s="613"/>
      <c r="UEC671" s="613"/>
      <c r="UED671" s="613"/>
      <c r="UEE671" s="613"/>
      <c r="UEF671" s="613"/>
      <c r="UEG671" s="613"/>
      <c r="UEH671" s="613"/>
      <c r="UEI671" s="613"/>
      <c r="UEJ671" s="613"/>
      <c r="UEK671" s="613"/>
      <c r="UEL671" s="613"/>
      <c r="UEM671" s="613"/>
      <c r="UEN671" s="613"/>
      <c r="UEO671" s="613"/>
      <c r="UEP671" s="613"/>
      <c r="UEQ671" s="613"/>
      <c r="UER671" s="613"/>
      <c r="UES671" s="613"/>
      <c r="UET671" s="613"/>
      <c r="UEU671" s="613"/>
      <c r="UEV671" s="613"/>
      <c r="UEW671" s="613"/>
      <c r="UEX671" s="613"/>
      <c r="UEY671" s="613"/>
      <c r="UEZ671" s="613"/>
      <c r="UFA671" s="613"/>
      <c r="UFB671" s="613"/>
      <c r="UFC671" s="613"/>
      <c r="UFD671" s="613"/>
      <c r="UFE671" s="613"/>
      <c r="UFF671" s="613"/>
      <c r="UFG671" s="613"/>
      <c r="UFH671" s="613"/>
      <c r="UFI671" s="613"/>
      <c r="UFJ671" s="613"/>
      <c r="UFK671" s="613"/>
      <c r="UFL671" s="613"/>
      <c r="UFM671" s="613"/>
      <c r="UFN671" s="613"/>
      <c r="UFO671" s="613"/>
      <c r="UFP671" s="613"/>
      <c r="UFQ671" s="613"/>
      <c r="UFR671" s="613"/>
      <c r="UFS671" s="613"/>
      <c r="UFT671" s="613"/>
      <c r="UFU671" s="613"/>
      <c r="UFV671" s="613"/>
      <c r="UFW671" s="613"/>
      <c r="UFX671" s="613"/>
      <c r="UFY671" s="613"/>
      <c r="UFZ671" s="613"/>
      <c r="UGA671" s="613"/>
      <c r="UGB671" s="613"/>
      <c r="UGC671" s="613"/>
      <c r="UGD671" s="613"/>
      <c r="UGE671" s="613"/>
      <c r="UGF671" s="613"/>
      <c r="UGG671" s="613"/>
      <c r="UGH671" s="613"/>
      <c r="UGI671" s="613"/>
      <c r="UGJ671" s="613"/>
      <c r="UGK671" s="613"/>
      <c r="UGL671" s="613"/>
      <c r="UGM671" s="613"/>
      <c r="UGN671" s="613"/>
      <c r="UGO671" s="613"/>
      <c r="UGP671" s="613"/>
      <c r="UGQ671" s="613"/>
      <c r="UGR671" s="613"/>
      <c r="UGS671" s="613"/>
      <c r="UGT671" s="613"/>
      <c r="UGU671" s="613"/>
      <c r="UGV671" s="613"/>
      <c r="UGW671" s="613"/>
      <c r="UGX671" s="613"/>
      <c r="UGY671" s="613"/>
      <c r="UGZ671" s="613"/>
      <c r="UHA671" s="613"/>
      <c r="UHB671" s="613"/>
      <c r="UHC671" s="613"/>
      <c r="UHD671" s="613"/>
      <c r="UHE671" s="613"/>
      <c r="UHF671" s="613"/>
      <c r="UHG671" s="613"/>
      <c r="UHH671" s="613"/>
      <c r="UHI671" s="613"/>
      <c r="UHJ671" s="613"/>
      <c r="UHK671" s="613"/>
      <c r="UHL671" s="613"/>
      <c r="UHM671" s="613"/>
      <c r="UHN671" s="613"/>
      <c r="UHO671" s="613"/>
      <c r="UHP671" s="613"/>
      <c r="UHQ671" s="613"/>
      <c r="UHR671" s="613"/>
      <c r="UHS671" s="613"/>
      <c r="UHT671" s="613"/>
      <c r="UHU671" s="613"/>
      <c r="UHV671" s="613"/>
      <c r="UHW671" s="613"/>
      <c r="UHX671" s="613"/>
      <c r="UHY671" s="613"/>
      <c r="UHZ671" s="613"/>
      <c r="UIA671" s="613"/>
      <c r="UIB671" s="613"/>
      <c r="UIC671" s="613"/>
      <c r="UID671" s="613"/>
      <c r="UIE671" s="613"/>
      <c r="UIF671" s="613"/>
      <c r="UIG671" s="613"/>
      <c r="UIH671" s="613"/>
      <c r="UII671" s="613"/>
      <c r="UIJ671" s="613"/>
      <c r="UIK671" s="613"/>
      <c r="UIL671" s="613"/>
      <c r="UIM671" s="613"/>
      <c r="UIN671" s="613"/>
      <c r="UIO671" s="613"/>
      <c r="UIP671" s="613"/>
      <c r="UIQ671" s="613"/>
      <c r="UIR671" s="613"/>
      <c r="UIS671" s="613"/>
      <c r="UIT671" s="613"/>
      <c r="UIU671" s="613"/>
      <c r="UIV671" s="613"/>
      <c r="UIW671" s="613"/>
      <c r="UIX671" s="613"/>
      <c r="UIY671" s="613"/>
      <c r="UIZ671" s="613"/>
      <c r="UJA671" s="613"/>
      <c r="UJB671" s="613"/>
      <c r="UJC671" s="613"/>
      <c r="UJD671" s="613"/>
      <c r="UJE671" s="613"/>
      <c r="UJF671" s="613"/>
      <c r="UJG671" s="613"/>
      <c r="UJH671" s="613"/>
      <c r="UJI671" s="613"/>
      <c r="UJJ671" s="613"/>
      <c r="UJK671" s="613"/>
      <c r="UJL671" s="613"/>
      <c r="UJM671" s="613"/>
      <c r="UJN671" s="613"/>
      <c r="UJO671" s="613"/>
      <c r="UJP671" s="613"/>
      <c r="UJQ671" s="613"/>
      <c r="UJR671" s="613"/>
      <c r="UJS671" s="613"/>
      <c r="UJT671" s="613"/>
      <c r="UJU671" s="613"/>
      <c r="UJV671" s="613"/>
      <c r="UJW671" s="613"/>
      <c r="UJX671" s="613"/>
      <c r="UJY671" s="613"/>
      <c r="UJZ671" s="613"/>
      <c r="UKA671" s="613"/>
      <c r="UKB671" s="613"/>
      <c r="UKC671" s="613"/>
      <c r="UKD671" s="613"/>
      <c r="UKE671" s="613"/>
      <c r="UKF671" s="613"/>
      <c r="UKG671" s="613"/>
      <c r="UKH671" s="613"/>
      <c r="UKI671" s="613"/>
      <c r="UKJ671" s="613"/>
      <c r="UKK671" s="613"/>
      <c r="UKL671" s="613"/>
      <c r="UKM671" s="613"/>
      <c r="UKN671" s="613"/>
      <c r="UKO671" s="613"/>
      <c r="UKP671" s="613"/>
      <c r="UKQ671" s="613"/>
      <c r="UKR671" s="613"/>
      <c r="UKS671" s="613"/>
      <c r="UKT671" s="613"/>
      <c r="UKU671" s="613"/>
      <c r="UKV671" s="613"/>
      <c r="UKW671" s="613"/>
      <c r="UKX671" s="613"/>
      <c r="UKY671" s="613"/>
      <c r="UKZ671" s="613"/>
      <c r="ULA671" s="613"/>
      <c r="ULB671" s="613"/>
      <c r="ULC671" s="613"/>
      <c r="ULD671" s="613"/>
      <c r="ULE671" s="613"/>
      <c r="ULF671" s="613"/>
      <c r="ULG671" s="613"/>
      <c r="ULH671" s="613"/>
      <c r="ULI671" s="613"/>
      <c r="ULJ671" s="613"/>
      <c r="ULK671" s="613"/>
      <c r="ULL671" s="613"/>
      <c r="ULM671" s="613"/>
      <c r="ULN671" s="613"/>
      <c r="ULO671" s="613"/>
      <c r="ULP671" s="613"/>
      <c r="ULQ671" s="613"/>
      <c r="ULR671" s="613"/>
      <c r="ULS671" s="613"/>
      <c r="ULT671" s="613"/>
      <c r="ULU671" s="613"/>
      <c r="ULV671" s="613"/>
      <c r="ULW671" s="613"/>
      <c r="ULX671" s="613"/>
      <c r="ULY671" s="613"/>
      <c r="ULZ671" s="613"/>
      <c r="UMA671" s="613"/>
      <c r="UMB671" s="613"/>
      <c r="UMC671" s="613"/>
      <c r="UMD671" s="613"/>
      <c r="UME671" s="613"/>
      <c r="UMF671" s="613"/>
      <c r="UMG671" s="613"/>
      <c r="UMH671" s="613"/>
      <c r="UMI671" s="613"/>
      <c r="UMJ671" s="613"/>
      <c r="UMK671" s="613"/>
      <c r="UML671" s="613"/>
      <c r="UMM671" s="613"/>
      <c r="UMN671" s="613"/>
      <c r="UMO671" s="613"/>
      <c r="UMP671" s="613"/>
      <c r="UMQ671" s="613"/>
      <c r="UMR671" s="613"/>
      <c r="UMS671" s="613"/>
      <c r="UMT671" s="613"/>
      <c r="UMU671" s="613"/>
      <c r="UMV671" s="613"/>
      <c r="UMW671" s="613"/>
      <c r="UMX671" s="613"/>
      <c r="UMY671" s="613"/>
      <c r="UMZ671" s="613"/>
      <c r="UNA671" s="613"/>
      <c r="UNB671" s="613"/>
      <c r="UNC671" s="613"/>
      <c r="UND671" s="613"/>
      <c r="UNE671" s="613"/>
      <c r="UNF671" s="613"/>
      <c r="UNG671" s="613"/>
      <c r="UNH671" s="613"/>
      <c r="UNI671" s="613"/>
      <c r="UNJ671" s="613"/>
      <c r="UNK671" s="613"/>
      <c r="UNL671" s="613"/>
      <c r="UNM671" s="613"/>
      <c r="UNN671" s="613"/>
      <c r="UNO671" s="613"/>
      <c r="UNP671" s="613"/>
      <c r="UNQ671" s="613"/>
      <c r="UNR671" s="613"/>
      <c r="UNS671" s="613"/>
      <c r="UNT671" s="613"/>
      <c r="UNU671" s="613"/>
      <c r="UNV671" s="613"/>
      <c r="UNW671" s="613"/>
      <c r="UNX671" s="613"/>
      <c r="UNY671" s="613"/>
      <c r="UNZ671" s="613"/>
      <c r="UOA671" s="613"/>
      <c r="UOB671" s="613"/>
      <c r="UOC671" s="613"/>
      <c r="UOD671" s="613"/>
      <c r="UOE671" s="613"/>
      <c r="UOF671" s="613"/>
      <c r="UOG671" s="613"/>
      <c r="UOH671" s="613"/>
      <c r="UOI671" s="613"/>
      <c r="UOJ671" s="613"/>
      <c r="UOK671" s="613"/>
      <c r="UOL671" s="613"/>
      <c r="UOM671" s="613"/>
      <c r="UON671" s="613"/>
      <c r="UOO671" s="613"/>
      <c r="UOP671" s="613"/>
      <c r="UOQ671" s="613"/>
      <c r="UOR671" s="613"/>
      <c r="UOS671" s="613"/>
      <c r="UOT671" s="613"/>
      <c r="UOU671" s="613"/>
      <c r="UOV671" s="613"/>
      <c r="UOW671" s="613"/>
      <c r="UOX671" s="613"/>
      <c r="UOY671" s="613"/>
      <c r="UOZ671" s="613"/>
      <c r="UPA671" s="613"/>
      <c r="UPB671" s="613"/>
      <c r="UPC671" s="613"/>
      <c r="UPD671" s="613"/>
      <c r="UPE671" s="613"/>
      <c r="UPF671" s="613"/>
      <c r="UPG671" s="613"/>
      <c r="UPH671" s="613"/>
      <c r="UPI671" s="613"/>
      <c r="UPJ671" s="613"/>
      <c r="UPK671" s="613"/>
      <c r="UPL671" s="613"/>
      <c r="UPM671" s="613"/>
      <c r="UPN671" s="613"/>
      <c r="UPO671" s="613"/>
      <c r="UPP671" s="613"/>
      <c r="UPQ671" s="613"/>
      <c r="UPR671" s="613"/>
      <c r="UPS671" s="613"/>
      <c r="UPT671" s="613"/>
      <c r="UPU671" s="613"/>
      <c r="UPV671" s="613"/>
      <c r="UPW671" s="613"/>
      <c r="UPX671" s="613"/>
      <c r="UPY671" s="613"/>
      <c r="UPZ671" s="613"/>
      <c r="UQA671" s="613"/>
      <c r="UQB671" s="613"/>
      <c r="UQC671" s="613"/>
      <c r="UQD671" s="613"/>
      <c r="UQE671" s="613"/>
      <c r="UQF671" s="613"/>
      <c r="UQG671" s="613"/>
      <c r="UQH671" s="613"/>
      <c r="UQI671" s="613"/>
      <c r="UQJ671" s="613"/>
      <c r="UQK671" s="613"/>
      <c r="UQL671" s="613"/>
      <c r="UQM671" s="613"/>
      <c r="UQN671" s="613"/>
      <c r="UQO671" s="613"/>
      <c r="UQP671" s="613"/>
      <c r="UQQ671" s="613"/>
      <c r="UQR671" s="613"/>
      <c r="UQS671" s="613"/>
      <c r="UQT671" s="613"/>
      <c r="UQU671" s="613"/>
      <c r="UQV671" s="613"/>
      <c r="UQW671" s="613"/>
      <c r="UQX671" s="613"/>
      <c r="UQY671" s="613"/>
      <c r="UQZ671" s="613"/>
      <c r="URA671" s="613"/>
      <c r="URB671" s="613"/>
      <c r="URC671" s="613"/>
      <c r="URD671" s="613"/>
      <c r="URE671" s="613"/>
      <c r="URF671" s="613"/>
      <c r="URG671" s="613"/>
      <c r="URH671" s="613"/>
      <c r="URI671" s="613"/>
      <c r="URJ671" s="613"/>
      <c r="URK671" s="613"/>
      <c r="URL671" s="613"/>
      <c r="URM671" s="613"/>
      <c r="URN671" s="613"/>
      <c r="URO671" s="613"/>
      <c r="URP671" s="613"/>
      <c r="URQ671" s="613"/>
      <c r="URR671" s="613"/>
      <c r="URS671" s="613"/>
      <c r="URT671" s="613"/>
      <c r="URU671" s="613"/>
      <c r="URV671" s="613"/>
      <c r="URW671" s="613"/>
      <c r="URX671" s="613"/>
      <c r="URY671" s="613"/>
      <c r="URZ671" s="613"/>
      <c r="USA671" s="613"/>
      <c r="USB671" s="613"/>
      <c r="USC671" s="613"/>
      <c r="USD671" s="613"/>
      <c r="USE671" s="613"/>
      <c r="USF671" s="613"/>
      <c r="USG671" s="613"/>
      <c r="USH671" s="613"/>
      <c r="USI671" s="613"/>
      <c r="USJ671" s="613"/>
      <c r="USK671" s="613"/>
      <c r="USL671" s="613"/>
      <c r="USM671" s="613"/>
      <c r="USN671" s="613"/>
      <c r="USO671" s="613"/>
      <c r="USP671" s="613"/>
      <c r="USQ671" s="613"/>
      <c r="USR671" s="613"/>
      <c r="USS671" s="613"/>
      <c r="UST671" s="613"/>
      <c r="USU671" s="613"/>
      <c r="USV671" s="613"/>
      <c r="USW671" s="613"/>
      <c r="USX671" s="613"/>
      <c r="USY671" s="613"/>
      <c r="USZ671" s="613"/>
      <c r="UTA671" s="613"/>
      <c r="UTB671" s="613"/>
      <c r="UTC671" s="613"/>
      <c r="UTD671" s="613"/>
      <c r="UTE671" s="613"/>
      <c r="UTF671" s="613"/>
      <c r="UTG671" s="613"/>
      <c r="UTH671" s="613"/>
      <c r="UTI671" s="613"/>
      <c r="UTJ671" s="613"/>
      <c r="UTK671" s="613"/>
      <c r="UTL671" s="613"/>
      <c r="UTM671" s="613"/>
      <c r="UTN671" s="613"/>
      <c r="UTO671" s="613"/>
      <c r="UTP671" s="613"/>
      <c r="UTQ671" s="613"/>
      <c r="UTR671" s="613"/>
      <c r="UTS671" s="613"/>
      <c r="UTT671" s="613"/>
      <c r="UTU671" s="613"/>
      <c r="UTV671" s="613"/>
      <c r="UTW671" s="613"/>
      <c r="UTX671" s="613"/>
      <c r="UTY671" s="613"/>
      <c r="UTZ671" s="613"/>
      <c r="UUA671" s="613"/>
      <c r="UUB671" s="613"/>
      <c r="UUC671" s="613"/>
      <c r="UUD671" s="613"/>
      <c r="UUE671" s="613"/>
      <c r="UUF671" s="613"/>
      <c r="UUG671" s="613"/>
      <c r="UUH671" s="613"/>
      <c r="UUI671" s="613"/>
      <c r="UUJ671" s="613"/>
      <c r="UUK671" s="613"/>
      <c r="UUL671" s="613"/>
      <c r="UUM671" s="613"/>
      <c r="UUN671" s="613"/>
      <c r="UUO671" s="613"/>
      <c r="UUP671" s="613"/>
      <c r="UUQ671" s="613"/>
      <c r="UUR671" s="613"/>
      <c r="UUS671" s="613"/>
      <c r="UUT671" s="613"/>
      <c r="UUU671" s="613"/>
      <c r="UUV671" s="613"/>
      <c r="UUW671" s="613"/>
      <c r="UUX671" s="613"/>
      <c r="UUY671" s="613"/>
      <c r="UUZ671" s="613"/>
      <c r="UVA671" s="613"/>
      <c r="UVB671" s="613"/>
      <c r="UVC671" s="613"/>
      <c r="UVD671" s="613"/>
      <c r="UVE671" s="613"/>
      <c r="UVF671" s="613"/>
      <c r="UVG671" s="613"/>
      <c r="UVH671" s="613"/>
      <c r="UVI671" s="613"/>
      <c r="UVJ671" s="613"/>
      <c r="UVK671" s="613"/>
      <c r="UVL671" s="613"/>
      <c r="UVM671" s="613"/>
      <c r="UVN671" s="613"/>
      <c r="UVO671" s="613"/>
      <c r="UVP671" s="613"/>
      <c r="UVQ671" s="613"/>
      <c r="UVR671" s="613"/>
      <c r="UVS671" s="613"/>
      <c r="UVT671" s="613"/>
      <c r="UVU671" s="613"/>
      <c r="UVV671" s="613"/>
      <c r="UVW671" s="613"/>
      <c r="UVX671" s="613"/>
      <c r="UVY671" s="613"/>
      <c r="UVZ671" s="613"/>
      <c r="UWA671" s="613"/>
      <c r="UWB671" s="613"/>
      <c r="UWC671" s="613"/>
      <c r="UWD671" s="613"/>
      <c r="UWE671" s="613"/>
      <c r="UWF671" s="613"/>
      <c r="UWG671" s="613"/>
      <c r="UWH671" s="613"/>
      <c r="UWI671" s="613"/>
      <c r="UWJ671" s="613"/>
      <c r="UWK671" s="613"/>
      <c r="UWL671" s="613"/>
      <c r="UWM671" s="613"/>
      <c r="UWN671" s="613"/>
      <c r="UWO671" s="613"/>
      <c r="UWP671" s="613"/>
      <c r="UWQ671" s="613"/>
      <c r="UWR671" s="613"/>
      <c r="UWS671" s="613"/>
      <c r="UWT671" s="613"/>
      <c r="UWU671" s="613"/>
      <c r="UWV671" s="613"/>
      <c r="UWW671" s="613"/>
      <c r="UWX671" s="613"/>
      <c r="UWY671" s="613"/>
      <c r="UWZ671" s="613"/>
      <c r="UXA671" s="613"/>
      <c r="UXB671" s="613"/>
      <c r="UXC671" s="613"/>
      <c r="UXD671" s="613"/>
      <c r="UXE671" s="613"/>
      <c r="UXF671" s="613"/>
      <c r="UXG671" s="613"/>
      <c r="UXH671" s="613"/>
      <c r="UXI671" s="613"/>
      <c r="UXJ671" s="613"/>
      <c r="UXK671" s="613"/>
      <c r="UXL671" s="613"/>
      <c r="UXM671" s="613"/>
      <c r="UXN671" s="613"/>
      <c r="UXO671" s="613"/>
      <c r="UXP671" s="613"/>
      <c r="UXQ671" s="613"/>
      <c r="UXR671" s="613"/>
      <c r="UXS671" s="613"/>
      <c r="UXT671" s="613"/>
      <c r="UXU671" s="613"/>
      <c r="UXV671" s="613"/>
      <c r="UXW671" s="613"/>
      <c r="UXX671" s="613"/>
      <c r="UXY671" s="613"/>
      <c r="UXZ671" s="613"/>
      <c r="UYA671" s="613"/>
      <c r="UYB671" s="613"/>
      <c r="UYC671" s="613"/>
      <c r="UYD671" s="613"/>
      <c r="UYE671" s="613"/>
      <c r="UYF671" s="613"/>
      <c r="UYG671" s="613"/>
      <c r="UYH671" s="613"/>
      <c r="UYI671" s="613"/>
      <c r="UYJ671" s="613"/>
      <c r="UYK671" s="613"/>
      <c r="UYL671" s="613"/>
      <c r="UYM671" s="613"/>
      <c r="UYN671" s="613"/>
      <c r="UYO671" s="613"/>
      <c r="UYP671" s="613"/>
      <c r="UYQ671" s="613"/>
      <c r="UYR671" s="613"/>
      <c r="UYS671" s="613"/>
      <c r="UYT671" s="613"/>
      <c r="UYU671" s="613"/>
      <c r="UYV671" s="613"/>
      <c r="UYW671" s="613"/>
      <c r="UYX671" s="613"/>
      <c r="UYY671" s="613"/>
      <c r="UYZ671" s="613"/>
      <c r="UZA671" s="613"/>
      <c r="UZB671" s="613"/>
      <c r="UZC671" s="613"/>
      <c r="UZD671" s="613"/>
      <c r="UZE671" s="613"/>
      <c r="UZF671" s="613"/>
      <c r="UZG671" s="613"/>
      <c r="UZH671" s="613"/>
      <c r="UZI671" s="613"/>
      <c r="UZJ671" s="613"/>
      <c r="UZK671" s="613"/>
      <c r="UZL671" s="613"/>
      <c r="UZM671" s="613"/>
      <c r="UZN671" s="613"/>
      <c r="UZO671" s="613"/>
      <c r="UZP671" s="613"/>
      <c r="UZQ671" s="613"/>
      <c r="UZR671" s="613"/>
      <c r="UZS671" s="613"/>
      <c r="UZT671" s="613"/>
      <c r="UZU671" s="613"/>
      <c r="UZV671" s="613"/>
      <c r="UZW671" s="613"/>
      <c r="UZX671" s="613"/>
      <c r="UZY671" s="613"/>
      <c r="UZZ671" s="613"/>
      <c r="VAA671" s="613"/>
      <c r="VAB671" s="613"/>
      <c r="VAC671" s="613"/>
      <c r="VAD671" s="613"/>
      <c r="VAE671" s="613"/>
      <c r="VAF671" s="613"/>
      <c r="VAG671" s="613"/>
      <c r="VAH671" s="613"/>
      <c r="VAI671" s="613"/>
      <c r="VAJ671" s="613"/>
      <c r="VAK671" s="613"/>
      <c r="VAL671" s="613"/>
      <c r="VAM671" s="613"/>
      <c r="VAN671" s="613"/>
      <c r="VAO671" s="613"/>
      <c r="VAP671" s="613"/>
      <c r="VAQ671" s="613"/>
      <c r="VAR671" s="613"/>
      <c r="VAS671" s="613"/>
      <c r="VAT671" s="613"/>
      <c r="VAU671" s="613"/>
      <c r="VAV671" s="613"/>
      <c r="VAW671" s="613"/>
      <c r="VAX671" s="613"/>
      <c r="VAY671" s="613"/>
      <c r="VAZ671" s="613"/>
      <c r="VBA671" s="613"/>
      <c r="VBB671" s="613"/>
      <c r="VBC671" s="613"/>
      <c r="VBD671" s="613"/>
      <c r="VBE671" s="613"/>
      <c r="VBF671" s="613"/>
      <c r="VBG671" s="613"/>
      <c r="VBH671" s="613"/>
      <c r="VBI671" s="613"/>
      <c r="VBJ671" s="613"/>
      <c r="VBK671" s="613"/>
      <c r="VBL671" s="613"/>
      <c r="VBM671" s="613"/>
      <c r="VBN671" s="613"/>
      <c r="VBO671" s="613"/>
      <c r="VBP671" s="613"/>
      <c r="VBQ671" s="613"/>
      <c r="VBR671" s="613"/>
      <c r="VBS671" s="613"/>
      <c r="VBT671" s="613"/>
      <c r="VBU671" s="613"/>
      <c r="VBV671" s="613"/>
      <c r="VBW671" s="613"/>
      <c r="VBX671" s="613"/>
      <c r="VBY671" s="613"/>
      <c r="VBZ671" s="613"/>
      <c r="VCA671" s="613"/>
      <c r="VCB671" s="613"/>
      <c r="VCC671" s="613"/>
      <c r="VCD671" s="613"/>
      <c r="VCE671" s="613"/>
      <c r="VCF671" s="613"/>
      <c r="VCG671" s="613"/>
      <c r="VCH671" s="613"/>
      <c r="VCI671" s="613"/>
      <c r="VCJ671" s="613"/>
      <c r="VCK671" s="613"/>
      <c r="VCL671" s="613"/>
      <c r="VCM671" s="613"/>
      <c r="VCN671" s="613"/>
      <c r="VCO671" s="613"/>
      <c r="VCP671" s="613"/>
      <c r="VCQ671" s="613"/>
      <c r="VCR671" s="613"/>
      <c r="VCS671" s="613"/>
      <c r="VCT671" s="613"/>
      <c r="VCU671" s="613"/>
      <c r="VCV671" s="613"/>
      <c r="VCW671" s="613"/>
      <c r="VCX671" s="613"/>
      <c r="VCY671" s="613"/>
      <c r="VCZ671" s="613"/>
      <c r="VDA671" s="613"/>
      <c r="VDB671" s="613"/>
      <c r="VDC671" s="613"/>
      <c r="VDD671" s="613"/>
      <c r="VDE671" s="613"/>
      <c r="VDF671" s="613"/>
      <c r="VDG671" s="613"/>
      <c r="VDH671" s="613"/>
      <c r="VDI671" s="613"/>
      <c r="VDJ671" s="613"/>
      <c r="VDK671" s="613"/>
      <c r="VDL671" s="613"/>
      <c r="VDM671" s="613"/>
      <c r="VDN671" s="613"/>
      <c r="VDO671" s="613"/>
      <c r="VDP671" s="613"/>
      <c r="VDQ671" s="613"/>
      <c r="VDR671" s="613"/>
      <c r="VDS671" s="613"/>
      <c r="VDT671" s="613"/>
      <c r="VDU671" s="613"/>
      <c r="VDV671" s="613"/>
      <c r="VDW671" s="613"/>
      <c r="VDX671" s="613"/>
      <c r="VDY671" s="613"/>
      <c r="VDZ671" s="613"/>
      <c r="VEA671" s="613"/>
      <c r="VEB671" s="613"/>
      <c r="VEC671" s="613"/>
      <c r="VED671" s="613"/>
      <c r="VEE671" s="613"/>
      <c r="VEF671" s="613"/>
      <c r="VEG671" s="613"/>
      <c r="VEH671" s="613"/>
      <c r="VEI671" s="613"/>
      <c r="VEJ671" s="613"/>
      <c r="VEK671" s="613"/>
      <c r="VEL671" s="613"/>
      <c r="VEM671" s="613"/>
      <c r="VEN671" s="613"/>
      <c r="VEO671" s="613"/>
      <c r="VEP671" s="613"/>
      <c r="VEQ671" s="613"/>
      <c r="VER671" s="613"/>
      <c r="VES671" s="613"/>
      <c r="VET671" s="613"/>
      <c r="VEU671" s="613"/>
      <c r="VEV671" s="613"/>
      <c r="VEW671" s="613"/>
      <c r="VEX671" s="613"/>
      <c r="VEY671" s="613"/>
      <c r="VEZ671" s="613"/>
      <c r="VFA671" s="613"/>
      <c r="VFB671" s="613"/>
      <c r="VFC671" s="613"/>
      <c r="VFD671" s="613"/>
      <c r="VFE671" s="613"/>
      <c r="VFF671" s="613"/>
      <c r="VFG671" s="613"/>
      <c r="VFH671" s="613"/>
      <c r="VFI671" s="613"/>
      <c r="VFJ671" s="613"/>
      <c r="VFK671" s="613"/>
      <c r="VFL671" s="613"/>
      <c r="VFM671" s="613"/>
      <c r="VFN671" s="613"/>
      <c r="VFO671" s="613"/>
      <c r="VFP671" s="613"/>
      <c r="VFQ671" s="613"/>
      <c r="VFR671" s="613"/>
      <c r="VFS671" s="613"/>
      <c r="VFT671" s="613"/>
      <c r="VFU671" s="613"/>
      <c r="VFV671" s="613"/>
      <c r="VFW671" s="613"/>
      <c r="VFX671" s="613"/>
      <c r="VFY671" s="613"/>
      <c r="VFZ671" s="613"/>
      <c r="VGA671" s="613"/>
      <c r="VGB671" s="613"/>
      <c r="VGC671" s="613"/>
      <c r="VGD671" s="613"/>
      <c r="VGE671" s="613"/>
      <c r="VGF671" s="613"/>
      <c r="VGG671" s="613"/>
      <c r="VGH671" s="613"/>
      <c r="VGI671" s="613"/>
      <c r="VGJ671" s="613"/>
      <c r="VGK671" s="613"/>
      <c r="VGL671" s="613"/>
      <c r="VGM671" s="613"/>
      <c r="VGN671" s="613"/>
      <c r="VGO671" s="613"/>
      <c r="VGP671" s="613"/>
      <c r="VGQ671" s="613"/>
      <c r="VGR671" s="613"/>
      <c r="VGS671" s="613"/>
      <c r="VGT671" s="613"/>
      <c r="VGU671" s="613"/>
      <c r="VGV671" s="613"/>
      <c r="VGW671" s="613"/>
      <c r="VGX671" s="613"/>
      <c r="VGY671" s="613"/>
      <c r="VGZ671" s="613"/>
      <c r="VHA671" s="613"/>
      <c r="VHB671" s="613"/>
      <c r="VHC671" s="613"/>
      <c r="VHD671" s="613"/>
      <c r="VHE671" s="613"/>
      <c r="VHF671" s="613"/>
      <c r="VHG671" s="613"/>
      <c r="VHH671" s="613"/>
      <c r="VHI671" s="613"/>
      <c r="VHJ671" s="613"/>
      <c r="VHK671" s="613"/>
      <c r="VHL671" s="613"/>
      <c r="VHM671" s="613"/>
      <c r="VHN671" s="613"/>
      <c r="VHO671" s="613"/>
      <c r="VHP671" s="613"/>
      <c r="VHQ671" s="613"/>
      <c r="VHR671" s="613"/>
      <c r="VHS671" s="613"/>
      <c r="VHT671" s="613"/>
      <c r="VHU671" s="613"/>
      <c r="VHV671" s="613"/>
      <c r="VHW671" s="613"/>
      <c r="VHX671" s="613"/>
      <c r="VHY671" s="613"/>
      <c r="VHZ671" s="613"/>
      <c r="VIA671" s="613"/>
      <c r="VIB671" s="613"/>
      <c r="VIC671" s="613"/>
      <c r="VID671" s="613"/>
      <c r="VIE671" s="613"/>
      <c r="VIF671" s="613"/>
      <c r="VIG671" s="613"/>
      <c r="VIH671" s="613"/>
      <c r="VII671" s="613"/>
      <c r="VIJ671" s="613"/>
      <c r="VIK671" s="613"/>
      <c r="VIL671" s="613"/>
      <c r="VIM671" s="613"/>
      <c r="VIN671" s="613"/>
      <c r="VIO671" s="613"/>
      <c r="VIP671" s="613"/>
      <c r="VIQ671" s="613"/>
      <c r="VIR671" s="613"/>
      <c r="VIS671" s="613"/>
      <c r="VIT671" s="613"/>
      <c r="VIU671" s="613"/>
      <c r="VIV671" s="613"/>
      <c r="VIW671" s="613"/>
      <c r="VIX671" s="613"/>
      <c r="VIY671" s="613"/>
      <c r="VIZ671" s="613"/>
      <c r="VJA671" s="613"/>
      <c r="VJB671" s="613"/>
      <c r="VJC671" s="613"/>
      <c r="VJD671" s="613"/>
      <c r="VJE671" s="613"/>
      <c r="VJF671" s="613"/>
      <c r="VJG671" s="613"/>
      <c r="VJH671" s="613"/>
      <c r="VJI671" s="613"/>
      <c r="VJJ671" s="613"/>
      <c r="VJK671" s="613"/>
      <c r="VJL671" s="613"/>
      <c r="VJM671" s="613"/>
      <c r="VJN671" s="613"/>
      <c r="VJO671" s="613"/>
      <c r="VJP671" s="613"/>
      <c r="VJQ671" s="613"/>
      <c r="VJR671" s="613"/>
      <c r="VJS671" s="613"/>
      <c r="VJT671" s="613"/>
      <c r="VJU671" s="613"/>
      <c r="VJV671" s="613"/>
      <c r="VJW671" s="613"/>
      <c r="VJX671" s="613"/>
      <c r="VJY671" s="613"/>
      <c r="VJZ671" s="613"/>
      <c r="VKA671" s="613"/>
      <c r="VKB671" s="613"/>
      <c r="VKC671" s="613"/>
      <c r="VKD671" s="613"/>
      <c r="VKE671" s="613"/>
      <c r="VKF671" s="613"/>
      <c r="VKG671" s="613"/>
      <c r="VKH671" s="613"/>
      <c r="VKI671" s="613"/>
      <c r="VKJ671" s="613"/>
      <c r="VKK671" s="613"/>
      <c r="VKL671" s="613"/>
      <c r="VKM671" s="613"/>
      <c r="VKN671" s="613"/>
      <c r="VKO671" s="613"/>
      <c r="VKP671" s="613"/>
      <c r="VKQ671" s="613"/>
      <c r="VKR671" s="613"/>
      <c r="VKS671" s="613"/>
      <c r="VKT671" s="613"/>
      <c r="VKU671" s="613"/>
      <c r="VKV671" s="613"/>
      <c r="VKW671" s="613"/>
      <c r="VKX671" s="613"/>
      <c r="VKY671" s="613"/>
      <c r="VKZ671" s="613"/>
      <c r="VLA671" s="613"/>
      <c r="VLB671" s="613"/>
      <c r="VLC671" s="613"/>
      <c r="VLD671" s="613"/>
      <c r="VLE671" s="613"/>
      <c r="VLF671" s="613"/>
      <c r="VLG671" s="613"/>
      <c r="VLH671" s="613"/>
      <c r="VLI671" s="613"/>
      <c r="VLJ671" s="613"/>
      <c r="VLK671" s="613"/>
      <c r="VLL671" s="613"/>
      <c r="VLM671" s="613"/>
      <c r="VLN671" s="613"/>
      <c r="VLO671" s="613"/>
      <c r="VLP671" s="613"/>
      <c r="VLQ671" s="613"/>
      <c r="VLR671" s="613"/>
      <c r="VLS671" s="613"/>
      <c r="VLT671" s="613"/>
      <c r="VLU671" s="613"/>
      <c r="VLV671" s="613"/>
      <c r="VLW671" s="613"/>
      <c r="VLX671" s="613"/>
      <c r="VLY671" s="613"/>
      <c r="VLZ671" s="613"/>
      <c r="VMA671" s="613"/>
      <c r="VMB671" s="613"/>
      <c r="VMC671" s="613"/>
      <c r="VMD671" s="613"/>
      <c r="VME671" s="613"/>
      <c r="VMF671" s="613"/>
      <c r="VMG671" s="613"/>
      <c r="VMH671" s="613"/>
      <c r="VMI671" s="613"/>
      <c r="VMJ671" s="613"/>
      <c r="VMK671" s="613"/>
      <c r="VML671" s="613"/>
      <c r="VMM671" s="613"/>
      <c r="VMN671" s="613"/>
      <c r="VMO671" s="613"/>
      <c r="VMP671" s="613"/>
      <c r="VMQ671" s="613"/>
      <c r="VMR671" s="613"/>
      <c r="VMS671" s="613"/>
      <c r="VMT671" s="613"/>
      <c r="VMU671" s="613"/>
      <c r="VMV671" s="613"/>
      <c r="VMW671" s="613"/>
      <c r="VMX671" s="613"/>
      <c r="VMY671" s="613"/>
      <c r="VMZ671" s="613"/>
      <c r="VNA671" s="613"/>
      <c r="VNB671" s="613"/>
      <c r="VNC671" s="613"/>
      <c r="VND671" s="613"/>
      <c r="VNE671" s="613"/>
      <c r="VNF671" s="613"/>
      <c r="VNG671" s="613"/>
      <c r="VNH671" s="613"/>
      <c r="VNI671" s="613"/>
      <c r="VNJ671" s="613"/>
      <c r="VNK671" s="613"/>
      <c r="VNL671" s="613"/>
      <c r="VNM671" s="613"/>
      <c r="VNN671" s="613"/>
      <c r="VNO671" s="613"/>
      <c r="VNP671" s="613"/>
      <c r="VNQ671" s="613"/>
      <c r="VNR671" s="613"/>
      <c r="VNS671" s="613"/>
      <c r="VNT671" s="613"/>
      <c r="VNU671" s="613"/>
      <c r="VNV671" s="613"/>
      <c r="VNW671" s="613"/>
      <c r="VNX671" s="613"/>
      <c r="VNY671" s="613"/>
      <c r="VNZ671" s="613"/>
      <c r="VOA671" s="613"/>
      <c r="VOB671" s="613"/>
      <c r="VOC671" s="613"/>
      <c r="VOD671" s="613"/>
      <c r="VOE671" s="613"/>
      <c r="VOF671" s="613"/>
      <c r="VOG671" s="613"/>
      <c r="VOH671" s="613"/>
      <c r="VOI671" s="613"/>
      <c r="VOJ671" s="613"/>
      <c r="VOK671" s="613"/>
      <c r="VOL671" s="613"/>
      <c r="VOM671" s="613"/>
      <c r="VON671" s="613"/>
      <c r="VOO671" s="613"/>
      <c r="VOP671" s="613"/>
      <c r="VOQ671" s="613"/>
      <c r="VOR671" s="613"/>
      <c r="VOS671" s="613"/>
      <c r="VOT671" s="613"/>
      <c r="VOU671" s="613"/>
      <c r="VOV671" s="613"/>
      <c r="VOW671" s="613"/>
      <c r="VOX671" s="613"/>
      <c r="VOY671" s="613"/>
      <c r="VOZ671" s="613"/>
      <c r="VPA671" s="613"/>
      <c r="VPB671" s="613"/>
      <c r="VPC671" s="613"/>
      <c r="VPD671" s="613"/>
      <c r="VPE671" s="613"/>
      <c r="VPF671" s="613"/>
      <c r="VPG671" s="613"/>
      <c r="VPH671" s="613"/>
      <c r="VPI671" s="613"/>
      <c r="VPJ671" s="613"/>
      <c r="VPK671" s="613"/>
      <c r="VPL671" s="613"/>
      <c r="VPM671" s="613"/>
      <c r="VPN671" s="613"/>
      <c r="VPO671" s="613"/>
      <c r="VPP671" s="613"/>
      <c r="VPQ671" s="613"/>
      <c r="VPR671" s="613"/>
      <c r="VPS671" s="613"/>
      <c r="VPT671" s="613"/>
      <c r="VPU671" s="613"/>
      <c r="VPV671" s="613"/>
      <c r="VPW671" s="613"/>
      <c r="VPX671" s="613"/>
      <c r="VPY671" s="613"/>
      <c r="VPZ671" s="613"/>
      <c r="VQA671" s="613"/>
      <c r="VQB671" s="613"/>
      <c r="VQC671" s="613"/>
      <c r="VQD671" s="613"/>
      <c r="VQE671" s="613"/>
      <c r="VQF671" s="613"/>
      <c r="VQG671" s="613"/>
      <c r="VQH671" s="613"/>
      <c r="VQI671" s="613"/>
      <c r="VQJ671" s="613"/>
      <c r="VQK671" s="613"/>
      <c r="VQL671" s="613"/>
      <c r="VQM671" s="613"/>
      <c r="VQN671" s="613"/>
      <c r="VQO671" s="613"/>
      <c r="VQP671" s="613"/>
      <c r="VQQ671" s="613"/>
      <c r="VQR671" s="613"/>
      <c r="VQS671" s="613"/>
      <c r="VQT671" s="613"/>
      <c r="VQU671" s="613"/>
      <c r="VQV671" s="613"/>
      <c r="VQW671" s="613"/>
      <c r="VQX671" s="613"/>
      <c r="VQY671" s="613"/>
      <c r="VQZ671" s="613"/>
      <c r="VRA671" s="613"/>
      <c r="VRB671" s="613"/>
      <c r="VRC671" s="613"/>
      <c r="VRD671" s="613"/>
      <c r="VRE671" s="613"/>
      <c r="VRF671" s="613"/>
      <c r="VRG671" s="613"/>
      <c r="VRH671" s="613"/>
      <c r="VRI671" s="613"/>
      <c r="VRJ671" s="613"/>
      <c r="VRK671" s="613"/>
      <c r="VRL671" s="613"/>
      <c r="VRM671" s="613"/>
      <c r="VRN671" s="613"/>
      <c r="VRO671" s="613"/>
      <c r="VRP671" s="613"/>
      <c r="VRQ671" s="613"/>
      <c r="VRR671" s="613"/>
      <c r="VRS671" s="613"/>
      <c r="VRT671" s="613"/>
      <c r="VRU671" s="613"/>
      <c r="VRV671" s="613"/>
      <c r="VRW671" s="613"/>
      <c r="VRX671" s="613"/>
      <c r="VRY671" s="613"/>
      <c r="VRZ671" s="613"/>
      <c r="VSA671" s="613"/>
      <c r="VSB671" s="613"/>
      <c r="VSC671" s="613"/>
      <c r="VSD671" s="613"/>
      <c r="VSE671" s="613"/>
      <c r="VSF671" s="613"/>
      <c r="VSG671" s="613"/>
      <c r="VSH671" s="613"/>
      <c r="VSI671" s="613"/>
      <c r="VSJ671" s="613"/>
      <c r="VSK671" s="613"/>
      <c r="VSL671" s="613"/>
      <c r="VSM671" s="613"/>
      <c r="VSN671" s="613"/>
      <c r="VSO671" s="613"/>
      <c r="VSP671" s="613"/>
      <c r="VSQ671" s="613"/>
      <c r="VSR671" s="613"/>
      <c r="VSS671" s="613"/>
      <c r="VST671" s="613"/>
      <c r="VSU671" s="613"/>
      <c r="VSV671" s="613"/>
      <c r="VSW671" s="613"/>
      <c r="VSX671" s="613"/>
      <c r="VSY671" s="613"/>
      <c r="VSZ671" s="613"/>
      <c r="VTA671" s="613"/>
      <c r="VTB671" s="613"/>
      <c r="VTC671" s="613"/>
      <c r="VTD671" s="613"/>
      <c r="VTE671" s="613"/>
      <c r="VTF671" s="613"/>
      <c r="VTG671" s="613"/>
      <c r="VTH671" s="613"/>
      <c r="VTI671" s="613"/>
      <c r="VTJ671" s="613"/>
      <c r="VTK671" s="613"/>
      <c r="VTL671" s="613"/>
      <c r="VTM671" s="613"/>
      <c r="VTN671" s="613"/>
      <c r="VTO671" s="613"/>
      <c r="VTP671" s="613"/>
      <c r="VTQ671" s="613"/>
      <c r="VTR671" s="613"/>
      <c r="VTS671" s="613"/>
      <c r="VTT671" s="613"/>
      <c r="VTU671" s="613"/>
      <c r="VTV671" s="613"/>
      <c r="VTW671" s="613"/>
      <c r="VTX671" s="613"/>
      <c r="VTY671" s="613"/>
      <c r="VTZ671" s="613"/>
      <c r="VUA671" s="613"/>
      <c r="VUB671" s="613"/>
      <c r="VUC671" s="613"/>
      <c r="VUD671" s="613"/>
      <c r="VUE671" s="613"/>
      <c r="VUF671" s="613"/>
      <c r="VUG671" s="613"/>
      <c r="VUH671" s="613"/>
      <c r="VUI671" s="613"/>
      <c r="VUJ671" s="613"/>
      <c r="VUK671" s="613"/>
      <c r="VUL671" s="613"/>
      <c r="VUM671" s="613"/>
      <c r="VUN671" s="613"/>
      <c r="VUO671" s="613"/>
      <c r="VUP671" s="613"/>
      <c r="VUQ671" s="613"/>
      <c r="VUR671" s="613"/>
      <c r="VUS671" s="613"/>
      <c r="VUT671" s="613"/>
      <c r="VUU671" s="613"/>
      <c r="VUV671" s="613"/>
      <c r="VUW671" s="613"/>
      <c r="VUX671" s="613"/>
      <c r="VUY671" s="613"/>
      <c r="VUZ671" s="613"/>
      <c r="VVA671" s="613"/>
      <c r="VVB671" s="613"/>
      <c r="VVC671" s="613"/>
      <c r="VVD671" s="613"/>
      <c r="VVE671" s="613"/>
      <c r="VVF671" s="613"/>
      <c r="VVG671" s="613"/>
      <c r="VVH671" s="613"/>
      <c r="VVI671" s="613"/>
      <c r="VVJ671" s="613"/>
      <c r="VVK671" s="613"/>
      <c r="VVL671" s="613"/>
      <c r="VVM671" s="613"/>
      <c r="VVN671" s="613"/>
      <c r="VVO671" s="613"/>
      <c r="VVP671" s="613"/>
      <c r="VVQ671" s="613"/>
      <c r="VVR671" s="613"/>
      <c r="VVS671" s="613"/>
      <c r="VVT671" s="613"/>
      <c r="VVU671" s="613"/>
      <c r="VVV671" s="613"/>
      <c r="VVW671" s="613"/>
      <c r="VVX671" s="613"/>
      <c r="VVY671" s="613"/>
      <c r="VVZ671" s="613"/>
      <c r="VWA671" s="613"/>
      <c r="VWB671" s="613"/>
      <c r="VWC671" s="613"/>
      <c r="VWD671" s="613"/>
      <c r="VWE671" s="613"/>
      <c r="VWF671" s="613"/>
      <c r="VWG671" s="613"/>
      <c r="VWH671" s="613"/>
      <c r="VWI671" s="613"/>
      <c r="VWJ671" s="613"/>
      <c r="VWK671" s="613"/>
      <c r="VWL671" s="613"/>
      <c r="VWM671" s="613"/>
      <c r="VWN671" s="613"/>
      <c r="VWO671" s="613"/>
      <c r="VWP671" s="613"/>
      <c r="VWQ671" s="613"/>
      <c r="VWR671" s="613"/>
      <c r="VWS671" s="613"/>
      <c r="VWT671" s="613"/>
      <c r="VWU671" s="613"/>
      <c r="VWV671" s="613"/>
      <c r="VWW671" s="613"/>
      <c r="VWX671" s="613"/>
      <c r="VWY671" s="613"/>
      <c r="VWZ671" s="613"/>
      <c r="VXA671" s="613"/>
      <c r="VXB671" s="613"/>
      <c r="VXC671" s="613"/>
      <c r="VXD671" s="613"/>
      <c r="VXE671" s="613"/>
      <c r="VXF671" s="613"/>
      <c r="VXG671" s="613"/>
      <c r="VXH671" s="613"/>
      <c r="VXI671" s="613"/>
      <c r="VXJ671" s="613"/>
      <c r="VXK671" s="613"/>
      <c r="VXL671" s="613"/>
      <c r="VXM671" s="613"/>
      <c r="VXN671" s="613"/>
      <c r="VXO671" s="613"/>
      <c r="VXP671" s="613"/>
      <c r="VXQ671" s="613"/>
      <c r="VXR671" s="613"/>
      <c r="VXS671" s="613"/>
      <c r="VXT671" s="613"/>
      <c r="VXU671" s="613"/>
      <c r="VXV671" s="613"/>
      <c r="VXW671" s="613"/>
      <c r="VXX671" s="613"/>
      <c r="VXY671" s="613"/>
      <c r="VXZ671" s="613"/>
      <c r="VYA671" s="613"/>
      <c r="VYB671" s="613"/>
      <c r="VYC671" s="613"/>
      <c r="VYD671" s="613"/>
      <c r="VYE671" s="613"/>
      <c r="VYF671" s="613"/>
      <c r="VYG671" s="613"/>
      <c r="VYH671" s="613"/>
      <c r="VYI671" s="613"/>
      <c r="VYJ671" s="613"/>
      <c r="VYK671" s="613"/>
      <c r="VYL671" s="613"/>
      <c r="VYM671" s="613"/>
      <c r="VYN671" s="613"/>
      <c r="VYO671" s="613"/>
      <c r="VYP671" s="613"/>
      <c r="VYQ671" s="613"/>
      <c r="VYR671" s="613"/>
      <c r="VYS671" s="613"/>
      <c r="VYT671" s="613"/>
      <c r="VYU671" s="613"/>
      <c r="VYV671" s="613"/>
      <c r="VYW671" s="613"/>
      <c r="VYX671" s="613"/>
      <c r="VYY671" s="613"/>
      <c r="VYZ671" s="613"/>
      <c r="VZA671" s="613"/>
      <c r="VZB671" s="613"/>
      <c r="VZC671" s="613"/>
      <c r="VZD671" s="613"/>
      <c r="VZE671" s="613"/>
      <c r="VZF671" s="613"/>
      <c r="VZG671" s="613"/>
      <c r="VZH671" s="613"/>
      <c r="VZI671" s="613"/>
      <c r="VZJ671" s="613"/>
      <c r="VZK671" s="613"/>
      <c r="VZL671" s="613"/>
      <c r="VZM671" s="613"/>
      <c r="VZN671" s="613"/>
      <c r="VZO671" s="613"/>
      <c r="VZP671" s="613"/>
      <c r="VZQ671" s="613"/>
      <c r="VZR671" s="613"/>
      <c r="VZS671" s="613"/>
      <c r="VZT671" s="613"/>
      <c r="VZU671" s="613"/>
      <c r="VZV671" s="613"/>
      <c r="VZW671" s="613"/>
      <c r="VZX671" s="613"/>
      <c r="VZY671" s="613"/>
      <c r="VZZ671" s="613"/>
      <c r="WAA671" s="613"/>
      <c r="WAB671" s="613"/>
      <c r="WAC671" s="613"/>
      <c r="WAD671" s="613"/>
      <c r="WAE671" s="613"/>
      <c r="WAF671" s="613"/>
      <c r="WAG671" s="613"/>
      <c r="WAH671" s="613"/>
      <c r="WAI671" s="613"/>
      <c r="WAJ671" s="613"/>
      <c r="WAK671" s="613"/>
      <c r="WAL671" s="613"/>
      <c r="WAM671" s="613"/>
      <c r="WAN671" s="613"/>
      <c r="WAO671" s="613"/>
      <c r="WAP671" s="613"/>
      <c r="WAQ671" s="613"/>
      <c r="WAR671" s="613"/>
      <c r="WAS671" s="613"/>
      <c r="WAT671" s="613"/>
      <c r="WAU671" s="613"/>
      <c r="WAV671" s="613"/>
      <c r="WAW671" s="613"/>
      <c r="WAX671" s="613"/>
      <c r="WAY671" s="613"/>
      <c r="WAZ671" s="613"/>
      <c r="WBA671" s="613"/>
      <c r="WBB671" s="613"/>
      <c r="WBC671" s="613"/>
      <c r="WBD671" s="613"/>
      <c r="WBE671" s="613"/>
      <c r="WBF671" s="613"/>
      <c r="WBG671" s="613"/>
      <c r="WBH671" s="613"/>
      <c r="WBI671" s="613"/>
      <c r="WBJ671" s="613"/>
      <c r="WBK671" s="613"/>
      <c r="WBL671" s="613"/>
      <c r="WBM671" s="613"/>
      <c r="WBN671" s="613"/>
      <c r="WBO671" s="613"/>
      <c r="WBP671" s="613"/>
      <c r="WBQ671" s="613"/>
      <c r="WBR671" s="613"/>
      <c r="WBS671" s="613"/>
      <c r="WBT671" s="613"/>
      <c r="WBU671" s="613"/>
      <c r="WBV671" s="613"/>
      <c r="WBW671" s="613"/>
      <c r="WBX671" s="613"/>
      <c r="WBY671" s="613"/>
      <c r="WBZ671" s="613"/>
      <c r="WCA671" s="613"/>
      <c r="WCB671" s="613"/>
      <c r="WCC671" s="613"/>
      <c r="WCD671" s="613"/>
      <c r="WCE671" s="613"/>
      <c r="WCF671" s="613"/>
      <c r="WCG671" s="613"/>
      <c r="WCH671" s="613"/>
      <c r="WCI671" s="613"/>
      <c r="WCJ671" s="613"/>
      <c r="WCK671" s="613"/>
      <c r="WCL671" s="613"/>
      <c r="WCM671" s="613"/>
      <c r="WCN671" s="613"/>
      <c r="WCO671" s="613"/>
      <c r="WCP671" s="613"/>
      <c r="WCQ671" s="613"/>
      <c r="WCR671" s="613"/>
      <c r="WCS671" s="613"/>
      <c r="WCT671" s="613"/>
      <c r="WCU671" s="613"/>
      <c r="WCV671" s="613"/>
      <c r="WCW671" s="613"/>
      <c r="WCX671" s="613"/>
      <c r="WCY671" s="613"/>
      <c r="WCZ671" s="613"/>
      <c r="WDA671" s="613"/>
      <c r="WDB671" s="613"/>
      <c r="WDC671" s="613"/>
      <c r="WDD671" s="613"/>
      <c r="WDE671" s="613"/>
      <c r="WDF671" s="613"/>
      <c r="WDG671" s="613"/>
      <c r="WDH671" s="613"/>
      <c r="WDI671" s="613"/>
      <c r="WDJ671" s="613"/>
      <c r="WDK671" s="613"/>
      <c r="WDL671" s="613"/>
      <c r="WDM671" s="613"/>
      <c r="WDN671" s="613"/>
      <c r="WDO671" s="613"/>
      <c r="WDP671" s="613"/>
      <c r="WDQ671" s="613"/>
      <c r="WDR671" s="613"/>
      <c r="WDS671" s="613"/>
      <c r="WDT671" s="613"/>
      <c r="WDU671" s="613"/>
      <c r="WDV671" s="613"/>
      <c r="WDW671" s="613"/>
      <c r="WDX671" s="613"/>
      <c r="WDY671" s="613"/>
      <c r="WDZ671" s="613"/>
      <c r="WEA671" s="613"/>
      <c r="WEB671" s="613"/>
      <c r="WEC671" s="613"/>
      <c r="WED671" s="613"/>
      <c r="WEE671" s="613"/>
      <c r="WEF671" s="613"/>
      <c r="WEG671" s="613"/>
      <c r="WEH671" s="613"/>
      <c r="WEI671" s="613"/>
      <c r="WEJ671" s="613"/>
      <c r="WEK671" s="613"/>
      <c r="WEL671" s="613"/>
      <c r="WEM671" s="613"/>
      <c r="WEN671" s="613"/>
      <c r="WEO671" s="613"/>
      <c r="WEP671" s="613"/>
      <c r="WEQ671" s="613"/>
      <c r="WER671" s="613"/>
      <c r="WES671" s="613"/>
      <c r="WET671" s="613"/>
      <c r="WEU671" s="613"/>
      <c r="WEV671" s="613"/>
      <c r="WEW671" s="613"/>
      <c r="WEX671" s="613"/>
      <c r="WEY671" s="613"/>
      <c r="WEZ671" s="613"/>
      <c r="WFA671" s="613"/>
      <c r="WFB671" s="613"/>
      <c r="WFC671" s="613"/>
      <c r="WFD671" s="613"/>
      <c r="WFE671" s="613"/>
      <c r="WFF671" s="613"/>
      <c r="WFG671" s="613"/>
      <c r="WFH671" s="613"/>
      <c r="WFI671" s="613"/>
      <c r="WFJ671" s="613"/>
      <c r="WFK671" s="613"/>
      <c r="WFL671" s="613"/>
      <c r="WFM671" s="613"/>
      <c r="WFN671" s="613"/>
      <c r="WFO671" s="613"/>
      <c r="WFP671" s="613"/>
      <c r="WFQ671" s="613"/>
      <c r="WFR671" s="613"/>
      <c r="WFS671" s="613"/>
      <c r="WFT671" s="613"/>
      <c r="WFU671" s="613"/>
      <c r="WFV671" s="613"/>
      <c r="WFW671" s="613"/>
      <c r="WFX671" s="613"/>
      <c r="WFY671" s="613"/>
      <c r="WFZ671" s="613"/>
      <c r="WGA671" s="613"/>
      <c r="WGB671" s="613"/>
      <c r="WGC671" s="613"/>
      <c r="WGD671" s="613"/>
      <c r="WGE671" s="613"/>
      <c r="WGF671" s="613"/>
      <c r="WGG671" s="613"/>
      <c r="WGH671" s="613"/>
      <c r="WGI671" s="613"/>
      <c r="WGJ671" s="613"/>
      <c r="WGK671" s="613"/>
      <c r="WGL671" s="613"/>
      <c r="WGM671" s="613"/>
      <c r="WGN671" s="613"/>
      <c r="WGO671" s="613"/>
      <c r="WGP671" s="613"/>
      <c r="WGQ671" s="613"/>
      <c r="WGR671" s="613"/>
      <c r="WGS671" s="613"/>
      <c r="WGT671" s="613"/>
      <c r="WGU671" s="613"/>
      <c r="WGV671" s="613"/>
      <c r="WGW671" s="613"/>
      <c r="WGX671" s="613"/>
      <c r="WGY671" s="613"/>
      <c r="WGZ671" s="613"/>
      <c r="WHA671" s="613"/>
      <c r="WHB671" s="613"/>
      <c r="WHC671" s="613"/>
      <c r="WHD671" s="613"/>
      <c r="WHE671" s="613"/>
      <c r="WHF671" s="613"/>
      <c r="WHG671" s="613"/>
      <c r="WHH671" s="613"/>
      <c r="WHI671" s="613"/>
      <c r="WHJ671" s="613"/>
      <c r="WHK671" s="613"/>
      <c r="WHL671" s="613"/>
      <c r="WHM671" s="613"/>
      <c r="WHN671" s="613"/>
      <c r="WHO671" s="613"/>
      <c r="WHP671" s="613"/>
      <c r="WHQ671" s="613"/>
      <c r="WHR671" s="613"/>
      <c r="WHS671" s="613"/>
      <c r="WHT671" s="613"/>
      <c r="WHU671" s="613"/>
      <c r="WHV671" s="613"/>
      <c r="WHW671" s="613"/>
      <c r="WHX671" s="613"/>
      <c r="WHY671" s="613"/>
      <c r="WHZ671" s="613"/>
      <c r="WIA671" s="613"/>
      <c r="WIB671" s="613"/>
      <c r="WIC671" s="613"/>
      <c r="WID671" s="613"/>
      <c r="WIE671" s="613"/>
      <c r="WIF671" s="613"/>
      <c r="WIG671" s="613"/>
      <c r="WIH671" s="613"/>
      <c r="WII671" s="613"/>
      <c r="WIJ671" s="613"/>
      <c r="WIK671" s="613"/>
      <c r="WIL671" s="613"/>
      <c r="WIM671" s="613"/>
      <c r="WIN671" s="613"/>
      <c r="WIO671" s="613"/>
      <c r="WIP671" s="613"/>
      <c r="WIQ671" s="613"/>
      <c r="WIR671" s="613"/>
      <c r="WIS671" s="613"/>
      <c r="WIT671" s="613"/>
      <c r="WIU671" s="613"/>
      <c r="WIV671" s="613"/>
      <c r="WIW671" s="613"/>
      <c r="WIX671" s="613"/>
      <c r="WIY671" s="613"/>
      <c r="WIZ671" s="613"/>
      <c r="WJA671" s="613"/>
      <c r="WJB671" s="613"/>
      <c r="WJC671" s="613"/>
      <c r="WJD671" s="613"/>
      <c r="WJE671" s="613"/>
      <c r="WJF671" s="613"/>
      <c r="WJG671" s="613"/>
      <c r="WJH671" s="613"/>
      <c r="WJI671" s="613"/>
      <c r="WJJ671" s="613"/>
      <c r="WJK671" s="613"/>
      <c r="WJL671" s="613"/>
      <c r="WJM671" s="613"/>
      <c r="WJN671" s="613"/>
      <c r="WJO671" s="613"/>
      <c r="WJP671" s="613"/>
      <c r="WJQ671" s="613"/>
      <c r="WJR671" s="613"/>
      <c r="WJS671" s="613"/>
      <c r="WJT671" s="613"/>
      <c r="WJU671" s="613"/>
      <c r="WJV671" s="613"/>
      <c r="WJW671" s="613"/>
      <c r="WJX671" s="613"/>
      <c r="WJY671" s="613"/>
      <c r="WJZ671" s="613"/>
      <c r="WKA671" s="613"/>
      <c r="WKB671" s="613"/>
      <c r="WKC671" s="613"/>
      <c r="WKD671" s="613"/>
      <c r="WKE671" s="613"/>
      <c r="WKF671" s="613"/>
      <c r="WKG671" s="613"/>
      <c r="WKH671" s="613"/>
      <c r="WKI671" s="613"/>
      <c r="WKJ671" s="613"/>
      <c r="WKK671" s="613"/>
      <c r="WKL671" s="613"/>
      <c r="WKM671" s="613"/>
      <c r="WKN671" s="613"/>
      <c r="WKO671" s="613"/>
      <c r="WKP671" s="613"/>
      <c r="WKQ671" s="613"/>
      <c r="WKR671" s="613"/>
      <c r="WKS671" s="613"/>
      <c r="WKT671" s="613"/>
      <c r="WKU671" s="613"/>
      <c r="WKV671" s="613"/>
      <c r="WKW671" s="613"/>
      <c r="WKX671" s="613"/>
      <c r="WKY671" s="613"/>
      <c r="WKZ671" s="613"/>
      <c r="WLA671" s="613"/>
      <c r="WLB671" s="613"/>
      <c r="WLC671" s="613"/>
      <c r="WLD671" s="613"/>
      <c r="WLE671" s="613"/>
      <c r="WLF671" s="613"/>
      <c r="WLG671" s="613"/>
      <c r="WLH671" s="613"/>
      <c r="WLI671" s="613"/>
      <c r="WLJ671" s="613"/>
      <c r="WLK671" s="613"/>
      <c r="WLL671" s="613"/>
      <c r="WLM671" s="613"/>
      <c r="WLN671" s="613"/>
      <c r="WLO671" s="613"/>
      <c r="WLP671" s="613"/>
      <c r="WLQ671" s="613"/>
      <c r="WLR671" s="613"/>
      <c r="WLS671" s="613"/>
      <c r="WLT671" s="613"/>
      <c r="WLU671" s="613"/>
      <c r="WLV671" s="613"/>
      <c r="WLW671" s="613"/>
      <c r="WLX671" s="613"/>
      <c r="WLY671" s="613"/>
      <c r="WLZ671" s="613"/>
      <c r="WMA671" s="613"/>
      <c r="WMB671" s="613"/>
      <c r="WMC671" s="613"/>
      <c r="WMD671" s="613"/>
      <c r="WME671" s="613"/>
      <c r="WMF671" s="613"/>
      <c r="WMG671" s="613"/>
      <c r="WMH671" s="613"/>
      <c r="WMI671" s="613"/>
      <c r="WMJ671" s="613"/>
      <c r="WMK671" s="613"/>
      <c r="WML671" s="613"/>
      <c r="WMM671" s="613"/>
      <c r="WMN671" s="613"/>
      <c r="WMO671" s="613"/>
      <c r="WMP671" s="613"/>
      <c r="WMQ671" s="613"/>
      <c r="WMR671" s="613"/>
      <c r="WMS671" s="613"/>
      <c r="WMT671" s="613"/>
      <c r="WMU671" s="613"/>
      <c r="WMV671" s="613"/>
      <c r="WMW671" s="613"/>
      <c r="WMX671" s="613"/>
      <c r="WMY671" s="613"/>
      <c r="WMZ671" s="613"/>
      <c r="WNA671" s="613"/>
      <c r="WNB671" s="613"/>
      <c r="WNC671" s="613"/>
      <c r="WND671" s="613"/>
      <c r="WNE671" s="613"/>
      <c r="WNF671" s="613"/>
      <c r="WNG671" s="613"/>
      <c r="WNH671" s="613"/>
      <c r="WNI671" s="613"/>
      <c r="WNJ671" s="613"/>
      <c r="WNK671" s="613"/>
      <c r="WNL671" s="613"/>
      <c r="WNM671" s="613"/>
      <c r="WNN671" s="613"/>
      <c r="WNO671" s="613"/>
      <c r="WNP671" s="613"/>
      <c r="WNQ671" s="613"/>
      <c r="WNR671" s="613"/>
      <c r="WNS671" s="613"/>
      <c r="WNT671" s="613"/>
      <c r="WNU671" s="613"/>
      <c r="WNV671" s="613"/>
      <c r="WNW671" s="613"/>
      <c r="WNX671" s="613"/>
      <c r="WNY671" s="613"/>
      <c r="WNZ671" s="613"/>
      <c r="WOA671" s="613"/>
      <c r="WOB671" s="613"/>
      <c r="WOC671" s="613"/>
      <c r="WOD671" s="613"/>
      <c r="WOE671" s="613"/>
      <c r="WOF671" s="613"/>
      <c r="WOG671" s="613"/>
      <c r="WOH671" s="613"/>
      <c r="WOI671" s="613"/>
      <c r="WOJ671" s="613"/>
      <c r="WOK671" s="613"/>
      <c r="WOL671" s="613"/>
      <c r="WOM671" s="613"/>
      <c r="WON671" s="613"/>
      <c r="WOO671" s="613"/>
      <c r="WOP671" s="613"/>
      <c r="WOQ671" s="613"/>
      <c r="WOR671" s="613"/>
      <c r="WOS671" s="613"/>
      <c r="WOT671" s="613"/>
      <c r="WOU671" s="613"/>
      <c r="WOV671" s="613"/>
      <c r="WOW671" s="613"/>
      <c r="WOX671" s="613"/>
      <c r="WOY671" s="613"/>
      <c r="WOZ671" s="613"/>
      <c r="WPA671" s="613"/>
      <c r="WPB671" s="613"/>
      <c r="WPC671" s="613"/>
      <c r="WPD671" s="613"/>
      <c r="WPE671" s="613"/>
      <c r="WPF671" s="613"/>
      <c r="WPG671" s="613"/>
      <c r="WPH671" s="613"/>
      <c r="WPI671" s="613"/>
      <c r="WPJ671" s="613"/>
      <c r="WPK671" s="613"/>
      <c r="WPL671" s="613"/>
      <c r="WPM671" s="613"/>
      <c r="WPN671" s="613"/>
      <c r="WPO671" s="613"/>
      <c r="WPP671" s="613"/>
      <c r="WPQ671" s="613"/>
      <c r="WPR671" s="613"/>
      <c r="WPS671" s="613"/>
      <c r="WPT671" s="613"/>
      <c r="WPU671" s="613"/>
      <c r="WPV671" s="613"/>
      <c r="WPW671" s="613"/>
      <c r="WPX671" s="613"/>
      <c r="WPY671" s="613"/>
      <c r="WPZ671" s="613"/>
      <c r="WQA671" s="613"/>
      <c r="WQB671" s="613"/>
      <c r="WQC671" s="613"/>
      <c r="WQD671" s="613"/>
      <c r="WQE671" s="613"/>
      <c r="WQF671" s="613"/>
      <c r="WQG671" s="613"/>
      <c r="WQH671" s="613"/>
      <c r="WQI671" s="613"/>
      <c r="WQJ671" s="613"/>
      <c r="WQK671" s="613"/>
      <c r="WQL671" s="613"/>
      <c r="WQM671" s="613"/>
      <c r="WQN671" s="613"/>
      <c r="WQO671" s="613"/>
      <c r="WQP671" s="613"/>
      <c r="WQQ671" s="613"/>
      <c r="WQR671" s="613"/>
      <c r="WQS671" s="613"/>
      <c r="WQT671" s="613"/>
      <c r="WQU671" s="613"/>
      <c r="WQV671" s="613"/>
      <c r="WQW671" s="613"/>
      <c r="WQX671" s="613"/>
      <c r="WQY671" s="613"/>
      <c r="WQZ671" s="613"/>
      <c r="WRA671" s="613"/>
      <c r="WRB671" s="613"/>
      <c r="WRC671" s="613"/>
      <c r="WRD671" s="613"/>
      <c r="WRE671" s="613"/>
      <c r="WRF671" s="613"/>
      <c r="WRG671" s="613"/>
      <c r="WRH671" s="613"/>
      <c r="WRI671" s="613"/>
      <c r="WRJ671" s="613"/>
      <c r="WRK671" s="613"/>
      <c r="WRL671" s="613"/>
      <c r="WRM671" s="613"/>
      <c r="WRN671" s="613"/>
      <c r="WRO671" s="613"/>
      <c r="WRP671" s="613"/>
      <c r="WRQ671" s="613"/>
      <c r="WRR671" s="613"/>
      <c r="WRS671" s="613"/>
      <c r="WRT671" s="613"/>
      <c r="WRU671" s="613"/>
      <c r="WRV671" s="613"/>
      <c r="WRW671" s="613"/>
      <c r="WRX671" s="613"/>
      <c r="WRY671" s="613"/>
      <c r="WRZ671" s="613"/>
      <c r="WSA671" s="613"/>
      <c r="WSB671" s="613"/>
      <c r="WSC671" s="613"/>
      <c r="WSD671" s="613"/>
      <c r="WSE671" s="613"/>
      <c r="WSF671" s="613"/>
      <c r="WSG671" s="613"/>
      <c r="WSH671" s="613"/>
      <c r="WSI671" s="613"/>
      <c r="WSJ671" s="613"/>
      <c r="WSK671" s="613"/>
      <c r="WSL671" s="613"/>
      <c r="WSM671" s="613"/>
      <c r="WSN671" s="613"/>
      <c r="WSO671" s="613"/>
      <c r="WSP671" s="613"/>
      <c r="WSQ671" s="613"/>
      <c r="WSR671" s="613"/>
      <c r="WSS671" s="613"/>
      <c r="WST671" s="613"/>
      <c r="WSU671" s="613"/>
      <c r="WSV671" s="613"/>
      <c r="WSW671" s="613"/>
      <c r="WSX671" s="613"/>
      <c r="WSY671" s="613"/>
      <c r="WSZ671" s="613"/>
      <c r="WTA671" s="613"/>
      <c r="WTB671" s="613"/>
      <c r="WTC671" s="613"/>
      <c r="WTD671" s="613"/>
      <c r="WTE671" s="613"/>
      <c r="WTF671" s="613"/>
      <c r="WTG671" s="613"/>
      <c r="WTH671" s="613"/>
      <c r="WTI671" s="613"/>
      <c r="WTJ671" s="613"/>
      <c r="WTK671" s="613"/>
      <c r="WTL671" s="613"/>
      <c r="WTM671" s="613"/>
      <c r="WTN671" s="613"/>
      <c r="WTO671" s="613"/>
      <c r="WTP671" s="613"/>
      <c r="WTQ671" s="613"/>
      <c r="WTR671" s="613"/>
      <c r="WTS671" s="613"/>
      <c r="WTT671" s="613"/>
      <c r="WTU671" s="613"/>
      <c r="WTV671" s="613"/>
      <c r="WTW671" s="613"/>
      <c r="WTX671" s="613"/>
      <c r="WTY671" s="613"/>
      <c r="WTZ671" s="613"/>
      <c r="WUA671" s="613"/>
      <c r="WUB671" s="613"/>
      <c r="WUC671" s="613"/>
      <c r="WUD671" s="613"/>
      <c r="WUE671" s="613"/>
      <c r="WUF671" s="613"/>
      <c r="WUG671" s="613"/>
      <c r="WUH671" s="613"/>
      <c r="WUI671" s="613"/>
      <c r="WUJ671" s="613"/>
      <c r="WUK671" s="613"/>
      <c r="WUL671" s="613"/>
      <c r="WUM671" s="613"/>
      <c r="WUN671" s="613"/>
      <c r="WUO671" s="613"/>
      <c r="WUP671" s="613"/>
      <c r="WUQ671" s="613"/>
      <c r="WUR671" s="613"/>
      <c r="WUS671" s="613"/>
      <c r="WUT671" s="613"/>
      <c r="WUU671" s="613"/>
      <c r="WUV671" s="613"/>
      <c r="WUW671" s="613"/>
      <c r="WUX671" s="613"/>
      <c r="WUY671" s="613"/>
      <c r="WUZ671" s="613"/>
      <c r="WVA671" s="613"/>
      <c r="WVB671" s="613"/>
      <c r="WVC671" s="613"/>
      <c r="WVD671" s="613"/>
      <c r="WVE671" s="613"/>
      <c r="WVF671" s="613"/>
      <c r="WVG671" s="613"/>
      <c r="WVH671" s="613"/>
      <c r="WVI671" s="613"/>
      <c r="WVJ671" s="613"/>
      <c r="WVK671" s="613"/>
      <c r="WVL671" s="613"/>
      <c r="WVM671" s="613"/>
      <c r="WVN671" s="613"/>
      <c r="WVO671" s="613"/>
      <c r="WVP671" s="613"/>
      <c r="WVQ671" s="613"/>
      <c r="WVR671" s="613"/>
      <c r="WVS671" s="613"/>
      <c r="WVT671" s="613"/>
      <c r="WVU671" s="613"/>
      <c r="WVV671" s="613"/>
      <c r="WVW671" s="613"/>
      <c r="WVX671" s="613"/>
      <c r="WVY671" s="613"/>
      <c r="WVZ671" s="613"/>
      <c r="WWA671" s="613"/>
      <c r="WWB671" s="613"/>
      <c r="WWC671" s="613"/>
      <c r="WWD671" s="613"/>
      <c r="WWE671" s="613"/>
      <c r="WWF671" s="613"/>
      <c r="WWG671" s="613"/>
      <c r="WWH671" s="613"/>
      <c r="WWI671" s="613"/>
      <c r="WWJ671" s="613"/>
      <c r="WWK671" s="613"/>
      <c r="WWL671" s="613"/>
      <c r="WWM671" s="613"/>
      <c r="WWN671" s="613"/>
      <c r="WWO671" s="613"/>
      <c r="WWP671" s="613"/>
      <c r="WWQ671" s="613"/>
      <c r="WWR671" s="613"/>
      <c r="WWS671" s="613"/>
      <c r="WWT671" s="613"/>
      <c r="WWU671" s="613"/>
      <c r="WWV671" s="613"/>
      <c r="WWW671" s="613"/>
      <c r="WWX671" s="613"/>
      <c r="WWY671" s="613"/>
      <c r="WWZ671" s="613"/>
      <c r="WXA671" s="613"/>
      <c r="WXB671" s="613"/>
      <c r="WXC671" s="613"/>
      <c r="WXD671" s="613"/>
      <c r="WXE671" s="613"/>
      <c r="WXF671" s="613"/>
      <c r="WXG671" s="613"/>
      <c r="WXH671" s="613"/>
      <c r="WXI671" s="613"/>
      <c r="WXJ671" s="613"/>
      <c r="WXK671" s="613"/>
      <c r="WXL671" s="613"/>
      <c r="WXM671" s="613"/>
      <c r="WXN671" s="613"/>
      <c r="WXO671" s="613"/>
      <c r="WXP671" s="613"/>
      <c r="WXQ671" s="613"/>
      <c r="WXR671" s="613"/>
      <c r="WXS671" s="613"/>
      <c r="WXT671" s="613"/>
      <c r="WXU671" s="613"/>
      <c r="WXV671" s="613"/>
      <c r="WXW671" s="613"/>
      <c r="WXX671" s="613"/>
      <c r="WXY671" s="613"/>
      <c r="WXZ671" s="613"/>
      <c r="WYA671" s="613"/>
      <c r="WYB671" s="613"/>
      <c r="WYC671" s="613"/>
      <c r="WYD671" s="613"/>
      <c r="WYE671" s="613"/>
      <c r="WYF671" s="613"/>
      <c r="WYG671" s="613"/>
      <c r="WYH671" s="613"/>
      <c r="WYI671" s="613"/>
      <c r="WYJ671" s="613"/>
      <c r="WYK671" s="613"/>
      <c r="WYL671" s="613"/>
      <c r="WYM671" s="613"/>
      <c r="WYN671" s="613"/>
      <c r="WYO671" s="613"/>
      <c r="WYP671" s="613"/>
      <c r="WYQ671" s="613"/>
      <c r="WYR671" s="613"/>
      <c r="WYS671" s="613"/>
      <c r="WYT671" s="613"/>
      <c r="WYU671" s="613"/>
      <c r="WYV671" s="613"/>
      <c r="WYW671" s="613"/>
      <c r="WYX671" s="613"/>
      <c r="WYY671" s="613"/>
      <c r="WYZ671" s="613"/>
      <c r="WZA671" s="613"/>
      <c r="WZB671" s="613"/>
      <c r="WZC671" s="613"/>
      <c r="WZD671" s="613"/>
      <c r="WZE671" s="613"/>
      <c r="WZF671" s="613"/>
      <c r="WZG671" s="613"/>
      <c r="WZH671" s="613"/>
      <c r="WZI671" s="613"/>
      <c r="WZJ671" s="613"/>
      <c r="WZK671" s="613"/>
      <c r="WZL671" s="613"/>
      <c r="WZM671" s="613"/>
      <c r="WZN671" s="613"/>
      <c r="WZO671" s="613"/>
      <c r="WZP671" s="613"/>
      <c r="WZQ671" s="613"/>
      <c r="WZR671" s="613"/>
      <c r="WZS671" s="613"/>
      <c r="WZT671" s="613"/>
      <c r="WZU671" s="613"/>
      <c r="WZV671" s="613"/>
      <c r="WZW671" s="613"/>
      <c r="WZX671" s="613"/>
      <c r="WZY671" s="613"/>
      <c r="WZZ671" s="613"/>
      <c r="XAA671" s="613"/>
      <c r="XAB671" s="613"/>
      <c r="XAC671" s="613"/>
      <c r="XAD671" s="613"/>
      <c r="XAE671" s="613"/>
      <c r="XAF671" s="613"/>
      <c r="XAG671" s="613"/>
      <c r="XAH671" s="613"/>
      <c r="XAI671" s="613"/>
      <c r="XAJ671" s="613"/>
      <c r="XAK671" s="613"/>
      <c r="XAL671" s="613"/>
      <c r="XAM671" s="613"/>
      <c r="XAN671" s="613"/>
      <c r="XAO671" s="613"/>
      <c r="XAP671" s="613"/>
      <c r="XAQ671" s="613"/>
      <c r="XAR671" s="613"/>
      <c r="XAS671" s="613"/>
      <c r="XAT671" s="613"/>
      <c r="XAU671" s="613"/>
      <c r="XAV671" s="613"/>
      <c r="XAW671" s="613"/>
      <c r="XAX671" s="613"/>
      <c r="XAY671" s="613"/>
      <c r="XAZ671" s="613"/>
      <c r="XBA671" s="613"/>
      <c r="XBB671" s="613"/>
      <c r="XBC671" s="613"/>
      <c r="XBD671" s="613"/>
      <c r="XBE671" s="613"/>
      <c r="XBF671" s="613"/>
      <c r="XBG671" s="613"/>
      <c r="XBH671" s="613"/>
      <c r="XBI671" s="613"/>
      <c r="XBJ671" s="613"/>
      <c r="XBK671" s="613"/>
      <c r="XBL671" s="613"/>
      <c r="XBM671" s="613"/>
      <c r="XBN671" s="613"/>
      <c r="XBO671" s="613"/>
      <c r="XBP671" s="613"/>
      <c r="XBQ671" s="613"/>
      <c r="XBR671" s="613"/>
      <c r="XBS671" s="613"/>
      <c r="XBT671" s="613"/>
      <c r="XBU671" s="613"/>
      <c r="XBV671" s="613"/>
      <c r="XBW671" s="613"/>
      <c r="XBX671" s="613"/>
      <c r="XBY671" s="613"/>
      <c r="XBZ671" s="613"/>
      <c r="XCA671" s="613"/>
      <c r="XCB671" s="613"/>
      <c r="XCC671" s="613"/>
      <c r="XCD671" s="613"/>
      <c r="XCE671" s="613"/>
      <c r="XCF671" s="613"/>
      <c r="XCG671" s="613"/>
      <c r="XCH671" s="613"/>
      <c r="XCI671" s="613"/>
      <c r="XCJ671" s="613"/>
      <c r="XCK671" s="613"/>
      <c r="XCL671" s="613"/>
      <c r="XCM671" s="613"/>
      <c r="XCN671" s="613"/>
      <c r="XCO671" s="613"/>
      <c r="XCP671" s="613"/>
      <c r="XCQ671" s="613"/>
    </row>
    <row r="672" spans="1:16319" ht="56.1" customHeight="1" x14ac:dyDescent="0.2">
      <c r="A672" s="494"/>
      <c r="B672" s="77"/>
      <c r="C672" s="494"/>
      <c r="D672" s="481">
        <v>165</v>
      </c>
      <c r="E672" s="481"/>
      <c r="F672" s="481" t="s">
        <v>2481</v>
      </c>
      <c r="G672" s="482" t="s">
        <v>53</v>
      </c>
      <c r="H672" s="481" t="s">
        <v>329</v>
      </c>
      <c r="I672" s="654" t="s">
        <v>396</v>
      </c>
      <c r="J672" s="654" t="s">
        <v>369</v>
      </c>
      <c r="K672" s="495" t="s">
        <v>404</v>
      </c>
      <c r="L672" s="621"/>
      <c r="M672" s="484" t="s">
        <v>58</v>
      </c>
      <c r="N672" s="327" t="s">
        <v>3058</v>
      </c>
      <c r="O672" s="484" t="s">
        <v>2996</v>
      </c>
      <c r="P672" s="484" t="s">
        <v>81</v>
      </c>
      <c r="Q672" s="667" t="s">
        <v>334</v>
      </c>
      <c r="R672" s="484" t="s">
        <v>334</v>
      </c>
      <c r="S672" s="484" t="s">
        <v>395</v>
      </c>
      <c r="T672" s="484"/>
      <c r="U672" s="620" t="s">
        <v>63</v>
      </c>
      <c r="V672" s="620" t="s">
        <v>63</v>
      </c>
      <c r="W672" s="723">
        <v>170699.15265480435</v>
      </c>
      <c r="X672" s="723"/>
      <c r="Y672" s="654" t="s">
        <v>226</v>
      </c>
      <c r="Z672" s="654"/>
      <c r="AA672" s="723">
        <v>170699.15265480435</v>
      </c>
      <c r="AB672" s="652" t="s">
        <v>82</v>
      </c>
      <c r="AC672" s="652"/>
      <c r="AD672" s="496"/>
      <c r="AE672" s="496"/>
      <c r="AF672" s="496"/>
      <c r="AG672" s="496"/>
      <c r="AH672" s="496"/>
      <c r="AI672" s="487"/>
      <c r="AJ672" s="496"/>
      <c r="AK672" s="496"/>
      <c r="AL672" s="496"/>
      <c r="AM672" s="496"/>
      <c r="AN672" s="496"/>
      <c r="AO672" s="496" t="s">
        <v>66</v>
      </c>
      <c r="AP672" s="496"/>
      <c r="AQ672" s="496"/>
      <c r="AR672" s="496"/>
      <c r="AS672" s="496"/>
      <c r="AT672" s="496"/>
      <c r="AU672" s="487"/>
      <c r="AV672" s="487"/>
      <c r="AW672" s="487"/>
      <c r="AX672" s="487"/>
      <c r="AY672" s="487"/>
      <c r="AZ672" s="487"/>
      <c r="BA672" s="484"/>
      <c r="BB672" s="484"/>
      <c r="BC672" s="484"/>
      <c r="BD672" s="494"/>
      <c r="BE672" s="494"/>
      <c r="BF672" s="613"/>
      <c r="BG672" s="613"/>
      <c r="BH672" s="613"/>
      <c r="BI672" s="613"/>
      <c r="BJ672" s="613"/>
      <c r="BK672" s="613"/>
      <c r="BL672" s="613"/>
      <c r="BM672" s="613"/>
      <c r="BN672" s="613"/>
      <c r="BO672" s="613"/>
      <c r="BP672" s="613"/>
      <c r="BQ672" s="613"/>
      <c r="BR672" s="613"/>
      <c r="BS672" s="613"/>
      <c r="BT672" s="613"/>
      <c r="BU672" s="613"/>
      <c r="BV672" s="613"/>
      <c r="BW672" s="613"/>
      <c r="BX672" s="613"/>
      <c r="BY672" s="613"/>
      <c r="BZ672" s="613"/>
      <c r="CA672" s="613"/>
      <c r="CB672" s="613"/>
      <c r="CC672" s="613"/>
      <c r="CD672" s="613"/>
      <c r="CE672" s="613"/>
      <c r="CF672" s="613"/>
      <c r="CG672" s="613"/>
      <c r="CH672" s="613"/>
      <c r="CI672" s="613"/>
      <c r="CJ672" s="613"/>
      <c r="CK672" s="613"/>
      <c r="CL672" s="613"/>
      <c r="CM672" s="613"/>
      <c r="CN672" s="613"/>
      <c r="CO672" s="613"/>
      <c r="CP672" s="613"/>
      <c r="CQ672" s="613"/>
      <c r="CR672" s="613"/>
      <c r="CS672" s="613"/>
      <c r="CT672" s="613"/>
      <c r="CU672" s="613"/>
      <c r="CV672" s="613"/>
      <c r="CW672" s="613"/>
      <c r="CX672" s="613"/>
      <c r="CY672" s="613"/>
      <c r="CZ672" s="613"/>
      <c r="DA672" s="613"/>
      <c r="DB672" s="613"/>
      <c r="DC672" s="613"/>
      <c r="DD672" s="613"/>
      <c r="DE672" s="613"/>
      <c r="DF672" s="613"/>
      <c r="DG672" s="613"/>
      <c r="DH672" s="613"/>
      <c r="DI672" s="613"/>
      <c r="DJ672" s="613"/>
      <c r="DK672" s="613"/>
      <c r="DL672" s="613"/>
      <c r="DM672" s="613"/>
      <c r="DN672" s="613"/>
      <c r="DO672" s="613"/>
      <c r="DP672" s="613"/>
      <c r="DQ672" s="613"/>
      <c r="DR672" s="613"/>
      <c r="DS672" s="613"/>
      <c r="DT672" s="613"/>
      <c r="DU672" s="613"/>
      <c r="DV672" s="613"/>
      <c r="DW672" s="613"/>
      <c r="DX672" s="613"/>
      <c r="DY672" s="613"/>
      <c r="DZ672" s="613"/>
      <c r="EA672" s="613"/>
      <c r="EB672" s="613"/>
      <c r="EC672" s="613"/>
      <c r="ED672" s="613"/>
      <c r="EE672" s="613"/>
      <c r="EF672" s="613"/>
      <c r="EG672" s="613"/>
      <c r="EH672" s="613"/>
      <c r="EI672" s="613"/>
      <c r="EJ672" s="613"/>
      <c r="EK672" s="613"/>
      <c r="EL672" s="613"/>
      <c r="EM672" s="613"/>
      <c r="EN672" s="613"/>
      <c r="EO672" s="613"/>
      <c r="EP672" s="613"/>
      <c r="EQ672" s="613"/>
      <c r="ER672" s="613"/>
      <c r="ES672" s="613"/>
      <c r="ET672" s="613"/>
      <c r="EU672" s="613"/>
      <c r="EV672" s="613"/>
      <c r="EW672" s="613"/>
      <c r="EX672" s="613"/>
      <c r="EY672" s="613"/>
      <c r="EZ672" s="613"/>
      <c r="FA672" s="613"/>
      <c r="FB672" s="613"/>
      <c r="FC672" s="613"/>
      <c r="FD672" s="613"/>
      <c r="FE672" s="613"/>
      <c r="FF672" s="613"/>
      <c r="FG672" s="613"/>
      <c r="FH672" s="613"/>
      <c r="FI672" s="613"/>
      <c r="FJ672" s="613"/>
      <c r="FK672" s="613"/>
      <c r="FL672" s="613"/>
      <c r="FM672" s="613"/>
      <c r="FN672" s="613"/>
      <c r="FO672" s="613"/>
      <c r="FP672" s="613"/>
      <c r="FQ672" s="613"/>
      <c r="FR672" s="613"/>
      <c r="FS672" s="613"/>
      <c r="FT672" s="613"/>
      <c r="FU672" s="613"/>
      <c r="FV672" s="613"/>
      <c r="FW672" s="613"/>
      <c r="FX672" s="613"/>
      <c r="FY672" s="613"/>
      <c r="FZ672" s="613"/>
      <c r="GA672" s="613"/>
      <c r="GB672" s="613"/>
      <c r="GC672" s="613"/>
      <c r="GD672" s="613"/>
      <c r="GE672" s="613"/>
      <c r="GF672" s="613"/>
      <c r="GG672" s="613"/>
      <c r="GH672" s="613"/>
      <c r="GI672" s="613"/>
      <c r="GJ672" s="613"/>
      <c r="GK672" s="613"/>
      <c r="GL672" s="613"/>
      <c r="GM672" s="613"/>
      <c r="GN672" s="613"/>
      <c r="GO672" s="613"/>
      <c r="GP672" s="613"/>
      <c r="GQ672" s="613"/>
      <c r="GR672" s="613"/>
      <c r="GS672" s="613"/>
      <c r="GT672" s="613"/>
      <c r="GU672" s="613"/>
      <c r="GV672" s="613"/>
      <c r="GW672" s="613"/>
      <c r="GX672" s="613"/>
      <c r="GY672" s="613"/>
      <c r="GZ672" s="613"/>
      <c r="HA672" s="613"/>
      <c r="HB672" s="613"/>
      <c r="HC672" s="613"/>
      <c r="HD672" s="613"/>
      <c r="HE672" s="613"/>
      <c r="HF672" s="613"/>
      <c r="HG672" s="613"/>
      <c r="HH672" s="613"/>
      <c r="HI672" s="613"/>
      <c r="HJ672" s="613"/>
      <c r="HK672" s="613"/>
      <c r="HL672" s="613"/>
      <c r="HM672" s="613"/>
      <c r="HN672" s="613"/>
      <c r="HO672" s="613"/>
      <c r="HP672" s="613"/>
      <c r="HQ672" s="613"/>
      <c r="HR672" s="613"/>
      <c r="HS672" s="613"/>
      <c r="HT672" s="613"/>
      <c r="HU672" s="613"/>
      <c r="HV672" s="613"/>
      <c r="HW672" s="613"/>
      <c r="HX672" s="613"/>
      <c r="HY672" s="613"/>
      <c r="HZ672" s="613"/>
      <c r="IA672" s="613"/>
      <c r="IB672" s="613"/>
      <c r="IC672" s="613"/>
      <c r="ID672" s="613"/>
      <c r="IE672" s="613"/>
      <c r="IF672" s="613"/>
      <c r="IG672" s="613"/>
      <c r="IH672" s="613"/>
      <c r="II672" s="613"/>
      <c r="IJ672" s="613"/>
      <c r="IK672" s="613"/>
      <c r="IL672" s="613"/>
      <c r="IM672" s="613"/>
      <c r="IN672" s="613"/>
      <c r="IO672" s="613"/>
      <c r="IP672" s="613"/>
      <c r="IQ672" s="613"/>
      <c r="IR672" s="613"/>
      <c r="IS672" s="613"/>
      <c r="IT672" s="613"/>
      <c r="IU672" s="613"/>
      <c r="IV672" s="613"/>
      <c r="IW672" s="613"/>
      <c r="IX672" s="613"/>
      <c r="IY672" s="613"/>
      <c r="IZ672" s="613"/>
      <c r="JA672" s="613"/>
      <c r="JB672" s="613"/>
      <c r="JC672" s="613"/>
      <c r="JD672" s="613"/>
      <c r="JE672" s="613"/>
      <c r="JF672" s="613"/>
      <c r="JG672" s="613"/>
      <c r="JH672" s="613"/>
      <c r="JI672" s="613"/>
      <c r="JJ672" s="613"/>
      <c r="JK672" s="613"/>
      <c r="JL672" s="613"/>
      <c r="JM672" s="613"/>
      <c r="JN672" s="613"/>
      <c r="JO672" s="613"/>
      <c r="JP672" s="613"/>
      <c r="JQ672" s="613"/>
      <c r="JR672" s="613"/>
      <c r="JS672" s="613"/>
      <c r="JT672" s="613"/>
      <c r="JU672" s="613"/>
      <c r="JV672" s="613"/>
      <c r="JW672" s="613"/>
      <c r="JX672" s="613"/>
      <c r="JY672" s="613"/>
      <c r="JZ672" s="613"/>
      <c r="KA672" s="613"/>
      <c r="KB672" s="613"/>
      <c r="KC672" s="613"/>
      <c r="KD672" s="613"/>
      <c r="KE672" s="613"/>
      <c r="KF672" s="613"/>
      <c r="KG672" s="613"/>
      <c r="KH672" s="613"/>
      <c r="KI672" s="613"/>
      <c r="KJ672" s="613"/>
      <c r="KK672" s="613"/>
      <c r="KL672" s="613"/>
      <c r="KM672" s="613"/>
      <c r="KN672" s="613"/>
      <c r="KO672" s="613"/>
      <c r="KP672" s="613"/>
      <c r="KQ672" s="613"/>
      <c r="KR672" s="613"/>
      <c r="KS672" s="613"/>
      <c r="KT672" s="613"/>
      <c r="KU672" s="613"/>
      <c r="KV672" s="613"/>
      <c r="KW672" s="613"/>
      <c r="KX672" s="613"/>
      <c r="KY672" s="613"/>
      <c r="KZ672" s="613"/>
      <c r="LA672" s="613"/>
      <c r="LB672" s="613"/>
      <c r="LC672" s="613"/>
      <c r="LD672" s="613"/>
      <c r="LE672" s="613"/>
      <c r="LF672" s="613"/>
      <c r="LG672" s="613"/>
      <c r="LH672" s="613"/>
      <c r="LI672" s="613"/>
      <c r="LJ672" s="613"/>
      <c r="LK672" s="613"/>
      <c r="LL672" s="613"/>
      <c r="LM672" s="613"/>
      <c r="LN672" s="613"/>
      <c r="LO672" s="613"/>
      <c r="LP672" s="613"/>
      <c r="LQ672" s="613"/>
      <c r="LR672" s="613"/>
      <c r="LS672" s="613"/>
      <c r="LT672" s="613"/>
      <c r="LU672" s="613"/>
      <c r="LV672" s="613"/>
      <c r="LW672" s="613"/>
      <c r="LX672" s="613"/>
      <c r="LY672" s="613"/>
      <c r="LZ672" s="613"/>
      <c r="MA672" s="613"/>
      <c r="MB672" s="613"/>
      <c r="MC672" s="613"/>
      <c r="MD672" s="613"/>
      <c r="ME672" s="613"/>
      <c r="MF672" s="613"/>
      <c r="MG672" s="613"/>
      <c r="MH672" s="613"/>
      <c r="MI672" s="613"/>
      <c r="MJ672" s="613"/>
      <c r="MK672" s="613"/>
      <c r="ML672" s="613"/>
      <c r="MM672" s="613"/>
      <c r="MN672" s="613"/>
      <c r="MO672" s="613"/>
      <c r="MP672" s="613"/>
      <c r="MQ672" s="613"/>
      <c r="MR672" s="613"/>
      <c r="MS672" s="613"/>
      <c r="MT672" s="613"/>
      <c r="MU672" s="613"/>
      <c r="MV672" s="613"/>
      <c r="MW672" s="613"/>
      <c r="MX672" s="613"/>
      <c r="MY672" s="613"/>
      <c r="MZ672" s="613"/>
      <c r="NA672" s="613"/>
      <c r="NB672" s="613"/>
      <c r="NC672" s="613"/>
      <c r="ND672" s="613"/>
      <c r="NE672" s="613"/>
      <c r="NF672" s="613"/>
      <c r="NG672" s="613"/>
      <c r="NH672" s="613"/>
      <c r="NI672" s="613"/>
      <c r="NJ672" s="613"/>
      <c r="NK672" s="613"/>
      <c r="NL672" s="613"/>
      <c r="NM672" s="613"/>
      <c r="NN672" s="613"/>
      <c r="NO672" s="613"/>
      <c r="NP672" s="613"/>
      <c r="NQ672" s="613"/>
      <c r="NR672" s="613"/>
      <c r="NS672" s="613"/>
      <c r="NT672" s="613"/>
      <c r="NU672" s="613"/>
      <c r="NV672" s="613"/>
      <c r="NW672" s="613"/>
      <c r="NX672" s="613"/>
      <c r="NY672" s="613"/>
      <c r="NZ672" s="613"/>
      <c r="OA672" s="613"/>
      <c r="OB672" s="613"/>
      <c r="OC672" s="613"/>
      <c r="OD672" s="613"/>
      <c r="OE672" s="613"/>
      <c r="OF672" s="613"/>
      <c r="OG672" s="613"/>
      <c r="OH672" s="613"/>
      <c r="OI672" s="613"/>
      <c r="OJ672" s="613"/>
      <c r="OK672" s="613"/>
      <c r="OL672" s="613"/>
      <c r="OM672" s="613"/>
      <c r="ON672" s="613"/>
      <c r="OO672" s="613"/>
      <c r="OP672" s="613"/>
      <c r="OQ672" s="613"/>
      <c r="OR672" s="613"/>
      <c r="OS672" s="613"/>
      <c r="OT672" s="613"/>
      <c r="OU672" s="613"/>
      <c r="OV672" s="613"/>
      <c r="OW672" s="613"/>
      <c r="OX672" s="613"/>
      <c r="OY672" s="613"/>
      <c r="OZ672" s="613"/>
      <c r="PA672" s="613"/>
      <c r="PB672" s="613"/>
      <c r="PC672" s="613"/>
      <c r="PD672" s="613"/>
      <c r="PE672" s="613"/>
      <c r="PF672" s="613"/>
      <c r="PG672" s="613"/>
      <c r="PH672" s="613"/>
      <c r="PI672" s="613"/>
      <c r="PJ672" s="613"/>
      <c r="PK672" s="613"/>
      <c r="PL672" s="613"/>
      <c r="PM672" s="613"/>
      <c r="PN672" s="613"/>
      <c r="PO672" s="613"/>
      <c r="PP672" s="613"/>
      <c r="PQ672" s="613"/>
      <c r="PR672" s="613"/>
      <c r="PS672" s="613"/>
      <c r="PT672" s="613"/>
      <c r="PU672" s="613"/>
      <c r="PV672" s="613"/>
      <c r="PW672" s="613"/>
      <c r="PX672" s="613"/>
      <c r="PY672" s="613"/>
      <c r="PZ672" s="613"/>
      <c r="QA672" s="613"/>
      <c r="QB672" s="613"/>
      <c r="QC672" s="613"/>
      <c r="QD672" s="613"/>
      <c r="QE672" s="613"/>
      <c r="QF672" s="613"/>
      <c r="QG672" s="613"/>
      <c r="QH672" s="613"/>
      <c r="QI672" s="613"/>
      <c r="QJ672" s="613"/>
      <c r="QK672" s="613"/>
      <c r="QL672" s="613"/>
      <c r="QM672" s="613"/>
      <c r="QN672" s="613"/>
      <c r="QO672" s="613"/>
      <c r="QP672" s="613"/>
      <c r="QQ672" s="613"/>
      <c r="QR672" s="613"/>
      <c r="QS672" s="613"/>
      <c r="QT672" s="613"/>
      <c r="QU672" s="613"/>
      <c r="QV672" s="613"/>
      <c r="QW672" s="613"/>
      <c r="QX672" s="613"/>
      <c r="QY672" s="613"/>
      <c r="QZ672" s="613"/>
      <c r="RA672" s="613"/>
      <c r="RB672" s="613"/>
      <c r="RC672" s="613"/>
      <c r="RD672" s="613"/>
      <c r="RE672" s="613"/>
      <c r="RF672" s="613"/>
      <c r="RG672" s="613"/>
      <c r="RH672" s="613"/>
      <c r="RI672" s="613"/>
      <c r="RJ672" s="613"/>
      <c r="RK672" s="613"/>
      <c r="RL672" s="613"/>
      <c r="RM672" s="613"/>
      <c r="RN672" s="613"/>
      <c r="RO672" s="613"/>
      <c r="RP672" s="613"/>
      <c r="RQ672" s="613"/>
      <c r="RR672" s="613"/>
      <c r="RS672" s="613"/>
      <c r="RT672" s="613"/>
      <c r="RU672" s="613"/>
      <c r="RV672" s="613"/>
      <c r="RW672" s="613"/>
      <c r="RX672" s="613"/>
      <c r="RY672" s="613"/>
      <c r="RZ672" s="613"/>
      <c r="SA672" s="613"/>
      <c r="SB672" s="613"/>
      <c r="SC672" s="613"/>
      <c r="SD672" s="613"/>
      <c r="SE672" s="613"/>
      <c r="SF672" s="613"/>
      <c r="SG672" s="613"/>
      <c r="SH672" s="613"/>
      <c r="SI672" s="613"/>
      <c r="SJ672" s="613"/>
      <c r="SK672" s="613"/>
      <c r="SL672" s="613"/>
      <c r="SM672" s="613"/>
      <c r="SN672" s="613"/>
      <c r="SO672" s="613"/>
      <c r="SP672" s="613"/>
      <c r="SQ672" s="613"/>
      <c r="SR672" s="613"/>
      <c r="SS672" s="613"/>
      <c r="ST672" s="613"/>
      <c r="SU672" s="613"/>
      <c r="SV672" s="613"/>
      <c r="SW672" s="613"/>
      <c r="SX672" s="613"/>
      <c r="SY672" s="613"/>
      <c r="SZ672" s="613"/>
      <c r="TA672" s="613"/>
      <c r="TB672" s="613"/>
      <c r="TC672" s="613"/>
      <c r="TD672" s="613"/>
      <c r="TE672" s="613"/>
      <c r="TF672" s="613"/>
      <c r="TG672" s="613"/>
      <c r="TH672" s="613"/>
      <c r="TI672" s="613"/>
      <c r="TJ672" s="613"/>
      <c r="TK672" s="613"/>
      <c r="TL672" s="613"/>
      <c r="TM672" s="613"/>
      <c r="TN672" s="613"/>
      <c r="TO672" s="613"/>
      <c r="TP672" s="613"/>
      <c r="TQ672" s="613"/>
      <c r="TR672" s="613"/>
      <c r="TS672" s="613"/>
      <c r="TT672" s="613"/>
      <c r="TU672" s="613"/>
      <c r="TV672" s="613"/>
      <c r="TW672" s="613"/>
      <c r="TX672" s="613"/>
      <c r="TY672" s="613"/>
      <c r="TZ672" s="613"/>
      <c r="UA672" s="613"/>
      <c r="UB672" s="613"/>
      <c r="UC672" s="613"/>
      <c r="UD672" s="613"/>
      <c r="UE672" s="613"/>
      <c r="UF672" s="613"/>
      <c r="UG672" s="613"/>
      <c r="UH672" s="613"/>
      <c r="UI672" s="613"/>
      <c r="UJ672" s="613"/>
      <c r="UK672" s="613"/>
      <c r="UL672" s="613"/>
      <c r="UM672" s="613"/>
      <c r="UN672" s="613"/>
      <c r="UO672" s="613"/>
      <c r="UP672" s="613"/>
      <c r="UQ672" s="613"/>
      <c r="UR672" s="613"/>
      <c r="US672" s="613"/>
      <c r="UT672" s="613"/>
      <c r="UU672" s="613"/>
      <c r="UV672" s="613"/>
      <c r="UW672" s="613"/>
      <c r="UX672" s="613"/>
      <c r="UY672" s="613"/>
      <c r="UZ672" s="613"/>
      <c r="VA672" s="613"/>
      <c r="VB672" s="613"/>
      <c r="VC672" s="613"/>
      <c r="VD672" s="613"/>
      <c r="VE672" s="613"/>
      <c r="VF672" s="613"/>
      <c r="VG672" s="613"/>
      <c r="VH672" s="613"/>
      <c r="VI672" s="613"/>
      <c r="VJ672" s="613"/>
      <c r="VK672" s="613"/>
      <c r="VL672" s="613"/>
      <c r="VM672" s="613"/>
      <c r="VN672" s="613"/>
      <c r="VO672" s="613"/>
      <c r="VP672" s="613"/>
      <c r="VQ672" s="613"/>
      <c r="VR672" s="613"/>
      <c r="VS672" s="613"/>
      <c r="VT672" s="613"/>
      <c r="VU672" s="613"/>
      <c r="VV672" s="613"/>
      <c r="VW672" s="613"/>
      <c r="VX672" s="613"/>
      <c r="VY672" s="613"/>
      <c r="VZ672" s="613"/>
      <c r="WA672" s="613"/>
      <c r="WB672" s="613"/>
      <c r="WC672" s="613"/>
      <c r="WD672" s="613"/>
      <c r="WE672" s="613"/>
      <c r="WF672" s="613"/>
      <c r="WG672" s="613"/>
      <c r="WH672" s="613"/>
      <c r="WI672" s="613"/>
      <c r="WJ672" s="613"/>
      <c r="WK672" s="613"/>
      <c r="WL672" s="613"/>
      <c r="WM672" s="613"/>
      <c r="WN672" s="613"/>
      <c r="WO672" s="613"/>
      <c r="WP672" s="613"/>
      <c r="WQ672" s="613"/>
      <c r="WR672" s="613"/>
      <c r="WS672" s="613"/>
      <c r="WT672" s="613"/>
      <c r="WU672" s="613"/>
      <c r="WV672" s="613"/>
      <c r="WW672" s="613"/>
      <c r="WX672" s="613"/>
      <c r="WY672" s="613"/>
      <c r="WZ672" s="613"/>
      <c r="XA672" s="613"/>
      <c r="XB672" s="613"/>
      <c r="XC672" s="613"/>
      <c r="XD672" s="613"/>
      <c r="XE672" s="613"/>
      <c r="XF672" s="613"/>
      <c r="XG672" s="613"/>
      <c r="XH672" s="613"/>
      <c r="XI672" s="613"/>
      <c r="XJ672" s="613"/>
      <c r="XK672" s="613"/>
      <c r="XL672" s="613"/>
      <c r="XM672" s="613"/>
      <c r="XN672" s="613"/>
      <c r="XO672" s="613"/>
      <c r="XP672" s="613"/>
      <c r="XQ672" s="613"/>
      <c r="XR672" s="613"/>
      <c r="XS672" s="613"/>
      <c r="XT672" s="613"/>
      <c r="XU672" s="613"/>
      <c r="XV672" s="613"/>
      <c r="XW672" s="613"/>
      <c r="XX672" s="613"/>
      <c r="XY672" s="613"/>
      <c r="XZ672" s="613"/>
      <c r="YA672" s="613"/>
      <c r="YB672" s="613"/>
      <c r="YC672" s="613"/>
      <c r="YD672" s="613"/>
      <c r="YE672" s="613"/>
      <c r="YF672" s="613"/>
      <c r="YG672" s="613"/>
      <c r="YH672" s="613"/>
      <c r="YI672" s="613"/>
      <c r="YJ672" s="613"/>
      <c r="YK672" s="613"/>
      <c r="YL672" s="613"/>
      <c r="YM672" s="613"/>
      <c r="YN672" s="613"/>
      <c r="YO672" s="613"/>
      <c r="YP672" s="613"/>
      <c r="YQ672" s="613"/>
      <c r="YR672" s="613"/>
      <c r="YS672" s="613"/>
      <c r="YT672" s="613"/>
      <c r="YU672" s="613"/>
      <c r="YV672" s="613"/>
      <c r="YW672" s="613"/>
      <c r="YX672" s="613"/>
      <c r="YY672" s="613"/>
      <c r="YZ672" s="613"/>
      <c r="ZA672" s="613"/>
      <c r="ZB672" s="613"/>
      <c r="ZC672" s="613"/>
      <c r="ZD672" s="613"/>
      <c r="ZE672" s="613"/>
      <c r="ZF672" s="613"/>
      <c r="ZG672" s="613"/>
      <c r="ZH672" s="613"/>
      <c r="ZI672" s="613"/>
      <c r="ZJ672" s="613"/>
      <c r="ZK672" s="613"/>
      <c r="ZL672" s="613"/>
      <c r="ZM672" s="613"/>
      <c r="ZN672" s="613"/>
      <c r="ZO672" s="613"/>
      <c r="ZP672" s="613"/>
      <c r="ZQ672" s="613"/>
      <c r="ZR672" s="613"/>
      <c r="ZS672" s="613"/>
      <c r="ZT672" s="613"/>
      <c r="ZU672" s="613"/>
      <c r="ZV672" s="613"/>
      <c r="ZW672" s="613"/>
      <c r="ZX672" s="613"/>
      <c r="ZY672" s="613"/>
      <c r="ZZ672" s="613"/>
      <c r="AAA672" s="613"/>
      <c r="AAB672" s="613"/>
      <c r="AAC672" s="613"/>
      <c r="AAD672" s="613"/>
      <c r="AAE672" s="613"/>
      <c r="AAF672" s="613"/>
      <c r="AAG672" s="613"/>
      <c r="AAH672" s="613"/>
      <c r="AAI672" s="613"/>
      <c r="AAJ672" s="613"/>
      <c r="AAK672" s="613"/>
      <c r="AAL672" s="613"/>
      <c r="AAM672" s="613"/>
      <c r="AAN672" s="613"/>
      <c r="AAO672" s="613"/>
      <c r="AAP672" s="613"/>
      <c r="AAQ672" s="613"/>
      <c r="AAR672" s="613"/>
      <c r="AAS672" s="613"/>
      <c r="AAT672" s="613"/>
      <c r="AAU672" s="613"/>
      <c r="AAV672" s="613"/>
      <c r="AAW672" s="613"/>
      <c r="AAX672" s="613"/>
      <c r="AAY672" s="613"/>
      <c r="AAZ672" s="613"/>
      <c r="ABA672" s="613"/>
      <c r="ABB672" s="613"/>
      <c r="ABC672" s="613"/>
      <c r="ABD672" s="613"/>
      <c r="ABE672" s="613"/>
      <c r="ABF672" s="613"/>
      <c r="ABG672" s="613"/>
      <c r="ABH672" s="613"/>
      <c r="ABI672" s="613"/>
      <c r="ABJ672" s="613"/>
      <c r="ABK672" s="613"/>
      <c r="ABL672" s="613"/>
      <c r="ABM672" s="613"/>
      <c r="ABN672" s="613"/>
      <c r="ABO672" s="613"/>
      <c r="ABP672" s="613"/>
      <c r="ABQ672" s="613"/>
      <c r="ABR672" s="613"/>
      <c r="ABS672" s="613"/>
      <c r="ABT672" s="613"/>
      <c r="ABU672" s="613"/>
      <c r="ABV672" s="613"/>
      <c r="ABW672" s="613"/>
      <c r="ABX672" s="613"/>
      <c r="ABY672" s="613"/>
      <c r="ABZ672" s="613"/>
      <c r="ACA672" s="613"/>
      <c r="ACB672" s="613"/>
      <c r="ACC672" s="613"/>
      <c r="ACD672" s="613"/>
      <c r="ACE672" s="613"/>
      <c r="ACF672" s="613"/>
      <c r="ACG672" s="613"/>
      <c r="ACH672" s="613"/>
      <c r="ACI672" s="613"/>
      <c r="ACJ672" s="613"/>
      <c r="ACK672" s="613"/>
      <c r="ACL672" s="613"/>
      <c r="ACM672" s="613"/>
      <c r="ACN672" s="613"/>
      <c r="ACO672" s="613"/>
      <c r="ACP672" s="613"/>
      <c r="ACQ672" s="613"/>
      <c r="ACR672" s="613"/>
      <c r="ACS672" s="613"/>
      <c r="ACT672" s="613"/>
      <c r="ACU672" s="613"/>
      <c r="ACV672" s="613"/>
      <c r="ACW672" s="613"/>
      <c r="ACX672" s="613"/>
      <c r="ACY672" s="613"/>
      <c r="ACZ672" s="613"/>
      <c r="ADA672" s="613"/>
      <c r="ADB672" s="613"/>
      <c r="ADC672" s="613"/>
      <c r="ADD672" s="613"/>
      <c r="ADE672" s="613"/>
      <c r="ADF672" s="613"/>
      <c r="ADG672" s="613"/>
      <c r="ADH672" s="613"/>
      <c r="ADI672" s="613"/>
      <c r="ADJ672" s="613"/>
      <c r="ADK672" s="613"/>
      <c r="ADL672" s="613"/>
      <c r="ADM672" s="613"/>
      <c r="ADN672" s="613"/>
      <c r="ADO672" s="613"/>
      <c r="ADP672" s="613"/>
      <c r="ADQ672" s="613"/>
      <c r="ADR672" s="613"/>
      <c r="ADS672" s="613"/>
      <c r="ADT672" s="613"/>
      <c r="ADU672" s="613"/>
      <c r="ADV672" s="613"/>
      <c r="ADW672" s="613"/>
      <c r="ADX672" s="613"/>
      <c r="ADY672" s="613"/>
      <c r="ADZ672" s="613"/>
      <c r="AEA672" s="613"/>
      <c r="AEB672" s="613"/>
      <c r="AEC672" s="613"/>
      <c r="AED672" s="613"/>
      <c r="AEE672" s="613"/>
      <c r="AEF672" s="613"/>
      <c r="AEG672" s="613"/>
      <c r="AEH672" s="613"/>
      <c r="AEI672" s="613"/>
      <c r="AEJ672" s="613"/>
      <c r="AEK672" s="613"/>
      <c r="AEL672" s="613"/>
      <c r="AEM672" s="613"/>
      <c r="AEN672" s="613"/>
      <c r="AEO672" s="613"/>
      <c r="AEP672" s="613"/>
      <c r="AEQ672" s="613"/>
      <c r="AER672" s="613"/>
      <c r="AES672" s="613"/>
      <c r="AET672" s="613"/>
      <c r="AEU672" s="613"/>
      <c r="AEV672" s="613"/>
      <c r="AEW672" s="613"/>
      <c r="AEX672" s="613"/>
      <c r="AEY672" s="613"/>
      <c r="AEZ672" s="613"/>
      <c r="AFA672" s="613"/>
      <c r="AFB672" s="613"/>
      <c r="AFC672" s="613"/>
      <c r="AFD672" s="613"/>
      <c r="AFE672" s="613"/>
      <c r="AFF672" s="613"/>
      <c r="AFG672" s="613"/>
      <c r="AFH672" s="613"/>
      <c r="AFI672" s="613"/>
      <c r="AFJ672" s="613"/>
      <c r="AFK672" s="613"/>
      <c r="AFL672" s="613"/>
      <c r="AFM672" s="613"/>
      <c r="AFN672" s="613"/>
      <c r="AFO672" s="613"/>
      <c r="AFP672" s="613"/>
      <c r="AFQ672" s="613"/>
      <c r="AFR672" s="613"/>
      <c r="AFS672" s="613"/>
      <c r="AFT672" s="613"/>
      <c r="AFU672" s="613"/>
      <c r="AFV672" s="613"/>
      <c r="AFW672" s="613"/>
      <c r="AFX672" s="613"/>
      <c r="AFY672" s="613"/>
      <c r="AFZ672" s="613"/>
      <c r="AGA672" s="613"/>
      <c r="AGB672" s="613"/>
      <c r="AGC672" s="613"/>
      <c r="AGD672" s="613"/>
      <c r="AGE672" s="613"/>
      <c r="AGF672" s="613"/>
      <c r="AGG672" s="613"/>
      <c r="AGH672" s="613"/>
      <c r="AGI672" s="613"/>
      <c r="AGJ672" s="613"/>
      <c r="AGK672" s="613"/>
      <c r="AGL672" s="613"/>
      <c r="AGM672" s="613"/>
      <c r="AGN672" s="613"/>
      <c r="AGO672" s="613"/>
      <c r="AGP672" s="613"/>
      <c r="AGQ672" s="613"/>
      <c r="AGR672" s="613"/>
      <c r="AGS672" s="613"/>
      <c r="AGT672" s="613"/>
      <c r="AGU672" s="613"/>
      <c r="AGV672" s="613"/>
      <c r="AGW672" s="613"/>
      <c r="AGX672" s="613"/>
      <c r="AGY672" s="613"/>
      <c r="AGZ672" s="613"/>
      <c r="AHA672" s="613"/>
      <c r="AHB672" s="613"/>
      <c r="AHC672" s="613"/>
      <c r="AHD672" s="613"/>
      <c r="AHE672" s="613"/>
      <c r="AHF672" s="613"/>
      <c r="AHG672" s="613"/>
      <c r="AHH672" s="613"/>
      <c r="AHI672" s="613"/>
      <c r="AHJ672" s="613"/>
      <c r="AHK672" s="613"/>
      <c r="AHL672" s="613"/>
      <c r="AHM672" s="613"/>
      <c r="AHN672" s="613"/>
      <c r="AHO672" s="613"/>
      <c r="AHP672" s="613"/>
      <c r="AHQ672" s="613"/>
      <c r="AHR672" s="613"/>
      <c r="AHS672" s="613"/>
      <c r="AHT672" s="613"/>
      <c r="AHU672" s="613"/>
      <c r="AHV672" s="613"/>
      <c r="AHW672" s="613"/>
      <c r="AHX672" s="613"/>
      <c r="AHY672" s="613"/>
      <c r="AHZ672" s="613"/>
      <c r="AIA672" s="613"/>
      <c r="AIB672" s="613"/>
      <c r="AIC672" s="613"/>
      <c r="AID672" s="613"/>
      <c r="AIE672" s="613"/>
      <c r="AIF672" s="613"/>
      <c r="AIG672" s="613"/>
      <c r="AIH672" s="613"/>
      <c r="AII672" s="613"/>
      <c r="AIJ672" s="613"/>
      <c r="AIK672" s="613"/>
      <c r="AIL672" s="613"/>
      <c r="AIM672" s="613"/>
      <c r="AIN672" s="613"/>
      <c r="AIO672" s="613"/>
      <c r="AIP672" s="613"/>
      <c r="AIQ672" s="613"/>
      <c r="AIR672" s="613"/>
      <c r="AIS672" s="613"/>
      <c r="AIT672" s="613"/>
      <c r="AIU672" s="613"/>
      <c r="AIV672" s="613"/>
      <c r="AIW672" s="613"/>
      <c r="AIX672" s="613"/>
      <c r="AIY672" s="613"/>
      <c r="AIZ672" s="613"/>
      <c r="AJA672" s="613"/>
      <c r="AJB672" s="613"/>
      <c r="AJC672" s="613"/>
      <c r="AJD672" s="613"/>
      <c r="AJE672" s="613"/>
      <c r="AJF672" s="613"/>
      <c r="AJG672" s="613"/>
      <c r="AJH672" s="613"/>
      <c r="AJI672" s="613"/>
      <c r="AJJ672" s="613"/>
      <c r="AJK672" s="613"/>
      <c r="AJL672" s="613"/>
      <c r="AJM672" s="613"/>
      <c r="AJN672" s="613"/>
      <c r="AJO672" s="613"/>
      <c r="AJP672" s="613"/>
      <c r="AJQ672" s="613"/>
      <c r="AJR672" s="613"/>
      <c r="AJS672" s="613"/>
      <c r="AJT672" s="613"/>
      <c r="AJU672" s="613"/>
      <c r="AJV672" s="613"/>
      <c r="AJW672" s="613"/>
      <c r="AJX672" s="613"/>
      <c r="AJY672" s="613"/>
      <c r="AJZ672" s="613"/>
      <c r="AKA672" s="613"/>
      <c r="AKB672" s="613"/>
      <c r="AKC672" s="613"/>
      <c r="AKD672" s="613"/>
      <c r="AKE672" s="613"/>
      <c r="AKF672" s="613"/>
      <c r="AKG672" s="613"/>
      <c r="AKH672" s="613"/>
      <c r="AKI672" s="613"/>
      <c r="AKJ672" s="613"/>
      <c r="AKK672" s="613"/>
      <c r="AKL672" s="613"/>
      <c r="AKM672" s="613"/>
      <c r="AKN672" s="613"/>
      <c r="AKO672" s="613"/>
      <c r="AKP672" s="613"/>
      <c r="AKQ672" s="613"/>
      <c r="AKR672" s="613"/>
      <c r="AKS672" s="613"/>
      <c r="AKT672" s="613"/>
      <c r="AKU672" s="613"/>
      <c r="AKV672" s="613"/>
      <c r="AKW672" s="613"/>
      <c r="AKX672" s="613"/>
      <c r="AKY672" s="613"/>
      <c r="AKZ672" s="613"/>
      <c r="ALA672" s="613"/>
      <c r="ALB672" s="613"/>
      <c r="ALC672" s="613"/>
      <c r="ALD672" s="613"/>
      <c r="ALE672" s="613"/>
      <c r="ALF672" s="613"/>
      <c r="ALG672" s="613"/>
      <c r="ALH672" s="613"/>
      <c r="ALI672" s="613"/>
      <c r="ALJ672" s="613"/>
      <c r="ALK672" s="613"/>
      <c r="ALL672" s="613"/>
      <c r="ALM672" s="613"/>
      <c r="ALN672" s="613"/>
      <c r="ALO672" s="613"/>
      <c r="ALP672" s="613"/>
      <c r="ALQ672" s="613"/>
      <c r="ALR672" s="613"/>
      <c r="ALS672" s="613"/>
      <c r="ALT672" s="613"/>
      <c r="ALU672" s="613"/>
      <c r="ALV672" s="613"/>
      <c r="ALW672" s="613"/>
      <c r="ALX672" s="613"/>
      <c r="ALY672" s="613"/>
      <c r="ALZ672" s="613"/>
      <c r="AMA672" s="613"/>
      <c r="AMB672" s="613"/>
      <c r="AMC672" s="613"/>
      <c r="AMD672" s="613"/>
      <c r="AME672" s="613"/>
      <c r="AMF672" s="613"/>
      <c r="AMG672" s="613"/>
      <c r="AMH672" s="613"/>
      <c r="AMI672" s="613"/>
      <c r="AMJ672" s="613"/>
      <c r="AMK672" s="613"/>
      <c r="AML672" s="613"/>
      <c r="AMM672" s="613"/>
      <c r="AMN672" s="613"/>
      <c r="AMO672" s="613"/>
      <c r="AMP672" s="613"/>
      <c r="AMQ672" s="613"/>
      <c r="AMR672" s="613"/>
      <c r="AMS672" s="613"/>
      <c r="AMT672" s="613"/>
      <c r="AMU672" s="613"/>
      <c r="AMV672" s="613"/>
      <c r="AMW672" s="613"/>
      <c r="AMX672" s="613"/>
      <c r="AMY672" s="613"/>
      <c r="AMZ672" s="613"/>
      <c r="ANA672" s="613"/>
      <c r="ANB672" s="613"/>
      <c r="ANC672" s="613"/>
      <c r="AND672" s="613"/>
      <c r="ANE672" s="613"/>
      <c r="ANF672" s="613"/>
      <c r="ANG672" s="613"/>
      <c r="ANH672" s="613"/>
      <c r="ANI672" s="613"/>
      <c r="ANJ672" s="613"/>
      <c r="ANK672" s="613"/>
      <c r="ANL672" s="613"/>
      <c r="ANM672" s="613"/>
      <c r="ANN672" s="613"/>
      <c r="ANO672" s="613"/>
      <c r="ANP672" s="613"/>
      <c r="ANQ672" s="613"/>
      <c r="ANR672" s="613"/>
      <c r="ANS672" s="613"/>
      <c r="ANT672" s="613"/>
      <c r="ANU672" s="613"/>
      <c r="ANV672" s="613"/>
      <c r="ANW672" s="613"/>
      <c r="ANX672" s="613"/>
      <c r="ANY672" s="613"/>
      <c r="ANZ672" s="613"/>
      <c r="AOA672" s="613"/>
      <c r="AOB672" s="613"/>
      <c r="AOC672" s="613"/>
      <c r="AOD672" s="613"/>
      <c r="AOE672" s="613"/>
      <c r="AOF672" s="613"/>
      <c r="AOG672" s="613"/>
      <c r="AOH672" s="613"/>
      <c r="AOI672" s="613"/>
      <c r="AOJ672" s="613"/>
      <c r="AOK672" s="613"/>
      <c r="AOL672" s="613"/>
      <c r="AOM672" s="613"/>
      <c r="AON672" s="613"/>
      <c r="AOO672" s="613"/>
      <c r="AOP672" s="613"/>
      <c r="AOQ672" s="613"/>
      <c r="AOR672" s="613"/>
      <c r="AOS672" s="613"/>
      <c r="AOT672" s="613"/>
      <c r="AOU672" s="613"/>
      <c r="AOV672" s="613"/>
      <c r="AOW672" s="613"/>
      <c r="AOX672" s="613"/>
      <c r="AOY672" s="613"/>
      <c r="AOZ672" s="613"/>
      <c r="APA672" s="613"/>
      <c r="APB672" s="613"/>
      <c r="APC672" s="613"/>
      <c r="APD672" s="613"/>
      <c r="APE672" s="613"/>
      <c r="APF672" s="613"/>
      <c r="APG672" s="613"/>
      <c r="APH672" s="613"/>
      <c r="API672" s="613"/>
      <c r="APJ672" s="613"/>
      <c r="APK672" s="613"/>
      <c r="APL672" s="613"/>
      <c r="APM672" s="613"/>
      <c r="APN672" s="613"/>
      <c r="APO672" s="613"/>
      <c r="APP672" s="613"/>
      <c r="APQ672" s="613"/>
      <c r="APR672" s="613"/>
      <c r="APS672" s="613"/>
      <c r="APT672" s="613"/>
      <c r="APU672" s="613"/>
      <c r="APV672" s="613"/>
      <c r="APW672" s="613"/>
      <c r="APX672" s="613"/>
      <c r="APY672" s="613"/>
      <c r="APZ672" s="613"/>
      <c r="AQA672" s="613"/>
      <c r="AQB672" s="613"/>
      <c r="AQC672" s="613"/>
      <c r="AQD672" s="613"/>
      <c r="AQE672" s="613"/>
      <c r="AQF672" s="613"/>
      <c r="AQG672" s="613"/>
      <c r="AQH672" s="613"/>
      <c r="AQI672" s="613"/>
      <c r="AQJ672" s="613"/>
      <c r="AQK672" s="613"/>
      <c r="AQL672" s="613"/>
      <c r="AQM672" s="613"/>
      <c r="AQN672" s="613"/>
      <c r="AQO672" s="613"/>
      <c r="AQP672" s="613"/>
      <c r="AQQ672" s="613"/>
      <c r="AQR672" s="613"/>
      <c r="AQS672" s="613"/>
      <c r="AQT672" s="613"/>
      <c r="AQU672" s="613"/>
      <c r="AQV672" s="613"/>
      <c r="AQW672" s="613"/>
      <c r="AQX672" s="613"/>
      <c r="AQY672" s="613"/>
      <c r="AQZ672" s="613"/>
      <c r="ARA672" s="613"/>
      <c r="ARB672" s="613"/>
      <c r="ARC672" s="613"/>
      <c r="ARD672" s="613"/>
      <c r="ARE672" s="613"/>
      <c r="ARF672" s="613"/>
      <c r="ARG672" s="613"/>
      <c r="ARH672" s="613"/>
      <c r="ARI672" s="613"/>
      <c r="ARJ672" s="613"/>
      <c r="ARK672" s="613"/>
      <c r="ARL672" s="613"/>
      <c r="ARM672" s="613"/>
      <c r="ARN672" s="613"/>
      <c r="ARO672" s="613"/>
      <c r="ARP672" s="613"/>
      <c r="ARQ672" s="613"/>
      <c r="ARR672" s="613"/>
      <c r="ARS672" s="613"/>
      <c r="ART672" s="613"/>
      <c r="ARU672" s="613"/>
      <c r="ARV672" s="613"/>
      <c r="ARW672" s="613"/>
      <c r="ARX672" s="613"/>
      <c r="ARY672" s="613"/>
      <c r="ARZ672" s="613"/>
      <c r="ASA672" s="613"/>
      <c r="ASB672" s="613"/>
      <c r="ASC672" s="613"/>
      <c r="ASD672" s="613"/>
      <c r="ASE672" s="613"/>
      <c r="ASF672" s="613"/>
      <c r="ASG672" s="613"/>
      <c r="ASH672" s="613"/>
      <c r="ASI672" s="613"/>
      <c r="ASJ672" s="613"/>
      <c r="ASK672" s="613"/>
      <c r="ASL672" s="613"/>
      <c r="ASM672" s="613"/>
      <c r="ASN672" s="613"/>
      <c r="ASO672" s="613"/>
      <c r="ASP672" s="613"/>
      <c r="ASQ672" s="613"/>
      <c r="ASR672" s="613"/>
      <c r="ASS672" s="613"/>
      <c r="AST672" s="613"/>
      <c r="ASU672" s="613"/>
      <c r="ASV672" s="613"/>
      <c r="ASW672" s="613"/>
      <c r="ASX672" s="613"/>
      <c r="ASY672" s="613"/>
      <c r="ASZ672" s="613"/>
      <c r="ATA672" s="613"/>
      <c r="ATB672" s="613"/>
      <c r="ATC672" s="613"/>
      <c r="ATD672" s="613"/>
      <c r="ATE672" s="613"/>
      <c r="ATF672" s="613"/>
      <c r="ATG672" s="613"/>
      <c r="ATH672" s="613"/>
      <c r="ATI672" s="613"/>
      <c r="ATJ672" s="613"/>
      <c r="ATK672" s="613"/>
      <c r="ATL672" s="613"/>
      <c r="ATM672" s="613"/>
      <c r="ATN672" s="613"/>
      <c r="ATO672" s="613"/>
      <c r="ATP672" s="613"/>
      <c r="ATQ672" s="613"/>
      <c r="ATR672" s="613"/>
      <c r="ATS672" s="613"/>
      <c r="ATT672" s="613"/>
      <c r="ATU672" s="613"/>
      <c r="ATV672" s="613"/>
      <c r="ATW672" s="613"/>
      <c r="ATX672" s="613"/>
      <c r="ATY672" s="613"/>
      <c r="ATZ672" s="613"/>
      <c r="AUA672" s="613"/>
      <c r="AUB672" s="613"/>
      <c r="AUC672" s="613"/>
      <c r="AUD672" s="613"/>
      <c r="AUE672" s="613"/>
      <c r="AUF672" s="613"/>
      <c r="AUG672" s="613"/>
      <c r="AUH672" s="613"/>
      <c r="AUI672" s="613"/>
      <c r="AUJ672" s="613"/>
      <c r="AUK672" s="613"/>
      <c r="AUL672" s="613"/>
      <c r="AUM672" s="613"/>
      <c r="AUN672" s="613"/>
      <c r="AUO672" s="613"/>
      <c r="AUP672" s="613"/>
      <c r="AUQ672" s="613"/>
      <c r="AUR672" s="613"/>
      <c r="AUS672" s="613"/>
      <c r="AUT672" s="613"/>
      <c r="AUU672" s="613"/>
      <c r="AUV672" s="613"/>
      <c r="AUW672" s="613"/>
      <c r="AUX672" s="613"/>
      <c r="AUY672" s="613"/>
      <c r="AUZ672" s="613"/>
      <c r="AVA672" s="613"/>
      <c r="AVB672" s="613"/>
      <c r="AVC672" s="613"/>
      <c r="AVD672" s="613"/>
      <c r="AVE672" s="613"/>
      <c r="AVF672" s="613"/>
      <c r="AVG672" s="613"/>
      <c r="AVH672" s="613"/>
      <c r="AVI672" s="613"/>
      <c r="AVJ672" s="613"/>
      <c r="AVK672" s="613"/>
      <c r="AVL672" s="613"/>
      <c r="AVM672" s="613"/>
      <c r="AVN672" s="613"/>
      <c r="AVO672" s="613"/>
      <c r="AVP672" s="613"/>
      <c r="AVQ672" s="613"/>
      <c r="AVR672" s="613"/>
      <c r="AVS672" s="613"/>
      <c r="AVT672" s="613"/>
      <c r="AVU672" s="613"/>
      <c r="AVV672" s="613"/>
      <c r="AVW672" s="613"/>
      <c r="AVX672" s="613"/>
      <c r="AVY672" s="613"/>
      <c r="AVZ672" s="613"/>
      <c r="AWA672" s="613"/>
      <c r="AWB672" s="613"/>
      <c r="AWC672" s="613"/>
      <c r="AWD672" s="613"/>
      <c r="AWE672" s="613"/>
      <c r="AWF672" s="613"/>
      <c r="AWG672" s="613"/>
      <c r="AWH672" s="613"/>
      <c r="AWI672" s="613"/>
      <c r="AWJ672" s="613"/>
      <c r="AWK672" s="613"/>
      <c r="AWL672" s="613"/>
      <c r="AWM672" s="613"/>
      <c r="AWN672" s="613"/>
      <c r="AWO672" s="613"/>
      <c r="AWP672" s="613"/>
      <c r="AWQ672" s="613"/>
      <c r="AWR672" s="613"/>
      <c r="AWS672" s="613"/>
      <c r="AWT672" s="613"/>
      <c r="AWU672" s="613"/>
      <c r="AWV672" s="613"/>
      <c r="AWW672" s="613"/>
      <c r="AWX672" s="613"/>
      <c r="AWY672" s="613"/>
      <c r="AWZ672" s="613"/>
      <c r="AXA672" s="613"/>
      <c r="AXB672" s="613"/>
      <c r="AXC672" s="613"/>
      <c r="AXD672" s="613"/>
      <c r="AXE672" s="613"/>
      <c r="AXF672" s="613"/>
      <c r="AXG672" s="613"/>
      <c r="AXH672" s="613"/>
      <c r="AXI672" s="613"/>
      <c r="AXJ672" s="613"/>
      <c r="AXK672" s="613"/>
      <c r="AXL672" s="613"/>
      <c r="AXM672" s="613"/>
      <c r="AXN672" s="613"/>
      <c r="AXO672" s="613"/>
      <c r="AXP672" s="613"/>
      <c r="AXQ672" s="613"/>
      <c r="AXR672" s="613"/>
      <c r="AXS672" s="613"/>
      <c r="AXT672" s="613"/>
      <c r="AXU672" s="613"/>
      <c r="AXV672" s="613"/>
      <c r="AXW672" s="613"/>
      <c r="AXX672" s="613"/>
      <c r="AXY672" s="613"/>
      <c r="AXZ672" s="613"/>
      <c r="AYA672" s="613"/>
      <c r="AYB672" s="613"/>
      <c r="AYC672" s="613"/>
      <c r="AYD672" s="613"/>
      <c r="AYE672" s="613"/>
      <c r="AYF672" s="613"/>
      <c r="AYG672" s="613"/>
      <c r="AYH672" s="613"/>
      <c r="AYI672" s="613"/>
      <c r="AYJ672" s="613"/>
      <c r="AYK672" s="613"/>
      <c r="AYL672" s="613"/>
      <c r="AYM672" s="613"/>
      <c r="AYN672" s="613"/>
      <c r="AYO672" s="613"/>
      <c r="AYP672" s="613"/>
      <c r="AYQ672" s="613"/>
      <c r="AYR672" s="613"/>
      <c r="AYS672" s="613"/>
      <c r="AYT672" s="613"/>
      <c r="AYU672" s="613"/>
      <c r="AYV672" s="613"/>
      <c r="AYW672" s="613"/>
      <c r="AYX672" s="613"/>
      <c r="AYY672" s="613"/>
      <c r="AYZ672" s="613"/>
      <c r="AZA672" s="613"/>
      <c r="AZB672" s="613"/>
      <c r="AZC672" s="613"/>
      <c r="AZD672" s="613"/>
      <c r="AZE672" s="613"/>
      <c r="AZF672" s="613"/>
      <c r="AZG672" s="613"/>
      <c r="AZH672" s="613"/>
      <c r="AZI672" s="613"/>
      <c r="AZJ672" s="613"/>
      <c r="AZK672" s="613"/>
      <c r="AZL672" s="613"/>
      <c r="AZM672" s="613"/>
      <c r="AZN672" s="613"/>
      <c r="AZO672" s="613"/>
      <c r="AZP672" s="613"/>
      <c r="AZQ672" s="613"/>
      <c r="AZR672" s="613"/>
      <c r="AZS672" s="613"/>
      <c r="AZT672" s="613"/>
      <c r="AZU672" s="613"/>
      <c r="AZV672" s="613"/>
      <c r="AZW672" s="613"/>
      <c r="AZX672" s="613"/>
      <c r="AZY672" s="613"/>
      <c r="AZZ672" s="613"/>
      <c r="BAA672" s="613"/>
      <c r="BAB672" s="613"/>
      <c r="BAC672" s="613"/>
      <c r="BAD672" s="613"/>
      <c r="BAE672" s="613"/>
      <c r="BAF672" s="613"/>
      <c r="BAG672" s="613"/>
      <c r="BAH672" s="613"/>
      <c r="BAI672" s="613"/>
      <c r="BAJ672" s="613"/>
      <c r="BAK672" s="613"/>
      <c r="BAL672" s="613"/>
      <c r="BAM672" s="613"/>
      <c r="BAN672" s="613"/>
      <c r="BAO672" s="613"/>
      <c r="BAP672" s="613"/>
      <c r="BAQ672" s="613"/>
      <c r="BAR672" s="613"/>
      <c r="BAS672" s="613"/>
      <c r="BAT672" s="613"/>
      <c r="BAU672" s="613"/>
      <c r="BAV672" s="613"/>
      <c r="BAW672" s="613"/>
      <c r="BAX672" s="613"/>
      <c r="BAY672" s="613"/>
      <c r="BAZ672" s="613"/>
      <c r="BBA672" s="613"/>
      <c r="BBB672" s="613"/>
      <c r="BBC672" s="613"/>
      <c r="BBD672" s="613"/>
      <c r="BBE672" s="613"/>
      <c r="BBF672" s="613"/>
      <c r="BBG672" s="613"/>
      <c r="BBH672" s="613"/>
      <c r="BBI672" s="613"/>
      <c r="BBJ672" s="613"/>
      <c r="BBK672" s="613"/>
      <c r="BBL672" s="613"/>
      <c r="BBM672" s="613"/>
      <c r="BBN672" s="613"/>
      <c r="BBO672" s="613"/>
      <c r="BBP672" s="613"/>
      <c r="BBQ672" s="613"/>
      <c r="BBR672" s="613"/>
      <c r="BBS672" s="613"/>
      <c r="BBT672" s="613"/>
      <c r="BBU672" s="613"/>
      <c r="BBV672" s="613"/>
      <c r="BBW672" s="613"/>
      <c r="BBX672" s="613"/>
      <c r="BBY672" s="613"/>
      <c r="BBZ672" s="613"/>
      <c r="BCA672" s="613"/>
      <c r="BCB672" s="613"/>
      <c r="BCC672" s="613"/>
      <c r="BCD672" s="613"/>
      <c r="BCE672" s="613"/>
      <c r="BCF672" s="613"/>
      <c r="BCG672" s="613"/>
      <c r="BCH672" s="613"/>
      <c r="BCI672" s="613"/>
      <c r="BCJ672" s="613"/>
      <c r="BCK672" s="613"/>
      <c r="BCL672" s="613"/>
      <c r="BCM672" s="613"/>
      <c r="BCN672" s="613"/>
      <c r="BCO672" s="613"/>
      <c r="BCP672" s="613"/>
      <c r="BCQ672" s="613"/>
      <c r="BCR672" s="613"/>
      <c r="BCS672" s="613"/>
      <c r="BCT672" s="613"/>
      <c r="BCU672" s="613"/>
      <c r="BCV672" s="613"/>
      <c r="BCW672" s="613"/>
      <c r="BCX672" s="613"/>
      <c r="BCY672" s="613"/>
      <c r="BCZ672" s="613"/>
      <c r="BDA672" s="613"/>
      <c r="BDB672" s="613"/>
      <c r="BDC672" s="613"/>
      <c r="BDD672" s="613"/>
      <c r="BDE672" s="613"/>
      <c r="BDF672" s="613"/>
      <c r="BDG672" s="613"/>
      <c r="BDH672" s="613"/>
      <c r="BDI672" s="613"/>
      <c r="BDJ672" s="613"/>
      <c r="BDK672" s="613"/>
      <c r="BDL672" s="613"/>
      <c r="BDM672" s="613"/>
      <c r="BDN672" s="613"/>
      <c r="BDO672" s="613"/>
      <c r="BDP672" s="613"/>
      <c r="BDQ672" s="613"/>
      <c r="BDR672" s="613"/>
      <c r="BDS672" s="613"/>
      <c r="BDT672" s="613"/>
      <c r="BDU672" s="613"/>
      <c r="BDV672" s="613"/>
      <c r="BDW672" s="613"/>
      <c r="BDX672" s="613"/>
      <c r="BDY672" s="613"/>
      <c r="BDZ672" s="613"/>
      <c r="BEA672" s="613"/>
      <c r="BEB672" s="613"/>
      <c r="BEC672" s="613"/>
      <c r="BED672" s="613"/>
      <c r="BEE672" s="613"/>
      <c r="BEF672" s="613"/>
      <c r="BEG672" s="613"/>
      <c r="BEH672" s="613"/>
      <c r="BEI672" s="613"/>
      <c r="BEJ672" s="613"/>
      <c r="BEK672" s="613"/>
      <c r="BEL672" s="613"/>
      <c r="BEM672" s="613"/>
      <c r="BEN672" s="613"/>
      <c r="BEO672" s="613"/>
      <c r="BEP672" s="613"/>
      <c r="BEQ672" s="613"/>
      <c r="BER672" s="613"/>
      <c r="BES672" s="613"/>
      <c r="BET672" s="613"/>
      <c r="BEU672" s="613"/>
      <c r="BEV672" s="613"/>
      <c r="BEW672" s="613"/>
      <c r="BEX672" s="613"/>
      <c r="BEY672" s="613"/>
      <c r="BEZ672" s="613"/>
      <c r="BFA672" s="613"/>
      <c r="BFB672" s="613"/>
      <c r="BFC672" s="613"/>
      <c r="BFD672" s="613"/>
      <c r="BFE672" s="613"/>
      <c r="BFF672" s="613"/>
      <c r="BFG672" s="613"/>
      <c r="BFH672" s="613"/>
      <c r="BFI672" s="613"/>
      <c r="BFJ672" s="613"/>
      <c r="BFK672" s="613"/>
      <c r="BFL672" s="613"/>
      <c r="BFM672" s="613"/>
      <c r="BFN672" s="613"/>
      <c r="BFO672" s="613"/>
      <c r="BFP672" s="613"/>
      <c r="BFQ672" s="613"/>
      <c r="BFR672" s="613"/>
      <c r="BFS672" s="613"/>
      <c r="BFT672" s="613"/>
      <c r="BFU672" s="613"/>
      <c r="BFV672" s="613"/>
      <c r="BFW672" s="613"/>
      <c r="BFX672" s="613"/>
      <c r="BFY672" s="613"/>
      <c r="BFZ672" s="613"/>
      <c r="BGA672" s="613"/>
      <c r="BGB672" s="613"/>
      <c r="BGC672" s="613"/>
      <c r="BGD672" s="613"/>
      <c r="BGE672" s="613"/>
      <c r="BGF672" s="613"/>
      <c r="BGG672" s="613"/>
      <c r="BGH672" s="613"/>
      <c r="BGI672" s="613"/>
      <c r="BGJ672" s="613"/>
      <c r="BGK672" s="613"/>
      <c r="BGL672" s="613"/>
      <c r="BGM672" s="613"/>
      <c r="BGN672" s="613"/>
      <c r="BGO672" s="613"/>
      <c r="BGP672" s="613"/>
      <c r="BGQ672" s="613"/>
      <c r="BGR672" s="613"/>
      <c r="BGS672" s="613"/>
      <c r="BGT672" s="613"/>
      <c r="BGU672" s="613"/>
      <c r="BGV672" s="613"/>
      <c r="BGW672" s="613"/>
      <c r="BGX672" s="613"/>
      <c r="BGY672" s="613"/>
      <c r="BGZ672" s="613"/>
      <c r="BHA672" s="613"/>
      <c r="BHB672" s="613"/>
      <c r="BHC672" s="613"/>
      <c r="BHD672" s="613"/>
      <c r="BHE672" s="613"/>
      <c r="BHF672" s="613"/>
      <c r="BHG672" s="613"/>
      <c r="BHH672" s="613"/>
      <c r="BHI672" s="613"/>
      <c r="BHJ672" s="613"/>
      <c r="BHK672" s="613"/>
      <c r="BHL672" s="613"/>
      <c r="BHM672" s="613"/>
      <c r="BHN672" s="613"/>
      <c r="BHO672" s="613"/>
      <c r="BHP672" s="613"/>
      <c r="BHQ672" s="613"/>
      <c r="BHR672" s="613"/>
      <c r="BHS672" s="613"/>
      <c r="BHT672" s="613"/>
      <c r="BHU672" s="613"/>
      <c r="BHV672" s="613"/>
      <c r="BHW672" s="613"/>
      <c r="BHX672" s="613"/>
      <c r="BHY672" s="613"/>
      <c r="BHZ672" s="613"/>
      <c r="BIA672" s="613"/>
      <c r="BIB672" s="613"/>
      <c r="BIC672" s="613"/>
      <c r="BID672" s="613"/>
      <c r="BIE672" s="613"/>
      <c r="BIF672" s="613"/>
      <c r="BIG672" s="613"/>
      <c r="BIH672" s="613"/>
      <c r="BII672" s="613"/>
      <c r="BIJ672" s="613"/>
      <c r="BIK672" s="613"/>
      <c r="BIL672" s="613"/>
      <c r="BIM672" s="613"/>
      <c r="BIN672" s="613"/>
      <c r="BIO672" s="613"/>
      <c r="BIP672" s="613"/>
      <c r="BIQ672" s="613"/>
      <c r="BIR672" s="613"/>
      <c r="BIS672" s="613"/>
      <c r="BIT672" s="613"/>
      <c r="BIU672" s="613"/>
      <c r="BIV672" s="613"/>
      <c r="BIW672" s="613"/>
      <c r="BIX672" s="613"/>
      <c r="BIY672" s="613"/>
      <c r="BIZ672" s="613"/>
      <c r="BJA672" s="613"/>
      <c r="BJB672" s="613"/>
      <c r="BJC672" s="613"/>
      <c r="BJD672" s="613"/>
      <c r="BJE672" s="613"/>
      <c r="BJF672" s="613"/>
      <c r="BJG672" s="613"/>
      <c r="BJH672" s="613"/>
      <c r="BJI672" s="613"/>
      <c r="BJJ672" s="613"/>
      <c r="BJK672" s="613"/>
      <c r="BJL672" s="613"/>
      <c r="BJM672" s="613"/>
      <c r="BJN672" s="613"/>
      <c r="BJO672" s="613"/>
      <c r="BJP672" s="613"/>
      <c r="BJQ672" s="613"/>
      <c r="BJR672" s="613"/>
      <c r="BJS672" s="613"/>
      <c r="BJT672" s="613"/>
      <c r="BJU672" s="613"/>
      <c r="BJV672" s="613"/>
      <c r="BJW672" s="613"/>
      <c r="BJX672" s="613"/>
      <c r="BJY672" s="613"/>
      <c r="BJZ672" s="613"/>
      <c r="BKA672" s="613"/>
      <c r="BKB672" s="613"/>
      <c r="BKC672" s="613"/>
      <c r="BKD672" s="613"/>
      <c r="BKE672" s="613"/>
      <c r="BKF672" s="613"/>
      <c r="BKG672" s="613"/>
      <c r="BKH672" s="613"/>
      <c r="BKI672" s="613"/>
      <c r="BKJ672" s="613"/>
      <c r="BKK672" s="613"/>
      <c r="BKL672" s="613"/>
      <c r="BKM672" s="613"/>
      <c r="BKN672" s="613"/>
      <c r="BKO672" s="613"/>
      <c r="BKP672" s="613"/>
      <c r="BKQ672" s="613"/>
      <c r="BKR672" s="613"/>
      <c r="BKS672" s="613"/>
      <c r="BKT672" s="613"/>
      <c r="BKU672" s="613"/>
      <c r="BKV672" s="613"/>
      <c r="BKW672" s="613"/>
      <c r="BKX672" s="613"/>
      <c r="BKY672" s="613"/>
      <c r="BKZ672" s="613"/>
      <c r="BLA672" s="613"/>
      <c r="BLB672" s="613"/>
      <c r="BLC672" s="613"/>
      <c r="BLD672" s="613"/>
      <c r="BLE672" s="613"/>
      <c r="BLF672" s="613"/>
      <c r="BLG672" s="613"/>
      <c r="BLH672" s="613"/>
      <c r="BLI672" s="613"/>
      <c r="BLJ672" s="613"/>
      <c r="BLK672" s="613"/>
      <c r="BLL672" s="613"/>
      <c r="BLM672" s="613"/>
      <c r="BLN672" s="613"/>
      <c r="BLO672" s="613"/>
      <c r="BLP672" s="613"/>
      <c r="BLQ672" s="613"/>
      <c r="BLR672" s="613"/>
      <c r="BLS672" s="613"/>
      <c r="BLT672" s="613"/>
      <c r="BLU672" s="613"/>
      <c r="BLV672" s="613"/>
      <c r="BLW672" s="613"/>
      <c r="BLX672" s="613"/>
      <c r="BLY672" s="613"/>
      <c r="BLZ672" s="613"/>
      <c r="BMA672" s="613"/>
      <c r="BMB672" s="613"/>
      <c r="BMC672" s="613"/>
      <c r="BMD672" s="613"/>
      <c r="BME672" s="613"/>
      <c r="BMF672" s="613"/>
      <c r="BMG672" s="613"/>
      <c r="BMH672" s="613"/>
      <c r="BMI672" s="613"/>
      <c r="BMJ672" s="613"/>
      <c r="BMK672" s="613"/>
      <c r="BML672" s="613"/>
      <c r="BMM672" s="613"/>
      <c r="BMN672" s="613"/>
      <c r="BMO672" s="613"/>
      <c r="BMP672" s="613"/>
      <c r="BMQ672" s="613"/>
      <c r="BMR672" s="613"/>
      <c r="BMS672" s="613"/>
      <c r="BMT672" s="613"/>
      <c r="BMU672" s="613"/>
      <c r="BMV672" s="613"/>
      <c r="BMW672" s="613"/>
      <c r="BMX672" s="613"/>
      <c r="BMY672" s="613"/>
      <c r="BMZ672" s="613"/>
      <c r="BNA672" s="613"/>
      <c r="BNB672" s="613"/>
      <c r="BNC672" s="613"/>
      <c r="BND672" s="613"/>
      <c r="BNE672" s="613"/>
      <c r="BNF672" s="613"/>
      <c r="BNG672" s="613"/>
      <c r="BNH672" s="613"/>
      <c r="BNI672" s="613"/>
      <c r="BNJ672" s="613"/>
      <c r="BNK672" s="613"/>
      <c r="BNL672" s="613"/>
      <c r="BNM672" s="613"/>
      <c r="BNN672" s="613"/>
      <c r="BNO672" s="613"/>
      <c r="BNP672" s="613"/>
      <c r="BNQ672" s="613"/>
      <c r="BNR672" s="613"/>
      <c r="BNS672" s="613"/>
      <c r="BNT672" s="613"/>
      <c r="BNU672" s="613"/>
      <c r="BNV672" s="613"/>
      <c r="BNW672" s="613"/>
      <c r="BNX672" s="613"/>
      <c r="BNY672" s="613"/>
      <c r="BNZ672" s="613"/>
      <c r="BOA672" s="613"/>
      <c r="BOB672" s="613"/>
      <c r="BOC672" s="613"/>
      <c r="BOD672" s="613"/>
      <c r="BOE672" s="613"/>
      <c r="BOF672" s="613"/>
      <c r="BOG672" s="613"/>
      <c r="BOH672" s="613"/>
      <c r="BOI672" s="613"/>
      <c r="BOJ672" s="613"/>
      <c r="BOK672" s="613"/>
      <c r="BOL672" s="613"/>
      <c r="BOM672" s="613"/>
      <c r="BON672" s="613"/>
      <c r="BOO672" s="613"/>
      <c r="BOP672" s="613"/>
      <c r="BOQ672" s="613"/>
      <c r="BOR672" s="613"/>
      <c r="BOS672" s="613"/>
      <c r="BOT672" s="613"/>
      <c r="BOU672" s="613"/>
      <c r="BOV672" s="613"/>
      <c r="BOW672" s="613"/>
      <c r="BOX672" s="613"/>
      <c r="BOY672" s="613"/>
      <c r="BOZ672" s="613"/>
      <c r="BPA672" s="613"/>
      <c r="BPB672" s="613"/>
      <c r="BPC672" s="613"/>
      <c r="BPD672" s="613"/>
      <c r="BPE672" s="613"/>
      <c r="BPF672" s="613"/>
      <c r="BPG672" s="613"/>
      <c r="BPH672" s="613"/>
      <c r="BPI672" s="613"/>
      <c r="BPJ672" s="613"/>
      <c r="BPK672" s="613"/>
      <c r="BPL672" s="613"/>
      <c r="BPM672" s="613"/>
      <c r="BPN672" s="613"/>
      <c r="BPO672" s="613"/>
      <c r="BPP672" s="613"/>
      <c r="BPQ672" s="613"/>
      <c r="BPR672" s="613"/>
      <c r="BPS672" s="613"/>
      <c r="BPT672" s="613"/>
      <c r="BPU672" s="613"/>
      <c r="BPV672" s="613"/>
      <c r="BPW672" s="613"/>
      <c r="BPX672" s="613"/>
      <c r="BPY672" s="613"/>
      <c r="BPZ672" s="613"/>
      <c r="BQA672" s="613"/>
      <c r="BQB672" s="613"/>
      <c r="BQC672" s="613"/>
      <c r="BQD672" s="613"/>
      <c r="BQE672" s="613"/>
      <c r="BQF672" s="613"/>
      <c r="BQG672" s="613"/>
      <c r="BQH672" s="613"/>
      <c r="BQI672" s="613"/>
      <c r="BQJ672" s="613"/>
      <c r="BQK672" s="613"/>
      <c r="BQL672" s="613"/>
      <c r="BQM672" s="613"/>
      <c r="BQN672" s="613"/>
      <c r="BQO672" s="613"/>
      <c r="BQP672" s="613"/>
      <c r="BQQ672" s="613"/>
      <c r="BQR672" s="613"/>
      <c r="BQS672" s="613"/>
      <c r="BQT672" s="613"/>
      <c r="BQU672" s="613"/>
      <c r="BQV672" s="613"/>
      <c r="BQW672" s="613"/>
      <c r="BQX672" s="613"/>
      <c r="BQY672" s="613"/>
      <c r="BQZ672" s="613"/>
      <c r="BRA672" s="613"/>
      <c r="BRB672" s="613"/>
      <c r="BRC672" s="613"/>
      <c r="BRD672" s="613"/>
      <c r="BRE672" s="613"/>
      <c r="BRF672" s="613"/>
      <c r="BRG672" s="613"/>
      <c r="BRH672" s="613"/>
      <c r="BRI672" s="613"/>
      <c r="BRJ672" s="613"/>
      <c r="BRK672" s="613"/>
      <c r="BRL672" s="613"/>
      <c r="BRM672" s="613"/>
      <c r="BRN672" s="613"/>
      <c r="BRO672" s="613"/>
      <c r="BRP672" s="613"/>
      <c r="BRQ672" s="613"/>
      <c r="BRR672" s="613"/>
      <c r="BRS672" s="613"/>
      <c r="BRT672" s="613"/>
      <c r="BRU672" s="613"/>
      <c r="BRV672" s="613"/>
      <c r="BRW672" s="613"/>
      <c r="BRX672" s="613"/>
      <c r="BRY672" s="613"/>
      <c r="BRZ672" s="613"/>
      <c r="BSA672" s="613"/>
      <c r="BSB672" s="613"/>
      <c r="BSC672" s="613"/>
      <c r="BSD672" s="613"/>
      <c r="BSE672" s="613"/>
      <c r="BSF672" s="613"/>
      <c r="BSG672" s="613"/>
      <c r="BSH672" s="613"/>
      <c r="BSI672" s="613"/>
      <c r="BSJ672" s="613"/>
      <c r="BSK672" s="613"/>
      <c r="BSL672" s="613"/>
      <c r="BSM672" s="613"/>
      <c r="BSN672" s="613"/>
      <c r="BSO672" s="613"/>
      <c r="BSP672" s="613"/>
      <c r="BSQ672" s="613"/>
      <c r="BSR672" s="613"/>
      <c r="BSS672" s="613"/>
      <c r="BST672" s="613"/>
      <c r="BSU672" s="613"/>
      <c r="BSV672" s="613"/>
      <c r="BSW672" s="613"/>
      <c r="BSX672" s="613"/>
      <c r="BSY672" s="613"/>
      <c r="BSZ672" s="613"/>
      <c r="BTA672" s="613"/>
      <c r="BTB672" s="613"/>
      <c r="BTC672" s="613"/>
      <c r="BTD672" s="613"/>
      <c r="BTE672" s="613"/>
      <c r="BTF672" s="613"/>
      <c r="BTG672" s="613"/>
      <c r="BTH672" s="613"/>
      <c r="BTI672" s="613"/>
      <c r="BTJ672" s="613"/>
      <c r="BTK672" s="613"/>
      <c r="BTL672" s="613"/>
      <c r="BTM672" s="613"/>
      <c r="BTN672" s="613"/>
      <c r="BTO672" s="613"/>
      <c r="BTP672" s="613"/>
      <c r="BTQ672" s="613"/>
      <c r="BTR672" s="613"/>
      <c r="BTS672" s="613"/>
      <c r="BTT672" s="613"/>
      <c r="BTU672" s="613"/>
      <c r="BTV672" s="613"/>
      <c r="BTW672" s="613"/>
      <c r="BTX672" s="613"/>
      <c r="BTY672" s="613"/>
      <c r="BTZ672" s="613"/>
      <c r="BUA672" s="613"/>
      <c r="BUB672" s="613"/>
      <c r="BUC672" s="613"/>
      <c r="BUD672" s="613"/>
      <c r="BUE672" s="613"/>
      <c r="BUF672" s="613"/>
      <c r="BUG672" s="613"/>
      <c r="BUH672" s="613"/>
      <c r="BUI672" s="613"/>
      <c r="BUJ672" s="613"/>
      <c r="BUK672" s="613"/>
      <c r="BUL672" s="613"/>
      <c r="BUM672" s="613"/>
      <c r="BUN672" s="613"/>
      <c r="BUO672" s="613"/>
      <c r="BUP672" s="613"/>
      <c r="BUQ672" s="613"/>
      <c r="BUR672" s="613"/>
      <c r="BUS672" s="613"/>
      <c r="BUT672" s="613"/>
      <c r="BUU672" s="613"/>
      <c r="BUV672" s="613"/>
      <c r="BUW672" s="613"/>
      <c r="BUX672" s="613"/>
      <c r="BUY672" s="613"/>
      <c r="BUZ672" s="613"/>
      <c r="BVA672" s="613"/>
      <c r="BVB672" s="613"/>
      <c r="BVC672" s="613"/>
      <c r="BVD672" s="613"/>
      <c r="BVE672" s="613"/>
      <c r="BVF672" s="613"/>
      <c r="BVG672" s="613"/>
      <c r="BVH672" s="613"/>
      <c r="BVI672" s="613"/>
      <c r="BVJ672" s="613"/>
      <c r="BVK672" s="613"/>
      <c r="BVL672" s="613"/>
      <c r="BVM672" s="613"/>
      <c r="BVN672" s="613"/>
      <c r="BVO672" s="613"/>
      <c r="BVP672" s="613"/>
      <c r="BVQ672" s="613"/>
      <c r="BVR672" s="613"/>
      <c r="BVS672" s="613"/>
      <c r="BVT672" s="613"/>
      <c r="BVU672" s="613"/>
      <c r="BVV672" s="613"/>
      <c r="BVW672" s="613"/>
      <c r="BVX672" s="613"/>
      <c r="BVY672" s="613"/>
      <c r="BVZ672" s="613"/>
      <c r="BWA672" s="613"/>
      <c r="BWB672" s="613"/>
      <c r="BWC672" s="613"/>
      <c r="BWD672" s="613"/>
      <c r="BWE672" s="613"/>
      <c r="BWF672" s="613"/>
      <c r="BWG672" s="613"/>
      <c r="BWH672" s="613"/>
      <c r="BWI672" s="613"/>
      <c r="BWJ672" s="613"/>
      <c r="BWK672" s="613"/>
      <c r="BWL672" s="613"/>
      <c r="BWM672" s="613"/>
      <c r="BWN672" s="613"/>
      <c r="BWO672" s="613"/>
      <c r="BWP672" s="613"/>
      <c r="BWQ672" s="613"/>
      <c r="BWR672" s="613"/>
      <c r="BWS672" s="613"/>
      <c r="BWT672" s="613"/>
      <c r="BWU672" s="613"/>
      <c r="BWV672" s="613"/>
      <c r="BWW672" s="613"/>
      <c r="BWX672" s="613"/>
      <c r="BWY672" s="613"/>
      <c r="BWZ672" s="613"/>
      <c r="BXA672" s="613"/>
      <c r="BXB672" s="613"/>
      <c r="BXC672" s="613"/>
      <c r="BXD672" s="613"/>
      <c r="BXE672" s="613"/>
      <c r="BXF672" s="613"/>
      <c r="BXG672" s="613"/>
      <c r="BXH672" s="613"/>
      <c r="BXI672" s="613"/>
      <c r="BXJ672" s="613"/>
      <c r="BXK672" s="613"/>
      <c r="BXL672" s="613"/>
      <c r="BXM672" s="613"/>
      <c r="BXN672" s="613"/>
      <c r="BXO672" s="613"/>
      <c r="BXP672" s="613"/>
      <c r="BXQ672" s="613"/>
      <c r="BXR672" s="613"/>
      <c r="BXS672" s="613"/>
      <c r="BXT672" s="613"/>
      <c r="BXU672" s="613"/>
      <c r="BXV672" s="613"/>
      <c r="BXW672" s="613"/>
      <c r="BXX672" s="613"/>
      <c r="BXY672" s="613"/>
      <c r="BXZ672" s="613"/>
      <c r="BYA672" s="613"/>
      <c r="BYB672" s="613"/>
      <c r="BYC672" s="613"/>
      <c r="BYD672" s="613"/>
      <c r="BYE672" s="613"/>
      <c r="BYF672" s="613"/>
      <c r="BYG672" s="613"/>
      <c r="BYH672" s="613"/>
      <c r="BYI672" s="613"/>
      <c r="BYJ672" s="613"/>
      <c r="BYK672" s="613"/>
      <c r="BYL672" s="613"/>
      <c r="BYM672" s="613"/>
      <c r="BYN672" s="613"/>
      <c r="BYO672" s="613"/>
      <c r="BYP672" s="613"/>
      <c r="BYQ672" s="613"/>
      <c r="BYR672" s="613"/>
      <c r="BYS672" s="613"/>
      <c r="BYT672" s="613"/>
      <c r="BYU672" s="613"/>
      <c r="BYV672" s="613"/>
      <c r="BYW672" s="613"/>
      <c r="BYX672" s="613"/>
      <c r="BYY672" s="613"/>
      <c r="BYZ672" s="613"/>
      <c r="BZA672" s="613"/>
      <c r="BZB672" s="613"/>
      <c r="BZC672" s="613"/>
      <c r="BZD672" s="613"/>
      <c r="BZE672" s="613"/>
      <c r="BZF672" s="613"/>
      <c r="BZG672" s="613"/>
      <c r="BZH672" s="613"/>
      <c r="BZI672" s="613"/>
      <c r="BZJ672" s="613"/>
      <c r="BZK672" s="613"/>
      <c r="BZL672" s="613"/>
      <c r="BZM672" s="613"/>
      <c r="BZN672" s="613"/>
      <c r="BZO672" s="613"/>
      <c r="BZP672" s="613"/>
      <c r="BZQ672" s="613"/>
      <c r="BZR672" s="613"/>
      <c r="BZS672" s="613"/>
      <c r="BZT672" s="613"/>
      <c r="BZU672" s="613"/>
      <c r="BZV672" s="613"/>
      <c r="BZW672" s="613"/>
      <c r="BZX672" s="613"/>
      <c r="BZY672" s="613"/>
      <c r="BZZ672" s="613"/>
      <c r="CAA672" s="613"/>
      <c r="CAB672" s="613"/>
      <c r="CAC672" s="613"/>
      <c r="CAD672" s="613"/>
      <c r="CAE672" s="613"/>
      <c r="CAF672" s="613"/>
      <c r="CAG672" s="613"/>
      <c r="CAH672" s="613"/>
      <c r="CAI672" s="613"/>
      <c r="CAJ672" s="613"/>
      <c r="CAK672" s="613"/>
      <c r="CAL672" s="613"/>
      <c r="CAM672" s="613"/>
      <c r="CAN672" s="613"/>
      <c r="CAO672" s="613"/>
      <c r="CAP672" s="613"/>
      <c r="CAQ672" s="613"/>
      <c r="CAR672" s="613"/>
      <c r="CAS672" s="613"/>
      <c r="CAT672" s="613"/>
      <c r="CAU672" s="613"/>
      <c r="CAV672" s="613"/>
      <c r="CAW672" s="613"/>
      <c r="CAX672" s="613"/>
      <c r="CAY672" s="613"/>
      <c r="CAZ672" s="613"/>
      <c r="CBA672" s="613"/>
      <c r="CBB672" s="613"/>
      <c r="CBC672" s="613"/>
      <c r="CBD672" s="613"/>
      <c r="CBE672" s="613"/>
      <c r="CBF672" s="613"/>
      <c r="CBG672" s="613"/>
      <c r="CBH672" s="613"/>
      <c r="CBI672" s="613"/>
      <c r="CBJ672" s="613"/>
      <c r="CBK672" s="613"/>
      <c r="CBL672" s="613"/>
      <c r="CBM672" s="613"/>
      <c r="CBN672" s="613"/>
      <c r="CBO672" s="613"/>
      <c r="CBP672" s="613"/>
      <c r="CBQ672" s="613"/>
      <c r="CBR672" s="613"/>
      <c r="CBS672" s="613"/>
      <c r="CBT672" s="613"/>
      <c r="CBU672" s="613"/>
      <c r="CBV672" s="613"/>
      <c r="CBW672" s="613"/>
      <c r="CBX672" s="613"/>
      <c r="CBY672" s="613"/>
      <c r="CBZ672" s="613"/>
      <c r="CCA672" s="613"/>
      <c r="CCB672" s="613"/>
      <c r="CCC672" s="613"/>
      <c r="CCD672" s="613"/>
      <c r="CCE672" s="613"/>
      <c r="CCF672" s="613"/>
      <c r="CCG672" s="613"/>
      <c r="CCH672" s="613"/>
      <c r="CCI672" s="613"/>
      <c r="CCJ672" s="613"/>
      <c r="CCK672" s="613"/>
      <c r="CCL672" s="613"/>
      <c r="CCM672" s="613"/>
      <c r="CCN672" s="613"/>
      <c r="CCO672" s="613"/>
      <c r="CCP672" s="613"/>
      <c r="CCQ672" s="613"/>
      <c r="CCR672" s="613"/>
      <c r="CCS672" s="613"/>
      <c r="CCT672" s="613"/>
      <c r="CCU672" s="613"/>
      <c r="CCV672" s="613"/>
      <c r="CCW672" s="613"/>
      <c r="CCX672" s="613"/>
      <c r="CCY672" s="613"/>
      <c r="CCZ672" s="613"/>
      <c r="CDA672" s="613"/>
      <c r="CDB672" s="613"/>
      <c r="CDC672" s="613"/>
      <c r="CDD672" s="613"/>
      <c r="CDE672" s="613"/>
      <c r="CDF672" s="613"/>
      <c r="CDG672" s="613"/>
      <c r="CDH672" s="613"/>
      <c r="CDI672" s="613"/>
      <c r="CDJ672" s="613"/>
      <c r="CDK672" s="613"/>
      <c r="CDL672" s="613"/>
      <c r="CDM672" s="613"/>
      <c r="CDN672" s="613"/>
      <c r="CDO672" s="613"/>
      <c r="CDP672" s="613"/>
      <c r="CDQ672" s="613"/>
      <c r="CDR672" s="613"/>
      <c r="CDS672" s="613"/>
      <c r="CDT672" s="613"/>
      <c r="CDU672" s="613"/>
      <c r="CDV672" s="613"/>
      <c r="CDW672" s="613"/>
      <c r="CDX672" s="613"/>
      <c r="CDY672" s="613"/>
      <c r="CDZ672" s="613"/>
      <c r="CEA672" s="613"/>
      <c r="CEB672" s="613"/>
      <c r="CEC672" s="613"/>
      <c r="CED672" s="613"/>
      <c r="CEE672" s="613"/>
      <c r="CEF672" s="613"/>
      <c r="CEG672" s="613"/>
      <c r="CEH672" s="613"/>
      <c r="CEI672" s="613"/>
      <c r="CEJ672" s="613"/>
      <c r="CEK672" s="613"/>
      <c r="CEL672" s="613"/>
      <c r="CEM672" s="613"/>
      <c r="CEN672" s="613"/>
      <c r="CEO672" s="613"/>
      <c r="CEP672" s="613"/>
      <c r="CEQ672" s="613"/>
      <c r="CER672" s="613"/>
      <c r="CES672" s="613"/>
      <c r="CET672" s="613"/>
      <c r="CEU672" s="613"/>
      <c r="CEV672" s="613"/>
      <c r="CEW672" s="613"/>
      <c r="CEX672" s="613"/>
      <c r="CEY672" s="613"/>
      <c r="CEZ672" s="613"/>
      <c r="CFA672" s="613"/>
      <c r="CFB672" s="613"/>
      <c r="CFC672" s="613"/>
      <c r="CFD672" s="613"/>
      <c r="CFE672" s="613"/>
      <c r="CFF672" s="613"/>
      <c r="CFG672" s="613"/>
      <c r="CFH672" s="613"/>
      <c r="CFI672" s="613"/>
      <c r="CFJ672" s="613"/>
      <c r="CFK672" s="613"/>
      <c r="CFL672" s="613"/>
      <c r="CFM672" s="613"/>
      <c r="CFN672" s="613"/>
      <c r="CFO672" s="613"/>
      <c r="CFP672" s="613"/>
      <c r="CFQ672" s="613"/>
      <c r="CFR672" s="613"/>
      <c r="CFS672" s="613"/>
      <c r="CFT672" s="613"/>
      <c r="CFU672" s="613"/>
      <c r="CFV672" s="613"/>
      <c r="CFW672" s="613"/>
      <c r="CFX672" s="613"/>
      <c r="CFY672" s="613"/>
      <c r="CFZ672" s="613"/>
      <c r="CGA672" s="613"/>
      <c r="CGB672" s="613"/>
      <c r="CGC672" s="613"/>
      <c r="CGD672" s="613"/>
      <c r="CGE672" s="613"/>
      <c r="CGF672" s="613"/>
      <c r="CGG672" s="613"/>
      <c r="CGH672" s="613"/>
      <c r="CGI672" s="613"/>
      <c r="CGJ672" s="613"/>
      <c r="CGK672" s="613"/>
      <c r="CGL672" s="613"/>
      <c r="CGM672" s="613"/>
      <c r="CGN672" s="613"/>
      <c r="CGO672" s="613"/>
      <c r="CGP672" s="613"/>
      <c r="CGQ672" s="613"/>
      <c r="CGR672" s="613"/>
      <c r="CGS672" s="613"/>
      <c r="CGT672" s="613"/>
      <c r="CGU672" s="613"/>
      <c r="CGV672" s="613"/>
      <c r="CGW672" s="613"/>
      <c r="CGX672" s="613"/>
      <c r="CGY672" s="613"/>
      <c r="CGZ672" s="613"/>
      <c r="CHA672" s="613"/>
      <c r="CHB672" s="613"/>
      <c r="CHC672" s="613"/>
      <c r="CHD672" s="613"/>
      <c r="CHE672" s="613"/>
      <c r="CHF672" s="613"/>
      <c r="CHG672" s="613"/>
      <c r="CHH672" s="613"/>
      <c r="CHI672" s="613"/>
      <c r="CHJ672" s="613"/>
      <c r="CHK672" s="613"/>
      <c r="CHL672" s="613"/>
      <c r="CHM672" s="613"/>
      <c r="CHN672" s="613"/>
      <c r="CHO672" s="613"/>
      <c r="CHP672" s="613"/>
      <c r="CHQ672" s="613"/>
      <c r="CHR672" s="613"/>
      <c r="CHS672" s="613"/>
      <c r="CHT672" s="613"/>
      <c r="CHU672" s="613"/>
      <c r="CHV672" s="613"/>
      <c r="CHW672" s="613"/>
      <c r="CHX672" s="613"/>
      <c r="CHY672" s="613"/>
      <c r="CHZ672" s="613"/>
      <c r="CIA672" s="613"/>
      <c r="CIB672" s="613"/>
      <c r="CIC672" s="613"/>
      <c r="CID672" s="613"/>
      <c r="CIE672" s="613"/>
      <c r="CIF672" s="613"/>
      <c r="CIG672" s="613"/>
      <c r="CIH672" s="613"/>
      <c r="CII672" s="613"/>
      <c r="CIJ672" s="613"/>
      <c r="CIK672" s="613"/>
      <c r="CIL672" s="613"/>
      <c r="CIM672" s="613"/>
      <c r="CIN672" s="613"/>
      <c r="CIO672" s="613"/>
      <c r="CIP672" s="613"/>
      <c r="CIQ672" s="613"/>
      <c r="CIR672" s="613"/>
      <c r="CIS672" s="613"/>
      <c r="CIT672" s="613"/>
      <c r="CIU672" s="613"/>
      <c r="CIV672" s="613"/>
      <c r="CIW672" s="613"/>
      <c r="CIX672" s="613"/>
      <c r="CIY672" s="613"/>
      <c r="CIZ672" s="613"/>
      <c r="CJA672" s="613"/>
      <c r="CJB672" s="613"/>
      <c r="CJC672" s="613"/>
      <c r="CJD672" s="613"/>
      <c r="CJE672" s="613"/>
      <c r="CJF672" s="613"/>
      <c r="CJG672" s="613"/>
      <c r="CJH672" s="613"/>
      <c r="CJI672" s="613"/>
      <c r="CJJ672" s="613"/>
      <c r="CJK672" s="613"/>
      <c r="CJL672" s="613"/>
      <c r="CJM672" s="613"/>
      <c r="CJN672" s="613"/>
      <c r="CJO672" s="613"/>
      <c r="CJP672" s="613"/>
      <c r="CJQ672" s="613"/>
      <c r="CJR672" s="613"/>
      <c r="CJS672" s="613"/>
      <c r="CJT672" s="613"/>
      <c r="CJU672" s="613"/>
      <c r="CJV672" s="613"/>
      <c r="CJW672" s="613"/>
      <c r="CJX672" s="613"/>
      <c r="CJY672" s="613"/>
      <c r="CJZ672" s="613"/>
      <c r="CKA672" s="613"/>
      <c r="CKB672" s="613"/>
      <c r="CKC672" s="613"/>
      <c r="CKD672" s="613"/>
      <c r="CKE672" s="613"/>
      <c r="CKF672" s="613"/>
      <c r="CKG672" s="613"/>
      <c r="CKH672" s="613"/>
      <c r="CKI672" s="613"/>
      <c r="CKJ672" s="613"/>
      <c r="CKK672" s="613"/>
      <c r="CKL672" s="613"/>
      <c r="CKM672" s="613"/>
      <c r="CKN672" s="613"/>
      <c r="CKO672" s="613"/>
      <c r="CKP672" s="613"/>
      <c r="CKQ672" s="613"/>
      <c r="CKR672" s="613"/>
      <c r="CKS672" s="613"/>
      <c r="CKT672" s="613"/>
      <c r="CKU672" s="613"/>
      <c r="CKV672" s="613"/>
      <c r="CKW672" s="613"/>
      <c r="CKX672" s="613"/>
      <c r="CKY672" s="613"/>
      <c r="CKZ672" s="613"/>
      <c r="CLA672" s="613"/>
      <c r="CLB672" s="613"/>
      <c r="CLC672" s="613"/>
      <c r="CLD672" s="613"/>
      <c r="CLE672" s="613"/>
      <c r="CLF672" s="613"/>
      <c r="CLG672" s="613"/>
      <c r="CLH672" s="613"/>
      <c r="CLI672" s="613"/>
      <c r="CLJ672" s="613"/>
      <c r="CLK672" s="613"/>
      <c r="CLL672" s="613"/>
      <c r="CLM672" s="613"/>
      <c r="CLN672" s="613"/>
      <c r="CLO672" s="613"/>
      <c r="CLP672" s="613"/>
      <c r="CLQ672" s="613"/>
      <c r="CLR672" s="613"/>
      <c r="CLS672" s="613"/>
      <c r="CLT672" s="613"/>
      <c r="CLU672" s="613"/>
      <c r="CLV672" s="613"/>
      <c r="CLW672" s="613"/>
      <c r="CLX672" s="613"/>
      <c r="CLY672" s="613"/>
      <c r="CLZ672" s="613"/>
      <c r="CMA672" s="613"/>
      <c r="CMB672" s="613"/>
      <c r="CMC672" s="613"/>
      <c r="CMD672" s="613"/>
      <c r="CME672" s="613"/>
      <c r="CMF672" s="613"/>
      <c r="CMG672" s="613"/>
      <c r="CMH672" s="613"/>
      <c r="CMI672" s="613"/>
      <c r="CMJ672" s="613"/>
      <c r="CMK672" s="613"/>
      <c r="CML672" s="613"/>
      <c r="CMM672" s="613"/>
      <c r="CMN672" s="613"/>
      <c r="CMO672" s="613"/>
      <c r="CMP672" s="613"/>
      <c r="CMQ672" s="613"/>
      <c r="CMR672" s="613"/>
      <c r="CMS672" s="613"/>
      <c r="CMT672" s="613"/>
      <c r="CMU672" s="613"/>
      <c r="CMV672" s="613"/>
      <c r="CMW672" s="613"/>
      <c r="CMX672" s="613"/>
      <c r="CMY672" s="613"/>
      <c r="CMZ672" s="613"/>
      <c r="CNA672" s="613"/>
      <c r="CNB672" s="613"/>
      <c r="CNC672" s="613"/>
      <c r="CND672" s="613"/>
      <c r="CNE672" s="613"/>
      <c r="CNF672" s="613"/>
      <c r="CNG672" s="613"/>
      <c r="CNH672" s="613"/>
      <c r="CNI672" s="613"/>
      <c r="CNJ672" s="613"/>
      <c r="CNK672" s="613"/>
      <c r="CNL672" s="613"/>
      <c r="CNM672" s="613"/>
      <c r="CNN672" s="613"/>
      <c r="CNO672" s="613"/>
      <c r="CNP672" s="613"/>
      <c r="CNQ672" s="613"/>
      <c r="CNR672" s="613"/>
      <c r="CNS672" s="613"/>
      <c r="CNT672" s="613"/>
      <c r="CNU672" s="613"/>
      <c r="CNV672" s="613"/>
      <c r="CNW672" s="613"/>
      <c r="CNX672" s="613"/>
      <c r="CNY672" s="613"/>
      <c r="CNZ672" s="613"/>
      <c r="COA672" s="613"/>
      <c r="COB672" s="613"/>
      <c r="COC672" s="613"/>
      <c r="COD672" s="613"/>
      <c r="COE672" s="613"/>
      <c r="COF672" s="613"/>
      <c r="COG672" s="613"/>
      <c r="COH672" s="613"/>
      <c r="COI672" s="613"/>
      <c r="COJ672" s="613"/>
      <c r="COK672" s="613"/>
      <c r="COL672" s="613"/>
      <c r="COM672" s="613"/>
      <c r="CON672" s="613"/>
      <c r="COO672" s="613"/>
      <c r="COP672" s="613"/>
      <c r="COQ672" s="613"/>
      <c r="COR672" s="613"/>
      <c r="COS672" s="613"/>
      <c r="COT672" s="613"/>
      <c r="COU672" s="613"/>
      <c r="COV672" s="613"/>
      <c r="COW672" s="613"/>
      <c r="COX672" s="613"/>
      <c r="COY672" s="613"/>
      <c r="COZ672" s="613"/>
      <c r="CPA672" s="613"/>
      <c r="CPB672" s="613"/>
      <c r="CPC672" s="613"/>
      <c r="CPD672" s="613"/>
      <c r="CPE672" s="613"/>
      <c r="CPF672" s="613"/>
      <c r="CPG672" s="613"/>
      <c r="CPH672" s="613"/>
      <c r="CPI672" s="613"/>
      <c r="CPJ672" s="613"/>
      <c r="CPK672" s="613"/>
      <c r="CPL672" s="613"/>
      <c r="CPM672" s="613"/>
      <c r="CPN672" s="613"/>
      <c r="CPO672" s="613"/>
      <c r="CPP672" s="613"/>
      <c r="CPQ672" s="613"/>
      <c r="CPR672" s="613"/>
      <c r="CPS672" s="613"/>
      <c r="CPT672" s="613"/>
      <c r="CPU672" s="613"/>
      <c r="CPV672" s="613"/>
      <c r="CPW672" s="613"/>
      <c r="CPX672" s="613"/>
      <c r="CPY672" s="613"/>
      <c r="CPZ672" s="613"/>
      <c r="CQA672" s="613"/>
      <c r="CQB672" s="613"/>
      <c r="CQC672" s="613"/>
      <c r="CQD672" s="613"/>
      <c r="CQE672" s="613"/>
      <c r="CQF672" s="613"/>
      <c r="CQG672" s="613"/>
      <c r="CQH672" s="613"/>
      <c r="CQI672" s="613"/>
      <c r="CQJ672" s="613"/>
      <c r="CQK672" s="613"/>
      <c r="CQL672" s="613"/>
      <c r="CQM672" s="613"/>
      <c r="CQN672" s="613"/>
      <c r="CQO672" s="613"/>
      <c r="CQP672" s="613"/>
      <c r="CQQ672" s="613"/>
      <c r="CQR672" s="613"/>
      <c r="CQS672" s="613"/>
      <c r="CQT672" s="613"/>
      <c r="CQU672" s="613"/>
      <c r="CQV672" s="613"/>
      <c r="CQW672" s="613"/>
      <c r="CQX672" s="613"/>
      <c r="CQY672" s="613"/>
      <c r="CQZ672" s="613"/>
      <c r="CRA672" s="613"/>
      <c r="CRB672" s="613"/>
      <c r="CRC672" s="613"/>
      <c r="CRD672" s="613"/>
      <c r="CRE672" s="613"/>
      <c r="CRF672" s="613"/>
      <c r="CRG672" s="613"/>
      <c r="CRH672" s="613"/>
      <c r="CRI672" s="613"/>
      <c r="CRJ672" s="613"/>
      <c r="CRK672" s="613"/>
      <c r="CRL672" s="613"/>
      <c r="CRM672" s="613"/>
      <c r="CRN672" s="613"/>
      <c r="CRO672" s="613"/>
      <c r="CRP672" s="613"/>
      <c r="CRQ672" s="613"/>
      <c r="CRR672" s="613"/>
      <c r="CRS672" s="613"/>
      <c r="CRT672" s="613"/>
      <c r="CRU672" s="613"/>
      <c r="CRV672" s="613"/>
      <c r="CRW672" s="613"/>
      <c r="CRX672" s="613"/>
      <c r="CRY672" s="613"/>
      <c r="CRZ672" s="613"/>
      <c r="CSA672" s="613"/>
      <c r="CSB672" s="613"/>
      <c r="CSC672" s="613"/>
      <c r="CSD672" s="613"/>
      <c r="CSE672" s="613"/>
      <c r="CSF672" s="613"/>
      <c r="CSG672" s="613"/>
      <c r="CSH672" s="613"/>
      <c r="CSI672" s="613"/>
      <c r="CSJ672" s="613"/>
      <c r="CSK672" s="613"/>
      <c r="CSL672" s="613"/>
      <c r="CSM672" s="613"/>
      <c r="CSN672" s="613"/>
      <c r="CSO672" s="613"/>
      <c r="CSP672" s="613"/>
      <c r="CSQ672" s="613"/>
      <c r="CSR672" s="613"/>
      <c r="CSS672" s="613"/>
      <c r="CST672" s="613"/>
      <c r="CSU672" s="613"/>
      <c r="CSV672" s="613"/>
      <c r="CSW672" s="613"/>
      <c r="CSX672" s="613"/>
      <c r="CSY672" s="613"/>
      <c r="CSZ672" s="613"/>
      <c r="CTA672" s="613"/>
      <c r="CTB672" s="613"/>
      <c r="CTC672" s="613"/>
      <c r="CTD672" s="613"/>
      <c r="CTE672" s="613"/>
      <c r="CTF672" s="613"/>
      <c r="CTG672" s="613"/>
      <c r="CTH672" s="613"/>
      <c r="CTI672" s="613"/>
      <c r="CTJ672" s="613"/>
      <c r="CTK672" s="613"/>
      <c r="CTL672" s="613"/>
      <c r="CTM672" s="613"/>
      <c r="CTN672" s="613"/>
      <c r="CTO672" s="613"/>
      <c r="CTP672" s="613"/>
      <c r="CTQ672" s="613"/>
      <c r="CTR672" s="613"/>
      <c r="CTS672" s="613"/>
      <c r="CTT672" s="613"/>
      <c r="CTU672" s="613"/>
      <c r="CTV672" s="613"/>
      <c r="CTW672" s="613"/>
      <c r="CTX672" s="613"/>
      <c r="CTY672" s="613"/>
      <c r="CTZ672" s="613"/>
      <c r="CUA672" s="613"/>
      <c r="CUB672" s="613"/>
      <c r="CUC672" s="613"/>
      <c r="CUD672" s="613"/>
      <c r="CUE672" s="613"/>
      <c r="CUF672" s="613"/>
      <c r="CUG672" s="613"/>
      <c r="CUH672" s="613"/>
      <c r="CUI672" s="613"/>
      <c r="CUJ672" s="613"/>
      <c r="CUK672" s="613"/>
      <c r="CUL672" s="613"/>
      <c r="CUM672" s="613"/>
      <c r="CUN672" s="613"/>
      <c r="CUO672" s="613"/>
      <c r="CUP672" s="613"/>
      <c r="CUQ672" s="613"/>
      <c r="CUR672" s="613"/>
      <c r="CUS672" s="613"/>
      <c r="CUT672" s="613"/>
      <c r="CUU672" s="613"/>
      <c r="CUV672" s="613"/>
      <c r="CUW672" s="613"/>
      <c r="CUX672" s="613"/>
      <c r="CUY672" s="613"/>
      <c r="CUZ672" s="613"/>
      <c r="CVA672" s="613"/>
      <c r="CVB672" s="613"/>
      <c r="CVC672" s="613"/>
      <c r="CVD672" s="613"/>
      <c r="CVE672" s="613"/>
      <c r="CVF672" s="613"/>
      <c r="CVG672" s="613"/>
      <c r="CVH672" s="613"/>
      <c r="CVI672" s="613"/>
      <c r="CVJ672" s="613"/>
      <c r="CVK672" s="613"/>
      <c r="CVL672" s="613"/>
      <c r="CVM672" s="613"/>
      <c r="CVN672" s="613"/>
      <c r="CVO672" s="613"/>
      <c r="CVP672" s="613"/>
      <c r="CVQ672" s="613"/>
      <c r="CVR672" s="613"/>
      <c r="CVS672" s="613"/>
      <c r="CVT672" s="613"/>
      <c r="CVU672" s="613"/>
      <c r="CVV672" s="613"/>
      <c r="CVW672" s="613"/>
      <c r="CVX672" s="613"/>
      <c r="CVY672" s="613"/>
      <c r="CVZ672" s="613"/>
      <c r="CWA672" s="613"/>
      <c r="CWB672" s="613"/>
      <c r="CWC672" s="613"/>
      <c r="CWD672" s="613"/>
      <c r="CWE672" s="613"/>
      <c r="CWF672" s="613"/>
      <c r="CWG672" s="613"/>
      <c r="CWH672" s="613"/>
      <c r="CWI672" s="613"/>
      <c r="CWJ672" s="613"/>
      <c r="CWK672" s="613"/>
      <c r="CWL672" s="613"/>
      <c r="CWM672" s="613"/>
      <c r="CWN672" s="613"/>
      <c r="CWO672" s="613"/>
      <c r="CWP672" s="613"/>
      <c r="CWQ672" s="613"/>
      <c r="CWR672" s="613"/>
      <c r="CWS672" s="613"/>
      <c r="CWT672" s="613"/>
      <c r="CWU672" s="613"/>
      <c r="CWV672" s="613"/>
      <c r="CWW672" s="613"/>
      <c r="CWX672" s="613"/>
      <c r="CWY672" s="613"/>
      <c r="CWZ672" s="613"/>
      <c r="CXA672" s="613"/>
      <c r="CXB672" s="613"/>
      <c r="CXC672" s="613"/>
      <c r="CXD672" s="613"/>
      <c r="CXE672" s="613"/>
      <c r="CXF672" s="613"/>
      <c r="CXG672" s="613"/>
      <c r="CXH672" s="613"/>
      <c r="CXI672" s="613"/>
      <c r="CXJ672" s="613"/>
      <c r="CXK672" s="613"/>
      <c r="CXL672" s="613"/>
      <c r="CXM672" s="613"/>
      <c r="CXN672" s="613"/>
      <c r="CXO672" s="613"/>
      <c r="CXP672" s="613"/>
      <c r="CXQ672" s="613"/>
      <c r="CXR672" s="613"/>
      <c r="CXS672" s="613"/>
      <c r="CXT672" s="613"/>
      <c r="CXU672" s="613"/>
      <c r="CXV672" s="613"/>
      <c r="CXW672" s="613"/>
      <c r="CXX672" s="613"/>
      <c r="CXY672" s="613"/>
      <c r="CXZ672" s="613"/>
      <c r="CYA672" s="613"/>
      <c r="CYB672" s="613"/>
      <c r="CYC672" s="613"/>
      <c r="CYD672" s="613"/>
      <c r="CYE672" s="613"/>
      <c r="CYF672" s="613"/>
      <c r="CYG672" s="613"/>
      <c r="CYH672" s="613"/>
      <c r="CYI672" s="613"/>
      <c r="CYJ672" s="613"/>
      <c r="CYK672" s="613"/>
      <c r="CYL672" s="613"/>
      <c r="CYM672" s="613"/>
      <c r="CYN672" s="613"/>
      <c r="CYO672" s="613"/>
      <c r="CYP672" s="613"/>
      <c r="CYQ672" s="613"/>
      <c r="CYR672" s="613"/>
      <c r="CYS672" s="613"/>
      <c r="CYT672" s="613"/>
      <c r="CYU672" s="613"/>
      <c r="CYV672" s="613"/>
      <c r="CYW672" s="613"/>
      <c r="CYX672" s="613"/>
      <c r="CYY672" s="613"/>
      <c r="CYZ672" s="613"/>
      <c r="CZA672" s="613"/>
      <c r="CZB672" s="613"/>
      <c r="CZC672" s="613"/>
      <c r="CZD672" s="613"/>
      <c r="CZE672" s="613"/>
      <c r="CZF672" s="613"/>
      <c r="CZG672" s="613"/>
      <c r="CZH672" s="613"/>
      <c r="CZI672" s="613"/>
      <c r="CZJ672" s="613"/>
      <c r="CZK672" s="613"/>
      <c r="CZL672" s="613"/>
      <c r="CZM672" s="613"/>
      <c r="CZN672" s="613"/>
      <c r="CZO672" s="613"/>
      <c r="CZP672" s="613"/>
      <c r="CZQ672" s="613"/>
      <c r="CZR672" s="613"/>
      <c r="CZS672" s="613"/>
      <c r="CZT672" s="613"/>
      <c r="CZU672" s="613"/>
      <c r="CZV672" s="613"/>
      <c r="CZW672" s="613"/>
      <c r="CZX672" s="613"/>
      <c r="CZY672" s="613"/>
      <c r="CZZ672" s="613"/>
      <c r="DAA672" s="613"/>
      <c r="DAB672" s="613"/>
      <c r="DAC672" s="613"/>
      <c r="DAD672" s="613"/>
      <c r="DAE672" s="613"/>
      <c r="DAF672" s="613"/>
      <c r="DAG672" s="613"/>
      <c r="DAH672" s="613"/>
      <c r="DAI672" s="613"/>
      <c r="DAJ672" s="613"/>
      <c r="DAK672" s="613"/>
      <c r="DAL672" s="613"/>
      <c r="DAM672" s="613"/>
      <c r="DAN672" s="613"/>
      <c r="DAO672" s="613"/>
      <c r="DAP672" s="613"/>
      <c r="DAQ672" s="613"/>
      <c r="DAR672" s="613"/>
      <c r="DAS672" s="613"/>
      <c r="DAT672" s="613"/>
      <c r="DAU672" s="613"/>
      <c r="DAV672" s="613"/>
      <c r="DAW672" s="613"/>
      <c r="DAX672" s="613"/>
      <c r="DAY672" s="613"/>
      <c r="DAZ672" s="613"/>
      <c r="DBA672" s="613"/>
      <c r="DBB672" s="613"/>
      <c r="DBC672" s="613"/>
      <c r="DBD672" s="613"/>
      <c r="DBE672" s="613"/>
      <c r="DBF672" s="613"/>
      <c r="DBG672" s="613"/>
      <c r="DBH672" s="613"/>
      <c r="DBI672" s="613"/>
      <c r="DBJ672" s="613"/>
      <c r="DBK672" s="613"/>
      <c r="DBL672" s="613"/>
      <c r="DBM672" s="613"/>
      <c r="DBN672" s="613"/>
      <c r="DBO672" s="613"/>
      <c r="DBP672" s="613"/>
      <c r="DBQ672" s="613"/>
      <c r="DBR672" s="613"/>
      <c r="DBS672" s="613"/>
      <c r="DBT672" s="613"/>
      <c r="DBU672" s="613"/>
      <c r="DBV672" s="613"/>
      <c r="DBW672" s="613"/>
      <c r="DBX672" s="613"/>
      <c r="DBY672" s="613"/>
      <c r="DBZ672" s="613"/>
      <c r="DCA672" s="613"/>
      <c r="DCB672" s="613"/>
      <c r="DCC672" s="613"/>
      <c r="DCD672" s="613"/>
      <c r="DCE672" s="613"/>
      <c r="DCF672" s="613"/>
      <c r="DCG672" s="613"/>
      <c r="DCH672" s="613"/>
      <c r="DCI672" s="613"/>
      <c r="DCJ672" s="613"/>
      <c r="DCK672" s="613"/>
      <c r="DCL672" s="613"/>
      <c r="DCM672" s="613"/>
      <c r="DCN672" s="613"/>
      <c r="DCO672" s="613"/>
      <c r="DCP672" s="613"/>
      <c r="DCQ672" s="613"/>
      <c r="DCR672" s="613"/>
      <c r="DCS672" s="613"/>
      <c r="DCT672" s="613"/>
      <c r="DCU672" s="613"/>
      <c r="DCV672" s="613"/>
      <c r="DCW672" s="613"/>
      <c r="DCX672" s="613"/>
      <c r="DCY672" s="613"/>
      <c r="DCZ672" s="613"/>
      <c r="DDA672" s="613"/>
      <c r="DDB672" s="613"/>
      <c r="DDC672" s="613"/>
      <c r="DDD672" s="613"/>
      <c r="DDE672" s="613"/>
      <c r="DDF672" s="613"/>
      <c r="DDG672" s="613"/>
      <c r="DDH672" s="613"/>
      <c r="DDI672" s="613"/>
      <c r="DDJ672" s="613"/>
      <c r="DDK672" s="613"/>
      <c r="DDL672" s="613"/>
      <c r="DDM672" s="613"/>
      <c r="DDN672" s="613"/>
      <c r="DDO672" s="613"/>
      <c r="DDP672" s="613"/>
      <c r="DDQ672" s="613"/>
      <c r="DDR672" s="613"/>
      <c r="DDS672" s="613"/>
      <c r="DDT672" s="613"/>
      <c r="DDU672" s="613"/>
      <c r="DDV672" s="613"/>
      <c r="DDW672" s="613"/>
      <c r="DDX672" s="613"/>
      <c r="DDY672" s="613"/>
      <c r="DDZ672" s="613"/>
      <c r="DEA672" s="613"/>
      <c r="DEB672" s="613"/>
      <c r="DEC672" s="613"/>
      <c r="DED672" s="613"/>
      <c r="DEE672" s="613"/>
      <c r="DEF672" s="613"/>
      <c r="DEG672" s="613"/>
      <c r="DEH672" s="613"/>
      <c r="DEI672" s="613"/>
      <c r="DEJ672" s="613"/>
      <c r="DEK672" s="613"/>
      <c r="DEL672" s="613"/>
      <c r="DEM672" s="613"/>
      <c r="DEN672" s="613"/>
      <c r="DEO672" s="613"/>
      <c r="DEP672" s="613"/>
      <c r="DEQ672" s="613"/>
      <c r="DER672" s="613"/>
      <c r="DES672" s="613"/>
      <c r="DET672" s="613"/>
      <c r="DEU672" s="613"/>
      <c r="DEV672" s="613"/>
      <c r="DEW672" s="613"/>
      <c r="DEX672" s="613"/>
      <c r="DEY672" s="613"/>
      <c r="DEZ672" s="613"/>
      <c r="DFA672" s="613"/>
      <c r="DFB672" s="613"/>
      <c r="DFC672" s="613"/>
      <c r="DFD672" s="613"/>
      <c r="DFE672" s="613"/>
      <c r="DFF672" s="613"/>
      <c r="DFG672" s="613"/>
      <c r="DFH672" s="613"/>
      <c r="DFI672" s="613"/>
      <c r="DFJ672" s="613"/>
      <c r="DFK672" s="613"/>
      <c r="DFL672" s="613"/>
      <c r="DFM672" s="613"/>
      <c r="DFN672" s="613"/>
      <c r="DFO672" s="613"/>
      <c r="DFP672" s="613"/>
      <c r="DFQ672" s="613"/>
      <c r="DFR672" s="613"/>
      <c r="DFS672" s="613"/>
      <c r="DFT672" s="613"/>
      <c r="DFU672" s="613"/>
      <c r="DFV672" s="613"/>
      <c r="DFW672" s="613"/>
      <c r="DFX672" s="613"/>
      <c r="DFY672" s="613"/>
      <c r="DFZ672" s="613"/>
      <c r="DGA672" s="613"/>
      <c r="DGB672" s="613"/>
      <c r="DGC672" s="613"/>
      <c r="DGD672" s="613"/>
      <c r="DGE672" s="613"/>
      <c r="DGF672" s="613"/>
      <c r="DGG672" s="613"/>
      <c r="DGH672" s="613"/>
      <c r="DGI672" s="613"/>
      <c r="DGJ672" s="613"/>
      <c r="DGK672" s="613"/>
      <c r="DGL672" s="613"/>
      <c r="DGM672" s="613"/>
      <c r="DGN672" s="613"/>
      <c r="DGO672" s="613"/>
      <c r="DGP672" s="613"/>
      <c r="DGQ672" s="613"/>
      <c r="DGR672" s="613"/>
      <c r="DGS672" s="613"/>
      <c r="DGT672" s="613"/>
      <c r="DGU672" s="613"/>
      <c r="DGV672" s="613"/>
      <c r="DGW672" s="613"/>
      <c r="DGX672" s="613"/>
      <c r="DGY672" s="613"/>
      <c r="DGZ672" s="613"/>
      <c r="DHA672" s="613"/>
      <c r="DHB672" s="613"/>
      <c r="DHC672" s="613"/>
      <c r="DHD672" s="613"/>
      <c r="DHE672" s="613"/>
      <c r="DHF672" s="613"/>
      <c r="DHG672" s="613"/>
      <c r="DHH672" s="613"/>
      <c r="DHI672" s="613"/>
      <c r="DHJ672" s="613"/>
      <c r="DHK672" s="613"/>
      <c r="DHL672" s="613"/>
      <c r="DHM672" s="613"/>
      <c r="DHN672" s="613"/>
      <c r="DHO672" s="613"/>
      <c r="DHP672" s="613"/>
      <c r="DHQ672" s="613"/>
      <c r="DHR672" s="613"/>
      <c r="DHS672" s="613"/>
      <c r="DHT672" s="613"/>
      <c r="DHU672" s="613"/>
      <c r="DHV672" s="613"/>
      <c r="DHW672" s="613"/>
      <c r="DHX672" s="613"/>
      <c r="DHY672" s="613"/>
      <c r="DHZ672" s="613"/>
      <c r="DIA672" s="613"/>
      <c r="DIB672" s="613"/>
      <c r="DIC672" s="613"/>
      <c r="DID672" s="613"/>
      <c r="DIE672" s="613"/>
      <c r="DIF672" s="613"/>
      <c r="DIG672" s="613"/>
      <c r="DIH672" s="613"/>
      <c r="DII672" s="613"/>
      <c r="DIJ672" s="613"/>
      <c r="DIK672" s="613"/>
      <c r="DIL672" s="613"/>
      <c r="DIM672" s="613"/>
      <c r="DIN672" s="613"/>
      <c r="DIO672" s="613"/>
      <c r="DIP672" s="613"/>
      <c r="DIQ672" s="613"/>
      <c r="DIR672" s="613"/>
      <c r="DIS672" s="613"/>
      <c r="DIT672" s="613"/>
      <c r="DIU672" s="613"/>
      <c r="DIV672" s="613"/>
      <c r="DIW672" s="613"/>
      <c r="DIX672" s="613"/>
      <c r="DIY672" s="613"/>
      <c r="DIZ672" s="613"/>
      <c r="DJA672" s="613"/>
      <c r="DJB672" s="613"/>
      <c r="DJC672" s="613"/>
      <c r="DJD672" s="613"/>
      <c r="DJE672" s="613"/>
      <c r="DJF672" s="613"/>
      <c r="DJG672" s="613"/>
      <c r="DJH672" s="613"/>
      <c r="DJI672" s="613"/>
      <c r="DJJ672" s="613"/>
      <c r="DJK672" s="613"/>
      <c r="DJL672" s="613"/>
      <c r="DJM672" s="613"/>
      <c r="DJN672" s="613"/>
      <c r="DJO672" s="613"/>
      <c r="DJP672" s="613"/>
      <c r="DJQ672" s="613"/>
      <c r="DJR672" s="613"/>
      <c r="DJS672" s="613"/>
      <c r="DJT672" s="613"/>
      <c r="DJU672" s="613"/>
      <c r="DJV672" s="613"/>
      <c r="DJW672" s="613"/>
      <c r="DJX672" s="613"/>
      <c r="DJY672" s="613"/>
      <c r="DJZ672" s="613"/>
      <c r="DKA672" s="613"/>
      <c r="DKB672" s="613"/>
      <c r="DKC672" s="613"/>
      <c r="DKD672" s="613"/>
      <c r="DKE672" s="613"/>
      <c r="DKF672" s="613"/>
      <c r="DKG672" s="613"/>
      <c r="DKH672" s="613"/>
      <c r="DKI672" s="613"/>
      <c r="DKJ672" s="613"/>
      <c r="DKK672" s="613"/>
      <c r="DKL672" s="613"/>
      <c r="DKM672" s="613"/>
      <c r="DKN672" s="613"/>
      <c r="DKO672" s="613"/>
      <c r="DKP672" s="613"/>
      <c r="DKQ672" s="613"/>
      <c r="DKR672" s="613"/>
      <c r="DKS672" s="613"/>
      <c r="DKT672" s="613"/>
      <c r="DKU672" s="613"/>
      <c r="DKV672" s="613"/>
      <c r="DKW672" s="613"/>
      <c r="DKX672" s="613"/>
      <c r="DKY672" s="613"/>
      <c r="DKZ672" s="613"/>
      <c r="DLA672" s="613"/>
      <c r="DLB672" s="613"/>
      <c r="DLC672" s="613"/>
      <c r="DLD672" s="613"/>
      <c r="DLE672" s="613"/>
      <c r="DLF672" s="613"/>
      <c r="DLG672" s="613"/>
      <c r="DLH672" s="613"/>
      <c r="DLI672" s="613"/>
      <c r="DLJ672" s="613"/>
      <c r="DLK672" s="613"/>
      <c r="DLL672" s="613"/>
      <c r="DLM672" s="613"/>
      <c r="DLN672" s="613"/>
      <c r="DLO672" s="613"/>
      <c r="DLP672" s="613"/>
      <c r="DLQ672" s="613"/>
      <c r="DLR672" s="613"/>
      <c r="DLS672" s="613"/>
      <c r="DLT672" s="613"/>
      <c r="DLU672" s="613"/>
      <c r="DLV672" s="613"/>
      <c r="DLW672" s="613"/>
      <c r="DLX672" s="613"/>
      <c r="DLY672" s="613"/>
      <c r="DLZ672" s="613"/>
      <c r="DMA672" s="613"/>
      <c r="DMB672" s="613"/>
      <c r="DMC672" s="613"/>
      <c r="DMD672" s="613"/>
      <c r="DME672" s="613"/>
      <c r="DMF672" s="613"/>
      <c r="DMG672" s="613"/>
      <c r="DMH672" s="613"/>
      <c r="DMI672" s="613"/>
      <c r="DMJ672" s="613"/>
      <c r="DMK672" s="613"/>
      <c r="DML672" s="613"/>
      <c r="DMM672" s="613"/>
      <c r="DMN672" s="613"/>
      <c r="DMO672" s="613"/>
      <c r="DMP672" s="613"/>
      <c r="DMQ672" s="613"/>
      <c r="DMR672" s="613"/>
      <c r="DMS672" s="613"/>
      <c r="DMT672" s="613"/>
      <c r="DMU672" s="613"/>
      <c r="DMV672" s="613"/>
      <c r="DMW672" s="613"/>
      <c r="DMX672" s="613"/>
      <c r="DMY672" s="613"/>
      <c r="DMZ672" s="613"/>
      <c r="DNA672" s="613"/>
      <c r="DNB672" s="613"/>
      <c r="DNC672" s="613"/>
      <c r="DND672" s="613"/>
      <c r="DNE672" s="613"/>
      <c r="DNF672" s="613"/>
      <c r="DNG672" s="613"/>
      <c r="DNH672" s="613"/>
      <c r="DNI672" s="613"/>
      <c r="DNJ672" s="613"/>
      <c r="DNK672" s="613"/>
      <c r="DNL672" s="613"/>
      <c r="DNM672" s="613"/>
      <c r="DNN672" s="613"/>
      <c r="DNO672" s="613"/>
      <c r="DNP672" s="613"/>
      <c r="DNQ672" s="613"/>
      <c r="DNR672" s="613"/>
      <c r="DNS672" s="613"/>
      <c r="DNT672" s="613"/>
      <c r="DNU672" s="613"/>
      <c r="DNV672" s="613"/>
      <c r="DNW672" s="613"/>
      <c r="DNX672" s="613"/>
      <c r="DNY672" s="613"/>
      <c r="DNZ672" s="613"/>
      <c r="DOA672" s="613"/>
      <c r="DOB672" s="613"/>
      <c r="DOC672" s="613"/>
      <c r="DOD672" s="613"/>
      <c r="DOE672" s="613"/>
      <c r="DOF672" s="613"/>
      <c r="DOG672" s="613"/>
      <c r="DOH672" s="613"/>
      <c r="DOI672" s="613"/>
      <c r="DOJ672" s="613"/>
      <c r="DOK672" s="613"/>
      <c r="DOL672" s="613"/>
      <c r="DOM672" s="613"/>
      <c r="DON672" s="613"/>
      <c r="DOO672" s="613"/>
      <c r="DOP672" s="613"/>
      <c r="DOQ672" s="613"/>
      <c r="DOR672" s="613"/>
      <c r="DOS672" s="613"/>
      <c r="DOT672" s="613"/>
      <c r="DOU672" s="613"/>
      <c r="DOV672" s="613"/>
      <c r="DOW672" s="613"/>
      <c r="DOX672" s="613"/>
      <c r="DOY672" s="613"/>
      <c r="DOZ672" s="613"/>
      <c r="DPA672" s="613"/>
      <c r="DPB672" s="613"/>
      <c r="DPC672" s="613"/>
      <c r="DPD672" s="613"/>
      <c r="DPE672" s="613"/>
      <c r="DPF672" s="613"/>
      <c r="DPG672" s="613"/>
      <c r="DPH672" s="613"/>
      <c r="DPI672" s="613"/>
      <c r="DPJ672" s="613"/>
      <c r="DPK672" s="613"/>
      <c r="DPL672" s="613"/>
      <c r="DPM672" s="613"/>
      <c r="DPN672" s="613"/>
      <c r="DPO672" s="613"/>
      <c r="DPP672" s="613"/>
      <c r="DPQ672" s="613"/>
      <c r="DPR672" s="613"/>
      <c r="DPS672" s="613"/>
      <c r="DPT672" s="613"/>
      <c r="DPU672" s="613"/>
      <c r="DPV672" s="613"/>
      <c r="DPW672" s="613"/>
      <c r="DPX672" s="613"/>
      <c r="DPY672" s="613"/>
      <c r="DPZ672" s="613"/>
      <c r="DQA672" s="613"/>
      <c r="DQB672" s="613"/>
      <c r="DQC672" s="613"/>
      <c r="DQD672" s="613"/>
      <c r="DQE672" s="613"/>
      <c r="DQF672" s="613"/>
      <c r="DQG672" s="613"/>
      <c r="DQH672" s="613"/>
      <c r="DQI672" s="613"/>
      <c r="DQJ672" s="613"/>
      <c r="DQK672" s="613"/>
      <c r="DQL672" s="613"/>
      <c r="DQM672" s="613"/>
      <c r="DQN672" s="613"/>
      <c r="DQO672" s="613"/>
      <c r="DQP672" s="613"/>
      <c r="DQQ672" s="613"/>
      <c r="DQR672" s="613"/>
      <c r="DQS672" s="613"/>
      <c r="DQT672" s="613"/>
      <c r="DQU672" s="613"/>
      <c r="DQV672" s="613"/>
      <c r="DQW672" s="613"/>
      <c r="DQX672" s="613"/>
      <c r="DQY672" s="613"/>
      <c r="DQZ672" s="613"/>
      <c r="DRA672" s="613"/>
      <c r="DRB672" s="613"/>
      <c r="DRC672" s="613"/>
      <c r="DRD672" s="613"/>
      <c r="DRE672" s="613"/>
      <c r="DRF672" s="613"/>
      <c r="DRG672" s="613"/>
      <c r="DRH672" s="613"/>
      <c r="DRI672" s="613"/>
      <c r="DRJ672" s="613"/>
      <c r="DRK672" s="613"/>
      <c r="DRL672" s="613"/>
      <c r="DRM672" s="613"/>
      <c r="DRN672" s="613"/>
      <c r="DRO672" s="613"/>
      <c r="DRP672" s="613"/>
      <c r="DRQ672" s="613"/>
      <c r="DRR672" s="613"/>
      <c r="DRS672" s="613"/>
      <c r="DRT672" s="613"/>
      <c r="DRU672" s="613"/>
      <c r="DRV672" s="613"/>
      <c r="DRW672" s="613"/>
      <c r="DRX672" s="613"/>
      <c r="DRY672" s="613"/>
      <c r="DRZ672" s="613"/>
      <c r="DSA672" s="613"/>
      <c r="DSB672" s="613"/>
      <c r="DSC672" s="613"/>
      <c r="DSD672" s="613"/>
      <c r="DSE672" s="613"/>
      <c r="DSF672" s="613"/>
      <c r="DSG672" s="613"/>
      <c r="DSH672" s="613"/>
      <c r="DSI672" s="613"/>
      <c r="DSJ672" s="613"/>
      <c r="DSK672" s="613"/>
      <c r="DSL672" s="613"/>
      <c r="DSM672" s="613"/>
      <c r="DSN672" s="613"/>
      <c r="DSO672" s="613"/>
      <c r="DSP672" s="613"/>
      <c r="DSQ672" s="613"/>
      <c r="DSR672" s="613"/>
      <c r="DSS672" s="613"/>
      <c r="DST672" s="613"/>
      <c r="DSU672" s="613"/>
      <c r="DSV672" s="613"/>
      <c r="DSW672" s="613"/>
      <c r="DSX672" s="613"/>
      <c r="DSY672" s="613"/>
      <c r="DSZ672" s="613"/>
      <c r="DTA672" s="613"/>
      <c r="DTB672" s="613"/>
      <c r="DTC672" s="613"/>
      <c r="DTD672" s="613"/>
      <c r="DTE672" s="613"/>
      <c r="DTF672" s="613"/>
      <c r="DTG672" s="613"/>
      <c r="DTH672" s="613"/>
      <c r="DTI672" s="613"/>
      <c r="DTJ672" s="613"/>
      <c r="DTK672" s="613"/>
      <c r="DTL672" s="613"/>
      <c r="DTM672" s="613"/>
      <c r="DTN672" s="613"/>
      <c r="DTO672" s="613"/>
      <c r="DTP672" s="613"/>
      <c r="DTQ672" s="613"/>
      <c r="DTR672" s="613"/>
      <c r="DTS672" s="613"/>
      <c r="DTT672" s="613"/>
      <c r="DTU672" s="613"/>
      <c r="DTV672" s="613"/>
      <c r="DTW672" s="613"/>
      <c r="DTX672" s="613"/>
      <c r="DTY672" s="613"/>
      <c r="DTZ672" s="613"/>
      <c r="DUA672" s="613"/>
      <c r="DUB672" s="613"/>
      <c r="DUC672" s="613"/>
      <c r="DUD672" s="613"/>
      <c r="DUE672" s="613"/>
      <c r="DUF672" s="613"/>
      <c r="DUG672" s="613"/>
      <c r="DUH672" s="613"/>
      <c r="DUI672" s="613"/>
      <c r="DUJ672" s="613"/>
      <c r="DUK672" s="613"/>
      <c r="DUL672" s="613"/>
      <c r="DUM672" s="613"/>
      <c r="DUN672" s="613"/>
      <c r="DUO672" s="613"/>
      <c r="DUP672" s="613"/>
      <c r="DUQ672" s="613"/>
      <c r="DUR672" s="613"/>
      <c r="DUS672" s="613"/>
      <c r="DUT672" s="613"/>
      <c r="DUU672" s="613"/>
      <c r="DUV672" s="613"/>
      <c r="DUW672" s="613"/>
      <c r="DUX672" s="613"/>
      <c r="DUY672" s="613"/>
      <c r="DUZ672" s="613"/>
      <c r="DVA672" s="613"/>
      <c r="DVB672" s="613"/>
      <c r="DVC672" s="613"/>
      <c r="DVD672" s="613"/>
      <c r="DVE672" s="613"/>
      <c r="DVF672" s="613"/>
      <c r="DVG672" s="613"/>
      <c r="DVH672" s="613"/>
      <c r="DVI672" s="613"/>
      <c r="DVJ672" s="613"/>
      <c r="DVK672" s="613"/>
      <c r="DVL672" s="613"/>
      <c r="DVM672" s="613"/>
      <c r="DVN672" s="613"/>
      <c r="DVO672" s="613"/>
      <c r="DVP672" s="613"/>
      <c r="DVQ672" s="613"/>
      <c r="DVR672" s="613"/>
      <c r="DVS672" s="613"/>
      <c r="DVT672" s="613"/>
      <c r="DVU672" s="613"/>
      <c r="DVV672" s="613"/>
      <c r="DVW672" s="613"/>
      <c r="DVX672" s="613"/>
      <c r="DVY672" s="613"/>
      <c r="DVZ672" s="613"/>
      <c r="DWA672" s="613"/>
      <c r="DWB672" s="613"/>
      <c r="DWC672" s="613"/>
      <c r="DWD672" s="613"/>
      <c r="DWE672" s="613"/>
      <c r="DWF672" s="613"/>
      <c r="DWG672" s="613"/>
      <c r="DWH672" s="613"/>
      <c r="DWI672" s="613"/>
      <c r="DWJ672" s="613"/>
      <c r="DWK672" s="613"/>
      <c r="DWL672" s="613"/>
      <c r="DWM672" s="613"/>
      <c r="DWN672" s="613"/>
      <c r="DWO672" s="613"/>
      <c r="DWP672" s="613"/>
      <c r="DWQ672" s="613"/>
      <c r="DWR672" s="613"/>
      <c r="DWS672" s="613"/>
      <c r="DWT672" s="613"/>
      <c r="DWU672" s="613"/>
      <c r="DWV672" s="613"/>
      <c r="DWW672" s="613"/>
      <c r="DWX672" s="613"/>
      <c r="DWY672" s="613"/>
      <c r="DWZ672" s="613"/>
      <c r="DXA672" s="613"/>
      <c r="DXB672" s="613"/>
      <c r="DXC672" s="613"/>
      <c r="DXD672" s="613"/>
      <c r="DXE672" s="613"/>
      <c r="DXF672" s="613"/>
      <c r="DXG672" s="613"/>
      <c r="DXH672" s="613"/>
      <c r="DXI672" s="613"/>
      <c r="DXJ672" s="613"/>
      <c r="DXK672" s="613"/>
      <c r="DXL672" s="613"/>
      <c r="DXM672" s="613"/>
      <c r="DXN672" s="613"/>
      <c r="DXO672" s="613"/>
      <c r="DXP672" s="613"/>
      <c r="DXQ672" s="613"/>
      <c r="DXR672" s="613"/>
      <c r="DXS672" s="613"/>
      <c r="DXT672" s="613"/>
      <c r="DXU672" s="613"/>
      <c r="DXV672" s="613"/>
      <c r="DXW672" s="613"/>
      <c r="DXX672" s="613"/>
      <c r="DXY672" s="613"/>
      <c r="DXZ672" s="613"/>
      <c r="DYA672" s="613"/>
      <c r="DYB672" s="613"/>
      <c r="DYC672" s="613"/>
      <c r="DYD672" s="613"/>
      <c r="DYE672" s="613"/>
      <c r="DYF672" s="613"/>
      <c r="DYG672" s="613"/>
      <c r="DYH672" s="613"/>
      <c r="DYI672" s="613"/>
      <c r="DYJ672" s="613"/>
      <c r="DYK672" s="613"/>
      <c r="DYL672" s="613"/>
      <c r="DYM672" s="613"/>
      <c r="DYN672" s="613"/>
      <c r="DYO672" s="613"/>
      <c r="DYP672" s="613"/>
      <c r="DYQ672" s="613"/>
      <c r="DYR672" s="613"/>
      <c r="DYS672" s="613"/>
      <c r="DYT672" s="613"/>
      <c r="DYU672" s="613"/>
      <c r="DYV672" s="613"/>
      <c r="DYW672" s="613"/>
      <c r="DYX672" s="613"/>
      <c r="DYY672" s="613"/>
      <c r="DYZ672" s="613"/>
      <c r="DZA672" s="613"/>
      <c r="DZB672" s="613"/>
      <c r="DZC672" s="613"/>
      <c r="DZD672" s="613"/>
      <c r="DZE672" s="613"/>
      <c r="DZF672" s="613"/>
      <c r="DZG672" s="613"/>
      <c r="DZH672" s="613"/>
      <c r="DZI672" s="613"/>
      <c r="DZJ672" s="613"/>
      <c r="DZK672" s="613"/>
      <c r="DZL672" s="613"/>
      <c r="DZM672" s="613"/>
      <c r="DZN672" s="613"/>
      <c r="DZO672" s="613"/>
      <c r="DZP672" s="613"/>
      <c r="DZQ672" s="613"/>
      <c r="DZR672" s="613"/>
      <c r="DZS672" s="613"/>
      <c r="DZT672" s="613"/>
      <c r="DZU672" s="613"/>
      <c r="DZV672" s="613"/>
      <c r="DZW672" s="613"/>
      <c r="DZX672" s="613"/>
      <c r="DZY672" s="613"/>
      <c r="DZZ672" s="613"/>
      <c r="EAA672" s="613"/>
      <c r="EAB672" s="613"/>
      <c r="EAC672" s="613"/>
      <c r="EAD672" s="613"/>
      <c r="EAE672" s="613"/>
      <c r="EAF672" s="613"/>
      <c r="EAG672" s="613"/>
      <c r="EAH672" s="613"/>
      <c r="EAI672" s="613"/>
      <c r="EAJ672" s="613"/>
      <c r="EAK672" s="613"/>
      <c r="EAL672" s="613"/>
      <c r="EAM672" s="613"/>
      <c r="EAN672" s="613"/>
      <c r="EAO672" s="613"/>
      <c r="EAP672" s="613"/>
      <c r="EAQ672" s="613"/>
      <c r="EAR672" s="613"/>
      <c r="EAS672" s="613"/>
      <c r="EAT672" s="613"/>
      <c r="EAU672" s="613"/>
      <c r="EAV672" s="613"/>
      <c r="EAW672" s="613"/>
      <c r="EAX672" s="613"/>
      <c r="EAY672" s="613"/>
      <c r="EAZ672" s="613"/>
      <c r="EBA672" s="613"/>
      <c r="EBB672" s="613"/>
      <c r="EBC672" s="613"/>
      <c r="EBD672" s="613"/>
      <c r="EBE672" s="613"/>
      <c r="EBF672" s="613"/>
      <c r="EBG672" s="613"/>
      <c r="EBH672" s="613"/>
      <c r="EBI672" s="613"/>
      <c r="EBJ672" s="613"/>
      <c r="EBK672" s="613"/>
      <c r="EBL672" s="613"/>
      <c r="EBM672" s="613"/>
      <c r="EBN672" s="613"/>
      <c r="EBO672" s="613"/>
      <c r="EBP672" s="613"/>
      <c r="EBQ672" s="613"/>
      <c r="EBR672" s="613"/>
      <c r="EBS672" s="613"/>
      <c r="EBT672" s="613"/>
      <c r="EBU672" s="613"/>
      <c r="EBV672" s="613"/>
      <c r="EBW672" s="613"/>
      <c r="EBX672" s="613"/>
      <c r="EBY672" s="613"/>
      <c r="EBZ672" s="613"/>
      <c r="ECA672" s="613"/>
      <c r="ECB672" s="613"/>
      <c r="ECC672" s="613"/>
      <c r="ECD672" s="613"/>
      <c r="ECE672" s="613"/>
      <c r="ECF672" s="613"/>
      <c r="ECG672" s="613"/>
      <c r="ECH672" s="613"/>
      <c r="ECI672" s="613"/>
      <c r="ECJ672" s="613"/>
      <c r="ECK672" s="613"/>
      <c r="ECL672" s="613"/>
      <c r="ECM672" s="613"/>
      <c r="ECN672" s="613"/>
      <c r="ECO672" s="613"/>
      <c r="ECP672" s="613"/>
      <c r="ECQ672" s="613"/>
      <c r="ECR672" s="613"/>
      <c r="ECS672" s="613"/>
      <c r="ECT672" s="613"/>
      <c r="ECU672" s="613"/>
      <c r="ECV672" s="613"/>
      <c r="ECW672" s="613"/>
      <c r="ECX672" s="613"/>
      <c r="ECY672" s="613"/>
      <c r="ECZ672" s="613"/>
      <c r="EDA672" s="613"/>
      <c r="EDB672" s="613"/>
      <c r="EDC672" s="613"/>
      <c r="EDD672" s="613"/>
      <c r="EDE672" s="613"/>
      <c r="EDF672" s="613"/>
      <c r="EDG672" s="613"/>
      <c r="EDH672" s="613"/>
      <c r="EDI672" s="613"/>
      <c r="EDJ672" s="613"/>
      <c r="EDK672" s="613"/>
      <c r="EDL672" s="613"/>
      <c r="EDM672" s="613"/>
      <c r="EDN672" s="613"/>
      <c r="EDO672" s="613"/>
      <c r="EDP672" s="613"/>
      <c r="EDQ672" s="613"/>
      <c r="EDR672" s="613"/>
      <c r="EDS672" s="613"/>
      <c r="EDT672" s="613"/>
      <c r="EDU672" s="613"/>
      <c r="EDV672" s="613"/>
      <c r="EDW672" s="613"/>
      <c r="EDX672" s="613"/>
      <c r="EDY672" s="613"/>
      <c r="EDZ672" s="613"/>
      <c r="EEA672" s="613"/>
      <c r="EEB672" s="613"/>
      <c r="EEC672" s="613"/>
      <c r="EED672" s="613"/>
      <c r="EEE672" s="613"/>
      <c r="EEF672" s="613"/>
      <c r="EEG672" s="613"/>
      <c r="EEH672" s="613"/>
      <c r="EEI672" s="613"/>
      <c r="EEJ672" s="613"/>
      <c r="EEK672" s="613"/>
      <c r="EEL672" s="613"/>
      <c r="EEM672" s="613"/>
      <c r="EEN672" s="613"/>
      <c r="EEO672" s="613"/>
      <c r="EEP672" s="613"/>
      <c r="EEQ672" s="613"/>
      <c r="EER672" s="613"/>
      <c r="EES672" s="613"/>
      <c r="EET672" s="613"/>
      <c r="EEU672" s="613"/>
      <c r="EEV672" s="613"/>
      <c r="EEW672" s="613"/>
      <c r="EEX672" s="613"/>
      <c r="EEY672" s="613"/>
      <c r="EEZ672" s="613"/>
      <c r="EFA672" s="613"/>
      <c r="EFB672" s="613"/>
      <c r="EFC672" s="613"/>
      <c r="EFD672" s="613"/>
      <c r="EFE672" s="613"/>
      <c r="EFF672" s="613"/>
      <c r="EFG672" s="613"/>
      <c r="EFH672" s="613"/>
      <c r="EFI672" s="613"/>
      <c r="EFJ672" s="613"/>
      <c r="EFK672" s="613"/>
      <c r="EFL672" s="613"/>
      <c r="EFM672" s="613"/>
      <c r="EFN672" s="613"/>
      <c r="EFO672" s="613"/>
      <c r="EFP672" s="613"/>
      <c r="EFQ672" s="613"/>
      <c r="EFR672" s="613"/>
      <c r="EFS672" s="613"/>
      <c r="EFT672" s="613"/>
      <c r="EFU672" s="613"/>
      <c r="EFV672" s="613"/>
      <c r="EFW672" s="613"/>
      <c r="EFX672" s="613"/>
      <c r="EFY672" s="613"/>
      <c r="EFZ672" s="613"/>
      <c r="EGA672" s="613"/>
      <c r="EGB672" s="613"/>
      <c r="EGC672" s="613"/>
      <c r="EGD672" s="613"/>
      <c r="EGE672" s="613"/>
      <c r="EGF672" s="613"/>
      <c r="EGG672" s="613"/>
      <c r="EGH672" s="613"/>
      <c r="EGI672" s="613"/>
      <c r="EGJ672" s="613"/>
      <c r="EGK672" s="613"/>
      <c r="EGL672" s="613"/>
      <c r="EGM672" s="613"/>
      <c r="EGN672" s="613"/>
      <c r="EGO672" s="613"/>
      <c r="EGP672" s="613"/>
      <c r="EGQ672" s="613"/>
      <c r="EGR672" s="613"/>
      <c r="EGS672" s="613"/>
      <c r="EGT672" s="613"/>
      <c r="EGU672" s="613"/>
      <c r="EGV672" s="613"/>
      <c r="EGW672" s="613"/>
      <c r="EGX672" s="613"/>
      <c r="EGY672" s="613"/>
      <c r="EGZ672" s="613"/>
      <c r="EHA672" s="613"/>
      <c r="EHB672" s="613"/>
      <c r="EHC672" s="613"/>
      <c r="EHD672" s="613"/>
      <c r="EHE672" s="613"/>
      <c r="EHF672" s="613"/>
      <c r="EHG672" s="613"/>
      <c r="EHH672" s="613"/>
      <c r="EHI672" s="613"/>
      <c r="EHJ672" s="613"/>
      <c r="EHK672" s="613"/>
      <c r="EHL672" s="613"/>
      <c r="EHM672" s="613"/>
      <c r="EHN672" s="613"/>
      <c r="EHO672" s="613"/>
      <c r="EHP672" s="613"/>
      <c r="EHQ672" s="613"/>
      <c r="EHR672" s="613"/>
      <c r="EHS672" s="613"/>
      <c r="EHT672" s="613"/>
      <c r="EHU672" s="613"/>
      <c r="EHV672" s="613"/>
      <c r="EHW672" s="613"/>
      <c r="EHX672" s="613"/>
      <c r="EHY672" s="613"/>
      <c r="EHZ672" s="613"/>
      <c r="EIA672" s="613"/>
      <c r="EIB672" s="613"/>
      <c r="EIC672" s="613"/>
      <c r="EID672" s="613"/>
      <c r="EIE672" s="613"/>
      <c r="EIF672" s="613"/>
      <c r="EIG672" s="613"/>
      <c r="EIH672" s="613"/>
      <c r="EII672" s="613"/>
      <c r="EIJ672" s="613"/>
      <c r="EIK672" s="613"/>
      <c r="EIL672" s="613"/>
      <c r="EIM672" s="613"/>
      <c r="EIN672" s="613"/>
      <c r="EIO672" s="613"/>
      <c r="EIP672" s="613"/>
      <c r="EIQ672" s="613"/>
      <c r="EIR672" s="613"/>
      <c r="EIS672" s="613"/>
      <c r="EIT672" s="613"/>
      <c r="EIU672" s="613"/>
      <c r="EIV672" s="613"/>
      <c r="EIW672" s="613"/>
      <c r="EIX672" s="613"/>
      <c r="EIY672" s="613"/>
      <c r="EIZ672" s="613"/>
      <c r="EJA672" s="613"/>
      <c r="EJB672" s="613"/>
      <c r="EJC672" s="613"/>
      <c r="EJD672" s="613"/>
      <c r="EJE672" s="613"/>
      <c r="EJF672" s="613"/>
      <c r="EJG672" s="613"/>
      <c r="EJH672" s="613"/>
      <c r="EJI672" s="613"/>
      <c r="EJJ672" s="613"/>
      <c r="EJK672" s="613"/>
      <c r="EJL672" s="613"/>
      <c r="EJM672" s="613"/>
      <c r="EJN672" s="613"/>
      <c r="EJO672" s="613"/>
      <c r="EJP672" s="613"/>
      <c r="EJQ672" s="613"/>
      <c r="EJR672" s="613"/>
      <c r="EJS672" s="613"/>
      <c r="EJT672" s="613"/>
      <c r="EJU672" s="613"/>
      <c r="EJV672" s="613"/>
      <c r="EJW672" s="613"/>
      <c r="EJX672" s="613"/>
      <c r="EJY672" s="613"/>
      <c r="EJZ672" s="613"/>
      <c r="EKA672" s="613"/>
      <c r="EKB672" s="613"/>
      <c r="EKC672" s="613"/>
      <c r="EKD672" s="613"/>
      <c r="EKE672" s="613"/>
      <c r="EKF672" s="613"/>
      <c r="EKG672" s="613"/>
      <c r="EKH672" s="613"/>
      <c r="EKI672" s="613"/>
      <c r="EKJ672" s="613"/>
      <c r="EKK672" s="613"/>
      <c r="EKL672" s="613"/>
      <c r="EKM672" s="613"/>
      <c r="EKN672" s="613"/>
      <c r="EKO672" s="613"/>
      <c r="EKP672" s="613"/>
      <c r="EKQ672" s="613"/>
      <c r="EKR672" s="613"/>
      <c r="EKS672" s="613"/>
      <c r="EKT672" s="613"/>
      <c r="EKU672" s="613"/>
      <c r="EKV672" s="613"/>
      <c r="EKW672" s="613"/>
      <c r="EKX672" s="613"/>
      <c r="EKY672" s="613"/>
      <c r="EKZ672" s="613"/>
      <c r="ELA672" s="613"/>
      <c r="ELB672" s="613"/>
      <c r="ELC672" s="613"/>
      <c r="ELD672" s="613"/>
      <c r="ELE672" s="613"/>
      <c r="ELF672" s="613"/>
      <c r="ELG672" s="613"/>
      <c r="ELH672" s="613"/>
      <c r="ELI672" s="613"/>
      <c r="ELJ672" s="613"/>
      <c r="ELK672" s="613"/>
      <c r="ELL672" s="613"/>
      <c r="ELM672" s="613"/>
      <c r="ELN672" s="613"/>
      <c r="ELO672" s="613"/>
      <c r="ELP672" s="613"/>
      <c r="ELQ672" s="613"/>
      <c r="ELR672" s="613"/>
      <c r="ELS672" s="613"/>
      <c r="ELT672" s="613"/>
      <c r="ELU672" s="613"/>
      <c r="ELV672" s="613"/>
      <c r="ELW672" s="613"/>
      <c r="ELX672" s="613"/>
      <c r="ELY672" s="613"/>
      <c r="ELZ672" s="613"/>
      <c r="EMA672" s="613"/>
      <c r="EMB672" s="613"/>
      <c r="EMC672" s="613"/>
      <c r="EMD672" s="613"/>
      <c r="EME672" s="613"/>
      <c r="EMF672" s="613"/>
      <c r="EMG672" s="613"/>
      <c r="EMH672" s="613"/>
      <c r="EMI672" s="613"/>
      <c r="EMJ672" s="613"/>
      <c r="EMK672" s="613"/>
      <c r="EML672" s="613"/>
      <c r="EMM672" s="613"/>
      <c r="EMN672" s="613"/>
      <c r="EMO672" s="613"/>
      <c r="EMP672" s="613"/>
      <c r="EMQ672" s="613"/>
      <c r="EMR672" s="613"/>
      <c r="EMS672" s="613"/>
      <c r="EMT672" s="613"/>
      <c r="EMU672" s="613"/>
      <c r="EMV672" s="613"/>
      <c r="EMW672" s="613"/>
      <c r="EMX672" s="613"/>
      <c r="EMY672" s="613"/>
      <c r="EMZ672" s="613"/>
      <c r="ENA672" s="613"/>
      <c r="ENB672" s="613"/>
      <c r="ENC672" s="613"/>
      <c r="END672" s="613"/>
      <c r="ENE672" s="613"/>
      <c r="ENF672" s="613"/>
      <c r="ENG672" s="613"/>
      <c r="ENH672" s="613"/>
      <c r="ENI672" s="613"/>
      <c r="ENJ672" s="613"/>
      <c r="ENK672" s="613"/>
      <c r="ENL672" s="613"/>
      <c r="ENM672" s="613"/>
      <c r="ENN672" s="613"/>
      <c r="ENO672" s="613"/>
      <c r="ENP672" s="613"/>
      <c r="ENQ672" s="613"/>
      <c r="ENR672" s="613"/>
      <c r="ENS672" s="613"/>
      <c r="ENT672" s="613"/>
      <c r="ENU672" s="613"/>
      <c r="ENV672" s="613"/>
      <c r="ENW672" s="613"/>
      <c r="ENX672" s="613"/>
      <c r="ENY672" s="613"/>
      <c r="ENZ672" s="613"/>
      <c r="EOA672" s="613"/>
      <c r="EOB672" s="613"/>
      <c r="EOC672" s="613"/>
      <c r="EOD672" s="613"/>
      <c r="EOE672" s="613"/>
      <c r="EOF672" s="613"/>
      <c r="EOG672" s="613"/>
      <c r="EOH672" s="613"/>
      <c r="EOI672" s="613"/>
      <c r="EOJ672" s="613"/>
      <c r="EOK672" s="613"/>
      <c r="EOL672" s="613"/>
      <c r="EOM672" s="613"/>
      <c r="EON672" s="613"/>
      <c r="EOO672" s="613"/>
      <c r="EOP672" s="613"/>
      <c r="EOQ672" s="613"/>
      <c r="EOR672" s="613"/>
      <c r="EOS672" s="613"/>
      <c r="EOT672" s="613"/>
      <c r="EOU672" s="613"/>
      <c r="EOV672" s="613"/>
      <c r="EOW672" s="613"/>
      <c r="EOX672" s="613"/>
      <c r="EOY672" s="613"/>
      <c r="EOZ672" s="613"/>
      <c r="EPA672" s="613"/>
      <c r="EPB672" s="613"/>
      <c r="EPC672" s="613"/>
      <c r="EPD672" s="613"/>
      <c r="EPE672" s="613"/>
      <c r="EPF672" s="613"/>
      <c r="EPG672" s="613"/>
      <c r="EPH672" s="613"/>
      <c r="EPI672" s="613"/>
      <c r="EPJ672" s="613"/>
      <c r="EPK672" s="613"/>
      <c r="EPL672" s="613"/>
      <c r="EPM672" s="613"/>
      <c r="EPN672" s="613"/>
      <c r="EPO672" s="613"/>
      <c r="EPP672" s="613"/>
      <c r="EPQ672" s="613"/>
      <c r="EPR672" s="613"/>
      <c r="EPS672" s="613"/>
      <c r="EPT672" s="613"/>
      <c r="EPU672" s="613"/>
      <c r="EPV672" s="613"/>
      <c r="EPW672" s="613"/>
      <c r="EPX672" s="613"/>
      <c r="EPY672" s="613"/>
      <c r="EPZ672" s="613"/>
      <c r="EQA672" s="613"/>
      <c r="EQB672" s="613"/>
      <c r="EQC672" s="613"/>
      <c r="EQD672" s="613"/>
      <c r="EQE672" s="613"/>
      <c r="EQF672" s="613"/>
      <c r="EQG672" s="613"/>
      <c r="EQH672" s="613"/>
      <c r="EQI672" s="613"/>
      <c r="EQJ672" s="613"/>
      <c r="EQK672" s="613"/>
      <c r="EQL672" s="613"/>
      <c r="EQM672" s="613"/>
      <c r="EQN672" s="613"/>
      <c r="EQO672" s="613"/>
      <c r="EQP672" s="613"/>
      <c r="EQQ672" s="613"/>
      <c r="EQR672" s="613"/>
      <c r="EQS672" s="613"/>
      <c r="EQT672" s="613"/>
      <c r="EQU672" s="613"/>
      <c r="EQV672" s="613"/>
      <c r="EQW672" s="613"/>
      <c r="EQX672" s="613"/>
      <c r="EQY672" s="613"/>
      <c r="EQZ672" s="613"/>
      <c r="ERA672" s="613"/>
      <c r="ERB672" s="613"/>
      <c r="ERC672" s="613"/>
      <c r="ERD672" s="613"/>
      <c r="ERE672" s="613"/>
      <c r="ERF672" s="613"/>
      <c r="ERG672" s="613"/>
      <c r="ERH672" s="613"/>
      <c r="ERI672" s="613"/>
      <c r="ERJ672" s="613"/>
      <c r="ERK672" s="613"/>
      <c r="ERL672" s="613"/>
      <c r="ERM672" s="613"/>
      <c r="ERN672" s="613"/>
      <c r="ERO672" s="613"/>
      <c r="ERP672" s="613"/>
      <c r="ERQ672" s="613"/>
      <c r="ERR672" s="613"/>
      <c r="ERS672" s="613"/>
      <c r="ERT672" s="613"/>
      <c r="ERU672" s="613"/>
      <c r="ERV672" s="613"/>
      <c r="ERW672" s="613"/>
      <c r="ERX672" s="613"/>
      <c r="ERY672" s="613"/>
      <c r="ERZ672" s="613"/>
      <c r="ESA672" s="613"/>
      <c r="ESB672" s="613"/>
      <c r="ESC672" s="613"/>
      <c r="ESD672" s="613"/>
      <c r="ESE672" s="613"/>
      <c r="ESF672" s="613"/>
      <c r="ESG672" s="613"/>
      <c r="ESH672" s="613"/>
      <c r="ESI672" s="613"/>
      <c r="ESJ672" s="613"/>
      <c r="ESK672" s="613"/>
      <c r="ESL672" s="613"/>
      <c r="ESM672" s="613"/>
      <c r="ESN672" s="613"/>
      <c r="ESO672" s="613"/>
      <c r="ESP672" s="613"/>
      <c r="ESQ672" s="613"/>
      <c r="ESR672" s="613"/>
      <c r="ESS672" s="613"/>
      <c r="EST672" s="613"/>
      <c r="ESU672" s="613"/>
      <c r="ESV672" s="613"/>
      <c r="ESW672" s="613"/>
      <c r="ESX672" s="613"/>
      <c r="ESY672" s="613"/>
      <c r="ESZ672" s="613"/>
      <c r="ETA672" s="613"/>
      <c r="ETB672" s="613"/>
      <c r="ETC672" s="613"/>
      <c r="ETD672" s="613"/>
      <c r="ETE672" s="613"/>
      <c r="ETF672" s="613"/>
      <c r="ETG672" s="613"/>
      <c r="ETH672" s="613"/>
      <c r="ETI672" s="613"/>
      <c r="ETJ672" s="613"/>
      <c r="ETK672" s="613"/>
      <c r="ETL672" s="613"/>
      <c r="ETM672" s="613"/>
      <c r="ETN672" s="613"/>
      <c r="ETO672" s="613"/>
      <c r="ETP672" s="613"/>
      <c r="ETQ672" s="613"/>
      <c r="ETR672" s="613"/>
      <c r="ETS672" s="613"/>
      <c r="ETT672" s="613"/>
      <c r="ETU672" s="613"/>
      <c r="ETV672" s="613"/>
      <c r="ETW672" s="613"/>
      <c r="ETX672" s="613"/>
      <c r="ETY672" s="613"/>
      <c r="ETZ672" s="613"/>
      <c r="EUA672" s="613"/>
      <c r="EUB672" s="613"/>
      <c r="EUC672" s="613"/>
      <c r="EUD672" s="613"/>
      <c r="EUE672" s="613"/>
      <c r="EUF672" s="613"/>
      <c r="EUG672" s="613"/>
      <c r="EUH672" s="613"/>
      <c r="EUI672" s="613"/>
      <c r="EUJ672" s="613"/>
      <c r="EUK672" s="613"/>
      <c r="EUL672" s="613"/>
      <c r="EUM672" s="613"/>
      <c r="EUN672" s="613"/>
      <c r="EUO672" s="613"/>
      <c r="EUP672" s="613"/>
      <c r="EUQ672" s="613"/>
      <c r="EUR672" s="613"/>
      <c r="EUS672" s="613"/>
      <c r="EUT672" s="613"/>
      <c r="EUU672" s="613"/>
      <c r="EUV672" s="613"/>
      <c r="EUW672" s="613"/>
      <c r="EUX672" s="613"/>
      <c r="EUY672" s="613"/>
      <c r="EUZ672" s="613"/>
      <c r="EVA672" s="613"/>
      <c r="EVB672" s="613"/>
      <c r="EVC672" s="613"/>
      <c r="EVD672" s="613"/>
      <c r="EVE672" s="613"/>
      <c r="EVF672" s="613"/>
      <c r="EVG672" s="613"/>
      <c r="EVH672" s="613"/>
      <c r="EVI672" s="613"/>
      <c r="EVJ672" s="613"/>
      <c r="EVK672" s="613"/>
      <c r="EVL672" s="613"/>
      <c r="EVM672" s="613"/>
      <c r="EVN672" s="613"/>
      <c r="EVO672" s="613"/>
      <c r="EVP672" s="613"/>
      <c r="EVQ672" s="613"/>
      <c r="EVR672" s="613"/>
      <c r="EVS672" s="613"/>
      <c r="EVT672" s="613"/>
      <c r="EVU672" s="613"/>
      <c r="EVV672" s="613"/>
      <c r="EVW672" s="613"/>
      <c r="EVX672" s="613"/>
      <c r="EVY672" s="613"/>
      <c r="EVZ672" s="613"/>
      <c r="EWA672" s="613"/>
      <c r="EWB672" s="613"/>
      <c r="EWC672" s="613"/>
      <c r="EWD672" s="613"/>
      <c r="EWE672" s="613"/>
      <c r="EWF672" s="613"/>
      <c r="EWG672" s="613"/>
      <c r="EWH672" s="613"/>
      <c r="EWI672" s="613"/>
      <c r="EWJ672" s="613"/>
      <c r="EWK672" s="613"/>
      <c r="EWL672" s="613"/>
      <c r="EWM672" s="613"/>
      <c r="EWN672" s="613"/>
      <c r="EWO672" s="613"/>
      <c r="EWP672" s="613"/>
      <c r="EWQ672" s="613"/>
      <c r="EWR672" s="613"/>
      <c r="EWS672" s="613"/>
      <c r="EWT672" s="613"/>
      <c r="EWU672" s="613"/>
      <c r="EWV672" s="613"/>
      <c r="EWW672" s="613"/>
      <c r="EWX672" s="613"/>
      <c r="EWY672" s="613"/>
      <c r="EWZ672" s="613"/>
      <c r="EXA672" s="613"/>
      <c r="EXB672" s="613"/>
      <c r="EXC672" s="613"/>
      <c r="EXD672" s="613"/>
      <c r="EXE672" s="613"/>
      <c r="EXF672" s="613"/>
      <c r="EXG672" s="613"/>
      <c r="EXH672" s="613"/>
      <c r="EXI672" s="613"/>
      <c r="EXJ672" s="613"/>
      <c r="EXK672" s="613"/>
      <c r="EXL672" s="613"/>
      <c r="EXM672" s="613"/>
      <c r="EXN672" s="613"/>
      <c r="EXO672" s="613"/>
      <c r="EXP672" s="613"/>
      <c r="EXQ672" s="613"/>
      <c r="EXR672" s="613"/>
      <c r="EXS672" s="613"/>
      <c r="EXT672" s="613"/>
      <c r="EXU672" s="613"/>
      <c r="EXV672" s="613"/>
      <c r="EXW672" s="613"/>
      <c r="EXX672" s="613"/>
      <c r="EXY672" s="613"/>
      <c r="EXZ672" s="613"/>
      <c r="EYA672" s="613"/>
      <c r="EYB672" s="613"/>
      <c r="EYC672" s="613"/>
      <c r="EYD672" s="613"/>
      <c r="EYE672" s="613"/>
      <c r="EYF672" s="613"/>
      <c r="EYG672" s="613"/>
      <c r="EYH672" s="613"/>
      <c r="EYI672" s="613"/>
      <c r="EYJ672" s="613"/>
      <c r="EYK672" s="613"/>
      <c r="EYL672" s="613"/>
      <c r="EYM672" s="613"/>
      <c r="EYN672" s="613"/>
      <c r="EYO672" s="613"/>
      <c r="EYP672" s="613"/>
      <c r="EYQ672" s="613"/>
      <c r="EYR672" s="613"/>
      <c r="EYS672" s="613"/>
      <c r="EYT672" s="613"/>
      <c r="EYU672" s="613"/>
      <c r="EYV672" s="613"/>
      <c r="EYW672" s="613"/>
      <c r="EYX672" s="613"/>
      <c r="EYY672" s="613"/>
      <c r="EYZ672" s="613"/>
      <c r="EZA672" s="613"/>
      <c r="EZB672" s="613"/>
      <c r="EZC672" s="613"/>
      <c r="EZD672" s="613"/>
      <c r="EZE672" s="613"/>
      <c r="EZF672" s="613"/>
      <c r="EZG672" s="613"/>
      <c r="EZH672" s="613"/>
      <c r="EZI672" s="613"/>
      <c r="EZJ672" s="613"/>
      <c r="EZK672" s="613"/>
      <c r="EZL672" s="613"/>
      <c r="EZM672" s="613"/>
      <c r="EZN672" s="613"/>
      <c r="EZO672" s="613"/>
      <c r="EZP672" s="613"/>
      <c r="EZQ672" s="613"/>
      <c r="EZR672" s="613"/>
      <c r="EZS672" s="613"/>
      <c r="EZT672" s="613"/>
      <c r="EZU672" s="613"/>
      <c r="EZV672" s="613"/>
      <c r="EZW672" s="613"/>
      <c r="EZX672" s="613"/>
      <c r="EZY672" s="613"/>
      <c r="EZZ672" s="613"/>
      <c r="FAA672" s="613"/>
      <c r="FAB672" s="613"/>
      <c r="FAC672" s="613"/>
      <c r="FAD672" s="613"/>
      <c r="FAE672" s="613"/>
      <c r="FAF672" s="613"/>
      <c r="FAG672" s="613"/>
      <c r="FAH672" s="613"/>
      <c r="FAI672" s="613"/>
      <c r="FAJ672" s="613"/>
      <c r="FAK672" s="613"/>
      <c r="FAL672" s="613"/>
      <c r="FAM672" s="613"/>
      <c r="FAN672" s="613"/>
      <c r="FAO672" s="613"/>
      <c r="FAP672" s="613"/>
      <c r="FAQ672" s="613"/>
      <c r="FAR672" s="613"/>
      <c r="FAS672" s="613"/>
      <c r="FAT672" s="613"/>
      <c r="FAU672" s="613"/>
      <c r="FAV672" s="613"/>
      <c r="FAW672" s="613"/>
      <c r="FAX672" s="613"/>
      <c r="FAY672" s="613"/>
      <c r="FAZ672" s="613"/>
      <c r="FBA672" s="613"/>
      <c r="FBB672" s="613"/>
      <c r="FBC672" s="613"/>
      <c r="FBD672" s="613"/>
      <c r="FBE672" s="613"/>
      <c r="FBF672" s="613"/>
      <c r="FBG672" s="613"/>
      <c r="FBH672" s="613"/>
      <c r="FBI672" s="613"/>
      <c r="FBJ672" s="613"/>
      <c r="FBK672" s="613"/>
      <c r="FBL672" s="613"/>
      <c r="FBM672" s="613"/>
      <c r="FBN672" s="613"/>
      <c r="FBO672" s="613"/>
      <c r="FBP672" s="613"/>
      <c r="FBQ672" s="613"/>
      <c r="FBR672" s="613"/>
      <c r="FBS672" s="613"/>
      <c r="FBT672" s="613"/>
      <c r="FBU672" s="613"/>
      <c r="FBV672" s="613"/>
      <c r="FBW672" s="613"/>
      <c r="FBX672" s="613"/>
      <c r="FBY672" s="613"/>
      <c r="FBZ672" s="613"/>
      <c r="FCA672" s="613"/>
      <c r="FCB672" s="613"/>
      <c r="FCC672" s="613"/>
      <c r="FCD672" s="613"/>
      <c r="FCE672" s="613"/>
      <c r="FCF672" s="613"/>
      <c r="FCG672" s="613"/>
      <c r="FCH672" s="613"/>
      <c r="FCI672" s="613"/>
      <c r="FCJ672" s="613"/>
      <c r="FCK672" s="613"/>
      <c r="FCL672" s="613"/>
      <c r="FCM672" s="613"/>
      <c r="FCN672" s="613"/>
      <c r="FCO672" s="613"/>
      <c r="FCP672" s="613"/>
      <c r="FCQ672" s="613"/>
      <c r="FCR672" s="613"/>
      <c r="FCS672" s="613"/>
      <c r="FCT672" s="613"/>
      <c r="FCU672" s="613"/>
      <c r="FCV672" s="613"/>
      <c r="FCW672" s="613"/>
      <c r="FCX672" s="613"/>
      <c r="FCY672" s="613"/>
      <c r="FCZ672" s="613"/>
      <c r="FDA672" s="613"/>
      <c r="FDB672" s="613"/>
      <c r="FDC672" s="613"/>
      <c r="FDD672" s="613"/>
      <c r="FDE672" s="613"/>
      <c r="FDF672" s="613"/>
      <c r="FDG672" s="613"/>
      <c r="FDH672" s="613"/>
      <c r="FDI672" s="613"/>
      <c r="FDJ672" s="613"/>
      <c r="FDK672" s="613"/>
      <c r="FDL672" s="613"/>
      <c r="FDM672" s="613"/>
      <c r="FDN672" s="613"/>
      <c r="FDO672" s="613"/>
      <c r="FDP672" s="613"/>
      <c r="FDQ672" s="613"/>
      <c r="FDR672" s="613"/>
      <c r="FDS672" s="613"/>
      <c r="FDT672" s="613"/>
      <c r="FDU672" s="613"/>
      <c r="FDV672" s="613"/>
      <c r="FDW672" s="613"/>
      <c r="FDX672" s="613"/>
      <c r="FDY672" s="613"/>
      <c r="FDZ672" s="613"/>
      <c r="FEA672" s="613"/>
      <c r="FEB672" s="613"/>
      <c r="FEC672" s="613"/>
      <c r="FED672" s="613"/>
      <c r="FEE672" s="613"/>
      <c r="FEF672" s="613"/>
      <c r="FEG672" s="613"/>
      <c r="FEH672" s="613"/>
      <c r="FEI672" s="613"/>
      <c r="FEJ672" s="613"/>
      <c r="FEK672" s="613"/>
      <c r="FEL672" s="613"/>
      <c r="FEM672" s="613"/>
      <c r="FEN672" s="613"/>
      <c r="FEO672" s="613"/>
      <c r="FEP672" s="613"/>
      <c r="FEQ672" s="613"/>
      <c r="FER672" s="613"/>
      <c r="FES672" s="613"/>
      <c r="FET672" s="613"/>
      <c r="FEU672" s="613"/>
      <c r="FEV672" s="613"/>
      <c r="FEW672" s="613"/>
      <c r="FEX672" s="613"/>
      <c r="FEY672" s="613"/>
      <c r="FEZ672" s="613"/>
      <c r="FFA672" s="613"/>
      <c r="FFB672" s="613"/>
      <c r="FFC672" s="613"/>
      <c r="FFD672" s="613"/>
      <c r="FFE672" s="613"/>
      <c r="FFF672" s="613"/>
      <c r="FFG672" s="613"/>
      <c r="FFH672" s="613"/>
      <c r="FFI672" s="613"/>
      <c r="FFJ672" s="613"/>
      <c r="FFK672" s="613"/>
      <c r="FFL672" s="613"/>
      <c r="FFM672" s="613"/>
      <c r="FFN672" s="613"/>
      <c r="FFO672" s="613"/>
      <c r="FFP672" s="613"/>
      <c r="FFQ672" s="613"/>
      <c r="FFR672" s="613"/>
      <c r="FFS672" s="613"/>
      <c r="FFT672" s="613"/>
      <c r="FFU672" s="613"/>
      <c r="FFV672" s="613"/>
      <c r="FFW672" s="613"/>
      <c r="FFX672" s="613"/>
      <c r="FFY672" s="613"/>
      <c r="FFZ672" s="613"/>
      <c r="FGA672" s="613"/>
      <c r="FGB672" s="613"/>
      <c r="FGC672" s="613"/>
      <c r="FGD672" s="613"/>
      <c r="FGE672" s="613"/>
      <c r="FGF672" s="613"/>
      <c r="FGG672" s="613"/>
      <c r="FGH672" s="613"/>
      <c r="FGI672" s="613"/>
      <c r="FGJ672" s="613"/>
      <c r="FGK672" s="613"/>
      <c r="FGL672" s="613"/>
      <c r="FGM672" s="613"/>
      <c r="FGN672" s="613"/>
      <c r="FGO672" s="613"/>
      <c r="FGP672" s="613"/>
      <c r="FGQ672" s="613"/>
      <c r="FGR672" s="613"/>
      <c r="FGS672" s="613"/>
      <c r="FGT672" s="613"/>
      <c r="FGU672" s="613"/>
      <c r="FGV672" s="613"/>
      <c r="FGW672" s="613"/>
      <c r="FGX672" s="613"/>
      <c r="FGY672" s="613"/>
      <c r="FGZ672" s="613"/>
      <c r="FHA672" s="613"/>
      <c r="FHB672" s="613"/>
      <c r="FHC672" s="613"/>
      <c r="FHD672" s="613"/>
      <c r="FHE672" s="613"/>
      <c r="FHF672" s="613"/>
      <c r="FHG672" s="613"/>
      <c r="FHH672" s="613"/>
      <c r="FHI672" s="613"/>
      <c r="FHJ672" s="613"/>
      <c r="FHK672" s="613"/>
      <c r="FHL672" s="613"/>
      <c r="FHM672" s="613"/>
      <c r="FHN672" s="613"/>
      <c r="FHO672" s="613"/>
      <c r="FHP672" s="613"/>
      <c r="FHQ672" s="613"/>
      <c r="FHR672" s="613"/>
      <c r="FHS672" s="613"/>
      <c r="FHT672" s="613"/>
      <c r="FHU672" s="613"/>
      <c r="FHV672" s="613"/>
      <c r="FHW672" s="613"/>
      <c r="FHX672" s="613"/>
      <c r="FHY672" s="613"/>
      <c r="FHZ672" s="613"/>
      <c r="FIA672" s="613"/>
      <c r="FIB672" s="613"/>
      <c r="FIC672" s="613"/>
      <c r="FID672" s="613"/>
      <c r="FIE672" s="613"/>
      <c r="FIF672" s="613"/>
      <c r="FIG672" s="613"/>
      <c r="FIH672" s="613"/>
      <c r="FII672" s="613"/>
      <c r="FIJ672" s="613"/>
      <c r="FIK672" s="613"/>
      <c r="FIL672" s="613"/>
      <c r="FIM672" s="613"/>
      <c r="FIN672" s="613"/>
      <c r="FIO672" s="613"/>
      <c r="FIP672" s="613"/>
      <c r="FIQ672" s="613"/>
      <c r="FIR672" s="613"/>
      <c r="FIS672" s="613"/>
      <c r="FIT672" s="613"/>
      <c r="FIU672" s="613"/>
      <c r="FIV672" s="613"/>
      <c r="FIW672" s="613"/>
      <c r="FIX672" s="613"/>
      <c r="FIY672" s="613"/>
      <c r="FIZ672" s="613"/>
      <c r="FJA672" s="613"/>
      <c r="FJB672" s="613"/>
      <c r="FJC672" s="613"/>
      <c r="FJD672" s="613"/>
      <c r="FJE672" s="613"/>
      <c r="FJF672" s="613"/>
      <c r="FJG672" s="613"/>
      <c r="FJH672" s="613"/>
      <c r="FJI672" s="613"/>
      <c r="FJJ672" s="613"/>
      <c r="FJK672" s="613"/>
      <c r="FJL672" s="613"/>
      <c r="FJM672" s="613"/>
      <c r="FJN672" s="613"/>
      <c r="FJO672" s="613"/>
      <c r="FJP672" s="613"/>
      <c r="FJQ672" s="613"/>
      <c r="FJR672" s="613"/>
      <c r="FJS672" s="613"/>
      <c r="FJT672" s="613"/>
      <c r="FJU672" s="613"/>
      <c r="FJV672" s="613"/>
      <c r="FJW672" s="613"/>
      <c r="FJX672" s="613"/>
      <c r="FJY672" s="613"/>
      <c r="FJZ672" s="613"/>
      <c r="FKA672" s="613"/>
      <c r="FKB672" s="613"/>
      <c r="FKC672" s="613"/>
      <c r="FKD672" s="613"/>
      <c r="FKE672" s="613"/>
      <c r="FKF672" s="613"/>
      <c r="FKG672" s="613"/>
      <c r="FKH672" s="613"/>
      <c r="FKI672" s="613"/>
      <c r="FKJ672" s="613"/>
      <c r="FKK672" s="613"/>
      <c r="FKL672" s="613"/>
      <c r="FKM672" s="613"/>
      <c r="FKN672" s="613"/>
      <c r="FKO672" s="613"/>
      <c r="FKP672" s="613"/>
      <c r="FKQ672" s="613"/>
      <c r="FKR672" s="613"/>
      <c r="FKS672" s="613"/>
      <c r="FKT672" s="613"/>
      <c r="FKU672" s="613"/>
      <c r="FKV672" s="613"/>
      <c r="FKW672" s="613"/>
      <c r="FKX672" s="613"/>
      <c r="FKY672" s="613"/>
      <c r="FKZ672" s="613"/>
      <c r="FLA672" s="613"/>
      <c r="FLB672" s="613"/>
      <c r="FLC672" s="613"/>
      <c r="FLD672" s="613"/>
      <c r="FLE672" s="613"/>
      <c r="FLF672" s="613"/>
      <c r="FLG672" s="613"/>
      <c r="FLH672" s="613"/>
      <c r="FLI672" s="613"/>
      <c r="FLJ672" s="613"/>
      <c r="FLK672" s="613"/>
      <c r="FLL672" s="613"/>
      <c r="FLM672" s="613"/>
      <c r="FLN672" s="613"/>
      <c r="FLO672" s="613"/>
      <c r="FLP672" s="613"/>
      <c r="FLQ672" s="613"/>
      <c r="FLR672" s="613"/>
      <c r="FLS672" s="613"/>
      <c r="FLT672" s="613"/>
      <c r="FLU672" s="613"/>
      <c r="FLV672" s="613"/>
      <c r="FLW672" s="613"/>
      <c r="FLX672" s="613"/>
      <c r="FLY672" s="613"/>
      <c r="FLZ672" s="613"/>
      <c r="FMA672" s="613"/>
      <c r="FMB672" s="613"/>
      <c r="FMC672" s="613"/>
      <c r="FMD672" s="613"/>
      <c r="FME672" s="613"/>
      <c r="FMF672" s="613"/>
      <c r="FMG672" s="613"/>
      <c r="FMH672" s="613"/>
      <c r="FMI672" s="613"/>
      <c r="FMJ672" s="613"/>
      <c r="FMK672" s="613"/>
      <c r="FML672" s="613"/>
      <c r="FMM672" s="613"/>
      <c r="FMN672" s="613"/>
      <c r="FMO672" s="613"/>
      <c r="FMP672" s="613"/>
      <c r="FMQ672" s="613"/>
      <c r="FMR672" s="613"/>
      <c r="FMS672" s="613"/>
      <c r="FMT672" s="613"/>
      <c r="FMU672" s="613"/>
      <c r="FMV672" s="613"/>
      <c r="FMW672" s="613"/>
      <c r="FMX672" s="613"/>
      <c r="FMY672" s="613"/>
      <c r="FMZ672" s="613"/>
      <c r="FNA672" s="613"/>
      <c r="FNB672" s="613"/>
      <c r="FNC672" s="613"/>
      <c r="FND672" s="613"/>
      <c r="FNE672" s="613"/>
      <c r="FNF672" s="613"/>
      <c r="FNG672" s="613"/>
      <c r="FNH672" s="613"/>
      <c r="FNI672" s="613"/>
      <c r="FNJ672" s="613"/>
      <c r="FNK672" s="613"/>
      <c r="FNL672" s="613"/>
      <c r="FNM672" s="613"/>
      <c r="FNN672" s="613"/>
      <c r="FNO672" s="613"/>
      <c r="FNP672" s="613"/>
      <c r="FNQ672" s="613"/>
      <c r="FNR672" s="613"/>
      <c r="FNS672" s="613"/>
      <c r="FNT672" s="613"/>
      <c r="FNU672" s="613"/>
      <c r="FNV672" s="613"/>
      <c r="FNW672" s="613"/>
      <c r="FNX672" s="613"/>
      <c r="FNY672" s="613"/>
      <c r="FNZ672" s="613"/>
      <c r="FOA672" s="613"/>
      <c r="FOB672" s="613"/>
      <c r="FOC672" s="613"/>
      <c r="FOD672" s="613"/>
      <c r="FOE672" s="613"/>
      <c r="FOF672" s="613"/>
      <c r="FOG672" s="613"/>
      <c r="FOH672" s="613"/>
      <c r="FOI672" s="613"/>
      <c r="FOJ672" s="613"/>
      <c r="FOK672" s="613"/>
      <c r="FOL672" s="613"/>
      <c r="FOM672" s="613"/>
      <c r="FON672" s="613"/>
      <c r="FOO672" s="613"/>
      <c r="FOP672" s="613"/>
      <c r="FOQ672" s="613"/>
      <c r="FOR672" s="613"/>
      <c r="FOS672" s="613"/>
      <c r="FOT672" s="613"/>
      <c r="FOU672" s="613"/>
      <c r="FOV672" s="613"/>
      <c r="FOW672" s="613"/>
      <c r="FOX672" s="613"/>
      <c r="FOY672" s="613"/>
      <c r="FOZ672" s="613"/>
      <c r="FPA672" s="613"/>
      <c r="FPB672" s="613"/>
      <c r="FPC672" s="613"/>
      <c r="FPD672" s="613"/>
      <c r="FPE672" s="613"/>
      <c r="FPF672" s="613"/>
      <c r="FPG672" s="613"/>
      <c r="FPH672" s="613"/>
      <c r="FPI672" s="613"/>
      <c r="FPJ672" s="613"/>
      <c r="FPK672" s="613"/>
      <c r="FPL672" s="613"/>
      <c r="FPM672" s="613"/>
      <c r="FPN672" s="613"/>
      <c r="FPO672" s="613"/>
      <c r="FPP672" s="613"/>
      <c r="FPQ672" s="613"/>
      <c r="FPR672" s="613"/>
      <c r="FPS672" s="613"/>
      <c r="FPT672" s="613"/>
      <c r="FPU672" s="613"/>
      <c r="FPV672" s="613"/>
      <c r="FPW672" s="613"/>
      <c r="FPX672" s="613"/>
      <c r="FPY672" s="613"/>
      <c r="FPZ672" s="613"/>
      <c r="FQA672" s="613"/>
      <c r="FQB672" s="613"/>
      <c r="FQC672" s="613"/>
      <c r="FQD672" s="613"/>
      <c r="FQE672" s="613"/>
      <c r="FQF672" s="613"/>
      <c r="FQG672" s="613"/>
      <c r="FQH672" s="613"/>
      <c r="FQI672" s="613"/>
      <c r="FQJ672" s="613"/>
      <c r="FQK672" s="613"/>
      <c r="FQL672" s="613"/>
      <c r="FQM672" s="613"/>
      <c r="FQN672" s="613"/>
      <c r="FQO672" s="613"/>
      <c r="FQP672" s="613"/>
      <c r="FQQ672" s="613"/>
      <c r="FQR672" s="613"/>
      <c r="FQS672" s="613"/>
      <c r="FQT672" s="613"/>
      <c r="FQU672" s="613"/>
      <c r="FQV672" s="613"/>
      <c r="FQW672" s="613"/>
      <c r="FQX672" s="613"/>
      <c r="FQY672" s="613"/>
      <c r="FQZ672" s="613"/>
      <c r="FRA672" s="613"/>
      <c r="FRB672" s="613"/>
      <c r="FRC672" s="613"/>
      <c r="FRD672" s="613"/>
      <c r="FRE672" s="613"/>
      <c r="FRF672" s="613"/>
      <c r="FRG672" s="613"/>
      <c r="FRH672" s="613"/>
      <c r="FRI672" s="613"/>
      <c r="FRJ672" s="613"/>
      <c r="FRK672" s="613"/>
      <c r="FRL672" s="613"/>
      <c r="FRM672" s="613"/>
      <c r="FRN672" s="613"/>
      <c r="FRO672" s="613"/>
      <c r="FRP672" s="613"/>
      <c r="FRQ672" s="613"/>
      <c r="FRR672" s="613"/>
      <c r="FRS672" s="613"/>
      <c r="FRT672" s="613"/>
      <c r="FRU672" s="613"/>
      <c r="FRV672" s="613"/>
      <c r="FRW672" s="613"/>
      <c r="FRX672" s="613"/>
      <c r="FRY672" s="613"/>
      <c r="FRZ672" s="613"/>
      <c r="FSA672" s="613"/>
      <c r="FSB672" s="613"/>
      <c r="FSC672" s="613"/>
      <c r="FSD672" s="613"/>
      <c r="FSE672" s="613"/>
      <c r="FSF672" s="613"/>
      <c r="FSG672" s="613"/>
      <c r="FSH672" s="613"/>
      <c r="FSI672" s="613"/>
      <c r="FSJ672" s="613"/>
      <c r="FSK672" s="613"/>
      <c r="FSL672" s="613"/>
      <c r="FSM672" s="613"/>
      <c r="FSN672" s="613"/>
      <c r="FSO672" s="613"/>
      <c r="FSP672" s="613"/>
      <c r="FSQ672" s="613"/>
      <c r="FSR672" s="613"/>
      <c r="FSS672" s="613"/>
      <c r="FST672" s="613"/>
      <c r="FSU672" s="613"/>
      <c r="FSV672" s="613"/>
      <c r="FSW672" s="613"/>
      <c r="FSX672" s="613"/>
      <c r="FSY672" s="613"/>
      <c r="FSZ672" s="613"/>
      <c r="FTA672" s="613"/>
      <c r="FTB672" s="613"/>
      <c r="FTC672" s="613"/>
      <c r="FTD672" s="613"/>
      <c r="FTE672" s="613"/>
      <c r="FTF672" s="613"/>
      <c r="FTG672" s="613"/>
      <c r="FTH672" s="613"/>
      <c r="FTI672" s="613"/>
      <c r="FTJ672" s="613"/>
      <c r="FTK672" s="613"/>
      <c r="FTL672" s="613"/>
      <c r="FTM672" s="613"/>
      <c r="FTN672" s="613"/>
      <c r="FTO672" s="613"/>
      <c r="FTP672" s="613"/>
      <c r="FTQ672" s="613"/>
      <c r="FTR672" s="613"/>
      <c r="FTS672" s="613"/>
      <c r="FTT672" s="613"/>
      <c r="FTU672" s="613"/>
      <c r="FTV672" s="613"/>
      <c r="FTW672" s="613"/>
      <c r="FTX672" s="613"/>
      <c r="FTY672" s="613"/>
      <c r="FTZ672" s="613"/>
      <c r="FUA672" s="613"/>
      <c r="FUB672" s="613"/>
      <c r="FUC672" s="613"/>
      <c r="FUD672" s="613"/>
      <c r="FUE672" s="613"/>
      <c r="FUF672" s="613"/>
      <c r="FUG672" s="613"/>
      <c r="FUH672" s="613"/>
      <c r="FUI672" s="613"/>
      <c r="FUJ672" s="613"/>
      <c r="FUK672" s="613"/>
      <c r="FUL672" s="613"/>
      <c r="FUM672" s="613"/>
      <c r="FUN672" s="613"/>
      <c r="FUO672" s="613"/>
      <c r="FUP672" s="613"/>
      <c r="FUQ672" s="613"/>
      <c r="FUR672" s="613"/>
      <c r="FUS672" s="613"/>
      <c r="FUT672" s="613"/>
      <c r="FUU672" s="613"/>
      <c r="FUV672" s="613"/>
      <c r="FUW672" s="613"/>
      <c r="FUX672" s="613"/>
      <c r="FUY672" s="613"/>
      <c r="FUZ672" s="613"/>
      <c r="FVA672" s="613"/>
      <c r="FVB672" s="613"/>
      <c r="FVC672" s="613"/>
      <c r="FVD672" s="613"/>
      <c r="FVE672" s="613"/>
      <c r="FVF672" s="613"/>
      <c r="FVG672" s="613"/>
      <c r="FVH672" s="613"/>
      <c r="FVI672" s="613"/>
      <c r="FVJ672" s="613"/>
      <c r="FVK672" s="613"/>
      <c r="FVL672" s="613"/>
      <c r="FVM672" s="613"/>
      <c r="FVN672" s="613"/>
      <c r="FVO672" s="613"/>
      <c r="FVP672" s="613"/>
      <c r="FVQ672" s="613"/>
      <c r="FVR672" s="613"/>
      <c r="FVS672" s="613"/>
      <c r="FVT672" s="613"/>
      <c r="FVU672" s="613"/>
      <c r="FVV672" s="613"/>
      <c r="FVW672" s="613"/>
      <c r="FVX672" s="613"/>
      <c r="FVY672" s="613"/>
      <c r="FVZ672" s="613"/>
      <c r="FWA672" s="613"/>
      <c r="FWB672" s="613"/>
      <c r="FWC672" s="613"/>
      <c r="FWD672" s="613"/>
      <c r="FWE672" s="613"/>
      <c r="FWF672" s="613"/>
      <c r="FWG672" s="613"/>
      <c r="FWH672" s="613"/>
      <c r="FWI672" s="613"/>
      <c r="FWJ672" s="613"/>
      <c r="FWK672" s="613"/>
      <c r="FWL672" s="613"/>
      <c r="FWM672" s="613"/>
      <c r="FWN672" s="613"/>
      <c r="FWO672" s="613"/>
      <c r="FWP672" s="613"/>
      <c r="FWQ672" s="613"/>
      <c r="FWR672" s="613"/>
      <c r="FWS672" s="613"/>
      <c r="FWT672" s="613"/>
      <c r="FWU672" s="613"/>
      <c r="FWV672" s="613"/>
      <c r="FWW672" s="613"/>
      <c r="FWX672" s="613"/>
      <c r="FWY672" s="613"/>
      <c r="FWZ672" s="613"/>
      <c r="FXA672" s="613"/>
      <c r="FXB672" s="613"/>
      <c r="FXC672" s="613"/>
      <c r="FXD672" s="613"/>
      <c r="FXE672" s="613"/>
      <c r="FXF672" s="613"/>
      <c r="FXG672" s="613"/>
      <c r="FXH672" s="613"/>
      <c r="FXI672" s="613"/>
      <c r="FXJ672" s="613"/>
      <c r="FXK672" s="613"/>
      <c r="FXL672" s="613"/>
      <c r="FXM672" s="613"/>
      <c r="FXN672" s="613"/>
      <c r="FXO672" s="613"/>
      <c r="FXP672" s="613"/>
      <c r="FXQ672" s="613"/>
      <c r="FXR672" s="613"/>
      <c r="FXS672" s="613"/>
      <c r="FXT672" s="613"/>
      <c r="FXU672" s="613"/>
      <c r="FXV672" s="613"/>
      <c r="FXW672" s="613"/>
      <c r="FXX672" s="613"/>
      <c r="FXY672" s="613"/>
      <c r="FXZ672" s="613"/>
      <c r="FYA672" s="613"/>
      <c r="FYB672" s="613"/>
      <c r="FYC672" s="613"/>
      <c r="FYD672" s="613"/>
      <c r="FYE672" s="613"/>
      <c r="FYF672" s="613"/>
      <c r="FYG672" s="613"/>
      <c r="FYH672" s="613"/>
      <c r="FYI672" s="613"/>
      <c r="FYJ672" s="613"/>
      <c r="FYK672" s="613"/>
      <c r="FYL672" s="613"/>
      <c r="FYM672" s="613"/>
      <c r="FYN672" s="613"/>
      <c r="FYO672" s="613"/>
      <c r="FYP672" s="613"/>
      <c r="FYQ672" s="613"/>
      <c r="FYR672" s="613"/>
      <c r="FYS672" s="613"/>
      <c r="FYT672" s="613"/>
      <c r="FYU672" s="613"/>
      <c r="FYV672" s="613"/>
      <c r="FYW672" s="613"/>
      <c r="FYX672" s="613"/>
      <c r="FYY672" s="613"/>
      <c r="FYZ672" s="613"/>
      <c r="FZA672" s="613"/>
      <c r="FZB672" s="613"/>
      <c r="FZC672" s="613"/>
      <c r="FZD672" s="613"/>
      <c r="FZE672" s="613"/>
      <c r="FZF672" s="613"/>
      <c r="FZG672" s="613"/>
      <c r="FZH672" s="613"/>
      <c r="FZI672" s="613"/>
      <c r="FZJ672" s="613"/>
      <c r="FZK672" s="613"/>
      <c r="FZL672" s="613"/>
      <c r="FZM672" s="613"/>
      <c r="FZN672" s="613"/>
      <c r="FZO672" s="613"/>
      <c r="FZP672" s="613"/>
      <c r="FZQ672" s="613"/>
      <c r="FZR672" s="613"/>
      <c r="FZS672" s="613"/>
      <c r="FZT672" s="613"/>
      <c r="FZU672" s="613"/>
      <c r="FZV672" s="613"/>
      <c r="FZW672" s="613"/>
      <c r="FZX672" s="613"/>
      <c r="FZY672" s="613"/>
      <c r="FZZ672" s="613"/>
      <c r="GAA672" s="613"/>
      <c r="GAB672" s="613"/>
      <c r="GAC672" s="613"/>
      <c r="GAD672" s="613"/>
      <c r="GAE672" s="613"/>
      <c r="GAF672" s="613"/>
      <c r="GAG672" s="613"/>
      <c r="GAH672" s="613"/>
      <c r="GAI672" s="613"/>
      <c r="GAJ672" s="613"/>
      <c r="GAK672" s="613"/>
      <c r="GAL672" s="613"/>
      <c r="GAM672" s="613"/>
      <c r="GAN672" s="613"/>
      <c r="GAO672" s="613"/>
      <c r="GAP672" s="613"/>
      <c r="GAQ672" s="613"/>
      <c r="GAR672" s="613"/>
      <c r="GAS672" s="613"/>
      <c r="GAT672" s="613"/>
      <c r="GAU672" s="613"/>
      <c r="GAV672" s="613"/>
      <c r="GAW672" s="613"/>
      <c r="GAX672" s="613"/>
      <c r="GAY672" s="613"/>
      <c r="GAZ672" s="613"/>
      <c r="GBA672" s="613"/>
      <c r="GBB672" s="613"/>
      <c r="GBC672" s="613"/>
      <c r="GBD672" s="613"/>
      <c r="GBE672" s="613"/>
      <c r="GBF672" s="613"/>
      <c r="GBG672" s="613"/>
      <c r="GBH672" s="613"/>
      <c r="GBI672" s="613"/>
      <c r="GBJ672" s="613"/>
      <c r="GBK672" s="613"/>
      <c r="GBL672" s="613"/>
      <c r="GBM672" s="613"/>
      <c r="GBN672" s="613"/>
      <c r="GBO672" s="613"/>
      <c r="GBP672" s="613"/>
      <c r="GBQ672" s="613"/>
      <c r="GBR672" s="613"/>
      <c r="GBS672" s="613"/>
      <c r="GBT672" s="613"/>
      <c r="GBU672" s="613"/>
      <c r="GBV672" s="613"/>
      <c r="GBW672" s="613"/>
      <c r="GBX672" s="613"/>
      <c r="GBY672" s="613"/>
      <c r="GBZ672" s="613"/>
      <c r="GCA672" s="613"/>
      <c r="GCB672" s="613"/>
      <c r="GCC672" s="613"/>
      <c r="GCD672" s="613"/>
      <c r="GCE672" s="613"/>
      <c r="GCF672" s="613"/>
      <c r="GCG672" s="613"/>
      <c r="GCH672" s="613"/>
      <c r="GCI672" s="613"/>
      <c r="GCJ672" s="613"/>
      <c r="GCK672" s="613"/>
      <c r="GCL672" s="613"/>
      <c r="GCM672" s="613"/>
      <c r="GCN672" s="613"/>
      <c r="GCO672" s="613"/>
      <c r="GCP672" s="613"/>
      <c r="GCQ672" s="613"/>
      <c r="GCR672" s="613"/>
      <c r="GCS672" s="613"/>
      <c r="GCT672" s="613"/>
      <c r="GCU672" s="613"/>
      <c r="GCV672" s="613"/>
      <c r="GCW672" s="613"/>
      <c r="GCX672" s="613"/>
      <c r="GCY672" s="613"/>
      <c r="GCZ672" s="613"/>
      <c r="GDA672" s="613"/>
      <c r="GDB672" s="613"/>
      <c r="GDC672" s="613"/>
      <c r="GDD672" s="613"/>
      <c r="GDE672" s="613"/>
      <c r="GDF672" s="613"/>
      <c r="GDG672" s="613"/>
      <c r="GDH672" s="613"/>
      <c r="GDI672" s="613"/>
      <c r="GDJ672" s="613"/>
      <c r="GDK672" s="613"/>
      <c r="GDL672" s="613"/>
      <c r="GDM672" s="613"/>
      <c r="GDN672" s="613"/>
      <c r="GDO672" s="613"/>
      <c r="GDP672" s="613"/>
      <c r="GDQ672" s="613"/>
      <c r="GDR672" s="613"/>
      <c r="GDS672" s="613"/>
      <c r="GDT672" s="613"/>
      <c r="GDU672" s="613"/>
      <c r="GDV672" s="613"/>
      <c r="GDW672" s="613"/>
      <c r="GDX672" s="613"/>
      <c r="GDY672" s="613"/>
      <c r="GDZ672" s="613"/>
      <c r="GEA672" s="613"/>
      <c r="GEB672" s="613"/>
      <c r="GEC672" s="613"/>
      <c r="GED672" s="613"/>
      <c r="GEE672" s="613"/>
      <c r="GEF672" s="613"/>
      <c r="GEG672" s="613"/>
      <c r="GEH672" s="613"/>
      <c r="GEI672" s="613"/>
      <c r="GEJ672" s="613"/>
      <c r="GEK672" s="613"/>
      <c r="GEL672" s="613"/>
      <c r="GEM672" s="613"/>
      <c r="GEN672" s="613"/>
      <c r="GEO672" s="613"/>
      <c r="GEP672" s="613"/>
      <c r="GEQ672" s="613"/>
      <c r="GER672" s="613"/>
      <c r="GES672" s="613"/>
      <c r="GET672" s="613"/>
      <c r="GEU672" s="613"/>
      <c r="GEV672" s="613"/>
      <c r="GEW672" s="613"/>
      <c r="GEX672" s="613"/>
      <c r="GEY672" s="613"/>
      <c r="GEZ672" s="613"/>
      <c r="GFA672" s="613"/>
      <c r="GFB672" s="613"/>
      <c r="GFC672" s="613"/>
      <c r="GFD672" s="613"/>
      <c r="GFE672" s="613"/>
      <c r="GFF672" s="613"/>
      <c r="GFG672" s="613"/>
      <c r="GFH672" s="613"/>
      <c r="GFI672" s="613"/>
      <c r="GFJ672" s="613"/>
      <c r="GFK672" s="613"/>
      <c r="GFL672" s="613"/>
      <c r="GFM672" s="613"/>
      <c r="GFN672" s="613"/>
      <c r="GFO672" s="613"/>
      <c r="GFP672" s="613"/>
      <c r="GFQ672" s="613"/>
      <c r="GFR672" s="613"/>
      <c r="GFS672" s="613"/>
      <c r="GFT672" s="613"/>
      <c r="GFU672" s="613"/>
      <c r="GFV672" s="613"/>
      <c r="GFW672" s="613"/>
      <c r="GFX672" s="613"/>
      <c r="GFY672" s="613"/>
      <c r="GFZ672" s="613"/>
      <c r="GGA672" s="613"/>
      <c r="GGB672" s="613"/>
      <c r="GGC672" s="613"/>
      <c r="GGD672" s="613"/>
      <c r="GGE672" s="613"/>
      <c r="GGF672" s="613"/>
      <c r="GGG672" s="613"/>
      <c r="GGH672" s="613"/>
      <c r="GGI672" s="613"/>
      <c r="GGJ672" s="613"/>
      <c r="GGK672" s="613"/>
      <c r="GGL672" s="613"/>
      <c r="GGM672" s="613"/>
      <c r="GGN672" s="613"/>
      <c r="GGO672" s="613"/>
      <c r="GGP672" s="613"/>
      <c r="GGQ672" s="613"/>
      <c r="GGR672" s="613"/>
      <c r="GGS672" s="613"/>
      <c r="GGT672" s="613"/>
      <c r="GGU672" s="613"/>
      <c r="GGV672" s="613"/>
      <c r="GGW672" s="613"/>
      <c r="GGX672" s="613"/>
      <c r="GGY672" s="613"/>
      <c r="GGZ672" s="613"/>
      <c r="GHA672" s="613"/>
      <c r="GHB672" s="613"/>
      <c r="GHC672" s="613"/>
      <c r="GHD672" s="613"/>
      <c r="GHE672" s="613"/>
      <c r="GHF672" s="613"/>
      <c r="GHG672" s="613"/>
      <c r="GHH672" s="613"/>
      <c r="GHI672" s="613"/>
      <c r="GHJ672" s="613"/>
      <c r="GHK672" s="613"/>
      <c r="GHL672" s="613"/>
      <c r="GHM672" s="613"/>
      <c r="GHN672" s="613"/>
      <c r="GHO672" s="613"/>
      <c r="GHP672" s="613"/>
      <c r="GHQ672" s="613"/>
      <c r="GHR672" s="613"/>
      <c r="GHS672" s="613"/>
      <c r="GHT672" s="613"/>
      <c r="GHU672" s="613"/>
      <c r="GHV672" s="613"/>
      <c r="GHW672" s="613"/>
      <c r="GHX672" s="613"/>
      <c r="GHY672" s="613"/>
      <c r="GHZ672" s="613"/>
      <c r="GIA672" s="613"/>
      <c r="GIB672" s="613"/>
      <c r="GIC672" s="613"/>
      <c r="GID672" s="613"/>
      <c r="GIE672" s="613"/>
      <c r="GIF672" s="613"/>
      <c r="GIG672" s="613"/>
      <c r="GIH672" s="613"/>
      <c r="GII672" s="613"/>
      <c r="GIJ672" s="613"/>
      <c r="GIK672" s="613"/>
      <c r="GIL672" s="613"/>
      <c r="GIM672" s="613"/>
      <c r="GIN672" s="613"/>
      <c r="GIO672" s="613"/>
      <c r="GIP672" s="613"/>
      <c r="GIQ672" s="613"/>
      <c r="GIR672" s="613"/>
      <c r="GIS672" s="613"/>
      <c r="GIT672" s="613"/>
      <c r="GIU672" s="613"/>
      <c r="GIV672" s="613"/>
      <c r="GIW672" s="613"/>
      <c r="GIX672" s="613"/>
      <c r="GIY672" s="613"/>
      <c r="GIZ672" s="613"/>
      <c r="GJA672" s="613"/>
      <c r="GJB672" s="613"/>
      <c r="GJC672" s="613"/>
      <c r="GJD672" s="613"/>
      <c r="GJE672" s="613"/>
      <c r="GJF672" s="613"/>
      <c r="GJG672" s="613"/>
      <c r="GJH672" s="613"/>
      <c r="GJI672" s="613"/>
      <c r="GJJ672" s="613"/>
      <c r="GJK672" s="613"/>
      <c r="GJL672" s="613"/>
      <c r="GJM672" s="613"/>
      <c r="GJN672" s="613"/>
      <c r="GJO672" s="613"/>
      <c r="GJP672" s="613"/>
      <c r="GJQ672" s="613"/>
      <c r="GJR672" s="613"/>
      <c r="GJS672" s="613"/>
      <c r="GJT672" s="613"/>
      <c r="GJU672" s="613"/>
      <c r="GJV672" s="613"/>
      <c r="GJW672" s="613"/>
      <c r="GJX672" s="613"/>
      <c r="GJY672" s="613"/>
      <c r="GJZ672" s="613"/>
      <c r="GKA672" s="613"/>
      <c r="GKB672" s="613"/>
      <c r="GKC672" s="613"/>
      <c r="GKD672" s="613"/>
      <c r="GKE672" s="613"/>
      <c r="GKF672" s="613"/>
      <c r="GKG672" s="613"/>
      <c r="GKH672" s="613"/>
      <c r="GKI672" s="613"/>
      <c r="GKJ672" s="613"/>
      <c r="GKK672" s="613"/>
      <c r="GKL672" s="613"/>
      <c r="GKM672" s="613"/>
      <c r="GKN672" s="613"/>
      <c r="GKO672" s="613"/>
      <c r="GKP672" s="613"/>
      <c r="GKQ672" s="613"/>
      <c r="GKR672" s="613"/>
      <c r="GKS672" s="613"/>
      <c r="GKT672" s="613"/>
      <c r="GKU672" s="613"/>
      <c r="GKV672" s="613"/>
      <c r="GKW672" s="613"/>
      <c r="GKX672" s="613"/>
      <c r="GKY672" s="613"/>
      <c r="GKZ672" s="613"/>
      <c r="GLA672" s="613"/>
      <c r="GLB672" s="613"/>
      <c r="GLC672" s="613"/>
      <c r="GLD672" s="613"/>
      <c r="GLE672" s="613"/>
      <c r="GLF672" s="613"/>
      <c r="GLG672" s="613"/>
      <c r="GLH672" s="613"/>
      <c r="GLI672" s="613"/>
      <c r="GLJ672" s="613"/>
      <c r="GLK672" s="613"/>
      <c r="GLL672" s="613"/>
      <c r="GLM672" s="613"/>
      <c r="GLN672" s="613"/>
      <c r="GLO672" s="613"/>
      <c r="GLP672" s="613"/>
      <c r="GLQ672" s="613"/>
      <c r="GLR672" s="613"/>
      <c r="GLS672" s="613"/>
      <c r="GLT672" s="613"/>
      <c r="GLU672" s="613"/>
      <c r="GLV672" s="613"/>
      <c r="GLW672" s="613"/>
      <c r="GLX672" s="613"/>
      <c r="GLY672" s="613"/>
      <c r="GLZ672" s="613"/>
      <c r="GMA672" s="613"/>
      <c r="GMB672" s="613"/>
      <c r="GMC672" s="613"/>
      <c r="GMD672" s="613"/>
      <c r="GME672" s="613"/>
      <c r="GMF672" s="613"/>
      <c r="GMG672" s="613"/>
      <c r="GMH672" s="613"/>
      <c r="GMI672" s="613"/>
      <c r="GMJ672" s="613"/>
      <c r="GMK672" s="613"/>
      <c r="GML672" s="613"/>
      <c r="GMM672" s="613"/>
      <c r="GMN672" s="613"/>
      <c r="GMO672" s="613"/>
      <c r="GMP672" s="613"/>
      <c r="GMQ672" s="613"/>
      <c r="GMR672" s="613"/>
      <c r="GMS672" s="613"/>
      <c r="GMT672" s="613"/>
      <c r="GMU672" s="613"/>
      <c r="GMV672" s="613"/>
      <c r="GMW672" s="613"/>
      <c r="GMX672" s="613"/>
      <c r="GMY672" s="613"/>
      <c r="GMZ672" s="613"/>
      <c r="GNA672" s="613"/>
      <c r="GNB672" s="613"/>
      <c r="GNC672" s="613"/>
      <c r="GND672" s="613"/>
      <c r="GNE672" s="613"/>
      <c r="GNF672" s="613"/>
      <c r="GNG672" s="613"/>
      <c r="GNH672" s="613"/>
      <c r="GNI672" s="613"/>
      <c r="GNJ672" s="613"/>
      <c r="GNK672" s="613"/>
      <c r="GNL672" s="613"/>
      <c r="GNM672" s="613"/>
      <c r="GNN672" s="613"/>
      <c r="GNO672" s="613"/>
      <c r="GNP672" s="613"/>
      <c r="GNQ672" s="613"/>
      <c r="GNR672" s="613"/>
      <c r="GNS672" s="613"/>
      <c r="GNT672" s="613"/>
      <c r="GNU672" s="613"/>
      <c r="GNV672" s="613"/>
      <c r="GNW672" s="613"/>
      <c r="GNX672" s="613"/>
      <c r="GNY672" s="613"/>
      <c r="GNZ672" s="613"/>
      <c r="GOA672" s="613"/>
      <c r="GOB672" s="613"/>
      <c r="GOC672" s="613"/>
      <c r="GOD672" s="613"/>
      <c r="GOE672" s="613"/>
      <c r="GOF672" s="613"/>
      <c r="GOG672" s="613"/>
      <c r="GOH672" s="613"/>
      <c r="GOI672" s="613"/>
      <c r="GOJ672" s="613"/>
      <c r="GOK672" s="613"/>
      <c r="GOL672" s="613"/>
      <c r="GOM672" s="613"/>
      <c r="GON672" s="613"/>
      <c r="GOO672" s="613"/>
      <c r="GOP672" s="613"/>
      <c r="GOQ672" s="613"/>
      <c r="GOR672" s="613"/>
      <c r="GOS672" s="613"/>
      <c r="GOT672" s="613"/>
      <c r="GOU672" s="613"/>
      <c r="GOV672" s="613"/>
      <c r="GOW672" s="613"/>
      <c r="GOX672" s="613"/>
      <c r="GOY672" s="613"/>
      <c r="GOZ672" s="613"/>
      <c r="GPA672" s="613"/>
      <c r="GPB672" s="613"/>
      <c r="GPC672" s="613"/>
      <c r="GPD672" s="613"/>
      <c r="GPE672" s="613"/>
      <c r="GPF672" s="613"/>
      <c r="GPG672" s="613"/>
      <c r="GPH672" s="613"/>
      <c r="GPI672" s="613"/>
      <c r="GPJ672" s="613"/>
      <c r="GPK672" s="613"/>
      <c r="GPL672" s="613"/>
      <c r="GPM672" s="613"/>
      <c r="GPN672" s="613"/>
      <c r="GPO672" s="613"/>
      <c r="GPP672" s="613"/>
      <c r="GPQ672" s="613"/>
      <c r="GPR672" s="613"/>
      <c r="GPS672" s="613"/>
      <c r="GPT672" s="613"/>
      <c r="GPU672" s="613"/>
      <c r="GPV672" s="613"/>
      <c r="GPW672" s="613"/>
      <c r="GPX672" s="613"/>
      <c r="GPY672" s="613"/>
      <c r="GPZ672" s="613"/>
      <c r="GQA672" s="613"/>
      <c r="GQB672" s="613"/>
      <c r="GQC672" s="613"/>
      <c r="GQD672" s="613"/>
      <c r="GQE672" s="613"/>
      <c r="GQF672" s="613"/>
      <c r="GQG672" s="613"/>
      <c r="GQH672" s="613"/>
      <c r="GQI672" s="613"/>
      <c r="GQJ672" s="613"/>
      <c r="GQK672" s="613"/>
      <c r="GQL672" s="613"/>
      <c r="GQM672" s="613"/>
      <c r="GQN672" s="613"/>
      <c r="GQO672" s="613"/>
      <c r="GQP672" s="613"/>
      <c r="GQQ672" s="613"/>
      <c r="GQR672" s="613"/>
      <c r="GQS672" s="613"/>
      <c r="GQT672" s="613"/>
      <c r="GQU672" s="613"/>
      <c r="GQV672" s="613"/>
      <c r="GQW672" s="613"/>
      <c r="GQX672" s="613"/>
      <c r="GQY672" s="613"/>
      <c r="GQZ672" s="613"/>
      <c r="GRA672" s="613"/>
      <c r="GRB672" s="613"/>
      <c r="GRC672" s="613"/>
      <c r="GRD672" s="613"/>
      <c r="GRE672" s="613"/>
      <c r="GRF672" s="613"/>
      <c r="GRG672" s="613"/>
      <c r="GRH672" s="613"/>
      <c r="GRI672" s="613"/>
      <c r="GRJ672" s="613"/>
      <c r="GRK672" s="613"/>
      <c r="GRL672" s="613"/>
      <c r="GRM672" s="613"/>
      <c r="GRN672" s="613"/>
      <c r="GRO672" s="613"/>
      <c r="GRP672" s="613"/>
      <c r="GRQ672" s="613"/>
      <c r="GRR672" s="613"/>
      <c r="GRS672" s="613"/>
      <c r="GRT672" s="613"/>
      <c r="GRU672" s="613"/>
      <c r="GRV672" s="613"/>
      <c r="GRW672" s="613"/>
      <c r="GRX672" s="613"/>
      <c r="GRY672" s="613"/>
      <c r="GRZ672" s="613"/>
      <c r="GSA672" s="613"/>
      <c r="GSB672" s="613"/>
      <c r="GSC672" s="613"/>
      <c r="GSD672" s="613"/>
      <c r="GSE672" s="613"/>
      <c r="GSF672" s="613"/>
      <c r="GSG672" s="613"/>
      <c r="GSH672" s="613"/>
      <c r="GSI672" s="613"/>
      <c r="GSJ672" s="613"/>
      <c r="GSK672" s="613"/>
      <c r="GSL672" s="613"/>
      <c r="GSM672" s="613"/>
      <c r="GSN672" s="613"/>
      <c r="GSO672" s="613"/>
      <c r="GSP672" s="613"/>
      <c r="GSQ672" s="613"/>
      <c r="GSR672" s="613"/>
      <c r="GSS672" s="613"/>
      <c r="GST672" s="613"/>
      <c r="GSU672" s="613"/>
      <c r="GSV672" s="613"/>
      <c r="GSW672" s="613"/>
      <c r="GSX672" s="613"/>
      <c r="GSY672" s="613"/>
      <c r="GSZ672" s="613"/>
      <c r="GTA672" s="613"/>
      <c r="GTB672" s="613"/>
      <c r="GTC672" s="613"/>
      <c r="GTD672" s="613"/>
      <c r="GTE672" s="613"/>
      <c r="GTF672" s="613"/>
      <c r="GTG672" s="613"/>
      <c r="GTH672" s="613"/>
      <c r="GTI672" s="613"/>
      <c r="GTJ672" s="613"/>
      <c r="GTK672" s="613"/>
      <c r="GTL672" s="613"/>
      <c r="GTM672" s="613"/>
      <c r="GTN672" s="613"/>
      <c r="GTO672" s="613"/>
      <c r="GTP672" s="613"/>
      <c r="GTQ672" s="613"/>
      <c r="GTR672" s="613"/>
      <c r="GTS672" s="613"/>
      <c r="GTT672" s="613"/>
      <c r="GTU672" s="613"/>
      <c r="GTV672" s="613"/>
      <c r="GTW672" s="613"/>
      <c r="GTX672" s="613"/>
      <c r="GTY672" s="613"/>
      <c r="GTZ672" s="613"/>
      <c r="GUA672" s="613"/>
      <c r="GUB672" s="613"/>
      <c r="GUC672" s="613"/>
      <c r="GUD672" s="613"/>
      <c r="GUE672" s="613"/>
      <c r="GUF672" s="613"/>
      <c r="GUG672" s="613"/>
      <c r="GUH672" s="613"/>
      <c r="GUI672" s="613"/>
      <c r="GUJ672" s="613"/>
      <c r="GUK672" s="613"/>
      <c r="GUL672" s="613"/>
      <c r="GUM672" s="613"/>
      <c r="GUN672" s="613"/>
      <c r="GUO672" s="613"/>
      <c r="GUP672" s="613"/>
      <c r="GUQ672" s="613"/>
      <c r="GUR672" s="613"/>
      <c r="GUS672" s="613"/>
      <c r="GUT672" s="613"/>
      <c r="GUU672" s="613"/>
      <c r="GUV672" s="613"/>
      <c r="GUW672" s="613"/>
      <c r="GUX672" s="613"/>
      <c r="GUY672" s="613"/>
      <c r="GUZ672" s="613"/>
      <c r="GVA672" s="613"/>
      <c r="GVB672" s="613"/>
      <c r="GVC672" s="613"/>
      <c r="GVD672" s="613"/>
      <c r="GVE672" s="613"/>
      <c r="GVF672" s="613"/>
      <c r="GVG672" s="613"/>
      <c r="GVH672" s="613"/>
      <c r="GVI672" s="613"/>
      <c r="GVJ672" s="613"/>
      <c r="GVK672" s="613"/>
      <c r="GVL672" s="613"/>
      <c r="GVM672" s="613"/>
      <c r="GVN672" s="613"/>
      <c r="GVO672" s="613"/>
      <c r="GVP672" s="613"/>
      <c r="GVQ672" s="613"/>
      <c r="GVR672" s="613"/>
      <c r="GVS672" s="613"/>
      <c r="GVT672" s="613"/>
      <c r="GVU672" s="613"/>
      <c r="GVV672" s="613"/>
      <c r="GVW672" s="613"/>
      <c r="GVX672" s="613"/>
      <c r="GVY672" s="613"/>
      <c r="GVZ672" s="613"/>
      <c r="GWA672" s="613"/>
      <c r="GWB672" s="613"/>
      <c r="GWC672" s="613"/>
      <c r="GWD672" s="613"/>
      <c r="GWE672" s="613"/>
      <c r="GWF672" s="613"/>
      <c r="GWG672" s="613"/>
      <c r="GWH672" s="613"/>
      <c r="GWI672" s="613"/>
      <c r="GWJ672" s="613"/>
      <c r="GWK672" s="613"/>
      <c r="GWL672" s="613"/>
      <c r="GWM672" s="613"/>
      <c r="GWN672" s="613"/>
      <c r="GWO672" s="613"/>
      <c r="GWP672" s="613"/>
      <c r="GWQ672" s="613"/>
      <c r="GWR672" s="613"/>
      <c r="GWS672" s="613"/>
      <c r="GWT672" s="613"/>
      <c r="GWU672" s="613"/>
      <c r="GWV672" s="613"/>
      <c r="GWW672" s="613"/>
      <c r="GWX672" s="613"/>
      <c r="GWY672" s="613"/>
      <c r="GWZ672" s="613"/>
      <c r="GXA672" s="613"/>
      <c r="GXB672" s="613"/>
      <c r="GXC672" s="613"/>
      <c r="GXD672" s="613"/>
      <c r="GXE672" s="613"/>
      <c r="GXF672" s="613"/>
      <c r="GXG672" s="613"/>
      <c r="GXH672" s="613"/>
      <c r="GXI672" s="613"/>
      <c r="GXJ672" s="613"/>
      <c r="GXK672" s="613"/>
      <c r="GXL672" s="613"/>
      <c r="GXM672" s="613"/>
      <c r="GXN672" s="613"/>
      <c r="GXO672" s="613"/>
      <c r="GXP672" s="613"/>
      <c r="GXQ672" s="613"/>
      <c r="GXR672" s="613"/>
      <c r="GXS672" s="613"/>
      <c r="GXT672" s="613"/>
      <c r="GXU672" s="613"/>
      <c r="GXV672" s="613"/>
      <c r="GXW672" s="613"/>
      <c r="GXX672" s="613"/>
      <c r="GXY672" s="613"/>
      <c r="GXZ672" s="613"/>
      <c r="GYA672" s="613"/>
      <c r="GYB672" s="613"/>
      <c r="GYC672" s="613"/>
      <c r="GYD672" s="613"/>
      <c r="GYE672" s="613"/>
      <c r="GYF672" s="613"/>
      <c r="GYG672" s="613"/>
      <c r="GYH672" s="613"/>
      <c r="GYI672" s="613"/>
      <c r="GYJ672" s="613"/>
      <c r="GYK672" s="613"/>
      <c r="GYL672" s="613"/>
      <c r="GYM672" s="613"/>
      <c r="GYN672" s="613"/>
      <c r="GYO672" s="613"/>
      <c r="GYP672" s="613"/>
      <c r="GYQ672" s="613"/>
      <c r="GYR672" s="613"/>
      <c r="GYS672" s="613"/>
      <c r="GYT672" s="613"/>
      <c r="GYU672" s="613"/>
      <c r="GYV672" s="613"/>
      <c r="GYW672" s="613"/>
      <c r="GYX672" s="613"/>
      <c r="GYY672" s="613"/>
      <c r="GYZ672" s="613"/>
      <c r="GZA672" s="613"/>
      <c r="GZB672" s="613"/>
      <c r="GZC672" s="613"/>
      <c r="GZD672" s="613"/>
      <c r="GZE672" s="613"/>
      <c r="GZF672" s="613"/>
      <c r="GZG672" s="613"/>
      <c r="GZH672" s="613"/>
      <c r="GZI672" s="613"/>
      <c r="GZJ672" s="613"/>
      <c r="GZK672" s="613"/>
      <c r="GZL672" s="613"/>
      <c r="GZM672" s="613"/>
      <c r="GZN672" s="613"/>
      <c r="GZO672" s="613"/>
      <c r="GZP672" s="613"/>
      <c r="GZQ672" s="613"/>
      <c r="GZR672" s="613"/>
      <c r="GZS672" s="613"/>
      <c r="GZT672" s="613"/>
      <c r="GZU672" s="613"/>
      <c r="GZV672" s="613"/>
      <c r="GZW672" s="613"/>
      <c r="GZX672" s="613"/>
      <c r="GZY672" s="613"/>
      <c r="GZZ672" s="613"/>
      <c r="HAA672" s="613"/>
      <c r="HAB672" s="613"/>
      <c r="HAC672" s="613"/>
      <c r="HAD672" s="613"/>
      <c r="HAE672" s="613"/>
      <c r="HAF672" s="613"/>
      <c r="HAG672" s="613"/>
      <c r="HAH672" s="613"/>
      <c r="HAI672" s="613"/>
      <c r="HAJ672" s="613"/>
      <c r="HAK672" s="613"/>
      <c r="HAL672" s="613"/>
      <c r="HAM672" s="613"/>
      <c r="HAN672" s="613"/>
      <c r="HAO672" s="613"/>
      <c r="HAP672" s="613"/>
      <c r="HAQ672" s="613"/>
      <c r="HAR672" s="613"/>
      <c r="HAS672" s="613"/>
      <c r="HAT672" s="613"/>
      <c r="HAU672" s="613"/>
      <c r="HAV672" s="613"/>
      <c r="HAW672" s="613"/>
      <c r="HAX672" s="613"/>
      <c r="HAY672" s="613"/>
      <c r="HAZ672" s="613"/>
      <c r="HBA672" s="613"/>
      <c r="HBB672" s="613"/>
      <c r="HBC672" s="613"/>
      <c r="HBD672" s="613"/>
      <c r="HBE672" s="613"/>
      <c r="HBF672" s="613"/>
      <c r="HBG672" s="613"/>
      <c r="HBH672" s="613"/>
      <c r="HBI672" s="613"/>
      <c r="HBJ672" s="613"/>
      <c r="HBK672" s="613"/>
      <c r="HBL672" s="613"/>
      <c r="HBM672" s="613"/>
      <c r="HBN672" s="613"/>
      <c r="HBO672" s="613"/>
      <c r="HBP672" s="613"/>
      <c r="HBQ672" s="613"/>
      <c r="HBR672" s="613"/>
      <c r="HBS672" s="613"/>
      <c r="HBT672" s="613"/>
      <c r="HBU672" s="613"/>
      <c r="HBV672" s="613"/>
      <c r="HBW672" s="613"/>
      <c r="HBX672" s="613"/>
      <c r="HBY672" s="613"/>
      <c r="HBZ672" s="613"/>
      <c r="HCA672" s="613"/>
      <c r="HCB672" s="613"/>
      <c r="HCC672" s="613"/>
      <c r="HCD672" s="613"/>
      <c r="HCE672" s="613"/>
      <c r="HCF672" s="613"/>
      <c r="HCG672" s="613"/>
      <c r="HCH672" s="613"/>
      <c r="HCI672" s="613"/>
      <c r="HCJ672" s="613"/>
      <c r="HCK672" s="613"/>
      <c r="HCL672" s="613"/>
      <c r="HCM672" s="613"/>
      <c r="HCN672" s="613"/>
      <c r="HCO672" s="613"/>
      <c r="HCP672" s="613"/>
      <c r="HCQ672" s="613"/>
      <c r="HCR672" s="613"/>
      <c r="HCS672" s="613"/>
      <c r="HCT672" s="613"/>
      <c r="HCU672" s="613"/>
      <c r="HCV672" s="613"/>
      <c r="HCW672" s="613"/>
      <c r="HCX672" s="613"/>
      <c r="HCY672" s="613"/>
      <c r="HCZ672" s="613"/>
      <c r="HDA672" s="613"/>
      <c r="HDB672" s="613"/>
      <c r="HDC672" s="613"/>
      <c r="HDD672" s="613"/>
      <c r="HDE672" s="613"/>
      <c r="HDF672" s="613"/>
      <c r="HDG672" s="613"/>
      <c r="HDH672" s="613"/>
      <c r="HDI672" s="613"/>
      <c r="HDJ672" s="613"/>
      <c r="HDK672" s="613"/>
      <c r="HDL672" s="613"/>
      <c r="HDM672" s="613"/>
      <c r="HDN672" s="613"/>
      <c r="HDO672" s="613"/>
      <c r="HDP672" s="613"/>
      <c r="HDQ672" s="613"/>
      <c r="HDR672" s="613"/>
      <c r="HDS672" s="613"/>
      <c r="HDT672" s="613"/>
      <c r="HDU672" s="613"/>
      <c r="HDV672" s="613"/>
      <c r="HDW672" s="613"/>
      <c r="HDX672" s="613"/>
      <c r="HDY672" s="613"/>
      <c r="HDZ672" s="613"/>
      <c r="HEA672" s="613"/>
      <c r="HEB672" s="613"/>
      <c r="HEC672" s="613"/>
      <c r="HED672" s="613"/>
      <c r="HEE672" s="613"/>
      <c r="HEF672" s="613"/>
      <c r="HEG672" s="613"/>
      <c r="HEH672" s="613"/>
      <c r="HEI672" s="613"/>
      <c r="HEJ672" s="613"/>
      <c r="HEK672" s="613"/>
      <c r="HEL672" s="613"/>
      <c r="HEM672" s="613"/>
      <c r="HEN672" s="613"/>
      <c r="HEO672" s="613"/>
      <c r="HEP672" s="613"/>
      <c r="HEQ672" s="613"/>
      <c r="HER672" s="613"/>
      <c r="HES672" s="613"/>
      <c r="HET672" s="613"/>
      <c r="HEU672" s="613"/>
      <c r="HEV672" s="613"/>
      <c r="HEW672" s="613"/>
      <c r="HEX672" s="613"/>
      <c r="HEY672" s="613"/>
      <c r="HEZ672" s="613"/>
      <c r="HFA672" s="613"/>
      <c r="HFB672" s="613"/>
      <c r="HFC672" s="613"/>
      <c r="HFD672" s="613"/>
      <c r="HFE672" s="613"/>
      <c r="HFF672" s="613"/>
      <c r="HFG672" s="613"/>
      <c r="HFH672" s="613"/>
      <c r="HFI672" s="613"/>
      <c r="HFJ672" s="613"/>
      <c r="HFK672" s="613"/>
      <c r="HFL672" s="613"/>
      <c r="HFM672" s="613"/>
      <c r="HFN672" s="613"/>
      <c r="HFO672" s="613"/>
      <c r="HFP672" s="613"/>
      <c r="HFQ672" s="613"/>
      <c r="HFR672" s="613"/>
      <c r="HFS672" s="613"/>
      <c r="HFT672" s="613"/>
      <c r="HFU672" s="613"/>
      <c r="HFV672" s="613"/>
      <c r="HFW672" s="613"/>
      <c r="HFX672" s="613"/>
      <c r="HFY672" s="613"/>
      <c r="HFZ672" s="613"/>
      <c r="HGA672" s="613"/>
      <c r="HGB672" s="613"/>
      <c r="HGC672" s="613"/>
      <c r="HGD672" s="613"/>
      <c r="HGE672" s="613"/>
      <c r="HGF672" s="613"/>
      <c r="HGG672" s="613"/>
      <c r="HGH672" s="613"/>
      <c r="HGI672" s="613"/>
      <c r="HGJ672" s="613"/>
      <c r="HGK672" s="613"/>
      <c r="HGL672" s="613"/>
      <c r="HGM672" s="613"/>
      <c r="HGN672" s="613"/>
      <c r="HGO672" s="613"/>
      <c r="HGP672" s="613"/>
      <c r="HGQ672" s="613"/>
      <c r="HGR672" s="613"/>
      <c r="HGS672" s="613"/>
      <c r="HGT672" s="613"/>
      <c r="HGU672" s="613"/>
      <c r="HGV672" s="613"/>
      <c r="HGW672" s="613"/>
      <c r="HGX672" s="613"/>
      <c r="HGY672" s="613"/>
      <c r="HGZ672" s="613"/>
      <c r="HHA672" s="613"/>
      <c r="HHB672" s="613"/>
      <c r="HHC672" s="613"/>
      <c r="HHD672" s="613"/>
      <c r="HHE672" s="613"/>
      <c r="HHF672" s="613"/>
      <c r="HHG672" s="613"/>
      <c r="HHH672" s="613"/>
      <c r="HHI672" s="613"/>
      <c r="HHJ672" s="613"/>
      <c r="HHK672" s="613"/>
      <c r="HHL672" s="613"/>
      <c r="HHM672" s="613"/>
      <c r="HHN672" s="613"/>
      <c r="HHO672" s="613"/>
      <c r="HHP672" s="613"/>
      <c r="HHQ672" s="613"/>
      <c r="HHR672" s="613"/>
      <c r="HHS672" s="613"/>
      <c r="HHT672" s="613"/>
      <c r="HHU672" s="613"/>
      <c r="HHV672" s="613"/>
      <c r="HHW672" s="613"/>
      <c r="HHX672" s="613"/>
      <c r="HHY672" s="613"/>
      <c r="HHZ672" s="613"/>
      <c r="HIA672" s="613"/>
      <c r="HIB672" s="613"/>
      <c r="HIC672" s="613"/>
      <c r="HID672" s="613"/>
      <c r="HIE672" s="613"/>
      <c r="HIF672" s="613"/>
      <c r="HIG672" s="613"/>
      <c r="HIH672" s="613"/>
      <c r="HII672" s="613"/>
      <c r="HIJ672" s="613"/>
      <c r="HIK672" s="613"/>
      <c r="HIL672" s="613"/>
      <c r="HIM672" s="613"/>
      <c r="HIN672" s="613"/>
      <c r="HIO672" s="613"/>
      <c r="HIP672" s="613"/>
      <c r="HIQ672" s="613"/>
      <c r="HIR672" s="613"/>
      <c r="HIS672" s="613"/>
      <c r="HIT672" s="613"/>
      <c r="HIU672" s="613"/>
      <c r="HIV672" s="613"/>
      <c r="HIW672" s="613"/>
      <c r="HIX672" s="613"/>
      <c r="HIY672" s="613"/>
      <c r="HIZ672" s="613"/>
      <c r="HJA672" s="613"/>
      <c r="HJB672" s="613"/>
      <c r="HJC672" s="613"/>
      <c r="HJD672" s="613"/>
      <c r="HJE672" s="613"/>
      <c r="HJF672" s="613"/>
      <c r="HJG672" s="613"/>
      <c r="HJH672" s="613"/>
      <c r="HJI672" s="613"/>
      <c r="HJJ672" s="613"/>
      <c r="HJK672" s="613"/>
      <c r="HJL672" s="613"/>
      <c r="HJM672" s="613"/>
      <c r="HJN672" s="613"/>
      <c r="HJO672" s="613"/>
      <c r="HJP672" s="613"/>
      <c r="HJQ672" s="613"/>
      <c r="HJR672" s="613"/>
      <c r="HJS672" s="613"/>
      <c r="HJT672" s="613"/>
      <c r="HJU672" s="613"/>
      <c r="HJV672" s="613"/>
      <c r="HJW672" s="613"/>
      <c r="HJX672" s="613"/>
      <c r="HJY672" s="613"/>
      <c r="HJZ672" s="613"/>
      <c r="HKA672" s="613"/>
      <c r="HKB672" s="613"/>
      <c r="HKC672" s="613"/>
      <c r="HKD672" s="613"/>
      <c r="HKE672" s="613"/>
      <c r="HKF672" s="613"/>
      <c r="HKG672" s="613"/>
      <c r="HKH672" s="613"/>
      <c r="HKI672" s="613"/>
      <c r="HKJ672" s="613"/>
      <c r="HKK672" s="613"/>
      <c r="HKL672" s="613"/>
      <c r="HKM672" s="613"/>
      <c r="HKN672" s="613"/>
      <c r="HKO672" s="613"/>
      <c r="HKP672" s="613"/>
      <c r="HKQ672" s="613"/>
      <c r="HKR672" s="613"/>
      <c r="HKS672" s="613"/>
      <c r="HKT672" s="613"/>
      <c r="HKU672" s="613"/>
      <c r="HKV672" s="613"/>
      <c r="HKW672" s="613"/>
      <c r="HKX672" s="613"/>
      <c r="HKY672" s="613"/>
      <c r="HKZ672" s="613"/>
      <c r="HLA672" s="613"/>
      <c r="HLB672" s="613"/>
      <c r="HLC672" s="613"/>
      <c r="HLD672" s="613"/>
      <c r="HLE672" s="613"/>
      <c r="HLF672" s="613"/>
      <c r="HLG672" s="613"/>
      <c r="HLH672" s="613"/>
      <c r="HLI672" s="613"/>
      <c r="HLJ672" s="613"/>
      <c r="HLK672" s="613"/>
      <c r="HLL672" s="613"/>
      <c r="HLM672" s="613"/>
      <c r="HLN672" s="613"/>
      <c r="HLO672" s="613"/>
      <c r="HLP672" s="613"/>
      <c r="HLQ672" s="613"/>
      <c r="HLR672" s="613"/>
      <c r="HLS672" s="613"/>
      <c r="HLT672" s="613"/>
      <c r="HLU672" s="613"/>
      <c r="HLV672" s="613"/>
      <c r="HLW672" s="613"/>
      <c r="HLX672" s="613"/>
      <c r="HLY672" s="613"/>
      <c r="HLZ672" s="613"/>
      <c r="HMA672" s="613"/>
      <c r="HMB672" s="613"/>
      <c r="HMC672" s="613"/>
      <c r="HMD672" s="613"/>
      <c r="HME672" s="613"/>
      <c r="HMF672" s="613"/>
      <c r="HMG672" s="613"/>
      <c r="HMH672" s="613"/>
      <c r="HMI672" s="613"/>
      <c r="HMJ672" s="613"/>
      <c r="HMK672" s="613"/>
      <c r="HML672" s="613"/>
      <c r="HMM672" s="613"/>
      <c r="HMN672" s="613"/>
      <c r="HMO672" s="613"/>
      <c r="HMP672" s="613"/>
      <c r="HMQ672" s="613"/>
      <c r="HMR672" s="613"/>
      <c r="HMS672" s="613"/>
      <c r="HMT672" s="613"/>
      <c r="HMU672" s="613"/>
      <c r="HMV672" s="613"/>
      <c r="HMW672" s="613"/>
      <c r="HMX672" s="613"/>
      <c r="HMY672" s="613"/>
      <c r="HMZ672" s="613"/>
      <c r="HNA672" s="613"/>
      <c r="HNB672" s="613"/>
      <c r="HNC672" s="613"/>
      <c r="HND672" s="613"/>
      <c r="HNE672" s="613"/>
      <c r="HNF672" s="613"/>
      <c r="HNG672" s="613"/>
      <c r="HNH672" s="613"/>
      <c r="HNI672" s="613"/>
      <c r="HNJ672" s="613"/>
      <c r="HNK672" s="613"/>
      <c r="HNL672" s="613"/>
      <c r="HNM672" s="613"/>
      <c r="HNN672" s="613"/>
      <c r="HNO672" s="613"/>
      <c r="HNP672" s="613"/>
      <c r="HNQ672" s="613"/>
      <c r="HNR672" s="613"/>
      <c r="HNS672" s="613"/>
      <c r="HNT672" s="613"/>
      <c r="HNU672" s="613"/>
      <c r="HNV672" s="613"/>
      <c r="HNW672" s="613"/>
      <c r="HNX672" s="613"/>
      <c r="HNY672" s="613"/>
      <c r="HNZ672" s="613"/>
      <c r="HOA672" s="613"/>
      <c r="HOB672" s="613"/>
      <c r="HOC672" s="613"/>
      <c r="HOD672" s="613"/>
      <c r="HOE672" s="613"/>
      <c r="HOF672" s="613"/>
      <c r="HOG672" s="613"/>
      <c r="HOH672" s="613"/>
      <c r="HOI672" s="613"/>
      <c r="HOJ672" s="613"/>
      <c r="HOK672" s="613"/>
      <c r="HOL672" s="613"/>
      <c r="HOM672" s="613"/>
      <c r="HON672" s="613"/>
      <c r="HOO672" s="613"/>
      <c r="HOP672" s="613"/>
      <c r="HOQ672" s="613"/>
      <c r="HOR672" s="613"/>
      <c r="HOS672" s="613"/>
      <c r="HOT672" s="613"/>
      <c r="HOU672" s="613"/>
      <c r="HOV672" s="613"/>
      <c r="HOW672" s="613"/>
      <c r="HOX672" s="613"/>
      <c r="HOY672" s="613"/>
      <c r="HOZ672" s="613"/>
      <c r="HPA672" s="613"/>
      <c r="HPB672" s="613"/>
      <c r="HPC672" s="613"/>
      <c r="HPD672" s="613"/>
      <c r="HPE672" s="613"/>
      <c r="HPF672" s="613"/>
      <c r="HPG672" s="613"/>
      <c r="HPH672" s="613"/>
      <c r="HPI672" s="613"/>
      <c r="HPJ672" s="613"/>
      <c r="HPK672" s="613"/>
      <c r="HPL672" s="613"/>
      <c r="HPM672" s="613"/>
      <c r="HPN672" s="613"/>
      <c r="HPO672" s="613"/>
      <c r="HPP672" s="613"/>
      <c r="HPQ672" s="613"/>
      <c r="HPR672" s="613"/>
      <c r="HPS672" s="613"/>
      <c r="HPT672" s="613"/>
      <c r="HPU672" s="613"/>
      <c r="HPV672" s="613"/>
      <c r="HPW672" s="613"/>
      <c r="HPX672" s="613"/>
      <c r="HPY672" s="613"/>
      <c r="HPZ672" s="613"/>
      <c r="HQA672" s="613"/>
      <c r="HQB672" s="613"/>
      <c r="HQC672" s="613"/>
      <c r="HQD672" s="613"/>
      <c r="HQE672" s="613"/>
      <c r="HQF672" s="613"/>
      <c r="HQG672" s="613"/>
      <c r="HQH672" s="613"/>
      <c r="HQI672" s="613"/>
      <c r="HQJ672" s="613"/>
      <c r="HQK672" s="613"/>
      <c r="HQL672" s="613"/>
      <c r="HQM672" s="613"/>
      <c r="HQN672" s="613"/>
      <c r="HQO672" s="613"/>
      <c r="HQP672" s="613"/>
      <c r="HQQ672" s="613"/>
      <c r="HQR672" s="613"/>
      <c r="HQS672" s="613"/>
      <c r="HQT672" s="613"/>
      <c r="HQU672" s="613"/>
      <c r="HQV672" s="613"/>
      <c r="HQW672" s="613"/>
      <c r="HQX672" s="613"/>
      <c r="HQY672" s="613"/>
      <c r="HQZ672" s="613"/>
      <c r="HRA672" s="613"/>
      <c r="HRB672" s="613"/>
      <c r="HRC672" s="613"/>
      <c r="HRD672" s="613"/>
      <c r="HRE672" s="613"/>
      <c r="HRF672" s="613"/>
      <c r="HRG672" s="613"/>
      <c r="HRH672" s="613"/>
      <c r="HRI672" s="613"/>
      <c r="HRJ672" s="613"/>
      <c r="HRK672" s="613"/>
      <c r="HRL672" s="613"/>
      <c r="HRM672" s="613"/>
      <c r="HRN672" s="613"/>
      <c r="HRO672" s="613"/>
      <c r="HRP672" s="613"/>
      <c r="HRQ672" s="613"/>
      <c r="HRR672" s="613"/>
      <c r="HRS672" s="613"/>
      <c r="HRT672" s="613"/>
      <c r="HRU672" s="613"/>
      <c r="HRV672" s="613"/>
      <c r="HRW672" s="613"/>
      <c r="HRX672" s="613"/>
      <c r="HRY672" s="613"/>
      <c r="HRZ672" s="613"/>
      <c r="HSA672" s="613"/>
      <c r="HSB672" s="613"/>
      <c r="HSC672" s="613"/>
      <c r="HSD672" s="613"/>
      <c r="HSE672" s="613"/>
      <c r="HSF672" s="613"/>
      <c r="HSG672" s="613"/>
      <c r="HSH672" s="613"/>
      <c r="HSI672" s="613"/>
      <c r="HSJ672" s="613"/>
      <c r="HSK672" s="613"/>
      <c r="HSL672" s="613"/>
      <c r="HSM672" s="613"/>
      <c r="HSN672" s="613"/>
      <c r="HSO672" s="613"/>
      <c r="HSP672" s="613"/>
      <c r="HSQ672" s="613"/>
      <c r="HSR672" s="613"/>
      <c r="HSS672" s="613"/>
      <c r="HST672" s="613"/>
      <c r="HSU672" s="613"/>
      <c r="HSV672" s="613"/>
      <c r="HSW672" s="613"/>
      <c r="HSX672" s="613"/>
      <c r="HSY672" s="613"/>
      <c r="HSZ672" s="613"/>
      <c r="HTA672" s="613"/>
      <c r="HTB672" s="613"/>
      <c r="HTC672" s="613"/>
      <c r="HTD672" s="613"/>
      <c r="HTE672" s="613"/>
      <c r="HTF672" s="613"/>
      <c r="HTG672" s="613"/>
      <c r="HTH672" s="613"/>
      <c r="HTI672" s="613"/>
      <c r="HTJ672" s="613"/>
      <c r="HTK672" s="613"/>
      <c r="HTL672" s="613"/>
      <c r="HTM672" s="613"/>
      <c r="HTN672" s="613"/>
      <c r="HTO672" s="613"/>
      <c r="HTP672" s="613"/>
      <c r="HTQ672" s="613"/>
      <c r="HTR672" s="613"/>
      <c r="HTS672" s="613"/>
      <c r="HTT672" s="613"/>
      <c r="HTU672" s="613"/>
      <c r="HTV672" s="613"/>
      <c r="HTW672" s="613"/>
      <c r="HTX672" s="613"/>
      <c r="HTY672" s="613"/>
      <c r="HTZ672" s="613"/>
      <c r="HUA672" s="613"/>
      <c r="HUB672" s="613"/>
      <c r="HUC672" s="613"/>
      <c r="HUD672" s="613"/>
      <c r="HUE672" s="613"/>
      <c r="HUF672" s="613"/>
      <c r="HUG672" s="613"/>
      <c r="HUH672" s="613"/>
      <c r="HUI672" s="613"/>
      <c r="HUJ672" s="613"/>
      <c r="HUK672" s="613"/>
      <c r="HUL672" s="613"/>
      <c r="HUM672" s="613"/>
      <c r="HUN672" s="613"/>
      <c r="HUO672" s="613"/>
      <c r="HUP672" s="613"/>
      <c r="HUQ672" s="613"/>
      <c r="HUR672" s="613"/>
      <c r="HUS672" s="613"/>
      <c r="HUT672" s="613"/>
      <c r="HUU672" s="613"/>
      <c r="HUV672" s="613"/>
      <c r="HUW672" s="613"/>
      <c r="HUX672" s="613"/>
      <c r="HUY672" s="613"/>
      <c r="HUZ672" s="613"/>
      <c r="HVA672" s="613"/>
      <c r="HVB672" s="613"/>
      <c r="HVC672" s="613"/>
      <c r="HVD672" s="613"/>
      <c r="HVE672" s="613"/>
      <c r="HVF672" s="613"/>
      <c r="HVG672" s="613"/>
      <c r="HVH672" s="613"/>
      <c r="HVI672" s="613"/>
      <c r="HVJ672" s="613"/>
      <c r="HVK672" s="613"/>
      <c r="HVL672" s="613"/>
      <c r="HVM672" s="613"/>
      <c r="HVN672" s="613"/>
      <c r="HVO672" s="613"/>
      <c r="HVP672" s="613"/>
      <c r="HVQ672" s="613"/>
      <c r="HVR672" s="613"/>
      <c r="HVS672" s="613"/>
      <c r="HVT672" s="613"/>
      <c r="HVU672" s="613"/>
      <c r="HVV672" s="613"/>
      <c r="HVW672" s="613"/>
      <c r="HVX672" s="613"/>
      <c r="HVY672" s="613"/>
      <c r="HVZ672" s="613"/>
      <c r="HWA672" s="613"/>
      <c r="HWB672" s="613"/>
      <c r="HWC672" s="613"/>
      <c r="HWD672" s="613"/>
      <c r="HWE672" s="613"/>
      <c r="HWF672" s="613"/>
      <c r="HWG672" s="613"/>
      <c r="HWH672" s="613"/>
      <c r="HWI672" s="613"/>
      <c r="HWJ672" s="613"/>
      <c r="HWK672" s="613"/>
      <c r="HWL672" s="613"/>
      <c r="HWM672" s="613"/>
      <c r="HWN672" s="613"/>
      <c r="HWO672" s="613"/>
      <c r="HWP672" s="613"/>
      <c r="HWQ672" s="613"/>
      <c r="HWR672" s="613"/>
      <c r="HWS672" s="613"/>
      <c r="HWT672" s="613"/>
      <c r="HWU672" s="613"/>
      <c r="HWV672" s="613"/>
      <c r="HWW672" s="613"/>
      <c r="HWX672" s="613"/>
      <c r="HWY672" s="613"/>
      <c r="HWZ672" s="613"/>
      <c r="HXA672" s="613"/>
      <c r="HXB672" s="613"/>
      <c r="HXC672" s="613"/>
      <c r="HXD672" s="613"/>
      <c r="HXE672" s="613"/>
      <c r="HXF672" s="613"/>
      <c r="HXG672" s="613"/>
      <c r="HXH672" s="613"/>
      <c r="HXI672" s="613"/>
      <c r="HXJ672" s="613"/>
      <c r="HXK672" s="613"/>
      <c r="HXL672" s="613"/>
      <c r="HXM672" s="613"/>
      <c r="HXN672" s="613"/>
      <c r="HXO672" s="613"/>
      <c r="HXP672" s="613"/>
      <c r="HXQ672" s="613"/>
      <c r="HXR672" s="613"/>
      <c r="HXS672" s="613"/>
      <c r="HXT672" s="613"/>
      <c r="HXU672" s="613"/>
      <c r="HXV672" s="613"/>
      <c r="HXW672" s="613"/>
      <c r="HXX672" s="613"/>
      <c r="HXY672" s="613"/>
      <c r="HXZ672" s="613"/>
      <c r="HYA672" s="613"/>
      <c r="HYB672" s="613"/>
      <c r="HYC672" s="613"/>
      <c r="HYD672" s="613"/>
      <c r="HYE672" s="613"/>
      <c r="HYF672" s="613"/>
      <c r="HYG672" s="613"/>
      <c r="HYH672" s="613"/>
      <c r="HYI672" s="613"/>
      <c r="HYJ672" s="613"/>
      <c r="HYK672" s="613"/>
      <c r="HYL672" s="613"/>
      <c r="HYM672" s="613"/>
      <c r="HYN672" s="613"/>
      <c r="HYO672" s="613"/>
      <c r="HYP672" s="613"/>
      <c r="HYQ672" s="613"/>
      <c r="HYR672" s="613"/>
      <c r="HYS672" s="613"/>
      <c r="HYT672" s="613"/>
      <c r="HYU672" s="613"/>
      <c r="HYV672" s="613"/>
      <c r="HYW672" s="613"/>
      <c r="HYX672" s="613"/>
      <c r="HYY672" s="613"/>
      <c r="HYZ672" s="613"/>
      <c r="HZA672" s="613"/>
      <c r="HZB672" s="613"/>
      <c r="HZC672" s="613"/>
      <c r="HZD672" s="613"/>
      <c r="HZE672" s="613"/>
      <c r="HZF672" s="613"/>
      <c r="HZG672" s="613"/>
      <c r="HZH672" s="613"/>
      <c r="HZI672" s="613"/>
      <c r="HZJ672" s="613"/>
      <c r="HZK672" s="613"/>
      <c r="HZL672" s="613"/>
      <c r="HZM672" s="613"/>
      <c r="HZN672" s="613"/>
      <c r="HZO672" s="613"/>
      <c r="HZP672" s="613"/>
      <c r="HZQ672" s="613"/>
      <c r="HZR672" s="613"/>
      <c r="HZS672" s="613"/>
      <c r="HZT672" s="613"/>
      <c r="HZU672" s="613"/>
      <c r="HZV672" s="613"/>
      <c r="HZW672" s="613"/>
      <c r="HZX672" s="613"/>
      <c r="HZY672" s="613"/>
      <c r="HZZ672" s="613"/>
      <c r="IAA672" s="613"/>
      <c r="IAB672" s="613"/>
      <c r="IAC672" s="613"/>
      <c r="IAD672" s="613"/>
      <c r="IAE672" s="613"/>
      <c r="IAF672" s="613"/>
      <c r="IAG672" s="613"/>
      <c r="IAH672" s="613"/>
      <c r="IAI672" s="613"/>
      <c r="IAJ672" s="613"/>
      <c r="IAK672" s="613"/>
      <c r="IAL672" s="613"/>
      <c r="IAM672" s="613"/>
      <c r="IAN672" s="613"/>
      <c r="IAO672" s="613"/>
      <c r="IAP672" s="613"/>
      <c r="IAQ672" s="613"/>
      <c r="IAR672" s="613"/>
      <c r="IAS672" s="613"/>
      <c r="IAT672" s="613"/>
      <c r="IAU672" s="613"/>
      <c r="IAV672" s="613"/>
      <c r="IAW672" s="613"/>
      <c r="IAX672" s="613"/>
      <c r="IAY672" s="613"/>
      <c r="IAZ672" s="613"/>
      <c r="IBA672" s="613"/>
      <c r="IBB672" s="613"/>
      <c r="IBC672" s="613"/>
      <c r="IBD672" s="613"/>
      <c r="IBE672" s="613"/>
      <c r="IBF672" s="613"/>
      <c r="IBG672" s="613"/>
      <c r="IBH672" s="613"/>
      <c r="IBI672" s="613"/>
      <c r="IBJ672" s="613"/>
      <c r="IBK672" s="613"/>
      <c r="IBL672" s="613"/>
      <c r="IBM672" s="613"/>
      <c r="IBN672" s="613"/>
      <c r="IBO672" s="613"/>
      <c r="IBP672" s="613"/>
      <c r="IBQ672" s="613"/>
      <c r="IBR672" s="613"/>
      <c r="IBS672" s="613"/>
      <c r="IBT672" s="613"/>
      <c r="IBU672" s="613"/>
      <c r="IBV672" s="613"/>
      <c r="IBW672" s="613"/>
      <c r="IBX672" s="613"/>
      <c r="IBY672" s="613"/>
      <c r="IBZ672" s="613"/>
      <c r="ICA672" s="613"/>
      <c r="ICB672" s="613"/>
      <c r="ICC672" s="613"/>
      <c r="ICD672" s="613"/>
      <c r="ICE672" s="613"/>
      <c r="ICF672" s="613"/>
      <c r="ICG672" s="613"/>
      <c r="ICH672" s="613"/>
      <c r="ICI672" s="613"/>
      <c r="ICJ672" s="613"/>
      <c r="ICK672" s="613"/>
      <c r="ICL672" s="613"/>
      <c r="ICM672" s="613"/>
      <c r="ICN672" s="613"/>
      <c r="ICO672" s="613"/>
      <c r="ICP672" s="613"/>
      <c r="ICQ672" s="613"/>
      <c r="ICR672" s="613"/>
      <c r="ICS672" s="613"/>
      <c r="ICT672" s="613"/>
      <c r="ICU672" s="613"/>
      <c r="ICV672" s="613"/>
      <c r="ICW672" s="613"/>
      <c r="ICX672" s="613"/>
      <c r="ICY672" s="613"/>
      <c r="ICZ672" s="613"/>
      <c r="IDA672" s="613"/>
      <c r="IDB672" s="613"/>
      <c r="IDC672" s="613"/>
      <c r="IDD672" s="613"/>
      <c r="IDE672" s="613"/>
      <c r="IDF672" s="613"/>
      <c r="IDG672" s="613"/>
      <c r="IDH672" s="613"/>
      <c r="IDI672" s="613"/>
      <c r="IDJ672" s="613"/>
      <c r="IDK672" s="613"/>
      <c r="IDL672" s="613"/>
      <c r="IDM672" s="613"/>
      <c r="IDN672" s="613"/>
      <c r="IDO672" s="613"/>
      <c r="IDP672" s="613"/>
      <c r="IDQ672" s="613"/>
      <c r="IDR672" s="613"/>
      <c r="IDS672" s="613"/>
      <c r="IDT672" s="613"/>
      <c r="IDU672" s="613"/>
      <c r="IDV672" s="613"/>
      <c r="IDW672" s="613"/>
      <c r="IDX672" s="613"/>
      <c r="IDY672" s="613"/>
      <c r="IDZ672" s="613"/>
      <c r="IEA672" s="613"/>
      <c r="IEB672" s="613"/>
      <c r="IEC672" s="613"/>
      <c r="IED672" s="613"/>
      <c r="IEE672" s="613"/>
      <c r="IEF672" s="613"/>
      <c r="IEG672" s="613"/>
      <c r="IEH672" s="613"/>
      <c r="IEI672" s="613"/>
      <c r="IEJ672" s="613"/>
      <c r="IEK672" s="613"/>
      <c r="IEL672" s="613"/>
      <c r="IEM672" s="613"/>
      <c r="IEN672" s="613"/>
      <c r="IEO672" s="613"/>
      <c r="IEP672" s="613"/>
      <c r="IEQ672" s="613"/>
      <c r="IER672" s="613"/>
      <c r="IES672" s="613"/>
      <c r="IET672" s="613"/>
      <c r="IEU672" s="613"/>
      <c r="IEV672" s="613"/>
      <c r="IEW672" s="613"/>
      <c r="IEX672" s="613"/>
      <c r="IEY672" s="613"/>
      <c r="IEZ672" s="613"/>
      <c r="IFA672" s="613"/>
      <c r="IFB672" s="613"/>
      <c r="IFC672" s="613"/>
      <c r="IFD672" s="613"/>
      <c r="IFE672" s="613"/>
      <c r="IFF672" s="613"/>
      <c r="IFG672" s="613"/>
      <c r="IFH672" s="613"/>
      <c r="IFI672" s="613"/>
      <c r="IFJ672" s="613"/>
      <c r="IFK672" s="613"/>
      <c r="IFL672" s="613"/>
      <c r="IFM672" s="613"/>
      <c r="IFN672" s="613"/>
      <c r="IFO672" s="613"/>
      <c r="IFP672" s="613"/>
      <c r="IFQ672" s="613"/>
      <c r="IFR672" s="613"/>
      <c r="IFS672" s="613"/>
      <c r="IFT672" s="613"/>
      <c r="IFU672" s="613"/>
      <c r="IFV672" s="613"/>
      <c r="IFW672" s="613"/>
      <c r="IFX672" s="613"/>
      <c r="IFY672" s="613"/>
      <c r="IFZ672" s="613"/>
      <c r="IGA672" s="613"/>
      <c r="IGB672" s="613"/>
      <c r="IGC672" s="613"/>
      <c r="IGD672" s="613"/>
      <c r="IGE672" s="613"/>
      <c r="IGF672" s="613"/>
      <c r="IGG672" s="613"/>
      <c r="IGH672" s="613"/>
      <c r="IGI672" s="613"/>
      <c r="IGJ672" s="613"/>
      <c r="IGK672" s="613"/>
      <c r="IGL672" s="613"/>
      <c r="IGM672" s="613"/>
      <c r="IGN672" s="613"/>
      <c r="IGO672" s="613"/>
      <c r="IGP672" s="613"/>
      <c r="IGQ672" s="613"/>
      <c r="IGR672" s="613"/>
      <c r="IGS672" s="613"/>
      <c r="IGT672" s="613"/>
      <c r="IGU672" s="613"/>
      <c r="IGV672" s="613"/>
      <c r="IGW672" s="613"/>
      <c r="IGX672" s="613"/>
      <c r="IGY672" s="613"/>
      <c r="IGZ672" s="613"/>
      <c r="IHA672" s="613"/>
      <c r="IHB672" s="613"/>
      <c r="IHC672" s="613"/>
      <c r="IHD672" s="613"/>
      <c r="IHE672" s="613"/>
      <c r="IHF672" s="613"/>
      <c r="IHG672" s="613"/>
      <c r="IHH672" s="613"/>
      <c r="IHI672" s="613"/>
      <c r="IHJ672" s="613"/>
      <c r="IHK672" s="613"/>
      <c r="IHL672" s="613"/>
      <c r="IHM672" s="613"/>
      <c r="IHN672" s="613"/>
      <c r="IHO672" s="613"/>
      <c r="IHP672" s="613"/>
      <c r="IHQ672" s="613"/>
      <c r="IHR672" s="613"/>
      <c r="IHS672" s="613"/>
      <c r="IHT672" s="613"/>
      <c r="IHU672" s="613"/>
      <c r="IHV672" s="613"/>
      <c r="IHW672" s="613"/>
      <c r="IHX672" s="613"/>
      <c r="IHY672" s="613"/>
      <c r="IHZ672" s="613"/>
      <c r="IIA672" s="613"/>
      <c r="IIB672" s="613"/>
      <c r="IIC672" s="613"/>
      <c r="IID672" s="613"/>
      <c r="IIE672" s="613"/>
      <c r="IIF672" s="613"/>
      <c r="IIG672" s="613"/>
      <c r="IIH672" s="613"/>
      <c r="III672" s="613"/>
      <c r="IIJ672" s="613"/>
      <c r="IIK672" s="613"/>
      <c r="IIL672" s="613"/>
      <c r="IIM672" s="613"/>
      <c r="IIN672" s="613"/>
      <c r="IIO672" s="613"/>
      <c r="IIP672" s="613"/>
      <c r="IIQ672" s="613"/>
      <c r="IIR672" s="613"/>
      <c r="IIS672" s="613"/>
      <c r="IIT672" s="613"/>
      <c r="IIU672" s="613"/>
      <c r="IIV672" s="613"/>
      <c r="IIW672" s="613"/>
      <c r="IIX672" s="613"/>
      <c r="IIY672" s="613"/>
      <c r="IIZ672" s="613"/>
      <c r="IJA672" s="613"/>
      <c r="IJB672" s="613"/>
      <c r="IJC672" s="613"/>
      <c r="IJD672" s="613"/>
      <c r="IJE672" s="613"/>
      <c r="IJF672" s="613"/>
      <c r="IJG672" s="613"/>
      <c r="IJH672" s="613"/>
      <c r="IJI672" s="613"/>
      <c r="IJJ672" s="613"/>
      <c r="IJK672" s="613"/>
      <c r="IJL672" s="613"/>
      <c r="IJM672" s="613"/>
      <c r="IJN672" s="613"/>
      <c r="IJO672" s="613"/>
      <c r="IJP672" s="613"/>
      <c r="IJQ672" s="613"/>
      <c r="IJR672" s="613"/>
      <c r="IJS672" s="613"/>
      <c r="IJT672" s="613"/>
      <c r="IJU672" s="613"/>
      <c r="IJV672" s="613"/>
      <c r="IJW672" s="613"/>
      <c r="IJX672" s="613"/>
      <c r="IJY672" s="613"/>
      <c r="IJZ672" s="613"/>
      <c r="IKA672" s="613"/>
      <c r="IKB672" s="613"/>
      <c r="IKC672" s="613"/>
      <c r="IKD672" s="613"/>
      <c r="IKE672" s="613"/>
      <c r="IKF672" s="613"/>
      <c r="IKG672" s="613"/>
      <c r="IKH672" s="613"/>
      <c r="IKI672" s="613"/>
      <c r="IKJ672" s="613"/>
      <c r="IKK672" s="613"/>
      <c r="IKL672" s="613"/>
      <c r="IKM672" s="613"/>
      <c r="IKN672" s="613"/>
      <c r="IKO672" s="613"/>
      <c r="IKP672" s="613"/>
      <c r="IKQ672" s="613"/>
      <c r="IKR672" s="613"/>
      <c r="IKS672" s="613"/>
      <c r="IKT672" s="613"/>
      <c r="IKU672" s="613"/>
      <c r="IKV672" s="613"/>
      <c r="IKW672" s="613"/>
      <c r="IKX672" s="613"/>
      <c r="IKY672" s="613"/>
      <c r="IKZ672" s="613"/>
      <c r="ILA672" s="613"/>
      <c r="ILB672" s="613"/>
      <c r="ILC672" s="613"/>
      <c r="ILD672" s="613"/>
      <c r="ILE672" s="613"/>
      <c r="ILF672" s="613"/>
      <c r="ILG672" s="613"/>
      <c r="ILH672" s="613"/>
      <c r="ILI672" s="613"/>
      <c r="ILJ672" s="613"/>
      <c r="ILK672" s="613"/>
      <c r="ILL672" s="613"/>
      <c r="ILM672" s="613"/>
      <c r="ILN672" s="613"/>
      <c r="ILO672" s="613"/>
      <c r="ILP672" s="613"/>
      <c r="ILQ672" s="613"/>
      <c r="ILR672" s="613"/>
      <c r="ILS672" s="613"/>
      <c r="ILT672" s="613"/>
      <c r="ILU672" s="613"/>
      <c r="ILV672" s="613"/>
      <c r="ILW672" s="613"/>
      <c r="ILX672" s="613"/>
      <c r="ILY672" s="613"/>
      <c r="ILZ672" s="613"/>
      <c r="IMA672" s="613"/>
      <c r="IMB672" s="613"/>
      <c r="IMC672" s="613"/>
      <c r="IMD672" s="613"/>
      <c r="IME672" s="613"/>
      <c r="IMF672" s="613"/>
      <c r="IMG672" s="613"/>
      <c r="IMH672" s="613"/>
      <c r="IMI672" s="613"/>
      <c r="IMJ672" s="613"/>
      <c r="IMK672" s="613"/>
      <c r="IML672" s="613"/>
      <c r="IMM672" s="613"/>
      <c r="IMN672" s="613"/>
      <c r="IMO672" s="613"/>
      <c r="IMP672" s="613"/>
      <c r="IMQ672" s="613"/>
      <c r="IMR672" s="613"/>
      <c r="IMS672" s="613"/>
      <c r="IMT672" s="613"/>
      <c r="IMU672" s="613"/>
      <c r="IMV672" s="613"/>
      <c r="IMW672" s="613"/>
      <c r="IMX672" s="613"/>
      <c r="IMY672" s="613"/>
      <c r="IMZ672" s="613"/>
      <c r="INA672" s="613"/>
      <c r="INB672" s="613"/>
      <c r="INC672" s="613"/>
      <c r="IND672" s="613"/>
      <c r="INE672" s="613"/>
      <c r="INF672" s="613"/>
      <c r="ING672" s="613"/>
      <c r="INH672" s="613"/>
      <c r="INI672" s="613"/>
      <c r="INJ672" s="613"/>
      <c r="INK672" s="613"/>
      <c r="INL672" s="613"/>
      <c r="INM672" s="613"/>
      <c r="INN672" s="613"/>
      <c r="INO672" s="613"/>
      <c r="INP672" s="613"/>
      <c r="INQ672" s="613"/>
      <c r="INR672" s="613"/>
      <c r="INS672" s="613"/>
      <c r="INT672" s="613"/>
      <c r="INU672" s="613"/>
      <c r="INV672" s="613"/>
      <c r="INW672" s="613"/>
      <c r="INX672" s="613"/>
      <c r="INY672" s="613"/>
      <c r="INZ672" s="613"/>
      <c r="IOA672" s="613"/>
      <c r="IOB672" s="613"/>
      <c r="IOC672" s="613"/>
      <c r="IOD672" s="613"/>
      <c r="IOE672" s="613"/>
      <c r="IOF672" s="613"/>
      <c r="IOG672" s="613"/>
      <c r="IOH672" s="613"/>
      <c r="IOI672" s="613"/>
      <c r="IOJ672" s="613"/>
      <c r="IOK672" s="613"/>
      <c r="IOL672" s="613"/>
      <c r="IOM672" s="613"/>
      <c r="ION672" s="613"/>
      <c r="IOO672" s="613"/>
      <c r="IOP672" s="613"/>
      <c r="IOQ672" s="613"/>
      <c r="IOR672" s="613"/>
      <c r="IOS672" s="613"/>
      <c r="IOT672" s="613"/>
      <c r="IOU672" s="613"/>
      <c r="IOV672" s="613"/>
      <c r="IOW672" s="613"/>
      <c r="IOX672" s="613"/>
      <c r="IOY672" s="613"/>
      <c r="IOZ672" s="613"/>
      <c r="IPA672" s="613"/>
      <c r="IPB672" s="613"/>
      <c r="IPC672" s="613"/>
      <c r="IPD672" s="613"/>
      <c r="IPE672" s="613"/>
      <c r="IPF672" s="613"/>
      <c r="IPG672" s="613"/>
      <c r="IPH672" s="613"/>
      <c r="IPI672" s="613"/>
      <c r="IPJ672" s="613"/>
      <c r="IPK672" s="613"/>
      <c r="IPL672" s="613"/>
      <c r="IPM672" s="613"/>
      <c r="IPN672" s="613"/>
      <c r="IPO672" s="613"/>
      <c r="IPP672" s="613"/>
      <c r="IPQ672" s="613"/>
      <c r="IPR672" s="613"/>
      <c r="IPS672" s="613"/>
      <c r="IPT672" s="613"/>
      <c r="IPU672" s="613"/>
      <c r="IPV672" s="613"/>
      <c r="IPW672" s="613"/>
      <c r="IPX672" s="613"/>
      <c r="IPY672" s="613"/>
      <c r="IPZ672" s="613"/>
      <c r="IQA672" s="613"/>
      <c r="IQB672" s="613"/>
      <c r="IQC672" s="613"/>
      <c r="IQD672" s="613"/>
      <c r="IQE672" s="613"/>
      <c r="IQF672" s="613"/>
      <c r="IQG672" s="613"/>
      <c r="IQH672" s="613"/>
      <c r="IQI672" s="613"/>
      <c r="IQJ672" s="613"/>
      <c r="IQK672" s="613"/>
      <c r="IQL672" s="613"/>
      <c r="IQM672" s="613"/>
      <c r="IQN672" s="613"/>
      <c r="IQO672" s="613"/>
      <c r="IQP672" s="613"/>
      <c r="IQQ672" s="613"/>
      <c r="IQR672" s="613"/>
      <c r="IQS672" s="613"/>
      <c r="IQT672" s="613"/>
      <c r="IQU672" s="613"/>
      <c r="IQV672" s="613"/>
      <c r="IQW672" s="613"/>
      <c r="IQX672" s="613"/>
      <c r="IQY672" s="613"/>
      <c r="IQZ672" s="613"/>
      <c r="IRA672" s="613"/>
      <c r="IRB672" s="613"/>
      <c r="IRC672" s="613"/>
      <c r="IRD672" s="613"/>
      <c r="IRE672" s="613"/>
      <c r="IRF672" s="613"/>
      <c r="IRG672" s="613"/>
      <c r="IRH672" s="613"/>
      <c r="IRI672" s="613"/>
      <c r="IRJ672" s="613"/>
      <c r="IRK672" s="613"/>
      <c r="IRL672" s="613"/>
      <c r="IRM672" s="613"/>
      <c r="IRN672" s="613"/>
      <c r="IRO672" s="613"/>
      <c r="IRP672" s="613"/>
      <c r="IRQ672" s="613"/>
      <c r="IRR672" s="613"/>
      <c r="IRS672" s="613"/>
      <c r="IRT672" s="613"/>
      <c r="IRU672" s="613"/>
      <c r="IRV672" s="613"/>
      <c r="IRW672" s="613"/>
      <c r="IRX672" s="613"/>
      <c r="IRY672" s="613"/>
      <c r="IRZ672" s="613"/>
      <c r="ISA672" s="613"/>
      <c r="ISB672" s="613"/>
      <c r="ISC672" s="613"/>
      <c r="ISD672" s="613"/>
      <c r="ISE672" s="613"/>
      <c r="ISF672" s="613"/>
      <c r="ISG672" s="613"/>
      <c r="ISH672" s="613"/>
      <c r="ISI672" s="613"/>
      <c r="ISJ672" s="613"/>
      <c r="ISK672" s="613"/>
      <c r="ISL672" s="613"/>
      <c r="ISM672" s="613"/>
      <c r="ISN672" s="613"/>
      <c r="ISO672" s="613"/>
      <c r="ISP672" s="613"/>
      <c r="ISQ672" s="613"/>
      <c r="ISR672" s="613"/>
      <c r="ISS672" s="613"/>
      <c r="IST672" s="613"/>
      <c r="ISU672" s="613"/>
      <c r="ISV672" s="613"/>
      <c r="ISW672" s="613"/>
      <c r="ISX672" s="613"/>
      <c r="ISY672" s="613"/>
      <c r="ISZ672" s="613"/>
      <c r="ITA672" s="613"/>
      <c r="ITB672" s="613"/>
      <c r="ITC672" s="613"/>
      <c r="ITD672" s="613"/>
      <c r="ITE672" s="613"/>
      <c r="ITF672" s="613"/>
      <c r="ITG672" s="613"/>
      <c r="ITH672" s="613"/>
      <c r="ITI672" s="613"/>
      <c r="ITJ672" s="613"/>
      <c r="ITK672" s="613"/>
      <c r="ITL672" s="613"/>
      <c r="ITM672" s="613"/>
      <c r="ITN672" s="613"/>
      <c r="ITO672" s="613"/>
      <c r="ITP672" s="613"/>
      <c r="ITQ672" s="613"/>
      <c r="ITR672" s="613"/>
      <c r="ITS672" s="613"/>
      <c r="ITT672" s="613"/>
      <c r="ITU672" s="613"/>
      <c r="ITV672" s="613"/>
      <c r="ITW672" s="613"/>
      <c r="ITX672" s="613"/>
      <c r="ITY672" s="613"/>
      <c r="ITZ672" s="613"/>
      <c r="IUA672" s="613"/>
      <c r="IUB672" s="613"/>
      <c r="IUC672" s="613"/>
      <c r="IUD672" s="613"/>
      <c r="IUE672" s="613"/>
      <c r="IUF672" s="613"/>
      <c r="IUG672" s="613"/>
      <c r="IUH672" s="613"/>
      <c r="IUI672" s="613"/>
      <c r="IUJ672" s="613"/>
      <c r="IUK672" s="613"/>
      <c r="IUL672" s="613"/>
      <c r="IUM672" s="613"/>
      <c r="IUN672" s="613"/>
      <c r="IUO672" s="613"/>
      <c r="IUP672" s="613"/>
      <c r="IUQ672" s="613"/>
      <c r="IUR672" s="613"/>
      <c r="IUS672" s="613"/>
      <c r="IUT672" s="613"/>
      <c r="IUU672" s="613"/>
      <c r="IUV672" s="613"/>
      <c r="IUW672" s="613"/>
      <c r="IUX672" s="613"/>
      <c r="IUY672" s="613"/>
      <c r="IUZ672" s="613"/>
      <c r="IVA672" s="613"/>
      <c r="IVB672" s="613"/>
      <c r="IVC672" s="613"/>
      <c r="IVD672" s="613"/>
      <c r="IVE672" s="613"/>
      <c r="IVF672" s="613"/>
      <c r="IVG672" s="613"/>
      <c r="IVH672" s="613"/>
      <c r="IVI672" s="613"/>
      <c r="IVJ672" s="613"/>
      <c r="IVK672" s="613"/>
      <c r="IVL672" s="613"/>
      <c r="IVM672" s="613"/>
      <c r="IVN672" s="613"/>
      <c r="IVO672" s="613"/>
      <c r="IVP672" s="613"/>
      <c r="IVQ672" s="613"/>
      <c r="IVR672" s="613"/>
      <c r="IVS672" s="613"/>
      <c r="IVT672" s="613"/>
      <c r="IVU672" s="613"/>
      <c r="IVV672" s="613"/>
      <c r="IVW672" s="613"/>
      <c r="IVX672" s="613"/>
      <c r="IVY672" s="613"/>
      <c r="IVZ672" s="613"/>
      <c r="IWA672" s="613"/>
      <c r="IWB672" s="613"/>
      <c r="IWC672" s="613"/>
      <c r="IWD672" s="613"/>
      <c r="IWE672" s="613"/>
      <c r="IWF672" s="613"/>
      <c r="IWG672" s="613"/>
      <c r="IWH672" s="613"/>
      <c r="IWI672" s="613"/>
      <c r="IWJ672" s="613"/>
      <c r="IWK672" s="613"/>
      <c r="IWL672" s="613"/>
      <c r="IWM672" s="613"/>
      <c r="IWN672" s="613"/>
      <c r="IWO672" s="613"/>
      <c r="IWP672" s="613"/>
      <c r="IWQ672" s="613"/>
      <c r="IWR672" s="613"/>
      <c r="IWS672" s="613"/>
      <c r="IWT672" s="613"/>
      <c r="IWU672" s="613"/>
      <c r="IWV672" s="613"/>
      <c r="IWW672" s="613"/>
      <c r="IWX672" s="613"/>
      <c r="IWY672" s="613"/>
      <c r="IWZ672" s="613"/>
      <c r="IXA672" s="613"/>
      <c r="IXB672" s="613"/>
      <c r="IXC672" s="613"/>
      <c r="IXD672" s="613"/>
      <c r="IXE672" s="613"/>
      <c r="IXF672" s="613"/>
      <c r="IXG672" s="613"/>
      <c r="IXH672" s="613"/>
      <c r="IXI672" s="613"/>
      <c r="IXJ672" s="613"/>
      <c r="IXK672" s="613"/>
      <c r="IXL672" s="613"/>
      <c r="IXM672" s="613"/>
      <c r="IXN672" s="613"/>
      <c r="IXO672" s="613"/>
      <c r="IXP672" s="613"/>
      <c r="IXQ672" s="613"/>
      <c r="IXR672" s="613"/>
      <c r="IXS672" s="613"/>
      <c r="IXT672" s="613"/>
      <c r="IXU672" s="613"/>
      <c r="IXV672" s="613"/>
      <c r="IXW672" s="613"/>
      <c r="IXX672" s="613"/>
      <c r="IXY672" s="613"/>
      <c r="IXZ672" s="613"/>
      <c r="IYA672" s="613"/>
      <c r="IYB672" s="613"/>
      <c r="IYC672" s="613"/>
      <c r="IYD672" s="613"/>
      <c r="IYE672" s="613"/>
      <c r="IYF672" s="613"/>
      <c r="IYG672" s="613"/>
      <c r="IYH672" s="613"/>
      <c r="IYI672" s="613"/>
      <c r="IYJ672" s="613"/>
      <c r="IYK672" s="613"/>
      <c r="IYL672" s="613"/>
      <c r="IYM672" s="613"/>
      <c r="IYN672" s="613"/>
      <c r="IYO672" s="613"/>
      <c r="IYP672" s="613"/>
      <c r="IYQ672" s="613"/>
      <c r="IYR672" s="613"/>
      <c r="IYS672" s="613"/>
      <c r="IYT672" s="613"/>
      <c r="IYU672" s="613"/>
      <c r="IYV672" s="613"/>
      <c r="IYW672" s="613"/>
      <c r="IYX672" s="613"/>
      <c r="IYY672" s="613"/>
      <c r="IYZ672" s="613"/>
      <c r="IZA672" s="613"/>
      <c r="IZB672" s="613"/>
      <c r="IZC672" s="613"/>
      <c r="IZD672" s="613"/>
      <c r="IZE672" s="613"/>
      <c r="IZF672" s="613"/>
      <c r="IZG672" s="613"/>
      <c r="IZH672" s="613"/>
      <c r="IZI672" s="613"/>
      <c r="IZJ672" s="613"/>
      <c r="IZK672" s="613"/>
      <c r="IZL672" s="613"/>
      <c r="IZM672" s="613"/>
      <c r="IZN672" s="613"/>
      <c r="IZO672" s="613"/>
      <c r="IZP672" s="613"/>
      <c r="IZQ672" s="613"/>
      <c r="IZR672" s="613"/>
      <c r="IZS672" s="613"/>
      <c r="IZT672" s="613"/>
      <c r="IZU672" s="613"/>
      <c r="IZV672" s="613"/>
      <c r="IZW672" s="613"/>
      <c r="IZX672" s="613"/>
      <c r="IZY672" s="613"/>
      <c r="IZZ672" s="613"/>
      <c r="JAA672" s="613"/>
      <c r="JAB672" s="613"/>
      <c r="JAC672" s="613"/>
      <c r="JAD672" s="613"/>
      <c r="JAE672" s="613"/>
      <c r="JAF672" s="613"/>
      <c r="JAG672" s="613"/>
      <c r="JAH672" s="613"/>
      <c r="JAI672" s="613"/>
      <c r="JAJ672" s="613"/>
      <c r="JAK672" s="613"/>
      <c r="JAL672" s="613"/>
      <c r="JAM672" s="613"/>
      <c r="JAN672" s="613"/>
      <c r="JAO672" s="613"/>
      <c r="JAP672" s="613"/>
      <c r="JAQ672" s="613"/>
      <c r="JAR672" s="613"/>
      <c r="JAS672" s="613"/>
      <c r="JAT672" s="613"/>
      <c r="JAU672" s="613"/>
      <c r="JAV672" s="613"/>
      <c r="JAW672" s="613"/>
      <c r="JAX672" s="613"/>
      <c r="JAY672" s="613"/>
      <c r="JAZ672" s="613"/>
      <c r="JBA672" s="613"/>
      <c r="JBB672" s="613"/>
      <c r="JBC672" s="613"/>
      <c r="JBD672" s="613"/>
      <c r="JBE672" s="613"/>
      <c r="JBF672" s="613"/>
      <c r="JBG672" s="613"/>
      <c r="JBH672" s="613"/>
      <c r="JBI672" s="613"/>
      <c r="JBJ672" s="613"/>
      <c r="JBK672" s="613"/>
      <c r="JBL672" s="613"/>
      <c r="JBM672" s="613"/>
      <c r="JBN672" s="613"/>
      <c r="JBO672" s="613"/>
      <c r="JBP672" s="613"/>
      <c r="JBQ672" s="613"/>
      <c r="JBR672" s="613"/>
      <c r="JBS672" s="613"/>
      <c r="JBT672" s="613"/>
      <c r="JBU672" s="613"/>
      <c r="JBV672" s="613"/>
      <c r="JBW672" s="613"/>
      <c r="JBX672" s="613"/>
      <c r="JBY672" s="613"/>
      <c r="JBZ672" s="613"/>
      <c r="JCA672" s="613"/>
      <c r="JCB672" s="613"/>
      <c r="JCC672" s="613"/>
      <c r="JCD672" s="613"/>
      <c r="JCE672" s="613"/>
      <c r="JCF672" s="613"/>
      <c r="JCG672" s="613"/>
      <c r="JCH672" s="613"/>
      <c r="JCI672" s="613"/>
      <c r="JCJ672" s="613"/>
      <c r="JCK672" s="613"/>
      <c r="JCL672" s="613"/>
      <c r="JCM672" s="613"/>
      <c r="JCN672" s="613"/>
      <c r="JCO672" s="613"/>
      <c r="JCP672" s="613"/>
      <c r="JCQ672" s="613"/>
      <c r="JCR672" s="613"/>
      <c r="JCS672" s="613"/>
      <c r="JCT672" s="613"/>
      <c r="JCU672" s="613"/>
      <c r="JCV672" s="613"/>
      <c r="JCW672" s="613"/>
      <c r="JCX672" s="613"/>
      <c r="JCY672" s="613"/>
      <c r="JCZ672" s="613"/>
      <c r="JDA672" s="613"/>
      <c r="JDB672" s="613"/>
      <c r="JDC672" s="613"/>
      <c r="JDD672" s="613"/>
      <c r="JDE672" s="613"/>
      <c r="JDF672" s="613"/>
      <c r="JDG672" s="613"/>
      <c r="JDH672" s="613"/>
      <c r="JDI672" s="613"/>
      <c r="JDJ672" s="613"/>
      <c r="JDK672" s="613"/>
      <c r="JDL672" s="613"/>
      <c r="JDM672" s="613"/>
      <c r="JDN672" s="613"/>
      <c r="JDO672" s="613"/>
      <c r="JDP672" s="613"/>
      <c r="JDQ672" s="613"/>
      <c r="JDR672" s="613"/>
      <c r="JDS672" s="613"/>
      <c r="JDT672" s="613"/>
      <c r="JDU672" s="613"/>
      <c r="JDV672" s="613"/>
      <c r="JDW672" s="613"/>
      <c r="JDX672" s="613"/>
      <c r="JDY672" s="613"/>
      <c r="JDZ672" s="613"/>
      <c r="JEA672" s="613"/>
      <c r="JEB672" s="613"/>
      <c r="JEC672" s="613"/>
      <c r="JED672" s="613"/>
      <c r="JEE672" s="613"/>
      <c r="JEF672" s="613"/>
      <c r="JEG672" s="613"/>
      <c r="JEH672" s="613"/>
      <c r="JEI672" s="613"/>
      <c r="JEJ672" s="613"/>
      <c r="JEK672" s="613"/>
      <c r="JEL672" s="613"/>
      <c r="JEM672" s="613"/>
      <c r="JEN672" s="613"/>
      <c r="JEO672" s="613"/>
      <c r="JEP672" s="613"/>
      <c r="JEQ672" s="613"/>
      <c r="JER672" s="613"/>
      <c r="JES672" s="613"/>
      <c r="JET672" s="613"/>
      <c r="JEU672" s="613"/>
      <c r="JEV672" s="613"/>
      <c r="JEW672" s="613"/>
      <c r="JEX672" s="613"/>
      <c r="JEY672" s="613"/>
      <c r="JEZ672" s="613"/>
      <c r="JFA672" s="613"/>
      <c r="JFB672" s="613"/>
      <c r="JFC672" s="613"/>
      <c r="JFD672" s="613"/>
      <c r="JFE672" s="613"/>
      <c r="JFF672" s="613"/>
      <c r="JFG672" s="613"/>
      <c r="JFH672" s="613"/>
      <c r="JFI672" s="613"/>
      <c r="JFJ672" s="613"/>
      <c r="JFK672" s="613"/>
      <c r="JFL672" s="613"/>
      <c r="JFM672" s="613"/>
      <c r="JFN672" s="613"/>
      <c r="JFO672" s="613"/>
      <c r="JFP672" s="613"/>
      <c r="JFQ672" s="613"/>
      <c r="JFR672" s="613"/>
      <c r="JFS672" s="613"/>
      <c r="JFT672" s="613"/>
      <c r="JFU672" s="613"/>
      <c r="JFV672" s="613"/>
      <c r="JFW672" s="613"/>
      <c r="JFX672" s="613"/>
      <c r="JFY672" s="613"/>
      <c r="JFZ672" s="613"/>
      <c r="JGA672" s="613"/>
      <c r="JGB672" s="613"/>
      <c r="JGC672" s="613"/>
      <c r="JGD672" s="613"/>
      <c r="JGE672" s="613"/>
      <c r="JGF672" s="613"/>
      <c r="JGG672" s="613"/>
      <c r="JGH672" s="613"/>
      <c r="JGI672" s="613"/>
      <c r="JGJ672" s="613"/>
      <c r="JGK672" s="613"/>
      <c r="JGL672" s="613"/>
      <c r="JGM672" s="613"/>
      <c r="JGN672" s="613"/>
      <c r="JGO672" s="613"/>
      <c r="JGP672" s="613"/>
      <c r="JGQ672" s="613"/>
      <c r="JGR672" s="613"/>
      <c r="JGS672" s="613"/>
      <c r="JGT672" s="613"/>
      <c r="JGU672" s="613"/>
      <c r="JGV672" s="613"/>
      <c r="JGW672" s="613"/>
      <c r="JGX672" s="613"/>
      <c r="JGY672" s="613"/>
      <c r="JGZ672" s="613"/>
      <c r="JHA672" s="613"/>
      <c r="JHB672" s="613"/>
      <c r="JHC672" s="613"/>
      <c r="JHD672" s="613"/>
      <c r="JHE672" s="613"/>
      <c r="JHF672" s="613"/>
      <c r="JHG672" s="613"/>
      <c r="JHH672" s="613"/>
      <c r="JHI672" s="613"/>
      <c r="JHJ672" s="613"/>
      <c r="JHK672" s="613"/>
      <c r="JHL672" s="613"/>
      <c r="JHM672" s="613"/>
      <c r="JHN672" s="613"/>
      <c r="JHO672" s="613"/>
      <c r="JHP672" s="613"/>
      <c r="JHQ672" s="613"/>
      <c r="JHR672" s="613"/>
      <c r="JHS672" s="613"/>
      <c r="JHT672" s="613"/>
      <c r="JHU672" s="613"/>
      <c r="JHV672" s="613"/>
      <c r="JHW672" s="613"/>
      <c r="JHX672" s="613"/>
      <c r="JHY672" s="613"/>
      <c r="JHZ672" s="613"/>
      <c r="JIA672" s="613"/>
      <c r="JIB672" s="613"/>
      <c r="JIC672" s="613"/>
      <c r="JID672" s="613"/>
      <c r="JIE672" s="613"/>
      <c r="JIF672" s="613"/>
      <c r="JIG672" s="613"/>
      <c r="JIH672" s="613"/>
      <c r="JII672" s="613"/>
      <c r="JIJ672" s="613"/>
      <c r="JIK672" s="613"/>
      <c r="JIL672" s="613"/>
      <c r="JIM672" s="613"/>
      <c r="JIN672" s="613"/>
      <c r="JIO672" s="613"/>
      <c r="JIP672" s="613"/>
      <c r="JIQ672" s="613"/>
      <c r="JIR672" s="613"/>
      <c r="JIS672" s="613"/>
      <c r="JIT672" s="613"/>
      <c r="JIU672" s="613"/>
      <c r="JIV672" s="613"/>
      <c r="JIW672" s="613"/>
      <c r="JIX672" s="613"/>
      <c r="JIY672" s="613"/>
      <c r="JIZ672" s="613"/>
      <c r="JJA672" s="613"/>
      <c r="JJB672" s="613"/>
      <c r="JJC672" s="613"/>
      <c r="JJD672" s="613"/>
      <c r="JJE672" s="613"/>
      <c r="JJF672" s="613"/>
      <c r="JJG672" s="613"/>
      <c r="JJH672" s="613"/>
      <c r="JJI672" s="613"/>
      <c r="JJJ672" s="613"/>
      <c r="JJK672" s="613"/>
      <c r="JJL672" s="613"/>
      <c r="JJM672" s="613"/>
      <c r="JJN672" s="613"/>
      <c r="JJO672" s="613"/>
      <c r="JJP672" s="613"/>
      <c r="JJQ672" s="613"/>
      <c r="JJR672" s="613"/>
      <c r="JJS672" s="613"/>
      <c r="JJT672" s="613"/>
      <c r="JJU672" s="613"/>
      <c r="JJV672" s="613"/>
      <c r="JJW672" s="613"/>
      <c r="JJX672" s="613"/>
      <c r="JJY672" s="613"/>
      <c r="JJZ672" s="613"/>
      <c r="JKA672" s="613"/>
      <c r="JKB672" s="613"/>
      <c r="JKC672" s="613"/>
      <c r="JKD672" s="613"/>
      <c r="JKE672" s="613"/>
      <c r="JKF672" s="613"/>
      <c r="JKG672" s="613"/>
      <c r="JKH672" s="613"/>
      <c r="JKI672" s="613"/>
      <c r="JKJ672" s="613"/>
      <c r="JKK672" s="613"/>
      <c r="JKL672" s="613"/>
      <c r="JKM672" s="613"/>
      <c r="JKN672" s="613"/>
      <c r="JKO672" s="613"/>
      <c r="JKP672" s="613"/>
      <c r="JKQ672" s="613"/>
      <c r="JKR672" s="613"/>
      <c r="JKS672" s="613"/>
      <c r="JKT672" s="613"/>
      <c r="JKU672" s="613"/>
      <c r="JKV672" s="613"/>
      <c r="JKW672" s="613"/>
      <c r="JKX672" s="613"/>
      <c r="JKY672" s="613"/>
      <c r="JKZ672" s="613"/>
      <c r="JLA672" s="613"/>
      <c r="JLB672" s="613"/>
      <c r="JLC672" s="613"/>
      <c r="JLD672" s="613"/>
      <c r="JLE672" s="613"/>
      <c r="JLF672" s="613"/>
      <c r="JLG672" s="613"/>
      <c r="JLH672" s="613"/>
      <c r="JLI672" s="613"/>
      <c r="JLJ672" s="613"/>
      <c r="JLK672" s="613"/>
      <c r="JLL672" s="613"/>
      <c r="JLM672" s="613"/>
      <c r="JLN672" s="613"/>
      <c r="JLO672" s="613"/>
      <c r="JLP672" s="613"/>
      <c r="JLQ672" s="613"/>
      <c r="JLR672" s="613"/>
      <c r="JLS672" s="613"/>
      <c r="JLT672" s="613"/>
      <c r="JLU672" s="613"/>
      <c r="JLV672" s="613"/>
      <c r="JLW672" s="613"/>
      <c r="JLX672" s="613"/>
      <c r="JLY672" s="613"/>
      <c r="JLZ672" s="613"/>
      <c r="JMA672" s="613"/>
      <c r="JMB672" s="613"/>
      <c r="JMC672" s="613"/>
      <c r="JMD672" s="613"/>
      <c r="JME672" s="613"/>
      <c r="JMF672" s="613"/>
      <c r="JMG672" s="613"/>
      <c r="JMH672" s="613"/>
      <c r="JMI672" s="613"/>
      <c r="JMJ672" s="613"/>
      <c r="JMK672" s="613"/>
      <c r="JML672" s="613"/>
      <c r="JMM672" s="613"/>
      <c r="JMN672" s="613"/>
      <c r="JMO672" s="613"/>
      <c r="JMP672" s="613"/>
      <c r="JMQ672" s="613"/>
      <c r="JMR672" s="613"/>
      <c r="JMS672" s="613"/>
      <c r="JMT672" s="613"/>
      <c r="JMU672" s="613"/>
      <c r="JMV672" s="613"/>
      <c r="JMW672" s="613"/>
      <c r="JMX672" s="613"/>
      <c r="JMY672" s="613"/>
      <c r="JMZ672" s="613"/>
      <c r="JNA672" s="613"/>
      <c r="JNB672" s="613"/>
      <c r="JNC672" s="613"/>
      <c r="JND672" s="613"/>
      <c r="JNE672" s="613"/>
      <c r="JNF672" s="613"/>
      <c r="JNG672" s="613"/>
      <c r="JNH672" s="613"/>
      <c r="JNI672" s="613"/>
      <c r="JNJ672" s="613"/>
      <c r="JNK672" s="613"/>
      <c r="JNL672" s="613"/>
      <c r="JNM672" s="613"/>
      <c r="JNN672" s="613"/>
      <c r="JNO672" s="613"/>
      <c r="JNP672" s="613"/>
      <c r="JNQ672" s="613"/>
      <c r="JNR672" s="613"/>
      <c r="JNS672" s="613"/>
      <c r="JNT672" s="613"/>
      <c r="JNU672" s="613"/>
      <c r="JNV672" s="613"/>
      <c r="JNW672" s="613"/>
      <c r="JNX672" s="613"/>
      <c r="JNY672" s="613"/>
      <c r="JNZ672" s="613"/>
      <c r="JOA672" s="613"/>
      <c r="JOB672" s="613"/>
      <c r="JOC672" s="613"/>
      <c r="JOD672" s="613"/>
      <c r="JOE672" s="613"/>
      <c r="JOF672" s="613"/>
      <c r="JOG672" s="613"/>
      <c r="JOH672" s="613"/>
      <c r="JOI672" s="613"/>
      <c r="JOJ672" s="613"/>
      <c r="JOK672" s="613"/>
      <c r="JOL672" s="613"/>
      <c r="JOM672" s="613"/>
      <c r="JON672" s="613"/>
      <c r="JOO672" s="613"/>
      <c r="JOP672" s="613"/>
      <c r="JOQ672" s="613"/>
      <c r="JOR672" s="613"/>
      <c r="JOS672" s="613"/>
      <c r="JOT672" s="613"/>
      <c r="JOU672" s="613"/>
      <c r="JOV672" s="613"/>
      <c r="JOW672" s="613"/>
      <c r="JOX672" s="613"/>
      <c r="JOY672" s="613"/>
      <c r="JOZ672" s="613"/>
      <c r="JPA672" s="613"/>
      <c r="JPB672" s="613"/>
      <c r="JPC672" s="613"/>
      <c r="JPD672" s="613"/>
      <c r="JPE672" s="613"/>
      <c r="JPF672" s="613"/>
      <c r="JPG672" s="613"/>
      <c r="JPH672" s="613"/>
      <c r="JPI672" s="613"/>
      <c r="JPJ672" s="613"/>
      <c r="JPK672" s="613"/>
      <c r="JPL672" s="613"/>
      <c r="JPM672" s="613"/>
      <c r="JPN672" s="613"/>
      <c r="JPO672" s="613"/>
      <c r="JPP672" s="613"/>
      <c r="JPQ672" s="613"/>
      <c r="JPR672" s="613"/>
      <c r="JPS672" s="613"/>
      <c r="JPT672" s="613"/>
      <c r="JPU672" s="613"/>
      <c r="JPV672" s="613"/>
      <c r="JPW672" s="613"/>
      <c r="JPX672" s="613"/>
      <c r="JPY672" s="613"/>
      <c r="JPZ672" s="613"/>
      <c r="JQA672" s="613"/>
      <c r="JQB672" s="613"/>
      <c r="JQC672" s="613"/>
      <c r="JQD672" s="613"/>
      <c r="JQE672" s="613"/>
      <c r="JQF672" s="613"/>
      <c r="JQG672" s="613"/>
      <c r="JQH672" s="613"/>
      <c r="JQI672" s="613"/>
      <c r="JQJ672" s="613"/>
      <c r="JQK672" s="613"/>
      <c r="JQL672" s="613"/>
      <c r="JQM672" s="613"/>
      <c r="JQN672" s="613"/>
      <c r="JQO672" s="613"/>
      <c r="JQP672" s="613"/>
      <c r="JQQ672" s="613"/>
      <c r="JQR672" s="613"/>
      <c r="JQS672" s="613"/>
      <c r="JQT672" s="613"/>
      <c r="JQU672" s="613"/>
      <c r="JQV672" s="613"/>
      <c r="JQW672" s="613"/>
      <c r="JQX672" s="613"/>
      <c r="JQY672" s="613"/>
      <c r="JQZ672" s="613"/>
      <c r="JRA672" s="613"/>
      <c r="JRB672" s="613"/>
      <c r="JRC672" s="613"/>
      <c r="JRD672" s="613"/>
      <c r="JRE672" s="613"/>
      <c r="JRF672" s="613"/>
      <c r="JRG672" s="613"/>
      <c r="JRH672" s="613"/>
      <c r="JRI672" s="613"/>
      <c r="JRJ672" s="613"/>
      <c r="JRK672" s="613"/>
      <c r="JRL672" s="613"/>
      <c r="JRM672" s="613"/>
      <c r="JRN672" s="613"/>
      <c r="JRO672" s="613"/>
      <c r="JRP672" s="613"/>
      <c r="JRQ672" s="613"/>
      <c r="JRR672" s="613"/>
      <c r="JRS672" s="613"/>
      <c r="JRT672" s="613"/>
      <c r="JRU672" s="613"/>
      <c r="JRV672" s="613"/>
      <c r="JRW672" s="613"/>
      <c r="JRX672" s="613"/>
      <c r="JRY672" s="613"/>
      <c r="JRZ672" s="613"/>
      <c r="JSA672" s="613"/>
      <c r="JSB672" s="613"/>
      <c r="JSC672" s="613"/>
      <c r="JSD672" s="613"/>
      <c r="JSE672" s="613"/>
      <c r="JSF672" s="613"/>
      <c r="JSG672" s="613"/>
      <c r="JSH672" s="613"/>
      <c r="JSI672" s="613"/>
      <c r="JSJ672" s="613"/>
      <c r="JSK672" s="613"/>
      <c r="JSL672" s="613"/>
      <c r="JSM672" s="613"/>
      <c r="JSN672" s="613"/>
      <c r="JSO672" s="613"/>
      <c r="JSP672" s="613"/>
      <c r="JSQ672" s="613"/>
      <c r="JSR672" s="613"/>
      <c r="JSS672" s="613"/>
      <c r="JST672" s="613"/>
      <c r="JSU672" s="613"/>
      <c r="JSV672" s="613"/>
      <c r="JSW672" s="613"/>
      <c r="JSX672" s="613"/>
      <c r="JSY672" s="613"/>
      <c r="JSZ672" s="613"/>
      <c r="JTA672" s="613"/>
      <c r="JTB672" s="613"/>
      <c r="JTC672" s="613"/>
      <c r="JTD672" s="613"/>
      <c r="JTE672" s="613"/>
      <c r="JTF672" s="613"/>
      <c r="JTG672" s="613"/>
      <c r="JTH672" s="613"/>
      <c r="JTI672" s="613"/>
      <c r="JTJ672" s="613"/>
      <c r="JTK672" s="613"/>
      <c r="JTL672" s="613"/>
      <c r="JTM672" s="613"/>
      <c r="JTN672" s="613"/>
      <c r="JTO672" s="613"/>
      <c r="JTP672" s="613"/>
      <c r="JTQ672" s="613"/>
      <c r="JTR672" s="613"/>
      <c r="JTS672" s="613"/>
      <c r="JTT672" s="613"/>
      <c r="JTU672" s="613"/>
      <c r="JTV672" s="613"/>
      <c r="JTW672" s="613"/>
      <c r="JTX672" s="613"/>
      <c r="JTY672" s="613"/>
      <c r="JTZ672" s="613"/>
      <c r="JUA672" s="613"/>
      <c r="JUB672" s="613"/>
      <c r="JUC672" s="613"/>
      <c r="JUD672" s="613"/>
      <c r="JUE672" s="613"/>
      <c r="JUF672" s="613"/>
      <c r="JUG672" s="613"/>
      <c r="JUH672" s="613"/>
      <c r="JUI672" s="613"/>
      <c r="JUJ672" s="613"/>
      <c r="JUK672" s="613"/>
      <c r="JUL672" s="613"/>
      <c r="JUM672" s="613"/>
      <c r="JUN672" s="613"/>
      <c r="JUO672" s="613"/>
      <c r="JUP672" s="613"/>
      <c r="JUQ672" s="613"/>
      <c r="JUR672" s="613"/>
      <c r="JUS672" s="613"/>
      <c r="JUT672" s="613"/>
      <c r="JUU672" s="613"/>
      <c r="JUV672" s="613"/>
      <c r="JUW672" s="613"/>
      <c r="JUX672" s="613"/>
      <c r="JUY672" s="613"/>
      <c r="JUZ672" s="613"/>
      <c r="JVA672" s="613"/>
      <c r="JVB672" s="613"/>
      <c r="JVC672" s="613"/>
      <c r="JVD672" s="613"/>
      <c r="JVE672" s="613"/>
      <c r="JVF672" s="613"/>
      <c r="JVG672" s="613"/>
      <c r="JVH672" s="613"/>
      <c r="JVI672" s="613"/>
      <c r="JVJ672" s="613"/>
      <c r="JVK672" s="613"/>
      <c r="JVL672" s="613"/>
      <c r="JVM672" s="613"/>
      <c r="JVN672" s="613"/>
      <c r="JVO672" s="613"/>
      <c r="JVP672" s="613"/>
      <c r="JVQ672" s="613"/>
      <c r="JVR672" s="613"/>
      <c r="JVS672" s="613"/>
      <c r="JVT672" s="613"/>
      <c r="JVU672" s="613"/>
      <c r="JVV672" s="613"/>
      <c r="JVW672" s="613"/>
      <c r="JVX672" s="613"/>
      <c r="JVY672" s="613"/>
      <c r="JVZ672" s="613"/>
      <c r="JWA672" s="613"/>
      <c r="JWB672" s="613"/>
      <c r="JWC672" s="613"/>
      <c r="JWD672" s="613"/>
      <c r="JWE672" s="613"/>
      <c r="JWF672" s="613"/>
      <c r="JWG672" s="613"/>
      <c r="JWH672" s="613"/>
      <c r="JWI672" s="613"/>
      <c r="JWJ672" s="613"/>
      <c r="JWK672" s="613"/>
      <c r="JWL672" s="613"/>
      <c r="JWM672" s="613"/>
      <c r="JWN672" s="613"/>
      <c r="JWO672" s="613"/>
      <c r="JWP672" s="613"/>
      <c r="JWQ672" s="613"/>
      <c r="JWR672" s="613"/>
      <c r="JWS672" s="613"/>
      <c r="JWT672" s="613"/>
      <c r="JWU672" s="613"/>
      <c r="JWV672" s="613"/>
      <c r="JWW672" s="613"/>
      <c r="JWX672" s="613"/>
      <c r="JWY672" s="613"/>
      <c r="JWZ672" s="613"/>
      <c r="JXA672" s="613"/>
      <c r="JXB672" s="613"/>
      <c r="JXC672" s="613"/>
      <c r="JXD672" s="613"/>
      <c r="JXE672" s="613"/>
      <c r="JXF672" s="613"/>
      <c r="JXG672" s="613"/>
      <c r="JXH672" s="613"/>
      <c r="JXI672" s="613"/>
      <c r="JXJ672" s="613"/>
      <c r="JXK672" s="613"/>
      <c r="JXL672" s="613"/>
      <c r="JXM672" s="613"/>
      <c r="JXN672" s="613"/>
      <c r="JXO672" s="613"/>
      <c r="JXP672" s="613"/>
      <c r="JXQ672" s="613"/>
      <c r="JXR672" s="613"/>
      <c r="JXS672" s="613"/>
      <c r="JXT672" s="613"/>
      <c r="JXU672" s="613"/>
      <c r="JXV672" s="613"/>
      <c r="JXW672" s="613"/>
      <c r="JXX672" s="613"/>
      <c r="JXY672" s="613"/>
      <c r="JXZ672" s="613"/>
      <c r="JYA672" s="613"/>
      <c r="JYB672" s="613"/>
      <c r="JYC672" s="613"/>
      <c r="JYD672" s="613"/>
      <c r="JYE672" s="613"/>
      <c r="JYF672" s="613"/>
      <c r="JYG672" s="613"/>
      <c r="JYH672" s="613"/>
      <c r="JYI672" s="613"/>
      <c r="JYJ672" s="613"/>
      <c r="JYK672" s="613"/>
      <c r="JYL672" s="613"/>
      <c r="JYM672" s="613"/>
      <c r="JYN672" s="613"/>
      <c r="JYO672" s="613"/>
      <c r="JYP672" s="613"/>
      <c r="JYQ672" s="613"/>
      <c r="JYR672" s="613"/>
      <c r="JYS672" s="613"/>
      <c r="JYT672" s="613"/>
      <c r="JYU672" s="613"/>
      <c r="JYV672" s="613"/>
      <c r="JYW672" s="613"/>
      <c r="JYX672" s="613"/>
      <c r="JYY672" s="613"/>
      <c r="JYZ672" s="613"/>
      <c r="JZA672" s="613"/>
      <c r="JZB672" s="613"/>
      <c r="JZC672" s="613"/>
      <c r="JZD672" s="613"/>
      <c r="JZE672" s="613"/>
      <c r="JZF672" s="613"/>
      <c r="JZG672" s="613"/>
      <c r="JZH672" s="613"/>
      <c r="JZI672" s="613"/>
      <c r="JZJ672" s="613"/>
      <c r="JZK672" s="613"/>
      <c r="JZL672" s="613"/>
      <c r="JZM672" s="613"/>
      <c r="JZN672" s="613"/>
      <c r="JZO672" s="613"/>
      <c r="JZP672" s="613"/>
      <c r="JZQ672" s="613"/>
      <c r="JZR672" s="613"/>
      <c r="JZS672" s="613"/>
      <c r="JZT672" s="613"/>
      <c r="JZU672" s="613"/>
      <c r="JZV672" s="613"/>
      <c r="JZW672" s="613"/>
      <c r="JZX672" s="613"/>
      <c r="JZY672" s="613"/>
      <c r="JZZ672" s="613"/>
      <c r="KAA672" s="613"/>
      <c r="KAB672" s="613"/>
      <c r="KAC672" s="613"/>
      <c r="KAD672" s="613"/>
      <c r="KAE672" s="613"/>
      <c r="KAF672" s="613"/>
      <c r="KAG672" s="613"/>
      <c r="KAH672" s="613"/>
      <c r="KAI672" s="613"/>
      <c r="KAJ672" s="613"/>
      <c r="KAK672" s="613"/>
      <c r="KAL672" s="613"/>
      <c r="KAM672" s="613"/>
      <c r="KAN672" s="613"/>
      <c r="KAO672" s="613"/>
      <c r="KAP672" s="613"/>
      <c r="KAQ672" s="613"/>
      <c r="KAR672" s="613"/>
      <c r="KAS672" s="613"/>
      <c r="KAT672" s="613"/>
      <c r="KAU672" s="613"/>
      <c r="KAV672" s="613"/>
      <c r="KAW672" s="613"/>
      <c r="KAX672" s="613"/>
      <c r="KAY672" s="613"/>
      <c r="KAZ672" s="613"/>
      <c r="KBA672" s="613"/>
      <c r="KBB672" s="613"/>
      <c r="KBC672" s="613"/>
      <c r="KBD672" s="613"/>
      <c r="KBE672" s="613"/>
      <c r="KBF672" s="613"/>
      <c r="KBG672" s="613"/>
      <c r="KBH672" s="613"/>
      <c r="KBI672" s="613"/>
      <c r="KBJ672" s="613"/>
      <c r="KBK672" s="613"/>
      <c r="KBL672" s="613"/>
      <c r="KBM672" s="613"/>
      <c r="KBN672" s="613"/>
      <c r="KBO672" s="613"/>
      <c r="KBP672" s="613"/>
      <c r="KBQ672" s="613"/>
      <c r="KBR672" s="613"/>
      <c r="KBS672" s="613"/>
      <c r="KBT672" s="613"/>
      <c r="KBU672" s="613"/>
      <c r="KBV672" s="613"/>
      <c r="KBW672" s="613"/>
      <c r="KBX672" s="613"/>
      <c r="KBY672" s="613"/>
      <c r="KBZ672" s="613"/>
      <c r="KCA672" s="613"/>
      <c r="KCB672" s="613"/>
      <c r="KCC672" s="613"/>
      <c r="KCD672" s="613"/>
      <c r="KCE672" s="613"/>
      <c r="KCF672" s="613"/>
      <c r="KCG672" s="613"/>
      <c r="KCH672" s="613"/>
      <c r="KCI672" s="613"/>
      <c r="KCJ672" s="613"/>
      <c r="KCK672" s="613"/>
      <c r="KCL672" s="613"/>
      <c r="KCM672" s="613"/>
      <c r="KCN672" s="613"/>
      <c r="KCO672" s="613"/>
      <c r="KCP672" s="613"/>
      <c r="KCQ672" s="613"/>
      <c r="KCR672" s="613"/>
      <c r="KCS672" s="613"/>
      <c r="KCT672" s="613"/>
      <c r="KCU672" s="613"/>
      <c r="KCV672" s="613"/>
      <c r="KCW672" s="613"/>
      <c r="KCX672" s="613"/>
      <c r="KCY672" s="613"/>
      <c r="KCZ672" s="613"/>
      <c r="KDA672" s="613"/>
      <c r="KDB672" s="613"/>
      <c r="KDC672" s="613"/>
      <c r="KDD672" s="613"/>
      <c r="KDE672" s="613"/>
      <c r="KDF672" s="613"/>
      <c r="KDG672" s="613"/>
      <c r="KDH672" s="613"/>
      <c r="KDI672" s="613"/>
      <c r="KDJ672" s="613"/>
      <c r="KDK672" s="613"/>
      <c r="KDL672" s="613"/>
      <c r="KDM672" s="613"/>
      <c r="KDN672" s="613"/>
      <c r="KDO672" s="613"/>
      <c r="KDP672" s="613"/>
      <c r="KDQ672" s="613"/>
      <c r="KDR672" s="613"/>
      <c r="KDS672" s="613"/>
      <c r="KDT672" s="613"/>
      <c r="KDU672" s="613"/>
      <c r="KDV672" s="613"/>
      <c r="KDW672" s="613"/>
      <c r="KDX672" s="613"/>
      <c r="KDY672" s="613"/>
      <c r="KDZ672" s="613"/>
      <c r="KEA672" s="613"/>
      <c r="KEB672" s="613"/>
      <c r="KEC672" s="613"/>
      <c r="KED672" s="613"/>
      <c r="KEE672" s="613"/>
      <c r="KEF672" s="613"/>
      <c r="KEG672" s="613"/>
      <c r="KEH672" s="613"/>
      <c r="KEI672" s="613"/>
      <c r="KEJ672" s="613"/>
      <c r="KEK672" s="613"/>
      <c r="KEL672" s="613"/>
      <c r="KEM672" s="613"/>
      <c r="KEN672" s="613"/>
      <c r="KEO672" s="613"/>
      <c r="KEP672" s="613"/>
      <c r="KEQ672" s="613"/>
      <c r="KER672" s="613"/>
      <c r="KES672" s="613"/>
      <c r="KET672" s="613"/>
      <c r="KEU672" s="613"/>
      <c r="KEV672" s="613"/>
      <c r="KEW672" s="613"/>
      <c r="KEX672" s="613"/>
      <c r="KEY672" s="613"/>
      <c r="KEZ672" s="613"/>
      <c r="KFA672" s="613"/>
      <c r="KFB672" s="613"/>
      <c r="KFC672" s="613"/>
      <c r="KFD672" s="613"/>
      <c r="KFE672" s="613"/>
      <c r="KFF672" s="613"/>
      <c r="KFG672" s="613"/>
      <c r="KFH672" s="613"/>
      <c r="KFI672" s="613"/>
      <c r="KFJ672" s="613"/>
      <c r="KFK672" s="613"/>
      <c r="KFL672" s="613"/>
      <c r="KFM672" s="613"/>
      <c r="KFN672" s="613"/>
      <c r="KFO672" s="613"/>
      <c r="KFP672" s="613"/>
      <c r="KFQ672" s="613"/>
      <c r="KFR672" s="613"/>
      <c r="KFS672" s="613"/>
      <c r="KFT672" s="613"/>
      <c r="KFU672" s="613"/>
      <c r="KFV672" s="613"/>
      <c r="KFW672" s="613"/>
      <c r="KFX672" s="613"/>
      <c r="KFY672" s="613"/>
      <c r="KFZ672" s="613"/>
      <c r="KGA672" s="613"/>
      <c r="KGB672" s="613"/>
      <c r="KGC672" s="613"/>
      <c r="KGD672" s="613"/>
      <c r="KGE672" s="613"/>
      <c r="KGF672" s="613"/>
      <c r="KGG672" s="613"/>
      <c r="KGH672" s="613"/>
      <c r="KGI672" s="613"/>
      <c r="KGJ672" s="613"/>
      <c r="KGK672" s="613"/>
      <c r="KGL672" s="613"/>
      <c r="KGM672" s="613"/>
      <c r="KGN672" s="613"/>
      <c r="KGO672" s="613"/>
      <c r="KGP672" s="613"/>
      <c r="KGQ672" s="613"/>
      <c r="KGR672" s="613"/>
      <c r="KGS672" s="613"/>
      <c r="KGT672" s="613"/>
      <c r="KGU672" s="613"/>
      <c r="KGV672" s="613"/>
      <c r="KGW672" s="613"/>
      <c r="KGX672" s="613"/>
      <c r="KGY672" s="613"/>
      <c r="KGZ672" s="613"/>
      <c r="KHA672" s="613"/>
      <c r="KHB672" s="613"/>
      <c r="KHC672" s="613"/>
      <c r="KHD672" s="613"/>
      <c r="KHE672" s="613"/>
      <c r="KHF672" s="613"/>
      <c r="KHG672" s="613"/>
      <c r="KHH672" s="613"/>
      <c r="KHI672" s="613"/>
      <c r="KHJ672" s="613"/>
      <c r="KHK672" s="613"/>
      <c r="KHL672" s="613"/>
      <c r="KHM672" s="613"/>
      <c r="KHN672" s="613"/>
      <c r="KHO672" s="613"/>
      <c r="KHP672" s="613"/>
      <c r="KHQ672" s="613"/>
      <c r="KHR672" s="613"/>
      <c r="KHS672" s="613"/>
      <c r="KHT672" s="613"/>
      <c r="KHU672" s="613"/>
      <c r="KHV672" s="613"/>
      <c r="KHW672" s="613"/>
      <c r="KHX672" s="613"/>
      <c r="KHY672" s="613"/>
      <c r="KHZ672" s="613"/>
      <c r="KIA672" s="613"/>
      <c r="KIB672" s="613"/>
      <c r="KIC672" s="613"/>
      <c r="KID672" s="613"/>
      <c r="KIE672" s="613"/>
      <c r="KIF672" s="613"/>
      <c r="KIG672" s="613"/>
      <c r="KIH672" s="613"/>
      <c r="KII672" s="613"/>
      <c r="KIJ672" s="613"/>
      <c r="KIK672" s="613"/>
      <c r="KIL672" s="613"/>
      <c r="KIM672" s="613"/>
      <c r="KIN672" s="613"/>
      <c r="KIO672" s="613"/>
      <c r="KIP672" s="613"/>
      <c r="KIQ672" s="613"/>
      <c r="KIR672" s="613"/>
      <c r="KIS672" s="613"/>
      <c r="KIT672" s="613"/>
      <c r="KIU672" s="613"/>
      <c r="KIV672" s="613"/>
      <c r="KIW672" s="613"/>
      <c r="KIX672" s="613"/>
      <c r="KIY672" s="613"/>
      <c r="KIZ672" s="613"/>
      <c r="KJA672" s="613"/>
      <c r="KJB672" s="613"/>
      <c r="KJC672" s="613"/>
      <c r="KJD672" s="613"/>
      <c r="KJE672" s="613"/>
      <c r="KJF672" s="613"/>
      <c r="KJG672" s="613"/>
      <c r="KJH672" s="613"/>
      <c r="KJI672" s="613"/>
      <c r="KJJ672" s="613"/>
      <c r="KJK672" s="613"/>
      <c r="KJL672" s="613"/>
      <c r="KJM672" s="613"/>
      <c r="KJN672" s="613"/>
      <c r="KJO672" s="613"/>
      <c r="KJP672" s="613"/>
      <c r="KJQ672" s="613"/>
      <c r="KJR672" s="613"/>
      <c r="KJS672" s="613"/>
      <c r="KJT672" s="613"/>
      <c r="KJU672" s="613"/>
      <c r="KJV672" s="613"/>
      <c r="KJW672" s="613"/>
      <c r="KJX672" s="613"/>
      <c r="KJY672" s="613"/>
      <c r="KJZ672" s="613"/>
      <c r="KKA672" s="613"/>
      <c r="KKB672" s="613"/>
      <c r="KKC672" s="613"/>
      <c r="KKD672" s="613"/>
      <c r="KKE672" s="613"/>
      <c r="KKF672" s="613"/>
      <c r="KKG672" s="613"/>
      <c r="KKH672" s="613"/>
      <c r="KKI672" s="613"/>
      <c r="KKJ672" s="613"/>
      <c r="KKK672" s="613"/>
      <c r="KKL672" s="613"/>
      <c r="KKM672" s="613"/>
      <c r="KKN672" s="613"/>
      <c r="KKO672" s="613"/>
      <c r="KKP672" s="613"/>
      <c r="KKQ672" s="613"/>
      <c r="KKR672" s="613"/>
      <c r="KKS672" s="613"/>
      <c r="KKT672" s="613"/>
      <c r="KKU672" s="613"/>
      <c r="KKV672" s="613"/>
      <c r="KKW672" s="613"/>
      <c r="KKX672" s="613"/>
      <c r="KKY672" s="613"/>
      <c r="KKZ672" s="613"/>
      <c r="KLA672" s="613"/>
      <c r="KLB672" s="613"/>
      <c r="KLC672" s="613"/>
      <c r="KLD672" s="613"/>
      <c r="KLE672" s="613"/>
      <c r="KLF672" s="613"/>
      <c r="KLG672" s="613"/>
      <c r="KLH672" s="613"/>
      <c r="KLI672" s="613"/>
      <c r="KLJ672" s="613"/>
      <c r="KLK672" s="613"/>
      <c r="KLL672" s="613"/>
      <c r="KLM672" s="613"/>
      <c r="KLN672" s="613"/>
      <c r="KLO672" s="613"/>
      <c r="KLP672" s="613"/>
      <c r="KLQ672" s="613"/>
      <c r="KLR672" s="613"/>
      <c r="KLS672" s="613"/>
      <c r="KLT672" s="613"/>
      <c r="KLU672" s="613"/>
      <c r="KLV672" s="613"/>
      <c r="KLW672" s="613"/>
      <c r="KLX672" s="613"/>
      <c r="KLY672" s="613"/>
      <c r="KLZ672" s="613"/>
      <c r="KMA672" s="613"/>
      <c r="KMB672" s="613"/>
      <c r="KMC672" s="613"/>
      <c r="KMD672" s="613"/>
      <c r="KME672" s="613"/>
      <c r="KMF672" s="613"/>
      <c r="KMG672" s="613"/>
      <c r="KMH672" s="613"/>
      <c r="KMI672" s="613"/>
      <c r="KMJ672" s="613"/>
      <c r="KMK672" s="613"/>
      <c r="KML672" s="613"/>
      <c r="KMM672" s="613"/>
      <c r="KMN672" s="613"/>
      <c r="KMO672" s="613"/>
      <c r="KMP672" s="613"/>
      <c r="KMQ672" s="613"/>
      <c r="KMR672" s="613"/>
      <c r="KMS672" s="613"/>
      <c r="KMT672" s="613"/>
      <c r="KMU672" s="613"/>
      <c r="KMV672" s="613"/>
      <c r="KMW672" s="613"/>
      <c r="KMX672" s="613"/>
      <c r="KMY672" s="613"/>
      <c r="KMZ672" s="613"/>
      <c r="KNA672" s="613"/>
      <c r="KNB672" s="613"/>
      <c r="KNC672" s="613"/>
      <c r="KND672" s="613"/>
      <c r="KNE672" s="613"/>
      <c r="KNF672" s="613"/>
      <c r="KNG672" s="613"/>
      <c r="KNH672" s="613"/>
      <c r="KNI672" s="613"/>
      <c r="KNJ672" s="613"/>
      <c r="KNK672" s="613"/>
      <c r="KNL672" s="613"/>
      <c r="KNM672" s="613"/>
      <c r="KNN672" s="613"/>
      <c r="KNO672" s="613"/>
      <c r="KNP672" s="613"/>
      <c r="KNQ672" s="613"/>
      <c r="KNR672" s="613"/>
      <c r="KNS672" s="613"/>
      <c r="KNT672" s="613"/>
      <c r="KNU672" s="613"/>
      <c r="KNV672" s="613"/>
      <c r="KNW672" s="613"/>
      <c r="KNX672" s="613"/>
      <c r="KNY672" s="613"/>
      <c r="KNZ672" s="613"/>
      <c r="KOA672" s="613"/>
      <c r="KOB672" s="613"/>
      <c r="KOC672" s="613"/>
      <c r="KOD672" s="613"/>
      <c r="KOE672" s="613"/>
      <c r="KOF672" s="613"/>
      <c r="KOG672" s="613"/>
      <c r="KOH672" s="613"/>
      <c r="KOI672" s="613"/>
      <c r="KOJ672" s="613"/>
      <c r="KOK672" s="613"/>
      <c r="KOL672" s="613"/>
      <c r="KOM672" s="613"/>
      <c r="KON672" s="613"/>
      <c r="KOO672" s="613"/>
      <c r="KOP672" s="613"/>
      <c r="KOQ672" s="613"/>
      <c r="KOR672" s="613"/>
      <c r="KOS672" s="613"/>
      <c r="KOT672" s="613"/>
      <c r="KOU672" s="613"/>
      <c r="KOV672" s="613"/>
      <c r="KOW672" s="613"/>
      <c r="KOX672" s="613"/>
      <c r="KOY672" s="613"/>
      <c r="KOZ672" s="613"/>
      <c r="KPA672" s="613"/>
      <c r="KPB672" s="613"/>
      <c r="KPC672" s="613"/>
      <c r="KPD672" s="613"/>
      <c r="KPE672" s="613"/>
      <c r="KPF672" s="613"/>
      <c r="KPG672" s="613"/>
      <c r="KPH672" s="613"/>
      <c r="KPI672" s="613"/>
      <c r="KPJ672" s="613"/>
      <c r="KPK672" s="613"/>
      <c r="KPL672" s="613"/>
      <c r="KPM672" s="613"/>
      <c r="KPN672" s="613"/>
      <c r="KPO672" s="613"/>
      <c r="KPP672" s="613"/>
      <c r="KPQ672" s="613"/>
      <c r="KPR672" s="613"/>
      <c r="KPS672" s="613"/>
      <c r="KPT672" s="613"/>
      <c r="KPU672" s="613"/>
      <c r="KPV672" s="613"/>
      <c r="KPW672" s="613"/>
      <c r="KPX672" s="613"/>
      <c r="KPY672" s="613"/>
      <c r="KPZ672" s="613"/>
      <c r="KQA672" s="613"/>
      <c r="KQB672" s="613"/>
      <c r="KQC672" s="613"/>
      <c r="KQD672" s="613"/>
      <c r="KQE672" s="613"/>
      <c r="KQF672" s="613"/>
      <c r="KQG672" s="613"/>
      <c r="KQH672" s="613"/>
      <c r="KQI672" s="613"/>
      <c r="KQJ672" s="613"/>
      <c r="KQK672" s="613"/>
      <c r="KQL672" s="613"/>
      <c r="KQM672" s="613"/>
      <c r="KQN672" s="613"/>
      <c r="KQO672" s="613"/>
      <c r="KQP672" s="613"/>
      <c r="KQQ672" s="613"/>
      <c r="KQR672" s="613"/>
      <c r="KQS672" s="613"/>
      <c r="KQT672" s="613"/>
      <c r="KQU672" s="613"/>
      <c r="KQV672" s="613"/>
      <c r="KQW672" s="613"/>
      <c r="KQX672" s="613"/>
      <c r="KQY672" s="613"/>
      <c r="KQZ672" s="613"/>
      <c r="KRA672" s="613"/>
      <c r="KRB672" s="613"/>
      <c r="KRC672" s="613"/>
      <c r="KRD672" s="613"/>
      <c r="KRE672" s="613"/>
      <c r="KRF672" s="613"/>
      <c r="KRG672" s="613"/>
      <c r="KRH672" s="613"/>
      <c r="KRI672" s="613"/>
      <c r="KRJ672" s="613"/>
      <c r="KRK672" s="613"/>
      <c r="KRL672" s="613"/>
      <c r="KRM672" s="613"/>
      <c r="KRN672" s="613"/>
      <c r="KRO672" s="613"/>
      <c r="KRP672" s="613"/>
      <c r="KRQ672" s="613"/>
      <c r="KRR672" s="613"/>
      <c r="KRS672" s="613"/>
      <c r="KRT672" s="613"/>
      <c r="KRU672" s="613"/>
      <c r="KRV672" s="613"/>
      <c r="KRW672" s="613"/>
      <c r="KRX672" s="613"/>
      <c r="KRY672" s="613"/>
      <c r="KRZ672" s="613"/>
      <c r="KSA672" s="613"/>
      <c r="KSB672" s="613"/>
      <c r="KSC672" s="613"/>
      <c r="KSD672" s="613"/>
      <c r="KSE672" s="613"/>
      <c r="KSF672" s="613"/>
      <c r="KSG672" s="613"/>
      <c r="KSH672" s="613"/>
      <c r="KSI672" s="613"/>
      <c r="KSJ672" s="613"/>
      <c r="KSK672" s="613"/>
      <c r="KSL672" s="613"/>
      <c r="KSM672" s="613"/>
      <c r="KSN672" s="613"/>
      <c r="KSO672" s="613"/>
      <c r="KSP672" s="613"/>
      <c r="KSQ672" s="613"/>
      <c r="KSR672" s="613"/>
      <c r="KSS672" s="613"/>
      <c r="KST672" s="613"/>
      <c r="KSU672" s="613"/>
      <c r="KSV672" s="613"/>
      <c r="KSW672" s="613"/>
      <c r="KSX672" s="613"/>
      <c r="KSY672" s="613"/>
      <c r="KSZ672" s="613"/>
      <c r="KTA672" s="613"/>
      <c r="KTB672" s="613"/>
      <c r="KTC672" s="613"/>
      <c r="KTD672" s="613"/>
      <c r="KTE672" s="613"/>
      <c r="KTF672" s="613"/>
      <c r="KTG672" s="613"/>
      <c r="KTH672" s="613"/>
      <c r="KTI672" s="613"/>
      <c r="KTJ672" s="613"/>
      <c r="KTK672" s="613"/>
      <c r="KTL672" s="613"/>
      <c r="KTM672" s="613"/>
      <c r="KTN672" s="613"/>
      <c r="KTO672" s="613"/>
      <c r="KTP672" s="613"/>
      <c r="KTQ672" s="613"/>
      <c r="KTR672" s="613"/>
      <c r="KTS672" s="613"/>
      <c r="KTT672" s="613"/>
      <c r="KTU672" s="613"/>
      <c r="KTV672" s="613"/>
      <c r="KTW672" s="613"/>
      <c r="KTX672" s="613"/>
      <c r="KTY672" s="613"/>
      <c r="KTZ672" s="613"/>
      <c r="KUA672" s="613"/>
      <c r="KUB672" s="613"/>
      <c r="KUC672" s="613"/>
      <c r="KUD672" s="613"/>
      <c r="KUE672" s="613"/>
      <c r="KUF672" s="613"/>
      <c r="KUG672" s="613"/>
      <c r="KUH672" s="613"/>
      <c r="KUI672" s="613"/>
      <c r="KUJ672" s="613"/>
      <c r="KUK672" s="613"/>
      <c r="KUL672" s="613"/>
      <c r="KUM672" s="613"/>
      <c r="KUN672" s="613"/>
      <c r="KUO672" s="613"/>
      <c r="KUP672" s="613"/>
      <c r="KUQ672" s="613"/>
      <c r="KUR672" s="613"/>
      <c r="KUS672" s="613"/>
      <c r="KUT672" s="613"/>
      <c r="KUU672" s="613"/>
      <c r="KUV672" s="613"/>
      <c r="KUW672" s="613"/>
      <c r="KUX672" s="613"/>
      <c r="KUY672" s="613"/>
      <c r="KUZ672" s="613"/>
      <c r="KVA672" s="613"/>
      <c r="KVB672" s="613"/>
      <c r="KVC672" s="613"/>
      <c r="KVD672" s="613"/>
      <c r="KVE672" s="613"/>
      <c r="KVF672" s="613"/>
      <c r="KVG672" s="613"/>
      <c r="KVH672" s="613"/>
      <c r="KVI672" s="613"/>
      <c r="KVJ672" s="613"/>
      <c r="KVK672" s="613"/>
      <c r="KVL672" s="613"/>
      <c r="KVM672" s="613"/>
      <c r="KVN672" s="613"/>
      <c r="KVO672" s="613"/>
      <c r="KVP672" s="613"/>
      <c r="KVQ672" s="613"/>
      <c r="KVR672" s="613"/>
      <c r="KVS672" s="613"/>
      <c r="KVT672" s="613"/>
      <c r="KVU672" s="613"/>
      <c r="KVV672" s="613"/>
      <c r="KVW672" s="613"/>
      <c r="KVX672" s="613"/>
      <c r="KVY672" s="613"/>
      <c r="KVZ672" s="613"/>
      <c r="KWA672" s="613"/>
      <c r="KWB672" s="613"/>
      <c r="KWC672" s="613"/>
      <c r="KWD672" s="613"/>
      <c r="KWE672" s="613"/>
      <c r="KWF672" s="613"/>
      <c r="KWG672" s="613"/>
      <c r="KWH672" s="613"/>
      <c r="KWI672" s="613"/>
      <c r="KWJ672" s="613"/>
      <c r="KWK672" s="613"/>
      <c r="KWL672" s="613"/>
      <c r="KWM672" s="613"/>
      <c r="KWN672" s="613"/>
      <c r="KWO672" s="613"/>
      <c r="KWP672" s="613"/>
      <c r="KWQ672" s="613"/>
      <c r="KWR672" s="613"/>
      <c r="KWS672" s="613"/>
      <c r="KWT672" s="613"/>
      <c r="KWU672" s="613"/>
      <c r="KWV672" s="613"/>
      <c r="KWW672" s="613"/>
      <c r="KWX672" s="613"/>
      <c r="KWY672" s="613"/>
      <c r="KWZ672" s="613"/>
      <c r="KXA672" s="613"/>
      <c r="KXB672" s="613"/>
      <c r="KXC672" s="613"/>
      <c r="KXD672" s="613"/>
      <c r="KXE672" s="613"/>
      <c r="KXF672" s="613"/>
      <c r="KXG672" s="613"/>
      <c r="KXH672" s="613"/>
      <c r="KXI672" s="613"/>
      <c r="KXJ672" s="613"/>
      <c r="KXK672" s="613"/>
      <c r="KXL672" s="613"/>
      <c r="KXM672" s="613"/>
      <c r="KXN672" s="613"/>
      <c r="KXO672" s="613"/>
      <c r="KXP672" s="613"/>
      <c r="KXQ672" s="613"/>
      <c r="KXR672" s="613"/>
      <c r="KXS672" s="613"/>
      <c r="KXT672" s="613"/>
      <c r="KXU672" s="613"/>
      <c r="KXV672" s="613"/>
      <c r="KXW672" s="613"/>
      <c r="KXX672" s="613"/>
      <c r="KXY672" s="613"/>
      <c r="KXZ672" s="613"/>
      <c r="KYA672" s="613"/>
      <c r="KYB672" s="613"/>
      <c r="KYC672" s="613"/>
      <c r="KYD672" s="613"/>
      <c r="KYE672" s="613"/>
      <c r="KYF672" s="613"/>
      <c r="KYG672" s="613"/>
      <c r="KYH672" s="613"/>
      <c r="KYI672" s="613"/>
      <c r="KYJ672" s="613"/>
      <c r="KYK672" s="613"/>
      <c r="KYL672" s="613"/>
      <c r="KYM672" s="613"/>
      <c r="KYN672" s="613"/>
      <c r="KYO672" s="613"/>
      <c r="KYP672" s="613"/>
      <c r="KYQ672" s="613"/>
      <c r="KYR672" s="613"/>
      <c r="KYS672" s="613"/>
      <c r="KYT672" s="613"/>
      <c r="KYU672" s="613"/>
      <c r="KYV672" s="613"/>
      <c r="KYW672" s="613"/>
      <c r="KYX672" s="613"/>
      <c r="KYY672" s="613"/>
      <c r="KYZ672" s="613"/>
      <c r="KZA672" s="613"/>
      <c r="KZB672" s="613"/>
      <c r="KZC672" s="613"/>
      <c r="KZD672" s="613"/>
      <c r="KZE672" s="613"/>
      <c r="KZF672" s="613"/>
      <c r="KZG672" s="613"/>
      <c r="KZH672" s="613"/>
      <c r="KZI672" s="613"/>
      <c r="KZJ672" s="613"/>
      <c r="KZK672" s="613"/>
      <c r="KZL672" s="613"/>
      <c r="KZM672" s="613"/>
      <c r="KZN672" s="613"/>
      <c r="KZO672" s="613"/>
      <c r="KZP672" s="613"/>
      <c r="KZQ672" s="613"/>
      <c r="KZR672" s="613"/>
      <c r="KZS672" s="613"/>
      <c r="KZT672" s="613"/>
      <c r="KZU672" s="613"/>
      <c r="KZV672" s="613"/>
      <c r="KZW672" s="613"/>
      <c r="KZX672" s="613"/>
      <c r="KZY672" s="613"/>
      <c r="KZZ672" s="613"/>
      <c r="LAA672" s="613"/>
      <c r="LAB672" s="613"/>
      <c r="LAC672" s="613"/>
      <c r="LAD672" s="613"/>
      <c r="LAE672" s="613"/>
      <c r="LAF672" s="613"/>
      <c r="LAG672" s="613"/>
      <c r="LAH672" s="613"/>
      <c r="LAI672" s="613"/>
      <c r="LAJ672" s="613"/>
      <c r="LAK672" s="613"/>
      <c r="LAL672" s="613"/>
      <c r="LAM672" s="613"/>
      <c r="LAN672" s="613"/>
      <c r="LAO672" s="613"/>
      <c r="LAP672" s="613"/>
      <c r="LAQ672" s="613"/>
      <c r="LAR672" s="613"/>
      <c r="LAS672" s="613"/>
      <c r="LAT672" s="613"/>
      <c r="LAU672" s="613"/>
      <c r="LAV672" s="613"/>
      <c r="LAW672" s="613"/>
      <c r="LAX672" s="613"/>
      <c r="LAY672" s="613"/>
      <c r="LAZ672" s="613"/>
      <c r="LBA672" s="613"/>
      <c r="LBB672" s="613"/>
      <c r="LBC672" s="613"/>
      <c r="LBD672" s="613"/>
      <c r="LBE672" s="613"/>
      <c r="LBF672" s="613"/>
      <c r="LBG672" s="613"/>
      <c r="LBH672" s="613"/>
      <c r="LBI672" s="613"/>
      <c r="LBJ672" s="613"/>
      <c r="LBK672" s="613"/>
      <c r="LBL672" s="613"/>
      <c r="LBM672" s="613"/>
      <c r="LBN672" s="613"/>
      <c r="LBO672" s="613"/>
      <c r="LBP672" s="613"/>
      <c r="LBQ672" s="613"/>
      <c r="LBR672" s="613"/>
      <c r="LBS672" s="613"/>
      <c r="LBT672" s="613"/>
      <c r="LBU672" s="613"/>
      <c r="LBV672" s="613"/>
      <c r="LBW672" s="613"/>
      <c r="LBX672" s="613"/>
      <c r="LBY672" s="613"/>
      <c r="LBZ672" s="613"/>
      <c r="LCA672" s="613"/>
      <c r="LCB672" s="613"/>
      <c r="LCC672" s="613"/>
      <c r="LCD672" s="613"/>
      <c r="LCE672" s="613"/>
      <c r="LCF672" s="613"/>
      <c r="LCG672" s="613"/>
      <c r="LCH672" s="613"/>
      <c r="LCI672" s="613"/>
      <c r="LCJ672" s="613"/>
      <c r="LCK672" s="613"/>
      <c r="LCL672" s="613"/>
      <c r="LCM672" s="613"/>
      <c r="LCN672" s="613"/>
      <c r="LCO672" s="613"/>
      <c r="LCP672" s="613"/>
      <c r="LCQ672" s="613"/>
      <c r="LCR672" s="613"/>
      <c r="LCS672" s="613"/>
      <c r="LCT672" s="613"/>
      <c r="LCU672" s="613"/>
      <c r="LCV672" s="613"/>
      <c r="LCW672" s="613"/>
      <c r="LCX672" s="613"/>
      <c r="LCY672" s="613"/>
      <c r="LCZ672" s="613"/>
      <c r="LDA672" s="613"/>
      <c r="LDB672" s="613"/>
      <c r="LDC672" s="613"/>
      <c r="LDD672" s="613"/>
      <c r="LDE672" s="613"/>
      <c r="LDF672" s="613"/>
      <c r="LDG672" s="613"/>
      <c r="LDH672" s="613"/>
      <c r="LDI672" s="613"/>
      <c r="LDJ672" s="613"/>
      <c r="LDK672" s="613"/>
      <c r="LDL672" s="613"/>
      <c r="LDM672" s="613"/>
      <c r="LDN672" s="613"/>
      <c r="LDO672" s="613"/>
      <c r="LDP672" s="613"/>
      <c r="LDQ672" s="613"/>
      <c r="LDR672" s="613"/>
      <c r="LDS672" s="613"/>
      <c r="LDT672" s="613"/>
      <c r="LDU672" s="613"/>
      <c r="LDV672" s="613"/>
      <c r="LDW672" s="613"/>
      <c r="LDX672" s="613"/>
      <c r="LDY672" s="613"/>
      <c r="LDZ672" s="613"/>
      <c r="LEA672" s="613"/>
      <c r="LEB672" s="613"/>
      <c r="LEC672" s="613"/>
      <c r="LED672" s="613"/>
      <c r="LEE672" s="613"/>
      <c r="LEF672" s="613"/>
      <c r="LEG672" s="613"/>
      <c r="LEH672" s="613"/>
      <c r="LEI672" s="613"/>
      <c r="LEJ672" s="613"/>
      <c r="LEK672" s="613"/>
      <c r="LEL672" s="613"/>
      <c r="LEM672" s="613"/>
      <c r="LEN672" s="613"/>
      <c r="LEO672" s="613"/>
      <c r="LEP672" s="613"/>
      <c r="LEQ672" s="613"/>
      <c r="LER672" s="613"/>
      <c r="LES672" s="613"/>
      <c r="LET672" s="613"/>
      <c r="LEU672" s="613"/>
      <c r="LEV672" s="613"/>
      <c r="LEW672" s="613"/>
      <c r="LEX672" s="613"/>
      <c r="LEY672" s="613"/>
      <c r="LEZ672" s="613"/>
      <c r="LFA672" s="613"/>
      <c r="LFB672" s="613"/>
      <c r="LFC672" s="613"/>
      <c r="LFD672" s="613"/>
      <c r="LFE672" s="613"/>
      <c r="LFF672" s="613"/>
      <c r="LFG672" s="613"/>
      <c r="LFH672" s="613"/>
      <c r="LFI672" s="613"/>
      <c r="LFJ672" s="613"/>
      <c r="LFK672" s="613"/>
      <c r="LFL672" s="613"/>
      <c r="LFM672" s="613"/>
      <c r="LFN672" s="613"/>
      <c r="LFO672" s="613"/>
      <c r="LFP672" s="613"/>
      <c r="LFQ672" s="613"/>
      <c r="LFR672" s="613"/>
      <c r="LFS672" s="613"/>
      <c r="LFT672" s="613"/>
      <c r="LFU672" s="613"/>
      <c r="LFV672" s="613"/>
      <c r="LFW672" s="613"/>
      <c r="LFX672" s="613"/>
      <c r="LFY672" s="613"/>
      <c r="LFZ672" s="613"/>
      <c r="LGA672" s="613"/>
      <c r="LGB672" s="613"/>
      <c r="LGC672" s="613"/>
      <c r="LGD672" s="613"/>
      <c r="LGE672" s="613"/>
      <c r="LGF672" s="613"/>
      <c r="LGG672" s="613"/>
      <c r="LGH672" s="613"/>
      <c r="LGI672" s="613"/>
      <c r="LGJ672" s="613"/>
      <c r="LGK672" s="613"/>
      <c r="LGL672" s="613"/>
      <c r="LGM672" s="613"/>
      <c r="LGN672" s="613"/>
      <c r="LGO672" s="613"/>
      <c r="LGP672" s="613"/>
      <c r="LGQ672" s="613"/>
      <c r="LGR672" s="613"/>
      <c r="LGS672" s="613"/>
      <c r="LGT672" s="613"/>
      <c r="LGU672" s="613"/>
      <c r="LGV672" s="613"/>
      <c r="LGW672" s="613"/>
      <c r="LGX672" s="613"/>
      <c r="LGY672" s="613"/>
      <c r="LGZ672" s="613"/>
      <c r="LHA672" s="613"/>
      <c r="LHB672" s="613"/>
      <c r="LHC672" s="613"/>
      <c r="LHD672" s="613"/>
      <c r="LHE672" s="613"/>
      <c r="LHF672" s="613"/>
      <c r="LHG672" s="613"/>
      <c r="LHH672" s="613"/>
      <c r="LHI672" s="613"/>
      <c r="LHJ672" s="613"/>
      <c r="LHK672" s="613"/>
      <c r="LHL672" s="613"/>
      <c r="LHM672" s="613"/>
      <c r="LHN672" s="613"/>
      <c r="LHO672" s="613"/>
      <c r="LHP672" s="613"/>
      <c r="LHQ672" s="613"/>
      <c r="LHR672" s="613"/>
      <c r="LHS672" s="613"/>
      <c r="LHT672" s="613"/>
      <c r="LHU672" s="613"/>
      <c r="LHV672" s="613"/>
      <c r="LHW672" s="613"/>
      <c r="LHX672" s="613"/>
      <c r="LHY672" s="613"/>
      <c r="LHZ672" s="613"/>
      <c r="LIA672" s="613"/>
      <c r="LIB672" s="613"/>
      <c r="LIC672" s="613"/>
      <c r="LID672" s="613"/>
      <c r="LIE672" s="613"/>
      <c r="LIF672" s="613"/>
      <c r="LIG672" s="613"/>
      <c r="LIH672" s="613"/>
      <c r="LII672" s="613"/>
      <c r="LIJ672" s="613"/>
      <c r="LIK672" s="613"/>
      <c r="LIL672" s="613"/>
      <c r="LIM672" s="613"/>
      <c r="LIN672" s="613"/>
      <c r="LIO672" s="613"/>
      <c r="LIP672" s="613"/>
      <c r="LIQ672" s="613"/>
      <c r="LIR672" s="613"/>
      <c r="LIS672" s="613"/>
      <c r="LIT672" s="613"/>
      <c r="LIU672" s="613"/>
      <c r="LIV672" s="613"/>
      <c r="LIW672" s="613"/>
      <c r="LIX672" s="613"/>
      <c r="LIY672" s="613"/>
      <c r="LIZ672" s="613"/>
      <c r="LJA672" s="613"/>
      <c r="LJB672" s="613"/>
      <c r="LJC672" s="613"/>
      <c r="LJD672" s="613"/>
      <c r="LJE672" s="613"/>
      <c r="LJF672" s="613"/>
      <c r="LJG672" s="613"/>
      <c r="LJH672" s="613"/>
      <c r="LJI672" s="613"/>
      <c r="LJJ672" s="613"/>
      <c r="LJK672" s="613"/>
      <c r="LJL672" s="613"/>
      <c r="LJM672" s="613"/>
      <c r="LJN672" s="613"/>
      <c r="LJO672" s="613"/>
      <c r="LJP672" s="613"/>
      <c r="LJQ672" s="613"/>
      <c r="LJR672" s="613"/>
      <c r="LJS672" s="613"/>
      <c r="LJT672" s="613"/>
      <c r="LJU672" s="613"/>
      <c r="LJV672" s="613"/>
      <c r="LJW672" s="613"/>
      <c r="LJX672" s="613"/>
      <c r="LJY672" s="613"/>
      <c r="LJZ672" s="613"/>
      <c r="LKA672" s="613"/>
      <c r="LKB672" s="613"/>
      <c r="LKC672" s="613"/>
      <c r="LKD672" s="613"/>
      <c r="LKE672" s="613"/>
      <c r="LKF672" s="613"/>
      <c r="LKG672" s="613"/>
      <c r="LKH672" s="613"/>
      <c r="LKI672" s="613"/>
      <c r="LKJ672" s="613"/>
      <c r="LKK672" s="613"/>
      <c r="LKL672" s="613"/>
      <c r="LKM672" s="613"/>
      <c r="LKN672" s="613"/>
      <c r="LKO672" s="613"/>
      <c r="LKP672" s="613"/>
      <c r="LKQ672" s="613"/>
      <c r="LKR672" s="613"/>
      <c r="LKS672" s="613"/>
      <c r="LKT672" s="613"/>
      <c r="LKU672" s="613"/>
      <c r="LKV672" s="613"/>
      <c r="LKW672" s="613"/>
      <c r="LKX672" s="613"/>
      <c r="LKY672" s="613"/>
      <c r="LKZ672" s="613"/>
      <c r="LLA672" s="613"/>
      <c r="LLB672" s="613"/>
      <c r="LLC672" s="613"/>
      <c r="LLD672" s="613"/>
      <c r="LLE672" s="613"/>
      <c r="LLF672" s="613"/>
      <c r="LLG672" s="613"/>
      <c r="LLH672" s="613"/>
      <c r="LLI672" s="613"/>
      <c r="LLJ672" s="613"/>
      <c r="LLK672" s="613"/>
      <c r="LLL672" s="613"/>
      <c r="LLM672" s="613"/>
      <c r="LLN672" s="613"/>
      <c r="LLO672" s="613"/>
      <c r="LLP672" s="613"/>
      <c r="LLQ672" s="613"/>
      <c r="LLR672" s="613"/>
      <c r="LLS672" s="613"/>
      <c r="LLT672" s="613"/>
      <c r="LLU672" s="613"/>
      <c r="LLV672" s="613"/>
      <c r="LLW672" s="613"/>
      <c r="LLX672" s="613"/>
      <c r="LLY672" s="613"/>
      <c r="LLZ672" s="613"/>
      <c r="LMA672" s="613"/>
      <c r="LMB672" s="613"/>
      <c r="LMC672" s="613"/>
      <c r="LMD672" s="613"/>
      <c r="LME672" s="613"/>
      <c r="LMF672" s="613"/>
      <c r="LMG672" s="613"/>
      <c r="LMH672" s="613"/>
      <c r="LMI672" s="613"/>
      <c r="LMJ672" s="613"/>
      <c r="LMK672" s="613"/>
      <c r="LML672" s="613"/>
      <c r="LMM672" s="613"/>
      <c r="LMN672" s="613"/>
      <c r="LMO672" s="613"/>
      <c r="LMP672" s="613"/>
      <c r="LMQ672" s="613"/>
      <c r="LMR672" s="613"/>
      <c r="LMS672" s="613"/>
      <c r="LMT672" s="613"/>
      <c r="LMU672" s="613"/>
      <c r="LMV672" s="613"/>
      <c r="LMW672" s="613"/>
      <c r="LMX672" s="613"/>
      <c r="LMY672" s="613"/>
      <c r="LMZ672" s="613"/>
      <c r="LNA672" s="613"/>
      <c r="LNB672" s="613"/>
      <c r="LNC672" s="613"/>
      <c r="LND672" s="613"/>
      <c r="LNE672" s="613"/>
      <c r="LNF672" s="613"/>
      <c r="LNG672" s="613"/>
      <c r="LNH672" s="613"/>
      <c r="LNI672" s="613"/>
      <c r="LNJ672" s="613"/>
      <c r="LNK672" s="613"/>
      <c r="LNL672" s="613"/>
      <c r="LNM672" s="613"/>
      <c r="LNN672" s="613"/>
      <c r="LNO672" s="613"/>
      <c r="LNP672" s="613"/>
      <c r="LNQ672" s="613"/>
      <c r="LNR672" s="613"/>
      <c r="LNS672" s="613"/>
      <c r="LNT672" s="613"/>
      <c r="LNU672" s="613"/>
      <c r="LNV672" s="613"/>
      <c r="LNW672" s="613"/>
      <c r="LNX672" s="613"/>
      <c r="LNY672" s="613"/>
      <c r="LNZ672" s="613"/>
      <c r="LOA672" s="613"/>
      <c r="LOB672" s="613"/>
      <c r="LOC672" s="613"/>
      <c r="LOD672" s="613"/>
      <c r="LOE672" s="613"/>
      <c r="LOF672" s="613"/>
      <c r="LOG672" s="613"/>
      <c r="LOH672" s="613"/>
      <c r="LOI672" s="613"/>
      <c r="LOJ672" s="613"/>
      <c r="LOK672" s="613"/>
      <c r="LOL672" s="613"/>
      <c r="LOM672" s="613"/>
      <c r="LON672" s="613"/>
      <c r="LOO672" s="613"/>
      <c r="LOP672" s="613"/>
      <c r="LOQ672" s="613"/>
      <c r="LOR672" s="613"/>
      <c r="LOS672" s="613"/>
      <c r="LOT672" s="613"/>
      <c r="LOU672" s="613"/>
      <c r="LOV672" s="613"/>
      <c r="LOW672" s="613"/>
      <c r="LOX672" s="613"/>
      <c r="LOY672" s="613"/>
      <c r="LOZ672" s="613"/>
      <c r="LPA672" s="613"/>
      <c r="LPB672" s="613"/>
      <c r="LPC672" s="613"/>
      <c r="LPD672" s="613"/>
      <c r="LPE672" s="613"/>
      <c r="LPF672" s="613"/>
      <c r="LPG672" s="613"/>
      <c r="LPH672" s="613"/>
      <c r="LPI672" s="613"/>
      <c r="LPJ672" s="613"/>
      <c r="LPK672" s="613"/>
      <c r="LPL672" s="613"/>
      <c r="LPM672" s="613"/>
      <c r="LPN672" s="613"/>
      <c r="LPO672" s="613"/>
      <c r="LPP672" s="613"/>
      <c r="LPQ672" s="613"/>
      <c r="LPR672" s="613"/>
      <c r="LPS672" s="613"/>
      <c r="LPT672" s="613"/>
      <c r="LPU672" s="613"/>
      <c r="LPV672" s="613"/>
      <c r="LPW672" s="613"/>
      <c r="LPX672" s="613"/>
      <c r="LPY672" s="613"/>
      <c r="LPZ672" s="613"/>
      <c r="LQA672" s="613"/>
      <c r="LQB672" s="613"/>
      <c r="LQC672" s="613"/>
      <c r="LQD672" s="613"/>
      <c r="LQE672" s="613"/>
      <c r="LQF672" s="613"/>
      <c r="LQG672" s="613"/>
      <c r="LQH672" s="613"/>
      <c r="LQI672" s="613"/>
      <c r="LQJ672" s="613"/>
      <c r="LQK672" s="613"/>
      <c r="LQL672" s="613"/>
      <c r="LQM672" s="613"/>
      <c r="LQN672" s="613"/>
      <c r="LQO672" s="613"/>
      <c r="LQP672" s="613"/>
      <c r="LQQ672" s="613"/>
      <c r="LQR672" s="613"/>
      <c r="LQS672" s="613"/>
      <c r="LQT672" s="613"/>
      <c r="LQU672" s="613"/>
      <c r="LQV672" s="613"/>
      <c r="LQW672" s="613"/>
      <c r="LQX672" s="613"/>
      <c r="LQY672" s="613"/>
      <c r="LQZ672" s="613"/>
      <c r="LRA672" s="613"/>
      <c r="LRB672" s="613"/>
      <c r="LRC672" s="613"/>
      <c r="LRD672" s="613"/>
      <c r="LRE672" s="613"/>
      <c r="LRF672" s="613"/>
      <c r="LRG672" s="613"/>
      <c r="LRH672" s="613"/>
      <c r="LRI672" s="613"/>
      <c r="LRJ672" s="613"/>
      <c r="LRK672" s="613"/>
      <c r="LRL672" s="613"/>
      <c r="LRM672" s="613"/>
      <c r="LRN672" s="613"/>
      <c r="LRO672" s="613"/>
      <c r="LRP672" s="613"/>
      <c r="LRQ672" s="613"/>
      <c r="LRR672" s="613"/>
      <c r="LRS672" s="613"/>
      <c r="LRT672" s="613"/>
      <c r="LRU672" s="613"/>
      <c r="LRV672" s="613"/>
      <c r="LRW672" s="613"/>
      <c r="LRX672" s="613"/>
      <c r="LRY672" s="613"/>
      <c r="LRZ672" s="613"/>
      <c r="LSA672" s="613"/>
      <c r="LSB672" s="613"/>
      <c r="LSC672" s="613"/>
      <c r="LSD672" s="613"/>
      <c r="LSE672" s="613"/>
      <c r="LSF672" s="613"/>
      <c r="LSG672" s="613"/>
      <c r="LSH672" s="613"/>
      <c r="LSI672" s="613"/>
      <c r="LSJ672" s="613"/>
      <c r="LSK672" s="613"/>
      <c r="LSL672" s="613"/>
      <c r="LSM672" s="613"/>
      <c r="LSN672" s="613"/>
      <c r="LSO672" s="613"/>
      <c r="LSP672" s="613"/>
      <c r="LSQ672" s="613"/>
      <c r="LSR672" s="613"/>
      <c r="LSS672" s="613"/>
      <c r="LST672" s="613"/>
      <c r="LSU672" s="613"/>
      <c r="LSV672" s="613"/>
      <c r="LSW672" s="613"/>
      <c r="LSX672" s="613"/>
      <c r="LSY672" s="613"/>
      <c r="LSZ672" s="613"/>
      <c r="LTA672" s="613"/>
      <c r="LTB672" s="613"/>
      <c r="LTC672" s="613"/>
      <c r="LTD672" s="613"/>
      <c r="LTE672" s="613"/>
      <c r="LTF672" s="613"/>
      <c r="LTG672" s="613"/>
      <c r="LTH672" s="613"/>
      <c r="LTI672" s="613"/>
      <c r="LTJ672" s="613"/>
      <c r="LTK672" s="613"/>
      <c r="LTL672" s="613"/>
      <c r="LTM672" s="613"/>
      <c r="LTN672" s="613"/>
      <c r="LTO672" s="613"/>
      <c r="LTP672" s="613"/>
      <c r="LTQ672" s="613"/>
      <c r="LTR672" s="613"/>
      <c r="LTS672" s="613"/>
      <c r="LTT672" s="613"/>
      <c r="LTU672" s="613"/>
      <c r="LTV672" s="613"/>
      <c r="LTW672" s="613"/>
      <c r="LTX672" s="613"/>
      <c r="LTY672" s="613"/>
      <c r="LTZ672" s="613"/>
      <c r="LUA672" s="613"/>
      <c r="LUB672" s="613"/>
      <c r="LUC672" s="613"/>
      <c r="LUD672" s="613"/>
      <c r="LUE672" s="613"/>
      <c r="LUF672" s="613"/>
      <c r="LUG672" s="613"/>
      <c r="LUH672" s="613"/>
      <c r="LUI672" s="613"/>
      <c r="LUJ672" s="613"/>
      <c r="LUK672" s="613"/>
      <c r="LUL672" s="613"/>
      <c r="LUM672" s="613"/>
      <c r="LUN672" s="613"/>
      <c r="LUO672" s="613"/>
      <c r="LUP672" s="613"/>
      <c r="LUQ672" s="613"/>
      <c r="LUR672" s="613"/>
      <c r="LUS672" s="613"/>
      <c r="LUT672" s="613"/>
      <c r="LUU672" s="613"/>
      <c r="LUV672" s="613"/>
      <c r="LUW672" s="613"/>
      <c r="LUX672" s="613"/>
      <c r="LUY672" s="613"/>
      <c r="LUZ672" s="613"/>
      <c r="LVA672" s="613"/>
      <c r="LVB672" s="613"/>
      <c r="LVC672" s="613"/>
      <c r="LVD672" s="613"/>
      <c r="LVE672" s="613"/>
      <c r="LVF672" s="613"/>
      <c r="LVG672" s="613"/>
      <c r="LVH672" s="613"/>
      <c r="LVI672" s="613"/>
      <c r="LVJ672" s="613"/>
      <c r="LVK672" s="613"/>
      <c r="LVL672" s="613"/>
      <c r="LVM672" s="613"/>
      <c r="LVN672" s="613"/>
      <c r="LVO672" s="613"/>
      <c r="LVP672" s="613"/>
      <c r="LVQ672" s="613"/>
      <c r="LVR672" s="613"/>
      <c r="LVS672" s="613"/>
      <c r="LVT672" s="613"/>
      <c r="LVU672" s="613"/>
      <c r="LVV672" s="613"/>
      <c r="LVW672" s="613"/>
      <c r="LVX672" s="613"/>
      <c r="LVY672" s="613"/>
      <c r="LVZ672" s="613"/>
      <c r="LWA672" s="613"/>
      <c r="LWB672" s="613"/>
      <c r="LWC672" s="613"/>
      <c r="LWD672" s="613"/>
      <c r="LWE672" s="613"/>
      <c r="LWF672" s="613"/>
      <c r="LWG672" s="613"/>
      <c r="LWH672" s="613"/>
      <c r="LWI672" s="613"/>
      <c r="LWJ672" s="613"/>
      <c r="LWK672" s="613"/>
      <c r="LWL672" s="613"/>
      <c r="LWM672" s="613"/>
      <c r="LWN672" s="613"/>
      <c r="LWO672" s="613"/>
      <c r="LWP672" s="613"/>
      <c r="LWQ672" s="613"/>
      <c r="LWR672" s="613"/>
      <c r="LWS672" s="613"/>
      <c r="LWT672" s="613"/>
      <c r="LWU672" s="613"/>
      <c r="LWV672" s="613"/>
      <c r="LWW672" s="613"/>
      <c r="LWX672" s="613"/>
      <c r="LWY672" s="613"/>
      <c r="LWZ672" s="613"/>
      <c r="LXA672" s="613"/>
      <c r="LXB672" s="613"/>
      <c r="LXC672" s="613"/>
      <c r="LXD672" s="613"/>
      <c r="LXE672" s="613"/>
      <c r="LXF672" s="613"/>
      <c r="LXG672" s="613"/>
      <c r="LXH672" s="613"/>
      <c r="LXI672" s="613"/>
      <c r="LXJ672" s="613"/>
      <c r="LXK672" s="613"/>
      <c r="LXL672" s="613"/>
      <c r="LXM672" s="613"/>
      <c r="LXN672" s="613"/>
      <c r="LXO672" s="613"/>
      <c r="LXP672" s="613"/>
      <c r="LXQ672" s="613"/>
      <c r="LXR672" s="613"/>
      <c r="LXS672" s="613"/>
      <c r="LXT672" s="613"/>
      <c r="LXU672" s="613"/>
      <c r="LXV672" s="613"/>
      <c r="LXW672" s="613"/>
      <c r="LXX672" s="613"/>
      <c r="LXY672" s="613"/>
      <c r="LXZ672" s="613"/>
      <c r="LYA672" s="613"/>
      <c r="LYB672" s="613"/>
      <c r="LYC672" s="613"/>
      <c r="LYD672" s="613"/>
      <c r="LYE672" s="613"/>
      <c r="LYF672" s="613"/>
      <c r="LYG672" s="613"/>
      <c r="LYH672" s="613"/>
      <c r="LYI672" s="613"/>
      <c r="LYJ672" s="613"/>
      <c r="LYK672" s="613"/>
      <c r="LYL672" s="613"/>
      <c r="LYM672" s="613"/>
      <c r="LYN672" s="613"/>
      <c r="LYO672" s="613"/>
      <c r="LYP672" s="613"/>
      <c r="LYQ672" s="613"/>
      <c r="LYR672" s="613"/>
      <c r="LYS672" s="613"/>
      <c r="LYT672" s="613"/>
      <c r="LYU672" s="613"/>
      <c r="LYV672" s="613"/>
      <c r="LYW672" s="613"/>
      <c r="LYX672" s="613"/>
      <c r="LYY672" s="613"/>
      <c r="LYZ672" s="613"/>
      <c r="LZA672" s="613"/>
      <c r="LZB672" s="613"/>
      <c r="LZC672" s="613"/>
      <c r="LZD672" s="613"/>
      <c r="LZE672" s="613"/>
      <c r="LZF672" s="613"/>
      <c r="LZG672" s="613"/>
      <c r="LZH672" s="613"/>
      <c r="LZI672" s="613"/>
      <c r="LZJ672" s="613"/>
      <c r="LZK672" s="613"/>
      <c r="LZL672" s="613"/>
      <c r="LZM672" s="613"/>
      <c r="LZN672" s="613"/>
      <c r="LZO672" s="613"/>
      <c r="LZP672" s="613"/>
      <c r="LZQ672" s="613"/>
      <c r="LZR672" s="613"/>
      <c r="LZS672" s="613"/>
      <c r="LZT672" s="613"/>
      <c r="LZU672" s="613"/>
      <c r="LZV672" s="613"/>
      <c r="LZW672" s="613"/>
      <c r="LZX672" s="613"/>
      <c r="LZY672" s="613"/>
      <c r="LZZ672" s="613"/>
      <c r="MAA672" s="613"/>
      <c r="MAB672" s="613"/>
      <c r="MAC672" s="613"/>
      <c r="MAD672" s="613"/>
      <c r="MAE672" s="613"/>
      <c r="MAF672" s="613"/>
      <c r="MAG672" s="613"/>
      <c r="MAH672" s="613"/>
      <c r="MAI672" s="613"/>
      <c r="MAJ672" s="613"/>
      <c r="MAK672" s="613"/>
      <c r="MAL672" s="613"/>
      <c r="MAM672" s="613"/>
      <c r="MAN672" s="613"/>
      <c r="MAO672" s="613"/>
      <c r="MAP672" s="613"/>
      <c r="MAQ672" s="613"/>
      <c r="MAR672" s="613"/>
      <c r="MAS672" s="613"/>
      <c r="MAT672" s="613"/>
      <c r="MAU672" s="613"/>
      <c r="MAV672" s="613"/>
      <c r="MAW672" s="613"/>
      <c r="MAX672" s="613"/>
      <c r="MAY672" s="613"/>
      <c r="MAZ672" s="613"/>
      <c r="MBA672" s="613"/>
      <c r="MBB672" s="613"/>
      <c r="MBC672" s="613"/>
      <c r="MBD672" s="613"/>
      <c r="MBE672" s="613"/>
      <c r="MBF672" s="613"/>
      <c r="MBG672" s="613"/>
      <c r="MBH672" s="613"/>
      <c r="MBI672" s="613"/>
      <c r="MBJ672" s="613"/>
      <c r="MBK672" s="613"/>
      <c r="MBL672" s="613"/>
      <c r="MBM672" s="613"/>
      <c r="MBN672" s="613"/>
      <c r="MBO672" s="613"/>
      <c r="MBP672" s="613"/>
      <c r="MBQ672" s="613"/>
      <c r="MBR672" s="613"/>
      <c r="MBS672" s="613"/>
      <c r="MBT672" s="613"/>
      <c r="MBU672" s="613"/>
      <c r="MBV672" s="613"/>
      <c r="MBW672" s="613"/>
      <c r="MBX672" s="613"/>
      <c r="MBY672" s="613"/>
      <c r="MBZ672" s="613"/>
      <c r="MCA672" s="613"/>
      <c r="MCB672" s="613"/>
      <c r="MCC672" s="613"/>
      <c r="MCD672" s="613"/>
      <c r="MCE672" s="613"/>
      <c r="MCF672" s="613"/>
      <c r="MCG672" s="613"/>
      <c r="MCH672" s="613"/>
      <c r="MCI672" s="613"/>
      <c r="MCJ672" s="613"/>
      <c r="MCK672" s="613"/>
      <c r="MCL672" s="613"/>
      <c r="MCM672" s="613"/>
      <c r="MCN672" s="613"/>
      <c r="MCO672" s="613"/>
      <c r="MCP672" s="613"/>
      <c r="MCQ672" s="613"/>
      <c r="MCR672" s="613"/>
      <c r="MCS672" s="613"/>
      <c r="MCT672" s="613"/>
      <c r="MCU672" s="613"/>
      <c r="MCV672" s="613"/>
      <c r="MCW672" s="613"/>
      <c r="MCX672" s="613"/>
      <c r="MCY672" s="613"/>
      <c r="MCZ672" s="613"/>
      <c r="MDA672" s="613"/>
      <c r="MDB672" s="613"/>
      <c r="MDC672" s="613"/>
      <c r="MDD672" s="613"/>
      <c r="MDE672" s="613"/>
      <c r="MDF672" s="613"/>
      <c r="MDG672" s="613"/>
      <c r="MDH672" s="613"/>
      <c r="MDI672" s="613"/>
      <c r="MDJ672" s="613"/>
      <c r="MDK672" s="613"/>
      <c r="MDL672" s="613"/>
      <c r="MDM672" s="613"/>
      <c r="MDN672" s="613"/>
      <c r="MDO672" s="613"/>
      <c r="MDP672" s="613"/>
      <c r="MDQ672" s="613"/>
      <c r="MDR672" s="613"/>
      <c r="MDS672" s="613"/>
      <c r="MDT672" s="613"/>
      <c r="MDU672" s="613"/>
      <c r="MDV672" s="613"/>
      <c r="MDW672" s="613"/>
      <c r="MDX672" s="613"/>
      <c r="MDY672" s="613"/>
      <c r="MDZ672" s="613"/>
      <c r="MEA672" s="613"/>
      <c r="MEB672" s="613"/>
      <c r="MEC672" s="613"/>
      <c r="MED672" s="613"/>
      <c r="MEE672" s="613"/>
      <c r="MEF672" s="613"/>
      <c r="MEG672" s="613"/>
      <c r="MEH672" s="613"/>
      <c r="MEI672" s="613"/>
      <c r="MEJ672" s="613"/>
      <c r="MEK672" s="613"/>
      <c r="MEL672" s="613"/>
      <c r="MEM672" s="613"/>
      <c r="MEN672" s="613"/>
      <c r="MEO672" s="613"/>
      <c r="MEP672" s="613"/>
      <c r="MEQ672" s="613"/>
      <c r="MER672" s="613"/>
      <c r="MES672" s="613"/>
      <c r="MET672" s="613"/>
      <c r="MEU672" s="613"/>
      <c r="MEV672" s="613"/>
      <c r="MEW672" s="613"/>
      <c r="MEX672" s="613"/>
      <c r="MEY672" s="613"/>
      <c r="MEZ672" s="613"/>
      <c r="MFA672" s="613"/>
      <c r="MFB672" s="613"/>
      <c r="MFC672" s="613"/>
      <c r="MFD672" s="613"/>
      <c r="MFE672" s="613"/>
      <c r="MFF672" s="613"/>
      <c r="MFG672" s="613"/>
      <c r="MFH672" s="613"/>
      <c r="MFI672" s="613"/>
      <c r="MFJ672" s="613"/>
      <c r="MFK672" s="613"/>
      <c r="MFL672" s="613"/>
      <c r="MFM672" s="613"/>
      <c r="MFN672" s="613"/>
      <c r="MFO672" s="613"/>
      <c r="MFP672" s="613"/>
      <c r="MFQ672" s="613"/>
      <c r="MFR672" s="613"/>
      <c r="MFS672" s="613"/>
      <c r="MFT672" s="613"/>
      <c r="MFU672" s="613"/>
      <c r="MFV672" s="613"/>
      <c r="MFW672" s="613"/>
      <c r="MFX672" s="613"/>
      <c r="MFY672" s="613"/>
      <c r="MFZ672" s="613"/>
      <c r="MGA672" s="613"/>
      <c r="MGB672" s="613"/>
      <c r="MGC672" s="613"/>
      <c r="MGD672" s="613"/>
      <c r="MGE672" s="613"/>
      <c r="MGF672" s="613"/>
      <c r="MGG672" s="613"/>
      <c r="MGH672" s="613"/>
      <c r="MGI672" s="613"/>
      <c r="MGJ672" s="613"/>
      <c r="MGK672" s="613"/>
      <c r="MGL672" s="613"/>
      <c r="MGM672" s="613"/>
      <c r="MGN672" s="613"/>
      <c r="MGO672" s="613"/>
      <c r="MGP672" s="613"/>
      <c r="MGQ672" s="613"/>
      <c r="MGR672" s="613"/>
      <c r="MGS672" s="613"/>
      <c r="MGT672" s="613"/>
      <c r="MGU672" s="613"/>
      <c r="MGV672" s="613"/>
      <c r="MGW672" s="613"/>
      <c r="MGX672" s="613"/>
      <c r="MGY672" s="613"/>
      <c r="MGZ672" s="613"/>
      <c r="MHA672" s="613"/>
      <c r="MHB672" s="613"/>
      <c r="MHC672" s="613"/>
      <c r="MHD672" s="613"/>
      <c r="MHE672" s="613"/>
      <c r="MHF672" s="613"/>
      <c r="MHG672" s="613"/>
      <c r="MHH672" s="613"/>
      <c r="MHI672" s="613"/>
      <c r="MHJ672" s="613"/>
      <c r="MHK672" s="613"/>
      <c r="MHL672" s="613"/>
      <c r="MHM672" s="613"/>
      <c r="MHN672" s="613"/>
      <c r="MHO672" s="613"/>
      <c r="MHP672" s="613"/>
      <c r="MHQ672" s="613"/>
      <c r="MHR672" s="613"/>
      <c r="MHS672" s="613"/>
      <c r="MHT672" s="613"/>
      <c r="MHU672" s="613"/>
      <c r="MHV672" s="613"/>
      <c r="MHW672" s="613"/>
      <c r="MHX672" s="613"/>
      <c r="MHY672" s="613"/>
      <c r="MHZ672" s="613"/>
      <c r="MIA672" s="613"/>
      <c r="MIB672" s="613"/>
      <c r="MIC672" s="613"/>
      <c r="MID672" s="613"/>
      <c r="MIE672" s="613"/>
      <c r="MIF672" s="613"/>
      <c r="MIG672" s="613"/>
      <c r="MIH672" s="613"/>
      <c r="MII672" s="613"/>
      <c r="MIJ672" s="613"/>
      <c r="MIK672" s="613"/>
      <c r="MIL672" s="613"/>
      <c r="MIM672" s="613"/>
      <c r="MIN672" s="613"/>
      <c r="MIO672" s="613"/>
      <c r="MIP672" s="613"/>
      <c r="MIQ672" s="613"/>
      <c r="MIR672" s="613"/>
      <c r="MIS672" s="613"/>
      <c r="MIT672" s="613"/>
      <c r="MIU672" s="613"/>
      <c r="MIV672" s="613"/>
      <c r="MIW672" s="613"/>
      <c r="MIX672" s="613"/>
      <c r="MIY672" s="613"/>
      <c r="MIZ672" s="613"/>
      <c r="MJA672" s="613"/>
      <c r="MJB672" s="613"/>
      <c r="MJC672" s="613"/>
      <c r="MJD672" s="613"/>
      <c r="MJE672" s="613"/>
      <c r="MJF672" s="613"/>
      <c r="MJG672" s="613"/>
      <c r="MJH672" s="613"/>
      <c r="MJI672" s="613"/>
      <c r="MJJ672" s="613"/>
      <c r="MJK672" s="613"/>
      <c r="MJL672" s="613"/>
      <c r="MJM672" s="613"/>
      <c r="MJN672" s="613"/>
      <c r="MJO672" s="613"/>
      <c r="MJP672" s="613"/>
      <c r="MJQ672" s="613"/>
      <c r="MJR672" s="613"/>
      <c r="MJS672" s="613"/>
      <c r="MJT672" s="613"/>
      <c r="MJU672" s="613"/>
      <c r="MJV672" s="613"/>
      <c r="MJW672" s="613"/>
      <c r="MJX672" s="613"/>
      <c r="MJY672" s="613"/>
      <c r="MJZ672" s="613"/>
      <c r="MKA672" s="613"/>
      <c r="MKB672" s="613"/>
      <c r="MKC672" s="613"/>
      <c r="MKD672" s="613"/>
      <c r="MKE672" s="613"/>
      <c r="MKF672" s="613"/>
      <c r="MKG672" s="613"/>
      <c r="MKH672" s="613"/>
      <c r="MKI672" s="613"/>
      <c r="MKJ672" s="613"/>
      <c r="MKK672" s="613"/>
      <c r="MKL672" s="613"/>
      <c r="MKM672" s="613"/>
      <c r="MKN672" s="613"/>
      <c r="MKO672" s="613"/>
      <c r="MKP672" s="613"/>
      <c r="MKQ672" s="613"/>
      <c r="MKR672" s="613"/>
      <c r="MKS672" s="613"/>
      <c r="MKT672" s="613"/>
      <c r="MKU672" s="613"/>
      <c r="MKV672" s="613"/>
      <c r="MKW672" s="613"/>
      <c r="MKX672" s="613"/>
      <c r="MKY672" s="613"/>
      <c r="MKZ672" s="613"/>
      <c r="MLA672" s="613"/>
      <c r="MLB672" s="613"/>
      <c r="MLC672" s="613"/>
      <c r="MLD672" s="613"/>
      <c r="MLE672" s="613"/>
      <c r="MLF672" s="613"/>
      <c r="MLG672" s="613"/>
      <c r="MLH672" s="613"/>
      <c r="MLI672" s="613"/>
      <c r="MLJ672" s="613"/>
      <c r="MLK672" s="613"/>
      <c r="MLL672" s="613"/>
      <c r="MLM672" s="613"/>
      <c r="MLN672" s="613"/>
      <c r="MLO672" s="613"/>
      <c r="MLP672" s="613"/>
      <c r="MLQ672" s="613"/>
      <c r="MLR672" s="613"/>
      <c r="MLS672" s="613"/>
      <c r="MLT672" s="613"/>
      <c r="MLU672" s="613"/>
      <c r="MLV672" s="613"/>
      <c r="MLW672" s="613"/>
      <c r="MLX672" s="613"/>
      <c r="MLY672" s="613"/>
      <c r="MLZ672" s="613"/>
      <c r="MMA672" s="613"/>
      <c r="MMB672" s="613"/>
      <c r="MMC672" s="613"/>
      <c r="MMD672" s="613"/>
      <c r="MME672" s="613"/>
      <c r="MMF672" s="613"/>
      <c r="MMG672" s="613"/>
      <c r="MMH672" s="613"/>
      <c r="MMI672" s="613"/>
      <c r="MMJ672" s="613"/>
      <c r="MMK672" s="613"/>
      <c r="MML672" s="613"/>
      <c r="MMM672" s="613"/>
      <c r="MMN672" s="613"/>
      <c r="MMO672" s="613"/>
      <c r="MMP672" s="613"/>
      <c r="MMQ672" s="613"/>
      <c r="MMR672" s="613"/>
      <c r="MMS672" s="613"/>
      <c r="MMT672" s="613"/>
      <c r="MMU672" s="613"/>
      <c r="MMV672" s="613"/>
      <c r="MMW672" s="613"/>
      <c r="MMX672" s="613"/>
      <c r="MMY672" s="613"/>
      <c r="MMZ672" s="613"/>
      <c r="MNA672" s="613"/>
      <c r="MNB672" s="613"/>
      <c r="MNC672" s="613"/>
      <c r="MND672" s="613"/>
      <c r="MNE672" s="613"/>
      <c r="MNF672" s="613"/>
      <c r="MNG672" s="613"/>
      <c r="MNH672" s="613"/>
      <c r="MNI672" s="613"/>
      <c r="MNJ672" s="613"/>
      <c r="MNK672" s="613"/>
      <c r="MNL672" s="613"/>
      <c r="MNM672" s="613"/>
      <c r="MNN672" s="613"/>
      <c r="MNO672" s="613"/>
      <c r="MNP672" s="613"/>
      <c r="MNQ672" s="613"/>
      <c r="MNR672" s="613"/>
      <c r="MNS672" s="613"/>
      <c r="MNT672" s="613"/>
      <c r="MNU672" s="613"/>
      <c r="MNV672" s="613"/>
      <c r="MNW672" s="613"/>
      <c r="MNX672" s="613"/>
      <c r="MNY672" s="613"/>
      <c r="MNZ672" s="613"/>
      <c r="MOA672" s="613"/>
      <c r="MOB672" s="613"/>
      <c r="MOC672" s="613"/>
      <c r="MOD672" s="613"/>
      <c r="MOE672" s="613"/>
      <c r="MOF672" s="613"/>
      <c r="MOG672" s="613"/>
      <c r="MOH672" s="613"/>
      <c r="MOI672" s="613"/>
      <c r="MOJ672" s="613"/>
      <c r="MOK672" s="613"/>
      <c r="MOL672" s="613"/>
      <c r="MOM672" s="613"/>
      <c r="MON672" s="613"/>
      <c r="MOO672" s="613"/>
      <c r="MOP672" s="613"/>
      <c r="MOQ672" s="613"/>
      <c r="MOR672" s="613"/>
      <c r="MOS672" s="613"/>
      <c r="MOT672" s="613"/>
      <c r="MOU672" s="613"/>
      <c r="MOV672" s="613"/>
      <c r="MOW672" s="613"/>
      <c r="MOX672" s="613"/>
      <c r="MOY672" s="613"/>
      <c r="MOZ672" s="613"/>
      <c r="MPA672" s="613"/>
      <c r="MPB672" s="613"/>
      <c r="MPC672" s="613"/>
      <c r="MPD672" s="613"/>
      <c r="MPE672" s="613"/>
      <c r="MPF672" s="613"/>
      <c r="MPG672" s="613"/>
      <c r="MPH672" s="613"/>
      <c r="MPI672" s="613"/>
      <c r="MPJ672" s="613"/>
      <c r="MPK672" s="613"/>
      <c r="MPL672" s="613"/>
      <c r="MPM672" s="613"/>
      <c r="MPN672" s="613"/>
      <c r="MPO672" s="613"/>
      <c r="MPP672" s="613"/>
      <c r="MPQ672" s="613"/>
      <c r="MPR672" s="613"/>
      <c r="MPS672" s="613"/>
      <c r="MPT672" s="613"/>
      <c r="MPU672" s="613"/>
      <c r="MPV672" s="613"/>
      <c r="MPW672" s="613"/>
      <c r="MPX672" s="613"/>
      <c r="MPY672" s="613"/>
      <c r="MPZ672" s="613"/>
      <c r="MQA672" s="613"/>
      <c r="MQB672" s="613"/>
      <c r="MQC672" s="613"/>
      <c r="MQD672" s="613"/>
      <c r="MQE672" s="613"/>
      <c r="MQF672" s="613"/>
      <c r="MQG672" s="613"/>
      <c r="MQH672" s="613"/>
      <c r="MQI672" s="613"/>
      <c r="MQJ672" s="613"/>
      <c r="MQK672" s="613"/>
      <c r="MQL672" s="613"/>
      <c r="MQM672" s="613"/>
      <c r="MQN672" s="613"/>
      <c r="MQO672" s="613"/>
      <c r="MQP672" s="613"/>
      <c r="MQQ672" s="613"/>
      <c r="MQR672" s="613"/>
      <c r="MQS672" s="613"/>
      <c r="MQT672" s="613"/>
      <c r="MQU672" s="613"/>
      <c r="MQV672" s="613"/>
      <c r="MQW672" s="613"/>
      <c r="MQX672" s="613"/>
      <c r="MQY672" s="613"/>
      <c r="MQZ672" s="613"/>
      <c r="MRA672" s="613"/>
      <c r="MRB672" s="613"/>
      <c r="MRC672" s="613"/>
      <c r="MRD672" s="613"/>
      <c r="MRE672" s="613"/>
      <c r="MRF672" s="613"/>
      <c r="MRG672" s="613"/>
      <c r="MRH672" s="613"/>
      <c r="MRI672" s="613"/>
      <c r="MRJ672" s="613"/>
      <c r="MRK672" s="613"/>
      <c r="MRL672" s="613"/>
      <c r="MRM672" s="613"/>
      <c r="MRN672" s="613"/>
      <c r="MRO672" s="613"/>
      <c r="MRP672" s="613"/>
      <c r="MRQ672" s="613"/>
      <c r="MRR672" s="613"/>
      <c r="MRS672" s="613"/>
      <c r="MRT672" s="613"/>
      <c r="MRU672" s="613"/>
      <c r="MRV672" s="613"/>
      <c r="MRW672" s="613"/>
      <c r="MRX672" s="613"/>
      <c r="MRY672" s="613"/>
      <c r="MRZ672" s="613"/>
      <c r="MSA672" s="613"/>
      <c r="MSB672" s="613"/>
      <c r="MSC672" s="613"/>
      <c r="MSD672" s="613"/>
      <c r="MSE672" s="613"/>
      <c r="MSF672" s="613"/>
      <c r="MSG672" s="613"/>
      <c r="MSH672" s="613"/>
      <c r="MSI672" s="613"/>
      <c r="MSJ672" s="613"/>
      <c r="MSK672" s="613"/>
      <c r="MSL672" s="613"/>
      <c r="MSM672" s="613"/>
      <c r="MSN672" s="613"/>
      <c r="MSO672" s="613"/>
      <c r="MSP672" s="613"/>
      <c r="MSQ672" s="613"/>
      <c r="MSR672" s="613"/>
      <c r="MSS672" s="613"/>
      <c r="MST672" s="613"/>
      <c r="MSU672" s="613"/>
      <c r="MSV672" s="613"/>
      <c r="MSW672" s="613"/>
      <c r="MSX672" s="613"/>
      <c r="MSY672" s="613"/>
      <c r="MSZ672" s="613"/>
      <c r="MTA672" s="613"/>
      <c r="MTB672" s="613"/>
      <c r="MTC672" s="613"/>
      <c r="MTD672" s="613"/>
      <c r="MTE672" s="613"/>
      <c r="MTF672" s="613"/>
      <c r="MTG672" s="613"/>
      <c r="MTH672" s="613"/>
      <c r="MTI672" s="613"/>
      <c r="MTJ672" s="613"/>
      <c r="MTK672" s="613"/>
      <c r="MTL672" s="613"/>
      <c r="MTM672" s="613"/>
      <c r="MTN672" s="613"/>
      <c r="MTO672" s="613"/>
      <c r="MTP672" s="613"/>
      <c r="MTQ672" s="613"/>
      <c r="MTR672" s="613"/>
      <c r="MTS672" s="613"/>
      <c r="MTT672" s="613"/>
      <c r="MTU672" s="613"/>
      <c r="MTV672" s="613"/>
      <c r="MTW672" s="613"/>
      <c r="MTX672" s="613"/>
      <c r="MTY672" s="613"/>
      <c r="MTZ672" s="613"/>
      <c r="MUA672" s="613"/>
      <c r="MUB672" s="613"/>
      <c r="MUC672" s="613"/>
      <c r="MUD672" s="613"/>
      <c r="MUE672" s="613"/>
      <c r="MUF672" s="613"/>
      <c r="MUG672" s="613"/>
      <c r="MUH672" s="613"/>
      <c r="MUI672" s="613"/>
      <c r="MUJ672" s="613"/>
      <c r="MUK672" s="613"/>
      <c r="MUL672" s="613"/>
      <c r="MUM672" s="613"/>
      <c r="MUN672" s="613"/>
      <c r="MUO672" s="613"/>
      <c r="MUP672" s="613"/>
      <c r="MUQ672" s="613"/>
      <c r="MUR672" s="613"/>
      <c r="MUS672" s="613"/>
      <c r="MUT672" s="613"/>
      <c r="MUU672" s="613"/>
      <c r="MUV672" s="613"/>
      <c r="MUW672" s="613"/>
      <c r="MUX672" s="613"/>
      <c r="MUY672" s="613"/>
      <c r="MUZ672" s="613"/>
      <c r="MVA672" s="613"/>
      <c r="MVB672" s="613"/>
      <c r="MVC672" s="613"/>
      <c r="MVD672" s="613"/>
      <c r="MVE672" s="613"/>
      <c r="MVF672" s="613"/>
      <c r="MVG672" s="613"/>
      <c r="MVH672" s="613"/>
      <c r="MVI672" s="613"/>
      <c r="MVJ672" s="613"/>
      <c r="MVK672" s="613"/>
      <c r="MVL672" s="613"/>
      <c r="MVM672" s="613"/>
      <c r="MVN672" s="613"/>
      <c r="MVO672" s="613"/>
      <c r="MVP672" s="613"/>
      <c r="MVQ672" s="613"/>
      <c r="MVR672" s="613"/>
      <c r="MVS672" s="613"/>
      <c r="MVT672" s="613"/>
      <c r="MVU672" s="613"/>
      <c r="MVV672" s="613"/>
      <c r="MVW672" s="613"/>
      <c r="MVX672" s="613"/>
      <c r="MVY672" s="613"/>
      <c r="MVZ672" s="613"/>
      <c r="MWA672" s="613"/>
      <c r="MWB672" s="613"/>
      <c r="MWC672" s="613"/>
      <c r="MWD672" s="613"/>
      <c r="MWE672" s="613"/>
      <c r="MWF672" s="613"/>
      <c r="MWG672" s="613"/>
      <c r="MWH672" s="613"/>
      <c r="MWI672" s="613"/>
      <c r="MWJ672" s="613"/>
      <c r="MWK672" s="613"/>
      <c r="MWL672" s="613"/>
      <c r="MWM672" s="613"/>
      <c r="MWN672" s="613"/>
      <c r="MWO672" s="613"/>
      <c r="MWP672" s="613"/>
      <c r="MWQ672" s="613"/>
      <c r="MWR672" s="613"/>
      <c r="MWS672" s="613"/>
      <c r="MWT672" s="613"/>
      <c r="MWU672" s="613"/>
      <c r="MWV672" s="613"/>
      <c r="MWW672" s="613"/>
      <c r="MWX672" s="613"/>
      <c r="MWY672" s="613"/>
      <c r="MWZ672" s="613"/>
      <c r="MXA672" s="613"/>
      <c r="MXB672" s="613"/>
      <c r="MXC672" s="613"/>
      <c r="MXD672" s="613"/>
      <c r="MXE672" s="613"/>
      <c r="MXF672" s="613"/>
      <c r="MXG672" s="613"/>
      <c r="MXH672" s="613"/>
      <c r="MXI672" s="613"/>
      <c r="MXJ672" s="613"/>
      <c r="MXK672" s="613"/>
      <c r="MXL672" s="613"/>
      <c r="MXM672" s="613"/>
      <c r="MXN672" s="613"/>
      <c r="MXO672" s="613"/>
      <c r="MXP672" s="613"/>
      <c r="MXQ672" s="613"/>
      <c r="MXR672" s="613"/>
      <c r="MXS672" s="613"/>
      <c r="MXT672" s="613"/>
      <c r="MXU672" s="613"/>
      <c r="MXV672" s="613"/>
      <c r="MXW672" s="613"/>
      <c r="MXX672" s="613"/>
      <c r="MXY672" s="613"/>
      <c r="MXZ672" s="613"/>
      <c r="MYA672" s="613"/>
      <c r="MYB672" s="613"/>
      <c r="MYC672" s="613"/>
      <c r="MYD672" s="613"/>
      <c r="MYE672" s="613"/>
      <c r="MYF672" s="613"/>
      <c r="MYG672" s="613"/>
      <c r="MYH672" s="613"/>
      <c r="MYI672" s="613"/>
      <c r="MYJ672" s="613"/>
      <c r="MYK672" s="613"/>
      <c r="MYL672" s="613"/>
      <c r="MYM672" s="613"/>
      <c r="MYN672" s="613"/>
      <c r="MYO672" s="613"/>
      <c r="MYP672" s="613"/>
      <c r="MYQ672" s="613"/>
      <c r="MYR672" s="613"/>
      <c r="MYS672" s="613"/>
      <c r="MYT672" s="613"/>
      <c r="MYU672" s="613"/>
      <c r="MYV672" s="613"/>
      <c r="MYW672" s="613"/>
      <c r="MYX672" s="613"/>
      <c r="MYY672" s="613"/>
      <c r="MYZ672" s="613"/>
      <c r="MZA672" s="613"/>
      <c r="MZB672" s="613"/>
      <c r="MZC672" s="613"/>
      <c r="MZD672" s="613"/>
      <c r="MZE672" s="613"/>
      <c r="MZF672" s="613"/>
      <c r="MZG672" s="613"/>
      <c r="MZH672" s="613"/>
      <c r="MZI672" s="613"/>
      <c r="MZJ672" s="613"/>
      <c r="MZK672" s="613"/>
      <c r="MZL672" s="613"/>
      <c r="MZM672" s="613"/>
      <c r="MZN672" s="613"/>
      <c r="MZO672" s="613"/>
      <c r="MZP672" s="613"/>
      <c r="MZQ672" s="613"/>
      <c r="MZR672" s="613"/>
      <c r="MZS672" s="613"/>
      <c r="MZT672" s="613"/>
      <c r="MZU672" s="613"/>
      <c r="MZV672" s="613"/>
      <c r="MZW672" s="613"/>
      <c r="MZX672" s="613"/>
      <c r="MZY672" s="613"/>
      <c r="MZZ672" s="613"/>
      <c r="NAA672" s="613"/>
      <c r="NAB672" s="613"/>
      <c r="NAC672" s="613"/>
      <c r="NAD672" s="613"/>
      <c r="NAE672" s="613"/>
      <c r="NAF672" s="613"/>
      <c r="NAG672" s="613"/>
      <c r="NAH672" s="613"/>
      <c r="NAI672" s="613"/>
      <c r="NAJ672" s="613"/>
      <c r="NAK672" s="613"/>
      <c r="NAL672" s="613"/>
      <c r="NAM672" s="613"/>
      <c r="NAN672" s="613"/>
      <c r="NAO672" s="613"/>
      <c r="NAP672" s="613"/>
      <c r="NAQ672" s="613"/>
      <c r="NAR672" s="613"/>
      <c r="NAS672" s="613"/>
      <c r="NAT672" s="613"/>
      <c r="NAU672" s="613"/>
      <c r="NAV672" s="613"/>
      <c r="NAW672" s="613"/>
      <c r="NAX672" s="613"/>
      <c r="NAY672" s="613"/>
      <c r="NAZ672" s="613"/>
      <c r="NBA672" s="613"/>
      <c r="NBB672" s="613"/>
      <c r="NBC672" s="613"/>
      <c r="NBD672" s="613"/>
      <c r="NBE672" s="613"/>
      <c r="NBF672" s="613"/>
      <c r="NBG672" s="613"/>
      <c r="NBH672" s="613"/>
      <c r="NBI672" s="613"/>
      <c r="NBJ672" s="613"/>
      <c r="NBK672" s="613"/>
      <c r="NBL672" s="613"/>
      <c r="NBM672" s="613"/>
      <c r="NBN672" s="613"/>
      <c r="NBO672" s="613"/>
      <c r="NBP672" s="613"/>
      <c r="NBQ672" s="613"/>
      <c r="NBR672" s="613"/>
      <c r="NBS672" s="613"/>
      <c r="NBT672" s="613"/>
      <c r="NBU672" s="613"/>
      <c r="NBV672" s="613"/>
      <c r="NBW672" s="613"/>
      <c r="NBX672" s="613"/>
      <c r="NBY672" s="613"/>
      <c r="NBZ672" s="613"/>
      <c r="NCA672" s="613"/>
      <c r="NCB672" s="613"/>
      <c r="NCC672" s="613"/>
      <c r="NCD672" s="613"/>
      <c r="NCE672" s="613"/>
      <c r="NCF672" s="613"/>
      <c r="NCG672" s="613"/>
      <c r="NCH672" s="613"/>
      <c r="NCI672" s="613"/>
      <c r="NCJ672" s="613"/>
      <c r="NCK672" s="613"/>
      <c r="NCL672" s="613"/>
      <c r="NCM672" s="613"/>
      <c r="NCN672" s="613"/>
      <c r="NCO672" s="613"/>
      <c r="NCP672" s="613"/>
      <c r="NCQ672" s="613"/>
      <c r="NCR672" s="613"/>
      <c r="NCS672" s="613"/>
      <c r="NCT672" s="613"/>
      <c r="NCU672" s="613"/>
      <c r="NCV672" s="613"/>
      <c r="NCW672" s="613"/>
      <c r="NCX672" s="613"/>
      <c r="NCY672" s="613"/>
      <c r="NCZ672" s="613"/>
      <c r="NDA672" s="613"/>
      <c r="NDB672" s="613"/>
      <c r="NDC672" s="613"/>
      <c r="NDD672" s="613"/>
      <c r="NDE672" s="613"/>
      <c r="NDF672" s="613"/>
      <c r="NDG672" s="613"/>
      <c r="NDH672" s="613"/>
      <c r="NDI672" s="613"/>
      <c r="NDJ672" s="613"/>
      <c r="NDK672" s="613"/>
      <c r="NDL672" s="613"/>
      <c r="NDM672" s="613"/>
      <c r="NDN672" s="613"/>
      <c r="NDO672" s="613"/>
      <c r="NDP672" s="613"/>
      <c r="NDQ672" s="613"/>
      <c r="NDR672" s="613"/>
      <c r="NDS672" s="613"/>
      <c r="NDT672" s="613"/>
      <c r="NDU672" s="613"/>
      <c r="NDV672" s="613"/>
      <c r="NDW672" s="613"/>
      <c r="NDX672" s="613"/>
      <c r="NDY672" s="613"/>
      <c r="NDZ672" s="613"/>
      <c r="NEA672" s="613"/>
      <c r="NEB672" s="613"/>
      <c r="NEC672" s="613"/>
      <c r="NED672" s="613"/>
      <c r="NEE672" s="613"/>
      <c r="NEF672" s="613"/>
      <c r="NEG672" s="613"/>
      <c r="NEH672" s="613"/>
      <c r="NEI672" s="613"/>
      <c r="NEJ672" s="613"/>
      <c r="NEK672" s="613"/>
      <c r="NEL672" s="613"/>
      <c r="NEM672" s="613"/>
      <c r="NEN672" s="613"/>
      <c r="NEO672" s="613"/>
      <c r="NEP672" s="613"/>
      <c r="NEQ672" s="613"/>
      <c r="NER672" s="613"/>
      <c r="NES672" s="613"/>
      <c r="NET672" s="613"/>
      <c r="NEU672" s="613"/>
      <c r="NEV672" s="613"/>
      <c r="NEW672" s="613"/>
      <c r="NEX672" s="613"/>
      <c r="NEY672" s="613"/>
      <c r="NEZ672" s="613"/>
      <c r="NFA672" s="613"/>
      <c r="NFB672" s="613"/>
      <c r="NFC672" s="613"/>
      <c r="NFD672" s="613"/>
      <c r="NFE672" s="613"/>
      <c r="NFF672" s="613"/>
      <c r="NFG672" s="613"/>
      <c r="NFH672" s="613"/>
      <c r="NFI672" s="613"/>
      <c r="NFJ672" s="613"/>
      <c r="NFK672" s="613"/>
      <c r="NFL672" s="613"/>
      <c r="NFM672" s="613"/>
      <c r="NFN672" s="613"/>
      <c r="NFO672" s="613"/>
      <c r="NFP672" s="613"/>
      <c r="NFQ672" s="613"/>
      <c r="NFR672" s="613"/>
      <c r="NFS672" s="613"/>
      <c r="NFT672" s="613"/>
      <c r="NFU672" s="613"/>
      <c r="NFV672" s="613"/>
      <c r="NFW672" s="613"/>
      <c r="NFX672" s="613"/>
      <c r="NFY672" s="613"/>
      <c r="NFZ672" s="613"/>
      <c r="NGA672" s="613"/>
      <c r="NGB672" s="613"/>
      <c r="NGC672" s="613"/>
      <c r="NGD672" s="613"/>
      <c r="NGE672" s="613"/>
      <c r="NGF672" s="613"/>
      <c r="NGG672" s="613"/>
      <c r="NGH672" s="613"/>
      <c r="NGI672" s="613"/>
      <c r="NGJ672" s="613"/>
      <c r="NGK672" s="613"/>
      <c r="NGL672" s="613"/>
      <c r="NGM672" s="613"/>
      <c r="NGN672" s="613"/>
      <c r="NGO672" s="613"/>
      <c r="NGP672" s="613"/>
      <c r="NGQ672" s="613"/>
      <c r="NGR672" s="613"/>
      <c r="NGS672" s="613"/>
      <c r="NGT672" s="613"/>
      <c r="NGU672" s="613"/>
      <c r="NGV672" s="613"/>
      <c r="NGW672" s="613"/>
      <c r="NGX672" s="613"/>
      <c r="NGY672" s="613"/>
      <c r="NGZ672" s="613"/>
      <c r="NHA672" s="613"/>
      <c r="NHB672" s="613"/>
      <c r="NHC672" s="613"/>
      <c r="NHD672" s="613"/>
      <c r="NHE672" s="613"/>
      <c r="NHF672" s="613"/>
      <c r="NHG672" s="613"/>
      <c r="NHH672" s="613"/>
      <c r="NHI672" s="613"/>
      <c r="NHJ672" s="613"/>
      <c r="NHK672" s="613"/>
      <c r="NHL672" s="613"/>
      <c r="NHM672" s="613"/>
      <c r="NHN672" s="613"/>
      <c r="NHO672" s="613"/>
      <c r="NHP672" s="613"/>
      <c r="NHQ672" s="613"/>
      <c r="NHR672" s="613"/>
      <c r="NHS672" s="613"/>
      <c r="NHT672" s="613"/>
      <c r="NHU672" s="613"/>
      <c r="NHV672" s="613"/>
      <c r="NHW672" s="613"/>
      <c r="NHX672" s="613"/>
      <c r="NHY672" s="613"/>
      <c r="NHZ672" s="613"/>
      <c r="NIA672" s="613"/>
      <c r="NIB672" s="613"/>
      <c r="NIC672" s="613"/>
      <c r="NID672" s="613"/>
      <c r="NIE672" s="613"/>
      <c r="NIF672" s="613"/>
      <c r="NIG672" s="613"/>
      <c r="NIH672" s="613"/>
      <c r="NII672" s="613"/>
      <c r="NIJ672" s="613"/>
      <c r="NIK672" s="613"/>
      <c r="NIL672" s="613"/>
      <c r="NIM672" s="613"/>
      <c r="NIN672" s="613"/>
      <c r="NIO672" s="613"/>
      <c r="NIP672" s="613"/>
      <c r="NIQ672" s="613"/>
      <c r="NIR672" s="613"/>
      <c r="NIS672" s="613"/>
      <c r="NIT672" s="613"/>
      <c r="NIU672" s="613"/>
      <c r="NIV672" s="613"/>
      <c r="NIW672" s="613"/>
      <c r="NIX672" s="613"/>
      <c r="NIY672" s="613"/>
      <c r="NIZ672" s="613"/>
      <c r="NJA672" s="613"/>
      <c r="NJB672" s="613"/>
      <c r="NJC672" s="613"/>
      <c r="NJD672" s="613"/>
      <c r="NJE672" s="613"/>
      <c r="NJF672" s="613"/>
      <c r="NJG672" s="613"/>
      <c r="NJH672" s="613"/>
      <c r="NJI672" s="613"/>
      <c r="NJJ672" s="613"/>
      <c r="NJK672" s="613"/>
      <c r="NJL672" s="613"/>
      <c r="NJM672" s="613"/>
      <c r="NJN672" s="613"/>
      <c r="NJO672" s="613"/>
      <c r="NJP672" s="613"/>
      <c r="NJQ672" s="613"/>
      <c r="NJR672" s="613"/>
      <c r="NJS672" s="613"/>
      <c r="NJT672" s="613"/>
      <c r="NJU672" s="613"/>
      <c r="NJV672" s="613"/>
      <c r="NJW672" s="613"/>
      <c r="NJX672" s="613"/>
      <c r="NJY672" s="613"/>
      <c r="NJZ672" s="613"/>
      <c r="NKA672" s="613"/>
      <c r="NKB672" s="613"/>
      <c r="NKC672" s="613"/>
      <c r="NKD672" s="613"/>
      <c r="NKE672" s="613"/>
      <c r="NKF672" s="613"/>
      <c r="NKG672" s="613"/>
      <c r="NKH672" s="613"/>
      <c r="NKI672" s="613"/>
      <c r="NKJ672" s="613"/>
      <c r="NKK672" s="613"/>
      <c r="NKL672" s="613"/>
      <c r="NKM672" s="613"/>
      <c r="NKN672" s="613"/>
      <c r="NKO672" s="613"/>
      <c r="NKP672" s="613"/>
      <c r="NKQ672" s="613"/>
      <c r="NKR672" s="613"/>
      <c r="NKS672" s="613"/>
      <c r="NKT672" s="613"/>
      <c r="NKU672" s="613"/>
      <c r="NKV672" s="613"/>
      <c r="NKW672" s="613"/>
      <c r="NKX672" s="613"/>
      <c r="NKY672" s="613"/>
      <c r="NKZ672" s="613"/>
      <c r="NLA672" s="613"/>
      <c r="NLB672" s="613"/>
      <c r="NLC672" s="613"/>
      <c r="NLD672" s="613"/>
      <c r="NLE672" s="613"/>
      <c r="NLF672" s="613"/>
      <c r="NLG672" s="613"/>
      <c r="NLH672" s="613"/>
      <c r="NLI672" s="613"/>
      <c r="NLJ672" s="613"/>
      <c r="NLK672" s="613"/>
      <c r="NLL672" s="613"/>
      <c r="NLM672" s="613"/>
      <c r="NLN672" s="613"/>
      <c r="NLO672" s="613"/>
      <c r="NLP672" s="613"/>
      <c r="NLQ672" s="613"/>
      <c r="NLR672" s="613"/>
      <c r="NLS672" s="613"/>
      <c r="NLT672" s="613"/>
      <c r="NLU672" s="613"/>
      <c r="NLV672" s="613"/>
      <c r="NLW672" s="613"/>
      <c r="NLX672" s="613"/>
      <c r="NLY672" s="613"/>
      <c r="NLZ672" s="613"/>
      <c r="NMA672" s="613"/>
      <c r="NMB672" s="613"/>
      <c r="NMC672" s="613"/>
      <c r="NMD672" s="613"/>
      <c r="NME672" s="613"/>
      <c r="NMF672" s="613"/>
      <c r="NMG672" s="613"/>
      <c r="NMH672" s="613"/>
      <c r="NMI672" s="613"/>
      <c r="NMJ672" s="613"/>
      <c r="NMK672" s="613"/>
      <c r="NML672" s="613"/>
      <c r="NMM672" s="613"/>
      <c r="NMN672" s="613"/>
      <c r="NMO672" s="613"/>
      <c r="NMP672" s="613"/>
      <c r="NMQ672" s="613"/>
      <c r="NMR672" s="613"/>
      <c r="NMS672" s="613"/>
      <c r="NMT672" s="613"/>
      <c r="NMU672" s="613"/>
      <c r="NMV672" s="613"/>
      <c r="NMW672" s="613"/>
      <c r="NMX672" s="613"/>
      <c r="NMY672" s="613"/>
      <c r="NMZ672" s="613"/>
      <c r="NNA672" s="613"/>
      <c r="NNB672" s="613"/>
      <c r="NNC672" s="613"/>
      <c r="NND672" s="613"/>
      <c r="NNE672" s="613"/>
      <c r="NNF672" s="613"/>
      <c r="NNG672" s="613"/>
      <c r="NNH672" s="613"/>
      <c r="NNI672" s="613"/>
      <c r="NNJ672" s="613"/>
      <c r="NNK672" s="613"/>
      <c r="NNL672" s="613"/>
      <c r="NNM672" s="613"/>
      <c r="NNN672" s="613"/>
      <c r="NNO672" s="613"/>
      <c r="NNP672" s="613"/>
      <c r="NNQ672" s="613"/>
      <c r="NNR672" s="613"/>
      <c r="NNS672" s="613"/>
      <c r="NNT672" s="613"/>
      <c r="NNU672" s="613"/>
      <c r="NNV672" s="613"/>
      <c r="NNW672" s="613"/>
      <c r="NNX672" s="613"/>
      <c r="NNY672" s="613"/>
      <c r="NNZ672" s="613"/>
      <c r="NOA672" s="613"/>
      <c r="NOB672" s="613"/>
      <c r="NOC672" s="613"/>
      <c r="NOD672" s="613"/>
      <c r="NOE672" s="613"/>
      <c r="NOF672" s="613"/>
      <c r="NOG672" s="613"/>
      <c r="NOH672" s="613"/>
      <c r="NOI672" s="613"/>
      <c r="NOJ672" s="613"/>
      <c r="NOK672" s="613"/>
      <c r="NOL672" s="613"/>
      <c r="NOM672" s="613"/>
      <c r="NON672" s="613"/>
      <c r="NOO672" s="613"/>
      <c r="NOP672" s="613"/>
      <c r="NOQ672" s="613"/>
      <c r="NOR672" s="613"/>
      <c r="NOS672" s="613"/>
      <c r="NOT672" s="613"/>
      <c r="NOU672" s="613"/>
      <c r="NOV672" s="613"/>
      <c r="NOW672" s="613"/>
      <c r="NOX672" s="613"/>
      <c r="NOY672" s="613"/>
      <c r="NOZ672" s="613"/>
      <c r="NPA672" s="613"/>
      <c r="NPB672" s="613"/>
      <c r="NPC672" s="613"/>
      <c r="NPD672" s="613"/>
      <c r="NPE672" s="613"/>
      <c r="NPF672" s="613"/>
      <c r="NPG672" s="613"/>
      <c r="NPH672" s="613"/>
      <c r="NPI672" s="613"/>
      <c r="NPJ672" s="613"/>
      <c r="NPK672" s="613"/>
      <c r="NPL672" s="613"/>
      <c r="NPM672" s="613"/>
      <c r="NPN672" s="613"/>
      <c r="NPO672" s="613"/>
      <c r="NPP672" s="613"/>
      <c r="NPQ672" s="613"/>
      <c r="NPR672" s="613"/>
      <c r="NPS672" s="613"/>
      <c r="NPT672" s="613"/>
      <c r="NPU672" s="613"/>
      <c r="NPV672" s="613"/>
      <c r="NPW672" s="613"/>
      <c r="NPX672" s="613"/>
      <c r="NPY672" s="613"/>
      <c r="NPZ672" s="613"/>
      <c r="NQA672" s="613"/>
      <c r="NQB672" s="613"/>
      <c r="NQC672" s="613"/>
      <c r="NQD672" s="613"/>
      <c r="NQE672" s="613"/>
      <c r="NQF672" s="613"/>
      <c r="NQG672" s="613"/>
      <c r="NQH672" s="613"/>
      <c r="NQI672" s="613"/>
      <c r="NQJ672" s="613"/>
      <c r="NQK672" s="613"/>
      <c r="NQL672" s="613"/>
      <c r="NQM672" s="613"/>
      <c r="NQN672" s="613"/>
      <c r="NQO672" s="613"/>
      <c r="NQP672" s="613"/>
      <c r="NQQ672" s="613"/>
      <c r="NQR672" s="613"/>
      <c r="NQS672" s="613"/>
      <c r="NQT672" s="613"/>
      <c r="NQU672" s="613"/>
      <c r="NQV672" s="613"/>
      <c r="NQW672" s="613"/>
      <c r="NQX672" s="613"/>
      <c r="NQY672" s="613"/>
      <c r="NQZ672" s="613"/>
      <c r="NRA672" s="613"/>
      <c r="NRB672" s="613"/>
      <c r="NRC672" s="613"/>
      <c r="NRD672" s="613"/>
      <c r="NRE672" s="613"/>
      <c r="NRF672" s="613"/>
      <c r="NRG672" s="613"/>
      <c r="NRH672" s="613"/>
      <c r="NRI672" s="613"/>
      <c r="NRJ672" s="613"/>
      <c r="NRK672" s="613"/>
      <c r="NRL672" s="613"/>
      <c r="NRM672" s="613"/>
      <c r="NRN672" s="613"/>
      <c r="NRO672" s="613"/>
      <c r="NRP672" s="613"/>
      <c r="NRQ672" s="613"/>
      <c r="NRR672" s="613"/>
      <c r="NRS672" s="613"/>
      <c r="NRT672" s="613"/>
      <c r="NRU672" s="613"/>
      <c r="NRV672" s="613"/>
      <c r="NRW672" s="613"/>
      <c r="NRX672" s="613"/>
      <c r="NRY672" s="613"/>
      <c r="NRZ672" s="613"/>
      <c r="NSA672" s="613"/>
      <c r="NSB672" s="613"/>
      <c r="NSC672" s="613"/>
      <c r="NSD672" s="613"/>
      <c r="NSE672" s="613"/>
      <c r="NSF672" s="613"/>
      <c r="NSG672" s="613"/>
      <c r="NSH672" s="613"/>
      <c r="NSI672" s="613"/>
      <c r="NSJ672" s="613"/>
      <c r="NSK672" s="613"/>
      <c r="NSL672" s="613"/>
      <c r="NSM672" s="613"/>
      <c r="NSN672" s="613"/>
      <c r="NSO672" s="613"/>
      <c r="NSP672" s="613"/>
      <c r="NSQ672" s="613"/>
      <c r="NSR672" s="613"/>
      <c r="NSS672" s="613"/>
      <c r="NST672" s="613"/>
      <c r="NSU672" s="613"/>
      <c r="NSV672" s="613"/>
      <c r="NSW672" s="613"/>
      <c r="NSX672" s="613"/>
      <c r="NSY672" s="613"/>
      <c r="NSZ672" s="613"/>
      <c r="NTA672" s="613"/>
      <c r="NTB672" s="613"/>
      <c r="NTC672" s="613"/>
      <c r="NTD672" s="613"/>
      <c r="NTE672" s="613"/>
      <c r="NTF672" s="613"/>
      <c r="NTG672" s="613"/>
      <c r="NTH672" s="613"/>
      <c r="NTI672" s="613"/>
      <c r="NTJ672" s="613"/>
      <c r="NTK672" s="613"/>
      <c r="NTL672" s="613"/>
      <c r="NTM672" s="613"/>
      <c r="NTN672" s="613"/>
      <c r="NTO672" s="613"/>
      <c r="NTP672" s="613"/>
      <c r="NTQ672" s="613"/>
      <c r="NTR672" s="613"/>
      <c r="NTS672" s="613"/>
      <c r="NTT672" s="613"/>
      <c r="NTU672" s="613"/>
      <c r="NTV672" s="613"/>
      <c r="NTW672" s="613"/>
      <c r="NTX672" s="613"/>
      <c r="NTY672" s="613"/>
      <c r="NTZ672" s="613"/>
      <c r="NUA672" s="613"/>
      <c r="NUB672" s="613"/>
      <c r="NUC672" s="613"/>
      <c r="NUD672" s="613"/>
      <c r="NUE672" s="613"/>
      <c r="NUF672" s="613"/>
      <c r="NUG672" s="613"/>
      <c r="NUH672" s="613"/>
      <c r="NUI672" s="613"/>
      <c r="NUJ672" s="613"/>
      <c r="NUK672" s="613"/>
      <c r="NUL672" s="613"/>
      <c r="NUM672" s="613"/>
      <c r="NUN672" s="613"/>
      <c r="NUO672" s="613"/>
      <c r="NUP672" s="613"/>
      <c r="NUQ672" s="613"/>
      <c r="NUR672" s="613"/>
      <c r="NUS672" s="613"/>
      <c r="NUT672" s="613"/>
      <c r="NUU672" s="613"/>
      <c r="NUV672" s="613"/>
      <c r="NUW672" s="613"/>
      <c r="NUX672" s="613"/>
      <c r="NUY672" s="613"/>
      <c r="NUZ672" s="613"/>
      <c r="NVA672" s="613"/>
      <c r="NVB672" s="613"/>
      <c r="NVC672" s="613"/>
      <c r="NVD672" s="613"/>
      <c r="NVE672" s="613"/>
      <c r="NVF672" s="613"/>
      <c r="NVG672" s="613"/>
      <c r="NVH672" s="613"/>
      <c r="NVI672" s="613"/>
      <c r="NVJ672" s="613"/>
      <c r="NVK672" s="613"/>
      <c r="NVL672" s="613"/>
      <c r="NVM672" s="613"/>
      <c r="NVN672" s="613"/>
      <c r="NVO672" s="613"/>
      <c r="NVP672" s="613"/>
      <c r="NVQ672" s="613"/>
      <c r="NVR672" s="613"/>
      <c r="NVS672" s="613"/>
      <c r="NVT672" s="613"/>
      <c r="NVU672" s="613"/>
      <c r="NVV672" s="613"/>
      <c r="NVW672" s="613"/>
      <c r="NVX672" s="613"/>
      <c r="NVY672" s="613"/>
      <c r="NVZ672" s="613"/>
      <c r="NWA672" s="613"/>
      <c r="NWB672" s="613"/>
      <c r="NWC672" s="613"/>
      <c r="NWD672" s="613"/>
      <c r="NWE672" s="613"/>
      <c r="NWF672" s="613"/>
      <c r="NWG672" s="613"/>
      <c r="NWH672" s="613"/>
      <c r="NWI672" s="613"/>
      <c r="NWJ672" s="613"/>
      <c r="NWK672" s="613"/>
      <c r="NWL672" s="613"/>
      <c r="NWM672" s="613"/>
      <c r="NWN672" s="613"/>
      <c r="NWO672" s="613"/>
      <c r="NWP672" s="613"/>
      <c r="NWQ672" s="613"/>
      <c r="NWR672" s="613"/>
      <c r="NWS672" s="613"/>
      <c r="NWT672" s="613"/>
      <c r="NWU672" s="613"/>
      <c r="NWV672" s="613"/>
      <c r="NWW672" s="613"/>
      <c r="NWX672" s="613"/>
      <c r="NWY672" s="613"/>
      <c r="NWZ672" s="613"/>
      <c r="NXA672" s="613"/>
      <c r="NXB672" s="613"/>
      <c r="NXC672" s="613"/>
      <c r="NXD672" s="613"/>
      <c r="NXE672" s="613"/>
      <c r="NXF672" s="613"/>
      <c r="NXG672" s="613"/>
      <c r="NXH672" s="613"/>
      <c r="NXI672" s="613"/>
      <c r="NXJ672" s="613"/>
      <c r="NXK672" s="613"/>
      <c r="NXL672" s="613"/>
      <c r="NXM672" s="613"/>
      <c r="NXN672" s="613"/>
      <c r="NXO672" s="613"/>
      <c r="NXP672" s="613"/>
      <c r="NXQ672" s="613"/>
      <c r="NXR672" s="613"/>
      <c r="NXS672" s="613"/>
      <c r="NXT672" s="613"/>
      <c r="NXU672" s="613"/>
      <c r="NXV672" s="613"/>
      <c r="NXW672" s="613"/>
      <c r="NXX672" s="613"/>
      <c r="NXY672" s="613"/>
      <c r="NXZ672" s="613"/>
      <c r="NYA672" s="613"/>
      <c r="NYB672" s="613"/>
      <c r="NYC672" s="613"/>
      <c r="NYD672" s="613"/>
      <c r="NYE672" s="613"/>
      <c r="NYF672" s="613"/>
      <c r="NYG672" s="613"/>
      <c r="NYH672" s="613"/>
      <c r="NYI672" s="613"/>
      <c r="NYJ672" s="613"/>
      <c r="NYK672" s="613"/>
      <c r="NYL672" s="613"/>
      <c r="NYM672" s="613"/>
      <c r="NYN672" s="613"/>
      <c r="NYO672" s="613"/>
      <c r="NYP672" s="613"/>
      <c r="NYQ672" s="613"/>
      <c r="NYR672" s="613"/>
      <c r="NYS672" s="613"/>
      <c r="NYT672" s="613"/>
      <c r="NYU672" s="613"/>
      <c r="NYV672" s="613"/>
      <c r="NYW672" s="613"/>
      <c r="NYX672" s="613"/>
      <c r="NYY672" s="613"/>
      <c r="NYZ672" s="613"/>
      <c r="NZA672" s="613"/>
      <c r="NZB672" s="613"/>
      <c r="NZC672" s="613"/>
      <c r="NZD672" s="613"/>
      <c r="NZE672" s="613"/>
      <c r="NZF672" s="613"/>
      <c r="NZG672" s="613"/>
      <c r="NZH672" s="613"/>
      <c r="NZI672" s="613"/>
      <c r="NZJ672" s="613"/>
      <c r="NZK672" s="613"/>
      <c r="NZL672" s="613"/>
      <c r="NZM672" s="613"/>
      <c r="NZN672" s="613"/>
      <c r="NZO672" s="613"/>
      <c r="NZP672" s="613"/>
      <c r="NZQ672" s="613"/>
      <c r="NZR672" s="613"/>
      <c r="NZS672" s="613"/>
      <c r="NZT672" s="613"/>
      <c r="NZU672" s="613"/>
      <c r="NZV672" s="613"/>
      <c r="NZW672" s="613"/>
      <c r="NZX672" s="613"/>
      <c r="NZY672" s="613"/>
      <c r="NZZ672" s="613"/>
      <c r="OAA672" s="613"/>
      <c r="OAB672" s="613"/>
      <c r="OAC672" s="613"/>
      <c r="OAD672" s="613"/>
      <c r="OAE672" s="613"/>
      <c r="OAF672" s="613"/>
      <c r="OAG672" s="613"/>
      <c r="OAH672" s="613"/>
      <c r="OAI672" s="613"/>
      <c r="OAJ672" s="613"/>
      <c r="OAK672" s="613"/>
      <c r="OAL672" s="613"/>
      <c r="OAM672" s="613"/>
      <c r="OAN672" s="613"/>
      <c r="OAO672" s="613"/>
      <c r="OAP672" s="613"/>
      <c r="OAQ672" s="613"/>
      <c r="OAR672" s="613"/>
      <c r="OAS672" s="613"/>
      <c r="OAT672" s="613"/>
      <c r="OAU672" s="613"/>
      <c r="OAV672" s="613"/>
      <c r="OAW672" s="613"/>
      <c r="OAX672" s="613"/>
      <c r="OAY672" s="613"/>
      <c r="OAZ672" s="613"/>
      <c r="OBA672" s="613"/>
      <c r="OBB672" s="613"/>
      <c r="OBC672" s="613"/>
      <c r="OBD672" s="613"/>
      <c r="OBE672" s="613"/>
      <c r="OBF672" s="613"/>
      <c r="OBG672" s="613"/>
      <c r="OBH672" s="613"/>
      <c r="OBI672" s="613"/>
      <c r="OBJ672" s="613"/>
      <c r="OBK672" s="613"/>
      <c r="OBL672" s="613"/>
      <c r="OBM672" s="613"/>
      <c r="OBN672" s="613"/>
      <c r="OBO672" s="613"/>
      <c r="OBP672" s="613"/>
      <c r="OBQ672" s="613"/>
      <c r="OBR672" s="613"/>
      <c r="OBS672" s="613"/>
      <c r="OBT672" s="613"/>
      <c r="OBU672" s="613"/>
      <c r="OBV672" s="613"/>
      <c r="OBW672" s="613"/>
      <c r="OBX672" s="613"/>
      <c r="OBY672" s="613"/>
      <c r="OBZ672" s="613"/>
      <c r="OCA672" s="613"/>
      <c r="OCB672" s="613"/>
      <c r="OCC672" s="613"/>
      <c r="OCD672" s="613"/>
      <c r="OCE672" s="613"/>
      <c r="OCF672" s="613"/>
      <c r="OCG672" s="613"/>
      <c r="OCH672" s="613"/>
      <c r="OCI672" s="613"/>
      <c r="OCJ672" s="613"/>
      <c r="OCK672" s="613"/>
      <c r="OCL672" s="613"/>
      <c r="OCM672" s="613"/>
      <c r="OCN672" s="613"/>
      <c r="OCO672" s="613"/>
      <c r="OCP672" s="613"/>
      <c r="OCQ672" s="613"/>
      <c r="OCR672" s="613"/>
      <c r="OCS672" s="613"/>
      <c r="OCT672" s="613"/>
      <c r="OCU672" s="613"/>
      <c r="OCV672" s="613"/>
      <c r="OCW672" s="613"/>
      <c r="OCX672" s="613"/>
      <c r="OCY672" s="613"/>
      <c r="OCZ672" s="613"/>
      <c r="ODA672" s="613"/>
      <c r="ODB672" s="613"/>
      <c r="ODC672" s="613"/>
      <c r="ODD672" s="613"/>
      <c r="ODE672" s="613"/>
      <c r="ODF672" s="613"/>
      <c r="ODG672" s="613"/>
      <c r="ODH672" s="613"/>
      <c r="ODI672" s="613"/>
      <c r="ODJ672" s="613"/>
      <c r="ODK672" s="613"/>
      <c r="ODL672" s="613"/>
      <c r="ODM672" s="613"/>
      <c r="ODN672" s="613"/>
      <c r="ODO672" s="613"/>
      <c r="ODP672" s="613"/>
      <c r="ODQ672" s="613"/>
      <c r="ODR672" s="613"/>
      <c r="ODS672" s="613"/>
      <c r="ODT672" s="613"/>
      <c r="ODU672" s="613"/>
      <c r="ODV672" s="613"/>
      <c r="ODW672" s="613"/>
      <c r="ODX672" s="613"/>
      <c r="ODY672" s="613"/>
      <c r="ODZ672" s="613"/>
      <c r="OEA672" s="613"/>
      <c r="OEB672" s="613"/>
      <c r="OEC672" s="613"/>
      <c r="OED672" s="613"/>
      <c r="OEE672" s="613"/>
      <c r="OEF672" s="613"/>
      <c r="OEG672" s="613"/>
      <c r="OEH672" s="613"/>
      <c r="OEI672" s="613"/>
      <c r="OEJ672" s="613"/>
      <c r="OEK672" s="613"/>
      <c r="OEL672" s="613"/>
      <c r="OEM672" s="613"/>
      <c r="OEN672" s="613"/>
      <c r="OEO672" s="613"/>
      <c r="OEP672" s="613"/>
      <c r="OEQ672" s="613"/>
      <c r="OER672" s="613"/>
      <c r="OES672" s="613"/>
      <c r="OET672" s="613"/>
      <c r="OEU672" s="613"/>
      <c r="OEV672" s="613"/>
      <c r="OEW672" s="613"/>
      <c r="OEX672" s="613"/>
      <c r="OEY672" s="613"/>
      <c r="OEZ672" s="613"/>
      <c r="OFA672" s="613"/>
      <c r="OFB672" s="613"/>
      <c r="OFC672" s="613"/>
      <c r="OFD672" s="613"/>
      <c r="OFE672" s="613"/>
      <c r="OFF672" s="613"/>
      <c r="OFG672" s="613"/>
      <c r="OFH672" s="613"/>
      <c r="OFI672" s="613"/>
      <c r="OFJ672" s="613"/>
      <c r="OFK672" s="613"/>
      <c r="OFL672" s="613"/>
      <c r="OFM672" s="613"/>
      <c r="OFN672" s="613"/>
      <c r="OFO672" s="613"/>
      <c r="OFP672" s="613"/>
      <c r="OFQ672" s="613"/>
      <c r="OFR672" s="613"/>
      <c r="OFS672" s="613"/>
      <c r="OFT672" s="613"/>
      <c r="OFU672" s="613"/>
      <c r="OFV672" s="613"/>
      <c r="OFW672" s="613"/>
      <c r="OFX672" s="613"/>
      <c r="OFY672" s="613"/>
      <c r="OFZ672" s="613"/>
      <c r="OGA672" s="613"/>
      <c r="OGB672" s="613"/>
      <c r="OGC672" s="613"/>
      <c r="OGD672" s="613"/>
      <c r="OGE672" s="613"/>
      <c r="OGF672" s="613"/>
      <c r="OGG672" s="613"/>
      <c r="OGH672" s="613"/>
      <c r="OGI672" s="613"/>
      <c r="OGJ672" s="613"/>
      <c r="OGK672" s="613"/>
      <c r="OGL672" s="613"/>
      <c r="OGM672" s="613"/>
      <c r="OGN672" s="613"/>
      <c r="OGO672" s="613"/>
      <c r="OGP672" s="613"/>
      <c r="OGQ672" s="613"/>
      <c r="OGR672" s="613"/>
      <c r="OGS672" s="613"/>
      <c r="OGT672" s="613"/>
      <c r="OGU672" s="613"/>
      <c r="OGV672" s="613"/>
      <c r="OGW672" s="613"/>
      <c r="OGX672" s="613"/>
      <c r="OGY672" s="613"/>
      <c r="OGZ672" s="613"/>
      <c r="OHA672" s="613"/>
      <c r="OHB672" s="613"/>
      <c r="OHC672" s="613"/>
      <c r="OHD672" s="613"/>
      <c r="OHE672" s="613"/>
      <c r="OHF672" s="613"/>
      <c r="OHG672" s="613"/>
      <c r="OHH672" s="613"/>
      <c r="OHI672" s="613"/>
      <c r="OHJ672" s="613"/>
      <c r="OHK672" s="613"/>
      <c r="OHL672" s="613"/>
      <c r="OHM672" s="613"/>
      <c r="OHN672" s="613"/>
      <c r="OHO672" s="613"/>
      <c r="OHP672" s="613"/>
      <c r="OHQ672" s="613"/>
      <c r="OHR672" s="613"/>
      <c r="OHS672" s="613"/>
      <c r="OHT672" s="613"/>
      <c r="OHU672" s="613"/>
      <c r="OHV672" s="613"/>
      <c r="OHW672" s="613"/>
      <c r="OHX672" s="613"/>
      <c r="OHY672" s="613"/>
      <c r="OHZ672" s="613"/>
      <c r="OIA672" s="613"/>
      <c r="OIB672" s="613"/>
      <c r="OIC672" s="613"/>
      <c r="OID672" s="613"/>
      <c r="OIE672" s="613"/>
      <c r="OIF672" s="613"/>
      <c r="OIG672" s="613"/>
      <c r="OIH672" s="613"/>
      <c r="OII672" s="613"/>
      <c r="OIJ672" s="613"/>
      <c r="OIK672" s="613"/>
      <c r="OIL672" s="613"/>
      <c r="OIM672" s="613"/>
      <c r="OIN672" s="613"/>
      <c r="OIO672" s="613"/>
      <c r="OIP672" s="613"/>
      <c r="OIQ672" s="613"/>
      <c r="OIR672" s="613"/>
      <c r="OIS672" s="613"/>
      <c r="OIT672" s="613"/>
      <c r="OIU672" s="613"/>
      <c r="OIV672" s="613"/>
      <c r="OIW672" s="613"/>
      <c r="OIX672" s="613"/>
      <c r="OIY672" s="613"/>
      <c r="OIZ672" s="613"/>
      <c r="OJA672" s="613"/>
      <c r="OJB672" s="613"/>
      <c r="OJC672" s="613"/>
      <c r="OJD672" s="613"/>
      <c r="OJE672" s="613"/>
      <c r="OJF672" s="613"/>
      <c r="OJG672" s="613"/>
      <c r="OJH672" s="613"/>
      <c r="OJI672" s="613"/>
      <c r="OJJ672" s="613"/>
      <c r="OJK672" s="613"/>
      <c r="OJL672" s="613"/>
      <c r="OJM672" s="613"/>
      <c r="OJN672" s="613"/>
      <c r="OJO672" s="613"/>
      <c r="OJP672" s="613"/>
      <c r="OJQ672" s="613"/>
      <c r="OJR672" s="613"/>
      <c r="OJS672" s="613"/>
      <c r="OJT672" s="613"/>
      <c r="OJU672" s="613"/>
      <c r="OJV672" s="613"/>
      <c r="OJW672" s="613"/>
      <c r="OJX672" s="613"/>
      <c r="OJY672" s="613"/>
      <c r="OJZ672" s="613"/>
      <c r="OKA672" s="613"/>
      <c r="OKB672" s="613"/>
      <c r="OKC672" s="613"/>
      <c r="OKD672" s="613"/>
      <c r="OKE672" s="613"/>
      <c r="OKF672" s="613"/>
      <c r="OKG672" s="613"/>
      <c r="OKH672" s="613"/>
      <c r="OKI672" s="613"/>
      <c r="OKJ672" s="613"/>
      <c r="OKK672" s="613"/>
      <c r="OKL672" s="613"/>
      <c r="OKM672" s="613"/>
      <c r="OKN672" s="613"/>
      <c r="OKO672" s="613"/>
      <c r="OKP672" s="613"/>
      <c r="OKQ672" s="613"/>
      <c r="OKR672" s="613"/>
      <c r="OKS672" s="613"/>
      <c r="OKT672" s="613"/>
      <c r="OKU672" s="613"/>
      <c r="OKV672" s="613"/>
      <c r="OKW672" s="613"/>
      <c r="OKX672" s="613"/>
      <c r="OKY672" s="613"/>
      <c r="OKZ672" s="613"/>
      <c r="OLA672" s="613"/>
      <c r="OLB672" s="613"/>
      <c r="OLC672" s="613"/>
      <c r="OLD672" s="613"/>
      <c r="OLE672" s="613"/>
      <c r="OLF672" s="613"/>
      <c r="OLG672" s="613"/>
      <c r="OLH672" s="613"/>
      <c r="OLI672" s="613"/>
      <c r="OLJ672" s="613"/>
      <c r="OLK672" s="613"/>
      <c r="OLL672" s="613"/>
      <c r="OLM672" s="613"/>
      <c r="OLN672" s="613"/>
      <c r="OLO672" s="613"/>
      <c r="OLP672" s="613"/>
      <c r="OLQ672" s="613"/>
      <c r="OLR672" s="613"/>
      <c r="OLS672" s="613"/>
      <c r="OLT672" s="613"/>
      <c r="OLU672" s="613"/>
      <c r="OLV672" s="613"/>
      <c r="OLW672" s="613"/>
      <c r="OLX672" s="613"/>
      <c r="OLY672" s="613"/>
      <c r="OLZ672" s="613"/>
      <c r="OMA672" s="613"/>
      <c r="OMB672" s="613"/>
      <c r="OMC672" s="613"/>
      <c r="OMD672" s="613"/>
      <c r="OME672" s="613"/>
      <c r="OMF672" s="613"/>
      <c r="OMG672" s="613"/>
      <c r="OMH672" s="613"/>
      <c r="OMI672" s="613"/>
      <c r="OMJ672" s="613"/>
      <c r="OMK672" s="613"/>
      <c r="OML672" s="613"/>
      <c r="OMM672" s="613"/>
      <c r="OMN672" s="613"/>
      <c r="OMO672" s="613"/>
      <c r="OMP672" s="613"/>
      <c r="OMQ672" s="613"/>
      <c r="OMR672" s="613"/>
      <c r="OMS672" s="613"/>
      <c r="OMT672" s="613"/>
      <c r="OMU672" s="613"/>
      <c r="OMV672" s="613"/>
      <c r="OMW672" s="613"/>
      <c r="OMX672" s="613"/>
      <c r="OMY672" s="613"/>
      <c r="OMZ672" s="613"/>
      <c r="ONA672" s="613"/>
      <c r="ONB672" s="613"/>
      <c r="ONC672" s="613"/>
      <c r="OND672" s="613"/>
      <c r="ONE672" s="613"/>
      <c r="ONF672" s="613"/>
      <c r="ONG672" s="613"/>
      <c r="ONH672" s="613"/>
      <c r="ONI672" s="613"/>
      <c r="ONJ672" s="613"/>
      <c r="ONK672" s="613"/>
      <c r="ONL672" s="613"/>
      <c r="ONM672" s="613"/>
      <c r="ONN672" s="613"/>
      <c r="ONO672" s="613"/>
      <c r="ONP672" s="613"/>
      <c r="ONQ672" s="613"/>
      <c r="ONR672" s="613"/>
      <c r="ONS672" s="613"/>
      <c r="ONT672" s="613"/>
      <c r="ONU672" s="613"/>
      <c r="ONV672" s="613"/>
      <c r="ONW672" s="613"/>
      <c r="ONX672" s="613"/>
      <c r="ONY672" s="613"/>
      <c r="ONZ672" s="613"/>
      <c r="OOA672" s="613"/>
      <c r="OOB672" s="613"/>
      <c r="OOC672" s="613"/>
      <c r="OOD672" s="613"/>
      <c r="OOE672" s="613"/>
      <c r="OOF672" s="613"/>
      <c r="OOG672" s="613"/>
      <c r="OOH672" s="613"/>
      <c r="OOI672" s="613"/>
      <c r="OOJ672" s="613"/>
      <c r="OOK672" s="613"/>
      <c r="OOL672" s="613"/>
      <c r="OOM672" s="613"/>
      <c r="OON672" s="613"/>
      <c r="OOO672" s="613"/>
      <c r="OOP672" s="613"/>
      <c r="OOQ672" s="613"/>
      <c r="OOR672" s="613"/>
      <c r="OOS672" s="613"/>
      <c r="OOT672" s="613"/>
      <c r="OOU672" s="613"/>
      <c r="OOV672" s="613"/>
      <c r="OOW672" s="613"/>
      <c r="OOX672" s="613"/>
      <c r="OOY672" s="613"/>
      <c r="OOZ672" s="613"/>
      <c r="OPA672" s="613"/>
      <c r="OPB672" s="613"/>
      <c r="OPC672" s="613"/>
      <c r="OPD672" s="613"/>
      <c r="OPE672" s="613"/>
      <c r="OPF672" s="613"/>
      <c r="OPG672" s="613"/>
      <c r="OPH672" s="613"/>
      <c r="OPI672" s="613"/>
      <c r="OPJ672" s="613"/>
      <c r="OPK672" s="613"/>
      <c r="OPL672" s="613"/>
      <c r="OPM672" s="613"/>
      <c r="OPN672" s="613"/>
      <c r="OPO672" s="613"/>
      <c r="OPP672" s="613"/>
      <c r="OPQ672" s="613"/>
      <c r="OPR672" s="613"/>
      <c r="OPS672" s="613"/>
      <c r="OPT672" s="613"/>
      <c r="OPU672" s="613"/>
      <c r="OPV672" s="613"/>
      <c r="OPW672" s="613"/>
      <c r="OPX672" s="613"/>
      <c r="OPY672" s="613"/>
      <c r="OPZ672" s="613"/>
      <c r="OQA672" s="613"/>
      <c r="OQB672" s="613"/>
      <c r="OQC672" s="613"/>
      <c r="OQD672" s="613"/>
      <c r="OQE672" s="613"/>
      <c r="OQF672" s="613"/>
      <c r="OQG672" s="613"/>
      <c r="OQH672" s="613"/>
      <c r="OQI672" s="613"/>
      <c r="OQJ672" s="613"/>
      <c r="OQK672" s="613"/>
      <c r="OQL672" s="613"/>
      <c r="OQM672" s="613"/>
      <c r="OQN672" s="613"/>
      <c r="OQO672" s="613"/>
      <c r="OQP672" s="613"/>
      <c r="OQQ672" s="613"/>
      <c r="OQR672" s="613"/>
      <c r="OQS672" s="613"/>
      <c r="OQT672" s="613"/>
      <c r="OQU672" s="613"/>
      <c r="OQV672" s="613"/>
      <c r="OQW672" s="613"/>
      <c r="OQX672" s="613"/>
      <c r="OQY672" s="613"/>
      <c r="OQZ672" s="613"/>
      <c r="ORA672" s="613"/>
      <c r="ORB672" s="613"/>
      <c r="ORC672" s="613"/>
      <c r="ORD672" s="613"/>
      <c r="ORE672" s="613"/>
      <c r="ORF672" s="613"/>
      <c r="ORG672" s="613"/>
      <c r="ORH672" s="613"/>
      <c r="ORI672" s="613"/>
      <c r="ORJ672" s="613"/>
      <c r="ORK672" s="613"/>
      <c r="ORL672" s="613"/>
      <c r="ORM672" s="613"/>
      <c r="ORN672" s="613"/>
      <c r="ORO672" s="613"/>
      <c r="ORP672" s="613"/>
      <c r="ORQ672" s="613"/>
      <c r="ORR672" s="613"/>
      <c r="ORS672" s="613"/>
      <c r="ORT672" s="613"/>
      <c r="ORU672" s="613"/>
      <c r="ORV672" s="613"/>
      <c r="ORW672" s="613"/>
      <c r="ORX672" s="613"/>
      <c r="ORY672" s="613"/>
      <c r="ORZ672" s="613"/>
      <c r="OSA672" s="613"/>
      <c r="OSB672" s="613"/>
      <c r="OSC672" s="613"/>
      <c r="OSD672" s="613"/>
      <c r="OSE672" s="613"/>
      <c r="OSF672" s="613"/>
      <c r="OSG672" s="613"/>
      <c r="OSH672" s="613"/>
      <c r="OSI672" s="613"/>
      <c r="OSJ672" s="613"/>
      <c r="OSK672" s="613"/>
      <c r="OSL672" s="613"/>
      <c r="OSM672" s="613"/>
      <c r="OSN672" s="613"/>
      <c r="OSO672" s="613"/>
      <c r="OSP672" s="613"/>
      <c r="OSQ672" s="613"/>
      <c r="OSR672" s="613"/>
      <c r="OSS672" s="613"/>
      <c r="OST672" s="613"/>
      <c r="OSU672" s="613"/>
      <c r="OSV672" s="613"/>
      <c r="OSW672" s="613"/>
      <c r="OSX672" s="613"/>
      <c r="OSY672" s="613"/>
      <c r="OSZ672" s="613"/>
      <c r="OTA672" s="613"/>
      <c r="OTB672" s="613"/>
      <c r="OTC672" s="613"/>
      <c r="OTD672" s="613"/>
      <c r="OTE672" s="613"/>
      <c r="OTF672" s="613"/>
      <c r="OTG672" s="613"/>
      <c r="OTH672" s="613"/>
      <c r="OTI672" s="613"/>
      <c r="OTJ672" s="613"/>
      <c r="OTK672" s="613"/>
      <c r="OTL672" s="613"/>
      <c r="OTM672" s="613"/>
      <c r="OTN672" s="613"/>
      <c r="OTO672" s="613"/>
      <c r="OTP672" s="613"/>
      <c r="OTQ672" s="613"/>
      <c r="OTR672" s="613"/>
      <c r="OTS672" s="613"/>
      <c r="OTT672" s="613"/>
      <c r="OTU672" s="613"/>
      <c r="OTV672" s="613"/>
      <c r="OTW672" s="613"/>
      <c r="OTX672" s="613"/>
      <c r="OTY672" s="613"/>
      <c r="OTZ672" s="613"/>
      <c r="OUA672" s="613"/>
      <c r="OUB672" s="613"/>
      <c r="OUC672" s="613"/>
      <c r="OUD672" s="613"/>
      <c r="OUE672" s="613"/>
      <c r="OUF672" s="613"/>
      <c r="OUG672" s="613"/>
      <c r="OUH672" s="613"/>
      <c r="OUI672" s="613"/>
      <c r="OUJ672" s="613"/>
      <c r="OUK672" s="613"/>
      <c r="OUL672" s="613"/>
      <c r="OUM672" s="613"/>
      <c r="OUN672" s="613"/>
      <c r="OUO672" s="613"/>
      <c r="OUP672" s="613"/>
      <c r="OUQ672" s="613"/>
      <c r="OUR672" s="613"/>
      <c r="OUS672" s="613"/>
      <c r="OUT672" s="613"/>
      <c r="OUU672" s="613"/>
      <c r="OUV672" s="613"/>
      <c r="OUW672" s="613"/>
      <c r="OUX672" s="613"/>
      <c r="OUY672" s="613"/>
      <c r="OUZ672" s="613"/>
      <c r="OVA672" s="613"/>
      <c r="OVB672" s="613"/>
      <c r="OVC672" s="613"/>
      <c r="OVD672" s="613"/>
      <c r="OVE672" s="613"/>
      <c r="OVF672" s="613"/>
      <c r="OVG672" s="613"/>
      <c r="OVH672" s="613"/>
      <c r="OVI672" s="613"/>
      <c r="OVJ672" s="613"/>
      <c r="OVK672" s="613"/>
      <c r="OVL672" s="613"/>
      <c r="OVM672" s="613"/>
      <c r="OVN672" s="613"/>
      <c r="OVO672" s="613"/>
      <c r="OVP672" s="613"/>
      <c r="OVQ672" s="613"/>
      <c r="OVR672" s="613"/>
      <c r="OVS672" s="613"/>
      <c r="OVT672" s="613"/>
      <c r="OVU672" s="613"/>
      <c r="OVV672" s="613"/>
      <c r="OVW672" s="613"/>
      <c r="OVX672" s="613"/>
      <c r="OVY672" s="613"/>
      <c r="OVZ672" s="613"/>
      <c r="OWA672" s="613"/>
      <c r="OWB672" s="613"/>
      <c r="OWC672" s="613"/>
      <c r="OWD672" s="613"/>
      <c r="OWE672" s="613"/>
      <c r="OWF672" s="613"/>
      <c r="OWG672" s="613"/>
      <c r="OWH672" s="613"/>
      <c r="OWI672" s="613"/>
      <c r="OWJ672" s="613"/>
      <c r="OWK672" s="613"/>
      <c r="OWL672" s="613"/>
      <c r="OWM672" s="613"/>
      <c r="OWN672" s="613"/>
      <c r="OWO672" s="613"/>
      <c r="OWP672" s="613"/>
      <c r="OWQ672" s="613"/>
      <c r="OWR672" s="613"/>
      <c r="OWS672" s="613"/>
      <c r="OWT672" s="613"/>
      <c r="OWU672" s="613"/>
      <c r="OWV672" s="613"/>
      <c r="OWW672" s="613"/>
      <c r="OWX672" s="613"/>
      <c r="OWY672" s="613"/>
      <c r="OWZ672" s="613"/>
      <c r="OXA672" s="613"/>
      <c r="OXB672" s="613"/>
      <c r="OXC672" s="613"/>
      <c r="OXD672" s="613"/>
      <c r="OXE672" s="613"/>
      <c r="OXF672" s="613"/>
      <c r="OXG672" s="613"/>
      <c r="OXH672" s="613"/>
      <c r="OXI672" s="613"/>
      <c r="OXJ672" s="613"/>
      <c r="OXK672" s="613"/>
      <c r="OXL672" s="613"/>
      <c r="OXM672" s="613"/>
      <c r="OXN672" s="613"/>
      <c r="OXO672" s="613"/>
      <c r="OXP672" s="613"/>
      <c r="OXQ672" s="613"/>
      <c r="OXR672" s="613"/>
      <c r="OXS672" s="613"/>
      <c r="OXT672" s="613"/>
      <c r="OXU672" s="613"/>
      <c r="OXV672" s="613"/>
      <c r="OXW672" s="613"/>
      <c r="OXX672" s="613"/>
      <c r="OXY672" s="613"/>
      <c r="OXZ672" s="613"/>
      <c r="OYA672" s="613"/>
      <c r="OYB672" s="613"/>
      <c r="OYC672" s="613"/>
      <c r="OYD672" s="613"/>
      <c r="OYE672" s="613"/>
      <c r="OYF672" s="613"/>
      <c r="OYG672" s="613"/>
      <c r="OYH672" s="613"/>
      <c r="OYI672" s="613"/>
      <c r="OYJ672" s="613"/>
      <c r="OYK672" s="613"/>
      <c r="OYL672" s="613"/>
      <c r="OYM672" s="613"/>
      <c r="OYN672" s="613"/>
      <c r="OYO672" s="613"/>
      <c r="OYP672" s="613"/>
      <c r="OYQ672" s="613"/>
      <c r="OYR672" s="613"/>
      <c r="OYS672" s="613"/>
      <c r="OYT672" s="613"/>
      <c r="OYU672" s="613"/>
      <c r="OYV672" s="613"/>
      <c r="OYW672" s="613"/>
      <c r="OYX672" s="613"/>
      <c r="OYY672" s="613"/>
      <c r="OYZ672" s="613"/>
      <c r="OZA672" s="613"/>
      <c r="OZB672" s="613"/>
      <c r="OZC672" s="613"/>
      <c r="OZD672" s="613"/>
      <c r="OZE672" s="613"/>
      <c r="OZF672" s="613"/>
      <c r="OZG672" s="613"/>
      <c r="OZH672" s="613"/>
      <c r="OZI672" s="613"/>
      <c r="OZJ672" s="613"/>
      <c r="OZK672" s="613"/>
      <c r="OZL672" s="613"/>
      <c r="OZM672" s="613"/>
      <c r="OZN672" s="613"/>
      <c r="OZO672" s="613"/>
      <c r="OZP672" s="613"/>
      <c r="OZQ672" s="613"/>
      <c r="OZR672" s="613"/>
      <c r="OZS672" s="613"/>
      <c r="OZT672" s="613"/>
      <c r="OZU672" s="613"/>
      <c r="OZV672" s="613"/>
      <c r="OZW672" s="613"/>
      <c r="OZX672" s="613"/>
      <c r="OZY672" s="613"/>
      <c r="OZZ672" s="613"/>
      <c r="PAA672" s="613"/>
      <c r="PAB672" s="613"/>
      <c r="PAC672" s="613"/>
      <c r="PAD672" s="613"/>
      <c r="PAE672" s="613"/>
      <c r="PAF672" s="613"/>
      <c r="PAG672" s="613"/>
      <c r="PAH672" s="613"/>
      <c r="PAI672" s="613"/>
      <c r="PAJ672" s="613"/>
      <c r="PAK672" s="613"/>
      <c r="PAL672" s="613"/>
      <c r="PAM672" s="613"/>
      <c r="PAN672" s="613"/>
      <c r="PAO672" s="613"/>
      <c r="PAP672" s="613"/>
      <c r="PAQ672" s="613"/>
      <c r="PAR672" s="613"/>
      <c r="PAS672" s="613"/>
      <c r="PAT672" s="613"/>
      <c r="PAU672" s="613"/>
      <c r="PAV672" s="613"/>
      <c r="PAW672" s="613"/>
      <c r="PAX672" s="613"/>
      <c r="PAY672" s="613"/>
      <c r="PAZ672" s="613"/>
      <c r="PBA672" s="613"/>
      <c r="PBB672" s="613"/>
      <c r="PBC672" s="613"/>
      <c r="PBD672" s="613"/>
      <c r="PBE672" s="613"/>
      <c r="PBF672" s="613"/>
      <c r="PBG672" s="613"/>
      <c r="PBH672" s="613"/>
      <c r="PBI672" s="613"/>
      <c r="PBJ672" s="613"/>
      <c r="PBK672" s="613"/>
      <c r="PBL672" s="613"/>
      <c r="PBM672" s="613"/>
      <c r="PBN672" s="613"/>
      <c r="PBO672" s="613"/>
      <c r="PBP672" s="613"/>
      <c r="PBQ672" s="613"/>
      <c r="PBR672" s="613"/>
      <c r="PBS672" s="613"/>
      <c r="PBT672" s="613"/>
      <c r="PBU672" s="613"/>
      <c r="PBV672" s="613"/>
      <c r="PBW672" s="613"/>
      <c r="PBX672" s="613"/>
      <c r="PBY672" s="613"/>
      <c r="PBZ672" s="613"/>
      <c r="PCA672" s="613"/>
      <c r="PCB672" s="613"/>
      <c r="PCC672" s="613"/>
      <c r="PCD672" s="613"/>
      <c r="PCE672" s="613"/>
      <c r="PCF672" s="613"/>
      <c r="PCG672" s="613"/>
      <c r="PCH672" s="613"/>
      <c r="PCI672" s="613"/>
      <c r="PCJ672" s="613"/>
      <c r="PCK672" s="613"/>
      <c r="PCL672" s="613"/>
      <c r="PCM672" s="613"/>
      <c r="PCN672" s="613"/>
      <c r="PCO672" s="613"/>
      <c r="PCP672" s="613"/>
      <c r="PCQ672" s="613"/>
      <c r="PCR672" s="613"/>
      <c r="PCS672" s="613"/>
      <c r="PCT672" s="613"/>
      <c r="PCU672" s="613"/>
      <c r="PCV672" s="613"/>
      <c r="PCW672" s="613"/>
      <c r="PCX672" s="613"/>
      <c r="PCY672" s="613"/>
      <c r="PCZ672" s="613"/>
      <c r="PDA672" s="613"/>
      <c r="PDB672" s="613"/>
      <c r="PDC672" s="613"/>
      <c r="PDD672" s="613"/>
      <c r="PDE672" s="613"/>
      <c r="PDF672" s="613"/>
      <c r="PDG672" s="613"/>
      <c r="PDH672" s="613"/>
      <c r="PDI672" s="613"/>
      <c r="PDJ672" s="613"/>
      <c r="PDK672" s="613"/>
      <c r="PDL672" s="613"/>
      <c r="PDM672" s="613"/>
      <c r="PDN672" s="613"/>
      <c r="PDO672" s="613"/>
      <c r="PDP672" s="613"/>
      <c r="PDQ672" s="613"/>
      <c r="PDR672" s="613"/>
      <c r="PDS672" s="613"/>
      <c r="PDT672" s="613"/>
      <c r="PDU672" s="613"/>
      <c r="PDV672" s="613"/>
      <c r="PDW672" s="613"/>
      <c r="PDX672" s="613"/>
      <c r="PDY672" s="613"/>
      <c r="PDZ672" s="613"/>
      <c r="PEA672" s="613"/>
      <c r="PEB672" s="613"/>
      <c r="PEC672" s="613"/>
      <c r="PED672" s="613"/>
      <c r="PEE672" s="613"/>
      <c r="PEF672" s="613"/>
      <c r="PEG672" s="613"/>
      <c r="PEH672" s="613"/>
      <c r="PEI672" s="613"/>
      <c r="PEJ672" s="613"/>
      <c r="PEK672" s="613"/>
      <c r="PEL672" s="613"/>
      <c r="PEM672" s="613"/>
      <c r="PEN672" s="613"/>
      <c r="PEO672" s="613"/>
      <c r="PEP672" s="613"/>
      <c r="PEQ672" s="613"/>
      <c r="PER672" s="613"/>
      <c r="PES672" s="613"/>
      <c r="PET672" s="613"/>
      <c r="PEU672" s="613"/>
      <c r="PEV672" s="613"/>
      <c r="PEW672" s="613"/>
      <c r="PEX672" s="613"/>
      <c r="PEY672" s="613"/>
      <c r="PEZ672" s="613"/>
      <c r="PFA672" s="613"/>
      <c r="PFB672" s="613"/>
      <c r="PFC672" s="613"/>
      <c r="PFD672" s="613"/>
      <c r="PFE672" s="613"/>
      <c r="PFF672" s="613"/>
      <c r="PFG672" s="613"/>
      <c r="PFH672" s="613"/>
      <c r="PFI672" s="613"/>
      <c r="PFJ672" s="613"/>
      <c r="PFK672" s="613"/>
      <c r="PFL672" s="613"/>
      <c r="PFM672" s="613"/>
      <c r="PFN672" s="613"/>
      <c r="PFO672" s="613"/>
      <c r="PFP672" s="613"/>
      <c r="PFQ672" s="613"/>
      <c r="PFR672" s="613"/>
      <c r="PFS672" s="613"/>
      <c r="PFT672" s="613"/>
      <c r="PFU672" s="613"/>
      <c r="PFV672" s="613"/>
      <c r="PFW672" s="613"/>
      <c r="PFX672" s="613"/>
      <c r="PFY672" s="613"/>
      <c r="PFZ672" s="613"/>
      <c r="PGA672" s="613"/>
      <c r="PGB672" s="613"/>
      <c r="PGC672" s="613"/>
      <c r="PGD672" s="613"/>
      <c r="PGE672" s="613"/>
      <c r="PGF672" s="613"/>
      <c r="PGG672" s="613"/>
      <c r="PGH672" s="613"/>
      <c r="PGI672" s="613"/>
      <c r="PGJ672" s="613"/>
      <c r="PGK672" s="613"/>
      <c r="PGL672" s="613"/>
      <c r="PGM672" s="613"/>
      <c r="PGN672" s="613"/>
      <c r="PGO672" s="613"/>
      <c r="PGP672" s="613"/>
      <c r="PGQ672" s="613"/>
      <c r="PGR672" s="613"/>
      <c r="PGS672" s="613"/>
      <c r="PGT672" s="613"/>
      <c r="PGU672" s="613"/>
      <c r="PGV672" s="613"/>
      <c r="PGW672" s="613"/>
      <c r="PGX672" s="613"/>
      <c r="PGY672" s="613"/>
      <c r="PGZ672" s="613"/>
      <c r="PHA672" s="613"/>
      <c r="PHB672" s="613"/>
      <c r="PHC672" s="613"/>
      <c r="PHD672" s="613"/>
      <c r="PHE672" s="613"/>
      <c r="PHF672" s="613"/>
      <c r="PHG672" s="613"/>
      <c r="PHH672" s="613"/>
      <c r="PHI672" s="613"/>
      <c r="PHJ672" s="613"/>
      <c r="PHK672" s="613"/>
      <c r="PHL672" s="613"/>
      <c r="PHM672" s="613"/>
      <c r="PHN672" s="613"/>
      <c r="PHO672" s="613"/>
      <c r="PHP672" s="613"/>
      <c r="PHQ672" s="613"/>
      <c r="PHR672" s="613"/>
      <c r="PHS672" s="613"/>
      <c r="PHT672" s="613"/>
      <c r="PHU672" s="613"/>
      <c r="PHV672" s="613"/>
      <c r="PHW672" s="613"/>
      <c r="PHX672" s="613"/>
      <c r="PHY672" s="613"/>
      <c r="PHZ672" s="613"/>
      <c r="PIA672" s="613"/>
      <c r="PIB672" s="613"/>
      <c r="PIC672" s="613"/>
      <c r="PID672" s="613"/>
      <c r="PIE672" s="613"/>
      <c r="PIF672" s="613"/>
      <c r="PIG672" s="613"/>
      <c r="PIH672" s="613"/>
      <c r="PII672" s="613"/>
      <c r="PIJ672" s="613"/>
      <c r="PIK672" s="613"/>
      <c r="PIL672" s="613"/>
      <c r="PIM672" s="613"/>
      <c r="PIN672" s="613"/>
      <c r="PIO672" s="613"/>
      <c r="PIP672" s="613"/>
      <c r="PIQ672" s="613"/>
      <c r="PIR672" s="613"/>
      <c r="PIS672" s="613"/>
      <c r="PIT672" s="613"/>
      <c r="PIU672" s="613"/>
      <c r="PIV672" s="613"/>
      <c r="PIW672" s="613"/>
      <c r="PIX672" s="613"/>
      <c r="PIY672" s="613"/>
      <c r="PIZ672" s="613"/>
      <c r="PJA672" s="613"/>
      <c r="PJB672" s="613"/>
      <c r="PJC672" s="613"/>
      <c r="PJD672" s="613"/>
      <c r="PJE672" s="613"/>
      <c r="PJF672" s="613"/>
      <c r="PJG672" s="613"/>
      <c r="PJH672" s="613"/>
      <c r="PJI672" s="613"/>
      <c r="PJJ672" s="613"/>
      <c r="PJK672" s="613"/>
      <c r="PJL672" s="613"/>
      <c r="PJM672" s="613"/>
      <c r="PJN672" s="613"/>
      <c r="PJO672" s="613"/>
      <c r="PJP672" s="613"/>
      <c r="PJQ672" s="613"/>
      <c r="PJR672" s="613"/>
      <c r="PJS672" s="613"/>
      <c r="PJT672" s="613"/>
      <c r="PJU672" s="613"/>
      <c r="PJV672" s="613"/>
      <c r="PJW672" s="613"/>
      <c r="PJX672" s="613"/>
      <c r="PJY672" s="613"/>
      <c r="PJZ672" s="613"/>
      <c r="PKA672" s="613"/>
      <c r="PKB672" s="613"/>
      <c r="PKC672" s="613"/>
      <c r="PKD672" s="613"/>
      <c r="PKE672" s="613"/>
      <c r="PKF672" s="613"/>
      <c r="PKG672" s="613"/>
      <c r="PKH672" s="613"/>
      <c r="PKI672" s="613"/>
      <c r="PKJ672" s="613"/>
      <c r="PKK672" s="613"/>
      <c r="PKL672" s="613"/>
      <c r="PKM672" s="613"/>
      <c r="PKN672" s="613"/>
      <c r="PKO672" s="613"/>
      <c r="PKP672" s="613"/>
      <c r="PKQ672" s="613"/>
      <c r="PKR672" s="613"/>
      <c r="PKS672" s="613"/>
      <c r="PKT672" s="613"/>
      <c r="PKU672" s="613"/>
      <c r="PKV672" s="613"/>
      <c r="PKW672" s="613"/>
      <c r="PKX672" s="613"/>
      <c r="PKY672" s="613"/>
      <c r="PKZ672" s="613"/>
      <c r="PLA672" s="613"/>
      <c r="PLB672" s="613"/>
      <c r="PLC672" s="613"/>
      <c r="PLD672" s="613"/>
      <c r="PLE672" s="613"/>
      <c r="PLF672" s="613"/>
      <c r="PLG672" s="613"/>
      <c r="PLH672" s="613"/>
      <c r="PLI672" s="613"/>
      <c r="PLJ672" s="613"/>
      <c r="PLK672" s="613"/>
      <c r="PLL672" s="613"/>
      <c r="PLM672" s="613"/>
      <c r="PLN672" s="613"/>
      <c r="PLO672" s="613"/>
      <c r="PLP672" s="613"/>
      <c r="PLQ672" s="613"/>
      <c r="PLR672" s="613"/>
      <c r="PLS672" s="613"/>
      <c r="PLT672" s="613"/>
      <c r="PLU672" s="613"/>
      <c r="PLV672" s="613"/>
      <c r="PLW672" s="613"/>
      <c r="PLX672" s="613"/>
      <c r="PLY672" s="613"/>
      <c r="PLZ672" s="613"/>
      <c r="PMA672" s="613"/>
      <c r="PMB672" s="613"/>
      <c r="PMC672" s="613"/>
      <c r="PMD672" s="613"/>
      <c r="PME672" s="613"/>
      <c r="PMF672" s="613"/>
      <c r="PMG672" s="613"/>
      <c r="PMH672" s="613"/>
      <c r="PMI672" s="613"/>
      <c r="PMJ672" s="613"/>
      <c r="PMK672" s="613"/>
      <c r="PML672" s="613"/>
      <c r="PMM672" s="613"/>
      <c r="PMN672" s="613"/>
      <c r="PMO672" s="613"/>
      <c r="PMP672" s="613"/>
      <c r="PMQ672" s="613"/>
      <c r="PMR672" s="613"/>
      <c r="PMS672" s="613"/>
      <c r="PMT672" s="613"/>
      <c r="PMU672" s="613"/>
      <c r="PMV672" s="613"/>
      <c r="PMW672" s="613"/>
      <c r="PMX672" s="613"/>
      <c r="PMY672" s="613"/>
      <c r="PMZ672" s="613"/>
      <c r="PNA672" s="613"/>
      <c r="PNB672" s="613"/>
      <c r="PNC672" s="613"/>
      <c r="PND672" s="613"/>
      <c r="PNE672" s="613"/>
      <c r="PNF672" s="613"/>
      <c r="PNG672" s="613"/>
      <c r="PNH672" s="613"/>
      <c r="PNI672" s="613"/>
      <c r="PNJ672" s="613"/>
      <c r="PNK672" s="613"/>
      <c r="PNL672" s="613"/>
      <c r="PNM672" s="613"/>
      <c r="PNN672" s="613"/>
      <c r="PNO672" s="613"/>
      <c r="PNP672" s="613"/>
      <c r="PNQ672" s="613"/>
      <c r="PNR672" s="613"/>
      <c r="PNS672" s="613"/>
      <c r="PNT672" s="613"/>
      <c r="PNU672" s="613"/>
      <c r="PNV672" s="613"/>
      <c r="PNW672" s="613"/>
      <c r="PNX672" s="613"/>
      <c r="PNY672" s="613"/>
      <c r="PNZ672" s="613"/>
      <c r="POA672" s="613"/>
      <c r="POB672" s="613"/>
      <c r="POC672" s="613"/>
      <c r="POD672" s="613"/>
      <c r="POE672" s="613"/>
      <c r="POF672" s="613"/>
      <c r="POG672" s="613"/>
      <c r="POH672" s="613"/>
      <c r="POI672" s="613"/>
      <c r="POJ672" s="613"/>
      <c r="POK672" s="613"/>
      <c r="POL672" s="613"/>
      <c r="POM672" s="613"/>
      <c r="PON672" s="613"/>
      <c r="POO672" s="613"/>
      <c r="POP672" s="613"/>
      <c r="POQ672" s="613"/>
      <c r="POR672" s="613"/>
      <c r="POS672" s="613"/>
      <c r="POT672" s="613"/>
      <c r="POU672" s="613"/>
      <c r="POV672" s="613"/>
      <c r="POW672" s="613"/>
      <c r="POX672" s="613"/>
      <c r="POY672" s="613"/>
      <c r="POZ672" s="613"/>
      <c r="PPA672" s="613"/>
      <c r="PPB672" s="613"/>
      <c r="PPC672" s="613"/>
      <c r="PPD672" s="613"/>
      <c r="PPE672" s="613"/>
      <c r="PPF672" s="613"/>
      <c r="PPG672" s="613"/>
      <c r="PPH672" s="613"/>
      <c r="PPI672" s="613"/>
      <c r="PPJ672" s="613"/>
      <c r="PPK672" s="613"/>
      <c r="PPL672" s="613"/>
      <c r="PPM672" s="613"/>
      <c r="PPN672" s="613"/>
      <c r="PPO672" s="613"/>
      <c r="PPP672" s="613"/>
      <c r="PPQ672" s="613"/>
      <c r="PPR672" s="613"/>
      <c r="PPS672" s="613"/>
      <c r="PPT672" s="613"/>
      <c r="PPU672" s="613"/>
      <c r="PPV672" s="613"/>
      <c r="PPW672" s="613"/>
      <c r="PPX672" s="613"/>
      <c r="PPY672" s="613"/>
      <c r="PPZ672" s="613"/>
      <c r="PQA672" s="613"/>
      <c r="PQB672" s="613"/>
      <c r="PQC672" s="613"/>
      <c r="PQD672" s="613"/>
      <c r="PQE672" s="613"/>
      <c r="PQF672" s="613"/>
      <c r="PQG672" s="613"/>
      <c r="PQH672" s="613"/>
      <c r="PQI672" s="613"/>
      <c r="PQJ672" s="613"/>
      <c r="PQK672" s="613"/>
      <c r="PQL672" s="613"/>
      <c r="PQM672" s="613"/>
      <c r="PQN672" s="613"/>
      <c r="PQO672" s="613"/>
      <c r="PQP672" s="613"/>
      <c r="PQQ672" s="613"/>
      <c r="PQR672" s="613"/>
      <c r="PQS672" s="613"/>
      <c r="PQT672" s="613"/>
      <c r="PQU672" s="613"/>
      <c r="PQV672" s="613"/>
      <c r="PQW672" s="613"/>
      <c r="PQX672" s="613"/>
      <c r="PQY672" s="613"/>
      <c r="PQZ672" s="613"/>
      <c r="PRA672" s="613"/>
      <c r="PRB672" s="613"/>
      <c r="PRC672" s="613"/>
      <c r="PRD672" s="613"/>
      <c r="PRE672" s="613"/>
      <c r="PRF672" s="613"/>
      <c r="PRG672" s="613"/>
      <c r="PRH672" s="613"/>
      <c r="PRI672" s="613"/>
      <c r="PRJ672" s="613"/>
      <c r="PRK672" s="613"/>
      <c r="PRL672" s="613"/>
      <c r="PRM672" s="613"/>
      <c r="PRN672" s="613"/>
      <c r="PRO672" s="613"/>
      <c r="PRP672" s="613"/>
      <c r="PRQ672" s="613"/>
      <c r="PRR672" s="613"/>
      <c r="PRS672" s="613"/>
      <c r="PRT672" s="613"/>
      <c r="PRU672" s="613"/>
      <c r="PRV672" s="613"/>
      <c r="PRW672" s="613"/>
      <c r="PRX672" s="613"/>
      <c r="PRY672" s="613"/>
      <c r="PRZ672" s="613"/>
      <c r="PSA672" s="613"/>
      <c r="PSB672" s="613"/>
      <c r="PSC672" s="613"/>
      <c r="PSD672" s="613"/>
      <c r="PSE672" s="613"/>
      <c r="PSF672" s="613"/>
      <c r="PSG672" s="613"/>
      <c r="PSH672" s="613"/>
      <c r="PSI672" s="613"/>
      <c r="PSJ672" s="613"/>
      <c r="PSK672" s="613"/>
      <c r="PSL672" s="613"/>
      <c r="PSM672" s="613"/>
      <c r="PSN672" s="613"/>
      <c r="PSO672" s="613"/>
      <c r="PSP672" s="613"/>
      <c r="PSQ672" s="613"/>
      <c r="PSR672" s="613"/>
      <c r="PSS672" s="613"/>
      <c r="PST672" s="613"/>
      <c r="PSU672" s="613"/>
      <c r="PSV672" s="613"/>
      <c r="PSW672" s="613"/>
      <c r="PSX672" s="613"/>
      <c r="PSY672" s="613"/>
      <c r="PSZ672" s="613"/>
      <c r="PTA672" s="613"/>
      <c r="PTB672" s="613"/>
      <c r="PTC672" s="613"/>
      <c r="PTD672" s="613"/>
      <c r="PTE672" s="613"/>
      <c r="PTF672" s="613"/>
      <c r="PTG672" s="613"/>
      <c r="PTH672" s="613"/>
      <c r="PTI672" s="613"/>
      <c r="PTJ672" s="613"/>
      <c r="PTK672" s="613"/>
      <c r="PTL672" s="613"/>
      <c r="PTM672" s="613"/>
      <c r="PTN672" s="613"/>
      <c r="PTO672" s="613"/>
      <c r="PTP672" s="613"/>
      <c r="PTQ672" s="613"/>
      <c r="PTR672" s="613"/>
      <c r="PTS672" s="613"/>
      <c r="PTT672" s="613"/>
      <c r="PTU672" s="613"/>
      <c r="PTV672" s="613"/>
      <c r="PTW672" s="613"/>
      <c r="PTX672" s="613"/>
      <c r="PTY672" s="613"/>
      <c r="PTZ672" s="613"/>
      <c r="PUA672" s="613"/>
      <c r="PUB672" s="613"/>
      <c r="PUC672" s="613"/>
      <c r="PUD672" s="613"/>
      <c r="PUE672" s="613"/>
      <c r="PUF672" s="613"/>
      <c r="PUG672" s="613"/>
      <c r="PUH672" s="613"/>
      <c r="PUI672" s="613"/>
      <c r="PUJ672" s="613"/>
      <c r="PUK672" s="613"/>
      <c r="PUL672" s="613"/>
      <c r="PUM672" s="613"/>
      <c r="PUN672" s="613"/>
      <c r="PUO672" s="613"/>
      <c r="PUP672" s="613"/>
      <c r="PUQ672" s="613"/>
      <c r="PUR672" s="613"/>
      <c r="PUS672" s="613"/>
      <c r="PUT672" s="613"/>
      <c r="PUU672" s="613"/>
      <c r="PUV672" s="613"/>
      <c r="PUW672" s="613"/>
      <c r="PUX672" s="613"/>
      <c r="PUY672" s="613"/>
      <c r="PUZ672" s="613"/>
      <c r="PVA672" s="613"/>
      <c r="PVB672" s="613"/>
      <c r="PVC672" s="613"/>
      <c r="PVD672" s="613"/>
      <c r="PVE672" s="613"/>
      <c r="PVF672" s="613"/>
      <c r="PVG672" s="613"/>
      <c r="PVH672" s="613"/>
      <c r="PVI672" s="613"/>
      <c r="PVJ672" s="613"/>
      <c r="PVK672" s="613"/>
      <c r="PVL672" s="613"/>
      <c r="PVM672" s="613"/>
      <c r="PVN672" s="613"/>
      <c r="PVO672" s="613"/>
      <c r="PVP672" s="613"/>
      <c r="PVQ672" s="613"/>
      <c r="PVR672" s="613"/>
      <c r="PVS672" s="613"/>
      <c r="PVT672" s="613"/>
      <c r="PVU672" s="613"/>
      <c r="PVV672" s="613"/>
      <c r="PVW672" s="613"/>
      <c r="PVX672" s="613"/>
      <c r="PVY672" s="613"/>
      <c r="PVZ672" s="613"/>
      <c r="PWA672" s="613"/>
      <c r="PWB672" s="613"/>
      <c r="PWC672" s="613"/>
      <c r="PWD672" s="613"/>
      <c r="PWE672" s="613"/>
      <c r="PWF672" s="613"/>
      <c r="PWG672" s="613"/>
      <c r="PWH672" s="613"/>
      <c r="PWI672" s="613"/>
      <c r="PWJ672" s="613"/>
      <c r="PWK672" s="613"/>
      <c r="PWL672" s="613"/>
      <c r="PWM672" s="613"/>
      <c r="PWN672" s="613"/>
      <c r="PWO672" s="613"/>
      <c r="PWP672" s="613"/>
      <c r="PWQ672" s="613"/>
      <c r="PWR672" s="613"/>
      <c r="PWS672" s="613"/>
      <c r="PWT672" s="613"/>
      <c r="PWU672" s="613"/>
      <c r="PWV672" s="613"/>
      <c r="PWW672" s="613"/>
      <c r="PWX672" s="613"/>
      <c r="PWY672" s="613"/>
      <c r="PWZ672" s="613"/>
      <c r="PXA672" s="613"/>
      <c r="PXB672" s="613"/>
      <c r="PXC672" s="613"/>
      <c r="PXD672" s="613"/>
      <c r="PXE672" s="613"/>
      <c r="PXF672" s="613"/>
      <c r="PXG672" s="613"/>
      <c r="PXH672" s="613"/>
      <c r="PXI672" s="613"/>
      <c r="PXJ672" s="613"/>
      <c r="PXK672" s="613"/>
      <c r="PXL672" s="613"/>
      <c r="PXM672" s="613"/>
      <c r="PXN672" s="613"/>
      <c r="PXO672" s="613"/>
      <c r="PXP672" s="613"/>
      <c r="PXQ672" s="613"/>
      <c r="PXR672" s="613"/>
      <c r="PXS672" s="613"/>
      <c r="PXT672" s="613"/>
      <c r="PXU672" s="613"/>
      <c r="PXV672" s="613"/>
      <c r="PXW672" s="613"/>
      <c r="PXX672" s="613"/>
      <c r="PXY672" s="613"/>
      <c r="PXZ672" s="613"/>
      <c r="PYA672" s="613"/>
      <c r="PYB672" s="613"/>
      <c r="PYC672" s="613"/>
      <c r="PYD672" s="613"/>
      <c r="PYE672" s="613"/>
      <c r="PYF672" s="613"/>
      <c r="PYG672" s="613"/>
      <c r="PYH672" s="613"/>
      <c r="PYI672" s="613"/>
      <c r="PYJ672" s="613"/>
      <c r="PYK672" s="613"/>
      <c r="PYL672" s="613"/>
      <c r="PYM672" s="613"/>
      <c r="PYN672" s="613"/>
      <c r="PYO672" s="613"/>
      <c r="PYP672" s="613"/>
      <c r="PYQ672" s="613"/>
      <c r="PYR672" s="613"/>
      <c r="PYS672" s="613"/>
      <c r="PYT672" s="613"/>
      <c r="PYU672" s="613"/>
      <c r="PYV672" s="613"/>
      <c r="PYW672" s="613"/>
      <c r="PYX672" s="613"/>
      <c r="PYY672" s="613"/>
      <c r="PYZ672" s="613"/>
      <c r="PZA672" s="613"/>
      <c r="PZB672" s="613"/>
      <c r="PZC672" s="613"/>
      <c r="PZD672" s="613"/>
      <c r="PZE672" s="613"/>
      <c r="PZF672" s="613"/>
      <c r="PZG672" s="613"/>
      <c r="PZH672" s="613"/>
      <c r="PZI672" s="613"/>
      <c r="PZJ672" s="613"/>
      <c r="PZK672" s="613"/>
      <c r="PZL672" s="613"/>
      <c r="PZM672" s="613"/>
      <c r="PZN672" s="613"/>
      <c r="PZO672" s="613"/>
      <c r="PZP672" s="613"/>
      <c r="PZQ672" s="613"/>
      <c r="PZR672" s="613"/>
      <c r="PZS672" s="613"/>
      <c r="PZT672" s="613"/>
      <c r="PZU672" s="613"/>
      <c r="PZV672" s="613"/>
      <c r="PZW672" s="613"/>
      <c r="PZX672" s="613"/>
      <c r="PZY672" s="613"/>
      <c r="PZZ672" s="613"/>
      <c r="QAA672" s="613"/>
      <c r="QAB672" s="613"/>
      <c r="QAC672" s="613"/>
      <c r="QAD672" s="613"/>
      <c r="QAE672" s="613"/>
      <c r="QAF672" s="613"/>
      <c r="QAG672" s="613"/>
      <c r="QAH672" s="613"/>
      <c r="QAI672" s="613"/>
      <c r="QAJ672" s="613"/>
      <c r="QAK672" s="613"/>
      <c r="QAL672" s="613"/>
      <c r="QAM672" s="613"/>
      <c r="QAN672" s="613"/>
      <c r="QAO672" s="613"/>
      <c r="QAP672" s="613"/>
      <c r="QAQ672" s="613"/>
      <c r="QAR672" s="613"/>
      <c r="QAS672" s="613"/>
      <c r="QAT672" s="613"/>
      <c r="QAU672" s="613"/>
      <c r="QAV672" s="613"/>
      <c r="QAW672" s="613"/>
      <c r="QAX672" s="613"/>
      <c r="QAY672" s="613"/>
      <c r="QAZ672" s="613"/>
      <c r="QBA672" s="613"/>
      <c r="QBB672" s="613"/>
      <c r="QBC672" s="613"/>
      <c r="QBD672" s="613"/>
      <c r="QBE672" s="613"/>
      <c r="QBF672" s="613"/>
      <c r="QBG672" s="613"/>
      <c r="QBH672" s="613"/>
      <c r="QBI672" s="613"/>
      <c r="QBJ672" s="613"/>
      <c r="QBK672" s="613"/>
      <c r="QBL672" s="613"/>
      <c r="QBM672" s="613"/>
      <c r="QBN672" s="613"/>
      <c r="QBO672" s="613"/>
      <c r="QBP672" s="613"/>
      <c r="QBQ672" s="613"/>
      <c r="QBR672" s="613"/>
      <c r="QBS672" s="613"/>
      <c r="QBT672" s="613"/>
      <c r="QBU672" s="613"/>
      <c r="QBV672" s="613"/>
      <c r="QBW672" s="613"/>
      <c r="QBX672" s="613"/>
      <c r="QBY672" s="613"/>
      <c r="QBZ672" s="613"/>
      <c r="QCA672" s="613"/>
      <c r="QCB672" s="613"/>
      <c r="QCC672" s="613"/>
      <c r="QCD672" s="613"/>
      <c r="QCE672" s="613"/>
      <c r="QCF672" s="613"/>
      <c r="QCG672" s="613"/>
      <c r="QCH672" s="613"/>
      <c r="QCI672" s="613"/>
      <c r="QCJ672" s="613"/>
      <c r="QCK672" s="613"/>
      <c r="QCL672" s="613"/>
      <c r="QCM672" s="613"/>
      <c r="QCN672" s="613"/>
      <c r="QCO672" s="613"/>
      <c r="QCP672" s="613"/>
      <c r="QCQ672" s="613"/>
      <c r="QCR672" s="613"/>
      <c r="QCS672" s="613"/>
      <c r="QCT672" s="613"/>
      <c r="QCU672" s="613"/>
      <c r="QCV672" s="613"/>
      <c r="QCW672" s="613"/>
      <c r="QCX672" s="613"/>
      <c r="QCY672" s="613"/>
      <c r="QCZ672" s="613"/>
      <c r="QDA672" s="613"/>
      <c r="QDB672" s="613"/>
      <c r="QDC672" s="613"/>
      <c r="QDD672" s="613"/>
      <c r="QDE672" s="613"/>
      <c r="QDF672" s="613"/>
      <c r="QDG672" s="613"/>
      <c r="QDH672" s="613"/>
      <c r="QDI672" s="613"/>
      <c r="QDJ672" s="613"/>
      <c r="QDK672" s="613"/>
      <c r="QDL672" s="613"/>
      <c r="QDM672" s="613"/>
      <c r="QDN672" s="613"/>
      <c r="QDO672" s="613"/>
      <c r="QDP672" s="613"/>
      <c r="QDQ672" s="613"/>
      <c r="QDR672" s="613"/>
      <c r="QDS672" s="613"/>
      <c r="QDT672" s="613"/>
      <c r="QDU672" s="613"/>
      <c r="QDV672" s="613"/>
      <c r="QDW672" s="613"/>
      <c r="QDX672" s="613"/>
      <c r="QDY672" s="613"/>
      <c r="QDZ672" s="613"/>
      <c r="QEA672" s="613"/>
      <c r="QEB672" s="613"/>
      <c r="QEC672" s="613"/>
      <c r="QED672" s="613"/>
      <c r="QEE672" s="613"/>
      <c r="QEF672" s="613"/>
      <c r="QEG672" s="613"/>
      <c r="QEH672" s="613"/>
      <c r="QEI672" s="613"/>
      <c r="QEJ672" s="613"/>
      <c r="QEK672" s="613"/>
      <c r="QEL672" s="613"/>
      <c r="QEM672" s="613"/>
      <c r="QEN672" s="613"/>
      <c r="QEO672" s="613"/>
      <c r="QEP672" s="613"/>
      <c r="QEQ672" s="613"/>
      <c r="QER672" s="613"/>
      <c r="QES672" s="613"/>
      <c r="QET672" s="613"/>
      <c r="QEU672" s="613"/>
      <c r="QEV672" s="613"/>
      <c r="QEW672" s="613"/>
      <c r="QEX672" s="613"/>
      <c r="QEY672" s="613"/>
      <c r="QEZ672" s="613"/>
      <c r="QFA672" s="613"/>
      <c r="QFB672" s="613"/>
      <c r="QFC672" s="613"/>
      <c r="QFD672" s="613"/>
      <c r="QFE672" s="613"/>
      <c r="QFF672" s="613"/>
      <c r="QFG672" s="613"/>
      <c r="QFH672" s="613"/>
      <c r="QFI672" s="613"/>
      <c r="QFJ672" s="613"/>
      <c r="QFK672" s="613"/>
      <c r="QFL672" s="613"/>
      <c r="QFM672" s="613"/>
      <c r="QFN672" s="613"/>
      <c r="QFO672" s="613"/>
      <c r="QFP672" s="613"/>
      <c r="QFQ672" s="613"/>
      <c r="QFR672" s="613"/>
      <c r="QFS672" s="613"/>
      <c r="QFT672" s="613"/>
      <c r="QFU672" s="613"/>
      <c r="QFV672" s="613"/>
      <c r="QFW672" s="613"/>
      <c r="QFX672" s="613"/>
      <c r="QFY672" s="613"/>
      <c r="QFZ672" s="613"/>
      <c r="QGA672" s="613"/>
      <c r="QGB672" s="613"/>
      <c r="QGC672" s="613"/>
      <c r="QGD672" s="613"/>
      <c r="QGE672" s="613"/>
      <c r="QGF672" s="613"/>
      <c r="QGG672" s="613"/>
      <c r="QGH672" s="613"/>
      <c r="QGI672" s="613"/>
      <c r="QGJ672" s="613"/>
      <c r="QGK672" s="613"/>
      <c r="QGL672" s="613"/>
      <c r="QGM672" s="613"/>
      <c r="QGN672" s="613"/>
      <c r="QGO672" s="613"/>
      <c r="QGP672" s="613"/>
      <c r="QGQ672" s="613"/>
      <c r="QGR672" s="613"/>
      <c r="QGS672" s="613"/>
      <c r="QGT672" s="613"/>
      <c r="QGU672" s="613"/>
      <c r="QGV672" s="613"/>
      <c r="QGW672" s="613"/>
      <c r="QGX672" s="613"/>
      <c r="QGY672" s="613"/>
      <c r="QGZ672" s="613"/>
      <c r="QHA672" s="613"/>
      <c r="QHB672" s="613"/>
      <c r="QHC672" s="613"/>
      <c r="QHD672" s="613"/>
      <c r="QHE672" s="613"/>
      <c r="QHF672" s="613"/>
      <c r="QHG672" s="613"/>
      <c r="QHH672" s="613"/>
      <c r="QHI672" s="613"/>
      <c r="QHJ672" s="613"/>
      <c r="QHK672" s="613"/>
      <c r="QHL672" s="613"/>
      <c r="QHM672" s="613"/>
      <c r="QHN672" s="613"/>
      <c r="QHO672" s="613"/>
      <c r="QHP672" s="613"/>
      <c r="QHQ672" s="613"/>
      <c r="QHR672" s="613"/>
      <c r="QHS672" s="613"/>
      <c r="QHT672" s="613"/>
      <c r="QHU672" s="613"/>
      <c r="QHV672" s="613"/>
      <c r="QHW672" s="613"/>
      <c r="QHX672" s="613"/>
      <c r="QHY672" s="613"/>
      <c r="QHZ672" s="613"/>
      <c r="QIA672" s="613"/>
      <c r="QIB672" s="613"/>
      <c r="QIC672" s="613"/>
      <c r="QID672" s="613"/>
      <c r="QIE672" s="613"/>
      <c r="QIF672" s="613"/>
      <c r="QIG672" s="613"/>
      <c r="QIH672" s="613"/>
      <c r="QII672" s="613"/>
      <c r="QIJ672" s="613"/>
      <c r="QIK672" s="613"/>
      <c r="QIL672" s="613"/>
      <c r="QIM672" s="613"/>
      <c r="QIN672" s="613"/>
      <c r="QIO672" s="613"/>
      <c r="QIP672" s="613"/>
      <c r="QIQ672" s="613"/>
      <c r="QIR672" s="613"/>
      <c r="QIS672" s="613"/>
      <c r="QIT672" s="613"/>
      <c r="QIU672" s="613"/>
      <c r="QIV672" s="613"/>
      <c r="QIW672" s="613"/>
      <c r="QIX672" s="613"/>
      <c r="QIY672" s="613"/>
      <c r="QIZ672" s="613"/>
      <c r="QJA672" s="613"/>
      <c r="QJB672" s="613"/>
      <c r="QJC672" s="613"/>
      <c r="QJD672" s="613"/>
      <c r="QJE672" s="613"/>
      <c r="QJF672" s="613"/>
      <c r="QJG672" s="613"/>
      <c r="QJH672" s="613"/>
      <c r="QJI672" s="613"/>
      <c r="QJJ672" s="613"/>
      <c r="QJK672" s="613"/>
      <c r="QJL672" s="613"/>
      <c r="QJM672" s="613"/>
      <c r="QJN672" s="613"/>
      <c r="QJO672" s="613"/>
      <c r="QJP672" s="613"/>
      <c r="QJQ672" s="613"/>
      <c r="QJR672" s="613"/>
      <c r="QJS672" s="613"/>
      <c r="QJT672" s="613"/>
      <c r="QJU672" s="613"/>
      <c r="QJV672" s="613"/>
      <c r="QJW672" s="613"/>
      <c r="QJX672" s="613"/>
      <c r="QJY672" s="613"/>
      <c r="QJZ672" s="613"/>
      <c r="QKA672" s="613"/>
      <c r="QKB672" s="613"/>
      <c r="QKC672" s="613"/>
      <c r="QKD672" s="613"/>
      <c r="QKE672" s="613"/>
      <c r="QKF672" s="613"/>
      <c r="QKG672" s="613"/>
      <c r="QKH672" s="613"/>
      <c r="QKI672" s="613"/>
      <c r="QKJ672" s="613"/>
      <c r="QKK672" s="613"/>
      <c r="QKL672" s="613"/>
      <c r="QKM672" s="613"/>
      <c r="QKN672" s="613"/>
      <c r="QKO672" s="613"/>
      <c r="QKP672" s="613"/>
      <c r="QKQ672" s="613"/>
      <c r="QKR672" s="613"/>
      <c r="QKS672" s="613"/>
      <c r="QKT672" s="613"/>
      <c r="QKU672" s="613"/>
      <c r="QKV672" s="613"/>
      <c r="QKW672" s="613"/>
      <c r="QKX672" s="613"/>
      <c r="QKY672" s="613"/>
      <c r="QKZ672" s="613"/>
      <c r="QLA672" s="613"/>
      <c r="QLB672" s="613"/>
      <c r="QLC672" s="613"/>
      <c r="QLD672" s="613"/>
      <c r="QLE672" s="613"/>
      <c r="QLF672" s="613"/>
      <c r="QLG672" s="613"/>
      <c r="QLH672" s="613"/>
      <c r="QLI672" s="613"/>
      <c r="QLJ672" s="613"/>
      <c r="QLK672" s="613"/>
      <c r="QLL672" s="613"/>
      <c r="QLM672" s="613"/>
      <c r="QLN672" s="613"/>
      <c r="QLO672" s="613"/>
      <c r="QLP672" s="613"/>
      <c r="QLQ672" s="613"/>
      <c r="QLR672" s="613"/>
      <c r="QLS672" s="613"/>
      <c r="QLT672" s="613"/>
      <c r="QLU672" s="613"/>
      <c r="QLV672" s="613"/>
      <c r="QLW672" s="613"/>
      <c r="QLX672" s="613"/>
      <c r="QLY672" s="613"/>
      <c r="QLZ672" s="613"/>
      <c r="QMA672" s="613"/>
      <c r="QMB672" s="613"/>
      <c r="QMC672" s="613"/>
      <c r="QMD672" s="613"/>
      <c r="QME672" s="613"/>
      <c r="QMF672" s="613"/>
      <c r="QMG672" s="613"/>
      <c r="QMH672" s="613"/>
      <c r="QMI672" s="613"/>
      <c r="QMJ672" s="613"/>
      <c r="QMK672" s="613"/>
      <c r="QML672" s="613"/>
      <c r="QMM672" s="613"/>
      <c r="QMN672" s="613"/>
      <c r="QMO672" s="613"/>
      <c r="QMP672" s="613"/>
      <c r="QMQ672" s="613"/>
      <c r="QMR672" s="613"/>
      <c r="QMS672" s="613"/>
      <c r="QMT672" s="613"/>
      <c r="QMU672" s="613"/>
      <c r="QMV672" s="613"/>
      <c r="QMW672" s="613"/>
      <c r="QMX672" s="613"/>
      <c r="QMY672" s="613"/>
      <c r="QMZ672" s="613"/>
      <c r="QNA672" s="613"/>
      <c r="QNB672" s="613"/>
      <c r="QNC672" s="613"/>
      <c r="QND672" s="613"/>
      <c r="QNE672" s="613"/>
      <c r="QNF672" s="613"/>
      <c r="QNG672" s="613"/>
      <c r="QNH672" s="613"/>
      <c r="QNI672" s="613"/>
      <c r="QNJ672" s="613"/>
      <c r="QNK672" s="613"/>
      <c r="QNL672" s="613"/>
      <c r="QNM672" s="613"/>
      <c r="QNN672" s="613"/>
      <c r="QNO672" s="613"/>
      <c r="QNP672" s="613"/>
      <c r="QNQ672" s="613"/>
      <c r="QNR672" s="613"/>
      <c r="QNS672" s="613"/>
      <c r="QNT672" s="613"/>
      <c r="QNU672" s="613"/>
      <c r="QNV672" s="613"/>
      <c r="QNW672" s="613"/>
      <c r="QNX672" s="613"/>
      <c r="QNY672" s="613"/>
      <c r="QNZ672" s="613"/>
      <c r="QOA672" s="613"/>
      <c r="QOB672" s="613"/>
      <c r="QOC672" s="613"/>
      <c r="QOD672" s="613"/>
      <c r="QOE672" s="613"/>
      <c r="QOF672" s="613"/>
      <c r="QOG672" s="613"/>
      <c r="QOH672" s="613"/>
      <c r="QOI672" s="613"/>
      <c r="QOJ672" s="613"/>
      <c r="QOK672" s="613"/>
      <c r="QOL672" s="613"/>
      <c r="QOM672" s="613"/>
      <c r="QON672" s="613"/>
      <c r="QOO672" s="613"/>
      <c r="QOP672" s="613"/>
      <c r="QOQ672" s="613"/>
      <c r="QOR672" s="613"/>
      <c r="QOS672" s="613"/>
      <c r="QOT672" s="613"/>
      <c r="QOU672" s="613"/>
      <c r="QOV672" s="613"/>
      <c r="QOW672" s="613"/>
      <c r="QOX672" s="613"/>
      <c r="QOY672" s="613"/>
      <c r="QOZ672" s="613"/>
      <c r="QPA672" s="613"/>
      <c r="QPB672" s="613"/>
      <c r="QPC672" s="613"/>
      <c r="QPD672" s="613"/>
      <c r="QPE672" s="613"/>
      <c r="QPF672" s="613"/>
      <c r="QPG672" s="613"/>
      <c r="QPH672" s="613"/>
      <c r="QPI672" s="613"/>
      <c r="QPJ672" s="613"/>
      <c r="QPK672" s="613"/>
      <c r="QPL672" s="613"/>
      <c r="QPM672" s="613"/>
      <c r="QPN672" s="613"/>
      <c r="QPO672" s="613"/>
      <c r="QPP672" s="613"/>
      <c r="QPQ672" s="613"/>
      <c r="QPR672" s="613"/>
      <c r="QPS672" s="613"/>
      <c r="QPT672" s="613"/>
      <c r="QPU672" s="613"/>
      <c r="QPV672" s="613"/>
      <c r="QPW672" s="613"/>
      <c r="QPX672" s="613"/>
      <c r="QPY672" s="613"/>
      <c r="QPZ672" s="613"/>
      <c r="QQA672" s="613"/>
      <c r="QQB672" s="613"/>
      <c r="QQC672" s="613"/>
      <c r="QQD672" s="613"/>
      <c r="QQE672" s="613"/>
      <c r="QQF672" s="613"/>
      <c r="QQG672" s="613"/>
      <c r="QQH672" s="613"/>
      <c r="QQI672" s="613"/>
      <c r="QQJ672" s="613"/>
      <c r="QQK672" s="613"/>
      <c r="QQL672" s="613"/>
      <c r="QQM672" s="613"/>
      <c r="QQN672" s="613"/>
      <c r="QQO672" s="613"/>
      <c r="QQP672" s="613"/>
      <c r="QQQ672" s="613"/>
      <c r="QQR672" s="613"/>
      <c r="QQS672" s="613"/>
      <c r="QQT672" s="613"/>
      <c r="QQU672" s="613"/>
      <c r="QQV672" s="613"/>
      <c r="QQW672" s="613"/>
      <c r="QQX672" s="613"/>
      <c r="QQY672" s="613"/>
      <c r="QQZ672" s="613"/>
      <c r="QRA672" s="613"/>
      <c r="QRB672" s="613"/>
      <c r="QRC672" s="613"/>
      <c r="QRD672" s="613"/>
      <c r="QRE672" s="613"/>
      <c r="QRF672" s="613"/>
      <c r="QRG672" s="613"/>
      <c r="QRH672" s="613"/>
      <c r="QRI672" s="613"/>
      <c r="QRJ672" s="613"/>
      <c r="QRK672" s="613"/>
      <c r="QRL672" s="613"/>
      <c r="QRM672" s="613"/>
      <c r="QRN672" s="613"/>
      <c r="QRO672" s="613"/>
      <c r="QRP672" s="613"/>
      <c r="QRQ672" s="613"/>
      <c r="QRR672" s="613"/>
      <c r="QRS672" s="613"/>
      <c r="QRT672" s="613"/>
      <c r="QRU672" s="613"/>
      <c r="QRV672" s="613"/>
      <c r="QRW672" s="613"/>
      <c r="QRX672" s="613"/>
      <c r="QRY672" s="613"/>
      <c r="QRZ672" s="613"/>
      <c r="QSA672" s="613"/>
      <c r="QSB672" s="613"/>
      <c r="QSC672" s="613"/>
      <c r="QSD672" s="613"/>
      <c r="QSE672" s="613"/>
      <c r="QSF672" s="613"/>
      <c r="QSG672" s="613"/>
      <c r="QSH672" s="613"/>
      <c r="QSI672" s="613"/>
      <c r="QSJ672" s="613"/>
      <c r="QSK672" s="613"/>
      <c r="QSL672" s="613"/>
      <c r="QSM672" s="613"/>
      <c r="QSN672" s="613"/>
      <c r="QSO672" s="613"/>
      <c r="QSP672" s="613"/>
      <c r="QSQ672" s="613"/>
      <c r="QSR672" s="613"/>
      <c r="QSS672" s="613"/>
      <c r="QST672" s="613"/>
      <c r="QSU672" s="613"/>
      <c r="QSV672" s="613"/>
      <c r="QSW672" s="613"/>
      <c r="QSX672" s="613"/>
      <c r="QSY672" s="613"/>
      <c r="QSZ672" s="613"/>
      <c r="QTA672" s="613"/>
      <c r="QTB672" s="613"/>
      <c r="QTC672" s="613"/>
      <c r="QTD672" s="613"/>
      <c r="QTE672" s="613"/>
      <c r="QTF672" s="613"/>
      <c r="QTG672" s="613"/>
      <c r="QTH672" s="613"/>
      <c r="QTI672" s="613"/>
      <c r="QTJ672" s="613"/>
      <c r="QTK672" s="613"/>
      <c r="QTL672" s="613"/>
      <c r="QTM672" s="613"/>
      <c r="QTN672" s="613"/>
      <c r="QTO672" s="613"/>
      <c r="QTP672" s="613"/>
      <c r="QTQ672" s="613"/>
      <c r="QTR672" s="613"/>
      <c r="QTS672" s="613"/>
      <c r="QTT672" s="613"/>
      <c r="QTU672" s="613"/>
      <c r="QTV672" s="613"/>
      <c r="QTW672" s="613"/>
      <c r="QTX672" s="613"/>
      <c r="QTY672" s="613"/>
      <c r="QTZ672" s="613"/>
      <c r="QUA672" s="613"/>
      <c r="QUB672" s="613"/>
      <c r="QUC672" s="613"/>
      <c r="QUD672" s="613"/>
      <c r="QUE672" s="613"/>
      <c r="QUF672" s="613"/>
      <c r="QUG672" s="613"/>
      <c r="QUH672" s="613"/>
      <c r="QUI672" s="613"/>
      <c r="QUJ672" s="613"/>
      <c r="QUK672" s="613"/>
      <c r="QUL672" s="613"/>
      <c r="QUM672" s="613"/>
      <c r="QUN672" s="613"/>
      <c r="QUO672" s="613"/>
      <c r="QUP672" s="613"/>
      <c r="QUQ672" s="613"/>
      <c r="QUR672" s="613"/>
      <c r="QUS672" s="613"/>
      <c r="QUT672" s="613"/>
      <c r="QUU672" s="613"/>
      <c r="QUV672" s="613"/>
      <c r="QUW672" s="613"/>
      <c r="QUX672" s="613"/>
      <c r="QUY672" s="613"/>
      <c r="QUZ672" s="613"/>
      <c r="QVA672" s="613"/>
      <c r="QVB672" s="613"/>
      <c r="QVC672" s="613"/>
      <c r="QVD672" s="613"/>
      <c r="QVE672" s="613"/>
      <c r="QVF672" s="613"/>
      <c r="QVG672" s="613"/>
      <c r="QVH672" s="613"/>
      <c r="QVI672" s="613"/>
      <c r="QVJ672" s="613"/>
      <c r="QVK672" s="613"/>
      <c r="QVL672" s="613"/>
      <c r="QVM672" s="613"/>
      <c r="QVN672" s="613"/>
      <c r="QVO672" s="613"/>
      <c r="QVP672" s="613"/>
      <c r="QVQ672" s="613"/>
      <c r="QVR672" s="613"/>
      <c r="QVS672" s="613"/>
      <c r="QVT672" s="613"/>
      <c r="QVU672" s="613"/>
      <c r="QVV672" s="613"/>
      <c r="QVW672" s="613"/>
      <c r="QVX672" s="613"/>
      <c r="QVY672" s="613"/>
      <c r="QVZ672" s="613"/>
      <c r="QWA672" s="613"/>
      <c r="QWB672" s="613"/>
      <c r="QWC672" s="613"/>
      <c r="QWD672" s="613"/>
      <c r="QWE672" s="613"/>
      <c r="QWF672" s="613"/>
      <c r="QWG672" s="613"/>
      <c r="QWH672" s="613"/>
      <c r="QWI672" s="613"/>
      <c r="QWJ672" s="613"/>
      <c r="QWK672" s="613"/>
      <c r="QWL672" s="613"/>
      <c r="QWM672" s="613"/>
      <c r="QWN672" s="613"/>
      <c r="QWO672" s="613"/>
      <c r="QWP672" s="613"/>
      <c r="QWQ672" s="613"/>
      <c r="QWR672" s="613"/>
      <c r="QWS672" s="613"/>
      <c r="QWT672" s="613"/>
      <c r="QWU672" s="613"/>
      <c r="QWV672" s="613"/>
      <c r="QWW672" s="613"/>
      <c r="QWX672" s="613"/>
      <c r="QWY672" s="613"/>
      <c r="QWZ672" s="613"/>
      <c r="QXA672" s="613"/>
      <c r="QXB672" s="613"/>
      <c r="QXC672" s="613"/>
      <c r="QXD672" s="613"/>
      <c r="QXE672" s="613"/>
      <c r="QXF672" s="613"/>
      <c r="QXG672" s="613"/>
      <c r="QXH672" s="613"/>
      <c r="QXI672" s="613"/>
      <c r="QXJ672" s="613"/>
      <c r="QXK672" s="613"/>
      <c r="QXL672" s="613"/>
      <c r="QXM672" s="613"/>
      <c r="QXN672" s="613"/>
      <c r="QXO672" s="613"/>
      <c r="QXP672" s="613"/>
      <c r="QXQ672" s="613"/>
      <c r="QXR672" s="613"/>
      <c r="QXS672" s="613"/>
      <c r="QXT672" s="613"/>
      <c r="QXU672" s="613"/>
      <c r="QXV672" s="613"/>
      <c r="QXW672" s="613"/>
      <c r="QXX672" s="613"/>
      <c r="QXY672" s="613"/>
      <c r="QXZ672" s="613"/>
      <c r="QYA672" s="613"/>
      <c r="QYB672" s="613"/>
      <c r="QYC672" s="613"/>
      <c r="QYD672" s="613"/>
      <c r="QYE672" s="613"/>
      <c r="QYF672" s="613"/>
      <c r="QYG672" s="613"/>
      <c r="QYH672" s="613"/>
      <c r="QYI672" s="613"/>
      <c r="QYJ672" s="613"/>
      <c r="QYK672" s="613"/>
      <c r="QYL672" s="613"/>
      <c r="QYM672" s="613"/>
      <c r="QYN672" s="613"/>
      <c r="QYO672" s="613"/>
      <c r="QYP672" s="613"/>
      <c r="QYQ672" s="613"/>
      <c r="QYR672" s="613"/>
      <c r="QYS672" s="613"/>
      <c r="QYT672" s="613"/>
      <c r="QYU672" s="613"/>
      <c r="QYV672" s="613"/>
      <c r="QYW672" s="613"/>
      <c r="QYX672" s="613"/>
      <c r="QYY672" s="613"/>
      <c r="QYZ672" s="613"/>
      <c r="QZA672" s="613"/>
      <c r="QZB672" s="613"/>
      <c r="QZC672" s="613"/>
      <c r="QZD672" s="613"/>
      <c r="QZE672" s="613"/>
      <c r="QZF672" s="613"/>
      <c r="QZG672" s="613"/>
      <c r="QZH672" s="613"/>
      <c r="QZI672" s="613"/>
      <c r="QZJ672" s="613"/>
      <c r="QZK672" s="613"/>
      <c r="QZL672" s="613"/>
      <c r="QZM672" s="613"/>
      <c r="QZN672" s="613"/>
      <c r="QZO672" s="613"/>
      <c r="QZP672" s="613"/>
      <c r="QZQ672" s="613"/>
      <c r="QZR672" s="613"/>
      <c r="QZS672" s="613"/>
      <c r="QZT672" s="613"/>
      <c r="QZU672" s="613"/>
      <c r="QZV672" s="613"/>
      <c r="QZW672" s="613"/>
      <c r="QZX672" s="613"/>
      <c r="QZY672" s="613"/>
      <c r="QZZ672" s="613"/>
      <c r="RAA672" s="613"/>
      <c r="RAB672" s="613"/>
      <c r="RAC672" s="613"/>
      <c r="RAD672" s="613"/>
      <c r="RAE672" s="613"/>
      <c r="RAF672" s="613"/>
      <c r="RAG672" s="613"/>
      <c r="RAH672" s="613"/>
      <c r="RAI672" s="613"/>
      <c r="RAJ672" s="613"/>
      <c r="RAK672" s="613"/>
      <c r="RAL672" s="613"/>
      <c r="RAM672" s="613"/>
      <c r="RAN672" s="613"/>
      <c r="RAO672" s="613"/>
      <c r="RAP672" s="613"/>
      <c r="RAQ672" s="613"/>
      <c r="RAR672" s="613"/>
      <c r="RAS672" s="613"/>
      <c r="RAT672" s="613"/>
      <c r="RAU672" s="613"/>
      <c r="RAV672" s="613"/>
      <c r="RAW672" s="613"/>
      <c r="RAX672" s="613"/>
      <c r="RAY672" s="613"/>
      <c r="RAZ672" s="613"/>
      <c r="RBA672" s="613"/>
      <c r="RBB672" s="613"/>
      <c r="RBC672" s="613"/>
      <c r="RBD672" s="613"/>
      <c r="RBE672" s="613"/>
      <c r="RBF672" s="613"/>
      <c r="RBG672" s="613"/>
      <c r="RBH672" s="613"/>
      <c r="RBI672" s="613"/>
      <c r="RBJ672" s="613"/>
      <c r="RBK672" s="613"/>
      <c r="RBL672" s="613"/>
      <c r="RBM672" s="613"/>
      <c r="RBN672" s="613"/>
      <c r="RBO672" s="613"/>
      <c r="RBP672" s="613"/>
      <c r="RBQ672" s="613"/>
      <c r="RBR672" s="613"/>
      <c r="RBS672" s="613"/>
      <c r="RBT672" s="613"/>
      <c r="RBU672" s="613"/>
      <c r="RBV672" s="613"/>
      <c r="RBW672" s="613"/>
      <c r="RBX672" s="613"/>
      <c r="RBY672" s="613"/>
      <c r="RBZ672" s="613"/>
      <c r="RCA672" s="613"/>
      <c r="RCB672" s="613"/>
      <c r="RCC672" s="613"/>
      <c r="RCD672" s="613"/>
      <c r="RCE672" s="613"/>
      <c r="RCF672" s="613"/>
      <c r="RCG672" s="613"/>
      <c r="RCH672" s="613"/>
      <c r="RCI672" s="613"/>
      <c r="RCJ672" s="613"/>
      <c r="RCK672" s="613"/>
      <c r="RCL672" s="613"/>
      <c r="RCM672" s="613"/>
      <c r="RCN672" s="613"/>
      <c r="RCO672" s="613"/>
      <c r="RCP672" s="613"/>
      <c r="RCQ672" s="613"/>
      <c r="RCR672" s="613"/>
      <c r="RCS672" s="613"/>
      <c r="RCT672" s="613"/>
      <c r="RCU672" s="613"/>
      <c r="RCV672" s="613"/>
      <c r="RCW672" s="613"/>
      <c r="RCX672" s="613"/>
      <c r="RCY672" s="613"/>
      <c r="RCZ672" s="613"/>
      <c r="RDA672" s="613"/>
      <c r="RDB672" s="613"/>
      <c r="RDC672" s="613"/>
      <c r="RDD672" s="613"/>
      <c r="RDE672" s="613"/>
      <c r="RDF672" s="613"/>
      <c r="RDG672" s="613"/>
      <c r="RDH672" s="613"/>
      <c r="RDI672" s="613"/>
      <c r="RDJ672" s="613"/>
      <c r="RDK672" s="613"/>
      <c r="RDL672" s="613"/>
      <c r="RDM672" s="613"/>
      <c r="RDN672" s="613"/>
      <c r="RDO672" s="613"/>
      <c r="RDP672" s="613"/>
      <c r="RDQ672" s="613"/>
      <c r="RDR672" s="613"/>
      <c r="RDS672" s="613"/>
      <c r="RDT672" s="613"/>
      <c r="RDU672" s="613"/>
      <c r="RDV672" s="613"/>
      <c r="RDW672" s="613"/>
      <c r="RDX672" s="613"/>
      <c r="RDY672" s="613"/>
      <c r="RDZ672" s="613"/>
      <c r="REA672" s="613"/>
      <c r="REB672" s="613"/>
      <c r="REC672" s="613"/>
      <c r="RED672" s="613"/>
      <c r="REE672" s="613"/>
      <c r="REF672" s="613"/>
      <c r="REG672" s="613"/>
      <c r="REH672" s="613"/>
      <c r="REI672" s="613"/>
      <c r="REJ672" s="613"/>
      <c r="REK672" s="613"/>
      <c r="REL672" s="613"/>
      <c r="REM672" s="613"/>
      <c r="REN672" s="613"/>
      <c r="REO672" s="613"/>
      <c r="REP672" s="613"/>
      <c r="REQ672" s="613"/>
      <c r="RER672" s="613"/>
      <c r="RES672" s="613"/>
      <c r="RET672" s="613"/>
      <c r="REU672" s="613"/>
      <c r="REV672" s="613"/>
      <c r="REW672" s="613"/>
      <c r="REX672" s="613"/>
      <c r="REY672" s="613"/>
      <c r="REZ672" s="613"/>
      <c r="RFA672" s="613"/>
      <c r="RFB672" s="613"/>
      <c r="RFC672" s="613"/>
      <c r="RFD672" s="613"/>
      <c r="RFE672" s="613"/>
      <c r="RFF672" s="613"/>
      <c r="RFG672" s="613"/>
      <c r="RFH672" s="613"/>
      <c r="RFI672" s="613"/>
      <c r="RFJ672" s="613"/>
      <c r="RFK672" s="613"/>
      <c r="RFL672" s="613"/>
      <c r="RFM672" s="613"/>
      <c r="RFN672" s="613"/>
      <c r="RFO672" s="613"/>
      <c r="RFP672" s="613"/>
      <c r="RFQ672" s="613"/>
      <c r="RFR672" s="613"/>
      <c r="RFS672" s="613"/>
      <c r="RFT672" s="613"/>
      <c r="RFU672" s="613"/>
      <c r="RFV672" s="613"/>
      <c r="RFW672" s="613"/>
      <c r="RFX672" s="613"/>
      <c r="RFY672" s="613"/>
      <c r="RFZ672" s="613"/>
      <c r="RGA672" s="613"/>
      <c r="RGB672" s="613"/>
      <c r="RGC672" s="613"/>
      <c r="RGD672" s="613"/>
      <c r="RGE672" s="613"/>
      <c r="RGF672" s="613"/>
      <c r="RGG672" s="613"/>
      <c r="RGH672" s="613"/>
      <c r="RGI672" s="613"/>
      <c r="RGJ672" s="613"/>
      <c r="RGK672" s="613"/>
      <c r="RGL672" s="613"/>
      <c r="RGM672" s="613"/>
      <c r="RGN672" s="613"/>
      <c r="RGO672" s="613"/>
      <c r="RGP672" s="613"/>
      <c r="RGQ672" s="613"/>
      <c r="RGR672" s="613"/>
      <c r="RGS672" s="613"/>
      <c r="RGT672" s="613"/>
      <c r="RGU672" s="613"/>
      <c r="RGV672" s="613"/>
      <c r="RGW672" s="613"/>
      <c r="RGX672" s="613"/>
      <c r="RGY672" s="613"/>
      <c r="RGZ672" s="613"/>
      <c r="RHA672" s="613"/>
      <c r="RHB672" s="613"/>
      <c r="RHC672" s="613"/>
      <c r="RHD672" s="613"/>
      <c r="RHE672" s="613"/>
      <c r="RHF672" s="613"/>
      <c r="RHG672" s="613"/>
      <c r="RHH672" s="613"/>
      <c r="RHI672" s="613"/>
      <c r="RHJ672" s="613"/>
      <c r="RHK672" s="613"/>
      <c r="RHL672" s="613"/>
      <c r="RHM672" s="613"/>
      <c r="RHN672" s="613"/>
      <c r="RHO672" s="613"/>
      <c r="RHP672" s="613"/>
      <c r="RHQ672" s="613"/>
      <c r="RHR672" s="613"/>
      <c r="RHS672" s="613"/>
      <c r="RHT672" s="613"/>
      <c r="RHU672" s="613"/>
      <c r="RHV672" s="613"/>
      <c r="RHW672" s="613"/>
      <c r="RHX672" s="613"/>
      <c r="RHY672" s="613"/>
      <c r="RHZ672" s="613"/>
      <c r="RIA672" s="613"/>
      <c r="RIB672" s="613"/>
      <c r="RIC672" s="613"/>
      <c r="RID672" s="613"/>
      <c r="RIE672" s="613"/>
      <c r="RIF672" s="613"/>
      <c r="RIG672" s="613"/>
      <c r="RIH672" s="613"/>
      <c r="RII672" s="613"/>
      <c r="RIJ672" s="613"/>
      <c r="RIK672" s="613"/>
      <c r="RIL672" s="613"/>
      <c r="RIM672" s="613"/>
      <c r="RIN672" s="613"/>
      <c r="RIO672" s="613"/>
      <c r="RIP672" s="613"/>
      <c r="RIQ672" s="613"/>
      <c r="RIR672" s="613"/>
      <c r="RIS672" s="613"/>
      <c r="RIT672" s="613"/>
      <c r="RIU672" s="613"/>
      <c r="RIV672" s="613"/>
      <c r="RIW672" s="613"/>
      <c r="RIX672" s="613"/>
      <c r="RIY672" s="613"/>
      <c r="RIZ672" s="613"/>
      <c r="RJA672" s="613"/>
      <c r="RJB672" s="613"/>
      <c r="RJC672" s="613"/>
      <c r="RJD672" s="613"/>
      <c r="RJE672" s="613"/>
      <c r="RJF672" s="613"/>
      <c r="RJG672" s="613"/>
      <c r="RJH672" s="613"/>
      <c r="RJI672" s="613"/>
      <c r="RJJ672" s="613"/>
      <c r="RJK672" s="613"/>
      <c r="RJL672" s="613"/>
      <c r="RJM672" s="613"/>
      <c r="RJN672" s="613"/>
      <c r="RJO672" s="613"/>
      <c r="RJP672" s="613"/>
      <c r="RJQ672" s="613"/>
      <c r="RJR672" s="613"/>
      <c r="RJS672" s="613"/>
      <c r="RJT672" s="613"/>
      <c r="RJU672" s="613"/>
      <c r="RJV672" s="613"/>
      <c r="RJW672" s="613"/>
      <c r="RJX672" s="613"/>
      <c r="RJY672" s="613"/>
      <c r="RJZ672" s="613"/>
      <c r="RKA672" s="613"/>
      <c r="RKB672" s="613"/>
      <c r="RKC672" s="613"/>
      <c r="RKD672" s="613"/>
      <c r="RKE672" s="613"/>
      <c r="RKF672" s="613"/>
      <c r="RKG672" s="613"/>
      <c r="RKH672" s="613"/>
      <c r="RKI672" s="613"/>
      <c r="RKJ672" s="613"/>
      <c r="RKK672" s="613"/>
      <c r="RKL672" s="613"/>
      <c r="RKM672" s="613"/>
      <c r="RKN672" s="613"/>
      <c r="RKO672" s="613"/>
      <c r="RKP672" s="613"/>
      <c r="RKQ672" s="613"/>
      <c r="RKR672" s="613"/>
      <c r="RKS672" s="613"/>
      <c r="RKT672" s="613"/>
      <c r="RKU672" s="613"/>
      <c r="RKV672" s="613"/>
      <c r="RKW672" s="613"/>
      <c r="RKX672" s="613"/>
      <c r="RKY672" s="613"/>
      <c r="RKZ672" s="613"/>
      <c r="RLA672" s="613"/>
      <c r="RLB672" s="613"/>
      <c r="RLC672" s="613"/>
      <c r="RLD672" s="613"/>
      <c r="RLE672" s="613"/>
      <c r="RLF672" s="613"/>
      <c r="RLG672" s="613"/>
      <c r="RLH672" s="613"/>
      <c r="RLI672" s="613"/>
      <c r="RLJ672" s="613"/>
      <c r="RLK672" s="613"/>
      <c r="RLL672" s="613"/>
      <c r="RLM672" s="613"/>
      <c r="RLN672" s="613"/>
      <c r="RLO672" s="613"/>
      <c r="RLP672" s="613"/>
      <c r="RLQ672" s="613"/>
      <c r="RLR672" s="613"/>
      <c r="RLS672" s="613"/>
      <c r="RLT672" s="613"/>
      <c r="RLU672" s="613"/>
      <c r="RLV672" s="613"/>
      <c r="RLW672" s="613"/>
      <c r="RLX672" s="613"/>
      <c r="RLY672" s="613"/>
      <c r="RLZ672" s="613"/>
      <c r="RMA672" s="613"/>
      <c r="RMB672" s="613"/>
      <c r="RMC672" s="613"/>
      <c r="RMD672" s="613"/>
      <c r="RME672" s="613"/>
      <c r="RMF672" s="613"/>
      <c r="RMG672" s="613"/>
      <c r="RMH672" s="613"/>
      <c r="RMI672" s="613"/>
      <c r="RMJ672" s="613"/>
      <c r="RMK672" s="613"/>
      <c r="RML672" s="613"/>
      <c r="RMM672" s="613"/>
      <c r="RMN672" s="613"/>
      <c r="RMO672" s="613"/>
      <c r="RMP672" s="613"/>
      <c r="RMQ672" s="613"/>
      <c r="RMR672" s="613"/>
      <c r="RMS672" s="613"/>
      <c r="RMT672" s="613"/>
      <c r="RMU672" s="613"/>
      <c r="RMV672" s="613"/>
      <c r="RMW672" s="613"/>
      <c r="RMX672" s="613"/>
      <c r="RMY672" s="613"/>
      <c r="RMZ672" s="613"/>
      <c r="RNA672" s="613"/>
      <c r="RNB672" s="613"/>
      <c r="RNC672" s="613"/>
      <c r="RND672" s="613"/>
      <c r="RNE672" s="613"/>
      <c r="RNF672" s="613"/>
      <c r="RNG672" s="613"/>
      <c r="RNH672" s="613"/>
      <c r="RNI672" s="613"/>
      <c r="RNJ672" s="613"/>
      <c r="RNK672" s="613"/>
      <c r="RNL672" s="613"/>
      <c r="RNM672" s="613"/>
      <c r="RNN672" s="613"/>
      <c r="RNO672" s="613"/>
      <c r="RNP672" s="613"/>
      <c r="RNQ672" s="613"/>
      <c r="RNR672" s="613"/>
      <c r="RNS672" s="613"/>
      <c r="RNT672" s="613"/>
      <c r="RNU672" s="613"/>
      <c r="RNV672" s="613"/>
      <c r="RNW672" s="613"/>
      <c r="RNX672" s="613"/>
      <c r="RNY672" s="613"/>
      <c r="RNZ672" s="613"/>
      <c r="ROA672" s="613"/>
      <c r="ROB672" s="613"/>
      <c r="ROC672" s="613"/>
      <c r="ROD672" s="613"/>
      <c r="ROE672" s="613"/>
      <c r="ROF672" s="613"/>
      <c r="ROG672" s="613"/>
      <c r="ROH672" s="613"/>
      <c r="ROI672" s="613"/>
      <c r="ROJ672" s="613"/>
      <c r="ROK672" s="613"/>
      <c r="ROL672" s="613"/>
      <c r="ROM672" s="613"/>
      <c r="RON672" s="613"/>
      <c r="ROO672" s="613"/>
      <c r="ROP672" s="613"/>
      <c r="ROQ672" s="613"/>
      <c r="ROR672" s="613"/>
      <c r="ROS672" s="613"/>
      <c r="ROT672" s="613"/>
      <c r="ROU672" s="613"/>
      <c r="ROV672" s="613"/>
      <c r="ROW672" s="613"/>
      <c r="ROX672" s="613"/>
      <c r="ROY672" s="613"/>
      <c r="ROZ672" s="613"/>
      <c r="RPA672" s="613"/>
      <c r="RPB672" s="613"/>
      <c r="RPC672" s="613"/>
      <c r="RPD672" s="613"/>
      <c r="RPE672" s="613"/>
      <c r="RPF672" s="613"/>
      <c r="RPG672" s="613"/>
      <c r="RPH672" s="613"/>
      <c r="RPI672" s="613"/>
      <c r="RPJ672" s="613"/>
      <c r="RPK672" s="613"/>
      <c r="RPL672" s="613"/>
      <c r="RPM672" s="613"/>
      <c r="RPN672" s="613"/>
      <c r="RPO672" s="613"/>
      <c r="RPP672" s="613"/>
      <c r="RPQ672" s="613"/>
      <c r="RPR672" s="613"/>
      <c r="RPS672" s="613"/>
      <c r="RPT672" s="613"/>
      <c r="RPU672" s="613"/>
      <c r="RPV672" s="613"/>
      <c r="RPW672" s="613"/>
      <c r="RPX672" s="613"/>
      <c r="RPY672" s="613"/>
      <c r="RPZ672" s="613"/>
      <c r="RQA672" s="613"/>
      <c r="RQB672" s="613"/>
      <c r="RQC672" s="613"/>
      <c r="RQD672" s="613"/>
      <c r="RQE672" s="613"/>
      <c r="RQF672" s="613"/>
      <c r="RQG672" s="613"/>
      <c r="RQH672" s="613"/>
      <c r="RQI672" s="613"/>
      <c r="RQJ672" s="613"/>
      <c r="RQK672" s="613"/>
      <c r="RQL672" s="613"/>
      <c r="RQM672" s="613"/>
      <c r="RQN672" s="613"/>
      <c r="RQO672" s="613"/>
      <c r="RQP672" s="613"/>
      <c r="RQQ672" s="613"/>
      <c r="RQR672" s="613"/>
      <c r="RQS672" s="613"/>
      <c r="RQT672" s="613"/>
      <c r="RQU672" s="613"/>
      <c r="RQV672" s="613"/>
      <c r="RQW672" s="613"/>
      <c r="RQX672" s="613"/>
      <c r="RQY672" s="613"/>
      <c r="RQZ672" s="613"/>
      <c r="RRA672" s="613"/>
      <c r="RRB672" s="613"/>
      <c r="RRC672" s="613"/>
      <c r="RRD672" s="613"/>
      <c r="RRE672" s="613"/>
      <c r="RRF672" s="613"/>
      <c r="RRG672" s="613"/>
      <c r="RRH672" s="613"/>
      <c r="RRI672" s="613"/>
      <c r="RRJ672" s="613"/>
      <c r="RRK672" s="613"/>
      <c r="RRL672" s="613"/>
      <c r="RRM672" s="613"/>
      <c r="RRN672" s="613"/>
      <c r="RRO672" s="613"/>
      <c r="RRP672" s="613"/>
      <c r="RRQ672" s="613"/>
      <c r="RRR672" s="613"/>
      <c r="RRS672" s="613"/>
      <c r="RRT672" s="613"/>
      <c r="RRU672" s="613"/>
      <c r="RRV672" s="613"/>
      <c r="RRW672" s="613"/>
      <c r="RRX672" s="613"/>
      <c r="RRY672" s="613"/>
      <c r="RRZ672" s="613"/>
      <c r="RSA672" s="613"/>
      <c r="RSB672" s="613"/>
      <c r="RSC672" s="613"/>
      <c r="RSD672" s="613"/>
      <c r="RSE672" s="613"/>
      <c r="RSF672" s="613"/>
      <c r="RSG672" s="613"/>
      <c r="RSH672" s="613"/>
      <c r="RSI672" s="613"/>
      <c r="RSJ672" s="613"/>
      <c r="RSK672" s="613"/>
      <c r="RSL672" s="613"/>
      <c r="RSM672" s="613"/>
      <c r="RSN672" s="613"/>
      <c r="RSO672" s="613"/>
      <c r="RSP672" s="613"/>
      <c r="RSQ672" s="613"/>
      <c r="RSR672" s="613"/>
      <c r="RSS672" s="613"/>
      <c r="RST672" s="613"/>
      <c r="RSU672" s="613"/>
      <c r="RSV672" s="613"/>
      <c r="RSW672" s="613"/>
      <c r="RSX672" s="613"/>
      <c r="RSY672" s="613"/>
      <c r="RSZ672" s="613"/>
      <c r="RTA672" s="613"/>
      <c r="RTB672" s="613"/>
      <c r="RTC672" s="613"/>
      <c r="RTD672" s="613"/>
      <c r="RTE672" s="613"/>
      <c r="RTF672" s="613"/>
      <c r="RTG672" s="613"/>
      <c r="RTH672" s="613"/>
      <c r="RTI672" s="613"/>
      <c r="RTJ672" s="613"/>
      <c r="RTK672" s="613"/>
      <c r="RTL672" s="613"/>
      <c r="RTM672" s="613"/>
      <c r="RTN672" s="613"/>
      <c r="RTO672" s="613"/>
      <c r="RTP672" s="613"/>
      <c r="RTQ672" s="613"/>
      <c r="RTR672" s="613"/>
      <c r="RTS672" s="613"/>
      <c r="RTT672" s="613"/>
      <c r="RTU672" s="613"/>
      <c r="RTV672" s="613"/>
      <c r="RTW672" s="613"/>
      <c r="RTX672" s="613"/>
      <c r="RTY672" s="613"/>
      <c r="RTZ672" s="613"/>
      <c r="RUA672" s="613"/>
      <c r="RUB672" s="613"/>
      <c r="RUC672" s="613"/>
      <c r="RUD672" s="613"/>
      <c r="RUE672" s="613"/>
      <c r="RUF672" s="613"/>
      <c r="RUG672" s="613"/>
      <c r="RUH672" s="613"/>
      <c r="RUI672" s="613"/>
      <c r="RUJ672" s="613"/>
      <c r="RUK672" s="613"/>
      <c r="RUL672" s="613"/>
      <c r="RUM672" s="613"/>
      <c r="RUN672" s="613"/>
      <c r="RUO672" s="613"/>
      <c r="RUP672" s="613"/>
      <c r="RUQ672" s="613"/>
      <c r="RUR672" s="613"/>
      <c r="RUS672" s="613"/>
      <c r="RUT672" s="613"/>
      <c r="RUU672" s="613"/>
      <c r="RUV672" s="613"/>
      <c r="RUW672" s="613"/>
      <c r="RUX672" s="613"/>
      <c r="RUY672" s="613"/>
      <c r="RUZ672" s="613"/>
      <c r="RVA672" s="613"/>
      <c r="RVB672" s="613"/>
      <c r="RVC672" s="613"/>
      <c r="RVD672" s="613"/>
      <c r="RVE672" s="613"/>
      <c r="RVF672" s="613"/>
      <c r="RVG672" s="613"/>
      <c r="RVH672" s="613"/>
      <c r="RVI672" s="613"/>
      <c r="RVJ672" s="613"/>
      <c r="RVK672" s="613"/>
      <c r="RVL672" s="613"/>
      <c r="RVM672" s="613"/>
      <c r="RVN672" s="613"/>
      <c r="RVO672" s="613"/>
      <c r="RVP672" s="613"/>
      <c r="RVQ672" s="613"/>
      <c r="RVR672" s="613"/>
      <c r="RVS672" s="613"/>
      <c r="RVT672" s="613"/>
      <c r="RVU672" s="613"/>
      <c r="RVV672" s="613"/>
      <c r="RVW672" s="613"/>
      <c r="RVX672" s="613"/>
      <c r="RVY672" s="613"/>
      <c r="RVZ672" s="613"/>
      <c r="RWA672" s="613"/>
      <c r="RWB672" s="613"/>
      <c r="RWC672" s="613"/>
      <c r="RWD672" s="613"/>
      <c r="RWE672" s="613"/>
      <c r="RWF672" s="613"/>
      <c r="RWG672" s="613"/>
      <c r="RWH672" s="613"/>
      <c r="RWI672" s="613"/>
      <c r="RWJ672" s="613"/>
      <c r="RWK672" s="613"/>
      <c r="RWL672" s="613"/>
      <c r="RWM672" s="613"/>
      <c r="RWN672" s="613"/>
      <c r="RWO672" s="613"/>
      <c r="RWP672" s="613"/>
      <c r="RWQ672" s="613"/>
      <c r="RWR672" s="613"/>
      <c r="RWS672" s="613"/>
      <c r="RWT672" s="613"/>
      <c r="RWU672" s="613"/>
      <c r="RWV672" s="613"/>
      <c r="RWW672" s="613"/>
      <c r="RWX672" s="613"/>
      <c r="RWY672" s="613"/>
      <c r="RWZ672" s="613"/>
      <c r="RXA672" s="613"/>
      <c r="RXB672" s="613"/>
      <c r="RXC672" s="613"/>
      <c r="RXD672" s="613"/>
      <c r="RXE672" s="613"/>
      <c r="RXF672" s="613"/>
      <c r="RXG672" s="613"/>
      <c r="RXH672" s="613"/>
      <c r="RXI672" s="613"/>
      <c r="RXJ672" s="613"/>
      <c r="RXK672" s="613"/>
      <c r="RXL672" s="613"/>
      <c r="RXM672" s="613"/>
      <c r="RXN672" s="613"/>
      <c r="RXO672" s="613"/>
      <c r="RXP672" s="613"/>
      <c r="RXQ672" s="613"/>
      <c r="RXR672" s="613"/>
      <c r="RXS672" s="613"/>
      <c r="RXT672" s="613"/>
      <c r="RXU672" s="613"/>
      <c r="RXV672" s="613"/>
      <c r="RXW672" s="613"/>
      <c r="RXX672" s="613"/>
      <c r="RXY672" s="613"/>
      <c r="RXZ672" s="613"/>
      <c r="RYA672" s="613"/>
      <c r="RYB672" s="613"/>
      <c r="RYC672" s="613"/>
      <c r="RYD672" s="613"/>
      <c r="RYE672" s="613"/>
      <c r="RYF672" s="613"/>
      <c r="RYG672" s="613"/>
      <c r="RYH672" s="613"/>
      <c r="RYI672" s="613"/>
      <c r="RYJ672" s="613"/>
      <c r="RYK672" s="613"/>
      <c r="RYL672" s="613"/>
      <c r="RYM672" s="613"/>
      <c r="RYN672" s="613"/>
      <c r="RYO672" s="613"/>
      <c r="RYP672" s="613"/>
      <c r="RYQ672" s="613"/>
      <c r="RYR672" s="613"/>
      <c r="RYS672" s="613"/>
      <c r="RYT672" s="613"/>
      <c r="RYU672" s="613"/>
      <c r="RYV672" s="613"/>
      <c r="RYW672" s="613"/>
      <c r="RYX672" s="613"/>
      <c r="RYY672" s="613"/>
      <c r="RYZ672" s="613"/>
      <c r="RZA672" s="613"/>
      <c r="RZB672" s="613"/>
      <c r="RZC672" s="613"/>
      <c r="RZD672" s="613"/>
      <c r="RZE672" s="613"/>
      <c r="RZF672" s="613"/>
      <c r="RZG672" s="613"/>
      <c r="RZH672" s="613"/>
      <c r="RZI672" s="613"/>
      <c r="RZJ672" s="613"/>
      <c r="RZK672" s="613"/>
      <c r="RZL672" s="613"/>
      <c r="RZM672" s="613"/>
      <c r="RZN672" s="613"/>
      <c r="RZO672" s="613"/>
      <c r="RZP672" s="613"/>
      <c r="RZQ672" s="613"/>
      <c r="RZR672" s="613"/>
      <c r="RZS672" s="613"/>
      <c r="RZT672" s="613"/>
      <c r="RZU672" s="613"/>
      <c r="RZV672" s="613"/>
      <c r="RZW672" s="613"/>
      <c r="RZX672" s="613"/>
      <c r="RZY672" s="613"/>
      <c r="RZZ672" s="613"/>
      <c r="SAA672" s="613"/>
      <c r="SAB672" s="613"/>
      <c r="SAC672" s="613"/>
      <c r="SAD672" s="613"/>
      <c r="SAE672" s="613"/>
      <c r="SAF672" s="613"/>
      <c r="SAG672" s="613"/>
      <c r="SAH672" s="613"/>
      <c r="SAI672" s="613"/>
      <c r="SAJ672" s="613"/>
      <c r="SAK672" s="613"/>
      <c r="SAL672" s="613"/>
      <c r="SAM672" s="613"/>
      <c r="SAN672" s="613"/>
      <c r="SAO672" s="613"/>
      <c r="SAP672" s="613"/>
      <c r="SAQ672" s="613"/>
      <c r="SAR672" s="613"/>
      <c r="SAS672" s="613"/>
      <c r="SAT672" s="613"/>
      <c r="SAU672" s="613"/>
      <c r="SAV672" s="613"/>
      <c r="SAW672" s="613"/>
      <c r="SAX672" s="613"/>
      <c r="SAY672" s="613"/>
      <c r="SAZ672" s="613"/>
      <c r="SBA672" s="613"/>
      <c r="SBB672" s="613"/>
      <c r="SBC672" s="613"/>
      <c r="SBD672" s="613"/>
      <c r="SBE672" s="613"/>
      <c r="SBF672" s="613"/>
      <c r="SBG672" s="613"/>
      <c r="SBH672" s="613"/>
      <c r="SBI672" s="613"/>
      <c r="SBJ672" s="613"/>
      <c r="SBK672" s="613"/>
      <c r="SBL672" s="613"/>
      <c r="SBM672" s="613"/>
      <c r="SBN672" s="613"/>
      <c r="SBO672" s="613"/>
      <c r="SBP672" s="613"/>
      <c r="SBQ672" s="613"/>
      <c r="SBR672" s="613"/>
      <c r="SBS672" s="613"/>
      <c r="SBT672" s="613"/>
      <c r="SBU672" s="613"/>
      <c r="SBV672" s="613"/>
      <c r="SBW672" s="613"/>
      <c r="SBX672" s="613"/>
      <c r="SBY672" s="613"/>
      <c r="SBZ672" s="613"/>
      <c r="SCA672" s="613"/>
      <c r="SCB672" s="613"/>
      <c r="SCC672" s="613"/>
      <c r="SCD672" s="613"/>
      <c r="SCE672" s="613"/>
      <c r="SCF672" s="613"/>
      <c r="SCG672" s="613"/>
      <c r="SCH672" s="613"/>
      <c r="SCI672" s="613"/>
      <c r="SCJ672" s="613"/>
      <c r="SCK672" s="613"/>
      <c r="SCL672" s="613"/>
      <c r="SCM672" s="613"/>
      <c r="SCN672" s="613"/>
      <c r="SCO672" s="613"/>
      <c r="SCP672" s="613"/>
      <c r="SCQ672" s="613"/>
      <c r="SCR672" s="613"/>
      <c r="SCS672" s="613"/>
      <c r="SCT672" s="613"/>
      <c r="SCU672" s="613"/>
      <c r="SCV672" s="613"/>
      <c r="SCW672" s="613"/>
      <c r="SCX672" s="613"/>
      <c r="SCY672" s="613"/>
      <c r="SCZ672" s="613"/>
      <c r="SDA672" s="613"/>
      <c r="SDB672" s="613"/>
      <c r="SDC672" s="613"/>
      <c r="SDD672" s="613"/>
      <c r="SDE672" s="613"/>
      <c r="SDF672" s="613"/>
      <c r="SDG672" s="613"/>
      <c r="SDH672" s="613"/>
      <c r="SDI672" s="613"/>
      <c r="SDJ672" s="613"/>
      <c r="SDK672" s="613"/>
      <c r="SDL672" s="613"/>
      <c r="SDM672" s="613"/>
      <c r="SDN672" s="613"/>
      <c r="SDO672" s="613"/>
      <c r="SDP672" s="613"/>
      <c r="SDQ672" s="613"/>
      <c r="SDR672" s="613"/>
      <c r="SDS672" s="613"/>
      <c r="SDT672" s="613"/>
      <c r="SDU672" s="613"/>
      <c r="SDV672" s="613"/>
      <c r="SDW672" s="613"/>
      <c r="SDX672" s="613"/>
      <c r="SDY672" s="613"/>
      <c r="SDZ672" s="613"/>
      <c r="SEA672" s="613"/>
      <c r="SEB672" s="613"/>
      <c r="SEC672" s="613"/>
      <c r="SED672" s="613"/>
      <c r="SEE672" s="613"/>
      <c r="SEF672" s="613"/>
      <c r="SEG672" s="613"/>
      <c r="SEH672" s="613"/>
      <c r="SEI672" s="613"/>
      <c r="SEJ672" s="613"/>
      <c r="SEK672" s="613"/>
      <c r="SEL672" s="613"/>
      <c r="SEM672" s="613"/>
      <c r="SEN672" s="613"/>
      <c r="SEO672" s="613"/>
      <c r="SEP672" s="613"/>
      <c r="SEQ672" s="613"/>
      <c r="SER672" s="613"/>
      <c r="SES672" s="613"/>
      <c r="SET672" s="613"/>
      <c r="SEU672" s="613"/>
      <c r="SEV672" s="613"/>
      <c r="SEW672" s="613"/>
      <c r="SEX672" s="613"/>
      <c r="SEY672" s="613"/>
      <c r="SEZ672" s="613"/>
      <c r="SFA672" s="613"/>
      <c r="SFB672" s="613"/>
      <c r="SFC672" s="613"/>
      <c r="SFD672" s="613"/>
      <c r="SFE672" s="613"/>
      <c r="SFF672" s="613"/>
      <c r="SFG672" s="613"/>
      <c r="SFH672" s="613"/>
      <c r="SFI672" s="613"/>
      <c r="SFJ672" s="613"/>
      <c r="SFK672" s="613"/>
      <c r="SFL672" s="613"/>
      <c r="SFM672" s="613"/>
      <c r="SFN672" s="613"/>
      <c r="SFO672" s="613"/>
      <c r="SFP672" s="613"/>
      <c r="SFQ672" s="613"/>
      <c r="SFR672" s="613"/>
      <c r="SFS672" s="613"/>
      <c r="SFT672" s="613"/>
      <c r="SFU672" s="613"/>
      <c r="SFV672" s="613"/>
      <c r="SFW672" s="613"/>
      <c r="SFX672" s="613"/>
      <c r="SFY672" s="613"/>
      <c r="SFZ672" s="613"/>
      <c r="SGA672" s="613"/>
      <c r="SGB672" s="613"/>
      <c r="SGC672" s="613"/>
      <c r="SGD672" s="613"/>
      <c r="SGE672" s="613"/>
      <c r="SGF672" s="613"/>
      <c r="SGG672" s="613"/>
      <c r="SGH672" s="613"/>
      <c r="SGI672" s="613"/>
      <c r="SGJ672" s="613"/>
      <c r="SGK672" s="613"/>
      <c r="SGL672" s="613"/>
      <c r="SGM672" s="613"/>
      <c r="SGN672" s="613"/>
      <c r="SGO672" s="613"/>
      <c r="SGP672" s="613"/>
      <c r="SGQ672" s="613"/>
      <c r="SGR672" s="613"/>
      <c r="SGS672" s="613"/>
      <c r="SGT672" s="613"/>
      <c r="SGU672" s="613"/>
      <c r="SGV672" s="613"/>
      <c r="SGW672" s="613"/>
      <c r="SGX672" s="613"/>
      <c r="SGY672" s="613"/>
      <c r="SGZ672" s="613"/>
      <c r="SHA672" s="613"/>
      <c r="SHB672" s="613"/>
      <c r="SHC672" s="613"/>
      <c r="SHD672" s="613"/>
      <c r="SHE672" s="613"/>
      <c r="SHF672" s="613"/>
      <c r="SHG672" s="613"/>
      <c r="SHH672" s="613"/>
      <c r="SHI672" s="613"/>
      <c r="SHJ672" s="613"/>
      <c r="SHK672" s="613"/>
      <c r="SHL672" s="613"/>
      <c r="SHM672" s="613"/>
      <c r="SHN672" s="613"/>
      <c r="SHO672" s="613"/>
      <c r="SHP672" s="613"/>
      <c r="SHQ672" s="613"/>
      <c r="SHR672" s="613"/>
      <c r="SHS672" s="613"/>
      <c r="SHT672" s="613"/>
      <c r="SHU672" s="613"/>
      <c r="SHV672" s="613"/>
      <c r="SHW672" s="613"/>
      <c r="SHX672" s="613"/>
      <c r="SHY672" s="613"/>
      <c r="SHZ672" s="613"/>
      <c r="SIA672" s="613"/>
      <c r="SIB672" s="613"/>
      <c r="SIC672" s="613"/>
      <c r="SID672" s="613"/>
      <c r="SIE672" s="613"/>
      <c r="SIF672" s="613"/>
      <c r="SIG672" s="613"/>
      <c r="SIH672" s="613"/>
      <c r="SII672" s="613"/>
      <c r="SIJ672" s="613"/>
      <c r="SIK672" s="613"/>
      <c r="SIL672" s="613"/>
      <c r="SIM672" s="613"/>
      <c r="SIN672" s="613"/>
      <c r="SIO672" s="613"/>
      <c r="SIP672" s="613"/>
      <c r="SIQ672" s="613"/>
      <c r="SIR672" s="613"/>
      <c r="SIS672" s="613"/>
      <c r="SIT672" s="613"/>
      <c r="SIU672" s="613"/>
      <c r="SIV672" s="613"/>
      <c r="SIW672" s="613"/>
      <c r="SIX672" s="613"/>
      <c r="SIY672" s="613"/>
      <c r="SIZ672" s="613"/>
      <c r="SJA672" s="613"/>
      <c r="SJB672" s="613"/>
      <c r="SJC672" s="613"/>
      <c r="SJD672" s="613"/>
      <c r="SJE672" s="613"/>
      <c r="SJF672" s="613"/>
      <c r="SJG672" s="613"/>
      <c r="SJH672" s="613"/>
      <c r="SJI672" s="613"/>
      <c r="SJJ672" s="613"/>
      <c r="SJK672" s="613"/>
      <c r="SJL672" s="613"/>
      <c r="SJM672" s="613"/>
      <c r="SJN672" s="613"/>
      <c r="SJO672" s="613"/>
      <c r="SJP672" s="613"/>
      <c r="SJQ672" s="613"/>
      <c r="SJR672" s="613"/>
      <c r="SJS672" s="613"/>
      <c r="SJT672" s="613"/>
      <c r="SJU672" s="613"/>
      <c r="SJV672" s="613"/>
      <c r="SJW672" s="613"/>
      <c r="SJX672" s="613"/>
      <c r="SJY672" s="613"/>
      <c r="SJZ672" s="613"/>
      <c r="SKA672" s="613"/>
      <c r="SKB672" s="613"/>
      <c r="SKC672" s="613"/>
      <c r="SKD672" s="613"/>
      <c r="SKE672" s="613"/>
      <c r="SKF672" s="613"/>
      <c r="SKG672" s="613"/>
      <c r="SKH672" s="613"/>
      <c r="SKI672" s="613"/>
      <c r="SKJ672" s="613"/>
      <c r="SKK672" s="613"/>
      <c r="SKL672" s="613"/>
      <c r="SKM672" s="613"/>
      <c r="SKN672" s="613"/>
      <c r="SKO672" s="613"/>
      <c r="SKP672" s="613"/>
      <c r="SKQ672" s="613"/>
      <c r="SKR672" s="613"/>
      <c r="SKS672" s="613"/>
      <c r="SKT672" s="613"/>
      <c r="SKU672" s="613"/>
      <c r="SKV672" s="613"/>
      <c r="SKW672" s="613"/>
      <c r="SKX672" s="613"/>
      <c r="SKY672" s="613"/>
      <c r="SKZ672" s="613"/>
      <c r="SLA672" s="613"/>
      <c r="SLB672" s="613"/>
      <c r="SLC672" s="613"/>
      <c r="SLD672" s="613"/>
      <c r="SLE672" s="613"/>
      <c r="SLF672" s="613"/>
      <c r="SLG672" s="613"/>
      <c r="SLH672" s="613"/>
      <c r="SLI672" s="613"/>
      <c r="SLJ672" s="613"/>
      <c r="SLK672" s="613"/>
      <c r="SLL672" s="613"/>
      <c r="SLM672" s="613"/>
      <c r="SLN672" s="613"/>
      <c r="SLO672" s="613"/>
      <c r="SLP672" s="613"/>
      <c r="SLQ672" s="613"/>
      <c r="SLR672" s="613"/>
      <c r="SLS672" s="613"/>
      <c r="SLT672" s="613"/>
      <c r="SLU672" s="613"/>
      <c r="SLV672" s="613"/>
      <c r="SLW672" s="613"/>
      <c r="SLX672" s="613"/>
      <c r="SLY672" s="613"/>
      <c r="SLZ672" s="613"/>
      <c r="SMA672" s="613"/>
      <c r="SMB672" s="613"/>
      <c r="SMC672" s="613"/>
      <c r="SMD672" s="613"/>
      <c r="SME672" s="613"/>
      <c r="SMF672" s="613"/>
      <c r="SMG672" s="613"/>
      <c r="SMH672" s="613"/>
      <c r="SMI672" s="613"/>
      <c r="SMJ672" s="613"/>
      <c r="SMK672" s="613"/>
      <c r="SML672" s="613"/>
      <c r="SMM672" s="613"/>
      <c r="SMN672" s="613"/>
      <c r="SMO672" s="613"/>
      <c r="SMP672" s="613"/>
      <c r="SMQ672" s="613"/>
      <c r="SMR672" s="613"/>
      <c r="SMS672" s="613"/>
      <c r="SMT672" s="613"/>
      <c r="SMU672" s="613"/>
      <c r="SMV672" s="613"/>
      <c r="SMW672" s="613"/>
      <c r="SMX672" s="613"/>
      <c r="SMY672" s="613"/>
      <c r="SMZ672" s="613"/>
      <c r="SNA672" s="613"/>
      <c r="SNB672" s="613"/>
      <c r="SNC672" s="613"/>
      <c r="SND672" s="613"/>
      <c r="SNE672" s="613"/>
      <c r="SNF672" s="613"/>
      <c r="SNG672" s="613"/>
      <c r="SNH672" s="613"/>
      <c r="SNI672" s="613"/>
      <c r="SNJ672" s="613"/>
      <c r="SNK672" s="613"/>
      <c r="SNL672" s="613"/>
      <c r="SNM672" s="613"/>
      <c r="SNN672" s="613"/>
      <c r="SNO672" s="613"/>
      <c r="SNP672" s="613"/>
      <c r="SNQ672" s="613"/>
      <c r="SNR672" s="613"/>
      <c r="SNS672" s="613"/>
      <c r="SNT672" s="613"/>
      <c r="SNU672" s="613"/>
      <c r="SNV672" s="613"/>
      <c r="SNW672" s="613"/>
      <c r="SNX672" s="613"/>
      <c r="SNY672" s="613"/>
      <c r="SNZ672" s="613"/>
      <c r="SOA672" s="613"/>
      <c r="SOB672" s="613"/>
      <c r="SOC672" s="613"/>
      <c r="SOD672" s="613"/>
      <c r="SOE672" s="613"/>
      <c r="SOF672" s="613"/>
      <c r="SOG672" s="613"/>
      <c r="SOH672" s="613"/>
      <c r="SOI672" s="613"/>
      <c r="SOJ672" s="613"/>
      <c r="SOK672" s="613"/>
      <c r="SOL672" s="613"/>
      <c r="SOM672" s="613"/>
      <c r="SON672" s="613"/>
      <c r="SOO672" s="613"/>
      <c r="SOP672" s="613"/>
      <c r="SOQ672" s="613"/>
      <c r="SOR672" s="613"/>
      <c r="SOS672" s="613"/>
      <c r="SOT672" s="613"/>
      <c r="SOU672" s="613"/>
      <c r="SOV672" s="613"/>
      <c r="SOW672" s="613"/>
      <c r="SOX672" s="613"/>
      <c r="SOY672" s="613"/>
      <c r="SOZ672" s="613"/>
      <c r="SPA672" s="613"/>
      <c r="SPB672" s="613"/>
      <c r="SPC672" s="613"/>
      <c r="SPD672" s="613"/>
      <c r="SPE672" s="613"/>
      <c r="SPF672" s="613"/>
      <c r="SPG672" s="613"/>
      <c r="SPH672" s="613"/>
      <c r="SPI672" s="613"/>
      <c r="SPJ672" s="613"/>
      <c r="SPK672" s="613"/>
      <c r="SPL672" s="613"/>
      <c r="SPM672" s="613"/>
      <c r="SPN672" s="613"/>
      <c r="SPO672" s="613"/>
      <c r="SPP672" s="613"/>
      <c r="SPQ672" s="613"/>
      <c r="SPR672" s="613"/>
      <c r="SPS672" s="613"/>
      <c r="SPT672" s="613"/>
      <c r="SPU672" s="613"/>
      <c r="SPV672" s="613"/>
      <c r="SPW672" s="613"/>
      <c r="SPX672" s="613"/>
      <c r="SPY672" s="613"/>
      <c r="SPZ672" s="613"/>
      <c r="SQA672" s="613"/>
      <c r="SQB672" s="613"/>
      <c r="SQC672" s="613"/>
      <c r="SQD672" s="613"/>
      <c r="SQE672" s="613"/>
      <c r="SQF672" s="613"/>
      <c r="SQG672" s="613"/>
      <c r="SQH672" s="613"/>
      <c r="SQI672" s="613"/>
      <c r="SQJ672" s="613"/>
      <c r="SQK672" s="613"/>
      <c r="SQL672" s="613"/>
      <c r="SQM672" s="613"/>
      <c r="SQN672" s="613"/>
      <c r="SQO672" s="613"/>
      <c r="SQP672" s="613"/>
      <c r="SQQ672" s="613"/>
      <c r="SQR672" s="613"/>
      <c r="SQS672" s="613"/>
      <c r="SQT672" s="613"/>
      <c r="SQU672" s="613"/>
      <c r="SQV672" s="613"/>
      <c r="SQW672" s="613"/>
      <c r="SQX672" s="613"/>
      <c r="SQY672" s="613"/>
      <c r="SQZ672" s="613"/>
      <c r="SRA672" s="613"/>
      <c r="SRB672" s="613"/>
      <c r="SRC672" s="613"/>
      <c r="SRD672" s="613"/>
      <c r="SRE672" s="613"/>
      <c r="SRF672" s="613"/>
      <c r="SRG672" s="613"/>
      <c r="SRH672" s="613"/>
      <c r="SRI672" s="613"/>
      <c r="SRJ672" s="613"/>
      <c r="SRK672" s="613"/>
      <c r="SRL672" s="613"/>
      <c r="SRM672" s="613"/>
      <c r="SRN672" s="613"/>
      <c r="SRO672" s="613"/>
      <c r="SRP672" s="613"/>
      <c r="SRQ672" s="613"/>
      <c r="SRR672" s="613"/>
      <c r="SRS672" s="613"/>
      <c r="SRT672" s="613"/>
      <c r="SRU672" s="613"/>
      <c r="SRV672" s="613"/>
      <c r="SRW672" s="613"/>
      <c r="SRX672" s="613"/>
      <c r="SRY672" s="613"/>
      <c r="SRZ672" s="613"/>
      <c r="SSA672" s="613"/>
      <c r="SSB672" s="613"/>
      <c r="SSC672" s="613"/>
      <c r="SSD672" s="613"/>
      <c r="SSE672" s="613"/>
      <c r="SSF672" s="613"/>
      <c r="SSG672" s="613"/>
      <c r="SSH672" s="613"/>
      <c r="SSI672" s="613"/>
      <c r="SSJ672" s="613"/>
      <c r="SSK672" s="613"/>
      <c r="SSL672" s="613"/>
      <c r="SSM672" s="613"/>
      <c r="SSN672" s="613"/>
      <c r="SSO672" s="613"/>
      <c r="SSP672" s="613"/>
      <c r="SSQ672" s="613"/>
      <c r="SSR672" s="613"/>
      <c r="SSS672" s="613"/>
      <c r="SST672" s="613"/>
      <c r="SSU672" s="613"/>
      <c r="SSV672" s="613"/>
      <c r="SSW672" s="613"/>
      <c r="SSX672" s="613"/>
      <c r="SSY672" s="613"/>
      <c r="SSZ672" s="613"/>
      <c r="STA672" s="613"/>
      <c r="STB672" s="613"/>
      <c r="STC672" s="613"/>
      <c r="STD672" s="613"/>
      <c r="STE672" s="613"/>
      <c r="STF672" s="613"/>
      <c r="STG672" s="613"/>
      <c r="STH672" s="613"/>
      <c r="STI672" s="613"/>
      <c r="STJ672" s="613"/>
      <c r="STK672" s="613"/>
      <c r="STL672" s="613"/>
      <c r="STM672" s="613"/>
      <c r="STN672" s="613"/>
      <c r="STO672" s="613"/>
      <c r="STP672" s="613"/>
      <c r="STQ672" s="613"/>
      <c r="STR672" s="613"/>
      <c r="STS672" s="613"/>
      <c r="STT672" s="613"/>
      <c r="STU672" s="613"/>
      <c r="STV672" s="613"/>
      <c r="STW672" s="613"/>
      <c r="STX672" s="613"/>
      <c r="STY672" s="613"/>
      <c r="STZ672" s="613"/>
      <c r="SUA672" s="613"/>
      <c r="SUB672" s="613"/>
      <c r="SUC672" s="613"/>
      <c r="SUD672" s="613"/>
      <c r="SUE672" s="613"/>
      <c r="SUF672" s="613"/>
      <c r="SUG672" s="613"/>
      <c r="SUH672" s="613"/>
      <c r="SUI672" s="613"/>
      <c r="SUJ672" s="613"/>
      <c r="SUK672" s="613"/>
      <c r="SUL672" s="613"/>
      <c r="SUM672" s="613"/>
      <c r="SUN672" s="613"/>
      <c r="SUO672" s="613"/>
      <c r="SUP672" s="613"/>
      <c r="SUQ672" s="613"/>
      <c r="SUR672" s="613"/>
      <c r="SUS672" s="613"/>
      <c r="SUT672" s="613"/>
      <c r="SUU672" s="613"/>
      <c r="SUV672" s="613"/>
      <c r="SUW672" s="613"/>
      <c r="SUX672" s="613"/>
      <c r="SUY672" s="613"/>
      <c r="SUZ672" s="613"/>
      <c r="SVA672" s="613"/>
      <c r="SVB672" s="613"/>
      <c r="SVC672" s="613"/>
      <c r="SVD672" s="613"/>
      <c r="SVE672" s="613"/>
      <c r="SVF672" s="613"/>
      <c r="SVG672" s="613"/>
      <c r="SVH672" s="613"/>
      <c r="SVI672" s="613"/>
      <c r="SVJ672" s="613"/>
      <c r="SVK672" s="613"/>
      <c r="SVL672" s="613"/>
      <c r="SVM672" s="613"/>
      <c r="SVN672" s="613"/>
      <c r="SVO672" s="613"/>
      <c r="SVP672" s="613"/>
      <c r="SVQ672" s="613"/>
      <c r="SVR672" s="613"/>
      <c r="SVS672" s="613"/>
      <c r="SVT672" s="613"/>
      <c r="SVU672" s="613"/>
      <c r="SVV672" s="613"/>
      <c r="SVW672" s="613"/>
      <c r="SVX672" s="613"/>
      <c r="SVY672" s="613"/>
      <c r="SVZ672" s="613"/>
      <c r="SWA672" s="613"/>
      <c r="SWB672" s="613"/>
      <c r="SWC672" s="613"/>
      <c r="SWD672" s="613"/>
      <c r="SWE672" s="613"/>
      <c r="SWF672" s="613"/>
      <c r="SWG672" s="613"/>
      <c r="SWH672" s="613"/>
      <c r="SWI672" s="613"/>
      <c r="SWJ672" s="613"/>
      <c r="SWK672" s="613"/>
      <c r="SWL672" s="613"/>
      <c r="SWM672" s="613"/>
      <c r="SWN672" s="613"/>
      <c r="SWO672" s="613"/>
      <c r="SWP672" s="613"/>
      <c r="SWQ672" s="613"/>
      <c r="SWR672" s="613"/>
      <c r="SWS672" s="613"/>
      <c r="SWT672" s="613"/>
      <c r="SWU672" s="613"/>
      <c r="SWV672" s="613"/>
      <c r="SWW672" s="613"/>
      <c r="SWX672" s="613"/>
      <c r="SWY672" s="613"/>
      <c r="SWZ672" s="613"/>
      <c r="SXA672" s="613"/>
      <c r="SXB672" s="613"/>
      <c r="SXC672" s="613"/>
      <c r="SXD672" s="613"/>
      <c r="SXE672" s="613"/>
      <c r="SXF672" s="613"/>
      <c r="SXG672" s="613"/>
      <c r="SXH672" s="613"/>
      <c r="SXI672" s="613"/>
      <c r="SXJ672" s="613"/>
      <c r="SXK672" s="613"/>
      <c r="SXL672" s="613"/>
      <c r="SXM672" s="613"/>
      <c r="SXN672" s="613"/>
      <c r="SXO672" s="613"/>
      <c r="SXP672" s="613"/>
      <c r="SXQ672" s="613"/>
      <c r="SXR672" s="613"/>
      <c r="SXS672" s="613"/>
      <c r="SXT672" s="613"/>
      <c r="SXU672" s="613"/>
      <c r="SXV672" s="613"/>
      <c r="SXW672" s="613"/>
      <c r="SXX672" s="613"/>
      <c r="SXY672" s="613"/>
      <c r="SXZ672" s="613"/>
      <c r="SYA672" s="613"/>
      <c r="SYB672" s="613"/>
      <c r="SYC672" s="613"/>
      <c r="SYD672" s="613"/>
      <c r="SYE672" s="613"/>
      <c r="SYF672" s="613"/>
      <c r="SYG672" s="613"/>
      <c r="SYH672" s="613"/>
      <c r="SYI672" s="613"/>
      <c r="SYJ672" s="613"/>
      <c r="SYK672" s="613"/>
      <c r="SYL672" s="613"/>
      <c r="SYM672" s="613"/>
      <c r="SYN672" s="613"/>
      <c r="SYO672" s="613"/>
      <c r="SYP672" s="613"/>
      <c r="SYQ672" s="613"/>
      <c r="SYR672" s="613"/>
      <c r="SYS672" s="613"/>
      <c r="SYT672" s="613"/>
      <c r="SYU672" s="613"/>
      <c r="SYV672" s="613"/>
      <c r="SYW672" s="613"/>
      <c r="SYX672" s="613"/>
      <c r="SYY672" s="613"/>
      <c r="SYZ672" s="613"/>
      <c r="SZA672" s="613"/>
      <c r="SZB672" s="613"/>
      <c r="SZC672" s="613"/>
      <c r="SZD672" s="613"/>
      <c r="SZE672" s="613"/>
      <c r="SZF672" s="613"/>
      <c r="SZG672" s="613"/>
      <c r="SZH672" s="613"/>
      <c r="SZI672" s="613"/>
      <c r="SZJ672" s="613"/>
      <c r="SZK672" s="613"/>
      <c r="SZL672" s="613"/>
      <c r="SZM672" s="613"/>
      <c r="SZN672" s="613"/>
      <c r="SZO672" s="613"/>
      <c r="SZP672" s="613"/>
      <c r="SZQ672" s="613"/>
      <c r="SZR672" s="613"/>
      <c r="SZS672" s="613"/>
      <c r="SZT672" s="613"/>
      <c r="SZU672" s="613"/>
      <c r="SZV672" s="613"/>
      <c r="SZW672" s="613"/>
      <c r="SZX672" s="613"/>
      <c r="SZY672" s="613"/>
      <c r="SZZ672" s="613"/>
      <c r="TAA672" s="613"/>
      <c r="TAB672" s="613"/>
      <c r="TAC672" s="613"/>
      <c r="TAD672" s="613"/>
      <c r="TAE672" s="613"/>
      <c r="TAF672" s="613"/>
      <c r="TAG672" s="613"/>
      <c r="TAH672" s="613"/>
      <c r="TAI672" s="613"/>
      <c r="TAJ672" s="613"/>
      <c r="TAK672" s="613"/>
      <c r="TAL672" s="613"/>
      <c r="TAM672" s="613"/>
      <c r="TAN672" s="613"/>
      <c r="TAO672" s="613"/>
      <c r="TAP672" s="613"/>
      <c r="TAQ672" s="613"/>
      <c r="TAR672" s="613"/>
      <c r="TAS672" s="613"/>
      <c r="TAT672" s="613"/>
      <c r="TAU672" s="613"/>
      <c r="TAV672" s="613"/>
      <c r="TAW672" s="613"/>
      <c r="TAX672" s="613"/>
      <c r="TAY672" s="613"/>
      <c r="TAZ672" s="613"/>
      <c r="TBA672" s="613"/>
      <c r="TBB672" s="613"/>
      <c r="TBC672" s="613"/>
      <c r="TBD672" s="613"/>
      <c r="TBE672" s="613"/>
      <c r="TBF672" s="613"/>
      <c r="TBG672" s="613"/>
      <c r="TBH672" s="613"/>
      <c r="TBI672" s="613"/>
      <c r="TBJ672" s="613"/>
      <c r="TBK672" s="613"/>
      <c r="TBL672" s="613"/>
      <c r="TBM672" s="613"/>
      <c r="TBN672" s="613"/>
      <c r="TBO672" s="613"/>
      <c r="TBP672" s="613"/>
      <c r="TBQ672" s="613"/>
      <c r="TBR672" s="613"/>
      <c r="TBS672" s="613"/>
      <c r="TBT672" s="613"/>
      <c r="TBU672" s="613"/>
      <c r="TBV672" s="613"/>
      <c r="TBW672" s="613"/>
      <c r="TBX672" s="613"/>
      <c r="TBY672" s="613"/>
      <c r="TBZ672" s="613"/>
      <c r="TCA672" s="613"/>
      <c r="TCB672" s="613"/>
      <c r="TCC672" s="613"/>
      <c r="TCD672" s="613"/>
      <c r="TCE672" s="613"/>
      <c r="TCF672" s="613"/>
      <c r="TCG672" s="613"/>
      <c r="TCH672" s="613"/>
      <c r="TCI672" s="613"/>
      <c r="TCJ672" s="613"/>
      <c r="TCK672" s="613"/>
      <c r="TCL672" s="613"/>
      <c r="TCM672" s="613"/>
      <c r="TCN672" s="613"/>
      <c r="TCO672" s="613"/>
      <c r="TCP672" s="613"/>
      <c r="TCQ672" s="613"/>
      <c r="TCR672" s="613"/>
      <c r="TCS672" s="613"/>
      <c r="TCT672" s="613"/>
      <c r="TCU672" s="613"/>
      <c r="TCV672" s="613"/>
      <c r="TCW672" s="613"/>
      <c r="TCX672" s="613"/>
      <c r="TCY672" s="613"/>
      <c r="TCZ672" s="613"/>
      <c r="TDA672" s="613"/>
      <c r="TDB672" s="613"/>
      <c r="TDC672" s="613"/>
      <c r="TDD672" s="613"/>
      <c r="TDE672" s="613"/>
      <c r="TDF672" s="613"/>
      <c r="TDG672" s="613"/>
      <c r="TDH672" s="613"/>
      <c r="TDI672" s="613"/>
      <c r="TDJ672" s="613"/>
      <c r="TDK672" s="613"/>
      <c r="TDL672" s="613"/>
      <c r="TDM672" s="613"/>
      <c r="TDN672" s="613"/>
      <c r="TDO672" s="613"/>
      <c r="TDP672" s="613"/>
      <c r="TDQ672" s="613"/>
      <c r="TDR672" s="613"/>
      <c r="TDS672" s="613"/>
      <c r="TDT672" s="613"/>
      <c r="TDU672" s="613"/>
      <c r="TDV672" s="613"/>
      <c r="TDW672" s="613"/>
      <c r="TDX672" s="613"/>
      <c r="TDY672" s="613"/>
      <c r="TDZ672" s="613"/>
      <c r="TEA672" s="613"/>
      <c r="TEB672" s="613"/>
      <c r="TEC672" s="613"/>
      <c r="TED672" s="613"/>
      <c r="TEE672" s="613"/>
      <c r="TEF672" s="613"/>
      <c r="TEG672" s="613"/>
      <c r="TEH672" s="613"/>
      <c r="TEI672" s="613"/>
      <c r="TEJ672" s="613"/>
      <c r="TEK672" s="613"/>
      <c r="TEL672" s="613"/>
      <c r="TEM672" s="613"/>
      <c r="TEN672" s="613"/>
      <c r="TEO672" s="613"/>
      <c r="TEP672" s="613"/>
      <c r="TEQ672" s="613"/>
      <c r="TER672" s="613"/>
      <c r="TES672" s="613"/>
      <c r="TET672" s="613"/>
      <c r="TEU672" s="613"/>
      <c r="TEV672" s="613"/>
      <c r="TEW672" s="613"/>
      <c r="TEX672" s="613"/>
      <c r="TEY672" s="613"/>
      <c r="TEZ672" s="613"/>
      <c r="TFA672" s="613"/>
      <c r="TFB672" s="613"/>
      <c r="TFC672" s="613"/>
      <c r="TFD672" s="613"/>
      <c r="TFE672" s="613"/>
      <c r="TFF672" s="613"/>
      <c r="TFG672" s="613"/>
      <c r="TFH672" s="613"/>
      <c r="TFI672" s="613"/>
      <c r="TFJ672" s="613"/>
      <c r="TFK672" s="613"/>
      <c r="TFL672" s="613"/>
      <c r="TFM672" s="613"/>
      <c r="TFN672" s="613"/>
      <c r="TFO672" s="613"/>
      <c r="TFP672" s="613"/>
      <c r="TFQ672" s="613"/>
      <c r="TFR672" s="613"/>
      <c r="TFS672" s="613"/>
      <c r="TFT672" s="613"/>
      <c r="TFU672" s="613"/>
      <c r="TFV672" s="613"/>
      <c r="TFW672" s="613"/>
      <c r="TFX672" s="613"/>
      <c r="TFY672" s="613"/>
      <c r="TFZ672" s="613"/>
      <c r="TGA672" s="613"/>
      <c r="TGB672" s="613"/>
      <c r="TGC672" s="613"/>
      <c r="TGD672" s="613"/>
      <c r="TGE672" s="613"/>
      <c r="TGF672" s="613"/>
      <c r="TGG672" s="613"/>
      <c r="TGH672" s="613"/>
      <c r="TGI672" s="613"/>
      <c r="TGJ672" s="613"/>
      <c r="TGK672" s="613"/>
      <c r="TGL672" s="613"/>
      <c r="TGM672" s="613"/>
      <c r="TGN672" s="613"/>
      <c r="TGO672" s="613"/>
      <c r="TGP672" s="613"/>
      <c r="TGQ672" s="613"/>
      <c r="TGR672" s="613"/>
      <c r="TGS672" s="613"/>
      <c r="TGT672" s="613"/>
      <c r="TGU672" s="613"/>
      <c r="TGV672" s="613"/>
      <c r="TGW672" s="613"/>
      <c r="TGX672" s="613"/>
      <c r="TGY672" s="613"/>
      <c r="TGZ672" s="613"/>
      <c r="THA672" s="613"/>
      <c r="THB672" s="613"/>
      <c r="THC672" s="613"/>
      <c r="THD672" s="613"/>
      <c r="THE672" s="613"/>
      <c r="THF672" s="613"/>
      <c r="THG672" s="613"/>
      <c r="THH672" s="613"/>
      <c r="THI672" s="613"/>
      <c r="THJ672" s="613"/>
      <c r="THK672" s="613"/>
      <c r="THL672" s="613"/>
      <c r="THM672" s="613"/>
      <c r="THN672" s="613"/>
      <c r="THO672" s="613"/>
      <c r="THP672" s="613"/>
      <c r="THQ672" s="613"/>
      <c r="THR672" s="613"/>
      <c r="THS672" s="613"/>
      <c r="THT672" s="613"/>
      <c r="THU672" s="613"/>
      <c r="THV672" s="613"/>
      <c r="THW672" s="613"/>
      <c r="THX672" s="613"/>
      <c r="THY672" s="613"/>
      <c r="THZ672" s="613"/>
      <c r="TIA672" s="613"/>
      <c r="TIB672" s="613"/>
      <c r="TIC672" s="613"/>
      <c r="TID672" s="613"/>
      <c r="TIE672" s="613"/>
      <c r="TIF672" s="613"/>
      <c r="TIG672" s="613"/>
      <c r="TIH672" s="613"/>
      <c r="TII672" s="613"/>
      <c r="TIJ672" s="613"/>
      <c r="TIK672" s="613"/>
      <c r="TIL672" s="613"/>
      <c r="TIM672" s="613"/>
      <c r="TIN672" s="613"/>
      <c r="TIO672" s="613"/>
      <c r="TIP672" s="613"/>
      <c r="TIQ672" s="613"/>
      <c r="TIR672" s="613"/>
      <c r="TIS672" s="613"/>
      <c r="TIT672" s="613"/>
      <c r="TIU672" s="613"/>
      <c r="TIV672" s="613"/>
      <c r="TIW672" s="613"/>
      <c r="TIX672" s="613"/>
      <c r="TIY672" s="613"/>
      <c r="TIZ672" s="613"/>
      <c r="TJA672" s="613"/>
      <c r="TJB672" s="613"/>
      <c r="TJC672" s="613"/>
      <c r="TJD672" s="613"/>
      <c r="TJE672" s="613"/>
      <c r="TJF672" s="613"/>
      <c r="TJG672" s="613"/>
      <c r="TJH672" s="613"/>
      <c r="TJI672" s="613"/>
      <c r="TJJ672" s="613"/>
      <c r="TJK672" s="613"/>
      <c r="TJL672" s="613"/>
      <c r="TJM672" s="613"/>
      <c r="TJN672" s="613"/>
      <c r="TJO672" s="613"/>
      <c r="TJP672" s="613"/>
      <c r="TJQ672" s="613"/>
      <c r="TJR672" s="613"/>
      <c r="TJS672" s="613"/>
      <c r="TJT672" s="613"/>
      <c r="TJU672" s="613"/>
      <c r="TJV672" s="613"/>
      <c r="TJW672" s="613"/>
      <c r="TJX672" s="613"/>
      <c r="TJY672" s="613"/>
      <c r="TJZ672" s="613"/>
      <c r="TKA672" s="613"/>
      <c r="TKB672" s="613"/>
      <c r="TKC672" s="613"/>
      <c r="TKD672" s="613"/>
      <c r="TKE672" s="613"/>
      <c r="TKF672" s="613"/>
      <c r="TKG672" s="613"/>
      <c r="TKH672" s="613"/>
      <c r="TKI672" s="613"/>
      <c r="TKJ672" s="613"/>
      <c r="TKK672" s="613"/>
      <c r="TKL672" s="613"/>
      <c r="TKM672" s="613"/>
      <c r="TKN672" s="613"/>
      <c r="TKO672" s="613"/>
      <c r="TKP672" s="613"/>
      <c r="TKQ672" s="613"/>
      <c r="TKR672" s="613"/>
      <c r="TKS672" s="613"/>
      <c r="TKT672" s="613"/>
      <c r="TKU672" s="613"/>
      <c r="TKV672" s="613"/>
      <c r="TKW672" s="613"/>
      <c r="TKX672" s="613"/>
      <c r="TKY672" s="613"/>
      <c r="TKZ672" s="613"/>
      <c r="TLA672" s="613"/>
      <c r="TLB672" s="613"/>
      <c r="TLC672" s="613"/>
      <c r="TLD672" s="613"/>
      <c r="TLE672" s="613"/>
      <c r="TLF672" s="613"/>
      <c r="TLG672" s="613"/>
      <c r="TLH672" s="613"/>
      <c r="TLI672" s="613"/>
      <c r="TLJ672" s="613"/>
      <c r="TLK672" s="613"/>
      <c r="TLL672" s="613"/>
      <c r="TLM672" s="613"/>
      <c r="TLN672" s="613"/>
      <c r="TLO672" s="613"/>
      <c r="TLP672" s="613"/>
      <c r="TLQ672" s="613"/>
      <c r="TLR672" s="613"/>
      <c r="TLS672" s="613"/>
      <c r="TLT672" s="613"/>
      <c r="TLU672" s="613"/>
      <c r="TLV672" s="613"/>
      <c r="TLW672" s="613"/>
      <c r="TLX672" s="613"/>
      <c r="TLY672" s="613"/>
      <c r="TLZ672" s="613"/>
      <c r="TMA672" s="613"/>
      <c r="TMB672" s="613"/>
      <c r="TMC672" s="613"/>
      <c r="TMD672" s="613"/>
      <c r="TME672" s="613"/>
      <c r="TMF672" s="613"/>
      <c r="TMG672" s="613"/>
      <c r="TMH672" s="613"/>
      <c r="TMI672" s="613"/>
      <c r="TMJ672" s="613"/>
      <c r="TMK672" s="613"/>
      <c r="TML672" s="613"/>
      <c r="TMM672" s="613"/>
      <c r="TMN672" s="613"/>
      <c r="TMO672" s="613"/>
      <c r="TMP672" s="613"/>
      <c r="TMQ672" s="613"/>
      <c r="TMR672" s="613"/>
      <c r="TMS672" s="613"/>
      <c r="TMT672" s="613"/>
      <c r="TMU672" s="613"/>
      <c r="TMV672" s="613"/>
      <c r="TMW672" s="613"/>
      <c r="TMX672" s="613"/>
      <c r="TMY672" s="613"/>
      <c r="TMZ672" s="613"/>
      <c r="TNA672" s="613"/>
      <c r="TNB672" s="613"/>
      <c r="TNC672" s="613"/>
      <c r="TND672" s="613"/>
      <c r="TNE672" s="613"/>
      <c r="TNF672" s="613"/>
      <c r="TNG672" s="613"/>
      <c r="TNH672" s="613"/>
      <c r="TNI672" s="613"/>
      <c r="TNJ672" s="613"/>
      <c r="TNK672" s="613"/>
      <c r="TNL672" s="613"/>
      <c r="TNM672" s="613"/>
      <c r="TNN672" s="613"/>
      <c r="TNO672" s="613"/>
      <c r="TNP672" s="613"/>
      <c r="TNQ672" s="613"/>
      <c r="TNR672" s="613"/>
      <c r="TNS672" s="613"/>
      <c r="TNT672" s="613"/>
      <c r="TNU672" s="613"/>
      <c r="TNV672" s="613"/>
      <c r="TNW672" s="613"/>
      <c r="TNX672" s="613"/>
      <c r="TNY672" s="613"/>
      <c r="TNZ672" s="613"/>
      <c r="TOA672" s="613"/>
      <c r="TOB672" s="613"/>
      <c r="TOC672" s="613"/>
      <c r="TOD672" s="613"/>
      <c r="TOE672" s="613"/>
      <c r="TOF672" s="613"/>
      <c r="TOG672" s="613"/>
      <c r="TOH672" s="613"/>
      <c r="TOI672" s="613"/>
      <c r="TOJ672" s="613"/>
      <c r="TOK672" s="613"/>
      <c r="TOL672" s="613"/>
      <c r="TOM672" s="613"/>
      <c r="TON672" s="613"/>
      <c r="TOO672" s="613"/>
      <c r="TOP672" s="613"/>
      <c r="TOQ672" s="613"/>
      <c r="TOR672" s="613"/>
      <c r="TOS672" s="613"/>
      <c r="TOT672" s="613"/>
      <c r="TOU672" s="613"/>
      <c r="TOV672" s="613"/>
      <c r="TOW672" s="613"/>
      <c r="TOX672" s="613"/>
      <c r="TOY672" s="613"/>
      <c r="TOZ672" s="613"/>
      <c r="TPA672" s="613"/>
      <c r="TPB672" s="613"/>
      <c r="TPC672" s="613"/>
      <c r="TPD672" s="613"/>
      <c r="TPE672" s="613"/>
      <c r="TPF672" s="613"/>
      <c r="TPG672" s="613"/>
      <c r="TPH672" s="613"/>
      <c r="TPI672" s="613"/>
      <c r="TPJ672" s="613"/>
      <c r="TPK672" s="613"/>
      <c r="TPL672" s="613"/>
      <c r="TPM672" s="613"/>
      <c r="TPN672" s="613"/>
      <c r="TPO672" s="613"/>
      <c r="TPP672" s="613"/>
      <c r="TPQ672" s="613"/>
      <c r="TPR672" s="613"/>
      <c r="TPS672" s="613"/>
      <c r="TPT672" s="613"/>
      <c r="TPU672" s="613"/>
      <c r="TPV672" s="613"/>
      <c r="TPW672" s="613"/>
      <c r="TPX672" s="613"/>
      <c r="TPY672" s="613"/>
      <c r="TPZ672" s="613"/>
      <c r="TQA672" s="613"/>
      <c r="TQB672" s="613"/>
      <c r="TQC672" s="613"/>
      <c r="TQD672" s="613"/>
      <c r="TQE672" s="613"/>
      <c r="TQF672" s="613"/>
      <c r="TQG672" s="613"/>
      <c r="TQH672" s="613"/>
      <c r="TQI672" s="613"/>
      <c r="TQJ672" s="613"/>
      <c r="TQK672" s="613"/>
      <c r="TQL672" s="613"/>
      <c r="TQM672" s="613"/>
      <c r="TQN672" s="613"/>
      <c r="TQO672" s="613"/>
      <c r="TQP672" s="613"/>
      <c r="TQQ672" s="613"/>
      <c r="TQR672" s="613"/>
      <c r="TQS672" s="613"/>
      <c r="TQT672" s="613"/>
      <c r="TQU672" s="613"/>
      <c r="TQV672" s="613"/>
      <c r="TQW672" s="613"/>
      <c r="TQX672" s="613"/>
      <c r="TQY672" s="613"/>
      <c r="TQZ672" s="613"/>
      <c r="TRA672" s="613"/>
      <c r="TRB672" s="613"/>
      <c r="TRC672" s="613"/>
      <c r="TRD672" s="613"/>
      <c r="TRE672" s="613"/>
      <c r="TRF672" s="613"/>
      <c r="TRG672" s="613"/>
      <c r="TRH672" s="613"/>
      <c r="TRI672" s="613"/>
      <c r="TRJ672" s="613"/>
      <c r="TRK672" s="613"/>
      <c r="TRL672" s="613"/>
      <c r="TRM672" s="613"/>
      <c r="TRN672" s="613"/>
      <c r="TRO672" s="613"/>
      <c r="TRP672" s="613"/>
      <c r="TRQ672" s="613"/>
      <c r="TRR672" s="613"/>
      <c r="TRS672" s="613"/>
      <c r="TRT672" s="613"/>
      <c r="TRU672" s="613"/>
      <c r="TRV672" s="613"/>
      <c r="TRW672" s="613"/>
      <c r="TRX672" s="613"/>
      <c r="TRY672" s="613"/>
      <c r="TRZ672" s="613"/>
      <c r="TSA672" s="613"/>
      <c r="TSB672" s="613"/>
      <c r="TSC672" s="613"/>
      <c r="TSD672" s="613"/>
      <c r="TSE672" s="613"/>
      <c r="TSF672" s="613"/>
      <c r="TSG672" s="613"/>
      <c r="TSH672" s="613"/>
      <c r="TSI672" s="613"/>
      <c r="TSJ672" s="613"/>
      <c r="TSK672" s="613"/>
      <c r="TSL672" s="613"/>
      <c r="TSM672" s="613"/>
      <c r="TSN672" s="613"/>
      <c r="TSO672" s="613"/>
      <c r="TSP672" s="613"/>
      <c r="TSQ672" s="613"/>
      <c r="TSR672" s="613"/>
      <c r="TSS672" s="613"/>
      <c r="TST672" s="613"/>
      <c r="TSU672" s="613"/>
      <c r="TSV672" s="613"/>
      <c r="TSW672" s="613"/>
      <c r="TSX672" s="613"/>
      <c r="TSY672" s="613"/>
      <c r="TSZ672" s="613"/>
      <c r="TTA672" s="613"/>
      <c r="TTB672" s="613"/>
      <c r="TTC672" s="613"/>
      <c r="TTD672" s="613"/>
      <c r="TTE672" s="613"/>
      <c r="TTF672" s="613"/>
      <c r="TTG672" s="613"/>
      <c r="TTH672" s="613"/>
      <c r="TTI672" s="613"/>
      <c r="TTJ672" s="613"/>
      <c r="TTK672" s="613"/>
      <c r="TTL672" s="613"/>
      <c r="TTM672" s="613"/>
      <c r="TTN672" s="613"/>
      <c r="TTO672" s="613"/>
      <c r="TTP672" s="613"/>
      <c r="TTQ672" s="613"/>
      <c r="TTR672" s="613"/>
      <c r="TTS672" s="613"/>
      <c r="TTT672" s="613"/>
      <c r="TTU672" s="613"/>
      <c r="TTV672" s="613"/>
      <c r="TTW672" s="613"/>
      <c r="TTX672" s="613"/>
      <c r="TTY672" s="613"/>
      <c r="TTZ672" s="613"/>
      <c r="TUA672" s="613"/>
      <c r="TUB672" s="613"/>
      <c r="TUC672" s="613"/>
      <c r="TUD672" s="613"/>
      <c r="TUE672" s="613"/>
      <c r="TUF672" s="613"/>
      <c r="TUG672" s="613"/>
      <c r="TUH672" s="613"/>
      <c r="TUI672" s="613"/>
      <c r="TUJ672" s="613"/>
      <c r="TUK672" s="613"/>
      <c r="TUL672" s="613"/>
      <c r="TUM672" s="613"/>
      <c r="TUN672" s="613"/>
      <c r="TUO672" s="613"/>
      <c r="TUP672" s="613"/>
      <c r="TUQ672" s="613"/>
      <c r="TUR672" s="613"/>
      <c r="TUS672" s="613"/>
      <c r="TUT672" s="613"/>
      <c r="TUU672" s="613"/>
      <c r="TUV672" s="613"/>
      <c r="TUW672" s="613"/>
      <c r="TUX672" s="613"/>
      <c r="TUY672" s="613"/>
      <c r="TUZ672" s="613"/>
      <c r="TVA672" s="613"/>
      <c r="TVB672" s="613"/>
      <c r="TVC672" s="613"/>
      <c r="TVD672" s="613"/>
      <c r="TVE672" s="613"/>
      <c r="TVF672" s="613"/>
      <c r="TVG672" s="613"/>
      <c r="TVH672" s="613"/>
      <c r="TVI672" s="613"/>
      <c r="TVJ672" s="613"/>
      <c r="TVK672" s="613"/>
      <c r="TVL672" s="613"/>
      <c r="TVM672" s="613"/>
      <c r="TVN672" s="613"/>
      <c r="TVO672" s="613"/>
      <c r="TVP672" s="613"/>
      <c r="TVQ672" s="613"/>
      <c r="TVR672" s="613"/>
      <c r="TVS672" s="613"/>
      <c r="TVT672" s="613"/>
      <c r="TVU672" s="613"/>
      <c r="TVV672" s="613"/>
      <c r="TVW672" s="613"/>
      <c r="TVX672" s="613"/>
      <c r="TVY672" s="613"/>
      <c r="TVZ672" s="613"/>
      <c r="TWA672" s="613"/>
      <c r="TWB672" s="613"/>
      <c r="TWC672" s="613"/>
      <c r="TWD672" s="613"/>
      <c r="TWE672" s="613"/>
      <c r="TWF672" s="613"/>
      <c r="TWG672" s="613"/>
      <c r="TWH672" s="613"/>
      <c r="TWI672" s="613"/>
      <c r="TWJ672" s="613"/>
      <c r="TWK672" s="613"/>
      <c r="TWL672" s="613"/>
      <c r="TWM672" s="613"/>
      <c r="TWN672" s="613"/>
      <c r="TWO672" s="613"/>
      <c r="TWP672" s="613"/>
      <c r="TWQ672" s="613"/>
      <c r="TWR672" s="613"/>
      <c r="TWS672" s="613"/>
      <c r="TWT672" s="613"/>
      <c r="TWU672" s="613"/>
      <c r="TWV672" s="613"/>
      <c r="TWW672" s="613"/>
      <c r="TWX672" s="613"/>
      <c r="TWY672" s="613"/>
      <c r="TWZ672" s="613"/>
      <c r="TXA672" s="613"/>
      <c r="TXB672" s="613"/>
      <c r="TXC672" s="613"/>
      <c r="TXD672" s="613"/>
      <c r="TXE672" s="613"/>
      <c r="TXF672" s="613"/>
      <c r="TXG672" s="613"/>
      <c r="TXH672" s="613"/>
      <c r="TXI672" s="613"/>
      <c r="TXJ672" s="613"/>
      <c r="TXK672" s="613"/>
      <c r="TXL672" s="613"/>
      <c r="TXM672" s="613"/>
      <c r="TXN672" s="613"/>
      <c r="TXO672" s="613"/>
      <c r="TXP672" s="613"/>
      <c r="TXQ672" s="613"/>
      <c r="TXR672" s="613"/>
      <c r="TXS672" s="613"/>
      <c r="TXT672" s="613"/>
      <c r="TXU672" s="613"/>
      <c r="TXV672" s="613"/>
      <c r="TXW672" s="613"/>
      <c r="TXX672" s="613"/>
      <c r="TXY672" s="613"/>
      <c r="TXZ672" s="613"/>
      <c r="TYA672" s="613"/>
      <c r="TYB672" s="613"/>
      <c r="TYC672" s="613"/>
      <c r="TYD672" s="613"/>
      <c r="TYE672" s="613"/>
      <c r="TYF672" s="613"/>
      <c r="TYG672" s="613"/>
      <c r="TYH672" s="613"/>
      <c r="TYI672" s="613"/>
      <c r="TYJ672" s="613"/>
      <c r="TYK672" s="613"/>
      <c r="TYL672" s="613"/>
      <c r="TYM672" s="613"/>
      <c r="TYN672" s="613"/>
      <c r="TYO672" s="613"/>
      <c r="TYP672" s="613"/>
      <c r="TYQ672" s="613"/>
      <c r="TYR672" s="613"/>
      <c r="TYS672" s="613"/>
      <c r="TYT672" s="613"/>
      <c r="TYU672" s="613"/>
      <c r="TYV672" s="613"/>
      <c r="TYW672" s="613"/>
      <c r="TYX672" s="613"/>
      <c r="TYY672" s="613"/>
      <c r="TYZ672" s="613"/>
      <c r="TZA672" s="613"/>
      <c r="TZB672" s="613"/>
      <c r="TZC672" s="613"/>
      <c r="TZD672" s="613"/>
      <c r="TZE672" s="613"/>
      <c r="TZF672" s="613"/>
      <c r="TZG672" s="613"/>
      <c r="TZH672" s="613"/>
      <c r="TZI672" s="613"/>
      <c r="TZJ672" s="613"/>
      <c r="TZK672" s="613"/>
      <c r="TZL672" s="613"/>
      <c r="TZM672" s="613"/>
      <c r="TZN672" s="613"/>
      <c r="TZO672" s="613"/>
      <c r="TZP672" s="613"/>
      <c r="TZQ672" s="613"/>
      <c r="TZR672" s="613"/>
      <c r="TZS672" s="613"/>
      <c r="TZT672" s="613"/>
      <c r="TZU672" s="613"/>
      <c r="TZV672" s="613"/>
      <c r="TZW672" s="613"/>
      <c r="TZX672" s="613"/>
      <c r="TZY672" s="613"/>
      <c r="TZZ672" s="613"/>
      <c r="UAA672" s="613"/>
      <c r="UAB672" s="613"/>
      <c r="UAC672" s="613"/>
      <c r="UAD672" s="613"/>
      <c r="UAE672" s="613"/>
      <c r="UAF672" s="613"/>
      <c r="UAG672" s="613"/>
      <c r="UAH672" s="613"/>
      <c r="UAI672" s="613"/>
      <c r="UAJ672" s="613"/>
      <c r="UAK672" s="613"/>
      <c r="UAL672" s="613"/>
      <c r="UAM672" s="613"/>
      <c r="UAN672" s="613"/>
      <c r="UAO672" s="613"/>
      <c r="UAP672" s="613"/>
      <c r="UAQ672" s="613"/>
      <c r="UAR672" s="613"/>
      <c r="UAS672" s="613"/>
      <c r="UAT672" s="613"/>
      <c r="UAU672" s="613"/>
      <c r="UAV672" s="613"/>
      <c r="UAW672" s="613"/>
      <c r="UAX672" s="613"/>
      <c r="UAY672" s="613"/>
      <c r="UAZ672" s="613"/>
      <c r="UBA672" s="613"/>
      <c r="UBB672" s="613"/>
      <c r="UBC672" s="613"/>
      <c r="UBD672" s="613"/>
      <c r="UBE672" s="613"/>
      <c r="UBF672" s="613"/>
      <c r="UBG672" s="613"/>
      <c r="UBH672" s="613"/>
      <c r="UBI672" s="613"/>
      <c r="UBJ672" s="613"/>
      <c r="UBK672" s="613"/>
      <c r="UBL672" s="613"/>
      <c r="UBM672" s="613"/>
      <c r="UBN672" s="613"/>
      <c r="UBO672" s="613"/>
      <c r="UBP672" s="613"/>
      <c r="UBQ672" s="613"/>
      <c r="UBR672" s="613"/>
      <c r="UBS672" s="613"/>
      <c r="UBT672" s="613"/>
      <c r="UBU672" s="613"/>
      <c r="UBV672" s="613"/>
      <c r="UBW672" s="613"/>
      <c r="UBX672" s="613"/>
      <c r="UBY672" s="613"/>
      <c r="UBZ672" s="613"/>
      <c r="UCA672" s="613"/>
      <c r="UCB672" s="613"/>
      <c r="UCC672" s="613"/>
      <c r="UCD672" s="613"/>
      <c r="UCE672" s="613"/>
      <c r="UCF672" s="613"/>
      <c r="UCG672" s="613"/>
      <c r="UCH672" s="613"/>
      <c r="UCI672" s="613"/>
      <c r="UCJ672" s="613"/>
      <c r="UCK672" s="613"/>
      <c r="UCL672" s="613"/>
      <c r="UCM672" s="613"/>
      <c r="UCN672" s="613"/>
      <c r="UCO672" s="613"/>
      <c r="UCP672" s="613"/>
      <c r="UCQ672" s="613"/>
      <c r="UCR672" s="613"/>
      <c r="UCS672" s="613"/>
      <c r="UCT672" s="613"/>
      <c r="UCU672" s="613"/>
      <c r="UCV672" s="613"/>
      <c r="UCW672" s="613"/>
      <c r="UCX672" s="613"/>
      <c r="UCY672" s="613"/>
      <c r="UCZ672" s="613"/>
      <c r="UDA672" s="613"/>
      <c r="UDB672" s="613"/>
      <c r="UDC672" s="613"/>
      <c r="UDD672" s="613"/>
      <c r="UDE672" s="613"/>
      <c r="UDF672" s="613"/>
      <c r="UDG672" s="613"/>
      <c r="UDH672" s="613"/>
      <c r="UDI672" s="613"/>
      <c r="UDJ672" s="613"/>
      <c r="UDK672" s="613"/>
      <c r="UDL672" s="613"/>
      <c r="UDM672" s="613"/>
      <c r="UDN672" s="613"/>
      <c r="UDO672" s="613"/>
      <c r="UDP672" s="613"/>
      <c r="UDQ672" s="613"/>
      <c r="UDR672" s="613"/>
      <c r="UDS672" s="613"/>
      <c r="UDT672" s="613"/>
      <c r="UDU672" s="613"/>
      <c r="UDV672" s="613"/>
      <c r="UDW672" s="613"/>
      <c r="UDX672" s="613"/>
      <c r="UDY672" s="613"/>
      <c r="UDZ672" s="613"/>
      <c r="UEA672" s="613"/>
      <c r="UEB672" s="613"/>
      <c r="UEC672" s="613"/>
      <c r="UED672" s="613"/>
      <c r="UEE672" s="613"/>
      <c r="UEF672" s="613"/>
      <c r="UEG672" s="613"/>
      <c r="UEH672" s="613"/>
      <c r="UEI672" s="613"/>
      <c r="UEJ672" s="613"/>
      <c r="UEK672" s="613"/>
      <c r="UEL672" s="613"/>
      <c r="UEM672" s="613"/>
      <c r="UEN672" s="613"/>
      <c r="UEO672" s="613"/>
      <c r="UEP672" s="613"/>
      <c r="UEQ672" s="613"/>
      <c r="UER672" s="613"/>
      <c r="UES672" s="613"/>
      <c r="UET672" s="613"/>
      <c r="UEU672" s="613"/>
      <c r="UEV672" s="613"/>
      <c r="UEW672" s="613"/>
      <c r="UEX672" s="613"/>
      <c r="UEY672" s="613"/>
      <c r="UEZ672" s="613"/>
      <c r="UFA672" s="613"/>
      <c r="UFB672" s="613"/>
      <c r="UFC672" s="613"/>
      <c r="UFD672" s="613"/>
      <c r="UFE672" s="613"/>
      <c r="UFF672" s="613"/>
      <c r="UFG672" s="613"/>
      <c r="UFH672" s="613"/>
      <c r="UFI672" s="613"/>
      <c r="UFJ672" s="613"/>
      <c r="UFK672" s="613"/>
      <c r="UFL672" s="613"/>
      <c r="UFM672" s="613"/>
      <c r="UFN672" s="613"/>
      <c r="UFO672" s="613"/>
      <c r="UFP672" s="613"/>
      <c r="UFQ672" s="613"/>
      <c r="UFR672" s="613"/>
      <c r="UFS672" s="613"/>
      <c r="UFT672" s="613"/>
      <c r="UFU672" s="613"/>
      <c r="UFV672" s="613"/>
      <c r="UFW672" s="613"/>
      <c r="UFX672" s="613"/>
      <c r="UFY672" s="613"/>
      <c r="UFZ672" s="613"/>
      <c r="UGA672" s="613"/>
      <c r="UGB672" s="613"/>
      <c r="UGC672" s="613"/>
      <c r="UGD672" s="613"/>
      <c r="UGE672" s="613"/>
      <c r="UGF672" s="613"/>
      <c r="UGG672" s="613"/>
      <c r="UGH672" s="613"/>
      <c r="UGI672" s="613"/>
      <c r="UGJ672" s="613"/>
      <c r="UGK672" s="613"/>
      <c r="UGL672" s="613"/>
      <c r="UGM672" s="613"/>
      <c r="UGN672" s="613"/>
      <c r="UGO672" s="613"/>
      <c r="UGP672" s="613"/>
      <c r="UGQ672" s="613"/>
      <c r="UGR672" s="613"/>
      <c r="UGS672" s="613"/>
      <c r="UGT672" s="613"/>
      <c r="UGU672" s="613"/>
      <c r="UGV672" s="613"/>
      <c r="UGW672" s="613"/>
      <c r="UGX672" s="613"/>
      <c r="UGY672" s="613"/>
      <c r="UGZ672" s="613"/>
      <c r="UHA672" s="613"/>
      <c r="UHB672" s="613"/>
      <c r="UHC672" s="613"/>
      <c r="UHD672" s="613"/>
      <c r="UHE672" s="613"/>
      <c r="UHF672" s="613"/>
      <c r="UHG672" s="613"/>
      <c r="UHH672" s="613"/>
      <c r="UHI672" s="613"/>
      <c r="UHJ672" s="613"/>
      <c r="UHK672" s="613"/>
      <c r="UHL672" s="613"/>
      <c r="UHM672" s="613"/>
      <c r="UHN672" s="613"/>
      <c r="UHO672" s="613"/>
      <c r="UHP672" s="613"/>
      <c r="UHQ672" s="613"/>
      <c r="UHR672" s="613"/>
      <c r="UHS672" s="613"/>
      <c r="UHT672" s="613"/>
      <c r="UHU672" s="613"/>
      <c r="UHV672" s="613"/>
      <c r="UHW672" s="613"/>
      <c r="UHX672" s="613"/>
      <c r="UHY672" s="613"/>
      <c r="UHZ672" s="613"/>
      <c r="UIA672" s="613"/>
      <c r="UIB672" s="613"/>
      <c r="UIC672" s="613"/>
      <c r="UID672" s="613"/>
      <c r="UIE672" s="613"/>
      <c r="UIF672" s="613"/>
      <c r="UIG672" s="613"/>
      <c r="UIH672" s="613"/>
      <c r="UII672" s="613"/>
      <c r="UIJ672" s="613"/>
      <c r="UIK672" s="613"/>
      <c r="UIL672" s="613"/>
      <c r="UIM672" s="613"/>
      <c r="UIN672" s="613"/>
      <c r="UIO672" s="613"/>
      <c r="UIP672" s="613"/>
      <c r="UIQ672" s="613"/>
      <c r="UIR672" s="613"/>
      <c r="UIS672" s="613"/>
      <c r="UIT672" s="613"/>
      <c r="UIU672" s="613"/>
      <c r="UIV672" s="613"/>
      <c r="UIW672" s="613"/>
      <c r="UIX672" s="613"/>
      <c r="UIY672" s="613"/>
      <c r="UIZ672" s="613"/>
      <c r="UJA672" s="613"/>
      <c r="UJB672" s="613"/>
      <c r="UJC672" s="613"/>
      <c r="UJD672" s="613"/>
      <c r="UJE672" s="613"/>
      <c r="UJF672" s="613"/>
      <c r="UJG672" s="613"/>
      <c r="UJH672" s="613"/>
      <c r="UJI672" s="613"/>
      <c r="UJJ672" s="613"/>
      <c r="UJK672" s="613"/>
      <c r="UJL672" s="613"/>
      <c r="UJM672" s="613"/>
      <c r="UJN672" s="613"/>
      <c r="UJO672" s="613"/>
      <c r="UJP672" s="613"/>
      <c r="UJQ672" s="613"/>
      <c r="UJR672" s="613"/>
      <c r="UJS672" s="613"/>
      <c r="UJT672" s="613"/>
      <c r="UJU672" s="613"/>
      <c r="UJV672" s="613"/>
      <c r="UJW672" s="613"/>
      <c r="UJX672" s="613"/>
      <c r="UJY672" s="613"/>
      <c r="UJZ672" s="613"/>
      <c r="UKA672" s="613"/>
      <c r="UKB672" s="613"/>
      <c r="UKC672" s="613"/>
      <c r="UKD672" s="613"/>
      <c r="UKE672" s="613"/>
      <c r="UKF672" s="613"/>
      <c r="UKG672" s="613"/>
      <c r="UKH672" s="613"/>
      <c r="UKI672" s="613"/>
      <c r="UKJ672" s="613"/>
      <c r="UKK672" s="613"/>
      <c r="UKL672" s="613"/>
      <c r="UKM672" s="613"/>
      <c r="UKN672" s="613"/>
      <c r="UKO672" s="613"/>
      <c r="UKP672" s="613"/>
      <c r="UKQ672" s="613"/>
      <c r="UKR672" s="613"/>
      <c r="UKS672" s="613"/>
      <c r="UKT672" s="613"/>
      <c r="UKU672" s="613"/>
      <c r="UKV672" s="613"/>
      <c r="UKW672" s="613"/>
      <c r="UKX672" s="613"/>
      <c r="UKY672" s="613"/>
      <c r="UKZ672" s="613"/>
      <c r="ULA672" s="613"/>
      <c r="ULB672" s="613"/>
      <c r="ULC672" s="613"/>
      <c r="ULD672" s="613"/>
      <c r="ULE672" s="613"/>
      <c r="ULF672" s="613"/>
      <c r="ULG672" s="613"/>
      <c r="ULH672" s="613"/>
      <c r="ULI672" s="613"/>
      <c r="ULJ672" s="613"/>
      <c r="ULK672" s="613"/>
      <c r="ULL672" s="613"/>
      <c r="ULM672" s="613"/>
      <c r="ULN672" s="613"/>
      <c r="ULO672" s="613"/>
      <c r="ULP672" s="613"/>
      <c r="ULQ672" s="613"/>
      <c r="ULR672" s="613"/>
      <c r="ULS672" s="613"/>
      <c r="ULT672" s="613"/>
      <c r="ULU672" s="613"/>
      <c r="ULV672" s="613"/>
      <c r="ULW672" s="613"/>
      <c r="ULX672" s="613"/>
      <c r="ULY672" s="613"/>
      <c r="ULZ672" s="613"/>
      <c r="UMA672" s="613"/>
      <c r="UMB672" s="613"/>
      <c r="UMC672" s="613"/>
      <c r="UMD672" s="613"/>
      <c r="UME672" s="613"/>
      <c r="UMF672" s="613"/>
      <c r="UMG672" s="613"/>
      <c r="UMH672" s="613"/>
      <c r="UMI672" s="613"/>
      <c r="UMJ672" s="613"/>
      <c r="UMK672" s="613"/>
      <c r="UML672" s="613"/>
      <c r="UMM672" s="613"/>
      <c r="UMN672" s="613"/>
      <c r="UMO672" s="613"/>
      <c r="UMP672" s="613"/>
      <c r="UMQ672" s="613"/>
      <c r="UMR672" s="613"/>
      <c r="UMS672" s="613"/>
      <c r="UMT672" s="613"/>
      <c r="UMU672" s="613"/>
      <c r="UMV672" s="613"/>
      <c r="UMW672" s="613"/>
      <c r="UMX672" s="613"/>
      <c r="UMY672" s="613"/>
      <c r="UMZ672" s="613"/>
      <c r="UNA672" s="613"/>
      <c r="UNB672" s="613"/>
      <c r="UNC672" s="613"/>
      <c r="UND672" s="613"/>
      <c r="UNE672" s="613"/>
      <c r="UNF672" s="613"/>
      <c r="UNG672" s="613"/>
      <c r="UNH672" s="613"/>
      <c r="UNI672" s="613"/>
      <c r="UNJ672" s="613"/>
      <c r="UNK672" s="613"/>
      <c r="UNL672" s="613"/>
      <c r="UNM672" s="613"/>
      <c r="UNN672" s="613"/>
      <c r="UNO672" s="613"/>
      <c r="UNP672" s="613"/>
      <c r="UNQ672" s="613"/>
      <c r="UNR672" s="613"/>
      <c r="UNS672" s="613"/>
      <c r="UNT672" s="613"/>
      <c r="UNU672" s="613"/>
      <c r="UNV672" s="613"/>
      <c r="UNW672" s="613"/>
      <c r="UNX672" s="613"/>
      <c r="UNY672" s="613"/>
      <c r="UNZ672" s="613"/>
      <c r="UOA672" s="613"/>
      <c r="UOB672" s="613"/>
      <c r="UOC672" s="613"/>
      <c r="UOD672" s="613"/>
      <c r="UOE672" s="613"/>
      <c r="UOF672" s="613"/>
      <c r="UOG672" s="613"/>
      <c r="UOH672" s="613"/>
      <c r="UOI672" s="613"/>
      <c r="UOJ672" s="613"/>
      <c r="UOK672" s="613"/>
      <c r="UOL672" s="613"/>
      <c r="UOM672" s="613"/>
      <c r="UON672" s="613"/>
      <c r="UOO672" s="613"/>
      <c r="UOP672" s="613"/>
      <c r="UOQ672" s="613"/>
      <c r="UOR672" s="613"/>
      <c r="UOS672" s="613"/>
      <c r="UOT672" s="613"/>
      <c r="UOU672" s="613"/>
      <c r="UOV672" s="613"/>
      <c r="UOW672" s="613"/>
      <c r="UOX672" s="613"/>
      <c r="UOY672" s="613"/>
      <c r="UOZ672" s="613"/>
      <c r="UPA672" s="613"/>
      <c r="UPB672" s="613"/>
      <c r="UPC672" s="613"/>
      <c r="UPD672" s="613"/>
      <c r="UPE672" s="613"/>
      <c r="UPF672" s="613"/>
      <c r="UPG672" s="613"/>
      <c r="UPH672" s="613"/>
      <c r="UPI672" s="613"/>
      <c r="UPJ672" s="613"/>
      <c r="UPK672" s="613"/>
      <c r="UPL672" s="613"/>
      <c r="UPM672" s="613"/>
      <c r="UPN672" s="613"/>
      <c r="UPO672" s="613"/>
      <c r="UPP672" s="613"/>
      <c r="UPQ672" s="613"/>
      <c r="UPR672" s="613"/>
      <c r="UPS672" s="613"/>
      <c r="UPT672" s="613"/>
      <c r="UPU672" s="613"/>
      <c r="UPV672" s="613"/>
      <c r="UPW672" s="613"/>
      <c r="UPX672" s="613"/>
      <c r="UPY672" s="613"/>
      <c r="UPZ672" s="613"/>
      <c r="UQA672" s="613"/>
      <c r="UQB672" s="613"/>
      <c r="UQC672" s="613"/>
      <c r="UQD672" s="613"/>
      <c r="UQE672" s="613"/>
      <c r="UQF672" s="613"/>
      <c r="UQG672" s="613"/>
      <c r="UQH672" s="613"/>
      <c r="UQI672" s="613"/>
      <c r="UQJ672" s="613"/>
      <c r="UQK672" s="613"/>
      <c r="UQL672" s="613"/>
      <c r="UQM672" s="613"/>
      <c r="UQN672" s="613"/>
      <c r="UQO672" s="613"/>
      <c r="UQP672" s="613"/>
      <c r="UQQ672" s="613"/>
      <c r="UQR672" s="613"/>
      <c r="UQS672" s="613"/>
      <c r="UQT672" s="613"/>
      <c r="UQU672" s="613"/>
      <c r="UQV672" s="613"/>
      <c r="UQW672" s="613"/>
      <c r="UQX672" s="613"/>
      <c r="UQY672" s="613"/>
      <c r="UQZ672" s="613"/>
      <c r="URA672" s="613"/>
      <c r="URB672" s="613"/>
      <c r="URC672" s="613"/>
      <c r="URD672" s="613"/>
      <c r="URE672" s="613"/>
      <c r="URF672" s="613"/>
      <c r="URG672" s="613"/>
      <c r="URH672" s="613"/>
      <c r="URI672" s="613"/>
      <c r="URJ672" s="613"/>
      <c r="URK672" s="613"/>
      <c r="URL672" s="613"/>
      <c r="URM672" s="613"/>
      <c r="URN672" s="613"/>
      <c r="URO672" s="613"/>
      <c r="URP672" s="613"/>
      <c r="URQ672" s="613"/>
      <c r="URR672" s="613"/>
      <c r="URS672" s="613"/>
      <c r="URT672" s="613"/>
      <c r="URU672" s="613"/>
      <c r="URV672" s="613"/>
      <c r="URW672" s="613"/>
      <c r="URX672" s="613"/>
      <c r="URY672" s="613"/>
      <c r="URZ672" s="613"/>
      <c r="USA672" s="613"/>
      <c r="USB672" s="613"/>
      <c r="USC672" s="613"/>
      <c r="USD672" s="613"/>
      <c r="USE672" s="613"/>
      <c r="USF672" s="613"/>
      <c r="USG672" s="613"/>
      <c r="USH672" s="613"/>
      <c r="USI672" s="613"/>
      <c r="USJ672" s="613"/>
      <c r="USK672" s="613"/>
      <c r="USL672" s="613"/>
      <c r="USM672" s="613"/>
      <c r="USN672" s="613"/>
      <c r="USO672" s="613"/>
      <c r="USP672" s="613"/>
      <c r="USQ672" s="613"/>
      <c r="USR672" s="613"/>
      <c r="USS672" s="613"/>
      <c r="UST672" s="613"/>
      <c r="USU672" s="613"/>
      <c r="USV672" s="613"/>
      <c r="USW672" s="613"/>
      <c r="USX672" s="613"/>
      <c r="USY672" s="613"/>
      <c r="USZ672" s="613"/>
      <c r="UTA672" s="613"/>
      <c r="UTB672" s="613"/>
      <c r="UTC672" s="613"/>
      <c r="UTD672" s="613"/>
      <c r="UTE672" s="613"/>
      <c r="UTF672" s="613"/>
      <c r="UTG672" s="613"/>
      <c r="UTH672" s="613"/>
      <c r="UTI672" s="613"/>
      <c r="UTJ672" s="613"/>
      <c r="UTK672" s="613"/>
      <c r="UTL672" s="613"/>
      <c r="UTM672" s="613"/>
      <c r="UTN672" s="613"/>
      <c r="UTO672" s="613"/>
      <c r="UTP672" s="613"/>
      <c r="UTQ672" s="613"/>
      <c r="UTR672" s="613"/>
      <c r="UTS672" s="613"/>
      <c r="UTT672" s="613"/>
      <c r="UTU672" s="613"/>
      <c r="UTV672" s="613"/>
      <c r="UTW672" s="613"/>
      <c r="UTX672" s="613"/>
      <c r="UTY672" s="613"/>
      <c r="UTZ672" s="613"/>
      <c r="UUA672" s="613"/>
      <c r="UUB672" s="613"/>
      <c r="UUC672" s="613"/>
      <c r="UUD672" s="613"/>
      <c r="UUE672" s="613"/>
      <c r="UUF672" s="613"/>
      <c r="UUG672" s="613"/>
      <c r="UUH672" s="613"/>
      <c r="UUI672" s="613"/>
      <c r="UUJ672" s="613"/>
      <c r="UUK672" s="613"/>
      <c r="UUL672" s="613"/>
      <c r="UUM672" s="613"/>
      <c r="UUN672" s="613"/>
      <c r="UUO672" s="613"/>
      <c r="UUP672" s="613"/>
      <c r="UUQ672" s="613"/>
      <c r="UUR672" s="613"/>
      <c r="UUS672" s="613"/>
      <c r="UUT672" s="613"/>
      <c r="UUU672" s="613"/>
      <c r="UUV672" s="613"/>
      <c r="UUW672" s="613"/>
      <c r="UUX672" s="613"/>
      <c r="UUY672" s="613"/>
      <c r="UUZ672" s="613"/>
      <c r="UVA672" s="613"/>
      <c r="UVB672" s="613"/>
      <c r="UVC672" s="613"/>
      <c r="UVD672" s="613"/>
      <c r="UVE672" s="613"/>
      <c r="UVF672" s="613"/>
      <c r="UVG672" s="613"/>
      <c r="UVH672" s="613"/>
      <c r="UVI672" s="613"/>
      <c r="UVJ672" s="613"/>
      <c r="UVK672" s="613"/>
      <c r="UVL672" s="613"/>
      <c r="UVM672" s="613"/>
      <c r="UVN672" s="613"/>
      <c r="UVO672" s="613"/>
      <c r="UVP672" s="613"/>
      <c r="UVQ672" s="613"/>
      <c r="UVR672" s="613"/>
      <c r="UVS672" s="613"/>
      <c r="UVT672" s="613"/>
      <c r="UVU672" s="613"/>
      <c r="UVV672" s="613"/>
      <c r="UVW672" s="613"/>
      <c r="UVX672" s="613"/>
      <c r="UVY672" s="613"/>
      <c r="UVZ672" s="613"/>
      <c r="UWA672" s="613"/>
      <c r="UWB672" s="613"/>
      <c r="UWC672" s="613"/>
      <c r="UWD672" s="613"/>
      <c r="UWE672" s="613"/>
      <c r="UWF672" s="613"/>
      <c r="UWG672" s="613"/>
      <c r="UWH672" s="613"/>
      <c r="UWI672" s="613"/>
      <c r="UWJ672" s="613"/>
      <c r="UWK672" s="613"/>
      <c r="UWL672" s="613"/>
      <c r="UWM672" s="613"/>
      <c r="UWN672" s="613"/>
      <c r="UWO672" s="613"/>
      <c r="UWP672" s="613"/>
      <c r="UWQ672" s="613"/>
      <c r="UWR672" s="613"/>
      <c r="UWS672" s="613"/>
      <c r="UWT672" s="613"/>
      <c r="UWU672" s="613"/>
      <c r="UWV672" s="613"/>
      <c r="UWW672" s="613"/>
      <c r="UWX672" s="613"/>
      <c r="UWY672" s="613"/>
      <c r="UWZ672" s="613"/>
      <c r="UXA672" s="613"/>
      <c r="UXB672" s="613"/>
      <c r="UXC672" s="613"/>
      <c r="UXD672" s="613"/>
      <c r="UXE672" s="613"/>
      <c r="UXF672" s="613"/>
      <c r="UXG672" s="613"/>
      <c r="UXH672" s="613"/>
      <c r="UXI672" s="613"/>
      <c r="UXJ672" s="613"/>
      <c r="UXK672" s="613"/>
      <c r="UXL672" s="613"/>
      <c r="UXM672" s="613"/>
      <c r="UXN672" s="613"/>
      <c r="UXO672" s="613"/>
      <c r="UXP672" s="613"/>
      <c r="UXQ672" s="613"/>
      <c r="UXR672" s="613"/>
      <c r="UXS672" s="613"/>
      <c r="UXT672" s="613"/>
      <c r="UXU672" s="613"/>
      <c r="UXV672" s="613"/>
      <c r="UXW672" s="613"/>
      <c r="UXX672" s="613"/>
      <c r="UXY672" s="613"/>
      <c r="UXZ672" s="613"/>
      <c r="UYA672" s="613"/>
      <c r="UYB672" s="613"/>
      <c r="UYC672" s="613"/>
      <c r="UYD672" s="613"/>
      <c r="UYE672" s="613"/>
      <c r="UYF672" s="613"/>
      <c r="UYG672" s="613"/>
      <c r="UYH672" s="613"/>
      <c r="UYI672" s="613"/>
      <c r="UYJ672" s="613"/>
      <c r="UYK672" s="613"/>
      <c r="UYL672" s="613"/>
      <c r="UYM672" s="613"/>
      <c r="UYN672" s="613"/>
      <c r="UYO672" s="613"/>
      <c r="UYP672" s="613"/>
      <c r="UYQ672" s="613"/>
      <c r="UYR672" s="613"/>
      <c r="UYS672" s="613"/>
      <c r="UYT672" s="613"/>
      <c r="UYU672" s="613"/>
      <c r="UYV672" s="613"/>
      <c r="UYW672" s="613"/>
      <c r="UYX672" s="613"/>
      <c r="UYY672" s="613"/>
      <c r="UYZ672" s="613"/>
      <c r="UZA672" s="613"/>
      <c r="UZB672" s="613"/>
      <c r="UZC672" s="613"/>
      <c r="UZD672" s="613"/>
      <c r="UZE672" s="613"/>
      <c r="UZF672" s="613"/>
      <c r="UZG672" s="613"/>
      <c r="UZH672" s="613"/>
      <c r="UZI672" s="613"/>
      <c r="UZJ672" s="613"/>
      <c r="UZK672" s="613"/>
      <c r="UZL672" s="613"/>
      <c r="UZM672" s="613"/>
      <c r="UZN672" s="613"/>
      <c r="UZO672" s="613"/>
      <c r="UZP672" s="613"/>
      <c r="UZQ672" s="613"/>
      <c r="UZR672" s="613"/>
      <c r="UZS672" s="613"/>
      <c r="UZT672" s="613"/>
      <c r="UZU672" s="613"/>
      <c r="UZV672" s="613"/>
      <c r="UZW672" s="613"/>
      <c r="UZX672" s="613"/>
      <c r="UZY672" s="613"/>
      <c r="UZZ672" s="613"/>
      <c r="VAA672" s="613"/>
      <c r="VAB672" s="613"/>
      <c r="VAC672" s="613"/>
      <c r="VAD672" s="613"/>
      <c r="VAE672" s="613"/>
      <c r="VAF672" s="613"/>
      <c r="VAG672" s="613"/>
      <c r="VAH672" s="613"/>
      <c r="VAI672" s="613"/>
      <c r="VAJ672" s="613"/>
      <c r="VAK672" s="613"/>
      <c r="VAL672" s="613"/>
      <c r="VAM672" s="613"/>
      <c r="VAN672" s="613"/>
      <c r="VAO672" s="613"/>
      <c r="VAP672" s="613"/>
      <c r="VAQ672" s="613"/>
      <c r="VAR672" s="613"/>
      <c r="VAS672" s="613"/>
      <c r="VAT672" s="613"/>
      <c r="VAU672" s="613"/>
      <c r="VAV672" s="613"/>
      <c r="VAW672" s="613"/>
      <c r="VAX672" s="613"/>
      <c r="VAY672" s="613"/>
      <c r="VAZ672" s="613"/>
      <c r="VBA672" s="613"/>
      <c r="VBB672" s="613"/>
      <c r="VBC672" s="613"/>
      <c r="VBD672" s="613"/>
      <c r="VBE672" s="613"/>
      <c r="VBF672" s="613"/>
      <c r="VBG672" s="613"/>
      <c r="VBH672" s="613"/>
      <c r="VBI672" s="613"/>
      <c r="VBJ672" s="613"/>
      <c r="VBK672" s="613"/>
      <c r="VBL672" s="613"/>
      <c r="VBM672" s="613"/>
      <c r="VBN672" s="613"/>
      <c r="VBO672" s="613"/>
      <c r="VBP672" s="613"/>
      <c r="VBQ672" s="613"/>
      <c r="VBR672" s="613"/>
      <c r="VBS672" s="613"/>
      <c r="VBT672" s="613"/>
      <c r="VBU672" s="613"/>
      <c r="VBV672" s="613"/>
      <c r="VBW672" s="613"/>
      <c r="VBX672" s="613"/>
      <c r="VBY672" s="613"/>
      <c r="VBZ672" s="613"/>
      <c r="VCA672" s="613"/>
      <c r="VCB672" s="613"/>
      <c r="VCC672" s="613"/>
      <c r="VCD672" s="613"/>
      <c r="VCE672" s="613"/>
      <c r="VCF672" s="613"/>
      <c r="VCG672" s="613"/>
      <c r="VCH672" s="613"/>
      <c r="VCI672" s="613"/>
      <c r="VCJ672" s="613"/>
      <c r="VCK672" s="613"/>
      <c r="VCL672" s="613"/>
      <c r="VCM672" s="613"/>
      <c r="VCN672" s="613"/>
      <c r="VCO672" s="613"/>
      <c r="VCP672" s="613"/>
      <c r="VCQ672" s="613"/>
      <c r="VCR672" s="613"/>
      <c r="VCS672" s="613"/>
      <c r="VCT672" s="613"/>
      <c r="VCU672" s="613"/>
      <c r="VCV672" s="613"/>
      <c r="VCW672" s="613"/>
      <c r="VCX672" s="613"/>
      <c r="VCY672" s="613"/>
      <c r="VCZ672" s="613"/>
      <c r="VDA672" s="613"/>
      <c r="VDB672" s="613"/>
      <c r="VDC672" s="613"/>
      <c r="VDD672" s="613"/>
      <c r="VDE672" s="613"/>
      <c r="VDF672" s="613"/>
      <c r="VDG672" s="613"/>
      <c r="VDH672" s="613"/>
      <c r="VDI672" s="613"/>
      <c r="VDJ672" s="613"/>
      <c r="VDK672" s="613"/>
      <c r="VDL672" s="613"/>
      <c r="VDM672" s="613"/>
      <c r="VDN672" s="613"/>
      <c r="VDO672" s="613"/>
      <c r="VDP672" s="613"/>
      <c r="VDQ672" s="613"/>
      <c r="VDR672" s="613"/>
      <c r="VDS672" s="613"/>
      <c r="VDT672" s="613"/>
      <c r="VDU672" s="613"/>
      <c r="VDV672" s="613"/>
      <c r="VDW672" s="613"/>
      <c r="VDX672" s="613"/>
      <c r="VDY672" s="613"/>
      <c r="VDZ672" s="613"/>
      <c r="VEA672" s="613"/>
      <c r="VEB672" s="613"/>
      <c r="VEC672" s="613"/>
      <c r="VED672" s="613"/>
      <c r="VEE672" s="613"/>
      <c r="VEF672" s="613"/>
      <c r="VEG672" s="613"/>
      <c r="VEH672" s="613"/>
      <c r="VEI672" s="613"/>
      <c r="VEJ672" s="613"/>
      <c r="VEK672" s="613"/>
      <c r="VEL672" s="613"/>
      <c r="VEM672" s="613"/>
      <c r="VEN672" s="613"/>
      <c r="VEO672" s="613"/>
      <c r="VEP672" s="613"/>
      <c r="VEQ672" s="613"/>
      <c r="VER672" s="613"/>
      <c r="VES672" s="613"/>
      <c r="VET672" s="613"/>
      <c r="VEU672" s="613"/>
      <c r="VEV672" s="613"/>
      <c r="VEW672" s="613"/>
      <c r="VEX672" s="613"/>
      <c r="VEY672" s="613"/>
      <c r="VEZ672" s="613"/>
      <c r="VFA672" s="613"/>
      <c r="VFB672" s="613"/>
      <c r="VFC672" s="613"/>
      <c r="VFD672" s="613"/>
      <c r="VFE672" s="613"/>
      <c r="VFF672" s="613"/>
      <c r="VFG672" s="613"/>
      <c r="VFH672" s="613"/>
      <c r="VFI672" s="613"/>
      <c r="VFJ672" s="613"/>
      <c r="VFK672" s="613"/>
      <c r="VFL672" s="613"/>
      <c r="VFM672" s="613"/>
      <c r="VFN672" s="613"/>
      <c r="VFO672" s="613"/>
      <c r="VFP672" s="613"/>
      <c r="VFQ672" s="613"/>
      <c r="VFR672" s="613"/>
      <c r="VFS672" s="613"/>
      <c r="VFT672" s="613"/>
      <c r="VFU672" s="613"/>
      <c r="VFV672" s="613"/>
      <c r="VFW672" s="613"/>
      <c r="VFX672" s="613"/>
      <c r="VFY672" s="613"/>
      <c r="VFZ672" s="613"/>
      <c r="VGA672" s="613"/>
      <c r="VGB672" s="613"/>
      <c r="VGC672" s="613"/>
      <c r="VGD672" s="613"/>
      <c r="VGE672" s="613"/>
      <c r="VGF672" s="613"/>
      <c r="VGG672" s="613"/>
      <c r="VGH672" s="613"/>
      <c r="VGI672" s="613"/>
      <c r="VGJ672" s="613"/>
      <c r="VGK672" s="613"/>
      <c r="VGL672" s="613"/>
      <c r="VGM672" s="613"/>
      <c r="VGN672" s="613"/>
      <c r="VGO672" s="613"/>
      <c r="VGP672" s="613"/>
      <c r="VGQ672" s="613"/>
      <c r="VGR672" s="613"/>
      <c r="VGS672" s="613"/>
      <c r="VGT672" s="613"/>
      <c r="VGU672" s="613"/>
      <c r="VGV672" s="613"/>
      <c r="VGW672" s="613"/>
      <c r="VGX672" s="613"/>
      <c r="VGY672" s="613"/>
      <c r="VGZ672" s="613"/>
      <c r="VHA672" s="613"/>
      <c r="VHB672" s="613"/>
      <c r="VHC672" s="613"/>
      <c r="VHD672" s="613"/>
      <c r="VHE672" s="613"/>
      <c r="VHF672" s="613"/>
      <c r="VHG672" s="613"/>
      <c r="VHH672" s="613"/>
      <c r="VHI672" s="613"/>
      <c r="VHJ672" s="613"/>
      <c r="VHK672" s="613"/>
      <c r="VHL672" s="613"/>
      <c r="VHM672" s="613"/>
      <c r="VHN672" s="613"/>
      <c r="VHO672" s="613"/>
      <c r="VHP672" s="613"/>
      <c r="VHQ672" s="613"/>
      <c r="VHR672" s="613"/>
      <c r="VHS672" s="613"/>
      <c r="VHT672" s="613"/>
      <c r="VHU672" s="613"/>
      <c r="VHV672" s="613"/>
      <c r="VHW672" s="613"/>
      <c r="VHX672" s="613"/>
      <c r="VHY672" s="613"/>
      <c r="VHZ672" s="613"/>
      <c r="VIA672" s="613"/>
      <c r="VIB672" s="613"/>
      <c r="VIC672" s="613"/>
      <c r="VID672" s="613"/>
      <c r="VIE672" s="613"/>
      <c r="VIF672" s="613"/>
      <c r="VIG672" s="613"/>
      <c r="VIH672" s="613"/>
      <c r="VII672" s="613"/>
      <c r="VIJ672" s="613"/>
      <c r="VIK672" s="613"/>
      <c r="VIL672" s="613"/>
      <c r="VIM672" s="613"/>
      <c r="VIN672" s="613"/>
      <c r="VIO672" s="613"/>
      <c r="VIP672" s="613"/>
      <c r="VIQ672" s="613"/>
      <c r="VIR672" s="613"/>
      <c r="VIS672" s="613"/>
      <c r="VIT672" s="613"/>
      <c r="VIU672" s="613"/>
      <c r="VIV672" s="613"/>
      <c r="VIW672" s="613"/>
      <c r="VIX672" s="613"/>
      <c r="VIY672" s="613"/>
      <c r="VIZ672" s="613"/>
      <c r="VJA672" s="613"/>
      <c r="VJB672" s="613"/>
      <c r="VJC672" s="613"/>
      <c r="VJD672" s="613"/>
      <c r="VJE672" s="613"/>
      <c r="VJF672" s="613"/>
      <c r="VJG672" s="613"/>
      <c r="VJH672" s="613"/>
      <c r="VJI672" s="613"/>
      <c r="VJJ672" s="613"/>
      <c r="VJK672" s="613"/>
      <c r="VJL672" s="613"/>
      <c r="VJM672" s="613"/>
      <c r="VJN672" s="613"/>
      <c r="VJO672" s="613"/>
      <c r="VJP672" s="613"/>
      <c r="VJQ672" s="613"/>
      <c r="VJR672" s="613"/>
      <c r="VJS672" s="613"/>
      <c r="VJT672" s="613"/>
      <c r="VJU672" s="613"/>
      <c r="VJV672" s="613"/>
      <c r="VJW672" s="613"/>
      <c r="VJX672" s="613"/>
      <c r="VJY672" s="613"/>
      <c r="VJZ672" s="613"/>
      <c r="VKA672" s="613"/>
      <c r="VKB672" s="613"/>
      <c r="VKC672" s="613"/>
      <c r="VKD672" s="613"/>
      <c r="VKE672" s="613"/>
      <c r="VKF672" s="613"/>
      <c r="VKG672" s="613"/>
      <c r="VKH672" s="613"/>
      <c r="VKI672" s="613"/>
      <c r="VKJ672" s="613"/>
      <c r="VKK672" s="613"/>
      <c r="VKL672" s="613"/>
      <c r="VKM672" s="613"/>
      <c r="VKN672" s="613"/>
      <c r="VKO672" s="613"/>
      <c r="VKP672" s="613"/>
      <c r="VKQ672" s="613"/>
      <c r="VKR672" s="613"/>
      <c r="VKS672" s="613"/>
      <c r="VKT672" s="613"/>
      <c r="VKU672" s="613"/>
      <c r="VKV672" s="613"/>
      <c r="VKW672" s="613"/>
      <c r="VKX672" s="613"/>
      <c r="VKY672" s="613"/>
      <c r="VKZ672" s="613"/>
      <c r="VLA672" s="613"/>
      <c r="VLB672" s="613"/>
      <c r="VLC672" s="613"/>
      <c r="VLD672" s="613"/>
      <c r="VLE672" s="613"/>
      <c r="VLF672" s="613"/>
      <c r="VLG672" s="613"/>
      <c r="VLH672" s="613"/>
      <c r="VLI672" s="613"/>
      <c r="VLJ672" s="613"/>
      <c r="VLK672" s="613"/>
      <c r="VLL672" s="613"/>
      <c r="VLM672" s="613"/>
      <c r="VLN672" s="613"/>
      <c r="VLO672" s="613"/>
      <c r="VLP672" s="613"/>
      <c r="VLQ672" s="613"/>
      <c r="VLR672" s="613"/>
      <c r="VLS672" s="613"/>
      <c r="VLT672" s="613"/>
      <c r="VLU672" s="613"/>
      <c r="VLV672" s="613"/>
      <c r="VLW672" s="613"/>
      <c r="VLX672" s="613"/>
      <c r="VLY672" s="613"/>
      <c r="VLZ672" s="613"/>
      <c r="VMA672" s="613"/>
      <c r="VMB672" s="613"/>
      <c r="VMC672" s="613"/>
      <c r="VMD672" s="613"/>
      <c r="VME672" s="613"/>
      <c r="VMF672" s="613"/>
      <c r="VMG672" s="613"/>
      <c r="VMH672" s="613"/>
      <c r="VMI672" s="613"/>
      <c r="VMJ672" s="613"/>
      <c r="VMK672" s="613"/>
      <c r="VML672" s="613"/>
      <c r="VMM672" s="613"/>
      <c r="VMN672" s="613"/>
      <c r="VMO672" s="613"/>
      <c r="VMP672" s="613"/>
      <c r="VMQ672" s="613"/>
      <c r="VMR672" s="613"/>
      <c r="VMS672" s="613"/>
      <c r="VMT672" s="613"/>
      <c r="VMU672" s="613"/>
      <c r="VMV672" s="613"/>
      <c r="VMW672" s="613"/>
      <c r="VMX672" s="613"/>
      <c r="VMY672" s="613"/>
      <c r="VMZ672" s="613"/>
      <c r="VNA672" s="613"/>
      <c r="VNB672" s="613"/>
      <c r="VNC672" s="613"/>
      <c r="VND672" s="613"/>
      <c r="VNE672" s="613"/>
      <c r="VNF672" s="613"/>
      <c r="VNG672" s="613"/>
      <c r="VNH672" s="613"/>
      <c r="VNI672" s="613"/>
      <c r="VNJ672" s="613"/>
      <c r="VNK672" s="613"/>
      <c r="VNL672" s="613"/>
      <c r="VNM672" s="613"/>
      <c r="VNN672" s="613"/>
      <c r="VNO672" s="613"/>
      <c r="VNP672" s="613"/>
      <c r="VNQ672" s="613"/>
      <c r="VNR672" s="613"/>
      <c r="VNS672" s="613"/>
      <c r="VNT672" s="613"/>
      <c r="VNU672" s="613"/>
      <c r="VNV672" s="613"/>
      <c r="VNW672" s="613"/>
      <c r="VNX672" s="613"/>
      <c r="VNY672" s="613"/>
      <c r="VNZ672" s="613"/>
      <c r="VOA672" s="613"/>
      <c r="VOB672" s="613"/>
      <c r="VOC672" s="613"/>
      <c r="VOD672" s="613"/>
      <c r="VOE672" s="613"/>
      <c r="VOF672" s="613"/>
      <c r="VOG672" s="613"/>
      <c r="VOH672" s="613"/>
      <c r="VOI672" s="613"/>
      <c r="VOJ672" s="613"/>
      <c r="VOK672" s="613"/>
      <c r="VOL672" s="613"/>
      <c r="VOM672" s="613"/>
      <c r="VON672" s="613"/>
      <c r="VOO672" s="613"/>
      <c r="VOP672" s="613"/>
      <c r="VOQ672" s="613"/>
      <c r="VOR672" s="613"/>
      <c r="VOS672" s="613"/>
      <c r="VOT672" s="613"/>
      <c r="VOU672" s="613"/>
      <c r="VOV672" s="613"/>
      <c r="VOW672" s="613"/>
      <c r="VOX672" s="613"/>
      <c r="VOY672" s="613"/>
      <c r="VOZ672" s="613"/>
      <c r="VPA672" s="613"/>
      <c r="VPB672" s="613"/>
      <c r="VPC672" s="613"/>
      <c r="VPD672" s="613"/>
      <c r="VPE672" s="613"/>
      <c r="VPF672" s="613"/>
      <c r="VPG672" s="613"/>
      <c r="VPH672" s="613"/>
      <c r="VPI672" s="613"/>
      <c r="VPJ672" s="613"/>
      <c r="VPK672" s="613"/>
      <c r="VPL672" s="613"/>
      <c r="VPM672" s="613"/>
      <c r="VPN672" s="613"/>
      <c r="VPO672" s="613"/>
      <c r="VPP672" s="613"/>
      <c r="VPQ672" s="613"/>
      <c r="VPR672" s="613"/>
      <c r="VPS672" s="613"/>
      <c r="VPT672" s="613"/>
      <c r="VPU672" s="613"/>
      <c r="VPV672" s="613"/>
      <c r="VPW672" s="613"/>
      <c r="VPX672" s="613"/>
      <c r="VPY672" s="613"/>
      <c r="VPZ672" s="613"/>
      <c r="VQA672" s="613"/>
      <c r="VQB672" s="613"/>
      <c r="VQC672" s="613"/>
      <c r="VQD672" s="613"/>
      <c r="VQE672" s="613"/>
      <c r="VQF672" s="613"/>
      <c r="VQG672" s="613"/>
      <c r="VQH672" s="613"/>
      <c r="VQI672" s="613"/>
      <c r="VQJ672" s="613"/>
      <c r="VQK672" s="613"/>
      <c r="VQL672" s="613"/>
      <c r="VQM672" s="613"/>
      <c r="VQN672" s="613"/>
      <c r="VQO672" s="613"/>
      <c r="VQP672" s="613"/>
      <c r="VQQ672" s="613"/>
      <c r="VQR672" s="613"/>
      <c r="VQS672" s="613"/>
      <c r="VQT672" s="613"/>
      <c r="VQU672" s="613"/>
      <c r="VQV672" s="613"/>
      <c r="VQW672" s="613"/>
      <c r="VQX672" s="613"/>
      <c r="VQY672" s="613"/>
      <c r="VQZ672" s="613"/>
      <c r="VRA672" s="613"/>
      <c r="VRB672" s="613"/>
      <c r="VRC672" s="613"/>
      <c r="VRD672" s="613"/>
      <c r="VRE672" s="613"/>
      <c r="VRF672" s="613"/>
      <c r="VRG672" s="613"/>
      <c r="VRH672" s="613"/>
      <c r="VRI672" s="613"/>
      <c r="VRJ672" s="613"/>
      <c r="VRK672" s="613"/>
      <c r="VRL672" s="613"/>
      <c r="VRM672" s="613"/>
      <c r="VRN672" s="613"/>
      <c r="VRO672" s="613"/>
      <c r="VRP672" s="613"/>
      <c r="VRQ672" s="613"/>
      <c r="VRR672" s="613"/>
      <c r="VRS672" s="613"/>
      <c r="VRT672" s="613"/>
      <c r="VRU672" s="613"/>
      <c r="VRV672" s="613"/>
      <c r="VRW672" s="613"/>
      <c r="VRX672" s="613"/>
      <c r="VRY672" s="613"/>
      <c r="VRZ672" s="613"/>
      <c r="VSA672" s="613"/>
      <c r="VSB672" s="613"/>
      <c r="VSC672" s="613"/>
      <c r="VSD672" s="613"/>
      <c r="VSE672" s="613"/>
      <c r="VSF672" s="613"/>
      <c r="VSG672" s="613"/>
      <c r="VSH672" s="613"/>
      <c r="VSI672" s="613"/>
      <c r="VSJ672" s="613"/>
      <c r="VSK672" s="613"/>
      <c r="VSL672" s="613"/>
      <c r="VSM672" s="613"/>
      <c r="VSN672" s="613"/>
      <c r="VSO672" s="613"/>
      <c r="VSP672" s="613"/>
      <c r="VSQ672" s="613"/>
      <c r="VSR672" s="613"/>
      <c r="VSS672" s="613"/>
      <c r="VST672" s="613"/>
      <c r="VSU672" s="613"/>
      <c r="VSV672" s="613"/>
      <c r="VSW672" s="613"/>
      <c r="VSX672" s="613"/>
      <c r="VSY672" s="613"/>
      <c r="VSZ672" s="613"/>
      <c r="VTA672" s="613"/>
      <c r="VTB672" s="613"/>
      <c r="VTC672" s="613"/>
      <c r="VTD672" s="613"/>
      <c r="VTE672" s="613"/>
      <c r="VTF672" s="613"/>
      <c r="VTG672" s="613"/>
      <c r="VTH672" s="613"/>
      <c r="VTI672" s="613"/>
      <c r="VTJ672" s="613"/>
      <c r="VTK672" s="613"/>
      <c r="VTL672" s="613"/>
      <c r="VTM672" s="613"/>
      <c r="VTN672" s="613"/>
      <c r="VTO672" s="613"/>
      <c r="VTP672" s="613"/>
      <c r="VTQ672" s="613"/>
      <c r="VTR672" s="613"/>
      <c r="VTS672" s="613"/>
      <c r="VTT672" s="613"/>
      <c r="VTU672" s="613"/>
      <c r="VTV672" s="613"/>
      <c r="VTW672" s="613"/>
      <c r="VTX672" s="613"/>
      <c r="VTY672" s="613"/>
      <c r="VTZ672" s="613"/>
      <c r="VUA672" s="613"/>
      <c r="VUB672" s="613"/>
      <c r="VUC672" s="613"/>
      <c r="VUD672" s="613"/>
      <c r="VUE672" s="613"/>
      <c r="VUF672" s="613"/>
      <c r="VUG672" s="613"/>
      <c r="VUH672" s="613"/>
      <c r="VUI672" s="613"/>
      <c r="VUJ672" s="613"/>
      <c r="VUK672" s="613"/>
      <c r="VUL672" s="613"/>
      <c r="VUM672" s="613"/>
      <c r="VUN672" s="613"/>
      <c r="VUO672" s="613"/>
      <c r="VUP672" s="613"/>
      <c r="VUQ672" s="613"/>
      <c r="VUR672" s="613"/>
      <c r="VUS672" s="613"/>
      <c r="VUT672" s="613"/>
      <c r="VUU672" s="613"/>
      <c r="VUV672" s="613"/>
      <c r="VUW672" s="613"/>
      <c r="VUX672" s="613"/>
      <c r="VUY672" s="613"/>
      <c r="VUZ672" s="613"/>
      <c r="VVA672" s="613"/>
      <c r="VVB672" s="613"/>
      <c r="VVC672" s="613"/>
      <c r="VVD672" s="613"/>
      <c r="VVE672" s="613"/>
      <c r="VVF672" s="613"/>
      <c r="VVG672" s="613"/>
      <c r="VVH672" s="613"/>
      <c r="VVI672" s="613"/>
      <c r="VVJ672" s="613"/>
      <c r="VVK672" s="613"/>
      <c r="VVL672" s="613"/>
      <c r="VVM672" s="613"/>
      <c r="VVN672" s="613"/>
      <c r="VVO672" s="613"/>
      <c r="VVP672" s="613"/>
      <c r="VVQ672" s="613"/>
      <c r="VVR672" s="613"/>
      <c r="VVS672" s="613"/>
      <c r="VVT672" s="613"/>
      <c r="VVU672" s="613"/>
      <c r="VVV672" s="613"/>
      <c r="VVW672" s="613"/>
      <c r="VVX672" s="613"/>
      <c r="VVY672" s="613"/>
      <c r="VVZ672" s="613"/>
      <c r="VWA672" s="613"/>
      <c r="VWB672" s="613"/>
      <c r="VWC672" s="613"/>
      <c r="VWD672" s="613"/>
      <c r="VWE672" s="613"/>
      <c r="VWF672" s="613"/>
      <c r="VWG672" s="613"/>
      <c r="VWH672" s="613"/>
      <c r="VWI672" s="613"/>
      <c r="VWJ672" s="613"/>
      <c r="VWK672" s="613"/>
      <c r="VWL672" s="613"/>
      <c r="VWM672" s="613"/>
      <c r="VWN672" s="613"/>
      <c r="VWO672" s="613"/>
      <c r="VWP672" s="613"/>
      <c r="VWQ672" s="613"/>
      <c r="VWR672" s="613"/>
      <c r="VWS672" s="613"/>
      <c r="VWT672" s="613"/>
      <c r="VWU672" s="613"/>
      <c r="VWV672" s="613"/>
      <c r="VWW672" s="613"/>
      <c r="VWX672" s="613"/>
      <c r="VWY672" s="613"/>
      <c r="VWZ672" s="613"/>
      <c r="VXA672" s="613"/>
      <c r="VXB672" s="613"/>
      <c r="VXC672" s="613"/>
      <c r="VXD672" s="613"/>
      <c r="VXE672" s="613"/>
      <c r="VXF672" s="613"/>
      <c r="VXG672" s="613"/>
      <c r="VXH672" s="613"/>
      <c r="VXI672" s="613"/>
      <c r="VXJ672" s="613"/>
      <c r="VXK672" s="613"/>
      <c r="VXL672" s="613"/>
      <c r="VXM672" s="613"/>
      <c r="VXN672" s="613"/>
      <c r="VXO672" s="613"/>
      <c r="VXP672" s="613"/>
      <c r="VXQ672" s="613"/>
      <c r="VXR672" s="613"/>
      <c r="VXS672" s="613"/>
      <c r="VXT672" s="613"/>
      <c r="VXU672" s="613"/>
      <c r="VXV672" s="613"/>
      <c r="VXW672" s="613"/>
      <c r="VXX672" s="613"/>
      <c r="VXY672" s="613"/>
      <c r="VXZ672" s="613"/>
      <c r="VYA672" s="613"/>
      <c r="VYB672" s="613"/>
      <c r="VYC672" s="613"/>
      <c r="VYD672" s="613"/>
      <c r="VYE672" s="613"/>
      <c r="VYF672" s="613"/>
      <c r="VYG672" s="613"/>
      <c r="VYH672" s="613"/>
      <c r="VYI672" s="613"/>
      <c r="VYJ672" s="613"/>
      <c r="VYK672" s="613"/>
      <c r="VYL672" s="613"/>
      <c r="VYM672" s="613"/>
      <c r="VYN672" s="613"/>
      <c r="VYO672" s="613"/>
      <c r="VYP672" s="613"/>
      <c r="VYQ672" s="613"/>
      <c r="VYR672" s="613"/>
      <c r="VYS672" s="613"/>
      <c r="VYT672" s="613"/>
      <c r="VYU672" s="613"/>
      <c r="VYV672" s="613"/>
      <c r="VYW672" s="613"/>
      <c r="VYX672" s="613"/>
      <c r="VYY672" s="613"/>
      <c r="VYZ672" s="613"/>
      <c r="VZA672" s="613"/>
      <c r="VZB672" s="613"/>
      <c r="VZC672" s="613"/>
      <c r="VZD672" s="613"/>
      <c r="VZE672" s="613"/>
      <c r="VZF672" s="613"/>
      <c r="VZG672" s="613"/>
      <c r="VZH672" s="613"/>
      <c r="VZI672" s="613"/>
      <c r="VZJ672" s="613"/>
      <c r="VZK672" s="613"/>
      <c r="VZL672" s="613"/>
      <c r="VZM672" s="613"/>
      <c r="VZN672" s="613"/>
      <c r="VZO672" s="613"/>
      <c r="VZP672" s="613"/>
      <c r="VZQ672" s="613"/>
      <c r="VZR672" s="613"/>
      <c r="VZS672" s="613"/>
      <c r="VZT672" s="613"/>
      <c r="VZU672" s="613"/>
      <c r="VZV672" s="613"/>
      <c r="VZW672" s="613"/>
      <c r="VZX672" s="613"/>
      <c r="VZY672" s="613"/>
      <c r="VZZ672" s="613"/>
      <c r="WAA672" s="613"/>
      <c r="WAB672" s="613"/>
      <c r="WAC672" s="613"/>
      <c r="WAD672" s="613"/>
      <c r="WAE672" s="613"/>
      <c r="WAF672" s="613"/>
      <c r="WAG672" s="613"/>
      <c r="WAH672" s="613"/>
      <c r="WAI672" s="613"/>
      <c r="WAJ672" s="613"/>
      <c r="WAK672" s="613"/>
      <c r="WAL672" s="613"/>
      <c r="WAM672" s="613"/>
      <c r="WAN672" s="613"/>
      <c r="WAO672" s="613"/>
      <c r="WAP672" s="613"/>
      <c r="WAQ672" s="613"/>
      <c r="WAR672" s="613"/>
      <c r="WAS672" s="613"/>
      <c r="WAT672" s="613"/>
      <c r="WAU672" s="613"/>
      <c r="WAV672" s="613"/>
      <c r="WAW672" s="613"/>
      <c r="WAX672" s="613"/>
      <c r="WAY672" s="613"/>
      <c r="WAZ672" s="613"/>
      <c r="WBA672" s="613"/>
      <c r="WBB672" s="613"/>
      <c r="WBC672" s="613"/>
      <c r="WBD672" s="613"/>
      <c r="WBE672" s="613"/>
      <c r="WBF672" s="613"/>
      <c r="WBG672" s="613"/>
      <c r="WBH672" s="613"/>
      <c r="WBI672" s="613"/>
      <c r="WBJ672" s="613"/>
      <c r="WBK672" s="613"/>
      <c r="WBL672" s="613"/>
      <c r="WBM672" s="613"/>
      <c r="WBN672" s="613"/>
      <c r="WBO672" s="613"/>
      <c r="WBP672" s="613"/>
      <c r="WBQ672" s="613"/>
      <c r="WBR672" s="613"/>
      <c r="WBS672" s="613"/>
      <c r="WBT672" s="613"/>
      <c r="WBU672" s="613"/>
      <c r="WBV672" s="613"/>
      <c r="WBW672" s="613"/>
      <c r="WBX672" s="613"/>
      <c r="WBY672" s="613"/>
      <c r="WBZ672" s="613"/>
      <c r="WCA672" s="613"/>
      <c r="WCB672" s="613"/>
      <c r="WCC672" s="613"/>
      <c r="WCD672" s="613"/>
      <c r="WCE672" s="613"/>
      <c r="WCF672" s="613"/>
      <c r="WCG672" s="613"/>
      <c r="WCH672" s="613"/>
      <c r="WCI672" s="613"/>
      <c r="WCJ672" s="613"/>
      <c r="WCK672" s="613"/>
      <c r="WCL672" s="613"/>
      <c r="WCM672" s="613"/>
      <c r="WCN672" s="613"/>
      <c r="WCO672" s="613"/>
      <c r="WCP672" s="613"/>
      <c r="WCQ672" s="613"/>
      <c r="WCR672" s="613"/>
      <c r="WCS672" s="613"/>
      <c r="WCT672" s="613"/>
      <c r="WCU672" s="613"/>
      <c r="WCV672" s="613"/>
      <c r="WCW672" s="613"/>
      <c r="WCX672" s="613"/>
      <c r="WCY672" s="613"/>
      <c r="WCZ672" s="613"/>
      <c r="WDA672" s="613"/>
      <c r="WDB672" s="613"/>
      <c r="WDC672" s="613"/>
      <c r="WDD672" s="613"/>
      <c r="WDE672" s="613"/>
      <c r="WDF672" s="613"/>
      <c r="WDG672" s="613"/>
      <c r="WDH672" s="613"/>
      <c r="WDI672" s="613"/>
      <c r="WDJ672" s="613"/>
      <c r="WDK672" s="613"/>
      <c r="WDL672" s="613"/>
      <c r="WDM672" s="613"/>
      <c r="WDN672" s="613"/>
      <c r="WDO672" s="613"/>
      <c r="WDP672" s="613"/>
      <c r="WDQ672" s="613"/>
      <c r="WDR672" s="613"/>
      <c r="WDS672" s="613"/>
      <c r="WDT672" s="613"/>
      <c r="WDU672" s="613"/>
      <c r="WDV672" s="613"/>
      <c r="WDW672" s="613"/>
      <c r="WDX672" s="613"/>
      <c r="WDY672" s="613"/>
      <c r="WDZ672" s="613"/>
      <c r="WEA672" s="613"/>
      <c r="WEB672" s="613"/>
      <c r="WEC672" s="613"/>
      <c r="WED672" s="613"/>
      <c r="WEE672" s="613"/>
      <c r="WEF672" s="613"/>
      <c r="WEG672" s="613"/>
      <c r="WEH672" s="613"/>
      <c r="WEI672" s="613"/>
      <c r="WEJ672" s="613"/>
      <c r="WEK672" s="613"/>
      <c r="WEL672" s="613"/>
      <c r="WEM672" s="613"/>
      <c r="WEN672" s="613"/>
      <c r="WEO672" s="613"/>
      <c r="WEP672" s="613"/>
      <c r="WEQ672" s="613"/>
      <c r="WER672" s="613"/>
      <c r="WES672" s="613"/>
      <c r="WET672" s="613"/>
      <c r="WEU672" s="613"/>
      <c r="WEV672" s="613"/>
      <c r="WEW672" s="613"/>
      <c r="WEX672" s="613"/>
      <c r="WEY672" s="613"/>
      <c r="WEZ672" s="613"/>
      <c r="WFA672" s="613"/>
      <c r="WFB672" s="613"/>
      <c r="WFC672" s="613"/>
      <c r="WFD672" s="613"/>
      <c r="WFE672" s="613"/>
      <c r="WFF672" s="613"/>
      <c r="WFG672" s="613"/>
      <c r="WFH672" s="613"/>
      <c r="WFI672" s="613"/>
      <c r="WFJ672" s="613"/>
      <c r="WFK672" s="613"/>
      <c r="WFL672" s="613"/>
      <c r="WFM672" s="613"/>
      <c r="WFN672" s="613"/>
      <c r="WFO672" s="613"/>
      <c r="WFP672" s="613"/>
      <c r="WFQ672" s="613"/>
      <c r="WFR672" s="613"/>
      <c r="WFS672" s="613"/>
      <c r="WFT672" s="613"/>
      <c r="WFU672" s="613"/>
      <c r="WFV672" s="613"/>
      <c r="WFW672" s="613"/>
      <c r="WFX672" s="613"/>
      <c r="WFY672" s="613"/>
      <c r="WFZ672" s="613"/>
      <c r="WGA672" s="613"/>
      <c r="WGB672" s="613"/>
      <c r="WGC672" s="613"/>
      <c r="WGD672" s="613"/>
      <c r="WGE672" s="613"/>
      <c r="WGF672" s="613"/>
      <c r="WGG672" s="613"/>
      <c r="WGH672" s="613"/>
      <c r="WGI672" s="613"/>
      <c r="WGJ672" s="613"/>
      <c r="WGK672" s="613"/>
      <c r="WGL672" s="613"/>
      <c r="WGM672" s="613"/>
      <c r="WGN672" s="613"/>
      <c r="WGO672" s="613"/>
      <c r="WGP672" s="613"/>
      <c r="WGQ672" s="613"/>
      <c r="WGR672" s="613"/>
      <c r="WGS672" s="613"/>
      <c r="WGT672" s="613"/>
      <c r="WGU672" s="613"/>
      <c r="WGV672" s="613"/>
      <c r="WGW672" s="613"/>
      <c r="WGX672" s="613"/>
      <c r="WGY672" s="613"/>
      <c r="WGZ672" s="613"/>
      <c r="WHA672" s="613"/>
      <c r="WHB672" s="613"/>
      <c r="WHC672" s="613"/>
      <c r="WHD672" s="613"/>
      <c r="WHE672" s="613"/>
      <c r="WHF672" s="613"/>
      <c r="WHG672" s="613"/>
      <c r="WHH672" s="613"/>
      <c r="WHI672" s="613"/>
      <c r="WHJ672" s="613"/>
      <c r="WHK672" s="613"/>
      <c r="WHL672" s="613"/>
      <c r="WHM672" s="613"/>
      <c r="WHN672" s="613"/>
      <c r="WHO672" s="613"/>
      <c r="WHP672" s="613"/>
      <c r="WHQ672" s="613"/>
      <c r="WHR672" s="613"/>
      <c r="WHS672" s="613"/>
      <c r="WHT672" s="613"/>
      <c r="WHU672" s="613"/>
      <c r="WHV672" s="613"/>
      <c r="WHW672" s="613"/>
      <c r="WHX672" s="613"/>
      <c r="WHY672" s="613"/>
      <c r="WHZ672" s="613"/>
      <c r="WIA672" s="613"/>
      <c r="WIB672" s="613"/>
      <c r="WIC672" s="613"/>
      <c r="WID672" s="613"/>
      <c r="WIE672" s="613"/>
      <c r="WIF672" s="613"/>
      <c r="WIG672" s="613"/>
      <c r="WIH672" s="613"/>
      <c r="WII672" s="613"/>
      <c r="WIJ672" s="613"/>
      <c r="WIK672" s="613"/>
      <c r="WIL672" s="613"/>
      <c r="WIM672" s="613"/>
      <c r="WIN672" s="613"/>
      <c r="WIO672" s="613"/>
      <c r="WIP672" s="613"/>
      <c r="WIQ672" s="613"/>
      <c r="WIR672" s="613"/>
      <c r="WIS672" s="613"/>
      <c r="WIT672" s="613"/>
      <c r="WIU672" s="613"/>
      <c r="WIV672" s="613"/>
      <c r="WIW672" s="613"/>
      <c r="WIX672" s="613"/>
      <c r="WIY672" s="613"/>
      <c r="WIZ672" s="613"/>
      <c r="WJA672" s="613"/>
      <c r="WJB672" s="613"/>
      <c r="WJC672" s="613"/>
      <c r="WJD672" s="613"/>
      <c r="WJE672" s="613"/>
      <c r="WJF672" s="613"/>
      <c r="WJG672" s="613"/>
      <c r="WJH672" s="613"/>
      <c r="WJI672" s="613"/>
      <c r="WJJ672" s="613"/>
      <c r="WJK672" s="613"/>
      <c r="WJL672" s="613"/>
      <c r="WJM672" s="613"/>
      <c r="WJN672" s="613"/>
      <c r="WJO672" s="613"/>
      <c r="WJP672" s="613"/>
      <c r="WJQ672" s="613"/>
      <c r="WJR672" s="613"/>
      <c r="WJS672" s="613"/>
      <c r="WJT672" s="613"/>
      <c r="WJU672" s="613"/>
      <c r="WJV672" s="613"/>
      <c r="WJW672" s="613"/>
      <c r="WJX672" s="613"/>
      <c r="WJY672" s="613"/>
      <c r="WJZ672" s="613"/>
      <c r="WKA672" s="613"/>
      <c r="WKB672" s="613"/>
      <c r="WKC672" s="613"/>
      <c r="WKD672" s="613"/>
      <c r="WKE672" s="613"/>
      <c r="WKF672" s="613"/>
      <c r="WKG672" s="613"/>
      <c r="WKH672" s="613"/>
      <c r="WKI672" s="613"/>
      <c r="WKJ672" s="613"/>
      <c r="WKK672" s="613"/>
      <c r="WKL672" s="613"/>
      <c r="WKM672" s="613"/>
      <c r="WKN672" s="613"/>
      <c r="WKO672" s="613"/>
      <c r="WKP672" s="613"/>
      <c r="WKQ672" s="613"/>
      <c r="WKR672" s="613"/>
      <c r="WKS672" s="613"/>
      <c r="WKT672" s="613"/>
      <c r="WKU672" s="613"/>
      <c r="WKV672" s="613"/>
      <c r="WKW672" s="613"/>
      <c r="WKX672" s="613"/>
      <c r="WKY672" s="613"/>
      <c r="WKZ672" s="613"/>
      <c r="WLA672" s="613"/>
      <c r="WLB672" s="613"/>
      <c r="WLC672" s="613"/>
      <c r="WLD672" s="613"/>
      <c r="WLE672" s="613"/>
      <c r="WLF672" s="613"/>
      <c r="WLG672" s="613"/>
      <c r="WLH672" s="613"/>
      <c r="WLI672" s="613"/>
      <c r="WLJ672" s="613"/>
      <c r="WLK672" s="613"/>
      <c r="WLL672" s="613"/>
      <c r="WLM672" s="613"/>
      <c r="WLN672" s="613"/>
      <c r="WLO672" s="613"/>
      <c r="WLP672" s="613"/>
      <c r="WLQ672" s="613"/>
      <c r="WLR672" s="613"/>
      <c r="WLS672" s="613"/>
      <c r="WLT672" s="613"/>
      <c r="WLU672" s="613"/>
      <c r="WLV672" s="613"/>
      <c r="WLW672" s="613"/>
      <c r="WLX672" s="613"/>
      <c r="WLY672" s="613"/>
      <c r="WLZ672" s="613"/>
      <c r="WMA672" s="613"/>
      <c r="WMB672" s="613"/>
      <c r="WMC672" s="613"/>
      <c r="WMD672" s="613"/>
      <c r="WME672" s="613"/>
      <c r="WMF672" s="613"/>
      <c r="WMG672" s="613"/>
      <c r="WMH672" s="613"/>
      <c r="WMI672" s="613"/>
      <c r="WMJ672" s="613"/>
      <c r="WMK672" s="613"/>
      <c r="WML672" s="613"/>
      <c r="WMM672" s="613"/>
      <c r="WMN672" s="613"/>
      <c r="WMO672" s="613"/>
      <c r="WMP672" s="613"/>
      <c r="WMQ672" s="613"/>
      <c r="WMR672" s="613"/>
      <c r="WMS672" s="613"/>
      <c r="WMT672" s="613"/>
      <c r="WMU672" s="613"/>
      <c r="WMV672" s="613"/>
      <c r="WMW672" s="613"/>
      <c r="WMX672" s="613"/>
      <c r="WMY672" s="613"/>
      <c r="WMZ672" s="613"/>
      <c r="WNA672" s="613"/>
      <c r="WNB672" s="613"/>
      <c r="WNC672" s="613"/>
      <c r="WND672" s="613"/>
      <c r="WNE672" s="613"/>
      <c r="WNF672" s="613"/>
      <c r="WNG672" s="613"/>
      <c r="WNH672" s="613"/>
      <c r="WNI672" s="613"/>
      <c r="WNJ672" s="613"/>
      <c r="WNK672" s="613"/>
      <c r="WNL672" s="613"/>
      <c r="WNM672" s="613"/>
      <c r="WNN672" s="613"/>
      <c r="WNO672" s="613"/>
      <c r="WNP672" s="613"/>
      <c r="WNQ672" s="613"/>
      <c r="WNR672" s="613"/>
      <c r="WNS672" s="613"/>
      <c r="WNT672" s="613"/>
      <c r="WNU672" s="613"/>
      <c r="WNV672" s="613"/>
      <c r="WNW672" s="613"/>
      <c r="WNX672" s="613"/>
      <c r="WNY672" s="613"/>
      <c r="WNZ672" s="613"/>
      <c r="WOA672" s="613"/>
      <c r="WOB672" s="613"/>
      <c r="WOC672" s="613"/>
      <c r="WOD672" s="613"/>
      <c r="WOE672" s="613"/>
      <c r="WOF672" s="613"/>
      <c r="WOG672" s="613"/>
      <c r="WOH672" s="613"/>
      <c r="WOI672" s="613"/>
      <c r="WOJ672" s="613"/>
      <c r="WOK672" s="613"/>
      <c r="WOL672" s="613"/>
      <c r="WOM672" s="613"/>
      <c r="WON672" s="613"/>
      <c r="WOO672" s="613"/>
      <c r="WOP672" s="613"/>
      <c r="WOQ672" s="613"/>
      <c r="WOR672" s="613"/>
      <c r="WOS672" s="613"/>
      <c r="WOT672" s="613"/>
      <c r="WOU672" s="613"/>
      <c r="WOV672" s="613"/>
      <c r="WOW672" s="613"/>
      <c r="WOX672" s="613"/>
      <c r="WOY672" s="613"/>
      <c r="WOZ672" s="613"/>
      <c r="WPA672" s="613"/>
      <c r="WPB672" s="613"/>
      <c r="WPC672" s="613"/>
      <c r="WPD672" s="613"/>
      <c r="WPE672" s="613"/>
      <c r="WPF672" s="613"/>
      <c r="WPG672" s="613"/>
      <c r="WPH672" s="613"/>
      <c r="WPI672" s="613"/>
      <c r="WPJ672" s="613"/>
      <c r="WPK672" s="613"/>
      <c r="WPL672" s="613"/>
      <c r="WPM672" s="613"/>
      <c r="WPN672" s="613"/>
      <c r="WPO672" s="613"/>
      <c r="WPP672" s="613"/>
      <c r="WPQ672" s="613"/>
      <c r="WPR672" s="613"/>
      <c r="WPS672" s="613"/>
      <c r="WPT672" s="613"/>
      <c r="WPU672" s="613"/>
      <c r="WPV672" s="613"/>
      <c r="WPW672" s="613"/>
      <c r="WPX672" s="613"/>
      <c r="WPY672" s="613"/>
      <c r="WPZ672" s="613"/>
      <c r="WQA672" s="613"/>
      <c r="WQB672" s="613"/>
      <c r="WQC672" s="613"/>
      <c r="WQD672" s="613"/>
      <c r="WQE672" s="613"/>
      <c r="WQF672" s="613"/>
      <c r="WQG672" s="613"/>
      <c r="WQH672" s="613"/>
      <c r="WQI672" s="613"/>
      <c r="WQJ672" s="613"/>
      <c r="WQK672" s="613"/>
      <c r="WQL672" s="613"/>
      <c r="WQM672" s="613"/>
      <c r="WQN672" s="613"/>
      <c r="WQO672" s="613"/>
      <c r="WQP672" s="613"/>
      <c r="WQQ672" s="613"/>
      <c r="WQR672" s="613"/>
      <c r="WQS672" s="613"/>
      <c r="WQT672" s="613"/>
      <c r="WQU672" s="613"/>
      <c r="WQV672" s="613"/>
      <c r="WQW672" s="613"/>
      <c r="WQX672" s="613"/>
      <c r="WQY672" s="613"/>
      <c r="WQZ672" s="613"/>
      <c r="WRA672" s="613"/>
      <c r="WRB672" s="613"/>
      <c r="WRC672" s="613"/>
      <c r="WRD672" s="613"/>
      <c r="WRE672" s="613"/>
      <c r="WRF672" s="613"/>
      <c r="WRG672" s="613"/>
      <c r="WRH672" s="613"/>
      <c r="WRI672" s="613"/>
      <c r="WRJ672" s="613"/>
      <c r="WRK672" s="613"/>
      <c r="WRL672" s="613"/>
      <c r="WRM672" s="613"/>
      <c r="WRN672" s="613"/>
      <c r="WRO672" s="613"/>
      <c r="WRP672" s="613"/>
      <c r="WRQ672" s="613"/>
      <c r="WRR672" s="613"/>
      <c r="WRS672" s="613"/>
      <c r="WRT672" s="613"/>
      <c r="WRU672" s="613"/>
      <c r="WRV672" s="613"/>
      <c r="WRW672" s="613"/>
      <c r="WRX672" s="613"/>
      <c r="WRY672" s="613"/>
      <c r="WRZ672" s="613"/>
      <c r="WSA672" s="613"/>
      <c r="WSB672" s="613"/>
      <c r="WSC672" s="613"/>
      <c r="WSD672" s="613"/>
      <c r="WSE672" s="613"/>
      <c r="WSF672" s="613"/>
      <c r="WSG672" s="613"/>
      <c r="WSH672" s="613"/>
      <c r="WSI672" s="613"/>
      <c r="WSJ672" s="613"/>
      <c r="WSK672" s="613"/>
      <c r="WSL672" s="613"/>
      <c r="WSM672" s="613"/>
      <c r="WSN672" s="613"/>
      <c r="WSO672" s="613"/>
      <c r="WSP672" s="613"/>
      <c r="WSQ672" s="613"/>
      <c r="WSR672" s="613"/>
      <c r="WSS672" s="613"/>
      <c r="WST672" s="613"/>
      <c r="WSU672" s="613"/>
      <c r="WSV672" s="613"/>
      <c r="WSW672" s="613"/>
      <c r="WSX672" s="613"/>
      <c r="WSY672" s="613"/>
      <c r="WSZ672" s="613"/>
      <c r="WTA672" s="613"/>
      <c r="WTB672" s="613"/>
      <c r="WTC672" s="613"/>
      <c r="WTD672" s="613"/>
      <c r="WTE672" s="613"/>
      <c r="WTF672" s="613"/>
      <c r="WTG672" s="613"/>
      <c r="WTH672" s="613"/>
      <c r="WTI672" s="613"/>
      <c r="WTJ672" s="613"/>
      <c r="WTK672" s="613"/>
      <c r="WTL672" s="613"/>
      <c r="WTM672" s="613"/>
      <c r="WTN672" s="613"/>
      <c r="WTO672" s="613"/>
      <c r="WTP672" s="613"/>
      <c r="WTQ672" s="613"/>
      <c r="WTR672" s="613"/>
      <c r="WTS672" s="613"/>
      <c r="WTT672" s="613"/>
      <c r="WTU672" s="613"/>
      <c r="WTV672" s="613"/>
      <c r="WTW672" s="613"/>
      <c r="WTX672" s="613"/>
      <c r="WTY672" s="613"/>
      <c r="WTZ672" s="613"/>
      <c r="WUA672" s="613"/>
      <c r="WUB672" s="613"/>
      <c r="WUC672" s="613"/>
      <c r="WUD672" s="613"/>
      <c r="WUE672" s="613"/>
      <c r="WUF672" s="613"/>
      <c r="WUG672" s="613"/>
      <c r="WUH672" s="613"/>
      <c r="WUI672" s="613"/>
      <c r="WUJ672" s="613"/>
      <c r="WUK672" s="613"/>
      <c r="WUL672" s="613"/>
      <c r="WUM672" s="613"/>
      <c r="WUN672" s="613"/>
      <c r="WUO672" s="613"/>
      <c r="WUP672" s="613"/>
      <c r="WUQ672" s="613"/>
      <c r="WUR672" s="613"/>
      <c r="WUS672" s="613"/>
      <c r="WUT672" s="613"/>
      <c r="WUU672" s="613"/>
      <c r="WUV672" s="613"/>
      <c r="WUW672" s="613"/>
      <c r="WUX672" s="613"/>
      <c r="WUY672" s="613"/>
      <c r="WUZ672" s="613"/>
      <c r="WVA672" s="613"/>
      <c r="WVB672" s="613"/>
      <c r="WVC672" s="613"/>
      <c r="WVD672" s="613"/>
      <c r="WVE672" s="613"/>
      <c r="WVF672" s="613"/>
      <c r="WVG672" s="613"/>
      <c r="WVH672" s="613"/>
      <c r="WVI672" s="613"/>
      <c r="WVJ672" s="613"/>
      <c r="WVK672" s="613"/>
      <c r="WVL672" s="613"/>
      <c r="WVM672" s="613"/>
      <c r="WVN672" s="613"/>
      <c r="WVO672" s="613"/>
      <c r="WVP672" s="613"/>
      <c r="WVQ672" s="613"/>
      <c r="WVR672" s="613"/>
      <c r="WVS672" s="613"/>
      <c r="WVT672" s="613"/>
      <c r="WVU672" s="613"/>
      <c r="WVV672" s="613"/>
      <c r="WVW672" s="613"/>
      <c r="WVX672" s="613"/>
      <c r="WVY672" s="613"/>
      <c r="WVZ672" s="613"/>
      <c r="WWA672" s="613"/>
      <c r="WWB672" s="613"/>
      <c r="WWC672" s="613"/>
      <c r="WWD672" s="613"/>
      <c r="WWE672" s="613"/>
      <c r="WWF672" s="613"/>
      <c r="WWG672" s="613"/>
      <c r="WWH672" s="613"/>
      <c r="WWI672" s="613"/>
      <c r="WWJ672" s="613"/>
      <c r="WWK672" s="613"/>
      <c r="WWL672" s="613"/>
      <c r="WWM672" s="613"/>
      <c r="WWN672" s="613"/>
      <c r="WWO672" s="613"/>
      <c r="WWP672" s="613"/>
      <c r="WWQ672" s="613"/>
      <c r="WWR672" s="613"/>
      <c r="WWS672" s="613"/>
      <c r="WWT672" s="613"/>
      <c r="WWU672" s="613"/>
      <c r="WWV672" s="613"/>
      <c r="WWW672" s="613"/>
      <c r="WWX672" s="613"/>
      <c r="WWY672" s="613"/>
      <c r="WWZ672" s="613"/>
      <c r="WXA672" s="613"/>
      <c r="WXB672" s="613"/>
      <c r="WXC672" s="613"/>
      <c r="WXD672" s="613"/>
      <c r="WXE672" s="613"/>
      <c r="WXF672" s="613"/>
      <c r="WXG672" s="613"/>
      <c r="WXH672" s="613"/>
      <c r="WXI672" s="613"/>
      <c r="WXJ672" s="613"/>
      <c r="WXK672" s="613"/>
      <c r="WXL672" s="613"/>
      <c r="WXM672" s="613"/>
      <c r="WXN672" s="613"/>
      <c r="WXO672" s="613"/>
      <c r="WXP672" s="613"/>
      <c r="WXQ672" s="613"/>
      <c r="WXR672" s="613"/>
      <c r="WXS672" s="613"/>
      <c r="WXT672" s="613"/>
      <c r="WXU672" s="613"/>
      <c r="WXV672" s="613"/>
      <c r="WXW672" s="613"/>
      <c r="WXX672" s="613"/>
      <c r="WXY672" s="613"/>
      <c r="WXZ672" s="613"/>
      <c r="WYA672" s="613"/>
      <c r="WYB672" s="613"/>
      <c r="WYC672" s="613"/>
      <c r="WYD672" s="613"/>
      <c r="WYE672" s="613"/>
      <c r="WYF672" s="613"/>
      <c r="WYG672" s="613"/>
      <c r="WYH672" s="613"/>
      <c r="WYI672" s="613"/>
      <c r="WYJ672" s="613"/>
      <c r="WYK672" s="613"/>
      <c r="WYL672" s="613"/>
      <c r="WYM672" s="613"/>
      <c r="WYN672" s="613"/>
      <c r="WYO672" s="613"/>
      <c r="WYP672" s="613"/>
      <c r="WYQ672" s="613"/>
      <c r="WYR672" s="613"/>
      <c r="WYS672" s="613"/>
      <c r="WYT672" s="613"/>
      <c r="WYU672" s="613"/>
      <c r="WYV672" s="613"/>
      <c r="WYW672" s="613"/>
      <c r="WYX672" s="613"/>
      <c r="WYY672" s="613"/>
      <c r="WYZ672" s="613"/>
      <c r="WZA672" s="613"/>
      <c r="WZB672" s="613"/>
      <c r="WZC672" s="613"/>
      <c r="WZD672" s="613"/>
      <c r="WZE672" s="613"/>
      <c r="WZF672" s="613"/>
      <c r="WZG672" s="613"/>
      <c r="WZH672" s="613"/>
      <c r="WZI672" s="613"/>
      <c r="WZJ672" s="613"/>
      <c r="WZK672" s="613"/>
      <c r="WZL672" s="613"/>
      <c r="WZM672" s="613"/>
      <c r="WZN672" s="613"/>
      <c r="WZO672" s="613"/>
      <c r="WZP672" s="613"/>
      <c r="WZQ672" s="613"/>
      <c r="WZR672" s="613"/>
      <c r="WZS672" s="613"/>
      <c r="WZT672" s="613"/>
      <c r="WZU672" s="613"/>
      <c r="WZV672" s="613"/>
      <c r="WZW672" s="613"/>
      <c r="WZX672" s="613"/>
      <c r="WZY672" s="613"/>
      <c r="WZZ672" s="613"/>
      <c r="XAA672" s="613"/>
      <c r="XAB672" s="613"/>
      <c r="XAC672" s="613"/>
      <c r="XAD672" s="613"/>
      <c r="XAE672" s="613"/>
      <c r="XAF672" s="613"/>
      <c r="XAG672" s="613"/>
      <c r="XAH672" s="613"/>
      <c r="XAI672" s="613"/>
      <c r="XAJ672" s="613"/>
      <c r="XAK672" s="613"/>
      <c r="XAL672" s="613"/>
      <c r="XAM672" s="613"/>
      <c r="XAN672" s="613"/>
      <c r="XAO672" s="613"/>
      <c r="XAP672" s="613"/>
      <c r="XAQ672" s="613"/>
      <c r="XAR672" s="613"/>
      <c r="XAS672" s="613"/>
      <c r="XAT672" s="613"/>
      <c r="XAU672" s="613"/>
      <c r="XAV672" s="613"/>
      <c r="XAW672" s="613"/>
      <c r="XAX672" s="613"/>
      <c r="XAY672" s="613"/>
      <c r="XAZ672" s="613"/>
      <c r="XBA672" s="613"/>
      <c r="XBB672" s="613"/>
      <c r="XBC672" s="613"/>
      <c r="XBD672" s="613"/>
      <c r="XBE672" s="613"/>
      <c r="XBF672" s="613"/>
      <c r="XBG672" s="613"/>
      <c r="XBH672" s="613"/>
      <c r="XBI672" s="613"/>
      <c r="XBJ672" s="613"/>
      <c r="XBK672" s="613"/>
      <c r="XBL672" s="613"/>
      <c r="XBM672" s="613"/>
      <c r="XBN672" s="613"/>
      <c r="XBO672" s="613"/>
      <c r="XBP672" s="613"/>
      <c r="XBQ672" s="613"/>
      <c r="XBR672" s="613"/>
      <c r="XBS672" s="613"/>
      <c r="XBT672" s="613"/>
      <c r="XBU672" s="613"/>
      <c r="XBV672" s="613"/>
      <c r="XBW672" s="613"/>
      <c r="XBX672" s="613"/>
      <c r="XBY672" s="613"/>
      <c r="XBZ672" s="613"/>
      <c r="XCA672" s="613"/>
      <c r="XCB672" s="613"/>
      <c r="XCC672" s="613"/>
      <c r="XCD672" s="613"/>
      <c r="XCE672" s="613"/>
      <c r="XCF672" s="613"/>
      <c r="XCG672" s="613"/>
      <c r="XCH672" s="613"/>
      <c r="XCI672" s="613"/>
      <c r="XCJ672" s="613"/>
      <c r="XCK672" s="613"/>
      <c r="XCL672" s="613"/>
      <c r="XCM672" s="613"/>
      <c r="XCN672" s="613"/>
      <c r="XCO672" s="613"/>
      <c r="XCP672" s="613"/>
      <c r="XCQ672" s="613"/>
    </row>
    <row r="673" spans="1:16319" ht="56.1" customHeight="1" x14ac:dyDescent="0.2">
      <c r="A673" s="494"/>
      <c r="B673" s="77"/>
      <c r="C673" s="494"/>
      <c r="D673" s="481">
        <v>156</v>
      </c>
      <c r="E673" s="481"/>
      <c r="F673" s="481" t="s">
        <v>2481</v>
      </c>
      <c r="G673" s="482" t="s">
        <v>53</v>
      </c>
      <c r="H673" s="481" t="s">
        <v>329</v>
      </c>
      <c r="I673" s="654" t="s">
        <v>396</v>
      </c>
      <c r="J673" s="654" t="s">
        <v>369</v>
      </c>
      <c r="K673" s="495" t="s">
        <v>421</v>
      </c>
      <c r="L673" s="621"/>
      <c r="M673" s="484" t="s">
        <v>58</v>
      </c>
      <c r="N673" s="327" t="s">
        <v>1367</v>
      </c>
      <c r="O673" s="484" t="s">
        <v>2996</v>
      </c>
      <c r="P673" s="484" t="s">
        <v>81</v>
      </c>
      <c r="Q673" s="667" t="s">
        <v>334</v>
      </c>
      <c r="R673" s="484" t="s">
        <v>334</v>
      </c>
      <c r="S673" s="484" t="s">
        <v>382</v>
      </c>
      <c r="T673" s="484"/>
      <c r="U673" s="620" t="s">
        <v>63</v>
      </c>
      <c r="V673" s="620" t="s">
        <v>63</v>
      </c>
      <c r="W673" s="723">
        <v>332829</v>
      </c>
      <c r="X673" s="723"/>
      <c r="Y673" s="654" t="s">
        <v>226</v>
      </c>
      <c r="Z673" s="654"/>
      <c r="AA673" s="723">
        <v>332829</v>
      </c>
      <c r="AB673" s="652" t="s">
        <v>82</v>
      </c>
      <c r="AC673" s="652"/>
      <c r="AD673" s="496"/>
      <c r="AE673" s="496"/>
      <c r="AF673" s="496"/>
      <c r="AG673" s="496"/>
      <c r="AH673" s="496"/>
      <c r="AI673" s="496"/>
      <c r="AJ673" s="496"/>
      <c r="AK673" s="487" t="s">
        <v>66</v>
      </c>
      <c r="AL673" s="496"/>
      <c r="AM673" s="496"/>
      <c r="AN673" s="496"/>
      <c r="AO673" s="496"/>
      <c r="AP673" s="496"/>
      <c r="AQ673" s="496"/>
      <c r="AR673" s="496"/>
      <c r="AS673" s="496"/>
      <c r="AT673" s="496"/>
      <c r="AU673" s="487"/>
      <c r="AV673" s="487"/>
      <c r="AW673" s="487"/>
      <c r="AX673" s="487"/>
      <c r="AY673" s="487"/>
      <c r="AZ673" s="487"/>
      <c r="BA673" s="484"/>
      <c r="BB673" s="484" t="s">
        <v>399</v>
      </c>
      <c r="BC673" s="484" t="s">
        <v>3041</v>
      </c>
      <c r="BD673" s="494"/>
      <c r="BE673" s="494"/>
      <c r="BF673" s="613"/>
      <c r="BG673" s="613"/>
      <c r="BH673" s="613"/>
      <c r="BI673" s="613"/>
      <c r="BJ673" s="613"/>
      <c r="BK673" s="613"/>
      <c r="BL673" s="613"/>
      <c r="BM673" s="613"/>
      <c r="BN673" s="613"/>
      <c r="BO673" s="613"/>
      <c r="BP673" s="613"/>
      <c r="BQ673" s="613"/>
      <c r="BR673" s="613"/>
      <c r="BS673" s="613"/>
      <c r="BT673" s="613"/>
      <c r="BU673" s="613"/>
      <c r="BV673" s="613"/>
      <c r="BW673" s="613"/>
      <c r="BX673" s="613"/>
      <c r="BY673" s="613"/>
      <c r="BZ673" s="613"/>
      <c r="CA673" s="613"/>
      <c r="CB673" s="613"/>
      <c r="CC673" s="613"/>
      <c r="CD673" s="613"/>
      <c r="CE673" s="613"/>
      <c r="CF673" s="613"/>
      <c r="CG673" s="613"/>
      <c r="CH673" s="613"/>
      <c r="CI673" s="613"/>
      <c r="CJ673" s="613"/>
      <c r="CK673" s="613"/>
      <c r="CL673" s="613"/>
      <c r="CM673" s="613"/>
      <c r="CN673" s="613"/>
      <c r="CO673" s="613"/>
      <c r="CP673" s="613"/>
      <c r="CQ673" s="613"/>
      <c r="CR673" s="613"/>
      <c r="CS673" s="613"/>
      <c r="CT673" s="613"/>
      <c r="CU673" s="613"/>
      <c r="CV673" s="613"/>
      <c r="CW673" s="613"/>
      <c r="CX673" s="613"/>
      <c r="CY673" s="613"/>
      <c r="CZ673" s="613"/>
      <c r="DA673" s="613"/>
      <c r="DB673" s="613"/>
      <c r="DC673" s="613"/>
      <c r="DD673" s="613"/>
      <c r="DE673" s="613"/>
      <c r="DF673" s="613"/>
      <c r="DG673" s="613"/>
      <c r="DH673" s="613"/>
      <c r="DI673" s="613"/>
      <c r="DJ673" s="613"/>
      <c r="DK673" s="613"/>
      <c r="DL673" s="613"/>
      <c r="DM673" s="613"/>
      <c r="DN673" s="613"/>
      <c r="DO673" s="613"/>
      <c r="DP673" s="613"/>
      <c r="DQ673" s="613"/>
      <c r="DR673" s="613"/>
      <c r="DS673" s="613"/>
      <c r="DT673" s="613"/>
      <c r="DU673" s="613"/>
      <c r="DV673" s="613"/>
      <c r="DW673" s="613"/>
      <c r="DX673" s="613"/>
      <c r="DY673" s="613"/>
      <c r="DZ673" s="613"/>
      <c r="EA673" s="613"/>
      <c r="EB673" s="613"/>
      <c r="EC673" s="613"/>
      <c r="ED673" s="613"/>
      <c r="EE673" s="613"/>
      <c r="EF673" s="613"/>
      <c r="EG673" s="613"/>
      <c r="EH673" s="613"/>
      <c r="EI673" s="613"/>
      <c r="EJ673" s="613"/>
      <c r="EK673" s="613"/>
      <c r="EL673" s="613"/>
      <c r="EM673" s="613"/>
      <c r="EN673" s="613"/>
      <c r="EO673" s="613"/>
      <c r="EP673" s="613"/>
      <c r="EQ673" s="613"/>
      <c r="ER673" s="613"/>
      <c r="ES673" s="613"/>
      <c r="ET673" s="613"/>
      <c r="EU673" s="613"/>
      <c r="EV673" s="613"/>
      <c r="EW673" s="613"/>
      <c r="EX673" s="613"/>
      <c r="EY673" s="613"/>
      <c r="EZ673" s="613"/>
      <c r="FA673" s="613"/>
      <c r="FB673" s="613"/>
      <c r="FC673" s="613"/>
      <c r="FD673" s="613"/>
      <c r="FE673" s="613"/>
      <c r="FF673" s="613"/>
      <c r="FG673" s="613"/>
      <c r="FH673" s="613"/>
      <c r="FI673" s="613"/>
      <c r="FJ673" s="613"/>
      <c r="FK673" s="613"/>
      <c r="FL673" s="613"/>
      <c r="FM673" s="613"/>
      <c r="FN673" s="613"/>
      <c r="FO673" s="613"/>
      <c r="FP673" s="613"/>
      <c r="FQ673" s="613"/>
      <c r="FR673" s="613"/>
      <c r="FS673" s="613"/>
      <c r="FT673" s="613"/>
      <c r="FU673" s="613"/>
      <c r="FV673" s="613"/>
      <c r="FW673" s="613"/>
      <c r="FX673" s="613"/>
      <c r="FY673" s="613"/>
      <c r="FZ673" s="613"/>
      <c r="GA673" s="613"/>
      <c r="GB673" s="613"/>
      <c r="GC673" s="613"/>
      <c r="GD673" s="613"/>
      <c r="GE673" s="613"/>
      <c r="GF673" s="613"/>
      <c r="GG673" s="613"/>
      <c r="GH673" s="613"/>
      <c r="GI673" s="613"/>
      <c r="GJ673" s="613"/>
      <c r="GK673" s="613"/>
      <c r="GL673" s="613"/>
      <c r="GM673" s="613"/>
      <c r="GN673" s="613"/>
      <c r="GO673" s="613"/>
      <c r="GP673" s="613"/>
      <c r="GQ673" s="613"/>
      <c r="GR673" s="613"/>
      <c r="GS673" s="613"/>
      <c r="GT673" s="613"/>
      <c r="GU673" s="613"/>
      <c r="GV673" s="613"/>
      <c r="GW673" s="613"/>
      <c r="GX673" s="613"/>
      <c r="GY673" s="613"/>
      <c r="GZ673" s="613"/>
      <c r="HA673" s="613"/>
      <c r="HB673" s="613"/>
      <c r="HC673" s="613"/>
      <c r="HD673" s="613"/>
      <c r="HE673" s="613"/>
      <c r="HF673" s="613"/>
      <c r="HG673" s="613"/>
      <c r="HH673" s="613"/>
      <c r="HI673" s="613"/>
      <c r="HJ673" s="613"/>
      <c r="HK673" s="613"/>
      <c r="HL673" s="613"/>
      <c r="HM673" s="613"/>
      <c r="HN673" s="613"/>
      <c r="HO673" s="613"/>
      <c r="HP673" s="613"/>
      <c r="HQ673" s="613"/>
      <c r="HR673" s="613"/>
      <c r="HS673" s="613"/>
      <c r="HT673" s="613"/>
      <c r="HU673" s="613"/>
      <c r="HV673" s="613"/>
      <c r="HW673" s="613"/>
      <c r="HX673" s="613"/>
      <c r="HY673" s="613"/>
      <c r="HZ673" s="613"/>
      <c r="IA673" s="613"/>
      <c r="IB673" s="613"/>
      <c r="IC673" s="613"/>
      <c r="ID673" s="613"/>
      <c r="IE673" s="613"/>
      <c r="IF673" s="613"/>
      <c r="IG673" s="613"/>
      <c r="IH673" s="613"/>
      <c r="II673" s="613"/>
      <c r="IJ673" s="613"/>
      <c r="IK673" s="613"/>
      <c r="IL673" s="613"/>
      <c r="IM673" s="613"/>
      <c r="IN673" s="613"/>
      <c r="IO673" s="613"/>
      <c r="IP673" s="613"/>
      <c r="IQ673" s="613"/>
      <c r="IR673" s="613"/>
      <c r="IS673" s="613"/>
      <c r="IT673" s="613"/>
      <c r="IU673" s="613"/>
      <c r="IV673" s="613"/>
      <c r="IW673" s="613"/>
      <c r="IX673" s="613"/>
      <c r="IY673" s="613"/>
      <c r="IZ673" s="613"/>
      <c r="JA673" s="613"/>
      <c r="JB673" s="613"/>
      <c r="JC673" s="613"/>
      <c r="JD673" s="613"/>
      <c r="JE673" s="613"/>
      <c r="JF673" s="613"/>
      <c r="JG673" s="613"/>
      <c r="JH673" s="613"/>
      <c r="JI673" s="613"/>
      <c r="JJ673" s="613"/>
      <c r="JK673" s="613"/>
      <c r="JL673" s="613"/>
      <c r="JM673" s="613"/>
      <c r="JN673" s="613"/>
      <c r="JO673" s="613"/>
      <c r="JP673" s="613"/>
      <c r="JQ673" s="613"/>
      <c r="JR673" s="613"/>
      <c r="JS673" s="613"/>
      <c r="JT673" s="613"/>
      <c r="JU673" s="613"/>
      <c r="JV673" s="613"/>
      <c r="JW673" s="613"/>
      <c r="JX673" s="613"/>
      <c r="JY673" s="613"/>
      <c r="JZ673" s="613"/>
      <c r="KA673" s="613"/>
      <c r="KB673" s="613"/>
      <c r="KC673" s="613"/>
      <c r="KD673" s="613"/>
      <c r="KE673" s="613"/>
      <c r="KF673" s="613"/>
      <c r="KG673" s="613"/>
      <c r="KH673" s="613"/>
      <c r="KI673" s="613"/>
      <c r="KJ673" s="613"/>
      <c r="KK673" s="613"/>
      <c r="KL673" s="613"/>
      <c r="KM673" s="613"/>
      <c r="KN673" s="613"/>
      <c r="KO673" s="613"/>
      <c r="KP673" s="613"/>
      <c r="KQ673" s="613"/>
      <c r="KR673" s="613"/>
      <c r="KS673" s="613"/>
      <c r="KT673" s="613"/>
      <c r="KU673" s="613"/>
      <c r="KV673" s="613"/>
      <c r="KW673" s="613"/>
      <c r="KX673" s="613"/>
      <c r="KY673" s="613"/>
      <c r="KZ673" s="613"/>
      <c r="LA673" s="613"/>
      <c r="LB673" s="613"/>
      <c r="LC673" s="613"/>
      <c r="LD673" s="613"/>
      <c r="LE673" s="613"/>
      <c r="LF673" s="613"/>
      <c r="LG673" s="613"/>
      <c r="LH673" s="613"/>
      <c r="LI673" s="613"/>
      <c r="LJ673" s="613"/>
      <c r="LK673" s="613"/>
      <c r="LL673" s="613"/>
      <c r="LM673" s="613"/>
      <c r="LN673" s="613"/>
      <c r="LO673" s="613"/>
      <c r="LP673" s="613"/>
      <c r="LQ673" s="613"/>
      <c r="LR673" s="613"/>
      <c r="LS673" s="613"/>
      <c r="LT673" s="613"/>
      <c r="LU673" s="613"/>
      <c r="LV673" s="613"/>
      <c r="LW673" s="613"/>
      <c r="LX673" s="613"/>
      <c r="LY673" s="613"/>
      <c r="LZ673" s="613"/>
      <c r="MA673" s="613"/>
      <c r="MB673" s="613"/>
      <c r="MC673" s="613"/>
      <c r="MD673" s="613"/>
      <c r="ME673" s="613"/>
      <c r="MF673" s="613"/>
      <c r="MG673" s="613"/>
      <c r="MH673" s="613"/>
      <c r="MI673" s="613"/>
      <c r="MJ673" s="613"/>
      <c r="MK673" s="613"/>
      <c r="ML673" s="613"/>
      <c r="MM673" s="613"/>
      <c r="MN673" s="613"/>
      <c r="MO673" s="613"/>
      <c r="MP673" s="613"/>
      <c r="MQ673" s="613"/>
      <c r="MR673" s="613"/>
      <c r="MS673" s="613"/>
      <c r="MT673" s="613"/>
      <c r="MU673" s="613"/>
      <c r="MV673" s="613"/>
      <c r="MW673" s="613"/>
      <c r="MX673" s="613"/>
      <c r="MY673" s="613"/>
      <c r="MZ673" s="613"/>
      <c r="NA673" s="613"/>
      <c r="NB673" s="613"/>
      <c r="NC673" s="613"/>
      <c r="ND673" s="613"/>
      <c r="NE673" s="613"/>
      <c r="NF673" s="613"/>
      <c r="NG673" s="613"/>
      <c r="NH673" s="613"/>
      <c r="NI673" s="613"/>
      <c r="NJ673" s="613"/>
      <c r="NK673" s="613"/>
      <c r="NL673" s="613"/>
      <c r="NM673" s="613"/>
      <c r="NN673" s="613"/>
      <c r="NO673" s="613"/>
      <c r="NP673" s="613"/>
      <c r="NQ673" s="613"/>
      <c r="NR673" s="613"/>
      <c r="NS673" s="613"/>
      <c r="NT673" s="613"/>
      <c r="NU673" s="613"/>
      <c r="NV673" s="613"/>
      <c r="NW673" s="613"/>
      <c r="NX673" s="613"/>
      <c r="NY673" s="613"/>
      <c r="NZ673" s="613"/>
      <c r="OA673" s="613"/>
      <c r="OB673" s="613"/>
      <c r="OC673" s="613"/>
      <c r="OD673" s="613"/>
      <c r="OE673" s="613"/>
      <c r="OF673" s="613"/>
      <c r="OG673" s="613"/>
      <c r="OH673" s="613"/>
      <c r="OI673" s="613"/>
      <c r="OJ673" s="613"/>
      <c r="OK673" s="613"/>
      <c r="OL673" s="613"/>
      <c r="OM673" s="613"/>
      <c r="ON673" s="613"/>
      <c r="OO673" s="613"/>
      <c r="OP673" s="613"/>
      <c r="OQ673" s="613"/>
      <c r="OR673" s="613"/>
      <c r="OS673" s="613"/>
      <c r="OT673" s="613"/>
      <c r="OU673" s="613"/>
      <c r="OV673" s="613"/>
      <c r="OW673" s="613"/>
      <c r="OX673" s="613"/>
      <c r="OY673" s="613"/>
      <c r="OZ673" s="613"/>
      <c r="PA673" s="613"/>
      <c r="PB673" s="613"/>
      <c r="PC673" s="613"/>
      <c r="PD673" s="613"/>
      <c r="PE673" s="613"/>
      <c r="PF673" s="613"/>
      <c r="PG673" s="613"/>
      <c r="PH673" s="613"/>
      <c r="PI673" s="613"/>
      <c r="PJ673" s="613"/>
      <c r="PK673" s="613"/>
      <c r="PL673" s="613"/>
      <c r="PM673" s="613"/>
      <c r="PN673" s="613"/>
      <c r="PO673" s="613"/>
      <c r="PP673" s="613"/>
      <c r="PQ673" s="613"/>
      <c r="PR673" s="613"/>
      <c r="PS673" s="613"/>
      <c r="PT673" s="613"/>
      <c r="PU673" s="613"/>
      <c r="PV673" s="613"/>
      <c r="PW673" s="613"/>
      <c r="PX673" s="613"/>
      <c r="PY673" s="613"/>
      <c r="PZ673" s="613"/>
      <c r="QA673" s="613"/>
      <c r="QB673" s="613"/>
      <c r="QC673" s="613"/>
      <c r="QD673" s="613"/>
      <c r="QE673" s="613"/>
      <c r="QF673" s="613"/>
      <c r="QG673" s="613"/>
      <c r="QH673" s="613"/>
      <c r="QI673" s="613"/>
      <c r="QJ673" s="613"/>
      <c r="QK673" s="613"/>
      <c r="QL673" s="613"/>
      <c r="QM673" s="613"/>
      <c r="QN673" s="613"/>
      <c r="QO673" s="613"/>
      <c r="QP673" s="613"/>
      <c r="QQ673" s="613"/>
      <c r="QR673" s="613"/>
      <c r="QS673" s="613"/>
      <c r="QT673" s="613"/>
      <c r="QU673" s="613"/>
      <c r="QV673" s="613"/>
      <c r="QW673" s="613"/>
      <c r="QX673" s="613"/>
      <c r="QY673" s="613"/>
      <c r="QZ673" s="613"/>
      <c r="RA673" s="613"/>
      <c r="RB673" s="613"/>
      <c r="RC673" s="613"/>
      <c r="RD673" s="613"/>
      <c r="RE673" s="613"/>
      <c r="RF673" s="613"/>
      <c r="RG673" s="613"/>
      <c r="RH673" s="613"/>
      <c r="RI673" s="613"/>
      <c r="RJ673" s="613"/>
      <c r="RK673" s="613"/>
      <c r="RL673" s="613"/>
      <c r="RM673" s="613"/>
      <c r="RN673" s="613"/>
      <c r="RO673" s="613"/>
      <c r="RP673" s="613"/>
      <c r="RQ673" s="613"/>
      <c r="RR673" s="613"/>
      <c r="RS673" s="613"/>
      <c r="RT673" s="613"/>
      <c r="RU673" s="613"/>
      <c r="RV673" s="613"/>
      <c r="RW673" s="613"/>
      <c r="RX673" s="613"/>
      <c r="RY673" s="613"/>
      <c r="RZ673" s="613"/>
      <c r="SA673" s="613"/>
      <c r="SB673" s="613"/>
      <c r="SC673" s="613"/>
      <c r="SD673" s="613"/>
      <c r="SE673" s="613"/>
      <c r="SF673" s="613"/>
      <c r="SG673" s="613"/>
      <c r="SH673" s="613"/>
      <c r="SI673" s="613"/>
      <c r="SJ673" s="613"/>
      <c r="SK673" s="613"/>
      <c r="SL673" s="613"/>
      <c r="SM673" s="613"/>
      <c r="SN673" s="613"/>
      <c r="SO673" s="613"/>
      <c r="SP673" s="613"/>
      <c r="SQ673" s="613"/>
      <c r="SR673" s="613"/>
      <c r="SS673" s="613"/>
      <c r="ST673" s="613"/>
      <c r="SU673" s="613"/>
      <c r="SV673" s="613"/>
      <c r="SW673" s="613"/>
      <c r="SX673" s="613"/>
      <c r="SY673" s="613"/>
      <c r="SZ673" s="613"/>
      <c r="TA673" s="613"/>
      <c r="TB673" s="613"/>
      <c r="TC673" s="613"/>
      <c r="TD673" s="613"/>
      <c r="TE673" s="613"/>
      <c r="TF673" s="613"/>
      <c r="TG673" s="613"/>
      <c r="TH673" s="613"/>
      <c r="TI673" s="613"/>
      <c r="TJ673" s="613"/>
      <c r="TK673" s="613"/>
      <c r="TL673" s="613"/>
      <c r="TM673" s="613"/>
      <c r="TN673" s="613"/>
      <c r="TO673" s="613"/>
      <c r="TP673" s="613"/>
      <c r="TQ673" s="613"/>
      <c r="TR673" s="613"/>
      <c r="TS673" s="613"/>
      <c r="TT673" s="613"/>
      <c r="TU673" s="613"/>
      <c r="TV673" s="613"/>
      <c r="TW673" s="613"/>
      <c r="TX673" s="613"/>
      <c r="TY673" s="613"/>
      <c r="TZ673" s="613"/>
      <c r="UA673" s="613"/>
      <c r="UB673" s="613"/>
      <c r="UC673" s="613"/>
      <c r="UD673" s="613"/>
      <c r="UE673" s="613"/>
      <c r="UF673" s="613"/>
      <c r="UG673" s="613"/>
      <c r="UH673" s="613"/>
      <c r="UI673" s="613"/>
      <c r="UJ673" s="613"/>
      <c r="UK673" s="613"/>
      <c r="UL673" s="613"/>
      <c r="UM673" s="613"/>
      <c r="UN673" s="613"/>
      <c r="UO673" s="613"/>
      <c r="UP673" s="613"/>
      <c r="UQ673" s="613"/>
      <c r="UR673" s="613"/>
      <c r="US673" s="613"/>
      <c r="UT673" s="613"/>
      <c r="UU673" s="613"/>
      <c r="UV673" s="613"/>
      <c r="UW673" s="613"/>
      <c r="UX673" s="613"/>
      <c r="UY673" s="613"/>
      <c r="UZ673" s="613"/>
      <c r="VA673" s="613"/>
      <c r="VB673" s="613"/>
      <c r="VC673" s="613"/>
      <c r="VD673" s="613"/>
      <c r="VE673" s="613"/>
      <c r="VF673" s="613"/>
      <c r="VG673" s="613"/>
      <c r="VH673" s="613"/>
      <c r="VI673" s="613"/>
      <c r="VJ673" s="613"/>
      <c r="VK673" s="613"/>
      <c r="VL673" s="613"/>
      <c r="VM673" s="613"/>
      <c r="VN673" s="613"/>
      <c r="VO673" s="613"/>
      <c r="VP673" s="613"/>
      <c r="VQ673" s="613"/>
      <c r="VR673" s="613"/>
      <c r="VS673" s="613"/>
      <c r="VT673" s="613"/>
      <c r="VU673" s="613"/>
      <c r="VV673" s="613"/>
      <c r="VW673" s="613"/>
      <c r="VX673" s="613"/>
      <c r="VY673" s="613"/>
      <c r="VZ673" s="613"/>
      <c r="WA673" s="613"/>
      <c r="WB673" s="613"/>
      <c r="WC673" s="613"/>
      <c r="WD673" s="613"/>
      <c r="WE673" s="613"/>
      <c r="WF673" s="613"/>
      <c r="WG673" s="613"/>
      <c r="WH673" s="613"/>
      <c r="WI673" s="613"/>
      <c r="WJ673" s="613"/>
      <c r="WK673" s="613"/>
      <c r="WL673" s="613"/>
      <c r="WM673" s="613"/>
      <c r="WN673" s="613"/>
      <c r="WO673" s="613"/>
      <c r="WP673" s="613"/>
      <c r="WQ673" s="613"/>
      <c r="WR673" s="613"/>
      <c r="WS673" s="613"/>
      <c r="WT673" s="613"/>
      <c r="WU673" s="613"/>
      <c r="WV673" s="613"/>
      <c r="WW673" s="613"/>
      <c r="WX673" s="613"/>
      <c r="WY673" s="613"/>
      <c r="WZ673" s="613"/>
      <c r="XA673" s="613"/>
      <c r="XB673" s="613"/>
      <c r="XC673" s="613"/>
      <c r="XD673" s="613"/>
      <c r="XE673" s="613"/>
      <c r="XF673" s="613"/>
      <c r="XG673" s="613"/>
      <c r="XH673" s="613"/>
      <c r="XI673" s="613"/>
      <c r="XJ673" s="613"/>
      <c r="XK673" s="613"/>
      <c r="XL673" s="613"/>
      <c r="XM673" s="613"/>
      <c r="XN673" s="613"/>
      <c r="XO673" s="613"/>
      <c r="XP673" s="613"/>
      <c r="XQ673" s="613"/>
      <c r="XR673" s="613"/>
      <c r="XS673" s="613"/>
      <c r="XT673" s="613"/>
      <c r="XU673" s="613"/>
      <c r="XV673" s="613"/>
      <c r="XW673" s="613"/>
      <c r="XX673" s="613"/>
      <c r="XY673" s="613"/>
      <c r="XZ673" s="613"/>
      <c r="YA673" s="613"/>
      <c r="YB673" s="613"/>
      <c r="YC673" s="613"/>
      <c r="YD673" s="613"/>
      <c r="YE673" s="613"/>
      <c r="YF673" s="613"/>
      <c r="YG673" s="613"/>
      <c r="YH673" s="613"/>
      <c r="YI673" s="613"/>
      <c r="YJ673" s="613"/>
      <c r="YK673" s="613"/>
      <c r="YL673" s="613"/>
      <c r="YM673" s="613"/>
      <c r="YN673" s="613"/>
      <c r="YO673" s="613"/>
      <c r="YP673" s="613"/>
      <c r="YQ673" s="613"/>
      <c r="YR673" s="613"/>
      <c r="YS673" s="613"/>
      <c r="YT673" s="613"/>
      <c r="YU673" s="613"/>
      <c r="YV673" s="613"/>
      <c r="YW673" s="613"/>
      <c r="YX673" s="613"/>
      <c r="YY673" s="613"/>
      <c r="YZ673" s="613"/>
      <c r="ZA673" s="613"/>
      <c r="ZB673" s="613"/>
      <c r="ZC673" s="613"/>
      <c r="ZD673" s="613"/>
      <c r="ZE673" s="613"/>
      <c r="ZF673" s="613"/>
      <c r="ZG673" s="613"/>
      <c r="ZH673" s="613"/>
      <c r="ZI673" s="613"/>
      <c r="ZJ673" s="613"/>
      <c r="ZK673" s="613"/>
      <c r="ZL673" s="613"/>
      <c r="ZM673" s="613"/>
      <c r="ZN673" s="613"/>
      <c r="ZO673" s="613"/>
      <c r="ZP673" s="613"/>
      <c r="ZQ673" s="613"/>
      <c r="ZR673" s="613"/>
      <c r="ZS673" s="613"/>
      <c r="ZT673" s="613"/>
      <c r="ZU673" s="613"/>
      <c r="ZV673" s="613"/>
      <c r="ZW673" s="613"/>
      <c r="ZX673" s="613"/>
      <c r="ZY673" s="613"/>
      <c r="ZZ673" s="613"/>
      <c r="AAA673" s="613"/>
      <c r="AAB673" s="613"/>
      <c r="AAC673" s="613"/>
      <c r="AAD673" s="613"/>
      <c r="AAE673" s="613"/>
      <c r="AAF673" s="613"/>
      <c r="AAG673" s="613"/>
      <c r="AAH673" s="613"/>
      <c r="AAI673" s="613"/>
      <c r="AAJ673" s="613"/>
      <c r="AAK673" s="613"/>
      <c r="AAL673" s="613"/>
      <c r="AAM673" s="613"/>
      <c r="AAN673" s="613"/>
      <c r="AAO673" s="613"/>
      <c r="AAP673" s="613"/>
      <c r="AAQ673" s="613"/>
      <c r="AAR673" s="613"/>
      <c r="AAS673" s="613"/>
      <c r="AAT673" s="613"/>
      <c r="AAU673" s="613"/>
      <c r="AAV673" s="613"/>
      <c r="AAW673" s="613"/>
      <c r="AAX673" s="613"/>
      <c r="AAY673" s="613"/>
      <c r="AAZ673" s="613"/>
      <c r="ABA673" s="613"/>
      <c r="ABB673" s="613"/>
      <c r="ABC673" s="613"/>
      <c r="ABD673" s="613"/>
      <c r="ABE673" s="613"/>
      <c r="ABF673" s="613"/>
      <c r="ABG673" s="613"/>
      <c r="ABH673" s="613"/>
      <c r="ABI673" s="613"/>
      <c r="ABJ673" s="613"/>
      <c r="ABK673" s="613"/>
      <c r="ABL673" s="613"/>
      <c r="ABM673" s="613"/>
      <c r="ABN673" s="613"/>
      <c r="ABO673" s="613"/>
      <c r="ABP673" s="613"/>
      <c r="ABQ673" s="613"/>
      <c r="ABR673" s="613"/>
      <c r="ABS673" s="613"/>
      <c r="ABT673" s="613"/>
      <c r="ABU673" s="613"/>
      <c r="ABV673" s="613"/>
      <c r="ABW673" s="613"/>
      <c r="ABX673" s="613"/>
      <c r="ABY673" s="613"/>
      <c r="ABZ673" s="613"/>
      <c r="ACA673" s="613"/>
      <c r="ACB673" s="613"/>
      <c r="ACC673" s="613"/>
      <c r="ACD673" s="613"/>
      <c r="ACE673" s="613"/>
      <c r="ACF673" s="613"/>
      <c r="ACG673" s="613"/>
      <c r="ACH673" s="613"/>
      <c r="ACI673" s="613"/>
      <c r="ACJ673" s="613"/>
      <c r="ACK673" s="613"/>
      <c r="ACL673" s="613"/>
      <c r="ACM673" s="613"/>
      <c r="ACN673" s="613"/>
      <c r="ACO673" s="613"/>
      <c r="ACP673" s="613"/>
      <c r="ACQ673" s="613"/>
      <c r="ACR673" s="613"/>
      <c r="ACS673" s="613"/>
      <c r="ACT673" s="613"/>
      <c r="ACU673" s="613"/>
      <c r="ACV673" s="613"/>
      <c r="ACW673" s="613"/>
      <c r="ACX673" s="613"/>
      <c r="ACY673" s="613"/>
      <c r="ACZ673" s="613"/>
      <c r="ADA673" s="613"/>
      <c r="ADB673" s="613"/>
      <c r="ADC673" s="613"/>
      <c r="ADD673" s="613"/>
      <c r="ADE673" s="613"/>
      <c r="ADF673" s="613"/>
      <c r="ADG673" s="613"/>
      <c r="ADH673" s="613"/>
      <c r="ADI673" s="613"/>
      <c r="ADJ673" s="613"/>
      <c r="ADK673" s="613"/>
      <c r="ADL673" s="613"/>
      <c r="ADM673" s="613"/>
      <c r="ADN673" s="613"/>
      <c r="ADO673" s="613"/>
      <c r="ADP673" s="613"/>
      <c r="ADQ673" s="613"/>
      <c r="ADR673" s="613"/>
      <c r="ADS673" s="613"/>
      <c r="ADT673" s="613"/>
      <c r="ADU673" s="613"/>
      <c r="ADV673" s="613"/>
      <c r="ADW673" s="613"/>
      <c r="ADX673" s="613"/>
      <c r="ADY673" s="613"/>
      <c r="ADZ673" s="613"/>
      <c r="AEA673" s="613"/>
      <c r="AEB673" s="613"/>
      <c r="AEC673" s="613"/>
      <c r="AED673" s="613"/>
      <c r="AEE673" s="613"/>
      <c r="AEF673" s="613"/>
      <c r="AEG673" s="613"/>
      <c r="AEH673" s="613"/>
      <c r="AEI673" s="613"/>
      <c r="AEJ673" s="613"/>
      <c r="AEK673" s="613"/>
      <c r="AEL673" s="613"/>
      <c r="AEM673" s="613"/>
      <c r="AEN673" s="613"/>
      <c r="AEO673" s="613"/>
      <c r="AEP673" s="613"/>
      <c r="AEQ673" s="613"/>
      <c r="AER673" s="613"/>
      <c r="AES673" s="613"/>
      <c r="AET673" s="613"/>
      <c r="AEU673" s="613"/>
      <c r="AEV673" s="613"/>
      <c r="AEW673" s="613"/>
      <c r="AEX673" s="613"/>
      <c r="AEY673" s="613"/>
      <c r="AEZ673" s="613"/>
      <c r="AFA673" s="613"/>
      <c r="AFB673" s="613"/>
      <c r="AFC673" s="613"/>
      <c r="AFD673" s="613"/>
      <c r="AFE673" s="613"/>
      <c r="AFF673" s="613"/>
      <c r="AFG673" s="613"/>
      <c r="AFH673" s="613"/>
      <c r="AFI673" s="613"/>
      <c r="AFJ673" s="613"/>
      <c r="AFK673" s="613"/>
      <c r="AFL673" s="613"/>
      <c r="AFM673" s="613"/>
      <c r="AFN673" s="613"/>
      <c r="AFO673" s="613"/>
      <c r="AFP673" s="613"/>
      <c r="AFQ673" s="613"/>
      <c r="AFR673" s="613"/>
      <c r="AFS673" s="613"/>
      <c r="AFT673" s="613"/>
      <c r="AFU673" s="613"/>
      <c r="AFV673" s="613"/>
      <c r="AFW673" s="613"/>
      <c r="AFX673" s="613"/>
      <c r="AFY673" s="613"/>
      <c r="AFZ673" s="613"/>
      <c r="AGA673" s="613"/>
      <c r="AGB673" s="613"/>
      <c r="AGC673" s="613"/>
      <c r="AGD673" s="613"/>
      <c r="AGE673" s="613"/>
      <c r="AGF673" s="613"/>
      <c r="AGG673" s="613"/>
      <c r="AGH673" s="613"/>
      <c r="AGI673" s="613"/>
      <c r="AGJ673" s="613"/>
      <c r="AGK673" s="613"/>
      <c r="AGL673" s="613"/>
      <c r="AGM673" s="613"/>
      <c r="AGN673" s="613"/>
      <c r="AGO673" s="613"/>
      <c r="AGP673" s="613"/>
      <c r="AGQ673" s="613"/>
      <c r="AGR673" s="613"/>
      <c r="AGS673" s="613"/>
      <c r="AGT673" s="613"/>
      <c r="AGU673" s="613"/>
      <c r="AGV673" s="613"/>
      <c r="AGW673" s="613"/>
      <c r="AGX673" s="613"/>
      <c r="AGY673" s="613"/>
      <c r="AGZ673" s="613"/>
      <c r="AHA673" s="613"/>
      <c r="AHB673" s="613"/>
      <c r="AHC673" s="613"/>
      <c r="AHD673" s="613"/>
      <c r="AHE673" s="613"/>
      <c r="AHF673" s="613"/>
      <c r="AHG673" s="613"/>
      <c r="AHH673" s="613"/>
      <c r="AHI673" s="613"/>
      <c r="AHJ673" s="613"/>
      <c r="AHK673" s="613"/>
      <c r="AHL673" s="613"/>
      <c r="AHM673" s="613"/>
      <c r="AHN673" s="613"/>
      <c r="AHO673" s="613"/>
      <c r="AHP673" s="613"/>
      <c r="AHQ673" s="613"/>
      <c r="AHR673" s="613"/>
      <c r="AHS673" s="613"/>
      <c r="AHT673" s="613"/>
      <c r="AHU673" s="613"/>
      <c r="AHV673" s="613"/>
      <c r="AHW673" s="613"/>
      <c r="AHX673" s="613"/>
      <c r="AHY673" s="613"/>
      <c r="AHZ673" s="613"/>
      <c r="AIA673" s="613"/>
      <c r="AIB673" s="613"/>
      <c r="AIC673" s="613"/>
      <c r="AID673" s="613"/>
      <c r="AIE673" s="613"/>
      <c r="AIF673" s="613"/>
      <c r="AIG673" s="613"/>
      <c r="AIH673" s="613"/>
      <c r="AII673" s="613"/>
      <c r="AIJ673" s="613"/>
      <c r="AIK673" s="613"/>
      <c r="AIL673" s="613"/>
      <c r="AIM673" s="613"/>
      <c r="AIN673" s="613"/>
      <c r="AIO673" s="613"/>
      <c r="AIP673" s="613"/>
      <c r="AIQ673" s="613"/>
      <c r="AIR673" s="613"/>
      <c r="AIS673" s="613"/>
      <c r="AIT673" s="613"/>
      <c r="AIU673" s="613"/>
      <c r="AIV673" s="613"/>
      <c r="AIW673" s="613"/>
      <c r="AIX673" s="613"/>
      <c r="AIY673" s="613"/>
      <c r="AIZ673" s="613"/>
      <c r="AJA673" s="613"/>
      <c r="AJB673" s="613"/>
      <c r="AJC673" s="613"/>
      <c r="AJD673" s="613"/>
      <c r="AJE673" s="613"/>
      <c r="AJF673" s="613"/>
      <c r="AJG673" s="613"/>
      <c r="AJH673" s="613"/>
      <c r="AJI673" s="613"/>
      <c r="AJJ673" s="613"/>
      <c r="AJK673" s="613"/>
      <c r="AJL673" s="613"/>
      <c r="AJM673" s="613"/>
      <c r="AJN673" s="613"/>
      <c r="AJO673" s="613"/>
      <c r="AJP673" s="613"/>
      <c r="AJQ673" s="613"/>
      <c r="AJR673" s="613"/>
      <c r="AJS673" s="613"/>
      <c r="AJT673" s="613"/>
      <c r="AJU673" s="613"/>
      <c r="AJV673" s="613"/>
      <c r="AJW673" s="613"/>
      <c r="AJX673" s="613"/>
      <c r="AJY673" s="613"/>
      <c r="AJZ673" s="613"/>
      <c r="AKA673" s="613"/>
      <c r="AKB673" s="613"/>
      <c r="AKC673" s="613"/>
      <c r="AKD673" s="613"/>
      <c r="AKE673" s="613"/>
      <c r="AKF673" s="613"/>
      <c r="AKG673" s="613"/>
      <c r="AKH673" s="613"/>
      <c r="AKI673" s="613"/>
      <c r="AKJ673" s="613"/>
      <c r="AKK673" s="613"/>
      <c r="AKL673" s="613"/>
      <c r="AKM673" s="613"/>
      <c r="AKN673" s="613"/>
      <c r="AKO673" s="613"/>
      <c r="AKP673" s="613"/>
      <c r="AKQ673" s="613"/>
      <c r="AKR673" s="613"/>
      <c r="AKS673" s="613"/>
      <c r="AKT673" s="613"/>
      <c r="AKU673" s="613"/>
      <c r="AKV673" s="613"/>
      <c r="AKW673" s="613"/>
      <c r="AKX673" s="613"/>
      <c r="AKY673" s="613"/>
      <c r="AKZ673" s="613"/>
      <c r="ALA673" s="613"/>
      <c r="ALB673" s="613"/>
      <c r="ALC673" s="613"/>
      <c r="ALD673" s="613"/>
      <c r="ALE673" s="613"/>
      <c r="ALF673" s="613"/>
      <c r="ALG673" s="613"/>
      <c r="ALH673" s="613"/>
      <c r="ALI673" s="613"/>
      <c r="ALJ673" s="613"/>
      <c r="ALK673" s="613"/>
      <c r="ALL673" s="613"/>
      <c r="ALM673" s="613"/>
      <c r="ALN673" s="613"/>
      <c r="ALO673" s="613"/>
      <c r="ALP673" s="613"/>
      <c r="ALQ673" s="613"/>
      <c r="ALR673" s="613"/>
      <c r="ALS673" s="613"/>
      <c r="ALT673" s="613"/>
      <c r="ALU673" s="613"/>
      <c r="ALV673" s="613"/>
      <c r="ALW673" s="613"/>
      <c r="ALX673" s="613"/>
      <c r="ALY673" s="613"/>
      <c r="ALZ673" s="613"/>
      <c r="AMA673" s="613"/>
      <c r="AMB673" s="613"/>
      <c r="AMC673" s="613"/>
      <c r="AMD673" s="613"/>
      <c r="AME673" s="613"/>
      <c r="AMF673" s="613"/>
      <c r="AMG673" s="613"/>
      <c r="AMH673" s="613"/>
      <c r="AMI673" s="613"/>
      <c r="AMJ673" s="613"/>
      <c r="AMK673" s="613"/>
      <c r="AML673" s="613"/>
      <c r="AMM673" s="613"/>
      <c r="AMN673" s="613"/>
      <c r="AMO673" s="613"/>
      <c r="AMP673" s="613"/>
      <c r="AMQ673" s="613"/>
      <c r="AMR673" s="613"/>
      <c r="AMS673" s="613"/>
      <c r="AMT673" s="613"/>
      <c r="AMU673" s="613"/>
      <c r="AMV673" s="613"/>
      <c r="AMW673" s="613"/>
      <c r="AMX673" s="613"/>
      <c r="AMY673" s="613"/>
      <c r="AMZ673" s="613"/>
      <c r="ANA673" s="613"/>
      <c r="ANB673" s="613"/>
      <c r="ANC673" s="613"/>
      <c r="AND673" s="613"/>
      <c r="ANE673" s="613"/>
      <c r="ANF673" s="613"/>
      <c r="ANG673" s="613"/>
      <c r="ANH673" s="613"/>
      <c r="ANI673" s="613"/>
      <c r="ANJ673" s="613"/>
      <c r="ANK673" s="613"/>
      <c r="ANL673" s="613"/>
      <c r="ANM673" s="613"/>
      <c r="ANN673" s="613"/>
      <c r="ANO673" s="613"/>
      <c r="ANP673" s="613"/>
      <c r="ANQ673" s="613"/>
      <c r="ANR673" s="613"/>
      <c r="ANS673" s="613"/>
      <c r="ANT673" s="613"/>
      <c r="ANU673" s="613"/>
      <c r="ANV673" s="613"/>
      <c r="ANW673" s="613"/>
      <c r="ANX673" s="613"/>
      <c r="ANY673" s="613"/>
      <c r="ANZ673" s="613"/>
      <c r="AOA673" s="613"/>
      <c r="AOB673" s="613"/>
      <c r="AOC673" s="613"/>
      <c r="AOD673" s="613"/>
      <c r="AOE673" s="613"/>
      <c r="AOF673" s="613"/>
      <c r="AOG673" s="613"/>
      <c r="AOH673" s="613"/>
      <c r="AOI673" s="613"/>
      <c r="AOJ673" s="613"/>
      <c r="AOK673" s="613"/>
      <c r="AOL673" s="613"/>
      <c r="AOM673" s="613"/>
      <c r="AON673" s="613"/>
      <c r="AOO673" s="613"/>
      <c r="AOP673" s="613"/>
      <c r="AOQ673" s="613"/>
      <c r="AOR673" s="613"/>
      <c r="AOS673" s="613"/>
      <c r="AOT673" s="613"/>
      <c r="AOU673" s="613"/>
      <c r="AOV673" s="613"/>
      <c r="AOW673" s="613"/>
      <c r="AOX673" s="613"/>
      <c r="AOY673" s="613"/>
      <c r="AOZ673" s="613"/>
      <c r="APA673" s="613"/>
      <c r="APB673" s="613"/>
      <c r="APC673" s="613"/>
      <c r="APD673" s="613"/>
      <c r="APE673" s="613"/>
      <c r="APF673" s="613"/>
      <c r="APG673" s="613"/>
      <c r="APH673" s="613"/>
      <c r="API673" s="613"/>
      <c r="APJ673" s="613"/>
      <c r="APK673" s="613"/>
      <c r="APL673" s="613"/>
      <c r="APM673" s="613"/>
      <c r="APN673" s="613"/>
      <c r="APO673" s="613"/>
      <c r="APP673" s="613"/>
      <c r="APQ673" s="613"/>
      <c r="APR673" s="613"/>
      <c r="APS673" s="613"/>
      <c r="APT673" s="613"/>
      <c r="APU673" s="613"/>
      <c r="APV673" s="613"/>
      <c r="APW673" s="613"/>
      <c r="APX673" s="613"/>
      <c r="APY673" s="613"/>
      <c r="APZ673" s="613"/>
      <c r="AQA673" s="613"/>
      <c r="AQB673" s="613"/>
      <c r="AQC673" s="613"/>
      <c r="AQD673" s="613"/>
      <c r="AQE673" s="613"/>
      <c r="AQF673" s="613"/>
      <c r="AQG673" s="613"/>
      <c r="AQH673" s="613"/>
      <c r="AQI673" s="613"/>
      <c r="AQJ673" s="613"/>
      <c r="AQK673" s="613"/>
      <c r="AQL673" s="613"/>
      <c r="AQM673" s="613"/>
      <c r="AQN673" s="613"/>
      <c r="AQO673" s="613"/>
      <c r="AQP673" s="613"/>
      <c r="AQQ673" s="613"/>
      <c r="AQR673" s="613"/>
      <c r="AQS673" s="613"/>
      <c r="AQT673" s="613"/>
      <c r="AQU673" s="613"/>
      <c r="AQV673" s="613"/>
      <c r="AQW673" s="613"/>
      <c r="AQX673" s="613"/>
      <c r="AQY673" s="613"/>
      <c r="AQZ673" s="613"/>
      <c r="ARA673" s="613"/>
      <c r="ARB673" s="613"/>
      <c r="ARC673" s="613"/>
      <c r="ARD673" s="613"/>
      <c r="ARE673" s="613"/>
      <c r="ARF673" s="613"/>
      <c r="ARG673" s="613"/>
      <c r="ARH673" s="613"/>
      <c r="ARI673" s="613"/>
      <c r="ARJ673" s="613"/>
      <c r="ARK673" s="613"/>
      <c r="ARL673" s="613"/>
      <c r="ARM673" s="613"/>
      <c r="ARN673" s="613"/>
      <c r="ARO673" s="613"/>
      <c r="ARP673" s="613"/>
      <c r="ARQ673" s="613"/>
      <c r="ARR673" s="613"/>
      <c r="ARS673" s="613"/>
      <c r="ART673" s="613"/>
      <c r="ARU673" s="613"/>
      <c r="ARV673" s="613"/>
      <c r="ARW673" s="613"/>
      <c r="ARX673" s="613"/>
      <c r="ARY673" s="613"/>
      <c r="ARZ673" s="613"/>
      <c r="ASA673" s="613"/>
      <c r="ASB673" s="613"/>
      <c r="ASC673" s="613"/>
      <c r="ASD673" s="613"/>
      <c r="ASE673" s="613"/>
      <c r="ASF673" s="613"/>
      <c r="ASG673" s="613"/>
      <c r="ASH673" s="613"/>
      <c r="ASI673" s="613"/>
      <c r="ASJ673" s="613"/>
      <c r="ASK673" s="613"/>
      <c r="ASL673" s="613"/>
      <c r="ASM673" s="613"/>
      <c r="ASN673" s="613"/>
      <c r="ASO673" s="613"/>
      <c r="ASP673" s="613"/>
      <c r="ASQ673" s="613"/>
      <c r="ASR673" s="613"/>
      <c r="ASS673" s="613"/>
      <c r="AST673" s="613"/>
      <c r="ASU673" s="613"/>
      <c r="ASV673" s="613"/>
      <c r="ASW673" s="613"/>
      <c r="ASX673" s="613"/>
      <c r="ASY673" s="613"/>
      <c r="ASZ673" s="613"/>
      <c r="ATA673" s="613"/>
      <c r="ATB673" s="613"/>
      <c r="ATC673" s="613"/>
      <c r="ATD673" s="613"/>
      <c r="ATE673" s="613"/>
      <c r="ATF673" s="613"/>
      <c r="ATG673" s="613"/>
      <c r="ATH673" s="613"/>
      <c r="ATI673" s="613"/>
      <c r="ATJ673" s="613"/>
      <c r="ATK673" s="613"/>
      <c r="ATL673" s="613"/>
      <c r="ATM673" s="613"/>
      <c r="ATN673" s="613"/>
      <c r="ATO673" s="613"/>
      <c r="ATP673" s="613"/>
      <c r="ATQ673" s="613"/>
      <c r="ATR673" s="613"/>
      <c r="ATS673" s="613"/>
      <c r="ATT673" s="613"/>
      <c r="ATU673" s="613"/>
      <c r="ATV673" s="613"/>
      <c r="ATW673" s="613"/>
      <c r="ATX673" s="613"/>
      <c r="ATY673" s="613"/>
      <c r="ATZ673" s="613"/>
      <c r="AUA673" s="613"/>
      <c r="AUB673" s="613"/>
      <c r="AUC673" s="613"/>
      <c r="AUD673" s="613"/>
      <c r="AUE673" s="613"/>
      <c r="AUF673" s="613"/>
      <c r="AUG673" s="613"/>
      <c r="AUH673" s="613"/>
      <c r="AUI673" s="613"/>
      <c r="AUJ673" s="613"/>
      <c r="AUK673" s="613"/>
      <c r="AUL673" s="613"/>
      <c r="AUM673" s="613"/>
      <c r="AUN673" s="613"/>
      <c r="AUO673" s="613"/>
      <c r="AUP673" s="613"/>
      <c r="AUQ673" s="613"/>
      <c r="AUR673" s="613"/>
      <c r="AUS673" s="613"/>
      <c r="AUT673" s="613"/>
      <c r="AUU673" s="613"/>
      <c r="AUV673" s="613"/>
      <c r="AUW673" s="613"/>
      <c r="AUX673" s="613"/>
      <c r="AUY673" s="613"/>
      <c r="AUZ673" s="613"/>
      <c r="AVA673" s="613"/>
      <c r="AVB673" s="613"/>
      <c r="AVC673" s="613"/>
      <c r="AVD673" s="613"/>
      <c r="AVE673" s="613"/>
      <c r="AVF673" s="613"/>
      <c r="AVG673" s="613"/>
      <c r="AVH673" s="613"/>
      <c r="AVI673" s="613"/>
      <c r="AVJ673" s="613"/>
      <c r="AVK673" s="613"/>
      <c r="AVL673" s="613"/>
      <c r="AVM673" s="613"/>
      <c r="AVN673" s="613"/>
      <c r="AVO673" s="613"/>
      <c r="AVP673" s="613"/>
      <c r="AVQ673" s="613"/>
      <c r="AVR673" s="613"/>
      <c r="AVS673" s="613"/>
      <c r="AVT673" s="613"/>
      <c r="AVU673" s="613"/>
      <c r="AVV673" s="613"/>
      <c r="AVW673" s="613"/>
      <c r="AVX673" s="613"/>
      <c r="AVY673" s="613"/>
      <c r="AVZ673" s="613"/>
      <c r="AWA673" s="613"/>
      <c r="AWB673" s="613"/>
      <c r="AWC673" s="613"/>
      <c r="AWD673" s="613"/>
      <c r="AWE673" s="613"/>
      <c r="AWF673" s="613"/>
      <c r="AWG673" s="613"/>
      <c r="AWH673" s="613"/>
      <c r="AWI673" s="613"/>
      <c r="AWJ673" s="613"/>
      <c r="AWK673" s="613"/>
      <c r="AWL673" s="613"/>
      <c r="AWM673" s="613"/>
      <c r="AWN673" s="613"/>
      <c r="AWO673" s="613"/>
      <c r="AWP673" s="613"/>
      <c r="AWQ673" s="613"/>
      <c r="AWR673" s="613"/>
      <c r="AWS673" s="613"/>
      <c r="AWT673" s="613"/>
      <c r="AWU673" s="613"/>
      <c r="AWV673" s="613"/>
      <c r="AWW673" s="613"/>
      <c r="AWX673" s="613"/>
      <c r="AWY673" s="613"/>
      <c r="AWZ673" s="613"/>
      <c r="AXA673" s="613"/>
      <c r="AXB673" s="613"/>
      <c r="AXC673" s="613"/>
      <c r="AXD673" s="613"/>
      <c r="AXE673" s="613"/>
      <c r="AXF673" s="613"/>
      <c r="AXG673" s="613"/>
      <c r="AXH673" s="613"/>
      <c r="AXI673" s="613"/>
      <c r="AXJ673" s="613"/>
      <c r="AXK673" s="613"/>
      <c r="AXL673" s="613"/>
      <c r="AXM673" s="613"/>
      <c r="AXN673" s="613"/>
      <c r="AXO673" s="613"/>
      <c r="AXP673" s="613"/>
      <c r="AXQ673" s="613"/>
      <c r="AXR673" s="613"/>
      <c r="AXS673" s="613"/>
      <c r="AXT673" s="613"/>
      <c r="AXU673" s="613"/>
      <c r="AXV673" s="613"/>
      <c r="AXW673" s="613"/>
      <c r="AXX673" s="613"/>
      <c r="AXY673" s="613"/>
      <c r="AXZ673" s="613"/>
      <c r="AYA673" s="613"/>
      <c r="AYB673" s="613"/>
      <c r="AYC673" s="613"/>
      <c r="AYD673" s="613"/>
      <c r="AYE673" s="613"/>
      <c r="AYF673" s="613"/>
      <c r="AYG673" s="613"/>
      <c r="AYH673" s="613"/>
      <c r="AYI673" s="613"/>
      <c r="AYJ673" s="613"/>
      <c r="AYK673" s="613"/>
      <c r="AYL673" s="613"/>
      <c r="AYM673" s="613"/>
      <c r="AYN673" s="613"/>
      <c r="AYO673" s="613"/>
      <c r="AYP673" s="613"/>
      <c r="AYQ673" s="613"/>
      <c r="AYR673" s="613"/>
      <c r="AYS673" s="613"/>
      <c r="AYT673" s="613"/>
      <c r="AYU673" s="613"/>
      <c r="AYV673" s="613"/>
      <c r="AYW673" s="613"/>
      <c r="AYX673" s="613"/>
      <c r="AYY673" s="613"/>
      <c r="AYZ673" s="613"/>
      <c r="AZA673" s="613"/>
      <c r="AZB673" s="613"/>
      <c r="AZC673" s="613"/>
      <c r="AZD673" s="613"/>
      <c r="AZE673" s="613"/>
      <c r="AZF673" s="613"/>
      <c r="AZG673" s="613"/>
      <c r="AZH673" s="613"/>
      <c r="AZI673" s="613"/>
      <c r="AZJ673" s="613"/>
      <c r="AZK673" s="613"/>
      <c r="AZL673" s="613"/>
      <c r="AZM673" s="613"/>
      <c r="AZN673" s="613"/>
      <c r="AZO673" s="613"/>
      <c r="AZP673" s="613"/>
      <c r="AZQ673" s="613"/>
      <c r="AZR673" s="613"/>
      <c r="AZS673" s="613"/>
      <c r="AZT673" s="613"/>
      <c r="AZU673" s="613"/>
      <c r="AZV673" s="613"/>
      <c r="AZW673" s="613"/>
      <c r="AZX673" s="613"/>
      <c r="AZY673" s="613"/>
      <c r="AZZ673" s="613"/>
      <c r="BAA673" s="613"/>
      <c r="BAB673" s="613"/>
      <c r="BAC673" s="613"/>
      <c r="BAD673" s="613"/>
      <c r="BAE673" s="613"/>
      <c r="BAF673" s="613"/>
      <c r="BAG673" s="613"/>
      <c r="BAH673" s="613"/>
      <c r="BAI673" s="613"/>
      <c r="BAJ673" s="613"/>
      <c r="BAK673" s="613"/>
      <c r="BAL673" s="613"/>
      <c r="BAM673" s="613"/>
      <c r="BAN673" s="613"/>
      <c r="BAO673" s="613"/>
      <c r="BAP673" s="613"/>
      <c r="BAQ673" s="613"/>
      <c r="BAR673" s="613"/>
      <c r="BAS673" s="613"/>
      <c r="BAT673" s="613"/>
      <c r="BAU673" s="613"/>
      <c r="BAV673" s="613"/>
      <c r="BAW673" s="613"/>
      <c r="BAX673" s="613"/>
      <c r="BAY673" s="613"/>
      <c r="BAZ673" s="613"/>
      <c r="BBA673" s="613"/>
      <c r="BBB673" s="613"/>
      <c r="BBC673" s="613"/>
      <c r="BBD673" s="613"/>
      <c r="BBE673" s="613"/>
      <c r="BBF673" s="613"/>
      <c r="BBG673" s="613"/>
      <c r="BBH673" s="613"/>
      <c r="BBI673" s="613"/>
      <c r="BBJ673" s="613"/>
      <c r="BBK673" s="613"/>
      <c r="BBL673" s="613"/>
      <c r="BBM673" s="613"/>
      <c r="BBN673" s="613"/>
      <c r="BBO673" s="613"/>
      <c r="BBP673" s="613"/>
      <c r="BBQ673" s="613"/>
      <c r="BBR673" s="613"/>
      <c r="BBS673" s="613"/>
      <c r="BBT673" s="613"/>
      <c r="BBU673" s="613"/>
      <c r="BBV673" s="613"/>
      <c r="BBW673" s="613"/>
      <c r="BBX673" s="613"/>
      <c r="BBY673" s="613"/>
      <c r="BBZ673" s="613"/>
      <c r="BCA673" s="613"/>
      <c r="BCB673" s="613"/>
      <c r="BCC673" s="613"/>
      <c r="BCD673" s="613"/>
      <c r="BCE673" s="613"/>
      <c r="BCF673" s="613"/>
      <c r="BCG673" s="613"/>
      <c r="BCH673" s="613"/>
      <c r="BCI673" s="613"/>
      <c r="BCJ673" s="613"/>
      <c r="BCK673" s="613"/>
      <c r="BCL673" s="613"/>
      <c r="BCM673" s="613"/>
      <c r="BCN673" s="613"/>
      <c r="BCO673" s="613"/>
      <c r="BCP673" s="613"/>
      <c r="BCQ673" s="613"/>
      <c r="BCR673" s="613"/>
      <c r="BCS673" s="613"/>
      <c r="BCT673" s="613"/>
      <c r="BCU673" s="613"/>
      <c r="BCV673" s="613"/>
      <c r="BCW673" s="613"/>
      <c r="BCX673" s="613"/>
      <c r="BCY673" s="613"/>
      <c r="BCZ673" s="613"/>
      <c r="BDA673" s="613"/>
      <c r="BDB673" s="613"/>
      <c r="BDC673" s="613"/>
      <c r="BDD673" s="613"/>
      <c r="BDE673" s="613"/>
      <c r="BDF673" s="613"/>
      <c r="BDG673" s="613"/>
      <c r="BDH673" s="613"/>
      <c r="BDI673" s="613"/>
      <c r="BDJ673" s="613"/>
      <c r="BDK673" s="613"/>
      <c r="BDL673" s="613"/>
      <c r="BDM673" s="613"/>
      <c r="BDN673" s="613"/>
      <c r="BDO673" s="613"/>
      <c r="BDP673" s="613"/>
      <c r="BDQ673" s="613"/>
      <c r="BDR673" s="613"/>
      <c r="BDS673" s="613"/>
      <c r="BDT673" s="613"/>
      <c r="BDU673" s="613"/>
      <c r="BDV673" s="613"/>
      <c r="BDW673" s="613"/>
      <c r="BDX673" s="613"/>
      <c r="BDY673" s="613"/>
      <c r="BDZ673" s="613"/>
      <c r="BEA673" s="613"/>
      <c r="BEB673" s="613"/>
      <c r="BEC673" s="613"/>
      <c r="BED673" s="613"/>
      <c r="BEE673" s="613"/>
      <c r="BEF673" s="613"/>
      <c r="BEG673" s="613"/>
      <c r="BEH673" s="613"/>
      <c r="BEI673" s="613"/>
      <c r="BEJ673" s="613"/>
      <c r="BEK673" s="613"/>
      <c r="BEL673" s="613"/>
      <c r="BEM673" s="613"/>
      <c r="BEN673" s="613"/>
      <c r="BEO673" s="613"/>
      <c r="BEP673" s="613"/>
      <c r="BEQ673" s="613"/>
      <c r="BER673" s="613"/>
      <c r="BES673" s="613"/>
      <c r="BET673" s="613"/>
      <c r="BEU673" s="613"/>
      <c r="BEV673" s="613"/>
      <c r="BEW673" s="613"/>
      <c r="BEX673" s="613"/>
      <c r="BEY673" s="613"/>
      <c r="BEZ673" s="613"/>
      <c r="BFA673" s="613"/>
      <c r="BFB673" s="613"/>
      <c r="BFC673" s="613"/>
      <c r="BFD673" s="613"/>
      <c r="BFE673" s="613"/>
      <c r="BFF673" s="613"/>
      <c r="BFG673" s="613"/>
      <c r="BFH673" s="613"/>
      <c r="BFI673" s="613"/>
      <c r="BFJ673" s="613"/>
      <c r="BFK673" s="613"/>
      <c r="BFL673" s="613"/>
      <c r="BFM673" s="613"/>
      <c r="BFN673" s="613"/>
      <c r="BFO673" s="613"/>
      <c r="BFP673" s="613"/>
      <c r="BFQ673" s="613"/>
      <c r="BFR673" s="613"/>
      <c r="BFS673" s="613"/>
      <c r="BFT673" s="613"/>
      <c r="BFU673" s="613"/>
      <c r="BFV673" s="613"/>
      <c r="BFW673" s="613"/>
      <c r="BFX673" s="613"/>
      <c r="BFY673" s="613"/>
      <c r="BFZ673" s="613"/>
      <c r="BGA673" s="613"/>
      <c r="BGB673" s="613"/>
      <c r="BGC673" s="613"/>
      <c r="BGD673" s="613"/>
      <c r="BGE673" s="613"/>
      <c r="BGF673" s="613"/>
      <c r="BGG673" s="613"/>
      <c r="BGH673" s="613"/>
      <c r="BGI673" s="613"/>
      <c r="BGJ673" s="613"/>
      <c r="BGK673" s="613"/>
      <c r="BGL673" s="613"/>
      <c r="BGM673" s="613"/>
      <c r="BGN673" s="613"/>
      <c r="BGO673" s="613"/>
      <c r="BGP673" s="613"/>
      <c r="BGQ673" s="613"/>
      <c r="BGR673" s="613"/>
      <c r="BGS673" s="613"/>
      <c r="BGT673" s="613"/>
      <c r="BGU673" s="613"/>
      <c r="BGV673" s="613"/>
      <c r="BGW673" s="613"/>
      <c r="BGX673" s="613"/>
      <c r="BGY673" s="613"/>
      <c r="BGZ673" s="613"/>
      <c r="BHA673" s="613"/>
      <c r="BHB673" s="613"/>
      <c r="BHC673" s="613"/>
      <c r="BHD673" s="613"/>
      <c r="BHE673" s="613"/>
      <c r="BHF673" s="613"/>
      <c r="BHG673" s="613"/>
      <c r="BHH673" s="613"/>
      <c r="BHI673" s="613"/>
      <c r="BHJ673" s="613"/>
      <c r="BHK673" s="613"/>
      <c r="BHL673" s="613"/>
      <c r="BHM673" s="613"/>
      <c r="BHN673" s="613"/>
      <c r="BHO673" s="613"/>
      <c r="BHP673" s="613"/>
      <c r="BHQ673" s="613"/>
      <c r="BHR673" s="613"/>
      <c r="BHS673" s="613"/>
      <c r="BHT673" s="613"/>
      <c r="BHU673" s="613"/>
      <c r="BHV673" s="613"/>
      <c r="BHW673" s="613"/>
      <c r="BHX673" s="613"/>
      <c r="BHY673" s="613"/>
      <c r="BHZ673" s="613"/>
      <c r="BIA673" s="613"/>
      <c r="BIB673" s="613"/>
      <c r="BIC673" s="613"/>
      <c r="BID673" s="613"/>
      <c r="BIE673" s="613"/>
      <c r="BIF673" s="613"/>
      <c r="BIG673" s="613"/>
      <c r="BIH673" s="613"/>
      <c r="BII673" s="613"/>
      <c r="BIJ673" s="613"/>
      <c r="BIK673" s="613"/>
      <c r="BIL673" s="613"/>
      <c r="BIM673" s="613"/>
      <c r="BIN673" s="613"/>
      <c r="BIO673" s="613"/>
      <c r="BIP673" s="613"/>
      <c r="BIQ673" s="613"/>
      <c r="BIR673" s="613"/>
      <c r="BIS673" s="613"/>
      <c r="BIT673" s="613"/>
      <c r="BIU673" s="613"/>
      <c r="BIV673" s="613"/>
      <c r="BIW673" s="613"/>
      <c r="BIX673" s="613"/>
      <c r="BIY673" s="613"/>
      <c r="BIZ673" s="613"/>
      <c r="BJA673" s="613"/>
      <c r="BJB673" s="613"/>
      <c r="BJC673" s="613"/>
      <c r="BJD673" s="613"/>
      <c r="BJE673" s="613"/>
      <c r="BJF673" s="613"/>
      <c r="BJG673" s="613"/>
      <c r="BJH673" s="613"/>
      <c r="BJI673" s="613"/>
      <c r="BJJ673" s="613"/>
      <c r="BJK673" s="613"/>
      <c r="BJL673" s="613"/>
      <c r="BJM673" s="613"/>
      <c r="BJN673" s="613"/>
      <c r="BJO673" s="613"/>
      <c r="BJP673" s="613"/>
      <c r="BJQ673" s="613"/>
      <c r="BJR673" s="613"/>
      <c r="BJS673" s="613"/>
      <c r="BJT673" s="613"/>
      <c r="BJU673" s="613"/>
      <c r="BJV673" s="613"/>
      <c r="BJW673" s="613"/>
      <c r="BJX673" s="613"/>
      <c r="BJY673" s="613"/>
      <c r="BJZ673" s="613"/>
      <c r="BKA673" s="613"/>
      <c r="BKB673" s="613"/>
      <c r="BKC673" s="613"/>
      <c r="BKD673" s="613"/>
      <c r="BKE673" s="613"/>
      <c r="BKF673" s="613"/>
      <c r="BKG673" s="613"/>
      <c r="BKH673" s="613"/>
      <c r="BKI673" s="613"/>
      <c r="BKJ673" s="613"/>
      <c r="BKK673" s="613"/>
      <c r="BKL673" s="613"/>
      <c r="BKM673" s="613"/>
      <c r="BKN673" s="613"/>
      <c r="BKO673" s="613"/>
      <c r="BKP673" s="613"/>
      <c r="BKQ673" s="613"/>
      <c r="BKR673" s="613"/>
      <c r="BKS673" s="613"/>
      <c r="BKT673" s="613"/>
      <c r="BKU673" s="613"/>
      <c r="BKV673" s="613"/>
      <c r="BKW673" s="613"/>
      <c r="BKX673" s="613"/>
      <c r="BKY673" s="613"/>
      <c r="BKZ673" s="613"/>
      <c r="BLA673" s="613"/>
      <c r="BLB673" s="613"/>
      <c r="BLC673" s="613"/>
      <c r="BLD673" s="613"/>
      <c r="BLE673" s="613"/>
      <c r="BLF673" s="613"/>
      <c r="BLG673" s="613"/>
      <c r="BLH673" s="613"/>
      <c r="BLI673" s="613"/>
      <c r="BLJ673" s="613"/>
      <c r="BLK673" s="613"/>
      <c r="BLL673" s="613"/>
      <c r="BLM673" s="613"/>
      <c r="BLN673" s="613"/>
      <c r="BLO673" s="613"/>
      <c r="BLP673" s="613"/>
      <c r="BLQ673" s="613"/>
      <c r="BLR673" s="613"/>
      <c r="BLS673" s="613"/>
      <c r="BLT673" s="613"/>
      <c r="BLU673" s="613"/>
      <c r="BLV673" s="613"/>
      <c r="BLW673" s="613"/>
      <c r="BLX673" s="613"/>
      <c r="BLY673" s="613"/>
      <c r="BLZ673" s="613"/>
      <c r="BMA673" s="613"/>
      <c r="BMB673" s="613"/>
      <c r="BMC673" s="613"/>
      <c r="BMD673" s="613"/>
      <c r="BME673" s="613"/>
      <c r="BMF673" s="613"/>
      <c r="BMG673" s="613"/>
      <c r="BMH673" s="613"/>
      <c r="BMI673" s="613"/>
      <c r="BMJ673" s="613"/>
      <c r="BMK673" s="613"/>
      <c r="BML673" s="613"/>
      <c r="BMM673" s="613"/>
      <c r="BMN673" s="613"/>
      <c r="BMO673" s="613"/>
      <c r="BMP673" s="613"/>
      <c r="BMQ673" s="613"/>
      <c r="BMR673" s="613"/>
      <c r="BMS673" s="613"/>
      <c r="BMT673" s="613"/>
      <c r="BMU673" s="613"/>
      <c r="BMV673" s="613"/>
      <c r="BMW673" s="613"/>
      <c r="BMX673" s="613"/>
      <c r="BMY673" s="613"/>
      <c r="BMZ673" s="613"/>
      <c r="BNA673" s="613"/>
      <c r="BNB673" s="613"/>
      <c r="BNC673" s="613"/>
      <c r="BND673" s="613"/>
      <c r="BNE673" s="613"/>
      <c r="BNF673" s="613"/>
      <c r="BNG673" s="613"/>
      <c r="BNH673" s="613"/>
      <c r="BNI673" s="613"/>
      <c r="BNJ673" s="613"/>
      <c r="BNK673" s="613"/>
      <c r="BNL673" s="613"/>
      <c r="BNM673" s="613"/>
      <c r="BNN673" s="613"/>
      <c r="BNO673" s="613"/>
      <c r="BNP673" s="613"/>
      <c r="BNQ673" s="613"/>
      <c r="BNR673" s="613"/>
      <c r="BNS673" s="613"/>
      <c r="BNT673" s="613"/>
      <c r="BNU673" s="613"/>
      <c r="BNV673" s="613"/>
      <c r="BNW673" s="613"/>
      <c r="BNX673" s="613"/>
      <c r="BNY673" s="613"/>
      <c r="BNZ673" s="613"/>
      <c r="BOA673" s="613"/>
      <c r="BOB673" s="613"/>
      <c r="BOC673" s="613"/>
      <c r="BOD673" s="613"/>
      <c r="BOE673" s="613"/>
      <c r="BOF673" s="613"/>
      <c r="BOG673" s="613"/>
      <c r="BOH673" s="613"/>
      <c r="BOI673" s="613"/>
      <c r="BOJ673" s="613"/>
      <c r="BOK673" s="613"/>
      <c r="BOL673" s="613"/>
      <c r="BOM673" s="613"/>
      <c r="BON673" s="613"/>
      <c r="BOO673" s="613"/>
      <c r="BOP673" s="613"/>
      <c r="BOQ673" s="613"/>
      <c r="BOR673" s="613"/>
      <c r="BOS673" s="613"/>
      <c r="BOT673" s="613"/>
      <c r="BOU673" s="613"/>
      <c r="BOV673" s="613"/>
      <c r="BOW673" s="613"/>
      <c r="BOX673" s="613"/>
      <c r="BOY673" s="613"/>
      <c r="BOZ673" s="613"/>
      <c r="BPA673" s="613"/>
      <c r="BPB673" s="613"/>
      <c r="BPC673" s="613"/>
      <c r="BPD673" s="613"/>
      <c r="BPE673" s="613"/>
      <c r="BPF673" s="613"/>
      <c r="BPG673" s="613"/>
      <c r="BPH673" s="613"/>
      <c r="BPI673" s="613"/>
      <c r="BPJ673" s="613"/>
      <c r="BPK673" s="613"/>
      <c r="BPL673" s="613"/>
      <c r="BPM673" s="613"/>
      <c r="BPN673" s="613"/>
      <c r="BPO673" s="613"/>
      <c r="BPP673" s="613"/>
      <c r="BPQ673" s="613"/>
      <c r="BPR673" s="613"/>
      <c r="BPS673" s="613"/>
      <c r="BPT673" s="613"/>
      <c r="BPU673" s="613"/>
      <c r="BPV673" s="613"/>
      <c r="BPW673" s="613"/>
      <c r="BPX673" s="613"/>
      <c r="BPY673" s="613"/>
      <c r="BPZ673" s="613"/>
      <c r="BQA673" s="613"/>
      <c r="BQB673" s="613"/>
      <c r="BQC673" s="613"/>
      <c r="BQD673" s="613"/>
      <c r="BQE673" s="613"/>
      <c r="BQF673" s="613"/>
      <c r="BQG673" s="613"/>
      <c r="BQH673" s="613"/>
      <c r="BQI673" s="613"/>
      <c r="BQJ673" s="613"/>
      <c r="BQK673" s="613"/>
      <c r="BQL673" s="613"/>
      <c r="BQM673" s="613"/>
      <c r="BQN673" s="613"/>
      <c r="BQO673" s="613"/>
      <c r="BQP673" s="613"/>
      <c r="BQQ673" s="613"/>
      <c r="BQR673" s="613"/>
      <c r="BQS673" s="613"/>
      <c r="BQT673" s="613"/>
      <c r="BQU673" s="613"/>
      <c r="BQV673" s="613"/>
      <c r="BQW673" s="613"/>
      <c r="BQX673" s="613"/>
      <c r="BQY673" s="613"/>
      <c r="BQZ673" s="613"/>
      <c r="BRA673" s="613"/>
      <c r="BRB673" s="613"/>
      <c r="BRC673" s="613"/>
      <c r="BRD673" s="613"/>
      <c r="BRE673" s="613"/>
      <c r="BRF673" s="613"/>
      <c r="BRG673" s="613"/>
      <c r="BRH673" s="613"/>
      <c r="BRI673" s="613"/>
      <c r="BRJ673" s="613"/>
      <c r="BRK673" s="613"/>
      <c r="BRL673" s="613"/>
      <c r="BRM673" s="613"/>
      <c r="BRN673" s="613"/>
      <c r="BRO673" s="613"/>
      <c r="BRP673" s="613"/>
      <c r="BRQ673" s="613"/>
      <c r="BRR673" s="613"/>
      <c r="BRS673" s="613"/>
      <c r="BRT673" s="613"/>
      <c r="BRU673" s="613"/>
      <c r="BRV673" s="613"/>
      <c r="BRW673" s="613"/>
      <c r="BRX673" s="613"/>
      <c r="BRY673" s="613"/>
      <c r="BRZ673" s="613"/>
      <c r="BSA673" s="613"/>
      <c r="BSB673" s="613"/>
      <c r="BSC673" s="613"/>
      <c r="BSD673" s="613"/>
      <c r="BSE673" s="613"/>
      <c r="BSF673" s="613"/>
      <c r="BSG673" s="613"/>
      <c r="BSH673" s="613"/>
      <c r="BSI673" s="613"/>
      <c r="BSJ673" s="613"/>
      <c r="BSK673" s="613"/>
      <c r="BSL673" s="613"/>
      <c r="BSM673" s="613"/>
      <c r="BSN673" s="613"/>
      <c r="BSO673" s="613"/>
      <c r="BSP673" s="613"/>
      <c r="BSQ673" s="613"/>
      <c r="BSR673" s="613"/>
      <c r="BSS673" s="613"/>
      <c r="BST673" s="613"/>
      <c r="BSU673" s="613"/>
      <c r="BSV673" s="613"/>
      <c r="BSW673" s="613"/>
      <c r="BSX673" s="613"/>
      <c r="BSY673" s="613"/>
      <c r="BSZ673" s="613"/>
      <c r="BTA673" s="613"/>
      <c r="BTB673" s="613"/>
      <c r="BTC673" s="613"/>
      <c r="BTD673" s="613"/>
      <c r="BTE673" s="613"/>
      <c r="BTF673" s="613"/>
      <c r="BTG673" s="613"/>
      <c r="BTH673" s="613"/>
      <c r="BTI673" s="613"/>
      <c r="BTJ673" s="613"/>
      <c r="BTK673" s="613"/>
      <c r="BTL673" s="613"/>
      <c r="BTM673" s="613"/>
      <c r="BTN673" s="613"/>
      <c r="BTO673" s="613"/>
      <c r="BTP673" s="613"/>
      <c r="BTQ673" s="613"/>
      <c r="BTR673" s="613"/>
      <c r="BTS673" s="613"/>
      <c r="BTT673" s="613"/>
      <c r="BTU673" s="613"/>
      <c r="BTV673" s="613"/>
      <c r="BTW673" s="613"/>
      <c r="BTX673" s="613"/>
      <c r="BTY673" s="613"/>
      <c r="BTZ673" s="613"/>
      <c r="BUA673" s="613"/>
      <c r="BUB673" s="613"/>
      <c r="BUC673" s="613"/>
      <c r="BUD673" s="613"/>
      <c r="BUE673" s="613"/>
      <c r="BUF673" s="613"/>
      <c r="BUG673" s="613"/>
      <c r="BUH673" s="613"/>
      <c r="BUI673" s="613"/>
      <c r="BUJ673" s="613"/>
      <c r="BUK673" s="613"/>
      <c r="BUL673" s="613"/>
      <c r="BUM673" s="613"/>
      <c r="BUN673" s="613"/>
      <c r="BUO673" s="613"/>
      <c r="BUP673" s="613"/>
      <c r="BUQ673" s="613"/>
      <c r="BUR673" s="613"/>
      <c r="BUS673" s="613"/>
      <c r="BUT673" s="613"/>
      <c r="BUU673" s="613"/>
      <c r="BUV673" s="613"/>
      <c r="BUW673" s="613"/>
      <c r="BUX673" s="613"/>
      <c r="BUY673" s="613"/>
      <c r="BUZ673" s="613"/>
      <c r="BVA673" s="613"/>
      <c r="BVB673" s="613"/>
      <c r="BVC673" s="613"/>
      <c r="BVD673" s="613"/>
      <c r="BVE673" s="613"/>
      <c r="BVF673" s="613"/>
      <c r="BVG673" s="613"/>
      <c r="BVH673" s="613"/>
      <c r="BVI673" s="613"/>
      <c r="BVJ673" s="613"/>
      <c r="BVK673" s="613"/>
      <c r="BVL673" s="613"/>
      <c r="BVM673" s="613"/>
      <c r="BVN673" s="613"/>
      <c r="BVO673" s="613"/>
      <c r="BVP673" s="613"/>
      <c r="BVQ673" s="613"/>
      <c r="BVR673" s="613"/>
      <c r="BVS673" s="613"/>
      <c r="BVT673" s="613"/>
      <c r="BVU673" s="613"/>
      <c r="BVV673" s="613"/>
      <c r="BVW673" s="613"/>
      <c r="BVX673" s="613"/>
      <c r="BVY673" s="613"/>
      <c r="BVZ673" s="613"/>
      <c r="BWA673" s="613"/>
      <c r="BWB673" s="613"/>
      <c r="BWC673" s="613"/>
      <c r="BWD673" s="613"/>
      <c r="BWE673" s="613"/>
      <c r="BWF673" s="613"/>
      <c r="BWG673" s="613"/>
      <c r="BWH673" s="613"/>
      <c r="BWI673" s="613"/>
      <c r="BWJ673" s="613"/>
      <c r="BWK673" s="613"/>
      <c r="BWL673" s="613"/>
      <c r="BWM673" s="613"/>
      <c r="BWN673" s="613"/>
      <c r="BWO673" s="613"/>
      <c r="BWP673" s="613"/>
      <c r="BWQ673" s="613"/>
      <c r="BWR673" s="613"/>
      <c r="BWS673" s="613"/>
      <c r="BWT673" s="613"/>
      <c r="BWU673" s="613"/>
      <c r="BWV673" s="613"/>
      <c r="BWW673" s="613"/>
      <c r="BWX673" s="613"/>
      <c r="BWY673" s="613"/>
      <c r="BWZ673" s="613"/>
      <c r="BXA673" s="613"/>
      <c r="BXB673" s="613"/>
      <c r="BXC673" s="613"/>
      <c r="BXD673" s="613"/>
      <c r="BXE673" s="613"/>
      <c r="BXF673" s="613"/>
      <c r="BXG673" s="613"/>
      <c r="BXH673" s="613"/>
      <c r="BXI673" s="613"/>
      <c r="BXJ673" s="613"/>
      <c r="BXK673" s="613"/>
      <c r="BXL673" s="613"/>
      <c r="BXM673" s="613"/>
      <c r="BXN673" s="613"/>
      <c r="BXO673" s="613"/>
      <c r="BXP673" s="613"/>
      <c r="BXQ673" s="613"/>
      <c r="BXR673" s="613"/>
      <c r="BXS673" s="613"/>
      <c r="BXT673" s="613"/>
      <c r="BXU673" s="613"/>
      <c r="BXV673" s="613"/>
      <c r="BXW673" s="613"/>
      <c r="BXX673" s="613"/>
      <c r="BXY673" s="613"/>
      <c r="BXZ673" s="613"/>
      <c r="BYA673" s="613"/>
      <c r="BYB673" s="613"/>
      <c r="BYC673" s="613"/>
      <c r="BYD673" s="613"/>
      <c r="BYE673" s="613"/>
      <c r="BYF673" s="613"/>
      <c r="BYG673" s="613"/>
      <c r="BYH673" s="613"/>
      <c r="BYI673" s="613"/>
      <c r="BYJ673" s="613"/>
      <c r="BYK673" s="613"/>
      <c r="BYL673" s="613"/>
      <c r="BYM673" s="613"/>
      <c r="BYN673" s="613"/>
      <c r="BYO673" s="613"/>
      <c r="BYP673" s="613"/>
      <c r="BYQ673" s="613"/>
      <c r="BYR673" s="613"/>
      <c r="BYS673" s="613"/>
      <c r="BYT673" s="613"/>
      <c r="BYU673" s="613"/>
      <c r="BYV673" s="613"/>
      <c r="BYW673" s="613"/>
      <c r="BYX673" s="613"/>
      <c r="BYY673" s="613"/>
      <c r="BYZ673" s="613"/>
      <c r="BZA673" s="613"/>
      <c r="BZB673" s="613"/>
      <c r="BZC673" s="613"/>
      <c r="BZD673" s="613"/>
      <c r="BZE673" s="613"/>
      <c r="BZF673" s="613"/>
      <c r="BZG673" s="613"/>
      <c r="BZH673" s="613"/>
      <c r="BZI673" s="613"/>
      <c r="BZJ673" s="613"/>
      <c r="BZK673" s="613"/>
      <c r="BZL673" s="613"/>
      <c r="BZM673" s="613"/>
      <c r="BZN673" s="613"/>
      <c r="BZO673" s="613"/>
      <c r="BZP673" s="613"/>
      <c r="BZQ673" s="613"/>
      <c r="BZR673" s="613"/>
      <c r="BZS673" s="613"/>
      <c r="BZT673" s="613"/>
      <c r="BZU673" s="613"/>
      <c r="BZV673" s="613"/>
      <c r="BZW673" s="613"/>
      <c r="BZX673" s="613"/>
      <c r="BZY673" s="613"/>
      <c r="BZZ673" s="613"/>
      <c r="CAA673" s="613"/>
      <c r="CAB673" s="613"/>
      <c r="CAC673" s="613"/>
      <c r="CAD673" s="613"/>
      <c r="CAE673" s="613"/>
      <c r="CAF673" s="613"/>
      <c r="CAG673" s="613"/>
      <c r="CAH673" s="613"/>
      <c r="CAI673" s="613"/>
      <c r="CAJ673" s="613"/>
      <c r="CAK673" s="613"/>
      <c r="CAL673" s="613"/>
      <c r="CAM673" s="613"/>
      <c r="CAN673" s="613"/>
      <c r="CAO673" s="613"/>
      <c r="CAP673" s="613"/>
      <c r="CAQ673" s="613"/>
      <c r="CAR673" s="613"/>
      <c r="CAS673" s="613"/>
      <c r="CAT673" s="613"/>
      <c r="CAU673" s="613"/>
      <c r="CAV673" s="613"/>
      <c r="CAW673" s="613"/>
      <c r="CAX673" s="613"/>
      <c r="CAY673" s="613"/>
      <c r="CAZ673" s="613"/>
      <c r="CBA673" s="613"/>
      <c r="CBB673" s="613"/>
      <c r="CBC673" s="613"/>
      <c r="CBD673" s="613"/>
      <c r="CBE673" s="613"/>
      <c r="CBF673" s="613"/>
      <c r="CBG673" s="613"/>
      <c r="CBH673" s="613"/>
      <c r="CBI673" s="613"/>
      <c r="CBJ673" s="613"/>
      <c r="CBK673" s="613"/>
      <c r="CBL673" s="613"/>
      <c r="CBM673" s="613"/>
      <c r="CBN673" s="613"/>
      <c r="CBO673" s="613"/>
      <c r="CBP673" s="613"/>
      <c r="CBQ673" s="613"/>
      <c r="CBR673" s="613"/>
      <c r="CBS673" s="613"/>
      <c r="CBT673" s="613"/>
      <c r="CBU673" s="613"/>
      <c r="CBV673" s="613"/>
      <c r="CBW673" s="613"/>
      <c r="CBX673" s="613"/>
      <c r="CBY673" s="613"/>
      <c r="CBZ673" s="613"/>
      <c r="CCA673" s="613"/>
      <c r="CCB673" s="613"/>
      <c r="CCC673" s="613"/>
      <c r="CCD673" s="613"/>
      <c r="CCE673" s="613"/>
      <c r="CCF673" s="613"/>
      <c r="CCG673" s="613"/>
      <c r="CCH673" s="613"/>
      <c r="CCI673" s="613"/>
      <c r="CCJ673" s="613"/>
      <c r="CCK673" s="613"/>
      <c r="CCL673" s="613"/>
      <c r="CCM673" s="613"/>
      <c r="CCN673" s="613"/>
      <c r="CCO673" s="613"/>
      <c r="CCP673" s="613"/>
      <c r="CCQ673" s="613"/>
      <c r="CCR673" s="613"/>
      <c r="CCS673" s="613"/>
      <c r="CCT673" s="613"/>
      <c r="CCU673" s="613"/>
      <c r="CCV673" s="613"/>
      <c r="CCW673" s="613"/>
      <c r="CCX673" s="613"/>
      <c r="CCY673" s="613"/>
      <c r="CCZ673" s="613"/>
      <c r="CDA673" s="613"/>
      <c r="CDB673" s="613"/>
      <c r="CDC673" s="613"/>
      <c r="CDD673" s="613"/>
      <c r="CDE673" s="613"/>
      <c r="CDF673" s="613"/>
      <c r="CDG673" s="613"/>
      <c r="CDH673" s="613"/>
      <c r="CDI673" s="613"/>
      <c r="CDJ673" s="613"/>
      <c r="CDK673" s="613"/>
      <c r="CDL673" s="613"/>
      <c r="CDM673" s="613"/>
      <c r="CDN673" s="613"/>
      <c r="CDO673" s="613"/>
      <c r="CDP673" s="613"/>
      <c r="CDQ673" s="613"/>
      <c r="CDR673" s="613"/>
      <c r="CDS673" s="613"/>
      <c r="CDT673" s="613"/>
      <c r="CDU673" s="613"/>
      <c r="CDV673" s="613"/>
      <c r="CDW673" s="613"/>
      <c r="CDX673" s="613"/>
      <c r="CDY673" s="613"/>
      <c r="CDZ673" s="613"/>
      <c r="CEA673" s="613"/>
      <c r="CEB673" s="613"/>
      <c r="CEC673" s="613"/>
      <c r="CED673" s="613"/>
      <c r="CEE673" s="613"/>
      <c r="CEF673" s="613"/>
      <c r="CEG673" s="613"/>
      <c r="CEH673" s="613"/>
      <c r="CEI673" s="613"/>
      <c r="CEJ673" s="613"/>
      <c r="CEK673" s="613"/>
      <c r="CEL673" s="613"/>
      <c r="CEM673" s="613"/>
      <c r="CEN673" s="613"/>
      <c r="CEO673" s="613"/>
      <c r="CEP673" s="613"/>
      <c r="CEQ673" s="613"/>
      <c r="CER673" s="613"/>
      <c r="CES673" s="613"/>
      <c r="CET673" s="613"/>
      <c r="CEU673" s="613"/>
      <c r="CEV673" s="613"/>
      <c r="CEW673" s="613"/>
      <c r="CEX673" s="613"/>
      <c r="CEY673" s="613"/>
      <c r="CEZ673" s="613"/>
      <c r="CFA673" s="613"/>
      <c r="CFB673" s="613"/>
      <c r="CFC673" s="613"/>
      <c r="CFD673" s="613"/>
      <c r="CFE673" s="613"/>
      <c r="CFF673" s="613"/>
      <c r="CFG673" s="613"/>
      <c r="CFH673" s="613"/>
      <c r="CFI673" s="613"/>
      <c r="CFJ673" s="613"/>
      <c r="CFK673" s="613"/>
      <c r="CFL673" s="613"/>
      <c r="CFM673" s="613"/>
      <c r="CFN673" s="613"/>
      <c r="CFO673" s="613"/>
      <c r="CFP673" s="613"/>
      <c r="CFQ673" s="613"/>
      <c r="CFR673" s="613"/>
      <c r="CFS673" s="613"/>
      <c r="CFT673" s="613"/>
      <c r="CFU673" s="613"/>
      <c r="CFV673" s="613"/>
      <c r="CFW673" s="613"/>
      <c r="CFX673" s="613"/>
      <c r="CFY673" s="613"/>
      <c r="CFZ673" s="613"/>
      <c r="CGA673" s="613"/>
      <c r="CGB673" s="613"/>
      <c r="CGC673" s="613"/>
      <c r="CGD673" s="613"/>
      <c r="CGE673" s="613"/>
      <c r="CGF673" s="613"/>
      <c r="CGG673" s="613"/>
      <c r="CGH673" s="613"/>
      <c r="CGI673" s="613"/>
      <c r="CGJ673" s="613"/>
      <c r="CGK673" s="613"/>
      <c r="CGL673" s="613"/>
      <c r="CGM673" s="613"/>
      <c r="CGN673" s="613"/>
      <c r="CGO673" s="613"/>
      <c r="CGP673" s="613"/>
      <c r="CGQ673" s="613"/>
      <c r="CGR673" s="613"/>
      <c r="CGS673" s="613"/>
      <c r="CGT673" s="613"/>
      <c r="CGU673" s="613"/>
      <c r="CGV673" s="613"/>
      <c r="CGW673" s="613"/>
      <c r="CGX673" s="613"/>
      <c r="CGY673" s="613"/>
      <c r="CGZ673" s="613"/>
      <c r="CHA673" s="613"/>
      <c r="CHB673" s="613"/>
      <c r="CHC673" s="613"/>
      <c r="CHD673" s="613"/>
      <c r="CHE673" s="613"/>
      <c r="CHF673" s="613"/>
      <c r="CHG673" s="613"/>
      <c r="CHH673" s="613"/>
      <c r="CHI673" s="613"/>
      <c r="CHJ673" s="613"/>
      <c r="CHK673" s="613"/>
      <c r="CHL673" s="613"/>
      <c r="CHM673" s="613"/>
      <c r="CHN673" s="613"/>
      <c r="CHO673" s="613"/>
      <c r="CHP673" s="613"/>
      <c r="CHQ673" s="613"/>
      <c r="CHR673" s="613"/>
      <c r="CHS673" s="613"/>
      <c r="CHT673" s="613"/>
      <c r="CHU673" s="613"/>
      <c r="CHV673" s="613"/>
      <c r="CHW673" s="613"/>
      <c r="CHX673" s="613"/>
      <c r="CHY673" s="613"/>
      <c r="CHZ673" s="613"/>
      <c r="CIA673" s="613"/>
      <c r="CIB673" s="613"/>
      <c r="CIC673" s="613"/>
      <c r="CID673" s="613"/>
      <c r="CIE673" s="613"/>
      <c r="CIF673" s="613"/>
      <c r="CIG673" s="613"/>
      <c r="CIH673" s="613"/>
      <c r="CII673" s="613"/>
      <c r="CIJ673" s="613"/>
      <c r="CIK673" s="613"/>
      <c r="CIL673" s="613"/>
      <c r="CIM673" s="613"/>
      <c r="CIN673" s="613"/>
      <c r="CIO673" s="613"/>
      <c r="CIP673" s="613"/>
      <c r="CIQ673" s="613"/>
      <c r="CIR673" s="613"/>
      <c r="CIS673" s="613"/>
      <c r="CIT673" s="613"/>
      <c r="CIU673" s="613"/>
      <c r="CIV673" s="613"/>
      <c r="CIW673" s="613"/>
      <c r="CIX673" s="613"/>
      <c r="CIY673" s="613"/>
      <c r="CIZ673" s="613"/>
      <c r="CJA673" s="613"/>
      <c r="CJB673" s="613"/>
      <c r="CJC673" s="613"/>
      <c r="CJD673" s="613"/>
      <c r="CJE673" s="613"/>
      <c r="CJF673" s="613"/>
      <c r="CJG673" s="613"/>
      <c r="CJH673" s="613"/>
      <c r="CJI673" s="613"/>
      <c r="CJJ673" s="613"/>
      <c r="CJK673" s="613"/>
      <c r="CJL673" s="613"/>
      <c r="CJM673" s="613"/>
      <c r="CJN673" s="613"/>
      <c r="CJO673" s="613"/>
      <c r="CJP673" s="613"/>
      <c r="CJQ673" s="613"/>
      <c r="CJR673" s="613"/>
      <c r="CJS673" s="613"/>
      <c r="CJT673" s="613"/>
      <c r="CJU673" s="613"/>
      <c r="CJV673" s="613"/>
      <c r="CJW673" s="613"/>
      <c r="CJX673" s="613"/>
      <c r="CJY673" s="613"/>
      <c r="CJZ673" s="613"/>
      <c r="CKA673" s="613"/>
      <c r="CKB673" s="613"/>
      <c r="CKC673" s="613"/>
      <c r="CKD673" s="613"/>
      <c r="CKE673" s="613"/>
      <c r="CKF673" s="613"/>
      <c r="CKG673" s="613"/>
      <c r="CKH673" s="613"/>
      <c r="CKI673" s="613"/>
      <c r="CKJ673" s="613"/>
      <c r="CKK673" s="613"/>
      <c r="CKL673" s="613"/>
      <c r="CKM673" s="613"/>
      <c r="CKN673" s="613"/>
      <c r="CKO673" s="613"/>
      <c r="CKP673" s="613"/>
      <c r="CKQ673" s="613"/>
      <c r="CKR673" s="613"/>
      <c r="CKS673" s="613"/>
      <c r="CKT673" s="613"/>
      <c r="CKU673" s="613"/>
      <c r="CKV673" s="613"/>
      <c r="CKW673" s="613"/>
      <c r="CKX673" s="613"/>
      <c r="CKY673" s="613"/>
      <c r="CKZ673" s="613"/>
      <c r="CLA673" s="613"/>
      <c r="CLB673" s="613"/>
      <c r="CLC673" s="613"/>
      <c r="CLD673" s="613"/>
      <c r="CLE673" s="613"/>
      <c r="CLF673" s="613"/>
      <c r="CLG673" s="613"/>
      <c r="CLH673" s="613"/>
      <c r="CLI673" s="613"/>
      <c r="CLJ673" s="613"/>
      <c r="CLK673" s="613"/>
      <c r="CLL673" s="613"/>
      <c r="CLM673" s="613"/>
      <c r="CLN673" s="613"/>
      <c r="CLO673" s="613"/>
      <c r="CLP673" s="613"/>
      <c r="CLQ673" s="613"/>
      <c r="CLR673" s="613"/>
      <c r="CLS673" s="613"/>
      <c r="CLT673" s="613"/>
      <c r="CLU673" s="613"/>
      <c r="CLV673" s="613"/>
      <c r="CLW673" s="613"/>
      <c r="CLX673" s="613"/>
      <c r="CLY673" s="613"/>
      <c r="CLZ673" s="613"/>
      <c r="CMA673" s="613"/>
      <c r="CMB673" s="613"/>
      <c r="CMC673" s="613"/>
      <c r="CMD673" s="613"/>
      <c r="CME673" s="613"/>
      <c r="CMF673" s="613"/>
      <c r="CMG673" s="613"/>
      <c r="CMH673" s="613"/>
      <c r="CMI673" s="613"/>
      <c r="CMJ673" s="613"/>
      <c r="CMK673" s="613"/>
      <c r="CML673" s="613"/>
      <c r="CMM673" s="613"/>
      <c r="CMN673" s="613"/>
      <c r="CMO673" s="613"/>
      <c r="CMP673" s="613"/>
      <c r="CMQ673" s="613"/>
      <c r="CMR673" s="613"/>
      <c r="CMS673" s="613"/>
      <c r="CMT673" s="613"/>
      <c r="CMU673" s="613"/>
      <c r="CMV673" s="613"/>
      <c r="CMW673" s="613"/>
      <c r="CMX673" s="613"/>
      <c r="CMY673" s="613"/>
      <c r="CMZ673" s="613"/>
      <c r="CNA673" s="613"/>
      <c r="CNB673" s="613"/>
      <c r="CNC673" s="613"/>
      <c r="CND673" s="613"/>
      <c r="CNE673" s="613"/>
      <c r="CNF673" s="613"/>
      <c r="CNG673" s="613"/>
      <c r="CNH673" s="613"/>
      <c r="CNI673" s="613"/>
      <c r="CNJ673" s="613"/>
      <c r="CNK673" s="613"/>
      <c r="CNL673" s="613"/>
      <c r="CNM673" s="613"/>
      <c r="CNN673" s="613"/>
      <c r="CNO673" s="613"/>
      <c r="CNP673" s="613"/>
      <c r="CNQ673" s="613"/>
      <c r="CNR673" s="613"/>
      <c r="CNS673" s="613"/>
      <c r="CNT673" s="613"/>
      <c r="CNU673" s="613"/>
      <c r="CNV673" s="613"/>
      <c r="CNW673" s="613"/>
      <c r="CNX673" s="613"/>
      <c r="CNY673" s="613"/>
      <c r="CNZ673" s="613"/>
      <c r="COA673" s="613"/>
      <c r="COB673" s="613"/>
      <c r="COC673" s="613"/>
      <c r="COD673" s="613"/>
      <c r="COE673" s="613"/>
      <c r="COF673" s="613"/>
      <c r="COG673" s="613"/>
      <c r="COH673" s="613"/>
      <c r="COI673" s="613"/>
      <c r="COJ673" s="613"/>
      <c r="COK673" s="613"/>
      <c r="COL673" s="613"/>
      <c r="COM673" s="613"/>
      <c r="CON673" s="613"/>
      <c r="COO673" s="613"/>
      <c r="COP673" s="613"/>
      <c r="COQ673" s="613"/>
      <c r="COR673" s="613"/>
      <c r="COS673" s="613"/>
      <c r="COT673" s="613"/>
      <c r="COU673" s="613"/>
      <c r="COV673" s="613"/>
      <c r="COW673" s="613"/>
      <c r="COX673" s="613"/>
      <c r="COY673" s="613"/>
      <c r="COZ673" s="613"/>
      <c r="CPA673" s="613"/>
      <c r="CPB673" s="613"/>
      <c r="CPC673" s="613"/>
      <c r="CPD673" s="613"/>
      <c r="CPE673" s="613"/>
      <c r="CPF673" s="613"/>
      <c r="CPG673" s="613"/>
      <c r="CPH673" s="613"/>
      <c r="CPI673" s="613"/>
      <c r="CPJ673" s="613"/>
      <c r="CPK673" s="613"/>
      <c r="CPL673" s="613"/>
      <c r="CPM673" s="613"/>
      <c r="CPN673" s="613"/>
      <c r="CPO673" s="613"/>
      <c r="CPP673" s="613"/>
      <c r="CPQ673" s="613"/>
      <c r="CPR673" s="613"/>
      <c r="CPS673" s="613"/>
      <c r="CPT673" s="613"/>
      <c r="CPU673" s="613"/>
      <c r="CPV673" s="613"/>
      <c r="CPW673" s="613"/>
      <c r="CPX673" s="613"/>
      <c r="CPY673" s="613"/>
      <c r="CPZ673" s="613"/>
      <c r="CQA673" s="613"/>
      <c r="CQB673" s="613"/>
      <c r="CQC673" s="613"/>
      <c r="CQD673" s="613"/>
      <c r="CQE673" s="613"/>
      <c r="CQF673" s="613"/>
      <c r="CQG673" s="613"/>
      <c r="CQH673" s="613"/>
      <c r="CQI673" s="613"/>
      <c r="CQJ673" s="613"/>
      <c r="CQK673" s="613"/>
      <c r="CQL673" s="613"/>
      <c r="CQM673" s="613"/>
      <c r="CQN673" s="613"/>
      <c r="CQO673" s="613"/>
      <c r="CQP673" s="613"/>
      <c r="CQQ673" s="613"/>
      <c r="CQR673" s="613"/>
      <c r="CQS673" s="613"/>
      <c r="CQT673" s="613"/>
      <c r="CQU673" s="613"/>
      <c r="CQV673" s="613"/>
      <c r="CQW673" s="613"/>
      <c r="CQX673" s="613"/>
      <c r="CQY673" s="613"/>
      <c r="CQZ673" s="613"/>
      <c r="CRA673" s="613"/>
      <c r="CRB673" s="613"/>
      <c r="CRC673" s="613"/>
      <c r="CRD673" s="613"/>
      <c r="CRE673" s="613"/>
      <c r="CRF673" s="613"/>
      <c r="CRG673" s="613"/>
      <c r="CRH673" s="613"/>
      <c r="CRI673" s="613"/>
      <c r="CRJ673" s="613"/>
      <c r="CRK673" s="613"/>
      <c r="CRL673" s="613"/>
      <c r="CRM673" s="613"/>
      <c r="CRN673" s="613"/>
      <c r="CRO673" s="613"/>
      <c r="CRP673" s="613"/>
      <c r="CRQ673" s="613"/>
      <c r="CRR673" s="613"/>
      <c r="CRS673" s="613"/>
      <c r="CRT673" s="613"/>
      <c r="CRU673" s="613"/>
      <c r="CRV673" s="613"/>
      <c r="CRW673" s="613"/>
      <c r="CRX673" s="613"/>
      <c r="CRY673" s="613"/>
      <c r="CRZ673" s="613"/>
      <c r="CSA673" s="613"/>
      <c r="CSB673" s="613"/>
      <c r="CSC673" s="613"/>
      <c r="CSD673" s="613"/>
      <c r="CSE673" s="613"/>
      <c r="CSF673" s="613"/>
      <c r="CSG673" s="613"/>
      <c r="CSH673" s="613"/>
      <c r="CSI673" s="613"/>
      <c r="CSJ673" s="613"/>
      <c r="CSK673" s="613"/>
      <c r="CSL673" s="613"/>
      <c r="CSM673" s="613"/>
      <c r="CSN673" s="613"/>
      <c r="CSO673" s="613"/>
      <c r="CSP673" s="613"/>
      <c r="CSQ673" s="613"/>
      <c r="CSR673" s="613"/>
      <c r="CSS673" s="613"/>
      <c r="CST673" s="613"/>
      <c r="CSU673" s="613"/>
      <c r="CSV673" s="613"/>
      <c r="CSW673" s="613"/>
      <c r="CSX673" s="613"/>
      <c r="CSY673" s="613"/>
      <c r="CSZ673" s="613"/>
      <c r="CTA673" s="613"/>
      <c r="CTB673" s="613"/>
      <c r="CTC673" s="613"/>
      <c r="CTD673" s="613"/>
      <c r="CTE673" s="613"/>
      <c r="CTF673" s="613"/>
      <c r="CTG673" s="613"/>
      <c r="CTH673" s="613"/>
      <c r="CTI673" s="613"/>
      <c r="CTJ673" s="613"/>
      <c r="CTK673" s="613"/>
      <c r="CTL673" s="613"/>
      <c r="CTM673" s="613"/>
      <c r="CTN673" s="613"/>
      <c r="CTO673" s="613"/>
      <c r="CTP673" s="613"/>
      <c r="CTQ673" s="613"/>
      <c r="CTR673" s="613"/>
      <c r="CTS673" s="613"/>
      <c r="CTT673" s="613"/>
      <c r="CTU673" s="613"/>
      <c r="CTV673" s="613"/>
      <c r="CTW673" s="613"/>
      <c r="CTX673" s="613"/>
      <c r="CTY673" s="613"/>
      <c r="CTZ673" s="613"/>
      <c r="CUA673" s="613"/>
      <c r="CUB673" s="613"/>
      <c r="CUC673" s="613"/>
      <c r="CUD673" s="613"/>
      <c r="CUE673" s="613"/>
      <c r="CUF673" s="613"/>
      <c r="CUG673" s="613"/>
      <c r="CUH673" s="613"/>
      <c r="CUI673" s="613"/>
      <c r="CUJ673" s="613"/>
      <c r="CUK673" s="613"/>
      <c r="CUL673" s="613"/>
      <c r="CUM673" s="613"/>
      <c r="CUN673" s="613"/>
      <c r="CUO673" s="613"/>
      <c r="CUP673" s="613"/>
      <c r="CUQ673" s="613"/>
      <c r="CUR673" s="613"/>
      <c r="CUS673" s="613"/>
      <c r="CUT673" s="613"/>
      <c r="CUU673" s="613"/>
      <c r="CUV673" s="613"/>
      <c r="CUW673" s="613"/>
      <c r="CUX673" s="613"/>
      <c r="CUY673" s="613"/>
      <c r="CUZ673" s="613"/>
      <c r="CVA673" s="613"/>
      <c r="CVB673" s="613"/>
      <c r="CVC673" s="613"/>
      <c r="CVD673" s="613"/>
      <c r="CVE673" s="613"/>
      <c r="CVF673" s="613"/>
      <c r="CVG673" s="613"/>
      <c r="CVH673" s="613"/>
      <c r="CVI673" s="613"/>
      <c r="CVJ673" s="613"/>
      <c r="CVK673" s="613"/>
      <c r="CVL673" s="613"/>
      <c r="CVM673" s="613"/>
      <c r="CVN673" s="613"/>
      <c r="CVO673" s="613"/>
      <c r="CVP673" s="613"/>
      <c r="CVQ673" s="613"/>
      <c r="CVR673" s="613"/>
      <c r="CVS673" s="613"/>
      <c r="CVT673" s="613"/>
      <c r="CVU673" s="613"/>
      <c r="CVV673" s="613"/>
      <c r="CVW673" s="613"/>
      <c r="CVX673" s="613"/>
      <c r="CVY673" s="613"/>
      <c r="CVZ673" s="613"/>
      <c r="CWA673" s="613"/>
      <c r="CWB673" s="613"/>
      <c r="CWC673" s="613"/>
      <c r="CWD673" s="613"/>
      <c r="CWE673" s="613"/>
      <c r="CWF673" s="613"/>
      <c r="CWG673" s="613"/>
      <c r="CWH673" s="613"/>
      <c r="CWI673" s="613"/>
      <c r="CWJ673" s="613"/>
      <c r="CWK673" s="613"/>
      <c r="CWL673" s="613"/>
      <c r="CWM673" s="613"/>
      <c r="CWN673" s="613"/>
      <c r="CWO673" s="613"/>
      <c r="CWP673" s="613"/>
      <c r="CWQ673" s="613"/>
      <c r="CWR673" s="613"/>
      <c r="CWS673" s="613"/>
      <c r="CWT673" s="613"/>
      <c r="CWU673" s="613"/>
      <c r="CWV673" s="613"/>
      <c r="CWW673" s="613"/>
      <c r="CWX673" s="613"/>
      <c r="CWY673" s="613"/>
      <c r="CWZ673" s="613"/>
      <c r="CXA673" s="613"/>
      <c r="CXB673" s="613"/>
      <c r="CXC673" s="613"/>
      <c r="CXD673" s="613"/>
      <c r="CXE673" s="613"/>
      <c r="CXF673" s="613"/>
      <c r="CXG673" s="613"/>
      <c r="CXH673" s="613"/>
      <c r="CXI673" s="613"/>
      <c r="CXJ673" s="613"/>
      <c r="CXK673" s="613"/>
      <c r="CXL673" s="613"/>
      <c r="CXM673" s="613"/>
      <c r="CXN673" s="613"/>
      <c r="CXO673" s="613"/>
      <c r="CXP673" s="613"/>
      <c r="CXQ673" s="613"/>
      <c r="CXR673" s="613"/>
      <c r="CXS673" s="613"/>
      <c r="CXT673" s="613"/>
      <c r="CXU673" s="613"/>
      <c r="CXV673" s="613"/>
      <c r="CXW673" s="613"/>
      <c r="CXX673" s="613"/>
      <c r="CXY673" s="613"/>
      <c r="CXZ673" s="613"/>
      <c r="CYA673" s="613"/>
      <c r="CYB673" s="613"/>
      <c r="CYC673" s="613"/>
      <c r="CYD673" s="613"/>
      <c r="CYE673" s="613"/>
      <c r="CYF673" s="613"/>
      <c r="CYG673" s="613"/>
      <c r="CYH673" s="613"/>
      <c r="CYI673" s="613"/>
      <c r="CYJ673" s="613"/>
      <c r="CYK673" s="613"/>
      <c r="CYL673" s="613"/>
      <c r="CYM673" s="613"/>
      <c r="CYN673" s="613"/>
      <c r="CYO673" s="613"/>
      <c r="CYP673" s="613"/>
      <c r="CYQ673" s="613"/>
      <c r="CYR673" s="613"/>
      <c r="CYS673" s="613"/>
      <c r="CYT673" s="613"/>
      <c r="CYU673" s="613"/>
      <c r="CYV673" s="613"/>
      <c r="CYW673" s="613"/>
      <c r="CYX673" s="613"/>
      <c r="CYY673" s="613"/>
      <c r="CYZ673" s="613"/>
      <c r="CZA673" s="613"/>
      <c r="CZB673" s="613"/>
      <c r="CZC673" s="613"/>
      <c r="CZD673" s="613"/>
      <c r="CZE673" s="613"/>
      <c r="CZF673" s="613"/>
      <c r="CZG673" s="613"/>
      <c r="CZH673" s="613"/>
      <c r="CZI673" s="613"/>
      <c r="CZJ673" s="613"/>
      <c r="CZK673" s="613"/>
      <c r="CZL673" s="613"/>
      <c r="CZM673" s="613"/>
      <c r="CZN673" s="613"/>
      <c r="CZO673" s="613"/>
      <c r="CZP673" s="613"/>
      <c r="CZQ673" s="613"/>
      <c r="CZR673" s="613"/>
      <c r="CZS673" s="613"/>
      <c r="CZT673" s="613"/>
      <c r="CZU673" s="613"/>
      <c r="CZV673" s="613"/>
      <c r="CZW673" s="613"/>
      <c r="CZX673" s="613"/>
      <c r="CZY673" s="613"/>
      <c r="CZZ673" s="613"/>
      <c r="DAA673" s="613"/>
      <c r="DAB673" s="613"/>
      <c r="DAC673" s="613"/>
      <c r="DAD673" s="613"/>
      <c r="DAE673" s="613"/>
      <c r="DAF673" s="613"/>
      <c r="DAG673" s="613"/>
      <c r="DAH673" s="613"/>
      <c r="DAI673" s="613"/>
      <c r="DAJ673" s="613"/>
      <c r="DAK673" s="613"/>
      <c r="DAL673" s="613"/>
      <c r="DAM673" s="613"/>
      <c r="DAN673" s="613"/>
      <c r="DAO673" s="613"/>
      <c r="DAP673" s="613"/>
      <c r="DAQ673" s="613"/>
      <c r="DAR673" s="613"/>
      <c r="DAS673" s="613"/>
      <c r="DAT673" s="613"/>
      <c r="DAU673" s="613"/>
      <c r="DAV673" s="613"/>
      <c r="DAW673" s="613"/>
      <c r="DAX673" s="613"/>
      <c r="DAY673" s="613"/>
      <c r="DAZ673" s="613"/>
      <c r="DBA673" s="613"/>
      <c r="DBB673" s="613"/>
      <c r="DBC673" s="613"/>
      <c r="DBD673" s="613"/>
      <c r="DBE673" s="613"/>
      <c r="DBF673" s="613"/>
      <c r="DBG673" s="613"/>
      <c r="DBH673" s="613"/>
      <c r="DBI673" s="613"/>
      <c r="DBJ673" s="613"/>
      <c r="DBK673" s="613"/>
      <c r="DBL673" s="613"/>
      <c r="DBM673" s="613"/>
      <c r="DBN673" s="613"/>
      <c r="DBO673" s="613"/>
      <c r="DBP673" s="613"/>
      <c r="DBQ673" s="613"/>
      <c r="DBR673" s="613"/>
      <c r="DBS673" s="613"/>
      <c r="DBT673" s="613"/>
      <c r="DBU673" s="613"/>
      <c r="DBV673" s="613"/>
      <c r="DBW673" s="613"/>
      <c r="DBX673" s="613"/>
      <c r="DBY673" s="613"/>
      <c r="DBZ673" s="613"/>
      <c r="DCA673" s="613"/>
      <c r="DCB673" s="613"/>
      <c r="DCC673" s="613"/>
      <c r="DCD673" s="613"/>
      <c r="DCE673" s="613"/>
      <c r="DCF673" s="613"/>
      <c r="DCG673" s="613"/>
      <c r="DCH673" s="613"/>
      <c r="DCI673" s="613"/>
      <c r="DCJ673" s="613"/>
      <c r="DCK673" s="613"/>
      <c r="DCL673" s="613"/>
      <c r="DCM673" s="613"/>
      <c r="DCN673" s="613"/>
      <c r="DCO673" s="613"/>
      <c r="DCP673" s="613"/>
      <c r="DCQ673" s="613"/>
      <c r="DCR673" s="613"/>
      <c r="DCS673" s="613"/>
      <c r="DCT673" s="613"/>
      <c r="DCU673" s="613"/>
      <c r="DCV673" s="613"/>
      <c r="DCW673" s="613"/>
      <c r="DCX673" s="613"/>
      <c r="DCY673" s="613"/>
      <c r="DCZ673" s="613"/>
      <c r="DDA673" s="613"/>
      <c r="DDB673" s="613"/>
      <c r="DDC673" s="613"/>
      <c r="DDD673" s="613"/>
      <c r="DDE673" s="613"/>
      <c r="DDF673" s="613"/>
      <c r="DDG673" s="613"/>
      <c r="DDH673" s="613"/>
      <c r="DDI673" s="613"/>
      <c r="DDJ673" s="613"/>
      <c r="DDK673" s="613"/>
      <c r="DDL673" s="613"/>
      <c r="DDM673" s="613"/>
      <c r="DDN673" s="613"/>
      <c r="DDO673" s="613"/>
      <c r="DDP673" s="613"/>
      <c r="DDQ673" s="613"/>
      <c r="DDR673" s="613"/>
      <c r="DDS673" s="613"/>
      <c r="DDT673" s="613"/>
      <c r="DDU673" s="613"/>
      <c r="DDV673" s="613"/>
      <c r="DDW673" s="613"/>
      <c r="DDX673" s="613"/>
      <c r="DDY673" s="613"/>
      <c r="DDZ673" s="613"/>
      <c r="DEA673" s="613"/>
      <c r="DEB673" s="613"/>
      <c r="DEC673" s="613"/>
      <c r="DED673" s="613"/>
      <c r="DEE673" s="613"/>
      <c r="DEF673" s="613"/>
      <c r="DEG673" s="613"/>
      <c r="DEH673" s="613"/>
      <c r="DEI673" s="613"/>
      <c r="DEJ673" s="613"/>
      <c r="DEK673" s="613"/>
      <c r="DEL673" s="613"/>
      <c r="DEM673" s="613"/>
      <c r="DEN673" s="613"/>
      <c r="DEO673" s="613"/>
      <c r="DEP673" s="613"/>
      <c r="DEQ673" s="613"/>
      <c r="DER673" s="613"/>
      <c r="DES673" s="613"/>
      <c r="DET673" s="613"/>
      <c r="DEU673" s="613"/>
      <c r="DEV673" s="613"/>
      <c r="DEW673" s="613"/>
      <c r="DEX673" s="613"/>
      <c r="DEY673" s="613"/>
      <c r="DEZ673" s="613"/>
      <c r="DFA673" s="613"/>
      <c r="DFB673" s="613"/>
      <c r="DFC673" s="613"/>
      <c r="DFD673" s="613"/>
      <c r="DFE673" s="613"/>
      <c r="DFF673" s="613"/>
      <c r="DFG673" s="613"/>
      <c r="DFH673" s="613"/>
      <c r="DFI673" s="613"/>
      <c r="DFJ673" s="613"/>
      <c r="DFK673" s="613"/>
      <c r="DFL673" s="613"/>
      <c r="DFM673" s="613"/>
      <c r="DFN673" s="613"/>
      <c r="DFO673" s="613"/>
      <c r="DFP673" s="613"/>
      <c r="DFQ673" s="613"/>
      <c r="DFR673" s="613"/>
      <c r="DFS673" s="613"/>
      <c r="DFT673" s="613"/>
      <c r="DFU673" s="613"/>
      <c r="DFV673" s="613"/>
      <c r="DFW673" s="613"/>
      <c r="DFX673" s="613"/>
      <c r="DFY673" s="613"/>
      <c r="DFZ673" s="613"/>
      <c r="DGA673" s="613"/>
      <c r="DGB673" s="613"/>
      <c r="DGC673" s="613"/>
      <c r="DGD673" s="613"/>
      <c r="DGE673" s="613"/>
      <c r="DGF673" s="613"/>
      <c r="DGG673" s="613"/>
      <c r="DGH673" s="613"/>
      <c r="DGI673" s="613"/>
      <c r="DGJ673" s="613"/>
      <c r="DGK673" s="613"/>
      <c r="DGL673" s="613"/>
      <c r="DGM673" s="613"/>
      <c r="DGN673" s="613"/>
      <c r="DGO673" s="613"/>
      <c r="DGP673" s="613"/>
      <c r="DGQ673" s="613"/>
      <c r="DGR673" s="613"/>
      <c r="DGS673" s="613"/>
      <c r="DGT673" s="613"/>
      <c r="DGU673" s="613"/>
      <c r="DGV673" s="613"/>
      <c r="DGW673" s="613"/>
      <c r="DGX673" s="613"/>
      <c r="DGY673" s="613"/>
      <c r="DGZ673" s="613"/>
      <c r="DHA673" s="613"/>
      <c r="DHB673" s="613"/>
      <c r="DHC673" s="613"/>
      <c r="DHD673" s="613"/>
      <c r="DHE673" s="613"/>
      <c r="DHF673" s="613"/>
      <c r="DHG673" s="613"/>
      <c r="DHH673" s="613"/>
      <c r="DHI673" s="613"/>
      <c r="DHJ673" s="613"/>
      <c r="DHK673" s="613"/>
      <c r="DHL673" s="613"/>
      <c r="DHM673" s="613"/>
      <c r="DHN673" s="613"/>
      <c r="DHO673" s="613"/>
      <c r="DHP673" s="613"/>
      <c r="DHQ673" s="613"/>
      <c r="DHR673" s="613"/>
      <c r="DHS673" s="613"/>
      <c r="DHT673" s="613"/>
      <c r="DHU673" s="613"/>
      <c r="DHV673" s="613"/>
      <c r="DHW673" s="613"/>
      <c r="DHX673" s="613"/>
      <c r="DHY673" s="613"/>
      <c r="DHZ673" s="613"/>
      <c r="DIA673" s="613"/>
      <c r="DIB673" s="613"/>
      <c r="DIC673" s="613"/>
      <c r="DID673" s="613"/>
      <c r="DIE673" s="613"/>
      <c r="DIF673" s="613"/>
      <c r="DIG673" s="613"/>
      <c r="DIH673" s="613"/>
      <c r="DII673" s="613"/>
      <c r="DIJ673" s="613"/>
      <c r="DIK673" s="613"/>
      <c r="DIL673" s="613"/>
      <c r="DIM673" s="613"/>
      <c r="DIN673" s="613"/>
      <c r="DIO673" s="613"/>
      <c r="DIP673" s="613"/>
      <c r="DIQ673" s="613"/>
      <c r="DIR673" s="613"/>
      <c r="DIS673" s="613"/>
      <c r="DIT673" s="613"/>
      <c r="DIU673" s="613"/>
      <c r="DIV673" s="613"/>
      <c r="DIW673" s="613"/>
      <c r="DIX673" s="613"/>
      <c r="DIY673" s="613"/>
      <c r="DIZ673" s="613"/>
      <c r="DJA673" s="613"/>
      <c r="DJB673" s="613"/>
      <c r="DJC673" s="613"/>
      <c r="DJD673" s="613"/>
      <c r="DJE673" s="613"/>
      <c r="DJF673" s="613"/>
      <c r="DJG673" s="613"/>
      <c r="DJH673" s="613"/>
      <c r="DJI673" s="613"/>
      <c r="DJJ673" s="613"/>
      <c r="DJK673" s="613"/>
      <c r="DJL673" s="613"/>
      <c r="DJM673" s="613"/>
      <c r="DJN673" s="613"/>
      <c r="DJO673" s="613"/>
      <c r="DJP673" s="613"/>
      <c r="DJQ673" s="613"/>
      <c r="DJR673" s="613"/>
      <c r="DJS673" s="613"/>
      <c r="DJT673" s="613"/>
      <c r="DJU673" s="613"/>
      <c r="DJV673" s="613"/>
      <c r="DJW673" s="613"/>
      <c r="DJX673" s="613"/>
      <c r="DJY673" s="613"/>
      <c r="DJZ673" s="613"/>
      <c r="DKA673" s="613"/>
      <c r="DKB673" s="613"/>
      <c r="DKC673" s="613"/>
      <c r="DKD673" s="613"/>
      <c r="DKE673" s="613"/>
      <c r="DKF673" s="613"/>
      <c r="DKG673" s="613"/>
      <c r="DKH673" s="613"/>
      <c r="DKI673" s="613"/>
      <c r="DKJ673" s="613"/>
      <c r="DKK673" s="613"/>
      <c r="DKL673" s="613"/>
      <c r="DKM673" s="613"/>
      <c r="DKN673" s="613"/>
      <c r="DKO673" s="613"/>
      <c r="DKP673" s="613"/>
      <c r="DKQ673" s="613"/>
      <c r="DKR673" s="613"/>
      <c r="DKS673" s="613"/>
      <c r="DKT673" s="613"/>
      <c r="DKU673" s="613"/>
      <c r="DKV673" s="613"/>
      <c r="DKW673" s="613"/>
      <c r="DKX673" s="613"/>
      <c r="DKY673" s="613"/>
      <c r="DKZ673" s="613"/>
      <c r="DLA673" s="613"/>
      <c r="DLB673" s="613"/>
      <c r="DLC673" s="613"/>
      <c r="DLD673" s="613"/>
      <c r="DLE673" s="613"/>
      <c r="DLF673" s="613"/>
      <c r="DLG673" s="613"/>
      <c r="DLH673" s="613"/>
      <c r="DLI673" s="613"/>
      <c r="DLJ673" s="613"/>
      <c r="DLK673" s="613"/>
      <c r="DLL673" s="613"/>
      <c r="DLM673" s="613"/>
      <c r="DLN673" s="613"/>
      <c r="DLO673" s="613"/>
      <c r="DLP673" s="613"/>
      <c r="DLQ673" s="613"/>
      <c r="DLR673" s="613"/>
      <c r="DLS673" s="613"/>
      <c r="DLT673" s="613"/>
      <c r="DLU673" s="613"/>
      <c r="DLV673" s="613"/>
      <c r="DLW673" s="613"/>
      <c r="DLX673" s="613"/>
      <c r="DLY673" s="613"/>
      <c r="DLZ673" s="613"/>
      <c r="DMA673" s="613"/>
      <c r="DMB673" s="613"/>
      <c r="DMC673" s="613"/>
      <c r="DMD673" s="613"/>
      <c r="DME673" s="613"/>
      <c r="DMF673" s="613"/>
      <c r="DMG673" s="613"/>
      <c r="DMH673" s="613"/>
      <c r="DMI673" s="613"/>
      <c r="DMJ673" s="613"/>
      <c r="DMK673" s="613"/>
      <c r="DML673" s="613"/>
      <c r="DMM673" s="613"/>
      <c r="DMN673" s="613"/>
      <c r="DMO673" s="613"/>
      <c r="DMP673" s="613"/>
      <c r="DMQ673" s="613"/>
      <c r="DMR673" s="613"/>
      <c r="DMS673" s="613"/>
      <c r="DMT673" s="613"/>
      <c r="DMU673" s="613"/>
      <c r="DMV673" s="613"/>
      <c r="DMW673" s="613"/>
      <c r="DMX673" s="613"/>
      <c r="DMY673" s="613"/>
      <c r="DMZ673" s="613"/>
      <c r="DNA673" s="613"/>
      <c r="DNB673" s="613"/>
      <c r="DNC673" s="613"/>
      <c r="DND673" s="613"/>
      <c r="DNE673" s="613"/>
      <c r="DNF673" s="613"/>
      <c r="DNG673" s="613"/>
      <c r="DNH673" s="613"/>
      <c r="DNI673" s="613"/>
      <c r="DNJ673" s="613"/>
      <c r="DNK673" s="613"/>
      <c r="DNL673" s="613"/>
      <c r="DNM673" s="613"/>
      <c r="DNN673" s="613"/>
      <c r="DNO673" s="613"/>
      <c r="DNP673" s="613"/>
      <c r="DNQ673" s="613"/>
      <c r="DNR673" s="613"/>
      <c r="DNS673" s="613"/>
      <c r="DNT673" s="613"/>
      <c r="DNU673" s="613"/>
      <c r="DNV673" s="613"/>
      <c r="DNW673" s="613"/>
      <c r="DNX673" s="613"/>
      <c r="DNY673" s="613"/>
      <c r="DNZ673" s="613"/>
      <c r="DOA673" s="613"/>
      <c r="DOB673" s="613"/>
      <c r="DOC673" s="613"/>
      <c r="DOD673" s="613"/>
      <c r="DOE673" s="613"/>
      <c r="DOF673" s="613"/>
      <c r="DOG673" s="613"/>
      <c r="DOH673" s="613"/>
      <c r="DOI673" s="613"/>
      <c r="DOJ673" s="613"/>
      <c r="DOK673" s="613"/>
      <c r="DOL673" s="613"/>
      <c r="DOM673" s="613"/>
      <c r="DON673" s="613"/>
      <c r="DOO673" s="613"/>
      <c r="DOP673" s="613"/>
      <c r="DOQ673" s="613"/>
      <c r="DOR673" s="613"/>
      <c r="DOS673" s="613"/>
      <c r="DOT673" s="613"/>
      <c r="DOU673" s="613"/>
      <c r="DOV673" s="613"/>
      <c r="DOW673" s="613"/>
      <c r="DOX673" s="613"/>
      <c r="DOY673" s="613"/>
      <c r="DOZ673" s="613"/>
      <c r="DPA673" s="613"/>
      <c r="DPB673" s="613"/>
      <c r="DPC673" s="613"/>
      <c r="DPD673" s="613"/>
      <c r="DPE673" s="613"/>
      <c r="DPF673" s="613"/>
      <c r="DPG673" s="613"/>
      <c r="DPH673" s="613"/>
      <c r="DPI673" s="613"/>
      <c r="DPJ673" s="613"/>
      <c r="DPK673" s="613"/>
      <c r="DPL673" s="613"/>
      <c r="DPM673" s="613"/>
      <c r="DPN673" s="613"/>
      <c r="DPO673" s="613"/>
      <c r="DPP673" s="613"/>
      <c r="DPQ673" s="613"/>
      <c r="DPR673" s="613"/>
      <c r="DPS673" s="613"/>
      <c r="DPT673" s="613"/>
      <c r="DPU673" s="613"/>
      <c r="DPV673" s="613"/>
      <c r="DPW673" s="613"/>
      <c r="DPX673" s="613"/>
      <c r="DPY673" s="613"/>
      <c r="DPZ673" s="613"/>
      <c r="DQA673" s="613"/>
      <c r="DQB673" s="613"/>
      <c r="DQC673" s="613"/>
      <c r="DQD673" s="613"/>
      <c r="DQE673" s="613"/>
      <c r="DQF673" s="613"/>
      <c r="DQG673" s="613"/>
      <c r="DQH673" s="613"/>
      <c r="DQI673" s="613"/>
      <c r="DQJ673" s="613"/>
      <c r="DQK673" s="613"/>
      <c r="DQL673" s="613"/>
      <c r="DQM673" s="613"/>
      <c r="DQN673" s="613"/>
      <c r="DQO673" s="613"/>
      <c r="DQP673" s="613"/>
      <c r="DQQ673" s="613"/>
      <c r="DQR673" s="613"/>
      <c r="DQS673" s="613"/>
      <c r="DQT673" s="613"/>
      <c r="DQU673" s="613"/>
      <c r="DQV673" s="613"/>
      <c r="DQW673" s="613"/>
      <c r="DQX673" s="613"/>
      <c r="DQY673" s="613"/>
      <c r="DQZ673" s="613"/>
      <c r="DRA673" s="613"/>
      <c r="DRB673" s="613"/>
      <c r="DRC673" s="613"/>
      <c r="DRD673" s="613"/>
      <c r="DRE673" s="613"/>
      <c r="DRF673" s="613"/>
      <c r="DRG673" s="613"/>
      <c r="DRH673" s="613"/>
      <c r="DRI673" s="613"/>
      <c r="DRJ673" s="613"/>
      <c r="DRK673" s="613"/>
      <c r="DRL673" s="613"/>
      <c r="DRM673" s="613"/>
      <c r="DRN673" s="613"/>
      <c r="DRO673" s="613"/>
      <c r="DRP673" s="613"/>
      <c r="DRQ673" s="613"/>
      <c r="DRR673" s="613"/>
      <c r="DRS673" s="613"/>
      <c r="DRT673" s="613"/>
      <c r="DRU673" s="613"/>
      <c r="DRV673" s="613"/>
      <c r="DRW673" s="613"/>
      <c r="DRX673" s="613"/>
      <c r="DRY673" s="613"/>
      <c r="DRZ673" s="613"/>
      <c r="DSA673" s="613"/>
      <c r="DSB673" s="613"/>
      <c r="DSC673" s="613"/>
      <c r="DSD673" s="613"/>
      <c r="DSE673" s="613"/>
      <c r="DSF673" s="613"/>
      <c r="DSG673" s="613"/>
      <c r="DSH673" s="613"/>
      <c r="DSI673" s="613"/>
      <c r="DSJ673" s="613"/>
      <c r="DSK673" s="613"/>
      <c r="DSL673" s="613"/>
      <c r="DSM673" s="613"/>
      <c r="DSN673" s="613"/>
      <c r="DSO673" s="613"/>
      <c r="DSP673" s="613"/>
      <c r="DSQ673" s="613"/>
      <c r="DSR673" s="613"/>
      <c r="DSS673" s="613"/>
      <c r="DST673" s="613"/>
      <c r="DSU673" s="613"/>
      <c r="DSV673" s="613"/>
      <c r="DSW673" s="613"/>
      <c r="DSX673" s="613"/>
      <c r="DSY673" s="613"/>
      <c r="DSZ673" s="613"/>
      <c r="DTA673" s="613"/>
      <c r="DTB673" s="613"/>
      <c r="DTC673" s="613"/>
      <c r="DTD673" s="613"/>
      <c r="DTE673" s="613"/>
      <c r="DTF673" s="613"/>
      <c r="DTG673" s="613"/>
      <c r="DTH673" s="613"/>
      <c r="DTI673" s="613"/>
      <c r="DTJ673" s="613"/>
      <c r="DTK673" s="613"/>
      <c r="DTL673" s="613"/>
      <c r="DTM673" s="613"/>
      <c r="DTN673" s="613"/>
      <c r="DTO673" s="613"/>
      <c r="DTP673" s="613"/>
      <c r="DTQ673" s="613"/>
      <c r="DTR673" s="613"/>
      <c r="DTS673" s="613"/>
      <c r="DTT673" s="613"/>
      <c r="DTU673" s="613"/>
      <c r="DTV673" s="613"/>
      <c r="DTW673" s="613"/>
      <c r="DTX673" s="613"/>
      <c r="DTY673" s="613"/>
      <c r="DTZ673" s="613"/>
      <c r="DUA673" s="613"/>
      <c r="DUB673" s="613"/>
      <c r="DUC673" s="613"/>
      <c r="DUD673" s="613"/>
      <c r="DUE673" s="613"/>
      <c r="DUF673" s="613"/>
      <c r="DUG673" s="613"/>
      <c r="DUH673" s="613"/>
      <c r="DUI673" s="613"/>
      <c r="DUJ673" s="613"/>
      <c r="DUK673" s="613"/>
      <c r="DUL673" s="613"/>
      <c r="DUM673" s="613"/>
      <c r="DUN673" s="613"/>
      <c r="DUO673" s="613"/>
      <c r="DUP673" s="613"/>
      <c r="DUQ673" s="613"/>
      <c r="DUR673" s="613"/>
      <c r="DUS673" s="613"/>
      <c r="DUT673" s="613"/>
      <c r="DUU673" s="613"/>
      <c r="DUV673" s="613"/>
      <c r="DUW673" s="613"/>
      <c r="DUX673" s="613"/>
      <c r="DUY673" s="613"/>
      <c r="DUZ673" s="613"/>
      <c r="DVA673" s="613"/>
      <c r="DVB673" s="613"/>
      <c r="DVC673" s="613"/>
      <c r="DVD673" s="613"/>
      <c r="DVE673" s="613"/>
      <c r="DVF673" s="613"/>
      <c r="DVG673" s="613"/>
      <c r="DVH673" s="613"/>
      <c r="DVI673" s="613"/>
      <c r="DVJ673" s="613"/>
      <c r="DVK673" s="613"/>
      <c r="DVL673" s="613"/>
      <c r="DVM673" s="613"/>
      <c r="DVN673" s="613"/>
      <c r="DVO673" s="613"/>
      <c r="DVP673" s="613"/>
      <c r="DVQ673" s="613"/>
      <c r="DVR673" s="613"/>
      <c r="DVS673" s="613"/>
      <c r="DVT673" s="613"/>
      <c r="DVU673" s="613"/>
      <c r="DVV673" s="613"/>
      <c r="DVW673" s="613"/>
      <c r="DVX673" s="613"/>
      <c r="DVY673" s="613"/>
      <c r="DVZ673" s="613"/>
      <c r="DWA673" s="613"/>
      <c r="DWB673" s="613"/>
      <c r="DWC673" s="613"/>
      <c r="DWD673" s="613"/>
      <c r="DWE673" s="613"/>
      <c r="DWF673" s="613"/>
      <c r="DWG673" s="613"/>
      <c r="DWH673" s="613"/>
      <c r="DWI673" s="613"/>
      <c r="DWJ673" s="613"/>
      <c r="DWK673" s="613"/>
      <c r="DWL673" s="613"/>
      <c r="DWM673" s="613"/>
      <c r="DWN673" s="613"/>
      <c r="DWO673" s="613"/>
      <c r="DWP673" s="613"/>
      <c r="DWQ673" s="613"/>
      <c r="DWR673" s="613"/>
      <c r="DWS673" s="613"/>
      <c r="DWT673" s="613"/>
      <c r="DWU673" s="613"/>
      <c r="DWV673" s="613"/>
      <c r="DWW673" s="613"/>
      <c r="DWX673" s="613"/>
      <c r="DWY673" s="613"/>
      <c r="DWZ673" s="613"/>
      <c r="DXA673" s="613"/>
      <c r="DXB673" s="613"/>
      <c r="DXC673" s="613"/>
      <c r="DXD673" s="613"/>
      <c r="DXE673" s="613"/>
      <c r="DXF673" s="613"/>
      <c r="DXG673" s="613"/>
      <c r="DXH673" s="613"/>
      <c r="DXI673" s="613"/>
      <c r="DXJ673" s="613"/>
      <c r="DXK673" s="613"/>
      <c r="DXL673" s="613"/>
      <c r="DXM673" s="613"/>
      <c r="DXN673" s="613"/>
      <c r="DXO673" s="613"/>
      <c r="DXP673" s="613"/>
      <c r="DXQ673" s="613"/>
      <c r="DXR673" s="613"/>
      <c r="DXS673" s="613"/>
      <c r="DXT673" s="613"/>
      <c r="DXU673" s="613"/>
      <c r="DXV673" s="613"/>
      <c r="DXW673" s="613"/>
      <c r="DXX673" s="613"/>
      <c r="DXY673" s="613"/>
      <c r="DXZ673" s="613"/>
      <c r="DYA673" s="613"/>
      <c r="DYB673" s="613"/>
      <c r="DYC673" s="613"/>
      <c r="DYD673" s="613"/>
      <c r="DYE673" s="613"/>
      <c r="DYF673" s="613"/>
      <c r="DYG673" s="613"/>
      <c r="DYH673" s="613"/>
      <c r="DYI673" s="613"/>
      <c r="DYJ673" s="613"/>
      <c r="DYK673" s="613"/>
      <c r="DYL673" s="613"/>
      <c r="DYM673" s="613"/>
      <c r="DYN673" s="613"/>
      <c r="DYO673" s="613"/>
      <c r="DYP673" s="613"/>
      <c r="DYQ673" s="613"/>
      <c r="DYR673" s="613"/>
      <c r="DYS673" s="613"/>
      <c r="DYT673" s="613"/>
      <c r="DYU673" s="613"/>
      <c r="DYV673" s="613"/>
      <c r="DYW673" s="613"/>
      <c r="DYX673" s="613"/>
      <c r="DYY673" s="613"/>
      <c r="DYZ673" s="613"/>
      <c r="DZA673" s="613"/>
      <c r="DZB673" s="613"/>
      <c r="DZC673" s="613"/>
      <c r="DZD673" s="613"/>
      <c r="DZE673" s="613"/>
      <c r="DZF673" s="613"/>
      <c r="DZG673" s="613"/>
      <c r="DZH673" s="613"/>
      <c r="DZI673" s="613"/>
      <c r="DZJ673" s="613"/>
      <c r="DZK673" s="613"/>
      <c r="DZL673" s="613"/>
      <c r="DZM673" s="613"/>
      <c r="DZN673" s="613"/>
      <c r="DZO673" s="613"/>
      <c r="DZP673" s="613"/>
      <c r="DZQ673" s="613"/>
      <c r="DZR673" s="613"/>
      <c r="DZS673" s="613"/>
      <c r="DZT673" s="613"/>
      <c r="DZU673" s="613"/>
      <c r="DZV673" s="613"/>
      <c r="DZW673" s="613"/>
      <c r="DZX673" s="613"/>
      <c r="DZY673" s="613"/>
      <c r="DZZ673" s="613"/>
      <c r="EAA673" s="613"/>
      <c r="EAB673" s="613"/>
      <c r="EAC673" s="613"/>
      <c r="EAD673" s="613"/>
      <c r="EAE673" s="613"/>
      <c r="EAF673" s="613"/>
      <c r="EAG673" s="613"/>
      <c r="EAH673" s="613"/>
      <c r="EAI673" s="613"/>
      <c r="EAJ673" s="613"/>
      <c r="EAK673" s="613"/>
      <c r="EAL673" s="613"/>
      <c r="EAM673" s="613"/>
      <c r="EAN673" s="613"/>
      <c r="EAO673" s="613"/>
      <c r="EAP673" s="613"/>
      <c r="EAQ673" s="613"/>
      <c r="EAR673" s="613"/>
      <c r="EAS673" s="613"/>
      <c r="EAT673" s="613"/>
      <c r="EAU673" s="613"/>
      <c r="EAV673" s="613"/>
      <c r="EAW673" s="613"/>
      <c r="EAX673" s="613"/>
      <c r="EAY673" s="613"/>
      <c r="EAZ673" s="613"/>
      <c r="EBA673" s="613"/>
      <c r="EBB673" s="613"/>
      <c r="EBC673" s="613"/>
      <c r="EBD673" s="613"/>
      <c r="EBE673" s="613"/>
      <c r="EBF673" s="613"/>
      <c r="EBG673" s="613"/>
      <c r="EBH673" s="613"/>
      <c r="EBI673" s="613"/>
      <c r="EBJ673" s="613"/>
      <c r="EBK673" s="613"/>
      <c r="EBL673" s="613"/>
      <c r="EBM673" s="613"/>
      <c r="EBN673" s="613"/>
      <c r="EBO673" s="613"/>
      <c r="EBP673" s="613"/>
      <c r="EBQ673" s="613"/>
      <c r="EBR673" s="613"/>
      <c r="EBS673" s="613"/>
      <c r="EBT673" s="613"/>
      <c r="EBU673" s="613"/>
      <c r="EBV673" s="613"/>
      <c r="EBW673" s="613"/>
      <c r="EBX673" s="613"/>
      <c r="EBY673" s="613"/>
      <c r="EBZ673" s="613"/>
      <c r="ECA673" s="613"/>
      <c r="ECB673" s="613"/>
      <c r="ECC673" s="613"/>
      <c r="ECD673" s="613"/>
      <c r="ECE673" s="613"/>
      <c r="ECF673" s="613"/>
      <c r="ECG673" s="613"/>
      <c r="ECH673" s="613"/>
      <c r="ECI673" s="613"/>
      <c r="ECJ673" s="613"/>
      <c r="ECK673" s="613"/>
      <c r="ECL673" s="613"/>
      <c r="ECM673" s="613"/>
      <c r="ECN673" s="613"/>
      <c r="ECO673" s="613"/>
      <c r="ECP673" s="613"/>
      <c r="ECQ673" s="613"/>
      <c r="ECR673" s="613"/>
      <c r="ECS673" s="613"/>
      <c r="ECT673" s="613"/>
      <c r="ECU673" s="613"/>
      <c r="ECV673" s="613"/>
      <c r="ECW673" s="613"/>
      <c r="ECX673" s="613"/>
      <c r="ECY673" s="613"/>
      <c r="ECZ673" s="613"/>
      <c r="EDA673" s="613"/>
      <c r="EDB673" s="613"/>
      <c r="EDC673" s="613"/>
      <c r="EDD673" s="613"/>
      <c r="EDE673" s="613"/>
      <c r="EDF673" s="613"/>
      <c r="EDG673" s="613"/>
      <c r="EDH673" s="613"/>
      <c r="EDI673" s="613"/>
      <c r="EDJ673" s="613"/>
      <c r="EDK673" s="613"/>
      <c r="EDL673" s="613"/>
      <c r="EDM673" s="613"/>
      <c r="EDN673" s="613"/>
      <c r="EDO673" s="613"/>
      <c r="EDP673" s="613"/>
      <c r="EDQ673" s="613"/>
      <c r="EDR673" s="613"/>
      <c r="EDS673" s="613"/>
      <c r="EDT673" s="613"/>
      <c r="EDU673" s="613"/>
      <c r="EDV673" s="613"/>
      <c r="EDW673" s="613"/>
      <c r="EDX673" s="613"/>
      <c r="EDY673" s="613"/>
      <c r="EDZ673" s="613"/>
      <c r="EEA673" s="613"/>
      <c r="EEB673" s="613"/>
      <c r="EEC673" s="613"/>
      <c r="EED673" s="613"/>
      <c r="EEE673" s="613"/>
      <c r="EEF673" s="613"/>
      <c r="EEG673" s="613"/>
      <c r="EEH673" s="613"/>
      <c r="EEI673" s="613"/>
      <c r="EEJ673" s="613"/>
      <c r="EEK673" s="613"/>
      <c r="EEL673" s="613"/>
      <c r="EEM673" s="613"/>
      <c r="EEN673" s="613"/>
      <c r="EEO673" s="613"/>
      <c r="EEP673" s="613"/>
      <c r="EEQ673" s="613"/>
      <c r="EER673" s="613"/>
      <c r="EES673" s="613"/>
      <c r="EET673" s="613"/>
      <c r="EEU673" s="613"/>
      <c r="EEV673" s="613"/>
      <c r="EEW673" s="613"/>
      <c r="EEX673" s="613"/>
      <c r="EEY673" s="613"/>
      <c r="EEZ673" s="613"/>
      <c r="EFA673" s="613"/>
      <c r="EFB673" s="613"/>
      <c r="EFC673" s="613"/>
      <c r="EFD673" s="613"/>
      <c r="EFE673" s="613"/>
      <c r="EFF673" s="613"/>
      <c r="EFG673" s="613"/>
      <c r="EFH673" s="613"/>
      <c r="EFI673" s="613"/>
      <c r="EFJ673" s="613"/>
      <c r="EFK673" s="613"/>
      <c r="EFL673" s="613"/>
      <c r="EFM673" s="613"/>
      <c r="EFN673" s="613"/>
      <c r="EFO673" s="613"/>
      <c r="EFP673" s="613"/>
      <c r="EFQ673" s="613"/>
      <c r="EFR673" s="613"/>
      <c r="EFS673" s="613"/>
      <c r="EFT673" s="613"/>
      <c r="EFU673" s="613"/>
      <c r="EFV673" s="613"/>
      <c r="EFW673" s="613"/>
      <c r="EFX673" s="613"/>
      <c r="EFY673" s="613"/>
      <c r="EFZ673" s="613"/>
      <c r="EGA673" s="613"/>
      <c r="EGB673" s="613"/>
      <c r="EGC673" s="613"/>
      <c r="EGD673" s="613"/>
      <c r="EGE673" s="613"/>
      <c r="EGF673" s="613"/>
      <c r="EGG673" s="613"/>
      <c r="EGH673" s="613"/>
      <c r="EGI673" s="613"/>
      <c r="EGJ673" s="613"/>
      <c r="EGK673" s="613"/>
      <c r="EGL673" s="613"/>
      <c r="EGM673" s="613"/>
      <c r="EGN673" s="613"/>
      <c r="EGO673" s="613"/>
      <c r="EGP673" s="613"/>
      <c r="EGQ673" s="613"/>
      <c r="EGR673" s="613"/>
      <c r="EGS673" s="613"/>
      <c r="EGT673" s="613"/>
      <c r="EGU673" s="613"/>
      <c r="EGV673" s="613"/>
      <c r="EGW673" s="613"/>
      <c r="EGX673" s="613"/>
      <c r="EGY673" s="613"/>
      <c r="EGZ673" s="613"/>
      <c r="EHA673" s="613"/>
      <c r="EHB673" s="613"/>
      <c r="EHC673" s="613"/>
      <c r="EHD673" s="613"/>
      <c r="EHE673" s="613"/>
      <c r="EHF673" s="613"/>
      <c r="EHG673" s="613"/>
      <c r="EHH673" s="613"/>
      <c r="EHI673" s="613"/>
      <c r="EHJ673" s="613"/>
      <c r="EHK673" s="613"/>
      <c r="EHL673" s="613"/>
      <c r="EHM673" s="613"/>
      <c r="EHN673" s="613"/>
      <c r="EHO673" s="613"/>
      <c r="EHP673" s="613"/>
      <c r="EHQ673" s="613"/>
      <c r="EHR673" s="613"/>
      <c r="EHS673" s="613"/>
      <c r="EHT673" s="613"/>
      <c r="EHU673" s="613"/>
      <c r="EHV673" s="613"/>
      <c r="EHW673" s="613"/>
      <c r="EHX673" s="613"/>
      <c r="EHY673" s="613"/>
      <c r="EHZ673" s="613"/>
      <c r="EIA673" s="613"/>
      <c r="EIB673" s="613"/>
      <c r="EIC673" s="613"/>
      <c r="EID673" s="613"/>
      <c r="EIE673" s="613"/>
      <c r="EIF673" s="613"/>
      <c r="EIG673" s="613"/>
      <c r="EIH673" s="613"/>
      <c r="EII673" s="613"/>
      <c r="EIJ673" s="613"/>
      <c r="EIK673" s="613"/>
      <c r="EIL673" s="613"/>
      <c r="EIM673" s="613"/>
      <c r="EIN673" s="613"/>
      <c r="EIO673" s="613"/>
      <c r="EIP673" s="613"/>
      <c r="EIQ673" s="613"/>
      <c r="EIR673" s="613"/>
      <c r="EIS673" s="613"/>
      <c r="EIT673" s="613"/>
      <c r="EIU673" s="613"/>
      <c r="EIV673" s="613"/>
      <c r="EIW673" s="613"/>
      <c r="EIX673" s="613"/>
      <c r="EIY673" s="613"/>
      <c r="EIZ673" s="613"/>
      <c r="EJA673" s="613"/>
      <c r="EJB673" s="613"/>
      <c r="EJC673" s="613"/>
      <c r="EJD673" s="613"/>
      <c r="EJE673" s="613"/>
      <c r="EJF673" s="613"/>
      <c r="EJG673" s="613"/>
      <c r="EJH673" s="613"/>
      <c r="EJI673" s="613"/>
      <c r="EJJ673" s="613"/>
      <c r="EJK673" s="613"/>
      <c r="EJL673" s="613"/>
      <c r="EJM673" s="613"/>
      <c r="EJN673" s="613"/>
      <c r="EJO673" s="613"/>
      <c r="EJP673" s="613"/>
      <c r="EJQ673" s="613"/>
      <c r="EJR673" s="613"/>
      <c r="EJS673" s="613"/>
      <c r="EJT673" s="613"/>
      <c r="EJU673" s="613"/>
      <c r="EJV673" s="613"/>
      <c r="EJW673" s="613"/>
      <c r="EJX673" s="613"/>
      <c r="EJY673" s="613"/>
      <c r="EJZ673" s="613"/>
      <c r="EKA673" s="613"/>
      <c r="EKB673" s="613"/>
      <c r="EKC673" s="613"/>
      <c r="EKD673" s="613"/>
      <c r="EKE673" s="613"/>
      <c r="EKF673" s="613"/>
      <c r="EKG673" s="613"/>
      <c r="EKH673" s="613"/>
      <c r="EKI673" s="613"/>
      <c r="EKJ673" s="613"/>
      <c r="EKK673" s="613"/>
      <c r="EKL673" s="613"/>
      <c r="EKM673" s="613"/>
      <c r="EKN673" s="613"/>
      <c r="EKO673" s="613"/>
      <c r="EKP673" s="613"/>
      <c r="EKQ673" s="613"/>
      <c r="EKR673" s="613"/>
      <c r="EKS673" s="613"/>
      <c r="EKT673" s="613"/>
      <c r="EKU673" s="613"/>
      <c r="EKV673" s="613"/>
      <c r="EKW673" s="613"/>
      <c r="EKX673" s="613"/>
      <c r="EKY673" s="613"/>
      <c r="EKZ673" s="613"/>
      <c r="ELA673" s="613"/>
      <c r="ELB673" s="613"/>
      <c r="ELC673" s="613"/>
      <c r="ELD673" s="613"/>
      <c r="ELE673" s="613"/>
      <c r="ELF673" s="613"/>
      <c r="ELG673" s="613"/>
      <c r="ELH673" s="613"/>
      <c r="ELI673" s="613"/>
      <c r="ELJ673" s="613"/>
      <c r="ELK673" s="613"/>
      <c r="ELL673" s="613"/>
      <c r="ELM673" s="613"/>
      <c r="ELN673" s="613"/>
      <c r="ELO673" s="613"/>
      <c r="ELP673" s="613"/>
      <c r="ELQ673" s="613"/>
      <c r="ELR673" s="613"/>
      <c r="ELS673" s="613"/>
      <c r="ELT673" s="613"/>
      <c r="ELU673" s="613"/>
      <c r="ELV673" s="613"/>
      <c r="ELW673" s="613"/>
      <c r="ELX673" s="613"/>
      <c r="ELY673" s="613"/>
      <c r="ELZ673" s="613"/>
      <c r="EMA673" s="613"/>
      <c r="EMB673" s="613"/>
      <c r="EMC673" s="613"/>
      <c r="EMD673" s="613"/>
      <c r="EME673" s="613"/>
      <c r="EMF673" s="613"/>
      <c r="EMG673" s="613"/>
      <c r="EMH673" s="613"/>
      <c r="EMI673" s="613"/>
      <c r="EMJ673" s="613"/>
      <c r="EMK673" s="613"/>
      <c r="EML673" s="613"/>
      <c r="EMM673" s="613"/>
      <c r="EMN673" s="613"/>
      <c r="EMO673" s="613"/>
      <c r="EMP673" s="613"/>
      <c r="EMQ673" s="613"/>
      <c r="EMR673" s="613"/>
      <c r="EMS673" s="613"/>
      <c r="EMT673" s="613"/>
      <c r="EMU673" s="613"/>
      <c r="EMV673" s="613"/>
      <c r="EMW673" s="613"/>
      <c r="EMX673" s="613"/>
      <c r="EMY673" s="613"/>
      <c r="EMZ673" s="613"/>
      <c r="ENA673" s="613"/>
      <c r="ENB673" s="613"/>
      <c r="ENC673" s="613"/>
      <c r="END673" s="613"/>
      <c r="ENE673" s="613"/>
      <c r="ENF673" s="613"/>
      <c r="ENG673" s="613"/>
      <c r="ENH673" s="613"/>
      <c r="ENI673" s="613"/>
      <c r="ENJ673" s="613"/>
      <c r="ENK673" s="613"/>
      <c r="ENL673" s="613"/>
      <c r="ENM673" s="613"/>
      <c r="ENN673" s="613"/>
      <c r="ENO673" s="613"/>
      <c r="ENP673" s="613"/>
      <c r="ENQ673" s="613"/>
      <c r="ENR673" s="613"/>
      <c r="ENS673" s="613"/>
      <c r="ENT673" s="613"/>
      <c r="ENU673" s="613"/>
      <c r="ENV673" s="613"/>
      <c r="ENW673" s="613"/>
      <c r="ENX673" s="613"/>
      <c r="ENY673" s="613"/>
      <c r="ENZ673" s="613"/>
      <c r="EOA673" s="613"/>
      <c r="EOB673" s="613"/>
      <c r="EOC673" s="613"/>
      <c r="EOD673" s="613"/>
      <c r="EOE673" s="613"/>
      <c r="EOF673" s="613"/>
      <c r="EOG673" s="613"/>
      <c r="EOH673" s="613"/>
      <c r="EOI673" s="613"/>
      <c r="EOJ673" s="613"/>
      <c r="EOK673" s="613"/>
      <c r="EOL673" s="613"/>
      <c r="EOM673" s="613"/>
      <c r="EON673" s="613"/>
      <c r="EOO673" s="613"/>
      <c r="EOP673" s="613"/>
      <c r="EOQ673" s="613"/>
      <c r="EOR673" s="613"/>
      <c r="EOS673" s="613"/>
      <c r="EOT673" s="613"/>
      <c r="EOU673" s="613"/>
      <c r="EOV673" s="613"/>
      <c r="EOW673" s="613"/>
      <c r="EOX673" s="613"/>
      <c r="EOY673" s="613"/>
      <c r="EOZ673" s="613"/>
      <c r="EPA673" s="613"/>
      <c r="EPB673" s="613"/>
      <c r="EPC673" s="613"/>
      <c r="EPD673" s="613"/>
      <c r="EPE673" s="613"/>
      <c r="EPF673" s="613"/>
      <c r="EPG673" s="613"/>
      <c r="EPH673" s="613"/>
      <c r="EPI673" s="613"/>
      <c r="EPJ673" s="613"/>
      <c r="EPK673" s="613"/>
      <c r="EPL673" s="613"/>
      <c r="EPM673" s="613"/>
      <c r="EPN673" s="613"/>
      <c r="EPO673" s="613"/>
      <c r="EPP673" s="613"/>
      <c r="EPQ673" s="613"/>
      <c r="EPR673" s="613"/>
      <c r="EPS673" s="613"/>
      <c r="EPT673" s="613"/>
      <c r="EPU673" s="613"/>
      <c r="EPV673" s="613"/>
      <c r="EPW673" s="613"/>
      <c r="EPX673" s="613"/>
      <c r="EPY673" s="613"/>
      <c r="EPZ673" s="613"/>
      <c r="EQA673" s="613"/>
      <c r="EQB673" s="613"/>
      <c r="EQC673" s="613"/>
      <c r="EQD673" s="613"/>
      <c r="EQE673" s="613"/>
      <c r="EQF673" s="613"/>
      <c r="EQG673" s="613"/>
      <c r="EQH673" s="613"/>
      <c r="EQI673" s="613"/>
      <c r="EQJ673" s="613"/>
      <c r="EQK673" s="613"/>
      <c r="EQL673" s="613"/>
      <c r="EQM673" s="613"/>
      <c r="EQN673" s="613"/>
      <c r="EQO673" s="613"/>
      <c r="EQP673" s="613"/>
      <c r="EQQ673" s="613"/>
      <c r="EQR673" s="613"/>
      <c r="EQS673" s="613"/>
      <c r="EQT673" s="613"/>
      <c r="EQU673" s="613"/>
      <c r="EQV673" s="613"/>
      <c r="EQW673" s="613"/>
      <c r="EQX673" s="613"/>
      <c r="EQY673" s="613"/>
      <c r="EQZ673" s="613"/>
      <c r="ERA673" s="613"/>
      <c r="ERB673" s="613"/>
      <c r="ERC673" s="613"/>
      <c r="ERD673" s="613"/>
      <c r="ERE673" s="613"/>
      <c r="ERF673" s="613"/>
      <c r="ERG673" s="613"/>
      <c r="ERH673" s="613"/>
      <c r="ERI673" s="613"/>
      <c r="ERJ673" s="613"/>
      <c r="ERK673" s="613"/>
      <c r="ERL673" s="613"/>
      <c r="ERM673" s="613"/>
      <c r="ERN673" s="613"/>
      <c r="ERO673" s="613"/>
      <c r="ERP673" s="613"/>
      <c r="ERQ673" s="613"/>
      <c r="ERR673" s="613"/>
      <c r="ERS673" s="613"/>
      <c r="ERT673" s="613"/>
      <c r="ERU673" s="613"/>
      <c r="ERV673" s="613"/>
      <c r="ERW673" s="613"/>
      <c r="ERX673" s="613"/>
      <c r="ERY673" s="613"/>
      <c r="ERZ673" s="613"/>
      <c r="ESA673" s="613"/>
      <c r="ESB673" s="613"/>
      <c r="ESC673" s="613"/>
      <c r="ESD673" s="613"/>
      <c r="ESE673" s="613"/>
      <c r="ESF673" s="613"/>
      <c r="ESG673" s="613"/>
      <c r="ESH673" s="613"/>
      <c r="ESI673" s="613"/>
      <c r="ESJ673" s="613"/>
      <c r="ESK673" s="613"/>
      <c r="ESL673" s="613"/>
      <c r="ESM673" s="613"/>
      <c r="ESN673" s="613"/>
      <c r="ESO673" s="613"/>
      <c r="ESP673" s="613"/>
      <c r="ESQ673" s="613"/>
      <c r="ESR673" s="613"/>
      <c r="ESS673" s="613"/>
      <c r="EST673" s="613"/>
      <c r="ESU673" s="613"/>
      <c r="ESV673" s="613"/>
      <c r="ESW673" s="613"/>
      <c r="ESX673" s="613"/>
      <c r="ESY673" s="613"/>
      <c r="ESZ673" s="613"/>
      <c r="ETA673" s="613"/>
      <c r="ETB673" s="613"/>
      <c r="ETC673" s="613"/>
      <c r="ETD673" s="613"/>
      <c r="ETE673" s="613"/>
      <c r="ETF673" s="613"/>
      <c r="ETG673" s="613"/>
      <c r="ETH673" s="613"/>
      <c r="ETI673" s="613"/>
      <c r="ETJ673" s="613"/>
      <c r="ETK673" s="613"/>
      <c r="ETL673" s="613"/>
      <c r="ETM673" s="613"/>
      <c r="ETN673" s="613"/>
      <c r="ETO673" s="613"/>
      <c r="ETP673" s="613"/>
      <c r="ETQ673" s="613"/>
      <c r="ETR673" s="613"/>
      <c r="ETS673" s="613"/>
      <c r="ETT673" s="613"/>
      <c r="ETU673" s="613"/>
      <c r="ETV673" s="613"/>
      <c r="ETW673" s="613"/>
      <c r="ETX673" s="613"/>
      <c r="ETY673" s="613"/>
      <c r="ETZ673" s="613"/>
      <c r="EUA673" s="613"/>
      <c r="EUB673" s="613"/>
      <c r="EUC673" s="613"/>
      <c r="EUD673" s="613"/>
      <c r="EUE673" s="613"/>
      <c r="EUF673" s="613"/>
      <c r="EUG673" s="613"/>
      <c r="EUH673" s="613"/>
      <c r="EUI673" s="613"/>
      <c r="EUJ673" s="613"/>
      <c r="EUK673" s="613"/>
      <c r="EUL673" s="613"/>
      <c r="EUM673" s="613"/>
      <c r="EUN673" s="613"/>
      <c r="EUO673" s="613"/>
      <c r="EUP673" s="613"/>
      <c r="EUQ673" s="613"/>
      <c r="EUR673" s="613"/>
      <c r="EUS673" s="613"/>
      <c r="EUT673" s="613"/>
      <c r="EUU673" s="613"/>
      <c r="EUV673" s="613"/>
      <c r="EUW673" s="613"/>
      <c r="EUX673" s="613"/>
      <c r="EUY673" s="613"/>
      <c r="EUZ673" s="613"/>
      <c r="EVA673" s="613"/>
      <c r="EVB673" s="613"/>
      <c r="EVC673" s="613"/>
      <c r="EVD673" s="613"/>
      <c r="EVE673" s="613"/>
      <c r="EVF673" s="613"/>
      <c r="EVG673" s="613"/>
      <c r="EVH673" s="613"/>
      <c r="EVI673" s="613"/>
      <c r="EVJ673" s="613"/>
      <c r="EVK673" s="613"/>
      <c r="EVL673" s="613"/>
      <c r="EVM673" s="613"/>
      <c r="EVN673" s="613"/>
      <c r="EVO673" s="613"/>
      <c r="EVP673" s="613"/>
      <c r="EVQ673" s="613"/>
      <c r="EVR673" s="613"/>
      <c r="EVS673" s="613"/>
      <c r="EVT673" s="613"/>
      <c r="EVU673" s="613"/>
      <c r="EVV673" s="613"/>
      <c r="EVW673" s="613"/>
      <c r="EVX673" s="613"/>
      <c r="EVY673" s="613"/>
      <c r="EVZ673" s="613"/>
      <c r="EWA673" s="613"/>
      <c r="EWB673" s="613"/>
      <c r="EWC673" s="613"/>
      <c r="EWD673" s="613"/>
      <c r="EWE673" s="613"/>
      <c r="EWF673" s="613"/>
      <c r="EWG673" s="613"/>
      <c r="EWH673" s="613"/>
      <c r="EWI673" s="613"/>
      <c r="EWJ673" s="613"/>
      <c r="EWK673" s="613"/>
      <c r="EWL673" s="613"/>
      <c r="EWM673" s="613"/>
      <c r="EWN673" s="613"/>
      <c r="EWO673" s="613"/>
      <c r="EWP673" s="613"/>
      <c r="EWQ673" s="613"/>
      <c r="EWR673" s="613"/>
      <c r="EWS673" s="613"/>
      <c r="EWT673" s="613"/>
      <c r="EWU673" s="613"/>
      <c r="EWV673" s="613"/>
      <c r="EWW673" s="613"/>
      <c r="EWX673" s="613"/>
      <c r="EWY673" s="613"/>
      <c r="EWZ673" s="613"/>
      <c r="EXA673" s="613"/>
      <c r="EXB673" s="613"/>
      <c r="EXC673" s="613"/>
      <c r="EXD673" s="613"/>
      <c r="EXE673" s="613"/>
      <c r="EXF673" s="613"/>
      <c r="EXG673" s="613"/>
      <c r="EXH673" s="613"/>
      <c r="EXI673" s="613"/>
      <c r="EXJ673" s="613"/>
      <c r="EXK673" s="613"/>
      <c r="EXL673" s="613"/>
      <c r="EXM673" s="613"/>
      <c r="EXN673" s="613"/>
      <c r="EXO673" s="613"/>
      <c r="EXP673" s="613"/>
      <c r="EXQ673" s="613"/>
      <c r="EXR673" s="613"/>
      <c r="EXS673" s="613"/>
      <c r="EXT673" s="613"/>
      <c r="EXU673" s="613"/>
      <c r="EXV673" s="613"/>
      <c r="EXW673" s="613"/>
      <c r="EXX673" s="613"/>
      <c r="EXY673" s="613"/>
      <c r="EXZ673" s="613"/>
      <c r="EYA673" s="613"/>
      <c r="EYB673" s="613"/>
      <c r="EYC673" s="613"/>
      <c r="EYD673" s="613"/>
      <c r="EYE673" s="613"/>
      <c r="EYF673" s="613"/>
      <c r="EYG673" s="613"/>
      <c r="EYH673" s="613"/>
      <c r="EYI673" s="613"/>
      <c r="EYJ673" s="613"/>
      <c r="EYK673" s="613"/>
      <c r="EYL673" s="613"/>
      <c r="EYM673" s="613"/>
      <c r="EYN673" s="613"/>
      <c r="EYO673" s="613"/>
      <c r="EYP673" s="613"/>
      <c r="EYQ673" s="613"/>
      <c r="EYR673" s="613"/>
      <c r="EYS673" s="613"/>
      <c r="EYT673" s="613"/>
      <c r="EYU673" s="613"/>
      <c r="EYV673" s="613"/>
      <c r="EYW673" s="613"/>
      <c r="EYX673" s="613"/>
      <c r="EYY673" s="613"/>
      <c r="EYZ673" s="613"/>
      <c r="EZA673" s="613"/>
      <c r="EZB673" s="613"/>
      <c r="EZC673" s="613"/>
      <c r="EZD673" s="613"/>
      <c r="EZE673" s="613"/>
      <c r="EZF673" s="613"/>
      <c r="EZG673" s="613"/>
      <c r="EZH673" s="613"/>
      <c r="EZI673" s="613"/>
      <c r="EZJ673" s="613"/>
      <c r="EZK673" s="613"/>
      <c r="EZL673" s="613"/>
      <c r="EZM673" s="613"/>
      <c r="EZN673" s="613"/>
      <c r="EZO673" s="613"/>
      <c r="EZP673" s="613"/>
      <c r="EZQ673" s="613"/>
      <c r="EZR673" s="613"/>
      <c r="EZS673" s="613"/>
      <c r="EZT673" s="613"/>
      <c r="EZU673" s="613"/>
      <c r="EZV673" s="613"/>
      <c r="EZW673" s="613"/>
      <c r="EZX673" s="613"/>
      <c r="EZY673" s="613"/>
      <c r="EZZ673" s="613"/>
      <c r="FAA673" s="613"/>
      <c r="FAB673" s="613"/>
      <c r="FAC673" s="613"/>
      <c r="FAD673" s="613"/>
      <c r="FAE673" s="613"/>
      <c r="FAF673" s="613"/>
      <c r="FAG673" s="613"/>
      <c r="FAH673" s="613"/>
      <c r="FAI673" s="613"/>
      <c r="FAJ673" s="613"/>
      <c r="FAK673" s="613"/>
      <c r="FAL673" s="613"/>
      <c r="FAM673" s="613"/>
      <c r="FAN673" s="613"/>
      <c r="FAO673" s="613"/>
      <c r="FAP673" s="613"/>
      <c r="FAQ673" s="613"/>
      <c r="FAR673" s="613"/>
      <c r="FAS673" s="613"/>
      <c r="FAT673" s="613"/>
      <c r="FAU673" s="613"/>
      <c r="FAV673" s="613"/>
      <c r="FAW673" s="613"/>
      <c r="FAX673" s="613"/>
      <c r="FAY673" s="613"/>
      <c r="FAZ673" s="613"/>
      <c r="FBA673" s="613"/>
      <c r="FBB673" s="613"/>
      <c r="FBC673" s="613"/>
      <c r="FBD673" s="613"/>
      <c r="FBE673" s="613"/>
      <c r="FBF673" s="613"/>
      <c r="FBG673" s="613"/>
      <c r="FBH673" s="613"/>
      <c r="FBI673" s="613"/>
      <c r="FBJ673" s="613"/>
      <c r="FBK673" s="613"/>
      <c r="FBL673" s="613"/>
      <c r="FBM673" s="613"/>
      <c r="FBN673" s="613"/>
      <c r="FBO673" s="613"/>
      <c r="FBP673" s="613"/>
      <c r="FBQ673" s="613"/>
      <c r="FBR673" s="613"/>
      <c r="FBS673" s="613"/>
      <c r="FBT673" s="613"/>
      <c r="FBU673" s="613"/>
      <c r="FBV673" s="613"/>
      <c r="FBW673" s="613"/>
      <c r="FBX673" s="613"/>
      <c r="FBY673" s="613"/>
      <c r="FBZ673" s="613"/>
      <c r="FCA673" s="613"/>
      <c r="FCB673" s="613"/>
      <c r="FCC673" s="613"/>
      <c r="FCD673" s="613"/>
      <c r="FCE673" s="613"/>
      <c r="FCF673" s="613"/>
      <c r="FCG673" s="613"/>
      <c r="FCH673" s="613"/>
      <c r="FCI673" s="613"/>
      <c r="FCJ673" s="613"/>
      <c r="FCK673" s="613"/>
      <c r="FCL673" s="613"/>
      <c r="FCM673" s="613"/>
      <c r="FCN673" s="613"/>
      <c r="FCO673" s="613"/>
      <c r="FCP673" s="613"/>
      <c r="FCQ673" s="613"/>
      <c r="FCR673" s="613"/>
      <c r="FCS673" s="613"/>
      <c r="FCT673" s="613"/>
      <c r="FCU673" s="613"/>
      <c r="FCV673" s="613"/>
      <c r="FCW673" s="613"/>
      <c r="FCX673" s="613"/>
      <c r="FCY673" s="613"/>
      <c r="FCZ673" s="613"/>
      <c r="FDA673" s="613"/>
      <c r="FDB673" s="613"/>
      <c r="FDC673" s="613"/>
      <c r="FDD673" s="613"/>
      <c r="FDE673" s="613"/>
      <c r="FDF673" s="613"/>
      <c r="FDG673" s="613"/>
      <c r="FDH673" s="613"/>
      <c r="FDI673" s="613"/>
      <c r="FDJ673" s="613"/>
      <c r="FDK673" s="613"/>
      <c r="FDL673" s="613"/>
      <c r="FDM673" s="613"/>
      <c r="FDN673" s="613"/>
      <c r="FDO673" s="613"/>
      <c r="FDP673" s="613"/>
      <c r="FDQ673" s="613"/>
      <c r="FDR673" s="613"/>
      <c r="FDS673" s="613"/>
      <c r="FDT673" s="613"/>
      <c r="FDU673" s="613"/>
      <c r="FDV673" s="613"/>
      <c r="FDW673" s="613"/>
      <c r="FDX673" s="613"/>
      <c r="FDY673" s="613"/>
      <c r="FDZ673" s="613"/>
      <c r="FEA673" s="613"/>
      <c r="FEB673" s="613"/>
      <c r="FEC673" s="613"/>
      <c r="FED673" s="613"/>
      <c r="FEE673" s="613"/>
      <c r="FEF673" s="613"/>
      <c r="FEG673" s="613"/>
      <c r="FEH673" s="613"/>
      <c r="FEI673" s="613"/>
      <c r="FEJ673" s="613"/>
      <c r="FEK673" s="613"/>
      <c r="FEL673" s="613"/>
      <c r="FEM673" s="613"/>
      <c r="FEN673" s="613"/>
      <c r="FEO673" s="613"/>
      <c r="FEP673" s="613"/>
      <c r="FEQ673" s="613"/>
      <c r="FER673" s="613"/>
      <c r="FES673" s="613"/>
      <c r="FET673" s="613"/>
      <c r="FEU673" s="613"/>
      <c r="FEV673" s="613"/>
      <c r="FEW673" s="613"/>
      <c r="FEX673" s="613"/>
      <c r="FEY673" s="613"/>
      <c r="FEZ673" s="613"/>
      <c r="FFA673" s="613"/>
      <c r="FFB673" s="613"/>
      <c r="FFC673" s="613"/>
      <c r="FFD673" s="613"/>
      <c r="FFE673" s="613"/>
      <c r="FFF673" s="613"/>
      <c r="FFG673" s="613"/>
      <c r="FFH673" s="613"/>
      <c r="FFI673" s="613"/>
      <c r="FFJ673" s="613"/>
      <c r="FFK673" s="613"/>
      <c r="FFL673" s="613"/>
      <c r="FFM673" s="613"/>
      <c r="FFN673" s="613"/>
      <c r="FFO673" s="613"/>
      <c r="FFP673" s="613"/>
      <c r="FFQ673" s="613"/>
      <c r="FFR673" s="613"/>
      <c r="FFS673" s="613"/>
      <c r="FFT673" s="613"/>
      <c r="FFU673" s="613"/>
      <c r="FFV673" s="613"/>
      <c r="FFW673" s="613"/>
      <c r="FFX673" s="613"/>
      <c r="FFY673" s="613"/>
      <c r="FFZ673" s="613"/>
      <c r="FGA673" s="613"/>
      <c r="FGB673" s="613"/>
      <c r="FGC673" s="613"/>
      <c r="FGD673" s="613"/>
      <c r="FGE673" s="613"/>
      <c r="FGF673" s="613"/>
      <c r="FGG673" s="613"/>
      <c r="FGH673" s="613"/>
      <c r="FGI673" s="613"/>
      <c r="FGJ673" s="613"/>
      <c r="FGK673" s="613"/>
      <c r="FGL673" s="613"/>
      <c r="FGM673" s="613"/>
      <c r="FGN673" s="613"/>
      <c r="FGO673" s="613"/>
      <c r="FGP673" s="613"/>
      <c r="FGQ673" s="613"/>
      <c r="FGR673" s="613"/>
      <c r="FGS673" s="613"/>
      <c r="FGT673" s="613"/>
      <c r="FGU673" s="613"/>
      <c r="FGV673" s="613"/>
      <c r="FGW673" s="613"/>
      <c r="FGX673" s="613"/>
      <c r="FGY673" s="613"/>
      <c r="FGZ673" s="613"/>
      <c r="FHA673" s="613"/>
      <c r="FHB673" s="613"/>
      <c r="FHC673" s="613"/>
      <c r="FHD673" s="613"/>
      <c r="FHE673" s="613"/>
      <c r="FHF673" s="613"/>
      <c r="FHG673" s="613"/>
      <c r="FHH673" s="613"/>
      <c r="FHI673" s="613"/>
      <c r="FHJ673" s="613"/>
      <c r="FHK673" s="613"/>
      <c r="FHL673" s="613"/>
      <c r="FHM673" s="613"/>
      <c r="FHN673" s="613"/>
      <c r="FHO673" s="613"/>
      <c r="FHP673" s="613"/>
      <c r="FHQ673" s="613"/>
      <c r="FHR673" s="613"/>
      <c r="FHS673" s="613"/>
      <c r="FHT673" s="613"/>
      <c r="FHU673" s="613"/>
      <c r="FHV673" s="613"/>
      <c r="FHW673" s="613"/>
      <c r="FHX673" s="613"/>
      <c r="FHY673" s="613"/>
      <c r="FHZ673" s="613"/>
      <c r="FIA673" s="613"/>
      <c r="FIB673" s="613"/>
      <c r="FIC673" s="613"/>
      <c r="FID673" s="613"/>
      <c r="FIE673" s="613"/>
      <c r="FIF673" s="613"/>
      <c r="FIG673" s="613"/>
      <c r="FIH673" s="613"/>
      <c r="FII673" s="613"/>
      <c r="FIJ673" s="613"/>
      <c r="FIK673" s="613"/>
      <c r="FIL673" s="613"/>
      <c r="FIM673" s="613"/>
      <c r="FIN673" s="613"/>
      <c r="FIO673" s="613"/>
      <c r="FIP673" s="613"/>
      <c r="FIQ673" s="613"/>
      <c r="FIR673" s="613"/>
      <c r="FIS673" s="613"/>
      <c r="FIT673" s="613"/>
      <c r="FIU673" s="613"/>
      <c r="FIV673" s="613"/>
      <c r="FIW673" s="613"/>
      <c r="FIX673" s="613"/>
      <c r="FIY673" s="613"/>
      <c r="FIZ673" s="613"/>
      <c r="FJA673" s="613"/>
      <c r="FJB673" s="613"/>
      <c r="FJC673" s="613"/>
      <c r="FJD673" s="613"/>
      <c r="FJE673" s="613"/>
      <c r="FJF673" s="613"/>
      <c r="FJG673" s="613"/>
      <c r="FJH673" s="613"/>
      <c r="FJI673" s="613"/>
      <c r="FJJ673" s="613"/>
      <c r="FJK673" s="613"/>
      <c r="FJL673" s="613"/>
      <c r="FJM673" s="613"/>
      <c r="FJN673" s="613"/>
      <c r="FJO673" s="613"/>
      <c r="FJP673" s="613"/>
      <c r="FJQ673" s="613"/>
      <c r="FJR673" s="613"/>
      <c r="FJS673" s="613"/>
      <c r="FJT673" s="613"/>
      <c r="FJU673" s="613"/>
      <c r="FJV673" s="613"/>
      <c r="FJW673" s="613"/>
      <c r="FJX673" s="613"/>
      <c r="FJY673" s="613"/>
      <c r="FJZ673" s="613"/>
      <c r="FKA673" s="613"/>
      <c r="FKB673" s="613"/>
      <c r="FKC673" s="613"/>
      <c r="FKD673" s="613"/>
      <c r="FKE673" s="613"/>
      <c r="FKF673" s="613"/>
      <c r="FKG673" s="613"/>
      <c r="FKH673" s="613"/>
      <c r="FKI673" s="613"/>
      <c r="FKJ673" s="613"/>
      <c r="FKK673" s="613"/>
      <c r="FKL673" s="613"/>
      <c r="FKM673" s="613"/>
      <c r="FKN673" s="613"/>
      <c r="FKO673" s="613"/>
      <c r="FKP673" s="613"/>
      <c r="FKQ673" s="613"/>
      <c r="FKR673" s="613"/>
      <c r="FKS673" s="613"/>
      <c r="FKT673" s="613"/>
      <c r="FKU673" s="613"/>
      <c r="FKV673" s="613"/>
      <c r="FKW673" s="613"/>
      <c r="FKX673" s="613"/>
      <c r="FKY673" s="613"/>
      <c r="FKZ673" s="613"/>
      <c r="FLA673" s="613"/>
      <c r="FLB673" s="613"/>
      <c r="FLC673" s="613"/>
      <c r="FLD673" s="613"/>
      <c r="FLE673" s="613"/>
      <c r="FLF673" s="613"/>
      <c r="FLG673" s="613"/>
      <c r="FLH673" s="613"/>
      <c r="FLI673" s="613"/>
      <c r="FLJ673" s="613"/>
      <c r="FLK673" s="613"/>
      <c r="FLL673" s="613"/>
      <c r="FLM673" s="613"/>
      <c r="FLN673" s="613"/>
      <c r="FLO673" s="613"/>
      <c r="FLP673" s="613"/>
      <c r="FLQ673" s="613"/>
      <c r="FLR673" s="613"/>
      <c r="FLS673" s="613"/>
      <c r="FLT673" s="613"/>
      <c r="FLU673" s="613"/>
      <c r="FLV673" s="613"/>
      <c r="FLW673" s="613"/>
      <c r="FLX673" s="613"/>
      <c r="FLY673" s="613"/>
      <c r="FLZ673" s="613"/>
      <c r="FMA673" s="613"/>
      <c r="FMB673" s="613"/>
      <c r="FMC673" s="613"/>
      <c r="FMD673" s="613"/>
      <c r="FME673" s="613"/>
      <c r="FMF673" s="613"/>
      <c r="FMG673" s="613"/>
      <c r="FMH673" s="613"/>
      <c r="FMI673" s="613"/>
      <c r="FMJ673" s="613"/>
      <c r="FMK673" s="613"/>
      <c r="FML673" s="613"/>
      <c r="FMM673" s="613"/>
      <c r="FMN673" s="613"/>
      <c r="FMO673" s="613"/>
      <c r="FMP673" s="613"/>
      <c r="FMQ673" s="613"/>
      <c r="FMR673" s="613"/>
      <c r="FMS673" s="613"/>
      <c r="FMT673" s="613"/>
      <c r="FMU673" s="613"/>
      <c r="FMV673" s="613"/>
      <c r="FMW673" s="613"/>
      <c r="FMX673" s="613"/>
      <c r="FMY673" s="613"/>
      <c r="FMZ673" s="613"/>
      <c r="FNA673" s="613"/>
      <c r="FNB673" s="613"/>
      <c r="FNC673" s="613"/>
      <c r="FND673" s="613"/>
      <c r="FNE673" s="613"/>
      <c r="FNF673" s="613"/>
      <c r="FNG673" s="613"/>
      <c r="FNH673" s="613"/>
      <c r="FNI673" s="613"/>
      <c r="FNJ673" s="613"/>
      <c r="FNK673" s="613"/>
      <c r="FNL673" s="613"/>
      <c r="FNM673" s="613"/>
      <c r="FNN673" s="613"/>
      <c r="FNO673" s="613"/>
      <c r="FNP673" s="613"/>
      <c r="FNQ673" s="613"/>
      <c r="FNR673" s="613"/>
      <c r="FNS673" s="613"/>
      <c r="FNT673" s="613"/>
      <c r="FNU673" s="613"/>
      <c r="FNV673" s="613"/>
      <c r="FNW673" s="613"/>
      <c r="FNX673" s="613"/>
      <c r="FNY673" s="613"/>
      <c r="FNZ673" s="613"/>
      <c r="FOA673" s="613"/>
      <c r="FOB673" s="613"/>
      <c r="FOC673" s="613"/>
      <c r="FOD673" s="613"/>
      <c r="FOE673" s="613"/>
      <c r="FOF673" s="613"/>
      <c r="FOG673" s="613"/>
      <c r="FOH673" s="613"/>
      <c r="FOI673" s="613"/>
      <c r="FOJ673" s="613"/>
      <c r="FOK673" s="613"/>
      <c r="FOL673" s="613"/>
      <c r="FOM673" s="613"/>
      <c r="FON673" s="613"/>
      <c r="FOO673" s="613"/>
      <c r="FOP673" s="613"/>
      <c r="FOQ673" s="613"/>
      <c r="FOR673" s="613"/>
      <c r="FOS673" s="613"/>
      <c r="FOT673" s="613"/>
      <c r="FOU673" s="613"/>
      <c r="FOV673" s="613"/>
      <c r="FOW673" s="613"/>
      <c r="FOX673" s="613"/>
      <c r="FOY673" s="613"/>
      <c r="FOZ673" s="613"/>
      <c r="FPA673" s="613"/>
      <c r="FPB673" s="613"/>
      <c r="FPC673" s="613"/>
      <c r="FPD673" s="613"/>
      <c r="FPE673" s="613"/>
      <c r="FPF673" s="613"/>
      <c r="FPG673" s="613"/>
      <c r="FPH673" s="613"/>
      <c r="FPI673" s="613"/>
      <c r="FPJ673" s="613"/>
      <c r="FPK673" s="613"/>
      <c r="FPL673" s="613"/>
      <c r="FPM673" s="613"/>
      <c r="FPN673" s="613"/>
      <c r="FPO673" s="613"/>
      <c r="FPP673" s="613"/>
      <c r="FPQ673" s="613"/>
      <c r="FPR673" s="613"/>
      <c r="FPS673" s="613"/>
      <c r="FPT673" s="613"/>
      <c r="FPU673" s="613"/>
      <c r="FPV673" s="613"/>
      <c r="FPW673" s="613"/>
      <c r="FPX673" s="613"/>
      <c r="FPY673" s="613"/>
      <c r="FPZ673" s="613"/>
      <c r="FQA673" s="613"/>
      <c r="FQB673" s="613"/>
      <c r="FQC673" s="613"/>
      <c r="FQD673" s="613"/>
      <c r="FQE673" s="613"/>
      <c r="FQF673" s="613"/>
      <c r="FQG673" s="613"/>
      <c r="FQH673" s="613"/>
      <c r="FQI673" s="613"/>
      <c r="FQJ673" s="613"/>
      <c r="FQK673" s="613"/>
      <c r="FQL673" s="613"/>
      <c r="FQM673" s="613"/>
      <c r="FQN673" s="613"/>
      <c r="FQO673" s="613"/>
      <c r="FQP673" s="613"/>
      <c r="FQQ673" s="613"/>
      <c r="FQR673" s="613"/>
      <c r="FQS673" s="613"/>
      <c r="FQT673" s="613"/>
      <c r="FQU673" s="613"/>
      <c r="FQV673" s="613"/>
      <c r="FQW673" s="613"/>
      <c r="FQX673" s="613"/>
      <c r="FQY673" s="613"/>
      <c r="FQZ673" s="613"/>
      <c r="FRA673" s="613"/>
      <c r="FRB673" s="613"/>
      <c r="FRC673" s="613"/>
      <c r="FRD673" s="613"/>
      <c r="FRE673" s="613"/>
      <c r="FRF673" s="613"/>
      <c r="FRG673" s="613"/>
      <c r="FRH673" s="613"/>
      <c r="FRI673" s="613"/>
      <c r="FRJ673" s="613"/>
      <c r="FRK673" s="613"/>
      <c r="FRL673" s="613"/>
      <c r="FRM673" s="613"/>
      <c r="FRN673" s="613"/>
      <c r="FRO673" s="613"/>
      <c r="FRP673" s="613"/>
      <c r="FRQ673" s="613"/>
      <c r="FRR673" s="613"/>
      <c r="FRS673" s="613"/>
      <c r="FRT673" s="613"/>
      <c r="FRU673" s="613"/>
      <c r="FRV673" s="613"/>
      <c r="FRW673" s="613"/>
      <c r="FRX673" s="613"/>
      <c r="FRY673" s="613"/>
      <c r="FRZ673" s="613"/>
      <c r="FSA673" s="613"/>
      <c r="FSB673" s="613"/>
      <c r="FSC673" s="613"/>
      <c r="FSD673" s="613"/>
      <c r="FSE673" s="613"/>
      <c r="FSF673" s="613"/>
      <c r="FSG673" s="613"/>
      <c r="FSH673" s="613"/>
      <c r="FSI673" s="613"/>
      <c r="FSJ673" s="613"/>
      <c r="FSK673" s="613"/>
      <c r="FSL673" s="613"/>
      <c r="FSM673" s="613"/>
      <c r="FSN673" s="613"/>
      <c r="FSO673" s="613"/>
      <c r="FSP673" s="613"/>
      <c r="FSQ673" s="613"/>
      <c r="FSR673" s="613"/>
      <c r="FSS673" s="613"/>
      <c r="FST673" s="613"/>
      <c r="FSU673" s="613"/>
      <c r="FSV673" s="613"/>
      <c r="FSW673" s="613"/>
      <c r="FSX673" s="613"/>
      <c r="FSY673" s="613"/>
      <c r="FSZ673" s="613"/>
      <c r="FTA673" s="613"/>
      <c r="FTB673" s="613"/>
      <c r="FTC673" s="613"/>
      <c r="FTD673" s="613"/>
      <c r="FTE673" s="613"/>
      <c r="FTF673" s="613"/>
      <c r="FTG673" s="613"/>
      <c r="FTH673" s="613"/>
      <c r="FTI673" s="613"/>
      <c r="FTJ673" s="613"/>
      <c r="FTK673" s="613"/>
      <c r="FTL673" s="613"/>
      <c r="FTM673" s="613"/>
      <c r="FTN673" s="613"/>
      <c r="FTO673" s="613"/>
      <c r="FTP673" s="613"/>
      <c r="FTQ673" s="613"/>
      <c r="FTR673" s="613"/>
      <c r="FTS673" s="613"/>
      <c r="FTT673" s="613"/>
      <c r="FTU673" s="613"/>
      <c r="FTV673" s="613"/>
      <c r="FTW673" s="613"/>
      <c r="FTX673" s="613"/>
      <c r="FTY673" s="613"/>
      <c r="FTZ673" s="613"/>
      <c r="FUA673" s="613"/>
      <c r="FUB673" s="613"/>
      <c r="FUC673" s="613"/>
      <c r="FUD673" s="613"/>
      <c r="FUE673" s="613"/>
      <c r="FUF673" s="613"/>
      <c r="FUG673" s="613"/>
      <c r="FUH673" s="613"/>
      <c r="FUI673" s="613"/>
      <c r="FUJ673" s="613"/>
      <c r="FUK673" s="613"/>
      <c r="FUL673" s="613"/>
      <c r="FUM673" s="613"/>
      <c r="FUN673" s="613"/>
      <c r="FUO673" s="613"/>
      <c r="FUP673" s="613"/>
      <c r="FUQ673" s="613"/>
      <c r="FUR673" s="613"/>
      <c r="FUS673" s="613"/>
      <c r="FUT673" s="613"/>
      <c r="FUU673" s="613"/>
      <c r="FUV673" s="613"/>
      <c r="FUW673" s="613"/>
      <c r="FUX673" s="613"/>
      <c r="FUY673" s="613"/>
      <c r="FUZ673" s="613"/>
      <c r="FVA673" s="613"/>
      <c r="FVB673" s="613"/>
      <c r="FVC673" s="613"/>
      <c r="FVD673" s="613"/>
      <c r="FVE673" s="613"/>
      <c r="FVF673" s="613"/>
      <c r="FVG673" s="613"/>
      <c r="FVH673" s="613"/>
      <c r="FVI673" s="613"/>
      <c r="FVJ673" s="613"/>
      <c r="FVK673" s="613"/>
      <c r="FVL673" s="613"/>
      <c r="FVM673" s="613"/>
      <c r="FVN673" s="613"/>
      <c r="FVO673" s="613"/>
      <c r="FVP673" s="613"/>
      <c r="FVQ673" s="613"/>
      <c r="FVR673" s="613"/>
      <c r="FVS673" s="613"/>
      <c r="FVT673" s="613"/>
      <c r="FVU673" s="613"/>
      <c r="FVV673" s="613"/>
      <c r="FVW673" s="613"/>
      <c r="FVX673" s="613"/>
      <c r="FVY673" s="613"/>
      <c r="FVZ673" s="613"/>
      <c r="FWA673" s="613"/>
      <c r="FWB673" s="613"/>
      <c r="FWC673" s="613"/>
      <c r="FWD673" s="613"/>
      <c r="FWE673" s="613"/>
      <c r="FWF673" s="613"/>
      <c r="FWG673" s="613"/>
      <c r="FWH673" s="613"/>
      <c r="FWI673" s="613"/>
      <c r="FWJ673" s="613"/>
      <c r="FWK673" s="613"/>
      <c r="FWL673" s="613"/>
      <c r="FWM673" s="613"/>
      <c r="FWN673" s="613"/>
      <c r="FWO673" s="613"/>
      <c r="FWP673" s="613"/>
      <c r="FWQ673" s="613"/>
      <c r="FWR673" s="613"/>
      <c r="FWS673" s="613"/>
      <c r="FWT673" s="613"/>
      <c r="FWU673" s="613"/>
      <c r="FWV673" s="613"/>
      <c r="FWW673" s="613"/>
      <c r="FWX673" s="613"/>
      <c r="FWY673" s="613"/>
      <c r="FWZ673" s="613"/>
      <c r="FXA673" s="613"/>
      <c r="FXB673" s="613"/>
      <c r="FXC673" s="613"/>
      <c r="FXD673" s="613"/>
      <c r="FXE673" s="613"/>
      <c r="FXF673" s="613"/>
      <c r="FXG673" s="613"/>
      <c r="FXH673" s="613"/>
      <c r="FXI673" s="613"/>
      <c r="FXJ673" s="613"/>
      <c r="FXK673" s="613"/>
      <c r="FXL673" s="613"/>
      <c r="FXM673" s="613"/>
      <c r="FXN673" s="613"/>
      <c r="FXO673" s="613"/>
      <c r="FXP673" s="613"/>
      <c r="FXQ673" s="613"/>
      <c r="FXR673" s="613"/>
      <c r="FXS673" s="613"/>
      <c r="FXT673" s="613"/>
      <c r="FXU673" s="613"/>
      <c r="FXV673" s="613"/>
      <c r="FXW673" s="613"/>
      <c r="FXX673" s="613"/>
      <c r="FXY673" s="613"/>
      <c r="FXZ673" s="613"/>
      <c r="FYA673" s="613"/>
      <c r="FYB673" s="613"/>
      <c r="FYC673" s="613"/>
      <c r="FYD673" s="613"/>
      <c r="FYE673" s="613"/>
      <c r="FYF673" s="613"/>
      <c r="FYG673" s="613"/>
      <c r="FYH673" s="613"/>
      <c r="FYI673" s="613"/>
      <c r="FYJ673" s="613"/>
      <c r="FYK673" s="613"/>
      <c r="FYL673" s="613"/>
      <c r="FYM673" s="613"/>
      <c r="FYN673" s="613"/>
      <c r="FYO673" s="613"/>
      <c r="FYP673" s="613"/>
      <c r="FYQ673" s="613"/>
      <c r="FYR673" s="613"/>
      <c r="FYS673" s="613"/>
      <c r="FYT673" s="613"/>
      <c r="FYU673" s="613"/>
      <c r="FYV673" s="613"/>
      <c r="FYW673" s="613"/>
      <c r="FYX673" s="613"/>
      <c r="FYY673" s="613"/>
      <c r="FYZ673" s="613"/>
      <c r="FZA673" s="613"/>
      <c r="FZB673" s="613"/>
      <c r="FZC673" s="613"/>
      <c r="FZD673" s="613"/>
      <c r="FZE673" s="613"/>
      <c r="FZF673" s="613"/>
      <c r="FZG673" s="613"/>
      <c r="FZH673" s="613"/>
      <c r="FZI673" s="613"/>
      <c r="FZJ673" s="613"/>
      <c r="FZK673" s="613"/>
      <c r="FZL673" s="613"/>
      <c r="FZM673" s="613"/>
      <c r="FZN673" s="613"/>
      <c r="FZO673" s="613"/>
      <c r="FZP673" s="613"/>
      <c r="FZQ673" s="613"/>
      <c r="FZR673" s="613"/>
      <c r="FZS673" s="613"/>
      <c r="FZT673" s="613"/>
      <c r="FZU673" s="613"/>
      <c r="FZV673" s="613"/>
      <c r="FZW673" s="613"/>
      <c r="FZX673" s="613"/>
      <c r="FZY673" s="613"/>
      <c r="FZZ673" s="613"/>
      <c r="GAA673" s="613"/>
      <c r="GAB673" s="613"/>
      <c r="GAC673" s="613"/>
      <c r="GAD673" s="613"/>
      <c r="GAE673" s="613"/>
      <c r="GAF673" s="613"/>
      <c r="GAG673" s="613"/>
      <c r="GAH673" s="613"/>
      <c r="GAI673" s="613"/>
      <c r="GAJ673" s="613"/>
      <c r="GAK673" s="613"/>
      <c r="GAL673" s="613"/>
      <c r="GAM673" s="613"/>
      <c r="GAN673" s="613"/>
      <c r="GAO673" s="613"/>
      <c r="GAP673" s="613"/>
      <c r="GAQ673" s="613"/>
      <c r="GAR673" s="613"/>
      <c r="GAS673" s="613"/>
      <c r="GAT673" s="613"/>
      <c r="GAU673" s="613"/>
      <c r="GAV673" s="613"/>
      <c r="GAW673" s="613"/>
      <c r="GAX673" s="613"/>
      <c r="GAY673" s="613"/>
      <c r="GAZ673" s="613"/>
      <c r="GBA673" s="613"/>
      <c r="GBB673" s="613"/>
      <c r="GBC673" s="613"/>
      <c r="GBD673" s="613"/>
      <c r="GBE673" s="613"/>
      <c r="GBF673" s="613"/>
      <c r="GBG673" s="613"/>
      <c r="GBH673" s="613"/>
      <c r="GBI673" s="613"/>
      <c r="GBJ673" s="613"/>
      <c r="GBK673" s="613"/>
      <c r="GBL673" s="613"/>
      <c r="GBM673" s="613"/>
      <c r="GBN673" s="613"/>
      <c r="GBO673" s="613"/>
      <c r="GBP673" s="613"/>
      <c r="GBQ673" s="613"/>
      <c r="GBR673" s="613"/>
      <c r="GBS673" s="613"/>
      <c r="GBT673" s="613"/>
      <c r="GBU673" s="613"/>
      <c r="GBV673" s="613"/>
      <c r="GBW673" s="613"/>
      <c r="GBX673" s="613"/>
      <c r="GBY673" s="613"/>
      <c r="GBZ673" s="613"/>
      <c r="GCA673" s="613"/>
      <c r="GCB673" s="613"/>
      <c r="GCC673" s="613"/>
      <c r="GCD673" s="613"/>
      <c r="GCE673" s="613"/>
      <c r="GCF673" s="613"/>
      <c r="GCG673" s="613"/>
      <c r="GCH673" s="613"/>
      <c r="GCI673" s="613"/>
      <c r="GCJ673" s="613"/>
      <c r="GCK673" s="613"/>
      <c r="GCL673" s="613"/>
      <c r="GCM673" s="613"/>
      <c r="GCN673" s="613"/>
      <c r="GCO673" s="613"/>
      <c r="GCP673" s="613"/>
      <c r="GCQ673" s="613"/>
      <c r="GCR673" s="613"/>
      <c r="GCS673" s="613"/>
      <c r="GCT673" s="613"/>
      <c r="GCU673" s="613"/>
      <c r="GCV673" s="613"/>
      <c r="GCW673" s="613"/>
      <c r="GCX673" s="613"/>
      <c r="GCY673" s="613"/>
      <c r="GCZ673" s="613"/>
      <c r="GDA673" s="613"/>
      <c r="GDB673" s="613"/>
      <c r="GDC673" s="613"/>
      <c r="GDD673" s="613"/>
      <c r="GDE673" s="613"/>
      <c r="GDF673" s="613"/>
      <c r="GDG673" s="613"/>
      <c r="GDH673" s="613"/>
      <c r="GDI673" s="613"/>
      <c r="GDJ673" s="613"/>
      <c r="GDK673" s="613"/>
      <c r="GDL673" s="613"/>
      <c r="GDM673" s="613"/>
      <c r="GDN673" s="613"/>
      <c r="GDO673" s="613"/>
      <c r="GDP673" s="613"/>
      <c r="GDQ673" s="613"/>
      <c r="GDR673" s="613"/>
      <c r="GDS673" s="613"/>
      <c r="GDT673" s="613"/>
      <c r="GDU673" s="613"/>
      <c r="GDV673" s="613"/>
      <c r="GDW673" s="613"/>
      <c r="GDX673" s="613"/>
      <c r="GDY673" s="613"/>
      <c r="GDZ673" s="613"/>
      <c r="GEA673" s="613"/>
      <c r="GEB673" s="613"/>
      <c r="GEC673" s="613"/>
      <c r="GED673" s="613"/>
      <c r="GEE673" s="613"/>
      <c r="GEF673" s="613"/>
      <c r="GEG673" s="613"/>
      <c r="GEH673" s="613"/>
      <c r="GEI673" s="613"/>
      <c r="GEJ673" s="613"/>
      <c r="GEK673" s="613"/>
      <c r="GEL673" s="613"/>
      <c r="GEM673" s="613"/>
      <c r="GEN673" s="613"/>
      <c r="GEO673" s="613"/>
      <c r="GEP673" s="613"/>
      <c r="GEQ673" s="613"/>
      <c r="GER673" s="613"/>
      <c r="GES673" s="613"/>
      <c r="GET673" s="613"/>
      <c r="GEU673" s="613"/>
      <c r="GEV673" s="613"/>
      <c r="GEW673" s="613"/>
      <c r="GEX673" s="613"/>
      <c r="GEY673" s="613"/>
      <c r="GEZ673" s="613"/>
      <c r="GFA673" s="613"/>
      <c r="GFB673" s="613"/>
      <c r="GFC673" s="613"/>
      <c r="GFD673" s="613"/>
      <c r="GFE673" s="613"/>
      <c r="GFF673" s="613"/>
      <c r="GFG673" s="613"/>
      <c r="GFH673" s="613"/>
      <c r="GFI673" s="613"/>
      <c r="GFJ673" s="613"/>
      <c r="GFK673" s="613"/>
      <c r="GFL673" s="613"/>
      <c r="GFM673" s="613"/>
      <c r="GFN673" s="613"/>
      <c r="GFO673" s="613"/>
      <c r="GFP673" s="613"/>
      <c r="GFQ673" s="613"/>
      <c r="GFR673" s="613"/>
      <c r="GFS673" s="613"/>
      <c r="GFT673" s="613"/>
      <c r="GFU673" s="613"/>
      <c r="GFV673" s="613"/>
      <c r="GFW673" s="613"/>
      <c r="GFX673" s="613"/>
      <c r="GFY673" s="613"/>
      <c r="GFZ673" s="613"/>
      <c r="GGA673" s="613"/>
      <c r="GGB673" s="613"/>
      <c r="GGC673" s="613"/>
      <c r="GGD673" s="613"/>
      <c r="GGE673" s="613"/>
      <c r="GGF673" s="613"/>
      <c r="GGG673" s="613"/>
      <c r="GGH673" s="613"/>
      <c r="GGI673" s="613"/>
      <c r="GGJ673" s="613"/>
      <c r="GGK673" s="613"/>
      <c r="GGL673" s="613"/>
      <c r="GGM673" s="613"/>
      <c r="GGN673" s="613"/>
      <c r="GGO673" s="613"/>
      <c r="GGP673" s="613"/>
      <c r="GGQ673" s="613"/>
      <c r="GGR673" s="613"/>
      <c r="GGS673" s="613"/>
      <c r="GGT673" s="613"/>
      <c r="GGU673" s="613"/>
      <c r="GGV673" s="613"/>
      <c r="GGW673" s="613"/>
      <c r="GGX673" s="613"/>
      <c r="GGY673" s="613"/>
      <c r="GGZ673" s="613"/>
      <c r="GHA673" s="613"/>
      <c r="GHB673" s="613"/>
      <c r="GHC673" s="613"/>
      <c r="GHD673" s="613"/>
      <c r="GHE673" s="613"/>
      <c r="GHF673" s="613"/>
      <c r="GHG673" s="613"/>
      <c r="GHH673" s="613"/>
      <c r="GHI673" s="613"/>
      <c r="GHJ673" s="613"/>
      <c r="GHK673" s="613"/>
      <c r="GHL673" s="613"/>
      <c r="GHM673" s="613"/>
      <c r="GHN673" s="613"/>
      <c r="GHO673" s="613"/>
      <c r="GHP673" s="613"/>
      <c r="GHQ673" s="613"/>
      <c r="GHR673" s="613"/>
      <c r="GHS673" s="613"/>
      <c r="GHT673" s="613"/>
      <c r="GHU673" s="613"/>
      <c r="GHV673" s="613"/>
      <c r="GHW673" s="613"/>
      <c r="GHX673" s="613"/>
      <c r="GHY673" s="613"/>
      <c r="GHZ673" s="613"/>
      <c r="GIA673" s="613"/>
      <c r="GIB673" s="613"/>
      <c r="GIC673" s="613"/>
      <c r="GID673" s="613"/>
      <c r="GIE673" s="613"/>
      <c r="GIF673" s="613"/>
      <c r="GIG673" s="613"/>
      <c r="GIH673" s="613"/>
      <c r="GII673" s="613"/>
      <c r="GIJ673" s="613"/>
      <c r="GIK673" s="613"/>
      <c r="GIL673" s="613"/>
      <c r="GIM673" s="613"/>
      <c r="GIN673" s="613"/>
      <c r="GIO673" s="613"/>
      <c r="GIP673" s="613"/>
      <c r="GIQ673" s="613"/>
      <c r="GIR673" s="613"/>
      <c r="GIS673" s="613"/>
      <c r="GIT673" s="613"/>
      <c r="GIU673" s="613"/>
      <c r="GIV673" s="613"/>
      <c r="GIW673" s="613"/>
      <c r="GIX673" s="613"/>
      <c r="GIY673" s="613"/>
      <c r="GIZ673" s="613"/>
      <c r="GJA673" s="613"/>
      <c r="GJB673" s="613"/>
      <c r="GJC673" s="613"/>
      <c r="GJD673" s="613"/>
      <c r="GJE673" s="613"/>
      <c r="GJF673" s="613"/>
      <c r="GJG673" s="613"/>
      <c r="GJH673" s="613"/>
      <c r="GJI673" s="613"/>
      <c r="GJJ673" s="613"/>
      <c r="GJK673" s="613"/>
      <c r="GJL673" s="613"/>
      <c r="GJM673" s="613"/>
      <c r="GJN673" s="613"/>
      <c r="GJO673" s="613"/>
      <c r="GJP673" s="613"/>
      <c r="GJQ673" s="613"/>
      <c r="GJR673" s="613"/>
      <c r="GJS673" s="613"/>
      <c r="GJT673" s="613"/>
      <c r="GJU673" s="613"/>
      <c r="GJV673" s="613"/>
      <c r="GJW673" s="613"/>
      <c r="GJX673" s="613"/>
      <c r="GJY673" s="613"/>
      <c r="GJZ673" s="613"/>
      <c r="GKA673" s="613"/>
      <c r="GKB673" s="613"/>
      <c r="GKC673" s="613"/>
      <c r="GKD673" s="613"/>
      <c r="GKE673" s="613"/>
      <c r="GKF673" s="613"/>
      <c r="GKG673" s="613"/>
      <c r="GKH673" s="613"/>
      <c r="GKI673" s="613"/>
      <c r="GKJ673" s="613"/>
      <c r="GKK673" s="613"/>
      <c r="GKL673" s="613"/>
      <c r="GKM673" s="613"/>
      <c r="GKN673" s="613"/>
      <c r="GKO673" s="613"/>
      <c r="GKP673" s="613"/>
      <c r="GKQ673" s="613"/>
      <c r="GKR673" s="613"/>
      <c r="GKS673" s="613"/>
      <c r="GKT673" s="613"/>
      <c r="GKU673" s="613"/>
      <c r="GKV673" s="613"/>
      <c r="GKW673" s="613"/>
      <c r="GKX673" s="613"/>
      <c r="GKY673" s="613"/>
      <c r="GKZ673" s="613"/>
      <c r="GLA673" s="613"/>
      <c r="GLB673" s="613"/>
      <c r="GLC673" s="613"/>
      <c r="GLD673" s="613"/>
      <c r="GLE673" s="613"/>
      <c r="GLF673" s="613"/>
      <c r="GLG673" s="613"/>
      <c r="GLH673" s="613"/>
      <c r="GLI673" s="613"/>
      <c r="GLJ673" s="613"/>
      <c r="GLK673" s="613"/>
      <c r="GLL673" s="613"/>
      <c r="GLM673" s="613"/>
      <c r="GLN673" s="613"/>
      <c r="GLO673" s="613"/>
      <c r="GLP673" s="613"/>
      <c r="GLQ673" s="613"/>
      <c r="GLR673" s="613"/>
      <c r="GLS673" s="613"/>
      <c r="GLT673" s="613"/>
      <c r="GLU673" s="613"/>
      <c r="GLV673" s="613"/>
      <c r="GLW673" s="613"/>
      <c r="GLX673" s="613"/>
      <c r="GLY673" s="613"/>
      <c r="GLZ673" s="613"/>
      <c r="GMA673" s="613"/>
      <c r="GMB673" s="613"/>
      <c r="GMC673" s="613"/>
      <c r="GMD673" s="613"/>
      <c r="GME673" s="613"/>
      <c r="GMF673" s="613"/>
      <c r="GMG673" s="613"/>
      <c r="GMH673" s="613"/>
      <c r="GMI673" s="613"/>
      <c r="GMJ673" s="613"/>
      <c r="GMK673" s="613"/>
      <c r="GML673" s="613"/>
      <c r="GMM673" s="613"/>
      <c r="GMN673" s="613"/>
      <c r="GMO673" s="613"/>
      <c r="GMP673" s="613"/>
      <c r="GMQ673" s="613"/>
      <c r="GMR673" s="613"/>
      <c r="GMS673" s="613"/>
      <c r="GMT673" s="613"/>
      <c r="GMU673" s="613"/>
      <c r="GMV673" s="613"/>
      <c r="GMW673" s="613"/>
      <c r="GMX673" s="613"/>
      <c r="GMY673" s="613"/>
      <c r="GMZ673" s="613"/>
      <c r="GNA673" s="613"/>
      <c r="GNB673" s="613"/>
      <c r="GNC673" s="613"/>
      <c r="GND673" s="613"/>
      <c r="GNE673" s="613"/>
      <c r="GNF673" s="613"/>
      <c r="GNG673" s="613"/>
      <c r="GNH673" s="613"/>
      <c r="GNI673" s="613"/>
      <c r="GNJ673" s="613"/>
      <c r="GNK673" s="613"/>
      <c r="GNL673" s="613"/>
      <c r="GNM673" s="613"/>
      <c r="GNN673" s="613"/>
      <c r="GNO673" s="613"/>
      <c r="GNP673" s="613"/>
      <c r="GNQ673" s="613"/>
      <c r="GNR673" s="613"/>
      <c r="GNS673" s="613"/>
      <c r="GNT673" s="613"/>
      <c r="GNU673" s="613"/>
      <c r="GNV673" s="613"/>
      <c r="GNW673" s="613"/>
      <c r="GNX673" s="613"/>
      <c r="GNY673" s="613"/>
      <c r="GNZ673" s="613"/>
      <c r="GOA673" s="613"/>
      <c r="GOB673" s="613"/>
      <c r="GOC673" s="613"/>
      <c r="GOD673" s="613"/>
      <c r="GOE673" s="613"/>
      <c r="GOF673" s="613"/>
      <c r="GOG673" s="613"/>
      <c r="GOH673" s="613"/>
      <c r="GOI673" s="613"/>
      <c r="GOJ673" s="613"/>
      <c r="GOK673" s="613"/>
      <c r="GOL673" s="613"/>
      <c r="GOM673" s="613"/>
      <c r="GON673" s="613"/>
      <c r="GOO673" s="613"/>
      <c r="GOP673" s="613"/>
      <c r="GOQ673" s="613"/>
      <c r="GOR673" s="613"/>
      <c r="GOS673" s="613"/>
      <c r="GOT673" s="613"/>
      <c r="GOU673" s="613"/>
      <c r="GOV673" s="613"/>
      <c r="GOW673" s="613"/>
      <c r="GOX673" s="613"/>
      <c r="GOY673" s="613"/>
      <c r="GOZ673" s="613"/>
      <c r="GPA673" s="613"/>
      <c r="GPB673" s="613"/>
      <c r="GPC673" s="613"/>
      <c r="GPD673" s="613"/>
      <c r="GPE673" s="613"/>
      <c r="GPF673" s="613"/>
      <c r="GPG673" s="613"/>
      <c r="GPH673" s="613"/>
      <c r="GPI673" s="613"/>
      <c r="GPJ673" s="613"/>
      <c r="GPK673" s="613"/>
      <c r="GPL673" s="613"/>
      <c r="GPM673" s="613"/>
      <c r="GPN673" s="613"/>
      <c r="GPO673" s="613"/>
      <c r="GPP673" s="613"/>
      <c r="GPQ673" s="613"/>
      <c r="GPR673" s="613"/>
      <c r="GPS673" s="613"/>
      <c r="GPT673" s="613"/>
      <c r="GPU673" s="613"/>
      <c r="GPV673" s="613"/>
      <c r="GPW673" s="613"/>
      <c r="GPX673" s="613"/>
      <c r="GPY673" s="613"/>
      <c r="GPZ673" s="613"/>
      <c r="GQA673" s="613"/>
      <c r="GQB673" s="613"/>
      <c r="GQC673" s="613"/>
      <c r="GQD673" s="613"/>
      <c r="GQE673" s="613"/>
      <c r="GQF673" s="613"/>
      <c r="GQG673" s="613"/>
      <c r="GQH673" s="613"/>
      <c r="GQI673" s="613"/>
      <c r="GQJ673" s="613"/>
      <c r="GQK673" s="613"/>
      <c r="GQL673" s="613"/>
      <c r="GQM673" s="613"/>
      <c r="GQN673" s="613"/>
      <c r="GQO673" s="613"/>
      <c r="GQP673" s="613"/>
      <c r="GQQ673" s="613"/>
      <c r="GQR673" s="613"/>
      <c r="GQS673" s="613"/>
      <c r="GQT673" s="613"/>
      <c r="GQU673" s="613"/>
      <c r="GQV673" s="613"/>
      <c r="GQW673" s="613"/>
      <c r="GQX673" s="613"/>
      <c r="GQY673" s="613"/>
      <c r="GQZ673" s="613"/>
      <c r="GRA673" s="613"/>
      <c r="GRB673" s="613"/>
      <c r="GRC673" s="613"/>
      <c r="GRD673" s="613"/>
      <c r="GRE673" s="613"/>
      <c r="GRF673" s="613"/>
      <c r="GRG673" s="613"/>
      <c r="GRH673" s="613"/>
      <c r="GRI673" s="613"/>
      <c r="GRJ673" s="613"/>
      <c r="GRK673" s="613"/>
      <c r="GRL673" s="613"/>
      <c r="GRM673" s="613"/>
      <c r="GRN673" s="613"/>
      <c r="GRO673" s="613"/>
      <c r="GRP673" s="613"/>
      <c r="GRQ673" s="613"/>
      <c r="GRR673" s="613"/>
      <c r="GRS673" s="613"/>
      <c r="GRT673" s="613"/>
      <c r="GRU673" s="613"/>
      <c r="GRV673" s="613"/>
      <c r="GRW673" s="613"/>
      <c r="GRX673" s="613"/>
      <c r="GRY673" s="613"/>
      <c r="GRZ673" s="613"/>
      <c r="GSA673" s="613"/>
      <c r="GSB673" s="613"/>
      <c r="GSC673" s="613"/>
      <c r="GSD673" s="613"/>
      <c r="GSE673" s="613"/>
      <c r="GSF673" s="613"/>
      <c r="GSG673" s="613"/>
      <c r="GSH673" s="613"/>
      <c r="GSI673" s="613"/>
      <c r="GSJ673" s="613"/>
      <c r="GSK673" s="613"/>
      <c r="GSL673" s="613"/>
      <c r="GSM673" s="613"/>
      <c r="GSN673" s="613"/>
      <c r="GSO673" s="613"/>
      <c r="GSP673" s="613"/>
      <c r="GSQ673" s="613"/>
      <c r="GSR673" s="613"/>
      <c r="GSS673" s="613"/>
      <c r="GST673" s="613"/>
      <c r="GSU673" s="613"/>
      <c r="GSV673" s="613"/>
      <c r="GSW673" s="613"/>
      <c r="GSX673" s="613"/>
      <c r="GSY673" s="613"/>
      <c r="GSZ673" s="613"/>
      <c r="GTA673" s="613"/>
      <c r="GTB673" s="613"/>
      <c r="GTC673" s="613"/>
      <c r="GTD673" s="613"/>
      <c r="GTE673" s="613"/>
      <c r="GTF673" s="613"/>
      <c r="GTG673" s="613"/>
      <c r="GTH673" s="613"/>
      <c r="GTI673" s="613"/>
      <c r="GTJ673" s="613"/>
      <c r="GTK673" s="613"/>
      <c r="GTL673" s="613"/>
      <c r="GTM673" s="613"/>
      <c r="GTN673" s="613"/>
      <c r="GTO673" s="613"/>
      <c r="GTP673" s="613"/>
      <c r="GTQ673" s="613"/>
      <c r="GTR673" s="613"/>
      <c r="GTS673" s="613"/>
      <c r="GTT673" s="613"/>
      <c r="GTU673" s="613"/>
      <c r="GTV673" s="613"/>
      <c r="GTW673" s="613"/>
      <c r="GTX673" s="613"/>
      <c r="GTY673" s="613"/>
      <c r="GTZ673" s="613"/>
      <c r="GUA673" s="613"/>
      <c r="GUB673" s="613"/>
      <c r="GUC673" s="613"/>
      <c r="GUD673" s="613"/>
      <c r="GUE673" s="613"/>
      <c r="GUF673" s="613"/>
      <c r="GUG673" s="613"/>
      <c r="GUH673" s="613"/>
      <c r="GUI673" s="613"/>
      <c r="GUJ673" s="613"/>
      <c r="GUK673" s="613"/>
      <c r="GUL673" s="613"/>
      <c r="GUM673" s="613"/>
      <c r="GUN673" s="613"/>
      <c r="GUO673" s="613"/>
      <c r="GUP673" s="613"/>
      <c r="GUQ673" s="613"/>
      <c r="GUR673" s="613"/>
      <c r="GUS673" s="613"/>
      <c r="GUT673" s="613"/>
      <c r="GUU673" s="613"/>
      <c r="GUV673" s="613"/>
      <c r="GUW673" s="613"/>
      <c r="GUX673" s="613"/>
      <c r="GUY673" s="613"/>
      <c r="GUZ673" s="613"/>
      <c r="GVA673" s="613"/>
      <c r="GVB673" s="613"/>
      <c r="GVC673" s="613"/>
      <c r="GVD673" s="613"/>
      <c r="GVE673" s="613"/>
      <c r="GVF673" s="613"/>
      <c r="GVG673" s="613"/>
      <c r="GVH673" s="613"/>
      <c r="GVI673" s="613"/>
      <c r="GVJ673" s="613"/>
      <c r="GVK673" s="613"/>
      <c r="GVL673" s="613"/>
      <c r="GVM673" s="613"/>
      <c r="GVN673" s="613"/>
      <c r="GVO673" s="613"/>
      <c r="GVP673" s="613"/>
      <c r="GVQ673" s="613"/>
      <c r="GVR673" s="613"/>
      <c r="GVS673" s="613"/>
      <c r="GVT673" s="613"/>
      <c r="GVU673" s="613"/>
      <c r="GVV673" s="613"/>
      <c r="GVW673" s="613"/>
      <c r="GVX673" s="613"/>
      <c r="GVY673" s="613"/>
      <c r="GVZ673" s="613"/>
      <c r="GWA673" s="613"/>
      <c r="GWB673" s="613"/>
      <c r="GWC673" s="613"/>
      <c r="GWD673" s="613"/>
      <c r="GWE673" s="613"/>
      <c r="GWF673" s="613"/>
      <c r="GWG673" s="613"/>
      <c r="GWH673" s="613"/>
      <c r="GWI673" s="613"/>
      <c r="GWJ673" s="613"/>
      <c r="GWK673" s="613"/>
      <c r="GWL673" s="613"/>
      <c r="GWM673" s="613"/>
      <c r="GWN673" s="613"/>
      <c r="GWO673" s="613"/>
      <c r="GWP673" s="613"/>
      <c r="GWQ673" s="613"/>
      <c r="GWR673" s="613"/>
      <c r="GWS673" s="613"/>
      <c r="GWT673" s="613"/>
      <c r="GWU673" s="613"/>
      <c r="GWV673" s="613"/>
      <c r="GWW673" s="613"/>
      <c r="GWX673" s="613"/>
      <c r="GWY673" s="613"/>
      <c r="GWZ673" s="613"/>
      <c r="GXA673" s="613"/>
      <c r="GXB673" s="613"/>
      <c r="GXC673" s="613"/>
      <c r="GXD673" s="613"/>
      <c r="GXE673" s="613"/>
      <c r="GXF673" s="613"/>
      <c r="GXG673" s="613"/>
      <c r="GXH673" s="613"/>
      <c r="GXI673" s="613"/>
      <c r="GXJ673" s="613"/>
      <c r="GXK673" s="613"/>
      <c r="GXL673" s="613"/>
      <c r="GXM673" s="613"/>
      <c r="GXN673" s="613"/>
      <c r="GXO673" s="613"/>
      <c r="GXP673" s="613"/>
      <c r="GXQ673" s="613"/>
      <c r="GXR673" s="613"/>
      <c r="GXS673" s="613"/>
      <c r="GXT673" s="613"/>
      <c r="GXU673" s="613"/>
      <c r="GXV673" s="613"/>
      <c r="GXW673" s="613"/>
      <c r="GXX673" s="613"/>
      <c r="GXY673" s="613"/>
      <c r="GXZ673" s="613"/>
      <c r="GYA673" s="613"/>
      <c r="GYB673" s="613"/>
      <c r="GYC673" s="613"/>
      <c r="GYD673" s="613"/>
      <c r="GYE673" s="613"/>
      <c r="GYF673" s="613"/>
      <c r="GYG673" s="613"/>
      <c r="GYH673" s="613"/>
      <c r="GYI673" s="613"/>
      <c r="GYJ673" s="613"/>
      <c r="GYK673" s="613"/>
      <c r="GYL673" s="613"/>
      <c r="GYM673" s="613"/>
      <c r="GYN673" s="613"/>
      <c r="GYO673" s="613"/>
      <c r="GYP673" s="613"/>
      <c r="GYQ673" s="613"/>
      <c r="GYR673" s="613"/>
      <c r="GYS673" s="613"/>
      <c r="GYT673" s="613"/>
      <c r="GYU673" s="613"/>
      <c r="GYV673" s="613"/>
      <c r="GYW673" s="613"/>
      <c r="GYX673" s="613"/>
      <c r="GYY673" s="613"/>
      <c r="GYZ673" s="613"/>
      <c r="GZA673" s="613"/>
      <c r="GZB673" s="613"/>
      <c r="GZC673" s="613"/>
      <c r="GZD673" s="613"/>
      <c r="GZE673" s="613"/>
      <c r="GZF673" s="613"/>
      <c r="GZG673" s="613"/>
      <c r="GZH673" s="613"/>
      <c r="GZI673" s="613"/>
      <c r="GZJ673" s="613"/>
      <c r="GZK673" s="613"/>
      <c r="GZL673" s="613"/>
      <c r="GZM673" s="613"/>
      <c r="GZN673" s="613"/>
      <c r="GZO673" s="613"/>
      <c r="GZP673" s="613"/>
      <c r="GZQ673" s="613"/>
      <c r="GZR673" s="613"/>
      <c r="GZS673" s="613"/>
      <c r="GZT673" s="613"/>
      <c r="GZU673" s="613"/>
      <c r="GZV673" s="613"/>
      <c r="GZW673" s="613"/>
      <c r="GZX673" s="613"/>
      <c r="GZY673" s="613"/>
      <c r="GZZ673" s="613"/>
      <c r="HAA673" s="613"/>
      <c r="HAB673" s="613"/>
      <c r="HAC673" s="613"/>
      <c r="HAD673" s="613"/>
      <c r="HAE673" s="613"/>
      <c r="HAF673" s="613"/>
      <c r="HAG673" s="613"/>
      <c r="HAH673" s="613"/>
      <c r="HAI673" s="613"/>
      <c r="HAJ673" s="613"/>
      <c r="HAK673" s="613"/>
      <c r="HAL673" s="613"/>
      <c r="HAM673" s="613"/>
      <c r="HAN673" s="613"/>
      <c r="HAO673" s="613"/>
      <c r="HAP673" s="613"/>
      <c r="HAQ673" s="613"/>
      <c r="HAR673" s="613"/>
      <c r="HAS673" s="613"/>
      <c r="HAT673" s="613"/>
      <c r="HAU673" s="613"/>
      <c r="HAV673" s="613"/>
      <c r="HAW673" s="613"/>
      <c r="HAX673" s="613"/>
      <c r="HAY673" s="613"/>
      <c r="HAZ673" s="613"/>
      <c r="HBA673" s="613"/>
      <c r="HBB673" s="613"/>
      <c r="HBC673" s="613"/>
      <c r="HBD673" s="613"/>
      <c r="HBE673" s="613"/>
      <c r="HBF673" s="613"/>
      <c r="HBG673" s="613"/>
      <c r="HBH673" s="613"/>
      <c r="HBI673" s="613"/>
      <c r="HBJ673" s="613"/>
      <c r="HBK673" s="613"/>
      <c r="HBL673" s="613"/>
      <c r="HBM673" s="613"/>
      <c r="HBN673" s="613"/>
      <c r="HBO673" s="613"/>
      <c r="HBP673" s="613"/>
      <c r="HBQ673" s="613"/>
      <c r="HBR673" s="613"/>
      <c r="HBS673" s="613"/>
      <c r="HBT673" s="613"/>
      <c r="HBU673" s="613"/>
      <c r="HBV673" s="613"/>
      <c r="HBW673" s="613"/>
      <c r="HBX673" s="613"/>
      <c r="HBY673" s="613"/>
      <c r="HBZ673" s="613"/>
      <c r="HCA673" s="613"/>
      <c r="HCB673" s="613"/>
      <c r="HCC673" s="613"/>
      <c r="HCD673" s="613"/>
      <c r="HCE673" s="613"/>
      <c r="HCF673" s="613"/>
      <c r="HCG673" s="613"/>
      <c r="HCH673" s="613"/>
      <c r="HCI673" s="613"/>
      <c r="HCJ673" s="613"/>
      <c r="HCK673" s="613"/>
      <c r="HCL673" s="613"/>
      <c r="HCM673" s="613"/>
      <c r="HCN673" s="613"/>
      <c r="HCO673" s="613"/>
      <c r="HCP673" s="613"/>
      <c r="HCQ673" s="613"/>
      <c r="HCR673" s="613"/>
      <c r="HCS673" s="613"/>
      <c r="HCT673" s="613"/>
      <c r="HCU673" s="613"/>
      <c r="HCV673" s="613"/>
      <c r="HCW673" s="613"/>
      <c r="HCX673" s="613"/>
      <c r="HCY673" s="613"/>
      <c r="HCZ673" s="613"/>
      <c r="HDA673" s="613"/>
      <c r="HDB673" s="613"/>
      <c r="HDC673" s="613"/>
      <c r="HDD673" s="613"/>
      <c r="HDE673" s="613"/>
      <c r="HDF673" s="613"/>
      <c r="HDG673" s="613"/>
      <c r="HDH673" s="613"/>
      <c r="HDI673" s="613"/>
      <c r="HDJ673" s="613"/>
      <c r="HDK673" s="613"/>
      <c r="HDL673" s="613"/>
      <c r="HDM673" s="613"/>
      <c r="HDN673" s="613"/>
      <c r="HDO673" s="613"/>
      <c r="HDP673" s="613"/>
      <c r="HDQ673" s="613"/>
      <c r="HDR673" s="613"/>
      <c r="HDS673" s="613"/>
      <c r="HDT673" s="613"/>
      <c r="HDU673" s="613"/>
      <c r="HDV673" s="613"/>
      <c r="HDW673" s="613"/>
      <c r="HDX673" s="613"/>
      <c r="HDY673" s="613"/>
      <c r="HDZ673" s="613"/>
      <c r="HEA673" s="613"/>
      <c r="HEB673" s="613"/>
      <c r="HEC673" s="613"/>
      <c r="HED673" s="613"/>
      <c r="HEE673" s="613"/>
      <c r="HEF673" s="613"/>
      <c r="HEG673" s="613"/>
      <c r="HEH673" s="613"/>
      <c r="HEI673" s="613"/>
      <c r="HEJ673" s="613"/>
      <c r="HEK673" s="613"/>
      <c r="HEL673" s="613"/>
      <c r="HEM673" s="613"/>
      <c r="HEN673" s="613"/>
      <c r="HEO673" s="613"/>
      <c r="HEP673" s="613"/>
      <c r="HEQ673" s="613"/>
      <c r="HER673" s="613"/>
      <c r="HES673" s="613"/>
      <c r="HET673" s="613"/>
      <c r="HEU673" s="613"/>
      <c r="HEV673" s="613"/>
      <c r="HEW673" s="613"/>
      <c r="HEX673" s="613"/>
      <c r="HEY673" s="613"/>
      <c r="HEZ673" s="613"/>
      <c r="HFA673" s="613"/>
      <c r="HFB673" s="613"/>
      <c r="HFC673" s="613"/>
      <c r="HFD673" s="613"/>
      <c r="HFE673" s="613"/>
      <c r="HFF673" s="613"/>
      <c r="HFG673" s="613"/>
      <c r="HFH673" s="613"/>
      <c r="HFI673" s="613"/>
      <c r="HFJ673" s="613"/>
      <c r="HFK673" s="613"/>
      <c r="HFL673" s="613"/>
      <c r="HFM673" s="613"/>
      <c r="HFN673" s="613"/>
      <c r="HFO673" s="613"/>
      <c r="HFP673" s="613"/>
      <c r="HFQ673" s="613"/>
      <c r="HFR673" s="613"/>
      <c r="HFS673" s="613"/>
      <c r="HFT673" s="613"/>
      <c r="HFU673" s="613"/>
      <c r="HFV673" s="613"/>
      <c r="HFW673" s="613"/>
      <c r="HFX673" s="613"/>
      <c r="HFY673" s="613"/>
      <c r="HFZ673" s="613"/>
      <c r="HGA673" s="613"/>
      <c r="HGB673" s="613"/>
      <c r="HGC673" s="613"/>
      <c r="HGD673" s="613"/>
      <c r="HGE673" s="613"/>
      <c r="HGF673" s="613"/>
      <c r="HGG673" s="613"/>
      <c r="HGH673" s="613"/>
      <c r="HGI673" s="613"/>
      <c r="HGJ673" s="613"/>
      <c r="HGK673" s="613"/>
      <c r="HGL673" s="613"/>
      <c r="HGM673" s="613"/>
      <c r="HGN673" s="613"/>
      <c r="HGO673" s="613"/>
      <c r="HGP673" s="613"/>
      <c r="HGQ673" s="613"/>
      <c r="HGR673" s="613"/>
      <c r="HGS673" s="613"/>
      <c r="HGT673" s="613"/>
      <c r="HGU673" s="613"/>
      <c r="HGV673" s="613"/>
      <c r="HGW673" s="613"/>
      <c r="HGX673" s="613"/>
      <c r="HGY673" s="613"/>
      <c r="HGZ673" s="613"/>
      <c r="HHA673" s="613"/>
      <c r="HHB673" s="613"/>
      <c r="HHC673" s="613"/>
      <c r="HHD673" s="613"/>
      <c r="HHE673" s="613"/>
      <c r="HHF673" s="613"/>
      <c r="HHG673" s="613"/>
      <c r="HHH673" s="613"/>
      <c r="HHI673" s="613"/>
      <c r="HHJ673" s="613"/>
      <c r="HHK673" s="613"/>
      <c r="HHL673" s="613"/>
      <c r="HHM673" s="613"/>
      <c r="HHN673" s="613"/>
      <c r="HHO673" s="613"/>
      <c r="HHP673" s="613"/>
      <c r="HHQ673" s="613"/>
      <c r="HHR673" s="613"/>
      <c r="HHS673" s="613"/>
      <c r="HHT673" s="613"/>
      <c r="HHU673" s="613"/>
      <c r="HHV673" s="613"/>
      <c r="HHW673" s="613"/>
      <c r="HHX673" s="613"/>
      <c r="HHY673" s="613"/>
      <c r="HHZ673" s="613"/>
      <c r="HIA673" s="613"/>
      <c r="HIB673" s="613"/>
      <c r="HIC673" s="613"/>
      <c r="HID673" s="613"/>
      <c r="HIE673" s="613"/>
      <c r="HIF673" s="613"/>
      <c r="HIG673" s="613"/>
      <c r="HIH673" s="613"/>
      <c r="HII673" s="613"/>
      <c r="HIJ673" s="613"/>
      <c r="HIK673" s="613"/>
      <c r="HIL673" s="613"/>
      <c r="HIM673" s="613"/>
      <c r="HIN673" s="613"/>
      <c r="HIO673" s="613"/>
      <c r="HIP673" s="613"/>
      <c r="HIQ673" s="613"/>
      <c r="HIR673" s="613"/>
      <c r="HIS673" s="613"/>
      <c r="HIT673" s="613"/>
      <c r="HIU673" s="613"/>
      <c r="HIV673" s="613"/>
      <c r="HIW673" s="613"/>
      <c r="HIX673" s="613"/>
      <c r="HIY673" s="613"/>
      <c r="HIZ673" s="613"/>
      <c r="HJA673" s="613"/>
      <c r="HJB673" s="613"/>
      <c r="HJC673" s="613"/>
      <c r="HJD673" s="613"/>
      <c r="HJE673" s="613"/>
      <c r="HJF673" s="613"/>
      <c r="HJG673" s="613"/>
      <c r="HJH673" s="613"/>
      <c r="HJI673" s="613"/>
      <c r="HJJ673" s="613"/>
      <c r="HJK673" s="613"/>
      <c r="HJL673" s="613"/>
      <c r="HJM673" s="613"/>
      <c r="HJN673" s="613"/>
      <c r="HJO673" s="613"/>
      <c r="HJP673" s="613"/>
      <c r="HJQ673" s="613"/>
      <c r="HJR673" s="613"/>
      <c r="HJS673" s="613"/>
      <c r="HJT673" s="613"/>
      <c r="HJU673" s="613"/>
      <c r="HJV673" s="613"/>
      <c r="HJW673" s="613"/>
      <c r="HJX673" s="613"/>
      <c r="HJY673" s="613"/>
      <c r="HJZ673" s="613"/>
      <c r="HKA673" s="613"/>
      <c r="HKB673" s="613"/>
      <c r="HKC673" s="613"/>
      <c r="HKD673" s="613"/>
      <c r="HKE673" s="613"/>
      <c r="HKF673" s="613"/>
      <c r="HKG673" s="613"/>
      <c r="HKH673" s="613"/>
      <c r="HKI673" s="613"/>
      <c r="HKJ673" s="613"/>
      <c r="HKK673" s="613"/>
      <c r="HKL673" s="613"/>
      <c r="HKM673" s="613"/>
      <c r="HKN673" s="613"/>
      <c r="HKO673" s="613"/>
      <c r="HKP673" s="613"/>
      <c r="HKQ673" s="613"/>
      <c r="HKR673" s="613"/>
      <c r="HKS673" s="613"/>
      <c r="HKT673" s="613"/>
      <c r="HKU673" s="613"/>
      <c r="HKV673" s="613"/>
      <c r="HKW673" s="613"/>
      <c r="HKX673" s="613"/>
      <c r="HKY673" s="613"/>
      <c r="HKZ673" s="613"/>
      <c r="HLA673" s="613"/>
      <c r="HLB673" s="613"/>
      <c r="HLC673" s="613"/>
      <c r="HLD673" s="613"/>
      <c r="HLE673" s="613"/>
      <c r="HLF673" s="613"/>
      <c r="HLG673" s="613"/>
      <c r="HLH673" s="613"/>
      <c r="HLI673" s="613"/>
      <c r="HLJ673" s="613"/>
      <c r="HLK673" s="613"/>
      <c r="HLL673" s="613"/>
      <c r="HLM673" s="613"/>
      <c r="HLN673" s="613"/>
      <c r="HLO673" s="613"/>
      <c r="HLP673" s="613"/>
      <c r="HLQ673" s="613"/>
      <c r="HLR673" s="613"/>
      <c r="HLS673" s="613"/>
      <c r="HLT673" s="613"/>
      <c r="HLU673" s="613"/>
      <c r="HLV673" s="613"/>
      <c r="HLW673" s="613"/>
      <c r="HLX673" s="613"/>
      <c r="HLY673" s="613"/>
      <c r="HLZ673" s="613"/>
      <c r="HMA673" s="613"/>
      <c r="HMB673" s="613"/>
      <c r="HMC673" s="613"/>
      <c r="HMD673" s="613"/>
      <c r="HME673" s="613"/>
      <c r="HMF673" s="613"/>
      <c r="HMG673" s="613"/>
      <c r="HMH673" s="613"/>
      <c r="HMI673" s="613"/>
      <c r="HMJ673" s="613"/>
      <c r="HMK673" s="613"/>
      <c r="HML673" s="613"/>
      <c r="HMM673" s="613"/>
      <c r="HMN673" s="613"/>
      <c r="HMO673" s="613"/>
      <c r="HMP673" s="613"/>
      <c r="HMQ673" s="613"/>
      <c r="HMR673" s="613"/>
      <c r="HMS673" s="613"/>
      <c r="HMT673" s="613"/>
      <c r="HMU673" s="613"/>
      <c r="HMV673" s="613"/>
      <c r="HMW673" s="613"/>
      <c r="HMX673" s="613"/>
      <c r="HMY673" s="613"/>
      <c r="HMZ673" s="613"/>
      <c r="HNA673" s="613"/>
      <c r="HNB673" s="613"/>
      <c r="HNC673" s="613"/>
      <c r="HND673" s="613"/>
      <c r="HNE673" s="613"/>
      <c r="HNF673" s="613"/>
      <c r="HNG673" s="613"/>
      <c r="HNH673" s="613"/>
      <c r="HNI673" s="613"/>
      <c r="HNJ673" s="613"/>
      <c r="HNK673" s="613"/>
      <c r="HNL673" s="613"/>
      <c r="HNM673" s="613"/>
      <c r="HNN673" s="613"/>
      <c r="HNO673" s="613"/>
      <c r="HNP673" s="613"/>
      <c r="HNQ673" s="613"/>
      <c r="HNR673" s="613"/>
      <c r="HNS673" s="613"/>
      <c r="HNT673" s="613"/>
      <c r="HNU673" s="613"/>
      <c r="HNV673" s="613"/>
      <c r="HNW673" s="613"/>
      <c r="HNX673" s="613"/>
      <c r="HNY673" s="613"/>
      <c r="HNZ673" s="613"/>
      <c r="HOA673" s="613"/>
      <c r="HOB673" s="613"/>
      <c r="HOC673" s="613"/>
      <c r="HOD673" s="613"/>
      <c r="HOE673" s="613"/>
      <c r="HOF673" s="613"/>
      <c r="HOG673" s="613"/>
      <c r="HOH673" s="613"/>
      <c r="HOI673" s="613"/>
      <c r="HOJ673" s="613"/>
      <c r="HOK673" s="613"/>
      <c r="HOL673" s="613"/>
      <c r="HOM673" s="613"/>
      <c r="HON673" s="613"/>
      <c r="HOO673" s="613"/>
      <c r="HOP673" s="613"/>
      <c r="HOQ673" s="613"/>
      <c r="HOR673" s="613"/>
      <c r="HOS673" s="613"/>
      <c r="HOT673" s="613"/>
      <c r="HOU673" s="613"/>
      <c r="HOV673" s="613"/>
      <c r="HOW673" s="613"/>
      <c r="HOX673" s="613"/>
      <c r="HOY673" s="613"/>
      <c r="HOZ673" s="613"/>
      <c r="HPA673" s="613"/>
      <c r="HPB673" s="613"/>
      <c r="HPC673" s="613"/>
      <c r="HPD673" s="613"/>
      <c r="HPE673" s="613"/>
      <c r="HPF673" s="613"/>
      <c r="HPG673" s="613"/>
      <c r="HPH673" s="613"/>
      <c r="HPI673" s="613"/>
      <c r="HPJ673" s="613"/>
      <c r="HPK673" s="613"/>
      <c r="HPL673" s="613"/>
      <c r="HPM673" s="613"/>
      <c r="HPN673" s="613"/>
      <c r="HPO673" s="613"/>
      <c r="HPP673" s="613"/>
      <c r="HPQ673" s="613"/>
      <c r="HPR673" s="613"/>
      <c r="HPS673" s="613"/>
      <c r="HPT673" s="613"/>
      <c r="HPU673" s="613"/>
      <c r="HPV673" s="613"/>
      <c r="HPW673" s="613"/>
      <c r="HPX673" s="613"/>
      <c r="HPY673" s="613"/>
      <c r="HPZ673" s="613"/>
      <c r="HQA673" s="613"/>
      <c r="HQB673" s="613"/>
      <c r="HQC673" s="613"/>
      <c r="HQD673" s="613"/>
      <c r="HQE673" s="613"/>
      <c r="HQF673" s="613"/>
      <c r="HQG673" s="613"/>
      <c r="HQH673" s="613"/>
      <c r="HQI673" s="613"/>
      <c r="HQJ673" s="613"/>
      <c r="HQK673" s="613"/>
      <c r="HQL673" s="613"/>
      <c r="HQM673" s="613"/>
      <c r="HQN673" s="613"/>
      <c r="HQO673" s="613"/>
      <c r="HQP673" s="613"/>
      <c r="HQQ673" s="613"/>
      <c r="HQR673" s="613"/>
      <c r="HQS673" s="613"/>
      <c r="HQT673" s="613"/>
      <c r="HQU673" s="613"/>
      <c r="HQV673" s="613"/>
      <c r="HQW673" s="613"/>
      <c r="HQX673" s="613"/>
      <c r="HQY673" s="613"/>
      <c r="HQZ673" s="613"/>
      <c r="HRA673" s="613"/>
      <c r="HRB673" s="613"/>
      <c r="HRC673" s="613"/>
      <c r="HRD673" s="613"/>
      <c r="HRE673" s="613"/>
      <c r="HRF673" s="613"/>
      <c r="HRG673" s="613"/>
      <c r="HRH673" s="613"/>
      <c r="HRI673" s="613"/>
      <c r="HRJ673" s="613"/>
      <c r="HRK673" s="613"/>
      <c r="HRL673" s="613"/>
      <c r="HRM673" s="613"/>
      <c r="HRN673" s="613"/>
      <c r="HRO673" s="613"/>
      <c r="HRP673" s="613"/>
      <c r="HRQ673" s="613"/>
      <c r="HRR673" s="613"/>
      <c r="HRS673" s="613"/>
      <c r="HRT673" s="613"/>
      <c r="HRU673" s="613"/>
      <c r="HRV673" s="613"/>
      <c r="HRW673" s="613"/>
      <c r="HRX673" s="613"/>
      <c r="HRY673" s="613"/>
      <c r="HRZ673" s="613"/>
      <c r="HSA673" s="613"/>
      <c r="HSB673" s="613"/>
      <c r="HSC673" s="613"/>
      <c r="HSD673" s="613"/>
      <c r="HSE673" s="613"/>
      <c r="HSF673" s="613"/>
      <c r="HSG673" s="613"/>
      <c r="HSH673" s="613"/>
      <c r="HSI673" s="613"/>
      <c r="HSJ673" s="613"/>
      <c r="HSK673" s="613"/>
      <c r="HSL673" s="613"/>
      <c r="HSM673" s="613"/>
      <c r="HSN673" s="613"/>
      <c r="HSO673" s="613"/>
      <c r="HSP673" s="613"/>
      <c r="HSQ673" s="613"/>
      <c r="HSR673" s="613"/>
      <c r="HSS673" s="613"/>
      <c r="HST673" s="613"/>
      <c r="HSU673" s="613"/>
      <c r="HSV673" s="613"/>
      <c r="HSW673" s="613"/>
      <c r="HSX673" s="613"/>
      <c r="HSY673" s="613"/>
      <c r="HSZ673" s="613"/>
      <c r="HTA673" s="613"/>
      <c r="HTB673" s="613"/>
      <c r="HTC673" s="613"/>
      <c r="HTD673" s="613"/>
      <c r="HTE673" s="613"/>
      <c r="HTF673" s="613"/>
      <c r="HTG673" s="613"/>
      <c r="HTH673" s="613"/>
      <c r="HTI673" s="613"/>
      <c r="HTJ673" s="613"/>
      <c r="HTK673" s="613"/>
      <c r="HTL673" s="613"/>
      <c r="HTM673" s="613"/>
      <c r="HTN673" s="613"/>
      <c r="HTO673" s="613"/>
      <c r="HTP673" s="613"/>
      <c r="HTQ673" s="613"/>
      <c r="HTR673" s="613"/>
      <c r="HTS673" s="613"/>
      <c r="HTT673" s="613"/>
      <c r="HTU673" s="613"/>
      <c r="HTV673" s="613"/>
      <c r="HTW673" s="613"/>
      <c r="HTX673" s="613"/>
      <c r="HTY673" s="613"/>
      <c r="HTZ673" s="613"/>
      <c r="HUA673" s="613"/>
      <c r="HUB673" s="613"/>
      <c r="HUC673" s="613"/>
      <c r="HUD673" s="613"/>
      <c r="HUE673" s="613"/>
      <c r="HUF673" s="613"/>
      <c r="HUG673" s="613"/>
      <c r="HUH673" s="613"/>
      <c r="HUI673" s="613"/>
      <c r="HUJ673" s="613"/>
      <c r="HUK673" s="613"/>
      <c r="HUL673" s="613"/>
      <c r="HUM673" s="613"/>
      <c r="HUN673" s="613"/>
      <c r="HUO673" s="613"/>
      <c r="HUP673" s="613"/>
      <c r="HUQ673" s="613"/>
      <c r="HUR673" s="613"/>
      <c r="HUS673" s="613"/>
      <c r="HUT673" s="613"/>
      <c r="HUU673" s="613"/>
      <c r="HUV673" s="613"/>
      <c r="HUW673" s="613"/>
      <c r="HUX673" s="613"/>
      <c r="HUY673" s="613"/>
      <c r="HUZ673" s="613"/>
      <c r="HVA673" s="613"/>
      <c r="HVB673" s="613"/>
      <c r="HVC673" s="613"/>
      <c r="HVD673" s="613"/>
      <c r="HVE673" s="613"/>
      <c r="HVF673" s="613"/>
      <c r="HVG673" s="613"/>
      <c r="HVH673" s="613"/>
      <c r="HVI673" s="613"/>
      <c r="HVJ673" s="613"/>
      <c r="HVK673" s="613"/>
      <c r="HVL673" s="613"/>
      <c r="HVM673" s="613"/>
      <c r="HVN673" s="613"/>
      <c r="HVO673" s="613"/>
      <c r="HVP673" s="613"/>
      <c r="HVQ673" s="613"/>
      <c r="HVR673" s="613"/>
      <c r="HVS673" s="613"/>
      <c r="HVT673" s="613"/>
      <c r="HVU673" s="613"/>
      <c r="HVV673" s="613"/>
      <c r="HVW673" s="613"/>
      <c r="HVX673" s="613"/>
      <c r="HVY673" s="613"/>
      <c r="HVZ673" s="613"/>
      <c r="HWA673" s="613"/>
      <c r="HWB673" s="613"/>
      <c r="HWC673" s="613"/>
      <c r="HWD673" s="613"/>
      <c r="HWE673" s="613"/>
      <c r="HWF673" s="613"/>
      <c r="HWG673" s="613"/>
      <c r="HWH673" s="613"/>
      <c r="HWI673" s="613"/>
      <c r="HWJ673" s="613"/>
      <c r="HWK673" s="613"/>
      <c r="HWL673" s="613"/>
      <c r="HWM673" s="613"/>
      <c r="HWN673" s="613"/>
      <c r="HWO673" s="613"/>
      <c r="HWP673" s="613"/>
      <c r="HWQ673" s="613"/>
      <c r="HWR673" s="613"/>
      <c r="HWS673" s="613"/>
      <c r="HWT673" s="613"/>
      <c r="HWU673" s="613"/>
      <c r="HWV673" s="613"/>
      <c r="HWW673" s="613"/>
      <c r="HWX673" s="613"/>
      <c r="HWY673" s="613"/>
      <c r="HWZ673" s="613"/>
      <c r="HXA673" s="613"/>
      <c r="HXB673" s="613"/>
      <c r="HXC673" s="613"/>
      <c r="HXD673" s="613"/>
      <c r="HXE673" s="613"/>
      <c r="HXF673" s="613"/>
      <c r="HXG673" s="613"/>
      <c r="HXH673" s="613"/>
      <c r="HXI673" s="613"/>
      <c r="HXJ673" s="613"/>
      <c r="HXK673" s="613"/>
      <c r="HXL673" s="613"/>
      <c r="HXM673" s="613"/>
      <c r="HXN673" s="613"/>
      <c r="HXO673" s="613"/>
      <c r="HXP673" s="613"/>
      <c r="HXQ673" s="613"/>
      <c r="HXR673" s="613"/>
      <c r="HXS673" s="613"/>
      <c r="HXT673" s="613"/>
      <c r="HXU673" s="613"/>
      <c r="HXV673" s="613"/>
      <c r="HXW673" s="613"/>
      <c r="HXX673" s="613"/>
      <c r="HXY673" s="613"/>
      <c r="HXZ673" s="613"/>
      <c r="HYA673" s="613"/>
      <c r="HYB673" s="613"/>
      <c r="HYC673" s="613"/>
      <c r="HYD673" s="613"/>
      <c r="HYE673" s="613"/>
      <c r="HYF673" s="613"/>
      <c r="HYG673" s="613"/>
      <c r="HYH673" s="613"/>
      <c r="HYI673" s="613"/>
      <c r="HYJ673" s="613"/>
      <c r="HYK673" s="613"/>
      <c r="HYL673" s="613"/>
      <c r="HYM673" s="613"/>
      <c r="HYN673" s="613"/>
      <c r="HYO673" s="613"/>
      <c r="HYP673" s="613"/>
      <c r="HYQ673" s="613"/>
      <c r="HYR673" s="613"/>
      <c r="HYS673" s="613"/>
      <c r="HYT673" s="613"/>
      <c r="HYU673" s="613"/>
      <c r="HYV673" s="613"/>
      <c r="HYW673" s="613"/>
      <c r="HYX673" s="613"/>
      <c r="HYY673" s="613"/>
      <c r="HYZ673" s="613"/>
      <c r="HZA673" s="613"/>
      <c r="HZB673" s="613"/>
      <c r="HZC673" s="613"/>
      <c r="HZD673" s="613"/>
      <c r="HZE673" s="613"/>
      <c r="HZF673" s="613"/>
      <c r="HZG673" s="613"/>
      <c r="HZH673" s="613"/>
      <c r="HZI673" s="613"/>
      <c r="HZJ673" s="613"/>
      <c r="HZK673" s="613"/>
      <c r="HZL673" s="613"/>
      <c r="HZM673" s="613"/>
      <c r="HZN673" s="613"/>
      <c r="HZO673" s="613"/>
      <c r="HZP673" s="613"/>
      <c r="HZQ673" s="613"/>
      <c r="HZR673" s="613"/>
      <c r="HZS673" s="613"/>
      <c r="HZT673" s="613"/>
      <c r="HZU673" s="613"/>
      <c r="HZV673" s="613"/>
      <c r="HZW673" s="613"/>
      <c r="HZX673" s="613"/>
      <c r="HZY673" s="613"/>
      <c r="HZZ673" s="613"/>
      <c r="IAA673" s="613"/>
      <c r="IAB673" s="613"/>
      <c r="IAC673" s="613"/>
      <c r="IAD673" s="613"/>
      <c r="IAE673" s="613"/>
      <c r="IAF673" s="613"/>
      <c r="IAG673" s="613"/>
      <c r="IAH673" s="613"/>
      <c r="IAI673" s="613"/>
      <c r="IAJ673" s="613"/>
      <c r="IAK673" s="613"/>
      <c r="IAL673" s="613"/>
      <c r="IAM673" s="613"/>
      <c r="IAN673" s="613"/>
      <c r="IAO673" s="613"/>
      <c r="IAP673" s="613"/>
      <c r="IAQ673" s="613"/>
      <c r="IAR673" s="613"/>
      <c r="IAS673" s="613"/>
      <c r="IAT673" s="613"/>
      <c r="IAU673" s="613"/>
      <c r="IAV673" s="613"/>
      <c r="IAW673" s="613"/>
      <c r="IAX673" s="613"/>
      <c r="IAY673" s="613"/>
      <c r="IAZ673" s="613"/>
      <c r="IBA673" s="613"/>
      <c r="IBB673" s="613"/>
      <c r="IBC673" s="613"/>
      <c r="IBD673" s="613"/>
      <c r="IBE673" s="613"/>
      <c r="IBF673" s="613"/>
      <c r="IBG673" s="613"/>
      <c r="IBH673" s="613"/>
      <c r="IBI673" s="613"/>
      <c r="IBJ673" s="613"/>
      <c r="IBK673" s="613"/>
      <c r="IBL673" s="613"/>
      <c r="IBM673" s="613"/>
      <c r="IBN673" s="613"/>
      <c r="IBO673" s="613"/>
      <c r="IBP673" s="613"/>
      <c r="IBQ673" s="613"/>
      <c r="IBR673" s="613"/>
      <c r="IBS673" s="613"/>
      <c r="IBT673" s="613"/>
      <c r="IBU673" s="613"/>
      <c r="IBV673" s="613"/>
      <c r="IBW673" s="613"/>
      <c r="IBX673" s="613"/>
      <c r="IBY673" s="613"/>
      <c r="IBZ673" s="613"/>
      <c r="ICA673" s="613"/>
      <c r="ICB673" s="613"/>
      <c r="ICC673" s="613"/>
      <c r="ICD673" s="613"/>
      <c r="ICE673" s="613"/>
      <c r="ICF673" s="613"/>
      <c r="ICG673" s="613"/>
      <c r="ICH673" s="613"/>
      <c r="ICI673" s="613"/>
      <c r="ICJ673" s="613"/>
      <c r="ICK673" s="613"/>
      <c r="ICL673" s="613"/>
      <c r="ICM673" s="613"/>
      <c r="ICN673" s="613"/>
      <c r="ICO673" s="613"/>
      <c r="ICP673" s="613"/>
      <c r="ICQ673" s="613"/>
      <c r="ICR673" s="613"/>
      <c r="ICS673" s="613"/>
      <c r="ICT673" s="613"/>
      <c r="ICU673" s="613"/>
      <c r="ICV673" s="613"/>
      <c r="ICW673" s="613"/>
      <c r="ICX673" s="613"/>
      <c r="ICY673" s="613"/>
      <c r="ICZ673" s="613"/>
      <c r="IDA673" s="613"/>
      <c r="IDB673" s="613"/>
      <c r="IDC673" s="613"/>
      <c r="IDD673" s="613"/>
      <c r="IDE673" s="613"/>
      <c r="IDF673" s="613"/>
      <c r="IDG673" s="613"/>
      <c r="IDH673" s="613"/>
      <c r="IDI673" s="613"/>
      <c r="IDJ673" s="613"/>
      <c r="IDK673" s="613"/>
      <c r="IDL673" s="613"/>
      <c r="IDM673" s="613"/>
      <c r="IDN673" s="613"/>
      <c r="IDO673" s="613"/>
      <c r="IDP673" s="613"/>
      <c r="IDQ673" s="613"/>
      <c r="IDR673" s="613"/>
      <c r="IDS673" s="613"/>
      <c r="IDT673" s="613"/>
      <c r="IDU673" s="613"/>
      <c r="IDV673" s="613"/>
      <c r="IDW673" s="613"/>
      <c r="IDX673" s="613"/>
      <c r="IDY673" s="613"/>
      <c r="IDZ673" s="613"/>
      <c r="IEA673" s="613"/>
      <c r="IEB673" s="613"/>
      <c r="IEC673" s="613"/>
      <c r="IED673" s="613"/>
      <c r="IEE673" s="613"/>
      <c r="IEF673" s="613"/>
      <c r="IEG673" s="613"/>
      <c r="IEH673" s="613"/>
      <c r="IEI673" s="613"/>
      <c r="IEJ673" s="613"/>
      <c r="IEK673" s="613"/>
      <c r="IEL673" s="613"/>
      <c r="IEM673" s="613"/>
      <c r="IEN673" s="613"/>
      <c r="IEO673" s="613"/>
      <c r="IEP673" s="613"/>
      <c r="IEQ673" s="613"/>
      <c r="IER673" s="613"/>
      <c r="IES673" s="613"/>
      <c r="IET673" s="613"/>
      <c r="IEU673" s="613"/>
      <c r="IEV673" s="613"/>
      <c r="IEW673" s="613"/>
      <c r="IEX673" s="613"/>
      <c r="IEY673" s="613"/>
      <c r="IEZ673" s="613"/>
      <c r="IFA673" s="613"/>
      <c r="IFB673" s="613"/>
      <c r="IFC673" s="613"/>
      <c r="IFD673" s="613"/>
      <c r="IFE673" s="613"/>
      <c r="IFF673" s="613"/>
      <c r="IFG673" s="613"/>
      <c r="IFH673" s="613"/>
      <c r="IFI673" s="613"/>
      <c r="IFJ673" s="613"/>
      <c r="IFK673" s="613"/>
      <c r="IFL673" s="613"/>
      <c r="IFM673" s="613"/>
      <c r="IFN673" s="613"/>
      <c r="IFO673" s="613"/>
      <c r="IFP673" s="613"/>
      <c r="IFQ673" s="613"/>
      <c r="IFR673" s="613"/>
      <c r="IFS673" s="613"/>
      <c r="IFT673" s="613"/>
      <c r="IFU673" s="613"/>
      <c r="IFV673" s="613"/>
      <c r="IFW673" s="613"/>
      <c r="IFX673" s="613"/>
      <c r="IFY673" s="613"/>
      <c r="IFZ673" s="613"/>
      <c r="IGA673" s="613"/>
      <c r="IGB673" s="613"/>
      <c r="IGC673" s="613"/>
      <c r="IGD673" s="613"/>
      <c r="IGE673" s="613"/>
      <c r="IGF673" s="613"/>
      <c r="IGG673" s="613"/>
      <c r="IGH673" s="613"/>
      <c r="IGI673" s="613"/>
      <c r="IGJ673" s="613"/>
      <c r="IGK673" s="613"/>
      <c r="IGL673" s="613"/>
      <c r="IGM673" s="613"/>
      <c r="IGN673" s="613"/>
      <c r="IGO673" s="613"/>
      <c r="IGP673" s="613"/>
      <c r="IGQ673" s="613"/>
      <c r="IGR673" s="613"/>
      <c r="IGS673" s="613"/>
      <c r="IGT673" s="613"/>
      <c r="IGU673" s="613"/>
      <c r="IGV673" s="613"/>
      <c r="IGW673" s="613"/>
      <c r="IGX673" s="613"/>
      <c r="IGY673" s="613"/>
      <c r="IGZ673" s="613"/>
      <c r="IHA673" s="613"/>
      <c r="IHB673" s="613"/>
      <c r="IHC673" s="613"/>
      <c r="IHD673" s="613"/>
      <c r="IHE673" s="613"/>
      <c r="IHF673" s="613"/>
      <c r="IHG673" s="613"/>
      <c r="IHH673" s="613"/>
      <c r="IHI673" s="613"/>
      <c r="IHJ673" s="613"/>
      <c r="IHK673" s="613"/>
      <c r="IHL673" s="613"/>
      <c r="IHM673" s="613"/>
      <c r="IHN673" s="613"/>
      <c r="IHO673" s="613"/>
      <c r="IHP673" s="613"/>
      <c r="IHQ673" s="613"/>
      <c r="IHR673" s="613"/>
      <c r="IHS673" s="613"/>
      <c r="IHT673" s="613"/>
      <c r="IHU673" s="613"/>
      <c r="IHV673" s="613"/>
      <c r="IHW673" s="613"/>
      <c r="IHX673" s="613"/>
      <c r="IHY673" s="613"/>
      <c r="IHZ673" s="613"/>
      <c r="IIA673" s="613"/>
      <c r="IIB673" s="613"/>
      <c r="IIC673" s="613"/>
      <c r="IID673" s="613"/>
      <c r="IIE673" s="613"/>
      <c r="IIF673" s="613"/>
      <c r="IIG673" s="613"/>
      <c r="IIH673" s="613"/>
      <c r="III673" s="613"/>
      <c r="IIJ673" s="613"/>
      <c r="IIK673" s="613"/>
      <c r="IIL673" s="613"/>
      <c r="IIM673" s="613"/>
      <c r="IIN673" s="613"/>
      <c r="IIO673" s="613"/>
      <c r="IIP673" s="613"/>
      <c r="IIQ673" s="613"/>
      <c r="IIR673" s="613"/>
      <c r="IIS673" s="613"/>
      <c r="IIT673" s="613"/>
      <c r="IIU673" s="613"/>
      <c r="IIV673" s="613"/>
      <c r="IIW673" s="613"/>
      <c r="IIX673" s="613"/>
      <c r="IIY673" s="613"/>
      <c r="IIZ673" s="613"/>
      <c r="IJA673" s="613"/>
      <c r="IJB673" s="613"/>
      <c r="IJC673" s="613"/>
      <c r="IJD673" s="613"/>
      <c r="IJE673" s="613"/>
      <c r="IJF673" s="613"/>
      <c r="IJG673" s="613"/>
      <c r="IJH673" s="613"/>
      <c r="IJI673" s="613"/>
      <c r="IJJ673" s="613"/>
      <c r="IJK673" s="613"/>
      <c r="IJL673" s="613"/>
      <c r="IJM673" s="613"/>
      <c r="IJN673" s="613"/>
      <c r="IJO673" s="613"/>
      <c r="IJP673" s="613"/>
      <c r="IJQ673" s="613"/>
      <c r="IJR673" s="613"/>
      <c r="IJS673" s="613"/>
      <c r="IJT673" s="613"/>
      <c r="IJU673" s="613"/>
      <c r="IJV673" s="613"/>
      <c r="IJW673" s="613"/>
      <c r="IJX673" s="613"/>
      <c r="IJY673" s="613"/>
      <c r="IJZ673" s="613"/>
      <c r="IKA673" s="613"/>
      <c r="IKB673" s="613"/>
      <c r="IKC673" s="613"/>
      <c r="IKD673" s="613"/>
      <c r="IKE673" s="613"/>
      <c r="IKF673" s="613"/>
      <c r="IKG673" s="613"/>
      <c r="IKH673" s="613"/>
      <c r="IKI673" s="613"/>
      <c r="IKJ673" s="613"/>
      <c r="IKK673" s="613"/>
      <c r="IKL673" s="613"/>
      <c r="IKM673" s="613"/>
      <c r="IKN673" s="613"/>
      <c r="IKO673" s="613"/>
      <c r="IKP673" s="613"/>
      <c r="IKQ673" s="613"/>
      <c r="IKR673" s="613"/>
      <c r="IKS673" s="613"/>
      <c r="IKT673" s="613"/>
      <c r="IKU673" s="613"/>
      <c r="IKV673" s="613"/>
      <c r="IKW673" s="613"/>
      <c r="IKX673" s="613"/>
      <c r="IKY673" s="613"/>
      <c r="IKZ673" s="613"/>
      <c r="ILA673" s="613"/>
      <c r="ILB673" s="613"/>
      <c r="ILC673" s="613"/>
      <c r="ILD673" s="613"/>
      <c r="ILE673" s="613"/>
      <c r="ILF673" s="613"/>
      <c r="ILG673" s="613"/>
      <c r="ILH673" s="613"/>
      <c r="ILI673" s="613"/>
      <c r="ILJ673" s="613"/>
      <c r="ILK673" s="613"/>
      <c r="ILL673" s="613"/>
      <c r="ILM673" s="613"/>
      <c r="ILN673" s="613"/>
      <c r="ILO673" s="613"/>
      <c r="ILP673" s="613"/>
      <c r="ILQ673" s="613"/>
      <c r="ILR673" s="613"/>
      <c r="ILS673" s="613"/>
      <c r="ILT673" s="613"/>
      <c r="ILU673" s="613"/>
      <c r="ILV673" s="613"/>
      <c r="ILW673" s="613"/>
      <c r="ILX673" s="613"/>
      <c r="ILY673" s="613"/>
      <c r="ILZ673" s="613"/>
      <c r="IMA673" s="613"/>
      <c r="IMB673" s="613"/>
      <c r="IMC673" s="613"/>
      <c r="IMD673" s="613"/>
      <c r="IME673" s="613"/>
      <c r="IMF673" s="613"/>
      <c r="IMG673" s="613"/>
      <c r="IMH673" s="613"/>
      <c r="IMI673" s="613"/>
      <c r="IMJ673" s="613"/>
      <c r="IMK673" s="613"/>
      <c r="IML673" s="613"/>
      <c r="IMM673" s="613"/>
      <c r="IMN673" s="613"/>
      <c r="IMO673" s="613"/>
      <c r="IMP673" s="613"/>
      <c r="IMQ673" s="613"/>
      <c r="IMR673" s="613"/>
      <c r="IMS673" s="613"/>
      <c r="IMT673" s="613"/>
      <c r="IMU673" s="613"/>
      <c r="IMV673" s="613"/>
      <c r="IMW673" s="613"/>
      <c r="IMX673" s="613"/>
      <c r="IMY673" s="613"/>
      <c r="IMZ673" s="613"/>
      <c r="INA673" s="613"/>
      <c r="INB673" s="613"/>
      <c r="INC673" s="613"/>
      <c r="IND673" s="613"/>
      <c r="INE673" s="613"/>
      <c r="INF673" s="613"/>
      <c r="ING673" s="613"/>
      <c r="INH673" s="613"/>
      <c r="INI673" s="613"/>
      <c r="INJ673" s="613"/>
      <c r="INK673" s="613"/>
      <c r="INL673" s="613"/>
      <c r="INM673" s="613"/>
      <c r="INN673" s="613"/>
      <c r="INO673" s="613"/>
      <c r="INP673" s="613"/>
      <c r="INQ673" s="613"/>
      <c r="INR673" s="613"/>
      <c r="INS673" s="613"/>
      <c r="INT673" s="613"/>
      <c r="INU673" s="613"/>
      <c r="INV673" s="613"/>
      <c r="INW673" s="613"/>
      <c r="INX673" s="613"/>
      <c r="INY673" s="613"/>
      <c r="INZ673" s="613"/>
      <c r="IOA673" s="613"/>
      <c r="IOB673" s="613"/>
      <c r="IOC673" s="613"/>
      <c r="IOD673" s="613"/>
      <c r="IOE673" s="613"/>
      <c r="IOF673" s="613"/>
      <c r="IOG673" s="613"/>
      <c r="IOH673" s="613"/>
      <c r="IOI673" s="613"/>
      <c r="IOJ673" s="613"/>
      <c r="IOK673" s="613"/>
      <c r="IOL673" s="613"/>
      <c r="IOM673" s="613"/>
      <c r="ION673" s="613"/>
      <c r="IOO673" s="613"/>
      <c r="IOP673" s="613"/>
      <c r="IOQ673" s="613"/>
      <c r="IOR673" s="613"/>
      <c r="IOS673" s="613"/>
      <c r="IOT673" s="613"/>
      <c r="IOU673" s="613"/>
      <c r="IOV673" s="613"/>
      <c r="IOW673" s="613"/>
      <c r="IOX673" s="613"/>
      <c r="IOY673" s="613"/>
      <c r="IOZ673" s="613"/>
      <c r="IPA673" s="613"/>
      <c r="IPB673" s="613"/>
      <c r="IPC673" s="613"/>
      <c r="IPD673" s="613"/>
      <c r="IPE673" s="613"/>
      <c r="IPF673" s="613"/>
      <c r="IPG673" s="613"/>
      <c r="IPH673" s="613"/>
      <c r="IPI673" s="613"/>
      <c r="IPJ673" s="613"/>
      <c r="IPK673" s="613"/>
      <c r="IPL673" s="613"/>
      <c r="IPM673" s="613"/>
      <c r="IPN673" s="613"/>
      <c r="IPO673" s="613"/>
      <c r="IPP673" s="613"/>
      <c r="IPQ673" s="613"/>
      <c r="IPR673" s="613"/>
      <c r="IPS673" s="613"/>
      <c r="IPT673" s="613"/>
      <c r="IPU673" s="613"/>
      <c r="IPV673" s="613"/>
      <c r="IPW673" s="613"/>
      <c r="IPX673" s="613"/>
      <c r="IPY673" s="613"/>
      <c r="IPZ673" s="613"/>
      <c r="IQA673" s="613"/>
      <c r="IQB673" s="613"/>
      <c r="IQC673" s="613"/>
      <c r="IQD673" s="613"/>
      <c r="IQE673" s="613"/>
      <c r="IQF673" s="613"/>
      <c r="IQG673" s="613"/>
      <c r="IQH673" s="613"/>
      <c r="IQI673" s="613"/>
      <c r="IQJ673" s="613"/>
      <c r="IQK673" s="613"/>
      <c r="IQL673" s="613"/>
      <c r="IQM673" s="613"/>
      <c r="IQN673" s="613"/>
      <c r="IQO673" s="613"/>
      <c r="IQP673" s="613"/>
      <c r="IQQ673" s="613"/>
      <c r="IQR673" s="613"/>
      <c r="IQS673" s="613"/>
      <c r="IQT673" s="613"/>
      <c r="IQU673" s="613"/>
      <c r="IQV673" s="613"/>
      <c r="IQW673" s="613"/>
      <c r="IQX673" s="613"/>
      <c r="IQY673" s="613"/>
      <c r="IQZ673" s="613"/>
      <c r="IRA673" s="613"/>
      <c r="IRB673" s="613"/>
      <c r="IRC673" s="613"/>
      <c r="IRD673" s="613"/>
      <c r="IRE673" s="613"/>
      <c r="IRF673" s="613"/>
      <c r="IRG673" s="613"/>
      <c r="IRH673" s="613"/>
      <c r="IRI673" s="613"/>
      <c r="IRJ673" s="613"/>
      <c r="IRK673" s="613"/>
      <c r="IRL673" s="613"/>
      <c r="IRM673" s="613"/>
      <c r="IRN673" s="613"/>
      <c r="IRO673" s="613"/>
      <c r="IRP673" s="613"/>
      <c r="IRQ673" s="613"/>
      <c r="IRR673" s="613"/>
      <c r="IRS673" s="613"/>
      <c r="IRT673" s="613"/>
      <c r="IRU673" s="613"/>
      <c r="IRV673" s="613"/>
      <c r="IRW673" s="613"/>
      <c r="IRX673" s="613"/>
      <c r="IRY673" s="613"/>
      <c r="IRZ673" s="613"/>
      <c r="ISA673" s="613"/>
      <c r="ISB673" s="613"/>
      <c r="ISC673" s="613"/>
      <c r="ISD673" s="613"/>
      <c r="ISE673" s="613"/>
      <c r="ISF673" s="613"/>
      <c r="ISG673" s="613"/>
      <c r="ISH673" s="613"/>
      <c r="ISI673" s="613"/>
      <c r="ISJ673" s="613"/>
      <c r="ISK673" s="613"/>
      <c r="ISL673" s="613"/>
      <c r="ISM673" s="613"/>
      <c r="ISN673" s="613"/>
      <c r="ISO673" s="613"/>
      <c r="ISP673" s="613"/>
      <c r="ISQ673" s="613"/>
      <c r="ISR673" s="613"/>
      <c r="ISS673" s="613"/>
      <c r="IST673" s="613"/>
      <c r="ISU673" s="613"/>
      <c r="ISV673" s="613"/>
      <c r="ISW673" s="613"/>
      <c r="ISX673" s="613"/>
      <c r="ISY673" s="613"/>
      <c r="ISZ673" s="613"/>
      <c r="ITA673" s="613"/>
      <c r="ITB673" s="613"/>
      <c r="ITC673" s="613"/>
      <c r="ITD673" s="613"/>
      <c r="ITE673" s="613"/>
      <c r="ITF673" s="613"/>
      <c r="ITG673" s="613"/>
      <c r="ITH673" s="613"/>
      <c r="ITI673" s="613"/>
      <c r="ITJ673" s="613"/>
      <c r="ITK673" s="613"/>
      <c r="ITL673" s="613"/>
      <c r="ITM673" s="613"/>
      <c r="ITN673" s="613"/>
      <c r="ITO673" s="613"/>
      <c r="ITP673" s="613"/>
      <c r="ITQ673" s="613"/>
      <c r="ITR673" s="613"/>
      <c r="ITS673" s="613"/>
      <c r="ITT673" s="613"/>
      <c r="ITU673" s="613"/>
      <c r="ITV673" s="613"/>
      <c r="ITW673" s="613"/>
      <c r="ITX673" s="613"/>
      <c r="ITY673" s="613"/>
      <c r="ITZ673" s="613"/>
      <c r="IUA673" s="613"/>
      <c r="IUB673" s="613"/>
      <c r="IUC673" s="613"/>
      <c r="IUD673" s="613"/>
      <c r="IUE673" s="613"/>
      <c r="IUF673" s="613"/>
      <c r="IUG673" s="613"/>
      <c r="IUH673" s="613"/>
      <c r="IUI673" s="613"/>
      <c r="IUJ673" s="613"/>
      <c r="IUK673" s="613"/>
      <c r="IUL673" s="613"/>
      <c r="IUM673" s="613"/>
      <c r="IUN673" s="613"/>
      <c r="IUO673" s="613"/>
      <c r="IUP673" s="613"/>
      <c r="IUQ673" s="613"/>
      <c r="IUR673" s="613"/>
      <c r="IUS673" s="613"/>
      <c r="IUT673" s="613"/>
      <c r="IUU673" s="613"/>
      <c r="IUV673" s="613"/>
      <c r="IUW673" s="613"/>
      <c r="IUX673" s="613"/>
      <c r="IUY673" s="613"/>
      <c r="IUZ673" s="613"/>
      <c r="IVA673" s="613"/>
      <c r="IVB673" s="613"/>
      <c r="IVC673" s="613"/>
      <c r="IVD673" s="613"/>
      <c r="IVE673" s="613"/>
      <c r="IVF673" s="613"/>
      <c r="IVG673" s="613"/>
      <c r="IVH673" s="613"/>
      <c r="IVI673" s="613"/>
      <c r="IVJ673" s="613"/>
      <c r="IVK673" s="613"/>
      <c r="IVL673" s="613"/>
      <c r="IVM673" s="613"/>
      <c r="IVN673" s="613"/>
      <c r="IVO673" s="613"/>
      <c r="IVP673" s="613"/>
      <c r="IVQ673" s="613"/>
      <c r="IVR673" s="613"/>
      <c r="IVS673" s="613"/>
      <c r="IVT673" s="613"/>
      <c r="IVU673" s="613"/>
      <c r="IVV673" s="613"/>
      <c r="IVW673" s="613"/>
      <c r="IVX673" s="613"/>
      <c r="IVY673" s="613"/>
      <c r="IVZ673" s="613"/>
      <c r="IWA673" s="613"/>
      <c r="IWB673" s="613"/>
      <c r="IWC673" s="613"/>
      <c r="IWD673" s="613"/>
      <c r="IWE673" s="613"/>
      <c r="IWF673" s="613"/>
      <c r="IWG673" s="613"/>
      <c r="IWH673" s="613"/>
      <c r="IWI673" s="613"/>
      <c r="IWJ673" s="613"/>
      <c r="IWK673" s="613"/>
      <c r="IWL673" s="613"/>
      <c r="IWM673" s="613"/>
      <c r="IWN673" s="613"/>
      <c r="IWO673" s="613"/>
      <c r="IWP673" s="613"/>
      <c r="IWQ673" s="613"/>
      <c r="IWR673" s="613"/>
      <c r="IWS673" s="613"/>
      <c r="IWT673" s="613"/>
      <c r="IWU673" s="613"/>
      <c r="IWV673" s="613"/>
      <c r="IWW673" s="613"/>
      <c r="IWX673" s="613"/>
      <c r="IWY673" s="613"/>
      <c r="IWZ673" s="613"/>
      <c r="IXA673" s="613"/>
      <c r="IXB673" s="613"/>
      <c r="IXC673" s="613"/>
      <c r="IXD673" s="613"/>
      <c r="IXE673" s="613"/>
      <c r="IXF673" s="613"/>
      <c r="IXG673" s="613"/>
      <c r="IXH673" s="613"/>
      <c r="IXI673" s="613"/>
      <c r="IXJ673" s="613"/>
      <c r="IXK673" s="613"/>
      <c r="IXL673" s="613"/>
      <c r="IXM673" s="613"/>
      <c r="IXN673" s="613"/>
      <c r="IXO673" s="613"/>
      <c r="IXP673" s="613"/>
      <c r="IXQ673" s="613"/>
      <c r="IXR673" s="613"/>
      <c r="IXS673" s="613"/>
      <c r="IXT673" s="613"/>
      <c r="IXU673" s="613"/>
      <c r="IXV673" s="613"/>
      <c r="IXW673" s="613"/>
      <c r="IXX673" s="613"/>
      <c r="IXY673" s="613"/>
      <c r="IXZ673" s="613"/>
      <c r="IYA673" s="613"/>
      <c r="IYB673" s="613"/>
      <c r="IYC673" s="613"/>
      <c r="IYD673" s="613"/>
      <c r="IYE673" s="613"/>
      <c r="IYF673" s="613"/>
      <c r="IYG673" s="613"/>
      <c r="IYH673" s="613"/>
      <c r="IYI673" s="613"/>
      <c r="IYJ673" s="613"/>
      <c r="IYK673" s="613"/>
      <c r="IYL673" s="613"/>
      <c r="IYM673" s="613"/>
      <c r="IYN673" s="613"/>
      <c r="IYO673" s="613"/>
      <c r="IYP673" s="613"/>
      <c r="IYQ673" s="613"/>
      <c r="IYR673" s="613"/>
      <c r="IYS673" s="613"/>
      <c r="IYT673" s="613"/>
      <c r="IYU673" s="613"/>
      <c r="IYV673" s="613"/>
      <c r="IYW673" s="613"/>
      <c r="IYX673" s="613"/>
      <c r="IYY673" s="613"/>
      <c r="IYZ673" s="613"/>
      <c r="IZA673" s="613"/>
      <c r="IZB673" s="613"/>
      <c r="IZC673" s="613"/>
      <c r="IZD673" s="613"/>
      <c r="IZE673" s="613"/>
      <c r="IZF673" s="613"/>
      <c r="IZG673" s="613"/>
      <c r="IZH673" s="613"/>
      <c r="IZI673" s="613"/>
      <c r="IZJ673" s="613"/>
      <c r="IZK673" s="613"/>
      <c r="IZL673" s="613"/>
      <c r="IZM673" s="613"/>
      <c r="IZN673" s="613"/>
      <c r="IZO673" s="613"/>
      <c r="IZP673" s="613"/>
      <c r="IZQ673" s="613"/>
      <c r="IZR673" s="613"/>
      <c r="IZS673" s="613"/>
      <c r="IZT673" s="613"/>
      <c r="IZU673" s="613"/>
      <c r="IZV673" s="613"/>
      <c r="IZW673" s="613"/>
      <c r="IZX673" s="613"/>
      <c r="IZY673" s="613"/>
      <c r="IZZ673" s="613"/>
      <c r="JAA673" s="613"/>
      <c r="JAB673" s="613"/>
      <c r="JAC673" s="613"/>
      <c r="JAD673" s="613"/>
      <c r="JAE673" s="613"/>
      <c r="JAF673" s="613"/>
      <c r="JAG673" s="613"/>
      <c r="JAH673" s="613"/>
      <c r="JAI673" s="613"/>
      <c r="JAJ673" s="613"/>
      <c r="JAK673" s="613"/>
      <c r="JAL673" s="613"/>
      <c r="JAM673" s="613"/>
      <c r="JAN673" s="613"/>
      <c r="JAO673" s="613"/>
      <c r="JAP673" s="613"/>
      <c r="JAQ673" s="613"/>
      <c r="JAR673" s="613"/>
      <c r="JAS673" s="613"/>
      <c r="JAT673" s="613"/>
      <c r="JAU673" s="613"/>
      <c r="JAV673" s="613"/>
      <c r="JAW673" s="613"/>
      <c r="JAX673" s="613"/>
      <c r="JAY673" s="613"/>
      <c r="JAZ673" s="613"/>
      <c r="JBA673" s="613"/>
      <c r="JBB673" s="613"/>
      <c r="JBC673" s="613"/>
      <c r="JBD673" s="613"/>
      <c r="JBE673" s="613"/>
      <c r="JBF673" s="613"/>
      <c r="JBG673" s="613"/>
      <c r="JBH673" s="613"/>
      <c r="JBI673" s="613"/>
      <c r="JBJ673" s="613"/>
      <c r="JBK673" s="613"/>
      <c r="JBL673" s="613"/>
      <c r="JBM673" s="613"/>
      <c r="JBN673" s="613"/>
      <c r="JBO673" s="613"/>
      <c r="JBP673" s="613"/>
      <c r="JBQ673" s="613"/>
      <c r="JBR673" s="613"/>
      <c r="JBS673" s="613"/>
      <c r="JBT673" s="613"/>
      <c r="JBU673" s="613"/>
      <c r="JBV673" s="613"/>
      <c r="JBW673" s="613"/>
      <c r="JBX673" s="613"/>
      <c r="JBY673" s="613"/>
      <c r="JBZ673" s="613"/>
      <c r="JCA673" s="613"/>
      <c r="JCB673" s="613"/>
      <c r="JCC673" s="613"/>
      <c r="JCD673" s="613"/>
      <c r="JCE673" s="613"/>
      <c r="JCF673" s="613"/>
      <c r="JCG673" s="613"/>
      <c r="JCH673" s="613"/>
      <c r="JCI673" s="613"/>
      <c r="JCJ673" s="613"/>
      <c r="JCK673" s="613"/>
      <c r="JCL673" s="613"/>
      <c r="JCM673" s="613"/>
      <c r="JCN673" s="613"/>
      <c r="JCO673" s="613"/>
      <c r="JCP673" s="613"/>
      <c r="JCQ673" s="613"/>
      <c r="JCR673" s="613"/>
      <c r="JCS673" s="613"/>
      <c r="JCT673" s="613"/>
      <c r="JCU673" s="613"/>
      <c r="JCV673" s="613"/>
      <c r="JCW673" s="613"/>
      <c r="JCX673" s="613"/>
      <c r="JCY673" s="613"/>
      <c r="JCZ673" s="613"/>
      <c r="JDA673" s="613"/>
      <c r="JDB673" s="613"/>
      <c r="JDC673" s="613"/>
      <c r="JDD673" s="613"/>
      <c r="JDE673" s="613"/>
      <c r="JDF673" s="613"/>
      <c r="JDG673" s="613"/>
      <c r="JDH673" s="613"/>
      <c r="JDI673" s="613"/>
      <c r="JDJ673" s="613"/>
      <c r="JDK673" s="613"/>
      <c r="JDL673" s="613"/>
      <c r="JDM673" s="613"/>
      <c r="JDN673" s="613"/>
      <c r="JDO673" s="613"/>
      <c r="JDP673" s="613"/>
      <c r="JDQ673" s="613"/>
      <c r="JDR673" s="613"/>
      <c r="JDS673" s="613"/>
      <c r="JDT673" s="613"/>
      <c r="JDU673" s="613"/>
      <c r="JDV673" s="613"/>
      <c r="JDW673" s="613"/>
      <c r="JDX673" s="613"/>
      <c r="JDY673" s="613"/>
      <c r="JDZ673" s="613"/>
      <c r="JEA673" s="613"/>
      <c r="JEB673" s="613"/>
      <c r="JEC673" s="613"/>
      <c r="JED673" s="613"/>
      <c r="JEE673" s="613"/>
      <c r="JEF673" s="613"/>
      <c r="JEG673" s="613"/>
      <c r="JEH673" s="613"/>
      <c r="JEI673" s="613"/>
      <c r="JEJ673" s="613"/>
      <c r="JEK673" s="613"/>
      <c r="JEL673" s="613"/>
      <c r="JEM673" s="613"/>
      <c r="JEN673" s="613"/>
      <c r="JEO673" s="613"/>
      <c r="JEP673" s="613"/>
      <c r="JEQ673" s="613"/>
      <c r="JER673" s="613"/>
      <c r="JES673" s="613"/>
      <c r="JET673" s="613"/>
      <c r="JEU673" s="613"/>
      <c r="JEV673" s="613"/>
      <c r="JEW673" s="613"/>
      <c r="JEX673" s="613"/>
      <c r="JEY673" s="613"/>
      <c r="JEZ673" s="613"/>
      <c r="JFA673" s="613"/>
      <c r="JFB673" s="613"/>
      <c r="JFC673" s="613"/>
      <c r="JFD673" s="613"/>
      <c r="JFE673" s="613"/>
      <c r="JFF673" s="613"/>
      <c r="JFG673" s="613"/>
      <c r="JFH673" s="613"/>
      <c r="JFI673" s="613"/>
      <c r="JFJ673" s="613"/>
      <c r="JFK673" s="613"/>
      <c r="JFL673" s="613"/>
      <c r="JFM673" s="613"/>
      <c r="JFN673" s="613"/>
      <c r="JFO673" s="613"/>
      <c r="JFP673" s="613"/>
      <c r="JFQ673" s="613"/>
      <c r="JFR673" s="613"/>
      <c r="JFS673" s="613"/>
      <c r="JFT673" s="613"/>
      <c r="JFU673" s="613"/>
      <c r="JFV673" s="613"/>
      <c r="JFW673" s="613"/>
      <c r="JFX673" s="613"/>
      <c r="JFY673" s="613"/>
      <c r="JFZ673" s="613"/>
      <c r="JGA673" s="613"/>
      <c r="JGB673" s="613"/>
      <c r="JGC673" s="613"/>
      <c r="JGD673" s="613"/>
      <c r="JGE673" s="613"/>
      <c r="JGF673" s="613"/>
      <c r="JGG673" s="613"/>
      <c r="JGH673" s="613"/>
      <c r="JGI673" s="613"/>
      <c r="JGJ673" s="613"/>
      <c r="JGK673" s="613"/>
      <c r="JGL673" s="613"/>
      <c r="JGM673" s="613"/>
      <c r="JGN673" s="613"/>
      <c r="JGO673" s="613"/>
      <c r="JGP673" s="613"/>
      <c r="JGQ673" s="613"/>
      <c r="JGR673" s="613"/>
      <c r="JGS673" s="613"/>
      <c r="JGT673" s="613"/>
      <c r="JGU673" s="613"/>
      <c r="JGV673" s="613"/>
      <c r="JGW673" s="613"/>
      <c r="JGX673" s="613"/>
      <c r="JGY673" s="613"/>
      <c r="JGZ673" s="613"/>
      <c r="JHA673" s="613"/>
      <c r="JHB673" s="613"/>
      <c r="JHC673" s="613"/>
      <c r="JHD673" s="613"/>
      <c r="JHE673" s="613"/>
      <c r="JHF673" s="613"/>
      <c r="JHG673" s="613"/>
      <c r="JHH673" s="613"/>
      <c r="JHI673" s="613"/>
      <c r="JHJ673" s="613"/>
      <c r="JHK673" s="613"/>
      <c r="JHL673" s="613"/>
      <c r="JHM673" s="613"/>
      <c r="JHN673" s="613"/>
      <c r="JHO673" s="613"/>
      <c r="JHP673" s="613"/>
      <c r="JHQ673" s="613"/>
      <c r="JHR673" s="613"/>
      <c r="JHS673" s="613"/>
      <c r="JHT673" s="613"/>
      <c r="JHU673" s="613"/>
      <c r="JHV673" s="613"/>
      <c r="JHW673" s="613"/>
      <c r="JHX673" s="613"/>
      <c r="JHY673" s="613"/>
      <c r="JHZ673" s="613"/>
      <c r="JIA673" s="613"/>
      <c r="JIB673" s="613"/>
      <c r="JIC673" s="613"/>
      <c r="JID673" s="613"/>
      <c r="JIE673" s="613"/>
      <c r="JIF673" s="613"/>
      <c r="JIG673" s="613"/>
      <c r="JIH673" s="613"/>
      <c r="JII673" s="613"/>
      <c r="JIJ673" s="613"/>
      <c r="JIK673" s="613"/>
      <c r="JIL673" s="613"/>
      <c r="JIM673" s="613"/>
      <c r="JIN673" s="613"/>
      <c r="JIO673" s="613"/>
      <c r="JIP673" s="613"/>
      <c r="JIQ673" s="613"/>
      <c r="JIR673" s="613"/>
      <c r="JIS673" s="613"/>
      <c r="JIT673" s="613"/>
      <c r="JIU673" s="613"/>
      <c r="JIV673" s="613"/>
      <c r="JIW673" s="613"/>
      <c r="JIX673" s="613"/>
      <c r="JIY673" s="613"/>
      <c r="JIZ673" s="613"/>
      <c r="JJA673" s="613"/>
      <c r="JJB673" s="613"/>
      <c r="JJC673" s="613"/>
      <c r="JJD673" s="613"/>
      <c r="JJE673" s="613"/>
      <c r="JJF673" s="613"/>
      <c r="JJG673" s="613"/>
      <c r="JJH673" s="613"/>
      <c r="JJI673" s="613"/>
      <c r="JJJ673" s="613"/>
      <c r="JJK673" s="613"/>
      <c r="JJL673" s="613"/>
      <c r="JJM673" s="613"/>
      <c r="JJN673" s="613"/>
      <c r="JJO673" s="613"/>
      <c r="JJP673" s="613"/>
      <c r="JJQ673" s="613"/>
      <c r="JJR673" s="613"/>
      <c r="JJS673" s="613"/>
      <c r="JJT673" s="613"/>
      <c r="JJU673" s="613"/>
      <c r="JJV673" s="613"/>
      <c r="JJW673" s="613"/>
      <c r="JJX673" s="613"/>
      <c r="JJY673" s="613"/>
      <c r="JJZ673" s="613"/>
      <c r="JKA673" s="613"/>
      <c r="JKB673" s="613"/>
      <c r="JKC673" s="613"/>
      <c r="JKD673" s="613"/>
      <c r="JKE673" s="613"/>
      <c r="JKF673" s="613"/>
      <c r="JKG673" s="613"/>
      <c r="JKH673" s="613"/>
      <c r="JKI673" s="613"/>
      <c r="JKJ673" s="613"/>
      <c r="JKK673" s="613"/>
      <c r="JKL673" s="613"/>
      <c r="JKM673" s="613"/>
      <c r="JKN673" s="613"/>
      <c r="JKO673" s="613"/>
      <c r="JKP673" s="613"/>
      <c r="JKQ673" s="613"/>
      <c r="JKR673" s="613"/>
      <c r="JKS673" s="613"/>
      <c r="JKT673" s="613"/>
      <c r="JKU673" s="613"/>
      <c r="JKV673" s="613"/>
      <c r="JKW673" s="613"/>
      <c r="JKX673" s="613"/>
      <c r="JKY673" s="613"/>
      <c r="JKZ673" s="613"/>
      <c r="JLA673" s="613"/>
      <c r="JLB673" s="613"/>
      <c r="JLC673" s="613"/>
      <c r="JLD673" s="613"/>
      <c r="JLE673" s="613"/>
      <c r="JLF673" s="613"/>
      <c r="JLG673" s="613"/>
      <c r="JLH673" s="613"/>
      <c r="JLI673" s="613"/>
      <c r="JLJ673" s="613"/>
      <c r="JLK673" s="613"/>
      <c r="JLL673" s="613"/>
      <c r="JLM673" s="613"/>
      <c r="JLN673" s="613"/>
      <c r="JLO673" s="613"/>
      <c r="JLP673" s="613"/>
      <c r="JLQ673" s="613"/>
      <c r="JLR673" s="613"/>
      <c r="JLS673" s="613"/>
      <c r="JLT673" s="613"/>
      <c r="JLU673" s="613"/>
      <c r="JLV673" s="613"/>
      <c r="JLW673" s="613"/>
      <c r="JLX673" s="613"/>
      <c r="JLY673" s="613"/>
      <c r="JLZ673" s="613"/>
      <c r="JMA673" s="613"/>
      <c r="JMB673" s="613"/>
      <c r="JMC673" s="613"/>
      <c r="JMD673" s="613"/>
      <c r="JME673" s="613"/>
      <c r="JMF673" s="613"/>
      <c r="JMG673" s="613"/>
      <c r="JMH673" s="613"/>
      <c r="JMI673" s="613"/>
      <c r="JMJ673" s="613"/>
      <c r="JMK673" s="613"/>
      <c r="JML673" s="613"/>
      <c r="JMM673" s="613"/>
      <c r="JMN673" s="613"/>
      <c r="JMO673" s="613"/>
      <c r="JMP673" s="613"/>
      <c r="JMQ673" s="613"/>
      <c r="JMR673" s="613"/>
      <c r="JMS673" s="613"/>
      <c r="JMT673" s="613"/>
      <c r="JMU673" s="613"/>
      <c r="JMV673" s="613"/>
      <c r="JMW673" s="613"/>
      <c r="JMX673" s="613"/>
      <c r="JMY673" s="613"/>
      <c r="JMZ673" s="613"/>
      <c r="JNA673" s="613"/>
      <c r="JNB673" s="613"/>
      <c r="JNC673" s="613"/>
      <c r="JND673" s="613"/>
      <c r="JNE673" s="613"/>
      <c r="JNF673" s="613"/>
      <c r="JNG673" s="613"/>
      <c r="JNH673" s="613"/>
      <c r="JNI673" s="613"/>
      <c r="JNJ673" s="613"/>
      <c r="JNK673" s="613"/>
      <c r="JNL673" s="613"/>
      <c r="JNM673" s="613"/>
      <c r="JNN673" s="613"/>
      <c r="JNO673" s="613"/>
      <c r="JNP673" s="613"/>
      <c r="JNQ673" s="613"/>
      <c r="JNR673" s="613"/>
      <c r="JNS673" s="613"/>
      <c r="JNT673" s="613"/>
      <c r="JNU673" s="613"/>
      <c r="JNV673" s="613"/>
      <c r="JNW673" s="613"/>
      <c r="JNX673" s="613"/>
      <c r="JNY673" s="613"/>
      <c r="JNZ673" s="613"/>
      <c r="JOA673" s="613"/>
      <c r="JOB673" s="613"/>
      <c r="JOC673" s="613"/>
      <c r="JOD673" s="613"/>
      <c r="JOE673" s="613"/>
      <c r="JOF673" s="613"/>
      <c r="JOG673" s="613"/>
      <c r="JOH673" s="613"/>
      <c r="JOI673" s="613"/>
      <c r="JOJ673" s="613"/>
      <c r="JOK673" s="613"/>
      <c r="JOL673" s="613"/>
      <c r="JOM673" s="613"/>
      <c r="JON673" s="613"/>
      <c r="JOO673" s="613"/>
      <c r="JOP673" s="613"/>
      <c r="JOQ673" s="613"/>
      <c r="JOR673" s="613"/>
      <c r="JOS673" s="613"/>
      <c r="JOT673" s="613"/>
      <c r="JOU673" s="613"/>
      <c r="JOV673" s="613"/>
      <c r="JOW673" s="613"/>
      <c r="JOX673" s="613"/>
      <c r="JOY673" s="613"/>
      <c r="JOZ673" s="613"/>
      <c r="JPA673" s="613"/>
      <c r="JPB673" s="613"/>
      <c r="JPC673" s="613"/>
      <c r="JPD673" s="613"/>
      <c r="JPE673" s="613"/>
      <c r="JPF673" s="613"/>
      <c r="JPG673" s="613"/>
      <c r="JPH673" s="613"/>
      <c r="JPI673" s="613"/>
      <c r="JPJ673" s="613"/>
      <c r="JPK673" s="613"/>
      <c r="JPL673" s="613"/>
      <c r="JPM673" s="613"/>
      <c r="JPN673" s="613"/>
      <c r="JPO673" s="613"/>
      <c r="JPP673" s="613"/>
      <c r="JPQ673" s="613"/>
      <c r="JPR673" s="613"/>
      <c r="JPS673" s="613"/>
      <c r="JPT673" s="613"/>
      <c r="JPU673" s="613"/>
      <c r="JPV673" s="613"/>
      <c r="JPW673" s="613"/>
      <c r="JPX673" s="613"/>
      <c r="JPY673" s="613"/>
      <c r="JPZ673" s="613"/>
      <c r="JQA673" s="613"/>
      <c r="JQB673" s="613"/>
      <c r="JQC673" s="613"/>
      <c r="JQD673" s="613"/>
      <c r="JQE673" s="613"/>
      <c r="JQF673" s="613"/>
      <c r="JQG673" s="613"/>
      <c r="JQH673" s="613"/>
      <c r="JQI673" s="613"/>
      <c r="JQJ673" s="613"/>
      <c r="JQK673" s="613"/>
      <c r="JQL673" s="613"/>
      <c r="JQM673" s="613"/>
      <c r="JQN673" s="613"/>
      <c r="JQO673" s="613"/>
      <c r="JQP673" s="613"/>
      <c r="JQQ673" s="613"/>
      <c r="JQR673" s="613"/>
      <c r="JQS673" s="613"/>
      <c r="JQT673" s="613"/>
      <c r="JQU673" s="613"/>
      <c r="JQV673" s="613"/>
      <c r="JQW673" s="613"/>
      <c r="JQX673" s="613"/>
      <c r="JQY673" s="613"/>
      <c r="JQZ673" s="613"/>
      <c r="JRA673" s="613"/>
      <c r="JRB673" s="613"/>
      <c r="JRC673" s="613"/>
      <c r="JRD673" s="613"/>
      <c r="JRE673" s="613"/>
      <c r="JRF673" s="613"/>
      <c r="JRG673" s="613"/>
      <c r="JRH673" s="613"/>
      <c r="JRI673" s="613"/>
      <c r="JRJ673" s="613"/>
      <c r="JRK673" s="613"/>
      <c r="JRL673" s="613"/>
      <c r="JRM673" s="613"/>
      <c r="JRN673" s="613"/>
      <c r="JRO673" s="613"/>
      <c r="JRP673" s="613"/>
      <c r="JRQ673" s="613"/>
      <c r="JRR673" s="613"/>
      <c r="JRS673" s="613"/>
      <c r="JRT673" s="613"/>
      <c r="JRU673" s="613"/>
      <c r="JRV673" s="613"/>
      <c r="JRW673" s="613"/>
      <c r="JRX673" s="613"/>
      <c r="JRY673" s="613"/>
      <c r="JRZ673" s="613"/>
      <c r="JSA673" s="613"/>
      <c r="JSB673" s="613"/>
      <c r="JSC673" s="613"/>
      <c r="JSD673" s="613"/>
      <c r="JSE673" s="613"/>
      <c r="JSF673" s="613"/>
      <c r="JSG673" s="613"/>
      <c r="JSH673" s="613"/>
      <c r="JSI673" s="613"/>
      <c r="JSJ673" s="613"/>
      <c r="JSK673" s="613"/>
      <c r="JSL673" s="613"/>
      <c r="JSM673" s="613"/>
      <c r="JSN673" s="613"/>
      <c r="JSO673" s="613"/>
      <c r="JSP673" s="613"/>
      <c r="JSQ673" s="613"/>
      <c r="JSR673" s="613"/>
      <c r="JSS673" s="613"/>
      <c r="JST673" s="613"/>
      <c r="JSU673" s="613"/>
      <c r="JSV673" s="613"/>
      <c r="JSW673" s="613"/>
      <c r="JSX673" s="613"/>
      <c r="JSY673" s="613"/>
      <c r="JSZ673" s="613"/>
      <c r="JTA673" s="613"/>
      <c r="JTB673" s="613"/>
      <c r="JTC673" s="613"/>
      <c r="JTD673" s="613"/>
      <c r="JTE673" s="613"/>
      <c r="JTF673" s="613"/>
      <c r="JTG673" s="613"/>
      <c r="JTH673" s="613"/>
      <c r="JTI673" s="613"/>
      <c r="JTJ673" s="613"/>
      <c r="JTK673" s="613"/>
      <c r="JTL673" s="613"/>
      <c r="JTM673" s="613"/>
      <c r="JTN673" s="613"/>
      <c r="JTO673" s="613"/>
      <c r="JTP673" s="613"/>
      <c r="JTQ673" s="613"/>
      <c r="JTR673" s="613"/>
      <c r="JTS673" s="613"/>
      <c r="JTT673" s="613"/>
      <c r="JTU673" s="613"/>
      <c r="JTV673" s="613"/>
      <c r="JTW673" s="613"/>
      <c r="JTX673" s="613"/>
      <c r="JTY673" s="613"/>
      <c r="JTZ673" s="613"/>
      <c r="JUA673" s="613"/>
      <c r="JUB673" s="613"/>
      <c r="JUC673" s="613"/>
      <c r="JUD673" s="613"/>
      <c r="JUE673" s="613"/>
      <c r="JUF673" s="613"/>
      <c r="JUG673" s="613"/>
      <c r="JUH673" s="613"/>
      <c r="JUI673" s="613"/>
      <c r="JUJ673" s="613"/>
      <c r="JUK673" s="613"/>
      <c r="JUL673" s="613"/>
      <c r="JUM673" s="613"/>
      <c r="JUN673" s="613"/>
      <c r="JUO673" s="613"/>
      <c r="JUP673" s="613"/>
      <c r="JUQ673" s="613"/>
      <c r="JUR673" s="613"/>
      <c r="JUS673" s="613"/>
      <c r="JUT673" s="613"/>
      <c r="JUU673" s="613"/>
      <c r="JUV673" s="613"/>
      <c r="JUW673" s="613"/>
      <c r="JUX673" s="613"/>
      <c r="JUY673" s="613"/>
      <c r="JUZ673" s="613"/>
      <c r="JVA673" s="613"/>
      <c r="JVB673" s="613"/>
      <c r="JVC673" s="613"/>
      <c r="JVD673" s="613"/>
      <c r="JVE673" s="613"/>
      <c r="JVF673" s="613"/>
      <c r="JVG673" s="613"/>
      <c r="JVH673" s="613"/>
      <c r="JVI673" s="613"/>
      <c r="JVJ673" s="613"/>
      <c r="JVK673" s="613"/>
      <c r="JVL673" s="613"/>
      <c r="JVM673" s="613"/>
      <c r="JVN673" s="613"/>
      <c r="JVO673" s="613"/>
      <c r="JVP673" s="613"/>
      <c r="JVQ673" s="613"/>
      <c r="JVR673" s="613"/>
      <c r="JVS673" s="613"/>
      <c r="JVT673" s="613"/>
      <c r="JVU673" s="613"/>
      <c r="JVV673" s="613"/>
      <c r="JVW673" s="613"/>
      <c r="JVX673" s="613"/>
      <c r="JVY673" s="613"/>
      <c r="JVZ673" s="613"/>
      <c r="JWA673" s="613"/>
      <c r="JWB673" s="613"/>
      <c r="JWC673" s="613"/>
      <c r="JWD673" s="613"/>
      <c r="JWE673" s="613"/>
      <c r="JWF673" s="613"/>
      <c r="JWG673" s="613"/>
      <c r="JWH673" s="613"/>
      <c r="JWI673" s="613"/>
      <c r="JWJ673" s="613"/>
      <c r="JWK673" s="613"/>
      <c r="JWL673" s="613"/>
      <c r="JWM673" s="613"/>
      <c r="JWN673" s="613"/>
      <c r="JWO673" s="613"/>
      <c r="JWP673" s="613"/>
      <c r="JWQ673" s="613"/>
      <c r="JWR673" s="613"/>
      <c r="JWS673" s="613"/>
      <c r="JWT673" s="613"/>
      <c r="JWU673" s="613"/>
      <c r="JWV673" s="613"/>
      <c r="JWW673" s="613"/>
      <c r="JWX673" s="613"/>
      <c r="JWY673" s="613"/>
      <c r="JWZ673" s="613"/>
      <c r="JXA673" s="613"/>
      <c r="JXB673" s="613"/>
      <c r="JXC673" s="613"/>
      <c r="JXD673" s="613"/>
      <c r="JXE673" s="613"/>
      <c r="JXF673" s="613"/>
      <c r="JXG673" s="613"/>
      <c r="JXH673" s="613"/>
      <c r="JXI673" s="613"/>
      <c r="JXJ673" s="613"/>
      <c r="JXK673" s="613"/>
      <c r="JXL673" s="613"/>
      <c r="JXM673" s="613"/>
      <c r="JXN673" s="613"/>
      <c r="JXO673" s="613"/>
      <c r="JXP673" s="613"/>
      <c r="JXQ673" s="613"/>
      <c r="JXR673" s="613"/>
      <c r="JXS673" s="613"/>
      <c r="JXT673" s="613"/>
      <c r="JXU673" s="613"/>
      <c r="JXV673" s="613"/>
      <c r="JXW673" s="613"/>
      <c r="JXX673" s="613"/>
      <c r="JXY673" s="613"/>
      <c r="JXZ673" s="613"/>
      <c r="JYA673" s="613"/>
      <c r="JYB673" s="613"/>
      <c r="JYC673" s="613"/>
      <c r="JYD673" s="613"/>
      <c r="JYE673" s="613"/>
      <c r="JYF673" s="613"/>
      <c r="JYG673" s="613"/>
      <c r="JYH673" s="613"/>
      <c r="JYI673" s="613"/>
      <c r="JYJ673" s="613"/>
      <c r="JYK673" s="613"/>
      <c r="JYL673" s="613"/>
      <c r="JYM673" s="613"/>
      <c r="JYN673" s="613"/>
      <c r="JYO673" s="613"/>
      <c r="JYP673" s="613"/>
      <c r="JYQ673" s="613"/>
      <c r="JYR673" s="613"/>
      <c r="JYS673" s="613"/>
      <c r="JYT673" s="613"/>
      <c r="JYU673" s="613"/>
      <c r="JYV673" s="613"/>
      <c r="JYW673" s="613"/>
      <c r="JYX673" s="613"/>
      <c r="JYY673" s="613"/>
      <c r="JYZ673" s="613"/>
      <c r="JZA673" s="613"/>
      <c r="JZB673" s="613"/>
      <c r="JZC673" s="613"/>
      <c r="JZD673" s="613"/>
      <c r="JZE673" s="613"/>
      <c r="JZF673" s="613"/>
      <c r="JZG673" s="613"/>
      <c r="JZH673" s="613"/>
      <c r="JZI673" s="613"/>
      <c r="JZJ673" s="613"/>
      <c r="JZK673" s="613"/>
      <c r="JZL673" s="613"/>
      <c r="JZM673" s="613"/>
      <c r="JZN673" s="613"/>
      <c r="JZO673" s="613"/>
      <c r="JZP673" s="613"/>
      <c r="JZQ673" s="613"/>
      <c r="JZR673" s="613"/>
      <c r="JZS673" s="613"/>
      <c r="JZT673" s="613"/>
      <c r="JZU673" s="613"/>
      <c r="JZV673" s="613"/>
      <c r="JZW673" s="613"/>
      <c r="JZX673" s="613"/>
      <c r="JZY673" s="613"/>
      <c r="JZZ673" s="613"/>
      <c r="KAA673" s="613"/>
      <c r="KAB673" s="613"/>
      <c r="KAC673" s="613"/>
      <c r="KAD673" s="613"/>
      <c r="KAE673" s="613"/>
      <c r="KAF673" s="613"/>
      <c r="KAG673" s="613"/>
      <c r="KAH673" s="613"/>
      <c r="KAI673" s="613"/>
      <c r="KAJ673" s="613"/>
      <c r="KAK673" s="613"/>
      <c r="KAL673" s="613"/>
      <c r="KAM673" s="613"/>
      <c r="KAN673" s="613"/>
      <c r="KAO673" s="613"/>
      <c r="KAP673" s="613"/>
      <c r="KAQ673" s="613"/>
      <c r="KAR673" s="613"/>
      <c r="KAS673" s="613"/>
      <c r="KAT673" s="613"/>
      <c r="KAU673" s="613"/>
      <c r="KAV673" s="613"/>
      <c r="KAW673" s="613"/>
      <c r="KAX673" s="613"/>
      <c r="KAY673" s="613"/>
      <c r="KAZ673" s="613"/>
      <c r="KBA673" s="613"/>
      <c r="KBB673" s="613"/>
      <c r="KBC673" s="613"/>
      <c r="KBD673" s="613"/>
      <c r="KBE673" s="613"/>
      <c r="KBF673" s="613"/>
      <c r="KBG673" s="613"/>
      <c r="KBH673" s="613"/>
      <c r="KBI673" s="613"/>
      <c r="KBJ673" s="613"/>
      <c r="KBK673" s="613"/>
      <c r="KBL673" s="613"/>
      <c r="KBM673" s="613"/>
      <c r="KBN673" s="613"/>
      <c r="KBO673" s="613"/>
      <c r="KBP673" s="613"/>
      <c r="KBQ673" s="613"/>
      <c r="KBR673" s="613"/>
      <c r="KBS673" s="613"/>
      <c r="KBT673" s="613"/>
      <c r="KBU673" s="613"/>
      <c r="KBV673" s="613"/>
      <c r="KBW673" s="613"/>
      <c r="KBX673" s="613"/>
      <c r="KBY673" s="613"/>
      <c r="KBZ673" s="613"/>
      <c r="KCA673" s="613"/>
      <c r="KCB673" s="613"/>
      <c r="KCC673" s="613"/>
      <c r="KCD673" s="613"/>
      <c r="KCE673" s="613"/>
      <c r="KCF673" s="613"/>
      <c r="KCG673" s="613"/>
      <c r="KCH673" s="613"/>
      <c r="KCI673" s="613"/>
      <c r="KCJ673" s="613"/>
      <c r="KCK673" s="613"/>
      <c r="KCL673" s="613"/>
      <c r="KCM673" s="613"/>
      <c r="KCN673" s="613"/>
      <c r="KCO673" s="613"/>
      <c r="KCP673" s="613"/>
      <c r="KCQ673" s="613"/>
      <c r="KCR673" s="613"/>
      <c r="KCS673" s="613"/>
      <c r="KCT673" s="613"/>
      <c r="KCU673" s="613"/>
      <c r="KCV673" s="613"/>
      <c r="KCW673" s="613"/>
      <c r="KCX673" s="613"/>
      <c r="KCY673" s="613"/>
      <c r="KCZ673" s="613"/>
      <c r="KDA673" s="613"/>
      <c r="KDB673" s="613"/>
      <c r="KDC673" s="613"/>
      <c r="KDD673" s="613"/>
      <c r="KDE673" s="613"/>
      <c r="KDF673" s="613"/>
      <c r="KDG673" s="613"/>
      <c r="KDH673" s="613"/>
      <c r="KDI673" s="613"/>
      <c r="KDJ673" s="613"/>
      <c r="KDK673" s="613"/>
      <c r="KDL673" s="613"/>
      <c r="KDM673" s="613"/>
      <c r="KDN673" s="613"/>
      <c r="KDO673" s="613"/>
      <c r="KDP673" s="613"/>
      <c r="KDQ673" s="613"/>
      <c r="KDR673" s="613"/>
      <c r="KDS673" s="613"/>
      <c r="KDT673" s="613"/>
      <c r="KDU673" s="613"/>
      <c r="KDV673" s="613"/>
      <c r="KDW673" s="613"/>
      <c r="KDX673" s="613"/>
      <c r="KDY673" s="613"/>
      <c r="KDZ673" s="613"/>
      <c r="KEA673" s="613"/>
      <c r="KEB673" s="613"/>
      <c r="KEC673" s="613"/>
      <c r="KED673" s="613"/>
      <c r="KEE673" s="613"/>
      <c r="KEF673" s="613"/>
      <c r="KEG673" s="613"/>
      <c r="KEH673" s="613"/>
      <c r="KEI673" s="613"/>
      <c r="KEJ673" s="613"/>
      <c r="KEK673" s="613"/>
      <c r="KEL673" s="613"/>
      <c r="KEM673" s="613"/>
      <c r="KEN673" s="613"/>
      <c r="KEO673" s="613"/>
      <c r="KEP673" s="613"/>
      <c r="KEQ673" s="613"/>
      <c r="KER673" s="613"/>
      <c r="KES673" s="613"/>
      <c r="KET673" s="613"/>
      <c r="KEU673" s="613"/>
      <c r="KEV673" s="613"/>
      <c r="KEW673" s="613"/>
      <c r="KEX673" s="613"/>
      <c r="KEY673" s="613"/>
      <c r="KEZ673" s="613"/>
      <c r="KFA673" s="613"/>
      <c r="KFB673" s="613"/>
      <c r="KFC673" s="613"/>
      <c r="KFD673" s="613"/>
      <c r="KFE673" s="613"/>
      <c r="KFF673" s="613"/>
      <c r="KFG673" s="613"/>
      <c r="KFH673" s="613"/>
      <c r="KFI673" s="613"/>
      <c r="KFJ673" s="613"/>
      <c r="KFK673" s="613"/>
      <c r="KFL673" s="613"/>
      <c r="KFM673" s="613"/>
      <c r="KFN673" s="613"/>
      <c r="KFO673" s="613"/>
      <c r="KFP673" s="613"/>
      <c r="KFQ673" s="613"/>
      <c r="KFR673" s="613"/>
      <c r="KFS673" s="613"/>
      <c r="KFT673" s="613"/>
      <c r="KFU673" s="613"/>
      <c r="KFV673" s="613"/>
      <c r="KFW673" s="613"/>
      <c r="KFX673" s="613"/>
      <c r="KFY673" s="613"/>
      <c r="KFZ673" s="613"/>
      <c r="KGA673" s="613"/>
      <c r="KGB673" s="613"/>
      <c r="KGC673" s="613"/>
      <c r="KGD673" s="613"/>
      <c r="KGE673" s="613"/>
      <c r="KGF673" s="613"/>
      <c r="KGG673" s="613"/>
      <c r="KGH673" s="613"/>
      <c r="KGI673" s="613"/>
      <c r="KGJ673" s="613"/>
      <c r="KGK673" s="613"/>
      <c r="KGL673" s="613"/>
      <c r="KGM673" s="613"/>
      <c r="KGN673" s="613"/>
      <c r="KGO673" s="613"/>
      <c r="KGP673" s="613"/>
      <c r="KGQ673" s="613"/>
      <c r="KGR673" s="613"/>
      <c r="KGS673" s="613"/>
      <c r="KGT673" s="613"/>
      <c r="KGU673" s="613"/>
      <c r="KGV673" s="613"/>
      <c r="KGW673" s="613"/>
      <c r="KGX673" s="613"/>
      <c r="KGY673" s="613"/>
      <c r="KGZ673" s="613"/>
      <c r="KHA673" s="613"/>
      <c r="KHB673" s="613"/>
      <c r="KHC673" s="613"/>
      <c r="KHD673" s="613"/>
      <c r="KHE673" s="613"/>
      <c r="KHF673" s="613"/>
      <c r="KHG673" s="613"/>
      <c r="KHH673" s="613"/>
      <c r="KHI673" s="613"/>
      <c r="KHJ673" s="613"/>
      <c r="KHK673" s="613"/>
      <c r="KHL673" s="613"/>
      <c r="KHM673" s="613"/>
      <c r="KHN673" s="613"/>
      <c r="KHO673" s="613"/>
      <c r="KHP673" s="613"/>
      <c r="KHQ673" s="613"/>
      <c r="KHR673" s="613"/>
      <c r="KHS673" s="613"/>
      <c r="KHT673" s="613"/>
      <c r="KHU673" s="613"/>
      <c r="KHV673" s="613"/>
      <c r="KHW673" s="613"/>
      <c r="KHX673" s="613"/>
      <c r="KHY673" s="613"/>
      <c r="KHZ673" s="613"/>
      <c r="KIA673" s="613"/>
      <c r="KIB673" s="613"/>
      <c r="KIC673" s="613"/>
      <c r="KID673" s="613"/>
      <c r="KIE673" s="613"/>
      <c r="KIF673" s="613"/>
      <c r="KIG673" s="613"/>
      <c r="KIH673" s="613"/>
      <c r="KII673" s="613"/>
      <c r="KIJ673" s="613"/>
      <c r="KIK673" s="613"/>
      <c r="KIL673" s="613"/>
      <c r="KIM673" s="613"/>
      <c r="KIN673" s="613"/>
      <c r="KIO673" s="613"/>
      <c r="KIP673" s="613"/>
      <c r="KIQ673" s="613"/>
      <c r="KIR673" s="613"/>
      <c r="KIS673" s="613"/>
      <c r="KIT673" s="613"/>
      <c r="KIU673" s="613"/>
      <c r="KIV673" s="613"/>
      <c r="KIW673" s="613"/>
      <c r="KIX673" s="613"/>
      <c r="KIY673" s="613"/>
      <c r="KIZ673" s="613"/>
      <c r="KJA673" s="613"/>
      <c r="KJB673" s="613"/>
      <c r="KJC673" s="613"/>
      <c r="KJD673" s="613"/>
      <c r="KJE673" s="613"/>
      <c r="KJF673" s="613"/>
      <c r="KJG673" s="613"/>
      <c r="KJH673" s="613"/>
      <c r="KJI673" s="613"/>
      <c r="KJJ673" s="613"/>
      <c r="KJK673" s="613"/>
      <c r="KJL673" s="613"/>
      <c r="KJM673" s="613"/>
      <c r="KJN673" s="613"/>
      <c r="KJO673" s="613"/>
      <c r="KJP673" s="613"/>
      <c r="KJQ673" s="613"/>
      <c r="KJR673" s="613"/>
      <c r="KJS673" s="613"/>
      <c r="KJT673" s="613"/>
      <c r="KJU673" s="613"/>
      <c r="KJV673" s="613"/>
      <c r="KJW673" s="613"/>
      <c r="KJX673" s="613"/>
      <c r="KJY673" s="613"/>
      <c r="KJZ673" s="613"/>
      <c r="KKA673" s="613"/>
      <c r="KKB673" s="613"/>
      <c r="KKC673" s="613"/>
      <c r="KKD673" s="613"/>
      <c r="KKE673" s="613"/>
      <c r="KKF673" s="613"/>
      <c r="KKG673" s="613"/>
      <c r="KKH673" s="613"/>
      <c r="KKI673" s="613"/>
      <c r="KKJ673" s="613"/>
      <c r="KKK673" s="613"/>
      <c r="KKL673" s="613"/>
      <c r="KKM673" s="613"/>
      <c r="KKN673" s="613"/>
      <c r="KKO673" s="613"/>
      <c r="KKP673" s="613"/>
      <c r="KKQ673" s="613"/>
      <c r="KKR673" s="613"/>
      <c r="KKS673" s="613"/>
      <c r="KKT673" s="613"/>
      <c r="KKU673" s="613"/>
      <c r="KKV673" s="613"/>
      <c r="KKW673" s="613"/>
      <c r="KKX673" s="613"/>
      <c r="KKY673" s="613"/>
      <c r="KKZ673" s="613"/>
      <c r="KLA673" s="613"/>
      <c r="KLB673" s="613"/>
      <c r="KLC673" s="613"/>
      <c r="KLD673" s="613"/>
      <c r="KLE673" s="613"/>
      <c r="KLF673" s="613"/>
      <c r="KLG673" s="613"/>
      <c r="KLH673" s="613"/>
      <c r="KLI673" s="613"/>
      <c r="KLJ673" s="613"/>
      <c r="KLK673" s="613"/>
      <c r="KLL673" s="613"/>
      <c r="KLM673" s="613"/>
      <c r="KLN673" s="613"/>
      <c r="KLO673" s="613"/>
      <c r="KLP673" s="613"/>
      <c r="KLQ673" s="613"/>
      <c r="KLR673" s="613"/>
      <c r="KLS673" s="613"/>
      <c r="KLT673" s="613"/>
      <c r="KLU673" s="613"/>
      <c r="KLV673" s="613"/>
      <c r="KLW673" s="613"/>
      <c r="KLX673" s="613"/>
      <c r="KLY673" s="613"/>
      <c r="KLZ673" s="613"/>
      <c r="KMA673" s="613"/>
      <c r="KMB673" s="613"/>
      <c r="KMC673" s="613"/>
      <c r="KMD673" s="613"/>
      <c r="KME673" s="613"/>
      <c r="KMF673" s="613"/>
      <c r="KMG673" s="613"/>
      <c r="KMH673" s="613"/>
      <c r="KMI673" s="613"/>
      <c r="KMJ673" s="613"/>
      <c r="KMK673" s="613"/>
      <c r="KML673" s="613"/>
      <c r="KMM673" s="613"/>
      <c r="KMN673" s="613"/>
      <c r="KMO673" s="613"/>
      <c r="KMP673" s="613"/>
      <c r="KMQ673" s="613"/>
      <c r="KMR673" s="613"/>
      <c r="KMS673" s="613"/>
      <c r="KMT673" s="613"/>
      <c r="KMU673" s="613"/>
      <c r="KMV673" s="613"/>
      <c r="KMW673" s="613"/>
      <c r="KMX673" s="613"/>
      <c r="KMY673" s="613"/>
      <c r="KMZ673" s="613"/>
      <c r="KNA673" s="613"/>
      <c r="KNB673" s="613"/>
      <c r="KNC673" s="613"/>
      <c r="KND673" s="613"/>
      <c r="KNE673" s="613"/>
      <c r="KNF673" s="613"/>
      <c r="KNG673" s="613"/>
      <c r="KNH673" s="613"/>
      <c r="KNI673" s="613"/>
      <c r="KNJ673" s="613"/>
      <c r="KNK673" s="613"/>
      <c r="KNL673" s="613"/>
      <c r="KNM673" s="613"/>
      <c r="KNN673" s="613"/>
      <c r="KNO673" s="613"/>
      <c r="KNP673" s="613"/>
      <c r="KNQ673" s="613"/>
      <c r="KNR673" s="613"/>
      <c r="KNS673" s="613"/>
      <c r="KNT673" s="613"/>
      <c r="KNU673" s="613"/>
      <c r="KNV673" s="613"/>
      <c r="KNW673" s="613"/>
      <c r="KNX673" s="613"/>
      <c r="KNY673" s="613"/>
      <c r="KNZ673" s="613"/>
      <c r="KOA673" s="613"/>
      <c r="KOB673" s="613"/>
      <c r="KOC673" s="613"/>
      <c r="KOD673" s="613"/>
      <c r="KOE673" s="613"/>
      <c r="KOF673" s="613"/>
      <c r="KOG673" s="613"/>
      <c r="KOH673" s="613"/>
      <c r="KOI673" s="613"/>
      <c r="KOJ673" s="613"/>
      <c r="KOK673" s="613"/>
      <c r="KOL673" s="613"/>
      <c r="KOM673" s="613"/>
      <c r="KON673" s="613"/>
      <c r="KOO673" s="613"/>
      <c r="KOP673" s="613"/>
      <c r="KOQ673" s="613"/>
      <c r="KOR673" s="613"/>
      <c r="KOS673" s="613"/>
      <c r="KOT673" s="613"/>
      <c r="KOU673" s="613"/>
      <c r="KOV673" s="613"/>
      <c r="KOW673" s="613"/>
      <c r="KOX673" s="613"/>
      <c r="KOY673" s="613"/>
      <c r="KOZ673" s="613"/>
      <c r="KPA673" s="613"/>
      <c r="KPB673" s="613"/>
      <c r="KPC673" s="613"/>
      <c r="KPD673" s="613"/>
      <c r="KPE673" s="613"/>
      <c r="KPF673" s="613"/>
      <c r="KPG673" s="613"/>
      <c r="KPH673" s="613"/>
      <c r="KPI673" s="613"/>
      <c r="KPJ673" s="613"/>
      <c r="KPK673" s="613"/>
      <c r="KPL673" s="613"/>
      <c r="KPM673" s="613"/>
      <c r="KPN673" s="613"/>
      <c r="KPO673" s="613"/>
      <c r="KPP673" s="613"/>
      <c r="KPQ673" s="613"/>
      <c r="KPR673" s="613"/>
      <c r="KPS673" s="613"/>
      <c r="KPT673" s="613"/>
      <c r="KPU673" s="613"/>
      <c r="KPV673" s="613"/>
      <c r="KPW673" s="613"/>
      <c r="KPX673" s="613"/>
      <c r="KPY673" s="613"/>
      <c r="KPZ673" s="613"/>
      <c r="KQA673" s="613"/>
      <c r="KQB673" s="613"/>
      <c r="KQC673" s="613"/>
      <c r="KQD673" s="613"/>
      <c r="KQE673" s="613"/>
      <c r="KQF673" s="613"/>
      <c r="KQG673" s="613"/>
      <c r="KQH673" s="613"/>
      <c r="KQI673" s="613"/>
      <c r="KQJ673" s="613"/>
      <c r="KQK673" s="613"/>
      <c r="KQL673" s="613"/>
      <c r="KQM673" s="613"/>
      <c r="KQN673" s="613"/>
      <c r="KQO673" s="613"/>
      <c r="KQP673" s="613"/>
      <c r="KQQ673" s="613"/>
      <c r="KQR673" s="613"/>
      <c r="KQS673" s="613"/>
      <c r="KQT673" s="613"/>
      <c r="KQU673" s="613"/>
      <c r="KQV673" s="613"/>
      <c r="KQW673" s="613"/>
      <c r="KQX673" s="613"/>
      <c r="KQY673" s="613"/>
      <c r="KQZ673" s="613"/>
      <c r="KRA673" s="613"/>
      <c r="KRB673" s="613"/>
      <c r="KRC673" s="613"/>
      <c r="KRD673" s="613"/>
      <c r="KRE673" s="613"/>
      <c r="KRF673" s="613"/>
      <c r="KRG673" s="613"/>
      <c r="KRH673" s="613"/>
      <c r="KRI673" s="613"/>
      <c r="KRJ673" s="613"/>
      <c r="KRK673" s="613"/>
      <c r="KRL673" s="613"/>
      <c r="KRM673" s="613"/>
      <c r="KRN673" s="613"/>
      <c r="KRO673" s="613"/>
      <c r="KRP673" s="613"/>
      <c r="KRQ673" s="613"/>
      <c r="KRR673" s="613"/>
      <c r="KRS673" s="613"/>
      <c r="KRT673" s="613"/>
      <c r="KRU673" s="613"/>
      <c r="KRV673" s="613"/>
      <c r="KRW673" s="613"/>
      <c r="KRX673" s="613"/>
      <c r="KRY673" s="613"/>
      <c r="KRZ673" s="613"/>
      <c r="KSA673" s="613"/>
      <c r="KSB673" s="613"/>
      <c r="KSC673" s="613"/>
      <c r="KSD673" s="613"/>
      <c r="KSE673" s="613"/>
      <c r="KSF673" s="613"/>
      <c r="KSG673" s="613"/>
      <c r="KSH673" s="613"/>
      <c r="KSI673" s="613"/>
      <c r="KSJ673" s="613"/>
      <c r="KSK673" s="613"/>
      <c r="KSL673" s="613"/>
      <c r="KSM673" s="613"/>
      <c r="KSN673" s="613"/>
      <c r="KSO673" s="613"/>
      <c r="KSP673" s="613"/>
      <c r="KSQ673" s="613"/>
      <c r="KSR673" s="613"/>
      <c r="KSS673" s="613"/>
      <c r="KST673" s="613"/>
      <c r="KSU673" s="613"/>
      <c r="KSV673" s="613"/>
      <c r="KSW673" s="613"/>
      <c r="KSX673" s="613"/>
      <c r="KSY673" s="613"/>
      <c r="KSZ673" s="613"/>
      <c r="KTA673" s="613"/>
      <c r="KTB673" s="613"/>
      <c r="KTC673" s="613"/>
      <c r="KTD673" s="613"/>
      <c r="KTE673" s="613"/>
      <c r="KTF673" s="613"/>
      <c r="KTG673" s="613"/>
      <c r="KTH673" s="613"/>
      <c r="KTI673" s="613"/>
      <c r="KTJ673" s="613"/>
      <c r="KTK673" s="613"/>
      <c r="KTL673" s="613"/>
      <c r="KTM673" s="613"/>
      <c r="KTN673" s="613"/>
      <c r="KTO673" s="613"/>
      <c r="KTP673" s="613"/>
      <c r="KTQ673" s="613"/>
      <c r="KTR673" s="613"/>
      <c r="KTS673" s="613"/>
      <c r="KTT673" s="613"/>
      <c r="KTU673" s="613"/>
      <c r="KTV673" s="613"/>
      <c r="KTW673" s="613"/>
      <c r="KTX673" s="613"/>
      <c r="KTY673" s="613"/>
      <c r="KTZ673" s="613"/>
      <c r="KUA673" s="613"/>
      <c r="KUB673" s="613"/>
      <c r="KUC673" s="613"/>
      <c r="KUD673" s="613"/>
      <c r="KUE673" s="613"/>
      <c r="KUF673" s="613"/>
      <c r="KUG673" s="613"/>
      <c r="KUH673" s="613"/>
      <c r="KUI673" s="613"/>
      <c r="KUJ673" s="613"/>
      <c r="KUK673" s="613"/>
      <c r="KUL673" s="613"/>
      <c r="KUM673" s="613"/>
      <c r="KUN673" s="613"/>
      <c r="KUO673" s="613"/>
      <c r="KUP673" s="613"/>
      <c r="KUQ673" s="613"/>
      <c r="KUR673" s="613"/>
      <c r="KUS673" s="613"/>
      <c r="KUT673" s="613"/>
      <c r="KUU673" s="613"/>
      <c r="KUV673" s="613"/>
      <c r="KUW673" s="613"/>
      <c r="KUX673" s="613"/>
      <c r="KUY673" s="613"/>
      <c r="KUZ673" s="613"/>
      <c r="KVA673" s="613"/>
      <c r="KVB673" s="613"/>
      <c r="KVC673" s="613"/>
      <c r="KVD673" s="613"/>
      <c r="KVE673" s="613"/>
      <c r="KVF673" s="613"/>
      <c r="KVG673" s="613"/>
      <c r="KVH673" s="613"/>
      <c r="KVI673" s="613"/>
      <c r="KVJ673" s="613"/>
      <c r="KVK673" s="613"/>
      <c r="KVL673" s="613"/>
      <c r="KVM673" s="613"/>
      <c r="KVN673" s="613"/>
      <c r="KVO673" s="613"/>
      <c r="KVP673" s="613"/>
      <c r="KVQ673" s="613"/>
      <c r="KVR673" s="613"/>
      <c r="KVS673" s="613"/>
      <c r="KVT673" s="613"/>
      <c r="KVU673" s="613"/>
      <c r="KVV673" s="613"/>
      <c r="KVW673" s="613"/>
      <c r="KVX673" s="613"/>
      <c r="KVY673" s="613"/>
      <c r="KVZ673" s="613"/>
      <c r="KWA673" s="613"/>
      <c r="KWB673" s="613"/>
      <c r="KWC673" s="613"/>
      <c r="KWD673" s="613"/>
      <c r="KWE673" s="613"/>
      <c r="KWF673" s="613"/>
      <c r="KWG673" s="613"/>
      <c r="KWH673" s="613"/>
      <c r="KWI673" s="613"/>
      <c r="KWJ673" s="613"/>
      <c r="KWK673" s="613"/>
      <c r="KWL673" s="613"/>
      <c r="KWM673" s="613"/>
      <c r="KWN673" s="613"/>
      <c r="KWO673" s="613"/>
      <c r="KWP673" s="613"/>
      <c r="KWQ673" s="613"/>
      <c r="KWR673" s="613"/>
      <c r="KWS673" s="613"/>
      <c r="KWT673" s="613"/>
      <c r="KWU673" s="613"/>
      <c r="KWV673" s="613"/>
      <c r="KWW673" s="613"/>
      <c r="KWX673" s="613"/>
      <c r="KWY673" s="613"/>
      <c r="KWZ673" s="613"/>
      <c r="KXA673" s="613"/>
      <c r="KXB673" s="613"/>
      <c r="KXC673" s="613"/>
      <c r="KXD673" s="613"/>
      <c r="KXE673" s="613"/>
      <c r="KXF673" s="613"/>
      <c r="KXG673" s="613"/>
      <c r="KXH673" s="613"/>
      <c r="KXI673" s="613"/>
      <c r="KXJ673" s="613"/>
      <c r="KXK673" s="613"/>
      <c r="KXL673" s="613"/>
      <c r="KXM673" s="613"/>
      <c r="KXN673" s="613"/>
      <c r="KXO673" s="613"/>
      <c r="KXP673" s="613"/>
      <c r="KXQ673" s="613"/>
      <c r="KXR673" s="613"/>
      <c r="KXS673" s="613"/>
      <c r="KXT673" s="613"/>
      <c r="KXU673" s="613"/>
      <c r="KXV673" s="613"/>
      <c r="KXW673" s="613"/>
      <c r="KXX673" s="613"/>
      <c r="KXY673" s="613"/>
      <c r="KXZ673" s="613"/>
      <c r="KYA673" s="613"/>
      <c r="KYB673" s="613"/>
      <c r="KYC673" s="613"/>
      <c r="KYD673" s="613"/>
      <c r="KYE673" s="613"/>
      <c r="KYF673" s="613"/>
      <c r="KYG673" s="613"/>
      <c r="KYH673" s="613"/>
      <c r="KYI673" s="613"/>
      <c r="KYJ673" s="613"/>
      <c r="KYK673" s="613"/>
      <c r="KYL673" s="613"/>
      <c r="KYM673" s="613"/>
      <c r="KYN673" s="613"/>
      <c r="KYO673" s="613"/>
      <c r="KYP673" s="613"/>
      <c r="KYQ673" s="613"/>
      <c r="KYR673" s="613"/>
      <c r="KYS673" s="613"/>
      <c r="KYT673" s="613"/>
      <c r="KYU673" s="613"/>
      <c r="KYV673" s="613"/>
      <c r="KYW673" s="613"/>
      <c r="KYX673" s="613"/>
      <c r="KYY673" s="613"/>
      <c r="KYZ673" s="613"/>
      <c r="KZA673" s="613"/>
      <c r="KZB673" s="613"/>
      <c r="KZC673" s="613"/>
      <c r="KZD673" s="613"/>
      <c r="KZE673" s="613"/>
      <c r="KZF673" s="613"/>
      <c r="KZG673" s="613"/>
      <c r="KZH673" s="613"/>
      <c r="KZI673" s="613"/>
      <c r="KZJ673" s="613"/>
      <c r="KZK673" s="613"/>
      <c r="KZL673" s="613"/>
      <c r="KZM673" s="613"/>
      <c r="KZN673" s="613"/>
      <c r="KZO673" s="613"/>
      <c r="KZP673" s="613"/>
      <c r="KZQ673" s="613"/>
      <c r="KZR673" s="613"/>
      <c r="KZS673" s="613"/>
      <c r="KZT673" s="613"/>
      <c r="KZU673" s="613"/>
      <c r="KZV673" s="613"/>
      <c r="KZW673" s="613"/>
      <c r="KZX673" s="613"/>
      <c r="KZY673" s="613"/>
      <c r="KZZ673" s="613"/>
      <c r="LAA673" s="613"/>
      <c r="LAB673" s="613"/>
      <c r="LAC673" s="613"/>
      <c r="LAD673" s="613"/>
      <c r="LAE673" s="613"/>
      <c r="LAF673" s="613"/>
      <c r="LAG673" s="613"/>
      <c r="LAH673" s="613"/>
      <c r="LAI673" s="613"/>
      <c r="LAJ673" s="613"/>
      <c r="LAK673" s="613"/>
      <c r="LAL673" s="613"/>
      <c r="LAM673" s="613"/>
      <c r="LAN673" s="613"/>
      <c r="LAO673" s="613"/>
      <c r="LAP673" s="613"/>
      <c r="LAQ673" s="613"/>
      <c r="LAR673" s="613"/>
      <c r="LAS673" s="613"/>
      <c r="LAT673" s="613"/>
      <c r="LAU673" s="613"/>
      <c r="LAV673" s="613"/>
      <c r="LAW673" s="613"/>
      <c r="LAX673" s="613"/>
      <c r="LAY673" s="613"/>
      <c r="LAZ673" s="613"/>
      <c r="LBA673" s="613"/>
      <c r="LBB673" s="613"/>
      <c r="LBC673" s="613"/>
      <c r="LBD673" s="613"/>
      <c r="LBE673" s="613"/>
      <c r="LBF673" s="613"/>
      <c r="LBG673" s="613"/>
      <c r="LBH673" s="613"/>
      <c r="LBI673" s="613"/>
      <c r="LBJ673" s="613"/>
      <c r="LBK673" s="613"/>
      <c r="LBL673" s="613"/>
      <c r="LBM673" s="613"/>
      <c r="LBN673" s="613"/>
      <c r="LBO673" s="613"/>
      <c r="LBP673" s="613"/>
      <c r="LBQ673" s="613"/>
      <c r="LBR673" s="613"/>
      <c r="LBS673" s="613"/>
      <c r="LBT673" s="613"/>
      <c r="LBU673" s="613"/>
      <c r="LBV673" s="613"/>
      <c r="LBW673" s="613"/>
      <c r="LBX673" s="613"/>
      <c r="LBY673" s="613"/>
      <c r="LBZ673" s="613"/>
      <c r="LCA673" s="613"/>
      <c r="LCB673" s="613"/>
      <c r="LCC673" s="613"/>
      <c r="LCD673" s="613"/>
      <c r="LCE673" s="613"/>
      <c r="LCF673" s="613"/>
      <c r="LCG673" s="613"/>
      <c r="LCH673" s="613"/>
      <c r="LCI673" s="613"/>
      <c r="LCJ673" s="613"/>
      <c r="LCK673" s="613"/>
      <c r="LCL673" s="613"/>
      <c r="LCM673" s="613"/>
      <c r="LCN673" s="613"/>
      <c r="LCO673" s="613"/>
      <c r="LCP673" s="613"/>
      <c r="LCQ673" s="613"/>
      <c r="LCR673" s="613"/>
      <c r="LCS673" s="613"/>
      <c r="LCT673" s="613"/>
      <c r="LCU673" s="613"/>
      <c r="LCV673" s="613"/>
      <c r="LCW673" s="613"/>
      <c r="LCX673" s="613"/>
      <c r="LCY673" s="613"/>
      <c r="LCZ673" s="613"/>
      <c r="LDA673" s="613"/>
      <c r="LDB673" s="613"/>
      <c r="LDC673" s="613"/>
      <c r="LDD673" s="613"/>
      <c r="LDE673" s="613"/>
      <c r="LDF673" s="613"/>
      <c r="LDG673" s="613"/>
      <c r="LDH673" s="613"/>
      <c r="LDI673" s="613"/>
      <c r="LDJ673" s="613"/>
      <c r="LDK673" s="613"/>
      <c r="LDL673" s="613"/>
      <c r="LDM673" s="613"/>
      <c r="LDN673" s="613"/>
      <c r="LDO673" s="613"/>
      <c r="LDP673" s="613"/>
      <c r="LDQ673" s="613"/>
      <c r="LDR673" s="613"/>
      <c r="LDS673" s="613"/>
      <c r="LDT673" s="613"/>
      <c r="LDU673" s="613"/>
      <c r="LDV673" s="613"/>
      <c r="LDW673" s="613"/>
      <c r="LDX673" s="613"/>
      <c r="LDY673" s="613"/>
      <c r="LDZ673" s="613"/>
      <c r="LEA673" s="613"/>
      <c r="LEB673" s="613"/>
      <c r="LEC673" s="613"/>
      <c r="LED673" s="613"/>
      <c r="LEE673" s="613"/>
      <c r="LEF673" s="613"/>
      <c r="LEG673" s="613"/>
      <c r="LEH673" s="613"/>
      <c r="LEI673" s="613"/>
      <c r="LEJ673" s="613"/>
      <c r="LEK673" s="613"/>
      <c r="LEL673" s="613"/>
      <c r="LEM673" s="613"/>
      <c r="LEN673" s="613"/>
      <c r="LEO673" s="613"/>
      <c r="LEP673" s="613"/>
      <c r="LEQ673" s="613"/>
      <c r="LER673" s="613"/>
      <c r="LES673" s="613"/>
      <c r="LET673" s="613"/>
      <c r="LEU673" s="613"/>
      <c r="LEV673" s="613"/>
      <c r="LEW673" s="613"/>
      <c r="LEX673" s="613"/>
      <c r="LEY673" s="613"/>
      <c r="LEZ673" s="613"/>
      <c r="LFA673" s="613"/>
      <c r="LFB673" s="613"/>
      <c r="LFC673" s="613"/>
      <c r="LFD673" s="613"/>
      <c r="LFE673" s="613"/>
      <c r="LFF673" s="613"/>
      <c r="LFG673" s="613"/>
      <c r="LFH673" s="613"/>
      <c r="LFI673" s="613"/>
      <c r="LFJ673" s="613"/>
      <c r="LFK673" s="613"/>
      <c r="LFL673" s="613"/>
      <c r="LFM673" s="613"/>
      <c r="LFN673" s="613"/>
      <c r="LFO673" s="613"/>
      <c r="LFP673" s="613"/>
      <c r="LFQ673" s="613"/>
      <c r="LFR673" s="613"/>
      <c r="LFS673" s="613"/>
      <c r="LFT673" s="613"/>
      <c r="LFU673" s="613"/>
      <c r="LFV673" s="613"/>
      <c r="LFW673" s="613"/>
      <c r="LFX673" s="613"/>
      <c r="LFY673" s="613"/>
      <c r="LFZ673" s="613"/>
      <c r="LGA673" s="613"/>
      <c r="LGB673" s="613"/>
      <c r="LGC673" s="613"/>
      <c r="LGD673" s="613"/>
      <c r="LGE673" s="613"/>
      <c r="LGF673" s="613"/>
      <c r="LGG673" s="613"/>
      <c r="LGH673" s="613"/>
      <c r="LGI673" s="613"/>
      <c r="LGJ673" s="613"/>
      <c r="LGK673" s="613"/>
      <c r="LGL673" s="613"/>
      <c r="LGM673" s="613"/>
      <c r="LGN673" s="613"/>
      <c r="LGO673" s="613"/>
      <c r="LGP673" s="613"/>
      <c r="LGQ673" s="613"/>
      <c r="LGR673" s="613"/>
      <c r="LGS673" s="613"/>
      <c r="LGT673" s="613"/>
      <c r="LGU673" s="613"/>
      <c r="LGV673" s="613"/>
      <c r="LGW673" s="613"/>
      <c r="LGX673" s="613"/>
      <c r="LGY673" s="613"/>
      <c r="LGZ673" s="613"/>
      <c r="LHA673" s="613"/>
      <c r="LHB673" s="613"/>
      <c r="LHC673" s="613"/>
      <c r="LHD673" s="613"/>
      <c r="LHE673" s="613"/>
      <c r="LHF673" s="613"/>
      <c r="LHG673" s="613"/>
      <c r="LHH673" s="613"/>
      <c r="LHI673" s="613"/>
      <c r="LHJ673" s="613"/>
      <c r="LHK673" s="613"/>
      <c r="LHL673" s="613"/>
      <c r="LHM673" s="613"/>
      <c r="LHN673" s="613"/>
      <c r="LHO673" s="613"/>
      <c r="LHP673" s="613"/>
      <c r="LHQ673" s="613"/>
      <c r="LHR673" s="613"/>
      <c r="LHS673" s="613"/>
      <c r="LHT673" s="613"/>
      <c r="LHU673" s="613"/>
      <c r="LHV673" s="613"/>
      <c r="LHW673" s="613"/>
      <c r="LHX673" s="613"/>
      <c r="LHY673" s="613"/>
      <c r="LHZ673" s="613"/>
      <c r="LIA673" s="613"/>
      <c r="LIB673" s="613"/>
      <c r="LIC673" s="613"/>
      <c r="LID673" s="613"/>
      <c r="LIE673" s="613"/>
      <c r="LIF673" s="613"/>
      <c r="LIG673" s="613"/>
      <c r="LIH673" s="613"/>
      <c r="LII673" s="613"/>
      <c r="LIJ673" s="613"/>
      <c r="LIK673" s="613"/>
      <c r="LIL673" s="613"/>
      <c r="LIM673" s="613"/>
      <c r="LIN673" s="613"/>
      <c r="LIO673" s="613"/>
      <c r="LIP673" s="613"/>
      <c r="LIQ673" s="613"/>
      <c r="LIR673" s="613"/>
      <c r="LIS673" s="613"/>
      <c r="LIT673" s="613"/>
      <c r="LIU673" s="613"/>
      <c r="LIV673" s="613"/>
      <c r="LIW673" s="613"/>
      <c r="LIX673" s="613"/>
      <c r="LIY673" s="613"/>
      <c r="LIZ673" s="613"/>
      <c r="LJA673" s="613"/>
      <c r="LJB673" s="613"/>
      <c r="LJC673" s="613"/>
      <c r="LJD673" s="613"/>
      <c r="LJE673" s="613"/>
      <c r="LJF673" s="613"/>
      <c r="LJG673" s="613"/>
      <c r="LJH673" s="613"/>
      <c r="LJI673" s="613"/>
      <c r="LJJ673" s="613"/>
      <c r="LJK673" s="613"/>
      <c r="LJL673" s="613"/>
      <c r="LJM673" s="613"/>
      <c r="LJN673" s="613"/>
      <c r="LJO673" s="613"/>
      <c r="LJP673" s="613"/>
      <c r="LJQ673" s="613"/>
      <c r="LJR673" s="613"/>
      <c r="LJS673" s="613"/>
      <c r="LJT673" s="613"/>
      <c r="LJU673" s="613"/>
      <c r="LJV673" s="613"/>
      <c r="LJW673" s="613"/>
      <c r="LJX673" s="613"/>
      <c r="LJY673" s="613"/>
      <c r="LJZ673" s="613"/>
      <c r="LKA673" s="613"/>
      <c r="LKB673" s="613"/>
      <c r="LKC673" s="613"/>
      <c r="LKD673" s="613"/>
      <c r="LKE673" s="613"/>
      <c r="LKF673" s="613"/>
      <c r="LKG673" s="613"/>
      <c r="LKH673" s="613"/>
      <c r="LKI673" s="613"/>
      <c r="LKJ673" s="613"/>
      <c r="LKK673" s="613"/>
      <c r="LKL673" s="613"/>
      <c r="LKM673" s="613"/>
      <c r="LKN673" s="613"/>
      <c r="LKO673" s="613"/>
      <c r="LKP673" s="613"/>
      <c r="LKQ673" s="613"/>
      <c r="LKR673" s="613"/>
      <c r="LKS673" s="613"/>
      <c r="LKT673" s="613"/>
      <c r="LKU673" s="613"/>
      <c r="LKV673" s="613"/>
      <c r="LKW673" s="613"/>
      <c r="LKX673" s="613"/>
      <c r="LKY673" s="613"/>
      <c r="LKZ673" s="613"/>
      <c r="LLA673" s="613"/>
      <c r="LLB673" s="613"/>
      <c r="LLC673" s="613"/>
      <c r="LLD673" s="613"/>
      <c r="LLE673" s="613"/>
      <c r="LLF673" s="613"/>
      <c r="LLG673" s="613"/>
      <c r="LLH673" s="613"/>
      <c r="LLI673" s="613"/>
      <c r="LLJ673" s="613"/>
      <c r="LLK673" s="613"/>
      <c r="LLL673" s="613"/>
      <c r="LLM673" s="613"/>
      <c r="LLN673" s="613"/>
      <c r="LLO673" s="613"/>
      <c r="LLP673" s="613"/>
      <c r="LLQ673" s="613"/>
      <c r="LLR673" s="613"/>
      <c r="LLS673" s="613"/>
      <c r="LLT673" s="613"/>
      <c r="LLU673" s="613"/>
      <c r="LLV673" s="613"/>
      <c r="LLW673" s="613"/>
      <c r="LLX673" s="613"/>
      <c r="LLY673" s="613"/>
      <c r="LLZ673" s="613"/>
      <c r="LMA673" s="613"/>
      <c r="LMB673" s="613"/>
      <c r="LMC673" s="613"/>
      <c r="LMD673" s="613"/>
      <c r="LME673" s="613"/>
      <c r="LMF673" s="613"/>
      <c r="LMG673" s="613"/>
      <c r="LMH673" s="613"/>
      <c r="LMI673" s="613"/>
      <c r="LMJ673" s="613"/>
      <c r="LMK673" s="613"/>
      <c r="LML673" s="613"/>
      <c r="LMM673" s="613"/>
      <c r="LMN673" s="613"/>
      <c r="LMO673" s="613"/>
      <c r="LMP673" s="613"/>
      <c r="LMQ673" s="613"/>
      <c r="LMR673" s="613"/>
      <c r="LMS673" s="613"/>
      <c r="LMT673" s="613"/>
      <c r="LMU673" s="613"/>
      <c r="LMV673" s="613"/>
      <c r="LMW673" s="613"/>
      <c r="LMX673" s="613"/>
      <c r="LMY673" s="613"/>
      <c r="LMZ673" s="613"/>
      <c r="LNA673" s="613"/>
      <c r="LNB673" s="613"/>
      <c r="LNC673" s="613"/>
      <c r="LND673" s="613"/>
      <c r="LNE673" s="613"/>
      <c r="LNF673" s="613"/>
      <c r="LNG673" s="613"/>
      <c r="LNH673" s="613"/>
      <c r="LNI673" s="613"/>
      <c r="LNJ673" s="613"/>
      <c r="LNK673" s="613"/>
      <c r="LNL673" s="613"/>
      <c r="LNM673" s="613"/>
      <c r="LNN673" s="613"/>
      <c r="LNO673" s="613"/>
      <c r="LNP673" s="613"/>
      <c r="LNQ673" s="613"/>
      <c r="LNR673" s="613"/>
      <c r="LNS673" s="613"/>
      <c r="LNT673" s="613"/>
      <c r="LNU673" s="613"/>
      <c r="LNV673" s="613"/>
      <c r="LNW673" s="613"/>
      <c r="LNX673" s="613"/>
      <c r="LNY673" s="613"/>
      <c r="LNZ673" s="613"/>
      <c r="LOA673" s="613"/>
      <c r="LOB673" s="613"/>
      <c r="LOC673" s="613"/>
      <c r="LOD673" s="613"/>
      <c r="LOE673" s="613"/>
      <c r="LOF673" s="613"/>
      <c r="LOG673" s="613"/>
      <c r="LOH673" s="613"/>
      <c r="LOI673" s="613"/>
      <c r="LOJ673" s="613"/>
      <c r="LOK673" s="613"/>
      <c r="LOL673" s="613"/>
      <c r="LOM673" s="613"/>
      <c r="LON673" s="613"/>
      <c r="LOO673" s="613"/>
      <c r="LOP673" s="613"/>
      <c r="LOQ673" s="613"/>
      <c r="LOR673" s="613"/>
      <c r="LOS673" s="613"/>
      <c r="LOT673" s="613"/>
      <c r="LOU673" s="613"/>
      <c r="LOV673" s="613"/>
      <c r="LOW673" s="613"/>
      <c r="LOX673" s="613"/>
      <c r="LOY673" s="613"/>
      <c r="LOZ673" s="613"/>
      <c r="LPA673" s="613"/>
      <c r="LPB673" s="613"/>
      <c r="LPC673" s="613"/>
      <c r="LPD673" s="613"/>
      <c r="LPE673" s="613"/>
      <c r="LPF673" s="613"/>
      <c r="LPG673" s="613"/>
      <c r="LPH673" s="613"/>
      <c r="LPI673" s="613"/>
      <c r="LPJ673" s="613"/>
      <c r="LPK673" s="613"/>
      <c r="LPL673" s="613"/>
      <c r="LPM673" s="613"/>
      <c r="LPN673" s="613"/>
      <c r="LPO673" s="613"/>
      <c r="LPP673" s="613"/>
      <c r="LPQ673" s="613"/>
      <c r="LPR673" s="613"/>
      <c r="LPS673" s="613"/>
      <c r="LPT673" s="613"/>
      <c r="LPU673" s="613"/>
      <c r="LPV673" s="613"/>
      <c r="LPW673" s="613"/>
      <c r="LPX673" s="613"/>
      <c r="LPY673" s="613"/>
      <c r="LPZ673" s="613"/>
      <c r="LQA673" s="613"/>
      <c r="LQB673" s="613"/>
      <c r="LQC673" s="613"/>
      <c r="LQD673" s="613"/>
      <c r="LQE673" s="613"/>
      <c r="LQF673" s="613"/>
      <c r="LQG673" s="613"/>
      <c r="LQH673" s="613"/>
      <c r="LQI673" s="613"/>
      <c r="LQJ673" s="613"/>
      <c r="LQK673" s="613"/>
      <c r="LQL673" s="613"/>
      <c r="LQM673" s="613"/>
      <c r="LQN673" s="613"/>
      <c r="LQO673" s="613"/>
      <c r="LQP673" s="613"/>
      <c r="LQQ673" s="613"/>
      <c r="LQR673" s="613"/>
      <c r="LQS673" s="613"/>
      <c r="LQT673" s="613"/>
      <c r="LQU673" s="613"/>
      <c r="LQV673" s="613"/>
      <c r="LQW673" s="613"/>
      <c r="LQX673" s="613"/>
      <c r="LQY673" s="613"/>
      <c r="LQZ673" s="613"/>
      <c r="LRA673" s="613"/>
      <c r="LRB673" s="613"/>
      <c r="LRC673" s="613"/>
      <c r="LRD673" s="613"/>
      <c r="LRE673" s="613"/>
      <c r="LRF673" s="613"/>
      <c r="LRG673" s="613"/>
      <c r="LRH673" s="613"/>
      <c r="LRI673" s="613"/>
      <c r="LRJ673" s="613"/>
      <c r="LRK673" s="613"/>
      <c r="LRL673" s="613"/>
      <c r="LRM673" s="613"/>
      <c r="LRN673" s="613"/>
      <c r="LRO673" s="613"/>
      <c r="LRP673" s="613"/>
      <c r="LRQ673" s="613"/>
      <c r="LRR673" s="613"/>
      <c r="LRS673" s="613"/>
      <c r="LRT673" s="613"/>
      <c r="LRU673" s="613"/>
      <c r="LRV673" s="613"/>
      <c r="LRW673" s="613"/>
      <c r="LRX673" s="613"/>
      <c r="LRY673" s="613"/>
      <c r="LRZ673" s="613"/>
      <c r="LSA673" s="613"/>
      <c r="LSB673" s="613"/>
      <c r="LSC673" s="613"/>
      <c r="LSD673" s="613"/>
      <c r="LSE673" s="613"/>
      <c r="LSF673" s="613"/>
      <c r="LSG673" s="613"/>
      <c r="LSH673" s="613"/>
      <c r="LSI673" s="613"/>
      <c r="LSJ673" s="613"/>
      <c r="LSK673" s="613"/>
      <c r="LSL673" s="613"/>
      <c r="LSM673" s="613"/>
      <c r="LSN673" s="613"/>
      <c r="LSO673" s="613"/>
      <c r="LSP673" s="613"/>
      <c r="LSQ673" s="613"/>
      <c r="LSR673" s="613"/>
      <c r="LSS673" s="613"/>
      <c r="LST673" s="613"/>
      <c r="LSU673" s="613"/>
      <c r="LSV673" s="613"/>
      <c r="LSW673" s="613"/>
      <c r="LSX673" s="613"/>
      <c r="LSY673" s="613"/>
      <c r="LSZ673" s="613"/>
      <c r="LTA673" s="613"/>
      <c r="LTB673" s="613"/>
      <c r="LTC673" s="613"/>
      <c r="LTD673" s="613"/>
      <c r="LTE673" s="613"/>
      <c r="LTF673" s="613"/>
      <c r="LTG673" s="613"/>
      <c r="LTH673" s="613"/>
      <c r="LTI673" s="613"/>
      <c r="LTJ673" s="613"/>
      <c r="LTK673" s="613"/>
      <c r="LTL673" s="613"/>
      <c r="LTM673" s="613"/>
      <c r="LTN673" s="613"/>
      <c r="LTO673" s="613"/>
      <c r="LTP673" s="613"/>
      <c r="LTQ673" s="613"/>
      <c r="LTR673" s="613"/>
      <c r="LTS673" s="613"/>
      <c r="LTT673" s="613"/>
      <c r="LTU673" s="613"/>
      <c r="LTV673" s="613"/>
      <c r="LTW673" s="613"/>
      <c r="LTX673" s="613"/>
      <c r="LTY673" s="613"/>
      <c r="LTZ673" s="613"/>
      <c r="LUA673" s="613"/>
      <c r="LUB673" s="613"/>
      <c r="LUC673" s="613"/>
      <c r="LUD673" s="613"/>
      <c r="LUE673" s="613"/>
      <c r="LUF673" s="613"/>
      <c r="LUG673" s="613"/>
      <c r="LUH673" s="613"/>
      <c r="LUI673" s="613"/>
      <c r="LUJ673" s="613"/>
      <c r="LUK673" s="613"/>
      <c r="LUL673" s="613"/>
      <c r="LUM673" s="613"/>
      <c r="LUN673" s="613"/>
      <c r="LUO673" s="613"/>
      <c r="LUP673" s="613"/>
      <c r="LUQ673" s="613"/>
      <c r="LUR673" s="613"/>
      <c r="LUS673" s="613"/>
      <c r="LUT673" s="613"/>
      <c r="LUU673" s="613"/>
      <c r="LUV673" s="613"/>
      <c r="LUW673" s="613"/>
      <c r="LUX673" s="613"/>
      <c r="LUY673" s="613"/>
      <c r="LUZ673" s="613"/>
      <c r="LVA673" s="613"/>
      <c r="LVB673" s="613"/>
      <c r="LVC673" s="613"/>
      <c r="LVD673" s="613"/>
      <c r="LVE673" s="613"/>
      <c r="LVF673" s="613"/>
      <c r="LVG673" s="613"/>
      <c r="LVH673" s="613"/>
      <c r="LVI673" s="613"/>
      <c r="LVJ673" s="613"/>
      <c r="LVK673" s="613"/>
      <c r="LVL673" s="613"/>
      <c r="LVM673" s="613"/>
      <c r="LVN673" s="613"/>
      <c r="LVO673" s="613"/>
      <c r="LVP673" s="613"/>
      <c r="LVQ673" s="613"/>
      <c r="LVR673" s="613"/>
      <c r="LVS673" s="613"/>
      <c r="LVT673" s="613"/>
      <c r="LVU673" s="613"/>
      <c r="LVV673" s="613"/>
      <c r="LVW673" s="613"/>
      <c r="LVX673" s="613"/>
      <c r="LVY673" s="613"/>
      <c r="LVZ673" s="613"/>
      <c r="LWA673" s="613"/>
      <c r="LWB673" s="613"/>
      <c r="LWC673" s="613"/>
      <c r="LWD673" s="613"/>
      <c r="LWE673" s="613"/>
      <c r="LWF673" s="613"/>
      <c r="LWG673" s="613"/>
      <c r="LWH673" s="613"/>
      <c r="LWI673" s="613"/>
      <c r="LWJ673" s="613"/>
      <c r="LWK673" s="613"/>
      <c r="LWL673" s="613"/>
      <c r="LWM673" s="613"/>
      <c r="LWN673" s="613"/>
      <c r="LWO673" s="613"/>
      <c r="LWP673" s="613"/>
      <c r="LWQ673" s="613"/>
      <c r="LWR673" s="613"/>
      <c r="LWS673" s="613"/>
      <c r="LWT673" s="613"/>
      <c r="LWU673" s="613"/>
      <c r="LWV673" s="613"/>
      <c r="LWW673" s="613"/>
      <c r="LWX673" s="613"/>
      <c r="LWY673" s="613"/>
      <c r="LWZ673" s="613"/>
      <c r="LXA673" s="613"/>
      <c r="LXB673" s="613"/>
      <c r="LXC673" s="613"/>
      <c r="LXD673" s="613"/>
      <c r="LXE673" s="613"/>
      <c r="LXF673" s="613"/>
      <c r="LXG673" s="613"/>
      <c r="LXH673" s="613"/>
      <c r="LXI673" s="613"/>
      <c r="LXJ673" s="613"/>
      <c r="LXK673" s="613"/>
      <c r="LXL673" s="613"/>
      <c r="LXM673" s="613"/>
      <c r="LXN673" s="613"/>
      <c r="LXO673" s="613"/>
      <c r="LXP673" s="613"/>
      <c r="LXQ673" s="613"/>
      <c r="LXR673" s="613"/>
      <c r="LXS673" s="613"/>
      <c r="LXT673" s="613"/>
      <c r="LXU673" s="613"/>
      <c r="LXV673" s="613"/>
      <c r="LXW673" s="613"/>
      <c r="LXX673" s="613"/>
      <c r="LXY673" s="613"/>
      <c r="LXZ673" s="613"/>
      <c r="LYA673" s="613"/>
      <c r="LYB673" s="613"/>
      <c r="LYC673" s="613"/>
      <c r="LYD673" s="613"/>
      <c r="LYE673" s="613"/>
      <c r="LYF673" s="613"/>
      <c r="LYG673" s="613"/>
      <c r="LYH673" s="613"/>
      <c r="LYI673" s="613"/>
      <c r="LYJ673" s="613"/>
      <c r="LYK673" s="613"/>
      <c r="LYL673" s="613"/>
      <c r="LYM673" s="613"/>
      <c r="LYN673" s="613"/>
      <c r="LYO673" s="613"/>
      <c r="LYP673" s="613"/>
      <c r="LYQ673" s="613"/>
      <c r="LYR673" s="613"/>
      <c r="LYS673" s="613"/>
      <c r="LYT673" s="613"/>
      <c r="LYU673" s="613"/>
      <c r="LYV673" s="613"/>
      <c r="LYW673" s="613"/>
      <c r="LYX673" s="613"/>
      <c r="LYY673" s="613"/>
      <c r="LYZ673" s="613"/>
      <c r="LZA673" s="613"/>
      <c r="LZB673" s="613"/>
      <c r="LZC673" s="613"/>
      <c r="LZD673" s="613"/>
      <c r="LZE673" s="613"/>
      <c r="LZF673" s="613"/>
      <c r="LZG673" s="613"/>
      <c r="LZH673" s="613"/>
      <c r="LZI673" s="613"/>
      <c r="LZJ673" s="613"/>
      <c r="LZK673" s="613"/>
      <c r="LZL673" s="613"/>
      <c r="LZM673" s="613"/>
      <c r="LZN673" s="613"/>
      <c r="LZO673" s="613"/>
      <c r="LZP673" s="613"/>
      <c r="LZQ673" s="613"/>
      <c r="LZR673" s="613"/>
      <c r="LZS673" s="613"/>
      <c r="LZT673" s="613"/>
      <c r="LZU673" s="613"/>
      <c r="LZV673" s="613"/>
      <c r="LZW673" s="613"/>
      <c r="LZX673" s="613"/>
      <c r="LZY673" s="613"/>
      <c r="LZZ673" s="613"/>
      <c r="MAA673" s="613"/>
      <c r="MAB673" s="613"/>
      <c r="MAC673" s="613"/>
      <c r="MAD673" s="613"/>
      <c r="MAE673" s="613"/>
      <c r="MAF673" s="613"/>
      <c r="MAG673" s="613"/>
      <c r="MAH673" s="613"/>
      <c r="MAI673" s="613"/>
      <c r="MAJ673" s="613"/>
      <c r="MAK673" s="613"/>
      <c r="MAL673" s="613"/>
      <c r="MAM673" s="613"/>
      <c r="MAN673" s="613"/>
      <c r="MAO673" s="613"/>
      <c r="MAP673" s="613"/>
      <c r="MAQ673" s="613"/>
      <c r="MAR673" s="613"/>
      <c r="MAS673" s="613"/>
      <c r="MAT673" s="613"/>
      <c r="MAU673" s="613"/>
      <c r="MAV673" s="613"/>
      <c r="MAW673" s="613"/>
      <c r="MAX673" s="613"/>
      <c r="MAY673" s="613"/>
      <c r="MAZ673" s="613"/>
      <c r="MBA673" s="613"/>
      <c r="MBB673" s="613"/>
      <c r="MBC673" s="613"/>
      <c r="MBD673" s="613"/>
      <c r="MBE673" s="613"/>
      <c r="MBF673" s="613"/>
      <c r="MBG673" s="613"/>
      <c r="MBH673" s="613"/>
      <c r="MBI673" s="613"/>
      <c r="MBJ673" s="613"/>
      <c r="MBK673" s="613"/>
      <c r="MBL673" s="613"/>
      <c r="MBM673" s="613"/>
      <c r="MBN673" s="613"/>
      <c r="MBO673" s="613"/>
      <c r="MBP673" s="613"/>
      <c r="MBQ673" s="613"/>
      <c r="MBR673" s="613"/>
      <c r="MBS673" s="613"/>
      <c r="MBT673" s="613"/>
      <c r="MBU673" s="613"/>
      <c r="MBV673" s="613"/>
      <c r="MBW673" s="613"/>
      <c r="MBX673" s="613"/>
      <c r="MBY673" s="613"/>
      <c r="MBZ673" s="613"/>
      <c r="MCA673" s="613"/>
      <c r="MCB673" s="613"/>
      <c r="MCC673" s="613"/>
      <c r="MCD673" s="613"/>
      <c r="MCE673" s="613"/>
      <c r="MCF673" s="613"/>
      <c r="MCG673" s="613"/>
      <c r="MCH673" s="613"/>
      <c r="MCI673" s="613"/>
      <c r="MCJ673" s="613"/>
      <c r="MCK673" s="613"/>
      <c r="MCL673" s="613"/>
      <c r="MCM673" s="613"/>
      <c r="MCN673" s="613"/>
      <c r="MCO673" s="613"/>
      <c r="MCP673" s="613"/>
      <c r="MCQ673" s="613"/>
      <c r="MCR673" s="613"/>
      <c r="MCS673" s="613"/>
      <c r="MCT673" s="613"/>
      <c r="MCU673" s="613"/>
      <c r="MCV673" s="613"/>
      <c r="MCW673" s="613"/>
      <c r="MCX673" s="613"/>
      <c r="MCY673" s="613"/>
      <c r="MCZ673" s="613"/>
      <c r="MDA673" s="613"/>
      <c r="MDB673" s="613"/>
      <c r="MDC673" s="613"/>
      <c r="MDD673" s="613"/>
      <c r="MDE673" s="613"/>
      <c r="MDF673" s="613"/>
      <c r="MDG673" s="613"/>
      <c r="MDH673" s="613"/>
      <c r="MDI673" s="613"/>
      <c r="MDJ673" s="613"/>
      <c r="MDK673" s="613"/>
      <c r="MDL673" s="613"/>
      <c r="MDM673" s="613"/>
      <c r="MDN673" s="613"/>
      <c r="MDO673" s="613"/>
      <c r="MDP673" s="613"/>
      <c r="MDQ673" s="613"/>
      <c r="MDR673" s="613"/>
      <c r="MDS673" s="613"/>
      <c r="MDT673" s="613"/>
      <c r="MDU673" s="613"/>
      <c r="MDV673" s="613"/>
      <c r="MDW673" s="613"/>
      <c r="MDX673" s="613"/>
      <c r="MDY673" s="613"/>
      <c r="MDZ673" s="613"/>
      <c r="MEA673" s="613"/>
      <c r="MEB673" s="613"/>
      <c r="MEC673" s="613"/>
      <c r="MED673" s="613"/>
      <c r="MEE673" s="613"/>
      <c r="MEF673" s="613"/>
      <c r="MEG673" s="613"/>
      <c r="MEH673" s="613"/>
      <c r="MEI673" s="613"/>
      <c r="MEJ673" s="613"/>
      <c r="MEK673" s="613"/>
      <c r="MEL673" s="613"/>
      <c r="MEM673" s="613"/>
      <c r="MEN673" s="613"/>
      <c r="MEO673" s="613"/>
      <c r="MEP673" s="613"/>
      <c r="MEQ673" s="613"/>
      <c r="MER673" s="613"/>
      <c r="MES673" s="613"/>
      <c r="MET673" s="613"/>
      <c r="MEU673" s="613"/>
      <c r="MEV673" s="613"/>
      <c r="MEW673" s="613"/>
      <c r="MEX673" s="613"/>
      <c r="MEY673" s="613"/>
      <c r="MEZ673" s="613"/>
      <c r="MFA673" s="613"/>
      <c r="MFB673" s="613"/>
      <c r="MFC673" s="613"/>
      <c r="MFD673" s="613"/>
      <c r="MFE673" s="613"/>
      <c r="MFF673" s="613"/>
      <c r="MFG673" s="613"/>
      <c r="MFH673" s="613"/>
      <c r="MFI673" s="613"/>
      <c r="MFJ673" s="613"/>
      <c r="MFK673" s="613"/>
      <c r="MFL673" s="613"/>
      <c r="MFM673" s="613"/>
      <c r="MFN673" s="613"/>
      <c r="MFO673" s="613"/>
      <c r="MFP673" s="613"/>
      <c r="MFQ673" s="613"/>
      <c r="MFR673" s="613"/>
      <c r="MFS673" s="613"/>
      <c r="MFT673" s="613"/>
      <c r="MFU673" s="613"/>
      <c r="MFV673" s="613"/>
      <c r="MFW673" s="613"/>
      <c r="MFX673" s="613"/>
      <c r="MFY673" s="613"/>
      <c r="MFZ673" s="613"/>
      <c r="MGA673" s="613"/>
      <c r="MGB673" s="613"/>
      <c r="MGC673" s="613"/>
      <c r="MGD673" s="613"/>
      <c r="MGE673" s="613"/>
      <c r="MGF673" s="613"/>
      <c r="MGG673" s="613"/>
      <c r="MGH673" s="613"/>
      <c r="MGI673" s="613"/>
      <c r="MGJ673" s="613"/>
      <c r="MGK673" s="613"/>
      <c r="MGL673" s="613"/>
      <c r="MGM673" s="613"/>
      <c r="MGN673" s="613"/>
      <c r="MGO673" s="613"/>
      <c r="MGP673" s="613"/>
      <c r="MGQ673" s="613"/>
      <c r="MGR673" s="613"/>
      <c r="MGS673" s="613"/>
      <c r="MGT673" s="613"/>
      <c r="MGU673" s="613"/>
      <c r="MGV673" s="613"/>
      <c r="MGW673" s="613"/>
      <c r="MGX673" s="613"/>
      <c r="MGY673" s="613"/>
      <c r="MGZ673" s="613"/>
      <c r="MHA673" s="613"/>
      <c r="MHB673" s="613"/>
      <c r="MHC673" s="613"/>
      <c r="MHD673" s="613"/>
      <c r="MHE673" s="613"/>
      <c r="MHF673" s="613"/>
      <c r="MHG673" s="613"/>
      <c r="MHH673" s="613"/>
      <c r="MHI673" s="613"/>
      <c r="MHJ673" s="613"/>
      <c r="MHK673" s="613"/>
      <c r="MHL673" s="613"/>
      <c r="MHM673" s="613"/>
      <c r="MHN673" s="613"/>
      <c r="MHO673" s="613"/>
      <c r="MHP673" s="613"/>
      <c r="MHQ673" s="613"/>
      <c r="MHR673" s="613"/>
      <c r="MHS673" s="613"/>
      <c r="MHT673" s="613"/>
      <c r="MHU673" s="613"/>
      <c r="MHV673" s="613"/>
      <c r="MHW673" s="613"/>
      <c r="MHX673" s="613"/>
      <c r="MHY673" s="613"/>
      <c r="MHZ673" s="613"/>
      <c r="MIA673" s="613"/>
      <c r="MIB673" s="613"/>
      <c r="MIC673" s="613"/>
      <c r="MID673" s="613"/>
      <c r="MIE673" s="613"/>
      <c r="MIF673" s="613"/>
      <c r="MIG673" s="613"/>
      <c r="MIH673" s="613"/>
      <c r="MII673" s="613"/>
      <c r="MIJ673" s="613"/>
      <c r="MIK673" s="613"/>
      <c r="MIL673" s="613"/>
      <c r="MIM673" s="613"/>
      <c r="MIN673" s="613"/>
      <c r="MIO673" s="613"/>
      <c r="MIP673" s="613"/>
      <c r="MIQ673" s="613"/>
      <c r="MIR673" s="613"/>
      <c r="MIS673" s="613"/>
      <c r="MIT673" s="613"/>
      <c r="MIU673" s="613"/>
      <c r="MIV673" s="613"/>
      <c r="MIW673" s="613"/>
      <c r="MIX673" s="613"/>
      <c r="MIY673" s="613"/>
      <c r="MIZ673" s="613"/>
      <c r="MJA673" s="613"/>
      <c r="MJB673" s="613"/>
      <c r="MJC673" s="613"/>
      <c r="MJD673" s="613"/>
      <c r="MJE673" s="613"/>
      <c r="MJF673" s="613"/>
      <c r="MJG673" s="613"/>
      <c r="MJH673" s="613"/>
      <c r="MJI673" s="613"/>
      <c r="MJJ673" s="613"/>
      <c r="MJK673" s="613"/>
      <c r="MJL673" s="613"/>
      <c r="MJM673" s="613"/>
      <c r="MJN673" s="613"/>
      <c r="MJO673" s="613"/>
      <c r="MJP673" s="613"/>
      <c r="MJQ673" s="613"/>
      <c r="MJR673" s="613"/>
      <c r="MJS673" s="613"/>
      <c r="MJT673" s="613"/>
      <c r="MJU673" s="613"/>
      <c r="MJV673" s="613"/>
      <c r="MJW673" s="613"/>
      <c r="MJX673" s="613"/>
      <c r="MJY673" s="613"/>
      <c r="MJZ673" s="613"/>
      <c r="MKA673" s="613"/>
      <c r="MKB673" s="613"/>
      <c r="MKC673" s="613"/>
      <c r="MKD673" s="613"/>
      <c r="MKE673" s="613"/>
      <c r="MKF673" s="613"/>
      <c r="MKG673" s="613"/>
      <c r="MKH673" s="613"/>
      <c r="MKI673" s="613"/>
      <c r="MKJ673" s="613"/>
      <c r="MKK673" s="613"/>
      <c r="MKL673" s="613"/>
      <c r="MKM673" s="613"/>
      <c r="MKN673" s="613"/>
      <c r="MKO673" s="613"/>
      <c r="MKP673" s="613"/>
      <c r="MKQ673" s="613"/>
      <c r="MKR673" s="613"/>
      <c r="MKS673" s="613"/>
      <c r="MKT673" s="613"/>
      <c r="MKU673" s="613"/>
      <c r="MKV673" s="613"/>
      <c r="MKW673" s="613"/>
      <c r="MKX673" s="613"/>
      <c r="MKY673" s="613"/>
      <c r="MKZ673" s="613"/>
      <c r="MLA673" s="613"/>
      <c r="MLB673" s="613"/>
      <c r="MLC673" s="613"/>
      <c r="MLD673" s="613"/>
      <c r="MLE673" s="613"/>
      <c r="MLF673" s="613"/>
      <c r="MLG673" s="613"/>
      <c r="MLH673" s="613"/>
      <c r="MLI673" s="613"/>
      <c r="MLJ673" s="613"/>
      <c r="MLK673" s="613"/>
      <c r="MLL673" s="613"/>
      <c r="MLM673" s="613"/>
      <c r="MLN673" s="613"/>
      <c r="MLO673" s="613"/>
      <c r="MLP673" s="613"/>
      <c r="MLQ673" s="613"/>
      <c r="MLR673" s="613"/>
      <c r="MLS673" s="613"/>
      <c r="MLT673" s="613"/>
      <c r="MLU673" s="613"/>
      <c r="MLV673" s="613"/>
      <c r="MLW673" s="613"/>
      <c r="MLX673" s="613"/>
      <c r="MLY673" s="613"/>
      <c r="MLZ673" s="613"/>
      <c r="MMA673" s="613"/>
      <c r="MMB673" s="613"/>
      <c r="MMC673" s="613"/>
      <c r="MMD673" s="613"/>
      <c r="MME673" s="613"/>
      <c r="MMF673" s="613"/>
      <c r="MMG673" s="613"/>
      <c r="MMH673" s="613"/>
      <c r="MMI673" s="613"/>
      <c r="MMJ673" s="613"/>
      <c r="MMK673" s="613"/>
      <c r="MML673" s="613"/>
      <c r="MMM673" s="613"/>
      <c r="MMN673" s="613"/>
      <c r="MMO673" s="613"/>
      <c r="MMP673" s="613"/>
      <c r="MMQ673" s="613"/>
      <c r="MMR673" s="613"/>
      <c r="MMS673" s="613"/>
      <c r="MMT673" s="613"/>
      <c r="MMU673" s="613"/>
      <c r="MMV673" s="613"/>
      <c r="MMW673" s="613"/>
      <c r="MMX673" s="613"/>
      <c r="MMY673" s="613"/>
      <c r="MMZ673" s="613"/>
      <c r="MNA673" s="613"/>
      <c r="MNB673" s="613"/>
      <c r="MNC673" s="613"/>
      <c r="MND673" s="613"/>
      <c r="MNE673" s="613"/>
      <c r="MNF673" s="613"/>
      <c r="MNG673" s="613"/>
      <c r="MNH673" s="613"/>
      <c r="MNI673" s="613"/>
      <c r="MNJ673" s="613"/>
      <c r="MNK673" s="613"/>
      <c r="MNL673" s="613"/>
      <c r="MNM673" s="613"/>
      <c r="MNN673" s="613"/>
      <c r="MNO673" s="613"/>
      <c r="MNP673" s="613"/>
      <c r="MNQ673" s="613"/>
      <c r="MNR673" s="613"/>
      <c r="MNS673" s="613"/>
      <c r="MNT673" s="613"/>
      <c r="MNU673" s="613"/>
      <c r="MNV673" s="613"/>
      <c r="MNW673" s="613"/>
      <c r="MNX673" s="613"/>
      <c r="MNY673" s="613"/>
      <c r="MNZ673" s="613"/>
      <c r="MOA673" s="613"/>
      <c r="MOB673" s="613"/>
      <c r="MOC673" s="613"/>
      <c r="MOD673" s="613"/>
      <c r="MOE673" s="613"/>
      <c r="MOF673" s="613"/>
      <c r="MOG673" s="613"/>
      <c r="MOH673" s="613"/>
      <c r="MOI673" s="613"/>
      <c r="MOJ673" s="613"/>
      <c r="MOK673" s="613"/>
      <c r="MOL673" s="613"/>
      <c r="MOM673" s="613"/>
      <c r="MON673" s="613"/>
      <c r="MOO673" s="613"/>
      <c r="MOP673" s="613"/>
      <c r="MOQ673" s="613"/>
      <c r="MOR673" s="613"/>
      <c r="MOS673" s="613"/>
      <c r="MOT673" s="613"/>
      <c r="MOU673" s="613"/>
      <c r="MOV673" s="613"/>
      <c r="MOW673" s="613"/>
      <c r="MOX673" s="613"/>
      <c r="MOY673" s="613"/>
      <c r="MOZ673" s="613"/>
      <c r="MPA673" s="613"/>
      <c r="MPB673" s="613"/>
      <c r="MPC673" s="613"/>
      <c r="MPD673" s="613"/>
      <c r="MPE673" s="613"/>
      <c r="MPF673" s="613"/>
      <c r="MPG673" s="613"/>
      <c r="MPH673" s="613"/>
      <c r="MPI673" s="613"/>
      <c r="MPJ673" s="613"/>
      <c r="MPK673" s="613"/>
      <c r="MPL673" s="613"/>
      <c r="MPM673" s="613"/>
      <c r="MPN673" s="613"/>
      <c r="MPO673" s="613"/>
      <c r="MPP673" s="613"/>
      <c r="MPQ673" s="613"/>
      <c r="MPR673" s="613"/>
      <c r="MPS673" s="613"/>
      <c r="MPT673" s="613"/>
      <c r="MPU673" s="613"/>
      <c r="MPV673" s="613"/>
      <c r="MPW673" s="613"/>
      <c r="MPX673" s="613"/>
      <c r="MPY673" s="613"/>
      <c r="MPZ673" s="613"/>
      <c r="MQA673" s="613"/>
      <c r="MQB673" s="613"/>
      <c r="MQC673" s="613"/>
      <c r="MQD673" s="613"/>
      <c r="MQE673" s="613"/>
      <c r="MQF673" s="613"/>
      <c r="MQG673" s="613"/>
      <c r="MQH673" s="613"/>
      <c r="MQI673" s="613"/>
      <c r="MQJ673" s="613"/>
      <c r="MQK673" s="613"/>
      <c r="MQL673" s="613"/>
      <c r="MQM673" s="613"/>
      <c r="MQN673" s="613"/>
      <c r="MQO673" s="613"/>
      <c r="MQP673" s="613"/>
      <c r="MQQ673" s="613"/>
      <c r="MQR673" s="613"/>
      <c r="MQS673" s="613"/>
      <c r="MQT673" s="613"/>
      <c r="MQU673" s="613"/>
      <c r="MQV673" s="613"/>
      <c r="MQW673" s="613"/>
      <c r="MQX673" s="613"/>
      <c r="MQY673" s="613"/>
      <c r="MQZ673" s="613"/>
      <c r="MRA673" s="613"/>
      <c r="MRB673" s="613"/>
      <c r="MRC673" s="613"/>
      <c r="MRD673" s="613"/>
      <c r="MRE673" s="613"/>
      <c r="MRF673" s="613"/>
      <c r="MRG673" s="613"/>
      <c r="MRH673" s="613"/>
      <c r="MRI673" s="613"/>
      <c r="MRJ673" s="613"/>
      <c r="MRK673" s="613"/>
      <c r="MRL673" s="613"/>
      <c r="MRM673" s="613"/>
      <c r="MRN673" s="613"/>
      <c r="MRO673" s="613"/>
      <c r="MRP673" s="613"/>
      <c r="MRQ673" s="613"/>
      <c r="MRR673" s="613"/>
      <c r="MRS673" s="613"/>
      <c r="MRT673" s="613"/>
      <c r="MRU673" s="613"/>
      <c r="MRV673" s="613"/>
      <c r="MRW673" s="613"/>
      <c r="MRX673" s="613"/>
      <c r="MRY673" s="613"/>
      <c r="MRZ673" s="613"/>
      <c r="MSA673" s="613"/>
      <c r="MSB673" s="613"/>
      <c r="MSC673" s="613"/>
      <c r="MSD673" s="613"/>
      <c r="MSE673" s="613"/>
      <c r="MSF673" s="613"/>
      <c r="MSG673" s="613"/>
      <c r="MSH673" s="613"/>
      <c r="MSI673" s="613"/>
      <c r="MSJ673" s="613"/>
      <c r="MSK673" s="613"/>
      <c r="MSL673" s="613"/>
      <c r="MSM673" s="613"/>
      <c r="MSN673" s="613"/>
      <c r="MSO673" s="613"/>
      <c r="MSP673" s="613"/>
      <c r="MSQ673" s="613"/>
      <c r="MSR673" s="613"/>
      <c r="MSS673" s="613"/>
      <c r="MST673" s="613"/>
      <c r="MSU673" s="613"/>
      <c r="MSV673" s="613"/>
      <c r="MSW673" s="613"/>
      <c r="MSX673" s="613"/>
      <c r="MSY673" s="613"/>
      <c r="MSZ673" s="613"/>
      <c r="MTA673" s="613"/>
      <c r="MTB673" s="613"/>
      <c r="MTC673" s="613"/>
      <c r="MTD673" s="613"/>
      <c r="MTE673" s="613"/>
      <c r="MTF673" s="613"/>
      <c r="MTG673" s="613"/>
      <c r="MTH673" s="613"/>
      <c r="MTI673" s="613"/>
      <c r="MTJ673" s="613"/>
      <c r="MTK673" s="613"/>
      <c r="MTL673" s="613"/>
      <c r="MTM673" s="613"/>
      <c r="MTN673" s="613"/>
      <c r="MTO673" s="613"/>
      <c r="MTP673" s="613"/>
      <c r="MTQ673" s="613"/>
      <c r="MTR673" s="613"/>
      <c r="MTS673" s="613"/>
      <c r="MTT673" s="613"/>
      <c r="MTU673" s="613"/>
      <c r="MTV673" s="613"/>
      <c r="MTW673" s="613"/>
      <c r="MTX673" s="613"/>
      <c r="MTY673" s="613"/>
      <c r="MTZ673" s="613"/>
      <c r="MUA673" s="613"/>
      <c r="MUB673" s="613"/>
      <c r="MUC673" s="613"/>
      <c r="MUD673" s="613"/>
      <c r="MUE673" s="613"/>
      <c r="MUF673" s="613"/>
      <c r="MUG673" s="613"/>
      <c r="MUH673" s="613"/>
      <c r="MUI673" s="613"/>
      <c r="MUJ673" s="613"/>
      <c r="MUK673" s="613"/>
      <c r="MUL673" s="613"/>
      <c r="MUM673" s="613"/>
      <c r="MUN673" s="613"/>
      <c r="MUO673" s="613"/>
      <c r="MUP673" s="613"/>
      <c r="MUQ673" s="613"/>
      <c r="MUR673" s="613"/>
      <c r="MUS673" s="613"/>
      <c r="MUT673" s="613"/>
      <c r="MUU673" s="613"/>
      <c r="MUV673" s="613"/>
      <c r="MUW673" s="613"/>
      <c r="MUX673" s="613"/>
      <c r="MUY673" s="613"/>
      <c r="MUZ673" s="613"/>
      <c r="MVA673" s="613"/>
      <c r="MVB673" s="613"/>
      <c r="MVC673" s="613"/>
      <c r="MVD673" s="613"/>
      <c r="MVE673" s="613"/>
      <c r="MVF673" s="613"/>
      <c r="MVG673" s="613"/>
      <c r="MVH673" s="613"/>
      <c r="MVI673" s="613"/>
      <c r="MVJ673" s="613"/>
      <c r="MVK673" s="613"/>
      <c r="MVL673" s="613"/>
      <c r="MVM673" s="613"/>
      <c r="MVN673" s="613"/>
      <c r="MVO673" s="613"/>
      <c r="MVP673" s="613"/>
      <c r="MVQ673" s="613"/>
      <c r="MVR673" s="613"/>
      <c r="MVS673" s="613"/>
      <c r="MVT673" s="613"/>
      <c r="MVU673" s="613"/>
      <c r="MVV673" s="613"/>
      <c r="MVW673" s="613"/>
      <c r="MVX673" s="613"/>
      <c r="MVY673" s="613"/>
      <c r="MVZ673" s="613"/>
      <c r="MWA673" s="613"/>
      <c r="MWB673" s="613"/>
      <c r="MWC673" s="613"/>
      <c r="MWD673" s="613"/>
      <c r="MWE673" s="613"/>
      <c r="MWF673" s="613"/>
      <c r="MWG673" s="613"/>
      <c r="MWH673" s="613"/>
      <c r="MWI673" s="613"/>
      <c r="MWJ673" s="613"/>
      <c r="MWK673" s="613"/>
      <c r="MWL673" s="613"/>
      <c r="MWM673" s="613"/>
      <c r="MWN673" s="613"/>
      <c r="MWO673" s="613"/>
      <c r="MWP673" s="613"/>
      <c r="MWQ673" s="613"/>
      <c r="MWR673" s="613"/>
      <c r="MWS673" s="613"/>
      <c r="MWT673" s="613"/>
      <c r="MWU673" s="613"/>
      <c r="MWV673" s="613"/>
      <c r="MWW673" s="613"/>
      <c r="MWX673" s="613"/>
      <c r="MWY673" s="613"/>
      <c r="MWZ673" s="613"/>
      <c r="MXA673" s="613"/>
      <c r="MXB673" s="613"/>
      <c r="MXC673" s="613"/>
      <c r="MXD673" s="613"/>
      <c r="MXE673" s="613"/>
      <c r="MXF673" s="613"/>
      <c r="MXG673" s="613"/>
      <c r="MXH673" s="613"/>
      <c r="MXI673" s="613"/>
      <c r="MXJ673" s="613"/>
      <c r="MXK673" s="613"/>
      <c r="MXL673" s="613"/>
      <c r="MXM673" s="613"/>
      <c r="MXN673" s="613"/>
      <c r="MXO673" s="613"/>
      <c r="MXP673" s="613"/>
      <c r="MXQ673" s="613"/>
      <c r="MXR673" s="613"/>
      <c r="MXS673" s="613"/>
      <c r="MXT673" s="613"/>
      <c r="MXU673" s="613"/>
      <c r="MXV673" s="613"/>
      <c r="MXW673" s="613"/>
      <c r="MXX673" s="613"/>
      <c r="MXY673" s="613"/>
      <c r="MXZ673" s="613"/>
      <c r="MYA673" s="613"/>
      <c r="MYB673" s="613"/>
      <c r="MYC673" s="613"/>
      <c r="MYD673" s="613"/>
      <c r="MYE673" s="613"/>
      <c r="MYF673" s="613"/>
      <c r="MYG673" s="613"/>
      <c r="MYH673" s="613"/>
      <c r="MYI673" s="613"/>
      <c r="MYJ673" s="613"/>
      <c r="MYK673" s="613"/>
      <c r="MYL673" s="613"/>
      <c r="MYM673" s="613"/>
      <c r="MYN673" s="613"/>
      <c r="MYO673" s="613"/>
      <c r="MYP673" s="613"/>
      <c r="MYQ673" s="613"/>
      <c r="MYR673" s="613"/>
      <c r="MYS673" s="613"/>
      <c r="MYT673" s="613"/>
      <c r="MYU673" s="613"/>
      <c r="MYV673" s="613"/>
      <c r="MYW673" s="613"/>
      <c r="MYX673" s="613"/>
      <c r="MYY673" s="613"/>
      <c r="MYZ673" s="613"/>
      <c r="MZA673" s="613"/>
      <c r="MZB673" s="613"/>
      <c r="MZC673" s="613"/>
      <c r="MZD673" s="613"/>
      <c r="MZE673" s="613"/>
      <c r="MZF673" s="613"/>
      <c r="MZG673" s="613"/>
      <c r="MZH673" s="613"/>
      <c r="MZI673" s="613"/>
      <c r="MZJ673" s="613"/>
      <c r="MZK673" s="613"/>
      <c r="MZL673" s="613"/>
      <c r="MZM673" s="613"/>
      <c r="MZN673" s="613"/>
      <c r="MZO673" s="613"/>
      <c r="MZP673" s="613"/>
      <c r="MZQ673" s="613"/>
      <c r="MZR673" s="613"/>
      <c r="MZS673" s="613"/>
      <c r="MZT673" s="613"/>
      <c r="MZU673" s="613"/>
      <c r="MZV673" s="613"/>
      <c r="MZW673" s="613"/>
      <c r="MZX673" s="613"/>
      <c r="MZY673" s="613"/>
      <c r="MZZ673" s="613"/>
      <c r="NAA673" s="613"/>
      <c r="NAB673" s="613"/>
      <c r="NAC673" s="613"/>
      <c r="NAD673" s="613"/>
      <c r="NAE673" s="613"/>
      <c r="NAF673" s="613"/>
      <c r="NAG673" s="613"/>
      <c r="NAH673" s="613"/>
      <c r="NAI673" s="613"/>
      <c r="NAJ673" s="613"/>
      <c r="NAK673" s="613"/>
      <c r="NAL673" s="613"/>
      <c r="NAM673" s="613"/>
      <c r="NAN673" s="613"/>
      <c r="NAO673" s="613"/>
      <c r="NAP673" s="613"/>
      <c r="NAQ673" s="613"/>
      <c r="NAR673" s="613"/>
      <c r="NAS673" s="613"/>
      <c r="NAT673" s="613"/>
      <c r="NAU673" s="613"/>
      <c r="NAV673" s="613"/>
      <c r="NAW673" s="613"/>
      <c r="NAX673" s="613"/>
      <c r="NAY673" s="613"/>
      <c r="NAZ673" s="613"/>
      <c r="NBA673" s="613"/>
      <c r="NBB673" s="613"/>
      <c r="NBC673" s="613"/>
      <c r="NBD673" s="613"/>
      <c r="NBE673" s="613"/>
      <c r="NBF673" s="613"/>
      <c r="NBG673" s="613"/>
      <c r="NBH673" s="613"/>
      <c r="NBI673" s="613"/>
      <c r="NBJ673" s="613"/>
      <c r="NBK673" s="613"/>
      <c r="NBL673" s="613"/>
      <c r="NBM673" s="613"/>
      <c r="NBN673" s="613"/>
      <c r="NBO673" s="613"/>
      <c r="NBP673" s="613"/>
      <c r="NBQ673" s="613"/>
      <c r="NBR673" s="613"/>
      <c r="NBS673" s="613"/>
      <c r="NBT673" s="613"/>
      <c r="NBU673" s="613"/>
      <c r="NBV673" s="613"/>
      <c r="NBW673" s="613"/>
      <c r="NBX673" s="613"/>
      <c r="NBY673" s="613"/>
      <c r="NBZ673" s="613"/>
      <c r="NCA673" s="613"/>
      <c r="NCB673" s="613"/>
      <c r="NCC673" s="613"/>
      <c r="NCD673" s="613"/>
      <c r="NCE673" s="613"/>
      <c r="NCF673" s="613"/>
      <c r="NCG673" s="613"/>
      <c r="NCH673" s="613"/>
      <c r="NCI673" s="613"/>
      <c r="NCJ673" s="613"/>
      <c r="NCK673" s="613"/>
      <c r="NCL673" s="613"/>
      <c r="NCM673" s="613"/>
      <c r="NCN673" s="613"/>
      <c r="NCO673" s="613"/>
      <c r="NCP673" s="613"/>
      <c r="NCQ673" s="613"/>
      <c r="NCR673" s="613"/>
      <c r="NCS673" s="613"/>
      <c r="NCT673" s="613"/>
      <c r="NCU673" s="613"/>
      <c r="NCV673" s="613"/>
      <c r="NCW673" s="613"/>
      <c r="NCX673" s="613"/>
      <c r="NCY673" s="613"/>
      <c r="NCZ673" s="613"/>
      <c r="NDA673" s="613"/>
      <c r="NDB673" s="613"/>
      <c r="NDC673" s="613"/>
      <c r="NDD673" s="613"/>
      <c r="NDE673" s="613"/>
      <c r="NDF673" s="613"/>
      <c r="NDG673" s="613"/>
      <c r="NDH673" s="613"/>
      <c r="NDI673" s="613"/>
      <c r="NDJ673" s="613"/>
      <c r="NDK673" s="613"/>
      <c r="NDL673" s="613"/>
      <c r="NDM673" s="613"/>
      <c r="NDN673" s="613"/>
      <c r="NDO673" s="613"/>
      <c r="NDP673" s="613"/>
      <c r="NDQ673" s="613"/>
      <c r="NDR673" s="613"/>
      <c r="NDS673" s="613"/>
      <c r="NDT673" s="613"/>
      <c r="NDU673" s="613"/>
      <c r="NDV673" s="613"/>
      <c r="NDW673" s="613"/>
      <c r="NDX673" s="613"/>
      <c r="NDY673" s="613"/>
      <c r="NDZ673" s="613"/>
      <c r="NEA673" s="613"/>
      <c r="NEB673" s="613"/>
      <c r="NEC673" s="613"/>
      <c r="NED673" s="613"/>
      <c r="NEE673" s="613"/>
      <c r="NEF673" s="613"/>
      <c r="NEG673" s="613"/>
      <c r="NEH673" s="613"/>
      <c r="NEI673" s="613"/>
      <c r="NEJ673" s="613"/>
      <c r="NEK673" s="613"/>
      <c r="NEL673" s="613"/>
      <c r="NEM673" s="613"/>
      <c r="NEN673" s="613"/>
      <c r="NEO673" s="613"/>
      <c r="NEP673" s="613"/>
      <c r="NEQ673" s="613"/>
      <c r="NER673" s="613"/>
      <c r="NES673" s="613"/>
      <c r="NET673" s="613"/>
      <c r="NEU673" s="613"/>
      <c r="NEV673" s="613"/>
      <c r="NEW673" s="613"/>
      <c r="NEX673" s="613"/>
      <c r="NEY673" s="613"/>
      <c r="NEZ673" s="613"/>
      <c r="NFA673" s="613"/>
      <c r="NFB673" s="613"/>
      <c r="NFC673" s="613"/>
      <c r="NFD673" s="613"/>
      <c r="NFE673" s="613"/>
      <c r="NFF673" s="613"/>
      <c r="NFG673" s="613"/>
      <c r="NFH673" s="613"/>
      <c r="NFI673" s="613"/>
      <c r="NFJ673" s="613"/>
      <c r="NFK673" s="613"/>
      <c r="NFL673" s="613"/>
      <c r="NFM673" s="613"/>
      <c r="NFN673" s="613"/>
      <c r="NFO673" s="613"/>
      <c r="NFP673" s="613"/>
      <c r="NFQ673" s="613"/>
      <c r="NFR673" s="613"/>
      <c r="NFS673" s="613"/>
      <c r="NFT673" s="613"/>
      <c r="NFU673" s="613"/>
      <c r="NFV673" s="613"/>
      <c r="NFW673" s="613"/>
      <c r="NFX673" s="613"/>
      <c r="NFY673" s="613"/>
      <c r="NFZ673" s="613"/>
      <c r="NGA673" s="613"/>
      <c r="NGB673" s="613"/>
      <c r="NGC673" s="613"/>
      <c r="NGD673" s="613"/>
      <c r="NGE673" s="613"/>
      <c r="NGF673" s="613"/>
      <c r="NGG673" s="613"/>
      <c r="NGH673" s="613"/>
      <c r="NGI673" s="613"/>
      <c r="NGJ673" s="613"/>
      <c r="NGK673" s="613"/>
      <c r="NGL673" s="613"/>
      <c r="NGM673" s="613"/>
      <c r="NGN673" s="613"/>
      <c r="NGO673" s="613"/>
      <c r="NGP673" s="613"/>
      <c r="NGQ673" s="613"/>
      <c r="NGR673" s="613"/>
      <c r="NGS673" s="613"/>
      <c r="NGT673" s="613"/>
      <c r="NGU673" s="613"/>
      <c r="NGV673" s="613"/>
      <c r="NGW673" s="613"/>
      <c r="NGX673" s="613"/>
      <c r="NGY673" s="613"/>
      <c r="NGZ673" s="613"/>
      <c r="NHA673" s="613"/>
      <c r="NHB673" s="613"/>
      <c r="NHC673" s="613"/>
      <c r="NHD673" s="613"/>
      <c r="NHE673" s="613"/>
      <c r="NHF673" s="613"/>
      <c r="NHG673" s="613"/>
      <c r="NHH673" s="613"/>
      <c r="NHI673" s="613"/>
      <c r="NHJ673" s="613"/>
      <c r="NHK673" s="613"/>
      <c r="NHL673" s="613"/>
      <c r="NHM673" s="613"/>
      <c r="NHN673" s="613"/>
      <c r="NHO673" s="613"/>
      <c r="NHP673" s="613"/>
      <c r="NHQ673" s="613"/>
      <c r="NHR673" s="613"/>
      <c r="NHS673" s="613"/>
      <c r="NHT673" s="613"/>
      <c r="NHU673" s="613"/>
      <c r="NHV673" s="613"/>
      <c r="NHW673" s="613"/>
      <c r="NHX673" s="613"/>
      <c r="NHY673" s="613"/>
      <c r="NHZ673" s="613"/>
      <c r="NIA673" s="613"/>
      <c r="NIB673" s="613"/>
      <c r="NIC673" s="613"/>
      <c r="NID673" s="613"/>
      <c r="NIE673" s="613"/>
      <c r="NIF673" s="613"/>
      <c r="NIG673" s="613"/>
      <c r="NIH673" s="613"/>
      <c r="NII673" s="613"/>
      <c r="NIJ673" s="613"/>
      <c r="NIK673" s="613"/>
      <c r="NIL673" s="613"/>
      <c r="NIM673" s="613"/>
      <c r="NIN673" s="613"/>
      <c r="NIO673" s="613"/>
      <c r="NIP673" s="613"/>
      <c r="NIQ673" s="613"/>
      <c r="NIR673" s="613"/>
      <c r="NIS673" s="613"/>
      <c r="NIT673" s="613"/>
      <c r="NIU673" s="613"/>
      <c r="NIV673" s="613"/>
      <c r="NIW673" s="613"/>
      <c r="NIX673" s="613"/>
      <c r="NIY673" s="613"/>
      <c r="NIZ673" s="613"/>
      <c r="NJA673" s="613"/>
      <c r="NJB673" s="613"/>
      <c r="NJC673" s="613"/>
      <c r="NJD673" s="613"/>
      <c r="NJE673" s="613"/>
      <c r="NJF673" s="613"/>
      <c r="NJG673" s="613"/>
      <c r="NJH673" s="613"/>
      <c r="NJI673" s="613"/>
      <c r="NJJ673" s="613"/>
      <c r="NJK673" s="613"/>
      <c r="NJL673" s="613"/>
      <c r="NJM673" s="613"/>
      <c r="NJN673" s="613"/>
      <c r="NJO673" s="613"/>
      <c r="NJP673" s="613"/>
      <c r="NJQ673" s="613"/>
      <c r="NJR673" s="613"/>
      <c r="NJS673" s="613"/>
      <c r="NJT673" s="613"/>
      <c r="NJU673" s="613"/>
      <c r="NJV673" s="613"/>
      <c r="NJW673" s="613"/>
      <c r="NJX673" s="613"/>
      <c r="NJY673" s="613"/>
      <c r="NJZ673" s="613"/>
      <c r="NKA673" s="613"/>
      <c r="NKB673" s="613"/>
      <c r="NKC673" s="613"/>
      <c r="NKD673" s="613"/>
      <c r="NKE673" s="613"/>
      <c r="NKF673" s="613"/>
      <c r="NKG673" s="613"/>
      <c r="NKH673" s="613"/>
      <c r="NKI673" s="613"/>
      <c r="NKJ673" s="613"/>
      <c r="NKK673" s="613"/>
      <c r="NKL673" s="613"/>
      <c r="NKM673" s="613"/>
      <c r="NKN673" s="613"/>
      <c r="NKO673" s="613"/>
      <c r="NKP673" s="613"/>
      <c r="NKQ673" s="613"/>
      <c r="NKR673" s="613"/>
      <c r="NKS673" s="613"/>
      <c r="NKT673" s="613"/>
      <c r="NKU673" s="613"/>
      <c r="NKV673" s="613"/>
      <c r="NKW673" s="613"/>
      <c r="NKX673" s="613"/>
      <c r="NKY673" s="613"/>
      <c r="NKZ673" s="613"/>
      <c r="NLA673" s="613"/>
      <c r="NLB673" s="613"/>
      <c r="NLC673" s="613"/>
      <c r="NLD673" s="613"/>
      <c r="NLE673" s="613"/>
      <c r="NLF673" s="613"/>
      <c r="NLG673" s="613"/>
      <c r="NLH673" s="613"/>
      <c r="NLI673" s="613"/>
      <c r="NLJ673" s="613"/>
      <c r="NLK673" s="613"/>
      <c r="NLL673" s="613"/>
      <c r="NLM673" s="613"/>
      <c r="NLN673" s="613"/>
      <c r="NLO673" s="613"/>
      <c r="NLP673" s="613"/>
      <c r="NLQ673" s="613"/>
      <c r="NLR673" s="613"/>
      <c r="NLS673" s="613"/>
      <c r="NLT673" s="613"/>
      <c r="NLU673" s="613"/>
      <c r="NLV673" s="613"/>
      <c r="NLW673" s="613"/>
      <c r="NLX673" s="613"/>
      <c r="NLY673" s="613"/>
      <c r="NLZ673" s="613"/>
      <c r="NMA673" s="613"/>
      <c r="NMB673" s="613"/>
      <c r="NMC673" s="613"/>
      <c r="NMD673" s="613"/>
      <c r="NME673" s="613"/>
      <c r="NMF673" s="613"/>
      <c r="NMG673" s="613"/>
      <c r="NMH673" s="613"/>
      <c r="NMI673" s="613"/>
      <c r="NMJ673" s="613"/>
      <c r="NMK673" s="613"/>
      <c r="NML673" s="613"/>
      <c r="NMM673" s="613"/>
      <c r="NMN673" s="613"/>
      <c r="NMO673" s="613"/>
      <c r="NMP673" s="613"/>
      <c r="NMQ673" s="613"/>
      <c r="NMR673" s="613"/>
      <c r="NMS673" s="613"/>
      <c r="NMT673" s="613"/>
      <c r="NMU673" s="613"/>
      <c r="NMV673" s="613"/>
      <c r="NMW673" s="613"/>
      <c r="NMX673" s="613"/>
      <c r="NMY673" s="613"/>
      <c r="NMZ673" s="613"/>
      <c r="NNA673" s="613"/>
      <c r="NNB673" s="613"/>
      <c r="NNC673" s="613"/>
      <c r="NND673" s="613"/>
      <c r="NNE673" s="613"/>
      <c r="NNF673" s="613"/>
      <c r="NNG673" s="613"/>
      <c r="NNH673" s="613"/>
      <c r="NNI673" s="613"/>
      <c r="NNJ673" s="613"/>
      <c r="NNK673" s="613"/>
      <c r="NNL673" s="613"/>
      <c r="NNM673" s="613"/>
      <c r="NNN673" s="613"/>
      <c r="NNO673" s="613"/>
      <c r="NNP673" s="613"/>
      <c r="NNQ673" s="613"/>
      <c r="NNR673" s="613"/>
      <c r="NNS673" s="613"/>
      <c r="NNT673" s="613"/>
      <c r="NNU673" s="613"/>
      <c r="NNV673" s="613"/>
      <c r="NNW673" s="613"/>
      <c r="NNX673" s="613"/>
      <c r="NNY673" s="613"/>
      <c r="NNZ673" s="613"/>
      <c r="NOA673" s="613"/>
      <c r="NOB673" s="613"/>
      <c r="NOC673" s="613"/>
      <c r="NOD673" s="613"/>
      <c r="NOE673" s="613"/>
      <c r="NOF673" s="613"/>
      <c r="NOG673" s="613"/>
      <c r="NOH673" s="613"/>
      <c r="NOI673" s="613"/>
      <c r="NOJ673" s="613"/>
      <c r="NOK673" s="613"/>
      <c r="NOL673" s="613"/>
      <c r="NOM673" s="613"/>
      <c r="NON673" s="613"/>
      <c r="NOO673" s="613"/>
      <c r="NOP673" s="613"/>
      <c r="NOQ673" s="613"/>
      <c r="NOR673" s="613"/>
      <c r="NOS673" s="613"/>
      <c r="NOT673" s="613"/>
      <c r="NOU673" s="613"/>
      <c r="NOV673" s="613"/>
      <c r="NOW673" s="613"/>
      <c r="NOX673" s="613"/>
      <c r="NOY673" s="613"/>
      <c r="NOZ673" s="613"/>
      <c r="NPA673" s="613"/>
      <c r="NPB673" s="613"/>
      <c r="NPC673" s="613"/>
      <c r="NPD673" s="613"/>
      <c r="NPE673" s="613"/>
      <c r="NPF673" s="613"/>
      <c r="NPG673" s="613"/>
      <c r="NPH673" s="613"/>
      <c r="NPI673" s="613"/>
      <c r="NPJ673" s="613"/>
      <c r="NPK673" s="613"/>
      <c r="NPL673" s="613"/>
      <c r="NPM673" s="613"/>
      <c r="NPN673" s="613"/>
      <c r="NPO673" s="613"/>
      <c r="NPP673" s="613"/>
      <c r="NPQ673" s="613"/>
      <c r="NPR673" s="613"/>
      <c r="NPS673" s="613"/>
      <c r="NPT673" s="613"/>
      <c r="NPU673" s="613"/>
      <c r="NPV673" s="613"/>
      <c r="NPW673" s="613"/>
      <c r="NPX673" s="613"/>
      <c r="NPY673" s="613"/>
      <c r="NPZ673" s="613"/>
      <c r="NQA673" s="613"/>
      <c r="NQB673" s="613"/>
      <c r="NQC673" s="613"/>
      <c r="NQD673" s="613"/>
      <c r="NQE673" s="613"/>
      <c r="NQF673" s="613"/>
      <c r="NQG673" s="613"/>
      <c r="NQH673" s="613"/>
      <c r="NQI673" s="613"/>
      <c r="NQJ673" s="613"/>
      <c r="NQK673" s="613"/>
      <c r="NQL673" s="613"/>
      <c r="NQM673" s="613"/>
      <c r="NQN673" s="613"/>
      <c r="NQO673" s="613"/>
      <c r="NQP673" s="613"/>
      <c r="NQQ673" s="613"/>
      <c r="NQR673" s="613"/>
      <c r="NQS673" s="613"/>
      <c r="NQT673" s="613"/>
      <c r="NQU673" s="613"/>
      <c r="NQV673" s="613"/>
      <c r="NQW673" s="613"/>
      <c r="NQX673" s="613"/>
      <c r="NQY673" s="613"/>
      <c r="NQZ673" s="613"/>
      <c r="NRA673" s="613"/>
      <c r="NRB673" s="613"/>
      <c r="NRC673" s="613"/>
      <c r="NRD673" s="613"/>
      <c r="NRE673" s="613"/>
      <c r="NRF673" s="613"/>
      <c r="NRG673" s="613"/>
      <c r="NRH673" s="613"/>
      <c r="NRI673" s="613"/>
      <c r="NRJ673" s="613"/>
      <c r="NRK673" s="613"/>
      <c r="NRL673" s="613"/>
      <c r="NRM673" s="613"/>
      <c r="NRN673" s="613"/>
      <c r="NRO673" s="613"/>
      <c r="NRP673" s="613"/>
      <c r="NRQ673" s="613"/>
      <c r="NRR673" s="613"/>
      <c r="NRS673" s="613"/>
      <c r="NRT673" s="613"/>
      <c r="NRU673" s="613"/>
      <c r="NRV673" s="613"/>
      <c r="NRW673" s="613"/>
      <c r="NRX673" s="613"/>
      <c r="NRY673" s="613"/>
      <c r="NRZ673" s="613"/>
      <c r="NSA673" s="613"/>
      <c r="NSB673" s="613"/>
      <c r="NSC673" s="613"/>
      <c r="NSD673" s="613"/>
      <c r="NSE673" s="613"/>
      <c r="NSF673" s="613"/>
      <c r="NSG673" s="613"/>
      <c r="NSH673" s="613"/>
      <c r="NSI673" s="613"/>
      <c r="NSJ673" s="613"/>
      <c r="NSK673" s="613"/>
      <c r="NSL673" s="613"/>
      <c r="NSM673" s="613"/>
      <c r="NSN673" s="613"/>
      <c r="NSO673" s="613"/>
      <c r="NSP673" s="613"/>
      <c r="NSQ673" s="613"/>
      <c r="NSR673" s="613"/>
      <c r="NSS673" s="613"/>
      <c r="NST673" s="613"/>
      <c r="NSU673" s="613"/>
      <c r="NSV673" s="613"/>
      <c r="NSW673" s="613"/>
      <c r="NSX673" s="613"/>
      <c r="NSY673" s="613"/>
      <c r="NSZ673" s="613"/>
      <c r="NTA673" s="613"/>
      <c r="NTB673" s="613"/>
      <c r="NTC673" s="613"/>
      <c r="NTD673" s="613"/>
      <c r="NTE673" s="613"/>
      <c r="NTF673" s="613"/>
      <c r="NTG673" s="613"/>
      <c r="NTH673" s="613"/>
      <c r="NTI673" s="613"/>
      <c r="NTJ673" s="613"/>
      <c r="NTK673" s="613"/>
      <c r="NTL673" s="613"/>
      <c r="NTM673" s="613"/>
      <c r="NTN673" s="613"/>
      <c r="NTO673" s="613"/>
      <c r="NTP673" s="613"/>
      <c r="NTQ673" s="613"/>
      <c r="NTR673" s="613"/>
      <c r="NTS673" s="613"/>
      <c r="NTT673" s="613"/>
      <c r="NTU673" s="613"/>
      <c r="NTV673" s="613"/>
      <c r="NTW673" s="613"/>
      <c r="NTX673" s="613"/>
      <c r="NTY673" s="613"/>
      <c r="NTZ673" s="613"/>
      <c r="NUA673" s="613"/>
      <c r="NUB673" s="613"/>
      <c r="NUC673" s="613"/>
      <c r="NUD673" s="613"/>
      <c r="NUE673" s="613"/>
      <c r="NUF673" s="613"/>
      <c r="NUG673" s="613"/>
      <c r="NUH673" s="613"/>
      <c r="NUI673" s="613"/>
      <c r="NUJ673" s="613"/>
      <c r="NUK673" s="613"/>
      <c r="NUL673" s="613"/>
      <c r="NUM673" s="613"/>
      <c r="NUN673" s="613"/>
      <c r="NUO673" s="613"/>
      <c r="NUP673" s="613"/>
      <c r="NUQ673" s="613"/>
      <c r="NUR673" s="613"/>
      <c r="NUS673" s="613"/>
      <c r="NUT673" s="613"/>
      <c r="NUU673" s="613"/>
      <c r="NUV673" s="613"/>
      <c r="NUW673" s="613"/>
      <c r="NUX673" s="613"/>
      <c r="NUY673" s="613"/>
      <c r="NUZ673" s="613"/>
      <c r="NVA673" s="613"/>
      <c r="NVB673" s="613"/>
      <c r="NVC673" s="613"/>
      <c r="NVD673" s="613"/>
      <c r="NVE673" s="613"/>
      <c r="NVF673" s="613"/>
      <c r="NVG673" s="613"/>
      <c r="NVH673" s="613"/>
      <c r="NVI673" s="613"/>
      <c r="NVJ673" s="613"/>
      <c r="NVK673" s="613"/>
      <c r="NVL673" s="613"/>
      <c r="NVM673" s="613"/>
      <c r="NVN673" s="613"/>
      <c r="NVO673" s="613"/>
      <c r="NVP673" s="613"/>
      <c r="NVQ673" s="613"/>
      <c r="NVR673" s="613"/>
      <c r="NVS673" s="613"/>
      <c r="NVT673" s="613"/>
      <c r="NVU673" s="613"/>
      <c r="NVV673" s="613"/>
      <c r="NVW673" s="613"/>
      <c r="NVX673" s="613"/>
      <c r="NVY673" s="613"/>
      <c r="NVZ673" s="613"/>
      <c r="NWA673" s="613"/>
      <c r="NWB673" s="613"/>
      <c r="NWC673" s="613"/>
      <c r="NWD673" s="613"/>
      <c r="NWE673" s="613"/>
      <c r="NWF673" s="613"/>
      <c r="NWG673" s="613"/>
      <c r="NWH673" s="613"/>
      <c r="NWI673" s="613"/>
      <c r="NWJ673" s="613"/>
      <c r="NWK673" s="613"/>
      <c r="NWL673" s="613"/>
      <c r="NWM673" s="613"/>
      <c r="NWN673" s="613"/>
      <c r="NWO673" s="613"/>
      <c r="NWP673" s="613"/>
      <c r="NWQ673" s="613"/>
      <c r="NWR673" s="613"/>
      <c r="NWS673" s="613"/>
      <c r="NWT673" s="613"/>
      <c r="NWU673" s="613"/>
      <c r="NWV673" s="613"/>
      <c r="NWW673" s="613"/>
      <c r="NWX673" s="613"/>
      <c r="NWY673" s="613"/>
      <c r="NWZ673" s="613"/>
      <c r="NXA673" s="613"/>
      <c r="NXB673" s="613"/>
      <c r="NXC673" s="613"/>
      <c r="NXD673" s="613"/>
      <c r="NXE673" s="613"/>
      <c r="NXF673" s="613"/>
      <c r="NXG673" s="613"/>
      <c r="NXH673" s="613"/>
      <c r="NXI673" s="613"/>
      <c r="NXJ673" s="613"/>
      <c r="NXK673" s="613"/>
      <c r="NXL673" s="613"/>
      <c r="NXM673" s="613"/>
      <c r="NXN673" s="613"/>
      <c r="NXO673" s="613"/>
      <c r="NXP673" s="613"/>
      <c r="NXQ673" s="613"/>
      <c r="NXR673" s="613"/>
      <c r="NXS673" s="613"/>
      <c r="NXT673" s="613"/>
      <c r="NXU673" s="613"/>
      <c r="NXV673" s="613"/>
      <c r="NXW673" s="613"/>
      <c r="NXX673" s="613"/>
      <c r="NXY673" s="613"/>
      <c r="NXZ673" s="613"/>
      <c r="NYA673" s="613"/>
      <c r="NYB673" s="613"/>
      <c r="NYC673" s="613"/>
      <c r="NYD673" s="613"/>
      <c r="NYE673" s="613"/>
      <c r="NYF673" s="613"/>
      <c r="NYG673" s="613"/>
      <c r="NYH673" s="613"/>
      <c r="NYI673" s="613"/>
      <c r="NYJ673" s="613"/>
      <c r="NYK673" s="613"/>
      <c r="NYL673" s="613"/>
      <c r="NYM673" s="613"/>
      <c r="NYN673" s="613"/>
      <c r="NYO673" s="613"/>
      <c r="NYP673" s="613"/>
      <c r="NYQ673" s="613"/>
      <c r="NYR673" s="613"/>
      <c r="NYS673" s="613"/>
      <c r="NYT673" s="613"/>
      <c r="NYU673" s="613"/>
      <c r="NYV673" s="613"/>
      <c r="NYW673" s="613"/>
      <c r="NYX673" s="613"/>
      <c r="NYY673" s="613"/>
      <c r="NYZ673" s="613"/>
      <c r="NZA673" s="613"/>
      <c r="NZB673" s="613"/>
      <c r="NZC673" s="613"/>
      <c r="NZD673" s="613"/>
      <c r="NZE673" s="613"/>
      <c r="NZF673" s="613"/>
      <c r="NZG673" s="613"/>
      <c r="NZH673" s="613"/>
      <c r="NZI673" s="613"/>
      <c r="NZJ673" s="613"/>
      <c r="NZK673" s="613"/>
      <c r="NZL673" s="613"/>
      <c r="NZM673" s="613"/>
      <c r="NZN673" s="613"/>
      <c r="NZO673" s="613"/>
      <c r="NZP673" s="613"/>
      <c r="NZQ673" s="613"/>
      <c r="NZR673" s="613"/>
      <c r="NZS673" s="613"/>
      <c r="NZT673" s="613"/>
      <c r="NZU673" s="613"/>
      <c r="NZV673" s="613"/>
      <c r="NZW673" s="613"/>
      <c r="NZX673" s="613"/>
      <c r="NZY673" s="613"/>
      <c r="NZZ673" s="613"/>
      <c r="OAA673" s="613"/>
      <c r="OAB673" s="613"/>
      <c r="OAC673" s="613"/>
      <c r="OAD673" s="613"/>
      <c r="OAE673" s="613"/>
      <c r="OAF673" s="613"/>
      <c r="OAG673" s="613"/>
      <c r="OAH673" s="613"/>
      <c r="OAI673" s="613"/>
      <c r="OAJ673" s="613"/>
      <c r="OAK673" s="613"/>
      <c r="OAL673" s="613"/>
      <c r="OAM673" s="613"/>
      <c r="OAN673" s="613"/>
      <c r="OAO673" s="613"/>
      <c r="OAP673" s="613"/>
      <c r="OAQ673" s="613"/>
      <c r="OAR673" s="613"/>
      <c r="OAS673" s="613"/>
      <c r="OAT673" s="613"/>
      <c r="OAU673" s="613"/>
      <c r="OAV673" s="613"/>
      <c r="OAW673" s="613"/>
      <c r="OAX673" s="613"/>
      <c r="OAY673" s="613"/>
      <c r="OAZ673" s="613"/>
      <c r="OBA673" s="613"/>
      <c r="OBB673" s="613"/>
      <c r="OBC673" s="613"/>
      <c r="OBD673" s="613"/>
      <c r="OBE673" s="613"/>
      <c r="OBF673" s="613"/>
      <c r="OBG673" s="613"/>
      <c r="OBH673" s="613"/>
      <c r="OBI673" s="613"/>
      <c r="OBJ673" s="613"/>
      <c r="OBK673" s="613"/>
      <c r="OBL673" s="613"/>
      <c r="OBM673" s="613"/>
      <c r="OBN673" s="613"/>
      <c r="OBO673" s="613"/>
      <c r="OBP673" s="613"/>
      <c r="OBQ673" s="613"/>
      <c r="OBR673" s="613"/>
      <c r="OBS673" s="613"/>
      <c r="OBT673" s="613"/>
      <c r="OBU673" s="613"/>
      <c r="OBV673" s="613"/>
      <c r="OBW673" s="613"/>
      <c r="OBX673" s="613"/>
      <c r="OBY673" s="613"/>
      <c r="OBZ673" s="613"/>
      <c r="OCA673" s="613"/>
      <c r="OCB673" s="613"/>
      <c r="OCC673" s="613"/>
      <c r="OCD673" s="613"/>
      <c r="OCE673" s="613"/>
      <c r="OCF673" s="613"/>
      <c r="OCG673" s="613"/>
      <c r="OCH673" s="613"/>
      <c r="OCI673" s="613"/>
      <c r="OCJ673" s="613"/>
      <c r="OCK673" s="613"/>
      <c r="OCL673" s="613"/>
      <c r="OCM673" s="613"/>
      <c r="OCN673" s="613"/>
      <c r="OCO673" s="613"/>
      <c r="OCP673" s="613"/>
      <c r="OCQ673" s="613"/>
      <c r="OCR673" s="613"/>
      <c r="OCS673" s="613"/>
      <c r="OCT673" s="613"/>
      <c r="OCU673" s="613"/>
      <c r="OCV673" s="613"/>
      <c r="OCW673" s="613"/>
      <c r="OCX673" s="613"/>
      <c r="OCY673" s="613"/>
      <c r="OCZ673" s="613"/>
      <c r="ODA673" s="613"/>
      <c r="ODB673" s="613"/>
      <c r="ODC673" s="613"/>
      <c r="ODD673" s="613"/>
      <c r="ODE673" s="613"/>
      <c r="ODF673" s="613"/>
      <c r="ODG673" s="613"/>
      <c r="ODH673" s="613"/>
      <c r="ODI673" s="613"/>
      <c r="ODJ673" s="613"/>
      <c r="ODK673" s="613"/>
      <c r="ODL673" s="613"/>
      <c r="ODM673" s="613"/>
      <c r="ODN673" s="613"/>
      <c r="ODO673" s="613"/>
      <c r="ODP673" s="613"/>
      <c r="ODQ673" s="613"/>
      <c r="ODR673" s="613"/>
      <c r="ODS673" s="613"/>
      <c r="ODT673" s="613"/>
      <c r="ODU673" s="613"/>
      <c r="ODV673" s="613"/>
      <c r="ODW673" s="613"/>
      <c r="ODX673" s="613"/>
      <c r="ODY673" s="613"/>
      <c r="ODZ673" s="613"/>
      <c r="OEA673" s="613"/>
      <c r="OEB673" s="613"/>
      <c r="OEC673" s="613"/>
      <c r="OED673" s="613"/>
      <c r="OEE673" s="613"/>
      <c r="OEF673" s="613"/>
      <c r="OEG673" s="613"/>
      <c r="OEH673" s="613"/>
      <c r="OEI673" s="613"/>
      <c r="OEJ673" s="613"/>
      <c r="OEK673" s="613"/>
      <c r="OEL673" s="613"/>
      <c r="OEM673" s="613"/>
      <c r="OEN673" s="613"/>
      <c r="OEO673" s="613"/>
      <c r="OEP673" s="613"/>
      <c r="OEQ673" s="613"/>
      <c r="OER673" s="613"/>
      <c r="OES673" s="613"/>
      <c r="OET673" s="613"/>
      <c r="OEU673" s="613"/>
      <c r="OEV673" s="613"/>
      <c r="OEW673" s="613"/>
      <c r="OEX673" s="613"/>
      <c r="OEY673" s="613"/>
      <c r="OEZ673" s="613"/>
      <c r="OFA673" s="613"/>
      <c r="OFB673" s="613"/>
      <c r="OFC673" s="613"/>
      <c r="OFD673" s="613"/>
      <c r="OFE673" s="613"/>
      <c r="OFF673" s="613"/>
      <c r="OFG673" s="613"/>
      <c r="OFH673" s="613"/>
      <c r="OFI673" s="613"/>
      <c r="OFJ673" s="613"/>
      <c r="OFK673" s="613"/>
      <c r="OFL673" s="613"/>
      <c r="OFM673" s="613"/>
      <c r="OFN673" s="613"/>
      <c r="OFO673" s="613"/>
      <c r="OFP673" s="613"/>
      <c r="OFQ673" s="613"/>
      <c r="OFR673" s="613"/>
      <c r="OFS673" s="613"/>
      <c r="OFT673" s="613"/>
      <c r="OFU673" s="613"/>
      <c r="OFV673" s="613"/>
      <c r="OFW673" s="613"/>
      <c r="OFX673" s="613"/>
      <c r="OFY673" s="613"/>
      <c r="OFZ673" s="613"/>
      <c r="OGA673" s="613"/>
      <c r="OGB673" s="613"/>
      <c r="OGC673" s="613"/>
      <c r="OGD673" s="613"/>
      <c r="OGE673" s="613"/>
      <c r="OGF673" s="613"/>
      <c r="OGG673" s="613"/>
      <c r="OGH673" s="613"/>
      <c r="OGI673" s="613"/>
      <c r="OGJ673" s="613"/>
      <c r="OGK673" s="613"/>
      <c r="OGL673" s="613"/>
      <c r="OGM673" s="613"/>
      <c r="OGN673" s="613"/>
      <c r="OGO673" s="613"/>
      <c r="OGP673" s="613"/>
      <c r="OGQ673" s="613"/>
      <c r="OGR673" s="613"/>
      <c r="OGS673" s="613"/>
      <c r="OGT673" s="613"/>
      <c r="OGU673" s="613"/>
      <c r="OGV673" s="613"/>
      <c r="OGW673" s="613"/>
      <c r="OGX673" s="613"/>
      <c r="OGY673" s="613"/>
      <c r="OGZ673" s="613"/>
      <c r="OHA673" s="613"/>
      <c r="OHB673" s="613"/>
      <c r="OHC673" s="613"/>
      <c r="OHD673" s="613"/>
      <c r="OHE673" s="613"/>
      <c r="OHF673" s="613"/>
      <c r="OHG673" s="613"/>
      <c r="OHH673" s="613"/>
      <c r="OHI673" s="613"/>
      <c r="OHJ673" s="613"/>
      <c r="OHK673" s="613"/>
      <c r="OHL673" s="613"/>
      <c r="OHM673" s="613"/>
      <c r="OHN673" s="613"/>
      <c r="OHO673" s="613"/>
      <c r="OHP673" s="613"/>
      <c r="OHQ673" s="613"/>
      <c r="OHR673" s="613"/>
      <c r="OHS673" s="613"/>
      <c r="OHT673" s="613"/>
      <c r="OHU673" s="613"/>
      <c r="OHV673" s="613"/>
      <c r="OHW673" s="613"/>
      <c r="OHX673" s="613"/>
      <c r="OHY673" s="613"/>
      <c r="OHZ673" s="613"/>
      <c r="OIA673" s="613"/>
      <c r="OIB673" s="613"/>
      <c r="OIC673" s="613"/>
      <c r="OID673" s="613"/>
      <c r="OIE673" s="613"/>
      <c r="OIF673" s="613"/>
      <c r="OIG673" s="613"/>
      <c r="OIH673" s="613"/>
      <c r="OII673" s="613"/>
      <c r="OIJ673" s="613"/>
      <c r="OIK673" s="613"/>
      <c r="OIL673" s="613"/>
      <c r="OIM673" s="613"/>
      <c r="OIN673" s="613"/>
      <c r="OIO673" s="613"/>
      <c r="OIP673" s="613"/>
      <c r="OIQ673" s="613"/>
      <c r="OIR673" s="613"/>
      <c r="OIS673" s="613"/>
      <c r="OIT673" s="613"/>
      <c r="OIU673" s="613"/>
      <c r="OIV673" s="613"/>
      <c r="OIW673" s="613"/>
      <c r="OIX673" s="613"/>
      <c r="OIY673" s="613"/>
      <c r="OIZ673" s="613"/>
      <c r="OJA673" s="613"/>
      <c r="OJB673" s="613"/>
      <c r="OJC673" s="613"/>
      <c r="OJD673" s="613"/>
      <c r="OJE673" s="613"/>
      <c r="OJF673" s="613"/>
      <c r="OJG673" s="613"/>
      <c r="OJH673" s="613"/>
      <c r="OJI673" s="613"/>
      <c r="OJJ673" s="613"/>
      <c r="OJK673" s="613"/>
      <c r="OJL673" s="613"/>
      <c r="OJM673" s="613"/>
      <c r="OJN673" s="613"/>
      <c r="OJO673" s="613"/>
      <c r="OJP673" s="613"/>
      <c r="OJQ673" s="613"/>
      <c r="OJR673" s="613"/>
      <c r="OJS673" s="613"/>
      <c r="OJT673" s="613"/>
      <c r="OJU673" s="613"/>
      <c r="OJV673" s="613"/>
      <c r="OJW673" s="613"/>
      <c r="OJX673" s="613"/>
      <c r="OJY673" s="613"/>
      <c r="OJZ673" s="613"/>
      <c r="OKA673" s="613"/>
      <c r="OKB673" s="613"/>
      <c r="OKC673" s="613"/>
      <c r="OKD673" s="613"/>
      <c r="OKE673" s="613"/>
      <c r="OKF673" s="613"/>
      <c r="OKG673" s="613"/>
      <c r="OKH673" s="613"/>
      <c r="OKI673" s="613"/>
      <c r="OKJ673" s="613"/>
      <c r="OKK673" s="613"/>
      <c r="OKL673" s="613"/>
      <c r="OKM673" s="613"/>
      <c r="OKN673" s="613"/>
      <c r="OKO673" s="613"/>
      <c r="OKP673" s="613"/>
      <c r="OKQ673" s="613"/>
      <c r="OKR673" s="613"/>
      <c r="OKS673" s="613"/>
      <c r="OKT673" s="613"/>
      <c r="OKU673" s="613"/>
      <c r="OKV673" s="613"/>
      <c r="OKW673" s="613"/>
      <c r="OKX673" s="613"/>
      <c r="OKY673" s="613"/>
      <c r="OKZ673" s="613"/>
      <c r="OLA673" s="613"/>
      <c r="OLB673" s="613"/>
      <c r="OLC673" s="613"/>
      <c r="OLD673" s="613"/>
      <c r="OLE673" s="613"/>
      <c r="OLF673" s="613"/>
      <c r="OLG673" s="613"/>
      <c r="OLH673" s="613"/>
      <c r="OLI673" s="613"/>
      <c r="OLJ673" s="613"/>
      <c r="OLK673" s="613"/>
      <c r="OLL673" s="613"/>
      <c r="OLM673" s="613"/>
      <c r="OLN673" s="613"/>
      <c r="OLO673" s="613"/>
      <c r="OLP673" s="613"/>
      <c r="OLQ673" s="613"/>
      <c r="OLR673" s="613"/>
      <c r="OLS673" s="613"/>
      <c r="OLT673" s="613"/>
      <c r="OLU673" s="613"/>
      <c r="OLV673" s="613"/>
      <c r="OLW673" s="613"/>
      <c r="OLX673" s="613"/>
      <c r="OLY673" s="613"/>
      <c r="OLZ673" s="613"/>
      <c r="OMA673" s="613"/>
      <c r="OMB673" s="613"/>
      <c r="OMC673" s="613"/>
      <c r="OMD673" s="613"/>
      <c r="OME673" s="613"/>
      <c r="OMF673" s="613"/>
      <c r="OMG673" s="613"/>
      <c r="OMH673" s="613"/>
      <c r="OMI673" s="613"/>
      <c r="OMJ673" s="613"/>
      <c r="OMK673" s="613"/>
      <c r="OML673" s="613"/>
      <c r="OMM673" s="613"/>
      <c r="OMN673" s="613"/>
      <c r="OMO673" s="613"/>
      <c r="OMP673" s="613"/>
      <c r="OMQ673" s="613"/>
      <c r="OMR673" s="613"/>
      <c r="OMS673" s="613"/>
      <c r="OMT673" s="613"/>
      <c r="OMU673" s="613"/>
      <c r="OMV673" s="613"/>
      <c r="OMW673" s="613"/>
      <c r="OMX673" s="613"/>
      <c r="OMY673" s="613"/>
      <c r="OMZ673" s="613"/>
      <c r="ONA673" s="613"/>
      <c r="ONB673" s="613"/>
      <c r="ONC673" s="613"/>
      <c r="OND673" s="613"/>
      <c r="ONE673" s="613"/>
      <c r="ONF673" s="613"/>
      <c r="ONG673" s="613"/>
      <c r="ONH673" s="613"/>
      <c r="ONI673" s="613"/>
      <c r="ONJ673" s="613"/>
      <c r="ONK673" s="613"/>
      <c r="ONL673" s="613"/>
      <c r="ONM673" s="613"/>
      <c r="ONN673" s="613"/>
      <c r="ONO673" s="613"/>
      <c r="ONP673" s="613"/>
      <c r="ONQ673" s="613"/>
      <c r="ONR673" s="613"/>
      <c r="ONS673" s="613"/>
      <c r="ONT673" s="613"/>
      <c r="ONU673" s="613"/>
      <c r="ONV673" s="613"/>
      <c r="ONW673" s="613"/>
      <c r="ONX673" s="613"/>
      <c r="ONY673" s="613"/>
      <c r="ONZ673" s="613"/>
      <c r="OOA673" s="613"/>
      <c r="OOB673" s="613"/>
      <c r="OOC673" s="613"/>
      <c r="OOD673" s="613"/>
      <c r="OOE673" s="613"/>
      <c r="OOF673" s="613"/>
      <c r="OOG673" s="613"/>
      <c r="OOH673" s="613"/>
      <c r="OOI673" s="613"/>
      <c r="OOJ673" s="613"/>
      <c r="OOK673" s="613"/>
      <c r="OOL673" s="613"/>
      <c r="OOM673" s="613"/>
      <c r="OON673" s="613"/>
      <c r="OOO673" s="613"/>
      <c r="OOP673" s="613"/>
      <c r="OOQ673" s="613"/>
      <c r="OOR673" s="613"/>
      <c r="OOS673" s="613"/>
      <c r="OOT673" s="613"/>
      <c r="OOU673" s="613"/>
      <c r="OOV673" s="613"/>
      <c r="OOW673" s="613"/>
      <c r="OOX673" s="613"/>
      <c r="OOY673" s="613"/>
      <c r="OOZ673" s="613"/>
      <c r="OPA673" s="613"/>
      <c r="OPB673" s="613"/>
      <c r="OPC673" s="613"/>
      <c r="OPD673" s="613"/>
      <c r="OPE673" s="613"/>
      <c r="OPF673" s="613"/>
      <c r="OPG673" s="613"/>
      <c r="OPH673" s="613"/>
      <c r="OPI673" s="613"/>
      <c r="OPJ673" s="613"/>
      <c r="OPK673" s="613"/>
      <c r="OPL673" s="613"/>
      <c r="OPM673" s="613"/>
      <c r="OPN673" s="613"/>
      <c r="OPO673" s="613"/>
      <c r="OPP673" s="613"/>
      <c r="OPQ673" s="613"/>
      <c r="OPR673" s="613"/>
      <c r="OPS673" s="613"/>
      <c r="OPT673" s="613"/>
      <c r="OPU673" s="613"/>
      <c r="OPV673" s="613"/>
      <c r="OPW673" s="613"/>
      <c r="OPX673" s="613"/>
      <c r="OPY673" s="613"/>
      <c r="OPZ673" s="613"/>
      <c r="OQA673" s="613"/>
      <c r="OQB673" s="613"/>
      <c r="OQC673" s="613"/>
      <c r="OQD673" s="613"/>
      <c r="OQE673" s="613"/>
      <c r="OQF673" s="613"/>
      <c r="OQG673" s="613"/>
      <c r="OQH673" s="613"/>
      <c r="OQI673" s="613"/>
      <c r="OQJ673" s="613"/>
      <c r="OQK673" s="613"/>
      <c r="OQL673" s="613"/>
      <c r="OQM673" s="613"/>
      <c r="OQN673" s="613"/>
      <c r="OQO673" s="613"/>
      <c r="OQP673" s="613"/>
      <c r="OQQ673" s="613"/>
      <c r="OQR673" s="613"/>
      <c r="OQS673" s="613"/>
      <c r="OQT673" s="613"/>
      <c r="OQU673" s="613"/>
      <c r="OQV673" s="613"/>
      <c r="OQW673" s="613"/>
      <c r="OQX673" s="613"/>
      <c r="OQY673" s="613"/>
      <c r="OQZ673" s="613"/>
      <c r="ORA673" s="613"/>
      <c r="ORB673" s="613"/>
      <c r="ORC673" s="613"/>
      <c r="ORD673" s="613"/>
      <c r="ORE673" s="613"/>
      <c r="ORF673" s="613"/>
      <c r="ORG673" s="613"/>
      <c r="ORH673" s="613"/>
      <c r="ORI673" s="613"/>
      <c r="ORJ673" s="613"/>
      <c r="ORK673" s="613"/>
      <c r="ORL673" s="613"/>
      <c r="ORM673" s="613"/>
      <c r="ORN673" s="613"/>
      <c r="ORO673" s="613"/>
      <c r="ORP673" s="613"/>
      <c r="ORQ673" s="613"/>
      <c r="ORR673" s="613"/>
      <c r="ORS673" s="613"/>
      <c r="ORT673" s="613"/>
      <c r="ORU673" s="613"/>
      <c r="ORV673" s="613"/>
      <c r="ORW673" s="613"/>
      <c r="ORX673" s="613"/>
      <c r="ORY673" s="613"/>
      <c r="ORZ673" s="613"/>
      <c r="OSA673" s="613"/>
      <c r="OSB673" s="613"/>
      <c r="OSC673" s="613"/>
      <c r="OSD673" s="613"/>
      <c r="OSE673" s="613"/>
      <c r="OSF673" s="613"/>
      <c r="OSG673" s="613"/>
      <c r="OSH673" s="613"/>
      <c r="OSI673" s="613"/>
      <c r="OSJ673" s="613"/>
      <c r="OSK673" s="613"/>
      <c r="OSL673" s="613"/>
      <c r="OSM673" s="613"/>
      <c r="OSN673" s="613"/>
      <c r="OSO673" s="613"/>
      <c r="OSP673" s="613"/>
      <c r="OSQ673" s="613"/>
      <c r="OSR673" s="613"/>
      <c r="OSS673" s="613"/>
      <c r="OST673" s="613"/>
      <c r="OSU673" s="613"/>
      <c r="OSV673" s="613"/>
      <c r="OSW673" s="613"/>
      <c r="OSX673" s="613"/>
      <c r="OSY673" s="613"/>
      <c r="OSZ673" s="613"/>
      <c r="OTA673" s="613"/>
      <c r="OTB673" s="613"/>
      <c r="OTC673" s="613"/>
      <c r="OTD673" s="613"/>
      <c r="OTE673" s="613"/>
      <c r="OTF673" s="613"/>
      <c r="OTG673" s="613"/>
      <c r="OTH673" s="613"/>
      <c r="OTI673" s="613"/>
      <c r="OTJ673" s="613"/>
      <c r="OTK673" s="613"/>
      <c r="OTL673" s="613"/>
      <c r="OTM673" s="613"/>
      <c r="OTN673" s="613"/>
      <c r="OTO673" s="613"/>
      <c r="OTP673" s="613"/>
      <c r="OTQ673" s="613"/>
      <c r="OTR673" s="613"/>
      <c r="OTS673" s="613"/>
      <c r="OTT673" s="613"/>
      <c r="OTU673" s="613"/>
      <c r="OTV673" s="613"/>
      <c r="OTW673" s="613"/>
      <c r="OTX673" s="613"/>
      <c r="OTY673" s="613"/>
      <c r="OTZ673" s="613"/>
      <c r="OUA673" s="613"/>
      <c r="OUB673" s="613"/>
      <c r="OUC673" s="613"/>
      <c r="OUD673" s="613"/>
      <c r="OUE673" s="613"/>
      <c r="OUF673" s="613"/>
      <c r="OUG673" s="613"/>
      <c r="OUH673" s="613"/>
      <c r="OUI673" s="613"/>
      <c r="OUJ673" s="613"/>
      <c r="OUK673" s="613"/>
      <c r="OUL673" s="613"/>
      <c r="OUM673" s="613"/>
      <c r="OUN673" s="613"/>
      <c r="OUO673" s="613"/>
      <c r="OUP673" s="613"/>
      <c r="OUQ673" s="613"/>
      <c r="OUR673" s="613"/>
      <c r="OUS673" s="613"/>
      <c r="OUT673" s="613"/>
      <c r="OUU673" s="613"/>
      <c r="OUV673" s="613"/>
      <c r="OUW673" s="613"/>
      <c r="OUX673" s="613"/>
      <c r="OUY673" s="613"/>
      <c r="OUZ673" s="613"/>
      <c r="OVA673" s="613"/>
      <c r="OVB673" s="613"/>
      <c r="OVC673" s="613"/>
      <c r="OVD673" s="613"/>
      <c r="OVE673" s="613"/>
      <c r="OVF673" s="613"/>
      <c r="OVG673" s="613"/>
      <c r="OVH673" s="613"/>
      <c r="OVI673" s="613"/>
      <c r="OVJ673" s="613"/>
      <c r="OVK673" s="613"/>
      <c r="OVL673" s="613"/>
      <c r="OVM673" s="613"/>
      <c r="OVN673" s="613"/>
      <c r="OVO673" s="613"/>
      <c r="OVP673" s="613"/>
      <c r="OVQ673" s="613"/>
      <c r="OVR673" s="613"/>
      <c r="OVS673" s="613"/>
      <c r="OVT673" s="613"/>
      <c r="OVU673" s="613"/>
      <c r="OVV673" s="613"/>
      <c r="OVW673" s="613"/>
      <c r="OVX673" s="613"/>
      <c r="OVY673" s="613"/>
      <c r="OVZ673" s="613"/>
      <c r="OWA673" s="613"/>
      <c r="OWB673" s="613"/>
      <c r="OWC673" s="613"/>
      <c r="OWD673" s="613"/>
      <c r="OWE673" s="613"/>
      <c r="OWF673" s="613"/>
      <c r="OWG673" s="613"/>
      <c r="OWH673" s="613"/>
      <c r="OWI673" s="613"/>
      <c r="OWJ673" s="613"/>
      <c r="OWK673" s="613"/>
      <c r="OWL673" s="613"/>
      <c r="OWM673" s="613"/>
      <c r="OWN673" s="613"/>
      <c r="OWO673" s="613"/>
      <c r="OWP673" s="613"/>
      <c r="OWQ673" s="613"/>
      <c r="OWR673" s="613"/>
      <c r="OWS673" s="613"/>
      <c r="OWT673" s="613"/>
      <c r="OWU673" s="613"/>
      <c r="OWV673" s="613"/>
      <c r="OWW673" s="613"/>
      <c r="OWX673" s="613"/>
      <c r="OWY673" s="613"/>
      <c r="OWZ673" s="613"/>
      <c r="OXA673" s="613"/>
      <c r="OXB673" s="613"/>
      <c r="OXC673" s="613"/>
      <c r="OXD673" s="613"/>
      <c r="OXE673" s="613"/>
      <c r="OXF673" s="613"/>
      <c r="OXG673" s="613"/>
      <c r="OXH673" s="613"/>
      <c r="OXI673" s="613"/>
      <c r="OXJ673" s="613"/>
      <c r="OXK673" s="613"/>
      <c r="OXL673" s="613"/>
      <c r="OXM673" s="613"/>
      <c r="OXN673" s="613"/>
      <c r="OXO673" s="613"/>
      <c r="OXP673" s="613"/>
      <c r="OXQ673" s="613"/>
      <c r="OXR673" s="613"/>
      <c r="OXS673" s="613"/>
      <c r="OXT673" s="613"/>
      <c r="OXU673" s="613"/>
      <c r="OXV673" s="613"/>
      <c r="OXW673" s="613"/>
      <c r="OXX673" s="613"/>
      <c r="OXY673" s="613"/>
      <c r="OXZ673" s="613"/>
      <c r="OYA673" s="613"/>
      <c r="OYB673" s="613"/>
      <c r="OYC673" s="613"/>
      <c r="OYD673" s="613"/>
      <c r="OYE673" s="613"/>
      <c r="OYF673" s="613"/>
      <c r="OYG673" s="613"/>
      <c r="OYH673" s="613"/>
      <c r="OYI673" s="613"/>
      <c r="OYJ673" s="613"/>
      <c r="OYK673" s="613"/>
      <c r="OYL673" s="613"/>
      <c r="OYM673" s="613"/>
      <c r="OYN673" s="613"/>
      <c r="OYO673" s="613"/>
      <c r="OYP673" s="613"/>
      <c r="OYQ673" s="613"/>
      <c r="OYR673" s="613"/>
      <c r="OYS673" s="613"/>
      <c r="OYT673" s="613"/>
      <c r="OYU673" s="613"/>
      <c r="OYV673" s="613"/>
      <c r="OYW673" s="613"/>
      <c r="OYX673" s="613"/>
      <c r="OYY673" s="613"/>
      <c r="OYZ673" s="613"/>
      <c r="OZA673" s="613"/>
      <c r="OZB673" s="613"/>
      <c r="OZC673" s="613"/>
      <c r="OZD673" s="613"/>
      <c r="OZE673" s="613"/>
      <c r="OZF673" s="613"/>
      <c r="OZG673" s="613"/>
      <c r="OZH673" s="613"/>
      <c r="OZI673" s="613"/>
      <c r="OZJ673" s="613"/>
      <c r="OZK673" s="613"/>
      <c r="OZL673" s="613"/>
      <c r="OZM673" s="613"/>
      <c r="OZN673" s="613"/>
      <c r="OZO673" s="613"/>
      <c r="OZP673" s="613"/>
      <c r="OZQ673" s="613"/>
      <c r="OZR673" s="613"/>
      <c r="OZS673" s="613"/>
      <c r="OZT673" s="613"/>
      <c r="OZU673" s="613"/>
      <c r="OZV673" s="613"/>
      <c r="OZW673" s="613"/>
      <c r="OZX673" s="613"/>
      <c r="OZY673" s="613"/>
      <c r="OZZ673" s="613"/>
      <c r="PAA673" s="613"/>
      <c r="PAB673" s="613"/>
      <c r="PAC673" s="613"/>
      <c r="PAD673" s="613"/>
      <c r="PAE673" s="613"/>
      <c r="PAF673" s="613"/>
      <c r="PAG673" s="613"/>
      <c r="PAH673" s="613"/>
      <c r="PAI673" s="613"/>
      <c r="PAJ673" s="613"/>
      <c r="PAK673" s="613"/>
      <c r="PAL673" s="613"/>
      <c r="PAM673" s="613"/>
      <c r="PAN673" s="613"/>
      <c r="PAO673" s="613"/>
      <c r="PAP673" s="613"/>
      <c r="PAQ673" s="613"/>
      <c r="PAR673" s="613"/>
      <c r="PAS673" s="613"/>
      <c r="PAT673" s="613"/>
      <c r="PAU673" s="613"/>
      <c r="PAV673" s="613"/>
      <c r="PAW673" s="613"/>
      <c r="PAX673" s="613"/>
      <c r="PAY673" s="613"/>
      <c r="PAZ673" s="613"/>
      <c r="PBA673" s="613"/>
      <c r="PBB673" s="613"/>
      <c r="PBC673" s="613"/>
      <c r="PBD673" s="613"/>
      <c r="PBE673" s="613"/>
      <c r="PBF673" s="613"/>
      <c r="PBG673" s="613"/>
      <c r="PBH673" s="613"/>
      <c r="PBI673" s="613"/>
      <c r="PBJ673" s="613"/>
      <c r="PBK673" s="613"/>
      <c r="PBL673" s="613"/>
      <c r="PBM673" s="613"/>
      <c r="PBN673" s="613"/>
      <c r="PBO673" s="613"/>
      <c r="PBP673" s="613"/>
      <c r="PBQ673" s="613"/>
      <c r="PBR673" s="613"/>
      <c r="PBS673" s="613"/>
      <c r="PBT673" s="613"/>
      <c r="PBU673" s="613"/>
      <c r="PBV673" s="613"/>
      <c r="PBW673" s="613"/>
      <c r="PBX673" s="613"/>
      <c r="PBY673" s="613"/>
      <c r="PBZ673" s="613"/>
      <c r="PCA673" s="613"/>
      <c r="PCB673" s="613"/>
      <c r="PCC673" s="613"/>
      <c r="PCD673" s="613"/>
      <c r="PCE673" s="613"/>
      <c r="PCF673" s="613"/>
      <c r="PCG673" s="613"/>
      <c r="PCH673" s="613"/>
      <c r="PCI673" s="613"/>
      <c r="PCJ673" s="613"/>
      <c r="PCK673" s="613"/>
      <c r="PCL673" s="613"/>
      <c r="PCM673" s="613"/>
      <c r="PCN673" s="613"/>
      <c r="PCO673" s="613"/>
      <c r="PCP673" s="613"/>
      <c r="PCQ673" s="613"/>
      <c r="PCR673" s="613"/>
      <c r="PCS673" s="613"/>
      <c r="PCT673" s="613"/>
      <c r="PCU673" s="613"/>
      <c r="PCV673" s="613"/>
      <c r="PCW673" s="613"/>
      <c r="PCX673" s="613"/>
      <c r="PCY673" s="613"/>
      <c r="PCZ673" s="613"/>
      <c r="PDA673" s="613"/>
      <c r="PDB673" s="613"/>
      <c r="PDC673" s="613"/>
      <c r="PDD673" s="613"/>
      <c r="PDE673" s="613"/>
      <c r="PDF673" s="613"/>
      <c r="PDG673" s="613"/>
      <c r="PDH673" s="613"/>
      <c r="PDI673" s="613"/>
      <c r="PDJ673" s="613"/>
      <c r="PDK673" s="613"/>
      <c r="PDL673" s="613"/>
      <c r="PDM673" s="613"/>
      <c r="PDN673" s="613"/>
      <c r="PDO673" s="613"/>
      <c r="PDP673" s="613"/>
      <c r="PDQ673" s="613"/>
      <c r="PDR673" s="613"/>
      <c r="PDS673" s="613"/>
      <c r="PDT673" s="613"/>
      <c r="PDU673" s="613"/>
      <c r="PDV673" s="613"/>
      <c r="PDW673" s="613"/>
      <c r="PDX673" s="613"/>
      <c r="PDY673" s="613"/>
      <c r="PDZ673" s="613"/>
      <c r="PEA673" s="613"/>
      <c r="PEB673" s="613"/>
      <c r="PEC673" s="613"/>
      <c r="PED673" s="613"/>
      <c r="PEE673" s="613"/>
      <c r="PEF673" s="613"/>
      <c r="PEG673" s="613"/>
      <c r="PEH673" s="613"/>
      <c r="PEI673" s="613"/>
      <c r="PEJ673" s="613"/>
      <c r="PEK673" s="613"/>
      <c r="PEL673" s="613"/>
      <c r="PEM673" s="613"/>
      <c r="PEN673" s="613"/>
      <c r="PEO673" s="613"/>
      <c r="PEP673" s="613"/>
      <c r="PEQ673" s="613"/>
      <c r="PER673" s="613"/>
      <c r="PES673" s="613"/>
      <c r="PET673" s="613"/>
      <c r="PEU673" s="613"/>
      <c r="PEV673" s="613"/>
      <c r="PEW673" s="613"/>
      <c r="PEX673" s="613"/>
      <c r="PEY673" s="613"/>
      <c r="PEZ673" s="613"/>
      <c r="PFA673" s="613"/>
      <c r="PFB673" s="613"/>
      <c r="PFC673" s="613"/>
      <c r="PFD673" s="613"/>
      <c r="PFE673" s="613"/>
      <c r="PFF673" s="613"/>
      <c r="PFG673" s="613"/>
      <c r="PFH673" s="613"/>
      <c r="PFI673" s="613"/>
      <c r="PFJ673" s="613"/>
      <c r="PFK673" s="613"/>
      <c r="PFL673" s="613"/>
      <c r="PFM673" s="613"/>
      <c r="PFN673" s="613"/>
      <c r="PFO673" s="613"/>
      <c r="PFP673" s="613"/>
      <c r="PFQ673" s="613"/>
      <c r="PFR673" s="613"/>
      <c r="PFS673" s="613"/>
      <c r="PFT673" s="613"/>
      <c r="PFU673" s="613"/>
      <c r="PFV673" s="613"/>
      <c r="PFW673" s="613"/>
      <c r="PFX673" s="613"/>
      <c r="PFY673" s="613"/>
      <c r="PFZ673" s="613"/>
      <c r="PGA673" s="613"/>
      <c r="PGB673" s="613"/>
      <c r="PGC673" s="613"/>
      <c r="PGD673" s="613"/>
      <c r="PGE673" s="613"/>
      <c r="PGF673" s="613"/>
      <c r="PGG673" s="613"/>
      <c r="PGH673" s="613"/>
      <c r="PGI673" s="613"/>
      <c r="PGJ673" s="613"/>
      <c r="PGK673" s="613"/>
      <c r="PGL673" s="613"/>
      <c r="PGM673" s="613"/>
      <c r="PGN673" s="613"/>
      <c r="PGO673" s="613"/>
      <c r="PGP673" s="613"/>
      <c r="PGQ673" s="613"/>
      <c r="PGR673" s="613"/>
      <c r="PGS673" s="613"/>
      <c r="PGT673" s="613"/>
      <c r="PGU673" s="613"/>
      <c r="PGV673" s="613"/>
      <c r="PGW673" s="613"/>
      <c r="PGX673" s="613"/>
      <c r="PGY673" s="613"/>
      <c r="PGZ673" s="613"/>
      <c r="PHA673" s="613"/>
      <c r="PHB673" s="613"/>
      <c r="PHC673" s="613"/>
      <c r="PHD673" s="613"/>
      <c r="PHE673" s="613"/>
      <c r="PHF673" s="613"/>
      <c r="PHG673" s="613"/>
      <c r="PHH673" s="613"/>
      <c r="PHI673" s="613"/>
      <c r="PHJ673" s="613"/>
      <c r="PHK673" s="613"/>
      <c r="PHL673" s="613"/>
      <c r="PHM673" s="613"/>
      <c r="PHN673" s="613"/>
      <c r="PHO673" s="613"/>
      <c r="PHP673" s="613"/>
      <c r="PHQ673" s="613"/>
      <c r="PHR673" s="613"/>
      <c r="PHS673" s="613"/>
      <c r="PHT673" s="613"/>
      <c r="PHU673" s="613"/>
      <c r="PHV673" s="613"/>
      <c r="PHW673" s="613"/>
      <c r="PHX673" s="613"/>
      <c r="PHY673" s="613"/>
      <c r="PHZ673" s="613"/>
      <c r="PIA673" s="613"/>
      <c r="PIB673" s="613"/>
      <c r="PIC673" s="613"/>
      <c r="PID673" s="613"/>
      <c r="PIE673" s="613"/>
      <c r="PIF673" s="613"/>
      <c r="PIG673" s="613"/>
      <c r="PIH673" s="613"/>
      <c r="PII673" s="613"/>
      <c r="PIJ673" s="613"/>
      <c r="PIK673" s="613"/>
      <c r="PIL673" s="613"/>
      <c r="PIM673" s="613"/>
      <c r="PIN673" s="613"/>
      <c r="PIO673" s="613"/>
      <c r="PIP673" s="613"/>
      <c r="PIQ673" s="613"/>
      <c r="PIR673" s="613"/>
      <c r="PIS673" s="613"/>
      <c r="PIT673" s="613"/>
      <c r="PIU673" s="613"/>
      <c r="PIV673" s="613"/>
      <c r="PIW673" s="613"/>
      <c r="PIX673" s="613"/>
      <c r="PIY673" s="613"/>
      <c r="PIZ673" s="613"/>
      <c r="PJA673" s="613"/>
      <c r="PJB673" s="613"/>
      <c r="PJC673" s="613"/>
      <c r="PJD673" s="613"/>
      <c r="PJE673" s="613"/>
      <c r="PJF673" s="613"/>
      <c r="PJG673" s="613"/>
      <c r="PJH673" s="613"/>
      <c r="PJI673" s="613"/>
      <c r="PJJ673" s="613"/>
      <c r="PJK673" s="613"/>
      <c r="PJL673" s="613"/>
      <c r="PJM673" s="613"/>
      <c r="PJN673" s="613"/>
      <c r="PJO673" s="613"/>
      <c r="PJP673" s="613"/>
      <c r="PJQ673" s="613"/>
      <c r="PJR673" s="613"/>
      <c r="PJS673" s="613"/>
      <c r="PJT673" s="613"/>
      <c r="PJU673" s="613"/>
      <c r="PJV673" s="613"/>
      <c r="PJW673" s="613"/>
      <c r="PJX673" s="613"/>
      <c r="PJY673" s="613"/>
      <c r="PJZ673" s="613"/>
      <c r="PKA673" s="613"/>
      <c r="PKB673" s="613"/>
      <c r="PKC673" s="613"/>
      <c r="PKD673" s="613"/>
      <c r="PKE673" s="613"/>
      <c r="PKF673" s="613"/>
      <c r="PKG673" s="613"/>
      <c r="PKH673" s="613"/>
      <c r="PKI673" s="613"/>
      <c r="PKJ673" s="613"/>
      <c r="PKK673" s="613"/>
      <c r="PKL673" s="613"/>
      <c r="PKM673" s="613"/>
      <c r="PKN673" s="613"/>
      <c r="PKO673" s="613"/>
      <c r="PKP673" s="613"/>
      <c r="PKQ673" s="613"/>
      <c r="PKR673" s="613"/>
      <c r="PKS673" s="613"/>
      <c r="PKT673" s="613"/>
      <c r="PKU673" s="613"/>
      <c r="PKV673" s="613"/>
      <c r="PKW673" s="613"/>
      <c r="PKX673" s="613"/>
      <c r="PKY673" s="613"/>
      <c r="PKZ673" s="613"/>
      <c r="PLA673" s="613"/>
      <c r="PLB673" s="613"/>
      <c r="PLC673" s="613"/>
      <c r="PLD673" s="613"/>
      <c r="PLE673" s="613"/>
      <c r="PLF673" s="613"/>
      <c r="PLG673" s="613"/>
      <c r="PLH673" s="613"/>
      <c r="PLI673" s="613"/>
      <c r="PLJ673" s="613"/>
      <c r="PLK673" s="613"/>
      <c r="PLL673" s="613"/>
      <c r="PLM673" s="613"/>
      <c r="PLN673" s="613"/>
      <c r="PLO673" s="613"/>
      <c r="PLP673" s="613"/>
      <c r="PLQ673" s="613"/>
      <c r="PLR673" s="613"/>
      <c r="PLS673" s="613"/>
      <c r="PLT673" s="613"/>
      <c r="PLU673" s="613"/>
      <c r="PLV673" s="613"/>
      <c r="PLW673" s="613"/>
      <c r="PLX673" s="613"/>
      <c r="PLY673" s="613"/>
      <c r="PLZ673" s="613"/>
      <c r="PMA673" s="613"/>
      <c r="PMB673" s="613"/>
      <c r="PMC673" s="613"/>
      <c r="PMD673" s="613"/>
      <c r="PME673" s="613"/>
      <c r="PMF673" s="613"/>
      <c r="PMG673" s="613"/>
      <c r="PMH673" s="613"/>
      <c r="PMI673" s="613"/>
      <c r="PMJ673" s="613"/>
      <c r="PMK673" s="613"/>
      <c r="PML673" s="613"/>
      <c r="PMM673" s="613"/>
      <c r="PMN673" s="613"/>
      <c r="PMO673" s="613"/>
      <c r="PMP673" s="613"/>
      <c r="PMQ673" s="613"/>
      <c r="PMR673" s="613"/>
      <c r="PMS673" s="613"/>
      <c r="PMT673" s="613"/>
      <c r="PMU673" s="613"/>
      <c r="PMV673" s="613"/>
      <c r="PMW673" s="613"/>
      <c r="PMX673" s="613"/>
      <c r="PMY673" s="613"/>
      <c r="PMZ673" s="613"/>
      <c r="PNA673" s="613"/>
      <c r="PNB673" s="613"/>
      <c r="PNC673" s="613"/>
      <c r="PND673" s="613"/>
      <c r="PNE673" s="613"/>
      <c r="PNF673" s="613"/>
      <c r="PNG673" s="613"/>
      <c r="PNH673" s="613"/>
      <c r="PNI673" s="613"/>
      <c r="PNJ673" s="613"/>
      <c r="PNK673" s="613"/>
      <c r="PNL673" s="613"/>
      <c r="PNM673" s="613"/>
      <c r="PNN673" s="613"/>
      <c r="PNO673" s="613"/>
      <c r="PNP673" s="613"/>
      <c r="PNQ673" s="613"/>
      <c r="PNR673" s="613"/>
      <c r="PNS673" s="613"/>
      <c r="PNT673" s="613"/>
      <c r="PNU673" s="613"/>
      <c r="PNV673" s="613"/>
      <c r="PNW673" s="613"/>
      <c r="PNX673" s="613"/>
      <c r="PNY673" s="613"/>
      <c r="PNZ673" s="613"/>
      <c r="POA673" s="613"/>
      <c r="POB673" s="613"/>
      <c r="POC673" s="613"/>
      <c r="POD673" s="613"/>
      <c r="POE673" s="613"/>
      <c r="POF673" s="613"/>
      <c r="POG673" s="613"/>
      <c r="POH673" s="613"/>
      <c r="POI673" s="613"/>
      <c r="POJ673" s="613"/>
      <c r="POK673" s="613"/>
      <c r="POL673" s="613"/>
      <c r="POM673" s="613"/>
      <c r="PON673" s="613"/>
      <c r="POO673" s="613"/>
      <c r="POP673" s="613"/>
      <c r="POQ673" s="613"/>
      <c r="POR673" s="613"/>
      <c r="POS673" s="613"/>
      <c r="POT673" s="613"/>
      <c r="POU673" s="613"/>
      <c r="POV673" s="613"/>
      <c r="POW673" s="613"/>
      <c r="POX673" s="613"/>
      <c r="POY673" s="613"/>
      <c r="POZ673" s="613"/>
      <c r="PPA673" s="613"/>
      <c r="PPB673" s="613"/>
      <c r="PPC673" s="613"/>
      <c r="PPD673" s="613"/>
      <c r="PPE673" s="613"/>
      <c r="PPF673" s="613"/>
      <c r="PPG673" s="613"/>
      <c r="PPH673" s="613"/>
      <c r="PPI673" s="613"/>
      <c r="PPJ673" s="613"/>
      <c r="PPK673" s="613"/>
      <c r="PPL673" s="613"/>
      <c r="PPM673" s="613"/>
      <c r="PPN673" s="613"/>
      <c r="PPO673" s="613"/>
      <c r="PPP673" s="613"/>
      <c r="PPQ673" s="613"/>
      <c r="PPR673" s="613"/>
      <c r="PPS673" s="613"/>
      <c r="PPT673" s="613"/>
      <c r="PPU673" s="613"/>
      <c r="PPV673" s="613"/>
      <c r="PPW673" s="613"/>
      <c r="PPX673" s="613"/>
      <c r="PPY673" s="613"/>
      <c r="PPZ673" s="613"/>
      <c r="PQA673" s="613"/>
      <c r="PQB673" s="613"/>
      <c r="PQC673" s="613"/>
      <c r="PQD673" s="613"/>
      <c r="PQE673" s="613"/>
      <c r="PQF673" s="613"/>
      <c r="PQG673" s="613"/>
      <c r="PQH673" s="613"/>
      <c r="PQI673" s="613"/>
      <c r="PQJ673" s="613"/>
      <c r="PQK673" s="613"/>
      <c r="PQL673" s="613"/>
      <c r="PQM673" s="613"/>
      <c r="PQN673" s="613"/>
      <c r="PQO673" s="613"/>
      <c r="PQP673" s="613"/>
      <c r="PQQ673" s="613"/>
      <c r="PQR673" s="613"/>
      <c r="PQS673" s="613"/>
      <c r="PQT673" s="613"/>
      <c r="PQU673" s="613"/>
      <c r="PQV673" s="613"/>
      <c r="PQW673" s="613"/>
      <c r="PQX673" s="613"/>
      <c r="PQY673" s="613"/>
      <c r="PQZ673" s="613"/>
      <c r="PRA673" s="613"/>
      <c r="PRB673" s="613"/>
      <c r="PRC673" s="613"/>
      <c r="PRD673" s="613"/>
      <c r="PRE673" s="613"/>
      <c r="PRF673" s="613"/>
      <c r="PRG673" s="613"/>
      <c r="PRH673" s="613"/>
      <c r="PRI673" s="613"/>
      <c r="PRJ673" s="613"/>
      <c r="PRK673" s="613"/>
      <c r="PRL673" s="613"/>
      <c r="PRM673" s="613"/>
      <c r="PRN673" s="613"/>
      <c r="PRO673" s="613"/>
      <c r="PRP673" s="613"/>
      <c r="PRQ673" s="613"/>
      <c r="PRR673" s="613"/>
      <c r="PRS673" s="613"/>
      <c r="PRT673" s="613"/>
      <c r="PRU673" s="613"/>
      <c r="PRV673" s="613"/>
      <c r="PRW673" s="613"/>
      <c r="PRX673" s="613"/>
      <c r="PRY673" s="613"/>
      <c r="PRZ673" s="613"/>
      <c r="PSA673" s="613"/>
      <c r="PSB673" s="613"/>
      <c r="PSC673" s="613"/>
      <c r="PSD673" s="613"/>
      <c r="PSE673" s="613"/>
      <c r="PSF673" s="613"/>
      <c r="PSG673" s="613"/>
      <c r="PSH673" s="613"/>
      <c r="PSI673" s="613"/>
      <c r="PSJ673" s="613"/>
      <c r="PSK673" s="613"/>
      <c r="PSL673" s="613"/>
      <c r="PSM673" s="613"/>
      <c r="PSN673" s="613"/>
      <c r="PSO673" s="613"/>
      <c r="PSP673" s="613"/>
      <c r="PSQ673" s="613"/>
      <c r="PSR673" s="613"/>
      <c r="PSS673" s="613"/>
      <c r="PST673" s="613"/>
      <c r="PSU673" s="613"/>
      <c r="PSV673" s="613"/>
      <c r="PSW673" s="613"/>
      <c r="PSX673" s="613"/>
      <c r="PSY673" s="613"/>
      <c r="PSZ673" s="613"/>
      <c r="PTA673" s="613"/>
      <c r="PTB673" s="613"/>
      <c r="PTC673" s="613"/>
      <c r="PTD673" s="613"/>
      <c r="PTE673" s="613"/>
      <c r="PTF673" s="613"/>
      <c r="PTG673" s="613"/>
      <c r="PTH673" s="613"/>
      <c r="PTI673" s="613"/>
      <c r="PTJ673" s="613"/>
      <c r="PTK673" s="613"/>
      <c r="PTL673" s="613"/>
      <c r="PTM673" s="613"/>
      <c r="PTN673" s="613"/>
      <c r="PTO673" s="613"/>
      <c r="PTP673" s="613"/>
      <c r="PTQ673" s="613"/>
      <c r="PTR673" s="613"/>
      <c r="PTS673" s="613"/>
      <c r="PTT673" s="613"/>
      <c r="PTU673" s="613"/>
      <c r="PTV673" s="613"/>
      <c r="PTW673" s="613"/>
      <c r="PTX673" s="613"/>
      <c r="PTY673" s="613"/>
      <c r="PTZ673" s="613"/>
      <c r="PUA673" s="613"/>
      <c r="PUB673" s="613"/>
      <c r="PUC673" s="613"/>
      <c r="PUD673" s="613"/>
      <c r="PUE673" s="613"/>
      <c r="PUF673" s="613"/>
      <c r="PUG673" s="613"/>
      <c r="PUH673" s="613"/>
      <c r="PUI673" s="613"/>
      <c r="PUJ673" s="613"/>
      <c r="PUK673" s="613"/>
      <c r="PUL673" s="613"/>
      <c r="PUM673" s="613"/>
      <c r="PUN673" s="613"/>
      <c r="PUO673" s="613"/>
      <c r="PUP673" s="613"/>
      <c r="PUQ673" s="613"/>
      <c r="PUR673" s="613"/>
      <c r="PUS673" s="613"/>
      <c r="PUT673" s="613"/>
      <c r="PUU673" s="613"/>
      <c r="PUV673" s="613"/>
      <c r="PUW673" s="613"/>
      <c r="PUX673" s="613"/>
      <c r="PUY673" s="613"/>
      <c r="PUZ673" s="613"/>
      <c r="PVA673" s="613"/>
      <c r="PVB673" s="613"/>
      <c r="PVC673" s="613"/>
      <c r="PVD673" s="613"/>
      <c r="PVE673" s="613"/>
      <c r="PVF673" s="613"/>
      <c r="PVG673" s="613"/>
      <c r="PVH673" s="613"/>
      <c r="PVI673" s="613"/>
      <c r="PVJ673" s="613"/>
      <c r="PVK673" s="613"/>
      <c r="PVL673" s="613"/>
      <c r="PVM673" s="613"/>
      <c r="PVN673" s="613"/>
      <c r="PVO673" s="613"/>
      <c r="PVP673" s="613"/>
      <c r="PVQ673" s="613"/>
      <c r="PVR673" s="613"/>
      <c r="PVS673" s="613"/>
      <c r="PVT673" s="613"/>
      <c r="PVU673" s="613"/>
      <c r="PVV673" s="613"/>
      <c r="PVW673" s="613"/>
      <c r="PVX673" s="613"/>
      <c r="PVY673" s="613"/>
      <c r="PVZ673" s="613"/>
      <c r="PWA673" s="613"/>
      <c r="PWB673" s="613"/>
      <c r="PWC673" s="613"/>
      <c r="PWD673" s="613"/>
      <c r="PWE673" s="613"/>
      <c r="PWF673" s="613"/>
      <c r="PWG673" s="613"/>
      <c r="PWH673" s="613"/>
      <c r="PWI673" s="613"/>
      <c r="PWJ673" s="613"/>
      <c r="PWK673" s="613"/>
      <c r="PWL673" s="613"/>
      <c r="PWM673" s="613"/>
      <c r="PWN673" s="613"/>
      <c r="PWO673" s="613"/>
      <c r="PWP673" s="613"/>
      <c r="PWQ673" s="613"/>
      <c r="PWR673" s="613"/>
      <c r="PWS673" s="613"/>
      <c r="PWT673" s="613"/>
      <c r="PWU673" s="613"/>
      <c r="PWV673" s="613"/>
      <c r="PWW673" s="613"/>
      <c r="PWX673" s="613"/>
      <c r="PWY673" s="613"/>
      <c r="PWZ673" s="613"/>
      <c r="PXA673" s="613"/>
      <c r="PXB673" s="613"/>
      <c r="PXC673" s="613"/>
      <c r="PXD673" s="613"/>
      <c r="PXE673" s="613"/>
      <c r="PXF673" s="613"/>
      <c r="PXG673" s="613"/>
      <c r="PXH673" s="613"/>
      <c r="PXI673" s="613"/>
      <c r="PXJ673" s="613"/>
      <c r="PXK673" s="613"/>
      <c r="PXL673" s="613"/>
      <c r="PXM673" s="613"/>
      <c r="PXN673" s="613"/>
      <c r="PXO673" s="613"/>
      <c r="PXP673" s="613"/>
      <c r="PXQ673" s="613"/>
      <c r="PXR673" s="613"/>
      <c r="PXS673" s="613"/>
      <c r="PXT673" s="613"/>
      <c r="PXU673" s="613"/>
      <c r="PXV673" s="613"/>
      <c r="PXW673" s="613"/>
      <c r="PXX673" s="613"/>
      <c r="PXY673" s="613"/>
      <c r="PXZ673" s="613"/>
      <c r="PYA673" s="613"/>
      <c r="PYB673" s="613"/>
      <c r="PYC673" s="613"/>
      <c r="PYD673" s="613"/>
      <c r="PYE673" s="613"/>
      <c r="PYF673" s="613"/>
      <c r="PYG673" s="613"/>
      <c r="PYH673" s="613"/>
      <c r="PYI673" s="613"/>
      <c r="PYJ673" s="613"/>
      <c r="PYK673" s="613"/>
      <c r="PYL673" s="613"/>
      <c r="PYM673" s="613"/>
      <c r="PYN673" s="613"/>
      <c r="PYO673" s="613"/>
      <c r="PYP673" s="613"/>
      <c r="PYQ673" s="613"/>
      <c r="PYR673" s="613"/>
      <c r="PYS673" s="613"/>
      <c r="PYT673" s="613"/>
      <c r="PYU673" s="613"/>
      <c r="PYV673" s="613"/>
      <c r="PYW673" s="613"/>
      <c r="PYX673" s="613"/>
      <c r="PYY673" s="613"/>
      <c r="PYZ673" s="613"/>
      <c r="PZA673" s="613"/>
      <c r="PZB673" s="613"/>
      <c r="PZC673" s="613"/>
      <c r="PZD673" s="613"/>
      <c r="PZE673" s="613"/>
      <c r="PZF673" s="613"/>
      <c r="PZG673" s="613"/>
      <c r="PZH673" s="613"/>
      <c r="PZI673" s="613"/>
      <c r="PZJ673" s="613"/>
      <c r="PZK673" s="613"/>
      <c r="PZL673" s="613"/>
      <c r="PZM673" s="613"/>
      <c r="PZN673" s="613"/>
      <c r="PZO673" s="613"/>
      <c r="PZP673" s="613"/>
      <c r="PZQ673" s="613"/>
      <c r="PZR673" s="613"/>
      <c r="PZS673" s="613"/>
      <c r="PZT673" s="613"/>
      <c r="PZU673" s="613"/>
      <c r="PZV673" s="613"/>
      <c r="PZW673" s="613"/>
      <c r="PZX673" s="613"/>
      <c r="PZY673" s="613"/>
      <c r="PZZ673" s="613"/>
      <c r="QAA673" s="613"/>
      <c r="QAB673" s="613"/>
      <c r="QAC673" s="613"/>
      <c r="QAD673" s="613"/>
      <c r="QAE673" s="613"/>
      <c r="QAF673" s="613"/>
      <c r="QAG673" s="613"/>
      <c r="QAH673" s="613"/>
      <c r="QAI673" s="613"/>
      <c r="QAJ673" s="613"/>
      <c r="QAK673" s="613"/>
      <c r="QAL673" s="613"/>
      <c r="QAM673" s="613"/>
      <c r="QAN673" s="613"/>
      <c r="QAO673" s="613"/>
      <c r="QAP673" s="613"/>
      <c r="QAQ673" s="613"/>
      <c r="QAR673" s="613"/>
      <c r="QAS673" s="613"/>
      <c r="QAT673" s="613"/>
      <c r="QAU673" s="613"/>
      <c r="QAV673" s="613"/>
      <c r="QAW673" s="613"/>
      <c r="QAX673" s="613"/>
      <c r="QAY673" s="613"/>
      <c r="QAZ673" s="613"/>
      <c r="QBA673" s="613"/>
      <c r="QBB673" s="613"/>
      <c r="QBC673" s="613"/>
      <c r="QBD673" s="613"/>
      <c r="QBE673" s="613"/>
      <c r="QBF673" s="613"/>
      <c r="QBG673" s="613"/>
      <c r="QBH673" s="613"/>
      <c r="QBI673" s="613"/>
      <c r="QBJ673" s="613"/>
      <c r="QBK673" s="613"/>
      <c r="QBL673" s="613"/>
      <c r="QBM673" s="613"/>
      <c r="QBN673" s="613"/>
      <c r="QBO673" s="613"/>
      <c r="QBP673" s="613"/>
      <c r="QBQ673" s="613"/>
      <c r="QBR673" s="613"/>
      <c r="QBS673" s="613"/>
      <c r="QBT673" s="613"/>
      <c r="QBU673" s="613"/>
      <c r="QBV673" s="613"/>
      <c r="QBW673" s="613"/>
      <c r="QBX673" s="613"/>
      <c r="QBY673" s="613"/>
      <c r="QBZ673" s="613"/>
      <c r="QCA673" s="613"/>
      <c r="QCB673" s="613"/>
      <c r="QCC673" s="613"/>
      <c r="QCD673" s="613"/>
      <c r="QCE673" s="613"/>
      <c r="QCF673" s="613"/>
      <c r="QCG673" s="613"/>
      <c r="QCH673" s="613"/>
      <c r="QCI673" s="613"/>
      <c r="QCJ673" s="613"/>
      <c r="QCK673" s="613"/>
      <c r="QCL673" s="613"/>
      <c r="QCM673" s="613"/>
      <c r="QCN673" s="613"/>
      <c r="QCO673" s="613"/>
      <c r="QCP673" s="613"/>
      <c r="QCQ673" s="613"/>
      <c r="QCR673" s="613"/>
      <c r="QCS673" s="613"/>
      <c r="QCT673" s="613"/>
      <c r="QCU673" s="613"/>
      <c r="QCV673" s="613"/>
      <c r="QCW673" s="613"/>
      <c r="QCX673" s="613"/>
      <c r="QCY673" s="613"/>
      <c r="QCZ673" s="613"/>
      <c r="QDA673" s="613"/>
      <c r="QDB673" s="613"/>
      <c r="QDC673" s="613"/>
      <c r="QDD673" s="613"/>
      <c r="QDE673" s="613"/>
      <c r="QDF673" s="613"/>
      <c r="QDG673" s="613"/>
      <c r="QDH673" s="613"/>
      <c r="QDI673" s="613"/>
      <c r="QDJ673" s="613"/>
      <c r="QDK673" s="613"/>
      <c r="QDL673" s="613"/>
      <c r="QDM673" s="613"/>
      <c r="QDN673" s="613"/>
      <c r="QDO673" s="613"/>
      <c r="QDP673" s="613"/>
      <c r="QDQ673" s="613"/>
      <c r="QDR673" s="613"/>
      <c r="QDS673" s="613"/>
      <c r="QDT673" s="613"/>
      <c r="QDU673" s="613"/>
      <c r="QDV673" s="613"/>
      <c r="QDW673" s="613"/>
      <c r="QDX673" s="613"/>
      <c r="QDY673" s="613"/>
      <c r="QDZ673" s="613"/>
      <c r="QEA673" s="613"/>
      <c r="QEB673" s="613"/>
      <c r="QEC673" s="613"/>
      <c r="QED673" s="613"/>
      <c r="QEE673" s="613"/>
      <c r="QEF673" s="613"/>
      <c r="QEG673" s="613"/>
      <c r="QEH673" s="613"/>
      <c r="QEI673" s="613"/>
      <c r="QEJ673" s="613"/>
      <c r="QEK673" s="613"/>
      <c r="QEL673" s="613"/>
      <c r="QEM673" s="613"/>
      <c r="QEN673" s="613"/>
      <c r="QEO673" s="613"/>
      <c r="QEP673" s="613"/>
      <c r="QEQ673" s="613"/>
      <c r="QER673" s="613"/>
      <c r="QES673" s="613"/>
      <c r="QET673" s="613"/>
      <c r="QEU673" s="613"/>
      <c r="QEV673" s="613"/>
      <c r="QEW673" s="613"/>
      <c r="QEX673" s="613"/>
      <c r="QEY673" s="613"/>
      <c r="QEZ673" s="613"/>
      <c r="QFA673" s="613"/>
      <c r="QFB673" s="613"/>
      <c r="QFC673" s="613"/>
      <c r="QFD673" s="613"/>
      <c r="QFE673" s="613"/>
      <c r="QFF673" s="613"/>
      <c r="QFG673" s="613"/>
      <c r="QFH673" s="613"/>
      <c r="QFI673" s="613"/>
      <c r="QFJ673" s="613"/>
      <c r="QFK673" s="613"/>
      <c r="QFL673" s="613"/>
      <c r="QFM673" s="613"/>
      <c r="QFN673" s="613"/>
      <c r="QFO673" s="613"/>
      <c r="QFP673" s="613"/>
      <c r="QFQ673" s="613"/>
      <c r="QFR673" s="613"/>
      <c r="QFS673" s="613"/>
      <c r="QFT673" s="613"/>
      <c r="QFU673" s="613"/>
      <c r="QFV673" s="613"/>
      <c r="QFW673" s="613"/>
      <c r="QFX673" s="613"/>
      <c r="QFY673" s="613"/>
      <c r="QFZ673" s="613"/>
      <c r="QGA673" s="613"/>
      <c r="QGB673" s="613"/>
      <c r="QGC673" s="613"/>
      <c r="QGD673" s="613"/>
      <c r="QGE673" s="613"/>
      <c r="QGF673" s="613"/>
      <c r="QGG673" s="613"/>
      <c r="QGH673" s="613"/>
      <c r="QGI673" s="613"/>
      <c r="QGJ673" s="613"/>
      <c r="QGK673" s="613"/>
      <c r="QGL673" s="613"/>
      <c r="QGM673" s="613"/>
      <c r="QGN673" s="613"/>
      <c r="QGO673" s="613"/>
      <c r="QGP673" s="613"/>
      <c r="QGQ673" s="613"/>
      <c r="QGR673" s="613"/>
      <c r="QGS673" s="613"/>
      <c r="QGT673" s="613"/>
      <c r="QGU673" s="613"/>
      <c r="QGV673" s="613"/>
      <c r="QGW673" s="613"/>
      <c r="QGX673" s="613"/>
      <c r="QGY673" s="613"/>
      <c r="QGZ673" s="613"/>
      <c r="QHA673" s="613"/>
      <c r="QHB673" s="613"/>
      <c r="QHC673" s="613"/>
      <c r="QHD673" s="613"/>
      <c r="QHE673" s="613"/>
      <c r="QHF673" s="613"/>
      <c r="QHG673" s="613"/>
      <c r="QHH673" s="613"/>
      <c r="QHI673" s="613"/>
      <c r="QHJ673" s="613"/>
      <c r="QHK673" s="613"/>
      <c r="QHL673" s="613"/>
      <c r="QHM673" s="613"/>
      <c r="QHN673" s="613"/>
      <c r="QHO673" s="613"/>
      <c r="QHP673" s="613"/>
      <c r="QHQ673" s="613"/>
      <c r="QHR673" s="613"/>
      <c r="QHS673" s="613"/>
      <c r="QHT673" s="613"/>
      <c r="QHU673" s="613"/>
      <c r="QHV673" s="613"/>
      <c r="QHW673" s="613"/>
      <c r="QHX673" s="613"/>
      <c r="QHY673" s="613"/>
      <c r="QHZ673" s="613"/>
      <c r="QIA673" s="613"/>
      <c r="QIB673" s="613"/>
      <c r="QIC673" s="613"/>
      <c r="QID673" s="613"/>
      <c r="QIE673" s="613"/>
      <c r="QIF673" s="613"/>
      <c r="QIG673" s="613"/>
      <c r="QIH673" s="613"/>
      <c r="QII673" s="613"/>
      <c r="QIJ673" s="613"/>
      <c r="QIK673" s="613"/>
      <c r="QIL673" s="613"/>
      <c r="QIM673" s="613"/>
      <c r="QIN673" s="613"/>
      <c r="QIO673" s="613"/>
      <c r="QIP673" s="613"/>
      <c r="QIQ673" s="613"/>
      <c r="QIR673" s="613"/>
      <c r="QIS673" s="613"/>
      <c r="QIT673" s="613"/>
      <c r="QIU673" s="613"/>
      <c r="QIV673" s="613"/>
      <c r="QIW673" s="613"/>
      <c r="QIX673" s="613"/>
      <c r="QIY673" s="613"/>
      <c r="QIZ673" s="613"/>
      <c r="QJA673" s="613"/>
      <c r="QJB673" s="613"/>
      <c r="QJC673" s="613"/>
      <c r="QJD673" s="613"/>
      <c r="QJE673" s="613"/>
      <c r="QJF673" s="613"/>
      <c r="QJG673" s="613"/>
      <c r="QJH673" s="613"/>
      <c r="QJI673" s="613"/>
      <c r="QJJ673" s="613"/>
      <c r="QJK673" s="613"/>
      <c r="QJL673" s="613"/>
      <c r="QJM673" s="613"/>
      <c r="QJN673" s="613"/>
      <c r="QJO673" s="613"/>
      <c r="QJP673" s="613"/>
      <c r="QJQ673" s="613"/>
      <c r="QJR673" s="613"/>
      <c r="QJS673" s="613"/>
      <c r="QJT673" s="613"/>
      <c r="QJU673" s="613"/>
      <c r="QJV673" s="613"/>
      <c r="QJW673" s="613"/>
      <c r="QJX673" s="613"/>
      <c r="QJY673" s="613"/>
      <c r="QJZ673" s="613"/>
      <c r="QKA673" s="613"/>
      <c r="QKB673" s="613"/>
      <c r="QKC673" s="613"/>
      <c r="QKD673" s="613"/>
      <c r="QKE673" s="613"/>
      <c r="QKF673" s="613"/>
      <c r="QKG673" s="613"/>
      <c r="QKH673" s="613"/>
      <c r="QKI673" s="613"/>
      <c r="QKJ673" s="613"/>
      <c r="QKK673" s="613"/>
      <c r="QKL673" s="613"/>
      <c r="QKM673" s="613"/>
      <c r="QKN673" s="613"/>
      <c r="QKO673" s="613"/>
      <c r="QKP673" s="613"/>
      <c r="QKQ673" s="613"/>
      <c r="QKR673" s="613"/>
      <c r="QKS673" s="613"/>
      <c r="QKT673" s="613"/>
      <c r="QKU673" s="613"/>
      <c r="QKV673" s="613"/>
      <c r="QKW673" s="613"/>
      <c r="QKX673" s="613"/>
      <c r="QKY673" s="613"/>
      <c r="QKZ673" s="613"/>
      <c r="QLA673" s="613"/>
      <c r="QLB673" s="613"/>
      <c r="QLC673" s="613"/>
      <c r="QLD673" s="613"/>
      <c r="QLE673" s="613"/>
      <c r="QLF673" s="613"/>
      <c r="QLG673" s="613"/>
      <c r="QLH673" s="613"/>
      <c r="QLI673" s="613"/>
      <c r="QLJ673" s="613"/>
      <c r="QLK673" s="613"/>
      <c r="QLL673" s="613"/>
      <c r="QLM673" s="613"/>
      <c r="QLN673" s="613"/>
      <c r="QLO673" s="613"/>
      <c r="QLP673" s="613"/>
      <c r="QLQ673" s="613"/>
      <c r="QLR673" s="613"/>
      <c r="QLS673" s="613"/>
      <c r="QLT673" s="613"/>
      <c r="QLU673" s="613"/>
      <c r="QLV673" s="613"/>
      <c r="QLW673" s="613"/>
      <c r="QLX673" s="613"/>
      <c r="QLY673" s="613"/>
      <c r="QLZ673" s="613"/>
      <c r="QMA673" s="613"/>
      <c r="QMB673" s="613"/>
      <c r="QMC673" s="613"/>
      <c r="QMD673" s="613"/>
      <c r="QME673" s="613"/>
      <c r="QMF673" s="613"/>
      <c r="QMG673" s="613"/>
      <c r="QMH673" s="613"/>
      <c r="QMI673" s="613"/>
      <c r="QMJ673" s="613"/>
      <c r="QMK673" s="613"/>
      <c r="QML673" s="613"/>
      <c r="QMM673" s="613"/>
      <c r="QMN673" s="613"/>
      <c r="QMO673" s="613"/>
      <c r="QMP673" s="613"/>
      <c r="QMQ673" s="613"/>
      <c r="QMR673" s="613"/>
      <c r="QMS673" s="613"/>
      <c r="QMT673" s="613"/>
      <c r="QMU673" s="613"/>
      <c r="QMV673" s="613"/>
      <c r="QMW673" s="613"/>
      <c r="QMX673" s="613"/>
      <c r="QMY673" s="613"/>
      <c r="QMZ673" s="613"/>
      <c r="QNA673" s="613"/>
      <c r="QNB673" s="613"/>
      <c r="QNC673" s="613"/>
      <c r="QND673" s="613"/>
      <c r="QNE673" s="613"/>
      <c r="QNF673" s="613"/>
      <c r="QNG673" s="613"/>
      <c r="QNH673" s="613"/>
      <c r="QNI673" s="613"/>
      <c r="QNJ673" s="613"/>
      <c r="QNK673" s="613"/>
      <c r="QNL673" s="613"/>
      <c r="QNM673" s="613"/>
      <c r="QNN673" s="613"/>
      <c r="QNO673" s="613"/>
      <c r="QNP673" s="613"/>
      <c r="QNQ673" s="613"/>
      <c r="QNR673" s="613"/>
      <c r="QNS673" s="613"/>
      <c r="QNT673" s="613"/>
      <c r="QNU673" s="613"/>
      <c r="QNV673" s="613"/>
      <c r="QNW673" s="613"/>
      <c r="QNX673" s="613"/>
      <c r="QNY673" s="613"/>
      <c r="QNZ673" s="613"/>
      <c r="QOA673" s="613"/>
      <c r="QOB673" s="613"/>
      <c r="QOC673" s="613"/>
      <c r="QOD673" s="613"/>
      <c r="QOE673" s="613"/>
      <c r="QOF673" s="613"/>
      <c r="QOG673" s="613"/>
      <c r="QOH673" s="613"/>
      <c r="QOI673" s="613"/>
      <c r="QOJ673" s="613"/>
      <c r="QOK673" s="613"/>
      <c r="QOL673" s="613"/>
      <c r="QOM673" s="613"/>
      <c r="QON673" s="613"/>
      <c r="QOO673" s="613"/>
      <c r="QOP673" s="613"/>
      <c r="QOQ673" s="613"/>
      <c r="QOR673" s="613"/>
      <c r="QOS673" s="613"/>
      <c r="QOT673" s="613"/>
      <c r="QOU673" s="613"/>
      <c r="QOV673" s="613"/>
      <c r="QOW673" s="613"/>
      <c r="QOX673" s="613"/>
      <c r="QOY673" s="613"/>
      <c r="QOZ673" s="613"/>
      <c r="QPA673" s="613"/>
      <c r="QPB673" s="613"/>
      <c r="QPC673" s="613"/>
      <c r="QPD673" s="613"/>
      <c r="QPE673" s="613"/>
      <c r="QPF673" s="613"/>
      <c r="QPG673" s="613"/>
      <c r="QPH673" s="613"/>
      <c r="QPI673" s="613"/>
      <c r="QPJ673" s="613"/>
      <c r="QPK673" s="613"/>
      <c r="QPL673" s="613"/>
      <c r="QPM673" s="613"/>
      <c r="QPN673" s="613"/>
      <c r="QPO673" s="613"/>
      <c r="QPP673" s="613"/>
      <c r="QPQ673" s="613"/>
      <c r="QPR673" s="613"/>
      <c r="QPS673" s="613"/>
      <c r="QPT673" s="613"/>
      <c r="QPU673" s="613"/>
      <c r="QPV673" s="613"/>
      <c r="QPW673" s="613"/>
      <c r="QPX673" s="613"/>
      <c r="QPY673" s="613"/>
      <c r="QPZ673" s="613"/>
      <c r="QQA673" s="613"/>
      <c r="QQB673" s="613"/>
      <c r="QQC673" s="613"/>
      <c r="QQD673" s="613"/>
      <c r="QQE673" s="613"/>
      <c r="QQF673" s="613"/>
      <c r="QQG673" s="613"/>
      <c r="QQH673" s="613"/>
      <c r="QQI673" s="613"/>
      <c r="QQJ673" s="613"/>
      <c r="QQK673" s="613"/>
      <c r="QQL673" s="613"/>
      <c r="QQM673" s="613"/>
      <c r="QQN673" s="613"/>
      <c r="QQO673" s="613"/>
      <c r="QQP673" s="613"/>
      <c r="QQQ673" s="613"/>
      <c r="QQR673" s="613"/>
      <c r="QQS673" s="613"/>
      <c r="QQT673" s="613"/>
      <c r="QQU673" s="613"/>
      <c r="QQV673" s="613"/>
      <c r="QQW673" s="613"/>
      <c r="QQX673" s="613"/>
      <c r="QQY673" s="613"/>
      <c r="QQZ673" s="613"/>
      <c r="QRA673" s="613"/>
      <c r="QRB673" s="613"/>
      <c r="QRC673" s="613"/>
      <c r="QRD673" s="613"/>
      <c r="QRE673" s="613"/>
      <c r="QRF673" s="613"/>
      <c r="QRG673" s="613"/>
      <c r="QRH673" s="613"/>
      <c r="QRI673" s="613"/>
      <c r="QRJ673" s="613"/>
      <c r="QRK673" s="613"/>
      <c r="QRL673" s="613"/>
      <c r="QRM673" s="613"/>
      <c r="QRN673" s="613"/>
      <c r="QRO673" s="613"/>
      <c r="QRP673" s="613"/>
      <c r="QRQ673" s="613"/>
      <c r="QRR673" s="613"/>
      <c r="QRS673" s="613"/>
      <c r="QRT673" s="613"/>
      <c r="QRU673" s="613"/>
      <c r="QRV673" s="613"/>
      <c r="QRW673" s="613"/>
      <c r="QRX673" s="613"/>
      <c r="QRY673" s="613"/>
      <c r="QRZ673" s="613"/>
      <c r="QSA673" s="613"/>
      <c r="QSB673" s="613"/>
      <c r="QSC673" s="613"/>
      <c r="QSD673" s="613"/>
      <c r="QSE673" s="613"/>
      <c r="QSF673" s="613"/>
      <c r="QSG673" s="613"/>
      <c r="QSH673" s="613"/>
      <c r="QSI673" s="613"/>
      <c r="QSJ673" s="613"/>
      <c r="QSK673" s="613"/>
      <c r="QSL673" s="613"/>
      <c r="QSM673" s="613"/>
      <c r="QSN673" s="613"/>
      <c r="QSO673" s="613"/>
      <c r="QSP673" s="613"/>
      <c r="QSQ673" s="613"/>
      <c r="QSR673" s="613"/>
      <c r="QSS673" s="613"/>
      <c r="QST673" s="613"/>
      <c r="QSU673" s="613"/>
      <c r="QSV673" s="613"/>
      <c r="QSW673" s="613"/>
      <c r="QSX673" s="613"/>
      <c r="QSY673" s="613"/>
      <c r="QSZ673" s="613"/>
      <c r="QTA673" s="613"/>
      <c r="QTB673" s="613"/>
      <c r="QTC673" s="613"/>
      <c r="QTD673" s="613"/>
      <c r="QTE673" s="613"/>
      <c r="QTF673" s="613"/>
      <c r="QTG673" s="613"/>
      <c r="QTH673" s="613"/>
      <c r="QTI673" s="613"/>
      <c r="QTJ673" s="613"/>
      <c r="QTK673" s="613"/>
      <c r="QTL673" s="613"/>
      <c r="QTM673" s="613"/>
      <c r="QTN673" s="613"/>
      <c r="QTO673" s="613"/>
      <c r="QTP673" s="613"/>
      <c r="QTQ673" s="613"/>
      <c r="QTR673" s="613"/>
      <c r="QTS673" s="613"/>
      <c r="QTT673" s="613"/>
      <c r="QTU673" s="613"/>
      <c r="QTV673" s="613"/>
      <c r="QTW673" s="613"/>
      <c r="QTX673" s="613"/>
      <c r="QTY673" s="613"/>
      <c r="QTZ673" s="613"/>
      <c r="QUA673" s="613"/>
      <c r="QUB673" s="613"/>
      <c r="QUC673" s="613"/>
      <c r="QUD673" s="613"/>
      <c r="QUE673" s="613"/>
      <c r="QUF673" s="613"/>
      <c r="QUG673" s="613"/>
      <c r="QUH673" s="613"/>
      <c r="QUI673" s="613"/>
      <c r="QUJ673" s="613"/>
      <c r="QUK673" s="613"/>
      <c r="QUL673" s="613"/>
      <c r="QUM673" s="613"/>
      <c r="QUN673" s="613"/>
      <c r="QUO673" s="613"/>
      <c r="QUP673" s="613"/>
      <c r="QUQ673" s="613"/>
      <c r="QUR673" s="613"/>
      <c r="QUS673" s="613"/>
      <c r="QUT673" s="613"/>
      <c r="QUU673" s="613"/>
      <c r="QUV673" s="613"/>
      <c r="QUW673" s="613"/>
      <c r="QUX673" s="613"/>
      <c r="QUY673" s="613"/>
      <c r="QUZ673" s="613"/>
      <c r="QVA673" s="613"/>
      <c r="QVB673" s="613"/>
      <c r="QVC673" s="613"/>
      <c r="QVD673" s="613"/>
      <c r="QVE673" s="613"/>
      <c r="QVF673" s="613"/>
      <c r="QVG673" s="613"/>
      <c r="QVH673" s="613"/>
      <c r="QVI673" s="613"/>
      <c r="QVJ673" s="613"/>
      <c r="QVK673" s="613"/>
      <c r="QVL673" s="613"/>
      <c r="QVM673" s="613"/>
      <c r="QVN673" s="613"/>
      <c r="QVO673" s="613"/>
      <c r="QVP673" s="613"/>
      <c r="QVQ673" s="613"/>
      <c r="QVR673" s="613"/>
      <c r="QVS673" s="613"/>
      <c r="QVT673" s="613"/>
      <c r="QVU673" s="613"/>
      <c r="QVV673" s="613"/>
      <c r="QVW673" s="613"/>
      <c r="QVX673" s="613"/>
      <c r="QVY673" s="613"/>
      <c r="QVZ673" s="613"/>
      <c r="QWA673" s="613"/>
      <c r="QWB673" s="613"/>
      <c r="QWC673" s="613"/>
      <c r="QWD673" s="613"/>
      <c r="QWE673" s="613"/>
      <c r="QWF673" s="613"/>
      <c r="QWG673" s="613"/>
      <c r="QWH673" s="613"/>
      <c r="QWI673" s="613"/>
      <c r="QWJ673" s="613"/>
      <c r="QWK673" s="613"/>
      <c r="QWL673" s="613"/>
      <c r="QWM673" s="613"/>
      <c r="QWN673" s="613"/>
      <c r="QWO673" s="613"/>
      <c r="QWP673" s="613"/>
      <c r="QWQ673" s="613"/>
      <c r="QWR673" s="613"/>
      <c r="QWS673" s="613"/>
      <c r="QWT673" s="613"/>
      <c r="QWU673" s="613"/>
      <c r="QWV673" s="613"/>
      <c r="QWW673" s="613"/>
      <c r="QWX673" s="613"/>
      <c r="QWY673" s="613"/>
      <c r="QWZ673" s="613"/>
      <c r="QXA673" s="613"/>
      <c r="QXB673" s="613"/>
      <c r="QXC673" s="613"/>
      <c r="QXD673" s="613"/>
      <c r="QXE673" s="613"/>
      <c r="QXF673" s="613"/>
      <c r="QXG673" s="613"/>
      <c r="QXH673" s="613"/>
      <c r="QXI673" s="613"/>
      <c r="QXJ673" s="613"/>
      <c r="QXK673" s="613"/>
      <c r="QXL673" s="613"/>
      <c r="QXM673" s="613"/>
      <c r="QXN673" s="613"/>
      <c r="QXO673" s="613"/>
      <c r="QXP673" s="613"/>
      <c r="QXQ673" s="613"/>
      <c r="QXR673" s="613"/>
      <c r="QXS673" s="613"/>
      <c r="QXT673" s="613"/>
      <c r="QXU673" s="613"/>
      <c r="QXV673" s="613"/>
      <c r="QXW673" s="613"/>
      <c r="QXX673" s="613"/>
      <c r="QXY673" s="613"/>
      <c r="QXZ673" s="613"/>
      <c r="QYA673" s="613"/>
      <c r="QYB673" s="613"/>
      <c r="QYC673" s="613"/>
      <c r="QYD673" s="613"/>
      <c r="QYE673" s="613"/>
      <c r="QYF673" s="613"/>
      <c r="QYG673" s="613"/>
      <c r="QYH673" s="613"/>
      <c r="QYI673" s="613"/>
      <c r="QYJ673" s="613"/>
      <c r="QYK673" s="613"/>
      <c r="QYL673" s="613"/>
      <c r="QYM673" s="613"/>
      <c r="QYN673" s="613"/>
      <c r="QYO673" s="613"/>
      <c r="QYP673" s="613"/>
      <c r="QYQ673" s="613"/>
      <c r="QYR673" s="613"/>
      <c r="QYS673" s="613"/>
      <c r="QYT673" s="613"/>
      <c r="QYU673" s="613"/>
      <c r="QYV673" s="613"/>
      <c r="QYW673" s="613"/>
      <c r="QYX673" s="613"/>
      <c r="QYY673" s="613"/>
      <c r="QYZ673" s="613"/>
      <c r="QZA673" s="613"/>
      <c r="QZB673" s="613"/>
      <c r="QZC673" s="613"/>
      <c r="QZD673" s="613"/>
      <c r="QZE673" s="613"/>
      <c r="QZF673" s="613"/>
      <c r="QZG673" s="613"/>
      <c r="QZH673" s="613"/>
      <c r="QZI673" s="613"/>
      <c r="QZJ673" s="613"/>
      <c r="QZK673" s="613"/>
      <c r="QZL673" s="613"/>
      <c r="QZM673" s="613"/>
      <c r="QZN673" s="613"/>
      <c r="QZO673" s="613"/>
      <c r="QZP673" s="613"/>
      <c r="QZQ673" s="613"/>
      <c r="QZR673" s="613"/>
      <c r="QZS673" s="613"/>
      <c r="QZT673" s="613"/>
      <c r="QZU673" s="613"/>
      <c r="QZV673" s="613"/>
      <c r="QZW673" s="613"/>
      <c r="QZX673" s="613"/>
      <c r="QZY673" s="613"/>
      <c r="QZZ673" s="613"/>
      <c r="RAA673" s="613"/>
      <c r="RAB673" s="613"/>
      <c r="RAC673" s="613"/>
      <c r="RAD673" s="613"/>
      <c r="RAE673" s="613"/>
      <c r="RAF673" s="613"/>
      <c r="RAG673" s="613"/>
      <c r="RAH673" s="613"/>
      <c r="RAI673" s="613"/>
      <c r="RAJ673" s="613"/>
      <c r="RAK673" s="613"/>
      <c r="RAL673" s="613"/>
      <c r="RAM673" s="613"/>
      <c r="RAN673" s="613"/>
      <c r="RAO673" s="613"/>
      <c r="RAP673" s="613"/>
      <c r="RAQ673" s="613"/>
      <c r="RAR673" s="613"/>
      <c r="RAS673" s="613"/>
      <c r="RAT673" s="613"/>
      <c r="RAU673" s="613"/>
      <c r="RAV673" s="613"/>
      <c r="RAW673" s="613"/>
      <c r="RAX673" s="613"/>
      <c r="RAY673" s="613"/>
      <c r="RAZ673" s="613"/>
      <c r="RBA673" s="613"/>
      <c r="RBB673" s="613"/>
      <c r="RBC673" s="613"/>
      <c r="RBD673" s="613"/>
      <c r="RBE673" s="613"/>
      <c r="RBF673" s="613"/>
      <c r="RBG673" s="613"/>
      <c r="RBH673" s="613"/>
      <c r="RBI673" s="613"/>
      <c r="RBJ673" s="613"/>
      <c r="RBK673" s="613"/>
      <c r="RBL673" s="613"/>
      <c r="RBM673" s="613"/>
      <c r="RBN673" s="613"/>
      <c r="RBO673" s="613"/>
      <c r="RBP673" s="613"/>
      <c r="RBQ673" s="613"/>
      <c r="RBR673" s="613"/>
      <c r="RBS673" s="613"/>
      <c r="RBT673" s="613"/>
      <c r="RBU673" s="613"/>
      <c r="RBV673" s="613"/>
      <c r="RBW673" s="613"/>
      <c r="RBX673" s="613"/>
      <c r="RBY673" s="613"/>
      <c r="RBZ673" s="613"/>
      <c r="RCA673" s="613"/>
      <c r="RCB673" s="613"/>
      <c r="RCC673" s="613"/>
      <c r="RCD673" s="613"/>
      <c r="RCE673" s="613"/>
      <c r="RCF673" s="613"/>
      <c r="RCG673" s="613"/>
      <c r="RCH673" s="613"/>
      <c r="RCI673" s="613"/>
      <c r="RCJ673" s="613"/>
      <c r="RCK673" s="613"/>
      <c r="RCL673" s="613"/>
      <c r="RCM673" s="613"/>
      <c r="RCN673" s="613"/>
      <c r="RCO673" s="613"/>
      <c r="RCP673" s="613"/>
      <c r="RCQ673" s="613"/>
      <c r="RCR673" s="613"/>
      <c r="RCS673" s="613"/>
      <c r="RCT673" s="613"/>
      <c r="RCU673" s="613"/>
      <c r="RCV673" s="613"/>
      <c r="RCW673" s="613"/>
      <c r="RCX673" s="613"/>
      <c r="RCY673" s="613"/>
      <c r="RCZ673" s="613"/>
      <c r="RDA673" s="613"/>
      <c r="RDB673" s="613"/>
      <c r="RDC673" s="613"/>
      <c r="RDD673" s="613"/>
      <c r="RDE673" s="613"/>
      <c r="RDF673" s="613"/>
      <c r="RDG673" s="613"/>
      <c r="RDH673" s="613"/>
      <c r="RDI673" s="613"/>
      <c r="RDJ673" s="613"/>
      <c r="RDK673" s="613"/>
      <c r="RDL673" s="613"/>
      <c r="RDM673" s="613"/>
      <c r="RDN673" s="613"/>
      <c r="RDO673" s="613"/>
      <c r="RDP673" s="613"/>
      <c r="RDQ673" s="613"/>
      <c r="RDR673" s="613"/>
      <c r="RDS673" s="613"/>
      <c r="RDT673" s="613"/>
      <c r="RDU673" s="613"/>
      <c r="RDV673" s="613"/>
      <c r="RDW673" s="613"/>
      <c r="RDX673" s="613"/>
      <c r="RDY673" s="613"/>
      <c r="RDZ673" s="613"/>
      <c r="REA673" s="613"/>
      <c r="REB673" s="613"/>
      <c r="REC673" s="613"/>
      <c r="RED673" s="613"/>
      <c r="REE673" s="613"/>
      <c r="REF673" s="613"/>
      <c r="REG673" s="613"/>
      <c r="REH673" s="613"/>
      <c r="REI673" s="613"/>
      <c r="REJ673" s="613"/>
      <c r="REK673" s="613"/>
      <c r="REL673" s="613"/>
      <c r="REM673" s="613"/>
      <c r="REN673" s="613"/>
      <c r="REO673" s="613"/>
      <c r="REP673" s="613"/>
      <c r="REQ673" s="613"/>
      <c r="RER673" s="613"/>
      <c r="RES673" s="613"/>
      <c r="RET673" s="613"/>
      <c r="REU673" s="613"/>
      <c r="REV673" s="613"/>
      <c r="REW673" s="613"/>
      <c r="REX673" s="613"/>
      <c r="REY673" s="613"/>
      <c r="REZ673" s="613"/>
      <c r="RFA673" s="613"/>
      <c r="RFB673" s="613"/>
      <c r="RFC673" s="613"/>
      <c r="RFD673" s="613"/>
      <c r="RFE673" s="613"/>
      <c r="RFF673" s="613"/>
      <c r="RFG673" s="613"/>
      <c r="RFH673" s="613"/>
      <c r="RFI673" s="613"/>
      <c r="RFJ673" s="613"/>
      <c r="RFK673" s="613"/>
      <c r="RFL673" s="613"/>
      <c r="RFM673" s="613"/>
      <c r="RFN673" s="613"/>
      <c r="RFO673" s="613"/>
      <c r="RFP673" s="613"/>
      <c r="RFQ673" s="613"/>
      <c r="RFR673" s="613"/>
      <c r="RFS673" s="613"/>
      <c r="RFT673" s="613"/>
      <c r="RFU673" s="613"/>
      <c r="RFV673" s="613"/>
      <c r="RFW673" s="613"/>
      <c r="RFX673" s="613"/>
      <c r="RFY673" s="613"/>
      <c r="RFZ673" s="613"/>
      <c r="RGA673" s="613"/>
      <c r="RGB673" s="613"/>
      <c r="RGC673" s="613"/>
      <c r="RGD673" s="613"/>
      <c r="RGE673" s="613"/>
      <c r="RGF673" s="613"/>
      <c r="RGG673" s="613"/>
      <c r="RGH673" s="613"/>
      <c r="RGI673" s="613"/>
      <c r="RGJ673" s="613"/>
      <c r="RGK673" s="613"/>
      <c r="RGL673" s="613"/>
      <c r="RGM673" s="613"/>
      <c r="RGN673" s="613"/>
      <c r="RGO673" s="613"/>
      <c r="RGP673" s="613"/>
      <c r="RGQ673" s="613"/>
      <c r="RGR673" s="613"/>
      <c r="RGS673" s="613"/>
      <c r="RGT673" s="613"/>
      <c r="RGU673" s="613"/>
      <c r="RGV673" s="613"/>
      <c r="RGW673" s="613"/>
      <c r="RGX673" s="613"/>
      <c r="RGY673" s="613"/>
      <c r="RGZ673" s="613"/>
      <c r="RHA673" s="613"/>
      <c r="RHB673" s="613"/>
      <c r="RHC673" s="613"/>
      <c r="RHD673" s="613"/>
      <c r="RHE673" s="613"/>
      <c r="RHF673" s="613"/>
      <c r="RHG673" s="613"/>
      <c r="RHH673" s="613"/>
      <c r="RHI673" s="613"/>
      <c r="RHJ673" s="613"/>
      <c r="RHK673" s="613"/>
      <c r="RHL673" s="613"/>
      <c r="RHM673" s="613"/>
      <c r="RHN673" s="613"/>
      <c r="RHO673" s="613"/>
      <c r="RHP673" s="613"/>
      <c r="RHQ673" s="613"/>
      <c r="RHR673" s="613"/>
      <c r="RHS673" s="613"/>
      <c r="RHT673" s="613"/>
      <c r="RHU673" s="613"/>
      <c r="RHV673" s="613"/>
      <c r="RHW673" s="613"/>
      <c r="RHX673" s="613"/>
      <c r="RHY673" s="613"/>
      <c r="RHZ673" s="613"/>
      <c r="RIA673" s="613"/>
      <c r="RIB673" s="613"/>
      <c r="RIC673" s="613"/>
      <c r="RID673" s="613"/>
      <c r="RIE673" s="613"/>
      <c r="RIF673" s="613"/>
      <c r="RIG673" s="613"/>
      <c r="RIH673" s="613"/>
      <c r="RII673" s="613"/>
      <c r="RIJ673" s="613"/>
      <c r="RIK673" s="613"/>
      <c r="RIL673" s="613"/>
      <c r="RIM673" s="613"/>
      <c r="RIN673" s="613"/>
      <c r="RIO673" s="613"/>
      <c r="RIP673" s="613"/>
      <c r="RIQ673" s="613"/>
      <c r="RIR673" s="613"/>
      <c r="RIS673" s="613"/>
      <c r="RIT673" s="613"/>
      <c r="RIU673" s="613"/>
      <c r="RIV673" s="613"/>
      <c r="RIW673" s="613"/>
      <c r="RIX673" s="613"/>
      <c r="RIY673" s="613"/>
      <c r="RIZ673" s="613"/>
      <c r="RJA673" s="613"/>
      <c r="RJB673" s="613"/>
      <c r="RJC673" s="613"/>
      <c r="RJD673" s="613"/>
      <c r="RJE673" s="613"/>
      <c r="RJF673" s="613"/>
      <c r="RJG673" s="613"/>
      <c r="RJH673" s="613"/>
      <c r="RJI673" s="613"/>
      <c r="RJJ673" s="613"/>
      <c r="RJK673" s="613"/>
      <c r="RJL673" s="613"/>
      <c r="RJM673" s="613"/>
      <c r="RJN673" s="613"/>
      <c r="RJO673" s="613"/>
      <c r="RJP673" s="613"/>
      <c r="RJQ673" s="613"/>
      <c r="RJR673" s="613"/>
      <c r="RJS673" s="613"/>
      <c r="RJT673" s="613"/>
      <c r="RJU673" s="613"/>
      <c r="RJV673" s="613"/>
      <c r="RJW673" s="613"/>
      <c r="RJX673" s="613"/>
      <c r="RJY673" s="613"/>
      <c r="RJZ673" s="613"/>
      <c r="RKA673" s="613"/>
      <c r="RKB673" s="613"/>
      <c r="RKC673" s="613"/>
      <c r="RKD673" s="613"/>
      <c r="RKE673" s="613"/>
      <c r="RKF673" s="613"/>
      <c r="RKG673" s="613"/>
      <c r="RKH673" s="613"/>
      <c r="RKI673" s="613"/>
      <c r="RKJ673" s="613"/>
      <c r="RKK673" s="613"/>
      <c r="RKL673" s="613"/>
      <c r="RKM673" s="613"/>
      <c r="RKN673" s="613"/>
      <c r="RKO673" s="613"/>
      <c r="RKP673" s="613"/>
      <c r="RKQ673" s="613"/>
      <c r="RKR673" s="613"/>
      <c r="RKS673" s="613"/>
      <c r="RKT673" s="613"/>
      <c r="RKU673" s="613"/>
      <c r="RKV673" s="613"/>
      <c r="RKW673" s="613"/>
      <c r="RKX673" s="613"/>
      <c r="RKY673" s="613"/>
      <c r="RKZ673" s="613"/>
      <c r="RLA673" s="613"/>
      <c r="RLB673" s="613"/>
      <c r="RLC673" s="613"/>
      <c r="RLD673" s="613"/>
      <c r="RLE673" s="613"/>
      <c r="RLF673" s="613"/>
      <c r="RLG673" s="613"/>
      <c r="RLH673" s="613"/>
      <c r="RLI673" s="613"/>
      <c r="RLJ673" s="613"/>
      <c r="RLK673" s="613"/>
      <c r="RLL673" s="613"/>
      <c r="RLM673" s="613"/>
      <c r="RLN673" s="613"/>
      <c r="RLO673" s="613"/>
      <c r="RLP673" s="613"/>
      <c r="RLQ673" s="613"/>
      <c r="RLR673" s="613"/>
      <c r="RLS673" s="613"/>
      <c r="RLT673" s="613"/>
      <c r="RLU673" s="613"/>
      <c r="RLV673" s="613"/>
      <c r="RLW673" s="613"/>
      <c r="RLX673" s="613"/>
      <c r="RLY673" s="613"/>
      <c r="RLZ673" s="613"/>
      <c r="RMA673" s="613"/>
      <c r="RMB673" s="613"/>
      <c r="RMC673" s="613"/>
      <c r="RMD673" s="613"/>
      <c r="RME673" s="613"/>
      <c r="RMF673" s="613"/>
      <c r="RMG673" s="613"/>
      <c r="RMH673" s="613"/>
      <c r="RMI673" s="613"/>
      <c r="RMJ673" s="613"/>
      <c r="RMK673" s="613"/>
      <c r="RML673" s="613"/>
      <c r="RMM673" s="613"/>
      <c r="RMN673" s="613"/>
      <c r="RMO673" s="613"/>
      <c r="RMP673" s="613"/>
      <c r="RMQ673" s="613"/>
      <c r="RMR673" s="613"/>
      <c r="RMS673" s="613"/>
      <c r="RMT673" s="613"/>
      <c r="RMU673" s="613"/>
      <c r="RMV673" s="613"/>
      <c r="RMW673" s="613"/>
      <c r="RMX673" s="613"/>
      <c r="RMY673" s="613"/>
      <c r="RMZ673" s="613"/>
      <c r="RNA673" s="613"/>
      <c r="RNB673" s="613"/>
      <c r="RNC673" s="613"/>
      <c r="RND673" s="613"/>
      <c r="RNE673" s="613"/>
      <c r="RNF673" s="613"/>
      <c r="RNG673" s="613"/>
      <c r="RNH673" s="613"/>
      <c r="RNI673" s="613"/>
      <c r="RNJ673" s="613"/>
      <c r="RNK673" s="613"/>
      <c r="RNL673" s="613"/>
      <c r="RNM673" s="613"/>
      <c r="RNN673" s="613"/>
      <c r="RNO673" s="613"/>
      <c r="RNP673" s="613"/>
      <c r="RNQ673" s="613"/>
      <c r="RNR673" s="613"/>
      <c r="RNS673" s="613"/>
      <c r="RNT673" s="613"/>
      <c r="RNU673" s="613"/>
      <c r="RNV673" s="613"/>
      <c r="RNW673" s="613"/>
      <c r="RNX673" s="613"/>
      <c r="RNY673" s="613"/>
      <c r="RNZ673" s="613"/>
      <c r="ROA673" s="613"/>
      <c r="ROB673" s="613"/>
      <c r="ROC673" s="613"/>
      <c r="ROD673" s="613"/>
      <c r="ROE673" s="613"/>
      <c r="ROF673" s="613"/>
      <c r="ROG673" s="613"/>
      <c r="ROH673" s="613"/>
      <c r="ROI673" s="613"/>
      <c r="ROJ673" s="613"/>
      <c r="ROK673" s="613"/>
      <c r="ROL673" s="613"/>
      <c r="ROM673" s="613"/>
      <c r="RON673" s="613"/>
      <c r="ROO673" s="613"/>
      <c r="ROP673" s="613"/>
      <c r="ROQ673" s="613"/>
      <c r="ROR673" s="613"/>
      <c r="ROS673" s="613"/>
      <c r="ROT673" s="613"/>
      <c r="ROU673" s="613"/>
      <c r="ROV673" s="613"/>
      <c r="ROW673" s="613"/>
      <c r="ROX673" s="613"/>
      <c r="ROY673" s="613"/>
      <c r="ROZ673" s="613"/>
      <c r="RPA673" s="613"/>
      <c r="RPB673" s="613"/>
      <c r="RPC673" s="613"/>
      <c r="RPD673" s="613"/>
      <c r="RPE673" s="613"/>
      <c r="RPF673" s="613"/>
      <c r="RPG673" s="613"/>
      <c r="RPH673" s="613"/>
      <c r="RPI673" s="613"/>
      <c r="RPJ673" s="613"/>
      <c r="RPK673" s="613"/>
      <c r="RPL673" s="613"/>
      <c r="RPM673" s="613"/>
      <c r="RPN673" s="613"/>
      <c r="RPO673" s="613"/>
      <c r="RPP673" s="613"/>
      <c r="RPQ673" s="613"/>
      <c r="RPR673" s="613"/>
      <c r="RPS673" s="613"/>
      <c r="RPT673" s="613"/>
      <c r="RPU673" s="613"/>
      <c r="RPV673" s="613"/>
      <c r="RPW673" s="613"/>
      <c r="RPX673" s="613"/>
      <c r="RPY673" s="613"/>
      <c r="RPZ673" s="613"/>
      <c r="RQA673" s="613"/>
      <c r="RQB673" s="613"/>
      <c r="RQC673" s="613"/>
      <c r="RQD673" s="613"/>
      <c r="RQE673" s="613"/>
      <c r="RQF673" s="613"/>
      <c r="RQG673" s="613"/>
      <c r="RQH673" s="613"/>
      <c r="RQI673" s="613"/>
      <c r="RQJ673" s="613"/>
      <c r="RQK673" s="613"/>
      <c r="RQL673" s="613"/>
      <c r="RQM673" s="613"/>
      <c r="RQN673" s="613"/>
      <c r="RQO673" s="613"/>
      <c r="RQP673" s="613"/>
      <c r="RQQ673" s="613"/>
      <c r="RQR673" s="613"/>
      <c r="RQS673" s="613"/>
      <c r="RQT673" s="613"/>
      <c r="RQU673" s="613"/>
      <c r="RQV673" s="613"/>
      <c r="RQW673" s="613"/>
      <c r="RQX673" s="613"/>
      <c r="RQY673" s="613"/>
      <c r="RQZ673" s="613"/>
      <c r="RRA673" s="613"/>
      <c r="RRB673" s="613"/>
      <c r="RRC673" s="613"/>
      <c r="RRD673" s="613"/>
      <c r="RRE673" s="613"/>
      <c r="RRF673" s="613"/>
      <c r="RRG673" s="613"/>
      <c r="RRH673" s="613"/>
      <c r="RRI673" s="613"/>
      <c r="RRJ673" s="613"/>
      <c r="RRK673" s="613"/>
      <c r="RRL673" s="613"/>
      <c r="RRM673" s="613"/>
      <c r="RRN673" s="613"/>
      <c r="RRO673" s="613"/>
      <c r="RRP673" s="613"/>
      <c r="RRQ673" s="613"/>
      <c r="RRR673" s="613"/>
      <c r="RRS673" s="613"/>
      <c r="RRT673" s="613"/>
      <c r="RRU673" s="613"/>
      <c r="RRV673" s="613"/>
      <c r="RRW673" s="613"/>
      <c r="RRX673" s="613"/>
      <c r="RRY673" s="613"/>
      <c r="RRZ673" s="613"/>
      <c r="RSA673" s="613"/>
      <c r="RSB673" s="613"/>
      <c r="RSC673" s="613"/>
      <c r="RSD673" s="613"/>
      <c r="RSE673" s="613"/>
      <c r="RSF673" s="613"/>
      <c r="RSG673" s="613"/>
      <c r="RSH673" s="613"/>
      <c r="RSI673" s="613"/>
      <c r="RSJ673" s="613"/>
      <c r="RSK673" s="613"/>
      <c r="RSL673" s="613"/>
      <c r="RSM673" s="613"/>
      <c r="RSN673" s="613"/>
      <c r="RSO673" s="613"/>
      <c r="RSP673" s="613"/>
      <c r="RSQ673" s="613"/>
      <c r="RSR673" s="613"/>
      <c r="RSS673" s="613"/>
      <c r="RST673" s="613"/>
      <c r="RSU673" s="613"/>
      <c r="RSV673" s="613"/>
      <c r="RSW673" s="613"/>
      <c r="RSX673" s="613"/>
      <c r="RSY673" s="613"/>
      <c r="RSZ673" s="613"/>
      <c r="RTA673" s="613"/>
      <c r="RTB673" s="613"/>
      <c r="RTC673" s="613"/>
      <c r="RTD673" s="613"/>
      <c r="RTE673" s="613"/>
      <c r="RTF673" s="613"/>
      <c r="RTG673" s="613"/>
      <c r="RTH673" s="613"/>
      <c r="RTI673" s="613"/>
      <c r="RTJ673" s="613"/>
      <c r="RTK673" s="613"/>
      <c r="RTL673" s="613"/>
      <c r="RTM673" s="613"/>
      <c r="RTN673" s="613"/>
      <c r="RTO673" s="613"/>
      <c r="RTP673" s="613"/>
      <c r="RTQ673" s="613"/>
      <c r="RTR673" s="613"/>
      <c r="RTS673" s="613"/>
      <c r="RTT673" s="613"/>
      <c r="RTU673" s="613"/>
      <c r="RTV673" s="613"/>
      <c r="RTW673" s="613"/>
      <c r="RTX673" s="613"/>
      <c r="RTY673" s="613"/>
      <c r="RTZ673" s="613"/>
      <c r="RUA673" s="613"/>
      <c r="RUB673" s="613"/>
      <c r="RUC673" s="613"/>
      <c r="RUD673" s="613"/>
      <c r="RUE673" s="613"/>
      <c r="RUF673" s="613"/>
      <c r="RUG673" s="613"/>
      <c r="RUH673" s="613"/>
      <c r="RUI673" s="613"/>
      <c r="RUJ673" s="613"/>
      <c r="RUK673" s="613"/>
      <c r="RUL673" s="613"/>
      <c r="RUM673" s="613"/>
      <c r="RUN673" s="613"/>
      <c r="RUO673" s="613"/>
      <c r="RUP673" s="613"/>
      <c r="RUQ673" s="613"/>
      <c r="RUR673" s="613"/>
      <c r="RUS673" s="613"/>
      <c r="RUT673" s="613"/>
      <c r="RUU673" s="613"/>
      <c r="RUV673" s="613"/>
      <c r="RUW673" s="613"/>
      <c r="RUX673" s="613"/>
      <c r="RUY673" s="613"/>
      <c r="RUZ673" s="613"/>
      <c r="RVA673" s="613"/>
      <c r="RVB673" s="613"/>
      <c r="RVC673" s="613"/>
      <c r="RVD673" s="613"/>
      <c r="RVE673" s="613"/>
      <c r="RVF673" s="613"/>
      <c r="RVG673" s="613"/>
      <c r="RVH673" s="613"/>
      <c r="RVI673" s="613"/>
      <c r="RVJ673" s="613"/>
      <c r="RVK673" s="613"/>
      <c r="RVL673" s="613"/>
      <c r="RVM673" s="613"/>
      <c r="RVN673" s="613"/>
      <c r="RVO673" s="613"/>
      <c r="RVP673" s="613"/>
      <c r="RVQ673" s="613"/>
      <c r="RVR673" s="613"/>
      <c r="RVS673" s="613"/>
      <c r="RVT673" s="613"/>
      <c r="RVU673" s="613"/>
      <c r="RVV673" s="613"/>
      <c r="RVW673" s="613"/>
      <c r="RVX673" s="613"/>
      <c r="RVY673" s="613"/>
      <c r="RVZ673" s="613"/>
      <c r="RWA673" s="613"/>
      <c r="RWB673" s="613"/>
      <c r="RWC673" s="613"/>
      <c r="RWD673" s="613"/>
      <c r="RWE673" s="613"/>
      <c r="RWF673" s="613"/>
      <c r="RWG673" s="613"/>
      <c r="RWH673" s="613"/>
      <c r="RWI673" s="613"/>
      <c r="RWJ673" s="613"/>
      <c r="RWK673" s="613"/>
      <c r="RWL673" s="613"/>
      <c r="RWM673" s="613"/>
      <c r="RWN673" s="613"/>
      <c r="RWO673" s="613"/>
      <c r="RWP673" s="613"/>
      <c r="RWQ673" s="613"/>
      <c r="RWR673" s="613"/>
      <c r="RWS673" s="613"/>
      <c r="RWT673" s="613"/>
      <c r="RWU673" s="613"/>
      <c r="RWV673" s="613"/>
      <c r="RWW673" s="613"/>
      <c r="RWX673" s="613"/>
      <c r="RWY673" s="613"/>
      <c r="RWZ673" s="613"/>
      <c r="RXA673" s="613"/>
      <c r="RXB673" s="613"/>
      <c r="RXC673" s="613"/>
      <c r="RXD673" s="613"/>
      <c r="RXE673" s="613"/>
      <c r="RXF673" s="613"/>
      <c r="RXG673" s="613"/>
      <c r="RXH673" s="613"/>
      <c r="RXI673" s="613"/>
      <c r="RXJ673" s="613"/>
      <c r="RXK673" s="613"/>
      <c r="RXL673" s="613"/>
      <c r="RXM673" s="613"/>
      <c r="RXN673" s="613"/>
      <c r="RXO673" s="613"/>
      <c r="RXP673" s="613"/>
      <c r="RXQ673" s="613"/>
      <c r="RXR673" s="613"/>
      <c r="RXS673" s="613"/>
      <c r="RXT673" s="613"/>
      <c r="RXU673" s="613"/>
      <c r="RXV673" s="613"/>
      <c r="RXW673" s="613"/>
      <c r="RXX673" s="613"/>
      <c r="RXY673" s="613"/>
      <c r="RXZ673" s="613"/>
      <c r="RYA673" s="613"/>
      <c r="RYB673" s="613"/>
      <c r="RYC673" s="613"/>
      <c r="RYD673" s="613"/>
      <c r="RYE673" s="613"/>
      <c r="RYF673" s="613"/>
      <c r="RYG673" s="613"/>
      <c r="RYH673" s="613"/>
      <c r="RYI673" s="613"/>
      <c r="RYJ673" s="613"/>
      <c r="RYK673" s="613"/>
      <c r="RYL673" s="613"/>
      <c r="RYM673" s="613"/>
      <c r="RYN673" s="613"/>
      <c r="RYO673" s="613"/>
      <c r="RYP673" s="613"/>
      <c r="RYQ673" s="613"/>
      <c r="RYR673" s="613"/>
      <c r="RYS673" s="613"/>
      <c r="RYT673" s="613"/>
      <c r="RYU673" s="613"/>
      <c r="RYV673" s="613"/>
      <c r="RYW673" s="613"/>
      <c r="RYX673" s="613"/>
      <c r="RYY673" s="613"/>
      <c r="RYZ673" s="613"/>
      <c r="RZA673" s="613"/>
      <c r="RZB673" s="613"/>
      <c r="RZC673" s="613"/>
      <c r="RZD673" s="613"/>
      <c r="RZE673" s="613"/>
      <c r="RZF673" s="613"/>
      <c r="RZG673" s="613"/>
      <c r="RZH673" s="613"/>
      <c r="RZI673" s="613"/>
      <c r="RZJ673" s="613"/>
      <c r="RZK673" s="613"/>
      <c r="RZL673" s="613"/>
      <c r="RZM673" s="613"/>
      <c r="RZN673" s="613"/>
      <c r="RZO673" s="613"/>
      <c r="RZP673" s="613"/>
      <c r="RZQ673" s="613"/>
      <c r="RZR673" s="613"/>
      <c r="RZS673" s="613"/>
      <c r="RZT673" s="613"/>
      <c r="RZU673" s="613"/>
      <c r="RZV673" s="613"/>
      <c r="RZW673" s="613"/>
      <c r="RZX673" s="613"/>
      <c r="RZY673" s="613"/>
      <c r="RZZ673" s="613"/>
      <c r="SAA673" s="613"/>
      <c r="SAB673" s="613"/>
      <c r="SAC673" s="613"/>
      <c r="SAD673" s="613"/>
      <c r="SAE673" s="613"/>
      <c r="SAF673" s="613"/>
      <c r="SAG673" s="613"/>
      <c r="SAH673" s="613"/>
      <c r="SAI673" s="613"/>
      <c r="SAJ673" s="613"/>
      <c r="SAK673" s="613"/>
      <c r="SAL673" s="613"/>
      <c r="SAM673" s="613"/>
      <c r="SAN673" s="613"/>
      <c r="SAO673" s="613"/>
      <c r="SAP673" s="613"/>
      <c r="SAQ673" s="613"/>
      <c r="SAR673" s="613"/>
      <c r="SAS673" s="613"/>
      <c r="SAT673" s="613"/>
      <c r="SAU673" s="613"/>
      <c r="SAV673" s="613"/>
      <c r="SAW673" s="613"/>
      <c r="SAX673" s="613"/>
      <c r="SAY673" s="613"/>
      <c r="SAZ673" s="613"/>
      <c r="SBA673" s="613"/>
      <c r="SBB673" s="613"/>
      <c r="SBC673" s="613"/>
      <c r="SBD673" s="613"/>
      <c r="SBE673" s="613"/>
      <c r="SBF673" s="613"/>
      <c r="SBG673" s="613"/>
      <c r="SBH673" s="613"/>
      <c r="SBI673" s="613"/>
      <c r="SBJ673" s="613"/>
      <c r="SBK673" s="613"/>
      <c r="SBL673" s="613"/>
      <c r="SBM673" s="613"/>
      <c r="SBN673" s="613"/>
      <c r="SBO673" s="613"/>
      <c r="SBP673" s="613"/>
      <c r="SBQ673" s="613"/>
      <c r="SBR673" s="613"/>
      <c r="SBS673" s="613"/>
      <c r="SBT673" s="613"/>
      <c r="SBU673" s="613"/>
      <c r="SBV673" s="613"/>
      <c r="SBW673" s="613"/>
      <c r="SBX673" s="613"/>
      <c r="SBY673" s="613"/>
      <c r="SBZ673" s="613"/>
      <c r="SCA673" s="613"/>
      <c r="SCB673" s="613"/>
      <c r="SCC673" s="613"/>
      <c r="SCD673" s="613"/>
      <c r="SCE673" s="613"/>
      <c r="SCF673" s="613"/>
      <c r="SCG673" s="613"/>
      <c r="SCH673" s="613"/>
      <c r="SCI673" s="613"/>
      <c r="SCJ673" s="613"/>
      <c r="SCK673" s="613"/>
      <c r="SCL673" s="613"/>
      <c r="SCM673" s="613"/>
      <c r="SCN673" s="613"/>
      <c r="SCO673" s="613"/>
      <c r="SCP673" s="613"/>
      <c r="SCQ673" s="613"/>
      <c r="SCR673" s="613"/>
      <c r="SCS673" s="613"/>
      <c r="SCT673" s="613"/>
      <c r="SCU673" s="613"/>
      <c r="SCV673" s="613"/>
      <c r="SCW673" s="613"/>
      <c r="SCX673" s="613"/>
      <c r="SCY673" s="613"/>
      <c r="SCZ673" s="613"/>
      <c r="SDA673" s="613"/>
      <c r="SDB673" s="613"/>
      <c r="SDC673" s="613"/>
      <c r="SDD673" s="613"/>
      <c r="SDE673" s="613"/>
      <c r="SDF673" s="613"/>
      <c r="SDG673" s="613"/>
      <c r="SDH673" s="613"/>
      <c r="SDI673" s="613"/>
      <c r="SDJ673" s="613"/>
      <c r="SDK673" s="613"/>
      <c r="SDL673" s="613"/>
      <c r="SDM673" s="613"/>
      <c r="SDN673" s="613"/>
      <c r="SDO673" s="613"/>
      <c r="SDP673" s="613"/>
      <c r="SDQ673" s="613"/>
      <c r="SDR673" s="613"/>
      <c r="SDS673" s="613"/>
      <c r="SDT673" s="613"/>
      <c r="SDU673" s="613"/>
      <c r="SDV673" s="613"/>
      <c r="SDW673" s="613"/>
      <c r="SDX673" s="613"/>
      <c r="SDY673" s="613"/>
      <c r="SDZ673" s="613"/>
      <c r="SEA673" s="613"/>
      <c r="SEB673" s="613"/>
      <c r="SEC673" s="613"/>
      <c r="SED673" s="613"/>
      <c r="SEE673" s="613"/>
      <c r="SEF673" s="613"/>
      <c r="SEG673" s="613"/>
      <c r="SEH673" s="613"/>
      <c r="SEI673" s="613"/>
      <c r="SEJ673" s="613"/>
      <c r="SEK673" s="613"/>
      <c r="SEL673" s="613"/>
      <c r="SEM673" s="613"/>
      <c r="SEN673" s="613"/>
      <c r="SEO673" s="613"/>
      <c r="SEP673" s="613"/>
      <c r="SEQ673" s="613"/>
      <c r="SER673" s="613"/>
      <c r="SES673" s="613"/>
      <c r="SET673" s="613"/>
      <c r="SEU673" s="613"/>
      <c r="SEV673" s="613"/>
      <c r="SEW673" s="613"/>
      <c r="SEX673" s="613"/>
      <c r="SEY673" s="613"/>
      <c r="SEZ673" s="613"/>
      <c r="SFA673" s="613"/>
      <c r="SFB673" s="613"/>
      <c r="SFC673" s="613"/>
      <c r="SFD673" s="613"/>
      <c r="SFE673" s="613"/>
      <c r="SFF673" s="613"/>
      <c r="SFG673" s="613"/>
      <c r="SFH673" s="613"/>
      <c r="SFI673" s="613"/>
      <c r="SFJ673" s="613"/>
      <c r="SFK673" s="613"/>
      <c r="SFL673" s="613"/>
      <c r="SFM673" s="613"/>
      <c r="SFN673" s="613"/>
      <c r="SFO673" s="613"/>
      <c r="SFP673" s="613"/>
      <c r="SFQ673" s="613"/>
      <c r="SFR673" s="613"/>
      <c r="SFS673" s="613"/>
      <c r="SFT673" s="613"/>
      <c r="SFU673" s="613"/>
      <c r="SFV673" s="613"/>
      <c r="SFW673" s="613"/>
      <c r="SFX673" s="613"/>
      <c r="SFY673" s="613"/>
      <c r="SFZ673" s="613"/>
      <c r="SGA673" s="613"/>
      <c r="SGB673" s="613"/>
      <c r="SGC673" s="613"/>
      <c r="SGD673" s="613"/>
      <c r="SGE673" s="613"/>
      <c r="SGF673" s="613"/>
      <c r="SGG673" s="613"/>
      <c r="SGH673" s="613"/>
      <c r="SGI673" s="613"/>
      <c r="SGJ673" s="613"/>
      <c r="SGK673" s="613"/>
      <c r="SGL673" s="613"/>
      <c r="SGM673" s="613"/>
      <c r="SGN673" s="613"/>
      <c r="SGO673" s="613"/>
      <c r="SGP673" s="613"/>
      <c r="SGQ673" s="613"/>
      <c r="SGR673" s="613"/>
      <c r="SGS673" s="613"/>
      <c r="SGT673" s="613"/>
      <c r="SGU673" s="613"/>
      <c r="SGV673" s="613"/>
      <c r="SGW673" s="613"/>
      <c r="SGX673" s="613"/>
      <c r="SGY673" s="613"/>
      <c r="SGZ673" s="613"/>
      <c r="SHA673" s="613"/>
      <c r="SHB673" s="613"/>
      <c r="SHC673" s="613"/>
      <c r="SHD673" s="613"/>
      <c r="SHE673" s="613"/>
      <c r="SHF673" s="613"/>
      <c r="SHG673" s="613"/>
      <c r="SHH673" s="613"/>
      <c r="SHI673" s="613"/>
      <c r="SHJ673" s="613"/>
      <c r="SHK673" s="613"/>
      <c r="SHL673" s="613"/>
      <c r="SHM673" s="613"/>
      <c r="SHN673" s="613"/>
      <c r="SHO673" s="613"/>
      <c r="SHP673" s="613"/>
      <c r="SHQ673" s="613"/>
      <c r="SHR673" s="613"/>
      <c r="SHS673" s="613"/>
      <c r="SHT673" s="613"/>
      <c r="SHU673" s="613"/>
      <c r="SHV673" s="613"/>
      <c r="SHW673" s="613"/>
      <c r="SHX673" s="613"/>
      <c r="SHY673" s="613"/>
      <c r="SHZ673" s="613"/>
      <c r="SIA673" s="613"/>
      <c r="SIB673" s="613"/>
      <c r="SIC673" s="613"/>
      <c r="SID673" s="613"/>
      <c r="SIE673" s="613"/>
      <c r="SIF673" s="613"/>
      <c r="SIG673" s="613"/>
      <c r="SIH673" s="613"/>
      <c r="SII673" s="613"/>
      <c r="SIJ673" s="613"/>
      <c r="SIK673" s="613"/>
      <c r="SIL673" s="613"/>
      <c r="SIM673" s="613"/>
      <c r="SIN673" s="613"/>
      <c r="SIO673" s="613"/>
      <c r="SIP673" s="613"/>
      <c r="SIQ673" s="613"/>
      <c r="SIR673" s="613"/>
      <c r="SIS673" s="613"/>
      <c r="SIT673" s="613"/>
      <c r="SIU673" s="613"/>
      <c r="SIV673" s="613"/>
      <c r="SIW673" s="613"/>
      <c r="SIX673" s="613"/>
      <c r="SIY673" s="613"/>
      <c r="SIZ673" s="613"/>
      <c r="SJA673" s="613"/>
      <c r="SJB673" s="613"/>
      <c r="SJC673" s="613"/>
      <c r="SJD673" s="613"/>
      <c r="SJE673" s="613"/>
      <c r="SJF673" s="613"/>
      <c r="SJG673" s="613"/>
      <c r="SJH673" s="613"/>
      <c r="SJI673" s="613"/>
      <c r="SJJ673" s="613"/>
      <c r="SJK673" s="613"/>
      <c r="SJL673" s="613"/>
      <c r="SJM673" s="613"/>
      <c r="SJN673" s="613"/>
      <c r="SJO673" s="613"/>
      <c r="SJP673" s="613"/>
      <c r="SJQ673" s="613"/>
      <c r="SJR673" s="613"/>
      <c r="SJS673" s="613"/>
      <c r="SJT673" s="613"/>
      <c r="SJU673" s="613"/>
      <c r="SJV673" s="613"/>
      <c r="SJW673" s="613"/>
      <c r="SJX673" s="613"/>
      <c r="SJY673" s="613"/>
      <c r="SJZ673" s="613"/>
      <c r="SKA673" s="613"/>
      <c r="SKB673" s="613"/>
      <c r="SKC673" s="613"/>
      <c r="SKD673" s="613"/>
      <c r="SKE673" s="613"/>
      <c r="SKF673" s="613"/>
      <c r="SKG673" s="613"/>
      <c r="SKH673" s="613"/>
      <c r="SKI673" s="613"/>
      <c r="SKJ673" s="613"/>
      <c r="SKK673" s="613"/>
      <c r="SKL673" s="613"/>
      <c r="SKM673" s="613"/>
      <c r="SKN673" s="613"/>
      <c r="SKO673" s="613"/>
      <c r="SKP673" s="613"/>
      <c r="SKQ673" s="613"/>
      <c r="SKR673" s="613"/>
      <c r="SKS673" s="613"/>
      <c r="SKT673" s="613"/>
      <c r="SKU673" s="613"/>
      <c r="SKV673" s="613"/>
      <c r="SKW673" s="613"/>
      <c r="SKX673" s="613"/>
      <c r="SKY673" s="613"/>
      <c r="SKZ673" s="613"/>
      <c r="SLA673" s="613"/>
      <c r="SLB673" s="613"/>
      <c r="SLC673" s="613"/>
      <c r="SLD673" s="613"/>
      <c r="SLE673" s="613"/>
      <c r="SLF673" s="613"/>
      <c r="SLG673" s="613"/>
      <c r="SLH673" s="613"/>
      <c r="SLI673" s="613"/>
      <c r="SLJ673" s="613"/>
      <c r="SLK673" s="613"/>
      <c r="SLL673" s="613"/>
      <c r="SLM673" s="613"/>
      <c r="SLN673" s="613"/>
      <c r="SLO673" s="613"/>
      <c r="SLP673" s="613"/>
      <c r="SLQ673" s="613"/>
      <c r="SLR673" s="613"/>
      <c r="SLS673" s="613"/>
      <c r="SLT673" s="613"/>
      <c r="SLU673" s="613"/>
      <c r="SLV673" s="613"/>
      <c r="SLW673" s="613"/>
      <c r="SLX673" s="613"/>
      <c r="SLY673" s="613"/>
      <c r="SLZ673" s="613"/>
      <c r="SMA673" s="613"/>
      <c r="SMB673" s="613"/>
      <c r="SMC673" s="613"/>
      <c r="SMD673" s="613"/>
      <c r="SME673" s="613"/>
      <c r="SMF673" s="613"/>
      <c r="SMG673" s="613"/>
      <c r="SMH673" s="613"/>
      <c r="SMI673" s="613"/>
      <c r="SMJ673" s="613"/>
      <c r="SMK673" s="613"/>
      <c r="SML673" s="613"/>
      <c r="SMM673" s="613"/>
      <c r="SMN673" s="613"/>
      <c r="SMO673" s="613"/>
      <c r="SMP673" s="613"/>
      <c r="SMQ673" s="613"/>
      <c r="SMR673" s="613"/>
      <c r="SMS673" s="613"/>
      <c r="SMT673" s="613"/>
      <c r="SMU673" s="613"/>
      <c r="SMV673" s="613"/>
      <c r="SMW673" s="613"/>
      <c r="SMX673" s="613"/>
      <c r="SMY673" s="613"/>
      <c r="SMZ673" s="613"/>
      <c r="SNA673" s="613"/>
      <c r="SNB673" s="613"/>
      <c r="SNC673" s="613"/>
      <c r="SND673" s="613"/>
      <c r="SNE673" s="613"/>
      <c r="SNF673" s="613"/>
      <c r="SNG673" s="613"/>
      <c r="SNH673" s="613"/>
      <c r="SNI673" s="613"/>
      <c r="SNJ673" s="613"/>
      <c r="SNK673" s="613"/>
      <c r="SNL673" s="613"/>
      <c r="SNM673" s="613"/>
      <c r="SNN673" s="613"/>
      <c r="SNO673" s="613"/>
      <c r="SNP673" s="613"/>
      <c r="SNQ673" s="613"/>
      <c r="SNR673" s="613"/>
      <c r="SNS673" s="613"/>
      <c r="SNT673" s="613"/>
      <c r="SNU673" s="613"/>
      <c r="SNV673" s="613"/>
      <c r="SNW673" s="613"/>
      <c r="SNX673" s="613"/>
      <c r="SNY673" s="613"/>
      <c r="SNZ673" s="613"/>
      <c r="SOA673" s="613"/>
      <c r="SOB673" s="613"/>
      <c r="SOC673" s="613"/>
      <c r="SOD673" s="613"/>
      <c r="SOE673" s="613"/>
      <c r="SOF673" s="613"/>
      <c r="SOG673" s="613"/>
      <c r="SOH673" s="613"/>
      <c r="SOI673" s="613"/>
      <c r="SOJ673" s="613"/>
      <c r="SOK673" s="613"/>
      <c r="SOL673" s="613"/>
      <c r="SOM673" s="613"/>
      <c r="SON673" s="613"/>
      <c r="SOO673" s="613"/>
      <c r="SOP673" s="613"/>
      <c r="SOQ673" s="613"/>
      <c r="SOR673" s="613"/>
      <c r="SOS673" s="613"/>
      <c r="SOT673" s="613"/>
      <c r="SOU673" s="613"/>
      <c r="SOV673" s="613"/>
      <c r="SOW673" s="613"/>
      <c r="SOX673" s="613"/>
      <c r="SOY673" s="613"/>
      <c r="SOZ673" s="613"/>
      <c r="SPA673" s="613"/>
      <c r="SPB673" s="613"/>
      <c r="SPC673" s="613"/>
      <c r="SPD673" s="613"/>
      <c r="SPE673" s="613"/>
      <c r="SPF673" s="613"/>
      <c r="SPG673" s="613"/>
      <c r="SPH673" s="613"/>
      <c r="SPI673" s="613"/>
      <c r="SPJ673" s="613"/>
      <c r="SPK673" s="613"/>
      <c r="SPL673" s="613"/>
      <c r="SPM673" s="613"/>
      <c r="SPN673" s="613"/>
      <c r="SPO673" s="613"/>
      <c r="SPP673" s="613"/>
      <c r="SPQ673" s="613"/>
      <c r="SPR673" s="613"/>
      <c r="SPS673" s="613"/>
      <c r="SPT673" s="613"/>
      <c r="SPU673" s="613"/>
      <c r="SPV673" s="613"/>
      <c r="SPW673" s="613"/>
      <c r="SPX673" s="613"/>
      <c r="SPY673" s="613"/>
      <c r="SPZ673" s="613"/>
      <c r="SQA673" s="613"/>
      <c r="SQB673" s="613"/>
      <c r="SQC673" s="613"/>
      <c r="SQD673" s="613"/>
      <c r="SQE673" s="613"/>
      <c r="SQF673" s="613"/>
      <c r="SQG673" s="613"/>
      <c r="SQH673" s="613"/>
      <c r="SQI673" s="613"/>
      <c r="SQJ673" s="613"/>
      <c r="SQK673" s="613"/>
      <c r="SQL673" s="613"/>
      <c r="SQM673" s="613"/>
      <c r="SQN673" s="613"/>
      <c r="SQO673" s="613"/>
      <c r="SQP673" s="613"/>
      <c r="SQQ673" s="613"/>
      <c r="SQR673" s="613"/>
      <c r="SQS673" s="613"/>
      <c r="SQT673" s="613"/>
      <c r="SQU673" s="613"/>
      <c r="SQV673" s="613"/>
      <c r="SQW673" s="613"/>
      <c r="SQX673" s="613"/>
      <c r="SQY673" s="613"/>
      <c r="SQZ673" s="613"/>
      <c r="SRA673" s="613"/>
      <c r="SRB673" s="613"/>
      <c r="SRC673" s="613"/>
      <c r="SRD673" s="613"/>
      <c r="SRE673" s="613"/>
      <c r="SRF673" s="613"/>
      <c r="SRG673" s="613"/>
      <c r="SRH673" s="613"/>
      <c r="SRI673" s="613"/>
      <c r="SRJ673" s="613"/>
      <c r="SRK673" s="613"/>
      <c r="SRL673" s="613"/>
      <c r="SRM673" s="613"/>
      <c r="SRN673" s="613"/>
      <c r="SRO673" s="613"/>
      <c r="SRP673" s="613"/>
      <c r="SRQ673" s="613"/>
      <c r="SRR673" s="613"/>
      <c r="SRS673" s="613"/>
      <c r="SRT673" s="613"/>
      <c r="SRU673" s="613"/>
      <c r="SRV673" s="613"/>
      <c r="SRW673" s="613"/>
      <c r="SRX673" s="613"/>
      <c r="SRY673" s="613"/>
      <c r="SRZ673" s="613"/>
      <c r="SSA673" s="613"/>
      <c r="SSB673" s="613"/>
      <c r="SSC673" s="613"/>
      <c r="SSD673" s="613"/>
      <c r="SSE673" s="613"/>
      <c r="SSF673" s="613"/>
      <c r="SSG673" s="613"/>
      <c r="SSH673" s="613"/>
      <c r="SSI673" s="613"/>
      <c r="SSJ673" s="613"/>
      <c r="SSK673" s="613"/>
      <c r="SSL673" s="613"/>
      <c r="SSM673" s="613"/>
      <c r="SSN673" s="613"/>
      <c r="SSO673" s="613"/>
      <c r="SSP673" s="613"/>
      <c r="SSQ673" s="613"/>
      <c r="SSR673" s="613"/>
      <c r="SSS673" s="613"/>
      <c r="SST673" s="613"/>
      <c r="SSU673" s="613"/>
      <c r="SSV673" s="613"/>
      <c r="SSW673" s="613"/>
      <c r="SSX673" s="613"/>
      <c r="SSY673" s="613"/>
      <c r="SSZ673" s="613"/>
      <c r="STA673" s="613"/>
      <c r="STB673" s="613"/>
      <c r="STC673" s="613"/>
      <c r="STD673" s="613"/>
      <c r="STE673" s="613"/>
      <c r="STF673" s="613"/>
      <c r="STG673" s="613"/>
      <c r="STH673" s="613"/>
      <c r="STI673" s="613"/>
      <c r="STJ673" s="613"/>
      <c r="STK673" s="613"/>
      <c r="STL673" s="613"/>
      <c r="STM673" s="613"/>
      <c r="STN673" s="613"/>
      <c r="STO673" s="613"/>
      <c r="STP673" s="613"/>
      <c r="STQ673" s="613"/>
      <c r="STR673" s="613"/>
      <c r="STS673" s="613"/>
      <c r="STT673" s="613"/>
      <c r="STU673" s="613"/>
      <c r="STV673" s="613"/>
      <c r="STW673" s="613"/>
      <c r="STX673" s="613"/>
      <c r="STY673" s="613"/>
      <c r="STZ673" s="613"/>
      <c r="SUA673" s="613"/>
      <c r="SUB673" s="613"/>
      <c r="SUC673" s="613"/>
      <c r="SUD673" s="613"/>
      <c r="SUE673" s="613"/>
      <c r="SUF673" s="613"/>
      <c r="SUG673" s="613"/>
      <c r="SUH673" s="613"/>
      <c r="SUI673" s="613"/>
      <c r="SUJ673" s="613"/>
      <c r="SUK673" s="613"/>
      <c r="SUL673" s="613"/>
      <c r="SUM673" s="613"/>
      <c r="SUN673" s="613"/>
      <c r="SUO673" s="613"/>
      <c r="SUP673" s="613"/>
      <c r="SUQ673" s="613"/>
      <c r="SUR673" s="613"/>
      <c r="SUS673" s="613"/>
      <c r="SUT673" s="613"/>
      <c r="SUU673" s="613"/>
      <c r="SUV673" s="613"/>
      <c r="SUW673" s="613"/>
      <c r="SUX673" s="613"/>
      <c r="SUY673" s="613"/>
      <c r="SUZ673" s="613"/>
      <c r="SVA673" s="613"/>
      <c r="SVB673" s="613"/>
      <c r="SVC673" s="613"/>
      <c r="SVD673" s="613"/>
      <c r="SVE673" s="613"/>
      <c r="SVF673" s="613"/>
      <c r="SVG673" s="613"/>
      <c r="SVH673" s="613"/>
      <c r="SVI673" s="613"/>
      <c r="SVJ673" s="613"/>
      <c r="SVK673" s="613"/>
      <c r="SVL673" s="613"/>
      <c r="SVM673" s="613"/>
      <c r="SVN673" s="613"/>
      <c r="SVO673" s="613"/>
      <c r="SVP673" s="613"/>
      <c r="SVQ673" s="613"/>
      <c r="SVR673" s="613"/>
      <c r="SVS673" s="613"/>
      <c r="SVT673" s="613"/>
      <c r="SVU673" s="613"/>
      <c r="SVV673" s="613"/>
      <c r="SVW673" s="613"/>
      <c r="SVX673" s="613"/>
      <c r="SVY673" s="613"/>
      <c r="SVZ673" s="613"/>
      <c r="SWA673" s="613"/>
      <c r="SWB673" s="613"/>
      <c r="SWC673" s="613"/>
      <c r="SWD673" s="613"/>
      <c r="SWE673" s="613"/>
      <c r="SWF673" s="613"/>
      <c r="SWG673" s="613"/>
      <c r="SWH673" s="613"/>
      <c r="SWI673" s="613"/>
      <c r="SWJ673" s="613"/>
      <c r="SWK673" s="613"/>
      <c r="SWL673" s="613"/>
      <c r="SWM673" s="613"/>
      <c r="SWN673" s="613"/>
      <c r="SWO673" s="613"/>
      <c r="SWP673" s="613"/>
      <c r="SWQ673" s="613"/>
      <c r="SWR673" s="613"/>
      <c r="SWS673" s="613"/>
      <c r="SWT673" s="613"/>
      <c r="SWU673" s="613"/>
      <c r="SWV673" s="613"/>
      <c r="SWW673" s="613"/>
      <c r="SWX673" s="613"/>
      <c r="SWY673" s="613"/>
      <c r="SWZ673" s="613"/>
      <c r="SXA673" s="613"/>
      <c r="SXB673" s="613"/>
      <c r="SXC673" s="613"/>
      <c r="SXD673" s="613"/>
      <c r="SXE673" s="613"/>
      <c r="SXF673" s="613"/>
      <c r="SXG673" s="613"/>
      <c r="SXH673" s="613"/>
      <c r="SXI673" s="613"/>
      <c r="SXJ673" s="613"/>
      <c r="SXK673" s="613"/>
      <c r="SXL673" s="613"/>
      <c r="SXM673" s="613"/>
      <c r="SXN673" s="613"/>
      <c r="SXO673" s="613"/>
      <c r="SXP673" s="613"/>
      <c r="SXQ673" s="613"/>
      <c r="SXR673" s="613"/>
      <c r="SXS673" s="613"/>
      <c r="SXT673" s="613"/>
      <c r="SXU673" s="613"/>
      <c r="SXV673" s="613"/>
      <c r="SXW673" s="613"/>
      <c r="SXX673" s="613"/>
      <c r="SXY673" s="613"/>
      <c r="SXZ673" s="613"/>
      <c r="SYA673" s="613"/>
      <c r="SYB673" s="613"/>
      <c r="SYC673" s="613"/>
      <c r="SYD673" s="613"/>
      <c r="SYE673" s="613"/>
      <c r="SYF673" s="613"/>
      <c r="SYG673" s="613"/>
      <c r="SYH673" s="613"/>
      <c r="SYI673" s="613"/>
      <c r="SYJ673" s="613"/>
      <c r="SYK673" s="613"/>
      <c r="SYL673" s="613"/>
      <c r="SYM673" s="613"/>
      <c r="SYN673" s="613"/>
      <c r="SYO673" s="613"/>
      <c r="SYP673" s="613"/>
      <c r="SYQ673" s="613"/>
      <c r="SYR673" s="613"/>
      <c r="SYS673" s="613"/>
      <c r="SYT673" s="613"/>
      <c r="SYU673" s="613"/>
      <c r="SYV673" s="613"/>
      <c r="SYW673" s="613"/>
      <c r="SYX673" s="613"/>
      <c r="SYY673" s="613"/>
      <c r="SYZ673" s="613"/>
      <c r="SZA673" s="613"/>
      <c r="SZB673" s="613"/>
      <c r="SZC673" s="613"/>
      <c r="SZD673" s="613"/>
      <c r="SZE673" s="613"/>
      <c r="SZF673" s="613"/>
      <c r="SZG673" s="613"/>
      <c r="SZH673" s="613"/>
      <c r="SZI673" s="613"/>
      <c r="SZJ673" s="613"/>
      <c r="SZK673" s="613"/>
      <c r="SZL673" s="613"/>
      <c r="SZM673" s="613"/>
      <c r="SZN673" s="613"/>
      <c r="SZO673" s="613"/>
      <c r="SZP673" s="613"/>
      <c r="SZQ673" s="613"/>
      <c r="SZR673" s="613"/>
      <c r="SZS673" s="613"/>
      <c r="SZT673" s="613"/>
      <c r="SZU673" s="613"/>
      <c r="SZV673" s="613"/>
      <c r="SZW673" s="613"/>
      <c r="SZX673" s="613"/>
      <c r="SZY673" s="613"/>
      <c r="SZZ673" s="613"/>
      <c r="TAA673" s="613"/>
      <c r="TAB673" s="613"/>
      <c r="TAC673" s="613"/>
      <c r="TAD673" s="613"/>
      <c r="TAE673" s="613"/>
      <c r="TAF673" s="613"/>
      <c r="TAG673" s="613"/>
      <c r="TAH673" s="613"/>
      <c r="TAI673" s="613"/>
      <c r="TAJ673" s="613"/>
      <c r="TAK673" s="613"/>
      <c r="TAL673" s="613"/>
      <c r="TAM673" s="613"/>
      <c r="TAN673" s="613"/>
      <c r="TAO673" s="613"/>
      <c r="TAP673" s="613"/>
      <c r="TAQ673" s="613"/>
      <c r="TAR673" s="613"/>
      <c r="TAS673" s="613"/>
      <c r="TAT673" s="613"/>
      <c r="TAU673" s="613"/>
      <c r="TAV673" s="613"/>
      <c r="TAW673" s="613"/>
      <c r="TAX673" s="613"/>
      <c r="TAY673" s="613"/>
      <c r="TAZ673" s="613"/>
      <c r="TBA673" s="613"/>
      <c r="TBB673" s="613"/>
      <c r="TBC673" s="613"/>
      <c r="TBD673" s="613"/>
      <c r="TBE673" s="613"/>
      <c r="TBF673" s="613"/>
      <c r="TBG673" s="613"/>
      <c r="TBH673" s="613"/>
      <c r="TBI673" s="613"/>
      <c r="TBJ673" s="613"/>
      <c r="TBK673" s="613"/>
      <c r="TBL673" s="613"/>
      <c r="TBM673" s="613"/>
      <c r="TBN673" s="613"/>
      <c r="TBO673" s="613"/>
      <c r="TBP673" s="613"/>
      <c r="TBQ673" s="613"/>
      <c r="TBR673" s="613"/>
      <c r="TBS673" s="613"/>
      <c r="TBT673" s="613"/>
      <c r="TBU673" s="613"/>
      <c r="TBV673" s="613"/>
      <c r="TBW673" s="613"/>
      <c r="TBX673" s="613"/>
      <c r="TBY673" s="613"/>
      <c r="TBZ673" s="613"/>
      <c r="TCA673" s="613"/>
      <c r="TCB673" s="613"/>
      <c r="TCC673" s="613"/>
      <c r="TCD673" s="613"/>
      <c r="TCE673" s="613"/>
      <c r="TCF673" s="613"/>
      <c r="TCG673" s="613"/>
      <c r="TCH673" s="613"/>
      <c r="TCI673" s="613"/>
      <c r="TCJ673" s="613"/>
      <c r="TCK673" s="613"/>
      <c r="TCL673" s="613"/>
      <c r="TCM673" s="613"/>
      <c r="TCN673" s="613"/>
      <c r="TCO673" s="613"/>
      <c r="TCP673" s="613"/>
      <c r="TCQ673" s="613"/>
      <c r="TCR673" s="613"/>
      <c r="TCS673" s="613"/>
      <c r="TCT673" s="613"/>
      <c r="TCU673" s="613"/>
      <c r="TCV673" s="613"/>
      <c r="TCW673" s="613"/>
      <c r="TCX673" s="613"/>
      <c r="TCY673" s="613"/>
      <c r="TCZ673" s="613"/>
      <c r="TDA673" s="613"/>
      <c r="TDB673" s="613"/>
      <c r="TDC673" s="613"/>
      <c r="TDD673" s="613"/>
      <c r="TDE673" s="613"/>
      <c r="TDF673" s="613"/>
      <c r="TDG673" s="613"/>
      <c r="TDH673" s="613"/>
      <c r="TDI673" s="613"/>
      <c r="TDJ673" s="613"/>
      <c r="TDK673" s="613"/>
      <c r="TDL673" s="613"/>
      <c r="TDM673" s="613"/>
      <c r="TDN673" s="613"/>
      <c r="TDO673" s="613"/>
      <c r="TDP673" s="613"/>
      <c r="TDQ673" s="613"/>
      <c r="TDR673" s="613"/>
      <c r="TDS673" s="613"/>
      <c r="TDT673" s="613"/>
      <c r="TDU673" s="613"/>
      <c r="TDV673" s="613"/>
      <c r="TDW673" s="613"/>
      <c r="TDX673" s="613"/>
      <c r="TDY673" s="613"/>
      <c r="TDZ673" s="613"/>
      <c r="TEA673" s="613"/>
      <c r="TEB673" s="613"/>
      <c r="TEC673" s="613"/>
      <c r="TED673" s="613"/>
      <c r="TEE673" s="613"/>
      <c r="TEF673" s="613"/>
      <c r="TEG673" s="613"/>
      <c r="TEH673" s="613"/>
      <c r="TEI673" s="613"/>
      <c r="TEJ673" s="613"/>
      <c r="TEK673" s="613"/>
      <c r="TEL673" s="613"/>
      <c r="TEM673" s="613"/>
      <c r="TEN673" s="613"/>
      <c r="TEO673" s="613"/>
      <c r="TEP673" s="613"/>
      <c r="TEQ673" s="613"/>
      <c r="TER673" s="613"/>
      <c r="TES673" s="613"/>
      <c r="TET673" s="613"/>
      <c r="TEU673" s="613"/>
      <c r="TEV673" s="613"/>
      <c r="TEW673" s="613"/>
      <c r="TEX673" s="613"/>
      <c r="TEY673" s="613"/>
      <c r="TEZ673" s="613"/>
      <c r="TFA673" s="613"/>
      <c r="TFB673" s="613"/>
      <c r="TFC673" s="613"/>
      <c r="TFD673" s="613"/>
      <c r="TFE673" s="613"/>
      <c r="TFF673" s="613"/>
      <c r="TFG673" s="613"/>
      <c r="TFH673" s="613"/>
      <c r="TFI673" s="613"/>
      <c r="TFJ673" s="613"/>
      <c r="TFK673" s="613"/>
      <c r="TFL673" s="613"/>
      <c r="TFM673" s="613"/>
      <c r="TFN673" s="613"/>
      <c r="TFO673" s="613"/>
      <c r="TFP673" s="613"/>
      <c r="TFQ673" s="613"/>
      <c r="TFR673" s="613"/>
      <c r="TFS673" s="613"/>
      <c r="TFT673" s="613"/>
      <c r="TFU673" s="613"/>
      <c r="TFV673" s="613"/>
      <c r="TFW673" s="613"/>
      <c r="TFX673" s="613"/>
      <c r="TFY673" s="613"/>
      <c r="TFZ673" s="613"/>
      <c r="TGA673" s="613"/>
      <c r="TGB673" s="613"/>
      <c r="TGC673" s="613"/>
      <c r="TGD673" s="613"/>
      <c r="TGE673" s="613"/>
      <c r="TGF673" s="613"/>
      <c r="TGG673" s="613"/>
      <c r="TGH673" s="613"/>
      <c r="TGI673" s="613"/>
      <c r="TGJ673" s="613"/>
      <c r="TGK673" s="613"/>
      <c r="TGL673" s="613"/>
      <c r="TGM673" s="613"/>
      <c r="TGN673" s="613"/>
      <c r="TGO673" s="613"/>
      <c r="TGP673" s="613"/>
      <c r="TGQ673" s="613"/>
      <c r="TGR673" s="613"/>
      <c r="TGS673" s="613"/>
      <c r="TGT673" s="613"/>
      <c r="TGU673" s="613"/>
      <c r="TGV673" s="613"/>
      <c r="TGW673" s="613"/>
      <c r="TGX673" s="613"/>
      <c r="TGY673" s="613"/>
      <c r="TGZ673" s="613"/>
      <c r="THA673" s="613"/>
      <c r="THB673" s="613"/>
      <c r="THC673" s="613"/>
      <c r="THD673" s="613"/>
      <c r="THE673" s="613"/>
      <c r="THF673" s="613"/>
      <c r="THG673" s="613"/>
      <c r="THH673" s="613"/>
      <c r="THI673" s="613"/>
      <c r="THJ673" s="613"/>
      <c r="THK673" s="613"/>
      <c r="THL673" s="613"/>
      <c r="THM673" s="613"/>
      <c r="THN673" s="613"/>
      <c r="THO673" s="613"/>
      <c r="THP673" s="613"/>
      <c r="THQ673" s="613"/>
      <c r="THR673" s="613"/>
      <c r="THS673" s="613"/>
      <c r="THT673" s="613"/>
      <c r="THU673" s="613"/>
      <c r="THV673" s="613"/>
      <c r="THW673" s="613"/>
      <c r="THX673" s="613"/>
      <c r="THY673" s="613"/>
      <c r="THZ673" s="613"/>
      <c r="TIA673" s="613"/>
      <c r="TIB673" s="613"/>
      <c r="TIC673" s="613"/>
      <c r="TID673" s="613"/>
      <c r="TIE673" s="613"/>
      <c r="TIF673" s="613"/>
      <c r="TIG673" s="613"/>
      <c r="TIH673" s="613"/>
      <c r="TII673" s="613"/>
      <c r="TIJ673" s="613"/>
      <c r="TIK673" s="613"/>
      <c r="TIL673" s="613"/>
      <c r="TIM673" s="613"/>
      <c r="TIN673" s="613"/>
      <c r="TIO673" s="613"/>
      <c r="TIP673" s="613"/>
      <c r="TIQ673" s="613"/>
      <c r="TIR673" s="613"/>
      <c r="TIS673" s="613"/>
      <c r="TIT673" s="613"/>
      <c r="TIU673" s="613"/>
      <c r="TIV673" s="613"/>
      <c r="TIW673" s="613"/>
      <c r="TIX673" s="613"/>
      <c r="TIY673" s="613"/>
      <c r="TIZ673" s="613"/>
      <c r="TJA673" s="613"/>
      <c r="TJB673" s="613"/>
      <c r="TJC673" s="613"/>
      <c r="TJD673" s="613"/>
      <c r="TJE673" s="613"/>
      <c r="TJF673" s="613"/>
      <c r="TJG673" s="613"/>
      <c r="TJH673" s="613"/>
      <c r="TJI673" s="613"/>
      <c r="TJJ673" s="613"/>
      <c r="TJK673" s="613"/>
      <c r="TJL673" s="613"/>
      <c r="TJM673" s="613"/>
      <c r="TJN673" s="613"/>
      <c r="TJO673" s="613"/>
      <c r="TJP673" s="613"/>
      <c r="TJQ673" s="613"/>
      <c r="TJR673" s="613"/>
      <c r="TJS673" s="613"/>
      <c r="TJT673" s="613"/>
      <c r="TJU673" s="613"/>
      <c r="TJV673" s="613"/>
      <c r="TJW673" s="613"/>
      <c r="TJX673" s="613"/>
      <c r="TJY673" s="613"/>
      <c r="TJZ673" s="613"/>
      <c r="TKA673" s="613"/>
      <c r="TKB673" s="613"/>
      <c r="TKC673" s="613"/>
      <c r="TKD673" s="613"/>
      <c r="TKE673" s="613"/>
      <c r="TKF673" s="613"/>
      <c r="TKG673" s="613"/>
      <c r="TKH673" s="613"/>
      <c r="TKI673" s="613"/>
      <c r="TKJ673" s="613"/>
      <c r="TKK673" s="613"/>
      <c r="TKL673" s="613"/>
      <c r="TKM673" s="613"/>
      <c r="TKN673" s="613"/>
      <c r="TKO673" s="613"/>
      <c r="TKP673" s="613"/>
      <c r="TKQ673" s="613"/>
      <c r="TKR673" s="613"/>
      <c r="TKS673" s="613"/>
      <c r="TKT673" s="613"/>
      <c r="TKU673" s="613"/>
      <c r="TKV673" s="613"/>
      <c r="TKW673" s="613"/>
      <c r="TKX673" s="613"/>
      <c r="TKY673" s="613"/>
      <c r="TKZ673" s="613"/>
      <c r="TLA673" s="613"/>
      <c r="TLB673" s="613"/>
      <c r="TLC673" s="613"/>
      <c r="TLD673" s="613"/>
      <c r="TLE673" s="613"/>
      <c r="TLF673" s="613"/>
      <c r="TLG673" s="613"/>
      <c r="TLH673" s="613"/>
      <c r="TLI673" s="613"/>
      <c r="TLJ673" s="613"/>
      <c r="TLK673" s="613"/>
      <c r="TLL673" s="613"/>
      <c r="TLM673" s="613"/>
      <c r="TLN673" s="613"/>
      <c r="TLO673" s="613"/>
      <c r="TLP673" s="613"/>
      <c r="TLQ673" s="613"/>
      <c r="TLR673" s="613"/>
      <c r="TLS673" s="613"/>
      <c r="TLT673" s="613"/>
      <c r="TLU673" s="613"/>
      <c r="TLV673" s="613"/>
      <c r="TLW673" s="613"/>
      <c r="TLX673" s="613"/>
      <c r="TLY673" s="613"/>
      <c r="TLZ673" s="613"/>
      <c r="TMA673" s="613"/>
      <c r="TMB673" s="613"/>
      <c r="TMC673" s="613"/>
      <c r="TMD673" s="613"/>
      <c r="TME673" s="613"/>
      <c r="TMF673" s="613"/>
      <c r="TMG673" s="613"/>
      <c r="TMH673" s="613"/>
      <c r="TMI673" s="613"/>
      <c r="TMJ673" s="613"/>
      <c r="TMK673" s="613"/>
      <c r="TML673" s="613"/>
      <c r="TMM673" s="613"/>
      <c r="TMN673" s="613"/>
      <c r="TMO673" s="613"/>
      <c r="TMP673" s="613"/>
      <c r="TMQ673" s="613"/>
      <c r="TMR673" s="613"/>
      <c r="TMS673" s="613"/>
      <c r="TMT673" s="613"/>
      <c r="TMU673" s="613"/>
      <c r="TMV673" s="613"/>
      <c r="TMW673" s="613"/>
      <c r="TMX673" s="613"/>
      <c r="TMY673" s="613"/>
      <c r="TMZ673" s="613"/>
      <c r="TNA673" s="613"/>
      <c r="TNB673" s="613"/>
      <c r="TNC673" s="613"/>
      <c r="TND673" s="613"/>
      <c r="TNE673" s="613"/>
      <c r="TNF673" s="613"/>
      <c r="TNG673" s="613"/>
      <c r="TNH673" s="613"/>
      <c r="TNI673" s="613"/>
      <c r="TNJ673" s="613"/>
      <c r="TNK673" s="613"/>
      <c r="TNL673" s="613"/>
      <c r="TNM673" s="613"/>
      <c r="TNN673" s="613"/>
      <c r="TNO673" s="613"/>
      <c r="TNP673" s="613"/>
      <c r="TNQ673" s="613"/>
      <c r="TNR673" s="613"/>
      <c r="TNS673" s="613"/>
      <c r="TNT673" s="613"/>
      <c r="TNU673" s="613"/>
      <c r="TNV673" s="613"/>
      <c r="TNW673" s="613"/>
      <c r="TNX673" s="613"/>
      <c r="TNY673" s="613"/>
      <c r="TNZ673" s="613"/>
      <c r="TOA673" s="613"/>
      <c r="TOB673" s="613"/>
      <c r="TOC673" s="613"/>
      <c r="TOD673" s="613"/>
      <c r="TOE673" s="613"/>
      <c r="TOF673" s="613"/>
      <c r="TOG673" s="613"/>
      <c r="TOH673" s="613"/>
      <c r="TOI673" s="613"/>
      <c r="TOJ673" s="613"/>
      <c r="TOK673" s="613"/>
      <c r="TOL673" s="613"/>
      <c r="TOM673" s="613"/>
      <c r="TON673" s="613"/>
      <c r="TOO673" s="613"/>
      <c r="TOP673" s="613"/>
      <c r="TOQ673" s="613"/>
      <c r="TOR673" s="613"/>
      <c r="TOS673" s="613"/>
      <c r="TOT673" s="613"/>
      <c r="TOU673" s="613"/>
      <c r="TOV673" s="613"/>
      <c r="TOW673" s="613"/>
      <c r="TOX673" s="613"/>
      <c r="TOY673" s="613"/>
      <c r="TOZ673" s="613"/>
      <c r="TPA673" s="613"/>
      <c r="TPB673" s="613"/>
      <c r="TPC673" s="613"/>
      <c r="TPD673" s="613"/>
      <c r="TPE673" s="613"/>
      <c r="TPF673" s="613"/>
      <c r="TPG673" s="613"/>
      <c r="TPH673" s="613"/>
      <c r="TPI673" s="613"/>
      <c r="TPJ673" s="613"/>
      <c r="TPK673" s="613"/>
      <c r="TPL673" s="613"/>
      <c r="TPM673" s="613"/>
      <c r="TPN673" s="613"/>
      <c r="TPO673" s="613"/>
      <c r="TPP673" s="613"/>
      <c r="TPQ673" s="613"/>
      <c r="TPR673" s="613"/>
      <c r="TPS673" s="613"/>
      <c r="TPT673" s="613"/>
      <c r="TPU673" s="613"/>
      <c r="TPV673" s="613"/>
      <c r="TPW673" s="613"/>
      <c r="TPX673" s="613"/>
      <c r="TPY673" s="613"/>
      <c r="TPZ673" s="613"/>
      <c r="TQA673" s="613"/>
      <c r="TQB673" s="613"/>
      <c r="TQC673" s="613"/>
      <c r="TQD673" s="613"/>
      <c r="TQE673" s="613"/>
      <c r="TQF673" s="613"/>
      <c r="TQG673" s="613"/>
      <c r="TQH673" s="613"/>
      <c r="TQI673" s="613"/>
      <c r="TQJ673" s="613"/>
      <c r="TQK673" s="613"/>
      <c r="TQL673" s="613"/>
      <c r="TQM673" s="613"/>
      <c r="TQN673" s="613"/>
      <c r="TQO673" s="613"/>
      <c r="TQP673" s="613"/>
      <c r="TQQ673" s="613"/>
      <c r="TQR673" s="613"/>
      <c r="TQS673" s="613"/>
      <c r="TQT673" s="613"/>
      <c r="TQU673" s="613"/>
      <c r="TQV673" s="613"/>
      <c r="TQW673" s="613"/>
      <c r="TQX673" s="613"/>
      <c r="TQY673" s="613"/>
      <c r="TQZ673" s="613"/>
      <c r="TRA673" s="613"/>
      <c r="TRB673" s="613"/>
      <c r="TRC673" s="613"/>
      <c r="TRD673" s="613"/>
      <c r="TRE673" s="613"/>
      <c r="TRF673" s="613"/>
      <c r="TRG673" s="613"/>
      <c r="TRH673" s="613"/>
      <c r="TRI673" s="613"/>
      <c r="TRJ673" s="613"/>
      <c r="TRK673" s="613"/>
      <c r="TRL673" s="613"/>
      <c r="TRM673" s="613"/>
      <c r="TRN673" s="613"/>
      <c r="TRO673" s="613"/>
      <c r="TRP673" s="613"/>
      <c r="TRQ673" s="613"/>
      <c r="TRR673" s="613"/>
      <c r="TRS673" s="613"/>
      <c r="TRT673" s="613"/>
      <c r="TRU673" s="613"/>
      <c r="TRV673" s="613"/>
      <c r="TRW673" s="613"/>
      <c r="TRX673" s="613"/>
      <c r="TRY673" s="613"/>
      <c r="TRZ673" s="613"/>
      <c r="TSA673" s="613"/>
      <c r="TSB673" s="613"/>
      <c r="TSC673" s="613"/>
      <c r="TSD673" s="613"/>
      <c r="TSE673" s="613"/>
      <c r="TSF673" s="613"/>
      <c r="TSG673" s="613"/>
      <c r="TSH673" s="613"/>
      <c r="TSI673" s="613"/>
      <c r="TSJ673" s="613"/>
      <c r="TSK673" s="613"/>
      <c r="TSL673" s="613"/>
      <c r="TSM673" s="613"/>
      <c r="TSN673" s="613"/>
      <c r="TSO673" s="613"/>
      <c r="TSP673" s="613"/>
      <c r="TSQ673" s="613"/>
      <c r="TSR673" s="613"/>
      <c r="TSS673" s="613"/>
      <c r="TST673" s="613"/>
      <c r="TSU673" s="613"/>
      <c r="TSV673" s="613"/>
      <c r="TSW673" s="613"/>
      <c r="TSX673" s="613"/>
      <c r="TSY673" s="613"/>
      <c r="TSZ673" s="613"/>
      <c r="TTA673" s="613"/>
      <c r="TTB673" s="613"/>
      <c r="TTC673" s="613"/>
      <c r="TTD673" s="613"/>
      <c r="TTE673" s="613"/>
      <c r="TTF673" s="613"/>
      <c r="TTG673" s="613"/>
      <c r="TTH673" s="613"/>
      <c r="TTI673" s="613"/>
      <c r="TTJ673" s="613"/>
      <c r="TTK673" s="613"/>
      <c r="TTL673" s="613"/>
      <c r="TTM673" s="613"/>
      <c r="TTN673" s="613"/>
      <c r="TTO673" s="613"/>
      <c r="TTP673" s="613"/>
      <c r="TTQ673" s="613"/>
      <c r="TTR673" s="613"/>
      <c r="TTS673" s="613"/>
      <c r="TTT673" s="613"/>
      <c r="TTU673" s="613"/>
      <c r="TTV673" s="613"/>
      <c r="TTW673" s="613"/>
      <c r="TTX673" s="613"/>
      <c r="TTY673" s="613"/>
      <c r="TTZ673" s="613"/>
      <c r="TUA673" s="613"/>
      <c r="TUB673" s="613"/>
      <c r="TUC673" s="613"/>
      <c r="TUD673" s="613"/>
      <c r="TUE673" s="613"/>
      <c r="TUF673" s="613"/>
      <c r="TUG673" s="613"/>
      <c r="TUH673" s="613"/>
      <c r="TUI673" s="613"/>
      <c r="TUJ673" s="613"/>
      <c r="TUK673" s="613"/>
      <c r="TUL673" s="613"/>
      <c r="TUM673" s="613"/>
      <c r="TUN673" s="613"/>
      <c r="TUO673" s="613"/>
      <c r="TUP673" s="613"/>
      <c r="TUQ673" s="613"/>
      <c r="TUR673" s="613"/>
      <c r="TUS673" s="613"/>
      <c r="TUT673" s="613"/>
      <c r="TUU673" s="613"/>
      <c r="TUV673" s="613"/>
      <c r="TUW673" s="613"/>
      <c r="TUX673" s="613"/>
      <c r="TUY673" s="613"/>
      <c r="TUZ673" s="613"/>
      <c r="TVA673" s="613"/>
      <c r="TVB673" s="613"/>
      <c r="TVC673" s="613"/>
      <c r="TVD673" s="613"/>
      <c r="TVE673" s="613"/>
      <c r="TVF673" s="613"/>
      <c r="TVG673" s="613"/>
      <c r="TVH673" s="613"/>
      <c r="TVI673" s="613"/>
      <c r="TVJ673" s="613"/>
      <c r="TVK673" s="613"/>
      <c r="TVL673" s="613"/>
      <c r="TVM673" s="613"/>
      <c r="TVN673" s="613"/>
      <c r="TVO673" s="613"/>
      <c r="TVP673" s="613"/>
      <c r="TVQ673" s="613"/>
      <c r="TVR673" s="613"/>
      <c r="TVS673" s="613"/>
      <c r="TVT673" s="613"/>
      <c r="TVU673" s="613"/>
      <c r="TVV673" s="613"/>
      <c r="TVW673" s="613"/>
      <c r="TVX673" s="613"/>
      <c r="TVY673" s="613"/>
      <c r="TVZ673" s="613"/>
      <c r="TWA673" s="613"/>
      <c r="TWB673" s="613"/>
      <c r="TWC673" s="613"/>
      <c r="TWD673" s="613"/>
      <c r="TWE673" s="613"/>
      <c r="TWF673" s="613"/>
      <c r="TWG673" s="613"/>
      <c r="TWH673" s="613"/>
      <c r="TWI673" s="613"/>
      <c r="TWJ673" s="613"/>
      <c r="TWK673" s="613"/>
      <c r="TWL673" s="613"/>
      <c r="TWM673" s="613"/>
      <c r="TWN673" s="613"/>
      <c r="TWO673" s="613"/>
      <c r="TWP673" s="613"/>
      <c r="TWQ673" s="613"/>
      <c r="TWR673" s="613"/>
      <c r="TWS673" s="613"/>
      <c r="TWT673" s="613"/>
      <c r="TWU673" s="613"/>
      <c r="TWV673" s="613"/>
      <c r="TWW673" s="613"/>
      <c r="TWX673" s="613"/>
      <c r="TWY673" s="613"/>
      <c r="TWZ673" s="613"/>
      <c r="TXA673" s="613"/>
      <c r="TXB673" s="613"/>
      <c r="TXC673" s="613"/>
      <c r="TXD673" s="613"/>
      <c r="TXE673" s="613"/>
      <c r="TXF673" s="613"/>
      <c r="TXG673" s="613"/>
      <c r="TXH673" s="613"/>
      <c r="TXI673" s="613"/>
      <c r="TXJ673" s="613"/>
      <c r="TXK673" s="613"/>
      <c r="TXL673" s="613"/>
      <c r="TXM673" s="613"/>
      <c r="TXN673" s="613"/>
      <c r="TXO673" s="613"/>
      <c r="TXP673" s="613"/>
      <c r="TXQ673" s="613"/>
      <c r="TXR673" s="613"/>
      <c r="TXS673" s="613"/>
      <c r="TXT673" s="613"/>
      <c r="TXU673" s="613"/>
      <c r="TXV673" s="613"/>
      <c r="TXW673" s="613"/>
      <c r="TXX673" s="613"/>
      <c r="TXY673" s="613"/>
      <c r="TXZ673" s="613"/>
      <c r="TYA673" s="613"/>
      <c r="TYB673" s="613"/>
      <c r="TYC673" s="613"/>
      <c r="TYD673" s="613"/>
      <c r="TYE673" s="613"/>
      <c r="TYF673" s="613"/>
      <c r="TYG673" s="613"/>
      <c r="TYH673" s="613"/>
      <c r="TYI673" s="613"/>
      <c r="TYJ673" s="613"/>
      <c r="TYK673" s="613"/>
      <c r="TYL673" s="613"/>
      <c r="TYM673" s="613"/>
      <c r="TYN673" s="613"/>
      <c r="TYO673" s="613"/>
      <c r="TYP673" s="613"/>
      <c r="TYQ673" s="613"/>
      <c r="TYR673" s="613"/>
      <c r="TYS673" s="613"/>
      <c r="TYT673" s="613"/>
      <c r="TYU673" s="613"/>
      <c r="TYV673" s="613"/>
      <c r="TYW673" s="613"/>
      <c r="TYX673" s="613"/>
      <c r="TYY673" s="613"/>
      <c r="TYZ673" s="613"/>
      <c r="TZA673" s="613"/>
      <c r="TZB673" s="613"/>
      <c r="TZC673" s="613"/>
      <c r="TZD673" s="613"/>
      <c r="TZE673" s="613"/>
      <c r="TZF673" s="613"/>
      <c r="TZG673" s="613"/>
      <c r="TZH673" s="613"/>
      <c r="TZI673" s="613"/>
      <c r="TZJ673" s="613"/>
      <c r="TZK673" s="613"/>
      <c r="TZL673" s="613"/>
      <c r="TZM673" s="613"/>
      <c r="TZN673" s="613"/>
      <c r="TZO673" s="613"/>
      <c r="TZP673" s="613"/>
      <c r="TZQ673" s="613"/>
      <c r="TZR673" s="613"/>
      <c r="TZS673" s="613"/>
      <c r="TZT673" s="613"/>
      <c r="TZU673" s="613"/>
      <c r="TZV673" s="613"/>
      <c r="TZW673" s="613"/>
      <c r="TZX673" s="613"/>
      <c r="TZY673" s="613"/>
      <c r="TZZ673" s="613"/>
      <c r="UAA673" s="613"/>
      <c r="UAB673" s="613"/>
      <c r="UAC673" s="613"/>
      <c r="UAD673" s="613"/>
      <c r="UAE673" s="613"/>
      <c r="UAF673" s="613"/>
      <c r="UAG673" s="613"/>
      <c r="UAH673" s="613"/>
      <c r="UAI673" s="613"/>
      <c r="UAJ673" s="613"/>
      <c r="UAK673" s="613"/>
      <c r="UAL673" s="613"/>
      <c r="UAM673" s="613"/>
      <c r="UAN673" s="613"/>
      <c r="UAO673" s="613"/>
      <c r="UAP673" s="613"/>
      <c r="UAQ673" s="613"/>
      <c r="UAR673" s="613"/>
      <c r="UAS673" s="613"/>
      <c r="UAT673" s="613"/>
      <c r="UAU673" s="613"/>
      <c r="UAV673" s="613"/>
      <c r="UAW673" s="613"/>
      <c r="UAX673" s="613"/>
      <c r="UAY673" s="613"/>
      <c r="UAZ673" s="613"/>
      <c r="UBA673" s="613"/>
      <c r="UBB673" s="613"/>
      <c r="UBC673" s="613"/>
      <c r="UBD673" s="613"/>
      <c r="UBE673" s="613"/>
      <c r="UBF673" s="613"/>
      <c r="UBG673" s="613"/>
      <c r="UBH673" s="613"/>
      <c r="UBI673" s="613"/>
      <c r="UBJ673" s="613"/>
      <c r="UBK673" s="613"/>
      <c r="UBL673" s="613"/>
      <c r="UBM673" s="613"/>
      <c r="UBN673" s="613"/>
      <c r="UBO673" s="613"/>
      <c r="UBP673" s="613"/>
      <c r="UBQ673" s="613"/>
      <c r="UBR673" s="613"/>
      <c r="UBS673" s="613"/>
      <c r="UBT673" s="613"/>
      <c r="UBU673" s="613"/>
      <c r="UBV673" s="613"/>
      <c r="UBW673" s="613"/>
      <c r="UBX673" s="613"/>
      <c r="UBY673" s="613"/>
      <c r="UBZ673" s="613"/>
      <c r="UCA673" s="613"/>
      <c r="UCB673" s="613"/>
      <c r="UCC673" s="613"/>
      <c r="UCD673" s="613"/>
      <c r="UCE673" s="613"/>
      <c r="UCF673" s="613"/>
      <c r="UCG673" s="613"/>
      <c r="UCH673" s="613"/>
      <c r="UCI673" s="613"/>
      <c r="UCJ673" s="613"/>
      <c r="UCK673" s="613"/>
      <c r="UCL673" s="613"/>
      <c r="UCM673" s="613"/>
      <c r="UCN673" s="613"/>
      <c r="UCO673" s="613"/>
      <c r="UCP673" s="613"/>
      <c r="UCQ673" s="613"/>
      <c r="UCR673" s="613"/>
      <c r="UCS673" s="613"/>
      <c r="UCT673" s="613"/>
      <c r="UCU673" s="613"/>
      <c r="UCV673" s="613"/>
      <c r="UCW673" s="613"/>
      <c r="UCX673" s="613"/>
      <c r="UCY673" s="613"/>
      <c r="UCZ673" s="613"/>
      <c r="UDA673" s="613"/>
      <c r="UDB673" s="613"/>
      <c r="UDC673" s="613"/>
      <c r="UDD673" s="613"/>
      <c r="UDE673" s="613"/>
      <c r="UDF673" s="613"/>
      <c r="UDG673" s="613"/>
      <c r="UDH673" s="613"/>
      <c r="UDI673" s="613"/>
      <c r="UDJ673" s="613"/>
      <c r="UDK673" s="613"/>
      <c r="UDL673" s="613"/>
      <c r="UDM673" s="613"/>
      <c r="UDN673" s="613"/>
      <c r="UDO673" s="613"/>
      <c r="UDP673" s="613"/>
      <c r="UDQ673" s="613"/>
      <c r="UDR673" s="613"/>
      <c r="UDS673" s="613"/>
      <c r="UDT673" s="613"/>
      <c r="UDU673" s="613"/>
      <c r="UDV673" s="613"/>
      <c r="UDW673" s="613"/>
      <c r="UDX673" s="613"/>
      <c r="UDY673" s="613"/>
      <c r="UDZ673" s="613"/>
      <c r="UEA673" s="613"/>
      <c r="UEB673" s="613"/>
      <c r="UEC673" s="613"/>
      <c r="UED673" s="613"/>
      <c r="UEE673" s="613"/>
      <c r="UEF673" s="613"/>
      <c r="UEG673" s="613"/>
      <c r="UEH673" s="613"/>
      <c r="UEI673" s="613"/>
      <c r="UEJ673" s="613"/>
      <c r="UEK673" s="613"/>
      <c r="UEL673" s="613"/>
      <c r="UEM673" s="613"/>
      <c r="UEN673" s="613"/>
      <c r="UEO673" s="613"/>
      <c r="UEP673" s="613"/>
      <c r="UEQ673" s="613"/>
      <c r="UER673" s="613"/>
      <c r="UES673" s="613"/>
      <c r="UET673" s="613"/>
      <c r="UEU673" s="613"/>
      <c r="UEV673" s="613"/>
      <c r="UEW673" s="613"/>
      <c r="UEX673" s="613"/>
      <c r="UEY673" s="613"/>
      <c r="UEZ673" s="613"/>
      <c r="UFA673" s="613"/>
      <c r="UFB673" s="613"/>
      <c r="UFC673" s="613"/>
      <c r="UFD673" s="613"/>
      <c r="UFE673" s="613"/>
      <c r="UFF673" s="613"/>
      <c r="UFG673" s="613"/>
      <c r="UFH673" s="613"/>
      <c r="UFI673" s="613"/>
      <c r="UFJ673" s="613"/>
      <c r="UFK673" s="613"/>
      <c r="UFL673" s="613"/>
      <c r="UFM673" s="613"/>
      <c r="UFN673" s="613"/>
      <c r="UFO673" s="613"/>
      <c r="UFP673" s="613"/>
      <c r="UFQ673" s="613"/>
      <c r="UFR673" s="613"/>
      <c r="UFS673" s="613"/>
      <c r="UFT673" s="613"/>
      <c r="UFU673" s="613"/>
      <c r="UFV673" s="613"/>
      <c r="UFW673" s="613"/>
      <c r="UFX673" s="613"/>
      <c r="UFY673" s="613"/>
      <c r="UFZ673" s="613"/>
      <c r="UGA673" s="613"/>
      <c r="UGB673" s="613"/>
      <c r="UGC673" s="613"/>
      <c r="UGD673" s="613"/>
      <c r="UGE673" s="613"/>
      <c r="UGF673" s="613"/>
      <c r="UGG673" s="613"/>
      <c r="UGH673" s="613"/>
      <c r="UGI673" s="613"/>
      <c r="UGJ673" s="613"/>
      <c r="UGK673" s="613"/>
      <c r="UGL673" s="613"/>
      <c r="UGM673" s="613"/>
      <c r="UGN673" s="613"/>
      <c r="UGO673" s="613"/>
      <c r="UGP673" s="613"/>
      <c r="UGQ673" s="613"/>
      <c r="UGR673" s="613"/>
      <c r="UGS673" s="613"/>
      <c r="UGT673" s="613"/>
      <c r="UGU673" s="613"/>
      <c r="UGV673" s="613"/>
      <c r="UGW673" s="613"/>
      <c r="UGX673" s="613"/>
      <c r="UGY673" s="613"/>
      <c r="UGZ673" s="613"/>
      <c r="UHA673" s="613"/>
      <c r="UHB673" s="613"/>
      <c r="UHC673" s="613"/>
      <c r="UHD673" s="613"/>
      <c r="UHE673" s="613"/>
      <c r="UHF673" s="613"/>
      <c r="UHG673" s="613"/>
      <c r="UHH673" s="613"/>
      <c r="UHI673" s="613"/>
      <c r="UHJ673" s="613"/>
      <c r="UHK673" s="613"/>
      <c r="UHL673" s="613"/>
      <c r="UHM673" s="613"/>
      <c r="UHN673" s="613"/>
      <c r="UHO673" s="613"/>
      <c r="UHP673" s="613"/>
      <c r="UHQ673" s="613"/>
      <c r="UHR673" s="613"/>
      <c r="UHS673" s="613"/>
      <c r="UHT673" s="613"/>
      <c r="UHU673" s="613"/>
      <c r="UHV673" s="613"/>
      <c r="UHW673" s="613"/>
      <c r="UHX673" s="613"/>
      <c r="UHY673" s="613"/>
      <c r="UHZ673" s="613"/>
      <c r="UIA673" s="613"/>
      <c r="UIB673" s="613"/>
      <c r="UIC673" s="613"/>
      <c r="UID673" s="613"/>
      <c r="UIE673" s="613"/>
      <c r="UIF673" s="613"/>
      <c r="UIG673" s="613"/>
      <c r="UIH673" s="613"/>
      <c r="UII673" s="613"/>
      <c r="UIJ673" s="613"/>
      <c r="UIK673" s="613"/>
      <c r="UIL673" s="613"/>
      <c r="UIM673" s="613"/>
      <c r="UIN673" s="613"/>
      <c r="UIO673" s="613"/>
      <c r="UIP673" s="613"/>
      <c r="UIQ673" s="613"/>
      <c r="UIR673" s="613"/>
      <c r="UIS673" s="613"/>
      <c r="UIT673" s="613"/>
      <c r="UIU673" s="613"/>
      <c r="UIV673" s="613"/>
      <c r="UIW673" s="613"/>
      <c r="UIX673" s="613"/>
      <c r="UIY673" s="613"/>
      <c r="UIZ673" s="613"/>
      <c r="UJA673" s="613"/>
      <c r="UJB673" s="613"/>
      <c r="UJC673" s="613"/>
      <c r="UJD673" s="613"/>
      <c r="UJE673" s="613"/>
      <c r="UJF673" s="613"/>
      <c r="UJG673" s="613"/>
      <c r="UJH673" s="613"/>
      <c r="UJI673" s="613"/>
      <c r="UJJ673" s="613"/>
      <c r="UJK673" s="613"/>
      <c r="UJL673" s="613"/>
      <c r="UJM673" s="613"/>
      <c r="UJN673" s="613"/>
      <c r="UJO673" s="613"/>
      <c r="UJP673" s="613"/>
      <c r="UJQ673" s="613"/>
      <c r="UJR673" s="613"/>
      <c r="UJS673" s="613"/>
      <c r="UJT673" s="613"/>
      <c r="UJU673" s="613"/>
      <c r="UJV673" s="613"/>
      <c r="UJW673" s="613"/>
      <c r="UJX673" s="613"/>
      <c r="UJY673" s="613"/>
      <c r="UJZ673" s="613"/>
      <c r="UKA673" s="613"/>
      <c r="UKB673" s="613"/>
      <c r="UKC673" s="613"/>
      <c r="UKD673" s="613"/>
      <c r="UKE673" s="613"/>
      <c r="UKF673" s="613"/>
      <c r="UKG673" s="613"/>
      <c r="UKH673" s="613"/>
      <c r="UKI673" s="613"/>
      <c r="UKJ673" s="613"/>
      <c r="UKK673" s="613"/>
      <c r="UKL673" s="613"/>
      <c r="UKM673" s="613"/>
      <c r="UKN673" s="613"/>
      <c r="UKO673" s="613"/>
      <c r="UKP673" s="613"/>
      <c r="UKQ673" s="613"/>
      <c r="UKR673" s="613"/>
      <c r="UKS673" s="613"/>
      <c r="UKT673" s="613"/>
      <c r="UKU673" s="613"/>
      <c r="UKV673" s="613"/>
      <c r="UKW673" s="613"/>
      <c r="UKX673" s="613"/>
      <c r="UKY673" s="613"/>
      <c r="UKZ673" s="613"/>
      <c r="ULA673" s="613"/>
      <c r="ULB673" s="613"/>
      <c r="ULC673" s="613"/>
      <c r="ULD673" s="613"/>
      <c r="ULE673" s="613"/>
      <c r="ULF673" s="613"/>
      <c r="ULG673" s="613"/>
      <c r="ULH673" s="613"/>
      <c r="ULI673" s="613"/>
      <c r="ULJ673" s="613"/>
      <c r="ULK673" s="613"/>
      <c r="ULL673" s="613"/>
      <c r="ULM673" s="613"/>
      <c r="ULN673" s="613"/>
      <c r="ULO673" s="613"/>
      <c r="ULP673" s="613"/>
      <c r="ULQ673" s="613"/>
      <c r="ULR673" s="613"/>
      <c r="ULS673" s="613"/>
      <c r="ULT673" s="613"/>
      <c r="ULU673" s="613"/>
      <c r="ULV673" s="613"/>
      <c r="ULW673" s="613"/>
      <c r="ULX673" s="613"/>
      <c r="ULY673" s="613"/>
      <c r="ULZ673" s="613"/>
      <c r="UMA673" s="613"/>
      <c r="UMB673" s="613"/>
      <c r="UMC673" s="613"/>
      <c r="UMD673" s="613"/>
      <c r="UME673" s="613"/>
      <c r="UMF673" s="613"/>
      <c r="UMG673" s="613"/>
      <c r="UMH673" s="613"/>
      <c r="UMI673" s="613"/>
      <c r="UMJ673" s="613"/>
      <c r="UMK673" s="613"/>
      <c r="UML673" s="613"/>
      <c r="UMM673" s="613"/>
      <c r="UMN673" s="613"/>
      <c r="UMO673" s="613"/>
      <c r="UMP673" s="613"/>
      <c r="UMQ673" s="613"/>
      <c r="UMR673" s="613"/>
      <c r="UMS673" s="613"/>
      <c r="UMT673" s="613"/>
      <c r="UMU673" s="613"/>
      <c r="UMV673" s="613"/>
      <c r="UMW673" s="613"/>
      <c r="UMX673" s="613"/>
      <c r="UMY673" s="613"/>
      <c r="UMZ673" s="613"/>
      <c r="UNA673" s="613"/>
      <c r="UNB673" s="613"/>
      <c r="UNC673" s="613"/>
      <c r="UND673" s="613"/>
      <c r="UNE673" s="613"/>
      <c r="UNF673" s="613"/>
      <c r="UNG673" s="613"/>
      <c r="UNH673" s="613"/>
      <c r="UNI673" s="613"/>
      <c r="UNJ673" s="613"/>
      <c r="UNK673" s="613"/>
      <c r="UNL673" s="613"/>
      <c r="UNM673" s="613"/>
      <c r="UNN673" s="613"/>
      <c r="UNO673" s="613"/>
      <c r="UNP673" s="613"/>
      <c r="UNQ673" s="613"/>
      <c r="UNR673" s="613"/>
      <c r="UNS673" s="613"/>
      <c r="UNT673" s="613"/>
      <c r="UNU673" s="613"/>
      <c r="UNV673" s="613"/>
      <c r="UNW673" s="613"/>
      <c r="UNX673" s="613"/>
      <c r="UNY673" s="613"/>
      <c r="UNZ673" s="613"/>
      <c r="UOA673" s="613"/>
      <c r="UOB673" s="613"/>
      <c r="UOC673" s="613"/>
      <c r="UOD673" s="613"/>
      <c r="UOE673" s="613"/>
      <c r="UOF673" s="613"/>
      <c r="UOG673" s="613"/>
      <c r="UOH673" s="613"/>
      <c r="UOI673" s="613"/>
      <c r="UOJ673" s="613"/>
      <c r="UOK673" s="613"/>
      <c r="UOL673" s="613"/>
      <c r="UOM673" s="613"/>
      <c r="UON673" s="613"/>
      <c r="UOO673" s="613"/>
      <c r="UOP673" s="613"/>
      <c r="UOQ673" s="613"/>
      <c r="UOR673" s="613"/>
      <c r="UOS673" s="613"/>
      <c r="UOT673" s="613"/>
      <c r="UOU673" s="613"/>
      <c r="UOV673" s="613"/>
      <c r="UOW673" s="613"/>
      <c r="UOX673" s="613"/>
      <c r="UOY673" s="613"/>
      <c r="UOZ673" s="613"/>
      <c r="UPA673" s="613"/>
      <c r="UPB673" s="613"/>
      <c r="UPC673" s="613"/>
      <c r="UPD673" s="613"/>
      <c r="UPE673" s="613"/>
      <c r="UPF673" s="613"/>
      <c r="UPG673" s="613"/>
      <c r="UPH673" s="613"/>
      <c r="UPI673" s="613"/>
      <c r="UPJ673" s="613"/>
      <c r="UPK673" s="613"/>
      <c r="UPL673" s="613"/>
      <c r="UPM673" s="613"/>
      <c r="UPN673" s="613"/>
      <c r="UPO673" s="613"/>
      <c r="UPP673" s="613"/>
      <c r="UPQ673" s="613"/>
      <c r="UPR673" s="613"/>
      <c r="UPS673" s="613"/>
      <c r="UPT673" s="613"/>
      <c r="UPU673" s="613"/>
      <c r="UPV673" s="613"/>
      <c r="UPW673" s="613"/>
      <c r="UPX673" s="613"/>
      <c r="UPY673" s="613"/>
      <c r="UPZ673" s="613"/>
      <c r="UQA673" s="613"/>
      <c r="UQB673" s="613"/>
      <c r="UQC673" s="613"/>
      <c r="UQD673" s="613"/>
      <c r="UQE673" s="613"/>
      <c r="UQF673" s="613"/>
      <c r="UQG673" s="613"/>
      <c r="UQH673" s="613"/>
      <c r="UQI673" s="613"/>
      <c r="UQJ673" s="613"/>
      <c r="UQK673" s="613"/>
      <c r="UQL673" s="613"/>
      <c r="UQM673" s="613"/>
      <c r="UQN673" s="613"/>
      <c r="UQO673" s="613"/>
      <c r="UQP673" s="613"/>
      <c r="UQQ673" s="613"/>
      <c r="UQR673" s="613"/>
      <c r="UQS673" s="613"/>
      <c r="UQT673" s="613"/>
      <c r="UQU673" s="613"/>
      <c r="UQV673" s="613"/>
      <c r="UQW673" s="613"/>
      <c r="UQX673" s="613"/>
      <c r="UQY673" s="613"/>
      <c r="UQZ673" s="613"/>
      <c r="URA673" s="613"/>
      <c r="URB673" s="613"/>
      <c r="URC673" s="613"/>
      <c r="URD673" s="613"/>
      <c r="URE673" s="613"/>
      <c r="URF673" s="613"/>
      <c r="URG673" s="613"/>
      <c r="URH673" s="613"/>
      <c r="URI673" s="613"/>
      <c r="URJ673" s="613"/>
      <c r="URK673" s="613"/>
      <c r="URL673" s="613"/>
      <c r="URM673" s="613"/>
      <c r="URN673" s="613"/>
      <c r="URO673" s="613"/>
      <c r="URP673" s="613"/>
      <c r="URQ673" s="613"/>
      <c r="URR673" s="613"/>
      <c r="URS673" s="613"/>
      <c r="URT673" s="613"/>
      <c r="URU673" s="613"/>
      <c r="URV673" s="613"/>
      <c r="URW673" s="613"/>
      <c r="URX673" s="613"/>
      <c r="URY673" s="613"/>
      <c r="URZ673" s="613"/>
      <c r="USA673" s="613"/>
      <c r="USB673" s="613"/>
      <c r="USC673" s="613"/>
      <c r="USD673" s="613"/>
      <c r="USE673" s="613"/>
      <c r="USF673" s="613"/>
      <c r="USG673" s="613"/>
      <c r="USH673" s="613"/>
      <c r="USI673" s="613"/>
      <c r="USJ673" s="613"/>
      <c r="USK673" s="613"/>
      <c r="USL673" s="613"/>
      <c r="USM673" s="613"/>
      <c r="USN673" s="613"/>
      <c r="USO673" s="613"/>
      <c r="USP673" s="613"/>
      <c r="USQ673" s="613"/>
      <c r="USR673" s="613"/>
      <c r="USS673" s="613"/>
      <c r="UST673" s="613"/>
      <c r="USU673" s="613"/>
      <c r="USV673" s="613"/>
      <c r="USW673" s="613"/>
      <c r="USX673" s="613"/>
      <c r="USY673" s="613"/>
      <c r="USZ673" s="613"/>
      <c r="UTA673" s="613"/>
      <c r="UTB673" s="613"/>
      <c r="UTC673" s="613"/>
      <c r="UTD673" s="613"/>
      <c r="UTE673" s="613"/>
      <c r="UTF673" s="613"/>
      <c r="UTG673" s="613"/>
      <c r="UTH673" s="613"/>
      <c r="UTI673" s="613"/>
      <c r="UTJ673" s="613"/>
      <c r="UTK673" s="613"/>
      <c r="UTL673" s="613"/>
      <c r="UTM673" s="613"/>
      <c r="UTN673" s="613"/>
      <c r="UTO673" s="613"/>
      <c r="UTP673" s="613"/>
      <c r="UTQ673" s="613"/>
      <c r="UTR673" s="613"/>
      <c r="UTS673" s="613"/>
      <c r="UTT673" s="613"/>
      <c r="UTU673" s="613"/>
      <c r="UTV673" s="613"/>
      <c r="UTW673" s="613"/>
      <c r="UTX673" s="613"/>
      <c r="UTY673" s="613"/>
      <c r="UTZ673" s="613"/>
      <c r="UUA673" s="613"/>
      <c r="UUB673" s="613"/>
      <c r="UUC673" s="613"/>
      <c r="UUD673" s="613"/>
      <c r="UUE673" s="613"/>
      <c r="UUF673" s="613"/>
      <c r="UUG673" s="613"/>
      <c r="UUH673" s="613"/>
      <c r="UUI673" s="613"/>
      <c r="UUJ673" s="613"/>
      <c r="UUK673" s="613"/>
      <c r="UUL673" s="613"/>
      <c r="UUM673" s="613"/>
      <c r="UUN673" s="613"/>
      <c r="UUO673" s="613"/>
      <c r="UUP673" s="613"/>
      <c r="UUQ673" s="613"/>
      <c r="UUR673" s="613"/>
      <c r="UUS673" s="613"/>
      <c r="UUT673" s="613"/>
      <c r="UUU673" s="613"/>
      <c r="UUV673" s="613"/>
      <c r="UUW673" s="613"/>
      <c r="UUX673" s="613"/>
      <c r="UUY673" s="613"/>
      <c r="UUZ673" s="613"/>
      <c r="UVA673" s="613"/>
      <c r="UVB673" s="613"/>
      <c r="UVC673" s="613"/>
      <c r="UVD673" s="613"/>
      <c r="UVE673" s="613"/>
      <c r="UVF673" s="613"/>
      <c r="UVG673" s="613"/>
      <c r="UVH673" s="613"/>
      <c r="UVI673" s="613"/>
      <c r="UVJ673" s="613"/>
      <c r="UVK673" s="613"/>
      <c r="UVL673" s="613"/>
      <c r="UVM673" s="613"/>
      <c r="UVN673" s="613"/>
      <c r="UVO673" s="613"/>
      <c r="UVP673" s="613"/>
      <c r="UVQ673" s="613"/>
      <c r="UVR673" s="613"/>
      <c r="UVS673" s="613"/>
      <c r="UVT673" s="613"/>
      <c r="UVU673" s="613"/>
      <c r="UVV673" s="613"/>
      <c r="UVW673" s="613"/>
      <c r="UVX673" s="613"/>
      <c r="UVY673" s="613"/>
      <c r="UVZ673" s="613"/>
      <c r="UWA673" s="613"/>
      <c r="UWB673" s="613"/>
      <c r="UWC673" s="613"/>
      <c r="UWD673" s="613"/>
      <c r="UWE673" s="613"/>
      <c r="UWF673" s="613"/>
      <c r="UWG673" s="613"/>
      <c r="UWH673" s="613"/>
      <c r="UWI673" s="613"/>
      <c r="UWJ673" s="613"/>
      <c r="UWK673" s="613"/>
      <c r="UWL673" s="613"/>
      <c r="UWM673" s="613"/>
      <c r="UWN673" s="613"/>
      <c r="UWO673" s="613"/>
      <c r="UWP673" s="613"/>
      <c r="UWQ673" s="613"/>
      <c r="UWR673" s="613"/>
      <c r="UWS673" s="613"/>
      <c r="UWT673" s="613"/>
      <c r="UWU673" s="613"/>
      <c r="UWV673" s="613"/>
      <c r="UWW673" s="613"/>
      <c r="UWX673" s="613"/>
      <c r="UWY673" s="613"/>
      <c r="UWZ673" s="613"/>
      <c r="UXA673" s="613"/>
      <c r="UXB673" s="613"/>
      <c r="UXC673" s="613"/>
      <c r="UXD673" s="613"/>
      <c r="UXE673" s="613"/>
      <c r="UXF673" s="613"/>
      <c r="UXG673" s="613"/>
      <c r="UXH673" s="613"/>
      <c r="UXI673" s="613"/>
      <c r="UXJ673" s="613"/>
      <c r="UXK673" s="613"/>
      <c r="UXL673" s="613"/>
      <c r="UXM673" s="613"/>
      <c r="UXN673" s="613"/>
      <c r="UXO673" s="613"/>
      <c r="UXP673" s="613"/>
      <c r="UXQ673" s="613"/>
      <c r="UXR673" s="613"/>
      <c r="UXS673" s="613"/>
      <c r="UXT673" s="613"/>
      <c r="UXU673" s="613"/>
      <c r="UXV673" s="613"/>
      <c r="UXW673" s="613"/>
      <c r="UXX673" s="613"/>
      <c r="UXY673" s="613"/>
      <c r="UXZ673" s="613"/>
      <c r="UYA673" s="613"/>
      <c r="UYB673" s="613"/>
      <c r="UYC673" s="613"/>
      <c r="UYD673" s="613"/>
      <c r="UYE673" s="613"/>
      <c r="UYF673" s="613"/>
      <c r="UYG673" s="613"/>
      <c r="UYH673" s="613"/>
      <c r="UYI673" s="613"/>
      <c r="UYJ673" s="613"/>
      <c r="UYK673" s="613"/>
      <c r="UYL673" s="613"/>
      <c r="UYM673" s="613"/>
      <c r="UYN673" s="613"/>
      <c r="UYO673" s="613"/>
      <c r="UYP673" s="613"/>
      <c r="UYQ673" s="613"/>
      <c r="UYR673" s="613"/>
      <c r="UYS673" s="613"/>
      <c r="UYT673" s="613"/>
      <c r="UYU673" s="613"/>
      <c r="UYV673" s="613"/>
      <c r="UYW673" s="613"/>
      <c r="UYX673" s="613"/>
      <c r="UYY673" s="613"/>
      <c r="UYZ673" s="613"/>
      <c r="UZA673" s="613"/>
      <c r="UZB673" s="613"/>
      <c r="UZC673" s="613"/>
      <c r="UZD673" s="613"/>
      <c r="UZE673" s="613"/>
      <c r="UZF673" s="613"/>
      <c r="UZG673" s="613"/>
      <c r="UZH673" s="613"/>
      <c r="UZI673" s="613"/>
      <c r="UZJ673" s="613"/>
      <c r="UZK673" s="613"/>
      <c r="UZL673" s="613"/>
      <c r="UZM673" s="613"/>
      <c r="UZN673" s="613"/>
      <c r="UZO673" s="613"/>
      <c r="UZP673" s="613"/>
      <c r="UZQ673" s="613"/>
      <c r="UZR673" s="613"/>
      <c r="UZS673" s="613"/>
      <c r="UZT673" s="613"/>
      <c r="UZU673" s="613"/>
      <c r="UZV673" s="613"/>
      <c r="UZW673" s="613"/>
      <c r="UZX673" s="613"/>
      <c r="UZY673" s="613"/>
      <c r="UZZ673" s="613"/>
      <c r="VAA673" s="613"/>
      <c r="VAB673" s="613"/>
      <c r="VAC673" s="613"/>
      <c r="VAD673" s="613"/>
      <c r="VAE673" s="613"/>
      <c r="VAF673" s="613"/>
      <c r="VAG673" s="613"/>
      <c r="VAH673" s="613"/>
      <c r="VAI673" s="613"/>
      <c r="VAJ673" s="613"/>
      <c r="VAK673" s="613"/>
      <c r="VAL673" s="613"/>
      <c r="VAM673" s="613"/>
      <c r="VAN673" s="613"/>
      <c r="VAO673" s="613"/>
      <c r="VAP673" s="613"/>
      <c r="VAQ673" s="613"/>
      <c r="VAR673" s="613"/>
      <c r="VAS673" s="613"/>
      <c r="VAT673" s="613"/>
      <c r="VAU673" s="613"/>
      <c r="VAV673" s="613"/>
      <c r="VAW673" s="613"/>
      <c r="VAX673" s="613"/>
      <c r="VAY673" s="613"/>
      <c r="VAZ673" s="613"/>
      <c r="VBA673" s="613"/>
      <c r="VBB673" s="613"/>
      <c r="VBC673" s="613"/>
      <c r="VBD673" s="613"/>
      <c r="VBE673" s="613"/>
      <c r="VBF673" s="613"/>
      <c r="VBG673" s="613"/>
      <c r="VBH673" s="613"/>
      <c r="VBI673" s="613"/>
      <c r="VBJ673" s="613"/>
      <c r="VBK673" s="613"/>
      <c r="VBL673" s="613"/>
      <c r="VBM673" s="613"/>
      <c r="VBN673" s="613"/>
      <c r="VBO673" s="613"/>
      <c r="VBP673" s="613"/>
      <c r="VBQ673" s="613"/>
      <c r="VBR673" s="613"/>
      <c r="VBS673" s="613"/>
      <c r="VBT673" s="613"/>
      <c r="VBU673" s="613"/>
      <c r="VBV673" s="613"/>
      <c r="VBW673" s="613"/>
      <c r="VBX673" s="613"/>
      <c r="VBY673" s="613"/>
      <c r="VBZ673" s="613"/>
      <c r="VCA673" s="613"/>
      <c r="VCB673" s="613"/>
      <c r="VCC673" s="613"/>
      <c r="VCD673" s="613"/>
      <c r="VCE673" s="613"/>
      <c r="VCF673" s="613"/>
      <c r="VCG673" s="613"/>
      <c r="VCH673" s="613"/>
      <c r="VCI673" s="613"/>
      <c r="VCJ673" s="613"/>
      <c r="VCK673" s="613"/>
      <c r="VCL673" s="613"/>
      <c r="VCM673" s="613"/>
      <c r="VCN673" s="613"/>
      <c r="VCO673" s="613"/>
      <c r="VCP673" s="613"/>
      <c r="VCQ673" s="613"/>
      <c r="VCR673" s="613"/>
      <c r="VCS673" s="613"/>
      <c r="VCT673" s="613"/>
      <c r="VCU673" s="613"/>
      <c r="VCV673" s="613"/>
      <c r="VCW673" s="613"/>
      <c r="VCX673" s="613"/>
      <c r="VCY673" s="613"/>
      <c r="VCZ673" s="613"/>
      <c r="VDA673" s="613"/>
      <c r="VDB673" s="613"/>
      <c r="VDC673" s="613"/>
      <c r="VDD673" s="613"/>
      <c r="VDE673" s="613"/>
      <c r="VDF673" s="613"/>
      <c r="VDG673" s="613"/>
      <c r="VDH673" s="613"/>
      <c r="VDI673" s="613"/>
      <c r="VDJ673" s="613"/>
      <c r="VDK673" s="613"/>
      <c r="VDL673" s="613"/>
      <c r="VDM673" s="613"/>
      <c r="VDN673" s="613"/>
      <c r="VDO673" s="613"/>
      <c r="VDP673" s="613"/>
      <c r="VDQ673" s="613"/>
      <c r="VDR673" s="613"/>
      <c r="VDS673" s="613"/>
      <c r="VDT673" s="613"/>
      <c r="VDU673" s="613"/>
      <c r="VDV673" s="613"/>
      <c r="VDW673" s="613"/>
      <c r="VDX673" s="613"/>
      <c r="VDY673" s="613"/>
      <c r="VDZ673" s="613"/>
      <c r="VEA673" s="613"/>
      <c r="VEB673" s="613"/>
      <c r="VEC673" s="613"/>
      <c r="VED673" s="613"/>
      <c r="VEE673" s="613"/>
      <c r="VEF673" s="613"/>
      <c r="VEG673" s="613"/>
      <c r="VEH673" s="613"/>
      <c r="VEI673" s="613"/>
      <c r="VEJ673" s="613"/>
      <c r="VEK673" s="613"/>
      <c r="VEL673" s="613"/>
      <c r="VEM673" s="613"/>
      <c r="VEN673" s="613"/>
      <c r="VEO673" s="613"/>
      <c r="VEP673" s="613"/>
      <c r="VEQ673" s="613"/>
      <c r="VER673" s="613"/>
      <c r="VES673" s="613"/>
      <c r="VET673" s="613"/>
      <c r="VEU673" s="613"/>
      <c r="VEV673" s="613"/>
      <c r="VEW673" s="613"/>
      <c r="VEX673" s="613"/>
      <c r="VEY673" s="613"/>
      <c r="VEZ673" s="613"/>
      <c r="VFA673" s="613"/>
      <c r="VFB673" s="613"/>
      <c r="VFC673" s="613"/>
      <c r="VFD673" s="613"/>
      <c r="VFE673" s="613"/>
      <c r="VFF673" s="613"/>
      <c r="VFG673" s="613"/>
      <c r="VFH673" s="613"/>
      <c r="VFI673" s="613"/>
      <c r="VFJ673" s="613"/>
      <c r="VFK673" s="613"/>
      <c r="VFL673" s="613"/>
      <c r="VFM673" s="613"/>
      <c r="VFN673" s="613"/>
      <c r="VFO673" s="613"/>
      <c r="VFP673" s="613"/>
      <c r="VFQ673" s="613"/>
      <c r="VFR673" s="613"/>
      <c r="VFS673" s="613"/>
      <c r="VFT673" s="613"/>
      <c r="VFU673" s="613"/>
      <c r="VFV673" s="613"/>
      <c r="VFW673" s="613"/>
      <c r="VFX673" s="613"/>
      <c r="VFY673" s="613"/>
      <c r="VFZ673" s="613"/>
      <c r="VGA673" s="613"/>
      <c r="VGB673" s="613"/>
      <c r="VGC673" s="613"/>
      <c r="VGD673" s="613"/>
      <c r="VGE673" s="613"/>
      <c r="VGF673" s="613"/>
      <c r="VGG673" s="613"/>
      <c r="VGH673" s="613"/>
      <c r="VGI673" s="613"/>
      <c r="VGJ673" s="613"/>
      <c r="VGK673" s="613"/>
      <c r="VGL673" s="613"/>
      <c r="VGM673" s="613"/>
      <c r="VGN673" s="613"/>
      <c r="VGO673" s="613"/>
      <c r="VGP673" s="613"/>
      <c r="VGQ673" s="613"/>
      <c r="VGR673" s="613"/>
      <c r="VGS673" s="613"/>
      <c r="VGT673" s="613"/>
      <c r="VGU673" s="613"/>
      <c r="VGV673" s="613"/>
      <c r="VGW673" s="613"/>
      <c r="VGX673" s="613"/>
      <c r="VGY673" s="613"/>
      <c r="VGZ673" s="613"/>
      <c r="VHA673" s="613"/>
      <c r="VHB673" s="613"/>
      <c r="VHC673" s="613"/>
      <c r="VHD673" s="613"/>
      <c r="VHE673" s="613"/>
      <c r="VHF673" s="613"/>
      <c r="VHG673" s="613"/>
      <c r="VHH673" s="613"/>
      <c r="VHI673" s="613"/>
      <c r="VHJ673" s="613"/>
      <c r="VHK673" s="613"/>
      <c r="VHL673" s="613"/>
      <c r="VHM673" s="613"/>
      <c r="VHN673" s="613"/>
      <c r="VHO673" s="613"/>
      <c r="VHP673" s="613"/>
      <c r="VHQ673" s="613"/>
      <c r="VHR673" s="613"/>
      <c r="VHS673" s="613"/>
      <c r="VHT673" s="613"/>
      <c r="VHU673" s="613"/>
      <c r="VHV673" s="613"/>
      <c r="VHW673" s="613"/>
      <c r="VHX673" s="613"/>
      <c r="VHY673" s="613"/>
      <c r="VHZ673" s="613"/>
      <c r="VIA673" s="613"/>
      <c r="VIB673" s="613"/>
      <c r="VIC673" s="613"/>
      <c r="VID673" s="613"/>
      <c r="VIE673" s="613"/>
      <c r="VIF673" s="613"/>
      <c r="VIG673" s="613"/>
      <c r="VIH673" s="613"/>
      <c r="VII673" s="613"/>
      <c r="VIJ673" s="613"/>
      <c r="VIK673" s="613"/>
      <c r="VIL673" s="613"/>
      <c r="VIM673" s="613"/>
      <c r="VIN673" s="613"/>
      <c r="VIO673" s="613"/>
      <c r="VIP673" s="613"/>
      <c r="VIQ673" s="613"/>
      <c r="VIR673" s="613"/>
      <c r="VIS673" s="613"/>
      <c r="VIT673" s="613"/>
      <c r="VIU673" s="613"/>
      <c r="VIV673" s="613"/>
      <c r="VIW673" s="613"/>
      <c r="VIX673" s="613"/>
      <c r="VIY673" s="613"/>
      <c r="VIZ673" s="613"/>
      <c r="VJA673" s="613"/>
      <c r="VJB673" s="613"/>
      <c r="VJC673" s="613"/>
      <c r="VJD673" s="613"/>
      <c r="VJE673" s="613"/>
      <c r="VJF673" s="613"/>
      <c r="VJG673" s="613"/>
      <c r="VJH673" s="613"/>
      <c r="VJI673" s="613"/>
      <c r="VJJ673" s="613"/>
      <c r="VJK673" s="613"/>
      <c r="VJL673" s="613"/>
      <c r="VJM673" s="613"/>
      <c r="VJN673" s="613"/>
      <c r="VJO673" s="613"/>
      <c r="VJP673" s="613"/>
      <c r="VJQ673" s="613"/>
      <c r="VJR673" s="613"/>
      <c r="VJS673" s="613"/>
      <c r="VJT673" s="613"/>
      <c r="VJU673" s="613"/>
      <c r="VJV673" s="613"/>
      <c r="VJW673" s="613"/>
      <c r="VJX673" s="613"/>
      <c r="VJY673" s="613"/>
      <c r="VJZ673" s="613"/>
      <c r="VKA673" s="613"/>
      <c r="VKB673" s="613"/>
      <c r="VKC673" s="613"/>
      <c r="VKD673" s="613"/>
      <c r="VKE673" s="613"/>
      <c r="VKF673" s="613"/>
      <c r="VKG673" s="613"/>
      <c r="VKH673" s="613"/>
      <c r="VKI673" s="613"/>
      <c r="VKJ673" s="613"/>
      <c r="VKK673" s="613"/>
      <c r="VKL673" s="613"/>
      <c r="VKM673" s="613"/>
      <c r="VKN673" s="613"/>
      <c r="VKO673" s="613"/>
      <c r="VKP673" s="613"/>
      <c r="VKQ673" s="613"/>
      <c r="VKR673" s="613"/>
      <c r="VKS673" s="613"/>
      <c r="VKT673" s="613"/>
      <c r="VKU673" s="613"/>
      <c r="VKV673" s="613"/>
      <c r="VKW673" s="613"/>
      <c r="VKX673" s="613"/>
      <c r="VKY673" s="613"/>
      <c r="VKZ673" s="613"/>
      <c r="VLA673" s="613"/>
      <c r="VLB673" s="613"/>
      <c r="VLC673" s="613"/>
      <c r="VLD673" s="613"/>
      <c r="VLE673" s="613"/>
      <c r="VLF673" s="613"/>
      <c r="VLG673" s="613"/>
      <c r="VLH673" s="613"/>
      <c r="VLI673" s="613"/>
      <c r="VLJ673" s="613"/>
      <c r="VLK673" s="613"/>
      <c r="VLL673" s="613"/>
      <c r="VLM673" s="613"/>
      <c r="VLN673" s="613"/>
      <c r="VLO673" s="613"/>
      <c r="VLP673" s="613"/>
      <c r="VLQ673" s="613"/>
      <c r="VLR673" s="613"/>
      <c r="VLS673" s="613"/>
      <c r="VLT673" s="613"/>
      <c r="VLU673" s="613"/>
      <c r="VLV673" s="613"/>
      <c r="VLW673" s="613"/>
      <c r="VLX673" s="613"/>
      <c r="VLY673" s="613"/>
      <c r="VLZ673" s="613"/>
      <c r="VMA673" s="613"/>
      <c r="VMB673" s="613"/>
      <c r="VMC673" s="613"/>
      <c r="VMD673" s="613"/>
      <c r="VME673" s="613"/>
      <c r="VMF673" s="613"/>
      <c r="VMG673" s="613"/>
      <c r="VMH673" s="613"/>
      <c r="VMI673" s="613"/>
      <c r="VMJ673" s="613"/>
      <c r="VMK673" s="613"/>
      <c r="VML673" s="613"/>
      <c r="VMM673" s="613"/>
      <c r="VMN673" s="613"/>
      <c r="VMO673" s="613"/>
      <c r="VMP673" s="613"/>
      <c r="VMQ673" s="613"/>
      <c r="VMR673" s="613"/>
      <c r="VMS673" s="613"/>
      <c r="VMT673" s="613"/>
      <c r="VMU673" s="613"/>
      <c r="VMV673" s="613"/>
      <c r="VMW673" s="613"/>
      <c r="VMX673" s="613"/>
      <c r="VMY673" s="613"/>
      <c r="VMZ673" s="613"/>
      <c r="VNA673" s="613"/>
      <c r="VNB673" s="613"/>
      <c r="VNC673" s="613"/>
      <c r="VND673" s="613"/>
      <c r="VNE673" s="613"/>
      <c r="VNF673" s="613"/>
      <c r="VNG673" s="613"/>
      <c r="VNH673" s="613"/>
      <c r="VNI673" s="613"/>
      <c r="VNJ673" s="613"/>
      <c r="VNK673" s="613"/>
      <c r="VNL673" s="613"/>
      <c r="VNM673" s="613"/>
      <c r="VNN673" s="613"/>
      <c r="VNO673" s="613"/>
      <c r="VNP673" s="613"/>
      <c r="VNQ673" s="613"/>
      <c r="VNR673" s="613"/>
      <c r="VNS673" s="613"/>
      <c r="VNT673" s="613"/>
      <c r="VNU673" s="613"/>
      <c r="VNV673" s="613"/>
      <c r="VNW673" s="613"/>
      <c r="VNX673" s="613"/>
      <c r="VNY673" s="613"/>
      <c r="VNZ673" s="613"/>
      <c r="VOA673" s="613"/>
      <c r="VOB673" s="613"/>
      <c r="VOC673" s="613"/>
      <c r="VOD673" s="613"/>
      <c r="VOE673" s="613"/>
      <c r="VOF673" s="613"/>
      <c r="VOG673" s="613"/>
      <c r="VOH673" s="613"/>
      <c r="VOI673" s="613"/>
      <c r="VOJ673" s="613"/>
      <c r="VOK673" s="613"/>
      <c r="VOL673" s="613"/>
      <c r="VOM673" s="613"/>
      <c r="VON673" s="613"/>
      <c r="VOO673" s="613"/>
      <c r="VOP673" s="613"/>
      <c r="VOQ673" s="613"/>
      <c r="VOR673" s="613"/>
      <c r="VOS673" s="613"/>
      <c r="VOT673" s="613"/>
      <c r="VOU673" s="613"/>
      <c r="VOV673" s="613"/>
      <c r="VOW673" s="613"/>
      <c r="VOX673" s="613"/>
      <c r="VOY673" s="613"/>
      <c r="VOZ673" s="613"/>
      <c r="VPA673" s="613"/>
      <c r="VPB673" s="613"/>
      <c r="VPC673" s="613"/>
      <c r="VPD673" s="613"/>
      <c r="VPE673" s="613"/>
      <c r="VPF673" s="613"/>
      <c r="VPG673" s="613"/>
      <c r="VPH673" s="613"/>
      <c r="VPI673" s="613"/>
      <c r="VPJ673" s="613"/>
      <c r="VPK673" s="613"/>
      <c r="VPL673" s="613"/>
      <c r="VPM673" s="613"/>
      <c r="VPN673" s="613"/>
      <c r="VPO673" s="613"/>
      <c r="VPP673" s="613"/>
      <c r="VPQ673" s="613"/>
      <c r="VPR673" s="613"/>
      <c r="VPS673" s="613"/>
      <c r="VPT673" s="613"/>
      <c r="VPU673" s="613"/>
      <c r="VPV673" s="613"/>
      <c r="VPW673" s="613"/>
      <c r="VPX673" s="613"/>
      <c r="VPY673" s="613"/>
      <c r="VPZ673" s="613"/>
      <c r="VQA673" s="613"/>
      <c r="VQB673" s="613"/>
      <c r="VQC673" s="613"/>
      <c r="VQD673" s="613"/>
      <c r="VQE673" s="613"/>
      <c r="VQF673" s="613"/>
      <c r="VQG673" s="613"/>
      <c r="VQH673" s="613"/>
      <c r="VQI673" s="613"/>
      <c r="VQJ673" s="613"/>
      <c r="VQK673" s="613"/>
      <c r="VQL673" s="613"/>
      <c r="VQM673" s="613"/>
      <c r="VQN673" s="613"/>
      <c r="VQO673" s="613"/>
      <c r="VQP673" s="613"/>
      <c r="VQQ673" s="613"/>
      <c r="VQR673" s="613"/>
      <c r="VQS673" s="613"/>
      <c r="VQT673" s="613"/>
      <c r="VQU673" s="613"/>
      <c r="VQV673" s="613"/>
      <c r="VQW673" s="613"/>
      <c r="VQX673" s="613"/>
      <c r="VQY673" s="613"/>
      <c r="VQZ673" s="613"/>
      <c r="VRA673" s="613"/>
      <c r="VRB673" s="613"/>
      <c r="VRC673" s="613"/>
      <c r="VRD673" s="613"/>
      <c r="VRE673" s="613"/>
      <c r="VRF673" s="613"/>
      <c r="VRG673" s="613"/>
      <c r="VRH673" s="613"/>
      <c r="VRI673" s="613"/>
      <c r="VRJ673" s="613"/>
      <c r="VRK673" s="613"/>
      <c r="VRL673" s="613"/>
      <c r="VRM673" s="613"/>
      <c r="VRN673" s="613"/>
      <c r="VRO673" s="613"/>
      <c r="VRP673" s="613"/>
      <c r="VRQ673" s="613"/>
      <c r="VRR673" s="613"/>
      <c r="VRS673" s="613"/>
      <c r="VRT673" s="613"/>
      <c r="VRU673" s="613"/>
      <c r="VRV673" s="613"/>
      <c r="VRW673" s="613"/>
      <c r="VRX673" s="613"/>
      <c r="VRY673" s="613"/>
      <c r="VRZ673" s="613"/>
      <c r="VSA673" s="613"/>
      <c r="VSB673" s="613"/>
      <c r="VSC673" s="613"/>
      <c r="VSD673" s="613"/>
      <c r="VSE673" s="613"/>
      <c r="VSF673" s="613"/>
      <c r="VSG673" s="613"/>
      <c r="VSH673" s="613"/>
      <c r="VSI673" s="613"/>
      <c r="VSJ673" s="613"/>
      <c r="VSK673" s="613"/>
      <c r="VSL673" s="613"/>
      <c r="VSM673" s="613"/>
      <c r="VSN673" s="613"/>
      <c r="VSO673" s="613"/>
      <c r="VSP673" s="613"/>
      <c r="VSQ673" s="613"/>
      <c r="VSR673" s="613"/>
      <c r="VSS673" s="613"/>
      <c r="VST673" s="613"/>
      <c r="VSU673" s="613"/>
      <c r="VSV673" s="613"/>
      <c r="VSW673" s="613"/>
      <c r="VSX673" s="613"/>
      <c r="VSY673" s="613"/>
      <c r="VSZ673" s="613"/>
      <c r="VTA673" s="613"/>
      <c r="VTB673" s="613"/>
      <c r="VTC673" s="613"/>
      <c r="VTD673" s="613"/>
      <c r="VTE673" s="613"/>
      <c r="VTF673" s="613"/>
      <c r="VTG673" s="613"/>
      <c r="VTH673" s="613"/>
      <c r="VTI673" s="613"/>
      <c r="VTJ673" s="613"/>
      <c r="VTK673" s="613"/>
      <c r="VTL673" s="613"/>
      <c r="VTM673" s="613"/>
      <c r="VTN673" s="613"/>
      <c r="VTO673" s="613"/>
      <c r="VTP673" s="613"/>
      <c r="VTQ673" s="613"/>
      <c r="VTR673" s="613"/>
      <c r="VTS673" s="613"/>
      <c r="VTT673" s="613"/>
      <c r="VTU673" s="613"/>
      <c r="VTV673" s="613"/>
      <c r="VTW673" s="613"/>
      <c r="VTX673" s="613"/>
      <c r="VTY673" s="613"/>
      <c r="VTZ673" s="613"/>
      <c r="VUA673" s="613"/>
      <c r="VUB673" s="613"/>
      <c r="VUC673" s="613"/>
      <c r="VUD673" s="613"/>
      <c r="VUE673" s="613"/>
      <c r="VUF673" s="613"/>
      <c r="VUG673" s="613"/>
      <c r="VUH673" s="613"/>
      <c r="VUI673" s="613"/>
      <c r="VUJ673" s="613"/>
      <c r="VUK673" s="613"/>
      <c r="VUL673" s="613"/>
      <c r="VUM673" s="613"/>
      <c r="VUN673" s="613"/>
      <c r="VUO673" s="613"/>
      <c r="VUP673" s="613"/>
      <c r="VUQ673" s="613"/>
      <c r="VUR673" s="613"/>
      <c r="VUS673" s="613"/>
      <c r="VUT673" s="613"/>
      <c r="VUU673" s="613"/>
      <c r="VUV673" s="613"/>
      <c r="VUW673" s="613"/>
      <c r="VUX673" s="613"/>
      <c r="VUY673" s="613"/>
      <c r="VUZ673" s="613"/>
      <c r="VVA673" s="613"/>
      <c r="VVB673" s="613"/>
      <c r="VVC673" s="613"/>
      <c r="VVD673" s="613"/>
      <c r="VVE673" s="613"/>
      <c r="VVF673" s="613"/>
      <c r="VVG673" s="613"/>
      <c r="VVH673" s="613"/>
      <c r="VVI673" s="613"/>
      <c r="VVJ673" s="613"/>
      <c r="VVK673" s="613"/>
      <c r="VVL673" s="613"/>
      <c r="VVM673" s="613"/>
      <c r="VVN673" s="613"/>
      <c r="VVO673" s="613"/>
      <c r="VVP673" s="613"/>
      <c r="VVQ673" s="613"/>
      <c r="VVR673" s="613"/>
      <c r="VVS673" s="613"/>
      <c r="VVT673" s="613"/>
      <c r="VVU673" s="613"/>
      <c r="VVV673" s="613"/>
      <c r="VVW673" s="613"/>
      <c r="VVX673" s="613"/>
      <c r="VVY673" s="613"/>
      <c r="VVZ673" s="613"/>
      <c r="VWA673" s="613"/>
      <c r="VWB673" s="613"/>
      <c r="VWC673" s="613"/>
      <c r="VWD673" s="613"/>
      <c r="VWE673" s="613"/>
      <c r="VWF673" s="613"/>
      <c r="VWG673" s="613"/>
      <c r="VWH673" s="613"/>
      <c r="VWI673" s="613"/>
      <c r="VWJ673" s="613"/>
      <c r="VWK673" s="613"/>
      <c r="VWL673" s="613"/>
      <c r="VWM673" s="613"/>
      <c r="VWN673" s="613"/>
      <c r="VWO673" s="613"/>
      <c r="VWP673" s="613"/>
      <c r="VWQ673" s="613"/>
      <c r="VWR673" s="613"/>
      <c r="VWS673" s="613"/>
      <c r="VWT673" s="613"/>
      <c r="VWU673" s="613"/>
      <c r="VWV673" s="613"/>
      <c r="VWW673" s="613"/>
      <c r="VWX673" s="613"/>
      <c r="VWY673" s="613"/>
      <c r="VWZ673" s="613"/>
      <c r="VXA673" s="613"/>
      <c r="VXB673" s="613"/>
      <c r="VXC673" s="613"/>
      <c r="VXD673" s="613"/>
      <c r="VXE673" s="613"/>
      <c r="VXF673" s="613"/>
      <c r="VXG673" s="613"/>
      <c r="VXH673" s="613"/>
      <c r="VXI673" s="613"/>
      <c r="VXJ673" s="613"/>
      <c r="VXK673" s="613"/>
      <c r="VXL673" s="613"/>
      <c r="VXM673" s="613"/>
      <c r="VXN673" s="613"/>
      <c r="VXO673" s="613"/>
      <c r="VXP673" s="613"/>
      <c r="VXQ673" s="613"/>
      <c r="VXR673" s="613"/>
      <c r="VXS673" s="613"/>
      <c r="VXT673" s="613"/>
      <c r="VXU673" s="613"/>
      <c r="VXV673" s="613"/>
      <c r="VXW673" s="613"/>
      <c r="VXX673" s="613"/>
      <c r="VXY673" s="613"/>
      <c r="VXZ673" s="613"/>
      <c r="VYA673" s="613"/>
      <c r="VYB673" s="613"/>
      <c r="VYC673" s="613"/>
      <c r="VYD673" s="613"/>
      <c r="VYE673" s="613"/>
      <c r="VYF673" s="613"/>
      <c r="VYG673" s="613"/>
      <c r="VYH673" s="613"/>
      <c r="VYI673" s="613"/>
      <c r="VYJ673" s="613"/>
      <c r="VYK673" s="613"/>
      <c r="VYL673" s="613"/>
      <c r="VYM673" s="613"/>
      <c r="VYN673" s="613"/>
      <c r="VYO673" s="613"/>
      <c r="VYP673" s="613"/>
      <c r="VYQ673" s="613"/>
      <c r="VYR673" s="613"/>
      <c r="VYS673" s="613"/>
      <c r="VYT673" s="613"/>
      <c r="VYU673" s="613"/>
      <c r="VYV673" s="613"/>
      <c r="VYW673" s="613"/>
      <c r="VYX673" s="613"/>
      <c r="VYY673" s="613"/>
      <c r="VYZ673" s="613"/>
      <c r="VZA673" s="613"/>
      <c r="VZB673" s="613"/>
      <c r="VZC673" s="613"/>
      <c r="VZD673" s="613"/>
      <c r="VZE673" s="613"/>
      <c r="VZF673" s="613"/>
      <c r="VZG673" s="613"/>
      <c r="VZH673" s="613"/>
      <c r="VZI673" s="613"/>
      <c r="VZJ673" s="613"/>
      <c r="VZK673" s="613"/>
      <c r="VZL673" s="613"/>
      <c r="VZM673" s="613"/>
      <c r="VZN673" s="613"/>
      <c r="VZO673" s="613"/>
      <c r="VZP673" s="613"/>
      <c r="VZQ673" s="613"/>
      <c r="VZR673" s="613"/>
      <c r="VZS673" s="613"/>
      <c r="VZT673" s="613"/>
      <c r="VZU673" s="613"/>
      <c r="VZV673" s="613"/>
      <c r="VZW673" s="613"/>
      <c r="VZX673" s="613"/>
      <c r="VZY673" s="613"/>
      <c r="VZZ673" s="613"/>
      <c r="WAA673" s="613"/>
      <c r="WAB673" s="613"/>
      <c r="WAC673" s="613"/>
      <c r="WAD673" s="613"/>
      <c r="WAE673" s="613"/>
      <c r="WAF673" s="613"/>
      <c r="WAG673" s="613"/>
      <c r="WAH673" s="613"/>
      <c r="WAI673" s="613"/>
      <c r="WAJ673" s="613"/>
      <c r="WAK673" s="613"/>
      <c r="WAL673" s="613"/>
      <c r="WAM673" s="613"/>
      <c r="WAN673" s="613"/>
      <c r="WAO673" s="613"/>
      <c r="WAP673" s="613"/>
      <c r="WAQ673" s="613"/>
      <c r="WAR673" s="613"/>
      <c r="WAS673" s="613"/>
      <c r="WAT673" s="613"/>
      <c r="WAU673" s="613"/>
      <c r="WAV673" s="613"/>
      <c r="WAW673" s="613"/>
      <c r="WAX673" s="613"/>
      <c r="WAY673" s="613"/>
      <c r="WAZ673" s="613"/>
      <c r="WBA673" s="613"/>
      <c r="WBB673" s="613"/>
      <c r="WBC673" s="613"/>
      <c r="WBD673" s="613"/>
      <c r="WBE673" s="613"/>
      <c r="WBF673" s="613"/>
      <c r="WBG673" s="613"/>
      <c r="WBH673" s="613"/>
      <c r="WBI673" s="613"/>
      <c r="WBJ673" s="613"/>
      <c r="WBK673" s="613"/>
      <c r="WBL673" s="613"/>
      <c r="WBM673" s="613"/>
      <c r="WBN673" s="613"/>
      <c r="WBO673" s="613"/>
      <c r="WBP673" s="613"/>
      <c r="WBQ673" s="613"/>
      <c r="WBR673" s="613"/>
      <c r="WBS673" s="613"/>
      <c r="WBT673" s="613"/>
      <c r="WBU673" s="613"/>
      <c r="WBV673" s="613"/>
      <c r="WBW673" s="613"/>
      <c r="WBX673" s="613"/>
      <c r="WBY673" s="613"/>
      <c r="WBZ673" s="613"/>
      <c r="WCA673" s="613"/>
      <c r="WCB673" s="613"/>
      <c r="WCC673" s="613"/>
      <c r="WCD673" s="613"/>
      <c r="WCE673" s="613"/>
      <c r="WCF673" s="613"/>
      <c r="WCG673" s="613"/>
      <c r="WCH673" s="613"/>
      <c r="WCI673" s="613"/>
      <c r="WCJ673" s="613"/>
      <c r="WCK673" s="613"/>
      <c r="WCL673" s="613"/>
      <c r="WCM673" s="613"/>
      <c r="WCN673" s="613"/>
      <c r="WCO673" s="613"/>
      <c r="WCP673" s="613"/>
      <c r="WCQ673" s="613"/>
      <c r="WCR673" s="613"/>
      <c r="WCS673" s="613"/>
      <c r="WCT673" s="613"/>
      <c r="WCU673" s="613"/>
      <c r="WCV673" s="613"/>
      <c r="WCW673" s="613"/>
      <c r="WCX673" s="613"/>
      <c r="WCY673" s="613"/>
      <c r="WCZ673" s="613"/>
      <c r="WDA673" s="613"/>
      <c r="WDB673" s="613"/>
      <c r="WDC673" s="613"/>
      <c r="WDD673" s="613"/>
      <c r="WDE673" s="613"/>
      <c r="WDF673" s="613"/>
      <c r="WDG673" s="613"/>
      <c r="WDH673" s="613"/>
      <c r="WDI673" s="613"/>
      <c r="WDJ673" s="613"/>
      <c r="WDK673" s="613"/>
      <c r="WDL673" s="613"/>
      <c r="WDM673" s="613"/>
      <c r="WDN673" s="613"/>
      <c r="WDO673" s="613"/>
      <c r="WDP673" s="613"/>
      <c r="WDQ673" s="613"/>
      <c r="WDR673" s="613"/>
      <c r="WDS673" s="613"/>
      <c r="WDT673" s="613"/>
      <c r="WDU673" s="613"/>
      <c r="WDV673" s="613"/>
      <c r="WDW673" s="613"/>
      <c r="WDX673" s="613"/>
      <c r="WDY673" s="613"/>
      <c r="WDZ673" s="613"/>
      <c r="WEA673" s="613"/>
      <c r="WEB673" s="613"/>
      <c r="WEC673" s="613"/>
      <c r="WED673" s="613"/>
      <c r="WEE673" s="613"/>
      <c r="WEF673" s="613"/>
      <c r="WEG673" s="613"/>
      <c r="WEH673" s="613"/>
      <c r="WEI673" s="613"/>
      <c r="WEJ673" s="613"/>
      <c r="WEK673" s="613"/>
      <c r="WEL673" s="613"/>
      <c r="WEM673" s="613"/>
      <c r="WEN673" s="613"/>
      <c r="WEO673" s="613"/>
      <c r="WEP673" s="613"/>
      <c r="WEQ673" s="613"/>
      <c r="WER673" s="613"/>
      <c r="WES673" s="613"/>
      <c r="WET673" s="613"/>
      <c r="WEU673" s="613"/>
      <c r="WEV673" s="613"/>
      <c r="WEW673" s="613"/>
      <c r="WEX673" s="613"/>
      <c r="WEY673" s="613"/>
      <c r="WEZ673" s="613"/>
      <c r="WFA673" s="613"/>
      <c r="WFB673" s="613"/>
      <c r="WFC673" s="613"/>
      <c r="WFD673" s="613"/>
      <c r="WFE673" s="613"/>
      <c r="WFF673" s="613"/>
      <c r="WFG673" s="613"/>
      <c r="WFH673" s="613"/>
      <c r="WFI673" s="613"/>
      <c r="WFJ673" s="613"/>
      <c r="WFK673" s="613"/>
      <c r="WFL673" s="613"/>
      <c r="WFM673" s="613"/>
      <c r="WFN673" s="613"/>
      <c r="WFO673" s="613"/>
      <c r="WFP673" s="613"/>
      <c r="WFQ673" s="613"/>
      <c r="WFR673" s="613"/>
      <c r="WFS673" s="613"/>
      <c r="WFT673" s="613"/>
      <c r="WFU673" s="613"/>
      <c r="WFV673" s="613"/>
      <c r="WFW673" s="613"/>
      <c r="WFX673" s="613"/>
      <c r="WFY673" s="613"/>
      <c r="WFZ673" s="613"/>
      <c r="WGA673" s="613"/>
      <c r="WGB673" s="613"/>
      <c r="WGC673" s="613"/>
      <c r="WGD673" s="613"/>
      <c r="WGE673" s="613"/>
      <c r="WGF673" s="613"/>
      <c r="WGG673" s="613"/>
      <c r="WGH673" s="613"/>
      <c r="WGI673" s="613"/>
      <c r="WGJ673" s="613"/>
      <c r="WGK673" s="613"/>
      <c r="WGL673" s="613"/>
      <c r="WGM673" s="613"/>
      <c r="WGN673" s="613"/>
      <c r="WGO673" s="613"/>
      <c r="WGP673" s="613"/>
      <c r="WGQ673" s="613"/>
      <c r="WGR673" s="613"/>
      <c r="WGS673" s="613"/>
      <c r="WGT673" s="613"/>
      <c r="WGU673" s="613"/>
      <c r="WGV673" s="613"/>
      <c r="WGW673" s="613"/>
      <c r="WGX673" s="613"/>
      <c r="WGY673" s="613"/>
      <c r="WGZ673" s="613"/>
      <c r="WHA673" s="613"/>
      <c r="WHB673" s="613"/>
      <c r="WHC673" s="613"/>
      <c r="WHD673" s="613"/>
      <c r="WHE673" s="613"/>
      <c r="WHF673" s="613"/>
      <c r="WHG673" s="613"/>
      <c r="WHH673" s="613"/>
      <c r="WHI673" s="613"/>
      <c r="WHJ673" s="613"/>
      <c r="WHK673" s="613"/>
      <c r="WHL673" s="613"/>
      <c r="WHM673" s="613"/>
      <c r="WHN673" s="613"/>
      <c r="WHO673" s="613"/>
      <c r="WHP673" s="613"/>
      <c r="WHQ673" s="613"/>
      <c r="WHR673" s="613"/>
      <c r="WHS673" s="613"/>
      <c r="WHT673" s="613"/>
      <c r="WHU673" s="613"/>
      <c r="WHV673" s="613"/>
      <c r="WHW673" s="613"/>
      <c r="WHX673" s="613"/>
      <c r="WHY673" s="613"/>
      <c r="WHZ673" s="613"/>
      <c r="WIA673" s="613"/>
      <c r="WIB673" s="613"/>
      <c r="WIC673" s="613"/>
      <c r="WID673" s="613"/>
      <c r="WIE673" s="613"/>
      <c r="WIF673" s="613"/>
      <c r="WIG673" s="613"/>
      <c r="WIH673" s="613"/>
      <c r="WII673" s="613"/>
      <c r="WIJ673" s="613"/>
      <c r="WIK673" s="613"/>
      <c r="WIL673" s="613"/>
      <c r="WIM673" s="613"/>
      <c r="WIN673" s="613"/>
      <c r="WIO673" s="613"/>
      <c r="WIP673" s="613"/>
      <c r="WIQ673" s="613"/>
      <c r="WIR673" s="613"/>
      <c r="WIS673" s="613"/>
      <c r="WIT673" s="613"/>
      <c r="WIU673" s="613"/>
      <c r="WIV673" s="613"/>
      <c r="WIW673" s="613"/>
      <c r="WIX673" s="613"/>
      <c r="WIY673" s="613"/>
      <c r="WIZ673" s="613"/>
      <c r="WJA673" s="613"/>
      <c r="WJB673" s="613"/>
      <c r="WJC673" s="613"/>
      <c r="WJD673" s="613"/>
      <c r="WJE673" s="613"/>
      <c r="WJF673" s="613"/>
      <c r="WJG673" s="613"/>
      <c r="WJH673" s="613"/>
      <c r="WJI673" s="613"/>
      <c r="WJJ673" s="613"/>
      <c r="WJK673" s="613"/>
      <c r="WJL673" s="613"/>
      <c r="WJM673" s="613"/>
      <c r="WJN673" s="613"/>
      <c r="WJO673" s="613"/>
      <c r="WJP673" s="613"/>
      <c r="WJQ673" s="613"/>
      <c r="WJR673" s="613"/>
      <c r="WJS673" s="613"/>
      <c r="WJT673" s="613"/>
      <c r="WJU673" s="613"/>
      <c r="WJV673" s="613"/>
      <c r="WJW673" s="613"/>
      <c r="WJX673" s="613"/>
      <c r="WJY673" s="613"/>
      <c r="WJZ673" s="613"/>
      <c r="WKA673" s="613"/>
      <c r="WKB673" s="613"/>
      <c r="WKC673" s="613"/>
      <c r="WKD673" s="613"/>
      <c r="WKE673" s="613"/>
      <c r="WKF673" s="613"/>
      <c r="WKG673" s="613"/>
      <c r="WKH673" s="613"/>
      <c r="WKI673" s="613"/>
      <c r="WKJ673" s="613"/>
      <c r="WKK673" s="613"/>
      <c r="WKL673" s="613"/>
      <c r="WKM673" s="613"/>
      <c r="WKN673" s="613"/>
      <c r="WKO673" s="613"/>
      <c r="WKP673" s="613"/>
      <c r="WKQ673" s="613"/>
      <c r="WKR673" s="613"/>
      <c r="WKS673" s="613"/>
      <c r="WKT673" s="613"/>
      <c r="WKU673" s="613"/>
      <c r="WKV673" s="613"/>
      <c r="WKW673" s="613"/>
      <c r="WKX673" s="613"/>
      <c r="WKY673" s="613"/>
      <c r="WKZ673" s="613"/>
      <c r="WLA673" s="613"/>
      <c r="WLB673" s="613"/>
      <c r="WLC673" s="613"/>
      <c r="WLD673" s="613"/>
      <c r="WLE673" s="613"/>
      <c r="WLF673" s="613"/>
      <c r="WLG673" s="613"/>
      <c r="WLH673" s="613"/>
      <c r="WLI673" s="613"/>
      <c r="WLJ673" s="613"/>
      <c r="WLK673" s="613"/>
      <c r="WLL673" s="613"/>
      <c r="WLM673" s="613"/>
      <c r="WLN673" s="613"/>
      <c r="WLO673" s="613"/>
      <c r="WLP673" s="613"/>
      <c r="WLQ673" s="613"/>
      <c r="WLR673" s="613"/>
      <c r="WLS673" s="613"/>
      <c r="WLT673" s="613"/>
      <c r="WLU673" s="613"/>
      <c r="WLV673" s="613"/>
      <c r="WLW673" s="613"/>
      <c r="WLX673" s="613"/>
      <c r="WLY673" s="613"/>
      <c r="WLZ673" s="613"/>
      <c r="WMA673" s="613"/>
      <c r="WMB673" s="613"/>
      <c r="WMC673" s="613"/>
      <c r="WMD673" s="613"/>
      <c r="WME673" s="613"/>
      <c r="WMF673" s="613"/>
      <c r="WMG673" s="613"/>
      <c r="WMH673" s="613"/>
      <c r="WMI673" s="613"/>
      <c r="WMJ673" s="613"/>
      <c r="WMK673" s="613"/>
      <c r="WML673" s="613"/>
      <c r="WMM673" s="613"/>
      <c r="WMN673" s="613"/>
      <c r="WMO673" s="613"/>
      <c r="WMP673" s="613"/>
      <c r="WMQ673" s="613"/>
      <c r="WMR673" s="613"/>
      <c r="WMS673" s="613"/>
      <c r="WMT673" s="613"/>
      <c r="WMU673" s="613"/>
      <c r="WMV673" s="613"/>
      <c r="WMW673" s="613"/>
      <c r="WMX673" s="613"/>
      <c r="WMY673" s="613"/>
      <c r="WMZ673" s="613"/>
      <c r="WNA673" s="613"/>
      <c r="WNB673" s="613"/>
      <c r="WNC673" s="613"/>
      <c r="WND673" s="613"/>
      <c r="WNE673" s="613"/>
      <c r="WNF673" s="613"/>
      <c r="WNG673" s="613"/>
      <c r="WNH673" s="613"/>
      <c r="WNI673" s="613"/>
      <c r="WNJ673" s="613"/>
      <c r="WNK673" s="613"/>
      <c r="WNL673" s="613"/>
      <c r="WNM673" s="613"/>
      <c r="WNN673" s="613"/>
      <c r="WNO673" s="613"/>
      <c r="WNP673" s="613"/>
      <c r="WNQ673" s="613"/>
      <c r="WNR673" s="613"/>
      <c r="WNS673" s="613"/>
      <c r="WNT673" s="613"/>
      <c r="WNU673" s="613"/>
      <c r="WNV673" s="613"/>
      <c r="WNW673" s="613"/>
      <c r="WNX673" s="613"/>
      <c r="WNY673" s="613"/>
      <c r="WNZ673" s="613"/>
      <c r="WOA673" s="613"/>
      <c r="WOB673" s="613"/>
      <c r="WOC673" s="613"/>
      <c r="WOD673" s="613"/>
      <c r="WOE673" s="613"/>
      <c r="WOF673" s="613"/>
      <c r="WOG673" s="613"/>
      <c r="WOH673" s="613"/>
      <c r="WOI673" s="613"/>
      <c r="WOJ673" s="613"/>
      <c r="WOK673" s="613"/>
      <c r="WOL673" s="613"/>
      <c r="WOM673" s="613"/>
      <c r="WON673" s="613"/>
      <c r="WOO673" s="613"/>
      <c r="WOP673" s="613"/>
      <c r="WOQ673" s="613"/>
      <c r="WOR673" s="613"/>
      <c r="WOS673" s="613"/>
      <c r="WOT673" s="613"/>
      <c r="WOU673" s="613"/>
      <c r="WOV673" s="613"/>
      <c r="WOW673" s="613"/>
      <c r="WOX673" s="613"/>
      <c r="WOY673" s="613"/>
      <c r="WOZ673" s="613"/>
      <c r="WPA673" s="613"/>
      <c r="WPB673" s="613"/>
      <c r="WPC673" s="613"/>
      <c r="WPD673" s="613"/>
      <c r="WPE673" s="613"/>
      <c r="WPF673" s="613"/>
      <c r="WPG673" s="613"/>
      <c r="WPH673" s="613"/>
      <c r="WPI673" s="613"/>
      <c r="WPJ673" s="613"/>
      <c r="WPK673" s="613"/>
      <c r="WPL673" s="613"/>
      <c r="WPM673" s="613"/>
      <c r="WPN673" s="613"/>
      <c r="WPO673" s="613"/>
      <c r="WPP673" s="613"/>
      <c r="WPQ673" s="613"/>
      <c r="WPR673" s="613"/>
      <c r="WPS673" s="613"/>
      <c r="WPT673" s="613"/>
      <c r="WPU673" s="613"/>
      <c r="WPV673" s="613"/>
      <c r="WPW673" s="613"/>
      <c r="WPX673" s="613"/>
      <c r="WPY673" s="613"/>
      <c r="WPZ673" s="613"/>
      <c r="WQA673" s="613"/>
      <c r="WQB673" s="613"/>
      <c r="WQC673" s="613"/>
      <c r="WQD673" s="613"/>
      <c r="WQE673" s="613"/>
      <c r="WQF673" s="613"/>
      <c r="WQG673" s="613"/>
      <c r="WQH673" s="613"/>
      <c r="WQI673" s="613"/>
      <c r="WQJ673" s="613"/>
      <c r="WQK673" s="613"/>
      <c r="WQL673" s="613"/>
      <c r="WQM673" s="613"/>
      <c r="WQN673" s="613"/>
      <c r="WQO673" s="613"/>
      <c r="WQP673" s="613"/>
      <c r="WQQ673" s="613"/>
      <c r="WQR673" s="613"/>
      <c r="WQS673" s="613"/>
      <c r="WQT673" s="613"/>
      <c r="WQU673" s="613"/>
      <c r="WQV673" s="613"/>
      <c r="WQW673" s="613"/>
      <c r="WQX673" s="613"/>
      <c r="WQY673" s="613"/>
      <c r="WQZ673" s="613"/>
      <c r="WRA673" s="613"/>
      <c r="WRB673" s="613"/>
      <c r="WRC673" s="613"/>
      <c r="WRD673" s="613"/>
      <c r="WRE673" s="613"/>
      <c r="WRF673" s="613"/>
      <c r="WRG673" s="613"/>
      <c r="WRH673" s="613"/>
      <c r="WRI673" s="613"/>
      <c r="WRJ673" s="613"/>
      <c r="WRK673" s="613"/>
      <c r="WRL673" s="613"/>
      <c r="WRM673" s="613"/>
      <c r="WRN673" s="613"/>
      <c r="WRO673" s="613"/>
      <c r="WRP673" s="613"/>
      <c r="WRQ673" s="613"/>
      <c r="WRR673" s="613"/>
      <c r="WRS673" s="613"/>
      <c r="WRT673" s="613"/>
      <c r="WRU673" s="613"/>
      <c r="WRV673" s="613"/>
      <c r="WRW673" s="613"/>
      <c r="WRX673" s="613"/>
      <c r="WRY673" s="613"/>
      <c r="WRZ673" s="613"/>
      <c r="WSA673" s="613"/>
      <c r="WSB673" s="613"/>
      <c r="WSC673" s="613"/>
      <c r="WSD673" s="613"/>
      <c r="WSE673" s="613"/>
      <c r="WSF673" s="613"/>
      <c r="WSG673" s="613"/>
      <c r="WSH673" s="613"/>
      <c r="WSI673" s="613"/>
      <c r="WSJ673" s="613"/>
      <c r="WSK673" s="613"/>
      <c r="WSL673" s="613"/>
      <c r="WSM673" s="613"/>
      <c r="WSN673" s="613"/>
      <c r="WSO673" s="613"/>
      <c r="WSP673" s="613"/>
      <c r="WSQ673" s="613"/>
      <c r="WSR673" s="613"/>
      <c r="WSS673" s="613"/>
      <c r="WST673" s="613"/>
      <c r="WSU673" s="613"/>
      <c r="WSV673" s="613"/>
      <c r="WSW673" s="613"/>
      <c r="WSX673" s="613"/>
      <c r="WSY673" s="613"/>
      <c r="WSZ673" s="613"/>
      <c r="WTA673" s="613"/>
      <c r="WTB673" s="613"/>
      <c r="WTC673" s="613"/>
      <c r="WTD673" s="613"/>
      <c r="WTE673" s="613"/>
      <c r="WTF673" s="613"/>
      <c r="WTG673" s="613"/>
      <c r="WTH673" s="613"/>
      <c r="WTI673" s="613"/>
      <c r="WTJ673" s="613"/>
      <c r="WTK673" s="613"/>
      <c r="WTL673" s="613"/>
      <c r="WTM673" s="613"/>
      <c r="WTN673" s="613"/>
      <c r="WTO673" s="613"/>
      <c r="WTP673" s="613"/>
      <c r="WTQ673" s="613"/>
      <c r="WTR673" s="613"/>
      <c r="WTS673" s="613"/>
      <c r="WTT673" s="613"/>
      <c r="WTU673" s="613"/>
      <c r="WTV673" s="613"/>
      <c r="WTW673" s="613"/>
      <c r="WTX673" s="613"/>
      <c r="WTY673" s="613"/>
      <c r="WTZ673" s="613"/>
      <c r="WUA673" s="613"/>
      <c r="WUB673" s="613"/>
      <c r="WUC673" s="613"/>
      <c r="WUD673" s="613"/>
      <c r="WUE673" s="613"/>
      <c r="WUF673" s="613"/>
      <c r="WUG673" s="613"/>
      <c r="WUH673" s="613"/>
      <c r="WUI673" s="613"/>
      <c r="WUJ673" s="613"/>
      <c r="WUK673" s="613"/>
      <c r="WUL673" s="613"/>
      <c r="WUM673" s="613"/>
      <c r="WUN673" s="613"/>
      <c r="WUO673" s="613"/>
      <c r="WUP673" s="613"/>
      <c r="WUQ673" s="613"/>
      <c r="WUR673" s="613"/>
      <c r="WUS673" s="613"/>
      <c r="WUT673" s="613"/>
      <c r="WUU673" s="613"/>
      <c r="WUV673" s="613"/>
      <c r="WUW673" s="613"/>
      <c r="WUX673" s="613"/>
      <c r="WUY673" s="613"/>
      <c r="WUZ673" s="613"/>
      <c r="WVA673" s="613"/>
      <c r="WVB673" s="613"/>
      <c r="WVC673" s="613"/>
      <c r="WVD673" s="613"/>
      <c r="WVE673" s="613"/>
      <c r="WVF673" s="613"/>
      <c r="WVG673" s="613"/>
      <c r="WVH673" s="613"/>
      <c r="WVI673" s="613"/>
      <c r="WVJ673" s="613"/>
      <c r="WVK673" s="613"/>
      <c r="WVL673" s="613"/>
      <c r="WVM673" s="613"/>
      <c r="WVN673" s="613"/>
      <c r="WVO673" s="613"/>
      <c r="WVP673" s="613"/>
      <c r="WVQ673" s="613"/>
      <c r="WVR673" s="613"/>
      <c r="WVS673" s="613"/>
      <c r="WVT673" s="613"/>
      <c r="WVU673" s="613"/>
      <c r="WVV673" s="613"/>
      <c r="WVW673" s="613"/>
      <c r="WVX673" s="613"/>
      <c r="WVY673" s="613"/>
      <c r="WVZ673" s="613"/>
      <c r="WWA673" s="613"/>
      <c r="WWB673" s="613"/>
      <c r="WWC673" s="613"/>
      <c r="WWD673" s="613"/>
      <c r="WWE673" s="613"/>
      <c r="WWF673" s="613"/>
      <c r="WWG673" s="613"/>
      <c r="WWH673" s="613"/>
      <c r="WWI673" s="613"/>
      <c r="WWJ673" s="613"/>
      <c r="WWK673" s="613"/>
      <c r="WWL673" s="613"/>
      <c r="WWM673" s="613"/>
      <c r="WWN673" s="613"/>
      <c r="WWO673" s="613"/>
      <c r="WWP673" s="613"/>
      <c r="WWQ673" s="613"/>
      <c r="WWR673" s="613"/>
      <c r="WWS673" s="613"/>
      <c r="WWT673" s="613"/>
      <c r="WWU673" s="613"/>
      <c r="WWV673" s="613"/>
      <c r="WWW673" s="613"/>
      <c r="WWX673" s="613"/>
      <c r="WWY673" s="613"/>
      <c r="WWZ673" s="613"/>
      <c r="WXA673" s="613"/>
      <c r="WXB673" s="613"/>
      <c r="WXC673" s="613"/>
      <c r="WXD673" s="613"/>
      <c r="WXE673" s="613"/>
      <c r="WXF673" s="613"/>
      <c r="WXG673" s="613"/>
      <c r="WXH673" s="613"/>
      <c r="WXI673" s="613"/>
      <c r="WXJ673" s="613"/>
      <c r="WXK673" s="613"/>
      <c r="WXL673" s="613"/>
      <c r="WXM673" s="613"/>
      <c r="WXN673" s="613"/>
      <c r="WXO673" s="613"/>
      <c r="WXP673" s="613"/>
      <c r="WXQ673" s="613"/>
      <c r="WXR673" s="613"/>
      <c r="WXS673" s="613"/>
      <c r="WXT673" s="613"/>
      <c r="WXU673" s="613"/>
      <c r="WXV673" s="613"/>
      <c r="WXW673" s="613"/>
      <c r="WXX673" s="613"/>
      <c r="WXY673" s="613"/>
      <c r="WXZ673" s="613"/>
      <c r="WYA673" s="613"/>
      <c r="WYB673" s="613"/>
      <c r="WYC673" s="613"/>
      <c r="WYD673" s="613"/>
      <c r="WYE673" s="613"/>
      <c r="WYF673" s="613"/>
      <c r="WYG673" s="613"/>
      <c r="WYH673" s="613"/>
      <c r="WYI673" s="613"/>
      <c r="WYJ673" s="613"/>
      <c r="WYK673" s="613"/>
      <c r="WYL673" s="613"/>
      <c r="WYM673" s="613"/>
      <c r="WYN673" s="613"/>
      <c r="WYO673" s="613"/>
      <c r="WYP673" s="613"/>
      <c r="WYQ673" s="613"/>
      <c r="WYR673" s="613"/>
      <c r="WYS673" s="613"/>
      <c r="WYT673" s="613"/>
      <c r="WYU673" s="613"/>
      <c r="WYV673" s="613"/>
      <c r="WYW673" s="613"/>
      <c r="WYX673" s="613"/>
      <c r="WYY673" s="613"/>
      <c r="WYZ673" s="613"/>
      <c r="WZA673" s="613"/>
      <c r="WZB673" s="613"/>
      <c r="WZC673" s="613"/>
      <c r="WZD673" s="613"/>
      <c r="WZE673" s="613"/>
      <c r="WZF673" s="613"/>
      <c r="WZG673" s="613"/>
      <c r="WZH673" s="613"/>
      <c r="WZI673" s="613"/>
      <c r="WZJ673" s="613"/>
      <c r="WZK673" s="613"/>
      <c r="WZL673" s="613"/>
      <c r="WZM673" s="613"/>
      <c r="WZN673" s="613"/>
      <c r="WZO673" s="613"/>
      <c r="WZP673" s="613"/>
      <c r="WZQ673" s="613"/>
      <c r="WZR673" s="613"/>
      <c r="WZS673" s="613"/>
      <c r="WZT673" s="613"/>
      <c r="WZU673" s="613"/>
      <c r="WZV673" s="613"/>
      <c r="WZW673" s="613"/>
      <c r="WZX673" s="613"/>
      <c r="WZY673" s="613"/>
      <c r="WZZ673" s="613"/>
      <c r="XAA673" s="613"/>
      <c r="XAB673" s="613"/>
      <c r="XAC673" s="613"/>
      <c r="XAD673" s="613"/>
      <c r="XAE673" s="613"/>
      <c r="XAF673" s="613"/>
      <c r="XAG673" s="613"/>
      <c r="XAH673" s="613"/>
      <c r="XAI673" s="613"/>
      <c r="XAJ673" s="613"/>
      <c r="XAK673" s="613"/>
      <c r="XAL673" s="613"/>
      <c r="XAM673" s="613"/>
      <c r="XAN673" s="613"/>
      <c r="XAO673" s="613"/>
      <c r="XAP673" s="613"/>
      <c r="XAQ673" s="613"/>
      <c r="XAR673" s="613"/>
      <c r="XAS673" s="613"/>
      <c r="XAT673" s="613"/>
      <c r="XAU673" s="613"/>
      <c r="XAV673" s="613"/>
      <c r="XAW673" s="613"/>
      <c r="XAX673" s="613"/>
      <c r="XAY673" s="613"/>
      <c r="XAZ673" s="613"/>
      <c r="XBA673" s="613"/>
      <c r="XBB673" s="613"/>
      <c r="XBC673" s="613"/>
      <c r="XBD673" s="613"/>
      <c r="XBE673" s="613"/>
      <c r="XBF673" s="613"/>
      <c r="XBG673" s="613"/>
      <c r="XBH673" s="613"/>
      <c r="XBI673" s="613"/>
      <c r="XBJ673" s="613"/>
      <c r="XBK673" s="613"/>
      <c r="XBL673" s="613"/>
      <c r="XBM673" s="613"/>
      <c r="XBN673" s="613"/>
      <c r="XBO673" s="613"/>
      <c r="XBP673" s="613"/>
      <c r="XBQ673" s="613"/>
      <c r="XBR673" s="613"/>
      <c r="XBS673" s="613"/>
      <c r="XBT673" s="613"/>
      <c r="XBU673" s="613"/>
      <c r="XBV673" s="613"/>
      <c r="XBW673" s="613"/>
      <c r="XBX673" s="613"/>
      <c r="XBY673" s="613"/>
      <c r="XBZ673" s="613"/>
      <c r="XCA673" s="613"/>
      <c r="XCB673" s="613"/>
      <c r="XCC673" s="613"/>
      <c r="XCD673" s="613"/>
      <c r="XCE673" s="613"/>
      <c r="XCF673" s="613"/>
      <c r="XCG673" s="613"/>
      <c r="XCH673" s="613"/>
      <c r="XCI673" s="613"/>
      <c r="XCJ673" s="613"/>
      <c r="XCK673" s="613"/>
      <c r="XCL673" s="613"/>
      <c r="XCM673" s="613"/>
      <c r="XCN673" s="613"/>
      <c r="XCO673" s="613"/>
      <c r="XCP673" s="613"/>
      <c r="XCQ673" s="613"/>
    </row>
    <row r="674" spans="1:16319" ht="56.1" customHeight="1" x14ac:dyDescent="0.2">
      <c r="A674" s="494"/>
      <c r="B674" s="489"/>
      <c r="C674" s="494"/>
      <c r="D674" s="481">
        <v>152</v>
      </c>
      <c r="E674" s="481"/>
      <c r="F674" s="481" t="s">
        <v>2481</v>
      </c>
      <c r="G674" s="482" t="s">
        <v>53</v>
      </c>
      <c r="H674" s="481" t="s">
        <v>329</v>
      </c>
      <c r="I674" s="654" t="s">
        <v>396</v>
      </c>
      <c r="J674" s="654" t="s">
        <v>369</v>
      </c>
      <c r="K674" s="495" t="s">
        <v>419</v>
      </c>
      <c r="L674" s="621"/>
      <c r="M674" s="484" t="s">
        <v>58</v>
      </c>
      <c r="N674" s="328" t="s">
        <v>1362</v>
      </c>
      <c r="O674" s="484" t="s">
        <v>2996</v>
      </c>
      <c r="P674" s="484" t="s">
        <v>81</v>
      </c>
      <c r="Q674" s="667" t="s">
        <v>334</v>
      </c>
      <c r="R674" s="484" t="s">
        <v>334</v>
      </c>
      <c r="S674" s="484" t="s">
        <v>181</v>
      </c>
      <c r="T674" s="484"/>
      <c r="U674" s="620" t="s">
        <v>63</v>
      </c>
      <c r="V674" s="620" t="s">
        <v>63</v>
      </c>
      <c r="W674" s="723">
        <v>298743</v>
      </c>
      <c r="X674" s="723"/>
      <c r="Y674" s="654" t="s">
        <v>226</v>
      </c>
      <c r="Z674" s="654"/>
      <c r="AA674" s="723">
        <v>298743</v>
      </c>
      <c r="AB674" s="652" t="s">
        <v>82</v>
      </c>
      <c r="AC674" s="652"/>
      <c r="AD674" s="496"/>
      <c r="AE674" s="496"/>
      <c r="AF674" s="496"/>
      <c r="AG674" s="487" t="s">
        <v>66</v>
      </c>
      <c r="AH674" s="496"/>
      <c r="AI674" s="496"/>
      <c r="AJ674" s="496"/>
      <c r="AK674" s="496"/>
      <c r="AL674" s="496"/>
      <c r="AM674" s="496"/>
      <c r="AN674" s="496"/>
      <c r="AO674" s="496"/>
      <c r="AP674" s="496"/>
      <c r="AQ674" s="496"/>
      <c r="AR674" s="496"/>
      <c r="AS674" s="496"/>
      <c r="AT674" s="496"/>
      <c r="AU674" s="487"/>
      <c r="AV674" s="487"/>
      <c r="AW674" s="487"/>
      <c r="AX674" s="487"/>
      <c r="AY674" s="487"/>
      <c r="AZ674" s="487"/>
      <c r="BA674" s="484"/>
      <c r="BB674" s="484" t="s">
        <v>399</v>
      </c>
      <c r="BC674" s="484" t="s">
        <v>3041</v>
      </c>
      <c r="BD674" s="494"/>
      <c r="BE674" s="494"/>
      <c r="BF674" s="613"/>
      <c r="BG674" s="613"/>
      <c r="BH674" s="613"/>
      <c r="BI674" s="613"/>
      <c r="BJ674" s="613"/>
      <c r="BK674" s="613"/>
      <c r="BL674" s="613"/>
      <c r="BM674" s="613"/>
      <c r="BN674" s="613"/>
      <c r="BO674" s="613"/>
      <c r="BP674" s="613"/>
      <c r="BQ674" s="613"/>
      <c r="BR674" s="613"/>
      <c r="BS674" s="613"/>
      <c r="BT674" s="613"/>
      <c r="BU674" s="613"/>
      <c r="BV674" s="613"/>
      <c r="BW674" s="613"/>
      <c r="BX674" s="613"/>
      <c r="BY674" s="613"/>
      <c r="BZ674" s="613"/>
      <c r="CA674" s="613"/>
      <c r="CB674" s="613"/>
      <c r="CC674" s="613"/>
      <c r="CD674" s="613"/>
      <c r="CE674" s="613"/>
      <c r="CF674" s="613"/>
      <c r="CG674" s="613"/>
      <c r="CH674" s="613"/>
      <c r="CI674" s="613"/>
      <c r="CJ674" s="613"/>
      <c r="CK674" s="613"/>
      <c r="CL674" s="613"/>
      <c r="CM674" s="613"/>
      <c r="CN674" s="613"/>
      <c r="CO674" s="613"/>
      <c r="CP674" s="613"/>
      <c r="CQ674" s="613"/>
      <c r="CR674" s="613"/>
      <c r="CS674" s="613"/>
      <c r="CT674" s="613"/>
      <c r="CU674" s="613"/>
      <c r="CV674" s="613"/>
      <c r="CW674" s="613"/>
      <c r="CX674" s="613"/>
      <c r="CY674" s="613"/>
      <c r="CZ674" s="613"/>
      <c r="DA674" s="613"/>
      <c r="DB674" s="613"/>
      <c r="DC674" s="613"/>
      <c r="DD674" s="613"/>
      <c r="DE674" s="613"/>
      <c r="DF674" s="613"/>
      <c r="DG674" s="613"/>
      <c r="DH674" s="613"/>
      <c r="DI674" s="613"/>
      <c r="DJ674" s="613"/>
      <c r="DK674" s="613"/>
      <c r="DL674" s="613"/>
      <c r="DM674" s="613"/>
      <c r="DN674" s="613"/>
      <c r="DO674" s="613"/>
      <c r="DP674" s="613"/>
      <c r="DQ674" s="613"/>
      <c r="DR674" s="613"/>
      <c r="DS674" s="613"/>
      <c r="DT674" s="613"/>
      <c r="DU674" s="613"/>
      <c r="DV674" s="613"/>
      <c r="DW674" s="613"/>
      <c r="DX674" s="613"/>
      <c r="DY674" s="613"/>
      <c r="DZ674" s="613"/>
      <c r="EA674" s="613"/>
      <c r="EB674" s="613"/>
      <c r="EC674" s="613"/>
      <c r="ED674" s="613"/>
      <c r="EE674" s="613"/>
      <c r="EF674" s="613"/>
      <c r="EG674" s="613"/>
      <c r="EH674" s="613"/>
      <c r="EI674" s="613"/>
      <c r="EJ674" s="613"/>
      <c r="EK674" s="613"/>
      <c r="EL674" s="613"/>
      <c r="EM674" s="613"/>
      <c r="EN674" s="613"/>
      <c r="EO674" s="613"/>
      <c r="EP674" s="613"/>
      <c r="EQ674" s="613"/>
      <c r="ER674" s="613"/>
      <c r="ES674" s="613"/>
      <c r="ET674" s="613"/>
      <c r="EU674" s="613"/>
      <c r="EV674" s="613"/>
      <c r="EW674" s="613"/>
      <c r="EX674" s="613"/>
      <c r="EY674" s="613"/>
      <c r="EZ674" s="613"/>
      <c r="FA674" s="613"/>
      <c r="FB674" s="613"/>
      <c r="FC674" s="613"/>
      <c r="FD674" s="613"/>
      <c r="FE674" s="613"/>
      <c r="FF674" s="613"/>
      <c r="FG674" s="613"/>
      <c r="FH674" s="613"/>
      <c r="FI674" s="613"/>
      <c r="FJ674" s="613"/>
      <c r="FK674" s="613"/>
      <c r="FL674" s="613"/>
      <c r="FM674" s="613"/>
      <c r="FN674" s="613"/>
      <c r="FO674" s="613"/>
      <c r="FP674" s="613"/>
      <c r="FQ674" s="613"/>
      <c r="FR674" s="613"/>
      <c r="FS674" s="613"/>
      <c r="FT674" s="613"/>
      <c r="FU674" s="613"/>
      <c r="FV674" s="613"/>
      <c r="FW674" s="613"/>
      <c r="FX674" s="613"/>
      <c r="FY674" s="613"/>
      <c r="FZ674" s="613"/>
      <c r="GA674" s="613"/>
      <c r="GB674" s="613"/>
      <c r="GC674" s="613"/>
      <c r="GD674" s="613"/>
      <c r="GE674" s="613"/>
      <c r="GF674" s="613"/>
      <c r="GG674" s="613"/>
      <c r="GH674" s="613"/>
      <c r="GI674" s="613"/>
      <c r="GJ674" s="613"/>
      <c r="GK674" s="613"/>
      <c r="GL674" s="613"/>
      <c r="GM674" s="613"/>
      <c r="GN674" s="613"/>
      <c r="GO674" s="613"/>
      <c r="GP674" s="613"/>
      <c r="GQ674" s="613"/>
      <c r="GR674" s="613"/>
      <c r="GS674" s="613"/>
      <c r="GT674" s="613"/>
      <c r="GU674" s="613"/>
      <c r="GV674" s="613"/>
      <c r="GW674" s="613"/>
      <c r="GX674" s="613"/>
      <c r="GY674" s="613"/>
      <c r="GZ674" s="613"/>
      <c r="HA674" s="613"/>
      <c r="HB674" s="613"/>
      <c r="HC674" s="613"/>
      <c r="HD674" s="613"/>
      <c r="HE674" s="613"/>
      <c r="HF674" s="613"/>
      <c r="HG674" s="613"/>
      <c r="HH674" s="613"/>
      <c r="HI674" s="613"/>
      <c r="HJ674" s="613"/>
      <c r="HK674" s="613"/>
      <c r="HL674" s="613"/>
      <c r="HM674" s="613"/>
      <c r="HN674" s="613"/>
      <c r="HO674" s="613"/>
      <c r="HP674" s="613"/>
      <c r="HQ674" s="613"/>
      <c r="HR674" s="613"/>
      <c r="HS674" s="613"/>
      <c r="HT674" s="613"/>
      <c r="HU674" s="613"/>
      <c r="HV674" s="613"/>
      <c r="HW674" s="613"/>
      <c r="HX674" s="613"/>
      <c r="HY674" s="613"/>
      <c r="HZ674" s="613"/>
      <c r="IA674" s="613"/>
      <c r="IB674" s="613"/>
      <c r="IC674" s="613"/>
      <c r="ID674" s="613"/>
      <c r="IE674" s="613"/>
      <c r="IF674" s="613"/>
      <c r="IG674" s="613"/>
      <c r="IH674" s="613"/>
      <c r="II674" s="613"/>
      <c r="IJ674" s="613"/>
      <c r="IK674" s="613"/>
      <c r="IL674" s="613"/>
      <c r="IM674" s="613"/>
      <c r="IN674" s="613"/>
      <c r="IO674" s="613"/>
      <c r="IP674" s="613"/>
      <c r="IQ674" s="613"/>
      <c r="IR674" s="613"/>
      <c r="IS674" s="613"/>
      <c r="IT674" s="613"/>
      <c r="IU674" s="613"/>
      <c r="IV674" s="613"/>
      <c r="IW674" s="613"/>
      <c r="IX674" s="613"/>
      <c r="IY674" s="613"/>
      <c r="IZ674" s="613"/>
      <c r="JA674" s="613"/>
      <c r="JB674" s="613"/>
      <c r="JC674" s="613"/>
      <c r="JD674" s="613"/>
      <c r="JE674" s="613"/>
      <c r="JF674" s="613"/>
      <c r="JG674" s="613"/>
      <c r="JH674" s="613"/>
      <c r="JI674" s="613"/>
      <c r="JJ674" s="613"/>
      <c r="JK674" s="613"/>
      <c r="JL674" s="613"/>
      <c r="JM674" s="613"/>
      <c r="JN674" s="613"/>
      <c r="JO674" s="613"/>
      <c r="JP674" s="613"/>
      <c r="JQ674" s="613"/>
      <c r="JR674" s="613"/>
      <c r="JS674" s="613"/>
      <c r="JT674" s="613"/>
      <c r="JU674" s="613"/>
      <c r="JV674" s="613"/>
      <c r="JW674" s="613"/>
      <c r="JX674" s="613"/>
      <c r="JY674" s="613"/>
      <c r="JZ674" s="613"/>
      <c r="KA674" s="613"/>
      <c r="KB674" s="613"/>
      <c r="KC674" s="613"/>
      <c r="KD674" s="613"/>
      <c r="KE674" s="613"/>
      <c r="KF674" s="613"/>
      <c r="KG674" s="613"/>
      <c r="KH674" s="613"/>
      <c r="KI674" s="613"/>
      <c r="KJ674" s="613"/>
      <c r="KK674" s="613"/>
      <c r="KL674" s="613"/>
      <c r="KM674" s="613"/>
      <c r="KN674" s="613"/>
      <c r="KO674" s="613"/>
      <c r="KP674" s="613"/>
      <c r="KQ674" s="613"/>
      <c r="KR674" s="613"/>
      <c r="KS674" s="613"/>
      <c r="KT674" s="613"/>
      <c r="KU674" s="613"/>
      <c r="KV674" s="613"/>
      <c r="KW674" s="613"/>
      <c r="KX674" s="613"/>
      <c r="KY674" s="613"/>
      <c r="KZ674" s="613"/>
      <c r="LA674" s="613"/>
      <c r="LB674" s="613"/>
      <c r="LC674" s="613"/>
      <c r="LD674" s="613"/>
      <c r="LE674" s="613"/>
      <c r="LF674" s="613"/>
      <c r="LG674" s="613"/>
      <c r="LH674" s="613"/>
      <c r="LI674" s="613"/>
      <c r="LJ674" s="613"/>
      <c r="LK674" s="613"/>
      <c r="LL674" s="613"/>
      <c r="LM674" s="613"/>
      <c r="LN674" s="613"/>
      <c r="LO674" s="613"/>
      <c r="LP674" s="613"/>
      <c r="LQ674" s="613"/>
      <c r="LR674" s="613"/>
      <c r="LS674" s="613"/>
      <c r="LT674" s="613"/>
      <c r="LU674" s="613"/>
      <c r="LV674" s="613"/>
      <c r="LW674" s="613"/>
      <c r="LX674" s="613"/>
      <c r="LY674" s="613"/>
      <c r="LZ674" s="613"/>
      <c r="MA674" s="613"/>
      <c r="MB674" s="613"/>
      <c r="MC674" s="613"/>
      <c r="MD674" s="613"/>
      <c r="ME674" s="613"/>
      <c r="MF674" s="613"/>
      <c r="MG674" s="613"/>
      <c r="MH674" s="613"/>
      <c r="MI674" s="613"/>
      <c r="MJ674" s="613"/>
      <c r="MK674" s="613"/>
      <c r="ML674" s="613"/>
      <c r="MM674" s="613"/>
      <c r="MN674" s="613"/>
      <c r="MO674" s="613"/>
      <c r="MP674" s="613"/>
      <c r="MQ674" s="613"/>
      <c r="MR674" s="613"/>
      <c r="MS674" s="613"/>
      <c r="MT674" s="613"/>
      <c r="MU674" s="613"/>
      <c r="MV674" s="613"/>
      <c r="MW674" s="613"/>
      <c r="MX674" s="613"/>
      <c r="MY674" s="613"/>
      <c r="MZ674" s="613"/>
      <c r="NA674" s="613"/>
      <c r="NB674" s="613"/>
      <c r="NC674" s="613"/>
      <c r="ND674" s="613"/>
      <c r="NE674" s="613"/>
      <c r="NF674" s="613"/>
      <c r="NG674" s="613"/>
      <c r="NH674" s="613"/>
      <c r="NI674" s="613"/>
      <c r="NJ674" s="613"/>
      <c r="NK674" s="613"/>
      <c r="NL674" s="613"/>
      <c r="NM674" s="613"/>
      <c r="NN674" s="613"/>
      <c r="NO674" s="613"/>
      <c r="NP674" s="613"/>
      <c r="NQ674" s="613"/>
      <c r="NR674" s="613"/>
      <c r="NS674" s="613"/>
      <c r="NT674" s="613"/>
      <c r="NU674" s="613"/>
      <c r="NV674" s="613"/>
      <c r="NW674" s="613"/>
      <c r="NX674" s="613"/>
      <c r="NY674" s="613"/>
      <c r="NZ674" s="613"/>
      <c r="OA674" s="613"/>
      <c r="OB674" s="613"/>
      <c r="OC674" s="613"/>
      <c r="OD674" s="613"/>
      <c r="OE674" s="613"/>
      <c r="OF674" s="613"/>
      <c r="OG674" s="613"/>
      <c r="OH674" s="613"/>
      <c r="OI674" s="613"/>
      <c r="OJ674" s="613"/>
      <c r="OK674" s="613"/>
      <c r="OL674" s="613"/>
      <c r="OM674" s="613"/>
      <c r="ON674" s="613"/>
      <c r="OO674" s="613"/>
      <c r="OP674" s="613"/>
      <c r="OQ674" s="613"/>
      <c r="OR674" s="613"/>
      <c r="OS674" s="613"/>
      <c r="OT674" s="613"/>
      <c r="OU674" s="613"/>
      <c r="OV674" s="613"/>
      <c r="OW674" s="613"/>
      <c r="OX674" s="613"/>
      <c r="OY674" s="613"/>
      <c r="OZ674" s="613"/>
      <c r="PA674" s="613"/>
      <c r="PB674" s="613"/>
      <c r="PC674" s="613"/>
      <c r="PD674" s="613"/>
      <c r="PE674" s="613"/>
      <c r="PF674" s="613"/>
      <c r="PG674" s="613"/>
      <c r="PH674" s="613"/>
      <c r="PI674" s="613"/>
      <c r="PJ674" s="613"/>
      <c r="PK674" s="613"/>
      <c r="PL674" s="613"/>
      <c r="PM674" s="613"/>
      <c r="PN674" s="613"/>
      <c r="PO674" s="613"/>
      <c r="PP674" s="613"/>
      <c r="PQ674" s="613"/>
      <c r="PR674" s="613"/>
      <c r="PS674" s="613"/>
      <c r="PT674" s="613"/>
      <c r="PU674" s="613"/>
      <c r="PV674" s="613"/>
      <c r="PW674" s="613"/>
      <c r="PX674" s="613"/>
      <c r="PY674" s="613"/>
      <c r="PZ674" s="613"/>
      <c r="QA674" s="613"/>
      <c r="QB674" s="613"/>
      <c r="QC674" s="613"/>
      <c r="QD674" s="613"/>
      <c r="QE674" s="613"/>
      <c r="QF674" s="613"/>
      <c r="QG674" s="613"/>
      <c r="QH674" s="613"/>
      <c r="QI674" s="613"/>
      <c r="QJ674" s="613"/>
      <c r="QK674" s="613"/>
      <c r="QL674" s="613"/>
      <c r="QM674" s="613"/>
      <c r="QN674" s="613"/>
      <c r="QO674" s="613"/>
      <c r="QP674" s="613"/>
      <c r="QQ674" s="613"/>
      <c r="QR674" s="613"/>
      <c r="QS674" s="613"/>
      <c r="QT674" s="613"/>
      <c r="QU674" s="613"/>
      <c r="QV674" s="613"/>
      <c r="QW674" s="613"/>
      <c r="QX674" s="613"/>
      <c r="QY674" s="613"/>
      <c r="QZ674" s="613"/>
      <c r="RA674" s="613"/>
      <c r="RB674" s="613"/>
      <c r="RC674" s="613"/>
      <c r="RD674" s="613"/>
      <c r="RE674" s="613"/>
      <c r="RF674" s="613"/>
      <c r="RG674" s="613"/>
      <c r="RH674" s="613"/>
      <c r="RI674" s="613"/>
      <c r="RJ674" s="613"/>
      <c r="RK674" s="613"/>
      <c r="RL674" s="613"/>
      <c r="RM674" s="613"/>
      <c r="RN674" s="613"/>
      <c r="RO674" s="613"/>
      <c r="RP674" s="613"/>
      <c r="RQ674" s="613"/>
      <c r="RR674" s="613"/>
      <c r="RS674" s="613"/>
      <c r="RT674" s="613"/>
      <c r="RU674" s="613"/>
      <c r="RV674" s="613"/>
      <c r="RW674" s="613"/>
      <c r="RX674" s="613"/>
      <c r="RY674" s="613"/>
      <c r="RZ674" s="613"/>
      <c r="SA674" s="613"/>
      <c r="SB674" s="613"/>
      <c r="SC674" s="613"/>
      <c r="SD674" s="613"/>
      <c r="SE674" s="613"/>
      <c r="SF674" s="613"/>
      <c r="SG674" s="613"/>
      <c r="SH674" s="613"/>
      <c r="SI674" s="613"/>
      <c r="SJ674" s="613"/>
      <c r="SK674" s="613"/>
      <c r="SL674" s="613"/>
      <c r="SM674" s="613"/>
      <c r="SN674" s="613"/>
      <c r="SO674" s="613"/>
      <c r="SP674" s="613"/>
      <c r="SQ674" s="613"/>
      <c r="SR674" s="613"/>
      <c r="SS674" s="613"/>
      <c r="ST674" s="613"/>
      <c r="SU674" s="613"/>
      <c r="SV674" s="613"/>
      <c r="SW674" s="613"/>
      <c r="SX674" s="613"/>
      <c r="SY674" s="613"/>
      <c r="SZ674" s="613"/>
      <c r="TA674" s="613"/>
      <c r="TB674" s="613"/>
      <c r="TC674" s="613"/>
      <c r="TD674" s="613"/>
      <c r="TE674" s="613"/>
      <c r="TF674" s="613"/>
      <c r="TG674" s="613"/>
      <c r="TH674" s="613"/>
      <c r="TI674" s="613"/>
      <c r="TJ674" s="613"/>
      <c r="TK674" s="613"/>
      <c r="TL674" s="613"/>
      <c r="TM674" s="613"/>
      <c r="TN674" s="613"/>
      <c r="TO674" s="613"/>
      <c r="TP674" s="613"/>
      <c r="TQ674" s="613"/>
      <c r="TR674" s="613"/>
      <c r="TS674" s="613"/>
      <c r="TT674" s="613"/>
      <c r="TU674" s="613"/>
      <c r="TV674" s="613"/>
      <c r="TW674" s="613"/>
      <c r="TX674" s="613"/>
      <c r="TY674" s="613"/>
      <c r="TZ674" s="613"/>
      <c r="UA674" s="613"/>
      <c r="UB674" s="613"/>
      <c r="UC674" s="613"/>
      <c r="UD674" s="613"/>
      <c r="UE674" s="613"/>
      <c r="UF674" s="613"/>
      <c r="UG674" s="613"/>
      <c r="UH674" s="613"/>
      <c r="UI674" s="613"/>
      <c r="UJ674" s="613"/>
      <c r="UK674" s="613"/>
      <c r="UL674" s="613"/>
      <c r="UM674" s="613"/>
      <c r="UN674" s="613"/>
      <c r="UO674" s="613"/>
      <c r="UP674" s="613"/>
      <c r="UQ674" s="613"/>
      <c r="UR674" s="613"/>
      <c r="US674" s="613"/>
      <c r="UT674" s="613"/>
      <c r="UU674" s="613"/>
      <c r="UV674" s="613"/>
      <c r="UW674" s="613"/>
      <c r="UX674" s="613"/>
      <c r="UY674" s="613"/>
      <c r="UZ674" s="613"/>
      <c r="VA674" s="613"/>
      <c r="VB674" s="613"/>
      <c r="VC674" s="613"/>
      <c r="VD674" s="613"/>
      <c r="VE674" s="613"/>
      <c r="VF674" s="613"/>
      <c r="VG674" s="613"/>
      <c r="VH674" s="613"/>
      <c r="VI674" s="613"/>
      <c r="VJ674" s="613"/>
      <c r="VK674" s="613"/>
      <c r="VL674" s="613"/>
      <c r="VM674" s="613"/>
      <c r="VN674" s="613"/>
      <c r="VO674" s="613"/>
      <c r="VP674" s="613"/>
      <c r="VQ674" s="613"/>
      <c r="VR674" s="613"/>
      <c r="VS674" s="613"/>
      <c r="VT674" s="613"/>
      <c r="VU674" s="613"/>
      <c r="VV674" s="613"/>
      <c r="VW674" s="613"/>
      <c r="VX674" s="613"/>
      <c r="VY674" s="613"/>
      <c r="VZ674" s="613"/>
      <c r="WA674" s="613"/>
      <c r="WB674" s="613"/>
      <c r="WC674" s="613"/>
      <c r="WD674" s="613"/>
      <c r="WE674" s="613"/>
      <c r="WF674" s="613"/>
      <c r="WG674" s="613"/>
      <c r="WH674" s="613"/>
      <c r="WI674" s="613"/>
      <c r="WJ674" s="613"/>
      <c r="WK674" s="613"/>
      <c r="WL674" s="613"/>
      <c r="WM674" s="613"/>
      <c r="WN674" s="613"/>
      <c r="WO674" s="613"/>
      <c r="WP674" s="613"/>
      <c r="WQ674" s="613"/>
      <c r="WR674" s="613"/>
      <c r="WS674" s="613"/>
      <c r="WT674" s="613"/>
      <c r="WU674" s="613"/>
      <c r="WV674" s="613"/>
      <c r="WW674" s="613"/>
      <c r="WX674" s="613"/>
      <c r="WY674" s="613"/>
      <c r="WZ674" s="613"/>
      <c r="XA674" s="613"/>
      <c r="XB674" s="613"/>
      <c r="XC674" s="613"/>
      <c r="XD674" s="613"/>
      <c r="XE674" s="613"/>
      <c r="XF674" s="613"/>
      <c r="XG674" s="613"/>
      <c r="XH674" s="613"/>
      <c r="XI674" s="613"/>
      <c r="XJ674" s="613"/>
      <c r="XK674" s="613"/>
      <c r="XL674" s="613"/>
      <c r="XM674" s="613"/>
      <c r="XN674" s="613"/>
      <c r="XO674" s="613"/>
      <c r="XP674" s="613"/>
      <c r="XQ674" s="613"/>
      <c r="XR674" s="613"/>
      <c r="XS674" s="613"/>
      <c r="XT674" s="613"/>
      <c r="XU674" s="613"/>
      <c r="XV674" s="613"/>
      <c r="XW674" s="613"/>
      <c r="XX674" s="613"/>
      <c r="XY674" s="613"/>
      <c r="XZ674" s="613"/>
      <c r="YA674" s="613"/>
      <c r="YB674" s="613"/>
      <c r="YC674" s="613"/>
      <c r="YD674" s="613"/>
      <c r="YE674" s="613"/>
      <c r="YF674" s="613"/>
      <c r="YG674" s="613"/>
      <c r="YH674" s="613"/>
      <c r="YI674" s="613"/>
      <c r="YJ674" s="613"/>
      <c r="YK674" s="613"/>
      <c r="YL674" s="613"/>
      <c r="YM674" s="613"/>
      <c r="YN674" s="613"/>
      <c r="YO674" s="613"/>
      <c r="YP674" s="613"/>
      <c r="YQ674" s="613"/>
      <c r="YR674" s="613"/>
      <c r="YS674" s="613"/>
      <c r="YT674" s="613"/>
      <c r="YU674" s="613"/>
      <c r="YV674" s="613"/>
      <c r="YW674" s="613"/>
      <c r="YX674" s="613"/>
      <c r="YY674" s="613"/>
      <c r="YZ674" s="613"/>
      <c r="ZA674" s="613"/>
      <c r="ZB674" s="613"/>
      <c r="ZC674" s="613"/>
      <c r="ZD674" s="613"/>
      <c r="ZE674" s="613"/>
      <c r="ZF674" s="613"/>
      <c r="ZG674" s="613"/>
      <c r="ZH674" s="613"/>
      <c r="ZI674" s="613"/>
      <c r="ZJ674" s="613"/>
      <c r="ZK674" s="613"/>
      <c r="ZL674" s="613"/>
      <c r="ZM674" s="613"/>
      <c r="ZN674" s="613"/>
      <c r="ZO674" s="613"/>
      <c r="ZP674" s="613"/>
      <c r="ZQ674" s="613"/>
      <c r="ZR674" s="613"/>
      <c r="ZS674" s="613"/>
      <c r="ZT674" s="613"/>
      <c r="ZU674" s="613"/>
      <c r="ZV674" s="613"/>
      <c r="ZW674" s="613"/>
      <c r="ZX674" s="613"/>
      <c r="ZY674" s="613"/>
      <c r="ZZ674" s="613"/>
      <c r="AAA674" s="613"/>
      <c r="AAB674" s="613"/>
      <c r="AAC674" s="613"/>
      <c r="AAD674" s="613"/>
      <c r="AAE674" s="613"/>
      <c r="AAF674" s="613"/>
      <c r="AAG674" s="613"/>
      <c r="AAH674" s="613"/>
      <c r="AAI674" s="613"/>
      <c r="AAJ674" s="613"/>
      <c r="AAK674" s="613"/>
      <c r="AAL674" s="613"/>
      <c r="AAM674" s="613"/>
      <c r="AAN674" s="613"/>
      <c r="AAO674" s="613"/>
      <c r="AAP674" s="613"/>
      <c r="AAQ674" s="613"/>
      <c r="AAR674" s="613"/>
      <c r="AAS674" s="613"/>
      <c r="AAT674" s="613"/>
      <c r="AAU674" s="613"/>
      <c r="AAV674" s="613"/>
      <c r="AAW674" s="613"/>
      <c r="AAX674" s="613"/>
      <c r="AAY674" s="613"/>
      <c r="AAZ674" s="613"/>
      <c r="ABA674" s="613"/>
      <c r="ABB674" s="613"/>
      <c r="ABC674" s="613"/>
      <c r="ABD674" s="613"/>
      <c r="ABE674" s="613"/>
      <c r="ABF674" s="613"/>
      <c r="ABG674" s="613"/>
      <c r="ABH674" s="613"/>
      <c r="ABI674" s="613"/>
      <c r="ABJ674" s="613"/>
      <c r="ABK674" s="613"/>
      <c r="ABL674" s="613"/>
      <c r="ABM674" s="613"/>
      <c r="ABN674" s="613"/>
      <c r="ABO674" s="613"/>
      <c r="ABP674" s="613"/>
      <c r="ABQ674" s="613"/>
      <c r="ABR674" s="613"/>
      <c r="ABS674" s="613"/>
      <c r="ABT674" s="613"/>
      <c r="ABU674" s="613"/>
      <c r="ABV674" s="613"/>
      <c r="ABW674" s="613"/>
      <c r="ABX674" s="613"/>
      <c r="ABY674" s="613"/>
      <c r="ABZ674" s="613"/>
      <c r="ACA674" s="613"/>
      <c r="ACB674" s="613"/>
      <c r="ACC674" s="613"/>
      <c r="ACD674" s="613"/>
      <c r="ACE674" s="613"/>
      <c r="ACF674" s="613"/>
      <c r="ACG674" s="613"/>
      <c r="ACH674" s="613"/>
      <c r="ACI674" s="613"/>
      <c r="ACJ674" s="613"/>
      <c r="ACK674" s="613"/>
      <c r="ACL674" s="613"/>
      <c r="ACM674" s="613"/>
      <c r="ACN674" s="613"/>
      <c r="ACO674" s="613"/>
      <c r="ACP674" s="613"/>
      <c r="ACQ674" s="613"/>
      <c r="ACR674" s="613"/>
      <c r="ACS674" s="613"/>
      <c r="ACT674" s="613"/>
      <c r="ACU674" s="613"/>
      <c r="ACV674" s="613"/>
      <c r="ACW674" s="613"/>
      <c r="ACX674" s="613"/>
      <c r="ACY674" s="613"/>
      <c r="ACZ674" s="613"/>
      <c r="ADA674" s="613"/>
      <c r="ADB674" s="613"/>
      <c r="ADC674" s="613"/>
      <c r="ADD674" s="613"/>
      <c r="ADE674" s="613"/>
      <c r="ADF674" s="613"/>
      <c r="ADG674" s="613"/>
      <c r="ADH674" s="613"/>
      <c r="ADI674" s="613"/>
      <c r="ADJ674" s="613"/>
      <c r="ADK674" s="613"/>
      <c r="ADL674" s="613"/>
      <c r="ADM674" s="613"/>
      <c r="ADN674" s="613"/>
      <c r="ADO674" s="613"/>
      <c r="ADP674" s="613"/>
      <c r="ADQ674" s="613"/>
      <c r="ADR674" s="613"/>
      <c r="ADS674" s="613"/>
      <c r="ADT674" s="613"/>
      <c r="ADU674" s="613"/>
      <c r="ADV674" s="613"/>
      <c r="ADW674" s="613"/>
      <c r="ADX674" s="613"/>
      <c r="ADY674" s="613"/>
      <c r="ADZ674" s="613"/>
      <c r="AEA674" s="613"/>
      <c r="AEB674" s="613"/>
      <c r="AEC674" s="613"/>
      <c r="AED674" s="613"/>
      <c r="AEE674" s="613"/>
      <c r="AEF674" s="613"/>
      <c r="AEG674" s="613"/>
      <c r="AEH674" s="613"/>
      <c r="AEI674" s="613"/>
      <c r="AEJ674" s="613"/>
      <c r="AEK674" s="613"/>
      <c r="AEL674" s="613"/>
      <c r="AEM674" s="613"/>
      <c r="AEN674" s="613"/>
      <c r="AEO674" s="613"/>
      <c r="AEP674" s="613"/>
      <c r="AEQ674" s="613"/>
      <c r="AER674" s="613"/>
      <c r="AES674" s="613"/>
      <c r="AET674" s="613"/>
      <c r="AEU674" s="613"/>
      <c r="AEV674" s="613"/>
      <c r="AEW674" s="613"/>
      <c r="AEX674" s="613"/>
      <c r="AEY674" s="613"/>
      <c r="AEZ674" s="613"/>
      <c r="AFA674" s="613"/>
      <c r="AFB674" s="613"/>
      <c r="AFC674" s="613"/>
      <c r="AFD674" s="613"/>
      <c r="AFE674" s="613"/>
      <c r="AFF674" s="613"/>
      <c r="AFG674" s="613"/>
      <c r="AFH674" s="613"/>
      <c r="AFI674" s="613"/>
      <c r="AFJ674" s="613"/>
      <c r="AFK674" s="613"/>
      <c r="AFL674" s="613"/>
      <c r="AFM674" s="613"/>
      <c r="AFN674" s="613"/>
      <c r="AFO674" s="613"/>
      <c r="AFP674" s="613"/>
      <c r="AFQ674" s="613"/>
      <c r="AFR674" s="613"/>
      <c r="AFS674" s="613"/>
      <c r="AFT674" s="613"/>
      <c r="AFU674" s="613"/>
      <c r="AFV674" s="613"/>
      <c r="AFW674" s="613"/>
      <c r="AFX674" s="613"/>
      <c r="AFY674" s="613"/>
      <c r="AFZ674" s="613"/>
      <c r="AGA674" s="613"/>
      <c r="AGB674" s="613"/>
      <c r="AGC674" s="613"/>
      <c r="AGD674" s="613"/>
      <c r="AGE674" s="613"/>
      <c r="AGF674" s="613"/>
      <c r="AGG674" s="613"/>
      <c r="AGH674" s="613"/>
      <c r="AGI674" s="613"/>
      <c r="AGJ674" s="613"/>
      <c r="AGK674" s="613"/>
      <c r="AGL674" s="613"/>
      <c r="AGM674" s="613"/>
      <c r="AGN674" s="613"/>
      <c r="AGO674" s="613"/>
      <c r="AGP674" s="613"/>
      <c r="AGQ674" s="613"/>
      <c r="AGR674" s="613"/>
      <c r="AGS674" s="613"/>
      <c r="AGT674" s="613"/>
      <c r="AGU674" s="613"/>
      <c r="AGV674" s="613"/>
      <c r="AGW674" s="613"/>
      <c r="AGX674" s="613"/>
      <c r="AGY674" s="613"/>
      <c r="AGZ674" s="613"/>
      <c r="AHA674" s="613"/>
      <c r="AHB674" s="613"/>
      <c r="AHC674" s="613"/>
      <c r="AHD674" s="613"/>
      <c r="AHE674" s="613"/>
      <c r="AHF674" s="613"/>
      <c r="AHG674" s="613"/>
      <c r="AHH674" s="613"/>
      <c r="AHI674" s="613"/>
      <c r="AHJ674" s="613"/>
      <c r="AHK674" s="613"/>
      <c r="AHL674" s="613"/>
      <c r="AHM674" s="613"/>
      <c r="AHN674" s="613"/>
      <c r="AHO674" s="613"/>
      <c r="AHP674" s="613"/>
      <c r="AHQ674" s="613"/>
      <c r="AHR674" s="613"/>
      <c r="AHS674" s="613"/>
      <c r="AHT674" s="613"/>
      <c r="AHU674" s="613"/>
      <c r="AHV674" s="613"/>
      <c r="AHW674" s="613"/>
      <c r="AHX674" s="613"/>
      <c r="AHY674" s="613"/>
      <c r="AHZ674" s="613"/>
      <c r="AIA674" s="613"/>
      <c r="AIB674" s="613"/>
      <c r="AIC674" s="613"/>
      <c r="AID674" s="613"/>
      <c r="AIE674" s="613"/>
      <c r="AIF674" s="613"/>
      <c r="AIG674" s="613"/>
      <c r="AIH674" s="613"/>
      <c r="AII674" s="613"/>
      <c r="AIJ674" s="613"/>
      <c r="AIK674" s="613"/>
      <c r="AIL674" s="613"/>
      <c r="AIM674" s="613"/>
      <c r="AIN674" s="613"/>
      <c r="AIO674" s="613"/>
      <c r="AIP674" s="613"/>
      <c r="AIQ674" s="613"/>
      <c r="AIR674" s="613"/>
      <c r="AIS674" s="613"/>
      <c r="AIT674" s="613"/>
      <c r="AIU674" s="613"/>
      <c r="AIV674" s="613"/>
      <c r="AIW674" s="613"/>
      <c r="AIX674" s="613"/>
      <c r="AIY674" s="613"/>
      <c r="AIZ674" s="613"/>
      <c r="AJA674" s="613"/>
      <c r="AJB674" s="613"/>
      <c r="AJC674" s="613"/>
      <c r="AJD674" s="613"/>
      <c r="AJE674" s="613"/>
      <c r="AJF674" s="613"/>
      <c r="AJG674" s="613"/>
      <c r="AJH674" s="613"/>
      <c r="AJI674" s="613"/>
      <c r="AJJ674" s="613"/>
      <c r="AJK674" s="613"/>
      <c r="AJL674" s="613"/>
      <c r="AJM674" s="613"/>
      <c r="AJN674" s="613"/>
      <c r="AJO674" s="613"/>
      <c r="AJP674" s="613"/>
      <c r="AJQ674" s="613"/>
      <c r="AJR674" s="613"/>
      <c r="AJS674" s="613"/>
      <c r="AJT674" s="613"/>
      <c r="AJU674" s="613"/>
      <c r="AJV674" s="613"/>
      <c r="AJW674" s="613"/>
      <c r="AJX674" s="613"/>
      <c r="AJY674" s="613"/>
      <c r="AJZ674" s="613"/>
      <c r="AKA674" s="613"/>
      <c r="AKB674" s="613"/>
      <c r="AKC674" s="613"/>
      <c r="AKD674" s="613"/>
      <c r="AKE674" s="613"/>
      <c r="AKF674" s="613"/>
      <c r="AKG674" s="613"/>
      <c r="AKH674" s="613"/>
      <c r="AKI674" s="613"/>
      <c r="AKJ674" s="613"/>
      <c r="AKK674" s="613"/>
      <c r="AKL674" s="613"/>
      <c r="AKM674" s="613"/>
      <c r="AKN674" s="613"/>
      <c r="AKO674" s="613"/>
      <c r="AKP674" s="613"/>
      <c r="AKQ674" s="613"/>
      <c r="AKR674" s="613"/>
      <c r="AKS674" s="613"/>
      <c r="AKT674" s="613"/>
      <c r="AKU674" s="613"/>
      <c r="AKV674" s="613"/>
      <c r="AKW674" s="613"/>
      <c r="AKX674" s="613"/>
      <c r="AKY674" s="613"/>
      <c r="AKZ674" s="613"/>
      <c r="ALA674" s="613"/>
      <c r="ALB674" s="613"/>
      <c r="ALC674" s="613"/>
      <c r="ALD674" s="613"/>
      <c r="ALE674" s="613"/>
      <c r="ALF674" s="613"/>
      <c r="ALG674" s="613"/>
      <c r="ALH674" s="613"/>
      <c r="ALI674" s="613"/>
      <c r="ALJ674" s="613"/>
      <c r="ALK674" s="613"/>
      <c r="ALL674" s="613"/>
      <c r="ALM674" s="613"/>
      <c r="ALN674" s="613"/>
      <c r="ALO674" s="613"/>
      <c r="ALP674" s="613"/>
      <c r="ALQ674" s="613"/>
      <c r="ALR674" s="613"/>
      <c r="ALS674" s="613"/>
      <c r="ALT674" s="613"/>
      <c r="ALU674" s="613"/>
      <c r="ALV674" s="613"/>
      <c r="ALW674" s="613"/>
      <c r="ALX674" s="613"/>
      <c r="ALY674" s="613"/>
      <c r="ALZ674" s="613"/>
      <c r="AMA674" s="613"/>
      <c r="AMB674" s="613"/>
      <c r="AMC674" s="613"/>
      <c r="AMD674" s="613"/>
      <c r="AME674" s="613"/>
      <c r="AMF674" s="613"/>
      <c r="AMG674" s="613"/>
      <c r="AMH674" s="613"/>
      <c r="AMI674" s="613"/>
      <c r="AMJ674" s="613"/>
      <c r="AMK674" s="613"/>
      <c r="AML674" s="613"/>
      <c r="AMM674" s="613"/>
      <c r="AMN674" s="613"/>
      <c r="AMO674" s="613"/>
      <c r="AMP674" s="613"/>
      <c r="AMQ674" s="613"/>
      <c r="AMR674" s="613"/>
      <c r="AMS674" s="613"/>
      <c r="AMT674" s="613"/>
      <c r="AMU674" s="613"/>
      <c r="AMV674" s="613"/>
      <c r="AMW674" s="613"/>
      <c r="AMX674" s="613"/>
      <c r="AMY674" s="613"/>
      <c r="AMZ674" s="613"/>
      <c r="ANA674" s="613"/>
      <c r="ANB674" s="613"/>
      <c r="ANC674" s="613"/>
      <c r="AND674" s="613"/>
      <c r="ANE674" s="613"/>
      <c r="ANF674" s="613"/>
      <c r="ANG674" s="613"/>
      <c r="ANH674" s="613"/>
      <c r="ANI674" s="613"/>
      <c r="ANJ674" s="613"/>
      <c r="ANK674" s="613"/>
      <c r="ANL674" s="613"/>
      <c r="ANM674" s="613"/>
      <c r="ANN674" s="613"/>
      <c r="ANO674" s="613"/>
      <c r="ANP674" s="613"/>
      <c r="ANQ674" s="613"/>
      <c r="ANR674" s="613"/>
      <c r="ANS674" s="613"/>
      <c r="ANT674" s="613"/>
      <c r="ANU674" s="613"/>
      <c r="ANV674" s="613"/>
      <c r="ANW674" s="613"/>
      <c r="ANX674" s="613"/>
      <c r="ANY674" s="613"/>
      <c r="ANZ674" s="613"/>
      <c r="AOA674" s="613"/>
      <c r="AOB674" s="613"/>
      <c r="AOC674" s="613"/>
      <c r="AOD674" s="613"/>
      <c r="AOE674" s="613"/>
      <c r="AOF674" s="613"/>
      <c r="AOG674" s="613"/>
      <c r="AOH674" s="613"/>
      <c r="AOI674" s="613"/>
      <c r="AOJ674" s="613"/>
      <c r="AOK674" s="613"/>
      <c r="AOL674" s="613"/>
      <c r="AOM674" s="613"/>
      <c r="AON674" s="613"/>
      <c r="AOO674" s="613"/>
      <c r="AOP674" s="613"/>
      <c r="AOQ674" s="613"/>
      <c r="AOR674" s="613"/>
      <c r="AOS674" s="613"/>
      <c r="AOT674" s="613"/>
      <c r="AOU674" s="613"/>
      <c r="AOV674" s="613"/>
      <c r="AOW674" s="613"/>
      <c r="AOX674" s="613"/>
      <c r="AOY674" s="613"/>
      <c r="AOZ674" s="613"/>
      <c r="APA674" s="613"/>
      <c r="APB674" s="613"/>
      <c r="APC674" s="613"/>
      <c r="APD674" s="613"/>
      <c r="APE674" s="613"/>
      <c r="APF674" s="613"/>
      <c r="APG674" s="613"/>
      <c r="APH674" s="613"/>
      <c r="API674" s="613"/>
      <c r="APJ674" s="613"/>
      <c r="APK674" s="613"/>
      <c r="APL674" s="613"/>
      <c r="APM674" s="613"/>
      <c r="APN674" s="613"/>
      <c r="APO674" s="613"/>
      <c r="APP674" s="613"/>
      <c r="APQ674" s="613"/>
      <c r="APR674" s="613"/>
      <c r="APS674" s="613"/>
      <c r="APT674" s="613"/>
      <c r="APU674" s="613"/>
      <c r="APV674" s="613"/>
      <c r="APW674" s="613"/>
      <c r="APX674" s="613"/>
      <c r="APY674" s="613"/>
      <c r="APZ674" s="613"/>
      <c r="AQA674" s="613"/>
      <c r="AQB674" s="613"/>
      <c r="AQC674" s="613"/>
      <c r="AQD674" s="613"/>
      <c r="AQE674" s="613"/>
      <c r="AQF674" s="613"/>
      <c r="AQG674" s="613"/>
      <c r="AQH674" s="613"/>
      <c r="AQI674" s="613"/>
      <c r="AQJ674" s="613"/>
      <c r="AQK674" s="613"/>
      <c r="AQL674" s="613"/>
      <c r="AQM674" s="613"/>
      <c r="AQN674" s="613"/>
      <c r="AQO674" s="613"/>
      <c r="AQP674" s="613"/>
      <c r="AQQ674" s="613"/>
      <c r="AQR674" s="613"/>
      <c r="AQS674" s="613"/>
      <c r="AQT674" s="613"/>
      <c r="AQU674" s="613"/>
      <c r="AQV674" s="613"/>
      <c r="AQW674" s="613"/>
      <c r="AQX674" s="613"/>
      <c r="AQY674" s="613"/>
      <c r="AQZ674" s="613"/>
      <c r="ARA674" s="613"/>
      <c r="ARB674" s="613"/>
      <c r="ARC674" s="613"/>
      <c r="ARD674" s="613"/>
      <c r="ARE674" s="613"/>
      <c r="ARF674" s="613"/>
      <c r="ARG674" s="613"/>
      <c r="ARH674" s="613"/>
      <c r="ARI674" s="613"/>
      <c r="ARJ674" s="613"/>
      <c r="ARK674" s="613"/>
      <c r="ARL674" s="613"/>
      <c r="ARM674" s="613"/>
      <c r="ARN674" s="613"/>
      <c r="ARO674" s="613"/>
      <c r="ARP674" s="613"/>
      <c r="ARQ674" s="613"/>
      <c r="ARR674" s="613"/>
      <c r="ARS674" s="613"/>
      <c r="ART674" s="613"/>
      <c r="ARU674" s="613"/>
      <c r="ARV674" s="613"/>
      <c r="ARW674" s="613"/>
      <c r="ARX674" s="613"/>
      <c r="ARY674" s="613"/>
      <c r="ARZ674" s="613"/>
      <c r="ASA674" s="613"/>
      <c r="ASB674" s="613"/>
      <c r="ASC674" s="613"/>
      <c r="ASD674" s="613"/>
      <c r="ASE674" s="613"/>
      <c r="ASF674" s="613"/>
      <c r="ASG674" s="613"/>
      <c r="ASH674" s="613"/>
      <c r="ASI674" s="613"/>
      <c r="ASJ674" s="613"/>
      <c r="ASK674" s="613"/>
      <c r="ASL674" s="613"/>
      <c r="ASM674" s="613"/>
      <c r="ASN674" s="613"/>
      <c r="ASO674" s="613"/>
      <c r="ASP674" s="613"/>
      <c r="ASQ674" s="613"/>
      <c r="ASR674" s="613"/>
      <c r="ASS674" s="613"/>
      <c r="AST674" s="613"/>
      <c r="ASU674" s="613"/>
      <c r="ASV674" s="613"/>
      <c r="ASW674" s="613"/>
      <c r="ASX674" s="613"/>
      <c r="ASY674" s="613"/>
      <c r="ASZ674" s="613"/>
      <c r="ATA674" s="613"/>
      <c r="ATB674" s="613"/>
      <c r="ATC674" s="613"/>
      <c r="ATD674" s="613"/>
      <c r="ATE674" s="613"/>
      <c r="ATF674" s="613"/>
      <c r="ATG674" s="613"/>
      <c r="ATH674" s="613"/>
      <c r="ATI674" s="613"/>
      <c r="ATJ674" s="613"/>
      <c r="ATK674" s="613"/>
      <c r="ATL674" s="613"/>
      <c r="ATM674" s="613"/>
      <c r="ATN674" s="613"/>
      <c r="ATO674" s="613"/>
      <c r="ATP674" s="613"/>
      <c r="ATQ674" s="613"/>
      <c r="ATR674" s="613"/>
      <c r="ATS674" s="613"/>
      <c r="ATT674" s="613"/>
      <c r="ATU674" s="613"/>
      <c r="ATV674" s="613"/>
      <c r="ATW674" s="613"/>
      <c r="ATX674" s="613"/>
      <c r="ATY674" s="613"/>
      <c r="ATZ674" s="613"/>
      <c r="AUA674" s="613"/>
      <c r="AUB674" s="613"/>
      <c r="AUC674" s="613"/>
      <c r="AUD674" s="613"/>
      <c r="AUE674" s="613"/>
      <c r="AUF674" s="613"/>
      <c r="AUG674" s="613"/>
      <c r="AUH674" s="613"/>
      <c r="AUI674" s="613"/>
      <c r="AUJ674" s="613"/>
      <c r="AUK674" s="613"/>
      <c r="AUL674" s="613"/>
      <c r="AUM674" s="613"/>
      <c r="AUN674" s="613"/>
      <c r="AUO674" s="613"/>
      <c r="AUP674" s="613"/>
      <c r="AUQ674" s="613"/>
      <c r="AUR674" s="613"/>
      <c r="AUS674" s="613"/>
      <c r="AUT674" s="613"/>
      <c r="AUU674" s="613"/>
      <c r="AUV674" s="613"/>
      <c r="AUW674" s="613"/>
      <c r="AUX674" s="613"/>
      <c r="AUY674" s="613"/>
      <c r="AUZ674" s="613"/>
      <c r="AVA674" s="613"/>
      <c r="AVB674" s="613"/>
      <c r="AVC674" s="613"/>
      <c r="AVD674" s="613"/>
      <c r="AVE674" s="613"/>
      <c r="AVF674" s="613"/>
      <c r="AVG674" s="613"/>
      <c r="AVH674" s="613"/>
      <c r="AVI674" s="613"/>
      <c r="AVJ674" s="613"/>
      <c r="AVK674" s="613"/>
      <c r="AVL674" s="613"/>
      <c r="AVM674" s="613"/>
      <c r="AVN674" s="613"/>
      <c r="AVO674" s="613"/>
      <c r="AVP674" s="613"/>
      <c r="AVQ674" s="613"/>
      <c r="AVR674" s="613"/>
      <c r="AVS674" s="613"/>
      <c r="AVT674" s="613"/>
      <c r="AVU674" s="613"/>
      <c r="AVV674" s="613"/>
      <c r="AVW674" s="613"/>
      <c r="AVX674" s="613"/>
      <c r="AVY674" s="613"/>
      <c r="AVZ674" s="613"/>
      <c r="AWA674" s="613"/>
      <c r="AWB674" s="613"/>
      <c r="AWC674" s="613"/>
      <c r="AWD674" s="613"/>
      <c r="AWE674" s="613"/>
      <c r="AWF674" s="613"/>
      <c r="AWG674" s="613"/>
      <c r="AWH674" s="613"/>
      <c r="AWI674" s="613"/>
      <c r="AWJ674" s="613"/>
      <c r="AWK674" s="613"/>
      <c r="AWL674" s="613"/>
      <c r="AWM674" s="613"/>
      <c r="AWN674" s="613"/>
      <c r="AWO674" s="613"/>
      <c r="AWP674" s="613"/>
      <c r="AWQ674" s="613"/>
      <c r="AWR674" s="613"/>
      <c r="AWS674" s="613"/>
      <c r="AWT674" s="613"/>
      <c r="AWU674" s="613"/>
      <c r="AWV674" s="613"/>
      <c r="AWW674" s="613"/>
      <c r="AWX674" s="613"/>
      <c r="AWY674" s="613"/>
      <c r="AWZ674" s="613"/>
      <c r="AXA674" s="613"/>
      <c r="AXB674" s="613"/>
      <c r="AXC674" s="613"/>
      <c r="AXD674" s="613"/>
      <c r="AXE674" s="613"/>
      <c r="AXF674" s="613"/>
      <c r="AXG674" s="613"/>
      <c r="AXH674" s="613"/>
      <c r="AXI674" s="613"/>
      <c r="AXJ674" s="613"/>
      <c r="AXK674" s="613"/>
      <c r="AXL674" s="613"/>
      <c r="AXM674" s="613"/>
      <c r="AXN674" s="613"/>
      <c r="AXO674" s="613"/>
      <c r="AXP674" s="613"/>
      <c r="AXQ674" s="613"/>
      <c r="AXR674" s="613"/>
      <c r="AXS674" s="613"/>
      <c r="AXT674" s="613"/>
      <c r="AXU674" s="613"/>
      <c r="AXV674" s="613"/>
      <c r="AXW674" s="613"/>
      <c r="AXX674" s="613"/>
      <c r="AXY674" s="613"/>
      <c r="AXZ674" s="613"/>
      <c r="AYA674" s="613"/>
      <c r="AYB674" s="613"/>
      <c r="AYC674" s="613"/>
      <c r="AYD674" s="613"/>
      <c r="AYE674" s="613"/>
      <c r="AYF674" s="613"/>
      <c r="AYG674" s="613"/>
      <c r="AYH674" s="613"/>
      <c r="AYI674" s="613"/>
      <c r="AYJ674" s="613"/>
      <c r="AYK674" s="613"/>
      <c r="AYL674" s="613"/>
      <c r="AYM674" s="613"/>
      <c r="AYN674" s="613"/>
      <c r="AYO674" s="613"/>
      <c r="AYP674" s="613"/>
      <c r="AYQ674" s="613"/>
      <c r="AYR674" s="613"/>
      <c r="AYS674" s="613"/>
      <c r="AYT674" s="613"/>
      <c r="AYU674" s="613"/>
      <c r="AYV674" s="613"/>
      <c r="AYW674" s="613"/>
      <c r="AYX674" s="613"/>
      <c r="AYY674" s="613"/>
      <c r="AYZ674" s="613"/>
      <c r="AZA674" s="613"/>
      <c r="AZB674" s="613"/>
      <c r="AZC674" s="613"/>
      <c r="AZD674" s="613"/>
      <c r="AZE674" s="613"/>
      <c r="AZF674" s="613"/>
      <c r="AZG674" s="613"/>
      <c r="AZH674" s="613"/>
      <c r="AZI674" s="613"/>
      <c r="AZJ674" s="613"/>
      <c r="AZK674" s="613"/>
      <c r="AZL674" s="613"/>
      <c r="AZM674" s="613"/>
      <c r="AZN674" s="613"/>
      <c r="AZO674" s="613"/>
      <c r="AZP674" s="613"/>
      <c r="AZQ674" s="613"/>
      <c r="AZR674" s="613"/>
      <c r="AZS674" s="613"/>
      <c r="AZT674" s="613"/>
      <c r="AZU674" s="613"/>
      <c r="AZV674" s="613"/>
      <c r="AZW674" s="613"/>
      <c r="AZX674" s="613"/>
      <c r="AZY674" s="613"/>
      <c r="AZZ674" s="613"/>
      <c r="BAA674" s="613"/>
      <c r="BAB674" s="613"/>
      <c r="BAC674" s="613"/>
      <c r="BAD674" s="613"/>
      <c r="BAE674" s="613"/>
      <c r="BAF674" s="613"/>
      <c r="BAG674" s="613"/>
      <c r="BAH674" s="613"/>
      <c r="BAI674" s="613"/>
      <c r="BAJ674" s="613"/>
      <c r="BAK674" s="613"/>
      <c r="BAL674" s="613"/>
      <c r="BAM674" s="613"/>
      <c r="BAN674" s="613"/>
      <c r="BAO674" s="613"/>
      <c r="BAP674" s="613"/>
      <c r="BAQ674" s="613"/>
      <c r="BAR674" s="613"/>
      <c r="BAS674" s="613"/>
      <c r="BAT674" s="613"/>
      <c r="BAU674" s="613"/>
      <c r="BAV674" s="613"/>
      <c r="BAW674" s="613"/>
      <c r="BAX674" s="613"/>
      <c r="BAY674" s="613"/>
      <c r="BAZ674" s="613"/>
      <c r="BBA674" s="613"/>
      <c r="BBB674" s="613"/>
      <c r="BBC674" s="613"/>
      <c r="BBD674" s="613"/>
      <c r="BBE674" s="613"/>
      <c r="BBF674" s="613"/>
      <c r="BBG674" s="613"/>
      <c r="BBH674" s="613"/>
      <c r="BBI674" s="613"/>
      <c r="BBJ674" s="613"/>
      <c r="BBK674" s="613"/>
      <c r="BBL674" s="613"/>
      <c r="BBM674" s="613"/>
      <c r="BBN674" s="613"/>
      <c r="BBO674" s="613"/>
      <c r="BBP674" s="613"/>
      <c r="BBQ674" s="613"/>
      <c r="BBR674" s="613"/>
      <c r="BBS674" s="613"/>
      <c r="BBT674" s="613"/>
      <c r="BBU674" s="613"/>
      <c r="BBV674" s="613"/>
      <c r="BBW674" s="613"/>
      <c r="BBX674" s="613"/>
      <c r="BBY674" s="613"/>
      <c r="BBZ674" s="613"/>
      <c r="BCA674" s="613"/>
      <c r="BCB674" s="613"/>
      <c r="BCC674" s="613"/>
      <c r="BCD674" s="613"/>
      <c r="BCE674" s="613"/>
      <c r="BCF674" s="613"/>
      <c r="BCG674" s="613"/>
      <c r="BCH674" s="613"/>
      <c r="BCI674" s="613"/>
      <c r="BCJ674" s="613"/>
      <c r="BCK674" s="613"/>
      <c r="BCL674" s="613"/>
      <c r="BCM674" s="613"/>
      <c r="BCN674" s="613"/>
      <c r="BCO674" s="613"/>
      <c r="BCP674" s="613"/>
      <c r="BCQ674" s="613"/>
      <c r="BCR674" s="613"/>
      <c r="BCS674" s="613"/>
      <c r="BCT674" s="613"/>
      <c r="BCU674" s="613"/>
      <c r="BCV674" s="613"/>
      <c r="BCW674" s="613"/>
      <c r="BCX674" s="613"/>
      <c r="BCY674" s="613"/>
      <c r="BCZ674" s="613"/>
      <c r="BDA674" s="613"/>
      <c r="BDB674" s="613"/>
      <c r="BDC674" s="613"/>
      <c r="BDD674" s="613"/>
      <c r="BDE674" s="613"/>
      <c r="BDF674" s="613"/>
      <c r="BDG674" s="613"/>
      <c r="BDH674" s="613"/>
      <c r="BDI674" s="613"/>
      <c r="BDJ674" s="613"/>
      <c r="BDK674" s="613"/>
      <c r="BDL674" s="613"/>
      <c r="BDM674" s="613"/>
      <c r="BDN674" s="613"/>
      <c r="BDO674" s="613"/>
      <c r="BDP674" s="613"/>
      <c r="BDQ674" s="613"/>
      <c r="BDR674" s="613"/>
      <c r="BDS674" s="613"/>
      <c r="BDT674" s="613"/>
      <c r="BDU674" s="613"/>
      <c r="BDV674" s="613"/>
      <c r="BDW674" s="613"/>
      <c r="BDX674" s="613"/>
      <c r="BDY674" s="613"/>
      <c r="BDZ674" s="613"/>
      <c r="BEA674" s="613"/>
      <c r="BEB674" s="613"/>
      <c r="BEC674" s="613"/>
      <c r="BED674" s="613"/>
      <c r="BEE674" s="613"/>
      <c r="BEF674" s="613"/>
      <c r="BEG674" s="613"/>
      <c r="BEH674" s="613"/>
      <c r="BEI674" s="613"/>
      <c r="BEJ674" s="613"/>
      <c r="BEK674" s="613"/>
      <c r="BEL674" s="613"/>
      <c r="BEM674" s="613"/>
      <c r="BEN674" s="613"/>
      <c r="BEO674" s="613"/>
      <c r="BEP674" s="613"/>
      <c r="BEQ674" s="613"/>
      <c r="BER674" s="613"/>
      <c r="BES674" s="613"/>
      <c r="BET674" s="613"/>
      <c r="BEU674" s="613"/>
      <c r="BEV674" s="613"/>
      <c r="BEW674" s="613"/>
      <c r="BEX674" s="613"/>
      <c r="BEY674" s="613"/>
      <c r="BEZ674" s="613"/>
      <c r="BFA674" s="613"/>
      <c r="BFB674" s="613"/>
      <c r="BFC674" s="613"/>
      <c r="BFD674" s="613"/>
      <c r="BFE674" s="613"/>
      <c r="BFF674" s="613"/>
      <c r="BFG674" s="613"/>
      <c r="BFH674" s="613"/>
      <c r="BFI674" s="613"/>
      <c r="BFJ674" s="613"/>
      <c r="BFK674" s="613"/>
      <c r="BFL674" s="613"/>
      <c r="BFM674" s="613"/>
      <c r="BFN674" s="613"/>
      <c r="BFO674" s="613"/>
      <c r="BFP674" s="613"/>
      <c r="BFQ674" s="613"/>
      <c r="BFR674" s="613"/>
      <c r="BFS674" s="613"/>
      <c r="BFT674" s="613"/>
      <c r="BFU674" s="613"/>
      <c r="BFV674" s="613"/>
      <c r="BFW674" s="613"/>
      <c r="BFX674" s="613"/>
      <c r="BFY674" s="613"/>
      <c r="BFZ674" s="613"/>
      <c r="BGA674" s="613"/>
      <c r="BGB674" s="613"/>
      <c r="BGC674" s="613"/>
      <c r="BGD674" s="613"/>
      <c r="BGE674" s="613"/>
      <c r="BGF674" s="613"/>
      <c r="BGG674" s="613"/>
      <c r="BGH674" s="613"/>
      <c r="BGI674" s="613"/>
      <c r="BGJ674" s="613"/>
      <c r="BGK674" s="613"/>
      <c r="BGL674" s="613"/>
      <c r="BGM674" s="613"/>
      <c r="BGN674" s="613"/>
      <c r="BGO674" s="613"/>
      <c r="BGP674" s="613"/>
      <c r="BGQ674" s="613"/>
      <c r="BGR674" s="613"/>
      <c r="BGS674" s="613"/>
      <c r="BGT674" s="613"/>
      <c r="BGU674" s="613"/>
      <c r="BGV674" s="613"/>
      <c r="BGW674" s="613"/>
      <c r="BGX674" s="613"/>
      <c r="BGY674" s="613"/>
      <c r="BGZ674" s="613"/>
      <c r="BHA674" s="613"/>
      <c r="BHB674" s="613"/>
      <c r="BHC674" s="613"/>
      <c r="BHD674" s="613"/>
      <c r="BHE674" s="613"/>
      <c r="BHF674" s="613"/>
      <c r="BHG674" s="613"/>
      <c r="BHH674" s="613"/>
      <c r="BHI674" s="613"/>
      <c r="BHJ674" s="613"/>
      <c r="BHK674" s="613"/>
      <c r="BHL674" s="613"/>
      <c r="BHM674" s="613"/>
      <c r="BHN674" s="613"/>
      <c r="BHO674" s="613"/>
      <c r="BHP674" s="613"/>
      <c r="BHQ674" s="613"/>
      <c r="BHR674" s="613"/>
      <c r="BHS674" s="613"/>
      <c r="BHT674" s="613"/>
      <c r="BHU674" s="613"/>
      <c r="BHV674" s="613"/>
      <c r="BHW674" s="613"/>
      <c r="BHX674" s="613"/>
      <c r="BHY674" s="613"/>
      <c r="BHZ674" s="613"/>
      <c r="BIA674" s="613"/>
      <c r="BIB674" s="613"/>
      <c r="BIC674" s="613"/>
      <c r="BID674" s="613"/>
      <c r="BIE674" s="613"/>
      <c r="BIF674" s="613"/>
      <c r="BIG674" s="613"/>
      <c r="BIH674" s="613"/>
      <c r="BII674" s="613"/>
      <c r="BIJ674" s="613"/>
      <c r="BIK674" s="613"/>
      <c r="BIL674" s="613"/>
      <c r="BIM674" s="613"/>
      <c r="BIN674" s="613"/>
      <c r="BIO674" s="613"/>
      <c r="BIP674" s="613"/>
      <c r="BIQ674" s="613"/>
      <c r="BIR674" s="613"/>
      <c r="BIS674" s="613"/>
      <c r="BIT674" s="613"/>
      <c r="BIU674" s="613"/>
      <c r="BIV674" s="613"/>
      <c r="BIW674" s="613"/>
      <c r="BIX674" s="613"/>
      <c r="BIY674" s="613"/>
      <c r="BIZ674" s="613"/>
      <c r="BJA674" s="613"/>
      <c r="BJB674" s="613"/>
      <c r="BJC674" s="613"/>
      <c r="BJD674" s="613"/>
      <c r="BJE674" s="613"/>
      <c r="BJF674" s="613"/>
      <c r="BJG674" s="613"/>
      <c r="BJH674" s="613"/>
      <c r="BJI674" s="613"/>
      <c r="BJJ674" s="613"/>
      <c r="BJK674" s="613"/>
      <c r="BJL674" s="613"/>
      <c r="BJM674" s="613"/>
      <c r="BJN674" s="613"/>
      <c r="BJO674" s="613"/>
      <c r="BJP674" s="613"/>
      <c r="BJQ674" s="613"/>
      <c r="BJR674" s="613"/>
      <c r="BJS674" s="613"/>
      <c r="BJT674" s="613"/>
      <c r="BJU674" s="613"/>
      <c r="BJV674" s="613"/>
      <c r="BJW674" s="613"/>
      <c r="BJX674" s="613"/>
      <c r="BJY674" s="613"/>
      <c r="BJZ674" s="613"/>
      <c r="BKA674" s="613"/>
      <c r="BKB674" s="613"/>
      <c r="BKC674" s="613"/>
      <c r="BKD674" s="613"/>
      <c r="BKE674" s="613"/>
      <c r="BKF674" s="613"/>
      <c r="BKG674" s="613"/>
      <c r="BKH674" s="613"/>
      <c r="BKI674" s="613"/>
      <c r="BKJ674" s="613"/>
      <c r="BKK674" s="613"/>
      <c r="BKL674" s="613"/>
      <c r="BKM674" s="613"/>
      <c r="BKN674" s="613"/>
      <c r="BKO674" s="613"/>
      <c r="BKP674" s="613"/>
      <c r="BKQ674" s="613"/>
      <c r="BKR674" s="613"/>
      <c r="BKS674" s="613"/>
      <c r="BKT674" s="613"/>
      <c r="BKU674" s="613"/>
      <c r="BKV674" s="613"/>
      <c r="BKW674" s="613"/>
      <c r="BKX674" s="613"/>
      <c r="BKY674" s="613"/>
      <c r="BKZ674" s="613"/>
      <c r="BLA674" s="613"/>
      <c r="BLB674" s="613"/>
      <c r="BLC674" s="613"/>
      <c r="BLD674" s="613"/>
      <c r="BLE674" s="613"/>
      <c r="BLF674" s="613"/>
      <c r="BLG674" s="613"/>
      <c r="BLH674" s="613"/>
      <c r="BLI674" s="613"/>
      <c r="BLJ674" s="613"/>
      <c r="BLK674" s="613"/>
      <c r="BLL674" s="613"/>
      <c r="BLM674" s="613"/>
      <c r="BLN674" s="613"/>
      <c r="BLO674" s="613"/>
      <c r="BLP674" s="613"/>
      <c r="BLQ674" s="613"/>
      <c r="BLR674" s="613"/>
      <c r="BLS674" s="613"/>
      <c r="BLT674" s="613"/>
      <c r="BLU674" s="613"/>
      <c r="BLV674" s="613"/>
      <c r="BLW674" s="613"/>
      <c r="BLX674" s="613"/>
      <c r="BLY674" s="613"/>
      <c r="BLZ674" s="613"/>
      <c r="BMA674" s="613"/>
      <c r="BMB674" s="613"/>
      <c r="BMC674" s="613"/>
      <c r="BMD674" s="613"/>
      <c r="BME674" s="613"/>
      <c r="BMF674" s="613"/>
      <c r="BMG674" s="613"/>
      <c r="BMH674" s="613"/>
      <c r="BMI674" s="613"/>
      <c r="BMJ674" s="613"/>
      <c r="BMK674" s="613"/>
      <c r="BML674" s="613"/>
      <c r="BMM674" s="613"/>
      <c r="BMN674" s="613"/>
      <c r="BMO674" s="613"/>
      <c r="BMP674" s="613"/>
      <c r="BMQ674" s="613"/>
      <c r="BMR674" s="613"/>
      <c r="BMS674" s="613"/>
      <c r="BMT674" s="613"/>
      <c r="BMU674" s="613"/>
      <c r="BMV674" s="613"/>
      <c r="BMW674" s="613"/>
      <c r="BMX674" s="613"/>
      <c r="BMY674" s="613"/>
      <c r="BMZ674" s="613"/>
      <c r="BNA674" s="613"/>
      <c r="BNB674" s="613"/>
      <c r="BNC674" s="613"/>
      <c r="BND674" s="613"/>
      <c r="BNE674" s="613"/>
      <c r="BNF674" s="613"/>
      <c r="BNG674" s="613"/>
      <c r="BNH674" s="613"/>
      <c r="BNI674" s="613"/>
      <c r="BNJ674" s="613"/>
      <c r="BNK674" s="613"/>
      <c r="BNL674" s="613"/>
      <c r="BNM674" s="613"/>
      <c r="BNN674" s="613"/>
      <c r="BNO674" s="613"/>
      <c r="BNP674" s="613"/>
      <c r="BNQ674" s="613"/>
      <c r="BNR674" s="613"/>
      <c r="BNS674" s="613"/>
      <c r="BNT674" s="613"/>
      <c r="BNU674" s="613"/>
      <c r="BNV674" s="613"/>
      <c r="BNW674" s="613"/>
      <c r="BNX674" s="613"/>
      <c r="BNY674" s="613"/>
      <c r="BNZ674" s="613"/>
      <c r="BOA674" s="613"/>
      <c r="BOB674" s="613"/>
      <c r="BOC674" s="613"/>
      <c r="BOD674" s="613"/>
      <c r="BOE674" s="613"/>
      <c r="BOF674" s="613"/>
      <c r="BOG674" s="613"/>
      <c r="BOH674" s="613"/>
      <c r="BOI674" s="613"/>
      <c r="BOJ674" s="613"/>
      <c r="BOK674" s="613"/>
      <c r="BOL674" s="613"/>
      <c r="BOM674" s="613"/>
      <c r="BON674" s="613"/>
      <c r="BOO674" s="613"/>
      <c r="BOP674" s="613"/>
      <c r="BOQ674" s="613"/>
      <c r="BOR674" s="613"/>
      <c r="BOS674" s="613"/>
      <c r="BOT674" s="613"/>
      <c r="BOU674" s="613"/>
      <c r="BOV674" s="613"/>
      <c r="BOW674" s="613"/>
      <c r="BOX674" s="613"/>
      <c r="BOY674" s="613"/>
      <c r="BOZ674" s="613"/>
      <c r="BPA674" s="613"/>
      <c r="BPB674" s="613"/>
      <c r="BPC674" s="613"/>
      <c r="BPD674" s="613"/>
      <c r="BPE674" s="613"/>
      <c r="BPF674" s="613"/>
      <c r="BPG674" s="613"/>
      <c r="BPH674" s="613"/>
      <c r="BPI674" s="613"/>
      <c r="BPJ674" s="613"/>
      <c r="BPK674" s="613"/>
      <c r="BPL674" s="613"/>
      <c r="BPM674" s="613"/>
      <c r="BPN674" s="613"/>
      <c r="BPO674" s="613"/>
      <c r="BPP674" s="613"/>
      <c r="BPQ674" s="613"/>
      <c r="BPR674" s="613"/>
      <c r="BPS674" s="613"/>
      <c r="BPT674" s="613"/>
      <c r="BPU674" s="613"/>
      <c r="BPV674" s="613"/>
      <c r="BPW674" s="613"/>
      <c r="BPX674" s="613"/>
      <c r="BPY674" s="613"/>
      <c r="BPZ674" s="613"/>
      <c r="BQA674" s="613"/>
      <c r="BQB674" s="613"/>
      <c r="BQC674" s="613"/>
      <c r="BQD674" s="613"/>
      <c r="BQE674" s="613"/>
      <c r="BQF674" s="613"/>
      <c r="BQG674" s="613"/>
      <c r="BQH674" s="613"/>
      <c r="BQI674" s="613"/>
      <c r="BQJ674" s="613"/>
      <c r="BQK674" s="613"/>
      <c r="BQL674" s="613"/>
      <c r="BQM674" s="613"/>
      <c r="BQN674" s="613"/>
      <c r="BQO674" s="613"/>
      <c r="BQP674" s="613"/>
      <c r="BQQ674" s="613"/>
      <c r="BQR674" s="613"/>
      <c r="BQS674" s="613"/>
      <c r="BQT674" s="613"/>
      <c r="BQU674" s="613"/>
      <c r="BQV674" s="613"/>
      <c r="BQW674" s="613"/>
      <c r="BQX674" s="613"/>
      <c r="BQY674" s="613"/>
      <c r="BQZ674" s="613"/>
      <c r="BRA674" s="613"/>
      <c r="BRB674" s="613"/>
      <c r="BRC674" s="613"/>
      <c r="BRD674" s="613"/>
      <c r="BRE674" s="613"/>
      <c r="BRF674" s="613"/>
      <c r="BRG674" s="613"/>
      <c r="BRH674" s="613"/>
      <c r="BRI674" s="613"/>
      <c r="BRJ674" s="613"/>
      <c r="BRK674" s="613"/>
      <c r="BRL674" s="613"/>
      <c r="BRM674" s="613"/>
      <c r="BRN674" s="613"/>
      <c r="BRO674" s="613"/>
      <c r="BRP674" s="613"/>
      <c r="BRQ674" s="613"/>
      <c r="BRR674" s="613"/>
      <c r="BRS674" s="613"/>
      <c r="BRT674" s="613"/>
      <c r="BRU674" s="613"/>
      <c r="BRV674" s="613"/>
      <c r="BRW674" s="613"/>
      <c r="BRX674" s="613"/>
      <c r="BRY674" s="613"/>
      <c r="BRZ674" s="613"/>
      <c r="BSA674" s="613"/>
      <c r="BSB674" s="613"/>
      <c r="BSC674" s="613"/>
      <c r="BSD674" s="613"/>
      <c r="BSE674" s="613"/>
      <c r="BSF674" s="613"/>
      <c r="BSG674" s="613"/>
      <c r="BSH674" s="613"/>
      <c r="BSI674" s="613"/>
      <c r="BSJ674" s="613"/>
      <c r="BSK674" s="613"/>
      <c r="BSL674" s="613"/>
      <c r="BSM674" s="613"/>
      <c r="BSN674" s="613"/>
      <c r="BSO674" s="613"/>
      <c r="BSP674" s="613"/>
      <c r="BSQ674" s="613"/>
      <c r="BSR674" s="613"/>
      <c r="BSS674" s="613"/>
      <c r="BST674" s="613"/>
      <c r="BSU674" s="613"/>
      <c r="BSV674" s="613"/>
      <c r="BSW674" s="613"/>
      <c r="BSX674" s="613"/>
      <c r="BSY674" s="613"/>
      <c r="BSZ674" s="613"/>
      <c r="BTA674" s="613"/>
      <c r="BTB674" s="613"/>
      <c r="BTC674" s="613"/>
      <c r="BTD674" s="613"/>
      <c r="BTE674" s="613"/>
      <c r="BTF674" s="613"/>
      <c r="BTG674" s="613"/>
      <c r="BTH674" s="613"/>
      <c r="BTI674" s="613"/>
      <c r="BTJ674" s="613"/>
      <c r="BTK674" s="613"/>
      <c r="BTL674" s="613"/>
      <c r="BTM674" s="613"/>
      <c r="BTN674" s="613"/>
      <c r="BTO674" s="613"/>
      <c r="BTP674" s="613"/>
      <c r="BTQ674" s="613"/>
      <c r="BTR674" s="613"/>
      <c r="BTS674" s="613"/>
      <c r="BTT674" s="613"/>
      <c r="BTU674" s="613"/>
      <c r="BTV674" s="613"/>
      <c r="BTW674" s="613"/>
      <c r="BTX674" s="613"/>
      <c r="BTY674" s="613"/>
      <c r="BTZ674" s="613"/>
      <c r="BUA674" s="613"/>
      <c r="BUB674" s="613"/>
      <c r="BUC674" s="613"/>
      <c r="BUD674" s="613"/>
      <c r="BUE674" s="613"/>
      <c r="BUF674" s="613"/>
      <c r="BUG674" s="613"/>
      <c r="BUH674" s="613"/>
      <c r="BUI674" s="613"/>
      <c r="BUJ674" s="613"/>
      <c r="BUK674" s="613"/>
      <c r="BUL674" s="613"/>
      <c r="BUM674" s="613"/>
      <c r="BUN674" s="613"/>
      <c r="BUO674" s="613"/>
      <c r="BUP674" s="613"/>
      <c r="BUQ674" s="613"/>
      <c r="BUR674" s="613"/>
      <c r="BUS674" s="613"/>
      <c r="BUT674" s="613"/>
      <c r="BUU674" s="613"/>
      <c r="BUV674" s="613"/>
      <c r="BUW674" s="613"/>
      <c r="BUX674" s="613"/>
      <c r="BUY674" s="613"/>
      <c r="BUZ674" s="613"/>
      <c r="BVA674" s="613"/>
      <c r="BVB674" s="613"/>
      <c r="BVC674" s="613"/>
      <c r="BVD674" s="613"/>
      <c r="BVE674" s="613"/>
      <c r="BVF674" s="613"/>
      <c r="BVG674" s="613"/>
      <c r="BVH674" s="613"/>
      <c r="BVI674" s="613"/>
      <c r="BVJ674" s="613"/>
      <c r="BVK674" s="613"/>
      <c r="BVL674" s="613"/>
      <c r="BVM674" s="613"/>
      <c r="BVN674" s="613"/>
      <c r="BVO674" s="613"/>
      <c r="BVP674" s="613"/>
      <c r="BVQ674" s="613"/>
      <c r="BVR674" s="613"/>
      <c r="BVS674" s="613"/>
      <c r="BVT674" s="613"/>
      <c r="BVU674" s="613"/>
      <c r="BVV674" s="613"/>
      <c r="BVW674" s="613"/>
      <c r="BVX674" s="613"/>
      <c r="BVY674" s="613"/>
      <c r="BVZ674" s="613"/>
      <c r="BWA674" s="613"/>
      <c r="BWB674" s="613"/>
      <c r="BWC674" s="613"/>
      <c r="BWD674" s="613"/>
      <c r="BWE674" s="613"/>
      <c r="BWF674" s="613"/>
      <c r="BWG674" s="613"/>
      <c r="BWH674" s="613"/>
      <c r="BWI674" s="613"/>
      <c r="BWJ674" s="613"/>
      <c r="BWK674" s="613"/>
      <c r="BWL674" s="613"/>
      <c r="BWM674" s="613"/>
      <c r="BWN674" s="613"/>
      <c r="BWO674" s="613"/>
      <c r="BWP674" s="613"/>
      <c r="BWQ674" s="613"/>
      <c r="BWR674" s="613"/>
      <c r="BWS674" s="613"/>
      <c r="BWT674" s="613"/>
      <c r="BWU674" s="613"/>
      <c r="BWV674" s="613"/>
      <c r="BWW674" s="613"/>
      <c r="BWX674" s="613"/>
      <c r="BWY674" s="613"/>
      <c r="BWZ674" s="613"/>
      <c r="BXA674" s="613"/>
      <c r="BXB674" s="613"/>
      <c r="BXC674" s="613"/>
      <c r="BXD674" s="613"/>
      <c r="BXE674" s="613"/>
      <c r="BXF674" s="613"/>
      <c r="BXG674" s="613"/>
      <c r="BXH674" s="613"/>
      <c r="BXI674" s="613"/>
      <c r="BXJ674" s="613"/>
      <c r="BXK674" s="613"/>
      <c r="BXL674" s="613"/>
      <c r="BXM674" s="613"/>
      <c r="BXN674" s="613"/>
      <c r="BXO674" s="613"/>
      <c r="BXP674" s="613"/>
      <c r="BXQ674" s="613"/>
      <c r="BXR674" s="613"/>
      <c r="BXS674" s="613"/>
      <c r="BXT674" s="613"/>
      <c r="BXU674" s="613"/>
      <c r="BXV674" s="613"/>
      <c r="BXW674" s="613"/>
      <c r="BXX674" s="613"/>
      <c r="BXY674" s="613"/>
      <c r="BXZ674" s="613"/>
      <c r="BYA674" s="613"/>
      <c r="BYB674" s="613"/>
      <c r="BYC674" s="613"/>
      <c r="BYD674" s="613"/>
      <c r="BYE674" s="613"/>
      <c r="BYF674" s="613"/>
      <c r="BYG674" s="613"/>
      <c r="BYH674" s="613"/>
      <c r="BYI674" s="613"/>
      <c r="BYJ674" s="613"/>
      <c r="BYK674" s="613"/>
      <c r="BYL674" s="613"/>
      <c r="BYM674" s="613"/>
      <c r="BYN674" s="613"/>
      <c r="BYO674" s="613"/>
      <c r="BYP674" s="613"/>
      <c r="BYQ674" s="613"/>
      <c r="BYR674" s="613"/>
      <c r="BYS674" s="613"/>
      <c r="BYT674" s="613"/>
      <c r="BYU674" s="613"/>
      <c r="BYV674" s="613"/>
      <c r="BYW674" s="613"/>
      <c r="BYX674" s="613"/>
      <c r="BYY674" s="613"/>
      <c r="BYZ674" s="613"/>
      <c r="BZA674" s="613"/>
      <c r="BZB674" s="613"/>
      <c r="BZC674" s="613"/>
      <c r="BZD674" s="613"/>
      <c r="BZE674" s="613"/>
      <c r="BZF674" s="613"/>
      <c r="BZG674" s="613"/>
      <c r="BZH674" s="613"/>
      <c r="BZI674" s="613"/>
      <c r="BZJ674" s="613"/>
      <c r="BZK674" s="613"/>
      <c r="BZL674" s="613"/>
      <c r="BZM674" s="613"/>
      <c r="BZN674" s="613"/>
      <c r="BZO674" s="613"/>
      <c r="BZP674" s="613"/>
      <c r="BZQ674" s="613"/>
      <c r="BZR674" s="613"/>
      <c r="BZS674" s="613"/>
      <c r="BZT674" s="613"/>
      <c r="BZU674" s="613"/>
      <c r="BZV674" s="613"/>
      <c r="BZW674" s="613"/>
      <c r="BZX674" s="613"/>
      <c r="BZY674" s="613"/>
      <c r="BZZ674" s="613"/>
      <c r="CAA674" s="613"/>
      <c r="CAB674" s="613"/>
      <c r="CAC674" s="613"/>
      <c r="CAD674" s="613"/>
      <c r="CAE674" s="613"/>
      <c r="CAF674" s="613"/>
      <c r="CAG674" s="613"/>
      <c r="CAH674" s="613"/>
      <c r="CAI674" s="613"/>
      <c r="CAJ674" s="613"/>
      <c r="CAK674" s="613"/>
      <c r="CAL674" s="613"/>
      <c r="CAM674" s="613"/>
      <c r="CAN674" s="613"/>
      <c r="CAO674" s="613"/>
      <c r="CAP674" s="613"/>
      <c r="CAQ674" s="613"/>
      <c r="CAR674" s="613"/>
      <c r="CAS674" s="613"/>
      <c r="CAT674" s="613"/>
      <c r="CAU674" s="613"/>
      <c r="CAV674" s="613"/>
      <c r="CAW674" s="613"/>
      <c r="CAX674" s="613"/>
      <c r="CAY674" s="613"/>
      <c r="CAZ674" s="613"/>
      <c r="CBA674" s="613"/>
      <c r="CBB674" s="613"/>
      <c r="CBC674" s="613"/>
      <c r="CBD674" s="613"/>
      <c r="CBE674" s="613"/>
      <c r="CBF674" s="613"/>
      <c r="CBG674" s="613"/>
      <c r="CBH674" s="613"/>
      <c r="CBI674" s="613"/>
      <c r="CBJ674" s="613"/>
      <c r="CBK674" s="613"/>
      <c r="CBL674" s="613"/>
      <c r="CBM674" s="613"/>
      <c r="CBN674" s="613"/>
      <c r="CBO674" s="613"/>
      <c r="CBP674" s="613"/>
      <c r="CBQ674" s="613"/>
      <c r="CBR674" s="613"/>
      <c r="CBS674" s="613"/>
      <c r="CBT674" s="613"/>
      <c r="CBU674" s="613"/>
      <c r="CBV674" s="613"/>
      <c r="CBW674" s="613"/>
      <c r="CBX674" s="613"/>
      <c r="CBY674" s="613"/>
      <c r="CBZ674" s="613"/>
      <c r="CCA674" s="613"/>
      <c r="CCB674" s="613"/>
      <c r="CCC674" s="613"/>
      <c r="CCD674" s="613"/>
      <c r="CCE674" s="613"/>
      <c r="CCF674" s="613"/>
      <c r="CCG674" s="613"/>
      <c r="CCH674" s="613"/>
      <c r="CCI674" s="613"/>
      <c r="CCJ674" s="613"/>
      <c r="CCK674" s="613"/>
      <c r="CCL674" s="613"/>
      <c r="CCM674" s="613"/>
      <c r="CCN674" s="613"/>
      <c r="CCO674" s="613"/>
      <c r="CCP674" s="613"/>
      <c r="CCQ674" s="613"/>
      <c r="CCR674" s="613"/>
      <c r="CCS674" s="613"/>
      <c r="CCT674" s="613"/>
      <c r="CCU674" s="613"/>
      <c r="CCV674" s="613"/>
      <c r="CCW674" s="613"/>
      <c r="CCX674" s="613"/>
      <c r="CCY674" s="613"/>
      <c r="CCZ674" s="613"/>
      <c r="CDA674" s="613"/>
      <c r="CDB674" s="613"/>
      <c r="CDC674" s="613"/>
      <c r="CDD674" s="613"/>
      <c r="CDE674" s="613"/>
      <c r="CDF674" s="613"/>
      <c r="CDG674" s="613"/>
      <c r="CDH674" s="613"/>
      <c r="CDI674" s="613"/>
      <c r="CDJ674" s="613"/>
      <c r="CDK674" s="613"/>
      <c r="CDL674" s="613"/>
      <c r="CDM674" s="613"/>
      <c r="CDN674" s="613"/>
      <c r="CDO674" s="613"/>
      <c r="CDP674" s="613"/>
      <c r="CDQ674" s="613"/>
      <c r="CDR674" s="613"/>
      <c r="CDS674" s="613"/>
      <c r="CDT674" s="613"/>
      <c r="CDU674" s="613"/>
      <c r="CDV674" s="613"/>
      <c r="CDW674" s="613"/>
      <c r="CDX674" s="613"/>
      <c r="CDY674" s="613"/>
      <c r="CDZ674" s="613"/>
      <c r="CEA674" s="613"/>
      <c r="CEB674" s="613"/>
      <c r="CEC674" s="613"/>
      <c r="CED674" s="613"/>
      <c r="CEE674" s="613"/>
      <c r="CEF674" s="613"/>
      <c r="CEG674" s="613"/>
      <c r="CEH674" s="613"/>
      <c r="CEI674" s="613"/>
      <c r="CEJ674" s="613"/>
      <c r="CEK674" s="613"/>
      <c r="CEL674" s="613"/>
      <c r="CEM674" s="613"/>
      <c r="CEN674" s="613"/>
      <c r="CEO674" s="613"/>
      <c r="CEP674" s="613"/>
      <c r="CEQ674" s="613"/>
      <c r="CER674" s="613"/>
      <c r="CES674" s="613"/>
      <c r="CET674" s="613"/>
      <c r="CEU674" s="613"/>
      <c r="CEV674" s="613"/>
      <c r="CEW674" s="613"/>
      <c r="CEX674" s="613"/>
      <c r="CEY674" s="613"/>
      <c r="CEZ674" s="613"/>
      <c r="CFA674" s="613"/>
      <c r="CFB674" s="613"/>
      <c r="CFC674" s="613"/>
      <c r="CFD674" s="613"/>
      <c r="CFE674" s="613"/>
      <c r="CFF674" s="613"/>
      <c r="CFG674" s="613"/>
      <c r="CFH674" s="613"/>
      <c r="CFI674" s="613"/>
      <c r="CFJ674" s="613"/>
      <c r="CFK674" s="613"/>
      <c r="CFL674" s="613"/>
      <c r="CFM674" s="613"/>
      <c r="CFN674" s="613"/>
      <c r="CFO674" s="613"/>
      <c r="CFP674" s="613"/>
      <c r="CFQ674" s="613"/>
      <c r="CFR674" s="613"/>
      <c r="CFS674" s="613"/>
      <c r="CFT674" s="613"/>
      <c r="CFU674" s="613"/>
      <c r="CFV674" s="613"/>
      <c r="CFW674" s="613"/>
      <c r="CFX674" s="613"/>
      <c r="CFY674" s="613"/>
      <c r="CFZ674" s="613"/>
      <c r="CGA674" s="613"/>
      <c r="CGB674" s="613"/>
      <c r="CGC674" s="613"/>
      <c r="CGD674" s="613"/>
      <c r="CGE674" s="613"/>
      <c r="CGF674" s="613"/>
      <c r="CGG674" s="613"/>
      <c r="CGH674" s="613"/>
      <c r="CGI674" s="613"/>
      <c r="CGJ674" s="613"/>
      <c r="CGK674" s="613"/>
      <c r="CGL674" s="613"/>
      <c r="CGM674" s="613"/>
      <c r="CGN674" s="613"/>
      <c r="CGO674" s="613"/>
      <c r="CGP674" s="613"/>
      <c r="CGQ674" s="613"/>
      <c r="CGR674" s="613"/>
      <c r="CGS674" s="613"/>
      <c r="CGT674" s="613"/>
      <c r="CGU674" s="613"/>
      <c r="CGV674" s="613"/>
      <c r="CGW674" s="613"/>
      <c r="CGX674" s="613"/>
      <c r="CGY674" s="613"/>
      <c r="CGZ674" s="613"/>
      <c r="CHA674" s="613"/>
      <c r="CHB674" s="613"/>
      <c r="CHC674" s="613"/>
      <c r="CHD674" s="613"/>
      <c r="CHE674" s="613"/>
      <c r="CHF674" s="613"/>
      <c r="CHG674" s="613"/>
      <c r="CHH674" s="613"/>
      <c r="CHI674" s="613"/>
      <c r="CHJ674" s="613"/>
      <c r="CHK674" s="613"/>
      <c r="CHL674" s="613"/>
      <c r="CHM674" s="613"/>
      <c r="CHN674" s="613"/>
      <c r="CHO674" s="613"/>
      <c r="CHP674" s="613"/>
      <c r="CHQ674" s="613"/>
      <c r="CHR674" s="613"/>
      <c r="CHS674" s="613"/>
      <c r="CHT674" s="613"/>
      <c r="CHU674" s="613"/>
      <c r="CHV674" s="613"/>
      <c r="CHW674" s="613"/>
      <c r="CHX674" s="613"/>
      <c r="CHY674" s="613"/>
      <c r="CHZ674" s="613"/>
      <c r="CIA674" s="613"/>
      <c r="CIB674" s="613"/>
      <c r="CIC674" s="613"/>
      <c r="CID674" s="613"/>
      <c r="CIE674" s="613"/>
      <c r="CIF674" s="613"/>
      <c r="CIG674" s="613"/>
      <c r="CIH674" s="613"/>
      <c r="CII674" s="613"/>
      <c r="CIJ674" s="613"/>
      <c r="CIK674" s="613"/>
      <c r="CIL674" s="613"/>
      <c r="CIM674" s="613"/>
      <c r="CIN674" s="613"/>
      <c r="CIO674" s="613"/>
      <c r="CIP674" s="613"/>
      <c r="CIQ674" s="613"/>
      <c r="CIR674" s="613"/>
      <c r="CIS674" s="613"/>
      <c r="CIT674" s="613"/>
      <c r="CIU674" s="613"/>
      <c r="CIV674" s="613"/>
      <c r="CIW674" s="613"/>
      <c r="CIX674" s="613"/>
      <c r="CIY674" s="613"/>
      <c r="CIZ674" s="613"/>
      <c r="CJA674" s="613"/>
      <c r="CJB674" s="613"/>
      <c r="CJC674" s="613"/>
      <c r="CJD674" s="613"/>
      <c r="CJE674" s="613"/>
      <c r="CJF674" s="613"/>
      <c r="CJG674" s="613"/>
      <c r="CJH674" s="613"/>
      <c r="CJI674" s="613"/>
      <c r="CJJ674" s="613"/>
      <c r="CJK674" s="613"/>
      <c r="CJL674" s="613"/>
      <c r="CJM674" s="613"/>
      <c r="CJN674" s="613"/>
      <c r="CJO674" s="613"/>
      <c r="CJP674" s="613"/>
      <c r="CJQ674" s="613"/>
      <c r="CJR674" s="613"/>
      <c r="CJS674" s="613"/>
      <c r="CJT674" s="613"/>
      <c r="CJU674" s="613"/>
      <c r="CJV674" s="613"/>
      <c r="CJW674" s="613"/>
      <c r="CJX674" s="613"/>
      <c r="CJY674" s="613"/>
      <c r="CJZ674" s="613"/>
      <c r="CKA674" s="613"/>
      <c r="CKB674" s="613"/>
      <c r="CKC674" s="613"/>
      <c r="CKD674" s="613"/>
      <c r="CKE674" s="613"/>
      <c r="CKF674" s="613"/>
      <c r="CKG674" s="613"/>
      <c r="CKH674" s="613"/>
      <c r="CKI674" s="613"/>
      <c r="CKJ674" s="613"/>
      <c r="CKK674" s="613"/>
      <c r="CKL674" s="613"/>
      <c r="CKM674" s="613"/>
      <c r="CKN674" s="613"/>
      <c r="CKO674" s="613"/>
      <c r="CKP674" s="613"/>
      <c r="CKQ674" s="613"/>
      <c r="CKR674" s="613"/>
      <c r="CKS674" s="613"/>
      <c r="CKT674" s="613"/>
      <c r="CKU674" s="613"/>
      <c r="CKV674" s="613"/>
      <c r="CKW674" s="613"/>
      <c r="CKX674" s="613"/>
      <c r="CKY674" s="613"/>
      <c r="CKZ674" s="613"/>
      <c r="CLA674" s="613"/>
      <c r="CLB674" s="613"/>
      <c r="CLC674" s="613"/>
      <c r="CLD674" s="613"/>
      <c r="CLE674" s="613"/>
      <c r="CLF674" s="613"/>
      <c r="CLG674" s="613"/>
      <c r="CLH674" s="613"/>
      <c r="CLI674" s="613"/>
      <c r="CLJ674" s="613"/>
      <c r="CLK674" s="613"/>
      <c r="CLL674" s="613"/>
      <c r="CLM674" s="613"/>
      <c r="CLN674" s="613"/>
      <c r="CLO674" s="613"/>
      <c r="CLP674" s="613"/>
      <c r="CLQ674" s="613"/>
      <c r="CLR674" s="613"/>
      <c r="CLS674" s="613"/>
      <c r="CLT674" s="613"/>
      <c r="CLU674" s="613"/>
      <c r="CLV674" s="613"/>
      <c r="CLW674" s="613"/>
      <c r="CLX674" s="613"/>
      <c r="CLY674" s="613"/>
      <c r="CLZ674" s="613"/>
      <c r="CMA674" s="613"/>
      <c r="CMB674" s="613"/>
      <c r="CMC674" s="613"/>
      <c r="CMD674" s="613"/>
      <c r="CME674" s="613"/>
      <c r="CMF674" s="613"/>
      <c r="CMG674" s="613"/>
      <c r="CMH674" s="613"/>
      <c r="CMI674" s="613"/>
      <c r="CMJ674" s="613"/>
      <c r="CMK674" s="613"/>
      <c r="CML674" s="613"/>
      <c r="CMM674" s="613"/>
      <c r="CMN674" s="613"/>
      <c r="CMO674" s="613"/>
      <c r="CMP674" s="613"/>
      <c r="CMQ674" s="613"/>
      <c r="CMR674" s="613"/>
      <c r="CMS674" s="613"/>
      <c r="CMT674" s="613"/>
      <c r="CMU674" s="613"/>
      <c r="CMV674" s="613"/>
      <c r="CMW674" s="613"/>
      <c r="CMX674" s="613"/>
      <c r="CMY674" s="613"/>
      <c r="CMZ674" s="613"/>
      <c r="CNA674" s="613"/>
      <c r="CNB674" s="613"/>
      <c r="CNC674" s="613"/>
      <c r="CND674" s="613"/>
      <c r="CNE674" s="613"/>
      <c r="CNF674" s="613"/>
      <c r="CNG674" s="613"/>
      <c r="CNH674" s="613"/>
      <c r="CNI674" s="613"/>
      <c r="CNJ674" s="613"/>
      <c r="CNK674" s="613"/>
      <c r="CNL674" s="613"/>
      <c r="CNM674" s="613"/>
      <c r="CNN674" s="613"/>
      <c r="CNO674" s="613"/>
      <c r="CNP674" s="613"/>
      <c r="CNQ674" s="613"/>
      <c r="CNR674" s="613"/>
      <c r="CNS674" s="613"/>
      <c r="CNT674" s="613"/>
      <c r="CNU674" s="613"/>
      <c r="CNV674" s="613"/>
      <c r="CNW674" s="613"/>
      <c r="CNX674" s="613"/>
      <c r="CNY674" s="613"/>
      <c r="CNZ674" s="613"/>
      <c r="COA674" s="613"/>
      <c r="COB674" s="613"/>
      <c r="COC674" s="613"/>
      <c r="COD674" s="613"/>
      <c r="COE674" s="613"/>
      <c r="COF674" s="613"/>
      <c r="COG674" s="613"/>
      <c r="COH674" s="613"/>
      <c r="COI674" s="613"/>
      <c r="COJ674" s="613"/>
      <c r="COK674" s="613"/>
      <c r="COL674" s="613"/>
      <c r="COM674" s="613"/>
      <c r="CON674" s="613"/>
      <c r="COO674" s="613"/>
      <c r="COP674" s="613"/>
      <c r="COQ674" s="613"/>
      <c r="COR674" s="613"/>
      <c r="COS674" s="613"/>
      <c r="COT674" s="613"/>
      <c r="COU674" s="613"/>
      <c r="COV674" s="613"/>
      <c r="COW674" s="613"/>
      <c r="COX674" s="613"/>
      <c r="COY674" s="613"/>
      <c r="COZ674" s="613"/>
      <c r="CPA674" s="613"/>
      <c r="CPB674" s="613"/>
      <c r="CPC674" s="613"/>
      <c r="CPD674" s="613"/>
      <c r="CPE674" s="613"/>
      <c r="CPF674" s="613"/>
      <c r="CPG674" s="613"/>
      <c r="CPH674" s="613"/>
      <c r="CPI674" s="613"/>
      <c r="CPJ674" s="613"/>
      <c r="CPK674" s="613"/>
      <c r="CPL674" s="613"/>
      <c r="CPM674" s="613"/>
      <c r="CPN674" s="613"/>
      <c r="CPO674" s="613"/>
      <c r="CPP674" s="613"/>
      <c r="CPQ674" s="613"/>
      <c r="CPR674" s="613"/>
      <c r="CPS674" s="613"/>
      <c r="CPT674" s="613"/>
      <c r="CPU674" s="613"/>
      <c r="CPV674" s="613"/>
      <c r="CPW674" s="613"/>
      <c r="CPX674" s="613"/>
      <c r="CPY674" s="613"/>
      <c r="CPZ674" s="613"/>
      <c r="CQA674" s="613"/>
      <c r="CQB674" s="613"/>
      <c r="CQC674" s="613"/>
      <c r="CQD674" s="613"/>
      <c r="CQE674" s="613"/>
      <c r="CQF674" s="613"/>
      <c r="CQG674" s="613"/>
      <c r="CQH674" s="613"/>
      <c r="CQI674" s="613"/>
      <c r="CQJ674" s="613"/>
      <c r="CQK674" s="613"/>
      <c r="CQL674" s="613"/>
      <c r="CQM674" s="613"/>
      <c r="CQN674" s="613"/>
      <c r="CQO674" s="613"/>
      <c r="CQP674" s="613"/>
      <c r="CQQ674" s="613"/>
      <c r="CQR674" s="613"/>
      <c r="CQS674" s="613"/>
      <c r="CQT674" s="613"/>
      <c r="CQU674" s="613"/>
      <c r="CQV674" s="613"/>
      <c r="CQW674" s="613"/>
      <c r="CQX674" s="613"/>
      <c r="CQY674" s="613"/>
      <c r="CQZ674" s="613"/>
      <c r="CRA674" s="613"/>
      <c r="CRB674" s="613"/>
      <c r="CRC674" s="613"/>
      <c r="CRD674" s="613"/>
      <c r="CRE674" s="613"/>
      <c r="CRF674" s="613"/>
      <c r="CRG674" s="613"/>
      <c r="CRH674" s="613"/>
      <c r="CRI674" s="613"/>
      <c r="CRJ674" s="613"/>
      <c r="CRK674" s="613"/>
      <c r="CRL674" s="613"/>
      <c r="CRM674" s="613"/>
      <c r="CRN674" s="613"/>
      <c r="CRO674" s="613"/>
      <c r="CRP674" s="613"/>
      <c r="CRQ674" s="613"/>
      <c r="CRR674" s="613"/>
      <c r="CRS674" s="613"/>
      <c r="CRT674" s="613"/>
      <c r="CRU674" s="613"/>
      <c r="CRV674" s="613"/>
      <c r="CRW674" s="613"/>
      <c r="CRX674" s="613"/>
      <c r="CRY674" s="613"/>
      <c r="CRZ674" s="613"/>
      <c r="CSA674" s="613"/>
      <c r="CSB674" s="613"/>
      <c r="CSC674" s="613"/>
      <c r="CSD674" s="613"/>
      <c r="CSE674" s="613"/>
      <c r="CSF674" s="613"/>
      <c r="CSG674" s="613"/>
      <c r="CSH674" s="613"/>
      <c r="CSI674" s="613"/>
      <c r="CSJ674" s="613"/>
      <c r="CSK674" s="613"/>
      <c r="CSL674" s="613"/>
      <c r="CSM674" s="613"/>
      <c r="CSN674" s="613"/>
      <c r="CSO674" s="613"/>
      <c r="CSP674" s="613"/>
      <c r="CSQ674" s="613"/>
      <c r="CSR674" s="613"/>
      <c r="CSS674" s="613"/>
      <c r="CST674" s="613"/>
      <c r="CSU674" s="613"/>
      <c r="CSV674" s="613"/>
      <c r="CSW674" s="613"/>
      <c r="CSX674" s="613"/>
      <c r="CSY674" s="613"/>
      <c r="CSZ674" s="613"/>
      <c r="CTA674" s="613"/>
      <c r="CTB674" s="613"/>
      <c r="CTC674" s="613"/>
      <c r="CTD674" s="613"/>
      <c r="CTE674" s="613"/>
      <c r="CTF674" s="613"/>
      <c r="CTG674" s="613"/>
      <c r="CTH674" s="613"/>
      <c r="CTI674" s="613"/>
      <c r="CTJ674" s="613"/>
      <c r="CTK674" s="613"/>
      <c r="CTL674" s="613"/>
      <c r="CTM674" s="613"/>
      <c r="CTN674" s="613"/>
      <c r="CTO674" s="613"/>
      <c r="CTP674" s="613"/>
      <c r="CTQ674" s="613"/>
      <c r="CTR674" s="613"/>
      <c r="CTS674" s="613"/>
      <c r="CTT674" s="613"/>
      <c r="CTU674" s="613"/>
      <c r="CTV674" s="613"/>
      <c r="CTW674" s="613"/>
      <c r="CTX674" s="613"/>
      <c r="CTY674" s="613"/>
      <c r="CTZ674" s="613"/>
      <c r="CUA674" s="613"/>
      <c r="CUB674" s="613"/>
      <c r="CUC674" s="613"/>
      <c r="CUD674" s="613"/>
      <c r="CUE674" s="613"/>
      <c r="CUF674" s="613"/>
      <c r="CUG674" s="613"/>
      <c r="CUH674" s="613"/>
      <c r="CUI674" s="613"/>
      <c r="CUJ674" s="613"/>
      <c r="CUK674" s="613"/>
      <c r="CUL674" s="613"/>
      <c r="CUM674" s="613"/>
      <c r="CUN674" s="613"/>
      <c r="CUO674" s="613"/>
      <c r="CUP674" s="613"/>
      <c r="CUQ674" s="613"/>
      <c r="CUR674" s="613"/>
      <c r="CUS674" s="613"/>
      <c r="CUT674" s="613"/>
      <c r="CUU674" s="613"/>
      <c r="CUV674" s="613"/>
      <c r="CUW674" s="613"/>
      <c r="CUX674" s="613"/>
      <c r="CUY674" s="613"/>
      <c r="CUZ674" s="613"/>
      <c r="CVA674" s="613"/>
      <c r="CVB674" s="613"/>
      <c r="CVC674" s="613"/>
      <c r="CVD674" s="613"/>
      <c r="CVE674" s="613"/>
      <c r="CVF674" s="613"/>
      <c r="CVG674" s="613"/>
      <c r="CVH674" s="613"/>
      <c r="CVI674" s="613"/>
      <c r="CVJ674" s="613"/>
      <c r="CVK674" s="613"/>
      <c r="CVL674" s="613"/>
      <c r="CVM674" s="613"/>
      <c r="CVN674" s="613"/>
      <c r="CVO674" s="613"/>
      <c r="CVP674" s="613"/>
      <c r="CVQ674" s="613"/>
      <c r="CVR674" s="613"/>
      <c r="CVS674" s="613"/>
      <c r="CVT674" s="613"/>
      <c r="CVU674" s="613"/>
      <c r="CVV674" s="613"/>
      <c r="CVW674" s="613"/>
      <c r="CVX674" s="613"/>
      <c r="CVY674" s="613"/>
      <c r="CVZ674" s="613"/>
      <c r="CWA674" s="613"/>
      <c r="CWB674" s="613"/>
      <c r="CWC674" s="613"/>
      <c r="CWD674" s="613"/>
      <c r="CWE674" s="613"/>
      <c r="CWF674" s="613"/>
      <c r="CWG674" s="613"/>
      <c r="CWH674" s="613"/>
      <c r="CWI674" s="613"/>
      <c r="CWJ674" s="613"/>
      <c r="CWK674" s="613"/>
      <c r="CWL674" s="613"/>
      <c r="CWM674" s="613"/>
      <c r="CWN674" s="613"/>
      <c r="CWO674" s="613"/>
      <c r="CWP674" s="613"/>
      <c r="CWQ674" s="613"/>
      <c r="CWR674" s="613"/>
      <c r="CWS674" s="613"/>
      <c r="CWT674" s="613"/>
      <c r="CWU674" s="613"/>
      <c r="CWV674" s="613"/>
      <c r="CWW674" s="613"/>
      <c r="CWX674" s="613"/>
      <c r="CWY674" s="613"/>
      <c r="CWZ674" s="613"/>
      <c r="CXA674" s="613"/>
      <c r="CXB674" s="613"/>
      <c r="CXC674" s="613"/>
      <c r="CXD674" s="613"/>
      <c r="CXE674" s="613"/>
      <c r="CXF674" s="613"/>
      <c r="CXG674" s="613"/>
      <c r="CXH674" s="613"/>
      <c r="CXI674" s="613"/>
      <c r="CXJ674" s="613"/>
      <c r="CXK674" s="613"/>
      <c r="CXL674" s="613"/>
      <c r="CXM674" s="613"/>
      <c r="CXN674" s="613"/>
      <c r="CXO674" s="613"/>
      <c r="CXP674" s="613"/>
      <c r="CXQ674" s="613"/>
      <c r="CXR674" s="613"/>
      <c r="CXS674" s="613"/>
      <c r="CXT674" s="613"/>
      <c r="CXU674" s="613"/>
      <c r="CXV674" s="613"/>
      <c r="CXW674" s="613"/>
      <c r="CXX674" s="613"/>
      <c r="CXY674" s="613"/>
      <c r="CXZ674" s="613"/>
      <c r="CYA674" s="613"/>
      <c r="CYB674" s="613"/>
      <c r="CYC674" s="613"/>
      <c r="CYD674" s="613"/>
      <c r="CYE674" s="613"/>
      <c r="CYF674" s="613"/>
      <c r="CYG674" s="613"/>
      <c r="CYH674" s="613"/>
      <c r="CYI674" s="613"/>
      <c r="CYJ674" s="613"/>
      <c r="CYK674" s="613"/>
      <c r="CYL674" s="613"/>
      <c r="CYM674" s="613"/>
      <c r="CYN674" s="613"/>
      <c r="CYO674" s="613"/>
      <c r="CYP674" s="613"/>
      <c r="CYQ674" s="613"/>
      <c r="CYR674" s="613"/>
      <c r="CYS674" s="613"/>
      <c r="CYT674" s="613"/>
      <c r="CYU674" s="613"/>
      <c r="CYV674" s="613"/>
      <c r="CYW674" s="613"/>
      <c r="CYX674" s="613"/>
      <c r="CYY674" s="613"/>
      <c r="CYZ674" s="613"/>
      <c r="CZA674" s="613"/>
      <c r="CZB674" s="613"/>
      <c r="CZC674" s="613"/>
      <c r="CZD674" s="613"/>
      <c r="CZE674" s="613"/>
      <c r="CZF674" s="613"/>
      <c r="CZG674" s="613"/>
      <c r="CZH674" s="613"/>
      <c r="CZI674" s="613"/>
      <c r="CZJ674" s="613"/>
      <c r="CZK674" s="613"/>
      <c r="CZL674" s="613"/>
      <c r="CZM674" s="613"/>
      <c r="CZN674" s="613"/>
      <c r="CZO674" s="613"/>
      <c r="CZP674" s="613"/>
      <c r="CZQ674" s="613"/>
      <c r="CZR674" s="613"/>
      <c r="CZS674" s="613"/>
      <c r="CZT674" s="613"/>
      <c r="CZU674" s="613"/>
      <c r="CZV674" s="613"/>
      <c r="CZW674" s="613"/>
      <c r="CZX674" s="613"/>
      <c r="CZY674" s="613"/>
      <c r="CZZ674" s="613"/>
      <c r="DAA674" s="613"/>
      <c r="DAB674" s="613"/>
      <c r="DAC674" s="613"/>
      <c r="DAD674" s="613"/>
      <c r="DAE674" s="613"/>
      <c r="DAF674" s="613"/>
      <c r="DAG674" s="613"/>
      <c r="DAH674" s="613"/>
      <c r="DAI674" s="613"/>
      <c r="DAJ674" s="613"/>
      <c r="DAK674" s="613"/>
      <c r="DAL674" s="613"/>
      <c r="DAM674" s="613"/>
      <c r="DAN674" s="613"/>
      <c r="DAO674" s="613"/>
      <c r="DAP674" s="613"/>
      <c r="DAQ674" s="613"/>
      <c r="DAR674" s="613"/>
      <c r="DAS674" s="613"/>
      <c r="DAT674" s="613"/>
      <c r="DAU674" s="613"/>
      <c r="DAV674" s="613"/>
      <c r="DAW674" s="613"/>
      <c r="DAX674" s="613"/>
      <c r="DAY674" s="613"/>
      <c r="DAZ674" s="613"/>
      <c r="DBA674" s="613"/>
      <c r="DBB674" s="613"/>
      <c r="DBC674" s="613"/>
      <c r="DBD674" s="613"/>
      <c r="DBE674" s="613"/>
      <c r="DBF674" s="613"/>
      <c r="DBG674" s="613"/>
      <c r="DBH674" s="613"/>
      <c r="DBI674" s="613"/>
      <c r="DBJ674" s="613"/>
      <c r="DBK674" s="613"/>
      <c r="DBL674" s="613"/>
      <c r="DBM674" s="613"/>
      <c r="DBN674" s="613"/>
      <c r="DBO674" s="613"/>
      <c r="DBP674" s="613"/>
      <c r="DBQ674" s="613"/>
      <c r="DBR674" s="613"/>
      <c r="DBS674" s="613"/>
      <c r="DBT674" s="613"/>
      <c r="DBU674" s="613"/>
      <c r="DBV674" s="613"/>
      <c r="DBW674" s="613"/>
      <c r="DBX674" s="613"/>
      <c r="DBY674" s="613"/>
      <c r="DBZ674" s="613"/>
      <c r="DCA674" s="613"/>
      <c r="DCB674" s="613"/>
      <c r="DCC674" s="613"/>
      <c r="DCD674" s="613"/>
      <c r="DCE674" s="613"/>
      <c r="DCF674" s="613"/>
      <c r="DCG674" s="613"/>
      <c r="DCH674" s="613"/>
      <c r="DCI674" s="613"/>
      <c r="DCJ674" s="613"/>
      <c r="DCK674" s="613"/>
      <c r="DCL674" s="613"/>
      <c r="DCM674" s="613"/>
      <c r="DCN674" s="613"/>
      <c r="DCO674" s="613"/>
      <c r="DCP674" s="613"/>
      <c r="DCQ674" s="613"/>
      <c r="DCR674" s="613"/>
      <c r="DCS674" s="613"/>
      <c r="DCT674" s="613"/>
      <c r="DCU674" s="613"/>
      <c r="DCV674" s="613"/>
      <c r="DCW674" s="613"/>
      <c r="DCX674" s="613"/>
      <c r="DCY674" s="613"/>
      <c r="DCZ674" s="613"/>
      <c r="DDA674" s="613"/>
      <c r="DDB674" s="613"/>
      <c r="DDC674" s="613"/>
      <c r="DDD674" s="613"/>
      <c r="DDE674" s="613"/>
      <c r="DDF674" s="613"/>
      <c r="DDG674" s="613"/>
      <c r="DDH674" s="613"/>
      <c r="DDI674" s="613"/>
      <c r="DDJ674" s="613"/>
      <c r="DDK674" s="613"/>
      <c r="DDL674" s="613"/>
      <c r="DDM674" s="613"/>
      <c r="DDN674" s="613"/>
      <c r="DDO674" s="613"/>
      <c r="DDP674" s="613"/>
      <c r="DDQ674" s="613"/>
      <c r="DDR674" s="613"/>
      <c r="DDS674" s="613"/>
      <c r="DDT674" s="613"/>
      <c r="DDU674" s="613"/>
      <c r="DDV674" s="613"/>
      <c r="DDW674" s="613"/>
      <c r="DDX674" s="613"/>
      <c r="DDY674" s="613"/>
      <c r="DDZ674" s="613"/>
      <c r="DEA674" s="613"/>
      <c r="DEB674" s="613"/>
      <c r="DEC674" s="613"/>
      <c r="DED674" s="613"/>
      <c r="DEE674" s="613"/>
      <c r="DEF674" s="613"/>
      <c r="DEG674" s="613"/>
      <c r="DEH674" s="613"/>
      <c r="DEI674" s="613"/>
      <c r="DEJ674" s="613"/>
      <c r="DEK674" s="613"/>
      <c r="DEL674" s="613"/>
      <c r="DEM674" s="613"/>
      <c r="DEN674" s="613"/>
      <c r="DEO674" s="613"/>
      <c r="DEP674" s="613"/>
      <c r="DEQ674" s="613"/>
      <c r="DER674" s="613"/>
      <c r="DES674" s="613"/>
      <c r="DET674" s="613"/>
      <c r="DEU674" s="613"/>
      <c r="DEV674" s="613"/>
      <c r="DEW674" s="613"/>
      <c r="DEX674" s="613"/>
      <c r="DEY674" s="613"/>
      <c r="DEZ674" s="613"/>
      <c r="DFA674" s="613"/>
      <c r="DFB674" s="613"/>
      <c r="DFC674" s="613"/>
      <c r="DFD674" s="613"/>
      <c r="DFE674" s="613"/>
      <c r="DFF674" s="613"/>
      <c r="DFG674" s="613"/>
      <c r="DFH674" s="613"/>
      <c r="DFI674" s="613"/>
      <c r="DFJ674" s="613"/>
      <c r="DFK674" s="613"/>
      <c r="DFL674" s="613"/>
      <c r="DFM674" s="613"/>
      <c r="DFN674" s="613"/>
      <c r="DFO674" s="613"/>
      <c r="DFP674" s="613"/>
      <c r="DFQ674" s="613"/>
      <c r="DFR674" s="613"/>
      <c r="DFS674" s="613"/>
      <c r="DFT674" s="613"/>
      <c r="DFU674" s="613"/>
      <c r="DFV674" s="613"/>
      <c r="DFW674" s="613"/>
      <c r="DFX674" s="613"/>
      <c r="DFY674" s="613"/>
      <c r="DFZ674" s="613"/>
      <c r="DGA674" s="613"/>
      <c r="DGB674" s="613"/>
      <c r="DGC674" s="613"/>
      <c r="DGD674" s="613"/>
      <c r="DGE674" s="613"/>
      <c r="DGF674" s="613"/>
      <c r="DGG674" s="613"/>
      <c r="DGH674" s="613"/>
      <c r="DGI674" s="613"/>
      <c r="DGJ674" s="613"/>
      <c r="DGK674" s="613"/>
      <c r="DGL674" s="613"/>
      <c r="DGM674" s="613"/>
      <c r="DGN674" s="613"/>
      <c r="DGO674" s="613"/>
      <c r="DGP674" s="613"/>
      <c r="DGQ674" s="613"/>
      <c r="DGR674" s="613"/>
      <c r="DGS674" s="613"/>
      <c r="DGT674" s="613"/>
      <c r="DGU674" s="613"/>
      <c r="DGV674" s="613"/>
      <c r="DGW674" s="613"/>
      <c r="DGX674" s="613"/>
      <c r="DGY674" s="613"/>
      <c r="DGZ674" s="613"/>
      <c r="DHA674" s="613"/>
      <c r="DHB674" s="613"/>
      <c r="DHC674" s="613"/>
      <c r="DHD674" s="613"/>
      <c r="DHE674" s="613"/>
      <c r="DHF674" s="613"/>
      <c r="DHG674" s="613"/>
      <c r="DHH674" s="613"/>
      <c r="DHI674" s="613"/>
      <c r="DHJ674" s="613"/>
      <c r="DHK674" s="613"/>
      <c r="DHL674" s="613"/>
      <c r="DHM674" s="613"/>
      <c r="DHN674" s="613"/>
      <c r="DHO674" s="613"/>
      <c r="DHP674" s="613"/>
      <c r="DHQ674" s="613"/>
      <c r="DHR674" s="613"/>
      <c r="DHS674" s="613"/>
      <c r="DHT674" s="613"/>
      <c r="DHU674" s="613"/>
      <c r="DHV674" s="613"/>
      <c r="DHW674" s="613"/>
      <c r="DHX674" s="613"/>
      <c r="DHY674" s="613"/>
      <c r="DHZ674" s="613"/>
      <c r="DIA674" s="613"/>
      <c r="DIB674" s="613"/>
      <c r="DIC674" s="613"/>
      <c r="DID674" s="613"/>
      <c r="DIE674" s="613"/>
      <c r="DIF674" s="613"/>
      <c r="DIG674" s="613"/>
      <c r="DIH674" s="613"/>
      <c r="DII674" s="613"/>
      <c r="DIJ674" s="613"/>
      <c r="DIK674" s="613"/>
      <c r="DIL674" s="613"/>
      <c r="DIM674" s="613"/>
      <c r="DIN674" s="613"/>
      <c r="DIO674" s="613"/>
      <c r="DIP674" s="613"/>
      <c r="DIQ674" s="613"/>
      <c r="DIR674" s="613"/>
      <c r="DIS674" s="613"/>
      <c r="DIT674" s="613"/>
      <c r="DIU674" s="613"/>
      <c r="DIV674" s="613"/>
      <c r="DIW674" s="613"/>
      <c r="DIX674" s="613"/>
      <c r="DIY674" s="613"/>
      <c r="DIZ674" s="613"/>
      <c r="DJA674" s="613"/>
      <c r="DJB674" s="613"/>
      <c r="DJC674" s="613"/>
      <c r="DJD674" s="613"/>
      <c r="DJE674" s="613"/>
      <c r="DJF674" s="613"/>
      <c r="DJG674" s="613"/>
      <c r="DJH674" s="613"/>
      <c r="DJI674" s="613"/>
      <c r="DJJ674" s="613"/>
      <c r="DJK674" s="613"/>
      <c r="DJL674" s="613"/>
      <c r="DJM674" s="613"/>
      <c r="DJN674" s="613"/>
      <c r="DJO674" s="613"/>
      <c r="DJP674" s="613"/>
      <c r="DJQ674" s="613"/>
      <c r="DJR674" s="613"/>
      <c r="DJS674" s="613"/>
      <c r="DJT674" s="613"/>
      <c r="DJU674" s="613"/>
      <c r="DJV674" s="613"/>
      <c r="DJW674" s="613"/>
      <c r="DJX674" s="613"/>
      <c r="DJY674" s="613"/>
      <c r="DJZ674" s="613"/>
      <c r="DKA674" s="613"/>
      <c r="DKB674" s="613"/>
      <c r="DKC674" s="613"/>
      <c r="DKD674" s="613"/>
      <c r="DKE674" s="613"/>
      <c r="DKF674" s="613"/>
      <c r="DKG674" s="613"/>
      <c r="DKH674" s="613"/>
      <c r="DKI674" s="613"/>
      <c r="DKJ674" s="613"/>
      <c r="DKK674" s="613"/>
      <c r="DKL674" s="613"/>
      <c r="DKM674" s="613"/>
      <c r="DKN674" s="613"/>
      <c r="DKO674" s="613"/>
      <c r="DKP674" s="613"/>
      <c r="DKQ674" s="613"/>
      <c r="DKR674" s="613"/>
      <c r="DKS674" s="613"/>
      <c r="DKT674" s="613"/>
      <c r="DKU674" s="613"/>
      <c r="DKV674" s="613"/>
      <c r="DKW674" s="613"/>
      <c r="DKX674" s="613"/>
      <c r="DKY674" s="613"/>
      <c r="DKZ674" s="613"/>
      <c r="DLA674" s="613"/>
      <c r="DLB674" s="613"/>
      <c r="DLC674" s="613"/>
      <c r="DLD674" s="613"/>
      <c r="DLE674" s="613"/>
      <c r="DLF674" s="613"/>
      <c r="DLG674" s="613"/>
      <c r="DLH674" s="613"/>
      <c r="DLI674" s="613"/>
      <c r="DLJ674" s="613"/>
      <c r="DLK674" s="613"/>
      <c r="DLL674" s="613"/>
      <c r="DLM674" s="613"/>
      <c r="DLN674" s="613"/>
      <c r="DLO674" s="613"/>
      <c r="DLP674" s="613"/>
      <c r="DLQ674" s="613"/>
      <c r="DLR674" s="613"/>
      <c r="DLS674" s="613"/>
      <c r="DLT674" s="613"/>
      <c r="DLU674" s="613"/>
      <c r="DLV674" s="613"/>
      <c r="DLW674" s="613"/>
      <c r="DLX674" s="613"/>
      <c r="DLY674" s="613"/>
      <c r="DLZ674" s="613"/>
      <c r="DMA674" s="613"/>
      <c r="DMB674" s="613"/>
      <c r="DMC674" s="613"/>
      <c r="DMD674" s="613"/>
      <c r="DME674" s="613"/>
      <c r="DMF674" s="613"/>
      <c r="DMG674" s="613"/>
      <c r="DMH674" s="613"/>
      <c r="DMI674" s="613"/>
      <c r="DMJ674" s="613"/>
      <c r="DMK674" s="613"/>
      <c r="DML674" s="613"/>
      <c r="DMM674" s="613"/>
      <c r="DMN674" s="613"/>
      <c r="DMO674" s="613"/>
      <c r="DMP674" s="613"/>
      <c r="DMQ674" s="613"/>
      <c r="DMR674" s="613"/>
      <c r="DMS674" s="613"/>
      <c r="DMT674" s="613"/>
      <c r="DMU674" s="613"/>
      <c r="DMV674" s="613"/>
      <c r="DMW674" s="613"/>
      <c r="DMX674" s="613"/>
      <c r="DMY674" s="613"/>
      <c r="DMZ674" s="613"/>
      <c r="DNA674" s="613"/>
      <c r="DNB674" s="613"/>
      <c r="DNC674" s="613"/>
      <c r="DND674" s="613"/>
      <c r="DNE674" s="613"/>
      <c r="DNF674" s="613"/>
      <c r="DNG674" s="613"/>
      <c r="DNH674" s="613"/>
      <c r="DNI674" s="613"/>
      <c r="DNJ674" s="613"/>
      <c r="DNK674" s="613"/>
      <c r="DNL674" s="613"/>
      <c r="DNM674" s="613"/>
      <c r="DNN674" s="613"/>
      <c r="DNO674" s="613"/>
      <c r="DNP674" s="613"/>
      <c r="DNQ674" s="613"/>
      <c r="DNR674" s="613"/>
      <c r="DNS674" s="613"/>
      <c r="DNT674" s="613"/>
      <c r="DNU674" s="613"/>
      <c r="DNV674" s="613"/>
      <c r="DNW674" s="613"/>
      <c r="DNX674" s="613"/>
      <c r="DNY674" s="613"/>
      <c r="DNZ674" s="613"/>
      <c r="DOA674" s="613"/>
      <c r="DOB674" s="613"/>
      <c r="DOC674" s="613"/>
      <c r="DOD674" s="613"/>
      <c r="DOE674" s="613"/>
      <c r="DOF674" s="613"/>
      <c r="DOG674" s="613"/>
      <c r="DOH674" s="613"/>
      <c r="DOI674" s="613"/>
      <c r="DOJ674" s="613"/>
      <c r="DOK674" s="613"/>
      <c r="DOL674" s="613"/>
      <c r="DOM674" s="613"/>
      <c r="DON674" s="613"/>
      <c r="DOO674" s="613"/>
      <c r="DOP674" s="613"/>
      <c r="DOQ674" s="613"/>
      <c r="DOR674" s="613"/>
      <c r="DOS674" s="613"/>
      <c r="DOT674" s="613"/>
      <c r="DOU674" s="613"/>
      <c r="DOV674" s="613"/>
      <c r="DOW674" s="613"/>
      <c r="DOX674" s="613"/>
      <c r="DOY674" s="613"/>
      <c r="DOZ674" s="613"/>
      <c r="DPA674" s="613"/>
      <c r="DPB674" s="613"/>
      <c r="DPC674" s="613"/>
      <c r="DPD674" s="613"/>
      <c r="DPE674" s="613"/>
      <c r="DPF674" s="613"/>
      <c r="DPG674" s="613"/>
      <c r="DPH674" s="613"/>
      <c r="DPI674" s="613"/>
      <c r="DPJ674" s="613"/>
      <c r="DPK674" s="613"/>
      <c r="DPL674" s="613"/>
      <c r="DPM674" s="613"/>
      <c r="DPN674" s="613"/>
      <c r="DPO674" s="613"/>
      <c r="DPP674" s="613"/>
      <c r="DPQ674" s="613"/>
      <c r="DPR674" s="613"/>
      <c r="DPS674" s="613"/>
      <c r="DPT674" s="613"/>
      <c r="DPU674" s="613"/>
      <c r="DPV674" s="613"/>
      <c r="DPW674" s="613"/>
      <c r="DPX674" s="613"/>
      <c r="DPY674" s="613"/>
      <c r="DPZ674" s="613"/>
      <c r="DQA674" s="613"/>
      <c r="DQB674" s="613"/>
      <c r="DQC674" s="613"/>
      <c r="DQD674" s="613"/>
      <c r="DQE674" s="613"/>
      <c r="DQF674" s="613"/>
      <c r="DQG674" s="613"/>
      <c r="DQH674" s="613"/>
      <c r="DQI674" s="613"/>
      <c r="DQJ674" s="613"/>
      <c r="DQK674" s="613"/>
      <c r="DQL674" s="613"/>
      <c r="DQM674" s="613"/>
      <c r="DQN674" s="613"/>
      <c r="DQO674" s="613"/>
      <c r="DQP674" s="613"/>
      <c r="DQQ674" s="613"/>
      <c r="DQR674" s="613"/>
      <c r="DQS674" s="613"/>
      <c r="DQT674" s="613"/>
      <c r="DQU674" s="613"/>
      <c r="DQV674" s="613"/>
      <c r="DQW674" s="613"/>
      <c r="DQX674" s="613"/>
      <c r="DQY674" s="613"/>
      <c r="DQZ674" s="613"/>
      <c r="DRA674" s="613"/>
      <c r="DRB674" s="613"/>
      <c r="DRC674" s="613"/>
      <c r="DRD674" s="613"/>
      <c r="DRE674" s="613"/>
      <c r="DRF674" s="613"/>
      <c r="DRG674" s="613"/>
      <c r="DRH674" s="613"/>
      <c r="DRI674" s="613"/>
      <c r="DRJ674" s="613"/>
      <c r="DRK674" s="613"/>
      <c r="DRL674" s="613"/>
      <c r="DRM674" s="613"/>
      <c r="DRN674" s="613"/>
      <c r="DRO674" s="613"/>
      <c r="DRP674" s="613"/>
      <c r="DRQ674" s="613"/>
      <c r="DRR674" s="613"/>
      <c r="DRS674" s="613"/>
      <c r="DRT674" s="613"/>
      <c r="DRU674" s="613"/>
      <c r="DRV674" s="613"/>
      <c r="DRW674" s="613"/>
      <c r="DRX674" s="613"/>
      <c r="DRY674" s="613"/>
      <c r="DRZ674" s="613"/>
      <c r="DSA674" s="613"/>
      <c r="DSB674" s="613"/>
      <c r="DSC674" s="613"/>
      <c r="DSD674" s="613"/>
      <c r="DSE674" s="613"/>
      <c r="DSF674" s="613"/>
      <c r="DSG674" s="613"/>
      <c r="DSH674" s="613"/>
      <c r="DSI674" s="613"/>
      <c r="DSJ674" s="613"/>
      <c r="DSK674" s="613"/>
      <c r="DSL674" s="613"/>
      <c r="DSM674" s="613"/>
      <c r="DSN674" s="613"/>
      <c r="DSO674" s="613"/>
      <c r="DSP674" s="613"/>
      <c r="DSQ674" s="613"/>
      <c r="DSR674" s="613"/>
      <c r="DSS674" s="613"/>
      <c r="DST674" s="613"/>
      <c r="DSU674" s="613"/>
      <c r="DSV674" s="613"/>
      <c r="DSW674" s="613"/>
      <c r="DSX674" s="613"/>
      <c r="DSY674" s="613"/>
      <c r="DSZ674" s="613"/>
      <c r="DTA674" s="613"/>
      <c r="DTB674" s="613"/>
      <c r="DTC674" s="613"/>
      <c r="DTD674" s="613"/>
      <c r="DTE674" s="613"/>
      <c r="DTF674" s="613"/>
      <c r="DTG674" s="613"/>
      <c r="DTH674" s="613"/>
      <c r="DTI674" s="613"/>
      <c r="DTJ674" s="613"/>
      <c r="DTK674" s="613"/>
      <c r="DTL674" s="613"/>
      <c r="DTM674" s="613"/>
      <c r="DTN674" s="613"/>
      <c r="DTO674" s="613"/>
      <c r="DTP674" s="613"/>
      <c r="DTQ674" s="613"/>
      <c r="DTR674" s="613"/>
      <c r="DTS674" s="613"/>
      <c r="DTT674" s="613"/>
      <c r="DTU674" s="613"/>
      <c r="DTV674" s="613"/>
      <c r="DTW674" s="613"/>
      <c r="DTX674" s="613"/>
      <c r="DTY674" s="613"/>
      <c r="DTZ674" s="613"/>
      <c r="DUA674" s="613"/>
      <c r="DUB674" s="613"/>
      <c r="DUC674" s="613"/>
      <c r="DUD674" s="613"/>
      <c r="DUE674" s="613"/>
      <c r="DUF674" s="613"/>
      <c r="DUG674" s="613"/>
      <c r="DUH674" s="613"/>
      <c r="DUI674" s="613"/>
      <c r="DUJ674" s="613"/>
      <c r="DUK674" s="613"/>
      <c r="DUL674" s="613"/>
      <c r="DUM674" s="613"/>
      <c r="DUN674" s="613"/>
      <c r="DUO674" s="613"/>
      <c r="DUP674" s="613"/>
      <c r="DUQ674" s="613"/>
      <c r="DUR674" s="613"/>
      <c r="DUS674" s="613"/>
      <c r="DUT674" s="613"/>
      <c r="DUU674" s="613"/>
      <c r="DUV674" s="613"/>
      <c r="DUW674" s="613"/>
      <c r="DUX674" s="613"/>
      <c r="DUY674" s="613"/>
      <c r="DUZ674" s="613"/>
      <c r="DVA674" s="613"/>
      <c r="DVB674" s="613"/>
      <c r="DVC674" s="613"/>
      <c r="DVD674" s="613"/>
      <c r="DVE674" s="613"/>
      <c r="DVF674" s="613"/>
      <c r="DVG674" s="613"/>
      <c r="DVH674" s="613"/>
      <c r="DVI674" s="613"/>
      <c r="DVJ674" s="613"/>
      <c r="DVK674" s="613"/>
      <c r="DVL674" s="613"/>
      <c r="DVM674" s="613"/>
      <c r="DVN674" s="613"/>
      <c r="DVO674" s="613"/>
      <c r="DVP674" s="613"/>
      <c r="DVQ674" s="613"/>
      <c r="DVR674" s="613"/>
      <c r="DVS674" s="613"/>
      <c r="DVT674" s="613"/>
      <c r="DVU674" s="613"/>
      <c r="DVV674" s="613"/>
      <c r="DVW674" s="613"/>
      <c r="DVX674" s="613"/>
      <c r="DVY674" s="613"/>
      <c r="DVZ674" s="613"/>
      <c r="DWA674" s="613"/>
      <c r="DWB674" s="613"/>
      <c r="DWC674" s="613"/>
      <c r="DWD674" s="613"/>
      <c r="DWE674" s="613"/>
      <c r="DWF674" s="613"/>
      <c r="DWG674" s="613"/>
      <c r="DWH674" s="613"/>
      <c r="DWI674" s="613"/>
      <c r="DWJ674" s="613"/>
      <c r="DWK674" s="613"/>
      <c r="DWL674" s="613"/>
      <c r="DWM674" s="613"/>
      <c r="DWN674" s="613"/>
      <c r="DWO674" s="613"/>
      <c r="DWP674" s="613"/>
      <c r="DWQ674" s="613"/>
      <c r="DWR674" s="613"/>
      <c r="DWS674" s="613"/>
      <c r="DWT674" s="613"/>
      <c r="DWU674" s="613"/>
      <c r="DWV674" s="613"/>
      <c r="DWW674" s="613"/>
      <c r="DWX674" s="613"/>
      <c r="DWY674" s="613"/>
      <c r="DWZ674" s="613"/>
      <c r="DXA674" s="613"/>
      <c r="DXB674" s="613"/>
      <c r="DXC674" s="613"/>
      <c r="DXD674" s="613"/>
      <c r="DXE674" s="613"/>
      <c r="DXF674" s="613"/>
      <c r="DXG674" s="613"/>
      <c r="DXH674" s="613"/>
      <c r="DXI674" s="613"/>
      <c r="DXJ674" s="613"/>
      <c r="DXK674" s="613"/>
      <c r="DXL674" s="613"/>
      <c r="DXM674" s="613"/>
      <c r="DXN674" s="613"/>
      <c r="DXO674" s="613"/>
      <c r="DXP674" s="613"/>
      <c r="DXQ674" s="613"/>
      <c r="DXR674" s="613"/>
      <c r="DXS674" s="613"/>
      <c r="DXT674" s="613"/>
      <c r="DXU674" s="613"/>
      <c r="DXV674" s="613"/>
      <c r="DXW674" s="613"/>
      <c r="DXX674" s="613"/>
      <c r="DXY674" s="613"/>
      <c r="DXZ674" s="613"/>
      <c r="DYA674" s="613"/>
      <c r="DYB674" s="613"/>
      <c r="DYC674" s="613"/>
      <c r="DYD674" s="613"/>
      <c r="DYE674" s="613"/>
      <c r="DYF674" s="613"/>
      <c r="DYG674" s="613"/>
      <c r="DYH674" s="613"/>
      <c r="DYI674" s="613"/>
      <c r="DYJ674" s="613"/>
      <c r="DYK674" s="613"/>
      <c r="DYL674" s="613"/>
      <c r="DYM674" s="613"/>
      <c r="DYN674" s="613"/>
      <c r="DYO674" s="613"/>
      <c r="DYP674" s="613"/>
      <c r="DYQ674" s="613"/>
      <c r="DYR674" s="613"/>
      <c r="DYS674" s="613"/>
      <c r="DYT674" s="613"/>
      <c r="DYU674" s="613"/>
      <c r="DYV674" s="613"/>
      <c r="DYW674" s="613"/>
      <c r="DYX674" s="613"/>
      <c r="DYY674" s="613"/>
      <c r="DYZ674" s="613"/>
      <c r="DZA674" s="613"/>
      <c r="DZB674" s="613"/>
      <c r="DZC674" s="613"/>
      <c r="DZD674" s="613"/>
      <c r="DZE674" s="613"/>
      <c r="DZF674" s="613"/>
      <c r="DZG674" s="613"/>
      <c r="DZH674" s="613"/>
      <c r="DZI674" s="613"/>
      <c r="DZJ674" s="613"/>
      <c r="DZK674" s="613"/>
      <c r="DZL674" s="613"/>
      <c r="DZM674" s="613"/>
      <c r="DZN674" s="613"/>
      <c r="DZO674" s="613"/>
      <c r="DZP674" s="613"/>
      <c r="DZQ674" s="613"/>
      <c r="DZR674" s="613"/>
      <c r="DZS674" s="613"/>
      <c r="DZT674" s="613"/>
      <c r="DZU674" s="613"/>
      <c r="DZV674" s="613"/>
      <c r="DZW674" s="613"/>
      <c r="DZX674" s="613"/>
      <c r="DZY674" s="613"/>
      <c r="DZZ674" s="613"/>
      <c r="EAA674" s="613"/>
      <c r="EAB674" s="613"/>
      <c r="EAC674" s="613"/>
      <c r="EAD674" s="613"/>
      <c r="EAE674" s="613"/>
      <c r="EAF674" s="613"/>
      <c r="EAG674" s="613"/>
      <c r="EAH674" s="613"/>
      <c r="EAI674" s="613"/>
      <c r="EAJ674" s="613"/>
      <c r="EAK674" s="613"/>
      <c r="EAL674" s="613"/>
      <c r="EAM674" s="613"/>
      <c r="EAN674" s="613"/>
      <c r="EAO674" s="613"/>
      <c r="EAP674" s="613"/>
      <c r="EAQ674" s="613"/>
      <c r="EAR674" s="613"/>
      <c r="EAS674" s="613"/>
      <c r="EAT674" s="613"/>
      <c r="EAU674" s="613"/>
      <c r="EAV674" s="613"/>
      <c r="EAW674" s="613"/>
      <c r="EAX674" s="613"/>
      <c r="EAY674" s="613"/>
      <c r="EAZ674" s="613"/>
      <c r="EBA674" s="613"/>
      <c r="EBB674" s="613"/>
      <c r="EBC674" s="613"/>
      <c r="EBD674" s="613"/>
      <c r="EBE674" s="613"/>
      <c r="EBF674" s="613"/>
      <c r="EBG674" s="613"/>
      <c r="EBH674" s="613"/>
      <c r="EBI674" s="613"/>
      <c r="EBJ674" s="613"/>
      <c r="EBK674" s="613"/>
      <c r="EBL674" s="613"/>
      <c r="EBM674" s="613"/>
      <c r="EBN674" s="613"/>
      <c r="EBO674" s="613"/>
      <c r="EBP674" s="613"/>
      <c r="EBQ674" s="613"/>
      <c r="EBR674" s="613"/>
      <c r="EBS674" s="613"/>
      <c r="EBT674" s="613"/>
      <c r="EBU674" s="613"/>
      <c r="EBV674" s="613"/>
      <c r="EBW674" s="613"/>
      <c r="EBX674" s="613"/>
      <c r="EBY674" s="613"/>
      <c r="EBZ674" s="613"/>
      <c r="ECA674" s="613"/>
      <c r="ECB674" s="613"/>
      <c r="ECC674" s="613"/>
      <c r="ECD674" s="613"/>
      <c r="ECE674" s="613"/>
      <c r="ECF674" s="613"/>
      <c r="ECG674" s="613"/>
      <c r="ECH674" s="613"/>
      <c r="ECI674" s="613"/>
      <c r="ECJ674" s="613"/>
      <c r="ECK674" s="613"/>
      <c r="ECL674" s="613"/>
      <c r="ECM674" s="613"/>
      <c r="ECN674" s="613"/>
      <c r="ECO674" s="613"/>
      <c r="ECP674" s="613"/>
      <c r="ECQ674" s="613"/>
      <c r="ECR674" s="613"/>
      <c r="ECS674" s="613"/>
      <c r="ECT674" s="613"/>
      <c r="ECU674" s="613"/>
      <c r="ECV674" s="613"/>
      <c r="ECW674" s="613"/>
      <c r="ECX674" s="613"/>
      <c r="ECY674" s="613"/>
      <c r="ECZ674" s="613"/>
      <c r="EDA674" s="613"/>
      <c r="EDB674" s="613"/>
      <c r="EDC674" s="613"/>
      <c r="EDD674" s="613"/>
      <c r="EDE674" s="613"/>
      <c r="EDF674" s="613"/>
      <c r="EDG674" s="613"/>
      <c r="EDH674" s="613"/>
      <c r="EDI674" s="613"/>
      <c r="EDJ674" s="613"/>
      <c r="EDK674" s="613"/>
      <c r="EDL674" s="613"/>
      <c r="EDM674" s="613"/>
      <c r="EDN674" s="613"/>
      <c r="EDO674" s="613"/>
      <c r="EDP674" s="613"/>
      <c r="EDQ674" s="613"/>
      <c r="EDR674" s="613"/>
      <c r="EDS674" s="613"/>
      <c r="EDT674" s="613"/>
      <c r="EDU674" s="613"/>
      <c r="EDV674" s="613"/>
      <c r="EDW674" s="613"/>
      <c r="EDX674" s="613"/>
      <c r="EDY674" s="613"/>
      <c r="EDZ674" s="613"/>
      <c r="EEA674" s="613"/>
      <c r="EEB674" s="613"/>
      <c r="EEC674" s="613"/>
      <c r="EED674" s="613"/>
      <c r="EEE674" s="613"/>
      <c r="EEF674" s="613"/>
      <c r="EEG674" s="613"/>
      <c r="EEH674" s="613"/>
      <c r="EEI674" s="613"/>
      <c r="EEJ674" s="613"/>
      <c r="EEK674" s="613"/>
      <c r="EEL674" s="613"/>
      <c r="EEM674" s="613"/>
      <c r="EEN674" s="613"/>
      <c r="EEO674" s="613"/>
      <c r="EEP674" s="613"/>
      <c r="EEQ674" s="613"/>
      <c r="EER674" s="613"/>
      <c r="EES674" s="613"/>
      <c r="EET674" s="613"/>
      <c r="EEU674" s="613"/>
      <c r="EEV674" s="613"/>
      <c r="EEW674" s="613"/>
      <c r="EEX674" s="613"/>
      <c r="EEY674" s="613"/>
      <c r="EEZ674" s="613"/>
      <c r="EFA674" s="613"/>
      <c r="EFB674" s="613"/>
      <c r="EFC674" s="613"/>
      <c r="EFD674" s="613"/>
      <c r="EFE674" s="613"/>
      <c r="EFF674" s="613"/>
      <c r="EFG674" s="613"/>
      <c r="EFH674" s="613"/>
      <c r="EFI674" s="613"/>
      <c r="EFJ674" s="613"/>
      <c r="EFK674" s="613"/>
      <c r="EFL674" s="613"/>
      <c r="EFM674" s="613"/>
      <c r="EFN674" s="613"/>
      <c r="EFO674" s="613"/>
      <c r="EFP674" s="613"/>
      <c r="EFQ674" s="613"/>
      <c r="EFR674" s="613"/>
      <c r="EFS674" s="613"/>
      <c r="EFT674" s="613"/>
      <c r="EFU674" s="613"/>
      <c r="EFV674" s="613"/>
      <c r="EFW674" s="613"/>
      <c r="EFX674" s="613"/>
      <c r="EFY674" s="613"/>
      <c r="EFZ674" s="613"/>
      <c r="EGA674" s="613"/>
      <c r="EGB674" s="613"/>
      <c r="EGC674" s="613"/>
      <c r="EGD674" s="613"/>
      <c r="EGE674" s="613"/>
      <c r="EGF674" s="613"/>
      <c r="EGG674" s="613"/>
      <c r="EGH674" s="613"/>
      <c r="EGI674" s="613"/>
      <c r="EGJ674" s="613"/>
      <c r="EGK674" s="613"/>
      <c r="EGL674" s="613"/>
      <c r="EGM674" s="613"/>
      <c r="EGN674" s="613"/>
      <c r="EGO674" s="613"/>
      <c r="EGP674" s="613"/>
      <c r="EGQ674" s="613"/>
      <c r="EGR674" s="613"/>
      <c r="EGS674" s="613"/>
      <c r="EGT674" s="613"/>
      <c r="EGU674" s="613"/>
      <c r="EGV674" s="613"/>
      <c r="EGW674" s="613"/>
      <c r="EGX674" s="613"/>
      <c r="EGY674" s="613"/>
      <c r="EGZ674" s="613"/>
      <c r="EHA674" s="613"/>
      <c r="EHB674" s="613"/>
      <c r="EHC674" s="613"/>
      <c r="EHD674" s="613"/>
      <c r="EHE674" s="613"/>
      <c r="EHF674" s="613"/>
      <c r="EHG674" s="613"/>
      <c r="EHH674" s="613"/>
      <c r="EHI674" s="613"/>
      <c r="EHJ674" s="613"/>
      <c r="EHK674" s="613"/>
      <c r="EHL674" s="613"/>
      <c r="EHM674" s="613"/>
      <c r="EHN674" s="613"/>
      <c r="EHO674" s="613"/>
      <c r="EHP674" s="613"/>
      <c r="EHQ674" s="613"/>
      <c r="EHR674" s="613"/>
      <c r="EHS674" s="613"/>
      <c r="EHT674" s="613"/>
      <c r="EHU674" s="613"/>
      <c r="EHV674" s="613"/>
      <c r="EHW674" s="613"/>
      <c r="EHX674" s="613"/>
      <c r="EHY674" s="613"/>
      <c r="EHZ674" s="613"/>
      <c r="EIA674" s="613"/>
      <c r="EIB674" s="613"/>
      <c r="EIC674" s="613"/>
      <c r="EID674" s="613"/>
      <c r="EIE674" s="613"/>
      <c r="EIF674" s="613"/>
      <c r="EIG674" s="613"/>
      <c r="EIH674" s="613"/>
      <c r="EII674" s="613"/>
      <c r="EIJ674" s="613"/>
      <c r="EIK674" s="613"/>
      <c r="EIL674" s="613"/>
      <c r="EIM674" s="613"/>
      <c r="EIN674" s="613"/>
      <c r="EIO674" s="613"/>
      <c r="EIP674" s="613"/>
      <c r="EIQ674" s="613"/>
      <c r="EIR674" s="613"/>
      <c r="EIS674" s="613"/>
      <c r="EIT674" s="613"/>
      <c r="EIU674" s="613"/>
      <c r="EIV674" s="613"/>
      <c r="EIW674" s="613"/>
      <c r="EIX674" s="613"/>
      <c r="EIY674" s="613"/>
      <c r="EIZ674" s="613"/>
      <c r="EJA674" s="613"/>
      <c r="EJB674" s="613"/>
      <c r="EJC674" s="613"/>
      <c r="EJD674" s="613"/>
      <c r="EJE674" s="613"/>
      <c r="EJF674" s="613"/>
      <c r="EJG674" s="613"/>
      <c r="EJH674" s="613"/>
      <c r="EJI674" s="613"/>
      <c r="EJJ674" s="613"/>
      <c r="EJK674" s="613"/>
      <c r="EJL674" s="613"/>
      <c r="EJM674" s="613"/>
      <c r="EJN674" s="613"/>
      <c r="EJO674" s="613"/>
      <c r="EJP674" s="613"/>
      <c r="EJQ674" s="613"/>
      <c r="EJR674" s="613"/>
      <c r="EJS674" s="613"/>
      <c r="EJT674" s="613"/>
      <c r="EJU674" s="613"/>
      <c r="EJV674" s="613"/>
      <c r="EJW674" s="613"/>
      <c r="EJX674" s="613"/>
      <c r="EJY674" s="613"/>
      <c r="EJZ674" s="613"/>
      <c r="EKA674" s="613"/>
      <c r="EKB674" s="613"/>
      <c r="EKC674" s="613"/>
      <c r="EKD674" s="613"/>
      <c r="EKE674" s="613"/>
      <c r="EKF674" s="613"/>
      <c r="EKG674" s="613"/>
      <c r="EKH674" s="613"/>
      <c r="EKI674" s="613"/>
      <c r="EKJ674" s="613"/>
      <c r="EKK674" s="613"/>
      <c r="EKL674" s="613"/>
      <c r="EKM674" s="613"/>
      <c r="EKN674" s="613"/>
      <c r="EKO674" s="613"/>
      <c r="EKP674" s="613"/>
      <c r="EKQ674" s="613"/>
      <c r="EKR674" s="613"/>
      <c r="EKS674" s="613"/>
      <c r="EKT674" s="613"/>
      <c r="EKU674" s="613"/>
      <c r="EKV674" s="613"/>
      <c r="EKW674" s="613"/>
      <c r="EKX674" s="613"/>
      <c r="EKY674" s="613"/>
      <c r="EKZ674" s="613"/>
      <c r="ELA674" s="613"/>
      <c r="ELB674" s="613"/>
      <c r="ELC674" s="613"/>
      <c r="ELD674" s="613"/>
      <c r="ELE674" s="613"/>
      <c r="ELF674" s="613"/>
      <c r="ELG674" s="613"/>
      <c r="ELH674" s="613"/>
      <c r="ELI674" s="613"/>
      <c r="ELJ674" s="613"/>
      <c r="ELK674" s="613"/>
      <c r="ELL674" s="613"/>
      <c r="ELM674" s="613"/>
      <c r="ELN674" s="613"/>
      <c r="ELO674" s="613"/>
      <c r="ELP674" s="613"/>
      <c r="ELQ674" s="613"/>
      <c r="ELR674" s="613"/>
      <c r="ELS674" s="613"/>
      <c r="ELT674" s="613"/>
      <c r="ELU674" s="613"/>
      <c r="ELV674" s="613"/>
      <c r="ELW674" s="613"/>
      <c r="ELX674" s="613"/>
      <c r="ELY674" s="613"/>
      <c r="ELZ674" s="613"/>
      <c r="EMA674" s="613"/>
      <c r="EMB674" s="613"/>
      <c r="EMC674" s="613"/>
      <c r="EMD674" s="613"/>
      <c r="EME674" s="613"/>
      <c r="EMF674" s="613"/>
      <c r="EMG674" s="613"/>
      <c r="EMH674" s="613"/>
      <c r="EMI674" s="613"/>
      <c r="EMJ674" s="613"/>
      <c r="EMK674" s="613"/>
      <c r="EML674" s="613"/>
      <c r="EMM674" s="613"/>
      <c r="EMN674" s="613"/>
      <c r="EMO674" s="613"/>
      <c r="EMP674" s="613"/>
      <c r="EMQ674" s="613"/>
      <c r="EMR674" s="613"/>
      <c r="EMS674" s="613"/>
      <c r="EMT674" s="613"/>
      <c r="EMU674" s="613"/>
      <c r="EMV674" s="613"/>
      <c r="EMW674" s="613"/>
      <c r="EMX674" s="613"/>
      <c r="EMY674" s="613"/>
      <c r="EMZ674" s="613"/>
      <c r="ENA674" s="613"/>
      <c r="ENB674" s="613"/>
      <c r="ENC674" s="613"/>
      <c r="END674" s="613"/>
      <c r="ENE674" s="613"/>
      <c r="ENF674" s="613"/>
      <c r="ENG674" s="613"/>
      <c r="ENH674" s="613"/>
      <c r="ENI674" s="613"/>
      <c r="ENJ674" s="613"/>
      <c r="ENK674" s="613"/>
      <c r="ENL674" s="613"/>
      <c r="ENM674" s="613"/>
      <c r="ENN674" s="613"/>
      <c r="ENO674" s="613"/>
      <c r="ENP674" s="613"/>
      <c r="ENQ674" s="613"/>
      <c r="ENR674" s="613"/>
      <c r="ENS674" s="613"/>
      <c r="ENT674" s="613"/>
      <c r="ENU674" s="613"/>
      <c r="ENV674" s="613"/>
      <c r="ENW674" s="613"/>
      <c r="ENX674" s="613"/>
      <c r="ENY674" s="613"/>
      <c r="ENZ674" s="613"/>
      <c r="EOA674" s="613"/>
      <c r="EOB674" s="613"/>
      <c r="EOC674" s="613"/>
      <c r="EOD674" s="613"/>
      <c r="EOE674" s="613"/>
      <c r="EOF674" s="613"/>
      <c r="EOG674" s="613"/>
      <c r="EOH674" s="613"/>
      <c r="EOI674" s="613"/>
      <c r="EOJ674" s="613"/>
      <c r="EOK674" s="613"/>
      <c r="EOL674" s="613"/>
      <c r="EOM674" s="613"/>
      <c r="EON674" s="613"/>
      <c r="EOO674" s="613"/>
      <c r="EOP674" s="613"/>
      <c r="EOQ674" s="613"/>
      <c r="EOR674" s="613"/>
      <c r="EOS674" s="613"/>
      <c r="EOT674" s="613"/>
      <c r="EOU674" s="613"/>
      <c r="EOV674" s="613"/>
      <c r="EOW674" s="613"/>
      <c r="EOX674" s="613"/>
      <c r="EOY674" s="613"/>
      <c r="EOZ674" s="613"/>
      <c r="EPA674" s="613"/>
      <c r="EPB674" s="613"/>
      <c r="EPC674" s="613"/>
      <c r="EPD674" s="613"/>
      <c r="EPE674" s="613"/>
      <c r="EPF674" s="613"/>
      <c r="EPG674" s="613"/>
      <c r="EPH674" s="613"/>
      <c r="EPI674" s="613"/>
      <c r="EPJ674" s="613"/>
      <c r="EPK674" s="613"/>
      <c r="EPL674" s="613"/>
      <c r="EPM674" s="613"/>
      <c r="EPN674" s="613"/>
      <c r="EPO674" s="613"/>
      <c r="EPP674" s="613"/>
      <c r="EPQ674" s="613"/>
      <c r="EPR674" s="613"/>
      <c r="EPS674" s="613"/>
      <c r="EPT674" s="613"/>
      <c r="EPU674" s="613"/>
      <c r="EPV674" s="613"/>
      <c r="EPW674" s="613"/>
      <c r="EPX674" s="613"/>
      <c r="EPY674" s="613"/>
      <c r="EPZ674" s="613"/>
      <c r="EQA674" s="613"/>
      <c r="EQB674" s="613"/>
      <c r="EQC674" s="613"/>
      <c r="EQD674" s="613"/>
      <c r="EQE674" s="613"/>
      <c r="EQF674" s="613"/>
      <c r="EQG674" s="613"/>
      <c r="EQH674" s="613"/>
      <c r="EQI674" s="613"/>
      <c r="EQJ674" s="613"/>
      <c r="EQK674" s="613"/>
      <c r="EQL674" s="613"/>
      <c r="EQM674" s="613"/>
      <c r="EQN674" s="613"/>
      <c r="EQO674" s="613"/>
      <c r="EQP674" s="613"/>
      <c r="EQQ674" s="613"/>
      <c r="EQR674" s="613"/>
      <c r="EQS674" s="613"/>
      <c r="EQT674" s="613"/>
      <c r="EQU674" s="613"/>
      <c r="EQV674" s="613"/>
      <c r="EQW674" s="613"/>
      <c r="EQX674" s="613"/>
      <c r="EQY674" s="613"/>
      <c r="EQZ674" s="613"/>
      <c r="ERA674" s="613"/>
      <c r="ERB674" s="613"/>
      <c r="ERC674" s="613"/>
      <c r="ERD674" s="613"/>
      <c r="ERE674" s="613"/>
      <c r="ERF674" s="613"/>
      <c r="ERG674" s="613"/>
      <c r="ERH674" s="613"/>
      <c r="ERI674" s="613"/>
      <c r="ERJ674" s="613"/>
      <c r="ERK674" s="613"/>
      <c r="ERL674" s="613"/>
      <c r="ERM674" s="613"/>
      <c r="ERN674" s="613"/>
      <c r="ERO674" s="613"/>
      <c r="ERP674" s="613"/>
      <c r="ERQ674" s="613"/>
      <c r="ERR674" s="613"/>
      <c r="ERS674" s="613"/>
      <c r="ERT674" s="613"/>
      <c r="ERU674" s="613"/>
      <c r="ERV674" s="613"/>
      <c r="ERW674" s="613"/>
      <c r="ERX674" s="613"/>
      <c r="ERY674" s="613"/>
      <c r="ERZ674" s="613"/>
      <c r="ESA674" s="613"/>
      <c r="ESB674" s="613"/>
      <c r="ESC674" s="613"/>
      <c r="ESD674" s="613"/>
      <c r="ESE674" s="613"/>
      <c r="ESF674" s="613"/>
      <c r="ESG674" s="613"/>
      <c r="ESH674" s="613"/>
      <c r="ESI674" s="613"/>
      <c r="ESJ674" s="613"/>
      <c r="ESK674" s="613"/>
      <c r="ESL674" s="613"/>
      <c r="ESM674" s="613"/>
      <c r="ESN674" s="613"/>
      <c r="ESO674" s="613"/>
      <c r="ESP674" s="613"/>
      <c r="ESQ674" s="613"/>
      <c r="ESR674" s="613"/>
      <c r="ESS674" s="613"/>
      <c r="EST674" s="613"/>
      <c r="ESU674" s="613"/>
      <c r="ESV674" s="613"/>
      <c r="ESW674" s="613"/>
      <c r="ESX674" s="613"/>
      <c r="ESY674" s="613"/>
      <c r="ESZ674" s="613"/>
      <c r="ETA674" s="613"/>
      <c r="ETB674" s="613"/>
      <c r="ETC674" s="613"/>
      <c r="ETD674" s="613"/>
      <c r="ETE674" s="613"/>
      <c r="ETF674" s="613"/>
      <c r="ETG674" s="613"/>
      <c r="ETH674" s="613"/>
      <c r="ETI674" s="613"/>
      <c r="ETJ674" s="613"/>
      <c r="ETK674" s="613"/>
      <c r="ETL674" s="613"/>
      <c r="ETM674" s="613"/>
      <c r="ETN674" s="613"/>
      <c r="ETO674" s="613"/>
      <c r="ETP674" s="613"/>
      <c r="ETQ674" s="613"/>
      <c r="ETR674" s="613"/>
      <c r="ETS674" s="613"/>
      <c r="ETT674" s="613"/>
      <c r="ETU674" s="613"/>
      <c r="ETV674" s="613"/>
      <c r="ETW674" s="613"/>
      <c r="ETX674" s="613"/>
      <c r="ETY674" s="613"/>
      <c r="ETZ674" s="613"/>
      <c r="EUA674" s="613"/>
      <c r="EUB674" s="613"/>
      <c r="EUC674" s="613"/>
      <c r="EUD674" s="613"/>
      <c r="EUE674" s="613"/>
      <c r="EUF674" s="613"/>
      <c r="EUG674" s="613"/>
      <c r="EUH674" s="613"/>
      <c r="EUI674" s="613"/>
      <c r="EUJ674" s="613"/>
      <c r="EUK674" s="613"/>
      <c r="EUL674" s="613"/>
      <c r="EUM674" s="613"/>
      <c r="EUN674" s="613"/>
      <c r="EUO674" s="613"/>
      <c r="EUP674" s="613"/>
      <c r="EUQ674" s="613"/>
      <c r="EUR674" s="613"/>
      <c r="EUS674" s="613"/>
      <c r="EUT674" s="613"/>
      <c r="EUU674" s="613"/>
      <c r="EUV674" s="613"/>
      <c r="EUW674" s="613"/>
      <c r="EUX674" s="613"/>
      <c r="EUY674" s="613"/>
      <c r="EUZ674" s="613"/>
      <c r="EVA674" s="613"/>
      <c r="EVB674" s="613"/>
      <c r="EVC674" s="613"/>
      <c r="EVD674" s="613"/>
      <c r="EVE674" s="613"/>
      <c r="EVF674" s="613"/>
      <c r="EVG674" s="613"/>
      <c r="EVH674" s="613"/>
      <c r="EVI674" s="613"/>
      <c r="EVJ674" s="613"/>
      <c r="EVK674" s="613"/>
      <c r="EVL674" s="613"/>
      <c r="EVM674" s="613"/>
      <c r="EVN674" s="613"/>
      <c r="EVO674" s="613"/>
      <c r="EVP674" s="613"/>
      <c r="EVQ674" s="613"/>
      <c r="EVR674" s="613"/>
      <c r="EVS674" s="613"/>
      <c r="EVT674" s="613"/>
      <c r="EVU674" s="613"/>
      <c r="EVV674" s="613"/>
      <c r="EVW674" s="613"/>
      <c r="EVX674" s="613"/>
      <c r="EVY674" s="613"/>
      <c r="EVZ674" s="613"/>
      <c r="EWA674" s="613"/>
      <c r="EWB674" s="613"/>
      <c r="EWC674" s="613"/>
      <c r="EWD674" s="613"/>
      <c r="EWE674" s="613"/>
      <c r="EWF674" s="613"/>
      <c r="EWG674" s="613"/>
      <c r="EWH674" s="613"/>
      <c r="EWI674" s="613"/>
      <c r="EWJ674" s="613"/>
      <c r="EWK674" s="613"/>
      <c r="EWL674" s="613"/>
      <c r="EWM674" s="613"/>
      <c r="EWN674" s="613"/>
      <c r="EWO674" s="613"/>
      <c r="EWP674" s="613"/>
      <c r="EWQ674" s="613"/>
      <c r="EWR674" s="613"/>
      <c r="EWS674" s="613"/>
      <c r="EWT674" s="613"/>
      <c r="EWU674" s="613"/>
      <c r="EWV674" s="613"/>
      <c r="EWW674" s="613"/>
      <c r="EWX674" s="613"/>
      <c r="EWY674" s="613"/>
      <c r="EWZ674" s="613"/>
      <c r="EXA674" s="613"/>
      <c r="EXB674" s="613"/>
      <c r="EXC674" s="613"/>
      <c r="EXD674" s="613"/>
      <c r="EXE674" s="613"/>
      <c r="EXF674" s="613"/>
      <c r="EXG674" s="613"/>
      <c r="EXH674" s="613"/>
      <c r="EXI674" s="613"/>
      <c r="EXJ674" s="613"/>
      <c r="EXK674" s="613"/>
      <c r="EXL674" s="613"/>
      <c r="EXM674" s="613"/>
      <c r="EXN674" s="613"/>
      <c r="EXO674" s="613"/>
      <c r="EXP674" s="613"/>
      <c r="EXQ674" s="613"/>
      <c r="EXR674" s="613"/>
      <c r="EXS674" s="613"/>
      <c r="EXT674" s="613"/>
      <c r="EXU674" s="613"/>
      <c r="EXV674" s="613"/>
      <c r="EXW674" s="613"/>
      <c r="EXX674" s="613"/>
      <c r="EXY674" s="613"/>
      <c r="EXZ674" s="613"/>
      <c r="EYA674" s="613"/>
      <c r="EYB674" s="613"/>
      <c r="EYC674" s="613"/>
      <c r="EYD674" s="613"/>
      <c r="EYE674" s="613"/>
      <c r="EYF674" s="613"/>
      <c r="EYG674" s="613"/>
      <c r="EYH674" s="613"/>
      <c r="EYI674" s="613"/>
      <c r="EYJ674" s="613"/>
      <c r="EYK674" s="613"/>
      <c r="EYL674" s="613"/>
      <c r="EYM674" s="613"/>
      <c r="EYN674" s="613"/>
      <c r="EYO674" s="613"/>
      <c r="EYP674" s="613"/>
      <c r="EYQ674" s="613"/>
      <c r="EYR674" s="613"/>
      <c r="EYS674" s="613"/>
      <c r="EYT674" s="613"/>
      <c r="EYU674" s="613"/>
      <c r="EYV674" s="613"/>
      <c r="EYW674" s="613"/>
      <c r="EYX674" s="613"/>
      <c r="EYY674" s="613"/>
      <c r="EYZ674" s="613"/>
      <c r="EZA674" s="613"/>
      <c r="EZB674" s="613"/>
      <c r="EZC674" s="613"/>
      <c r="EZD674" s="613"/>
      <c r="EZE674" s="613"/>
      <c r="EZF674" s="613"/>
      <c r="EZG674" s="613"/>
      <c r="EZH674" s="613"/>
      <c r="EZI674" s="613"/>
      <c r="EZJ674" s="613"/>
      <c r="EZK674" s="613"/>
      <c r="EZL674" s="613"/>
      <c r="EZM674" s="613"/>
      <c r="EZN674" s="613"/>
      <c r="EZO674" s="613"/>
      <c r="EZP674" s="613"/>
      <c r="EZQ674" s="613"/>
      <c r="EZR674" s="613"/>
      <c r="EZS674" s="613"/>
      <c r="EZT674" s="613"/>
      <c r="EZU674" s="613"/>
      <c r="EZV674" s="613"/>
      <c r="EZW674" s="613"/>
      <c r="EZX674" s="613"/>
      <c r="EZY674" s="613"/>
      <c r="EZZ674" s="613"/>
      <c r="FAA674" s="613"/>
      <c r="FAB674" s="613"/>
      <c r="FAC674" s="613"/>
      <c r="FAD674" s="613"/>
      <c r="FAE674" s="613"/>
      <c r="FAF674" s="613"/>
      <c r="FAG674" s="613"/>
      <c r="FAH674" s="613"/>
      <c r="FAI674" s="613"/>
      <c r="FAJ674" s="613"/>
      <c r="FAK674" s="613"/>
      <c r="FAL674" s="613"/>
      <c r="FAM674" s="613"/>
      <c r="FAN674" s="613"/>
      <c r="FAO674" s="613"/>
      <c r="FAP674" s="613"/>
      <c r="FAQ674" s="613"/>
      <c r="FAR674" s="613"/>
      <c r="FAS674" s="613"/>
      <c r="FAT674" s="613"/>
      <c r="FAU674" s="613"/>
      <c r="FAV674" s="613"/>
      <c r="FAW674" s="613"/>
      <c r="FAX674" s="613"/>
      <c r="FAY674" s="613"/>
      <c r="FAZ674" s="613"/>
      <c r="FBA674" s="613"/>
      <c r="FBB674" s="613"/>
      <c r="FBC674" s="613"/>
      <c r="FBD674" s="613"/>
      <c r="FBE674" s="613"/>
      <c r="FBF674" s="613"/>
      <c r="FBG674" s="613"/>
      <c r="FBH674" s="613"/>
      <c r="FBI674" s="613"/>
      <c r="FBJ674" s="613"/>
      <c r="FBK674" s="613"/>
      <c r="FBL674" s="613"/>
      <c r="FBM674" s="613"/>
      <c r="FBN674" s="613"/>
      <c r="FBO674" s="613"/>
      <c r="FBP674" s="613"/>
      <c r="FBQ674" s="613"/>
      <c r="FBR674" s="613"/>
      <c r="FBS674" s="613"/>
      <c r="FBT674" s="613"/>
      <c r="FBU674" s="613"/>
      <c r="FBV674" s="613"/>
      <c r="FBW674" s="613"/>
      <c r="FBX674" s="613"/>
      <c r="FBY674" s="613"/>
      <c r="FBZ674" s="613"/>
      <c r="FCA674" s="613"/>
      <c r="FCB674" s="613"/>
      <c r="FCC674" s="613"/>
      <c r="FCD674" s="613"/>
      <c r="FCE674" s="613"/>
      <c r="FCF674" s="613"/>
      <c r="FCG674" s="613"/>
      <c r="FCH674" s="613"/>
      <c r="FCI674" s="613"/>
      <c r="FCJ674" s="613"/>
      <c r="FCK674" s="613"/>
      <c r="FCL674" s="613"/>
      <c r="FCM674" s="613"/>
      <c r="FCN674" s="613"/>
      <c r="FCO674" s="613"/>
      <c r="FCP674" s="613"/>
      <c r="FCQ674" s="613"/>
      <c r="FCR674" s="613"/>
      <c r="FCS674" s="613"/>
      <c r="FCT674" s="613"/>
      <c r="FCU674" s="613"/>
      <c r="FCV674" s="613"/>
      <c r="FCW674" s="613"/>
      <c r="FCX674" s="613"/>
      <c r="FCY674" s="613"/>
      <c r="FCZ674" s="613"/>
      <c r="FDA674" s="613"/>
      <c r="FDB674" s="613"/>
      <c r="FDC674" s="613"/>
      <c r="FDD674" s="613"/>
      <c r="FDE674" s="613"/>
      <c r="FDF674" s="613"/>
      <c r="FDG674" s="613"/>
      <c r="FDH674" s="613"/>
      <c r="FDI674" s="613"/>
      <c r="FDJ674" s="613"/>
      <c r="FDK674" s="613"/>
      <c r="FDL674" s="613"/>
      <c r="FDM674" s="613"/>
      <c r="FDN674" s="613"/>
      <c r="FDO674" s="613"/>
      <c r="FDP674" s="613"/>
      <c r="FDQ674" s="613"/>
      <c r="FDR674" s="613"/>
      <c r="FDS674" s="613"/>
      <c r="FDT674" s="613"/>
      <c r="FDU674" s="613"/>
      <c r="FDV674" s="613"/>
      <c r="FDW674" s="613"/>
      <c r="FDX674" s="613"/>
      <c r="FDY674" s="613"/>
      <c r="FDZ674" s="613"/>
      <c r="FEA674" s="613"/>
      <c r="FEB674" s="613"/>
      <c r="FEC674" s="613"/>
      <c r="FED674" s="613"/>
      <c r="FEE674" s="613"/>
      <c r="FEF674" s="613"/>
      <c r="FEG674" s="613"/>
      <c r="FEH674" s="613"/>
      <c r="FEI674" s="613"/>
      <c r="FEJ674" s="613"/>
      <c r="FEK674" s="613"/>
      <c r="FEL674" s="613"/>
      <c r="FEM674" s="613"/>
      <c r="FEN674" s="613"/>
      <c r="FEO674" s="613"/>
      <c r="FEP674" s="613"/>
      <c r="FEQ674" s="613"/>
      <c r="FER674" s="613"/>
      <c r="FES674" s="613"/>
      <c r="FET674" s="613"/>
      <c r="FEU674" s="613"/>
      <c r="FEV674" s="613"/>
      <c r="FEW674" s="613"/>
      <c r="FEX674" s="613"/>
      <c r="FEY674" s="613"/>
      <c r="FEZ674" s="613"/>
      <c r="FFA674" s="613"/>
      <c r="FFB674" s="613"/>
      <c r="FFC674" s="613"/>
      <c r="FFD674" s="613"/>
      <c r="FFE674" s="613"/>
      <c r="FFF674" s="613"/>
      <c r="FFG674" s="613"/>
      <c r="FFH674" s="613"/>
      <c r="FFI674" s="613"/>
      <c r="FFJ674" s="613"/>
      <c r="FFK674" s="613"/>
      <c r="FFL674" s="613"/>
      <c r="FFM674" s="613"/>
      <c r="FFN674" s="613"/>
      <c r="FFO674" s="613"/>
      <c r="FFP674" s="613"/>
      <c r="FFQ674" s="613"/>
      <c r="FFR674" s="613"/>
      <c r="FFS674" s="613"/>
      <c r="FFT674" s="613"/>
      <c r="FFU674" s="613"/>
      <c r="FFV674" s="613"/>
      <c r="FFW674" s="613"/>
      <c r="FFX674" s="613"/>
      <c r="FFY674" s="613"/>
      <c r="FFZ674" s="613"/>
      <c r="FGA674" s="613"/>
      <c r="FGB674" s="613"/>
      <c r="FGC674" s="613"/>
      <c r="FGD674" s="613"/>
      <c r="FGE674" s="613"/>
      <c r="FGF674" s="613"/>
      <c r="FGG674" s="613"/>
      <c r="FGH674" s="613"/>
      <c r="FGI674" s="613"/>
      <c r="FGJ674" s="613"/>
      <c r="FGK674" s="613"/>
      <c r="FGL674" s="613"/>
      <c r="FGM674" s="613"/>
      <c r="FGN674" s="613"/>
      <c r="FGO674" s="613"/>
      <c r="FGP674" s="613"/>
      <c r="FGQ674" s="613"/>
      <c r="FGR674" s="613"/>
      <c r="FGS674" s="613"/>
      <c r="FGT674" s="613"/>
      <c r="FGU674" s="613"/>
      <c r="FGV674" s="613"/>
      <c r="FGW674" s="613"/>
      <c r="FGX674" s="613"/>
      <c r="FGY674" s="613"/>
      <c r="FGZ674" s="613"/>
      <c r="FHA674" s="613"/>
      <c r="FHB674" s="613"/>
      <c r="FHC674" s="613"/>
      <c r="FHD674" s="613"/>
      <c r="FHE674" s="613"/>
      <c r="FHF674" s="613"/>
      <c r="FHG674" s="613"/>
      <c r="FHH674" s="613"/>
      <c r="FHI674" s="613"/>
      <c r="FHJ674" s="613"/>
      <c r="FHK674" s="613"/>
      <c r="FHL674" s="613"/>
      <c r="FHM674" s="613"/>
      <c r="FHN674" s="613"/>
      <c r="FHO674" s="613"/>
      <c r="FHP674" s="613"/>
      <c r="FHQ674" s="613"/>
      <c r="FHR674" s="613"/>
      <c r="FHS674" s="613"/>
      <c r="FHT674" s="613"/>
      <c r="FHU674" s="613"/>
      <c r="FHV674" s="613"/>
      <c r="FHW674" s="613"/>
      <c r="FHX674" s="613"/>
      <c r="FHY674" s="613"/>
      <c r="FHZ674" s="613"/>
      <c r="FIA674" s="613"/>
      <c r="FIB674" s="613"/>
      <c r="FIC674" s="613"/>
      <c r="FID674" s="613"/>
      <c r="FIE674" s="613"/>
      <c r="FIF674" s="613"/>
      <c r="FIG674" s="613"/>
      <c r="FIH674" s="613"/>
      <c r="FII674" s="613"/>
      <c r="FIJ674" s="613"/>
      <c r="FIK674" s="613"/>
      <c r="FIL674" s="613"/>
      <c r="FIM674" s="613"/>
      <c r="FIN674" s="613"/>
      <c r="FIO674" s="613"/>
      <c r="FIP674" s="613"/>
      <c r="FIQ674" s="613"/>
      <c r="FIR674" s="613"/>
      <c r="FIS674" s="613"/>
      <c r="FIT674" s="613"/>
      <c r="FIU674" s="613"/>
      <c r="FIV674" s="613"/>
      <c r="FIW674" s="613"/>
      <c r="FIX674" s="613"/>
      <c r="FIY674" s="613"/>
      <c r="FIZ674" s="613"/>
      <c r="FJA674" s="613"/>
      <c r="FJB674" s="613"/>
      <c r="FJC674" s="613"/>
      <c r="FJD674" s="613"/>
      <c r="FJE674" s="613"/>
      <c r="FJF674" s="613"/>
      <c r="FJG674" s="613"/>
      <c r="FJH674" s="613"/>
      <c r="FJI674" s="613"/>
      <c r="FJJ674" s="613"/>
      <c r="FJK674" s="613"/>
      <c r="FJL674" s="613"/>
      <c r="FJM674" s="613"/>
      <c r="FJN674" s="613"/>
      <c r="FJO674" s="613"/>
      <c r="FJP674" s="613"/>
      <c r="FJQ674" s="613"/>
      <c r="FJR674" s="613"/>
      <c r="FJS674" s="613"/>
      <c r="FJT674" s="613"/>
      <c r="FJU674" s="613"/>
      <c r="FJV674" s="613"/>
      <c r="FJW674" s="613"/>
      <c r="FJX674" s="613"/>
      <c r="FJY674" s="613"/>
      <c r="FJZ674" s="613"/>
      <c r="FKA674" s="613"/>
      <c r="FKB674" s="613"/>
      <c r="FKC674" s="613"/>
      <c r="FKD674" s="613"/>
      <c r="FKE674" s="613"/>
      <c r="FKF674" s="613"/>
      <c r="FKG674" s="613"/>
      <c r="FKH674" s="613"/>
      <c r="FKI674" s="613"/>
      <c r="FKJ674" s="613"/>
      <c r="FKK674" s="613"/>
      <c r="FKL674" s="613"/>
      <c r="FKM674" s="613"/>
      <c r="FKN674" s="613"/>
      <c r="FKO674" s="613"/>
      <c r="FKP674" s="613"/>
      <c r="FKQ674" s="613"/>
      <c r="FKR674" s="613"/>
      <c r="FKS674" s="613"/>
      <c r="FKT674" s="613"/>
      <c r="FKU674" s="613"/>
      <c r="FKV674" s="613"/>
      <c r="FKW674" s="613"/>
      <c r="FKX674" s="613"/>
      <c r="FKY674" s="613"/>
      <c r="FKZ674" s="613"/>
      <c r="FLA674" s="613"/>
      <c r="FLB674" s="613"/>
      <c r="FLC674" s="613"/>
      <c r="FLD674" s="613"/>
      <c r="FLE674" s="613"/>
      <c r="FLF674" s="613"/>
      <c r="FLG674" s="613"/>
      <c r="FLH674" s="613"/>
      <c r="FLI674" s="613"/>
      <c r="FLJ674" s="613"/>
      <c r="FLK674" s="613"/>
      <c r="FLL674" s="613"/>
      <c r="FLM674" s="613"/>
      <c r="FLN674" s="613"/>
      <c r="FLO674" s="613"/>
      <c r="FLP674" s="613"/>
      <c r="FLQ674" s="613"/>
      <c r="FLR674" s="613"/>
      <c r="FLS674" s="613"/>
      <c r="FLT674" s="613"/>
      <c r="FLU674" s="613"/>
      <c r="FLV674" s="613"/>
      <c r="FLW674" s="613"/>
      <c r="FLX674" s="613"/>
      <c r="FLY674" s="613"/>
      <c r="FLZ674" s="613"/>
      <c r="FMA674" s="613"/>
      <c r="FMB674" s="613"/>
      <c r="FMC674" s="613"/>
      <c r="FMD674" s="613"/>
      <c r="FME674" s="613"/>
      <c r="FMF674" s="613"/>
      <c r="FMG674" s="613"/>
      <c r="FMH674" s="613"/>
      <c r="FMI674" s="613"/>
      <c r="FMJ674" s="613"/>
      <c r="FMK674" s="613"/>
      <c r="FML674" s="613"/>
      <c r="FMM674" s="613"/>
      <c r="FMN674" s="613"/>
      <c r="FMO674" s="613"/>
      <c r="FMP674" s="613"/>
      <c r="FMQ674" s="613"/>
      <c r="FMR674" s="613"/>
      <c r="FMS674" s="613"/>
      <c r="FMT674" s="613"/>
      <c r="FMU674" s="613"/>
      <c r="FMV674" s="613"/>
      <c r="FMW674" s="613"/>
      <c r="FMX674" s="613"/>
      <c r="FMY674" s="613"/>
      <c r="FMZ674" s="613"/>
      <c r="FNA674" s="613"/>
      <c r="FNB674" s="613"/>
      <c r="FNC674" s="613"/>
      <c r="FND674" s="613"/>
      <c r="FNE674" s="613"/>
      <c r="FNF674" s="613"/>
      <c r="FNG674" s="613"/>
      <c r="FNH674" s="613"/>
      <c r="FNI674" s="613"/>
      <c r="FNJ674" s="613"/>
      <c r="FNK674" s="613"/>
      <c r="FNL674" s="613"/>
      <c r="FNM674" s="613"/>
      <c r="FNN674" s="613"/>
      <c r="FNO674" s="613"/>
      <c r="FNP674" s="613"/>
      <c r="FNQ674" s="613"/>
      <c r="FNR674" s="613"/>
      <c r="FNS674" s="613"/>
      <c r="FNT674" s="613"/>
      <c r="FNU674" s="613"/>
      <c r="FNV674" s="613"/>
      <c r="FNW674" s="613"/>
      <c r="FNX674" s="613"/>
      <c r="FNY674" s="613"/>
      <c r="FNZ674" s="613"/>
      <c r="FOA674" s="613"/>
      <c r="FOB674" s="613"/>
      <c r="FOC674" s="613"/>
      <c r="FOD674" s="613"/>
      <c r="FOE674" s="613"/>
      <c r="FOF674" s="613"/>
      <c r="FOG674" s="613"/>
      <c r="FOH674" s="613"/>
      <c r="FOI674" s="613"/>
      <c r="FOJ674" s="613"/>
      <c r="FOK674" s="613"/>
      <c r="FOL674" s="613"/>
      <c r="FOM674" s="613"/>
      <c r="FON674" s="613"/>
      <c r="FOO674" s="613"/>
      <c r="FOP674" s="613"/>
      <c r="FOQ674" s="613"/>
      <c r="FOR674" s="613"/>
      <c r="FOS674" s="613"/>
      <c r="FOT674" s="613"/>
      <c r="FOU674" s="613"/>
      <c r="FOV674" s="613"/>
      <c r="FOW674" s="613"/>
      <c r="FOX674" s="613"/>
      <c r="FOY674" s="613"/>
      <c r="FOZ674" s="613"/>
      <c r="FPA674" s="613"/>
      <c r="FPB674" s="613"/>
      <c r="FPC674" s="613"/>
      <c r="FPD674" s="613"/>
      <c r="FPE674" s="613"/>
      <c r="FPF674" s="613"/>
      <c r="FPG674" s="613"/>
      <c r="FPH674" s="613"/>
      <c r="FPI674" s="613"/>
      <c r="FPJ674" s="613"/>
      <c r="FPK674" s="613"/>
      <c r="FPL674" s="613"/>
      <c r="FPM674" s="613"/>
      <c r="FPN674" s="613"/>
      <c r="FPO674" s="613"/>
      <c r="FPP674" s="613"/>
      <c r="FPQ674" s="613"/>
      <c r="FPR674" s="613"/>
      <c r="FPS674" s="613"/>
      <c r="FPT674" s="613"/>
      <c r="FPU674" s="613"/>
      <c r="FPV674" s="613"/>
      <c r="FPW674" s="613"/>
      <c r="FPX674" s="613"/>
      <c r="FPY674" s="613"/>
      <c r="FPZ674" s="613"/>
      <c r="FQA674" s="613"/>
      <c r="FQB674" s="613"/>
      <c r="FQC674" s="613"/>
      <c r="FQD674" s="613"/>
      <c r="FQE674" s="613"/>
      <c r="FQF674" s="613"/>
      <c r="FQG674" s="613"/>
      <c r="FQH674" s="613"/>
      <c r="FQI674" s="613"/>
      <c r="FQJ674" s="613"/>
      <c r="FQK674" s="613"/>
      <c r="FQL674" s="613"/>
      <c r="FQM674" s="613"/>
      <c r="FQN674" s="613"/>
      <c r="FQO674" s="613"/>
      <c r="FQP674" s="613"/>
      <c r="FQQ674" s="613"/>
      <c r="FQR674" s="613"/>
      <c r="FQS674" s="613"/>
      <c r="FQT674" s="613"/>
      <c r="FQU674" s="613"/>
      <c r="FQV674" s="613"/>
      <c r="FQW674" s="613"/>
      <c r="FQX674" s="613"/>
      <c r="FQY674" s="613"/>
      <c r="FQZ674" s="613"/>
      <c r="FRA674" s="613"/>
      <c r="FRB674" s="613"/>
      <c r="FRC674" s="613"/>
      <c r="FRD674" s="613"/>
      <c r="FRE674" s="613"/>
      <c r="FRF674" s="613"/>
      <c r="FRG674" s="613"/>
      <c r="FRH674" s="613"/>
      <c r="FRI674" s="613"/>
      <c r="FRJ674" s="613"/>
      <c r="FRK674" s="613"/>
      <c r="FRL674" s="613"/>
      <c r="FRM674" s="613"/>
      <c r="FRN674" s="613"/>
      <c r="FRO674" s="613"/>
      <c r="FRP674" s="613"/>
      <c r="FRQ674" s="613"/>
      <c r="FRR674" s="613"/>
      <c r="FRS674" s="613"/>
      <c r="FRT674" s="613"/>
      <c r="FRU674" s="613"/>
      <c r="FRV674" s="613"/>
      <c r="FRW674" s="613"/>
      <c r="FRX674" s="613"/>
      <c r="FRY674" s="613"/>
      <c r="FRZ674" s="613"/>
      <c r="FSA674" s="613"/>
      <c r="FSB674" s="613"/>
      <c r="FSC674" s="613"/>
      <c r="FSD674" s="613"/>
      <c r="FSE674" s="613"/>
      <c r="FSF674" s="613"/>
      <c r="FSG674" s="613"/>
      <c r="FSH674" s="613"/>
      <c r="FSI674" s="613"/>
      <c r="FSJ674" s="613"/>
      <c r="FSK674" s="613"/>
      <c r="FSL674" s="613"/>
      <c r="FSM674" s="613"/>
      <c r="FSN674" s="613"/>
      <c r="FSO674" s="613"/>
      <c r="FSP674" s="613"/>
      <c r="FSQ674" s="613"/>
      <c r="FSR674" s="613"/>
      <c r="FSS674" s="613"/>
      <c r="FST674" s="613"/>
      <c r="FSU674" s="613"/>
      <c r="FSV674" s="613"/>
      <c r="FSW674" s="613"/>
      <c r="FSX674" s="613"/>
      <c r="FSY674" s="613"/>
      <c r="FSZ674" s="613"/>
      <c r="FTA674" s="613"/>
      <c r="FTB674" s="613"/>
      <c r="FTC674" s="613"/>
      <c r="FTD674" s="613"/>
      <c r="FTE674" s="613"/>
      <c r="FTF674" s="613"/>
      <c r="FTG674" s="613"/>
      <c r="FTH674" s="613"/>
      <c r="FTI674" s="613"/>
      <c r="FTJ674" s="613"/>
      <c r="FTK674" s="613"/>
      <c r="FTL674" s="613"/>
      <c r="FTM674" s="613"/>
      <c r="FTN674" s="613"/>
      <c r="FTO674" s="613"/>
      <c r="FTP674" s="613"/>
      <c r="FTQ674" s="613"/>
      <c r="FTR674" s="613"/>
      <c r="FTS674" s="613"/>
      <c r="FTT674" s="613"/>
      <c r="FTU674" s="613"/>
      <c r="FTV674" s="613"/>
      <c r="FTW674" s="613"/>
      <c r="FTX674" s="613"/>
      <c r="FTY674" s="613"/>
      <c r="FTZ674" s="613"/>
      <c r="FUA674" s="613"/>
      <c r="FUB674" s="613"/>
      <c r="FUC674" s="613"/>
      <c r="FUD674" s="613"/>
      <c r="FUE674" s="613"/>
      <c r="FUF674" s="613"/>
      <c r="FUG674" s="613"/>
      <c r="FUH674" s="613"/>
      <c r="FUI674" s="613"/>
      <c r="FUJ674" s="613"/>
      <c r="FUK674" s="613"/>
      <c r="FUL674" s="613"/>
      <c r="FUM674" s="613"/>
      <c r="FUN674" s="613"/>
      <c r="FUO674" s="613"/>
      <c r="FUP674" s="613"/>
      <c r="FUQ674" s="613"/>
      <c r="FUR674" s="613"/>
      <c r="FUS674" s="613"/>
      <c r="FUT674" s="613"/>
      <c r="FUU674" s="613"/>
      <c r="FUV674" s="613"/>
      <c r="FUW674" s="613"/>
      <c r="FUX674" s="613"/>
      <c r="FUY674" s="613"/>
      <c r="FUZ674" s="613"/>
      <c r="FVA674" s="613"/>
      <c r="FVB674" s="613"/>
      <c r="FVC674" s="613"/>
      <c r="FVD674" s="613"/>
      <c r="FVE674" s="613"/>
      <c r="FVF674" s="613"/>
      <c r="FVG674" s="613"/>
      <c r="FVH674" s="613"/>
      <c r="FVI674" s="613"/>
      <c r="FVJ674" s="613"/>
      <c r="FVK674" s="613"/>
      <c r="FVL674" s="613"/>
      <c r="FVM674" s="613"/>
      <c r="FVN674" s="613"/>
      <c r="FVO674" s="613"/>
      <c r="FVP674" s="613"/>
      <c r="FVQ674" s="613"/>
      <c r="FVR674" s="613"/>
      <c r="FVS674" s="613"/>
      <c r="FVT674" s="613"/>
      <c r="FVU674" s="613"/>
      <c r="FVV674" s="613"/>
      <c r="FVW674" s="613"/>
      <c r="FVX674" s="613"/>
      <c r="FVY674" s="613"/>
      <c r="FVZ674" s="613"/>
      <c r="FWA674" s="613"/>
      <c r="FWB674" s="613"/>
      <c r="FWC674" s="613"/>
      <c r="FWD674" s="613"/>
      <c r="FWE674" s="613"/>
      <c r="FWF674" s="613"/>
      <c r="FWG674" s="613"/>
      <c r="FWH674" s="613"/>
      <c r="FWI674" s="613"/>
      <c r="FWJ674" s="613"/>
      <c r="FWK674" s="613"/>
      <c r="FWL674" s="613"/>
      <c r="FWM674" s="613"/>
      <c r="FWN674" s="613"/>
      <c r="FWO674" s="613"/>
      <c r="FWP674" s="613"/>
      <c r="FWQ674" s="613"/>
      <c r="FWR674" s="613"/>
      <c r="FWS674" s="613"/>
      <c r="FWT674" s="613"/>
      <c r="FWU674" s="613"/>
      <c r="FWV674" s="613"/>
      <c r="FWW674" s="613"/>
      <c r="FWX674" s="613"/>
      <c r="FWY674" s="613"/>
      <c r="FWZ674" s="613"/>
      <c r="FXA674" s="613"/>
      <c r="FXB674" s="613"/>
      <c r="FXC674" s="613"/>
      <c r="FXD674" s="613"/>
      <c r="FXE674" s="613"/>
      <c r="FXF674" s="613"/>
      <c r="FXG674" s="613"/>
      <c r="FXH674" s="613"/>
      <c r="FXI674" s="613"/>
      <c r="FXJ674" s="613"/>
      <c r="FXK674" s="613"/>
      <c r="FXL674" s="613"/>
      <c r="FXM674" s="613"/>
      <c r="FXN674" s="613"/>
      <c r="FXO674" s="613"/>
      <c r="FXP674" s="613"/>
      <c r="FXQ674" s="613"/>
      <c r="FXR674" s="613"/>
      <c r="FXS674" s="613"/>
      <c r="FXT674" s="613"/>
      <c r="FXU674" s="613"/>
      <c r="FXV674" s="613"/>
      <c r="FXW674" s="613"/>
      <c r="FXX674" s="613"/>
      <c r="FXY674" s="613"/>
      <c r="FXZ674" s="613"/>
      <c r="FYA674" s="613"/>
      <c r="FYB674" s="613"/>
      <c r="FYC674" s="613"/>
      <c r="FYD674" s="613"/>
      <c r="FYE674" s="613"/>
      <c r="FYF674" s="613"/>
      <c r="FYG674" s="613"/>
      <c r="FYH674" s="613"/>
      <c r="FYI674" s="613"/>
      <c r="FYJ674" s="613"/>
      <c r="FYK674" s="613"/>
      <c r="FYL674" s="613"/>
      <c r="FYM674" s="613"/>
      <c r="FYN674" s="613"/>
      <c r="FYO674" s="613"/>
      <c r="FYP674" s="613"/>
      <c r="FYQ674" s="613"/>
      <c r="FYR674" s="613"/>
      <c r="FYS674" s="613"/>
      <c r="FYT674" s="613"/>
      <c r="FYU674" s="613"/>
      <c r="FYV674" s="613"/>
      <c r="FYW674" s="613"/>
      <c r="FYX674" s="613"/>
      <c r="FYY674" s="613"/>
      <c r="FYZ674" s="613"/>
      <c r="FZA674" s="613"/>
      <c r="FZB674" s="613"/>
      <c r="FZC674" s="613"/>
      <c r="FZD674" s="613"/>
      <c r="FZE674" s="613"/>
      <c r="FZF674" s="613"/>
      <c r="FZG674" s="613"/>
      <c r="FZH674" s="613"/>
      <c r="FZI674" s="613"/>
      <c r="FZJ674" s="613"/>
      <c r="FZK674" s="613"/>
      <c r="FZL674" s="613"/>
      <c r="FZM674" s="613"/>
      <c r="FZN674" s="613"/>
      <c r="FZO674" s="613"/>
      <c r="FZP674" s="613"/>
      <c r="FZQ674" s="613"/>
      <c r="FZR674" s="613"/>
      <c r="FZS674" s="613"/>
      <c r="FZT674" s="613"/>
      <c r="FZU674" s="613"/>
      <c r="FZV674" s="613"/>
      <c r="FZW674" s="613"/>
      <c r="FZX674" s="613"/>
      <c r="FZY674" s="613"/>
      <c r="FZZ674" s="613"/>
      <c r="GAA674" s="613"/>
      <c r="GAB674" s="613"/>
      <c r="GAC674" s="613"/>
      <c r="GAD674" s="613"/>
      <c r="GAE674" s="613"/>
      <c r="GAF674" s="613"/>
      <c r="GAG674" s="613"/>
      <c r="GAH674" s="613"/>
      <c r="GAI674" s="613"/>
      <c r="GAJ674" s="613"/>
      <c r="GAK674" s="613"/>
      <c r="GAL674" s="613"/>
      <c r="GAM674" s="613"/>
      <c r="GAN674" s="613"/>
      <c r="GAO674" s="613"/>
      <c r="GAP674" s="613"/>
      <c r="GAQ674" s="613"/>
      <c r="GAR674" s="613"/>
      <c r="GAS674" s="613"/>
      <c r="GAT674" s="613"/>
      <c r="GAU674" s="613"/>
      <c r="GAV674" s="613"/>
      <c r="GAW674" s="613"/>
      <c r="GAX674" s="613"/>
      <c r="GAY674" s="613"/>
      <c r="GAZ674" s="613"/>
      <c r="GBA674" s="613"/>
      <c r="GBB674" s="613"/>
      <c r="GBC674" s="613"/>
      <c r="GBD674" s="613"/>
      <c r="GBE674" s="613"/>
      <c r="GBF674" s="613"/>
      <c r="GBG674" s="613"/>
      <c r="GBH674" s="613"/>
      <c r="GBI674" s="613"/>
      <c r="GBJ674" s="613"/>
      <c r="GBK674" s="613"/>
      <c r="GBL674" s="613"/>
      <c r="GBM674" s="613"/>
      <c r="GBN674" s="613"/>
      <c r="GBO674" s="613"/>
      <c r="GBP674" s="613"/>
      <c r="GBQ674" s="613"/>
      <c r="GBR674" s="613"/>
      <c r="GBS674" s="613"/>
      <c r="GBT674" s="613"/>
      <c r="GBU674" s="613"/>
      <c r="GBV674" s="613"/>
      <c r="GBW674" s="613"/>
      <c r="GBX674" s="613"/>
      <c r="GBY674" s="613"/>
      <c r="GBZ674" s="613"/>
      <c r="GCA674" s="613"/>
      <c r="GCB674" s="613"/>
      <c r="GCC674" s="613"/>
      <c r="GCD674" s="613"/>
      <c r="GCE674" s="613"/>
      <c r="GCF674" s="613"/>
      <c r="GCG674" s="613"/>
      <c r="GCH674" s="613"/>
      <c r="GCI674" s="613"/>
      <c r="GCJ674" s="613"/>
      <c r="GCK674" s="613"/>
      <c r="GCL674" s="613"/>
      <c r="GCM674" s="613"/>
      <c r="GCN674" s="613"/>
      <c r="GCO674" s="613"/>
      <c r="GCP674" s="613"/>
      <c r="GCQ674" s="613"/>
      <c r="GCR674" s="613"/>
      <c r="GCS674" s="613"/>
      <c r="GCT674" s="613"/>
      <c r="GCU674" s="613"/>
      <c r="GCV674" s="613"/>
      <c r="GCW674" s="613"/>
      <c r="GCX674" s="613"/>
      <c r="GCY674" s="613"/>
      <c r="GCZ674" s="613"/>
      <c r="GDA674" s="613"/>
      <c r="GDB674" s="613"/>
      <c r="GDC674" s="613"/>
      <c r="GDD674" s="613"/>
      <c r="GDE674" s="613"/>
      <c r="GDF674" s="613"/>
      <c r="GDG674" s="613"/>
      <c r="GDH674" s="613"/>
      <c r="GDI674" s="613"/>
      <c r="GDJ674" s="613"/>
      <c r="GDK674" s="613"/>
      <c r="GDL674" s="613"/>
      <c r="GDM674" s="613"/>
      <c r="GDN674" s="613"/>
      <c r="GDO674" s="613"/>
      <c r="GDP674" s="613"/>
      <c r="GDQ674" s="613"/>
      <c r="GDR674" s="613"/>
      <c r="GDS674" s="613"/>
      <c r="GDT674" s="613"/>
      <c r="GDU674" s="613"/>
      <c r="GDV674" s="613"/>
      <c r="GDW674" s="613"/>
      <c r="GDX674" s="613"/>
      <c r="GDY674" s="613"/>
      <c r="GDZ674" s="613"/>
      <c r="GEA674" s="613"/>
      <c r="GEB674" s="613"/>
      <c r="GEC674" s="613"/>
      <c r="GED674" s="613"/>
      <c r="GEE674" s="613"/>
      <c r="GEF674" s="613"/>
      <c r="GEG674" s="613"/>
      <c r="GEH674" s="613"/>
      <c r="GEI674" s="613"/>
      <c r="GEJ674" s="613"/>
      <c r="GEK674" s="613"/>
      <c r="GEL674" s="613"/>
      <c r="GEM674" s="613"/>
      <c r="GEN674" s="613"/>
      <c r="GEO674" s="613"/>
      <c r="GEP674" s="613"/>
      <c r="GEQ674" s="613"/>
      <c r="GER674" s="613"/>
      <c r="GES674" s="613"/>
      <c r="GET674" s="613"/>
      <c r="GEU674" s="613"/>
      <c r="GEV674" s="613"/>
      <c r="GEW674" s="613"/>
      <c r="GEX674" s="613"/>
      <c r="GEY674" s="613"/>
      <c r="GEZ674" s="613"/>
      <c r="GFA674" s="613"/>
      <c r="GFB674" s="613"/>
      <c r="GFC674" s="613"/>
      <c r="GFD674" s="613"/>
      <c r="GFE674" s="613"/>
      <c r="GFF674" s="613"/>
      <c r="GFG674" s="613"/>
      <c r="GFH674" s="613"/>
      <c r="GFI674" s="613"/>
      <c r="GFJ674" s="613"/>
      <c r="GFK674" s="613"/>
      <c r="GFL674" s="613"/>
      <c r="GFM674" s="613"/>
      <c r="GFN674" s="613"/>
      <c r="GFO674" s="613"/>
      <c r="GFP674" s="613"/>
      <c r="GFQ674" s="613"/>
      <c r="GFR674" s="613"/>
      <c r="GFS674" s="613"/>
      <c r="GFT674" s="613"/>
      <c r="GFU674" s="613"/>
      <c r="GFV674" s="613"/>
      <c r="GFW674" s="613"/>
      <c r="GFX674" s="613"/>
      <c r="GFY674" s="613"/>
      <c r="GFZ674" s="613"/>
      <c r="GGA674" s="613"/>
      <c r="GGB674" s="613"/>
      <c r="GGC674" s="613"/>
      <c r="GGD674" s="613"/>
      <c r="GGE674" s="613"/>
      <c r="GGF674" s="613"/>
      <c r="GGG674" s="613"/>
      <c r="GGH674" s="613"/>
      <c r="GGI674" s="613"/>
      <c r="GGJ674" s="613"/>
      <c r="GGK674" s="613"/>
      <c r="GGL674" s="613"/>
      <c r="GGM674" s="613"/>
      <c r="GGN674" s="613"/>
      <c r="GGO674" s="613"/>
      <c r="GGP674" s="613"/>
      <c r="GGQ674" s="613"/>
      <c r="GGR674" s="613"/>
      <c r="GGS674" s="613"/>
      <c r="GGT674" s="613"/>
      <c r="GGU674" s="613"/>
      <c r="GGV674" s="613"/>
      <c r="GGW674" s="613"/>
      <c r="GGX674" s="613"/>
      <c r="GGY674" s="613"/>
      <c r="GGZ674" s="613"/>
      <c r="GHA674" s="613"/>
      <c r="GHB674" s="613"/>
      <c r="GHC674" s="613"/>
      <c r="GHD674" s="613"/>
      <c r="GHE674" s="613"/>
      <c r="GHF674" s="613"/>
      <c r="GHG674" s="613"/>
      <c r="GHH674" s="613"/>
      <c r="GHI674" s="613"/>
      <c r="GHJ674" s="613"/>
      <c r="GHK674" s="613"/>
      <c r="GHL674" s="613"/>
      <c r="GHM674" s="613"/>
      <c r="GHN674" s="613"/>
      <c r="GHO674" s="613"/>
      <c r="GHP674" s="613"/>
      <c r="GHQ674" s="613"/>
      <c r="GHR674" s="613"/>
      <c r="GHS674" s="613"/>
      <c r="GHT674" s="613"/>
      <c r="GHU674" s="613"/>
      <c r="GHV674" s="613"/>
      <c r="GHW674" s="613"/>
      <c r="GHX674" s="613"/>
      <c r="GHY674" s="613"/>
      <c r="GHZ674" s="613"/>
      <c r="GIA674" s="613"/>
      <c r="GIB674" s="613"/>
      <c r="GIC674" s="613"/>
      <c r="GID674" s="613"/>
      <c r="GIE674" s="613"/>
      <c r="GIF674" s="613"/>
      <c r="GIG674" s="613"/>
      <c r="GIH674" s="613"/>
      <c r="GII674" s="613"/>
      <c r="GIJ674" s="613"/>
      <c r="GIK674" s="613"/>
      <c r="GIL674" s="613"/>
      <c r="GIM674" s="613"/>
      <c r="GIN674" s="613"/>
      <c r="GIO674" s="613"/>
      <c r="GIP674" s="613"/>
      <c r="GIQ674" s="613"/>
      <c r="GIR674" s="613"/>
      <c r="GIS674" s="613"/>
      <c r="GIT674" s="613"/>
      <c r="GIU674" s="613"/>
      <c r="GIV674" s="613"/>
      <c r="GIW674" s="613"/>
      <c r="GIX674" s="613"/>
      <c r="GIY674" s="613"/>
      <c r="GIZ674" s="613"/>
      <c r="GJA674" s="613"/>
      <c r="GJB674" s="613"/>
      <c r="GJC674" s="613"/>
      <c r="GJD674" s="613"/>
      <c r="GJE674" s="613"/>
      <c r="GJF674" s="613"/>
      <c r="GJG674" s="613"/>
      <c r="GJH674" s="613"/>
      <c r="GJI674" s="613"/>
      <c r="GJJ674" s="613"/>
      <c r="GJK674" s="613"/>
      <c r="GJL674" s="613"/>
      <c r="GJM674" s="613"/>
      <c r="GJN674" s="613"/>
      <c r="GJO674" s="613"/>
      <c r="GJP674" s="613"/>
      <c r="GJQ674" s="613"/>
      <c r="GJR674" s="613"/>
      <c r="GJS674" s="613"/>
      <c r="GJT674" s="613"/>
      <c r="GJU674" s="613"/>
      <c r="GJV674" s="613"/>
      <c r="GJW674" s="613"/>
      <c r="GJX674" s="613"/>
      <c r="GJY674" s="613"/>
      <c r="GJZ674" s="613"/>
      <c r="GKA674" s="613"/>
      <c r="GKB674" s="613"/>
      <c r="GKC674" s="613"/>
      <c r="GKD674" s="613"/>
      <c r="GKE674" s="613"/>
      <c r="GKF674" s="613"/>
      <c r="GKG674" s="613"/>
      <c r="GKH674" s="613"/>
      <c r="GKI674" s="613"/>
      <c r="GKJ674" s="613"/>
      <c r="GKK674" s="613"/>
      <c r="GKL674" s="613"/>
      <c r="GKM674" s="613"/>
      <c r="GKN674" s="613"/>
      <c r="GKO674" s="613"/>
      <c r="GKP674" s="613"/>
      <c r="GKQ674" s="613"/>
      <c r="GKR674" s="613"/>
      <c r="GKS674" s="613"/>
      <c r="GKT674" s="613"/>
      <c r="GKU674" s="613"/>
      <c r="GKV674" s="613"/>
      <c r="GKW674" s="613"/>
      <c r="GKX674" s="613"/>
      <c r="GKY674" s="613"/>
      <c r="GKZ674" s="613"/>
      <c r="GLA674" s="613"/>
      <c r="GLB674" s="613"/>
      <c r="GLC674" s="613"/>
      <c r="GLD674" s="613"/>
      <c r="GLE674" s="613"/>
      <c r="GLF674" s="613"/>
      <c r="GLG674" s="613"/>
      <c r="GLH674" s="613"/>
      <c r="GLI674" s="613"/>
      <c r="GLJ674" s="613"/>
      <c r="GLK674" s="613"/>
      <c r="GLL674" s="613"/>
      <c r="GLM674" s="613"/>
      <c r="GLN674" s="613"/>
      <c r="GLO674" s="613"/>
      <c r="GLP674" s="613"/>
      <c r="GLQ674" s="613"/>
      <c r="GLR674" s="613"/>
      <c r="GLS674" s="613"/>
      <c r="GLT674" s="613"/>
      <c r="GLU674" s="613"/>
      <c r="GLV674" s="613"/>
      <c r="GLW674" s="613"/>
      <c r="GLX674" s="613"/>
      <c r="GLY674" s="613"/>
      <c r="GLZ674" s="613"/>
      <c r="GMA674" s="613"/>
      <c r="GMB674" s="613"/>
      <c r="GMC674" s="613"/>
      <c r="GMD674" s="613"/>
      <c r="GME674" s="613"/>
      <c r="GMF674" s="613"/>
      <c r="GMG674" s="613"/>
      <c r="GMH674" s="613"/>
      <c r="GMI674" s="613"/>
      <c r="GMJ674" s="613"/>
      <c r="GMK674" s="613"/>
      <c r="GML674" s="613"/>
      <c r="GMM674" s="613"/>
      <c r="GMN674" s="613"/>
      <c r="GMO674" s="613"/>
      <c r="GMP674" s="613"/>
      <c r="GMQ674" s="613"/>
      <c r="GMR674" s="613"/>
      <c r="GMS674" s="613"/>
      <c r="GMT674" s="613"/>
      <c r="GMU674" s="613"/>
      <c r="GMV674" s="613"/>
      <c r="GMW674" s="613"/>
      <c r="GMX674" s="613"/>
      <c r="GMY674" s="613"/>
      <c r="GMZ674" s="613"/>
      <c r="GNA674" s="613"/>
      <c r="GNB674" s="613"/>
      <c r="GNC674" s="613"/>
      <c r="GND674" s="613"/>
      <c r="GNE674" s="613"/>
      <c r="GNF674" s="613"/>
      <c r="GNG674" s="613"/>
      <c r="GNH674" s="613"/>
      <c r="GNI674" s="613"/>
      <c r="GNJ674" s="613"/>
      <c r="GNK674" s="613"/>
      <c r="GNL674" s="613"/>
      <c r="GNM674" s="613"/>
      <c r="GNN674" s="613"/>
      <c r="GNO674" s="613"/>
      <c r="GNP674" s="613"/>
      <c r="GNQ674" s="613"/>
      <c r="GNR674" s="613"/>
      <c r="GNS674" s="613"/>
      <c r="GNT674" s="613"/>
      <c r="GNU674" s="613"/>
      <c r="GNV674" s="613"/>
      <c r="GNW674" s="613"/>
      <c r="GNX674" s="613"/>
      <c r="GNY674" s="613"/>
      <c r="GNZ674" s="613"/>
      <c r="GOA674" s="613"/>
      <c r="GOB674" s="613"/>
      <c r="GOC674" s="613"/>
      <c r="GOD674" s="613"/>
      <c r="GOE674" s="613"/>
      <c r="GOF674" s="613"/>
      <c r="GOG674" s="613"/>
      <c r="GOH674" s="613"/>
      <c r="GOI674" s="613"/>
      <c r="GOJ674" s="613"/>
      <c r="GOK674" s="613"/>
      <c r="GOL674" s="613"/>
      <c r="GOM674" s="613"/>
      <c r="GON674" s="613"/>
      <c r="GOO674" s="613"/>
      <c r="GOP674" s="613"/>
      <c r="GOQ674" s="613"/>
      <c r="GOR674" s="613"/>
      <c r="GOS674" s="613"/>
      <c r="GOT674" s="613"/>
      <c r="GOU674" s="613"/>
      <c r="GOV674" s="613"/>
      <c r="GOW674" s="613"/>
      <c r="GOX674" s="613"/>
      <c r="GOY674" s="613"/>
      <c r="GOZ674" s="613"/>
      <c r="GPA674" s="613"/>
      <c r="GPB674" s="613"/>
      <c r="GPC674" s="613"/>
      <c r="GPD674" s="613"/>
      <c r="GPE674" s="613"/>
      <c r="GPF674" s="613"/>
      <c r="GPG674" s="613"/>
      <c r="GPH674" s="613"/>
      <c r="GPI674" s="613"/>
      <c r="GPJ674" s="613"/>
      <c r="GPK674" s="613"/>
      <c r="GPL674" s="613"/>
      <c r="GPM674" s="613"/>
      <c r="GPN674" s="613"/>
      <c r="GPO674" s="613"/>
      <c r="GPP674" s="613"/>
      <c r="GPQ674" s="613"/>
      <c r="GPR674" s="613"/>
      <c r="GPS674" s="613"/>
      <c r="GPT674" s="613"/>
      <c r="GPU674" s="613"/>
      <c r="GPV674" s="613"/>
      <c r="GPW674" s="613"/>
      <c r="GPX674" s="613"/>
      <c r="GPY674" s="613"/>
      <c r="GPZ674" s="613"/>
      <c r="GQA674" s="613"/>
      <c r="GQB674" s="613"/>
      <c r="GQC674" s="613"/>
      <c r="GQD674" s="613"/>
      <c r="GQE674" s="613"/>
      <c r="GQF674" s="613"/>
      <c r="GQG674" s="613"/>
      <c r="GQH674" s="613"/>
      <c r="GQI674" s="613"/>
      <c r="GQJ674" s="613"/>
      <c r="GQK674" s="613"/>
      <c r="GQL674" s="613"/>
      <c r="GQM674" s="613"/>
      <c r="GQN674" s="613"/>
      <c r="GQO674" s="613"/>
      <c r="GQP674" s="613"/>
      <c r="GQQ674" s="613"/>
      <c r="GQR674" s="613"/>
      <c r="GQS674" s="613"/>
      <c r="GQT674" s="613"/>
      <c r="GQU674" s="613"/>
      <c r="GQV674" s="613"/>
      <c r="GQW674" s="613"/>
      <c r="GQX674" s="613"/>
      <c r="GQY674" s="613"/>
      <c r="GQZ674" s="613"/>
      <c r="GRA674" s="613"/>
      <c r="GRB674" s="613"/>
      <c r="GRC674" s="613"/>
      <c r="GRD674" s="613"/>
      <c r="GRE674" s="613"/>
      <c r="GRF674" s="613"/>
      <c r="GRG674" s="613"/>
      <c r="GRH674" s="613"/>
      <c r="GRI674" s="613"/>
      <c r="GRJ674" s="613"/>
      <c r="GRK674" s="613"/>
      <c r="GRL674" s="613"/>
      <c r="GRM674" s="613"/>
      <c r="GRN674" s="613"/>
      <c r="GRO674" s="613"/>
      <c r="GRP674" s="613"/>
      <c r="GRQ674" s="613"/>
      <c r="GRR674" s="613"/>
      <c r="GRS674" s="613"/>
      <c r="GRT674" s="613"/>
      <c r="GRU674" s="613"/>
      <c r="GRV674" s="613"/>
      <c r="GRW674" s="613"/>
      <c r="GRX674" s="613"/>
      <c r="GRY674" s="613"/>
      <c r="GRZ674" s="613"/>
      <c r="GSA674" s="613"/>
      <c r="GSB674" s="613"/>
      <c r="GSC674" s="613"/>
      <c r="GSD674" s="613"/>
      <c r="GSE674" s="613"/>
      <c r="GSF674" s="613"/>
      <c r="GSG674" s="613"/>
      <c r="GSH674" s="613"/>
      <c r="GSI674" s="613"/>
      <c r="GSJ674" s="613"/>
      <c r="GSK674" s="613"/>
      <c r="GSL674" s="613"/>
      <c r="GSM674" s="613"/>
      <c r="GSN674" s="613"/>
      <c r="GSO674" s="613"/>
      <c r="GSP674" s="613"/>
      <c r="GSQ674" s="613"/>
      <c r="GSR674" s="613"/>
      <c r="GSS674" s="613"/>
      <c r="GST674" s="613"/>
      <c r="GSU674" s="613"/>
      <c r="GSV674" s="613"/>
      <c r="GSW674" s="613"/>
      <c r="GSX674" s="613"/>
      <c r="GSY674" s="613"/>
      <c r="GSZ674" s="613"/>
      <c r="GTA674" s="613"/>
      <c r="GTB674" s="613"/>
      <c r="GTC674" s="613"/>
      <c r="GTD674" s="613"/>
      <c r="GTE674" s="613"/>
      <c r="GTF674" s="613"/>
      <c r="GTG674" s="613"/>
      <c r="GTH674" s="613"/>
      <c r="GTI674" s="613"/>
      <c r="GTJ674" s="613"/>
      <c r="GTK674" s="613"/>
      <c r="GTL674" s="613"/>
      <c r="GTM674" s="613"/>
      <c r="GTN674" s="613"/>
      <c r="GTO674" s="613"/>
      <c r="GTP674" s="613"/>
      <c r="GTQ674" s="613"/>
      <c r="GTR674" s="613"/>
      <c r="GTS674" s="613"/>
      <c r="GTT674" s="613"/>
      <c r="GTU674" s="613"/>
      <c r="GTV674" s="613"/>
      <c r="GTW674" s="613"/>
      <c r="GTX674" s="613"/>
      <c r="GTY674" s="613"/>
      <c r="GTZ674" s="613"/>
      <c r="GUA674" s="613"/>
      <c r="GUB674" s="613"/>
      <c r="GUC674" s="613"/>
      <c r="GUD674" s="613"/>
      <c r="GUE674" s="613"/>
      <c r="GUF674" s="613"/>
      <c r="GUG674" s="613"/>
      <c r="GUH674" s="613"/>
      <c r="GUI674" s="613"/>
      <c r="GUJ674" s="613"/>
      <c r="GUK674" s="613"/>
      <c r="GUL674" s="613"/>
      <c r="GUM674" s="613"/>
      <c r="GUN674" s="613"/>
      <c r="GUO674" s="613"/>
      <c r="GUP674" s="613"/>
      <c r="GUQ674" s="613"/>
      <c r="GUR674" s="613"/>
      <c r="GUS674" s="613"/>
      <c r="GUT674" s="613"/>
      <c r="GUU674" s="613"/>
      <c r="GUV674" s="613"/>
      <c r="GUW674" s="613"/>
      <c r="GUX674" s="613"/>
      <c r="GUY674" s="613"/>
      <c r="GUZ674" s="613"/>
      <c r="GVA674" s="613"/>
      <c r="GVB674" s="613"/>
      <c r="GVC674" s="613"/>
      <c r="GVD674" s="613"/>
      <c r="GVE674" s="613"/>
      <c r="GVF674" s="613"/>
      <c r="GVG674" s="613"/>
      <c r="GVH674" s="613"/>
      <c r="GVI674" s="613"/>
      <c r="GVJ674" s="613"/>
      <c r="GVK674" s="613"/>
      <c r="GVL674" s="613"/>
      <c r="GVM674" s="613"/>
      <c r="GVN674" s="613"/>
      <c r="GVO674" s="613"/>
      <c r="GVP674" s="613"/>
      <c r="GVQ674" s="613"/>
      <c r="GVR674" s="613"/>
      <c r="GVS674" s="613"/>
      <c r="GVT674" s="613"/>
      <c r="GVU674" s="613"/>
      <c r="GVV674" s="613"/>
      <c r="GVW674" s="613"/>
      <c r="GVX674" s="613"/>
      <c r="GVY674" s="613"/>
      <c r="GVZ674" s="613"/>
      <c r="GWA674" s="613"/>
      <c r="GWB674" s="613"/>
      <c r="GWC674" s="613"/>
      <c r="GWD674" s="613"/>
      <c r="GWE674" s="613"/>
      <c r="GWF674" s="613"/>
      <c r="GWG674" s="613"/>
      <c r="GWH674" s="613"/>
      <c r="GWI674" s="613"/>
      <c r="GWJ674" s="613"/>
      <c r="GWK674" s="613"/>
      <c r="GWL674" s="613"/>
      <c r="GWM674" s="613"/>
      <c r="GWN674" s="613"/>
      <c r="GWO674" s="613"/>
      <c r="GWP674" s="613"/>
      <c r="GWQ674" s="613"/>
      <c r="GWR674" s="613"/>
      <c r="GWS674" s="613"/>
      <c r="GWT674" s="613"/>
      <c r="GWU674" s="613"/>
      <c r="GWV674" s="613"/>
      <c r="GWW674" s="613"/>
      <c r="GWX674" s="613"/>
      <c r="GWY674" s="613"/>
      <c r="GWZ674" s="613"/>
      <c r="GXA674" s="613"/>
      <c r="GXB674" s="613"/>
      <c r="GXC674" s="613"/>
      <c r="GXD674" s="613"/>
      <c r="GXE674" s="613"/>
      <c r="GXF674" s="613"/>
      <c r="GXG674" s="613"/>
      <c r="GXH674" s="613"/>
      <c r="GXI674" s="613"/>
      <c r="GXJ674" s="613"/>
      <c r="GXK674" s="613"/>
      <c r="GXL674" s="613"/>
      <c r="GXM674" s="613"/>
      <c r="GXN674" s="613"/>
      <c r="GXO674" s="613"/>
      <c r="GXP674" s="613"/>
      <c r="GXQ674" s="613"/>
      <c r="GXR674" s="613"/>
      <c r="GXS674" s="613"/>
      <c r="GXT674" s="613"/>
      <c r="GXU674" s="613"/>
      <c r="GXV674" s="613"/>
      <c r="GXW674" s="613"/>
      <c r="GXX674" s="613"/>
      <c r="GXY674" s="613"/>
      <c r="GXZ674" s="613"/>
      <c r="GYA674" s="613"/>
      <c r="GYB674" s="613"/>
      <c r="GYC674" s="613"/>
      <c r="GYD674" s="613"/>
      <c r="GYE674" s="613"/>
      <c r="GYF674" s="613"/>
      <c r="GYG674" s="613"/>
      <c r="GYH674" s="613"/>
      <c r="GYI674" s="613"/>
      <c r="GYJ674" s="613"/>
      <c r="GYK674" s="613"/>
      <c r="GYL674" s="613"/>
      <c r="GYM674" s="613"/>
      <c r="GYN674" s="613"/>
      <c r="GYO674" s="613"/>
      <c r="GYP674" s="613"/>
      <c r="GYQ674" s="613"/>
      <c r="GYR674" s="613"/>
      <c r="GYS674" s="613"/>
      <c r="GYT674" s="613"/>
      <c r="GYU674" s="613"/>
      <c r="GYV674" s="613"/>
      <c r="GYW674" s="613"/>
      <c r="GYX674" s="613"/>
      <c r="GYY674" s="613"/>
      <c r="GYZ674" s="613"/>
      <c r="GZA674" s="613"/>
      <c r="GZB674" s="613"/>
      <c r="GZC674" s="613"/>
      <c r="GZD674" s="613"/>
      <c r="GZE674" s="613"/>
      <c r="GZF674" s="613"/>
      <c r="GZG674" s="613"/>
      <c r="GZH674" s="613"/>
      <c r="GZI674" s="613"/>
      <c r="GZJ674" s="613"/>
      <c r="GZK674" s="613"/>
      <c r="GZL674" s="613"/>
      <c r="GZM674" s="613"/>
      <c r="GZN674" s="613"/>
      <c r="GZO674" s="613"/>
      <c r="GZP674" s="613"/>
      <c r="GZQ674" s="613"/>
      <c r="GZR674" s="613"/>
      <c r="GZS674" s="613"/>
      <c r="GZT674" s="613"/>
      <c r="GZU674" s="613"/>
      <c r="GZV674" s="613"/>
      <c r="GZW674" s="613"/>
      <c r="GZX674" s="613"/>
      <c r="GZY674" s="613"/>
      <c r="GZZ674" s="613"/>
      <c r="HAA674" s="613"/>
      <c r="HAB674" s="613"/>
      <c r="HAC674" s="613"/>
      <c r="HAD674" s="613"/>
      <c r="HAE674" s="613"/>
      <c r="HAF674" s="613"/>
      <c r="HAG674" s="613"/>
      <c r="HAH674" s="613"/>
      <c r="HAI674" s="613"/>
      <c r="HAJ674" s="613"/>
      <c r="HAK674" s="613"/>
      <c r="HAL674" s="613"/>
      <c r="HAM674" s="613"/>
      <c r="HAN674" s="613"/>
      <c r="HAO674" s="613"/>
      <c r="HAP674" s="613"/>
      <c r="HAQ674" s="613"/>
      <c r="HAR674" s="613"/>
      <c r="HAS674" s="613"/>
      <c r="HAT674" s="613"/>
      <c r="HAU674" s="613"/>
      <c r="HAV674" s="613"/>
      <c r="HAW674" s="613"/>
      <c r="HAX674" s="613"/>
      <c r="HAY674" s="613"/>
      <c r="HAZ674" s="613"/>
      <c r="HBA674" s="613"/>
      <c r="HBB674" s="613"/>
      <c r="HBC674" s="613"/>
      <c r="HBD674" s="613"/>
      <c r="HBE674" s="613"/>
      <c r="HBF674" s="613"/>
      <c r="HBG674" s="613"/>
      <c r="HBH674" s="613"/>
      <c r="HBI674" s="613"/>
      <c r="HBJ674" s="613"/>
      <c r="HBK674" s="613"/>
      <c r="HBL674" s="613"/>
      <c r="HBM674" s="613"/>
      <c r="HBN674" s="613"/>
      <c r="HBO674" s="613"/>
      <c r="HBP674" s="613"/>
      <c r="HBQ674" s="613"/>
      <c r="HBR674" s="613"/>
      <c r="HBS674" s="613"/>
      <c r="HBT674" s="613"/>
      <c r="HBU674" s="613"/>
      <c r="HBV674" s="613"/>
      <c r="HBW674" s="613"/>
      <c r="HBX674" s="613"/>
      <c r="HBY674" s="613"/>
      <c r="HBZ674" s="613"/>
      <c r="HCA674" s="613"/>
      <c r="HCB674" s="613"/>
      <c r="HCC674" s="613"/>
      <c r="HCD674" s="613"/>
      <c r="HCE674" s="613"/>
      <c r="HCF674" s="613"/>
      <c r="HCG674" s="613"/>
      <c r="HCH674" s="613"/>
      <c r="HCI674" s="613"/>
      <c r="HCJ674" s="613"/>
      <c r="HCK674" s="613"/>
      <c r="HCL674" s="613"/>
      <c r="HCM674" s="613"/>
      <c r="HCN674" s="613"/>
      <c r="HCO674" s="613"/>
      <c r="HCP674" s="613"/>
      <c r="HCQ674" s="613"/>
      <c r="HCR674" s="613"/>
      <c r="HCS674" s="613"/>
      <c r="HCT674" s="613"/>
      <c r="HCU674" s="613"/>
      <c r="HCV674" s="613"/>
      <c r="HCW674" s="613"/>
      <c r="HCX674" s="613"/>
      <c r="HCY674" s="613"/>
      <c r="HCZ674" s="613"/>
      <c r="HDA674" s="613"/>
      <c r="HDB674" s="613"/>
      <c r="HDC674" s="613"/>
      <c r="HDD674" s="613"/>
      <c r="HDE674" s="613"/>
      <c r="HDF674" s="613"/>
      <c r="HDG674" s="613"/>
      <c r="HDH674" s="613"/>
      <c r="HDI674" s="613"/>
      <c r="HDJ674" s="613"/>
      <c r="HDK674" s="613"/>
      <c r="HDL674" s="613"/>
      <c r="HDM674" s="613"/>
      <c r="HDN674" s="613"/>
      <c r="HDO674" s="613"/>
      <c r="HDP674" s="613"/>
      <c r="HDQ674" s="613"/>
      <c r="HDR674" s="613"/>
      <c r="HDS674" s="613"/>
      <c r="HDT674" s="613"/>
      <c r="HDU674" s="613"/>
      <c r="HDV674" s="613"/>
      <c r="HDW674" s="613"/>
      <c r="HDX674" s="613"/>
      <c r="HDY674" s="613"/>
      <c r="HDZ674" s="613"/>
      <c r="HEA674" s="613"/>
      <c r="HEB674" s="613"/>
      <c r="HEC674" s="613"/>
      <c r="HED674" s="613"/>
      <c r="HEE674" s="613"/>
      <c r="HEF674" s="613"/>
      <c r="HEG674" s="613"/>
      <c r="HEH674" s="613"/>
      <c r="HEI674" s="613"/>
      <c r="HEJ674" s="613"/>
      <c r="HEK674" s="613"/>
      <c r="HEL674" s="613"/>
      <c r="HEM674" s="613"/>
      <c r="HEN674" s="613"/>
      <c r="HEO674" s="613"/>
      <c r="HEP674" s="613"/>
      <c r="HEQ674" s="613"/>
      <c r="HER674" s="613"/>
      <c r="HES674" s="613"/>
      <c r="HET674" s="613"/>
      <c r="HEU674" s="613"/>
      <c r="HEV674" s="613"/>
      <c r="HEW674" s="613"/>
      <c r="HEX674" s="613"/>
      <c r="HEY674" s="613"/>
      <c r="HEZ674" s="613"/>
      <c r="HFA674" s="613"/>
      <c r="HFB674" s="613"/>
      <c r="HFC674" s="613"/>
      <c r="HFD674" s="613"/>
      <c r="HFE674" s="613"/>
      <c r="HFF674" s="613"/>
      <c r="HFG674" s="613"/>
      <c r="HFH674" s="613"/>
      <c r="HFI674" s="613"/>
      <c r="HFJ674" s="613"/>
      <c r="HFK674" s="613"/>
      <c r="HFL674" s="613"/>
      <c r="HFM674" s="613"/>
      <c r="HFN674" s="613"/>
      <c r="HFO674" s="613"/>
      <c r="HFP674" s="613"/>
      <c r="HFQ674" s="613"/>
      <c r="HFR674" s="613"/>
      <c r="HFS674" s="613"/>
      <c r="HFT674" s="613"/>
      <c r="HFU674" s="613"/>
      <c r="HFV674" s="613"/>
      <c r="HFW674" s="613"/>
      <c r="HFX674" s="613"/>
      <c r="HFY674" s="613"/>
      <c r="HFZ674" s="613"/>
      <c r="HGA674" s="613"/>
      <c r="HGB674" s="613"/>
      <c r="HGC674" s="613"/>
      <c r="HGD674" s="613"/>
      <c r="HGE674" s="613"/>
      <c r="HGF674" s="613"/>
      <c r="HGG674" s="613"/>
      <c r="HGH674" s="613"/>
      <c r="HGI674" s="613"/>
      <c r="HGJ674" s="613"/>
      <c r="HGK674" s="613"/>
      <c r="HGL674" s="613"/>
      <c r="HGM674" s="613"/>
      <c r="HGN674" s="613"/>
      <c r="HGO674" s="613"/>
      <c r="HGP674" s="613"/>
      <c r="HGQ674" s="613"/>
      <c r="HGR674" s="613"/>
      <c r="HGS674" s="613"/>
      <c r="HGT674" s="613"/>
      <c r="HGU674" s="613"/>
      <c r="HGV674" s="613"/>
      <c r="HGW674" s="613"/>
      <c r="HGX674" s="613"/>
      <c r="HGY674" s="613"/>
      <c r="HGZ674" s="613"/>
      <c r="HHA674" s="613"/>
      <c r="HHB674" s="613"/>
      <c r="HHC674" s="613"/>
      <c r="HHD674" s="613"/>
      <c r="HHE674" s="613"/>
      <c r="HHF674" s="613"/>
      <c r="HHG674" s="613"/>
      <c r="HHH674" s="613"/>
      <c r="HHI674" s="613"/>
      <c r="HHJ674" s="613"/>
      <c r="HHK674" s="613"/>
      <c r="HHL674" s="613"/>
      <c r="HHM674" s="613"/>
      <c r="HHN674" s="613"/>
      <c r="HHO674" s="613"/>
      <c r="HHP674" s="613"/>
      <c r="HHQ674" s="613"/>
      <c r="HHR674" s="613"/>
      <c r="HHS674" s="613"/>
      <c r="HHT674" s="613"/>
      <c r="HHU674" s="613"/>
      <c r="HHV674" s="613"/>
      <c r="HHW674" s="613"/>
      <c r="HHX674" s="613"/>
      <c r="HHY674" s="613"/>
      <c r="HHZ674" s="613"/>
      <c r="HIA674" s="613"/>
      <c r="HIB674" s="613"/>
      <c r="HIC674" s="613"/>
      <c r="HID674" s="613"/>
      <c r="HIE674" s="613"/>
      <c r="HIF674" s="613"/>
      <c r="HIG674" s="613"/>
      <c r="HIH674" s="613"/>
      <c r="HII674" s="613"/>
      <c r="HIJ674" s="613"/>
      <c r="HIK674" s="613"/>
      <c r="HIL674" s="613"/>
      <c r="HIM674" s="613"/>
      <c r="HIN674" s="613"/>
      <c r="HIO674" s="613"/>
      <c r="HIP674" s="613"/>
      <c r="HIQ674" s="613"/>
      <c r="HIR674" s="613"/>
      <c r="HIS674" s="613"/>
      <c r="HIT674" s="613"/>
      <c r="HIU674" s="613"/>
      <c r="HIV674" s="613"/>
      <c r="HIW674" s="613"/>
      <c r="HIX674" s="613"/>
      <c r="HIY674" s="613"/>
      <c r="HIZ674" s="613"/>
      <c r="HJA674" s="613"/>
      <c r="HJB674" s="613"/>
      <c r="HJC674" s="613"/>
      <c r="HJD674" s="613"/>
      <c r="HJE674" s="613"/>
      <c r="HJF674" s="613"/>
      <c r="HJG674" s="613"/>
      <c r="HJH674" s="613"/>
      <c r="HJI674" s="613"/>
      <c r="HJJ674" s="613"/>
      <c r="HJK674" s="613"/>
      <c r="HJL674" s="613"/>
      <c r="HJM674" s="613"/>
      <c r="HJN674" s="613"/>
      <c r="HJO674" s="613"/>
      <c r="HJP674" s="613"/>
      <c r="HJQ674" s="613"/>
      <c r="HJR674" s="613"/>
      <c r="HJS674" s="613"/>
      <c r="HJT674" s="613"/>
      <c r="HJU674" s="613"/>
      <c r="HJV674" s="613"/>
      <c r="HJW674" s="613"/>
      <c r="HJX674" s="613"/>
      <c r="HJY674" s="613"/>
      <c r="HJZ674" s="613"/>
      <c r="HKA674" s="613"/>
      <c r="HKB674" s="613"/>
      <c r="HKC674" s="613"/>
      <c r="HKD674" s="613"/>
      <c r="HKE674" s="613"/>
      <c r="HKF674" s="613"/>
      <c r="HKG674" s="613"/>
      <c r="HKH674" s="613"/>
      <c r="HKI674" s="613"/>
      <c r="HKJ674" s="613"/>
      <c r="HKK674" s="613"/>
      <c r="HKL674" s="613"/>
      <c r="HKM674" s="613"/>
      <c r="HKN674" s="613"/>
      <c r="HKO674" s="613"/>
      <c r="HKP674" s="613"/>
      <c r="HKQ674" s="613"/>
      <c r="HKR674" s="613"/>
      <c r="HKS674" s="613"/>
      <c r="HKT674" s="613"/>
      <c r="HKU674" s="613"/>
      <c r="HKV674" s="613"/>
      <c r="HKW674" s="613"/>
      <c r="HKX674" s="613"/>
      <c r="HKY674" s="613"/>
      <c r="HKZ674" s="613"/>
      <c r="HLA674" s="613"/>
      <c r="HLB674" s="613"/>
      <c r="HLC674" s="613"/>
      <c r="HLD674" s="613"/>
      <c r="HLE674" s="613"/>
      <c r="HLF674" s="613"/>
      <c r="HLG674" s="613"/>
      <c r="HLH674" s="613"/>
      <c r="HLI674" s="613"/>
      <c r="HLJ674" s="613"/>
      <c r="HLK674" s="613"/>
      <c r="HLL674" s="613"/>
      <c r="HLM674" s="613"/>
      <c r="HLN674" s="613"/>
      <c r="HLO674" s="613"/>
      <c r="HLP674" s="613"/>
      <c r="HLQ674" s="613"/>
      <c r="HLR674" s="613"/>
      <c r="HLS674" s="613"/>
      <c r="HLT674" s="613"/>
      <c r="HLU674" s="613"/>
      <c r="HLV674" s="613"/>
      <c r="HLW674" s="613"/>
      <c r="HLX674" s="613"/>
      <c r="HLY674" s="613"/>
      <c r="HLZ674" s="613"/>
      <c r="HMA674" s="613"/>
      <c r="HMB674" s="613"/>
      <c r="HMC674" s="613"/>
      <c r="HMD674" s="613"/>
      <c r="HME674" s="613"/>
      <c r="HMF674" s="613"/>
      <c r="HMG674" s="613"/>
      <c r="HMH674" s="613"/>
      <c r="HMI674" s="613"/>
      <c r="HMJ674" s="613"/>
      <c r="HMK674" s="613"/>
      <c r="HML674" s="613"/>
      <c r="HMM674" s="613"/>
      <c r="HMN674" s="613"/>
      <c r="HMO674" s="613"/>
      <c r="HMP674" s="613"/>
      <c r="HMQ674" s="613"/>
      <c r="HMR674" s="613"/>
      <c r="HMS674" s="613"/>
      <c r="HMT674" s="613"/>
      <c r="HMU674" s="613"/>
      <c r="HMV674" s="613"/>
      <c r="HMW674" s="613"/>
      <c r="HMX674" s="613"/>
      <c r="HMY674" s="613"/>
      <c r="HMZ674" s="613"/>
      <c r="HNA674" s="613"/>
      <c r="HNB674" s="613"/>
      <c r="HNC674" s="613"/>
      <c r="HND674" s="613"/>
      <c r="HNE674" s="613"/>
      <c r="HNF674" s="613"/>
      <c r="HNG674" s="613"/>
      <c r="HNH674" s="613"/>
      <c r="HNI674" s="613"/>
      <c r="HNJ674" s="613"/>
      <c r="HNK674" s="613"/>
      <c r="HNL674" s="613"/>
      <c r="HNM674" s="613"/>
      <c r="HNN674" s="613"/>
      <c r="HNO674" s="613"/>
      <c r="HNP674" s="613"/>
      <c r="HNQ674" s="613"/>
      <c r="HNR674" s="613"/>
      <c r="HNS674" s="613"/>
      <c r="HNT674" s="613"/>
      <c r="HNU674" s="613"/>
      <c r="HNV674" s="613"/>
      <c r="HNW674" s="613"/>
      <c r="HNX674" s="613"/>
      <c r="HNY674" s="613"/>
      <c r="HNZ674" s="613"/>
      <c r="HOA674" s="613"/>
      <c r="HOB674" s="613"/>
      <c r="HOC674" s="613"/>
      <c r="HOD674" s="613"/>
      <c r="HOE674" s="613"/>
      <c r="HOF674" s="613"/>
      <c r="HOG674" s="613"/>
      <c r="HOH674" s="613"/>
      <c r="HOI674" s="613"/>
      <c r="HOJ674" s="613"/>
      <c r="HOK674" s="613"/>
      <c r="HOL674" s="613"/>
      <c r="HOM674" s="613"/>
      <c r="HON674" s="613"/>
      <c r="HOO674" s="613"/>
      <c r="HOP674" s="613"/>
      <c r="HOQ674" s="613"/>
      <c r="HOR674" s="613"/>
      <c r="HOS674" s="613"/>
      <c r="HOT674" s="613"/>
      <c r="HOU674" s="613"/>
      <c r="HOV674" s="613"/>
      <c r="HOW674" s="613"/>
      <c r="HOX674" s="613"/>
      <c r="HOY674" s="613"/>
      <c r="HOZ674" s="613"/>
      <c r="HPA674" s="613"/>
      <c r="HPB674" s="613"/>
      <c r="HPC674" s="613"/>
      <c r="HPD674" s="613"/>
      <c r="HPE674" s="613"/>
      <c r="HPF674" s="613"/>
      <c r="HPG674" s="613"/>
      <c r="HPH674" s="613"/>
      <c r="HPI674" s="613"/>
      <c r="HPJ674" s="613"/>
      <c r="HPK674" s="613"/>
      <c r="HPL674" s="613"/>
      <c r="HPM674" s="613"/>
      <c r="HPN674" s="613"/>
      <c r="HPO674" s="613"/>
      <c r="HPP674" s="613"/>
      <c r="HPQ674" s="613"/>
      <c r="HPR674" s="613"/>
      <c r="HPS674" s="613"/>
      <c r="HPT674" s="613"/>
      <c r="HPU674" s="613"/>
      <c r="HPV674" s="613"/>
      <c r="HPW674" s="613"/>
      <c r="HPX674" s="613"/>
      <c r="HPY674" s="613"/>
      <c r="HPZ674" s="613"/>
      <c r="HQA674" s="613"/>
      <c r="HQB674" s="613"/>
      <c r="HQC674" s="613"/>
      <c r="HQD674" s="613"/>
      <c r="HQE674" s="613"/>
      <c r="HQF674" s="613"/>
      <c r="HQG674" s="613"/>
      <c r="HQH674" s="613"/>
      <c r="HQI674" s="613"/>
      <c r="HQJ674" s="613"/>
      <c r="HQK674" s="613"/>
      <c r="HQL674" s="613"/>
      <c r="HQM674" s="613"/>
      <c r="HQN674" s="613"/>
      <c r="HQO674" s="613"/>
      <c r="HQP674" s="613"/>
      <c r="HQQ674" s="613"/>
      <c r="HQR674" s="613"/>
      <c r="HQS674" s="613"/>
      <c r="HQT674" s="613"/>
      <c r="HQU674" s="613"/>
      <c r="HQV674" s="613"/>
      <c r="HQW674" s="613"/>
      <c r="HQX674" s="613"/>
      <c r="HQY674" s="613"/>
      <c r="HQZ674" s="613"/>
      <c r="HRA674" s="613"/>
      <c r="HRB674" s="613"/>
      <c r="HRC674" s="613"/>
      <c r="HRD674" s="613"/>
      <c r="HRE674" s="613"/>
      <c r="HRF674" s="613"/>
      <c r="HRG674" s="613"/>
      <c r="HRH674" s="613"/>
      <c r="HRI674" s="613"/>
      <c r="HRJ674" s="613"/>
      <c r="HRK674" s="613"/>
      <c r="HRL674" s="613"/>
      <c r="HRM674" s="613"/>
      <c r="HRN674" s="613"/>
      <c r="HRO674" s="613"/>
      <c r="HRP674" s="613"/>
      <c r="HRQ674" s="613"/>
      <c r="HRR674" s="613"/>
      <c r="HRS674" s="613"/>
      <c r="HRT674" s="613"/>
      <c r="HRU674" s="613"/>
      <c r="HRV674" s="613"/>
      <c r="HRW674" s="613"/>
      <c r="HRX674" s="613"/>
      <c r="HRY674" s="613"/>
      <c r="HRZ674" s="613"/>
      <c r="HSA674" s="613"/>
      <c r="HSB674" s="613"/>
      <c r="HSC674" s="613"/>
      <c r="HSD674" s="613"/>
      <c r="HSE674" s="613"/>
      <c r="HSF674" s="613"/>
      <c r="HSG674" s="613"/>
      <c r="HSH674" s="613"/>
      <c r="HSI674" s="613"/>
      <c r="HSJ674" s="613"/>
      <c r="HSK674" s="613"/>
      <c r="HSL674" s="613"/>
      <c r="HSM674" s="613"/>
      <c r="HSN674" s="613"/>
      <c r="HSO674" s="613"/>
      <c r="HSP674" s="613"/>
      <c r="HSQ674" s="613"/>
      <c r="HSR674" s="613"/>
      <c r="HSS674" s="613"/>
      <c r="HST674" s="613"/>
      <c r="HSU674" s="613"/>
      <c r="HSV674" s="613"/>
      <c r="HSW674" s="613"/>
      <c r="HSX674" s="613"/>
      <c r="HSY674" s="613"/>
      <c r="HSZ674" s="613"/>
      <c r="HTA674" s="613"/>
      <c r="HTB674" s="613"/>
      <c r="HTC674" s="613"/>
      <c r="HTD674" s="613"/>
      <c r="HTE674" s="613"/>
      <c r="HTF674" s="613"/>
      <c r="HTG674" s="613"/>
      <c r="HTH674" s="613"/>
      <c r="HTI674" s="613"/>
      <c r="HTJ674" s="613"/>
      <c r="HTK674" s="613"/>
      <c r="HTL674" s="613"/>
      <c r="HTM674" s="613"/>
      <c r="HTN674" s="613"/>
      <c r="HTO674" s="613"/>
      <c r="HTP674" s="613"/>
      <c r="HTQ674" s="613"/>
      <c r="HTR674" s="613"/>
      <c r="HTS674" s="613"/>
      <c r="HTT674" s="613"/>
      <c r="HTU674" s="613"/>
      <c r="HTV674" s="613"/>
      <c r="HTW674" s="613"/>
      <c r="HTX674" s="613"/>
      <c r="HTY674" s="613"/>
      <c r="HTZ674" s="613"/>
      <c r="HUA674" s="613"/>
      <c r="HUB674" s="613"/>
      <c r="HUC674" s="613"/>
      <c r="HUD674" s="613"/>
      <c r="HUE674" s="613"/>
      <c r="HUF674" s="613"/>
      <c r="HUG674" s="613"/>
      <c r="HUH674" s="613"/>
      <c r="HUI674" s="613"/>
      <c r="HUJ674" s="613"/>
      <c r="HUK674" s="613"/>
      <c r="HUL674" s="613"/>
      <c r="HUM674" s="613"/>
      <c r="HUN674" s="613"/>
      <c r="HUO674" s="613"/>
      <c r="HUP674" s="613"/>
      <c r="HUQ674" s="613"/>
      <c r="HUR674" s="613"/>
      <c r="HUS674" s="613"/>
      <c r="HUT674" s="613"/>
      <c r="HUU674" s="613"/>
      <c r="HUV674" s="613"/>
      <c r="HUW674" s="613"/>
      <c r="HUX674" s="613"/>
      <c r="HUY674" s="613"/>
      <c r="HUZ674" s="613"/>
      <c r="HVA674" s="613"/>
      <c r="HVB674" s="613"/>
      <c r="HVC674" s="613"/>
      <c r="HVD674" s="613"/>
      <c r="HVE674" s="613"/>
      <c r="HVF674" s="613"/>
      <c r="HVG674" s="613"/>
      <c r="HVH674" s="613"/>
      <c r="HVI674" s="613"/>
      <c r="HVJ674" s="613"/>
      <c r="HVK674" s="613"/>
      <c r="HVL674" s="613"/>
      <c r="HVM674" s="613"/>
      <c r="HVN674" s="613"/>
      <c r="HVO674" s="613"/>
      <c r="HVP674" s="613"/>
      <c r="HVQ674" s="613"/>
      <c r="HVR674" s="613"/>
      <c r="HVS674" s="613"/>
      <c r="HVT674" s="613"/>
      <c r="HVU674" s="613"/>
      <c r="HVV674" s="613"/>
      <c r="HVW674" s="613"/>
      <c r="HVX674" s="613"/>
      <c r="HVY674" s="613"/>
      <c r="HVZ674" s="613"/>
      <c r="HWA674" s="613"/>
      <c r="HWB674" s="613"/>
      <c r="HWC674" s="613"/>
      <c r="HWD674" s="613"/>
      <c r="HWE674" s="613"/>
      <c r="HWF674" s="613"/>
      <c r="HWG674" s="613"/>
      <c r="HWH674" s="613"/>
      <c r="HWI674" s="613"/>
      <c r="HWJ674" s="613"/>
      <c r="HWK674" s="613"/>
      <c r="HWL674" s="613"/>
      <c r="HWM674" s="613"/>
      <c r="HWN674" s="613"/>
      <c r="HWO674" s="613"/>
      <c r="HWP674" s="613"/>
      <c r="HWQ674" s="613"/>
      <c r="HWR674" s="613"/>
      <c r="HWS674" s="613"/>
      <c r="HWT674" s="613"/>
      <c r="HWU674" s="613"/>
      <c r="HWV674" s="613"/>
      <c r="HWW674" s="613"/>
      <c r="HWX674" s="613"/>
      <c r="HWY674" s="613"/>
      <c r="HWZ674" s="613"/>
      <c r="HXA674" s="613"/>
      <c r="HXB674" s="613"/>
      <c r="HXC674" s="613"/>
      <c r="HXD674" s="613"/>
      <c r="HXE674" s="613"/>
      <c r="HXF674" s="613"/>
      <c r="HXG674" s="613"/>
      <c r="HXH674" s="613"/>
      <c r="HXI674" s="613"/>
      <c r="HXJ674" s="613"/>
      <c r="HXK674" s="613"/>
      <c r="HXL674" s="613"/>
      <c r="HXM674" s="613"/>
      <c r="HXN674" s="613"/>
      <c r="HXO674" s="613"/>
      <c r="HXP674" s="613"/>
      <c r="HXQ674" s="613"/>
      <c r="HXR674" s="613"/>
      <c r="HXS674" s="613"/>
      <c r="HXT674" s="613"/>
      <c r="HXU674" s="613"/>
      <c r="HXV674" s="613"/>
      <c r="HXW674" s="613"/>
      <c r="HXX674" s="613"/>
      <c r="HXY674" s="613"/>
      <c r="HXZ674" s="613"/>
      <c r="HYA674" s="613"/>
      <c r="HYB674" s="613"/>
      <c r="HYC674" s="613"/>
      <c r="HYD674" s="613"/>
      <c r="HYE674" s="613"/>
      <c r="HYF674" s="613"/>
      <c r="HYG674" s="613"/>
      <c r="HYH674" s="613"/>
      <c r="HYI674" s="613"/>
      <c r="HYJ674" s="613"/>
      <c r="HYK674" s="613"/>
      <c r="HYL674" s="613"/>
      <c r="HYM674" s="613"/>
      <c r="HYN674" s="613"/>
      <c r="HYO674" s="613"/>
      <c r="HYP674" s="613"/>
      <c r="HYQ674" s="613"/>
      <c r="HYR674" s="613"/>
      <c r="HYS674" s="613"/>
      <c r="HYT674" s="613"/>
      <c r="HYU674" s="613"/>
      <c r="HYV674" s="613"/>
      <c r="HYW674" s="613"/>
      <c r="HYX674" s="613"/>
      <c r="HYY674" s="613"/>
      <c r="HYZ674" s="613"/>
      <c r="HZA674" s="613"/>
      <c r="HZB674" s="613"/>
      <c r="HZC674" s="613"/>
      <c r="HZD674" s="613"/>
      <c r="HZE674" s="613"/>
      <c r="HZF674" s="613"/>
      <c r="HZG674" s="613"/>
      <c r="HZH674" s="613"/>
      <c r="HZI674" s="613"/>
      <c r="HZJ674" s="613"/>
      <c r="HZK674" s="613"/>
      <c r="HZL674" s="613"/>
      <c r="HZM674" s="613"/>
      <c r="HZN674" s="613"/>
      <c r="HZO674" s="613"/>
      <c r="HZP674" s="613"/>
      <c r="HZQ674" s="613"/>
      <c r="HZR674" s="613"/>
      <c r="HZS674" s="613"/>
      <c r="HZT674" s="613"/>
      <c r="HZU674" s="613"/>
      <c r="HZV674" s="613"/>
      <c r="HZW674" s="613"/>
      <c r="HZX674" s="613"/>
      <c r="HZY674" s="613"/>
      <c r="HZZ674" s="613"/>
      <c r="IAA674" s="613"/>
      <c r="IAB674" s="613"/>
      <c r="IAC674" s="613"/>
      <c r="IAD674" s="613"/>
      <c r="IAE674" s="613"/>
      <c r="IAF674" s="613"/>
      <c r="IAG674" s="613"/>
      <c r="IAH674" s="613"/>
      <c r="IAI674" s="613"/>
      <c r="IAJ674" s="613"/>
      <c r="IAK674" s="613"/>
      <c r="IAL674" s="613"/>
      <c r="IAM674" s="613"/>
      <c r="IAN674" s="613"/>
      <c r="IAO674" s="613"/>
      <c r="IAP674" s="613"/>
      <c r="IAQ674" s="613"/>
      <c r="IAR674" s="613"/>
      <c r="IAS674" s="613"/>
      <c r="IAT674" s="613"/>
      <c r="IAU674" s="613"/>
      <c r="IAV674" s="613"/>
      <c r="IAW674" s="613"/>
      <c r="IAX674" s="613"/>
      <c r="IAY674" s="613"/>
      <c r="IAZ674" s="613"/>
      <c r="IBA674" s="613"/>
      <c r="IBB674" s="613"/>
      <c r="IBC674" s="613"/>
      <c r="IBD674" s="613"/>
      <c r="IBE674" s="613"/>
      <c r="IBF674" s="613"/>
      <c r="IBG674" s="613"/>
      <c r="IBH674" s="613"/>
      <c r="IBI674" s="613"/>
      <c r="IBJ674" s="613"/>
      <c r="IBK674" s="613"/>
      <c r="IBL674" s="613"/>
      <c r="IBM674" s="613"/>
      <c r="IBN674" s="613"/>
      <c r="IBO674" s="613"/>
      <c r="IBP674" s="613"/>
      <c r="IBQ674" s="613"/>
      <c r="IBR674" s="613"/>
      <c r="IBS674" s="613"/>
      <c r="IBT674" s="613"/>
      <c r="IBU674" s="613"/>
      <c r="IBV674" s="613"/>
      <c r="IBW674" s="613"/>
      <c r="IBX674" s="613"/>
      <c r="IBY674" s="613"/>
      <c r="IBZ674" s="613"/>
      <c r="ICA674" s="613"/>
      <c r="ICB674" s="613"/>
      <c r="ICC674" s="613"/>
      <c r="ICD674" s="613"/>
      <c r="ICE674" s="613"/>
      <c r="ICF674" s="613"/>
      <c r="ICG674" s="613"/>
      <c r="ICH674" s="613"/>
      <c r="ICI674" s="613"/>
      <c r="ICJ674" s="613"/>
      <c r="ICK674" s="613"/>
      <c r="ICL674" s="613"/>
      <c r="ICM674" s="613"/>
      <c r="ICN674" s="613"/>
      <c r="ICO674" s="613"/>
      <c r="ICP674" s="613"/>
      <c r="ICQ674" s="613"/>
      <c r="ICR674" s="613"/>
      <c r="ICS674" s="613"/>
      <c r="ICT674" s="613"/>
      <c r="ICU674" s="613"/>
      <c r="ICV674" s="613"/>
      <c r="ICW674" s="613"/>
      <c r="ICX674" s="613"/>
      <c r="ICY674" s="613"/>
      <c r="ICZ674" s="613"/>
      <c r="IDA674" s="613"/>
      <c r="IDB674" s="613"/>
      <c r="IDC674" s="613"/>
      <c r="IDD674" s="613"/>
      <c r="IDE674" s="613"/>
      <c r="IDF674" s="613"/>
      <c r="IDG674" s="613"/>
      <c r="IDH674" s="613"/>
      <c r="IDI674" s="613"/>
      <c r="IDJ674" s="613"/>
      <c r="IDK674" s="613"/>
      <c r="IDL674" s="613"/>
      <c r="IDM674" s="613"/>
      <c r="IDN674" s="613"/>
      <c r="IDO674" s="613"/>
      <c r="IDP674" s="613"/>
      <c r="IDQ674" s="613"/>
      <c r="IDR674" s="613"/>
      <c r="IDS674" s="613"/>
      <c r="IDT674" s="613"/>
      <c r="IDU674" s="613"/>
      <c r="IDV674" s="613"/>
      <c r="IDW674" s="613"/>
      <c r="IDX674" s="613"/>
      <c r="IDY674" s="613"/>
      <c r="IDZ674" s="613"/>
      <c r="IEA674" s="613"/>
      <c r="IEB674" s="613"/>
      <c r="IEC674" s="613"/>
      <c r="IED674" s="613"/>
      <c r="IEE674" s="613"/>
      <c r="IEF674" s="613"/>
      <c r="IEG674" s="613"/>
      <c r="IEH674" s="613"/>
      <c r="IEI674" s="613"/>
      <c r="IEJ674" s="613"/>
      <c r="IEK674" s="613"/>
      <c r="IEL674" s="613"/>
      <c r="IEM674" s="613"/>
      <c r="IEN674" s="613"/>
      <c r="IEO674" s="613"/>
      <c r="IEP674" s="613"/>
      <c r="IEQ674" s="613"/>
      <c r="IER674" s="613"/>
      <c r="IES674" s="613"/>
      <c r="IET674" s="613"/>
      <c r="IEU674" s="613"/>
      <c r="IEV674" s="613"/>
      <c r="IEW674" s="613"/>
      <c r="IEX674" s="613"/>
      <c r="IEY674" s="613"/>
      <c r="IEZ674" s="613"/>
      <c r="IFA674" s="613"/>
      <c r="IFB674" s="613"/>
      <c r="IFC674" s="613"/>
      <c r="IFD674" s="613"/>
      <c r="IFE674" s="613"/>
      <c r="IFF674" s="613"/>
      <c r="IFG674" s="613"/>
      <c r="IFH674" s="613"/>
      <c r="IFI674" s="613"/>
      <c r="IFJ674" s="613"/>
      <c r="IFK674" s="613"/>
      <c r="IFL674" s="613"/>
      <c r="IFM674" s="613"/>
      <c r="IFN674" s="613"/>
      <c r="IFO674" s="613"/>
      <c r="IFP674" s="613"/>
      <c r="IFQ674" s="613"/>
      <c r="IFR674" s="613"/>
      <c r="IFS674" s="613"/>
      <c r="IFT674" s="613"/>
      <c r="IFU674" s="613"/>
      <c r="IFV674" s="613"/>
      <c r="IFW674" s="613"/>
      <c r="IFX674" s="613"/>
      <c r="IFY674" s="613"/>
      <c r="IFZ674" s="613"/>
      <c r="IGA674" s="613"/>
      <c r="IGB674" s="613"/>
      <c r="IGC674" s="613"/>
      <c r="IGD674" s="613"/>
      <c r="IGE674" s="613"/>
      <c r="IGF674" s="613"/>
      <c r="IGG674" s="613"/>
      <c r="IGH674" s="613"/>
      <c r="IGI674" s="613"/>
      <c r="IGJ674" s="613"/>
      <c r="IGK674" s="613"/>
      <c r="IGL674" s="613"/>
      <c r="IGM674" s="613"/>
      <c r="IGN674" s="613"/>
      <c r="IGO674" s="613"/>
      <c r="IGP674" s="613"/>
      <c r="IGQ674" s="613"/>
      <c r="IGR674" s="613"/>
      <c r="IGS674" s="613"/>
      <c r="IGT674" s="613"/>
      <c r="IGU674" s="613"/>
      <c r="IGV674" s="613"/>
      <c r="IGW674" s="613"/>
      <c r="IGX674" s="613"/>
      <c r="IGY674" s="613"/>
      <c r="IGZ674" s="613"/>
      <c r="IHA674" s="613"/>
      <c r="IHB674" s="613"/>
      <c r="IHC674" s="613"/>
      <c r="IHD674" s="613"/>
      <c r="IHE674" s="613"/>
      <c r="IHF674" s="613"/>
      <c r="IHG674" s="613"/>
      <c r="IHH674" s="613"/>
      <c r="IHI674" s="613"/>
      <c r="IHJ674" s="613"/>
      <c r="IHK674" s="613"/>
      <c r="IHL674" s="613"/>
      <c r="IHM674" s="613"/>
      <c r="IHN674" s="613"/>
      <c r="IHO674" s="613"/>
      <c r="IHP674" s="613"/>
      <c r="IHQ674" s="613"/>
      <c r="IHR674" s="613"/>
      <c r="IHS674" s="613"/>
      <c r="IHT674" s="613"/>
      <c r="IHU674" s="613"/>
      <c r="IHV674" s="613"/>
      <c r="IHW674" s="613"/>
      <c r="IHX674" s="613"/>
      <c r="IHY674" s="613"/>
      <c r="IHZ674" s="613"/>
      <c r="IIA674" s="613"/>
      <c r="IIB674" s="613"/>
      <c r="IIC674" s="613"/>
      <c r="IID674" s="613"/>
      <c r="IIE674" s="613"/>
      <c r="IIF674" s="613"/>
      <c r="IIG674" s="613"/>
      <c r="IIH674" s="613"/>
      <c r="III674" s="613"/>
      <c r="IIJ674" s="613"/>
      <c r="IIK674" s="613"/>
      <c r="IIL674" s="613"/>
      <c r="IIM674" s="613"/>
      <c r="IIN674" s="613"/>
      <c r="IIO674" s="613"/>
      <c r="IIP674" s="613"/>
      <c r="IIQ674" s="613"/>
      <c r="IIR674" s="613"/>
      <c r="IIS674" s="613"/>
      <c r="IIT674" s="613"/>
      <c r="IIU674" s="613"/>
      <c r="IIV674" s="613"/>
      <c r="IIW674" s="613"/>
      <c r="IIX674" s="613"/>
      <c r="IIY674" s="613"/>
      <c r="IIZ674" s="613"/>
      <c r="IJA674" s="613"/>
      <c r="IJB674" s="613"/>
      <c r="IJC674" s="613"/>
      <c r="IJD674" s="613"/>
      <c r="IJE674" s="613"/>
      <c r="IJF674" s="613"/>
      <c r="IJG674" s="613"/>
      <c r="IJH674" s="613"/>
      <c r="IJI674" s="613"/>
      <c r="IJJ674" s="613"/>
      <c r="IJK674" s="613"/>
      <c r="IJL674" s="613"/>
      <c r="IJM674" s="613"/>
      <c r="IJN674" s="613"/>
      <c r="IJO674" s="613"/>
      <c r="IJP674" s="613"/>
      <c r="IJQ674" s="613"/>
      <c r="IJR674" s="613"/>
      <c r="IJS674" s="613"/>
      <c r="IJT674" s="613"/>
      <c r="IJU674" s="613"/>
      <c r="IJV674" s="613"/>
      <c r="IJW674" s="613"/>
      <c r="IJX674" s="613"/>
      <c r="IJY674" s="613"/>
      <c r="IJZ674" s="613"/>
      <c r="IKA674" s="613"/>
      <c r="IKB674" s="613"/>
      <c r="IKC674" s="613"/>
      <c r="IKD674" s="613"/>
      <c r="IKE674" s="613"/>
      <c r="IKF674" s="613"/>
      <c r="IKG674" s="613"/>
      <c r="IKH674" s="613"/>
      <c r="IKI674" s="613"/>
      <c r="IKJ674" s="613"/>
      <c r="IKK674" s="613"/>
      <c r="IKL674" s="613"/>
      <c r="IKM674" s="613"/>
      <c r="IKN674" s="613"/>
      <c r="IKO674" s="613"/>
      <c r="IKP674" s="613"/>
      <c r="IKQ674" s="613"/>
      <c r="IKR674" s="613"/>
      <c r="IKS674" s="613"/>
      <c r="IKT674" s="613"/>
      <c r="IKU674" s="613"/>
      <c r="IKV674" s="613"/>
      <c r="IKW674" s="613"/>
      <c r="IKX674" s="613"/>
      <c r="IKY674" s="613"/>
      <c r="IKZ674" s="613"/>
      <c r="ILA674" s="613"/>
      <c r="ILB674" s="613"/>
      <c r="ILC674" s="613"/>
      <c r="ILD674" s="613"/>
      <c r="ILE674" s="613"/>
      <c r="ILF674" s="613"/>
      <c r="ILG674" s="613"/>
      <c r="ILH674" s="613"/>
      <c r="ILI674" s="613"/>
      <c r="ILJ674" s="613"/>
      <c r="ILK674" s="613"/>
      <c r="ILL674" s="613"/>
      <c r="ILM674" s="613"/>
      <c r="ILN674" s="613"/>
      <c r="ILO674" s="613"/>
      <c r="ILP674" s="613"/>
      <c r="ILQ674" s="613"/>
      <c r="ILR674" s="613"/>
      <c r="ILS674" s="613"/>
      <c r="ILT674" s="613"/>
      <c r="ILU674" s="613"/>
      <c r="ILV674" s="613"/>
      <c r="ILW674" s="613"/>
      <c r="ILX674" s="613"/>
      <c r="ILY674" s="613"/>
      <c r="ILZ674" s="613"/>
      <c r="IMA674" s="613"/>
      <c r="IMB674" s="613"/>
      <c r="IMC674" s="613"/>
      <c r="IMD674" s="613"/>
      <c r="IME674" s="613"/>
      <c r="IMF674" s="613"/>
      <c r="IMG674" s="613"/>
      <c r="IMH674" s="613"/>
      <c r="IMI674" s="613"/>
      <c r="IMJ674" s="613"/>
      <c r="IMK674" s="613"/>
      <c r="IML674" s="613"/>
      <c r="IMM674" s="613"/>
      <c r="IMN674" s="613"/>
      <c r="IMO674" s="613"/>
      <c r="IMP674" s="613"/>
      <c r="IMQ674" s="613"/>
      <c r="IMR674" s="613"/>
      <c r="IMS674" s="613"/>
      <c r="IMT674" s="613"/>
      <c r="IMU674" s="613"/>
      <c r="IMV674" s="613"/>
      <c r="IMW674" s="613"/>
      <c r="IMX674" s="613"/>
      <c r="IMY674" s="613"/>
      <c r="IMZ674" s="613"/>
      <c r="INA674" s="613"/>
      <c r="INB674" s="613"/>
      <c r="INC674" s="613"/>
      <c r="IND674" s="613"/>
      <c r="INE674" s="613"/>
      <c r="INF674" s="613"/>
      <c r="ING674" s="613"/>
      <c r="INH674" s="613"/>
      <c r="INI674" s="613"/>
      <c r="INJ674" s="613"/>
      <c r="INK674" s="613"/>
      <c r="INL674" s="613"/>
      <c r="INM674" s="613"/>
      <c r="INN674" s="613"/>
      <c r="INO674" s="613"/>
      <c r="INP674" s="613"/>
      <c r="INQ674" s="613"/>
      <c r="INR674" s="613"/>
      <c r="INS674" s="613"/>
      <c r="INT674" s="613"/>
      <c r="INU674" s="613"/>
      <c r="INV674" s="613"/>
      <c r="INW674" s="613"/>
      <c r="INX674" s="613"/>
      <c r="INY674" s="613"/>
      <c r="INZ674" s="613"/>
      <c r="IOA674" s="613"/>
      <c r="IOB674" s="613"/>
      <c r="IOC674" s="613"/>
      <c r="IOD674" s="613"/>
      <c r="IOE674" s="613"/>
      <c r="IOF674" s="613"/>
      <c r="IOG674" s="613"/>
      <c r="IOH674" s="613"/>
      <c r="IOI674" s="613"/>
      <c r="IOJ674" s="613"/>
      <c r="IOK674" s="613"/>
      <c r="IOL674" s="613"/>
      <c r="IOM674" s="613"/>
      <c r="ION674" s="613"/>
      <c r="IOO674" s="613"/>
      <c r="IOP674" s="613"/>
      <c r="IOQ674" s="613"/>
      <c r="IOR674" s="613"/>
      <c r="IOS674" s="613"/>
      <c r="IOT674" s="613"/>
      <c r="IOU674" s="613"/>
      <c r="IOV674" s="613"/>
      <c r="IOW674" s="613"/>
      <c r="IOX674" s="613"/>
      <c r="IOY674" s="613"/>
      <c r="IOZ674" s="613"/>
      <c r="IPA674" s="613"/>
      <c r="IPB674" s="613"/>
      <c r="IPC674" s="613"/>
      <c r="IPD674" s="613"/>
      <c r="IPE674" s="613"/>
      <c r="IPF674" s="613"/>
      <c r="IPG674" s="613"/>
      <c r="IPH674" s="613"/>
      <c r="IPI674" s="613"/>
      <c r="IPJ674" s="613"/>
      <c r="IPK674" s="613"/>
      <c r="IPL674" s="613"/>
      <c r="IPM674" s="613"/>
      <c r="IPN674" s="613"/>
      <c r="IPO674" s="613"/>
      <c r="IPP674" s="613"/>
      <c r="IPQ674" s="613"/>
      <c r="IPR674" s="613"/>
      <c r="IPS674" s="613"/>
      <c r="IPT674" s="613"/>
      <c r="IPU674" s="613"/>
      <c r="IPV674" s="613"/>
      <c r="IPW674" s="613"/>
      <c r="IPX674" s="613"/>
      <c r="IPY674" s="613"/>
      <c r="IPZ674" s="613"/>
      <c r="IQA674" s="613"/>
      <c r="IQB674" s="613"/>
      <c r="IQC674" s="613"/>
      <c r="IQD674" s="613"/>
      <c r="IQE674" s="613"/>
      <c r="IQF674" s="613"/>
      <c r="IQG674" s="613"/>
      <c r="IQH674" s="613"/>
      <c r="IQI674" s="613"/>
      <c r="IQJ674" s="613"/>
      <c r="IQK674" s="613"/>
      <c r="IQL674" s="613"/>
      <c r="IQM674" s="613"/>
      <c r="IQN674" s="613"/>
      <c r="IQO674" s="613"/>
      <c r="IQP674" s="613"/>
      <c r="IQQ674" s="613"/>
      <c r="IQR674" s="613"/>
      <c r="IQS674" s="613"/>
      <c r="IQT674" s="613"/>
      <c r="IQU674" s="613"/>
      <c r="IQV674" s="613"/>
      <c r="IQW674" s="613"/>
      <c r="IQX674" s="613"/>
      <c r="IQY674" s="613"/>
      <c r="IQZ674" s="613"/>
      <c r="IRA674" s="613"/>
      <c r="IRB674" s="613"/>
      <c r="IRC674" s="613"/>
      <c r="IRD674" s="613"/>
      <c r="IRE674" s="613"/>
      <c r="IRF674" s="613"/>
      <c r="IRG674" s="613"/>
      <c r="IRH674" s="613"/>
      <c r="IRI674" s="613"/>
      <c r="IRJ674" s="613"/>
      <c r="IRK674" s="613"/>
      <c r="IRL674" s="613"/>
      <c r="IRM674" s="613"/>
      <c r="IRN674" s="613"/>
      <c r="IRO674" s="613"/>
      <c r="IRP674" s="613"/>
      <c r="IRQ674" s="613"/>
      <c r="IRR674" s="613"/>
      <c r="IRS674" s="613"/>
      <c r="IRT674" s="613"/>
      <c r="IRU674" s="613"/>
      <c r="IRV674" s="613"/>
      <c r="IRW674" s="613"/>
      <c r="IRX674" s="613"/>
      <c r="IRY674" s="613"/>
      <c r="IRZ674" s="613"/>
      <c r="ISA674" s="613"/>
      <c r="ISB674" s="613"/>
      <c r="ISC674" s="613"/>
      <c r="ISD674" s="613"/>
      <c r="ISE674" s="613"/>
      <c r="ISF674" s="613"/>
      <c r="ISG674" s="613"/>
      <c r="ISH674" s="613"/>
      <c r="ISI674" s="613"/>
      <c r="ISJ674" s="613"/>
      <c r="ISK674" s="613"/>
      <c r="ISL674" s="613"/>
      <c r="ISM674" s="613"/>
      <c r="ISN674" s="613"/>
      <c r="ISO674" s="613"/>
      <c r="ISP674" s="613"/>
      <c r="ISQ674" s="613"/>
      <c r="ISR674" s="613"/>
      <c r="ISS674" s="613"/>
      <c r="IST674" s="613"/>
      <c r="ISU674" s="613"/>
      <c r="ISV674" s="613"/>
      <c r="ISW674" s="613"/>
      <c r="ISX674" s="613"/>
      <c r="ISY674" s="613"/>
      <c r="ISZ674" s="613"/>
      <c r="ITA674" s="613"/>
      <c r="ITB674" s="613"/>
      <c r="ITC674" s="613"/>
      <c r="ITD674" s="613"/>
      <c r="ITE674" s="613"/>
      <c r="ITF674" s="613"/>
      <c r="ITG674" s="613"/>
      <c r="ITH674" s="613"/>
      <c r="ITI674" s="613"/>
      <c r="ITJ674" s="613"/>
      <c r="ITK674" s="613"/>
      <c r="ITL674" s="613"/>
      <c r="ITM674" s="613"/>
      <c r="ITN674" s="613"/>
      <c r="ITO674" s="613"/>
      <c r="ITP674" s="613"/>
      <c r="ITQ674" s="613"/>
      <c r="ITR674" s="613"/>
      <c r="ITS674" s="613"/>
      <c r="ITT674" s="613"/>
      <c r="ITU674" s="613"/>
      <c r="ITV674" s="613"/>
      <c r="ITW674" s="613"/>
      <c r="ITX674" s="613"/>
      <c r="ITY674" s="613"/>
      <c r="ITZ674" s="613"/>
      <c r="IUA674" s="613"/>
      <c r="IUB674" s="613"/>
      <c r="IUC674" s="613"/>
      <c r="IUD674" s="613"/>
      <c r="IUE674" s="613"/>
      <c r="IUF674" s="613"/>
      <c r="IUG674" s="613"/>
      <c r="IUH674" s="613"/>
      <c r="IUI674" s="613"/>
      <c r="IUJ674" s="613"/>
      <c r="IUK674" s="613"/>
      <c r="IUL674" s="613"/>
      <c r="IUM674" s="613"/>
      <c r="IUN674" s="613"/>
      <c r="IUO674" s="613"/>
      <c r="IUP674" s="613"/>
      <c r="IUQ674" s="613"/>
      <c r="IUR674" s="613"/>
      <c r="IUS674" s="613"/>
      <c r="IUT674" s="613"/>
      <c r="IUU674" s="613"/>
      <c r="IUV674" s="613"/>
      <c r="IUW674" s="613"/>
      <c r="IUX674" s="613"/>
      <c r="IUY674" s="613"/>
      <c r="IUZ674" s="613"/>
      <c r="IVA674" s="613"/>
      <c r="IVB674" s="613"/>
      <c r="IVC674" s="613"/>
      <c r="IVD674" s="613"/>
      <c r="IVE674" s="613"/>
      <c r="IVF674" s="613"/>
      <c r="IVG674" s="613"/>
      <c r="IVH674" s="613"/>
      <c r="IVI674" s="613"/>
      <c r="IVJ674" s="613"/>
      <c r="IVK674" s="613"/>
      <c r="IVL674" s="613"/>
      <c r="IVM674" s="613"/>
      <c r="IVN674" s="613"/>
      <c r="IVO674" s="613"/>
      <c r="IVP674" s="613"/>
      <c r="IVQ674" s="613"/>
      <c r="IVR674" s="613"/>
      <c r="IVS674" s="613"/>
      <c r="IVT674" s="613"/>
      <c r="IVU674" s="613"/>
      <c r="IVV674" s="613"/>
      <c r="IVW674" s="613"/>
      <c r="IVX674" s="613"/>
      <c r="IVY674" s="613"/>
      <c r="IVZ674" s="613"/>
      <c r="IWA674" s="613"/>
      <c r="IWB674" s="613"/>
      <c r="IWC674" s="613"/>
      <c r="IWD674" s="613"/>
      <c r="IWE674" s="613"/>
      <c r="IWF674" s="613"/>
      <c r="IWG674" s="613"/>
      <c r="IWH674" s="613"/>
      <c r="IWI674" s="613"/>
      <c r="IWJ674" s="613"/>
      <c r="IWK674" s="613"/>
      <c r="IWL674" s="613"/>
      <c r="IWM674" s="613"/>
      <c r="IWN674" s="613"/>
      <c r="IWO674" s="613"/>
      <c r="IWP674" s="613"/>
      <c r="IWQ674" s="613"/>
      <c r="IWR674" s="613"/>
      <c r="IWS674" s="613"/>
      <c r="IWT674" s="613"/>
      <c r="IWU674" s="613"/>
      <c r="IWV674" s="613"/>
      <c r="IWW674" s="613"/>
      <c r="IWX674" s="613"/>
      <c r="IWY674" s="613"/>
      <c r="IWZ674" s="613"/>
      <c r="IXA674" s="613"/>
      <c r="IXB674" s="613"/>
      <c r="IXC674" s="613"/>
      <c r="IXD674" s="613"/>
      <c r="IXE674" s="613"/>
      <c r="IXF674" s="613"/>
      <c r="IXG674" s="613"/>
      <c r="IXH674" s="613"/>
      <c r="IXI674" s="613"/>
      <c r="IXJ674" s="613"/>
      <c r="IXK674" s="613"/>
      <c r="IXL674" s="613"/>
      <c r="IXM674" s="613"/>
      <c r="IXN674" s="613"/>
      <c r="IXO674" s="613"/>
      <c r="IXP674" s="613"/>
      <c r="IXQ674" s="613"/>
      <c r="IXR674" s="613"/>
      <c r="IXS674" s="613"/>
      <c r="IXT674" s="613"/>
      <c r="IXU674" s="613"/>
      <c r="IXV674" s="613"/>
      <c r="IXW674" s="613"/>
      <c r="IXX674" s="613"/>
      <c r="IXY674" s="613"/>
      <c r="IXZ674" s="613"/>
      <c r="IYA674" s="613"/>
      <c r="IYB674" s="613"/>
      <c r="IYC674" s="613"/>
      <c r="IYD674" s="613"/>
      <c r="IYE674" s="613"/>
      <c r="IYF674" s="613"/>
      <c r="IYG674" s="613"/>
      <c r="IYH674" s="613"/>
      <c r="IYI674" s="613"/>
      <c r="IYJ674" s="613"/>
      <c r="IYK674" s="613"/>
      <c r="IYL674" s="613"/>
      <c r="IYM674" s="613"/>
      <c r="IYN674" s="613"/>
      <c r="IYO674" s="613"/>
      <c r="IYP674" s="613"/>
      <c r="IYQ674" s="613"/>
      <c r="IYR674" s="613"/>
      <c r="IYS674" s="613"/>
      <c r="IYT674" s="613"/>
      <c r="IYU674" s="613"/>
      <c r="IYV674" s="613"/>
      <c r="IYW674" s="613"/>
      <c r="IYX674" s="613"/>
      <c r="IYY674" s="613"/>
      <c r="IYZ674" s="613"/>
      <c r="IZA674" s="613"/>
      <c r="IZB674" s="613"/>
      <c r="IZC674" s="613"/>
      <c r="IZD674" s="613"/>
      <c r="IZE674" s="613"/>
      <c r="IZF674" s="613"/>
      <c r="IZG674" s="613"/>
      <c r="IZH674" s="613"/>
      <c r="IZI674" s="613"/>
      <c r="IZJ674" s="613"/>
      <c r="IZK674" s="613"/>
      <c r="IZL674" s="613"/>
      <c r="IZM674" s="613"/>
      <c r="IZN674" s="613"/>
      <c r="IZO674" s="613"/>
      <c r="IZP674" s="613"/>
      <c r="IZQ674" s="613"/>
      <c r="IZR674" s="613"/>
      <c r="IZS674" s="613"/>
      <c r="IZT674" s="613"/>
      <c r="IZU674" s="613"/>
      <c r="IZV674" s="613"/>
      <c r="IZW674" s="613"/>
      <c r="IZX674" s="613"/>
      <c r="IZY674" s="613"/>
      <c r="IZZ674" s="613"/>
      <c r="JAA674" s="613"/>
      <c r="JAB674" s="613"/>
      <c r="JAC674" s="613"/>
      <c r="JAD674" s="613"/>
      <c r="JAE674" s="613"/>
      <c r="JAF674" s="613"/>
      <c r="JAG674" s="613"/>
      <c r="JAH674" s="613"/>
      <c r="JAI674" s="613"/>
      <c r="JAJ674" s="613"/>
      <c r="JAK674" s="613"/>
      <c r="JAL674" s="613"/>
      <c r="JAM674" s="613"/>
      <c r="JAN674" s="613"/>
      <c r="JAO674" s="613"/>
      <c r="JAP674" s="613"/>
      <c r="JAQ674" s="613"/>
      <c r="JAR674" s="613"/>
      <c r="JAS674" s="613"/>
      <c r="JAT674" s="613"/>
      <c r="JAU674" s="613"/>
      <c r="JAV674" s="613"/>
      <c r="JAW674" s="613"/>
      <c r="JAX674" s="613"/>
      <c r="JAY674" s="613"/>
      <c r="JAZ674" s="613"/>
      <c r="JBA674" s="613"/>
      <c r="JBB674" s="613"/>
      <c r="JBC674" s="613"/>
      <c r="JBD674" s="613"/>
      <c r="JBE674" s="613"/>
      <c r="JBF674" s="613"/>
      <c r="JBG674" s="613"/>
      <c r="JBH674" s="613"/>
      <c r="JBI674" s="613"/>
      <c r="JBJ674" s="613"/>
      <c r="JBK674" s="613"/>
      <c r="JBL674" s="613"/>
      <c r="JBM674" s="613"/>
      <c r="JBN674" s="613"/>
      <c r="JBO674" s="613"/>
      <c r="JBP674" s="613"/>
      <c r="JBQ674" s="613"/>
      <c r="JBR674" s="613"/>
      <c r="JBS674" s="613"/>
      <c r="JBT674" s="613"/>
      <c r="JBU674" s="613"/>
      <c r="JBV674" s="613"/>
      <c r="JBW674" s="613"/>
      <c r="JBX674" s="613"/>
      <c r="JBY674" s="613"/>
      <c r="JBZ674" s="613"/>
      <c r="JCA674" s="613"/>
      <c r="JCB674" s="613"/>
      <c r="JCC674" s="613"/>
      <c r="JCD674" s="613"/>
      <c r="JCE674" s="613"/>
      <c r="JCF674" s="613"/>
      <c r="JCG674" s="613"/>
      <c r="JCH674" s="613"/>
      <c r="JCI674" s="613"/>
      <c r="JCJ674" s="613"/>
      <c r="JCK674" s="613"/>
      <c r="JCL674" s="613"/>
      <c r="JCM674" s="613"/>
      <c r="JCN674" s="613"/>
      <c r="JCO674" s="613"/>
      <c r="JCP674" s="613"/>
      <c r="JCQ674" s="613"/>
      <c r="JCR674" s="613"/>
      <c r="JCS674" s="613"/>
      <c r="JCT674" s="613"/>
      <c r="JCU674" s="613"/>
      <c r="JCV674" s="613"/>
      <c r="JCW674" s="613"/>
      <c r="JCX674" s="613"/>
      <c r="JCY674" s="613"/>
      <c r="JCZ674" s="613"/>
      <c r="JDA674" s="613"/>
      <c r="JDB674" s="613"/>
      <c r="JDC674" s="613"/>
      <c r="JDD674" s="613"/>
      <c r="JDE674" s="613"/>
      <c r="JDF674" s="613"/>
      <c r="JDG674" s="613"/>
      <c r="JDH674" s="613"/>
      <c r="JDI674" s="613"/>
      <c r="JDJ674" s="613"/>
      <c r="JDK674" s="613"/>
      <c r="JDL674" s="613"/>
      <c r="JDM674" s="613"/>
      <c r="JDN674" s="613"/>
      <c r="JDO674" s="613"/>
      <c r="JDP674" s="613"/>
      <c r="JDQ674" s="613"/>
      <c r="JDR674" s="613"/>
      <c r="JDS674" s="613"/>
      <c r="JDT674" s="613"/>
      <c r="JDU674" s="613"/>
      <c r="JDV674" s="613"/>
      <c r="JDW674" s="613"/>
      <c r="JDX674" s="613"/>
      <c r="JDY674" s="613"/>
      <c r="JDZ674" s="613"/>
      <c r="JEA674" s="613"/>
      <c r="JEB674" s="613"/>
      <c r="JEC674" s="613"/>
      <c r="JED674" s="613"/>
      <c r="JEE674" s="613"/>
      <c r="JEF674" s="613"/>
      <c r="JEG674" s="613"/>
      <c r="JEH674" s="613"/>
      <c r="JEI674" s="613"/>
      <c r="JEJ674" s="613"/>
      <c r="JEK674" s="613"/>
      <c r="JEL674" s="613"/>
      <c r="JEM674" s="613"/>
      <c r="JEN674" s="613"/>
      <c r="JEO674" s="613"/>
      <c r="JEP674" s="613"/>
      <c r="JEQ674" s="613"/>
      <c r="JER674" s="613"/>
      <c r="JES674" s="613"/>
      <c r="JET674" s="613"/>
      <c r="JEU674" s="613"/>
      <c r="JEV674" s="613"/>
      <c r="JEW674" s="613"/>
      <c r="JEX674" s="613"/>
      <c r="JEY674" s="613"/>
      <c r="JEZ674" s="613"/>
      <c r="JFA674" s="613"/>
      <c r="JFB674" s="613"/>
      <c r="JFC674" s="613"/>
      <c r="JFD674" s="613"/>
      <c r="JFE674" s="613"/>
      <c r="JFF674" s="613"/>
      <c r="JFG674" s="613"/>
      <c r="JFH674" s="613"/>
      <c r="JFI674" s="613"/>
      <c r="JFJ674" s="613"/>
      <c r="JFK674" s="613"/>
      <c r="JFL674" s="613"/>
      <c r="JFM674" s="613"/>
      <c r="JFN674" s="613"/>
      <c r="JFO674" s="613"/>
      <c r="JFP674" s="613"/>
      <c r="JFQ674" s="613"/>
      <c r="JFR674" s="613"/>
      <c r="JFS674" s="613"/>
      <c r="JFT674" s="613"/>
      <c r="JFU674" s="613"/>
      <c r="JFV674" s="613"/>
      <c r="JFW674" s="613"/>
      <c r="JFX674" s="613"/>
      <c r="JFY674" s="613"/>
      <c r="JFZ674" s="613"/>
      <c r="JGA674" s="613"/>
      <c r="JGB674" s="613"/>
      <c r="JGC674" s="613"/>
      <c r="JGD674" s="613"/>
      <c r="JGE674" s="613"/>
      <c r="JGF674" s="613"/>
      <c r="JGG674" s="613"/>
      <c r="JGH674" s="613"/>
      <c r="JGI674" s="613"/>
      <c r="JGJ674" s="613"/>
      <c r="JGK674" s="613"/>
      <c r="JGL674" s="613"/>
      <c r="JGM674" s="613"/>
      <c r="JGN674" s="613"/>
      <c r="JGO674" s="613"/>
      <c r="JGP674" s="613"/>
      <c r="JGQ674" s="613"/>
      <c r="JGR674" s="613"/>
      <c r="JGS674" s="613"/>
      <c r="JGT674" s="613"/>
      <c r="JGU674" s="613"/>
      <c r="JGV674" s="613"/>
      <c r="JGW674" s="613"/>
      <c r="JGX674" s="613"/>
      <c r="JGY674" s="613"/>
      <c r="JGZ674" s="613"/>
      <c r="JHA674" s="613"/>
      <c r="JHB674" s="613"/>
      <c r="JHC674" s="613"/>
      <c r="JHD674" s="613"/>
      <c r="JHE674" s="613"/>
      <c r="JHF674" s="613"/>
      <c r="JHG674" s="613"/>
      <c r="JHH674" s="613"/>
      <c r="JHI674" s="613"/>
      <c r="JHJ674" s="613"/>
      <c r="JHK674" s="613"/>
      <c r="JHL674" s="613"/>
      <c r="JHM674" s="613"/>
      <c r="JHN674" s="613"/>
      <c r="JHO674" s="613"/>
      <c r="JHP674" s="613"/>
      <c r="JHQ674" s="613"/>
      <c r="JHR674" s="613"/>
      <c r="JHS674" s="613"/>
      <c r="JHT674" s="613"/>
      <c r="JHU674" s="613"/>
      <c r="JHV674" s="613"/>
      <c r="JHW674" s="613"/>
      <c r="JHX674" s="613"/>
      <c r="JHY674" s="613"/>
      <c r="JHZ674" s="613"/>
      <c r="JIA674" s="613"/>
      <c r="JIB674" s="613"/>
      <c r="JIC674" s="613"/>
      <c r="JID674" s="613"/>
      <c r="JIE674" s="613"/>
      <c r="JIF674" s="613"/>
      <c r="JIG674" s="613"/>
      <c r="JIH674" s="613"/>
      <c r="JII674" s="613"/>
      <c r="JIJ674" s="613"/>
      <c r="JIK674" s="613"/>
      <c r="JIL674" s="613"/>
      <c r="JIM674" s="613"/>
      <c r="JIN674" s="613"/>
      <c r="JIO674" s="613"/>
      <c r="JIP674" s="613"/>
      <c r="JIQ674" s="613"/>
      <c r="JIR674" s="613"/>
      <c r="JIS674" s="613"/>
      <c r="JIT674" s="613"/>
      <c r="JIU674" s="613"/>
      <c r="JIV674" s="613"/>
      <c r="JIW674" s="613"/>
      <c r="JIX674" s="613"/>
      <c r="JIY674" s="613"/>
      <c r="JIZ674" s="613"/>
      <c r="JJA674" s="613"/>
      <c r="JJB674" s="613"/>
      <c r="JJC674" s="613"/>
      <c r="JJD674" s="613"/>
      <c r="JJE674" s="613"/>
      <c r="JJF674" s="613"/>
      <c r="JJG674" s="613"/>
      <c r="JJH674" s="613"/>
      <c r="JJI674" s="613"/>
      <c r="JJJ674" s="613"/>
      <c r="JJK674" s="613"/>
      <c r="JJL674" s="613"/>
      <c r="JJM674" s="613"/>
      <c r="JJN674" s="613"/>
      <c r="JJO674" s="613"/>
      <c r="JJP674" s="613"/>
      <c r="JJQ674" s="613"/>
      <c r="JJR674" s="613"/>
      <c r="JJS674" s="613"/>
      <c r="JJT674" s="613"/>
      <c r="JJU674" s="613"/>
      <c r="JJV674" s="613"/>
      <c r="JJW674" s="613"/>
      <c r="JJX674" s="613"/>
      <c r="JJY674" s="613"/>
      <c r="JJZ674" s="613"/>
      <c r="JKA674" s="613"/>
      <c r="JKB674" s="613"/>
      <c r="JKC674" s="613"/>
      <c r="JKD674" s="613"/>
      <c r="JKE674" s="613"/>
      <c r="JKF674" s="613"/>
      <c r="JKG674" s="613"/>
      <c r="JKH674" s="613"/>
      <c r="JKI674" s="613"/>
      <c r="JKJ674" s="613"/>
      <c r="JKK674" s="613"/>
      <c r="JKL674" s="613"/>
      <c r="JKM674" s="613"/>
      <c r="JKN674" s="613"/>
      <c r="JKO674" s="613"/>
      <c r="JKP674" s="613"/>
      <c r="JKQ674" s="613"/>
      <c r="JKR674" s="613"/>
      <c r="JKS674" s="613"/>
      <c r="JKT674" s="613"/>
      <c r="JKU674" s="613"/>
      <c r="JKV674" s="613"/>
      <c r="JKW674" s="613"/>
      <c r="JKX674" s="613"/>
      <c r="JKY674" s="613"/>
      <c r="JKZ674" s="613"/>
      <c r="JLA674" s="613"/>
      <c r="JLB674" s="613"/>
      <c r="JLC674" s="613"/>
      <c r="JLD674" s="613"/>
      <c r="JLE674" s="613"/>
      <c r="JLF674" s="613"/>
      <c r="JLG674" s="613"/>
      <c r="JLH674" s="613"/>
      <c r="JLI674" s="613"/>
      <c r="JLJ674" s="613"/>
      <c r="JLK674" s="613"/>
      <c r="JLL674" s="613"/>
      <c r="JLM674" s="613"/>
      <c r="JLN674" s="613"/>
      <c r="JLO674" s="613"/>
      <c r="JLP674" s="613"/>
      <c r="JLQ674" s="613"/>
      <c r="JLR674" s="613"/>
      <c r="JLS674" s="613"/>
      <c r="JLT674" s="613"/>
      <c r="JLU674" s="613"/>
      <c r="JLV674" s="613"/>
      <c r="JLW674" s="613"/>
      <c r="JLX674" s="613"/>
      <c r="JLY674" s="613"/>
      <c r="JLZ674" s="613"/>
      <c r="JMA674" s="613"/>
      <c r="JMB674" s="613"/>
      <c r="JMC674" s="613"/>
      <c r="JMD674" s="613"/>
      <c r="JME674" s="613"/>
      <c r="JMF674" s="613"/>
      <c r="JMG674" s="613"/>
      <c r="JMH674" s="613"/>
      <c r="JMI674" s="613"/>
      <c r="JMJ674" s="613"/>
      <c r="JMK674" s="613"/>
      <c r="JML674" s="613"/>
      <c r="JMM674" s="613"/>
      <c r="JMN674" s="613"/>
      <c r="JMO674" s="613"/>
      <c r="JMP674" s="613"/>
      <c r="JMQ674" s="613"/>
      <c r="JMR674" s="613"/>
      <c r="JMS674" s="613"/>
      <c r="JMT674" s="613"/>
      <c r="JMU674" s="613"/>
      <c r="JMV674" s="613"/>
      <c r="JMW674" s="613"/>
      <c r="JMX674" s="613"/>
      <c r="JMY674" s="613"/>
      <c r="JMZ674" s="613"/>
      <c r="JNA674" s="613"/>
      <c r="JNB674" s="613"/>
      <c r="JNC674" s="613"/>
      <c r="JND674" s="613"/>
      <c r="JNE674" s="613"/>
      <c r="JNF674" s="613"/>
      <c r="JNG674" s="613"/>
      <c r="JNH674" s="613"/>
      <c r="JNI674" s="613"/>
      <c r="JNJ674" s="613"/>
      <c r="JNK674" s="613"/>
      <c r="JNL674" s="613"/>
      <c r="JNM674" s="613"/>
      <c r="JNN674" s="613"/>
      <c r="JNO674" s="613"/>
      <c r="JNP674" s="613"/>
      <c r="JNQ674" s="613"/>
      <c r="JNR674" s="613"/>
      <c r="JNS674" s="613"/>
      <c r="JNT674" s="613"/>
      <c r="JNU674" s="613"/>
      <c r="JNV674" s="613"/>
      <c r="JNW674" s="613"/>
      <c r="JNX674" s="613"/>
      <c r="JNY674" s="613"/>
      <c r="JNZ674" s="613"/>
      <c r="JOA674" s="613"/>
      <c r="JOB674" s="613"/>
      <c r="JOC674" s="613"/>
      <c r="JOD674" s="613"/>
      <c r="JOE674" s="613"/>
      <c r="JOF674" s="613"/>
      <c r="JOG674" s="613"/>
      <c r="JOH674" s="613"/>
      <c r="JOI674" s="613"/>
      <c r="JOJ674" s="613"/>
      <c r="JOK674" s="613"/>
      <c r="JOL674" s="613"/>
      <c r="JOM674" s="613"/>
      <c r="JON674" s="613"/>
      <c r="JOO674" s="613"/>
      <c r="JOP674" s="613"/>
      <c r="JOQ674" s="613"/>
      <c r="JOR674" s="613"/>
      <c r="JOS674" s="613"/>
      <c r="JOT674" s="613"/>
      <c r="JOU674" s="613"/>
      <c r="JOV674" s="613"/>
      <c r="JOW674" s="613"/>
      <c r="JOX674" s="613"/>
      <c r="JOY674" s="613"/>
      <c r="JOZ674" s="613"/>
      <c r="JPA674" s="613"/>
      <c r="JPB674" s="613"/>
      <c r="JPC674" s="613"/>
      <c r="JPD674" s="613"/>
      <c r="JPE674" s="613"/>
      <c r="JPF674" s="613"/>
      <c r="JPG674" s="613"/>
      <c r="JPH674" s="613"/>
      <c r="JPI674" s="613"/>
      <c r="JPJ674" s="613"/>
      <c r="JPK674" s="613"/>
      <c r="JPL674" s="613"/>
      <c r="JPM674" s="613"/>
      <c r="JPN674" s="613"/>
      <c r="JPO674" s="613"/>
      <c r="JPP674" s="613"/>
      <c r="JPQ674" s="613"/>
      <c r="JPR674" s="613"/>
      <c r="JPS674" s="613"/>
      <c r="JPT674" s="613"/>
      <c r="JPU674" s="613"/>
      <c r="JPV674" s="613"/>
      <c r="JPW674" s="613"/>
      <c r="JPX674" s="613"/>
      <c r="JPY674" s="613"/>
      <c r="JPZ674" s="613"/>
      <c r="JQA674" s="613"/>
      <c r="JQB674" s="613"/>
      <c r="JQC674" s="613"/>
      <c r="JQD674" s="613"/>
      <c r="JQE674" s="613"/>
      <c r="JQF674" s="613"/>
      <c r="JQG674" s="613"/>
      <c r="JQH674" s="613"/>
      <c r="JQI674" s="613"/>
      <c r="JQJ674" s="613"/>
      <c r="JQK674" s="613"/>
      <c r="JQL674" s="613"/>
      <c r="JQM674" s="613"/>
      <c r="JQN674" s="613"/>
      <c r="JQO674" s="613"/>
      <c r="JQP674" s="613"/>
      <c r="JQQ674" s="613"/>
      <c r="JQR674" s="613"/>
      <c r="JQS674" s="613"/>
      <c r="JQT674" s="613"/>
      <c r="JQU674" s="613"/>
      <c r="JQV674" s="613"/>
      <c r="JQW674" s="613"/>
      <c r="JQX674" s="613"/>
      <c r="JQY674" s="613"/>
      <c r="JQZ674" s="613"/>
      <c r="JRA674" s="613"/>
      <c r="JRB674" s="613"/>
      <c r="JRC674" s="613"/>
      <c r="JRD674" s="613"/>
      <c r="JRE674" s="613"/>
      <c r="JRF674" s="613"/>
      <c r="JRG674" s="613"/>
      <c r="JRH674" s="613"/>
      <c r="JRI674" s="613"/>
      <c r="JRJ674" s="613"/>
      <c r="JRK674" s="613"/>
      <c r="JRL674" s="613"/>
      <c r="JRM674" s="613"/>
      <c r="JRN674" s="613"/>
      <c r="JRO674" s="613"/>
      <c r="JRP674" s="613"/>
      <c r="JRQ674" s="613"/>
      <c r="JRR674" s="613"/>
      <c r="JRS674" s="613"/>
      <c r="JRT674" s="613"/>
      <c r="JRU674" s="613"/>
      <c r="JRV674" s="613"/>
      <c r="JRW674" s="613"/>
      <c r="JRX674" s="613"/>
      <c r="JRY674" s="613"/>
      <c r="JRZ674" s="613"/>
      <c r="JSA674" s="613"/>
      <c r="JSB674" s="613"/>
      <c r="JSC674" s="613"/>
      <c r="JSD674" s="613"/>
      <c r="JSE674" s="613"/>
      <c r="JSF674" s="613"/>
      <c r="JSG674" s="613"/>
      <c r="JSH674" s="613"/>
      <c r="JSI674" s="613"/>
      <c r="JSJ674" s="613"/>
      <c r="JSK674" s="613"/>
      <c r="JSL674" s="613"/>
      <c r="JSM674" s="613"/>
      <c r="JSN674" s="613"/>
      <c r="JSO674" s="613"/>
      <c r="JSP674" s="613"/>
      <c r="JSQ674" s="613"/>
      <c r="JSR674" s="613"/>
      <c r="JSS674" s="613"/>
      <c r="JST674" s="613"/>
      <c r="JSU674" s="613"/>
      <c r="JSV674" s="613"/>
      <c r="JSW674" s="613"/>
      <c r="JSX674" s="613"/>
      <c r="JSY674" s="613"/>
      <c r="JSZ674" s="613"/>
      <c r="JTA674" s="613"/>
      <c r="JTB674" s="613"/>
      <c r="JTC674" s="613"/>
      <c r="JTD674" s="613"/>
      <c r="JTE674" s="613"/>
      <c r="JTF674" s="613"/>
      <c r="JTG674" s="613"/>
      <c r="JTH674" s="613"/>
      <c r="JTI674" s="613"/>
      <c r="JTJ674" s="613"/>
      <c r="JTK674" s="613"/>
      <c r="JTL674" s="613"/>
      <c r="JTM674" s="613"/>
      <c r="JTN674" s="613"/>
      <c r="JTO674" s="613"/>
      <c r="JTP674" s="613"/>
      <c r="JTQ674" s="613"/>
      <c r="JTR674" s="613"/>
      <c r="JTS674" s="613"/>
      <c r="JTT674" s="613"/>
      <c r="JTU674" s="613"/>
      <c r="JTV674" s="613"/>
      <c r="JTW674" s="613"/>
      <c r="JTX674" s="613"/>
      <c r="JTY674" s="613"/>
      <c r="JTZ674" s="613"/>
      <c r="JUA674" s="613"/>
      <c r="JUB674" s="613"/>
      <c r="JUC674" s="613"/>
      <c r="JUD674" s="613"/>
      <c r="JUE674" s="613"/>
      <c r="JUF674" s="613"/>
      <c r="JUG674" s="613"/>
      <c r="JUH674" s="613"/>
      <c r="JUI674" s="613"/>
      <c r="JUJ674" s="613"/>
      <c r="JUK674" s="613"/>
      <c r="JUL674" s="613"/>
      <c r="JUM674" s="613"/>
      <c r="JUN674" s="613"/>
      <c r="JUO674" s="613"/>
      <c r="JUP674" s="613"/>
      <c r="JUQ674" s="613"/>
      <c r="JUR674" s="613"/>
      <c r="JUS674" s="613"/>
      <c r="JUT674" s="613"/>
      <c r="JUU674" s="613"/>
      <c r="JUV674" s="613"/>
      <c r="JUW674" s="613"/>
      <c r="JUX674" s="613"/>
      <c r="JUY674" s="613"/>
      <c r="JUZ674" s="613"/>
      <c r="JVA674" s="613"/>
      <c r="JVB674" s="613"/>
      <c r="JVC674" s="613"/>
      <c r="JVD674" s="613"/>
      <c r="JVE674" s="613"/>
      <c r="JVF674" s="613"/>
      <c r="JVG674" s="613"/>
      <c r="JVH674" s="613"/>
      <c r="JVI674" s="613"/>
      <c r="JVJ674" s="613"/>
      <c r="JVK674" s="613"/>
      <c r="JVL674" s="613"/>
      <c r="JVM674" s="613"/>
      <c r="JVN674" s="613"/>
      <c r="JVO674" s="613"/>
      <c r="JVP674" s="613"/>
      <c r="JVQ674" s="613"/>
      <c r="JVR674" s="613"/>
      <c r="JVS674" s="613"/>
      <c r="JVT674" s="613"/>
      <c r="JVU674" s="613"/>
      <c r="JVV674" s="613"/>
      <c r="JVW674" s="613"/>
      <c r="JVX674" s="613"/>
      <c r="JVY674" s="613"/>
      <c r="JVZ674" s="613"/>
      <c r="JWA674" s="613"/>
      <c r="JWB674" s="613"/>
      <c r="JWC674" s="613"/>
      <c r="JWD674" s="613"/>
      <c r="JWE674" s="613"/>
      <c r="JWF674" s="613"/>
      <c r="JWG674" s="613"/>
      <c r="JWH674" s="613"/>
      <c r="JWI674" s="613"/>
      <c r="JWJ674" s="613"/>
      <c r="JWK674" s="613"/>
      <c r="JWL674" s="613"/>
      <c r="JWM674" s="613"/>
      <c r="JWN674" s="613"/>
      <c r="JWO674" s="613"/>
      <c r="JWP674" s="613"/>
      <c r="JWQ674" s="613"/>
      <c r="JWR674" s="613"/>
      <c r="JWS674" s="613"/>
      <c r="JWT674" s="613"/>
      <c r="JWU674" s="613"/>
      <c r="JWV674" s="613"/>
      <c r="JWW674" s="613"/>
      <c r="JWX674" s="613"/>
      <c r="JWY674" s="613"/>
      <c r="JWZ674" s="613"/>
      <c r="JXA674" s="613"/>
      <c r="JXB674" s="613"/>
      <c r="JXC674" s="613"/>
      <c r="JXD674" s="613"/>
      <c r="JXE674" s="613"/>
      <c r="JXF674" s="613"/>
      <c r="JXG674" s="613"/>
      <c r="JXH674" s="613"/>
      <c r="JXI674" s="613"/>
      <c r="JXJ674" s="613"/>
      <c r="JXK674" s="613"/>
      <c r="JXL674" s="613"/>
      <c r="JXM674" s="613"/>
      <c r="JXN674" s="613"/>
      <c r="JXO674" s="613"/>
      <c r="JXP674" s="613"/>
      <c r="JXQ674" s="613"/>
      <c r="JXR674" s="613"/>
      <c r="JXS674" s="613"/>
      <c r="JXT674" s="613"/>
      <c r="JXU674" s="613"/>
      <c r="JXV674" s="613"/>
      <c r="JXW674" s="613"/>
      <c r="JXX674" s="613"/>
      <c r="JXY674" s="613"/>
      <c r="JXZ674" s="613"/>
      <c r="JYA674" s="613"/>
      <c r="JYB674" s="613"/>
      <c r="JYC674" s="613"/>
      <c r="JYD674" s="613"/>
      <c r="JYE674" s="613"/>
      <c r="JYF674" s="613"/>
      <c r="JYG674" s="613"/>
      <c r="JYH674" s="613"/>
      <c r="JYI674" s="613"/>
      <c r="JYJ674" s="613"/>
      <c r="JYK674" s="613"/>
      <c r="JYL674" s="613"/>
      <c r="JYM674" s="613"/>
      <c r="JYN674" s="613"/>
      <c r="JYO674" s="613"/>
      <c r="JYP674" s="613"/>
      <c r="JYQ674" s="613"/>
      <c r="JYR674" s="613"/>
      <c r="JYS674" s="613"/>
      <c r="JYT674" s="613"/>
      <c r="JYU674" s="613"/>
      <c r="JYV674" s="613"/>
      <c r="JYW674" s="613"/>
      <c r="JYX674" s="613"/>
      <c r="JYY674" s="613"/>
      <c r="JYZ674" s="613"/>
      <c r="JZA674" s="613"/>
      <c r="JZB674" s="613"/>
      <c r="JZC674" s="613"/>
      <c r="JZD674" s="613"/>
      <c r="JZE674" s="613"/>
      <c r="JZF674" s="613"/>
      <c r="JZG674" s="613"/>
      <c r="JZH674" s="613"/>
      <c r="JZI674" s="613"/>
      <c r="JZJ674" s="613"/>
      <c r="JZK674" s="613"/>
      <c r="JZL674" s="613"/>
      <c r="JZM674" s="613"/>
      <c r="JZN674" s="613"/>
      <c r="JZO674" s="613"/>
      <c r="JZP674" s="613"/>
      <c r="JZQ674" s="613"/>
      <c r="JZR674" s="613"/>
      <c r="JZS674" s="613"/>
      <c r="JZT674" s="613"/>
      <c r="JZU674" s="613"/>
      <c r="JZV674" s="613"/>
      <c r="JZW674" s="613"/>
      <c r="JZX674" s="613"/>
      <c r="JZY674" s="613"/>
      <c r="JZZ674" s="613"/>
      <c r="KAA674" s="613"/>
      <c r="KAB674" s="613"/>
      <c r="KAC674" s="613"/>
      <c r="KAD674" s="613"/>
      <c r="KAE674" s="613"/>
      <c r="KAF674" s="613"/>
      <c r="KAG674" s="613"/>
      <c r="KAH674" s="613"/>
      <c r="KAI674" s="613"/>
      <c r="KAJ674" s="613"/>
      <c r="KAK674" s="613"/>
      <c r="KAL674" s="613"/>
      <c r="KAM674" s="613"/>
      <c r="KAN674" s="613"/>
      <c r="KAO674" s="613"/>
      <c r="KAP674" s="613"/>
      <c r="KAQ674" s="613"/>
      <c r="KAR674" s="613"/>
      <c r="KAS674" s="613"/>
      <c r="KAT674" s="613"/>
      <c r="KAU674" s="613"/>
      <c r="KAV674" s="613"/>
      <c r="KAW674" s="613"/>
      <c r="KAX674" s="613"/>
      <c r="KAY674" s="613"/>
      <c r="KAZ674" s="613"/>
      <c r="KBA674" s="613"/>
      <c r="KBB674" s="613"/>
      <c r="KBC674" s="613"/>
      <c r="KBD674" s="613"/>
      <c r="KBE674" s="613"/>
      <c r="KBF674" s="613"/>
      <c r="KBG674" s="613"/>
      <c r="KBH674" s="613"/>
      <c r="KBI674" s="613"/>
      <c r="KBJ674" s="613"/>
      <c r="KBK674" s="613"/>
      <c r="KBL674" s="613"/>
      <c r="KBM674" s="613"/>
      <c r="KBN674" s="613"/>
      <c r="KBO674" s="613"/>
      <c r="KBP674" s="613"/>
      <c r="KBQ674" s="613"/>
      <c r="KBR674" s="613"/>
      <c r="KBS674" s="613"/>
      <c r="KBT674" s="613"/>
      <c r="KBU674" s="613"/>
      <c r="KBV674" s="613"/>
      <c r="KBW674" s="613"/>
      <c r="KBX674" s="613"/>
      <c r="KBY674" s="613"/>
      <c r="KBZ674" s="613"/>
      <c r="KCA674" s="613"/>
      <c r="KCB674" s="613"/>
      <c r="KCC674" s="613"/>
      <c r="KCD674" s="613"/>
      <c r="KCE674" s="613"/>
      <c r="KCF674" s="613"/>
      <c r="KCG674" s="613"/>
      <c r="KCH674" s="613"/>
      <c r="KCI674" s="613"/>
      <c r="KCJ674" s="613"/>
      <c r="KCK674" s="613"/>
      <c r="KCL674" s="613"/>
      <c r="KCM674" s="613"/>
      <c r="KCN674" s="613"/>
      <c r="KCO674" s="613"/>
      <c r="KCP674" s="613"/>
      <c r="KCQ674" s="613"/>
      <c r="KCR674" s="613"/>
      <c r="KCS674" s="613"/>
      <c r="KCT674" s="613"/>
      <c r="KCU674" s="613"/>
      <c r="KCV674" s="613"/>
      <c r="KCW674" s="613"/>
      <c r="KCX674" s="613"/>
      <c r="KCY674" s="613"/>
      <c r="KCZ674" s="613"/>
      <c r="KDA674" s="613"/>
      <c r="KDB674" s="613"/>
      <c r="KDC674" s="613"/>
      <c r="KDD674" s="613"/>
      <c r="KDE674" s="613"/>
      <c r="KDF674" s="613"/>
      <c r="KDG674" s="613"/>
      <c r="KDH674" s="613"/>
      <c r="KDI674" s="613"/>
      <c r="KDJ674" s="613"/>
      <c r="KDK674" s="613"/>
      <c r="KDL674" s="613"/>
      <c r="KDM674" s="613"/>
      <c r="KDN674" s="613"/>
      <c r="KDO674" s="613"/>
      <c r="KDP674" s="613"/>
      <c r="KDQ674" s="613"/>
      <c r="KDR674" s="613"/>
      <c r="KDS674" s="613"/>
      <c r="KDT674" s="613"/>
      <c r="KDU674" s="613"/>
      <c r="KDV674" s="613"/>
      <c r="KDW674" s="613"/>
      <c r="KDX674" s="613"/>
      <c r="KDY674" s="613"/>
      <c r="KDZ674" s="613"/>
      <c r="KEA674" s="613"/>
      <c r="KEB674" s="613"/>
      <c r="KEC674" s="613"/>
      <c r="KED674" s="613"/>
      <c r="KEE674" s="613"/>
      <c r="KEF674" s="613"/>
      <c r="KEG674" s="613"/>
      <c r="KEH674" s="613"/>
      <c r="KEI674" s="613"/>
      <c r="KEJ674" s="613"/>
      <c r="KEK674" s="613"/>
      <c r="KEL674" s="613"/>
      <c r="KEM674" s="613"/>
      <c r="KEN674" s="613"/>
      <c r="KEO674" s="613"/>
      <c r="KEP674" s="613"/>
      <c r="KEQ674" s="613"/>
      <c r="KER674" s="613"/>
      <c r="KES674" s="613"/>
      <c r="KET674" s="613"/>
      <c r="KEU674" s="613"/>
      <c r="KEV674" s="613"/>
      <c r="KEW674" s="613"/>
      <c r="KEX674" s="613"/>
      <c r="KEY674" s="613"/>
      <c r="KEZ674" s="613"/>
      <c r="KFA674" s="613"/>
      <c r="KFB674" s="613"/>
      <c r="KFC674" s="613"/>
      <c r="KFD674" s="613"/>
      <c r="KFE674" s="613"/>
      <c r="KFF674" s="613"/>
      <c r="KFG674" s="613"/>
      <c r="KFH674" s="613"/>
      <c r="KFI674" s="613"/>
      <c r="KFJ674" s="613"/>
      <c r="KFK674" s="613"/>
      <c r="KFL674" s="613"/>
      <c r="KFM674" s="613"/>
      <c r="KFN674" s="613"/>
      <c r="KFO674" s="613"/>
      <c r="KFP674" s="613"/>
      <c r="KFQ674" s="613"/>
      <c r="KFR674" s="613"/>
      <c r="KFS674" s="613"/>
      <c r="KFT674" s="613"/>
      <c r="KFU674" s="613"/>
      <c r="KFV674" s="613"/>
      <c r="KFW674" s="613"/>
      <c r="KFX674" s="613"/>
      <c r="KFY674" s="613"/>
      <c r="KFZ674" s="613"/>
      <c r="KGA674" s="613"/>
      <c r="KGB674" s="613"/>
      <c r="KGC674" s="613"/>
      <c r="KGD674" s="613"/>
      <c r="KGE674" s="613"/>
      <c r="KGF674" s="613"/>
      <c r="KGG674" s="613"/>
      <c r="KGH674" s="613"/>
      <c r="KGI674" s="613"/>
      <c r="KGJ674" s="613"/>
      <c r="KGK674" s="613"/>
      <c r="KGL674" s="613"/>
      <c r="KGM674" s="613"/>
      <c r="KGN674" s="613"/>
      <c r="KGO674" s="613"/>
      <c r="KGP674" s="613"/>
      <c r="KGQ674" s="613"/>
      <c r="KGR674" s="613"/>
      <c r="KGS674" s="613"/>
      <c r="KGT674" s="613"/>
      <c r="KGU674" s="613"/>
      <c r="KGV674" s="613"/>
      <c r="KGW674" s="613"/>
      <c r="KGX674" s="613"/>
      <c r="KGY674" s="613"/>
      <c r="KGZ674" s="613"/>
      <c r="KHA674" s="613"/>
      <c r="KHB674" s="613"/>
      <c r="KHC674" s="613"/>
      <c r="KHD674" s="613"/>
      <c r="KHE674" s="613"/>
      <c r="KHF674" s="613"/>
      <c r="KHG674" s="613"/>
      <c r="KHH674" s="613"/>
      <c r="KHI674" s="613"/>
      <c r="KHJ674" s="613"/>
      <c r="KHK674" s="613"/>
      <c r="KHL674" s="613"/>
      <c r="KHM674" s="613"/>
      <c r="KHN674" s="613"/>
      <c r="KHO674" s="613"/>
      <c r="KHP674" s="613"/>
      <c r="KHQ674" s="613"/>
      <c r="KHR674" s="613"/>
      <c r="KHS674" s="613"/>
      <c r="KHT674" s="613"/>
      <c r="KHU674" s="613"/>
      <c r="KHV674" s="613"/>
      <c r="KHW674" s="613"/>
      <c r="KHX674" s="613"/>
      <c r="KHY674" s="613"/>
      <c r="KHZ674" s="613"/>
      <c r="KIA674" s="613"/>
      <c r="KIB674" s="613"/>
      <c r="KIC674" s="613"/>
      <c r="KID674" s="613"/>
      <c r="KIE674" s="613"/>
      <c r="KIF674" s="613"/>
      <c r="KIG674" s="613"/>
      <c r="KIH674" s="613"/>
      <c r="KII674" s="613"/>
      <c r="KIJ674" s="613"/>
      <c r="KIK674" s="613"/>
      <c r="KIL674" s="613"/>
      <c r="KIM674" s="613"/>
      <c r="KIN674" s="613"/>
      <c r="KIO674" s="613"/>
      <c r="KIP674" s="613"/>
      <c r="KIQ674" s="613"/>
      <c r="KIR674" s="613"/>
      <c r="KIS674" s="613"/>
      <c r="KIT674" s="613"/>
      <c r="KIU674" s="613"/>
      <c r="KIV674" s="613"/>
      <c r="KIW674" s="613"/>
      <c r="KIX674" s="613"/>
      <c r="KIY674" s="613"/>
      <c r="KIZ674" s="613"/>
      <c r="KJA674" s="613"/>
      <c r="KJB674" s="613"/>
      <c r="KJC674" s="613"/>
      <c r="KJD674" s="613"/>
      <c r="KJE674" s="613"/>
      <c r="KJF674" s="613"/>
      <c r="KJG674" s="613"/>
      <c r="KJH674" s="613"/>
      <c r="KJI674" s="613"/>
      <c r="KJJ674" s="613"/>
      <c r="KJK674" s="613"/>
      <c r="KJL674" s="613"/>
      <c r="KJM674" s="613"/>
      <c r="KJN674" s="613"/>
      <c r="KJO674" s="613"/>
      <c r="KJP674" s="613"/>
      <c r="KJQ674" s="613"/>
      <c r="KJR674" s="613"/>
      <c r="KJS674" s="613"/>
      <c r="KJT674" s="613"/>
      <c r="KJU674" s="613"/>
      <c r="KJV674" s="613"/>
      <c r="KJW674" s="613"/>
      <c r="KJX674" s="613"/>
      <c r="KJY674" s="613"/>
      <c r="KJZ674" s="613"/>
      <c r="KKA674" s="613"/>
      <c r="KKB674" s="613"/>
      <c r="KKC674" s="613"/>
      <c r="KKD674" s="613"/>
      <c r="KKE674" s="613"/>
      <c r="KKF674" s="613"/>
      <c r="KKG674" s="613"/>
      <c r="KKH674" s="613"/>
      <c r="KKI674" s="613"/>
      <c r="KKJ674" s="613"/>
      <c r="KKK674" s="613"/>
      <c r="KKL674" s="613"/>
      <c r="KKM674" s="613"/>
      <c r="KKN674" s="613"/>
      <c r="KKO674" s="613"/>
      <c r="KKP674" s="613"/>
      <c r="KKQ674" s="613"/>
      <c r="KKR674" s="613"/>
      <c r="KKS674" s="613"/>
      <c r="KKT674" s="613"/>
      <c r="KKU674" s="613"/>
      <c r="KKV674" s="613"/>
      <c r="KKW674" s="613"/>
      <c r="KKX674" s="613"/>
      <c r="KKY674" s="613"/>
      <c r="KKZ674" s="613"/>
      <c r="KLA674" s="613"/>
      <c r="KLB674" s="613"/>
      <c r="KLC674" s="613"/>
      <c r="KLD674" s="613"/>
      <c r="KLE674" s="613"/>
      <c r="KLF674" s="613"/>
      <c r="KLG674" s="613"/>
      <c r="KLH674" s="613"/>
      <c r="KLI674" s="613"/>
      <c r="KLJ674" s="613"/>
      <c r="KLK674" s="613"/>
      <c r="KLL674" s="613"/>
      <c r="KLM674" s="613"/>
      <c r="KLN674" s="613"/>
      <c r="KLO674" s="613"/>
      <c r="KLP674" s="613"/>
      <c r="KLQ674" s="613"/>
      <c r="KLR674" s="613"/>
      <c r="KLS674" s="613"/>
      <c r="KLT674" s="613"/>
      <c r="KLU674" s="613"/>
      <c r="KLV674" s="613"/>
      <c r="KLW674" s="613"/>
      <c r="KLX674" s="613"/>
      <c r="KLY674" s="613"/>
      <c r="KLZ674" s="613"/>
      <c r="KMA674" s="613"/>
      <c r="KMB674" s="613"/>
      <c r="KMC674" s="613"/>
      <c r="KMD674" s="613"/>
      <c r="KME674" s="613"/>
      <c r="KMF674" s="613"/>
      <c r="KMG674" s="613"/>
      <c r="KMH674" s="613"/>
      <c r="KMI674" s="613"/>
      <c r="KMJ674" s="613"/>
      <c r="KMK674" s="613"/>
      <c r="KML674" s="613"/>
      <c r="KMM674" s="613"/>
      <c r="KMN674" s="613"/>
      <c r="KMO674" s="613"/>
      <c r="KMP674" s="613"/>
      <c r="KMQ674" s="613"/>
      <c r="KMR674" s="613"/>
      <c r="KMS674" s="613"/>
      <c r="KMT674" s="613"/>
      <c r="KMU674" s="613"/>
      <c r="KMV674" s="613"/>
      <c r="KMW674" s="613"/>
      <c r="KMX674" s="613"/>
      <c r="KMY674" s="613"/>
      <c r="KMZ674" s="613"/>
      <c r="KNA674" s="613"/>
      <c r="KNB674" s="613"/>
      <c r="KNC674" s="613"/>
      <c r="KND674" s="613"/>
      <c r="KNE674" s="613"/>
      <c r="KNF674" s="613"/>
      <c r="KNG674" s="613"/>
      <c r="KNH674" s="613"/>
      <c r="KNI674" s="613"/>
      <c r="KNJ674" s="613"/>
      <c r="KNK674" s="613"/>
      <c r="KNL674" s="613"/>
      <c r="KNM674" s="613"/>
      <c r="KNN674" s="613"/>
      <c r="KNO674" s="613"/>
      <c r="KNP674" s="613"/>
      <c r="KNQ674" s="613"/>
      <c r="KNR674" s="613"/>
      <c r="KNS674" s="613"/>
      <c r="KNT674" s="613"/>
      <c r="KNU674" s="613"/>
      <c r="KNV674" s="613"/>
      <c r="KNW674" s="613"/>
      <c r="KNX674" s="613"/>
      <c r="KNY674" s="613"/>
      <c r="KNZ674" s="613"/>
      <c r="KOA674" s="613"/>
      <c r="KOB674" s="613"/>
      <c r="KOC674" s="613"/>
      <c r="KOD674" s="613"/>
      <c r="KOE674" s="613"/>
      <c r="KOF674" s="613"/>
      <c r="KOG674" s="613"/>
      <c r="KOH674" s="613"/>
      <c r="KOI674" s="613"/>
      <c r="KOJ674" s="613"/>
      <c r="KOK674" s="613"/>
      <c r="KOL674" s="613"/>
      <c r="KOM674" s="613"/>
      <c r="KON674" s="613"/>
      <c r="KOO674" s="613"/>
      <c r="KOP674" s="613"/>
      <c r="KOQ674" s="613"/>
      <c r="KOR674" s="613"/>
      <c r="KOS674" s="613"/>
      <c r="KOT674" s="613"/>
      <c r="KOU674" s="613"/>
      <c r="KOV674" s="613"/>
      <c r="KOW674" s="613"/>
      <c r="KOX674" s="613"/>
      <c r="KOY674" s="613"/>
      <c r="KOZ674" s="613"/>
      <c r="KPA674" s="613"/>
      <c r="KPB674" s="613"/>
      <c r="KPC674" s="613"/>
      <c r="KPD674" s="613"/>
      <c r="KPE674" s="613"/>
      <c r="KPF674" s="613"/>
      <c r="KPG674" s="613"/>
      <c r="KPH674" s="613"/>
      <c r="KPI674" s="613"/>
      <c r="KPJ674" s="613"/>
      <c r="KPK674" s="613"/>
      <c r="KPL674" s="613"/>
      <c r="KPM674" s="613"/>
      <c r="KPN674" s="613"/>
      <c r="KPO674" s="613"/>
      <c r="KPP674" s="613"/>
      <c r="KPQ674" s="613"/>
      <c r="KPR674" s="613"/>
      <c r="KPS674" s="613"/>
      <c r="KPT674" s="613"/>
      <c r="KPU674" s="613"/>
      <c r="KPV674" s="613"/>
      <c r="KPW674" s="613"/>
      <c r="KPX674" s="613"/>
      <c r="KPY674" s="613"/>
      <c r="KPZ674" s="613"/>
      <c r="KQA674" s="613"/>
      <c r="KQB674" s="613"/>
      <c r="KQC674" s="613"/>
      <c r="KQD674" s="613"/>
      <c r="KQE674" s="613"/>
      <c r="KQF674" s="613"/>
      <c r="KQG674" s="613"/>
      <c r="KQH674" s="613"/>
      <c r="KQI674" s="613"/>
      <c r="KQJ674" s="613"/>
      <c r="KQK674" s="613"/>
      <c r="KQL674" s="613"/>
      <c r="KQM674" s="613"/>
      <c r="KQN674" s="613"/>
      <c r="KQO674" s="613"/>
      <c r="KQP674" s="613"/>
      <c r="KQQ674" s="613"/>
      <c r="KQR674" s="613"/>
      <c r="KQS674" s="613"/>
      <c r="KQT674" s="613"/>
      <c r="KQU674" s="613"/>
      <c r="KQV674" s="613"/>
      <c r="KQW674" s="613"/>
      <c r="KQX674" s="613"/>
      <c r="KQY674" s="613"/>
      <c r="KQZ674" s="613"/>
      <c r="KRA674" s="613"/>
      <c r="KRB674" s="613"/>
      <c r="KRC674" s="613"/>
      <c r="KRD674" s="613"/>
      <c r="KRE674" s="613"/>
      <c r="KRF674" s="613"/>
      <c r="KRG674" s="613"/>
      <c r="KRH674" s="613"/>
      <c r="KRI674" s="613"/>
      <c r="KRJ674" s="613"/>
      <c r="KRK674" s="613"/>
      <c r="KRL674" s="613"/>
      <c r="KRM674" s="613"/>
      <c r="KRN674" s="613"/>
      <c r="KRO674" s="613"/>
      <c r="KRP674" s="613"/>
      <c r="KRQ674" s="613"/>
      <c r="KRR674" s="613"/>
      <c r="KRS674" s="613"/>
      <c r="KRT674" s="613"/>
      <c r="KRU674" s="613"/>
      <c r="KRV674" s="613"/>
      <c r="KRW674" s="613"/>
      <c r="KRX674" s="613"/>
      <c r="KRY674" s="613"/>
      <c r="KRZ674" s="613"/>
      <c r="KSA674" s="613"/>
      <c r="KSB674" s="613"/>
      <c r="KSC674" s="613"/>
      <c r="KSD674" s="613"/>
      <c r="KSE674" s="613"/>
      <c r="KSF674" s="613"/>
      <c r="KSG674" s="613"/>
      <c r="KSH674" s="613"/>
      <c r="KSI674" s="613"/>
      <c r="KSJ674" s="613"/>
      <c r="KSK674" s="613"/>
      <c r="KSL674" s="613"/>
      <c r="KSM674" s="613"/>
      <c r="KSN674" s="613"/>
      <c r="KSO674" s="613"/>
      <c r="KSP674" s="613"/>
      <c r="KSQ674" s="613"/>
      <c r="KSR674" s="613"/>
      <c r="KSS674" s="613"/>
      <c r="KST674" s="613"/>
      <c r="KSU674" s="613"/>
      <c r="KSV674" s="613"/>
      <c r="KSW674" s="613"/>
      <c r="KSX674" s="613"/>
      <c r="KSY674" s="613"/>
      <c r="KSZ674" s="613"/>
      <c r="KTA674" s="613"/>
      <c r="KTB674" s="613"/>
      <c r="KTC674" s="613"/>
      <c r="KTD674" s="613"/>
      <c r="KTE674" s="613"/>
      <c r="KTF674" s="613"/>
      <c r="KTG674" s="613"/>
      <c r="KTH674" s="613"/>
      <c r="KTI674" s="613"/>
      <c r="KTJ674" s="613"/>
      <c r="KTK674" s="613"/>
      <c r="KTL674" s="613"/>
      <c r="KTM674" s="613"/>
      <c r="KTN674" s="613"/>
      <c r="KTO674" s="613"/>
      <c r="KTP674" s="613"/>
      <c r="KTQ674" s="613"/>
      <c r="KTR674" s="613"/>
      <c r="KTS674" s="613"/>
      <c r="KTT674" s="613"/>
      <c r="KTU674" s="613"/>
      <c r="KTV674" s="613"/>
      <c r="KTW674" s="613"/>
      <c r="KTX674" s="613"/>
      <c r="KTY674" s="613"/>
      <c r="KTZ674" s="613"/>
      <c r="KUA674" s="613"/>
      <c r="KUB674" s="613"/>
      <c r="KUC674" s="613"/>
      <c r="KUD674" s="613"/>
      <c r="KUE674" s="613"/>
      <c r="KUF674" s="613"/>
      <c r="KUG674" s="613"/>
      <c r="KUH674" s="613"/>
      <c r="KUI674" s="613"/>
      <c r="KUJ674" s="613"/>
      <c r="KUK674" s="613"/>
      <c r="KUL674" s="613"/>
      <c r="KUM674" s="613"/>
      <c r="KUN674" s="613"/>
      <c r="KUO674" s="613"/>
      <c r="KUP674" s="613"/>
      <c r="KUQ674" s="613"/>
      <c r="KUR674" s="613"/>
      <c r="KUS674" s="613"/>
      <c r="KUT674" s="613"/>
      <c r="KUU674" s="613"/>
      <c r="KUV674" s="613"/>
      <c r="KUW674" s="613"/>
      <c r="KUX674" s="613"/>
      <c r="KUY674" s="613"/>
      <c r="KUZ674" s="613"/>
      <c r="KVA674" s="613"/>
      <c r="KVB674" s="613"/>
      <c r="KVC674" s="613"/>
      <c r="KVD674" s="613"/>
      <c r="KVE674" s="613"/>
      <c r="KVF674" s="613"/>
      <c r="KVG674" s="613"/>
      <c r="KVH674" s="613"/>
      <c r="KVI674" s="613"/>
      <c r="KVJ674" s="613"/>
      <c r="KVK674" s="613"/>
      <c r="KVL674" s="613"/>
      <c r="KVM674" s="613"/>
      <c r="KVN674" s="613"/>
      <c r="KVO674" s="613"/>
      <c r="KVP674" s="613"/>
      <c r="KVQ674" s="613"/>
      <c r="KVR674" s="613"/>
      <c r="KVS674" s="613"/>
      <c r="KVT674" s="613"/>
      <c r="KVU674" s="613"/>
      <c r="KVV674" s="613"/>
      <c r="KVW674" s="613"/>
      <c r="KVX674" s="613"/>
      <c r="KVY674" s="613"/>
      <c r="KVZ674" s="613"/>
      <c r="KWA674" s="613"/>
      <c r="KWB674" s="613"/>
      <c r="KWC674" s="613"/>
      <c r="KWD674" s="613"/>
      <c r="KWE674" s="613"/>
      <c r="KWF674" s="613"/>
      <c r="KWG674" s="613"/>
      <c r="KWH674" s="613"/>
      <c r="KWI674" s="613"/>
      <c r="KWJ674" s="613"/>
      <c r="KWK674" s="613"/>
      <c r="KWL674" s="613"/>
      <c r="KWM674" s="613"/>
      <c r="KWN674" s="613"/>
      <c r="KWO674" s="613"/>
      <c r="KWP674" s="613"/>
      <c r="KWQ674" s="613"/>
      <c r="KWR674" s="613"/>
      <c r="KWS674" s="613"/>
      <c r="KWT674" s="613"/>
      <c r="KWU674" s="613"/>
      <c r="KWV674" s="613"/>
      <c r="KWW674" s="613"/>
      <c r="KWX674" s="613"/>
      <c r="KWY674" s="613"/>
      <c r="KWZ674" s="613"/>
      <c r="KXA674" s="613"/>
      <c r="KXB674" s="613"/>
      <c r="KXC674" s="613"/>
      <c r="KXD674" s="613"/>
      <c r="KXE674" s="613"/>
      <c r="KXF674" s="613"/>
      <c r="KXG674" s="613"/>
      <c r="KXH674" s="613"/>
      <c r="KXI674" s="613"/>
      <c r="KXJ674" s="613"/>
      <c r="KXK674" s="613"/>
      <c r="KXL674" s="613"/>
      <c r="KXM674" s="613"/>
      <c r="KXN674" s="613"/>
      <c r="KXO674" s="613"/>
      <c r="KXP674" s="613"/>
      <c r="KXQ674" s="613"/>
      <c r="KXR674" s="613"/>
      <c r="KXS674" s="613"/>
      <c r="KXT674" s="613"/>
      <c r="KXU674" s="613"/>
      <c r="KXV674" s="613"/>
      <c r="KXW674" s="613"/>
      <c r="KXX674" s="613"/>
      <c r="KXY674" s="613"/>
      <c r="KXZ674" s="613"/>
      <c r="KYA674" s="613"/>
      <c r="KYB674" s="613"/>
      <c r="KYC674" s="613"/>
      <c r="KYD674" s="613"/>
      <c r="KYE674" s="613"/>
      <c r="KYF674" s="613"/>
      <c r="KYG674" s="613"/>
      <c r="KYH674" s="613"/>
      <c r="KYI674" s="613"/>
      <c r="KYJ674" s="613"/>
      <c r="KYK674" s="613"/>
      <c r="KYL674" s="613"/>
      <c r="KYM674" s="613"/>
      <c r="KYN674" s="613"/>
      <c r="KYO674" s="613"/>
      <c r="KYP674" s="613"/>
      <c r="KYQ674" s="613"/>
      <c r="KYR674" s="613"/>
      <c r="KYS674" s="613"/>
      <c r="KYT674" s="613"/>
      <c r="KYU674" s="613"/>
      <c r="KYV674" s="613"/>
      <c r="KYW674" s="613"/>
      <c r="KYX674" s="613"/>
      <c r="KYY674" s="613"/>
      <c r="KYZ674" s="613"/>
      <c r="KZA674" s="613"/>
      <c r="KZB674" s="613"/>
      <c r="KZC674" s="613"/>
      <c r="KZD674" s="613"/>
      <c r="KZE674" s="613"/>
      <c r="KZF674" s="613"/>
      <c r="KZG674" s="613"/>
      <c r="KZH674" s="613"/>
      <c r="KZI674" s="613"/>
      <c r="KZJ674" s="613"/>
      <c r="KZK674" s="613"/>
      <c r="KZL674" s="613"/>
      <c r="KZM674" s="613"/>
      <c r="KZN674" s="613"/>
      <c r="KZO674" s="613"/>
      <c r="KZP674" s="613"/>
      <c r="KZQ674" s="613"/>
      <c r="KZR674" s="613"/>
      <c r="KZS674" s="613"/>
      <c r="KZT674" s="613"/>
      <c r="KZU674" s="613"/>
      <c r="KZV674" s="613"/>
      <c r="KZW674" s="613"/>
      <c r="KZX674" s="613"/>
      <c r="KZY674" s="613"/>
      <c r="KZZ674" s="613"/>
      <c r="LAA674" s="613"/>
      <c r="LAB674" s="613"/>
      <c r="LAC674" s="613"/>
      <c r="LAD674" s="613"/>
      <c r="LAE674" s="613"/>
      <c r="LAF674" s="613"/>
      <c r="LAG674" s="613"/>
      <c r="LAH674" s="613"/>
      <c r="LAI674" s="613"/>
      <c r="LAJ674" s="613"/>
      <c r="LAK674" s="613"/>
      <c r="LAL674" s="613"/>
      <c r="LAM674" s="613"/>
      <c r="LAN674" s="613"/>
      <c r="LAO674" s="613"/>
      <c r="LAP674" s="613"/>
      <c r="LAQ674" s="613"/>
      <c r="LAR674" s="613"/>
      <c r="LAS674" s="613"/>
      <c r="LAT674" s="613"/>
      <c r="LAU674" s="613"/>
      <c r="LAV674" s="613"/>
      <c r="LAW674" s="613"/>
      <c r="LAX674" s="613"/>
      <c r="LAY674" s="613"/>
      <c r="LAZ674" s="613"/>
      <c r="LBA674" s="613"/>
      <c r="LBB674" s="613"/>
      <c r="LBC674" s="613"/>
      <c r="LBD674" s="613"/>
      <c r="LBE674" s="613"/>
      <c r="LBF674" s="613"/>
      <c r="LBG674" s="613"/>
      <c r="LBH674" s="613"/>
      <c r="LBI674" s="613"/>
      <c r="LBJ674" s="613"/>
      <c r="LBK674" s="613"/>
      <c r="LBL674" s="613"/>
      <c r="LBM674" s="613"/>
      <c r="LBN674" s="613"/>
      <c r="LBO674" s="613"/>
      <c r="LBP674" s="613"/>
      <c r="LBQ674" s="613"/>
      <c r="LBR674" s="613"/>
      <c r="LBS674" s="613"/>
      <c r="LBT674" s="613"/>
      <c r="LBU674" s="613"/>
      <c r="LBV674" s="613"/>
      <c r="LBW674" s="613"/>
      <c r="LBX674" s="613"/>
      <c r="LBY674" s="613"/>
      <c r="LBZ674" s="613"/>
      <c r="LCA674" s="613"/>
      <c r="LCB674" s="613"/>
      <c r="LCC674" s="613"/>
      <c r="LCD674" s="613"/>
      <c r="LCE674" s="613"/>
      <c r="LCF674" s="613"/>
      <c r="LCG674" s="613"/>
      <c r="LCH674" s="613"/>
      <c r="LCI674" s="613"/>
      <c r="LCJ674" s="613"/>
      <c r="LCK674" s="613"/>
      <c r="LCL674" s="613"/>
      <c r="LCM674" s="613"/>
      <c r="LCN674" s="613"/>
      <c r="LCO674" s="613"/>
      <c r="LCP674" s="613"/>
      <c r="LCQ674" s="613"/>
      <c r="LCR674" s="613"/>
      <c r="LCS674" s="613"/>
      <c r="LCT674" s="613"/>
      <c r="LCU674" s="613"/>
      <c r="LCV674" s="613"/>
      <c r="LCW674" s="613"/>
      <c r="LCX674" s="613"/>
      <c r="LCY674" s="613"/>
      <c r="LCZ674" s="613"/>
      <c r="LDA674" s="613"/>
      <c r="LDB674" s="613"/>
      <c r="LDC674" s="613"/>
      <c r="LDD674" s="613"/>
      <c r="LDE674" s="613"/>
      <c r="LDF674" s="613"/>
      <c r="LDG674" s="613"/>
      <c r="LDH674" s="613"/>
      <c r="LDI674" s="613"/>
      <c r="LDJ674" s="613"/>
      <c r="LDK674" s="613"/>
      <c r="LDL674" s="613"/>
      <c r="LDM674" s="613"/>
      <c r="LDN674" s="613"/>
      <c r="LDO674" s="613"/>
      <c r="LDP674" s="613"/>
      <c r="LDQ674" s="613"/>
      <c r="LDR674" s="613"/>
      <c r="LDS674" s="613"/>
      <c r="LDT674" s="613"/>
      <c r="LDU674" s="613"/>
      <c r="LDV674" s="613"/>
      <c r="LDW674" s="613"/>
      <c r="LDX674" s="613"/>
      <c r="LDY674" s="613"/>
      <c r="LDZ674" s="613"/>
      <c r="LEA674" s="613"/>
      <c r="LEB674" s="613"/>
      <c r="LEC674" s="613"/>
      <c r="LED674" s="613"/>
      <c r="LEE674" s="613"/>
      <c r="LEF674" s="613"/>
      <c r="LEG674" s="613"/>
      <c r="LEH674" s="613"/>
      <c r="LEI674" s="613"/>
      <c r="LEJ674" s="613"/>
      <c r="LEK674" s="613"/>
      <c r="LEL674" s="613"/>
      <c r="LEM674" s="613"/>
      <c r="LEN674" s="613"/>
      <c r="LEO674" s="613"/>
      <c r="LEP674" s="613"/>
      <c r="LEQ674" s="613"/>
      <c r="LER674" s="613"/>
      <c r="LES674" s="613"/>
      <c r="LET674" s="613"/>
      <c r="LEU674" s="613"/>
      <c r="LEV674" s="613"/>
      <c r="LEW674" s="613"/>
      <c r="LEX674" s="613"/>
      <c r="LEY674" s="613"/>
      <c r="LEZ674" s="613"/>
      <c r="LFA674" s="613"/>
      <c r="LFB674" s="613"/>
      <c r="LFC674" s="613"/>
      <c r="LFD674" s="613"/>
      <c r="LFE674" s="613"/>
      <c r="LFF674" s="613"/>
      <c r="LFG674" s="613"/>
      <c r="LFH674" s="613"/>
      <c r="LFI674" s="613"/>
      <c r="LFJ674" s="613"/>
      <c r="LFK674" s="613"/>
      <c r="LFL674" s="613"/>
      <c r="LFM674" s="613"/>
      <c r="LFN674" s="613"/>
      <c r="LFO674" s="613"/>
      <c r="LFP674" s="613"/>
      <c r="LFQ674" s="613"/>
      <c r="LFR674" s="613"/>
      <c r="LFS674" s="613"/>
      <c r="LFT674" s="613"/>
      <c r="LFU674" s="613"/>
      <c r="LFV674" s="613"/>
      <c r="LFW674" s="613"/>
      <c r="LFX674" s="613"/>
      <c r="LFY674" s="613"/>
      <c r="LFZ674" s="613"/>
      <c r="LGA674" s="613"/>
      <c r="LGB674" s="613"/>
      <c r="LGC674" s="613"/>
      <c r="LGD674" s="613"/>
      <c r="LGE674" s="613"/>
      <c r="LGF674" s="613"/>
      <c r="LGG674" s="613"/>
      <c r="LGH674" s="613"/>
      <c r="LGI674" s="613"/>
      <c r="LGJ674" s="613"/>
      <c r="LGK674" s="613"/>
      <c r="LGL674" s="613"/>
      <c r="LGM674" s="613"/>
      <c r="LGN674" s="613"/>
      <c r="LGO674" s="613"/>
      <c r="LGP674" s="613"/>
      <c r="LGQ674" s="613"/>
      <c r="LGR674" s="613"/>
      <c r="LGS674" s="613"/>
      <c r="LGT674" s="613"/>
      <c r="LGU674" s="613"/>
      <c r="LGV674" s="613"/>
      <c r="LGW674" s="613"/>
      <c r="LGX674" s="613"/>
      <c r="LGY674" s="613"/>
      <c r="LGZ674" s="613"/>
      <c r="LHA674" s="613"/>
      <c r="LHB674" s="613"/>
      <c r="LHC674" s="613"/>
      <c r="LHD674" s="613"/>
      <c r="LHE674" s="613"/>
      <c r="LHF674" s="613"/>
      <c r="LHG674" s="613"/>
      <c r="LHH674" s="613"/>
      <c r="LHI674" s="613"/>
      <c r="LHJ674" s="613"/>
      <c r="LHK674" s="613"/>
      <c r="LHL674" s="613"/>
      <c r="LHM674" s="613"/>
      <c r="LHN674" s="613"/>
      <c r="LHO674" s="613"/>
      <c r="LHP674" s="613"/>
      <c r="LHQ674" s="613"/>
      <c r="LHR674" s="613"/>
      <c r="LHS674" s="613"/>
      <c r="LHT674" s="613"/>
      <c r="LHU674" s="613"/>
      <c r="LHV674" s="613"/>
      <c r="LHW674" s="613"/>
      <c r="LHX674" s="613"/>
      <c r="LHY674" s="613"/>
      <c r="LHZ674" s="613"/>
      <c r="LIA674" s="613"/>
      <c r="LIB674" s="613"/>
      <c r="LIC674" s="613"/>
      <c r="LID674" s="613"/>
      <c r="LIE674" s="613"/>
      <c r="LIF674" s="613"/>
      <c r="LIG674" s="613"/>
      <c r="LIH674" s="613"/>
      <c r="LII674" s="613"/>
      <c r="LIJ674" s="613"/>
      <c r="LIK674" s="613"/>
      <c r="LIL674" s="613"/>
      <c r="LIM674" s="613"/>
      <c r="LIN674" s="613"/>
      <c r="LIO674" s="613"/>
      <c r="LIP674" s="613"/>
      <c r="LIQ674" s="613"/>
      <c r="LIR674" s="613"/>
      <c r="LIS674" s="613"/>
      <c r="LIT674" s="613"/>
      <c r="LIU674" s="613"/>
      <c r="LIV674" s="613"/>
      <c r="LIW674" s="613"/>
      <c r="LIX674" s="613"/>
      <c r="LIY674" s="613"/>
      <c r="LIZ674" s="613"/>
      <c r="LJA674" s="613"/>
      <c r="LJB674" s="613"/>
      <c r="LJC674" s="613"/>
      <c r="LJD674" s="613"/>
      <c r="LJE674" s="613"/>
      <c r="LJF674" s="613"/>
      <c r="LJG674" s="613"/>
      <c r="LJH674" s="613"/>
      <c r="LJI674" s="613"/>
      <c r="LJJ674" s="613"/>
      <c r="LJK674" s="613"/>
      <c r="LJL674" s="613"/>
      <c r="LJM674" s="613"/>
      <c r="LJN674" s="613"/>
      <c r="LJO674" s="613"/>
      <c r="LJP674" s="613"/>
      <c r="LJQ674" s="613"/>
      <c r="LJR674" s="613"/>
      <c r="LJS674" s="613"/>
      <c r="LJT674" s="613"/>
      <c r="LJU674" s="613"/>
      <c r="LJV674" s="613"/>
      <c r="LJW674" s="613"/>
      <c r="LJX674" s="613"/>
      <c r="LJY674" s="613"/>
      <c r="LJZ674" s="613"/>
      <c r="LKA674" s="613"/>
      <c r="LKB674" s="613"/>
      <c r="LKC674" s="613"/>
      <c r="LKD674" s="613"/>
      <c r="LKE674" s="613"/>
      <c r="LKF674" s="613"/>
      <c r="LKG674" s="613"/>
      <c r="LKH674" s="613"/>
      <c r="LKI674" s="613"/>
      <c r="LKJ674" s="613"/>
      <c r="LKK674" s="613"/>
      <c r="LKL674" s="613"/>
      <c r="LKM674" s="613"/>
      <c r="LKN674" s="613"/>
      <c r="LKO674" s="613"/>
      <c r="LKP674" s="613"/>
      <c r="LKQ674" s="613"/>
      <c r="LKR674" s="613"/>
      <c r="LKS674" s="613"/>
      <c r="LKT674" s="613"/>
      <c r="LKU674" s="613"/>
      <c r="LKV674" s="613"/>
      <c r="LKW674" s="613"/>
      <c r="LKX674" s="613"/>
      <c r="LKY674" s="613"/>
      <c r="LKZ674" s="613"/>
      <c r="LLA674" s="613"/>
      <c r="LLB674" s="613"/>
      <c r="LLC674" s="613"/>
      <c r="LLD674" s="613"/>
      <c r="LLE674" s="613"/>
      <c r="LLF674" s="613"/>
      <c r="LLG674" s="613"/>
      <c r="LLH674" s="613"/>
      <c r="LLI674" s="613"/>
      <c r="LLJ674" s="613"/>
      <c r="LLK674" s="613"/>
      <c r="LLL674" s="613"/>
      <c r="LLM674" s="613"/>
      <c r="LLN674" s="613"/>
      <c r="LLO674" s="613"/>
      <c r="LLP674" s="613"/>
      <c r="LLQ674" s="613"/>
      <c r="LLR674" s="613"/>
      <c r="LLS674" s="613"/>
      <c r="LLT674" s="613"/>
      <c r="LLU674" s="613"/>
      <c r="LLV674" s="613"/>
      <c r="LLW674" s="613"/>
      <c r="LLX674" s="613"/>
      <c r="LLY674" s="613"/>
      <c r="LLZ674" s="613"/>
      <c r="LMA674" s="613"/>
      <c r="LMB674" s="613"/>
      <c r="LMC674" s="613"/>
      <c r="LMD674" s="613"/>
      <c r="LME674" s="613"/>
      <c r="LMF674" s="613"/>
      <c r="LMG674" s="613"/>
      <c r="LMH674" s="613"/>
      <c r="LMI674" s="613"/>
      <c r="LMJ674" s="613"/>
      <c r="LMK674" s="613"/>
      <c r="LML674" s="613"/>
      <c r="LMM674" s="613"/>
      <c r="LMN674" s="613"/>
      <c r="LMO674" s="613"/>
      <c r="LMP674" s="613"/>
      <c r="LMQ674" s="613"/>
      <c r="LMR674" s="613"/>
      <c r="LMS674" s="613"/>
      <c r="LMT674" s="613"/>
      <c r="LMU674" s="613"/>
      <c r="LMV674" s="613"/>
      <c r="LMW674" s="613"/>
      <c r="LMX674" s="613"/>
      <c r="LMY674" s="613"/>
      <c r="LMZ674" s="613"/>
      <c r="LNA674" s="613"/>
      <c r="LNB674" s="613"/>
      <c r="LNC674" s="613"/>
      <c r="LND674" s="613"/>
      <c r="LNE674" s="613"/>
      <c r="LNF674" s="613"/>
      <c r="LNG674" s="613"/>
      <c r="LNH674" s="613"/>
      <c r="LNI674" s="613"/>
      <c r="LNJ674" s="613"/>
      <c r="LNK674" s="613"/>
      <c r="LNL674" s="613"/>
      <c r="LNM674" s="613"/>
      <c r="LNN674" s="613"/>
      <c r="LNO674" s="613"/>
      <c r="LNP674" s="613"/>
      <c r="LNQ674" s="613"/>
      <c r="LNR674" s="613"/>
      <c r="LNS674" s="613"/>
      <c r="LNT674" s="613"/>
      <c r="LNU674" s="613"/>
      <c r="LNV674" s="613"/>
      <c r="LNW674" s="613"/>
      <c r="LNX674" s="613"/>
      <c r="LNY674" s="613"/>
      <c r="LNZ674" s="613"/>
      <c r="LOA674" s="613"/>
      <c r="LOB674" s="613"/>
      <c r="LOC674" s="613"/>
      <c r="LOD674" s="613"/>
      <c r="LOE674" s="613"/>
      <c r="LOF674" s="613"/>
      <c r="LOG674" s="613"/>
      <c r="LOH674" s="613"/>
      <c r="LOI674" s="613"/>
      <c r="LOJ674" s="613"/>
      <c r="LOK674" s="613"/>
      <c r="LOL674" s="613"/>
      <c r="LOM674" s="613"/>
      <c r="LON674" s="613"/>
      <c r="LOO674" s="613"/>
      <c r="LOP674" s="613"/>
      <c r="LOQ674" s="613"/>
      <c r="LOR674" s="613"/>
      <c r="LOS674" s="613"/>
      <c r="LOT674" s="613"/>
      <c r="LOU674" s="613"/>
      <c r="LOV674" s="613"/>
      <c r="LOW674" s="613"/>
      <c r="LOX674" s="613"/>
      <c r="LOY674" s="613"/>
      <c r="LOZ674" s="613"/>
      <c r="LPA674" s="613"/>
      <c r="LPB674" s="613"/>
      <c r="LPC674" s="613"/>
      <c r="LPD674" s="613"/>
      <c r="LPE674" s="613"/>
      <c r="LPF674" s="613"/>
      <c r="LPG674" s="613"/>
      <c r="LPH674" s="613"/>
      <c r="LPI674" s="613"/>
      <c r="LPJ674" s="613"/>
      <c r="LPK674" s="613"/>
      <c r="LPL674" s="613"/>
      <c r="LPM674" s="613"/>
      <c r="LPN674" s="613"/>
      <c r="LPO674" s="613"/>
      <c r="LPP674" s="613"/>
      <c r="LPQ674" s="613"/>
      <c r="LPR674" s="613"/>
      <c r="LPS674" s="613"/>
      <c r="LPT674" s="613"/>
      <c r="LPU674" s="613"/>
      <c r="LPV674" s="613"/>
      <c r="LPW674" s="613"/>
      <c r="LPX674" s="613"/>
      <c r="LPY674" s="613"/>
      <c r="LPZ674" s="613"/>
      <c r="LQA674" s="613"/>
      <c r="LQB674" s="613"/>
      <c r="LQC674" s="613"/>
      <c r="LQD674" s="613"/>
      <c r="LQE674" s="613"/>
      <c r="LQF674" s="613"/>
      <c r="LQG674" s="613"/>
      <c r="LQH674" s="613"/>
      <c r="LQI674" s="613"/>
      <c r="LQJ674" s="613"/>
      <c r="LQK674" s="613"/>
      <c r="LQL674" s="613"/>
      <c r="LQM674" s="613"/>
      <c r="LQN674" s="613"/>
      <c r="LQO674" s="613"/>
      <c r="LQP674" s="613"/>
      <c r="LQQ674" s="613"/>
      <c r="LQR674" s="613"/>
      <c r="LQS674" s="613"/>
      <c r="LQT674" s="613"/>
      <c r="LQU674" s="613"/>
      <c r="LQV674" s="613"/>
      <c r="LQW674" s="613"/>
      <c r="LQX674" s="613"/>
      <c r="LQY674" s="613"/>
      <c r="LQZ674" s="613"/>
      <c r="LRA674" s="613"/>
      <c r="LRB674" s="613"/>
      <c r="LRC674" s="613"/>
      <c r="LRD674" s="613"/>
      <c r="LRE674" s="613"/>
      <c r="LRF674" s="613"/>
      <c r="LRG674" s="613"/>
      <c r="LRH674" s="613"/>
      <c r="LRI674" s="613"/>
      <c r="LRJ674" s="613"/>
      <c r="LRK674" s="613"/>
      <c r="LRL674" s="613"/>
      <c r="LRM674" s="613"/>
      <c r="LRN674" s="613"/>
      <c r="LRO674" s="613"/>
      <c r="LRP674" s="613"/>
      <c r="LRQ674" s="613"/>
      <c r="LRR674" s="613"/>
      <c r="LRS674" s="613"/>
      <c r="LRT674" s="613"/>
      <c r="LRU674" s="613"/>
      <c r="LRV674" s="613"/>
      <c r="LRW674" s="613"/>
      <c r="LRX674" s="613"/>
      <c r="LRY674" s="613"/>
      <c r="LRZ674" s="613"/>
      <c r="LSA674" s="613"/>
      <c r="LSB674" s="613"/>
      <c r="LSC674" s="613"/>
      <c r="LSD674" s="613"/>
      <c r="LSE674" s="613"/>
      <c r="LSF674" s="613"/>
      <c r="LSG674" s="613"/>
      <c r="LSH674" s="613"/>
      <c r="LSI674" s="613"/>
      <c r="LSJ674" s="613"/>
      <c r="LSK674" s="613"/>
      <c r="LSL674" s="613"/>
      <c r="LSM674" s="613"/>
      <c r="LSN674" s="613"/>
      <c r="LSO674" s="613"/>
      <c r="LSP674" s="613"/>
      <c r="LSQ674" s="613"/>
      <c r="LSR674" s="613"/>
      <c r="LSS674" s="613"/>
      <c r="LST674" s="613"/>
      <c r="LSU674" s="613"/>
      <c r="LSV674" s="613"/>
      <c r="LSW674" s="613"/>
      <c r="LSX674" s="613"/>
      <c r="LSY674" s="613"/>
      <c r="LSZ674" s="613"/>
      <c r="LTA674" s="613"/>
      <c r="LTB674" s="613"/>
      <c r="LTC674" s="613"/>
      <c r="LTD674" s="613"/>
      <c r="LTE674" s="613"/>
      <c r="LTF674" s="613"/>
      <c r="LTG674" s="613"/>
      <c r="LTH674" s="613"/>
      <c r="LTI674" s="613"/>
      <c r="LTJ674" s="613"/>
      <c r="LTK674" s="613"/>
      <c r="LTL674" s="613"/>
      <c r="LTM674" s="613"/>
      <c r="LTN674" s="613"/>
      <c r="LTO674" s="613"/>
      <c r="LTP674" s="613"/>
      <c r="LTQ674" s="613"/>
      <c r="LTR674" s="613"/>
      <c r="LTS674" s="613"/>
      <c r="LTT674" s="613"/>
      <c r="LTU674" s="613"/>
      <c r="LTV674" s="613"/>
      <c r="LTW674" s="613"/>
      <c r="LTX674" s="613"/>
      <c r="LTY674" s="613"/>
      <c r="LTZ674" s="613"/>
      <c r="LUA674" s="613"/>
      <c r="LUB674" s="613"/>
      <c r="LUC674" s="613"/>
      <c r="LUD674" s="613"/>
      <c r="LUE674" s="613"/>
      <c r="LUF674" s="613"/>
      <c r="LUG674" s="613"/>
      <c r="LUH674" s="613"/>
      <c r="LUI674" s="613"/>
      <c r="LUJ674" s="613"/>
      <c r="LUK674" s="613"/>
      <c r="LUL674" s="613"/>
      <c r="LUM674" s="613"/>
      <c r="LUN674" s="613"/>
      <c r="LUO674" s="613"/>
      <c r="LUP674" s="613"/>
      <c r="LUQ674" s="613"/>
      <c r="LUR674" s="613"/>
      <c r="LUS674" s="613"/>
      <c r="LUT674" s="613"/>
      <c r="LUU674" s="613"/>
      <c r="LUV674" s="613"/>
      <c r="LUW674" s="613"/>
      <c r="LUX674" s="613"/>
      <c r="LUY674" s="613"/>
      <c r="LUZ674" s="613"/>
      <c r="LVA674" s="613"/>
      <c r="LVB674" s="613"/>
      <c r="LVC674" s="613"/>
      <c r="LVD674" s="613"/>
      <c r="LVE674" s="613"/>
      <c r="LVF674" s="613"/>
      <c r="LVG674" s="613"/>
      <c r="LVH674" s="613"/>
      <c r="LVI674" s="613"/>
      <c r="LVJ674" s="613"/>
      <c r="LVK674" s="613"/>
      <c r="LVL674" s="613"/>
      <c r="LVM674" s="613"/>
      <c r="LVN674" s="613"/>
      <c r="LVO674" s="613"/>
      <c r="LVP674" s="613"/>
      <c r="LVQ674" s="613"/>
      <c r="LVR674" s="613"/>
      <c r="LVS674" s="613"/>
      <c r="LVT674" s="613"/>
      <c r="LVU674" s="613"/>
      <c r="LVV674" s="613"/>
      <c r="LVW674" s="613"/>
      <c r="LVX674" s="613"/>
      <c r="LVY674" s="613"/>
      <c r="LVZ674" s="613"/>
      <c r="LWA674" s="613"/>
      <c r="LWB674" s="613"/>
      <c r="LWC674" s="613"/>
      <c r="LWD674" s="613"/>
      <c r="LWE674" s="613"/>
      <c r="LWF674" s="613"/>
      <c r="LWG674" s="613"/>
      <c r="LWH674" s="613"/>
      <c r="LWI674" s="613"/>
      <c r="LWJ674" s="613"/>
      <c r="LWK674" s="613"/>
      <c r="LWL674" s="613"/>
      <c r="LWM674" s="613"/>
      <c r="LWN674" s="613"/>
      <c r="LWO674" s="613"/>
      <c r="LWP674" s="613"/>
      <c r="LWQ674" s="613"/>
      <c r="LWR674" s="613"/>
      <c r="LWS674" s="613"/>
      <c r="LWT674" s="613"/>
      <c r="LWU674" s="613"/>
      <c r="LWV674" s="613"/>
      <c r="LWW674" s="613"/>
      <c r="LWX674" s="613"/>
      <c r="LWY674" s="613"/>
      <c r="LWZ674" s="613"/>
      <c r="LXA674" s="613"/>
      <c r="LXB674" s="613"/>
      <c r="LXC674" s="613"/>
      <c r="LXD674" s="613"/>
      <c r="LXE674" s="613"/>
      <c r="LXF674" s="613"/>
      <c r="LXG674" s="613"/>
      <c r="LXH674" s="613"/>
      <c r="LXI674" s="613"/>
      <c r="LXJ674" s="613"/>
      <c r="LXK674" s="613"/>
      <c r="LXL674" s="613"/>
      <c r="LXM674" s="613"/>
      <c r="LXN674" s="613"/>
      <c r="LXO674" s="613"/>
      <c r="LXP674" s="613"/>
      <c r="LXQ674" s="613"/>
      <c r="LXR674" s="613"/>
      <c r="LXS674" s="613"/>
      <c r="LXT674" s="613"/>
      <c r="LXU674" s="613"/>
      <c r="LXV674" s="613"/>
      <c r="LXW674" s="613"/>
      <c r="LXX674" s="613"/>
      <c r="LXY674" s="613"/>
      <c r="LXZ674" s="613"/>
      <c r="LYA674" s="613"/>
      <c r="LYB674" s="613"/>
      <c r="LYC674" s="613"/>
      <c r="LYD674" s="613"/>
      <c r="LYE674" s="613"/>
      <c r="LYF674" s="613"/>
      <c r="LYG674" s="613"/>
      <c r="LYH674" s="613"/>
      <c r="LYI674" s="613"/>
      <c r="LYJ674" s="613"/>
      <c r="LYK674" s="613"/>
      <c r="LYL674" s="613"/>
      <c r="LYM674" s="613"/>
      <c r="LYN674" s="613"/>
      <c r="LYO674" s="613"/>
      <c r="LYP674" s="613"/>
      <c r="LYQ674" s="613"/>
      <c r="LYR674" s="613"/>
      <c r="LYS674" s="613"/>
      <c r="LYT674" s="613"/>
      <c r="LYU674" s="613"/>
      <c r="LYV674" s="613"/>
      <c r="LYW674" s="613"/>
      <c r="LYX674" s="613"/>
      <c r="LYY674" s="613"/>
      <c r="LYZ674" s="613"/>
      <c r="LZA674" s="613"/>
      <c r="LZB674" s="613"/>
      <c r="LZC674" s="613"/>
      <c r="LZD674" s="613"/>
      <c r="LZE674" s="613"/>
      <c r="LZF674" s="613"/>
      <c r="LZG674" s="613"/>
      <c r="LZH674" s="613"/>
      <c r="LZI674" s="613"/>
      <c r="LZJ674" s="613"/>
      <c r="LZK674" s="613"/>
      <c r="LZL674" s="613"/>
      <c r="LZM674" s="613"/>
      <c r="LZN674" s="613"/>
      <c r="LZO674" s="613"/>
      <c r="LZP674" s="613"/>
      <c r="LZQ674" s="613"/>
      <c r="LZR674" s="613"/>
      <c r="LZS674" s="613"/>
      <c r="LZT674" s="613"/>
      <c r="LZU674" s="613"/>
      <c r="LZV674" s="613"/>
      <c r="LZW674" s="613"/>
      <c r="LZX674" s="613"/>
      <c r="LZY674" s="613"/>
      <c r="LZZ674" s="613"/>
      <c r="MAA674" s="613"/>
      <c r="MAB674" s="613"/>
      <c r="MAC674" s="613"/>
      <c r="MAD674" s="613"/>
      <c r="MAE674" s="613"/>
      <c r="MAF674" s="613"/>
      <c r="MAG674" s="613"/>
      <c r="MAH674" s="613"/>
      <c r="MAI674" s="613"/>
      <c r="MAJ674" s="613"/>
      <c r="MAK674" s="613"/>
      <c r="MAL674" s="613"/>
      <c r="MAM674" s="613"/>
      <c r="MAN674" s="613"/>
      <c r="MAO674" s="613"/>
      <c r="MAP674" s="613"/>
      <c r="MAQ674" s="613"/>
      <c r="MAR674" s="613"/>
      <c r="MAS674" s="613"/>
      <c r="MAT674" s="613"/>
      <c r="MAU674" s="613"/>
      <c r="MAV674" s="613"/>
      <c r="MAW674" s="613"/>
      <c r="MAX674" s="613"/>
      <c r="MAY674" s="613"/>
      <c r="MAZ674" s="613"/>
      <c r="MBA674" s="613"/>
      <c r="MBB674" s="613"/>
      <c r="MBC674" s="613"/>
      <c r="MBD674" s="613"/>
      <c r="MBE674" s="613"/>
      <c r="MBF674" s="613"/>
      <c r="MBG674" s="613"/>
      <c r="MBH674" s="613"/>
      <c r="MBI674" s="613"/>
      <c r="MBJ674" s="613"/>
      <c r="MBK674" s="613"/>
      <c r="MBL674" s="613"/>
      <c r="MBM674" s="613"/>
      <c r="MBN674" s="613"/>
      <c r="MBO674" s="613"/>
      <c r="MBP674" s="613"/>
      <c r="MBQ674" s="613"/>
      <c r="MBR674" s="613"/>
      <c r="MBS674" s="613"/>
      <c r="MBT674" s="613"/>
      <c r="MBU674" s="613"/>
      <c r="MBV674" s="613"/>
      <c r="MBW674" s="613"/>
      <c r="MBX674" s="613"/>
      <c r="MBY674" s="613"/>
      <c r="MBZ674" s="613"/>
      <c r="MCA674" s="613"/>
      <c r="MCB674" s="613"/>
      <c r="MCC674" s="613"/>
      <c r="MCD674" s="613"/>
      <c r="MCE674" s="613"/>
      <c r="MCF674" s="613"/>
      <c r="MCG674" s="613"/>
      <c r="MCH674" s="613"/>
      <c r="MCI674" s="613"/>
      <c r="MCJ674" s="613"/>
      <c r="MCK674" s="613"/>
      <c r="MCL674" s="613"/>
      <c r="MCM674" s="613"/>
      <c r="MCN674" s="613"/>
      <c r="MCO674" s="613"/>
      <c r="MCP674" s="613"/>
      <c r="MCQ674" s="613"/>
      <c r="MCR674" s="613"/>
      <c r="MCS674" s="613"/>
      <c r="MCT674" s="613"/>
      <c r="MCU674" s="613"/>
      <c r="MCV674" s="613"/>
      <c r="MCW674" s="613"/>
      <c r="MCX674" s="613"/>
      <c r="MCY674" s="613"/>
      <c r="MCZ674" s="613"/>
      <c r="MDA674" s="613"/>
      <c r="MDB674" s="613"/>
      <c r="MDC674" s="613"/>
      <c r="MDD674" s="613"/>
      <c r="MDE674" s="613"/>
      <c r="MDF674" s="613"/>
      <c r="MDG674" s="613"/>
      <c r="MDH674" s="613"/>
      <c r="MDI674" s="613"/>
      <c r="MDJ674" s="613"/>
      <c r="MDK674" s="613"/>
      <c r="MDL674" s="613"/>
      <c r="MDM674" s="613"/>
      <c r="MDN674" s="613"/>
      <c r="MDO674" s="613"/>
      <c r="MDP674" s="613"/>
      <c r="MDQ674" s="613"/>
      <c r="MDR674" s="613"/>
      <c r="MDS674" s="613"/>
      <c r="MDT674" s="613"/>
      <c r="MDU674" s="613"/>
      <c r="MDV674" s="613"/>
      <c r="MDW674" s="613"/>
      <c r="MDX674" s="613"/>
      <c r="MDY674" s="613"/>
      <c r="MDZ674" s="613"/>
      <c r="MEA674" s="613"/>
      <c r="MEB674" s="613"/>
      <c r="MEC674" s="613"/>
      <c r="MED674" s="613"/>
      <c r="MEE674" s="613"/>
      <c r="MEF674" s="613"/>
      <c r="MEG674" s="613"/>
      <c r="MEH674" s="613"/>
      <c r="MEI674" s="613"/>
      <c r="MEJ674" s="613"/>
      <c r="MEK674" s="613"/>
      <c r="MEL674" s="613"/>
      <c r="MEM674" s="613"/>
      <c r="MEN674" s="613"/>
      <c r="MEO674" s="613"/>
      <c r="MEP674" s="613"/>
      <c r="MEQ674" s="613"/>
      <c r="MER674" s="613"/>
      <c r="MES674" s="613"/>
      <c r="MET674" s="613"/>
      <c r="MEU674" s="613"/>
      <c r="MEV674" s="613"/>
      <c r="MEW674" s="613"/>
      <c r="MEX674" s="613"/>
      <c r="MEY674" s="613"/>
      <c r="MEZ674" s="613"/>
      <c r="MFA674" s="613"/>
      <c r="MFB674" s="613"/>
      <c r="MFC674" s="613"/>
      <c r="MFD674" s="613"/>
      <c r="MFE674" s="613"/>
      <c r="MFF674" s="613"/>
      <c r="MFG674" s="613"/>
      <c r="MFH674" s="613"/>
      <c r="MFI674" s="613"/>
      <c r="MFJ674" s="613"/>
      <c r="MFK674" s="613"/>
      <c r="MFL674" s="613"/>
      <c r="MFM674" s="613"/>
      <c r="MFN674" s="613"/>
      <c r="MFO674" s="613"/>
      <c r="MFP674" s="613"/>
      <c r="MFQ674" s="613"/>
      <c r="MFR674" s="613"/>
      <c r="MFS674" s="613"/>
      <c r="MFT674" s="613"/>
      <c r="MFU674" s="613"/>
      <c r="MFV674" s="613"/>
      <c r="MFW674" s="613"/>
      <c r="MFX674" s="613"/>
      <c r="MFY674" s="613"/>
      <c r="MFZ674" s="613"/>
      <c r="MGA674" s="613"/>
      <c r="MGB674" s="613"/>
      <c r="MGC674" s="613"/>
      <c r="MGD674" s="613"/>
      <c r="MGE674" s="613"/>
      <c r="MGF674" s="613"/>
      <c r="MGG674" s="613"/>
      <c r="MGH674" s="613"/>
      <c r="MGI674" s="613"/>
      <c r="MGJ674" s="613"/>
      <c r="MGK674" s="613"/>
      <c r="MGL674" s="613"/>
      <c r="MGM674" s="613"/>
      <c r="MGN674" s="613"/>
      <c r="MGO674" s="613"/>
      <c r="MGP674" s="613"/>
      <c r="MGQ674" s="613"/>
      <c r="MGR674" s="613"/>
      <c r="MGS674" s="613"/>
      <c r="MGT674" s="613"/>
      <c r="MGU674" s="613"/>
      <c r="MGV674" s="613"/>
      <c r="MGW674" s="613"/>
      <c r="MGX674" s="613"/>
      <c r="MGY674" s="613"/>
      <c r="MGZ674" s="613"/>
      <c r="MHA674" s="613"/>
      <c r="MHB674" s="613"/>
      <c r="MHC674" s="613"/>
      <c r="MHD674" s="613"/>
      <c r="MHE674" s="613"/>
      <c r="MHF674" s="613"/>
      <c r="MHG674" s="613"/>
      <c r="MHH674" s="613"/>
      <c r="MHI674" s="613"/>
      <c r="MHJ674" s="613"/>
      <c r="MHK674" s="613"/>
      <c r="MHL674" s="613"/>
      <c r="MHM674" s="613"/>
      <c r="MHN674" s="613"/>
      <c r="MHO674" s="613"/>
      <c r="MHP674" s="613"/>
      <c r="MHQ674" s="613"/>
      <c r="MHR674" s="613"/>
      <c r="MHS674" s="613"/>
      <c r="MHT674" s="613"/>
      <c r="MHU674" s="613"/>
      <c r="MHV674" s="613"/>
      <c r="MHW674" s="613"/>
      <c r="MHX674" s="613"/>
      <c r="MHY674" s="613"/>
      <c r="MHZ674" s="613"/>
      <c r="MIA674" s="613"/>
      <c r="MIB674" s="613"/>
      <c r="MIC674" s="613"/>
      <c r="MID674" s="613"/>
      <c r="MIE674" s="613"/>
      <c r="MIF674" s="613"/>
      <c r="MIG674" s="613"/>
      <c r="MIH674" s="613"/>
      <c r="MII674" s="613"/>
      <c r="MIJ674" s="613"/>
      <c r="MIK674" s="613"/>
      <c r="MIL674" s="613"/>
      <c r="MIM674" s="613"/>
      <c r="MIN674" s="613"/>
      <c r="MIO674" s="613"/>
      <c r="MIP674" s="613"/>
      <c r="MIQ674" s="613"/>
      <c r="MIR674" s="613"/>
      <c r="MIS674" s="613"/>
      <c r="MIT674" s="613"/>
      <c r="MIU674" s="613"/>
      <c r="MIV674" s="613"/>
      <c r="MIW674" s="613"/>
      <c r="MIX674" s="613"/>
      <c r="MIY674" s="613"/>
      <c r="MIZ674" s="613"/>
      <c r="MJA674" s="613"/>
      <c r="MJB674" s="613"/>
      <c r="MJC674" s="613"/>
      <c r="MJD674" s="613"/>
      <c r="MJE674" s="613"/>
      <c r="MJF674" s="613"/>
      <c r="MJG674" s="613"/>
      <c r="MJH674" s="613"/>
      <c r="MJI674" s="613"/>
      <c r="MJJ674" s="613"/>
      <c r="MJK674" s="613"/>
      <c r="MJL674" s="613"/>
      <c r="MJM674" s="613"/>
      <c r="MJN674" s="613"/>
      <c r="MJO674" s="613"/>
      <c r="MJP674" s="613"/>
      <c r="MJQ674" s="613"/>
      <c r="MJR674" s="613"/>
      <c r="MJS674" s="613"/>
      <c r="MJT674" s="613"/>
      <c r="MJU674" s="613"/>
      <c r="MJV674" s="613"/>
      <c r="MJW674" s="613"/>
      <c r="MJX674" s="613"/>
      <c r="MJY674" s="613"/>
      <c r="MJZ674" s="613"/>
      <c r="MKA674" s="613"/>
      <c r="MKB674" s="613"/>
      <c r="MKC674" s="613"/>
      <c r="MKD674" s="613"/>
      <c r="MKE674" s="613"/>
      <c r="MKF674" s="613"/>
      <c r="MKG674" s="613"/>
      <c r="MKH674" s="613"/>
      <c r="MKI674" s="613"/>
      <c r="MKJ674" s="613"/>
      <c r="MKK674" s="613"/>
      <c r="MKL674" s="613"/>
      <c r="MKM674" s="613"/>
      <c r="MKN674" s="613"/>
      <c r="MKO674" s="613"/>
      <c r="MKP674" s="613"/>
      <c r="MKQ674" s="613"/>
      <c r="MKR674" s="613"/>
      <c r="MKS674" s="613"/>
      <c r="MKT674" s="613"/>
      <c r="MKU674" s="613"/>
      <c r="MKV674" s="613"/>
      <c r="MKW674" s="613"/>
      <c r="MKX674" s="613"/>
      <c r="MKY674" s="613"/>
      <c r="MKZ674" s="613"/>
      <c r="MLA674" s="613"/>
      <c r="MLB674" s="613"/>
      <c r="MLC674" s="613"/>
      <c r="MLD674" s="613"/>
      <c r="MLE674" s="613"/>
      <c r="MLF674" s="613"/>
      <c r="MLG674" s="613"/>
      <c r="MLH674" s="613"/>
      <c r="MLI674" s="613"/>
      <c r="MLJ674" s="613"/>
      <c r="MLK674" s="613"/>
      <c r="MLL674" s="613"/>
      <c r="MLM674" s="613"/>
      <c r="MLN674" s="613"/>
      <c r="MLO674" s="613"/>
      <c r="MLP674" s="613"/>
      <c r="MLQ674" s="613"/>
      <c r="MLR674" s="613"/>
      <c r="MLS674" s="613"/>
      <c r="MLT674" s="613"/>
      <c r="MLU674" s="613"/>
      <c r="MLV674" s="613"/>
      <c r="MLW674" s="613"/>
      <c r="MLX674" s="613"/>
      <c r="MLY674" s="613"/>
      <c r="MLZ674" s="613"/>
      <c r="MMA674" s="613"/>
      <c r="MMB674" s="613"/>
      <c r="MMC674" s="613"/>
      <c r="MMD674" s="613"/>
      <c r="MME674" s="613"/>
      <c r="MMF674" s="613"/>
      <c r="MMG674" s="613"/>
      <c r="MMH674" s="613"/>
      <c r="MMI674" s="613"/>
      <c r="MMJ674" s="613"/>
      <c r="MMK674" s="613"/>
      <c r="MML674" s="613"/>
      <c r="MMM674" s="613"/>
      <c r="MMN674" s="613"/>
      <c r="MMO674" s="613"/>
      <c r="MMP674" s="613"/>
      <c r="MMQ674" s="613"/>
      <c r="MMR674" s="613"/>
      <c r="MMS674" s="613"/>
      <c r="MMT674" s="613"/>
      <c r="MMU674" s="613"/>
      <c r="MMV674" s="613"/>
      <c r="MMW674" s="613"/>
      <c r="MMX674" s="613"/>
      <c r="MMY674" s="613"/>
      <c r="MMZ674" s="613"/>
      <c r="MNA674" s="613"/>
      <c r="MNB674" s="613"/>
      <c r="MNC674" s="613"/>
      <c r="MND674" s="613"/>
      <c r="MNE674" s="613"/>
      <c r="MNF674" s="613"/>
      <c r="MNG674" s="613"/>
      <c r="MNH674" s="613"/>
      <c r="MNI674" s="613"/>
      <c r="MNJ674" s="613"/>
      <c r="MNK674" s="613"/>
      <c r="MNL674" s="613"/>
      <c r="MNM674" s="613"/>
      <c r="MNN674" s="613"/>
      <c r="MNO674" s="613"/>
      <c r="MNP674" s="613"/>
      <c r="MNQ674" s="613"/>
      <c r="MNR674" s="613"/>
      <c r="MNS674" s="613"/>
      <c r="MNT674" s="613"/>
      <c r="MNU674" s="613"/>
      <c r="MNV674" s="613"/>
      <c r="MNW674" s="613"/>
      <c r="MNX674" s="613"/>
      <c r="MNY674" s="613"/>
      <c r="MNZ674" s="613"/>
      <c r="MOA674" s="613"/>
      <c r="MOB674" s="613"/>
      <c r="MOC674" s="613"/>
      <c r="MOD674" s="613"/>
      <c r="MOE674" s="613"/>
      <c r="MOF674" s="613"/>
      <c r="MOG674" s="613"/>
      <c r="MOH674" s="613"/>
      <c r="MOI674" s="613"/>
      <c r="MOJ674" s="613"/>
      <c r="MOK674" s="613"/>
      <c r="MOL674" s="613"/>
      <c r="MOM674" s="613"/>
      <c r="MON674" s="613"/>
      <c r="MOO674" s="613"/>
      <c r="MOP674" s="613"/>
      <c r="MOQ674" s="613"/>
      <c r="MOR674" s="613"/>
      <c r="MOS674" s="613"/>
      <c r="MOT674" s="613"/>
      <c r="MOU674" s="613"/>
      <c r="MOV674" s="613"/>
      <c r="MOW674" s="613"/>
      <c r="MOX674" s="613"/>
      <c r="MOY674" s="613"/>
      <c r="MOZ674" s="613"/>
      <c r="MPA674" s="613"/>
      <c r="MPB674" s="613"/>
      <c r="MPC674" s="613"/>
      <c r="MPD674" s="613"/>
      <c r="MPE674" s="613"/>
      <c r="MPF674" s="613"/>
      <c r="MPG674" s="613"/>
      <c r="MPH674" s="613"/>
      <c r="MPI674" s="613"/>
      <c r="MPJ674" s="613"/>
      <c r="MPK674" s="613"/>
      <c r="MPL674" s="613"/>
      <c r="MPM674" s="613"/>
      <c r="MPN674" s="613"/>
      <c r="MPO674" s="613"/>
      <c r="MPP674" s="613"/>
      <c r="MPQ674" s="613"/>
      <c r="MPR674" s="613"/>
      <c r="MPS674" s="613"/>
      <c r="MPT674" s="613"/>
      <c r="MPU674" s="613"/>
      <c r="MPV674" s="613"/>
      <c r="MPW674" s="613"/>
      <c r="MPX674" s="613"/>
      <c r="MPY674" s="613"/>
      <c r="MPZ674" s="613"/>
      <c r="MQA674" s="613"/>
      <c r="MQB674" s="613"/>
      <c r="MQC674" s="613"/>
      <c r="MQD674" s="613"/>
      <c r="MQE674" s="613"/>
      <c r="MQF674" s="613"/>
      <c r="MQG674" s="613"/>
      <c r="MQH674" s="613"/>
      <c r="MQI674" s="613"/>
      <c r="MQJ674" s="613"/>
      <c r="MQK674" s="613"/>
      <c r="MQL674" s="613"/>
      <c r="MQM674" s="613"/>
      <c r="MQN674" s="613"/>
      <c r="MQO674" s="613"/>
      <c r="MQP674" s="613"/>
      <c r="MQQ674" s="613"/>
      <c r="MQR674" s="613"/>
      <c r="MQS674" s="613"/>
      <c r="MQT674" s="613"/>
      <c r="MQU674" s="613"/>
      <c r="MQV674" s="613"/>
      <c r="MQW674" s="613"/>
      <c r="MQX674" s="613"/>
      <c r="MQY674" s="613"/>
      <c r="MQZ674" s="613"/>
      <c r="MRA674" s="613"/>
      <c r="MRB674" s="613"/>
      <c r="MRC674" s="613"/>
      <c r="MRD674" s="613"/>
      <c r="MRE674" s="613"/>
      <c r="MRF674" s="613"/>
      <c r="MRG674" s="613"/>
      <c r="MRH674" s="613"/>
      <c r="MRI674" s="613"/>
      <c r="MRJ674" s="613"/>
      <c r="MRK674" s="613"/>
      <c r="MRL674" s="613"/>
      <c r="MRM674" s="613"/>
      <c r="MRN674" s="613"/>
      <c r="MRO674" s="613"/>
      <c r="MRP674" s="613"/>
      <c r="MRQ674" s="613"/>
      <c r="MRR674" s="613"/>
      <c r="MRS674" s="613"/>
      <c r="MRT674" s="613"/>
      <c r="MRU674" s="613"/>
      <c r="MRV674" s="613"/>
      <c r="MRW674" s="613"/>
      <c r="MRX674" s="613"/>
      <c r="MRY674" s="613"/>
      <c r="MRZ674" s="613"/>
      <c r="MSA674" s="613"/>
      <c r="MSB674" s="613"/>
      <c r="MSC674" s="613"/>
      <c r="MSD674" s="613"/>
      <c r="MSE674" s="613"/>
      <c r="MSF674" s="613"/>
      <c r="MSG674" s="613"/>
      <c r="MSH674" s="613"/>
      <c r="MSI674" s="613"/>
      <c r="MSJ674" s="613"/>
      <c r="MSK674" s="613"/>
      <c r="MSL674" s="613"/>
      <c r="MSM674" s="613"/>
      <c r="MSN674" s="613"/>
      <c r="MSO674" s="613"/>
      <c r="MSP674" s="613"/>
      <c r="MSQ674" s="613"/>
      <c r="MSR674" s="613"/>
      <c r="MSS674" s="613"/>
      <c r="MST674" s="613"/>
      <c r="MSU674" s="613"/>
      <c r="MSV674" s="613"/>
      <c r="MSW674" s="613"/>
      <c r="MSX674" s="613"/>
      <c r="MSY674" s="613"/>
      <c r="MSZ674" s="613"/>
      <c r="MTA674" s="613"/>
      <c r="MTB674" s="613"/>
      <c r="MTC674" s="613"/>
      <c r="MTD674" s="613"/>
      <c r="MTE674" s="613"/>
      <c r="MTF674" s="613"/>
      <c r="MTG674" s="613"/>
      <c r="MTH674" s="613"/>
      <c r="MTI674" s="613"/>
      <c r="MTJ674" s="613"/>
      <c r="MTK674" s="613"/>
      <c r="MTL674" s="613"/>
      <c r="MTM674" s="613"/>
      <c r="MTN674" s="613"/>
      <c r="MTO674" s="613"/>
      <c r="MTP674" s="613"/>
      <c r="MTQ674" s="613"/>
      <c r="MTR674" s="613"/>
      <c r="MTS674" s="613"/>
      <c r="MTT674" s="613"/>
      <c r="MTU674" s="613"/>
      <c r="MTV674" s="613"/>
      <c r="MTW674" s="613"/>
      <c r="MTX674" s="613"/>
      <c r="MTY674" s="613"/>
      <c r="MTZ674" s="613"/>
      <c r="MUA674" s="613"/>
      <c r="MUB674" s="613"/>
      <c r="MUC674" s="613"/>
      <c r="MUD674" s="613"/>
      <c r="MUE674" s="613"/>
      <c r="MUF674" s="613"/>
      <c r="MUG674" s="613"/>
      <c r="MUH674" s="613"/>
      <c r="MUI674" s="613"/>
      <c r="MUJ674" s="613"/>
      <c r="MUK674" s="613"/>
      <c r="MUL674" s="613"/>
      <c r="MUM674" s="613"/>
      <c r="MUN674" s="613"/>
      <c r="MUO674" s="613"/>
      <c r="MUP674" s="613"/>
      <c r="MUQ674" s="613"/>
      <c r="MUR674" s="613"/>
      <c r="MUS674" s="613"/>
      <c r="MUT674" s="613"/>
      <c r="MUU674" s="613"/>
      <c r="MUV674" s="613"/>
      <c r="MUW674" s="613"/>
      <c r="MUX674" s="613"/>
      <c r="MUY674" s="613"/>
      <c r="MUZ674" s="613"/>
      <c r="MVA674" s="613"/>
      <c r="MVB674" s="613"/>
      <c r="MVC674" s="613"/>
      <c r="MVD674" s="613"/>
      <c r="MVE674" s="613"/>
      <c r="MVF674" s="613"/>
      <c r="MVG674" s="613"/>
      <c r="MVH674" s="613"/>
      <c r="MVI674" s="613"/>
      <c r="MVJ674" s="613"/>
      <c r="MVK674" s="613"/>
      <c r="MVL674" s="613"/>
      <c r="MVM674" s="613"/>
      <c r="MVN674" s="613"/>
      <c r="MVO674" s="613"/>
      <c r="MVP674" s="613"/>
      <c r="MVQ674" s="613"/>
      <c r="MVR674" s="613"/>
      <c r="MVS674" s="613"/>
      <c r="MVT674" s="613"/>
      <c r="MVU674" s="613"/>
      <c r="MVV674" s="613"/>
      <c r="MVW674" s="613"/>
      <c r="MVX674" s="613"/>
      <c r="MVY674" s="613"/>
      <c r="MVZ674" s="613"/>
      <c r="MWA674" s="613"/>
      <c r="MWB674" s="613"/>
      <c r="MWC674" s="613"/>
      <c r="MWD674" s="613"/>
      <c r="MWE674" s="613"/>
      <c r="MWF674" s="613"/>
      <c r="MWG674" s="613"/>
      <c r="MWH674" s="613"/>
      <c r="MWI674" s="613"/>
      <c r="MWJ674" s="613"/>
      <c r="MWK674" s="613"/>
      <c r="MWL674" s="613"/>
      <c r="MWM674" s="613"/>
      <c r="MWN674" s="613"/>
      <c r="MWO674" s="613"/>
      <c r="MWP674" s="613"/>
      <c r="MWQ674" s="613"/>
      <c r="MWR674" s="613"/>
      <c r="MWS674" s="613"/>
      <c r="MWT674" s="613"/>
      <c r="MWU674" s="613"/>
      <c r="MWV674" s="613"/>
      <c r="MWW674" s="613"/>
      <c r="MWX674" s="613"/>
      <c r="MWY674" s="613"/>
      <c r="MWZ674" s="613"/>
      <c r="MXA674" s="613"/>
      <c r="MXB674" s="613"/>
      <c r="MXC674" s="613"/>
      <c r="MXD674" s="613"/>
      <c r="MXE674" s="613"/>
      <c r="MXF674" s="613"/>
      <c r="MXG674" s="613"/>
      <c r="MXH674" s="613"/>
      <c r="MXI674" s="613"/>
      <c r="MXJ674" s="613"/>
      <c r="MXK674" s="613"/>
      <c r="MXL674" s="613"/>
      <c r="MXM674" s="613"/>
      <c r="MXN674" s="613"/>
      <c r="MXO674" s="613"/>
      <c r="MXP674" s="613"/>
      <c r="MXQ674" s="613"/>
      <c r="MXR674" s="613"/>
      <c r="MXS674" s="613"/>
      <c r="MXT674" s="613"/>
      <c r="MXU674" s="613"/>
      <c r="MXV674" s="613"/>
      <c r="MXW674" s="613"/>
      <c r="MXX674" s="613"/>
      <c r="MXY674" s="613"/>
      <c r="MXZ674" s="613"/>
      <c r="MYA674" s="613"/>
      <c r="MYB674" s="613"/>
      <c r="MYC674" s="613"/>
      <c r="MYD674" s="613"/>
      <c r="MYE674" s="613"/>
      <c r="MYF674" s="613"/>
      <c r="MYG674" s="613"/>
      <c r="MYH674" s="613"/>
      <c r="MYI674" s="613"/>
      <c r="MYJ674" s="613"/>
      <c r="MYK674" s="613"/>
      <c r="MYL674" s="613"/>
      <c r="MYM674" s="613"/>
      <c r="MYN674" s="613"/>
      <c r="MYO674" s="613"/>
      <c r="MYP674" s="613"/>
      <c r="MYQ674" s="613"/>
      <c r="MYR674" s="613"/>
      <c r="MYS674" s="613"/>
      <c r="MYT674" s="613"/>
      <c r="MYU674" s="613"/>
      <c r="MYV674" s="613"/>
      <c r="MYW674" s="613"/>
      <c r="MYX674" s="613"/>
      <c r="MYY674" s="613"/>
      <c r="MYZ674" s="613"/>
      <c r="MZA674" s="613"/>
      <c r="MZB674" s="613"/>
      <c r="MZC674" s="613"/>
      <c r="MZD674" s="613"/>
      <c r="MZE674" s="613"/>
      <c r="MZF674" s="613"/>
      <c r="MZG674" s="613"/>
      <c r="MZH674" s="613"/>
      <c r="MZI674" s="613"/>
      <c r="MZJ674" s="613"/>
      <c r="MZK674" s="613"/>
      <c r="MZL674" s="613"/>
      <c r="MZM674" s="613"/>
      <c r="MZN674" s="613"/>
      <c r="MZO674" s="613"/>
      <c r="MZP674" s="613"/>
      <c r="MZQ674" s="613"/>
      <c r="MZR674" s="613"/>
      <c r="MZS674" s="613"/>
      <c r="MZT674" s="613"/>
      <c r="MZU674" s="613"/>
      <c r="MZV674" s="613"/>
      <c r="MZW674" s="613"/>
      <c r="MZX674" s="613"/>
      <c r="MZY674" s="613"/>
      <c r="MZZ674" s="613"/>
      <c r="NAA674" s="613"/>
      <c r="NAB674" s="613"/>
      <c r="NAC674" s="613"/>
      <c r="NAD674" s="613"/>
      <c r="NAE674" s="613"/>
      <c r="NAF674" s="613"/>
      <c r="NAG674" s="613"/>
      <c r="NAH674" s="613"/>
      <c r="NAI674" s="613"/>
      <c r="NAJ674" s="613"/>
      <c r="NAK674" s="613"/>
      <c r="NAL674" s="613"/>
      <c r="NAM674" s="613"/>
      <c r="NAN674" s="613"/>
      <c r="NAO674" s="613"/>
      <c r="NAP674" s="613"/>
      <c r="NAQ674" s="613"/>
      <c r="NAR674" s="613"/>
      <c r="NAS674" s="613"/>
      <c r="NAT674" s="613"/>
      <c r="NAU674" s="613"/>
      <c r="NAV674" s="613"/>
      <c r="NAW674" s="613"/>
      <c r="NAX674" s="613"/>
      <c r="NAY674" s="613"/>
      <c r="NAZ674" s="613"/>
      <c r="NBA674" s="613"/>
      <c r="NBB674" s="613"/>
      <c r="NBC674" s="613"/>
      <c r="NBD674" s="613"/>
      <c r="NBE674" s="613"/>
      <c r="NBF674" s="613"/>
      <c r="NBG674" s="613"/>
      <c r="NBH674" s="613"/>
      <c r="NBI674" s="613"/>
      <c r="NBJ674" s="613"/>
      <c r="NBK674" s="613"/>
      <c r="NBL674" s="613"/>
      <c r="NBM674" s="613"/>
      <c r="NBN674" s="613"/>
      <c r="NBO674" s="613"/>
      <c r="NBP674" s="613"/>
      <c r="NBQ674" s="613"/>
      <c r="NBR674" s="613"/>
      <c r="NBS674" s="613"/>
      <c r="NBT674" s="613"/>
      <c r="NBU674" s="613"/>
      <c r="NBV674" s="613"/>
      <c r="NBW674" s="613"/>
      <c r="NBX674" s="613"/>
      <c r="NBY674" s="613"/>
      <c r="NBZ674" s="613"/>
      <c r="NCA674" s="613"/>
      <c r="NCB674" s="613"/>
      <c r="NCC674" s="613"/>
      <c r="NCD674" s="613"/>
      <c r="NCE674" s="613"/>
      <c r="NCF674" s="613"/>
      <c r="NCG674" s="613"/>
      <c r="NCH674" s="613"/>
      <c r="NCI674" s="613"/>
      <c r="NCJ674" s="613"/>
      <c r="NCK674" s="613"/>
      <c r="NCL674" s="613"/>
      <c r="NCM674" s="613"/>
      <c r="NCN674" s="613"/>
      <c r="NCO674" s="613"/>
      <c r="NCP674" s="613"/>
      <c r="NCQ674" s="613"/>
      <c r="NCR674" s="613"/>
      <c r="NCS674" s="613"/>
      <c r="NCT674" s="613"/>
      <c r="NCU674" s="613"/>
      <c r="NCV674" s="613"/>
      <c r="NCW674" s="613"/>
      <c r="NCX674" s="613"/>
      <c r="NCY674" s="613"/>
      <c r="NCZ674" s="613"/>
      <c r="NDA674" s="613"/>
      <c r="NDB674" s="613"/>
      <c r="NDC674" s="613"/>
      <c r="NDD674" s="613"/>
      <c r="NDE674" s="613"/>
      <c r="NDF674" s="613"/>
      <c r="NDG674" s="613"/>
      <c r="NDH674" s="613"/>
      <c r="NDI674" s="613"/>
      <c r="NDJ674" s="613"/>
      <c r="NDK674" s="613"/>
      <c r="NDL674" s="613"/>
      <c r="NDM674" s="613"/>
      <c r="NDN674" s="613"/>
      <c r="NDO674" s="613"/>
      <c r="NDP674" s="613"/>
      <c r="NDQ674" s="613"/>
      <c r="NDR674" s="613"/>
      <c r="NDS674" s="613"/>
      <c r="NDT674" s="613"/>
      <c r="NDU674" s="613"/>
      <c r="NDV674" s="613"/>
      <c r="NDW674" s="613"/>
      <c r="NDX674" s="613"/>
      <c r="NDY674" s="613"/>
      <c r="NDZ674" s="613"/>
      <c r="NEA674" s="613"/>
      <c r="NEB674" s="613"/>
      <c r="NEC674" s="613"/>
      <c r="NED674" s="613"/>
      <c r="NEE674" s="613"/>
      <c r="NEF674" s="613"/>
      <c r="NEG674" s="613"/>
      <c r="NEH674" s="613"/>
      <c r="NEI674" s="613"/>
      <c r="NEJ674" s="613"/>
      <c r="NEK674" s="613"/>
      <c r="NEL674" s="613"/>
      <c r="NEM674" s="613"/>
      <c r="NEN674" s="613"/>
      <c r="NEO674" s="613"/>
      <c r="NEP674" s="613"/>
      <c r="NEQ674" s="613"/>
      <c r="NER674" s="613"/>
      <c r="NES674" s="613"/>
      <c r="NET674" s="613"/>
      <c r="NEU674" s="613"/>
      <c r="NEV674" s="613"/>
      <c r="NEW674" s="613"/>
      <c r="NEX674" s="613"/>
      <c r="NEY674" s="613"/>
      <c r="NEZ674" s="613"/>
      <c r="NFA674" s="613"/>
      <c r="NFB674" s="613"/>
      <c r="NFC674" s="613"/>
      <c r="NFD674" s="613"/>
      <c r="NFE674" s="613"/>
      <c r="NFF674" s="613"/>
      <c r="NFG674" s="613"/>
      <c r="NFH674" s="613"/>
      <c r="NFI674" s="613"/>
      <c r="NFJ674" s="613"/>
      <c r="NFK674" s="613"/>
      <c r="NFL674" s="613"/>
      <c r="NFM674" s="613"/>
      <c r="NFN674" s="613"/>
      <c r="NFO674" s="613"/>
      <c r="NFP674" s="613"/>
      <c r="NFQ674" s="613"/>
      <c r="NFR674" s="613"/>
      <c r="NFS674" s="613"/>
      <c r="NFT674" s="613"/>
      <c r="NFU674" s="613"/>
      <c r="NFV674" s="613"/>
      <c r="NFW674" s="613"/>
      <c r="NFX674" s="613"/>
      <c r="NFY674" s="613"/>
      <c r="NFZ674" s="613"/>
      <c r="NGA674" s="613"/>
      <c r="NGB674" s="613"/>
      <c r="NGC674" s="613"/>
      <c r="NGD674" s="613"/>
      <c r="NGE674" s="613"/>
      <c r="NGF674" s="613"/>
      <c r="NGG674" s="613"/>
      <c r="NGH674" s="613"/>
      <c r="NGI674" s="613"/>
      <c r="NGJ674" s="613"/>
      <c r="NGK674" s="613"/>
      <c r="NGL674" s="613"/>
      <c r="NGM674" s="613"/>
      <c r="NGN674" s="613"/>
      <c r="NGO674" s="613"/>
      <c r="NGP674" s="613"/>
      <c r="NGQ674" s="613"/>
      <c r="NGR674" s="613"/>
      <c r="NGS674" s="613"/>
      <c r="NGT674" s="613"/>
      <c r="NGU674" s="613"/>
      <c r="NGV674" s="613"/>
      <c r="NGW674" s="613"/>
      <c r="NGX674" s="613"/>
      <c r="NGY674" s="613"/>
      <c r="NGZ674" s="613"/>
      <c r="NHA674" s="613"/>
      <c r="NHB674" s="613"/>
      <c r="NHC674" s="613"/>
      <c r="NHD674" s="613"/>
      <c r="NHE674" s="613"/>
      <c r="NHF674" s="613"/>
      <c r="NHG674" s="613"/>
      <c r="NHH674" s="613"/>
      <c r="NHI674" s="613"/>
      <c r="NHJ674" s="613"/>
      <c r="NHK674" s="613"/>
      <c r="NHL674" s="613"/>
      <c r="NHM674" s="613"/>
      <c r="NHN674" s="613"/>
      <c r="NHO674" s="613"/>
      <c r="NHP674" s="613"/>
      <c r="NHQ674" s="613"/>
      <c r="NHR674" s="613"/>
      <c r="NHS674" s="613"/>
      <c r="NHT674" s="613"/>
      <c r="NHU674" s="613"/>
      <c r="NHV674" s="613"/>
      <c r="NHW674" s="613"/>
      <c r="NHX674" s="613"/>
      <c r="NHY674" s="613"/>
      <c r="NHZ674" s="613"/>
      <c r="NIA674" s="613"/>
      <c r="NIB674" s="613"/>
      <c r="NIC674" s="613"/>
      <c r="NID674" s="613"/>
      <c r="NIE674" s="613"/>
      <c r="NIF674" s="613"/>
      <c r="NIG674" s="613"/>
      <c r="NIH674" s="613"/>
      <c r="NII674" s="613"/>
      <c r="NIJ674" s="613"/>
      <c r="NIK674" s="613"/>
      <c r="NIL674" s="613"/>
      <c r="NIM674" s="613"/>
      <c r="NIN674" s="613"/>
      <c r="NIO674" s="613"/>
      <c r="NIP674" s="613"/>
      <c r="NIQ674" s="613"/>
      <c r="NIR674" s="613"/>
      <c r="NIS674" s="613"/>
      <c r="NIT674" s="613"/>
      <c r="NIU674" s="613"/>
      <c r="NIV674" s="613"/>
      <c r="NIW674" s="613"/>
      <c r="NIX674" s="613"/>
      <c r="NIY674" s="613"/>
      <c r="NIZ674" s="613"/>
      <c r="NJA674" s="613"/>
      <c r="NJB674" s="613"/>
      <c r="NJC674" s="613"/>
      <c r="NJD674" s="613"/>
      <c r="NJE674" s="613"/>
      <c r="NJF674" s="613"/>
      <c r="NJG674" s="613"/>
      <c r="NJH674" s="613"/>
      <c r="NJI674" s="613"/>
      <c r="NJJ674" s="613"/>
      <c r="NJK674" s="613"/>
      <c r="NJL674" s="613"/>
      <c r="NJM674" s="613"/>
      <c r="NJN674" s="613"/>
      <c r="NJO674" s="613"/>
      <c r="NJP674" s="613"/>
      <c r="NJQ674" s="613"/>
      <c r="NJR674" s="613"/>
      <c r="NJS674" s="613"/>
      <c r="NJT674" s="613"/>
      <c r="NJU674" s="613"/>
      <c r="NJV674" s="613"/>
      <c r="NJW674" s="613"/>
      <c r="NJX674" s="613"/>
      <c r="NJY674" s="613"/>
      <c r="NJZ674" s="613"/>
      <c r="NKA674" s="613"/>
      <c r="NKB674" s="613"/>
      <c r="NKC674" s="613"/>
      <c r="NKD674" s="613"/>
      <c r="NKE674" s="613"/>
      <c r="NKF674" s="613"/>
      <c r="NKG674" s="613"/>
      <c r="NKH674" s="613"/>
      <c r="NKI674" s="613"/>
      <c r="NKJ674" s="613"/>
      <c r="NKK674" s="613"/>
      <c r="NKL674" s="613"/>
      <c r="NKM674" s="613"/>
      <c r="NKN674" s="613"/>
      <c r="NKO674" s="613"/>
      <c r="NKP674" s="613"/>
      <c r="NKQ674" s="613"/>
      <c r="NKR674" s="613"/>
      <c r="NKS674" s="613"/>
      <c r="NKT674" s="613"/>
      <c r="NKU674" s="613"/>
      <c r="NKV674" s="613"/>
      <c r="NKW674" s="613"/>
      <c r="NKX674" s="613"/>
      <c r="NKY674" s="613"/>
      <c r="NKZ674" s="613"/>
      <c r="NLA674" s="613"/>
      <c r="NLB674" s="613"/>
      <c r="NLC674" s="613"/>
      <c r="NLD674" s="613"/>
      <c r="NLE674" s="613"/>
      <c r="NLF674" s="613"/>
      <c r="NLG674" s="613"/>
      <c r="NLH674" s="613"/>
      <c r="NLI674" s="613"/>
      <c r="NLJ674" s="613"/>
      <c r="NLK674" s="613"/>
      <c r="NLL674" s="613"/>
      <c r="NLM674" s="613"/>
      <c r="NLN674" s="613"/>
      <c r="NLO674" s="613"/>
      <c r="NLP674" s="613"/>
      <c r="NLQ674" s="613"/>
      <c r="NLR674" s="613"/>
      <c r="NLS674" s="613"/>
      <c r="NLT674" s="613"/>
      <c r="NLU674" s="613"/>
      <c r="NLV674" s="613"/>
      <c r="NLW674" s="613"/>
      <c r="NLX674" s="613"/>
      <c r="NLY674" s="613"/>
      <c r="NLZ674" s="613"/>
      <c r="NMA674" s="613"/>
      <c r="NMB674" s="613"/>
      <c r="NMC674" s="613"/>
      <c r="NMD674" s="613"/>
      <c r="NME674" s="613"/>
      <c r="NMF674" s="613"/>
      <c r="NMG674" s="613"/>
      <c r="NMH674" s="613"/>
      <c r="NMI674" s="613"/>
      <c r="NMJ674" s="613"/>
      <c r="NMK674" s="613"/>
      <c r="NML674" s="613"/>
      <c r="NMM674" s="613"/>
      <c r="NMN674" s="613"/>
      <c r="NMO674" s="613"/>
      <c r="NMP674" s="613"/>
      <c r="NMQ674" s="613"/>
      <c r="NMR674" s="613"/>
      <c r="NMS674" s="613"/>
      <c r="NMT674" s="613"/>
      <c r="NMU674" s="613"/>
      <c r="NMV674" s="613"/>
      <c r="NMW674" s="613"/>
      <c r="NMX674" s="613"/>
      <c r="NMY674" s="613"/>
      <c r="NMZ674" s="613"/>
      <c r="NNA674" s="613"/>
      <c r="NNB674" s="613"/>
      <c r="NNC674" s="613"/>
      <c r="NND674" s="613"/>
      <c r="NNE674" s="613"/>
      <c r="NNF674" s="613"/>
      <c r="NNG674" s="613"/>
      <c r="NNH674" s="613"/>
      <c r="NNI674" s="613"/>
      <c r="NNJ674" s="613"/>
      <c r="NNK674" s="613"/>
      <c r="NNL674" s="613"/>
      <c r="NNM674" s="613"/>
      <c r="NNN674" s="613"/>
      <c r="NNO674" s="613"/>
      <c r="NNP674" s="613"/>
      <c r="NNQ674" s="613"/>
      <c r="NNR674" s="613"/>
      <c r="NNS674" s="613"/>
      <c r="NNT674" s="613"/>
      <c r="NNU674" s="613"/>
      <c r="NNV674" s="613"/>
      <c r="NNW674" s="613"/>
      <c r="NNX674" s="613"/>
      <c r="NNY674" s="613"/>
      <c r="NNZ674" s="613"/>
      <c r="NOA674" s="613"/>
      <c r="NOB674" s="613"/>
      <c r="NOC674" s="613"/>
      <c r="NOD674" s="613"/>
      <c r="NOE674" s="613"/>
      <c r="NOF674" s="613"/>
      <c r="NOG674" s="613"/>
      <c r="NOH674" s="613"/>
      <c r="NOI674" s="613"/>
      <c r="NOJ674" s="613"/>
      <c r="NOK674" s="613"/>
      <c r="NOL674" s="613"/>
      <c r="NOM674" s="613"/>
      <c r="NON674" s="613"/>
      <c r="NOO674" s="613"/>
      <c r="NOP674" s="613"/>
      <c r="NOQ674" s="613"/>
      <c r="NOR674" s="613"/>
      <c r="NOS674" s="613"/>
      <c r="NOT674" s="613"/>
      <c r="NOU674" s="613"/>
      <c r="NOV674" s="613"/>
      <c r="NOW674" s="613"/>
      <c r="NOX674" s="613"/>
      <c r="NOY674" s="613"/>
      <c r="NOZ674" s="613"/>
      <c r="NPA674" s="613"/>
      <c r="NPB674" s="613"/>
      <c r="NPC674" s="613"/>
      <c r="NPD674" s="613"/>
      <c r="NPE674" s="613"/>
      <c r="NPF674" s="613"/>
      <c r="NPG674" s="613"/>
      <c r="NPH674" s="613"/>
      <c r="NPI674" s="613"/>
      <c r="NPJ674" s="613"/>
      <c r="NPK674" s="613"/>
      <c r="NPL674" s="613"/>
      <c r="NPM674" s="613"/>
      <c r="NPN674" s="613"/>
      <c r="NPO674" s="613"/>
      <c r="NPP674" s="613"/>
      <c r="NPQ674" s="613"/>
      <c r="NPR674" s="613"/>
      <c r="NPS674" s="613"/>
      <c r="NPT674" s="613"/>
      <c r="NPU674" s="613"/>
      <c r="NPV674" s="613"/>
      <c r="NPW674" s="613"/>
      <c r="NPX674" s="613"/>
      <c r="NPY674" s="613"/>
      <c r="NPZ674" s="613"/>
      <c r="NQA674" s="613"/>
      <c r="NQB674" s="613"/>
      <c r="NQC674" s="613"/>
      <c r="NQD674" s="613"/>
      <c r="NQE674" s="613"/>
      <c r="NQF674" s="613"/>
      <c r="NQG674" s="613"/>
      <c r="NQH674" s="613"/>
      <c r="NQI674" s="613"/>
      <c r="NQJ674" s="613"/>
      <c r="NQK674" s="613"/>
      <c r="NQL674" s="613"/>
      <c r="NQM674" s="613"/>
      <c r="NQN674" s="613"/>
      <c r="NQO674" s="613"/>
      <c r="NQP674" s="613"/>
      <c r="NQQ674" s="613"/>
      <c r="NQR674" s="613"/>
      <c r="NQS674" s="613"/>
      <c r="NQT674" s="613"/>
      <c r="NQU674" s="613"/>
      <c r="NQV674" s="613"/>
      <c r="NQW674" s="613"/>
      <c r="NQX674" s="613"/>
      <c r="NQY674" s="613"/>
      <c r="NQZ674" s="613"/>
      <c r="NRA674" s="613"/>
      <c r="NRB674" s="613"/>
      <c r="NRC674" s="613"/>
      <c r="NRD674" s="613"/>
      <c r="NRE674" s="613"/>
      <c r="NRF674" s="613"/>
      <c r="NRG674" s="613"/>
      <c r="NRH674" s="613"/>
      <c r="NRI674" s="613"/>
      <c r="NRJ674" s="613"/>
      <c r="NRK674" s="613"/>
      <c r="NRL674" s="613"/>
      <c r="NRM674" s="613"/>
      <c r="NRN674" s="613"/>
      <c r="NRO674" s="613"/>
      <c r="NRP674" s="613"/>
      <c r="NRQ674" s="613"/>
      <c r="NRR674" s="613"/>
      <c r="NRS674" s="613"/>
      <c r="NRT674" s="613"/>
      <c r="NRU674" s="613"/>
      <c r="NRV674" s="613"/>
      <c r="NRW674" s="613"/>
      <c r="NRX674" s="613"/>
      <c r="NRY674" s="613"/>
      <c r="NRZ674" s="613"/>
      <c r="NSA674" s="613"/>
      <c r="NSB674" s="613"/>
      <c r="NSC674" s="613"/>
      <c r="NSD674" s="613"/>
      <c r="NSE674" s="613"/>
      <c r="NSF674" s="613"/>
      <c r="NSG674" s="613"/>
      <c r="NSH674" s="613"/>
      <c r="NSI674" s="613"/>
      <c r="NSJ674" s="613"/>
      <c r="NSK674" s="613"/>
      <c r="NSL674" s="613"/>
      <c r="NSM674" s="613"/>
      <c r="NSN674" s="613"/>
      <c r="NSO674" s="613"/>
      <c r="NSP674" s="613"/>
      <c r="NSQ674" s="613"/>
      <c r="NSR674" s="613"/>
      <c r="NSS674" s="613"/>
      <c r="NST674" s="613"/>
      <c r="NSU674" s="613"/>
      <c r="NSV674" s="613"/>
      <c r="NSW674" s="613"/>
      <c r="NSX674" s="613"/>
      <c r="NSY674" s="613"/>
      <c r="NSZ674" s="613"/>
      <c r="NTA674" s="613"/>
      <c r="NTB674" s="613"/>
      <c r="NTC674" s="613"/>
      <c r="NTD674" s="613"/>
      <c r="NTE674" s="613"/>
      <c r="NTF674" s="613"/>
      <c r="NTG674" s="613"/>
      <c r="NTH674" s="613"/>
      <c r="NTI674" s="613"/>
      <c r="NTJ674" s="613"/>
      <c r="NTK674" s="613"/>
      <c r="NTL674" s="613"/>
      <c r="NTM674" s="613"/>
      <c r="NTN674" s="613"/>
      <c r="NTO674" s="613"/>
      <c r="NTP674" s="613"/>
      <c r="NTQ674" s="613"/>
      <c r="NTR674" s="613"/>
      <c r="NTS674" s="613"/>
      <c r="NTT674" s="613"/>
      <c r="NTU674" s="613"/>
      <c r="NTV674" s="613"/>
      <c r="NTW674" s="613"/>
      <c r="NTX674" s="613"/>
      <c r="NTY674" s="613"/>
      <c r="NTZ674" s="613"/>
      <c r="NUA674" s="613"/>
      <c r="NUB674" s="613"/>
      <c r="NUC674" s="613"/>
      <c r="NUD674" s="613"/>
      <c r="NUE674" s="613"/>
      <c r="NUF674" s="613"/>
      <c r="NUG674" s="613"/>
      <c r="NUH674" s="613"/>
      <c r="NUI674" s="613"/>
      <c r="NUJ674" s="613"/>
      <c r="NUK674" s="613"/>
      <c r="NUL674" s="613"/>
      <c r="NUM674" s="613"/>
      <c r="NUN674" s="613"/>
      <c r="NUO674" s="613"/>
      <c r="NUP674" s="613"/>
      <c r="NUQ674" s="613"/>
      <c r="NUR674" s="613"/>
      <c r="NUS674" s="613"/>
      <c r="NUT674" s="613"/>
      <c r="NUU674" s="613"/>
      <c r="NUV674" s="613"/>
      <c r="NUW674" s="613"/>
      <c r="NUX674" s="613"/>
      <c r="NUY674" s="613"/>
      <c r="NUZ674" s="613"/>
      <c r="NVA674" s="613"/>
      <c r="NVB674" s="613"/>
      <c r="NVC674" s="613"/>
      <c r="NVD674" s="613"/>
      <c r="NVE674" s="613"/>
      <c r="NVF674" s="613"/>
      <c r="NVG674" s="613"/>
      <c r="NVH674" s="613"/>
      <c r="NVI674" s="613"/>
      <c r="NVJ674" s="613"/>
      <c r="NVK674" s="613"/>
      <c r="NVL674" s="613"/>
      <c r="NVM674" s="613"/>
      <c r="NVN674" s="613"/>
      <c r="NVO674" s="613"/>
      <c r="NVP674" s="613"/>
      <c r="NVQ674" s="613"/>
      <c r="NVR674" s="613"/>
      <c r="NVS674" s="613"/>
      <c r="NVT674" s="613"/>
      <c r="NVU674" s="613"/>
      <c r="NVV674" s="613"/>
      <c r="NVW674" s="613"/>
      <c r="NVX674" s="613"/>
      <c r="NVY674" s="613"/>
      <c r="NVZ674" s="613"/>
      <c r="NWA674" s="613"/>
      <c r="NWB674" s="613"/>
      <c r="NWC674" s="613"/>
      <c r="NWD674" s="613"/>
      <c r="NWE674" s="613"/>
      <c r="NWF674" s="613"/>
      <c r="NWG674" s="613"/>
      <c r="NWH674" s="613"/>
      <c r="NWI674" s="613"/>
      <c r="NWJ674" s="613"/>
      <c r="NWK674" s="613"/>
      <c r="NWL674" s="613"/>
      <c r="NWM674" s="613"/>
      <c r="NWN674" s="613"/>
      <c r="NWO674" s="613"/>
      <c r="NWP674" s="613"/>
      <c r="NWQ674" s="613"/>
      <c r="NWR674" s="613"/>
      <c r="NWS674" s="613"/>
      <c r="NWT674" s="613"/>
      <c r="NWU674" s="613"/>
      <c r="NWV674" s="613"/>
      <c r="NWW674" s="613"/>
      <c r="NWX674" s="613"/>
      <c r="NWY674" s="613"/>
      <c r="NWZ674" s="613"/>
      <c r="NXA674" s="613"/>
      <c r="NXB674" s="613"/>
      <c r="NXC674" s="613"/>
      <c r="NXD674" s="613"/>
      <c r="NXE674" s="613"/>
      <c r="NXF674" s="613"/>
      <c r="NXG674" s="613"/>
      <c r="NXH674" s="613"/>
      <c r="NXI674" s="613"/>
      <c r="NXJ674" s="613"/>
      <c r="NXK674" s="613"/>
      <c r="NXL674" s="613"/>
      <c r="NXM674" s="613"/>
      <c r="NXN674" s="613"/>
      <c r="NXO674" s="613"/>
      <c r="NXP674" s="613"/>
      <c r="NXQ674" s="613"/>
      <c r="NXR674" s="613"/>
      <c r="NXS674" s="613"/>
      <c r="NXT674" s="613"/>
      <c r="NXU674" s="613"/>
      <c r="NXV674" s="613"/>
      <c r="NXW674" s="613"/>
      <c r="NXX674" s="613"/>
      <c r="NXY674" s="613"/>
      <c r="NXZ674" s="613"/>
      <c r="NYA674" s="613"/>
      <c r="NYB674" s="613"/>
      <c r="NYC674" s="613"/>
      <c r="NYD674" s="613"/>
      <c r="NYE674" s="613"/>
      <c r="NYF674" s="613"/>
      <c r="NYG674" s="613"/>
      <c r="NYH674" s="613"/>
      <c r="NYI674" s="613"/>
      <c r="NYJ674" s="613"/>
      <c r="NYK674" s="613"/>
      <c r="NYL674" s="613"/>
      <c r="NYM674" s="613"/>
      <c r="NYN674" s="613"/>
      <c r="NYO674" s="613"/>
      <c r="NYP674" s="613"/>
      <c r="NYQ674" s="613"/>
      <c r="NYR674" s="613"/>
      <c r="NYS674" s="613"/>
      <c r="NYT674" s="613"/>
      <c r="NYU674" s="613"/>
      <c r="NYV674" s="613"/>
      <c r="NYW674" s="613"/>
      <c r="NYX674" s="613"/>
      <c r="NYY674" s="613"/>
      <c r="NYZ674" s="613"/>
      <c r="NZA674" s="613"/>
      <c r="NZB674" s="613"/>
      <c r="NZC674" s="613"/>
      <c r="NZD674" s="613"/>
      <c r="NZE674" s="613"/>
      <c r="NZF674" s="613"/>
      <c r="NZG674" s="613"/>
      <c r="NZH674" s="613"/>
      <c r="NZI674" s="613"/>
      <c r="NZJ674" s="613"/>
      <c r="NZK674" s="613"/>
      <c r="NZL674" s="613"/>
      <c r="NZM674" s="613"/>
      <c r="NZN674" s="613"/>
      <c r="NZO674" s="613"/>
      <c r="NZP674" s="613"/>
      <c r="NZQ674" s="613"/>
      <c r="NZR674" s="613"/>
      <c r="NZS674" s="613"/>
      <c r="NZT674" s="613"/>
      <c r="NZU674" s="613"/>
      <c r="NZV674" s="613"/>
      <c r="NZW674" s="613"/>
      <c r="NZX674" s="613"/>
      <c r="NZY674" s="613"/>
      <c r="NZZ674" s="613"/>
      <c r="OAA674" s="613"/>
      <c r="OAB674" s="613"/>
      <c r="OAC674" s="613"/>
      <c r="OAD674" s="613"/>
      <c r="OAE674" s="613"/>
      <c r="OAF674" s="613"/>
      <c r="OAG674" s="613"/>
      <c r="OAH674" s="613"/>
      <c r="OAI674" s="613"/>
      <c r="OAJ674" s="613"/>
      <c r="OAK674" s="613"/>
      <c r="OAL674" s="613"/>
      <c r="OAM674" s="613"/>
      <c r="OAN674" s="613"/>
      <c r="OAO674" s="613"/>
      <c r="OAP674" s="613"/>
      <c r="OAQ674" s="613"/>
      <c r="OAR674" s="613"/>
      <c r="OAS674" s="613"/>
      <c r="OAT674" s="613"/>
      <c r="OAU674" s="613"/>
      <c r="OAV674" s="613"/>
      <c r="OAW674" s="613"/>
      <c r="OAX674" s="613"/>
      <c r="OAY674" s="613"/>
      <c r="OAZ674" s="613"/>
      <c r="OBA674" s="613"/>
      <c r="OBB674" s="613"/>
      <c r="OBC674" s="613"/>
      <c r="OBD674" s="613"/>
      <c r="OBE674" s="613"/>
      <c r="OBF674" s="613"/>
      <c r="OBG674" s="613"/>
      <c r="OBH674" s="613"/>
      <c r="OBI674" s="613"/>
      <c r="OBJ674" s="613"/>
      <c r="OBK674" s="613"/>
      <c r="OBL674" s="613"/>
      <c r="OBM674" s="613"/>
      <c r="OBN674" s="613"/>
      <c r="OBO674" s="613"/>
      <c r="OBP674" s="613"/>
      <c r="OBQ674" s="613"/>
      <c r="OBR674" s="613"/>
      <c r="OBS674" s="613"/>
      <c r="OBT674" s="613"/>
      <c r="OBU674" s="613"/>
      <c r="OBV674" s="613"/>
      <c r="OBW674" s="613"/>
      <c r="OBX674" s="613"/>
      <c r="OBY674" s="613"/>
      <c r="OBZ674" s="613"/>
      <c r="OCA674" s="613"/>
      <c r="OCB674" s="613"/>
      <c r="OCC674" s="613"/>
      <c r="OCD674" s="613"/>
      <c r="OCE674" s="613"/>
      <c r="OCF674" s="613"/>
      <c r="OCG674" s="613"/>
      <c r="OCH674" s="613"/>
      <c r="OCI674" s="613"/>
      <c r="OCJ674" s="613"/>
      <c r="OCK674" s="613"/>
      <c r="OCL674" s="613"/>
      <c r="OCM674" s="613"/>
      <c r="OCN674" s="613"/>
      <c r="OCO674" s="613"/>
      <c r="OCP674" s="613"/>
      <c r="OCQ674" s="613"/>
      <c r="OCR674" s="613"/>
      <c r="OCS674" s="613"/>
      <c r="OCT674" s="613"/>
      <c r="OCU674" s="613"/>
      <c r="OCV674" s="613"/>
      <c r="OCW674" s="613"/>
      <c r="OCX674" s="613"/>
      <c r="OCY674" s="613"/>
      <c r="OCZ674" s="613"/>
      <c r="ODA674" s="613"/>
      <c r="ODB674" s="613"/>
      <c r="ODC674" s="613"/>
      <c r="ODD674" s="613"/>
      <c r="ODE674" s="613"/>
      <c r="ODF674" s="613"/>
      <c r="ODG674" s="613"/>
      <c r="ODH674" s="613"/>
      <c r="ODI674" s="613"/>
      <c r="ODJ674" s="613"/>
      <c r="ODK674" s="613"/>
      <c r="ODL674" s="613"/>
      <c r="ODM674" s="613"/>
      <c r="ODN674" s="613"/>
      <c r="ODO674" s="613"/>
      <c r="ODP674" s="613"/>
      <c r="ODQ674" s="613"/>
      <c r="ODR674" s="613"/>
      <c r="ODS674" s="613"/>
      <c r="ODT674" s="613"/>
      <c r="ODU674" s="613"/>
      <c r="ODV674" s="613"/>
      <c r="ODW674" s="613"/>
      <c r="ODX674" s="613"/>
      <c r="ODY674" s="613"/>
      <c r="ODZ674" s="613"/>
      <c r="OEA674" s="613"/>
      <c r="OEB674" s="613"/>
      <c r="OEC674" s="613"/>
      <c r="OED674" s="613"/>
      <c r="OEE674" s="613"/>
      <c r="OEF674" s="613"/>
      <c r="OEG674" s="613"/>
      <c r="OEH674" s="613"/>
      <c r="OEI674" s="613"/>
      <c r="OEJ674" s="613"/>
      <c r="OEK674" s="613"/>
      <c r="OEL674" s="613"/>
      <c r="OEM674" s="613"/>
      <c r="OEN674" s="613"/>
      <c r="OEO674" s="613"/>
      <c r="OEP674" s="613"/>
      <c r="OEQ674" s="613"/>
      <c r="OER674" s="613"/>
      <c r="OES674" s="613"/>
      <c r="OET674" s="613"/>
      <c r="OEU674" s="613"/>
      <c r="OEV674" s="613"/>
      <c r="OEW674" s="613"/>
      <c r="OEX674" s="613"/>
      <c r="OEY674" s="613"/>
      <c r="OEZ674" s="613"/>
      <c r="OFA674" s="613"/>
      <c r="OFB674" s="613"/>
      <c r="OFC674" s="613"/>
      <c r="OFD674" s="613"/>
      <c r="OFE674" s="613"/>
      <c r="OFF674" s="613"/>
      <c r="OFG674" s="613"/>
      <c r="OFH674" s="613"/>
      <c r="OFI674" s="613"/>
      <c r="OFJ674" s="613"/>
      <c r="OFK674" s="613"/>
      <c r="OFL674" s="613"/>
      <c r="OFM674" s="613"/>
      <c r="OFN674" s="613"/>
      <c r="OFO674" s="613"/>
      <c r="OFP674" s="613"/>
      <c r="OFQ674" s="613"/>
      <c r="OFR674" s="613"/>
      <c r="OFS674" s="613"/>
      <c r="OFT674" s="613"/>
      <c r="OFU674" s="613"/>
      <c r="OFV674" s="613"/>
      <c r="OFW674" s="613"/>
      <c r="OFX674" s="613"/>
      <c r="OFY674" s="613"/>
      <c r="OFZ674" s="613"/>
      <c r="OGA674" s="613"/>
      <c r="OGB674" s="613"/>
      <c r="OGC674" s="613"/>
      <c r="OGD674" s="613"/>
      <c r="OGE674" s="613"/>
      <c r="OGF674" s="613"/>
      <c r="OGG674" s="613"/>
      <c r="OGH674" s="613"/>
      <c r="OGI674" s="613"/>
      <c r="OGJ674" s="613"/>
      <c r="OGK674" s="613"/>
      <c r="OGL674" s="613"/>
      <c r="OGM674" s="613"/>
      <c r="OGN674" s="613"/>
      <c r="OGO674" s="613"/>
      <c r="OGP674" s="613"/>
      <c r="OGQ674" s="613"/>
      <c r="OGR674" s="613"/>
      <c r="OGS674" s="613"/>
      <c r="OGT674" s="613"/>
      <c r="OGU674" s="613"/>
      <c r="OGV674" s="613"/>
      <c r="OGW674" s="613"/>
      <c r="OGX674" s="613"/>
      <c r="OGY674" s="613"/>
      <c r="OGZ674" s="613"/>
      <c r="OHA674" s="613"/>
      <c r="OHB674" s="613"/>
      <c r="OHC674" s="613"/>
      <c r="OHD674" s="613"/>
      <c r="OHE674" s="613"/>
      <c r="OHF674" s="613"/>
      <c r="OHG674" s="613"/>
      <c r="OHH674" s="613"/>
      <c r="OHI674" s="613"/>
      <c r="OHJ674" s="613"/>
      <c r="OHK674" s="613"/>
      <c r="OHL674" s="613"/>
      <c r="OHM674" s="613"/>
      <c r="OHN674" s="613"/>
      <c r="OHO674" s="613"/>
      <c r="OHP674" s="613"/>
      <c r="OHQ674" s="613"/>
      <c r="OHR674" s="613"/>
      <c r="OHS674" s="613"/>
      <c r="OHT674" s="613"/>
      <c r="OHU674" s="613"/>
      <c r="OHV674" s="613"/>
      <c r="OHW674" s="613"/>
      <c r="OHX674" s="613"/>
      <c r="OHY674" s="613"/>
      <c r="OHZ674" s="613"/>
      <c r="OIA674" s="613"/>
      <c r="OIB674" s="613"/>
      <c r="OIC674" s="613"/>
      <c r="OID674" s="613"/>
      <c r="OIE674" s="613"/>
      <c r="OIF674" s="613"/>
      <c r="OIG674" s="613"/>
      <c r="OIH674" s="613"/>
      <c r="OII674" s="613"/>
      <c r="OIJ674" s="613"/>
      <c r="OIK674" s="613"/>
      <c r="OIL674" s="613"/>
      <c r="OIM674" s="613"/>
      <c r="OIN674" s="613"/>
      <c r="OIO674" s="613"/>
      <c r="OIP674" s="613"/>
      <c r="OIQ674" s="613"/>
      <c r="OIR674" s="613"/>
      <c r="OIS674" s="613"/>
      <c r="OIT674" s="613"/>
      <c r="OIU674" s="613"/>
      <c r="OIV674" s="613"/>
      <c r="OIW674" s="613"/>
      <c r="OIX674" s="613"/>
      <c r="OIY674" s="613"/>
      <c r="OIZ674" s="613"/>
      <c r="OJA674" s="613"/>
      <c r="OJB674" s="613"/>
      <c r="OJC674" s="613"/>
      <c r="OJD674" s="613"/>
      <c r="OJE674" s="613"/>
      <c r="OJF674" s="613"/>
      <c r="OJG674" s="613"/>
      <c r="OJH674" s="613"/>
      <c r="OJI674" s="613"/>
      <c r="OJJ674" s="613"/>
      <c r="OJK674" s="613"/>
      <c r="OJL674" s="613"/>
      <c r="OJM674" s="613"/>
      <c r="OJN674" s="613"/>
      <c r="OJO674" s="613"/>
      <c r="OJP674" s="613"/>
      <c r="OJQ674" s="613"/>
      <c r="OJR674" s="613"/>
      <c r="OJS674" s="613"/>
      <c r="OJT674" s="613"/>
      <c r="OJU674" s="613"/>
      <c r="OJV674" s="613"/>
      <c r="OJW674" s="613"/>
      <c r="OJX674" s="613"/>
      <c r="OJY674" s="613"/>
      <c r="OJZ674" s="613"/>
      <c r="OKA674" s="613"/>
      <c r="OKB674" s="613"/>
      <c r="OKC674" s="613"/>
      <c r="OKD674" s="613"/>
      <c r="OKE674" s="613"/>
      <c r="OKF674" s="613"/>
      <c r="OKG674" s="613"/>
      <c r="OKH674" s="613"/>
      <c r="OKI674" s="613"/>
      <c r="OKJ674" s="613"/>
      <c r="OKK674" s="613"/>
      <c r="OKL674" s="613"/>
      <c r="OKM674" s="613"/>
      <c r="OKN674" s="613"/>
      <c r="OKO674" s="613"/>
      <c r="OKP674" s="613"/>
      <c r="OKQ674" s="613"/>
      <c r="OKR674" s="613"/>
      <c r="OKS674" s="613"/>
      <c r="OKT674" s="613"/>
      <c r="OKU674" s="613"/>
      <c r="OKV674" s="613"/>
      <c r="OKW674" s="613"/>
      <c r="OKX674" s="613"/>
      <c r="OKY674" s="613"/>
      <c r="OKZ674" s="613"/>
      <c r="OLA674" s="613"/>
      <c r="OLB674" s="613"/>
      <c r="OLC674" s="613"/>
      <c r="OLD674" s="613"/>
      <c r="OLE674" s="613"/>
      <c r="OLF674" s="613"/>
      <c r="OLG674" s="613"/>
      <c r="OLH674" s="613"/>
      <c r="OLI674" s="613"/>
      <c r="OLJ674" s="613"/>
      <c r="OLK674" s="613"/>
      <c r="OLL674" s="613"/>
      <c r="OLM674" s="613"/>
      <c r="OLN674" s="613"/>
      <c r="OLO674" s="613"/>
      <c r="OLP674" s="613"/>
      <c r="OLQ674" s="613"/>
      <c r="OLR674" s="613"/>
      <c r="OLS674" s="613"/>
      <c r="OLT674" s="613"/>
      <c r="OLU674" s="613"/>
      <c r="OLV674" s="613"/>
      <c r="OLW674" s="613"/>
      <c r="OLX674" s="613"/>
      <c r="OLY674" s="613"/>
      <c r="OLZ674" s="613"/>
      <c r="OMA674" s="613"/>
      <c r="OMB674" s="613"/>
      <c r="OMC674" s="613"/>
      <c r="OMD674" s="613"/>
      <c r="OME674" s="613"/>
      <c r="OMF674" s="613"/>
      <c r="OMG674" s="613"/>
      <c r="OMH674" s="613"/>
      <c r="OMI674" s="613"/>
      <c r="OMJ674" s="613"/>
      <c r="OMK674" s="613"/>
      <c r="OML674" s="613"/>
      <c r="OMM674" s="613"/>
      <c r="OMN674" s="613"/>
      <c r="OMO674" s="613"/>
      <c r="OMP674" s="613"/>
      <c r="OMQ674" s="613"/>
      <c r="OMR674" s="613"/>
      <c r="OMS674" s="613"/>
      <c r="OMT674" s="613"/>
      <c r="OMU674" s="613"/>
      <c r="OMV674" s="613"/>
      <c r="OMW674" s="613"/>
      <c r="OMX674" s="613"/>
      <c r="OMY674" s="613"/>
      <c r="OMZ674" s="613"/>
      <c r="ONA674" s="613"/>
      <c r="ONB674" s="613"/>
      <c r="ONC674" s="613"/>
      <c r="OND674" s="613"/>
      <c r="ONE674" s="613"/>
      <c r="ONF674" s="613"/>
      <c r="ONG674" s="613"/>
      <c r="ONH674" s="613"/>
      <c r="ONI674" s="613"/>
      <c r="ONJ674" s="613"/>
      <c r="ONK674" s="613"/>
      <c r="ONL674" s="613"/>
      <c r="ONM674" s="613"/>
      <c r="ONN674" s="613"/>
      <c r="ONO674" s="613"/>
      <c r="ONP674" s="613"/>
      <c r="ONQ674" s="613"/>
      <c r="ONR674" s="613"/>
      <c r="ONS674" s="613"/>
      <c r="ONT674" s="613"/>
      <c r="ONU674" s="613"/>
      <c r="ONV674" s="613"/>
      <c r="ONW674" s="613"/>
      <c r="ONX674" s="613"/>
      <c r="ONY674" s="613"/>
      <c r="ONZ674" s="613"/>
      <c r="OOA674" s="613"/>
      <c r="OOB674" s="613"/>
      <c r="OOC674" s="613"/>
      <c r="OOD674" s="613"/>
      <c r="OOE674" s="613"/>
      <c r="OOF674" s="613"/>
      <c r="OOG674" s="613"/>
      <c r="OOH674" s="613"/>
      <c r="OOI674" s="613"/>
      <c r="OOJ674" s="613"/>
      <c r="OOK674" s="613"/>
      <c r="OOL674" s="613"/>
      <c r="OOM674" s="613"/>
      <c r="OON674" s="613"/>
      <c r="OOO674" s="613"/>
      <c r="OOP674" s="613"/>
      <c r="OOQ674" s="613"/>
      <c r="OOR674" s="613"/>
      <c r="OOS674" s="613"/>
      <c r="OOT674" s="613"/>
      <c r="OOU674" s="613"/>
      <c r="OOV674" s="613"/>
      <c r="OOW674" s="613"/>
      <c r="OOX674" s="613"/>
      <c r="OOY674" s="613"/>
      <c r="OOZ674" s="613"/>
      <c r="OPA674" s="613"/>
      <c r="OPB674" s="613"/>
      <c r="OPC674" s="613"/>
      <c r="OPD674" s="613"/>
      <c r="OPE674" s="613"/>
      <c r="OPF674" s="613"/>
      <c r="OPG674" s="613"/>
      <c r="OPH674" s="613"/>
      <c r="OPI674" s="613"/>
      <c r="OPJ674" s="613"/>
      <c r="OPK674" s="613"/>
      <c r="OPL674" s="613"/>
      <c r="OPM674" s="613"/>
      <c r="OPN674" s="613"/>
      <c r="OPO674" s="613"/>
      <c r="OPP674" s="613"/>
      <c r="OPQ674" s="613"/>
      <c r="OPR674" s="613"/>
      <c r="OPS674" s="613"/>
      <c r="OPT674" s="613"/>
      <c r="OPU674" s="613"/>
      <c r="OPV674" s="613"/>
      <c r="OPW674" s="613"/>
      <c r="OPX674" s="613"/>
      <c r="OPY674" s="613"/>
      <c r="OPZ674" s="613"/>
      <c r="OQA674" s="613"/>
      <c r="OQB674" s="613"/>
      <c r="OQC674" s="613"/>
      <c r="OQD674" s="613"/>
      <c r="OQE674" s="613"/>
      <c r="OQF674" s="613"/>
      <c r="OQG674" s="613"/>
      <c r="OQH674" s="613"/>
      <c r="OQI674" s="613"/>
      <c r="OQJ674" s="613"/>
      <c r="OQK674" s="613"/>
      <c r="OQL674" s="613"/>
      <c r="OQM674" s="613"/>
      <c r="OQN674" s="613"/>
      <c r="OQO674" s="613"/>
      <c r="OQP674" s="613"/>
      <c r="OQQ674" s="613"/>
      <c r="OQR674" s="613"/>
      <c r="OQS674" s="613"/>
      <c r="OQT674" s="613"/>
      <c r="OQU674" s="613"/>
      <c r="OQV674" s="613"/>
      <c r="OQW674" s="613"/>
      <c r="OQX674" s="613"/>
      <c r="OQY674" s="613"/>
      <c r="OQZ674" s="613"/>
      <c r="ORA674" s="613"/>
      <c r="ORB674" s="613"/>
      <c r="ORC674" s="613"/>
      <c r="ORD674" s="613"/>
      <c r="ORE674" s="613"/>
      <c r="ORF674" s="613"/>
      <c r="ORG674" s="613"/>
      <c r="ORH674" s="613"/>
      <c r="ORI674" s="613"/>
      <c r="ORJ674" s="613"/>
      <c r="ORK674" s="613"/>
      <c r="ORL674" s="613"/>
      <c r="ORM674" s="613"/>
      <c r="ORN674" s="613"/>
      <c r="ORO674" s="613"/>
      <c r="ORP674" s="613"/>
      <c r="ORQ674" s="613"/>
      <c r="ORR674" s="613"/>
      <c r="ORS674" s="613"/>
      <c r="ORT674" s="613"/>
      <c r="ORU674" s="613"/>
      <c r="ORV674" s="613"/>
      <c r="ORW674" s="613"/>
      <c r="ORX674" s="613"/>
      <c r="ORY674" s="613"/>
      <c r="ORZ674" s="613"/>
      <c r="OSA674" s="613"/>
      <c r="OSB674" s="613"/>
      <c r="OSC674" s="613"/>
      <c r="OSD674" s="613"/>
      <c r="OSE674" s="613"/>
      <c r="OSF674" s="613"/>
      <c r="OSG674" s="613"/>
      <c r="OSH674" s="613"/>
      <c r="OSI674" s="613"/>
      <c r="OSJ674" s="613"/>
      <c r="OSK674" s="613"/>
      <c r="OSL674" s="613"/>
      <c r="OSM674" s="613"/>
      <c r="OSN674" s="613"/>
      <c r="OSO674" s="613"/>
      <c r="OSP674" s="613"/>
      <c r="OSQ674" s="613"/>
      <c r="OSR674" s="613"/>
      <c r="OSS674" s="613"/>
      <c r="OST674" s="613"/>
      <c r="OSU674" s="613"/>
      <c r="OSV674" s="613"/>
      <c r="OSW674" s="613"/>
      <c r="OSX674" s="613"/>
      <c r="OSY674" s="613"/>
      <c r="OSZ674" s="613"/>
      <c r="OTA674" s="613"/>
      <c r="OTB674" s="613"/>
      <c r="OTC674" s="613"/>
      <c r="OTD674" s="613"/>
      <c r="OTE674" s="613"/>
      <c r="OTF674" s="613"/>
      <c r="OTG674" s="613"/>
      <c r="OTH674" s="613"/>
      <c r="OTI674" s="613"/>
      <c r="OTJ674" s="613"/>
      <c r="OTK674" s="613"/>
      <c r="OTL674" s="613"/>
      <c r="OTM674" s="613"/>
      <c r="OTN674" s="613"/>
      <c r="OTO674" s="613"/>
      <c r="OTP674" s="613"/>
      <c r="OTQ674" s="613"/>
      <c r="OTR674" s="613"/>
      <c r="OTS674" s="613"/>
      <c r="OTT674" s="613"/>
      <c r="OTU674" s="613"/>
      <c r="OTV674" s="613"/>
      <c r="OTW674" s="613"/>
      <c r="OTX674" s="613"/>
      <c r="OTY674" s="613"/>
      <c r="OTZ674" s="613"/>
      <c r="OUA674" s="613"/>
      <c r="OUB674" s="613"/>
      <c r="OUC674" s="613"/>
      <c r="OUD674" s="613"/>
      <c r="OUE674" s="613"/>
      <c r="OUF674" s="613"/>
      <c r="OUG674" s="613"/>
      <c r="OUH674" s="613"/>
      <c r="OUI674" s="613"/>
      <c r="OUJ674" s="613"/>
      <c r="OUK674" s="613"/>
      <c r="OUL674" s="613"/>
      <c r="OUM674" s="613"/>
      <c r="OUN674" s="613"/>
      <c r="OUO674" s="613"/>
      <c r="OUP674" s="613"/>
      <c r="OUQ674" s="613"/>
      <c r="OUR674" s="613"/>
      <c r="OUS674" s="613"/>
      <c r="OUT674" s="613"/>
      <c r="OUU674" s="613"/>
      <c r="OUV674" s="613"/>
      <c r="OUW674" s="613"/>
      <c r="OUX674" s="613"/>
      <c r="OUY674" s="613"/>
      <c r="OUZ674" s="613"/>
      <c r="OVA674" s="613"/>
      <c r="OVB674" s="613"/>
      <c r="OVC674" s="613"/>
      <c r="OVD674" s="613"/>
      <c r="OVE674" s="613"/>
      <c r="OVF674" s="613"/>
      <c r="OVG674" s="613"/>
      <c r="OVH674" s="613"/>
      <c r="OVI674" s="613"/>
      <c r="OVJ674" s="613"/>
      <c r="OVK674" s="613"/>
      <c r="OVL674" s="613"/>
      <c r="OVM674" s="613"/>
      <c r="OVN674" s="613"/>
      <c r="OVO674" s="613"/>
      <c r="OVP674" s="613"/>
      <c r="OVQ674" s="613"/>
      <c r="OVR674" s="613"/>
      <c r="OVS674" s="613"/>
      <c r="OVT674" s="613"/>
      <c r="OVU674" s="613"/>
      <c r="OVV674" s="613"/>
      <c r="OVW674" s="613"/>
      <c r="OVX674" s="613"/>
      <c r="OVY674" s="613"/>
      <c r="OVZ674" s="613"/>
      <c r="OWA674" s="613"/>
      <c r="OWB674" s="613"/>
      <c r="OWC674" s="613"/>
      <c r="OWD674" s="613"/>
      <c r="OWE674" s="613"/>
      <c r="OWF674" s="613"/>
      <c r="OWG674" s="613"/>
      <c r="OWH674" s="613"/>
      <c r="OWI674" s="613"/>
      <c r="OWJ674" s="613"/>
      <c r="OWK674" s="613"/>
      <c r="OWL674" s="613"/>
      <c r="OWM674" s="613"/>
      <c r="OWN674" s="613"/>
      <c r="OWO674" s="613"/>
      <c r="OWP674" s="613"/>
      <c r="OWQ674" s="613"/>
      <c r="OWR674" s="613"/>
      <c r="OWS674" s="613"/>
      <c r="OWT674" s="613"/>
      <c r="OWU674" s="613"/>
      <c r="OWV674" s="613"/>
      <c r="OWW674" s="613"/>
      <c r="OWX674" s="613"/>
      <c r="OWY674" s="613"/>
      <c r="OWZ674" s="613"/>
      <c r="OXA674" s="613"/>
      <c r="OXB674" s="613"/>
      <c r="OXC674" s="613"/>
      <c r="OXD674" s="613"/>
      <c r="OXE674" s="613"/>
      <c r="OXF674" s="613"/>
      <c r="OXG674" s="613"/>
      <c r="OXH674" s="613"/>
      <c r="OXI674" s="613"/>
      <c r="OXJ674" s="613"/>
      <c r="OXK674" s="613"/>
      <c r="OXL674" s="613"/>
      <c r="OXM674" s="613"/>
      <c r="OXN674" s="613"/>
      <c r="OXO674" s="613"/>
      <c r="OXP674" s="613"/>
      <c r="OXQ674" s="613"/>
      <c r="OXR674" s="613"/>
      <c r="OXS674" s="613"/>
      <c r="OXT674" s="613"/>
      <c r="OXU674" s="613"/>
      <c r="OXV674" s="613"/>
      <c r="OXW674" s="613"/>
      <c r="OXX674" s="613"/>
      <c r="OXY674" s="613"/>
      <c r="OXZ674" s="613"/>
      <c r="OYA674" s="613"/>
      <c r="OYB674" s="613"/>
      <c r="OYC674" s="613"/>
      <c r="OYD674" s="613"/>
      <c r="OYE674" s="613"/>
      <c r="OYF674" s="613"/>
      <c r="OYG674" s="613"/>
      <c r="OYH674" s="613"/>
      <c r="OYI674" s="613"/>
      <c r="OYJ674" s="613"/>
      <c r="OYK674" s="613"/>
      <c r="OYL674" s="613"/>
      <c r="OYM674" s="613"/>
      <c r="OYN674" s="613"/>
      <c r="OYO674" s="613"/>
      <c r="OYP674" s="613"/>
      <c r="OYQ674" s="613"/>
      <c r="OYR674" s="613"/>
      <c r="OYS674" s="613"/>
      <c r="OYT674" s="613"/>
      <c r="OYU674" s="613"/>
      <c r="OYV674" s="613"/>
      <c r="OYW674" s="613"/>
      <c r="OYX674" s="613"/>
      <c r="OYY674" s="613"/>
      <c r="OYZ674" s="613"/>
      <c r="OZA674" s="613"/>
      <c r="OZB674" s="613"/>
      <c r="OZC674" s="613"/>
      <c r="OZD674" s="613"/>
      <c r="OZE674" s="613"/>
      <c r="OZF674" s="613"/>
      <c r="OZG674" s="613"/>
      <c r="OZH674" s="613"/>
      <c r="OZI674" s="613"/>
      <c r="OZJ674" s="613"/>
      <c r="OZK674" s="613"/>
      <c r="OZL674" s="613"/>
      <c r="OZM674" s="613"/>
      <c r="OZN674" s="613"/>
      <c r="OZO674" s="613"/>
      <c r="OZP674" s="613"/>
      <c r="OZQ674" s="613"/>
      <c r="OZR674" s="613"/>
      <c r="OZS674" s="613"/>
      <c r="OZT674" s="613"/>
      <c r="OZU674" s="613"/>
      <c r="OZV674" s="613"/>
      <c r="OZW674" s="613"/>
      <c r="OZX674" s="613"/>
      <c r="OZY674" s="613"/>
      <c r="OZZ674" s="613"/>
      <c r="PAA674" s="613"/>
      <c r="PAB674" s="613"/>
      <c r="PAC674" s="613"/>
      <c r="PAD674" s="613"/>
      <c r="PAE674" s="613"/>
      <c r="PAF674" s="613"/>
      <c r="PAG674" s="613"/>
      <c r="PAH674" s="613"/>
      <c r="PAI674" s="613"/>
      <c r="PAJ674" s="613"/>
      <c r="PAK674" s="613"/>
      <c r="PAL674" s="613"/>
      <c r="PAM674" s="613"/>
      <c r="PAN674" s="613"/>
      <c r="PAO674" s="613"/>
      <c r="PAP674" s="613"/>
      <c r="PAQ674" s="613"/>
      <c r="PAR674" s="613"/>
      <c r="PAS674" s="613"/>
      <c r="PAT674" s="613"/>
      <c r="PAU674" s="613"/>
      <c r="PAV674" s="613"/>
      <c r="PAW674" s="613"/>
      <c r="PAX674" s="613"/>
      <c r="PAY674" s="613"/>
      <c r="PAZ674" s="613"/>
      <c r="PBA674" s="613"/>
      <c r="PBB674" s="613"/>
      <c r="PBC674" s="613"/>
      <c r="PBD674" s="613"/>
      <c r="PBE674" s="613"/>
      <c r="PBF674" s="613"/>
      <c r="PBG674" s="613"/>
      <c r="PBH674" s="613"/>
      <c r="PBI674" s="613"/>
      <c r="PBJ674" s="613"/>
      <c r="PBK674" s="613"/>
      <c r="PBL674" s="613"/>
      <c r="PBM674" s="613"/>
      <c r="PBN674" s="613"/>
      <c r="PBO674" s="613"/>
      <c r="PBP674" s="613"/>
      <c r="PBQ674" s="613"/>
      <c r="PBR674" s="613"/>
      <c r="PBS674" s="613"/>
      <c r="PBT674" s="613"/>
      <c r="PBU674" s="613"/>
      <c r="PBV674" s="613"/>
      <c r="PBW674" s="613"/>
      <c r="PBX674" s="613"/>
      <c r="PBY674" s="613"/>
      <c r="PBZ674" s="613"/>
      <c r="PCA674" s="613"/>
      <c r="PCB674" s="613"/>
      <c r="PCC674" s="613"/>
      <c r="PCD674" s="613"/>
      <c r="PCE674" s="613"/>
      <c r="PCF674" s="613"/>
      <c r="PCG674" s="613"/>
      <c r="PCH674" s="613"/>
      <c r="PCI674" s="613"/>
      <c r="PCJ674" s="613"/>
      <c r="PCK674" s="613"/>
      <c r="PCL674" s="613"/>
      <c r="PCM674" s="613"/>
      <c r="PCN674" s="613"/>
      <c r="PCO674" s="613"/>
      <c r="PCP674" s="613"/>
      <c r="PCQ674" s="613"/>
      <c r="PCR674" s="613"/>
      <c r="PCS674" s="613"/>
      <c r="PCT674" s="613"/>
      <c r="PCU674" s="613"/>
      <c r="PCV674" s="613"/>
      <c r="PCW674" s="613"/>
      <c r="PCX674" s="613"/>
      <c r="PCY674" s="613"/>
      <c r="PCZ674" s="613"/>
      <c r="PDA674" s="613"/>
      <c r="PDB674" s="613"/>
      <c r="PDC674" s="613"/>
      <c r="PDD674" s="613"/>
      <c r="PDE674" s="613"/>
      <c r="PDF674" s="613"/>
      <c r="PDG674" s="613"/>
      <c r="PDH674" s="613"/>
      <c r="PDI674" s="613"/>
      <c r="PDJ674" s="613"/>
      <c r="PDK674" s="613"/>
      <c r="PDL674" s="613"/>
      <c r="PDM674" s="613"/>
      <c r="PDN674" s="613"/>
      <c r="PDO674" s="613"/>
      <c r="PDP674" s="613"/>
      <c r="PDQ674" s="613"/>
      <c r="PDR674" s="613"/>
      <c r="PDS674" s="613"/>
      <c r="PDT674" s="613"/>
      <c r="PDU674" s="613"/>
      <c r="PDV674" s="613"/>
      <c r="PDW674" s="613"/>
      <c r="PDX674" s="613"/>
      <c r="PDY674" s="613"/>
      <c r="PDZ674" s="613"/>
      <c r="PEA674" s="613"/>
      <c r="PEB674" s="613"/>
      <c r="PEC674" s="613"/>
      <c r="PED674" s="613"/>
      <c r="PEE674" s="613"/>
      <c r="PEF674" s="613"/>
      <c r="PEG674" s="613"/>
      <c r="PEH674" s="613"/>
      <c r="PEI674" s="613"/>
      <c r="PEJ674" s="613"/>
      <c r="PEK674" s="613"/>
      <c r="PEL674" s="613"/>
      <c r="PEM674" s="613"/>
      <c r="PEN674" s="613"/>
      <c r="PEO674" s="613"/>
      <c r="PEP674" s="613"/>
      <c r="PEQ674" s="613"/>
      <c r="PER674" s="613"/>
      <c r="PES674" s="613"/>
      <c r="PET674" s="613"/>
      <c r="PEU674" s="613"/>
      <c r="PEV674" s="613"/>
      <c r="PEW674" s="613"/>
      <c r="PEX674" s="613"/>
      <c r="PEY674" s="613"/>
      <c r="PEZ674" s="613"/>
      <c r="PFA674" s="613"/>
      <c r="PFB674" s="613"/>
      <c r="PFC674" s="613"/>
      <c r="PFD674" s="613"/>
      <c r="PFE674" s="613"/>
      <c r="PFF674" s="613"/>
      <c r="PFG674" s="613"/>
      <c r="PFH674" s="613"/>
      <c r="PFI674" s="613"/>
      <c r="PFJ674" s="613"/>
      <c r="PFK674" s="613"/>
      <c r="PFL674" s="613"/>
      <c r="PFM674" s="613"/>
      <c r="PFN674" s="613"/>
      <c r="PFO674" s="613"/>
      <c r="PFP674" s="613"/>
      <c r="PFQ674" s="613"/>
      <c r="PFR674" s="613"/>
      <c r="PFS674" s="613"/>
      <c r="PFT674" s="613"/>
      <c r="PFU674" s="613"/>
      <c r="PFV674" s="613"/>
      <c r="PFW674" s="613"/>
      <c r="PFX674" s="613"/>
      <c r="PFY674" s="613"/>
      <c r="PFZ674" s="613"/>
      <c r="PGA674" s="613"/>
      <c r="PGB674" s="613"/>
      <c r="PGC674" s="613"/>
      <c r="PGD674" s="613"/>
      <c r="PGE674" s="613"/>
      <c r="PGF674" s="613"/>
      <c r="PGG674" s="613"/>
      <c r="PGH674" s="613"/>
      <c r="PGI674" s="613"/>
      <c r="PGJ674" s="613"/>
      <c r="PGK674" s="613"/>
      <c r="PGL674" s="613"/>
      <c r="PGM674" s="613"/>
      <c r="PGN674" s="613"/>
      <c r="PGO674" s="613"/>
      <c r="PGP674" s="613"/>
      <c r="PGQ674" s="613"/>
      <c r="PGR674" s="613"/>
      <c r="PGS674" s="613"/>
      <c r="PGT674" s="613"/>
      <c r="PGU674" s="613"/>
      <c r="PGV674" s="613"/>
      <c r="PGW674" s="613"/>
      <c r="PGX674" s="613"/>
      <c r="PGY674" s="613"/>
      <c r="PGZ674" s="613"/>
      <c r="PHA674" s="613"/>
      <c r="PHB674" s="613"/>
      <c r="PHC674" s="613"/>
      <c r="PHD674" s="613"/>
      <c r="PHE674" s="613"/>
      <c r="PHF674" s="613"/>
      <c r="PHG674" s="613"/>
      <c r="PHH674" s="613"/>
      <c r="PHI674" s="613"/>
      <c r="PHJ674" s="613"/>
      <c r="PHK674" s="613"/>
      <c r="PHL674" s="613"/>
      <c r="PHM674" s="613"/>
      <c r="PHN674" s="613"/>
      <c r="PHO674" s="613"/>
      <c r="PHP674" s="613"/>
      <c r="PHQ674" s="613"/>
      <c r="PHR674" s="613"/>
      <c r="PHS674" s="613"/>
      <c r="PHT674" s="613"/>
      <c r="PHU674" s="613"/>
      <c r="PHV674" s="613"/>
      <c r="PHW674" s="613"/>
      <c r="PHX674" s="613"/>
      <c r="PHY674" s="613"/>
      <c r="PHZ674" s="613"/>
      <c r="PIA674" s="613"/>
      <c r="PIB674" s="613"/>
      <c r="PIC674" s="613"/>
      <c r="PID674" s="613"/>
      <c r="PIE674" s="613"/>
      <c r="PIF674" s="613"/>
      <c r="PIG674" s="613"/>
      <c r="PIH674" s="613"/>
      <c r="PII674" s="613"/>
      <c r="PIJ674" s="613"/>
      <c r="PIK674" s="613"/>
      <c r="PIL674" s="613"/>
      <c r="PIM674" s="613"/>
      <c r="PIN674" s="613"/>
      <c r="PIO674" s="613"/>
      <c r="PIP674" s="613"/>
      <c r="PIQ674" s="613"/>
      <c r="PIR674" s="613"/>
      <c r="PIS674" s="613"/>
      <c r="PIT674" s="613"/>
      <c r="PIU674" s="613"/>
      <c r="PIV674" s="613"/>
      <c r="PIW674" s="613"/>
      <c r="PIX674" s="613"/>
      <c r="PIY674" s="613"/>
      <c r="PIZ674" s="613"/>
      <c r="PJA674" s="613"/>
      <c r="PJB674" s="613"/>
      <c r="PJC674" s="613"/>
      <c r="PJD674" s="613"/>
      <c r="PJE674" s="613"/>
      <c r="PJF674" s="613"/>
      <c r="PJG674" s="613"/>
      <c r="PJH674" s="613"/>
      <c r="PJI674" s="613"/>
      <c r="PJJ674" s="613"/>
      <c r="PJK674" s="613"/>
      <c r="PJL674" s="613"/>
      <c r="PJM674" s="613"/>
      <c r="PJN674" s="613"/>
      <c r="PJO674" s="613"/>
      <c r="PJP674" s="613"/>
      <c r="PJQ674" s="613"/>
      <c r="PJR674" s="613"/>
      <c r="PJS674" s="613"/>
      <c r="PJT674" s="613"/>
      <c r="PJU674" s="613"/>
      <c r="PJV674" s="613"/>
      <c r="PJW674" s="613"/>
      <c r="PJX674" s="613"/>
      <c r="PJY674" s="613"/>
      <c r="PJZ674" s="613"/>
      <c r="PKA674" s="613"/>
      <c r="PKB674" s="613"/>
      <c r="PKC674" s="613"/>
      <c r="PKD674" s="613"/>
      <c r="PKE674" s="613"/>
      <c r="PKF674" s="613"/>
      <c r="PKG674" s="613"/>
      <c r="PKH674" s="613"/>
      <c r="PKI674" s="613"/>
      <c r="PKJ674" s="613"/>
      <c r="PKK674" s="613"/>
      <c r="PKL674" s="613"/>
      <c r="PKM674" s="613"/>
      <c r="PKN674" s="613"/>
      <c r="PKO674" s="613"/>
      <c r="PKP674" s="613"/>
      <c r="PKQ674" s="613"/>
      <c r="PKR674" s="613"/>
      <c r="PKS674" s="613"/>
      <c r="PKT674" s="613"/>
      <c r="PKU674" s="613"/>
      <c r="PKV674" s="613"/>
      <c r="PKW674" s="613"/>
      <c r="PKX674" s="613"/>
      <c r="PKY674" s="613"/>
      <c r="PKZ674" s="613"/>
      <c r="PLA674" s="613"/>
      <c r="PLB674" s="613"/>
      <c r="PLC674" s="613"/>
      <c r="PLD674" s="613"/>
      <c r="PLE674" s="613"/>
      <c r="PLF674" s="613"/>
      <c r="PLG674" s="613"/>
      <c r="PLH674" s="613"/>
      <c r="PLI674" s="613"/>
      <c r="PLJ674" s="613"/>
      <c r="PLK674" s="613"/>
      <c r="PLL674" s="613"/>
      <c r="PLM674" s="613"/>
      <c r="PLN674" s="613"/>
      <c r="PLO674" s="613"/>
      <c r="PLP674" s="613"/>
      <c r="PLQ674" s="613"/>
      <c r="PLR674" s="613"/>
      <c r="PLS674" s="613"/>
      <c r="PLT674" s="613"/>
      <c r="PLU674" s="613"/>
      <c r="PLV674" s="613"/>
      <c r="PLW674" s="613"/>
      <c r="PLX674" s="613"/>
      <c r="PLY674" s="613"/>
      <c r="PLZ674" s="613"/>
      <c r="PMA674" s="613"/>
      <c r="PMB674" s="613"/>
      <c r="PMC674" s="613"/>
      <c r="PMD674" s="613"/>
      <c r="PME674" s="613"/>
      <c r="PMF674" s="613"/>
      <c r="PMG674" s="613"/>
      <c r="PMH674" s="613"/>
      <c r="PMI674" s="613"/>
      <c r="PMJ674" s="613"/>
      <c r="PMK674" s="613"/>
      <c r="PML674" s="613"/>
      <c r="PMM674" s="613"/>
      <c r="PMN674" s="613"/>
      <c r="PMO674" s="613"/>
      <c r="PMP674" s="613"/>
      <c r="PMQ674" s="613"/>
      <c r="PMR674" s="613"/>
      <c r="PMS674" s="613"/>
      <c r="PMT674" s="613"/>
      <c r="PMU674" s="613"/>
      <c r="PMV674" s="613"/>
      <c r="PMW674" s="613"/>
      <c r="PMX674" s="613"/>
      <c r="PMY674" s="613"/>
      <c r="PMZ674" s="613"/>
      <c r="PNA674" s="613"/>
      <c r="PNB674" s="613"/>
      <c r="PNC674" s="613"/>
      <c r="PND674" s="613"/>
      <c r="PNE674" s="613"/>
      <c r="PNF674" s="613"/>
      <c r="PNG674" s="613"/>
      <c r="PNH674" s="613"/>
      <c r="PNI674" s="613"/>
      <c r="PNJ674" s="613"/>
      <c r="PNK674" s="613"/>
      <c r="PNL674" s="613"/>
      <c r="PNM674" s="613"/>
      <c r="PNN674" s="613"/>
      <c r="PNO674" s="613"/>
      <c r="PNP674" s="613"/>
      <c r="PNQ674" s="613"/>
      <c r="PNR674" s="613"/>
      <c r="PNS674" s="613"/>
      <c r="PNT674" s="613"/>
      <c r="PNU674" s="613"/>
      <c r="PNV674" s="613"/>
      <c r="PNW674" s="613"/>
      <c r="PNX674" s="613"/>
      <c r="PNY674" s="613"/>
      <c r="PNZ674" s="613"/>
      <c r="POA674" s="613"/>
      <c r="POB674" s="613"/>
      <c r="POC674" s="613"/>
      <c r="POD674" s="613"/>
      <c r="POE674" s="613"/>
      <c r="POF674" s="613"/>
      <c r="POG674" s="613"/>
      <c r="POH674" s="613"/>
      <c r="POI674" s="613"/>
      <c r="POJ674" s="613"/>
      <c r="POK674" s="613"/>
      <c r="POL674" s="613"/>
      <c r="POM674" s="613"/>
      <c r="PON674" s="613"/>
      <c r="POO674" s="613"/>
      <c r="POP674" s="613"/>
      <c r="POQ674" s="613"/>
      <c r="POR674" s="613"/>
      <c r="POS674" s="613"/>
      <c r="POT674" s="613"/>
      <c r="POU674" s="613"/>
      <c r="POV674" s="613"/>
      <c r="POW674" s="613"/>
      <c r="POX674" s="613"/>
      <c r="POY674" s="613"/>
      <c r="POZ674" s="613"/>
      <c r="PPA674" s="613"/>
      <c r="PPB674" s="613"/>
      <c r="PPC674" s="613"/>
      <c r="PPD674" s="613"/>
      <c r="PPE674" s="613"/>
      <c r="PPF674" s="613"/>
      <c r="PPG674" s="613"/>
      <c r="PPH674" s="613"/>
      <c r="PPI674" s="613"/>
      <c r="PPJ674" s="613"/>
      <c r="PPK674" s="613"/>
      <c r="PPL674" s="613"/>
      <c r="PPM674" s="613"/>
      <c r="PPN674" s="613"/>
      <c r="PPO674" s="613"/>
      <c r="PPP674" s="613"/>
      <c r="PPQ674" s="613"/>
      <c r="PPR674" s="613"/>
      <c r="PPS674" s="613"/>
      <c r="PPT674" s="613"/>
      <c r="PPU674" s="613"/>
      <c r="PPV674" s="613"/>
      <c r="PPW674" s="613"/>
      <c r="PPX674" s="613"/>
      <c r="PPY674" s="613"/>
      <c r="PPZ674" s="613"/>
      <c r="PQA674" s="613"/>
      <c r="PQB674" s="613"/>
      <c r="PQC674" s="613"/>
      <c r="PQD674" s="613"/>
      <c r="PQE674" s="613"/>
      <c r="PQF674" s="613"/>
      <c r="PQG674" s="613"/>
      <c r="PQH674" s="613"/>
      <c r="PQI674" s="613"/>
      <c r="PQJ674" s="613"/>
      <c r="PQK674" s="613"/>
      <c r="PQL674" s="613"/>
      <c r="PQM674" s="613"/>
      <c r="PQN674" s="613"/>
      <c r="PQO674" s="613"/>
      <c r="PQP674" s="613"/>
      <c r="PQQ674" s="613"/>
      <c r="PQR674" s="613"/>
      <c r="PQS674" s="613"/>
      <c r="PQT674" s="613"/>
      <c r="PQU674" s="613"/>
      <c r="PQV674" s="613"/>
      <c r="PQW674" s="613"/>
      <c r="PQX674" s="613"/>
      <c r="PQY674" s="613"/>
      <c r="PQZ674" s="613"/>
      <c r="PRA674" s="613"/>
      <c r="PRB674" s="613"/>
      <c r="PRC674" s="613"/>
      <c r="PRD674" s="613"/>
      <c r="PRE674" s="613"/>
      <c r="PRF674" s="613"/>
      <c r="PRG674" s="613"/>
      <c r="PRH674" s="613"/>
      <c r="PRI674" s="613"/>
      <c r="PRJ674" s="613"/>
      <c r="PRK674" s="613"/>
      <c r="PRL674" s="613"/>
      <c r="PRM674" s="613"/>
      <c r="PRN674" s="613"/>
      <c r="PRO674" s="613"/>
      <c r="PRP674" s="613"/>
      <c r="PRQ674" s="613"/>
      <c r="PRR674" s="613"/>
      <c r="PRS674" s="613"/>
      <c r="PRT674" s="613"/>
      <c r="PRU674" s="613"/>
      <c r="PRV674" s="613"/>
      <c r="PRW674" s="613"/>
      <c r="PRX674" s="613"/>
      <c r="PRY674" s="613"/>
      <c r="PRZ674" s="613"/>
      <c r="PSA674" s="613"/>
      <c r="PSB674" s="613"/>
      <c r="PSC674" s="613"/>
      <c r="PSD674" s="613"/>
      <c r="PSE674" s="613"/>
      <c r="PSF674" s="613"/>
      <c r="PSG674" s="613"/>
      <c r="PSH674" s="613"/>
      <c r="PSI674" s="613"/>
      <c r="PSJ674" s="613"/>
      <c r="PSK674" s="613"/>
      <c r="PSL674" s="613"/>
      <c r="PSM674" s="613"/>
      <c r="PSN674" s="613"/>
      <c r="PSO674" s="613"/>
      <c r="PSP674" s="613"/>
      <c r="PSQ674" s="613"/>
      <c r="PSR674" s="613"/>
      <c r="PSS674" s="613"/>
      <c r="PST674" s="613"/>
      <c r="PSU674" s="613"/>
      <c r="PSV674" s="613"/>
      <c r="PSW674" s="613"/>
      <c r="PSX674" s="613"/>
      <c r="PSY674" s="613"/>
      <c r="PSZ674" s="613"/>
      <c r="PTA674" s="613"/>
      <c r="PTB674" s="613"/>
      <c r="PTC674" s="613"/>
      <c r="PTD674" s="613"/>
      <c r="PTE674" s="613"/>
      <c r="PTF674" s="613"/>
      <c r="PTG674" s="613"/>
      <c r="PTH674" s="613"/>
      <c r="PTI674" s="613"/>
      <c r="PTJ674" s="613"/>
      <c r="PTK674" s="613"/>
      <c r="PTL674" s="613"/>
      <c r="PTM674" s="613"/>
      <c r="PTN674" s="613"/>
      <c r="PTO674" s="613"/>
      <c r="PTP674" s="613"/>
      <c r="PTQ674" s="613"/>
      <c r="PTR674" s="613"/>
      <c r="PTS674" s="613"/>
      <c r="PTT674" s="613"/>
      <c r="PTU674" s="613"/>
      <c r="PTV674" s="613"/>
      <c r="PTW674" s="613"/>
      <c r="PTX674" s="613"/>
      <c r="PTY674" s="613"/>
      <c r="PTZ674" s="613"/>
      <c r="PUA674" s="613"/>
      <c r="PUB674" s="613"/>
      <c r="PUC674" s="613"/>
      <c r="PUD674" s="613"/>
      <c r="PUE674" s="613"/>
      <c r="PUF674" s="613"/>
      <c r="PUG674" s="613"/>
      <c r="PUH674" s="613"/>
      <c r="PUI674" s="613"/>
      <c r="PUJ674" s="613"/>
      <c r="PUK674" s="613"/>
      <c r="PUL674" s="613"/>
      <c r="PUM674" s="613"/>
      <c r="PUN674" s="613"/>
      <c r="PUO674" s="613"/>
      <c r="PUP674" s="613"/>
      <c r="PUQ674" s="613"/>
      <c r="PUR674" s="613"/>
      <c r="PUS674" s="613"/>
      <c r="PUT674" s="613"/>
      <c r="PUU674" s="613"/>
      <c r="PUV674" s="613"/>
      <c r="PUW674" s="613"/>
      <c r="PUX674" s="613"/>
      <c r="PUY674" s="613"/>
      <c r="PUZ674" s="613"/>
      <c r="PVA674" s="613"/>
      <c r="PVB674" s="613"/>
      <c r="PVC674" s="613"/>
      <c r="PVD674" s="613"/>
      <c r="PVE674" s="613"/>
      <c r="PVF674" s="613"/>
      <c r="PVG674" s="613"/>
      <c r="PVH674" s="613"/>
      <c r="PVI674" s="613"/>
      <c r="PVJ674" s="613"/>
      <c r="PVK674" s="613"/>
      <c r="PVL674" s="613"/>
      <c r="PVM674" s="613"/>
      <c r="PVN674" s="613"/>
      <c r="PVO674" s="613"/>
      <c r="PVP674" s="613"/>
      <c r="PVQ674" s="613"/>
      <c r="PVR674" s="613"/>
      <c r="PVS674" s="613"/>
      <c r="PVT674" s="613"/>
      <c r="PVU674" s="613"/>
      <c r="PVV674" s="613"/>
      <c r="PVW674" s="613"/>
      <c r="PVX674" s="613"/>
      <c r="PVY674" s="613"/>
      <c r="PVZ674" s="613"/>
      <c r="PWA674" s="613"/>
      <c r="PWB674" s="613"/>
      <c r="PWC674" s="613"/>
      <c r="PWD674" s="613"/>
      <c r="PWE674" s="613"/>
      <c r="PWF674" s="613"/>
      <c r="PWG674" s="613"/>
      <c r="PWH674" s="613"/>
      <c r="PWI674" s="613"/>
      <c r="PWJ674" s="613"/>
      <c r="PWK674" s="613"/>
      <c r="PWL674" s="613"/>
      <c r="PWM674" s="613"/>
      <c r="PWN674" s="613"/>
      <c r="PWO674" s="613"/>
      <c r="PWP674" s="613"/>
      <c r="PWQ674" s="613"/>
      <c r="PWR674" s="613"/>
      <c r="PWS674" s="613"/>
      <c r="PWT674" s="613"/>
      <c r="PWU674" s="613"/>
      <c r="PWV674" s="613"/>
      <c r="PWW674" s="613"/>
      <c r="PWX674" s="613"/>
      <c r="PWY674" s="613"/>
      <c r="PWZ674" s="613"/>
      <c r="PXA674" s="613"/>
      <c r="PXB674" s="613"/>
      <c r="PXC674" s="613"/>
      <c r="PXD674" s="613"/>
      <c r="PXE674" s="613"/>
      <c r="PXF674" s="613"/>
      <c r="PXG674" s="613"/>
      <c r="PXH674" s="613"/>
      <c r="PXI674" s="613"/>
      <c r="PXJ674" s="613"/>
      <c r="PXK674" s="613"/>
      <c r="PXL674" s="613"/>
      <c r="PXM674" s="613"/>
      <c r="PXN674" s="613"/>
      <c r="PXO674" s="613"/>
      <c r="PXP674" s="613"/>
      <c r="PXQ674" s="613"/>
      <c r="PXR674" s="613"/>
      <c r="PXS674" s="613"/>
      <c r="PXT674" s="613"/>
      <c r="PXU674" s="613"/>
      <c r="PXV674" s="613"/>
      <c r="PXW674" s="613"/>
      <c r="PXX674" s="613"/>
      <c r="PXY674" s="613"/>
      <c r="PXZ674" s="613"/>
      <c r="PYA674" s="613"/>
      <c r="PYB674" s="613"/>
      <c r="PYC674" s="613"/>
      <c r="PYD674" s="613"/>
      <c r="PYE674" s="613"/>
      <c r="PYF674" s="613"/>
      <c r="PYG674" s="613"/>
      <c r="PYH674" s="613"/>
      <c r="PYI674" s="613"/>
      <c r="PYJ674" s="613"/>
      <c r="PYK674" s="613"/>
      <c r="PYL674" s="613"/>
      <c r="PYM674" s="613"/>
      <c r="PYN674" s="613"/>
      <c r="PYO674" s="613"/>
      <c r="PYP674" s="613"/>
      <c r="PYQ674" s="613"/>
      <c r="PYR674" s="613"/>
      <c r="PYS674" s="613"/>
      <c r="PYT674" s="613"/>
      <c r="PYU674" s="613"/>
      <c r="PYV674" s="613"/>
      <c r="PYW674" s="613"/>
      <c r="PYX674" s="613"/>
      <c r="PYY674" s="613"/>
      <c r="PYZ674" s="613"/>
      <c r="PZA674" s="613"/>
      <c r="PZB674" s="613"/>
      <c r="PZC674" s="613"/>
      <c r="PZD674" s="613"/>
      <c r="PZE674" s="613"/>
      <c r="PZF674" s="613"/>
      <c r="PZG674" s="613"/>
      <c r="PZH674" s="613"/>
      <c r="PZI674" s="613"/>
      <c r="PZJ674" s="613"/>
      <c r="PZK674" s="613"/>
      <c r="PZL674" s="613"/>
      <c r="PZM674" s="613"/>
      <c r="PZN674" s="613"/>
      <c r="PZO674" s="613"/>
      <c r="PZP674" s="613"/>
      <c r="PZQ674" s="613"/>
      <c r="PZR674" s="613"/>
      <c r="PZS674" s="613"/>
      <c r="PZT674" s="613"/>
      <c r="PZU674" s="613"/>
      <c r="PZV674" s="613"/>
      <c r="PZW674" s="613"/>
      <c r="PZX674" s="613"/>
      <c r="PZY674" s="613"/>
      <c r="PZZ674" s="613"/>
      <c r="QAA674" s="613"/>
      <c r="QAB674" s="613"/>
      <c r="QAC674" s="613"/>
      <c r="QAD674" s="613"/>
      <c r="QAE674" s="613"/>
      <c r="QAF674" s="613"/>
      <c r="QAG674" s="613"/>
      <c r="QAH674" s="613"/>
      <c r="QAI674" s="613"/>
      <c r="QAJ674" s="613"/>
      <c r="QAK674" s="613"/>
      <c r="QAL674" s="613"/>
      <c r="QAM674" s="613"/>
      <c r="QAN674" s="613"/>
      <c r="QAO674" s="613"/>
      <c r="QAP674" s="613"/>
      <c r="QAQ674" s="613"/>
      <c r="QAR674" s="613"/>
      <c r="QAS674" s="613"/>
      <c r="QAT674" s="613"/>
      <c r="QAU674" s="613"/>
      <c r="QAV674" s="613"/>
      <c r="QAW674" s="613"/>
      <c r="QAX674" s="613"/>
      <c r="QAY674" s="613"/>
      <c r="QAZ674" s="613"/>
      <c r="QBA674" s="613"/>
      <c r="QBB674" s="613"/>
      <c r="QBC674" s="613"/>
      <c r="QBD674" s="613"/>
      <c r="QBE674" s="613"/>
      <c r="QBF674" s="613"/>
      <c r="QBG674" s="613"/>
      <c r="QBH674" s="613"/>
      <c r="QBI674" s="613"/>
      <c r="QBJ674" s="613"/>
      <c r="QBK674" s="613"/>
      <c r="QBL674" s="613"/>
      <c r="QBM674" s="613"/>
      <c r="QBN674" s="613"/>
      <c r="QBO674" s="613"/>
      <c r="QBP674" s="613"/>
      <c r="QBQ674" s="613"/>
      <c r="QBR674" s="613"/>
      <c r="QBS674" s="613"/>
      <c r="QBT674" s="613"/>
      <c r="QBU674" s="613"/>
      <c r="QBV674" s="613"/>
      <c r="QBW674" s="613"/>
      <c r="QBX674" s="613"/>
      <c r="QBY674" s="613"/>
      <c r="QBZ674" s="613"/>
      <c r="QCA674" s="613"/>
      <c r="QCB674" s="613"/>
      <c r="QCC674" s="613"/>
      <c r="QCD674" s="613"/>
      <c r="QCE674" s="613"/>
      <c r="QCF674" s="613"/>
      <c r="QCG674" s="613"/>
      <c r="QCH674" s="613"/>
      <c r="QCI674" s="613"/>
      <c r="QCJ674" s="613"/>
      <c r="QCK674" s="613"/>
      <c r="QCL674" s="613"/>
      <c r="QCM674" s="613"/>
      <c r="QCN674" s="613"/>
      <c r="QCO674" s="613"/>
      <c r="QCP674" s="613"/>
      <c r="QCQ674" s="613"/>
      <c r="QCR674" s="613"/>
      <c r="QCS674" s="613"/>
      <c r="QCT674" s="613"/>
      <c r="QCU674" s="613"/>
      <c r="QCV674" s="613"/>
      <c r="QCW674" s="613"/>
      <c r="QCX674" s="613"/>
      <c r="QCY674" s="613"/>
      <c r="QCZ674" s="613"/>
      <c r="QDA674" s="613"/>
      <c r="QDB674" s="613"/>
      <c r="QDC674" s="613"/>
      <c r="QDD674" s="613"/>
      <c r="QDE674" s="613"/>
      <c r="QDF674" s="613"/>
      <c r="QDG674" s="613"/>
      <c r="QDH674" s="613"/>
      <c r="QDI674" s="613"/>
      <c r="QDJ674" s="613"/>
      <c r="QDK674" s="613"/>
      <c r="QDL674" s="613"/>
      <c r="QDM674" s="613"/>
      <c r="QDN674" s="613"/>
      <c r="QDO674" s="613"/>
      <c r="QDP674" s="613"/>
      <c r="QDQ674" s="613"/>
      <c r="QDR674" s="613"/>
      <c r="QDS674" s="613"/>
      <c r="QDT674" s="613"/>
      <c r="QDU674" s="613"/>
      <c r="QDV674" s="613"/>
      <c r="QDW674" s="613"/>
      <c r="QDX674" s="613"/>
      <c r="QDY674" s="613"/>
      <c r="QDZ674" s="613"/>
      <c r="QEA674" s="613"/>
      <c r="QEB674" s="613"/>
      <c r="QEC674" s="613"/>
      <c r="QED674" s="613"/>
      <c r="QEE674" s="613"/>
      <c r="QEF674" s="613"/>
      <c r="QEG674" s="613"/>
      <c r="QEH674" s="613"/>
      <c r="QEI674" s="613"/>
      <c r="QEJ674" s="613"/>
      <c r="QEK674" s="613"/>
      <c r="QEL674" s="613"/>
      <c r="QEM674" s="613"/>
      <c r="QEN674" s="613"/>
      <c r="QEO674" s="613"/>
      <c r="QEP674" s="613"/>
      <c r="QEQ674" s="613"/>
      <c r="QER674" s="613"/>
      <c r="QES674" s="613"/>
      <c r="QET674" s="613"/>
      <c r="QEU674" s="613"/>
      <c r="QEV674" s="613"/>
      <c r="QEW674" s="613"/>
      <c r="QEX674" s="613"/>
      <c r="QEY674" s="613"/>
      <c r="QEZ674" s="613"/>
      <c r="QFA674" s="613"/>
      <c r="QFB674" s="613"/>
      <c r="QFC674" s="613"/>
      <c r="QFD674" s="613"/>
      <c r="QFE674" s="613"/>
      <c r="QFF674" s="613"/>
      <c r="QFG674" s="613"/>
      <c r="QFH674" s="613"/>
      <c r="QFI674" s="613"/>
      <c r="QFJ674" s="613"/>
      <c r="QFK674" s="613"/>
      <c r="QFL674" s="613"/>
      <c r="QFM674" s="613"/>
      <c r="QFN674" s="613"/>
      <c r="QFO674" s="613"/>
      <c r="QFP674" s="613"/>
      <c r="QFQ674" s="613"/>
      <c r="QFR674" s="613"/>
      <c r="QFS674" s="613"/>
      <c r="QFT674" s="613"/>
      <c r="QFU674" s="613"/>
      <c r="QFV674" s="613"/>
      <c r="QFW674" s="613"/>
      <c r="QFX674" s="613"/>
      <c r="QFY674" s="613"/>
      <c r="QFZ674" s="613"/>
      <c r="QGA674" s="613"/>
      <c r="QGB674" s="613"/>
      <c r="QGC674" s="613"/>
      <c r="QGD674" s="613"/>
      <c r="QGE674" s="613"/>
      <c r="QGF674" s="613"/>
      <c r="QGG674" s="613"/>
      <c r="QGH674" s="613"/>
      <c r="QGI674" s="613"/>
      <c r="QGJ674" s="613"/>
      <c r="QGK674" s="613"/>
      <c r="QGL674" s="613"/>
      <c r="QGM674" s="613"/>
      <c r="QGN674" s="613"/>
      <c r="QGO674" s="613"/>
      <c r="QGP674" s="613"/>
      <c r="QGQ674" s="613"/>
      <c r="QGR674" s="613"/>
      <c r="QGS674" s="613"/>
      <c r="QGT674" s="613"/>
      <c r="QGU674" s="613"/>
      <c r="QGV674" s="613"/>
      <c r="QGW674" s="613"/>
      <c r="QGX674" s="613"/>
      <c r="QGY674" s="613"/>
      <c r="QGZ674" s="613"/>
      <c r="QHA674" s="613"/>
      <c r="QHB674" s="613"/>
      <c r="QHC674" s="613"/>
      <c r="QHD674" s="613"/>
      <c r="QHE674" s="613"/>
      <c r="QHF674" s="613"/>
      <c r="QHG674" s="613"/>
      <c r="QHH674" s="613"/>
      <c r="QHI674" s="613"/>
      <c r="QHJ674" s="613"/>
      <c r="QHK674" s="613"/>
      <c r="QHL674" s="613"/>
      <c r="QHM674" s="613"/>
      <c r="QHN674" s="613"/>
      <c r="QHO674" s="613"/>
      <c r="QHP674" s="613"/>
      <c r="QHQ674" s="613"/>
      <c r="QHR674" s="613"/>
      <c r="QHS674" s="613"/>
      <c r="QHT674" s="613"/>
      <c r="QHU674" s="613"/>
      <c r="QHV674" s="613"/>
      <c r="QHW674" s="613"/>
      <c r="QHX674" s="613"/>
      <c r="QHY674" s="613"/>
      <c r="QHZ674" s="613"/>
      <c r="QIA674" s="613"/>
      <c r="QIB674" s="613"/>
      <c r="QIC674" s="613"/>
      <c r="QID674" s="613"/>
      <c r="QIE674" s="613"/>
      <c r="QIF674" s="613"/>
      <c r="QIG674" s="613"/>
      <c r="QIH674" s="613"/>
      <c r="QII674" s="613"/>
      <c r="QIJ674" s="613"/>
      <c r="QIK674" s="613"/>
      <c r="QIL674" s="613"/>
      <c r="QIM674" s="613"/>
      <c r="QIN674" s="613"/>
      <c r="QIO674" s="613"/>
      <c r="QIP674" s="613"/>
      <c r="QIQ674" s="613"/>
      <c r="QIR674" s="613"/>
      <c r="QIS674" s="613"/>
      <c r="QIT674" s="613"/>
      <c r="QIU674" s="613"/>
      <c r="QIV674" s="613"/>
      <c r="QIW674" s="613"/>
      <c r="QIX674" s="613"/>
      <c r="QIY674" s="613"/>
      <c r="QIZ674" s="613"/>
      <c r="QJA674" s="613"/>
      <c r="QJB674" s="613"/>
      <c r="QJC674" s="613"/>
      <c r="QJD674" s="613"/>
      <c r="QJE674" s="613"/>
      <c r="QJF674" s="613"/>
      <c r="QJG674" s="613"/>
      <c r="QJH674" s="613"/>
      <c r="QJI674" s="613"/>
      <c r="QJJ674" s="613"/>
      <c r="QJK674" s="613"/>
      <c r="QJL674" s="613"/>
      <c r="QJM674" s="613"/>
      <c r="QJN674" s="613"/>
      <c r="QJO674" s="613"/>
      <c r="QJP674" s="613"/>
      <c r="QJQ674" s="613"/>
      <c r="QJR674" s="613"/>
      <c r="QJS674" s="613"/>
      <c r="QJT674" s="613"/>
      <c r="QJU674" s="613"/>
      <c r="QJV674" s="613"/>
      <c r="QJW674" s="613"/>
      <c r="QJX674" s="613"/>
      <c r="QJY674" s="613"/>
      <c r="QJZ674" s="613"/>
      <c r="QKA674" s="613"/>
      <c r="QKB674" s="613"/>
      <c r="QKC674" s="613"/>
      <c r="QKD674" s="613"/>
      <c r="QKE674" s="613"/>
      <c r="QKF674" s="613"/>
      <c r="QKG674" s="613"/>
      <c r="QKH674" s="613"/>
      <c r="QKI674" s="613"/>
      <c r="QKJ674" s="613"/>
      <c r="QKK674" s="613"/>
      <c r="QKL674" s="613"/>
      <c r="QKM674" s="613"/>
      <c r="QKN674" s="613"/>
      <c r="QKO674" s="613"/>
      <c r="QKP674" s="613"/>
      <c r="QKQ674" s="613"/>
      <c r="QKR674" s="613"/>
      <c r="QKS674" s="613"/>
      <c r="QKT674" s="613"/>
      <c r="QKU674" s="613"/>
      <c r="QKV674" s="613"/>
      <c r="QKW674" s="613"/>
      <c r="QKX674" s="613"/>
      <c r="QKY674" s="613"/>
      <c r="QKZ674" s="613"/>
      <c r="QLA674" s="613"/>
      <c r="QLB674" s="613"/>
      <c r="QLC674" s="613"/>
      <c r="QLD674" s="613"/>
      <c r="QLE674" s="613"/>
      <c r="QLF674" s="613"/>
      <c r="QLG674" s="613"/>
      <c r="QLH674" s="613"/>
      <c r="QLI674" s="613"/>
      <c r="QLJ674" s="613"/>
      <c r="QLK674" s="613"/>
      <c r="QLL674" s="613"/>
      <c r="QLM674" s="613"/>
      <c r="QLN674" s="613"/>
      <c r="QLO674" s="613"/>
      <c r="QLP674" s="613"/>
      <c r="QLQ674" s="613"/>
      <c r="QLR674" s="613"/>
      <c r="QLS674" s="613"/>
      <c r="QLT674" s="613"/>
      <c r="QLU674" s="613"/>
      <c r="QLV674" s="613"/>
      <c r="QLW674" s="613"/>
      <c r="QLX674" s="613"/>
      <c r="QLY674" s="613"/>
      <c r="QLZ674" s="613"/>
      <c r="QMA674" s="613"/>
      <c r="QMB674" s="613"/>
      <c r="QMC674" s="613"/>
      <c r="QMD674" s="613"/>
      <c r="QME674" s="613"/>
      <c r="QMF674" s="613"/>
      <c r="QMG674" s="613"/>
      <c r="QMH674" s="613"/>
      <c r="QMI674" s="613"/>
      <c r="QMJ674" s="613"/>
      <c r="QMK674" s="613"/>
      <c r="QML674" s="613"/>
      <c r="QMM674" s="613"/>
      <c r="QMN674" s="613"/>
      <c r="QMO674" s="613"/>
      <c r="QMP674" s="613"/>
      <c r="QMQ674" s="613"/>
      <c r="QMR674" s="613"/>
      <c r="QMS674" s="613"/>
      <c r="QMT674" s="613"/>
      <c r="QMU674" s="613"/>
      <c r="QMV674" s="613"/>
      <c r="QMW674" s="613"/>
      <c r="QMX674" s="613"/>
      <c r="QMY674" s="613"/>
      <c r="QMZ674" s="613"/>
      <c r="QNA674" s="613"/>
      <c r="QNB674" s="613"/>
      <c r="QNC674" s="613"/>
      <c r="QND674" s="613"/>
      <c r="QNE674" s="613"/>
      <c r="QNF674" s="613"/>
      <c r="QNG674" s="613"/>
      <c r="QNH674" s="613"/>
      <c r="QNI674" s="613"/>
      <c r="QNJ674" s="613"/>
      <c r="QNK674" s="613"/>
      <c r="QNL674" s="613"/>
      <c r="QNM674" s="613"/>
      <c r="QNN674" s="613"/>
      <c r="QNO674" s="613"/>
      <c r="QNP674" s="613"/>
      <c r="QNQ674" s="613"/>
      <c r="QNR674" s="613"/>
      <c r="QNS674" s="613"/>
      <c r="QNT674" s="613"/>
      <c r="QNU674" s="613"/>
      <c r="QNV674" s="613"/>
      <c r="QNW674" s="613"/>
      <c r="QNX674" s="613"/>
      <c r="QNY674" s="613"/>
      <c r="QNZ674" s="613"/>
      <c r="QOA674" s="613"/>
      <c r="QOB674" s="613"/>
      <c r="QOC674" s="613"/>
      <c r="QOD674" s="613"/>
      <c r="QOE674" s="613"/>
      <c r="QOF674" s="613"/>
      <c r="QOG674" s="613"/>
      <c r="QOH674" s="613"/>
      <c r="QOI674" s="613"/>
      <c r="QOJ674" s="613"/>
      <c r="QOK674" s="613"/>
      <c r="QOL674" s="613"/>
      <c r="QOM674" s="613"/>
      <c r="QON674" s="613"/>
      <c r="QOO674" s="613"/>
      <c r="QOP674" s="613"/>
      <c r="QOQ674" s="613"/>
      <c r="QOR674" s="613"/>
      <c r="QOS674" s="613"/>
      <c r="QOT674" s="613"/>
      <c r="QOU674" s="613"/>
      <c r="QOV674" s="613"/>
      <c r="QOW674" s="613"/>
      <c r="QOX674" s="613"/>
      <c r="QOY674" s="613"/>
      <c r="QOZ674" s="613"/>
      <c r="QPA674" s="613"/>
      <c r="QPB674" s="613"/>
      <c r="QPC674" s="613"/>
      <c r="QPD674" s="613"/>
      <c r="QPE674" s="613"/>
      <c r="QPF674" s="613"/>
      <c r="QPG674" s="613"/>
      <c r="QPH674" s="613"/>
      <c r="QPI674" s="613"/>
      <c r="QPJ674" s="613"/>
      <c r="QPK674" s="613"/>
      <c r="QPL674" s="613"/>
      <c r="QPM674" s="613"/>
      <c r="QPN674" s="613"/>
      <c r="QPO674" s="613"/>
      <c r="QPP674" s="613"/>
      <c r="QPQ674" s="613"/>
      <c r="QPR674" s="613"/>
      <c r="QPS674" s="613"/>
      <c r="QPT674" s="613"/>
      <c r="QPU674" s="613"/>
      <c r="QPV674" s="613"/>
      <c r="QPW674" s="613"/>
      <c r="QPX674" s="613"/>
      <c r="QPY674" s="613"/>
      <c r="QPZ674" s="613"/>
      <c r="QQA674" s="613"/>
      <c r="QQB674" s="613"/>
      <c r="QQC674" s="613"/>
      <c r="QQD674" s="613"/>
      <c r="QQE674" s="613"/>
      <c r="QQF674" s="613"/>
      <c r="QQG674" s="613"/>
      <c r="QQH674" s="613"/>
      <c r="QQI674" s="613"/>
      <c r="QQJ674" s="613"/>
      <c r="QQK674" s="613"/>
      <c r="QQL674" s="613"/>
      <c r="QQM674" s="613"/>
      <c r="QQN674" s="613"/>
      <c r="QQO674" s="613"/>
      <c r="QQP674" s="613"/>
      <c r="QQQ674" s="613"/>
      <c r="QQR674" s="613"/>
      <c r="QQS674" s="613"/>
      <c r="QQT674" s="613"/>
      <c r="QQU674" s="613"/>
      <c r="QQV674" s="613"/>
      <c r="QQW674" s="613"/>
      <c r="QQX674" s="613"/>
      <c r="QQY674" s="613"/>
      <c r="QQZ674" s="613"/>
      <c r="QRA674" s="613"/>
      <c r="QRB674" s="613"/>
      <c r="QRC674" s="613"/>
      <c r="QRD674" s="613"/>
      <c r="QRE674" s="613"/>
      <c r="QRF674" s="613"/>
      <c r="QRG674" s="613"/>
      <c r="QRH674" s="613"/>
      <c r="QRI674" s="613"/>
      <c r="QRJ674" s="613"/>
      <c r="QRK674" s="613"/>
      <c r="QRL674" s="613"/>
      <c r="QRM674" s="613"/>
      <c r="QRN674" s="613"/>
      <c r="QRO674" s="613"/>
      <c r="QRP674" s="613"/>
      <c r="QRQ674" s="613"/>
      <c r="QRR674" s="613"/>
      <c r="QRS674" s="613"/>
      <c r="QRT674" s="613"/>
      <c r="QRU674" s="613"/>
      <c r="QRV674" s="613"/>
      <c r="QRW674" s="613"/>
      <c r="QRX674" s="613"/>
      <c r="QRY674" s="613"/>
      <c r="QRZ674" s="613"/>
      <c r="QSA674" s="613"/>
      <c r="QSB674" s="613"/>
      <c r="QSC674" s="613"/>
      <c r="QSD674" s="613"/>
      <c r="QSE674" s="613"/>
      <c r="QSF674" s="613"/>
      <c r="QSG674" s="613"/>
      <c r="QSH674" s="613"/>
      <c r="QSI674" s="613"/>
      <c r="QSJ674" s="613"/>
      <c r="QSK674" s="613"/>
      <c r="QSL674" s="613"/>
      <c r="QSM674" s="613"/>
      <c r="QSN674" s="613"/>
      <c r="QSO674" s="613"/>
      <c r="QSP674" s="613"/>
      <c r="QSQ674" s="613"/>
      <c r="QSR674" s="613"/>
      <c r="QSS674" s="613"/>
      <c r="QST674" s="613"/>
      <c r="QSU674" s="613"/>
      <c r="QSV674" s="613"/>
      <c r="QSW674" s="613"/>
      <c r="QSX674" s="613"/>
      <c r="QSY674" s="613"/>
      <c r="QSZ674" s="613"/>
      <c r="QTA674" s="613"/>
      <c r="QTB674" s="613"/>
      <c r="QTC674" s="613"/>
      <c r="QTD674" s="613"/>
      <c r="QTE674" s="613"/>
      <c r="QTF674" s="613"/>
      <c r="QTG674" s="613"/>
      <c r="QTH674" s="613"/>
      <c r="QTI674" s="613"/>
      <c r="QTJ674" s="613"/>
      <c r="QTK674" s="613"/>
      <c r="QTL674" s="613"/>
      <c r="QTM674" s="613"/>
      <c r="QTN674" s="613"/>
      <c r="QTO674" s="613"/>
      <c r="QTP674" s="613"/>
      <c r="QTQ674" s="613"/>
      <c r="QTR674" s="613"/>
      <c r="QTS674" s="613"/>
      <c r="QTT674" s="613"/>
      <c r="QTU674" s="613"/>
      <c r="QTV674" s="613"/>
      <c r="QTW674" s="613"/>
      <c r="QTX674" s="613"/>
      <c r="QTY674" s="613"/>
      <c r="QTZ674" s="613"/>
      <c r="QUA674" s="613"/>
      <c r="QUB674" s="613"/>
      <c r="QUC674" s="613"/>
      <c r="QUD674" s="613"/>
      <c r="QUE674" s="613"/>
      <c r="QUF674" s="613"/>
      <c r="QUG674" s="613"/>
      <c r="QUH674" s="613"/>
      <c r="QUI674" s="613"/>
      <c r="QUJ674" s="613"/>
      <c r="QUK674" s="613"/>
      <c r="QUL674" s="613"/>
      <c r="QUM674" s="613"/>
      <c r="QUN674" s="613"/>
      <c r="QUO674" s="613"/>
      <c r="QUP674" s="613"/>
      <c r="QUQ674" s="613"/>
      <c r="QUR674" s="613"/>
      <c r="QUS674" s="613"/>
      <c r="QUT674" s="613"/>
      <c r="QUU674" s="613"/>
      <c r="QUV674" s="613"/>
      <c r="QUW674" s="613"/>
      <c r="QUX674" s="613"/>
      <c r="QUY674" s="613"/>
      <c r="QUZ674" s="613"/>
      <c r="QVA674" s="613"/>
      <c r="QVB674" s="613"/>
      <c r="QVC674" s="613"/>
      <c r="QVD674" s="613"/>
      <c r="QVE674" s="613"/>
      <c r="QVF674" s="613"/>
      <c r="QVG674" s="613"/>
      <c r="QVH674" s="613"/>
      <c r="QVI674" s="613"/>
      <c r="QVJ674" s="613"/>
      <c r="QVK674" s="613"/>
      <c r="QVL674" s="613"/>
      <c r="QVM674" s="613"/>
      <c r="QVN674" s="613"/>
      <c r="QVO674" s="613"/>
      <c r="QVP674" s="613"/>
      <c r="QVQ674" s="613"/>
      <c r="QVR674" s="613"/>
      <c r="QVS674" s="613"/>
      <c r="QVT674" s="613"/>
      <c r="QVU674" s="613"/>
      <c r="QVV674" s="613"/>
      <c r="QVW674" s="613"/>
      <c r="QVX674" s="613"/>
      <c r="QVY674" s="613"/>
      <c r="QVZ674" s="613"/>
      <c r="QWA674" s="613"/>
      <c r="QWB674" s="613"/>
      <c r="QWC674" s="613"/>
      <c r="QWD674" s="613"/>
      <c r="QWE674" s="613"/>
      <c r="QWF674" s="613"/>
      <c r="QWG674" s="613"/>
      <c r="QWH674" s="613"/>
      <c r="QWI674" s="613"/>
      <c r="QWJ674" s="613"/>
      <c r="QWK674" s="613"/>
      <c r="QWL674" s="613"/>
      <c r="QWM674" s="613"/>
      <c r="QWN674" s="613"/>
      <c r="QWO674" s="613"/>
      <c r="QWP674" s="613"/>
      <c r="QWQ674" s="613"/>
      <c r="QWR674" s="613"/>
      <c r="QWS674" s="613"/>
      <c r="QWT674" s="613"/>
      <c r="QWU674" s="613"/>
      <c r="QWV674" s="613"/>
      <c r="QWW674" s="613"/>
      <c r="QWX674" s="613"/>
      <c r="QWY674" s="613"/>
      <c r="QWZ674" s="613"/>
      <c r="QXA674" s="613"/>
      <c r="QXB674" s="613"/>
      <c r="QXC674" s="613"/>
      <c r="QXD674" s="613"/>
      <c r="QXE674" s="613"/>
      <c r="QXF674" s="613"/>
      <c r="QXG674" s="613"/>
      <c r="QXH674" s="613"/>
      <c r="QXI674" s="613"/>
      <c r="QXJ674" s="613"/>
      <c r="QXK674" s="613"/>
      <c r="QXL674" s="613"/>
      <c r="QXM674" s="613"/>
      <c r="QXN674" s="613"/>
      <c r="QXO674" s="613"/>
      <c r="QXP674" s="613"/>
      <c r="QXQ674" s="613"/>
      <c r="QXR674" s="613"/>
      <c r="QXS674" s="613"/>
      <c r="QXT674" s="613"/>
      <c r="QXU674" s="613"/>
      <c r="QXV674" s="613"/>
      <c r="QXW674" s="613"/>
      <c r="QXX674" s="613"/>
      <c r="QXY674" s="613"/>
      <c r="QXZ674" s="613"/>
      <c r="QYA674" s="613"/>
      <c r="QYB674" s="613"/>
      <c r="QYC674" s="613"/>
      <c r="QYD674" s="613"/>
      <c r="QYE674" s="613"/>
      <c r="QYF674" s="613"/>
      <c r="QYG674" s="613"/>
      <c r="QYH674" s="613"/>
      <c r="QYI674" s="613"/>
      <c r="QYJ674" s="613"/>
      <c r="QYK674" s="613"/>
      <c r="QYL674" s="613"/>
      <c r="QYM674" s="613"/>
      <c r="QYN674" s="613"/>
      <c r="QYO674" s="613"/>
      <c r="QYP674" s="613"/>
      <c r="QYQ674" s="613"/>
      <c r="QYR674" s="613"/>
      <c r="QYS674" s="613"/>
      <c r="QYT674" s="613"/>
      <c r="QYU674" s="613"/>
      <c r="QYV674" s="613"/>
      <c r="QYW674" s="613"/>
      <c r="QYX674" s="613"/>
      <c r="QYY674" s="613"/>
      <c r="QYZ674" s="613"/>
      <c r="QZA674" s="613"/>
      <c r="QZB674" s="613"/>
      <c r="QZC674" s="613"/>
      <c r="QZD674" s="613"/>
      <c r="QZE674" s="613"/>
      <c r="QZF674" s="613"/>
      <c r="QZG674" s="613"/>
      <c r="QZH674" s="613"/>
      <c r="QZI674" s="613"/>
      <c r="QZJ674" s="613"/>
      <c r="QZK674" s="613"/>
      <c r="QZL674" s="613"/>
      <c r="QZM674" s="613"/>
      <c r="QZN674" s="613"/>
      <c r="QZO674" s="613"/>
      <c r="QZP674" s="613"/>
      <c r="QZQ674" s="613"/>
      <c r="QZR674" s="613"/>
      <c r="QZS674" s="613"/>
      <c r="QZT674" s="613"/>
      <c r="QZU674" s="613"/>
      <c r="QZV674" s="613"/>
      <c r="QZW674" s="613"/>
      <c r="QZX674" s="613"/>
      <c r="QZY674" s="613"/>
      <c r="QZZ674" s="613"/>
      <c r="RAA674" s="613"/>
      <c r="RAB674" s="613"/>
      <c r="RAC674" s="613"/>
      <c r="RAD674" s="613"/>
      <c r="RAE674" s="613"/>
      <c r="RAF674" s="613"/>
      <c r="RAG674" s="613"/>
      <c r="RAH674" s="613"/>
      <c r="RAI674" s="613"/>
      <c r="RAJ674" s="613"/>
      <c r="RAK674" s="613"/>
      <c r="RAL674" s="613"/>
      <c r="RAM674" s="613"/>
      <c r="RAN674" s="613"/>
      <c r="RAO674" s="613"/>
      <c r="RAP674" s="613"/>
      <c r="RAQ674" s="613"/>
      <c r="RAR674" s="613"/>
      <c r="RAS674" s="613"/>
      <c r="RAT674" s="613"/>
      <c r="RAU674" s="613"/>
      <c r="RAV674" s="613"/>
      <c r="RAW674" s="613"/>
      <c r="RAX674" s="613"/>
      <c r="RAY674" s="613"/>
      <c r="RAZ674" s="613"/>
      <c r="RBA674" s="613"/>
      <c r="RBB674" s="613"/>
      <c r="RBC674" s="613"/>
      <c r="RBD674" s="613"/>
      <c r="RBE674" s="613"/>
      <c r="RBF674" s="613"/>
      <c r="RBG674" s="613"/>
      <c r="RBH674" s="613"/>
      <c r="RBI674" s="613"/>
      <c r="RBJ674" s="613"/>
      <c r="RBK674" s="613"/>
      <c r="RBL674" s="613"/>
      <c r="RBM674" s="613"/>
      <c r="RBN674" s="613"/>
      <c r="RBO674" s="613"/>
      <c r="RBP674" s="613"/>
      <c r="RBQ674" s="613"/>
      <c r="RBR674" s="613"/>
      <c r="RBS674" s="613"/>
      <c r="RBT674" s="613"/>
      <c r="RBU674" s="613"/>
      <c r="RBV674" s="613"/>
      <c r="RBW674" s="613"/>
      <c r="RBX674" s="613"/>
      <c r="RBY674" s="613"/>
      <c r="RBZ674" s="613"/>
      <c r="RCA674" s="613"/>
      <c r="RCB674" s="613"/>
      <c r="RCC674" s="613"/>
      <c r="RCD674" s="613"/>
      <c r="RCE674" s="613"/>
      <c r="RCF674" s="613"/>
      <c r="RCG674" s="613"/>
      <c r="RCH674" s="613"/>
      <c r="RCI674" s="613"/>
      <c r="RCJ674" s="613"/>
      <c r="RCK674" s="613"/>
      <c r="RCL674" s="613"/>
      <c r="RCM674" s="613"/>
      <c r="RCN674" s="613"/>
      <c r="RCO674" s="613"/>
      <c r="RCP674" s="613"/>
      <c r="RCQ674" s="613"/>
      <c r="RCR674" s="613"/>
      <c r="RCS674" s="613"/>
      <c r="RCT674" s="613"/>
      <c r="RCU674" s="613"/>
      <c r="RCV674" s="613"/>
      <c r="RCW674" s="613"/>
      <c r="RCX674" s="613"/>
      <c r="RCY674" s="613"/>
      <c r="RCZ674" s="613"/>
      <c r="RDA674" s="613"/>
      <c r="RDB674" s="613"/>
      <c r="RDC674" s="613"/>
      <c r="RDD674" s="613"/>
      <c r="RDE674" s="613"/>
      <c r="RDF674" s="613"/>
      <c r="RDG674" s="613"/>
      <c r="RDH674" s="613"/>
      <c r="RDI674" s="613"/>
      <c r="RDJ674" s="613"/>
      <c r="RDK674" s="613"/>
      <c r="RDL674" s="613"/>
      <c r="RDM674" s="613"/>
      <c r="RDN674" s="613"/>
      <c r="RDO674" s="613"/>
      <c r="RDP674" s="613"/>
      <c r="RDQ674" s="613"/>
      <c r="RDR674" s="613"/>
      <c r="RDS674" s="613"/>
      <c r="RDT674" s="613"/>
      <c r="RDU674" s="613"/>
      <c r="RDV674" s="613"/>
      <c r="RDW674" s="613"/>
      <c r="RDX674" s="613"/>
      <c r="RDY674" s="613"/>
      <c r="RDZ674" s="613"/>
      <c r="REA674" s="613"/>
      <c r="REB674" s="613"/>
      <c r="REC674" s="613"/>
      <c r="RED674" s="613"/>
      <c r="REE674" s="613"/>
      <c r="REF674" s="613"/>
      <c r="REG674" s="613"/>
      <c r="REH674" s="613"/>
      <c r="REI674" s="613"/>
      <c r="REJ674" s="613"/>
      <c r="REK674" s="613"/>
      <c r="REL674" s="613"/>
      <c r="REM674" s="613"/>
      <c r="REN674" s="613"/>
      <c r="REO674" s="613"/>
      <c r="REP674" s="613"/>
      <c r="REQ674" s="613"/>
      <c r="RER674" s="613"/>
      <c r="RES674" s="613"/>
      <c r="RET674" s="613"/>
      <c r="REU674" s="613"/>
      <c r="REV674" s="613"/>
      <c r="REW674" s="613"/>
      <c r="REX674" s="613"/>
      <c r="REY674" s="613"/>
      <c r="REZ674" s="613"/>
      <c r="RFA674" s="613"/>
      <c r="RFB674" s="613"/>
      <c r="RFC674" s="613"/>
      <c r="RFD674" s="613"/>
      <c r="RFE674" s="613"/>
      <c r="RFF674" s="613"/>
      <c r="RFG674" s="613"/>
      <c r="RFH674" s="613"/>
      <c r="RFI674" s="613"/>
      <c r="RFJ674" s="613"/>
      <c r="RFK674" s="613"/>
      <c r="RFL674" s="613"/>
      <c r="RFM674" s="613"/>
      <c r="RFN674" s="613"/>
      <c r="RFO674" s="613"/>
      <c r="RFP674" s="613"/>
      <c r="RFQ674" s="613"/>
      <c r="RFR674" s="613"/>
      <c r="RFS674" s="613"/>
      <c r="RFT674" s="613"/>
      <c r="RFU674" s="613"/>
      <c r="RFV674" s="613"/>
      <c r="RFW674" s="613"/>
      <c r="RFX674" s="613"/>
      <c r="RFY674" s="613"/>
      <c r="RFZ674" s="613"/>
      <c r="RGA674" s="613"/>
      <c r="RGB674" s="613"/>
      <c r="RGC674" s="613"/>
      <c r="RGD674" s="613"/>
      <c r="RGE674" s="613"/>
      <c r="RGF674" s="613"/>
      <c r="RGG674" s="613"/>
      <c r="RGH674" s="613"/>
      <c r="RGI674" s="613"/>
      <c r="RGJ674" s="613"/>
      <c r="RGK674" s="613"/>
      <c r="RGL674" s="613"/>
      <c r="RGM674" s="613"/>
      <c r="RGN674" s="613"/>
      <c r="RGO674" s="613"/>
      <c r="RGP674" s="613"/>
      <c r="RGQ674" s="613"/>
      <c r="RGR674" s="613"/>
      <c r="RGS674" s="613"/>
      <c r="RGT674" s="613"/>
      <c r="RGU674" s="613"/>
      <c r="RGV674" s="613"/>
      <c r="RGW674" s="613"/>
      <c r="RGX674" s="613"/>
      <c r="RGY674" s="613"/>
      <c r="RGZ674" s="613"/>
      <c r="RHA674" s="613"/>
      <c r="RHB674" s="613"/>
      <c r="RHC674" s="613"/>
      <c r="RHD674" s="613"/>
      <c r="RHE674" s="613"/>
      <c r="RHF674" s="613"/>
      <c r="RHG674" s="613"/>
      <c r="RHH674" s="613"/>
      <c r="RHI674" s="613"/>
      <c r="RHJ674" s="613"/>
      <c r="RHK674" s="613"/>
      <c r="RHL674" s="613"/>
      <c r="RHM674" s="613"/>
      <c r="RHN674" s="613"/>
      <c r="RHO674" s="613"/>
      <c r="RHP674" s="613"/>
      <c r="RHQ674" s="613"/>
      <c r="RHR674" s="613"/>
      <c r="RHS674" s="613"/>
      <c r="RHT674" s="613"/>
      <c r="RHU674" s="613"/>
      <c r="RHV674" s="613"/>
      <c r="RHW674" s="613"/>
      <c r="RHX674" s="613"/>
      <c r="RHY674" s="613"/>
      <c r="RHZ674" s="613"/>
      <c r="RIA674" s="613"/>
      <c r="RIB674" s="613"/>
      <c r="RIC674" s="613"/>
      <c r="RID674" s="613"/>
      <c r="RIE674" s="613"/>
      <c r="RIF674" s="613"/>
      <c r="RIG674" s="613"/>
      <c r="RIH674" s="613"/>
      <c r="RII674" s="613"/>
      <c r="RIJ674" s="613"/>
      <c r="RIK674" s="613"/>
      <c r="RIL674" s="613"/>
      <c r="RIM674" s="613"/>
      <c r="RIN674" s="613"/>
      <c r="RIO674" s="613"/>
      <c r="RIP674" s="613"/>
      <c r="RIQ674" s="613"/>
      <c r="RIR674" s="613"/>
      <c r="RIS674" s="613"/>
      <c r="RIT674" s="613"/>
      <c r="RIU674" s="613"/>
      <c r="RIV674" s="613"/>
      <c r="RIW674" s="613"/>
      <c r="RIX674" s="613"/>
      <c r="RIY674" s="613"/>
      <c r="RIZ674" s="613"/>
      <c r="RJA674" s="613"/>
      <c r="RJB674" s="613"/>
      <c r="RJC674" s="613"/>
      <c r="RJD674" s="613"/>
      <c r="RJE674" s="613"/>
      <c r="RJF674" s="613"/>
      <c r="RJG674" s="613"/>
      <c r="RJH674" s="613"/>
      <c r="RJI674" s="613"/>
      <c r="RJJ674" s="613"/>
      <c r="RJK674" s="613"/>
      <c r="RJL674" s="613"/>
      <c r="RJM674" s="613"/>
      <c r="RJN674" s="613"/>
      <c r="RJO674" s="613"/>
      <c r="RJP674" s="613"/>
      <c r="RJQ674" s="613"/>
      <c r="RJR674" s="613"/>
      <c r="RJS674" s="613"/>
      <c r="RJT674" s="613"/>
      <c r="RJU674" s="613"/>
      <c r="RJV674" s="613"/>
      <c r="RJW674" s="613"/>
      <c r="RJX674" s="613"/>
      <c r="RJY674" s="613"/>
      <c r="RJZ674" s="613"/>
      <c r="RKA674" s="613"/>
      <c r="RKB674" s="613"/>
      <c r="RKC674" s="613"/>
      <c r="RKD674" s="613"/>
      <c r="RKE674" s="613"/>
      <c r="RKF674" s="613"/>
      <c r="RKG674" s="613"/>
      <c r="RKH674" s="613"/>
      <c r="RKI674" s="613"/>
      <c r="RKJ674" s="613"/>
      <c r="RKK674" s="613"/>
      <c r="RKL674" s="613"/>
      <c r="RKM674" s="613"/>
      <c r="RKN674" s="613"/>
      <c r="RKO674" s="613"/>
      <c r="RKP674" s="613"/>
      <c r="RKQ674" s="613"/>
      <c r="RKR674" s="613"/>
      <c r="RKS674" s="613"/>
      <c r="RKT674" s="613"/>
      <c r="RKU674" s="613"/>
      <c r="RKV674" s="613"/>
      <c r="RKW674" s="613"/>
      <c r="RKX674" s="613"/>
      <c r="RKY674" s="613"/>
      <c r="RKZ674" s="613"/>
      <c r="RLA674" s="613"/>
      <c r="RLB674" s="613"/>
      <c r="RLC674" s="613"/>
      <c r="RLD674" s="613"/>
      <c r="RLE674" s="613"/>
      <c r="RLF674" s="613"/>
      <c r="RLG674" s="613"/>
      <c r="RLH674" s="613"/>
      <c r="RLI674" s="613"/>
      <c r="RLJ674" s="613"/>
      <c r="RLK674" s="613"/>
      <c r="RLL674" s="613"/>
      <c r="RLM674" s="613"/>
      <c r="RLN674" s="613"/>
      <c r="RLO674" s="613"/>
      <c r="RLP674" s="613"/>
      <c r="RLQ674" s="613"/>
      <c r="RLR674" s="613"/>
      <c r="RLS674" s="613"/>
      <c r="RLT674" s="613"/>
      <c r="RLU674" s="613"/>
      <c r="RLV674" s="613"/>
      <c r="RLW674" s="613"/>
      <c r="RLX674" s="613"/>
      <c r="RLY674" s="613"/>
      <c r="RLZ674" s="613"/>
      <c r="RMA674" s="613"/>
      <c r="RMB674" s="613"/>
      <c r="RMC674" s="613"/>
      <c r="RMD674" s="613"/>
      <c r="RME674" s="613"/>
      <c r="RMF674" s="613"/>
      <c r="RMG674" s="613"/>
      <c r="RMH674" s="613"/>
      <c r="RMI674" s="613"/>
      <c r="RMJ674" s="613"/>
      <c r="RMK674" s="613"/>
      <c r="RML674" s="613"/>
      <c r="RMM674" s="613"/>
      <c r="RMN674" s="613"/>
      <c r="RMO674" s="613"/>
      <c r="RMP674" s="613"/>
      <c r="RMQ674" s="613"/>
      <c r="RMR674" s="613"/>
      <c r="RMS674" s="613"/>
      <c r="RMT674" s="613"/>
      <c r="RMU674" s="613"/>
      <c r="RMV674" s="613"/>
      <c r="RMW674" s="613"/>
      <c r="RMX674" s="613"/>
      <c r="RMY674" s="613"/>
      <c r="RMZ674" s="613"/>
      <c r="RNA674" s="613"/>
      <c r="RNB674" s="613"/>
      <c r="RNC674" s="613"/>
      <c r="RND674" s="613"/>
      <c r="RNE674" s="613"/>
      <c r="RNF674" s="613"/>
      <c r="RNG674" s="613"/>
      <c r="RNH674" s="613"/>
      <c r="RNI674" s="613"/>
      <c r="RNJ674" s="613"/>
      <c r="RNK674" s="613"/>
      <c r="RNL674" s="613"/>
      <c r="RNM674" s="613"/>
      <c r="RNN674" s="613"/>
      <c r="RNO674" s="613"/>
      <c r="RNP674" s="613"/>
      <c r="RNQ674" s="613"/>
      <c r="RNR674" s="613"/>
      <c r="RNS674" s="613"/>
      <c r="RNT674" s="613"/>
      <c r="RNU674" s="613"/>
      <c r="RNV674" s="613"/>
      <c r="RNW674" s="613"/>
      <c r="RNX674" s="613"/>
      <c r="RNY674" s="613"/>
      <c r="RNZ674" s="613"/>
      <c r="ROA674" s="613"/>
      <c r="ROB674" s="613"/>
      <c r="ROC674" s="613"/>
      <c r="ROD674" s="613"/>
      <c r="ROE674" s="613"/>
      <c r="ROF674" s="613"/>
      <c r="ROG674" s="613"/>
      <c r="ROH674" s="613"/>
      <c r="ROI674" s="613"/>
      <c r="ROJ674" s="613"/>
      <c r="ROK674" s="613"/>
      <c r="ROL674" s="613"/>
      <c r="ROM674" s="613"/>
      <c r="RON674" s="613"/>
      <c r="ROO674" s="613"/>
      <c r="ROP674" s="613"/>
      <c r="ROQ674" s="613"/>
      <c r="ROR674" s="613"/>
      <c r="ROS674" s="613"/>
      <c r="ROT674" s="613"/>
      <c r="ROU674" s="613"/>
      <c r="ROV674" s="613"/>
      <c r="ROW674" s="613"/>
      <c r="ROX674" s="613"/>
      <c r="ROY674" s="613"/>
      <c r="ROZ674" s="613"/>
      <c r="RPA674" s="613"/>
      <c r="RPB674" s="613"/>
      <c r="RPC674" s="613"/>
      <c r="RPD674" s="613"/>
      <c r="RPE674" s="613"/>
      <c r="RPF674" s="613"/>
      <c r="RPG674" s="613"/>
      <c r="RPH674" s="613"/>
      <c r="RPI674" s="613"/>
      <c r="RPJ674" s="613"/>
      <c r="RPK674" s="613"/>
      <c r="RPL674" s="613"/>
      <c r="RPM674" s="613"/>
      <c r="RPN674" s="613"/>
      <c r="RPO674" s="613"/>
      <c r="RPP674" s="613"/>
      <c r="RPQ674" s="613"/>
      <c r="RPR674" s="613"/>
      <c r="RPS674" s="613"/>
      <c r="RPT674" s="613"/>
      <c r="RPU674" s="613"/>
      <c r="RPV674" s="613"/>
      <c r="RPW674" s="613"/>
      <c r="RPX674" s="613"/>
      <c r="RPY674" s="613"/>
      <c r="RPZ674" s="613"/>
      <c r="RQA674" s="613"/>
      <c r="RQB674" s="613"/>
      <c r="RQC674" s="613"/>
      <c r="RQD674" s="613"/>
      <c r="RQE674" s="613"/>
      <c r="RQF674" s="613"/>
      <c r="RQG674" s="613"/>
      <c r="RQH674" s="613"/>
      <c r="RQI674" s="613"/>
      <c r="RQJ674" s="613"/>
      <c r="RQK674" s="613"/>
      <c r="RQL674" s="613"/>
      <c r="RQM674" s="613"/>
      <c r="RQN674" s="613"/>
      <c r="RQO674" s="613"/>
      <c r="RQP674" s="613"/>
      <c r="RQQ674" s="613"/>
      <c r="RQR674" s="613"/>
      <c r="RQS674" s="613"/>
      <c r="RQT674" s="613"/>
      <c r="RQU674" s="613"/>
      <c r="RQV674" s="613"/>
      <c r="RQW674" s="613"/>
      <c r="RQX674" s="613"/>
      <c r="RQY674" s="613"/>
      <c r="RQZ674" s="613"/>
      <c r="RRA674" s="613"/>
      <c r="RRB674" s="613"/>
      <c r="RRC674" s="613"/>
      <c r="RRD674" s="613"/>
      <c r="RRE674" s="613"/>
      <c r="RRF674" s="613"/>
      <c r="RRG674" s="613"/>
      <c r="RRH674" s="613"/>
      <c r="RRI674" s="613"/>
      <c r="RRJ674" s="613"/>
      <c r="RRK674" s="613"/>
      <c r="RRL674" s="613"/>
      <c r="RRM674" s="613"/>
      <c r="RRN674" s="613"/>
      <c r="RRO674" s="613"/>
      <c r="RRP674" s="613"/>
      <c r="RRQ674" s="613"/>
      <c r="RRR674" s="613"/>
      <c r="RRS674" s="613"/>
      <c r="RRT674" s="613"/>
      <c r="RRU674" s="613"/>
      <c r="RRV674" s="613"/>
      <c r="RRW674" s="613"/>
      <c r="RRX674" s="613"/>
      <c r="RRY674" s="613"/>
      <c r="RRZ674" s="613"/>
      <c r="RSA674" s="613"/>
      <c r="RSB674" s="613"/>
      <c r="RSC674" s="613"/>
      <c r="RSD674" s="613"/>
      <c r="RSE674" s="613"/>
      <c r="RSF674" s="613"/>
      <c r="RSG674" s="613"/>
      <c r="RSH674" s="613"/>
      <c r="RSI674" s="613"/>
      <c r="RSJ674" s="613"/>
      <c r="RSK674" s="613"/>
      <c r="RSL674" s="613"/>
      <c r="RSM674" s="613"/>
      <c r="RSN674" s="613"/>
      <c r="RSO674" s="613"/>
      <c r="RSP674" s="613"/>
      <c r="RSQ674" s="613"/>
      <c r="RSR674" s="613"/>
      <c r="RSS674" s="613"/>
      <c r="RST674" s="613"/>
      <c r="RSU674" s="613"/>
      <c r="RSV674" s="613"/>
      <c r="RSW674" s="613"/>
      <c r="RSX674" s="613"/>
      <c r="RSY674" s="613"/>
      <c r="RSZ674" s="613"/>
      <c r="RTA674" s="613"/>
      <c r="RTB674" s="613"/>
      <c r="RTC674" s="613"/>
      <c r="RTD674" s="613"/>
      <c r="RTE674" s="613"/>
      <c r="RTF674" s="613"/>
      <c r="RTG674" s="613"/>
      <c r="RTH674" s="613"/>
      <c r="RTI674" s="613"/>
      <c r="RTJ674" s="613"/>
      <c r="RTK674" s="613"/>
      <c r="RTL674" s="613"/>
      <c r="RTM674" s="613"/>
      <c r="RTN674" s="613"/>
      <c r="RTO674" s="613"/>
      <c r="RTP674" s="613"/>
      <c r="RTQ674" s="613"/>
      <c r="RTR674" s="613"/>
      <c r="RTS674" s="613"/>
      <c r="RTT674" s="613"/>
      <c r="RTU674" s="613"/>
      <c r="RTV674" s="613"/>
      <c r="RTW674" s="613"/>
      <c r="RTX674" s="613"/>
      <c r="RTY674" s="613"/>
      <c r="RTZ674" s="613"/>
      <c r="RUA674" s="613"/>
      <c r="RUB674" s="613"/>
      <c r="RUC674" s="613"/>
      <c r="RUD674" s="613"/>
      <c r="RUE674" s="613"/>
      <c r="RUF674" s="613"/>
      <c r="RUG674" s="613"/>
      <c r="RUH674" s="613"/>
      <c r="RUI674" s="613"/>
      <c r="RUJ674" s="613"/>
      <c r="RUK674" s="613"/>
      <c r="RUL674" s="613"/>
      <c r="RUM674" s="613"/>
      <c r="RUN674" s="613"/>
      <c r="RUO674" s="613"/>
      <c r="RUP674" s="613"/>
      <c r="RUQ674" s="613"/>
      <c r="RUR674" s="613"/>
      <c r="RUS674" s="613"/>
      <c r="RUT674" s="613"/>
      <c r="RUU674" s="613"/>
      <c r="RUV674" s="613"/>
      <c r="RUW674" s="613"/>
      <c r="RUX674" s="613"/>
      <c r="RUY674" s="613"/>
      <c r="RUZ674" s="613"/>
      <c r="RVA674" s="613"/>
      <c r="RVB674" s="613"/>
      <c r="RVC674" s="613"/>
      <c r="RVD674" s="613"/>
      <c r="RVE674" s="613"/>
      <c r="RVF674" s="613"/>
      <c r="RVG674" s="613"/>
      <c r="RVH674" s="613"/>
      <c r="RVI674" s="613"/>
      <c r="RVJ674" s="613"/>
      <c r="RVK674" s="613"/>
      <c r="RVL674" s="613"/>
      <c r="RVM674" s="613"/>
      <c r="RVN674" s="613"/>
      <c r="RVO674" s="613"/>
      <c r="RVP674" s="613"/>
      <c r="RVQ674" s="613"/>
      <c r="RVR674" s="613"/>
      <c r="RVS674" s="613"/>
      <c r="RVT674" s="613"/>
      <c r="RVU674" s="613"/>
      <c r="RVV674" s="613"/>
      <c r="RVW674" s="613"/>
      <c r="RVX674" s="613"/>
      <c r="RVY674" s="613"/>
      <c r="RVZ674" s="613"/>
      <c r="RWA674" s="613"/>
      <c r="RWB674" s="613"/>
      <c r="RWC674" s="613"/>
      <c r="RWD674" s="613"/>
      <c r="RWE674" s="613"/>
      <c r="RWF674" s="613"/>
      <c r="RWG674" s="613"/>
      <c r="RWH674" s="613"/>
      <c r="RWI674" s="613"/>
      <c r="RWJ674" s="613"/>
      <c r="RWK674" s="613"/>
      <c r="RWL674" s="613"/>
      <c r="RWM674" s="613"/>
      <c r="RWN674" s="613"/>
      <c r="RWO674" s="613"/>
      <c r="RWP674" s="613"/>
      <c r="RWQ674" s="613"/>
      <c r="RWR674" s="613"/>
      <c r="RWS674" s="613"/>
      <c r="RWT674" s="613"/>
      <c r="RWU674" s="613"/>
      <c r="RWV674" s="613"/>
      <c r="RWW674" s="613"/>
      <c r="RWX674" s="613"/>
      <c r="RWY674" s="613"/>
      <c r="RWZ674" s="613"/>
      <c r="RXA674" s="613"/>
      <c r="RXB674" s="613"/>
      <c r="RXC674" s="613"/>
      <c r="RXD674" s="613"/>
      <c r="RXE674" s="613"/>
      <c r="RXF674" s="613"/>
      <c r="RXG674" s="613"/>
      <c r="RXH674" s="613"/>
      <c r="RXI674" s="613"/>
      <c r="RXJ674" s="613"/>
      <c r="RXK674" s="613"/>
      <c r="RXL674" s="613"/>
      <c r="RXM674" s="613"/>
      <c r="RXN674" s="613"/>
      <c r="RXO674" s="613"/>
      <c r="RXP674" s="613"/>
      <c r="RXQ674" s="613"/>
      <c r="RXR674" s="613"/>
      <c r="RXS674" s="613"/>
      <c r="RXT674" s="613"/>
      <c r="RXU674" s="613"/>
      <c r="RXV674" s="613"/>
      <c r="RXW674" s="613"/>
      <c r="RXX674" s="613"/>
      <c r="RXY674" s="613"/>
      <c r="RXZ674" s="613"/>
      <c r="RYA674" s="613"/>
      <c r="RYB674" s="613"/>
      <c r="RYC674" s="613"/>
      <c r="RYD674" s="613"/>
      <c r="RYE674" s="613"/>
      <c r="RYF674" s="613"/>
      <c r="RYG674" s="613"/>
      <c r="RYH674" s="613"/>
      <c r="RYI674" s="613"/>
      <c r="RYJ674" s="613"/>
      <c r="RYK674" s="613"/>
      <c r="RYL674" s="613"/>
      <c r="RYM674" s="613"/>
      <c r="RYN674" s="613"/>
      <c r="RYO674" s="613"/>
      <c r="RYP674" s="613"/>
      <c r="RYQ674" s="613"/>
      <c r="RYR674" s="613"/>
      <c r="RYS674" s="613"/>
      <c r="RYT674" s="613"/>
      <c r="RYU674" s="613"/>
      <c r="RYV674" s="613"/>
      <c r="RYW674" s="613"/>
      <c r="RYX674" s="613"/>
      <c r="RYY674" s="613"/>
      <c r="RYZ674" s="613"/>
      <c r="RZA674" s="613"/>
      <c r="RZB674" s="613"/>
      <c r="RZC674" s="613"/>
      <c r="RZD674" s="613"/>
      <c r="RZE674" s="613"/>
      <c r="RZF674" s="613"/>
      <c r="RZG674" s="613"/>
      <c r="RZH674" s="613"/>
      <c r="RZI674" s="613"/>
      <c r="RZJ674" s="613"/>
      <c r="RZK674" s="613"/>
      <c r="RZL674" s="613"/>
      <c r="RZM674" s="613"/>
      <c r="RZN674" s="613"/>
      <c r="RZO674" s="613"/>
      <c r="RZP674" s="613"/>
      <c r="RZQ674" s="613"/>
      <c r="RZR674" s="613"/>
      <c r="RZS674" s="613"/>
      <c r="RZT674" s="613"/>
      <c r="RZU674" s="613"/>
      <c r="RZV674" s="613"/>
      <c r="RZW674" s="613"/>
      <c r="RZX674" s="613"/>
      <c r="RZY674" s="613"/>
      <c r="RZZ674" s="613"/>
      <c r="SAA674" s="613"/>
      <c r="SAB674" s="613"/>
      <c r="SAC674" s="613"/>
      <c r="SAD674" s="613"/>
      <c r="SAE674" s="613"/>
      <c r="SAF674" s="613"/>
      <c r="SAG674" s="613"/>
      <c r="SAH674" s="613"/>
      <c r="SAI674" s="613"/>
      <c r="SAJ674" s="613"/>
      <c r="SAK674" s="613"/>
      <c r="SAL674" s="613"/>
      <c r="SAM674" s="613"/>
      <c r="SAN674" s="613"/>
      <c r="SAO674" s="613"/>
      <c r="SAP674" s="613"/>
      <c r="SAQ674" s="613"/>
      <c r="SAR674" s="613"/>
      <c r="SAS674" s="613"/>
      <c r="SAT674" s="613"/>
      <c r="SAU674" s="613"/>
      <c r="SAV674" s="613"/>
      <c r="SAW674" s="613"/>
      <c r="SAX674" s="613"/>
      <c r="SAY674" s="613"/>
      <c r="SAZ674" s="613"/>
      <c r="SBA674" s="613"/>
      <c r="SBB674" s="613"/>
      <c r="SBC674" s="613"/>
      <c r="SBD674" s="613"/>
      <c r="SBE674" s="613"/>
      <c r="SBF674" s="613"/>
      <c r="SBG674" s="613"/>
      <c r="SBH674" s="613"/>
      <c r="SBI674" s="613"/>
      <c r="SBJ674" s="613"/>
      <c r="SBK674" s="613"/>
      <c r="SBL674" s="613"/>
      <c r="SBM674" s="613"/>
      <c r="SBN674" s="613"/>
      <c r="SBO674" s="613"/>
      <c r="SBP674" s="613"/>
      <c r="SBQ674" s="613"/>
      <c r="SBR674" s="613"/>
      <c r="SBS674" s="613"/>
      <c r="SBT674" s="613"/>
      <c r="SBU674" s="613"/>
      <c r="SBV674" s="613"/>
      <c r="SBW674" s="613"/>
      <c r="SBX674" s="613"/>
      <c r="SBY674" s="613"/>
      <c r="SBZ674" s="613"/>
      <c r="SCA674" s="613"/>
      <c r="SCB674" s="613"/>
      <c r="SCC674" s="613"/>
      <c r="SCD674" s="613"/>
      <c r="SCE674" s="613"/>
      <c r="SCF674" s="613"/>
      <c r="SCG674" s="613"/>
      <c r="SCH674" s="613"/>
      <c r="SCI674" s="613"/>
      <c r="SCJ674" s="613"/>
      <c r="SCK674" s="613"/>
      <c r="SCL674" s="613"/>
      <c r="SCM674" s="613"/>
      <c r="SCN674" s="613"/>
      <c r="SCO674" s="613"/>
      <c r="SCP674" s="613"/>
      <c r="SCQ674" s="613"/>
      <c r="SCR674" s="613"/>
      <c r="SCS674" s="613"/>
      <c r="SCT674" s="613"/>
      <c r="SCU674" s="613"/>
      <c r="SCV674" s="613"/>
      <c r="SCW674" s="613"/>
      <c r="SCX674" s="613"/>
      <c r="SCY674" s="613"/>
      <c r="SCZ674" s="613"/>
      <c r="SDA674" s="613"/>
      <c r="SDB674" s="613"/>
      <c r="SDC674" s="613"/>
      <c r="SDD674" s="613"/>
      <c r="SDE674" s="613"/>
      <c r="SDF674" s="613"/>
      <c r="SDG674" s="613"/>
      <c r="SDH674" s="613"/>
      <c r="SDI674" s="613"/>
      <c r="SDJ674" s="613"/>
      <c r="SDK674" s="613"/>
      <c r="SDL674" s="613"/>
      <c r="SDM674" s="613"/>
      <c r="SDN674" s="613"/>
      <c r="SDO674" s="613"/>
      <c r="SDP674" s="613"/>
      <c r="SDQ674" s="613"/>
      <c r="SDR674" s="613"/>
      <c r="SDS674" s="613"/>
      <c r="SDT674" s="613"/>
      <c r="SDU674" s="613"/>
      <c r="SDV674" s="613"/>
      <c r="SDW674" s="613"/>
      <c r="SDX674" s="613"/>
      <c r="SDY674" s="613"/>
      <c r="SDZ674" s="613"/>
      <c r="SEA674" s="613"/>
      <c r="SEB674" s="613"/>
      <c r="SEC674" s="613"/>
      <c r="SED674" s="613"/>
      <c r="SEE674" s="613"/>
      <c r="SEF674" s="613"/>
      <c r="SEG674" s="613"/>
      <c r="SEH674" s="613"/>
      <c r="SEI674" s="613"/>
      <c r="SEJ674" s="613"/>
      <c r="SEK674" s="613"/>
      <c r="SEL674" s="613"/>
      <c r="SEM674" s="613"/>
      <c r="SEN674" s="613"/>
      <c r="SEO674" s="613"/>
      <c r="SEP674" s="613"/>
      <c r="SEQ674" s="613"/>
      <c r="SER674" s="613"/>
      <c r="SES674" s="613"/>
      <c r="SET674" s="613"/>
      <c r="SEU674" s="613"/>
      <c r="SEV674" s="613"/>
      <c r="SEW674" s="613"/>
      <c r="SEX674" s="613"/>
      <c r="SEY674" s="613"/>
      <c r="SEZ674" s="613"/>
      <c r="SFA674" s="613"/>
      <c r="SFB674" s="613"/>
      <c r="SFC674" s="613"/>
      <c r="SFD674" s="613"/>
      <c r="SFE674" s="613"/>
      <c r="SFF674" s="613"/>
      <c r="SFG674" s="613"/>
      <c r="SFH674" s="613"/>
      <c r="SFI674" s="613"/>
      <c r="SFJ674" s="613"/>
      <c r="SFK674" s="613"/>
      <c r="SFL674" s="613"/>
      <c r="SFM674" s="613"/>
      <c r="SFN674" s="613"/>
      <c r="SFO674" s="613"/>
      <c r="SFP674" s="613"/>
      <c r="SFQ674" s="613"/>
      <c r="SFR674" s="613"/>
      <c r="SFS674" s="613"/>
      <c r="SFT674" s="613"/>
      <c r="SFU674" s="613"/>
      <c r="SFV674" s="613"/>
      <c r="SFW674" s="613"/>
      <c r="SFX674" s="613"/>
      <c r="SFY674" s="613"/>
      <c r="SFZ674" s="613"/>
      <c r="SGA674" s="613"/>
      <c r="SGB674" s="613"/>
      <c r="SGC674" s="613"/>
      <c r="SGD674" s="613"/>
      <c r="SGE674" s="613"/>
      <c r="SGF674" s="613"/>
      <c r="SGG674" s="613"/>
      <c r="SGH674" s="613"/>
      <c r="SGI674" s="613"/>
      <c r="SGJ674" s="613"/>
      <c r="SGK674" s="613"/>
      <c r="SGL674" s="613"/>
      <c r="SGM674" s="613"/>
      <c r="SGN674" s="613"/>
      <c r="SGO674" s="613"/>
      <c r="SGP674" s="613"/>
      <c r="SGQ674" s="613"/>
      <c r="SGR674" s="613"/>
      <c r="SGS674" s="613"/>
      <c r="SGT674" s="613"/>
      <c r="SGU674" s="613"/>
      <c r="SGV674" s="613"/>
      <c r="SGW674" s="613"/>
      <c r="SGX674" s="613"/>
      <c r="SGY674" s="613"/>
      <c r="SGZ674" s="613"/>
      <c r="SHA674" s="613"/>
      <c r="SHB674" s="613"/>
      <c r="SHC674" s="613"/>
      <c r="SHD674" s="613"/>
      <c r="SHE674" s="613"/>
      <c r="SHF674" s="613"/>
      <c r="SHG674" s="613"/>
      <c r="SHH674" s="613"/>
      <c r="SHI674" s="613"/>
      <c r="SHJ674" s="613"/>
      <c r="SHK674" s="613"/>
      <c r="SHL674" s="613"/>
      <c r="SHM674" s="613"/>
      <c r="SHN674" s="613"/>
      <c r="SHO674" s="613"/>
      <c r="SHP674" s="613"/>
      <c r="SHQ674" s="613"/>
      <c r="SHR674" s="613"/>
      <c r="SHS674" s="613"/>
      <c r="SHT674" s="613"/>
      <c r="SHU674" s="613"/>
      <c r="SHV674" s="613"/>
      <c r="SHW674" s="613"/>
      <c r="SHX674" s="613"/>
      <c r="SHY674" s="613"/>
      <c r="SHZ674" s="613"/>
      <c r="SIA674" s="613"/>
      <c r="SIB674" s="613"/>
      <c r="SIC674" s="613"/>
      <c r="SID674" s="613"/>
      <c r="SIE674" s="613"/>
      <c r="SIF674" s="613"/>
      <c r="SIG674" s="613"/>
      <c r="SIH674" s="613"/>
      <c r="SII674" s="613"/>
      <c r="SIJ674" s="613"/>
      <c r="SIK674" s="613"/>
      <c r="SIL674" s="613"/>
      <c r="SIM674" s="613"/>
      <c r="SIN674" s="613"/>
      <c r="SIO674" s="613"/>
      <c r="SIP674" s="613"/>
      <c r="SIQ674" s="613"/>
      <c r="SIR674" s="613"/>
      <c r="SIS674" s="613"/>
      <c r="SIT674" s="613"/>
      <c r="SIU674" s="613"/>
      <c r="SIV674" s="613"/>
      <c r="SIW674" s="613"/>
      <c r="SIX674" s="613"/>
      <c r="SIY674" s="613"/>
      <c r="SIZ674" s="613"/>
      <c r="SJA674" s="613"/>
      <c r="SJB674" s="613"/>
      <c r="SJC674" s="613"/>
      <c r="SJD674" s="613"/>
      <c r="SJE674" s="613"/>
      <c r="SJF674" s="613"/>
      <c r="SJG674" s="613"/>
      <c r="SJH674" s="613"/>
      <c r="SJI674" s="613"/>
      <c r="SJJ674" s="613"/>
      <c r="SJK674" s="613"/>
      <c r="SJL674" s="613"/>
      <c r="SJM674" s="613"/>
      <c r="SJN674" s="613"/>
      <c r="SJO674" s="613"/>
      <c r="SJP674" s="613"/>
      <c r="SJQ674" s="613"/>
      <c r="SJR674" s="613"/>
      <c r="SJS674" s="613"/>
      <c r="SJT674" s="613"/>
      <c r="SJU674" s="613"/>
      <c r="SJV674" s="613"/>
      <c r="SJW674" s="613"/>
      <c r="SJX674" s="613"/>
      <c r="SJY674" s="613"/>
      <c r="SJZ674" s="613"/>
      <c r="SKA674" s="613"/>
      <c r="SKB674" s="613"/>
      <c r="SKC674" s="613"/>
      <c r="SKD674" s="613"/>
      <c r="SKE674" s="613"/>
      <c r="SKF674" s="613"/>
      <c r="SKG674" s="613"/>
      <c r="SKH674" s="613"/>
      <c r="SKI674" s="613"/>
      <c r="SKJ674" s="613"/>
      <c r="SKK674" s="613"/>
      <c r="SKL674" s="613"/>
      <c r="SKM674" s="613"/>
      <c r="SKN674" s="613"/>
      <c r="SKO674" s="613"/>
      <c r="SKP674" s="613"/>
      <c r="SKQ674" s="613"/>
      <c r="SKR674" s="613"/>
      <c r="SKS674" s="613"/>
      <c r="SKT674" s="613"/>
      <c r="SKU674" s="613"/>
      <c r="SKV674" s="613"/>
      <c r="SKW674" s="613"/>
      <c r="SKX674" s="613"/>
      <c r="SKY674" s="613"/>
      <c r="SKZ674" s="613"/>
      <c r="SLA674" s="613"/>
      <c r="SLB674" s="613"/>
      <c r="SLC674" s="613"/>
      <c r="SLD674" s="613"/>
      <c r="SLE674" s="613"/>
      <c r="SLF674" s="613"/>
      <c r="SLG674" s="613"/>
      <c r="SLH674" s="613"/>
      <c r="SLI674" s="613"/>
      <c r="SLJ674" s="613"/>
      <c r="SLK674" s="613"/>
      <c r="SLL674" s="613"/>
      <c r="SLM674" s="613"/>
      <c r="SLN674" s="613"/>
      <c r="SLO674" s="613"/>
      <c r="SLP674" s="613"/>
      <c r="SLQ674" s="613"/>
      <c r="SLR674" s="613"/>
      <c r="SLS674" s="613"/>
      <c r="SLT674" s="613"/>
      <c r="SLU674" s="613"/>
      <c r="SLV674" s="613"/>
      <c r="SLW674" s="613"/>
      <c r="SLX674" s="613"/>
      <c r="SLY674" s="613"/>
      <c r="SLZ674" s="613"/>
      <c r="SMA674" s="613"/>
      <c r="SMB674" s="613"/>
      <c r="SMC674" s="613"/>
      <c r="SMD674" s="613"/>
      <c r="SME674" s="613"/>
      <c r="SMF674" s="613"/>
      <c r="SMG674" s="613"/>
      <c r="SMH674" s="613"/>
      <c r="SMI674" s="613"/>
      <c r="SMJ674" s="613"/>
      <c r="SMK674" s="613"/>
      <c r="SML674" s="613"/>
      <c r="SMM674" s="613"/>
      <c r="SMN674" s="613"/>
      <c r="SMO674" s="613"/>
      <c r="SMP674" s="613"/>
      <c r="SMQ674" s="613"/>
      <c r="SMR674" s="613"/>
      <c r="SMS674" s="613"/>
      <c r="SMT674" s="613"/>
      <c r="SMU674" s="613"/>
      <c r="SMV674" s="613"/>
      <c r="SMW674" s="613"/>
      <c r="SMX674" s="613"/>
      <c r="SMY674" s="613"/>
      <c r="SMZ674" s="613"/>
      <c r="SNA674" s="613"/>
      <c r="SNB674" s="613"/>
      <c r="SNC674" s="613"/>
      <c r="SND674" s="613"/>
      <c r="SNE674" s="613"/>
      <c r="SNF674" s="613"/>
      <c r="SNG674" s="613"/>
      <c r="SNH674" s="613"/>
      <c r="SNI674" s="613"/>
      <c r="SNJ674" s="613"/>
      <c r="SNK674" s="613"/>
      <c r="SNL674" s="613"/>
      <c r="SNM674" s="613"/>
      <c r="SNN674" s="613"/>
      <c r="SNO674" s="613"/>
      <c r="SNP674" s="613"/>
      <c r="SNQ674" s="613"/>
      <c r="SNR674" s="613"/>
      <c r="SNS674" s="613"/>
      <c r="SNT674" s="613"/>
      <c r="SNU674" s="613"/>
      <c r="SNV674" s="613"/>
      <c r="SNW674" s="613"/>
      <c r="SNX674" s="613"/>
      <c r="SNY674" s="613"/>
      <c r="SNZ674" s="613"/>
      <c r="SOA674" s="613"/>
      <c r="SOB674" s="613"/>
      <c r="SOC674" s="613"/>
      <c r="SOD674" s="613"/>
      <c r="SOE674" s="613"/>
      <c r="SOF674" s="613"/>
      <c r="SOG674" s="613"/>
      <c r="SOH674" s="613"/>
      <c r="SOI674" s="613"/>
      <c r="SOJ674" s="613"/>
      <c r="SOK674" s="613"/>
      <c r="SOL674" s="613"/>
      <c r="SOM674" s="613"/>
      <c r="SON674" s="613"/>
      <c r="SOO674" s="613"/>
      <c r="SOP674" s="613"/>
      <c r="SOQ674" s="613"/>
      <c r="SOR674" s="613"/>
      <c r="SOS674" s="613"/>
      <c r="SOT674" s="613"/>
      <c r="SOU674" s="613"/>
      <c r="SOV674" s="613"/>
      <c r="SOW674" s="613"/>
      <c r="SOX674" s="613"/>
      <c r="SOY674" s="613"/>
      <c r="SOZ674" s="613"/>
      <c r="SPA674" s="613"/>
      <c r="SPB674" s="613"/>
      <c r="SPC674" s="613"/>
      <c r="SPD674" s="613"/>
      <c r="SPE674" s="613"/>
      <c r="SPF674" s="613"/>
      <c r="SPG674" s="613"/>
      <c r="SPH674" s="613"/>
      <c r="SPI674" s="613"/>
      <c r="SPJ674" s="613"/>
      <c r="SPK674" s="613"/>
      <c r="SPL674" s="613"/>
      <c r="SPM674" s="613"/>
      <c r="SPN674" s="613"/>
      <c r="SPO674" s="613"/>
      <c r="SPP674" s="613"/>
      <c r="SPQ674" s="613"/>
      <c r="SPR674" s="613"/>
      <c r="SPS674" s="613"/>
      <c r="SPT674" s="613"/>
      <c r="SPU674" s="613"/>
      <c r="SPV674" s="613"/>
      <c r="SPW674" s="613"/>
      <c r="SPX674" s="613"/>
      <c r="SPY674" s="613"/>
      <c r="SPZ674" s="613"/>
      <c r="SQA674" s="613"/>
      <c r="SQB674" s="613"/>
      <c r="SQC674" s="613"/>
      <c r="SQD674" s="613"/>
      <c r="SQE674" s="613"/>
      <c r="SQF674" s="613"/>
      <c r="SQG674" s="613"/>
      <c r="SQH674" s="613"/>
      <c r="SQI674" s="613"/>
      <c r="SQJ674" s="613"/>
      <c r="SQK674" s="613"/>
      <c r="SQL674" s="613"/>
      <c r="SQM674" s="613"/>
      <c r="SQN674" s="613"/>
      <c r="SQO674" s="613"/>
      <c r="SQP674" s="613"/>
      <c r="SQQ674" s="613"/>
      <c r="SQR674" s="613"/>
      <c r="SQS674" s="613"/>
      <c r="SQT674" s="613"/>
      <c r="SQU674" s="613"/>
      <c r="SQV674" s="613"/>
      <c r="SQW674" s="613"/>
      <c r="SQX674" s="613"/>
      <c r="SQY674" s="613"/>
      <c r="SQZ674" s="613"/>
      <c r="SRA674" s="613"/>
      <c r="SRB674" s="613"/>
      <c r="SRC674" s="613"/>
      <c r="SRD674" s="613"/>
      <c r="SRE674" s="613"/>
      <c r="SRF674" s="613"/>
      <c r="SRG674" s="613"/>
      <c r="SRH674" s="613"/>
      <c r="SRI674" s="613"/>
      <c r="SRJ674" s="613"/>
      <c r="SRK674" s="613"/>
      <c r="SRL674" s="613"/>
      <c r="SRM674" s="613"/>
      <c r="SRN674" s="613"/>
      <c r="SRO674" s="613"/>
      <c r="SRP674" s="613"/>
      <c r="SRQ674" s="613"/>
      <c r="SRR674" s="613"/>
      <c r="SRS674" s="613"/>
      <c r="SRT674" s="613"/>
      <c r="SRU674" s="613"/>
      <c r="SRV674" s="613"/>
      <c r="SRW674" s="613"/>
      <c r="SRX674" s="613"/>
      <c r="SRY674" s="613"/>
      <c r="SRZ674" s="613"/>
      <c r="SSA674" s="613"/>
      <c r="SSB674" s="613"/>
      <c r="SSC674" s="613"/>
      <c r="SSD674" s="613"/>
      <c r="SSE674" s="613"/>
      <c r="SSF674" s="613"/>
      <c r="SSG674" s="613"/>
      <c r="SSH674" s="613"/>
      <c r="SSI674" s="613"/>
      <c r="SSJ674" s="613"/>
      <c r="SSK674" s="613"/>
      <c r="SSL674" s="613"/>
      <c r="SSM674" s="613"/>
      <c r="SSN674" s="613"/>
      <c r="SSO674" s="613"/>
      <c r="SSP674" s="613"/>
      <c r="SSQ674" s="613"/>
      <c r="SSR674" s="613"/>
      <c r="SSS674" s="613"/>
      <c r="SST674" s="613"/>
      <c r="SSU674" s="613"/>
      <c r="SSV674" s="613"/>
      <c r="SSW674" s="613"/>
      <c r="SSX674" s="613"/>
      <c r="SSY674" s="613"/>
      <c r="SSZ674" s="613"/>
      <c r="STA674" s="613"/>
      <c r="STB674" s="613"/>
      <c r="STC674" s="613"/>
      <c r="STD674" s="613"/>
      <c r="STE674" s="613"/>
      <c r="STF674" s="613"/>
      <c r="STG674" s="613"/>
      <c r="STH674" s="613"/>
      <c r="STI674" s="613"/>
      <c r="STJ674" s="613"/>
      <c r="STK674" s="613"/>
      <c r="STL674" s="613"/>
      <c r="STM674" s="613"/>
      <c r="STN674" s="613"/>
      <c r="STO674" s="613"/>
      <c r="STP674" s="613"/>
      <c r="STQ674" s="613"/>
      <c r="STR674" s="613"/>
      <c r="STS674" s="613"/>
      <c r="STT674" s="613"/>
      <c r="STU674" s="613"/>
      <c r="STV674" s="613"/>
      <c r="STW674" s="613"/>
      <c r="STX674" s="613"/>
      <c r="STY674" s="613"/>
      <c r="STZ674" s="613"/>
      <c r="SUA674" s="613"/>
      <c r="SUB674" s="613"/>
      <c r="SUC674" s="613"/>
      <c r="SUD674" s="613"/>
      <c r="SUE674" s="613"/>
      <c r="SUF674" s="613"/>
      <c r="SUG674" s="613"/>
      <c r="SUH674" s="613"/>
      <c r="SUI674" s="613"/>
      <c r="SUJ674" s="613"/>
      <c r="SUK674" s="613"/>
      <c r="SUL674" s="613"/>
      <c r="SUM674" s="613"/>
      <c r="SUN674" s="613"/>
      <c r="SUO674" s="613"/>
      <c r="SUP674" s="613"/>
      <c r="SUQ674" s="613"/>
      <c r="SUR674" s="613"/>
      <c r="SUS674" s="613"/>
      <c r="SUT674" s="613"/>
      <c r="SUU674" s="613"/>
      <c r="SUV674" s="613"/>
      <c r="SUW674" s="613"/>
      <c r="SUX674" s="613"/>
      <c r="SUY674" s="613"/>
      <c r="SUZ674" s="613"/>
      <c r="SVA674" s="613"/>
      <c r="SVB674" s="613"/>
      <c r="SVC674" s="613"/>
      <c r="SVD674" s="613"/>
      <c r="SVE674" s="613"/>
      <c r="SVF674" s="613"/>
      <c r="SVG674" s="613"/>
      <c r="SVH674" s="613"/>
      <c r="SVI674" s="613"/>
      <c r="SVJ674" s="613"/>
      <c r="SVK674" s="613"/>
      <c r="SVL674" s="613"/>
      <c r="SVM674" s="613"/>
      <c r="SVN674" s="613"/>
      <c r="SVO674" s="613"/>
      <c r="SVP674" s="613"/>
      <c r="SVQ674" s="613"/>
      <c r="SVR674" s="613"/>
      <c r="SVS674" s="613"/>
      <c r="SVT674" s="613"/>
      <c r="SVU674" s="613"/>
      <c r="SVV674" s="613"/>
      <c r="SVW674" s="613"/>
      <c r="SVX674" s="613"/>
      <c r="SVY674" s="613"/>
      <c r="SVZ674" s="613"/>
      <c r="SWA674" s="613"/>
      <c r="SWB674" s="613"/>
      <c r="SWC674" s="613"/>
      <c r="SWD674" s="613"/>
      <c r="SWE674" s="613"/>
      <c r="SWF674" s="613"/>
      <c r="SWG674" s="613"/>
      <c r="SWH674" s="613"/>
      <c r="SWI674" s="613"/>
      <c r="SWJ674" s="613"/>
      <c r="SWK674" s="613"/>
      <c r="SWL674" s="613"/>
      <c r="SWM674" s="613"/>
      <c r="SWN674" s="613"/>
      <c r="SWO674" s="613"/>
      <c r="SWP674" s="613"/>
      <c r="SWQ674" s="613"/>
      <c r="SWR674" s="613"/>
      <c r="SWS674" s="613"/>
      <c r="SWT674" s="613"/>
      <c r="SWU674" s="613"/>
      <c r="SWV674" s="613"/>
      <c r="SWW674" s="613"/>
      <c r="SWX674" s="613"/>
      <c r="SWY674" s="613"/>
      <c r="SWZ674" s="613"/>
      <c r="SXA674" s="613"/>
      <c r="SXB674" s="613"/>
      <c r="SXC674" s="613"/>
      <c r="SXD674" s="613"/>
      <c r="SXE674" s="613"/>
      <c r="SXF674" s="613"/>
      <c r="SXG674" s="613"/>
      <c r="SXH674" s="613"/>
      <c r="SXI674" s="613"/>
      <c r="SXJ674" s="613"/>
      <c r="SXK674" s="613"/>
      <c r="SXL674" s="613"/>
      <c r="SXM674" s="613"/>
      <c r="SXN674" s="613"/>
      <c r="SXO674" s="613"/>
      <c r="SXP674" s="613"/>
      <c r="SXQ674" s="613"/>
      <c r="SXR674" s="613"/>
      <c r="SXS674" s="613"/>
      <c r="SXT674" s="613"/>
      <c r="SXU674" s="613"/>
      <c r="SXV674" s="613"/>
      <c r="SXW674" s="613"/>
      <c r="SXX674" s="613"/>
      <c r="SXY674" s="613"/>
      <c r="SXZ674" s="613"/>
      <c r="SYA674" s="613"/>
      <c r="SYB674" s="613"/>
      <c r="SYC674" s="613"/>
      <c r="SYD674" s="613"/>
      <c r="SYE674" s="613"/>
      <c r="SYF674" s="613"/>
      <c r="SYG674" s="613"/>
      <c r="SYH674" s="613"/>
      <c r="SYI674" s="613"/>
      <c r="SYJ674" s="613"/>
      <c r="SYK674" s="613"/>
      <c r="SYL674" s="613"/>
      <c r="SYM674" s="613"/>
      <c r="SYN674" s="613"/>
      <c r="SYO674" s="613"/>
      <c r="SYP674" s="613"/>
      <c r="SYQ674" s="613"/>
      <c r="SYR674" s="613"/>
      <c r="SYS674" s="613"/>
      <c r="SYT674" s="613"/>
      <c r="SYU674" s="613"/>
      <c r="SYV674" s="613"/>
      <c r="SYW674" s="613"/>
      <c r="SYX674" s="613"/>
      <c r="SYY674" s="613"/>
      <c r="SYZ674" s="613"/>
      <c r="SZA674" s="613"/>
      <c r="SZB674" s="613"/>
      <c r="SZC674" s="613"/>
      <c r="SZD674" s="613"/>
      <c r="SZE674" s="613"/>
      <c r="SZF674" s="613"/>
      <c r="SZG674" s="613"/>
      <c r="SZH674" s="613"/>
      <c r="SZI674" s="613"/>
      <c r="SZJ674" s="613"/>
      <c r="SZK674" s="613"/>
      <c r="SZL674" s="613"/>
      <c r="SZM674" s="613"/>
      <c r="SZN674" s="613"/>
      <c r="SZO674" s="613"/>
      <c r="SZP674" s="613"/>
      <c r="SZQ674" s="613"/>
      <c r="SZR674" s="613"/>
      <c r="SZS674" s="613"/>
      <c r="SZT674" s="613"/>
      <c r="SZU674" s="613"/>
      <c r="SZV674" s="613"/>
      <c r="SZW674" s="613"/>
      <c r="SZX674" s="613"/>
      <c r="SZY674" s="613"/>
      <c r="SZZ674" s="613"/>
      <c r="TAA674" s="613"/>
      <c r="TAB674" s="613"/>
      <c r="TAC674" s="613"/>
      <c r="TAD674" s="613"/>
      <c r="TAE674" s="613"/>
      <c r="TAF674" s="613"/>
      <c r="TAG674" s="613"/>
      <c r="TAH674" s="613"/>
      <c r="TAI674" s="613"/>
      <c r="TAJ674" s="613"/>
      <c r="TAK674" s="613"/>
      <c r="TAL674" s="613"/>
      <c r="TAM674" s="613"/>
      <c r="TAN674" s="613"/>
      <c r="TAO674" s="613"/>
      <c r="TAP674" s="613"/>
      <c r="TAQ674" s="613"/>
      <c r="TAR674" s="613"/>
      <c r="TAS674" s="613"/>
      <c r="TAT674" s="613"/>
      <c r="TAU674" s="613"/>
      <c r="TAV674" s="613"/>
      <c r="TAW674" s="613"/>
      <c r="TAX674" s="613"/>
      <c r="TAY674" s="613"/>
      <c r="TAZ674" s="613"/>
      <c r="TBA674" s="613"/>
      <c r="TBB674" s="613"/>
      <c r="TBC674" s="613"/>
      <c r="TBD674" s="613"/>
      <c r="TBE674" s="613"/>
      <c r="TBF674" s="613"/>
      <c r="TBG674" s="613"/>
      <c r="TBH674" s="613"/>
      <c r="TBI674" s="613"/>
      <c r="TBJ674" s="613"/>
      <c r="TBK674" s="613"/>
      <c r="TBL674" s="613"/>
      <c r="TBM674" s="613"/>
      <c r="TBN674" s="613"/>
      <c r="TBO674" s="613"/>
      <c r="TBP674" s="613"/>
      <c r="TBQ674" s="613"/>
      <c r="TBR674" s="613"/>
      <c r="TBS674" s="613"/>
      <c r="TBT674" s="613"/>
      <c r="TBU674" s="613"/>
      <c r="TBV674" s="613"/>
      <c r="TBW674" s="613"/>
      <c r="TBX674" s="613"/>
      <c r="TBY674" s="613"/>
      <c r="TBZ674" s="613"/>
      <c r="TCA674" s="613"/>
      <c r="TCB674" s="613"/>
      <c r="TCC674" s="613"/>
      <c r="TCD674" s="613"/>
      <c r="TCE674" s="613"/>
      <c r="TCF674" s="613"/>
      <c r="TCG674" s="613"/>
      <c r="TCH674" s="613"/>
      <c r="TCI674" s="613"/>
      <c r="TCJ674" s="613"/>
      <c r="TCK674" s="613"/>
      <c r="TCL674" s="613"/>
      <c r="TCM674" s="613"/>
      <c r="TCN674" s="613"/>
      <c r="TCO674" s="613"/>
      <c r="TCP674" s="613"/>
      <c r="TCQ674" s="613"/>
      <c r="TCR674" s="613"/>
      <c r="TCS674" s="613"/>
      <c r="TCT674" s="613"/>
      <c r="TCU674" s="613"/>
      <c r="TCV674" s="613"/>
      <c r="TCW674" s="613"/>
      <c r="TCX674" s="613"/>
      <c r="TCY674" s="613"/>
      <c r="TCZ674" s="613"/>
      <c r="TDA674" s="613"/>
      <c r="TDB674" s="613"/>
      <c r="TDC674" s="613"/>
      <c r="TDD674" s="613"/>
      <c r="TDE674" s="613"/>
      <c r="TDF674" s="613"/>
      <c r="TDG674" s="613"/>
      <c r="TDH674" s="613"/>
      <c r="TDI674" s="613"/>
      <c r="TDJ674" s="613"/>
      <c r="TDK674" s="613"/>
      <c r="TDL674" s="613"/>
      <c r="TDM674" s="613"/>
      <c r="TDN674" s="613"/>
      <c r="TDO674" s="613"/>
      <c r="TDP674" s="613"/>
      <c r="TDQ674" s="613"/>
      <c r="TDR674" s="613"/>
      <c r="TDS674" s="613"/>
      <c r="TDT674" s="613"/>
      <c r="TDU674" s="613"/>
      <c r="TDV674" s="613"/>
      <c r="TDW674" s="613"/>
      <c r="TDX674" s="613"/>
      <c r="TDY674" s="613"/>
      <c r="TDZ674" s="613"/>
      <c r="TEA674" s="613"/>
      <c r="TEB674" s="613"/>
      <c r="TEC674" s="613"/>
      <c r="TED674" s="613"/>
      <c r="TEE674" s="613"/>
      <c r="TEF674" s="613"/>
      <c r="TEG674" s="613"/>
      <c r="TEH674" s="613"/>
      <c r="TEI674" s="613"/>
      <c r="TEJ674" s="613"/>
      <c r="TEK674" s="613"/>
      <c r="TEL674" s="613"/>
      <c r="TEM674" s="613"/>
      <c r="TEN674" s="613"/>
      <c r="TEO674" s="613"/>
      <c r="TEP674" s="613"/>
      <c r="TEQ674" s="613"/>
      <c r="TER674" s="613"/>
      <c r="TES674" s="613"/>
      <c r="TET674" s="613"/>
      <c r="TEU674" s="613"/>
      <c r="TEV674" s="613"/>
      <c r="TEW674" s="613"/>
      <c r="TEX674" s="613"/>
      <c r="TEY674" s="613"/>
      <c r="TEZ674" s="613"/>
      <c r="TFA674" s="613"/>
      <c r="TFB674" s="613"/>
      <c r="TFC674" s="613"/>
      <c r="TFD674" s="613"/>
      <c r="TFE674" s="613"/>
      <c r="TFF674" s="613"/>
      <c r="TFG674" s="613"/>
      <c r="TFH674" s="613"/>
      <c r="TFI674" s="613"/>
      <c r="TFJ674" s="613"/>
      <c r="TFK674" s="613"/>
      <c r="TFL674" s="613"/>
      <c r="TFM674" s="613"/>
      <c r="TFN674" s="613"/>
      <c r="TFO674" s="613"/>
      <c r="TFP674" s="613"/>
      <c r="TFQ674" s="613"/>
      <c r="TFR674" s="613"/>
      <c r="TFS674" s="613"/>
      <c r="TFT674" s="613"/>
      <c r="TFU674" s="613"/>
      <c r="TFV674" s="613"/>
      <c r="TFW674" s="613"/>
      <c r="TFX674" s="613"/>
      <c r="TFY674" s="613"/>
      <c r="TFZ674" s="613"/>
      <c r="TGA674" s="613"/>
      <c r="TGB674" s="613"/>
      <c r="TGC674" s="613"/>
      <c r="TGD674" s="613"/>
      <c r="TGE674" s="613"/>
      <c r="TGF674" s="613"/>
      <c r="TGG674" s="613"/>
      <c r="TGH674" s="613"/>
      <c r="TGI674" s="613"/>
      <c r="TGJ674" s="613"/>
      <c r="TGK674" s="613"/>
      <c r="TGL674" s="613"/>
      <c r="TGM674" s="613"/>
      <c r="TGN674" s="613"/>
      <c r="TGO674" s="613"/>
      <c r="TGP674" s="613"/>
      <c r="TGQ674" s="613"/>
      <c r="TGR674" s="613"/>
      <c r="TGS674" s="613"/>
      <c r="TGT674" s="613"/>
      <c r="TGU674" s="613"/>
      <c r="TGV674" s="613"/>
      <c r="TGW674" s="613"/>
      <c r="TGX674" s="613"/>
      <c r="TGY674" s="613"/>
      <c r="TGZ674" s="613"/>
      <c r="THA674" s="613"/>
      <c r="THB674" s="613"/>
      <c r="THC674" s="613"/>
      <c r="THD674" s="613"/>
      <c r="THE674" s="613"/>
      <c r="THF674" s="613"/>
      <c r="THG674" s="613"/>
      <c r="THH674" s="613"/>
      <c r="THI674" s="613"/>
      <c r="THJ674" s="613"/>
      <c r="THK674" s="613"/>
      <c r="THL674" s="613"/>
      <c r="THM674" s="613"/>
      <c r="THN674" s="613"/>
      <c r="THO674" s="613"/>
      <c r="THP674" s="613"/>
      <c r="THQ674" s="613"/>
      <c r="THR674" s="613"/>
      <c r="THS674" s="613"/>
      <c r="THT674" s="613"/>
      <c r="THU674" s="613"/>
      <c r="THV674" s="613"/>
      <c r="THW674" s="613"/>
      <c r="THX674" s="613"/>
      <c r="THY674" s="613"/>
      <c r="THZ674" s="613"/>
      <c r="TIA674" s="613"/>
      <c r="TIB674" s="613"/>
      <c r="TIC674" s="613"/>
      <c r="TID674" s="613"/>
      <c r="TIE674" s="613"/>
      <c r="TIF674" s="613"/>
      <c r="TIG674" s="613"/>
      <c r="TIH674" s="613"/>
      <c r="TII674" s="613"/>
      <c r="TIJ674" s="613"/>
      <c r="TIK674" s="613"/>
      <c r="TIL674" s="613"/>
      <c r="TIM674" s="613"/>
      <c r="TIN674" s="613"/>
      <c r="TIO674" s="613"/>
      <c r="TIP674" s="613"/>
      <c r="TIQ674" s="613"/>
      <c r="TIR674" s="613"/>
      <c r="TIS674" s="613"/>
      <c r="TIT674" s="613"/>
      <c r="TIU674" s="613"/>
      <c r="TIV674" s="613"/>
      <c r="TIW674" s="613"/>
      <c r="TIX674" s="613"/>
      <c r="TIY674" s="613"/>
      <c r="TIZ674" s="613"/>
      <c r="TJA674" s="613"/>
      <c r="TJB674" s="613"/>
      <c r="TJC674" s="613"/>
      <c r="TJD674" s="613"/>
      <c r="TJE674" s="613"/>
      <c r="TJF674" s="613"/>
      <c r="TJG674" s="613"/>
      <c r="TJH674" s="613"/>
      <c r="TJI674" s="613"/>
      <c r="TJJ674" s="613"/>
      <c r="TJK674" s="613"/>
      <c r="TJL674" s="613"/>
      <c r="TJM674" s="613"/>
      <c r="TJN674" s="613"/>
      <c r="TJO674" s="613"/>
      <c r="TJP674" s="613"/>
      <c r="TJQ674" s="613"/>
      <c r="TJR674" s="613"/>
      <c r="TJS674" s="613"/>
      <c r="TJT674" s="613"/>
      <c r="TJU674" s="613"/>
      <c r="TJV674" s="613"/>
      <c r="TJW674" s="613"/>
      <c r="TJX674" s="613"/>
      <c r="TJY674" s="613"/>
      <c r="TJZ674" s="613"/>
      <c r="TKA674" s="613"/>
      <c r="TKB674" s="613"/>
      <c r="TKC674" s="613"/>
      <c r="TKD674" s="613"/>
      <c r="TKE674" s="613"/>
      <c r="TKF674" s="613"/>
      <c r="TKG674" s="613"/>
      <c r="TKH674" s="613"/>
      <c r="TKI674" s="613"/>
      <c r="TKJ674" s="613"/>
      <c r="TKK674" s="613"/>
      <c r="TKL674" s="613"/>
      <c r="TKM674" s="613"/>
      <c r="TKN674" s="613"/>
      <c r="TKO674" s="613"/>
      <c r="TKP674" s="613"/>
      <c r="TKQ674" s="613"/>
      <c r="TKR674" s="613"/>
      <c r="TKS674" s="613"/>
      <c r="TKT674" s="613"/>
      <c r="TKU674" s="613"/>
      <c r="TKV674" s="613"/>
      <c r="TKW674" s="613"/>
      <c r="TKX674" s="613"/>
      <c r="TKY674" s="613"/>
      <c r="TKZ674" s="613"/>
      <c r="TLA674" s="613"/>
      <c r="TLB674" s="613"/>
      <c r="TLC674" s="613"/>
      <c r="TLD674" s="613"/>
      <c r="TLE674" s="613"/>
      <c r="TLF674" s="613"/>
      <c r="TLG674" s="613"/>
      <c r="TLH674" s="613"/>
      <c r="TLI674" s="613"/>
      <c r="TLJ674" s="613"/>
      <c r="TLK674" s="613"/>
      <c r="TLL674" s="613"/>
      <c r="TLM674" s="613"/>
      <c r="TLN674" s="613"/>
      <c r="TLO674" s="613"/>
      <c r="TLP674" s="613"/>
      <c r="TLQ674" s="613"/>
      <c r="TLR674" s="613"/>
      <c r="TLS674" s="613"/>
      <c r="TLT674" s="613"/>
      <c r="TLU674" s="613"/>
      <c r="TLV674" s="613"/>
      <c r="TLW674" s="613"/>
      <c r="TLX674" s="613"/>
      <c r="TLY674" s="613"/>
      <c r="TLZ674" s="613"/>
      <c r="TMA674" s="613"/>
      <c r="TMB674" s="613"/>
      <c r="TMC674" s="613"/>
      <c r="TMD674" s="613"/>
      <c r="TME674" s="613"/>
      <c r="TMF674" s="613"/>
      <c r="TMG674" s="613"/>
      <c r="TMH674" s="613"/>
      <c r="TMI674" s="613"/>
      <c r="TMJ674" s="613"/>
      <c r="TMK674" s="613"/>
      <c r="TML674" s="613"/>
      <c r="TMM674" s="613"/>
      <c r="TMN674" s="613"/>
      <c r="TMO674" s="613"/>
      <c r="TMP674" s="613"/>
      <c r="TMQ674" s="613"/>
      <c r="TMR674" s="613"/>
      <c r="TMS674" s="613"/>
      <c r="TMT674" s="613"/>
      <c r="TMU674" s="613"/>
      <c r="TMV674" s="613"/>
      <c r="TMW674" s="613"/>
      <c r="TMX674" s="613"/>
      <c r="TMY674" s="613"/>
      <c r="TMZ674" s="613"/>
      <c r="TNA674" s="613"/>
      <c r="TNB674" s="613"/>
      <c r="TNC674" s="613"/>
      <c r="TND674" s="613"/>
      <c r="TNE674" s="613"/>
      <c r="TNF674" s="613"/>
      <c r="TNG674" s="613"/>
      <c r="TNH674" s="613"/>
      <c r="TNI674" s="613"/>
      <c r="TNJ674" s="613"/>
      <c r="TNK674" s="613"/>
      <c r="TNL674" s="613"/>
      <c r="TNM674" s="613"/>
      <c r="TNN674" s="613"/>
      <c r="TNO674" s="613"/>
      <c r="TNP674" s="613"/>
      <c r="TNQ674" s="613"/>
      <c r="TNR674" s="613"/>
      <c r="TNS674" s="613"/>
      <c r="TNT674" s="613"/>
      <c r="TNU674" s="613"/>
      <c r="TNV674" s="613"/>
      <c r="TNW674" s="613"/>
      <c r="TNX674" s="613"/>
      <c r="TNY674" s="613"/>
      <c r="TNZ674" s="613"/>
      <c r="TOA674" s="613"/>
      <c r="TOB674" s="613"/>
      <c r="TOC674" s="613"/>
      <c r="TOD674" s="613"/>
      <c r="TOE674" s="613"/>
      <c r="TOF674" s="613"/>
      <c r="TOG674" s="613"/>
      <c r="TOH674" s="613"/>
      <c r="TOI674" s="613"/>
      <c r="TOJ674" s="613"/>
      <c r="TOK674" s="613"/>
      <c r="TOL674" s="613"/>
      <c r="TOM674" s="613"/>
      <c r="TON674" s="613"/>
      <c r="TOO674" s="613"/>
      <c r="TOP674" s="613"/>
      <c r="TOQ674" s="613"/>
      <c r="TOR674" s="613"/>
      <c r="TOS674" s="613"/>
      <c r="TOT674" s="613"/>
      <c r="TOU674" s="613"/>
      <c r="TOV674" s="613"/>
      <c r="TOW674" s="613"/>
      <c r="TOX674" s="613"/>
      <c r="TOY674" s="613"/>
      <c r="TOZ674" s="613"/>
      <c r="TPA674" s="613"/>
      <c r="TPB674" s="613"/>
      <c r="TPC674" s="613"/>
      <c r="TPD674" s="613"/>
      <c r="TPE674" s="613"/>
      <c r="TPF674" s="613"/>
      <c r="TPG674" s="613"/>
      <c r="TPH674" s="613"/>
      <c r="TPI674" s="613"/>
      <c r="TPJ674" s="613"/>
      <c r="TPK674" s="613"/>
      <c r="TPL674" s="613"/>
      <c r="TPM674" s="613"/>
      <c r="TPN674" s="613"/>
      <c r="TPO674" s="613"/>
      <c r="TPP674" s="613"/>
      <c r="TPQ674" s="613"/>
      <c r="TPR674" s="613"/>
      <c r="TPS674" s="613"/>
      <c r="TPT674" s="613"/>
      <c r="TPU674" s="613"/>
      <c r="TPV674" s="613"/>
      <c r="TPW674" s="613"/>
      <c r="TPX674" s="613"/>
      <c r="TPY674" s="613"/>
      <c r="TPZ674" s="613"/>
      <c r="TQA674" s="613"/>
      <c r="TQB674" s="613"/>
      <c r="TQC674" s="613"/>
      <c r="TQD674" s="613"/>
      <c r="TQE674" s="613"/>
      <c r="TQF674" s="613"/>
      <c r="TQG674" s="613"/>
      <c r="TQH674" s="613"/>
      <c r="TQI674" s="613"/>
      <c r="TQJ674" s="613"/>
      <c r="TQK674" s="613"/>
      <c r="TQL674" s="613"/>
      <c r="TQM674" s="613"/>
      <c r="TQN674" s="613"/>
      <c r="TQO674" s="613"/>
      <c r="TQP674" s="613"/>
      <c r="TQQ674" s="613"/>
      <c r="TQR674" s="613"/>
      <c r="TQS674" s="613"/>
      <c r="TQT674" s="613"/>
      <c r="TQU674" s="613"/>
      <c r="TQV674" s="613"/>
      <c r="TQW674" s="613"/>
      <c r="TQX674" s="613"/>
      <c r="TQY674" s="613"/>
      <c r="TQZ674" s="613"/>
      <c r="TRA674" s="613"/>
      <c r="TRB674" s="613"/>
      <c r="TRC674" s="613"/>
      <c r="TRD674" s="613"/>
      <c r="TRE674" s="613"/>
      <c r="TRF674" s="613"/>
      <c r="TRG674" s="613"/>
      <c r="TRH674" s="613"/>
      <c r="TRI674" s="613"/>
      <c r="TRJ674" s="613"/>
      <c r="TRK674" s="613"/>
      <c r="TRL674" s="613"/>
      <c r="TRM674" s="613"/>
      <c r="TRN674" s="613"/>
      <c r="TRO674" s="613"/>
      <c r="TRP674" s="613"/>
      <c r="TRQ674" s="613"/>
      <c r="TRR674" s="613"/>
      <c r="TRS674" s="613"/>
      <c r="TRT674" s="613"/>
      <c r="TRU674" s="613"/>
      <c r="TRV674" s="613"/>
      <c r="TRW674" s="613"/>
      <c r="TRX674" s="613"/>
      <c r="TRY674" s="613"/>
      <c r="TRZ674" s="613"/>
      <c r="TSA674" s="613"/>
      <c r="TSB674" s="613"/>
      <c r="TSC674" s="613"/>
      <c r="TSD674" s="613"/>
      <c r="TSE674" s="613"/>
      <c r="TSF674" s="613"/>
      <c r="TSG674" s="613"/>
      <c r="TSH674" s="613"/>
      <c r="TSI674" s="613"/>
      <c r="TSJ674" s="613"/>
      <c r="TSK674" s="613"/>
      <c r="TSL674" s="613"/>
      <c r="TSM674" s="613"/>
      <c r="TSN674" s="613"/>
      <c r="TSO674" s="613"/>
      <c r="TSP674" s="613"/>
      <c r="TSQ674" s="613"/>
      <c r="TSR674" s="613"/>
      <c r="TSS674" s="613"/>
      <c r="TST674" s="613"/>
      <c r="TSU674" s="613"/>
      <c r="TSV674" s="613"/>
      <c r="TSW674" s="613"/>
      <c r="TSX674" s="613"/>
      <c r="TSY674" s="613"/>
      <c r="TSZ674" s="613"/>
      <c r="TTA674" s="613"/>
      <c r="TTB674" s="613"/>
      <c r="TTC674" s="613"/>
      <c r="TTD674" s="613"/>
      <c r="TTE674" s="613"/>
      <c r="TTF674" s="613"/>
      <c r="TTG674" s="613"/>
      <c r="TTH674" s="613"/>
      <c r="TTI674" s="613"/>
      <c r="TTJ674" s="613"/>
      <c r="TTK674" s="613"/>
      <c r="TTL674" s="613"/>
      <c r="TTM674" s="613"/>
      <c r="TTN674" s="613"/>
      <c r="TTO674" s="613"/>
      <c r="TTP674" s="613"/>
      <c r="TTQ674" s="613"/>
      <c r="TTR674" s="613"/>
      <c r="TTS674" s="613"/>
      <c r="TTT674" s="613"/>
      <c r="TTU674" s="613"/>
      <c r="TTV674" s="613"/>
      <c r="TTW674" s="613"/>
      <c r="TTX674" s="613"/>
      <c r="TTY674" s="613"/>
      <c r="TTZ674" s="613"/>
      <c r="TUA674" s="613"/>
      <c r="TUB674" s="613"/>
      <c r="TUC674" s="613"/>
      <c r="TUD674" s="613"/>
      <c r="TUE674" s="613"/>
      <c r="TUF674" s="613"/>
      <c r="TUG674" s="613"/>
      <c r="TUH674" s="613"/>
      <c r="TUI674" s="613"/>
      <c r="TUJ674" s="613"/>
      <c r="TUK674" s="613"/>
      <c r="TUL674" s="613"/>
      <c r="TUM674" s="613"/>
      <c r="TUN674" s="613"/>
      <c r="TUO674" s="613"/>
      <c r="TUP674" s="613"/>
      <c r="TUQ674" s="613"/>
      <c r="TUR674" s="613"/>
      <c r="TUS674" s="613"/>
      <c r="TUT674" s="613"/>
      <c r="TUU674" s="613"/>
      <c r="TUV674" s="613"/>
      <c r="TUW674" s="613"/>
      <c r="TUX674" s="613"/>
      <c r="TUY674" s="613"/>
      <c r="TUZ674" s="613"/>
      <c r="TVA674" s="613"/>
      <c r="TVB674" s="613"/>
      <c r="TVC674" s="613"/>
      <c r="TVD674" s="613"/>
      <c r="TVE674" s="613"/>
      <c r="TVF674" s="613"/>
      <c r="TVG674" s="613"/>
      <c r="TVH674" s="613"/>
      <c r="TVI674" s="613"/>
      <c r="TVJ674" s="613"/>
      <c r="TVK674" s="613"/>
      <c r="TVL674" s="613"/>
      <c r="TVM674" s="613"/>
      <c r="TVN674" s="613"/>
      <c r="TVO674" s="613"/>
      <c r="TVP674" s="613"/>
      <c r="TVQ674" s="613"/>
      <c r="TVR674" s="613"/>
      <c r="TVS674" s="613"/>
      <c r="TVT674" s="613"/>
      <c r="TVU674" s="613"/>
      <c r="TVV674" s="613"/>
      <c r="TVW674" s="613"/>
      <c r="TVX674" s="613"/>
      <c r="TVY674" s="613"/>
      <c r="TVZ674" s="613"/>
      <c r="TWA674" s="613"/>
      <c r="TWB674" s="613"/>
      <c r="TWC674" s="613"/>
      <c r="TWD674" s="613"/>
      <c r="TWE674" s="613"/>
      <c r="TWF674" s="613"/>
      <c r="TWG674" s="613"/>
      <c r="TWH674" s="613"/>
      <c r="TWI674" s="613"/>
      <c r="TWJ674" s="613"/>
      <c r="TWK674" s="613"/>
      <c r="TWL674" s="613"/>
      <c r="TWM674" s="613"/>
      <c r="TWN674" s="613"/>
      <c r="TWO674" s="613"/>
      <c r="TWP674" s="613"/>
      <c r="TWQ674" s="613"/>
      <c r="TWR674" s="613"/>
      <c r="TWS674" s="613"/>
      <c r="TWT674" s="613"/>
      <c r="TWU674" s="613"/>
      <c r="TWV674" s="613"/>
      <c r="TWW674" s="613"/>
      <c r="TWX674" s="613"/>
      <c r="TWY674" s="613"/>
      <c r="TWZ674" s="613"/>
      <c r="TXA674" s="613"/>
      <c r="TXB674" s="613"/>
      <c r="TXC674" s="613"/>
      <c r="TXD674" s="613"/>
      <c r="TXE674" s="613"/>
      <c r="TXF674" s="613"/>
      <c r="TXG674" s="613"/>
      <c r="TXH674" s="613"/>
      <c r="TXI674" s="613"/>
      <c r="TXJ674" s="613"/>
      <c r="TXK674" s="613"/>
      <c r="TXL674" s="613"/>
      <c r="TXM674" s="613"/>
      <c r="TXN674" s="613"/>
      <c r="TXO674" s="613"/>
      <c r="TXP674" s="613"/>
      <c r="TXQ674" s="613"/>
      <c r="TXR674" s="613"/>
      <c r="TXS674" s="613"/>
      <c r="TXT674" s="613"/>
      <c r="TXU674" s="613"/>
      <c r="TXV674" s="613"/>
      <c r="TXW674" s="613"/>
      <c r="TXX674" s="613"/>
      <c r="TXY674" s="613"/>
      <c r="TXZ674" s="613"/>
      <c r="TYA674" s="613"/>
      <c r="TYB674" s="613"/>
      <c r="TYC674" s="613"/>
      <c r="TYD674" s="613"/>
      <c r="TYE674" s="613"/>
      <c r="TYF674" s="613"/>
      <c r="TYG674" s="613"/>
      <c r="TYH674" s="613"/>
      <c r="TYI674" s="613"/>
      <c r="TYJ674" s="613"/>
      <c r="TYK674" s="613"/>
      <c r="TYL674" s="613"/>
      <c r="TYM674" s="613"/>
      <c r="TYN674" s="613"/>
      <c r="TYO674" s="613"/>
      <c r="TYP674" s="613"/>
      <c r="TYQ674" s="613"/>
      <c r="TYR674" s="613"/>
      <c r="TYS674" s="613"/>
      <c r="TYT674" s="613"/>
      <c r="TYU674" s="613"/>
      <c r="TYV674" s="613"/>
      <c r="TYW674" s="613"/>
      <c r="TYX674" s="613"/>
      <c r="TYY674" s="613"/>
      <c r="TYZ674" s="613"/>
      <c r="TZA674" s="613"/>
      <c r="TZB674" s="613"/>
      <c r="TZC674" s="613"/>
      <c r="TZD674" s="613"/>
      <c r="TZE674" s="613"/>
      <c r="TZF674" s="613"/>
      <c r="TZG674" s="613"/>
      <c r="TZH674" s="613"/>
      <c r="TZI674" s="613"/>
      <c r="TZJ674" s="613"/>
      <c r="TZK674" s="613"/>
      <c r="TZL674" s="613"/>
      <c r="TZM674" s="613"/>
      <c r="TZN674" s="613"/>
      <c r="TZO674" s="613"/>
      <c r="TZP674" s="613"/>
      <c r="TZQ674" s="613"/>
      <c r="TZR674" s="613"/>
      <c r="TZS674" s="613"/>
      <c r="TZT674" s="613"/>
      <c r="TZU674" s="613"/>
      <c r="TZV674" s="613"/>
      <c r="TZW674" s="613"/>
      <c r="TZX674" s="613"/>
      <c r="TZY674" s="613"/>
      <c r="TZZ674" s="613"/>
      <c r="UAA674" s="613"/>
      <c r="UAB674" s="613"/>
      <c r="UAC674" s="613"/>
      <c r="UAD674" s="613"/>
      <c r="UAE674" s="613"/>
      <c r="UAF674" s="613"/>
      <c r="UAG674" s="613"/>
      <c r="UAH674" s="613"/>
      <c r="UAI674" s="613"/>
      <c r="UAJ674" s="613"/>
      <c r="UAK674" s="613"/>
      <c r="UAL674" s="613"/>
      <c r="UAM674" s="613"/>
      <c r="UAN674" s="613"/>
      <c r="UAO674" s="613"/>
      <c r="UAP674" s="613"/>
      <c r="UAQ674" s="613"/>
      <c r="UAR674" s="613"/>
      <c r="UAS674" s="613"/>
      <c r="UAT674" s="613"/>
      <c r="UAU674" s="613"/>
      <c r="UAV674" s="613"/>
      <c r="UAW674" s="613"/>
      <c r="UAX674" s="613"/>
      <c r="UAY674" s="613"/>
      <c r="UAZ674" s="613"/>
      <c r="UBA674" s="613"/>
      <c r="UBB674" s="613"/>
      <c r="UBC674" s="613"/>
      <c r="UBD674" s="613"/>
      <c r="UBE674" s="613"/>
      <c r="UBF674" s="613"/>
      <c r="UBG674" s="613"/>
      <c r="UBH674" s="613"/>
      <c r="UBI674" s="613"/>
      <c r="UBJ674" s="613"/>
      <c r="UBK674" s="613"/>
      <c r="UBL674" s="613"/>
      <c r="UBM674" s="613"/>
      <c r="UBN674" s="613"/>
      <c r="UBO674" s="613"/>
      <c r="UBP674" s="613"/>
      <c r="UBQ674" s="613"/>
      <c r="UBR674" s="613"/>
      <c r="UBS674" s="613"/>
      <c r="UBT674" s="613"/>
      <c r="UBU674" s="613"/>
      <c r="UBV674" s="613"/>
      <c r="UBW674" s="613"/>
      <c r="UBX674" s="613"/>
      <c r="UBY674" s="613"/>
      <c r="UBZ674" s="613"/>
      <c r="UCA674" s="613"/>
      <c r="UCB674" s="613"/>
      <c r="UCC674" s="613"/>
      <c r="UCD674" s="613"/>
      <c r="UCE674" s="613"/>
      <c r="UCF674" s="613"/>
      <c r="UCG674" s="613"/>
      <c r="UCH674" s="613"/>
      <c r="UCI674" s="613"/>
      <c r="UCJ674" s="613"/>
      <c r="UCK674" s="613"/>
      <c r="UCL674" s="613"/>
      <c r="UCM674" s="613"/>
      <c r="UCN674" s="613"/>
      <c r="UCO674" s="613"/>
      <c r="UCP674" s="613"/>
      <c r="UCQ674" s="613"/>
      <c r="UCR674" s="613"/>
      <c r="UCS674" s="613"/>
      <c r="UCT674" s="613"/>
      <c r="UCU674" s="613"/>
      <c r="UCV674" s="613"/>
      <c r="UCW674" s="613"/>
      <c r="UCX674" s="613"/>
      <c r="UCY674" s="613"/>
      <c r="UCZ674" s="613"/>
      <c r="UDA674" s="613"/>
      <c r="UDB674" s="613"/>
      <c r="UDC674" s="613"/>
      <c r="UDD674" s="613"/>
      <c r="UDE674" s="613"/>
      <c r="UDF674" s="613"/>
      <c r="UDG674" s="613"/>
      <c r="UDH674" s="613"/>
      <c r="UDI674" s="613"/>
      <c r="UDJ674" s="613"/>
      <c r="UDK674" s="613"/>
      <c r="UDL674" s="613"/>
      <c r="UDM674" s="613"/>
      <c r="UDN674" s="613"/>
      <c r="UDO674" s="613"/>
      <c r="UDP674" s="613"/>
      <c r="UDQ674" s="613"/>
      <c r="UDR674" s="613"/>
      <c r="UDS674" s="613"/>
      <c r="UDT674" s="613"/>
      <c r="UDU674" s="613"/>
      <c r="UDV674" s="613"/>
      <c r="UDW674" s="613"/>
      <c r="UDX674" s="613"/>
      <c r="UDY674" s="613"/>
      <c r="UDZ674" s="613"/>
      <c r="UEA674" s="613"/>
      <c r="UEB674" s="613"/>
      <c r="UEC674" s="613"/>
      <c r="UED674" s="613"/>
      <c r="UEE674" s="613"/>
      <c r="UEF674" s="613"/>
      <c r="UEG674" s="613"/>
      <c r="UEH674" s="613"/>
      <c r="UEI674" s="613"/>
      <c r="UEJ674" s="613"/>
      <c r="UEK674" s="613"/>
      <c r="UEL674" s="613"/>
      <c r="UEM674" s="613"/>
      <c r="UEN674" s="613"/>
      <c r="UEO674" s="613"/>
      <c r="UEP674" s="613"/>
      <c r="UEQ674" s="613"/>
      <c r="UER674" s="613"/>
      <c r="UES674" s="613"/>
      <c r="UET674" s="613"/>
      <c r="UEU674" s="613"/>
      <c r="UEV674" s="613"/>
      <c r="UEW674" s="613"/>
      <c r="UEX674" s="613"/>
      <c r="UEY674" s="613"/>
      <c r="UEZ674" s="613"/>
      <c r="UFA674" s="613"/>
      <c r="UFB674" s="613"/>
      <c r="UFC674" s="613"/>
      <c r="UFD674" s="613"/>
      <c r="UFE674" s="613"/>
      <c r="UFF674" s="613"/>
      <c r="UFG674" s="613"/>
      <c r="UFH674" s="613"/>
      <c r="UFI674" s="613"/>
      <c r="UFJ674" s="613"/>
      <c r="UFK674" s="613"/>
      <c r="UFL674" s="613"/>
      <c r="UFM674" s="613"/>
      <c r="UFN674" s="613"/>
      <c r="UFO674" s="613"/>
      <c r="UFP674" s="613"/>
      <c r="UFQ674" s="613"/>
      <c r="UFR674" s="613"/>
      <c r="UFS674" s="613"/>
      <c r="UFT674" s="613"/>
      <c r="UFU674" s="613"/>
      <c r="UFV674" s="613"/>
      <c r="UFW674" s="613"/>
      <c r="UFX674" s="613"/>
      <c r="UFY674" s="613"/>
      <c r="UFZ674" s="613"/>
      <c r="UGA674" s="613"/>
      <c r="UGB674" s="613"/>
      <c r="UGC674" s="613"/>
      <c r="UGD674" s="613"/>
      <c r="UGE674" s="613"/>
      <c r="UGF674" s="613"/>
      <c r="UGG674" s="613"/>
      <c r="UGH674" s="613"/>
      <c r="UGI674" s="613"/>
      <c r="UGJ674" s="613"/>
      <c r="UGK674" s="613"/>
      <c r="UGL674" s="613"/>
      <c r="UGM674" s="613"/>
      <c r="UGN674" s="613"/>
      <c r="UGO674" s="613"/>
      <c r="UGP674" s="613"/>
      <c r="UGQ674" s="613"/>
      <c r="UGR674" s="613"/>
      <c r="UGS674" s="613"/>
      <c r="UGT674" s="613"/>
      <c r="UGU674" s="613"/>
      <c r="UGV674" s="613"/>
      <c r="UGW674" s="613"/>
      <c r="UGX674" s="613"/>
      <c r="UGY674" s="613"/>
      <c r="UGZ674" s="613"/>
      <c r="UHA674" s="613"/>
      <c r="UHB674" s="613"/>
      <c r="UHC674" s="613"/>
      <c r="UHD674" s="613"/>
      <c r="UHE674" s="613"/>
      <c r="UHF674" s="613"/>
      <c r="UHG674" s="613"/>
      <c r="UHH674" s="613"/>
      <c r="UHI674" s="613"/>
      <c r="UHJ674" s="613"/>
      <c r="UHK674" s="613"/>
      <c r="UHL674" s="613"/>
      <c r="UHM674" s="613"/>
      <c r="UHN674" s="613"/>
      <c r="UHO674" s="613"/>
      <c r="UHP674" s="613"/>
      <c r="UHQ674" s="613"/>
      <c r="UHR674" s="613"/>
      <c r="UHS674" s="613"/>
      <c r="UHT674" s="613"/>
      <c r="UHU674" s="613"/>
      <c r="UHV674" s="613"/>
      <c r="UHW674" s="613"/>
      <c r="UHX674" s="613"/>
      <c r="UHY674" s="613"/>
      <c r="UHZ674" s="613"/>
      <c r="UIA674" s="613"/>
      <c r="UIB674" s="613"/>
      <c r="UIC674" s="613"/>
      <c r="UID674" s="613"/>
      <c r="UIE674" s="613"/>
      <c r="UIF674" s="613"/>
      <c r="UIG674" s="613"/>
      <c r="UIH674" s="613"/>
      <c r="UII674" s="613"/>
      <c r="UIJ674" s="613"/>
      <c r="UIK674" s="613"/>
      <c r="UIL674" s="613"/>
      <c r="UIM674" s="613"/>
      <c r="UIN674" s="613"/>
      <c r="UIO674" s="613"/>
      <c r="UIP674" s="613"/>
      <c r="UIQ674" s="613"/>
      <c r="UIR674" s="613"/>
      <c r="UIS674" s="613"/>
      <c r="UIT674" s="613"/>
      <c r="UIU674" s="613"/>
      <c r="UIV674" s="613"/>
      <c r="UIW674" s="613"/>
      <c r="UIX674" s="613"/>
      <c r="UIY674" s="613"/>
      <c r="UIZ674" s="613"/>
      <c r="UJA674" s="613"/>
      <c r="UJB674" s="613"/>
      <c r="UJC674" s="613"/>
      <c r="UJD674" s="613"/>
      <c r="UJE674" s="613"/>
      <c r="UJF674" s="613"/>
      <c r="UJG674" s="613"/>
      <c r="UJH674" s="613"/>
      <c r="UJI674" s="613"/>
      <c r="UJJ674" s="613"/>
      <c r="UJK674" s="613"/>
      <c r="UJL674" s="613"/>
      <c r="UJM674" s="613"/>
      <c r="UJN674" s="613"/>
      <c r="UJO674" s="613"/>
      <c r="UJP674" s="613"/>
      <c r="UJQ674" s="613"/>
      <c r="UJR674" s="613"/>
      <c r="UJS674" s="613"/>
      <c r="UJT674" s="613"/>
      <c r="UJU674" s="613"/>
      <c r="UJV674" s="613"/>
      <c r="UJW674" s="613"/>
      <c r="UJX674" s="613"/>
      <c r="UJY674" s="613"/>
      <c r="UJZ674" s="613"/>
      <c r="UKA674" s="613"/>
      <c r="UKB674" s="613"/>
      <c r="UKC674" s="613"/>
      <c r="UKD674" s="613"/>
      <c r="UKE674" s="613"/>
      <c r="UKF674" s="613"/>
      <c r="UKG674" s="613"/>
      <c r="UKH674" s="613"/>
      <c r="UKI674" s="613"/>
      <c r="UKJ674" s="613"/>
      <c r="UKK674" s="613"/>
      <c r="UKL674" s="613"/>
      <c r="UKM674" s="613"/>
      <c r="UKN674" s="613"/>
      <c r="UKO674" s="613"/>
      <c r="UKP674" s="613"/>
      <c r="UKQ674" s="613"/>
      <c r="UKR674" s="613"/>
      <c r="UKS674" s="613"/>
      <c r="UKT674" s="613"/>
      <c r="UKU674" s="613"/>
      <c r="UKV674" s="613"/>
      <c r="UKW674" s="613"/>
      <c r="UKX674" s="613"/>
      <c r="UKY674" s="613"/>
      <c r="UKZ674" s="613"/>
      <c r="ULA674" s="613"/>
      <c r="ULB674" s="613"/>
      <c r="ULC674" s="613"/>
      <c r="ULD674" s="613"/>
      <c r="ULE674" s="613"/>
      <c r="ULF674" s="613"/>
      <c r="ULG674" s="613"/>
      <c r="ULH674" s="613"/>
      <c r="ULI674" s="613"/>
      <c r="ULJ674" s="613"/>
      <c r="ULK674" s="613"/>
      <c r="ULL674" s="613"/>
      <c r="ULM674" s="613"/>
      <c r="ULN674" s="613"/>
      <c r="ULO674" s="613"/>
      <c r="ULP674" s="613"/>
      <c r="ULQ674" s="613"/>
      <c r="ULR674" s="613"/>
      <c r="ULS674" s="613"/>
      <c r="ULT674" s="613"/>
      <c r="ULU674" s="613"/>
      <c r="ULV674" s="613"/>
      <c r="ULW674" s="613"/>
      <c r="ULX674" s="613"/>
      <c r="ULY674" s="613"/>
      <c r="ULZ674" s="613"/>
      <c r="UMA674" s="613"/>
      <c r="UMB674" s="613"/>
      <c r="UMC674" s="613"/>
      <c r="UMD674" s="613"/>
      <c r="UME674" s="613"/>
      <c r="UMF674" s="613"/>
      <c r="UMG674" s="613"/>
      <c r="UMH674" s="613"/>
      <c r="UMI674" s="613"/>
      <c r="UMJ674" s="613"/>
      <c r="UMK674" s="613"/>
      <c r="UML674" s="613"/>
      <c r="UMM674" s="613"/>
      <c r="UMN674" s="613"/>
      <c r="UMO674" s="613"/>
      <c r="UMP674" s="613"/>
      <c r="UMQ674" s="613"/>
      <c r="UMR674" s="613"/>
      <c r="UMS674" s="613"/>
      <c r="UMT674" s="613"/>
      <c r="UMU674" s="613"/>
      <c r="UMV674" s="613"/>
      <c r="UMW674" s="613"/>
      <c r="UMX674" s="613"/>
      <c r="UMY674" s="613"/>
      <c r="UMZ674" s="613"/>
      <c r="UNA674" s="613"/>
      <c r="UNB674" s="613"/>
      <c r="UNC674" s="613"/>
      <c r="UND674" s="613"/>
      <c r="UNE674" s="613"/>
      <c r="UNF674" s="613"/>
      <c r="UNG674" s="613"/>
      <c r="UNH674" s="613"/>
      <c r="UNI674" s="613"/>
      <c r="UNJ674" s="613"/>
      <c r="UNK674" s="613"/>
      <c r="UNL674" s="613"/>
      <c r="UNM674" s="613"/>
      <c r="UNN674" s="613"/>
      <c r="UNO674" s="613"/>
      <c r="UNP674" s="613"/>
      <c r="UNQ674" s="613"/>
      <c r="UNR674" s="613"/>
      <c r="UNS674" s="613"/>
      <c r="UNT674" s="613"/>
      <c r="UNU674" s="613"/>
      <c r="UNV674" s="613"/>
      <c r="UNW674" s="613"/>
      <c r="UNX674" s="613"/>
      <c r="UNY674" s="613"/>
      <c r="UNZ674" s="613"/>
      <c r="UOA674" s="613"/>
      <c r="UOB674" s="613"/>
      <c r="UOC674" s="613"/>
      <c r="UOD674" s="613"/>
      <c r="UOE674" s="613"/>
      <c r="UOF674" s="613"/>
      <c r="UOG674" s="613"/>
      <c r="UOH674" s="613"/>
      <c r="UOI674" s="613"/>
      <c r="UOJ674" s="613"/>
      <c r="UOK674" s="613"/>
      <c r="UOL674" s="613"/>
      <c r="UOM674" s="613"/>
      <c r="UON674" s="613"/>
      <c r="UOO674" s="613"/>
      <c r="UOP674" s="613"/>
      <c r="UOQ674" s="613"/>
      <c r="UOR674" s="613"/>
      <c r="UOS674" s="613"/>
      <c r="UOT674" s="613"/>
      <c r="UOU674" s="613"/>
      <c r="UOV674" s="613"/>
      <c r="UOW674" s="613"/>
      <c r="UOX674" s="613"/>
      <c r="UOY674" s="613"/>
      <c r="UOZ674" s="613"/>
      <c r="UPA674" s="613"/>
      <c r="UPB674" s="613"/>
      <c r="UPC674" s="613"/>
      <c r="UPD674" s="613"/>
      <c r="UPE674" s="613"/>
      <c r="UPF674" s="613"/>
      <c r="UPG674" s="613"/>
      <c r="UPH674" s="613"/>
      <c r="UPI674" s="613"/>
      <c r="UPJ674" s="613"/>
      <c r="UPK674" s="613"/>
      <c r="UPL674" s="613"/>
      <c r="UPM674" s="613"/>
      <c r="UPN674" s="613"/>
      <c r="UPO674" s="613"/>
      <c r="UPP674" s="613"/>
      <c r="UPQ674" s="613"/>
      <c r="UPR674" s="613"/>
      <c r="UPS674" s="613"/>
      <c r="UPT674" s="613"/>
      <c r="UPU674" s="613"/>
      <c r="UPV674" s="613"/>
      <c r="UPW674" s="613"/>
      <c r="UPX674" s="613"/>
      <c r="UPY674" s="613"/>
      <c r="UPZ674" s="613"/>
      <c r="UQA674" s="613"/>
      <c r="UQB674" s="613"/>
      <c r="UQC674" s="613"/>
      <c r="UQD674" s="613"/>
      <c r="UQE674" s="613"/>
      <c r="UQF674" s="613"/>
      <c r="UQG674" s="613"/>
      <c r="UQH674" s="613"/>
      <c r="UQI674" s="613"/>
      <c r="UQJ674" s="613"/>
      <c r="UQK674" s="613"/>
      <c r="UQL674" s="613"/>
      <c r="UQM674" s="613"/>
      <c r="UQN674" s="613"/>
      <c r="UQO674" s="613"/>
      <c r="UQP674" s="613"/>
      <c r="UQQ674" s="613"/>
      <c r="UQR674" s="613"/>
      <c r="UQS674" s="613"/>
      <c r="UQT674" s="613"/>
      <c r="UQU674" s="613"/>
      <c r="UQV674" s="613"/>
      <c r="UQW674" s="613"/>
      <c r="UQX674" s="613"/>
      <c r="UQY674" s="613"/>
      <c r="UQZ674" s="613"/>
      <c r="URA674" s="613"/>
      <c r="URB674" s="613"/>
      <c r="URC674" s="613"/>
      <c r="URD674" s="613"/>
      <c r="URE674" s="613"/>
      <c r="URF674" s="613"/>
      <c r="URG674" s="613"/>
      <c r="URH674" s="613"/>
      <c r="URI674" s="613"/>
      <c r="URJ674" s="613"/>
      <c r="URK674" s="613"/>
      <c r="URL674" s="613"/>
      <c r="URM674" s="613"/>
      <c r="URN674" s="613"/>
      <c r="URO674" s="613"/>
      <c r="URP674" s="613"/>
      <c r="URQ674" s="613"/>
      <c r="URR674" s="613"/>
      <c r="URS674" s="613"/>
      <c r="URT674" s="613"/>
      <c r="URU674" s="613"/>
      <c r="URV674" s="613"/>
      <c r="URW674" s="613"/>
      <c r="URX674" s="613"/>
      <c r="URY674" s="613"/>
      <c r="URZ674" s="613"/>
      <c r="USA674" s="613"/>
      <c r="USB674" s="613"/>
      <c r="USC674" s="613"/>
      <c r="USD674" s="613"/>
      <c r="USE674" s="613"/>
      <c r="USF674" s="613"/>
      <c r="USG674" s="613"/>
      <c r="USH674" s="613"/>
      <c r="USI674" s="613"/>
      <c r="USJ674" s="613"/>
      <c r="USK674" s="613"/>
      <c r="USL674" s="613"/>
      <c r="USM674" s="613"/>
      <c r="USN674" s="613"/>
      <c r="USO674" s="613"/>
      <c r="USP674" s="613"/>
      <c r="USQ674" s="613"/>
      <c r="USR674" s="613"/>
      <c r="USS674" s="613"/>
      <c r="UST674" s="613"/>
      <c r="USU674" s="613"/>
      <c r="USV674" s="613"/>
      <c r="USW674" s="613"/>
      <c r="USX674" s="613"/>
      <c r="USY674" s="613"/>
      <c r="USZ674" s="613"/>
      <c r="UTA674" s="613"/>
      <c r="UTB674" s="613"/>
      <c r="UTC674" s="613"/>
      <c r="UTD674" s="613"/>
      <c r="UTE674" s="613"/>
      <c r="UTF674" s="613"/>
      <c r="UTG674" s="613"/>
      <c r="UTH674" s="613"/>
      <c r="UTI674" s="613"/>
      <c r="UTJ674" s="613"/>
      <c r="UTK674" s="613"/>
      <c r="UTL674" s="613"/>
      <c r="UTM674" s="613"/>
      <c r="UTN674" s="613"/>
      <c r="UTO674" s="613"/>
      <c r="UTP674" s="613"/>
      <c r="UTQ674" s="613"/>
      <c r="UTR674" s="613"/>
      <c r="UTS674" s="613"/>
      <c r="UTT674" s="613"/>
      <c r="UTU674" s="613"/>
      <c r="UTV674" s="613"/>
      <c r="UTW674" s="613"/>
      <c r="UTX674" s="613"/>
      <c r="UTY674" s="613"/>
      <c r="UTZ674" s="613"/>
      <c r="UUA674" s="613"/>
      <c r="UUB674" s="613"/>
      <c r="UUC674" s="613"/>
      <c r="UUD674" s="613"/>
      <c r="UUE674" s="613"/>
      <c r="UUF674" s="613"/>
      <c r="UUG674" s="613"/>
      <c r="UUH674" s="613"/>
      <c r="UUI674" s="613"/>
      <c r="UUJ674" s="613"/>
      <c r="UUK674" s="613"/>
      <c r="UUL674" s="613"/>
      <c r="UUM674" s="613"/>
      <c r="UUN674" s="613"/>
      <c r="UUO674" s="613"/>
      <c r="UUP674" s="613"/>
      <c r="UUQ674" s="613"/>
      <c r="UUR674" s="613"/>
      <c r="UUS674" s="613"/>
      <c r="UUT674" s="613"/>
      <c r="UUU674" s="613"/>
      <c r="UUV674" s="613"/>
      <c r="UUW674" s="613"/>
      <c r="UUX674" s="613"/>
      <c r="UUY674" s="613"/>
      <c r="UUZ674" s="613"/>
      <c r="UVA674" s="613"/>
      <c r="UVB674" s="613"/>
      <c r="UVC674" s="613"/>
      <c r="UVD674" s="613"/>
      <c r="UVE674" s="613"/>
      <c r="UVF674" s="613"/>
      <c r="UVG674" s="613"/>
      <c r="UVH674" s="613"/>
      <c r="UVI674" s="613"/>
      <c r="UVJ674" s="613"/>
      <c r="UVK674" s="613"/>
      <c r="UVL674" s="613"/>
      <c r="UVM674" s="613"/>
      <c r="UVN674" s="613"/>
      <c r="UVO674" s="613"/>
      <c r="UVP674" s="613"/>
      <c r="UVQ674" s="613"/>
      <c r="UVR674" s="613"/>
      <c r="UVS674" s="613"/>
      <c r="UVT674" s="613"/>
      <c r="UVU674" s="613"/>
      <c r="UVV674" s="613"/>
      <c r="UVW674" s="613"/>
      <c r="UVX674" s="613"/>
      <c r="UVY674" s="613"/>
      <c r="UVZ674" s="613"/>
      <c r="UWA674" s="613"/>
      <c r="UWB674" s="613"/>
      <c r="UWC674" s="613"/>
      <c r="UWD674" s="613"/>
      <c r="UWE674" s="613"/>
      <c r="UWF674" s="613"/>
      <c r="UWG674" s="613"/>
      <c r="UWH674" s="613"/>
      <c r="UWI674" s="613"/>
      <c r="UWJ674" s="613"/>
      <c r="UWK674" s="613"/>
      <c r="UWL674" s="613"/>
      <c r="UWM674" s="613"/>
      <c r="UWN674" s="613"/>
      <c r="UWO674" s="613"/>
      <c r="UWP674" s="613"/>
      <c r="UWQ674" s="613"/>
      <c r="UWR674" s="613"/>
      <c r="UWS674" s="613"/>
      <c r="UWT674" s="613"/>
      <c r="UWU674" s="613"/>
      <c r="UWV674" s="613"/>
      <c r="UWW674" s="613"/>
      <c r="UWX674" s="613"/>
      <c r="UWY674" s="613"/>
      <c r="UWZ674" s="613"/>
      <c r="UXA674" s="613"/>
      <c r="UXB674" s="613"/>
      <c r="UXC674" s="613"/>
      <c r="UXD674" s="613"/>
      <c r="UXE674" s="613"/>
      <c r="UXF674" s="613"/>
      <c r="UXG674" s="613"/>
      <c r="UXH674" s="613"/>
      <c r="UXI674" s="613"/>
      <c r="UXJ674" s="613"/>
      <c r="UXK674" s="613"/>
      <c r="UXL674" s="613"/>
      <c r="UXM674" s="613"/>
      <c r="UXN674" s="613"/>
      <c r="UXO674" s="613"/>
      <c r="UXP674" s="613"/>
      <c r="UXQ674" s="613"/>
      <c r="UXR674" s="613"/>
      <c r="UXS674" s="613"/>
      <c r="UXT674" s="613"/>
      <c r="UXU674" s="613"/>
      <c r="UXV674" s="613"/>
      <c r="UXW674" s="613"/>
      <c r="UXX674" s="613"/>
      <c r="UXY674" s="613"/>
      <c r="UXZ674" s="613"/>
      <c r="UYA674" s="613"/>
      <c r="UYB674" s="613"/>
      <c r="UYC674" s="613"/>
      <c r="UYD674" s="613"/>
      <c r="UYE674" s="613"/>
      <c r="UYF674" s="613"/>
      <c r="UYG674" s="613"/>
      <c r="UYH674" s="613"/>
      <c r="UYI674" s="613"/>
      <c r="UYJ674" s="613"/>
      <c r="UYK674" s="613"/>
      <c r="UYL674" s="613"/>
      <c r="UYM674" s="613"/>
      <c r="UYN674" s="613"/>
      <c r="UYO674" s="613"/>
      <c r="UYP674" s="613"/>
      <c r="UYQ674" s="613"/>
      <c r="UYR674" s="613"/>
      <c r="UYS674" s="613"/>
      <c r="UYT674" s="613"/>
      <c r="UYU674" s="613"/>
      <c r="UYV674" s="613"/>
      <c r="UYW674" s="613"/>
      <c r="UYX674" s="613"/>
      <c r="UYY674" s="613"/>
      <c r="UYZ674" s="613"/>
      <c r="UZA674" s="613"/>
      <c r="UZB674" s="613"/>
      <c r="UZC674" s="613"/>
      <c r="UZD674" s="613"/>
      <c r="UZE674" s="613"/>
      <c r="UZF674" s="613"/>
      <c r="UZG674" s="613"/>
      <c r="UZH674" s="613"/>
      <c r="UZI674" s="613"/>
      <c r="UZJ674" s="613"/>
      <c r="UZK674" s="613"/>
      <c r="UZL674" s="613"/>
      <c r="UZM674" s="613"/>
      <c r="UZN674" s="613"/>
      <c r="UZO674" s="613"/>
      <c r="UZP674" s="613"/>
      <c r="UZQ674" s="613"/>
      <c r="UZR674" s="613"/>
      <c r="UZS674" s="613"/>
      <c r="UZT674" s="613"/>
      <c r="UZU674" s="613"/>
      <c r="UZV674" s="613"/>
      <c r="UZW674" s="613"/>
      <c r="UZX674" s="613"/>
      <c r="UZY674" s="613"/>
      <c r="UZZ674" s="613"/>
      <c r="VAA674" s="613"/>
      <c r="VAB674" s="613"/>
      <c r="VAC674" s="613"/>
      <c r="VAD674" s="613"/>
      <c r="VAE674" s="613"/>
      <c r="VAF674" s="613"/>
      <c r="VAG674" s="613"/>
      <c r="VAH674" s="613"/>
      <c r="VAI674" s="613"/>
      <c r="VAJ674" s="613"/>
      <c r="VAK674" s="613"/>
      <c r="VAL674" s="613"/>
      <c r="VAM674" s="613"/>
      <c r="VAN674" s="613"/>
      <c r="VAO674" s="613"/>
      <c r="VAP674" s="613"/>
      <c r="VAQ674" s="613"/>
      <c r="VAR674" s="613"/>
      <c r="VAS674" s="613"/>
      <c r="VAT674" s="613"/>
      <c r="VAU674" s="613"/>
      <c r="VAV674" s="613"/>
      <c r="VAW674" s="613"/>
      <c r="VAX674" s="613"/>
      <c r="VAY674" s="613"/>
      <c r="VAZ674" s="613"/>
      <c r="VBA674" s="613"/>
      <c r="VBB674" s="613"/>
      <c r="VBC674" s="613"/>
      <c r="VBD674" s="613"/>
      <c r="VBE674" s="613"/>
      <c r="VBF674" s="613"/>
      <c r="VBG674" s="613"/>
      <c r="VBH674" s="613"/>
      <c r="VBI674" s="613"/>
      <c r="VBJ674" s="613"/>
      <c r="VBK674" s="613"/>
      <c r="VBL674" s="613"/>
      <c r="VBM674" s="613"/>
      <c r="VBN674" s="613"/>
      <c r="VBO674" s="613"/>
      <c r="VBP674" s="613"/>
      <c r="VBQ674" s="613"/>
      <c r="VBR674" s="613"/>
      <c r="VBS674" s="613"/>
      <c r="VBT674" s="613"/>
      <c r="VBU674" s="613"/>
      <c r="VBV674" s="613"/>
      <c r="VBW674" s="613"/>
      <c r="VBX674" s="613"/>
      <c r="VBY674" s="613"/>
      <c r="VBZ674" s="613"/>
      <c r="VCA674" s="613"/>
      <c r="VCB674" s="613"/>
      <c r="VCC674" s="613"/>
      <c r="VCD674" s="613"/>
      <c r="VCE674" s="613"/>
      <c r="VCF674" s="613"/>
      <c r="VCG674" s="613"/>
      <c r="VCH674" s="613"/>
      <c r="VCI674" s="613"/>
      <c r="VCJ674" s="613"/>
      <c r="VCK674" s="613"/>
      <c r="VCL674" s="613"/>
      <c r="VCM674" s="613"/>
      <c r="VCN674" s="613"/>
      <c r="VCO674" s="613"/>
      <c r="VCP674" s="613"/>
      <c r="VCQ674" s="613"/>
      <c r="VCR674" s="613"/>
      <c r="VCS674" s="613"/>
      <c r="VCT674" s="613"/>
      <c r="VCU674" s="613"/>
      <c r="VCV674" s="613"/>
      <c r="VCW674" s="613"/>
      <c r="VCX674" s="613"/>
      <c r="VCY674" s="613"/>
      <c r="VCZ674" s="613"/>
      <c r="VDA674" s="613"/>
      <c r="VDB674" s="613"/>
      <c r="VDC674" s="613"/>
      <c r="VDD674" s="613"/>
      <c r="VDE674" s="613"/>
      <c r="VDF674" s="613"/>
      <c r="VDG674" s="613"/>
      <c r="VDH674" s="613"/>
      <c r="VDI674" s="613"/>
      <c r="VDJ674" s="613"/>
      <c r="VDK674" s="613"/>
      <c r="VDL674" s="613"/>
      <c r="VDM674" s="613"/>
      <c r="VDN674" s="613"/>
      <c r="VDO674" s="613"/>
      <c r="VDP674" s="613"/>
      <c r="VDQ674" s="613"/>
      <c r="VDR674" s="613"/>
      <c r="VDS674" s="613"/>
      <c r="VDT674" s="613"/>
      <c r="VDU674" s="613"/>
      <c r="VDV674" s="613"/>
      <c r="VDW674" s="613"/>
      <c r="VDX674" s="613"/>
      <c r="VDY674" s="613"/>
      <c r="VDZ674" s="613"/>
      <c r="VEA674" s="613"/>
      <c r="VEB674" s="613"/>
      <c r="VEC674" s="613"/>
      <c r="VED674" s="613"/>
      <c r="VEE674" s="613"/>
      <c r="VEF674" s="613"/>
      <c r="VEG674" s="613"/>
      <c r="VEH674" s="613"/>
      <c r="VEI674" s="613"/>
      <c r="VEJ674" s="613"/>
      <c r="VEK674" s="613"/>
      <c r="VEL674" s="613"/>
      <c r="VEM674" s="613"/>
      <c r="VEN674" s="613"/>
      <c r="VEO674" s="613"/>
      <c r="VEP674" s="613"/>
      <c r="VEQ674" s="613"/>
      <c r="VER674" s="613"/>
      <c r="VES674" s="613"/>
      <c r="VET674" s="613"/>
      <c r="VEU674" s="613"/>
      <c r="VEV674" s="613"/>
      <c r="VEW674" s="613"/>
      <c r="VEX674" s="613"/>
      <c r="VEY674" s="613"/>
      <c r="VEZ674" s="613"/>
      <c r="VFA674" s="613"/>
      <c r="VFB674" s="613"/>
      <c r="VFC674" s="613"/>
      <c r="VFD674" s="613"/>
      <c r="VFE674" s="613"/>
      <c r="VFF674" s="613"/>
      <c r="VFG674" s="613"/>
      <c r="VFH674" s="613"/>
      <c r="VFI674" s="613"/>
      <c r="VFJ674" s="613"/>
      <c r="VFK674" s="613"/>
      <c r="VFL674" s="613"/>
      <c r="VFM674" s="613"/>
      <c r="VFN674" s="613"/>
      <c r="VFO674" s="613"/>
      <c r="VFP674" s="613"/>
      <c r="VFQ674" s="613"/>
      <c r="VFR674" s="613"/>
      <c r="VFS674" s="613"/>
      <c r="VFT674" s="613"/>
      <c r="VFU674" s="613"/>
      <c r="VFV674" s="613"/>
      <c r="VFW674" s="613"/>
      <c r="VFX674" s="613"/>
      <c r="VFY674" s="613"/>
      <c r="VFZ674" s="613"/>
      <c r="VGA674" s="613"/>
      <c r="VGB674" s="613"/>
      <c r="VGC674" s="613"/>
      <c r="VGD674" s="613"/>
      <c r="VGE674" s="613"/>
      <c r="VGF674" s="613"/>
      <c r="VGG674" s="613"/>
      <c r="VGH674" s="613"/>
      <c r="VGI674" s="613"/>
      <c r="VGJ674" s="613"/>
      <c r="VGK674" s="613"/>
      <c r="VGL674" s="613"/>
      <c r="VGM674" s="613"/>
      <c r="VGN674" s="613"/>
      <c r="VGO674" s="613"/>
      <c r="VGP674" s="613"/>
      <c r="VGQ674" s="613"/>
      <c r="VGR674" s="613"/>
      <c r="VGS674" s="613"/>
      <c r="VGT674" s="613"/>
      <c r="VGU674" s="613"/>
      <c r="VGV674" s="613"/>
      <c r="VGW674" s="613"/>
      <c r="VGX674" s="613"/>
      <c r="VGY674" s="613"/>
      <c r="VGZ674" s="613"/>
      <c r="VHA674" s="613"/>
      <c r="VHB674" s="613"/>
      <c r="VHC674" s="613"/>
      <c r="VHD674" s="613"/>
      <c r="VHE674" s="613"/>
      <c r="VHF674" s="613"/>
      <c r="VHG674" s="613"/>
      <c r="VHH674" s="613"/>
      <c r="VHI674" s="613"/>
      <c r="VHJ674" s="613"/>
      <c r="VHK674" s="613"/>
      <c r="VHL674" s="613"/>
      <c r="VHM674" s="613"/>
      <c r="VHN674" s="613"/>
      <c r="VHO674" s="613"/>
      <c r="VHP674" s="613"/>
      <c r="VHQ674" s="613"/>
      <c r="VHR674" s="613"/>
      <c r="VHS674" s="613"/>
      <c r="VHT674" s="613"/>
      <c r="VHU674" s="613"/>
      <c r="VHV674" s="613"/>
      <c r="VHW674" s="613"/>
      <c r="VHX674" s="613"/>
      <c r="VHY674" s="613"/>
      <c r="VHZ674" s="613"/>
      <c r="VIA674" s="613"/>
      <c r="VIB674" s="613"/>
      <c r="VIC674" s="613"/>
      <c r="VID674" s="613"/>
      <c r="VIE674" s="613"/>
      <c r="VIF674" s="613"/>
      <c r="VIG674" s="613"/>
      <c r="VIH674" s="613"/>
      <c r="VII674" s="613"/>
      <c r="VIJ674" s="613"/>
      <c r="VIK674" s="613"/>
      <c r="VIL674" s="613"/>
      <c r="VIM674" s="613"/>
      <c r="VIN674" s="613"/>
      <c r="VIO674" s="613"/>
      <c r="VIP674" s="613"/>
      <c r="VIQ674" s="613"/>
      <c r="VIR674" s="613"/>
      <c r="VIS674" s="613"/>
      <c r="VIT674" s="613"/>
      <c r="VIU674" s="613"/>
      <c r="VIV674" s="613"/>
      <c r="VIW674" s="613"/>
      <c r="VIX674" s="613"/>
      <c r="VIY674" s="613"/>
      <c r="VIZ674" s="613"/>
      <c r="VJA674" s="613"/>
      <c r="VJB674" s="613"/>
      <c r="VJC674" s="613"/>
      <c r="VJD674" s="613"/>
      <c r="VJE674" s="613"/>
      <c r="VJF674" s="613"/>
      <c r="VJG674" s="613"/>
      <c r="VJH674" s="613"/>
      <c r="VJI674" s="613"/>
      <c r="VJJ674" s="613"/>
      <c r="VJK674" s="613"/>
      <c r="VJL674" s="613"/>
      <c r="VJM674" s="613"/>
      <c r="VJN674" s="613"/>
      <c r="VJO674" s="613"/>
      <c r="VJP674" s="613"/>
      <c r="VJQ674" s="613"/>
      <c r="VJR674" s="613"/>
      <c r="VJS674" s="613"/>
      <c r="VJT674" s="613"/>
      <c r="VJU674" s="613"/>
      <c r="VJV674" s="613"/>
      <c r="VJW674" s="613"/>
      <c r="VJX674" s="613"/>
      <c r="VJY674" s="613"/>
      <c r="VJZ674" s="613"/>
      <c r="VKA674" s="613"/>
      <c r="VKB674" s="613"/>
      <c r="VKC674" s="613"/>
      <c r="VKD674" s="613"/>
      <c r="VKE674" s="613"/>
      <c r="VKF674" s="613"/>
      <c r="VKG674" s="613"/>
      <c r="VKH674" s="613"/>
      <c r="VKI674" s="613"/>
      <c r="VKJ674" s="613"/>
      <c r="VKK674" s="613"/>
      <c r="VKL674" s="613"/>
      <c r="VKM674" s="613"/>
      <c r="VKN674" s="613"/>
      <c r="VKO674" s="613"/>
      <c r="VKP674" s="613"/>
      <c r="VKQ674" s="613"/>
      <c r="VKR674" s="613"/>
      <c r="VKS674" s="613"/>
      <c r="VKT674" s="613"/>
      <c r="VKU674" s="613"/>
      <c r="VKV674" s="613"/>
      <c r="VKW674" s="613"/>
      <c r="VKX674" s="613"/>
      <c r="VKY674" s="613"/>
      <c r="VKZ674" s="613"/>
      <c r="VLA674" s="613"/>
      <c r="VLB674" s="613"/>
      <c r="VLC674" s="613"/>
      <c r="VLD674" s="613"/>
      <c r="VLE674" s="613"/>
      <c r="VLF674" s="613"/>
      <c r="VLG674" s="613"/>
      <c r="VLH674" s="613"/>
      <c r="VLI674" s="613"/>
      <c r="VLJ674" s="613"/>
      <c r="VLK674" s="613"/>
      <c r="VLL674" s="613"/>
      <c r="VLM674" s="613"/>
      <c r="VLN674" s="613"/>
      <c r="VLO674" s="613"/>
      <c r="VLP674" s="613"/>
      <c r="VLQ674" s="613"/>
      <c r="VLR674" s="613"/>
      <c r="VLS674" s="613"/>
      <c r="VLT674" s="613"/>
      <c r="VLU674" s="613"/>
      <c r="VLV674" s="613"/>
      <c r="VLW674" s="613"/>
      <c r="VLX674" s="613"/>
      <c r="VLY674" s="613"/>
      <c r="VLZ674" s="613"/>
      <c r="VMA674" s="613"/>
      <c r="VMB674" s="613"/>
      <c r="VMC674" s="613"/>
      <c r="VMD674" s="613"/>
      <c r="VME674" s="613"/>
      <c r="VMF674" s="613"/>
      <c r="VMG674" s="613"/>
      <c r="VMH674" s="613"/>
      <c r="VMI674" s="613"/>
      <c r="VMJ674" s="613"/>
      <c r="VMK674" s="613"/>
      <c r="VML674" s="613"/>
      <c r="VMM674" s="613"/>
      <c r="VMN674" s="613"/>
      <c r="VMO674" s="613"/>
      <c r="VMP674" s="613"/>
      <c r="VMQ674" s="613"/>
      <c r="VMR674" s="613"/>
      <c r="VMS674" s="613"/>
      <c r="VMT674" s="613"/>
      <c r="VMU674" s="613"/>
      <c r="VMV674" s="613"/>
      <c r="VMW674" s="613"/>
      <c r="VMX674" s="613"/>
      <c r="VMY674" s="613"/>
      <c r="VMZ674" s="613"/>
      <c r="VNA674" s="613"/>
      <c r="VNB674" s="613"/>
      <c r="VNC674" s="613"/>
      <c r="VND674" s="613"/>
      <c r="VNE674" s="613"/>
      <c r="VNF674" s="613"/>
      <c r="VNG674" s="613"/>
      <c r="VNH674" s="613"/>
      <c r="VNI674" s="613"/>
      <c r="VNJ674" s="613"/>
      <c r="VNK674" s="613"/>
      <c r="VNL674" s="613"/>
      <c r="VNM674" s="613"/>
      <c r="VNN674" s="613"/>
      <c r="VNO674" s="613"/>
      <c r="VNP674" s="613"/>
      <c r="VNQ674" s="613"/>
      <c r="VNR674" s="613"/>
      <c r="VNS674" s="613"/>
      <c r="VNT674" s="613"/>
      <c r="VNU674" s="613"/>
      <c r="VNV674" s="613"/>
      <c r="VNW674" s="613"/>
      <c r="VNX674" s="613"/>
      <c r="VNY674" s="613"/>
      <c r="VNZ674" s="613"/>
      <c r="VOA674" s="613"/>
      <c r="VOB674" s="613"/>
      <c r="VOC674" s="613"/>
      <c r="VOD674" s="613"/>
      <c r="VOE674" s="613"/>
      <c r="VOF674" s="613"/>
      <c r="VOG674" s="613"/>
      <c r="VOH674" s="613"/>
      <c r="VOI674" s="613"/>
      <c r="VOJ674" s="613"/>
      <c r="VOK674" s="613"/>
      <c r="VOL674" s="613"/>
      <c r="VOM674" s="613"/>
      <c r="VON674" s="613"/>
      <c r="VOO674" s="613"/>
      <c r="VOP674" s="613"/>
      <c r="VOQ674" s="613"/>
      <c r="VOR674" s="613"/>
      <c r="VOS674" s="613"/>
      <c r="VOT674" s="613"/>
      <c r="VOU674" s="613"/>
      <c r="VOV674" s="613"/>
      <c r="VOW674" s="613"/>
      <c r="VOX674" s="613"/>
      <c r="VOY674" s="613"/>
      <c r="VOZ674" s="613"/>
      <c r="VPA674" s="613"/>
      <c r="VPB674" s="613"/>
      <c r="VPC674" s="613"/>
      <c r="VPD674" s="613"/>
      <c r="VPE674" s="613"/>
      <c r="VPF674" s="613"/>
      <c r="VPG674" s="613"/>
      <c r="VPH674" s="613"/>
      <c r="VPI674" s="613"/>
      <c r="VPJ674" s="613"/>
      <c r="VPK674" s="613"/>
      <c r="VPL674" s="613"/>
      <c r="VPM674" s="613"/>
      <c r="VPN674" s="613"/>
      <c r="VPO674" s="613"/>
      <c r="VPP674" s="613"/>
      <c r="VPQ674" s="613"/>
      <c r="VPR674" s="613"/>
      <c r="VPS674" s="613"/>
      <c r="VPT674" s="613"/>
      <c r="VPU674" s="613"/>
      <c r="VPV674" s="613"/>
      <c r="VPW674" s="613"/>
      <c r="VPX674" s="613"/>
      <c r="VPY674" s="613"/>
      <c r="VPZ674" s="613"/>
      <c r="VQA674" s="613"/>
      <c r="VQB674" s="613"/>
      <c r="VQC674" s="613"/>
      <c r="VQD674" s="613"/>
      <c r="VQE674" s="613"/>
      <c r="VQF674" s="613"/>
      <c r="VQG674" s="613"/>
      <c r="VQH674" s="613"/>
      <c r="VQI674" s="613"/>
      <c r="VQJ674" s="613"/>
      <c r="VQK674" s="613"/>
      <c r="VQL674" s="613"/>
      <c r="VQM674" s="613"/>
      <c r="VQN674" s="613"/>
      <c r="VQO674" s="613"/>
      <c r="VQP674" s="613"/>
      <c r="VQQ674" s="613"/>
      <c r="VQR674" s="613"/>
      <c r="VQS674" s="613"/>
      <c r="VQT674" s="613"/>
      <c r="VQU674" s="613"/>
      <c r="VQV674" s="613"/>
      <c r="VQW674" s="613"/>
      <c r="VQX674" s="613"/>
      <c r="VQY674" s="613"/>
      <c r="VQZ674" s="613"/>
      <c r="VRA674" s="613"/>
      <c r="VRB674" s="613"/>
      <c r="VRC674" s="613"/>
      <c r="VRD674" s="613"/>
      <c r="VRE674" s="613"/>
      <c r="VRF674" s="613"/>
      <c r="VRG674" s="613"/>
      <c r="VRH674" s="613"/>
      <c r="VRI674" s="613"/>
      <c r="VRJ674" s="613"/>
      <c r="VRK674" s="613"/>
      <c r="VRL674" s="613"/>
      <c r="VRM674" s="613"/>
      <c r="VRN674" s="613"/>
      <c r="VRO674" s="613"/>
      <c r="VRP674" s="613"/>
      <c r="VRQ674" s="613"/>
      <c r="VRR674" s="613"/>
      <c r="VRS674" s="613"/>
      <c r="VRT674" s="613"/>
      <c r="VRU674" s="613"/>
      <c r="VRV674" s="613"/>
      <c r="VRW674" s="613"/>
      <c r="VRX674" s="613"/>
      <c r="VRY674" s="613"/>
      <c r="VRZ674" s="613"/>
      <c r="VSA674" s="613"/>
      <c r="VSB674" s="613"/>
      <c r="VSC674" s="613"/>
      <c r="VSD674" s="613"/>
      <c r="VSE674" s="613"/>
      <c r="VSF674" s="613"/>
      <c r="VSG674" s="613"/>
      <c r="VSH674" s="613"/>
      <c r="VSI674" s="613"/>
      <c r="VSJ674" s="613"/>
      <c r="VSK674" s="613"/>
      <c r="VSL674" s="613"/>
      <c r="VSM674" s="613"/>
      <c r="VSN674" s="613"/>
      <c r="VSO674" s="613"/>
      <c r="VSP674" s="613"/>
      <c r="VSQ674" s="613"/>
      <c r="VSR674" s="613"/>
      <c r="VSS674" s="613"/>
      <c r="VST674" s="613"/>
      <c r="VSU674" s="613"/>
      <c r="VSV674" s="613"/>
      <c r="VSW674" s="613"/>
      <c r="VSX674" s="613"/>
      <c r="VSY674" s="613"/>
      <c r="VSZ674" s="613"/>
      <c r="VTA674" s="613"/>
      <c r="VTB674" s="613"/>
      <c r="VTC674" s="613"/>
      <c r="VTD674" s="613"/>
      <c r="VTE674" s="613"/>
      <c r="VTF674" s="613"/>
      <c r="VTG674" s="613"/>
      <c r="VTH674" s="613"/>
      <c r="VTI674" s="613"/>
      <c r="VTJ674" s="613"/>
      <c r="VTK674" s="613"/>
      <c r="VTL674" s="613"/>
      <c r="VTM674" s="613"/>
      <c r="VTN674" s="613"/>
      <c r="VTO674" s="613"/>
      <c r="VTP674" s="613"/>
      <c r="VTQ674" s="613"/>
      <c r="VTR674" s="613"/>
      <c r="VTS674" s="613"/>
      <c r="VTT674" s="613"/>
      <c r="VTU674" s="613"/>
      <c r="VTV674" s="613"/>
      <c r="VTW674" s="613"/>
      <c r="VTX674" s="613"/>
      <c r="VTY674" s="613"/>
      <c r="VTZ674" s="613"/>
      <c r="VUA674" s="613"/>
      <c r="VUB674" s="613"/>
      <c r="VUC674" s="613"/>
      <c r="VUD674" s="613"/>
      <c r="VUE674" s="613"/>
      <c r="VUF674" s="613"/>
      <c r="VUG674" s="613"/>
      <c r="VUH674" s="613"/>
      <c r="VUI674" s="613"/>
      <c r="VUJ674" s="613"/>
      <c r="VUK674" s="613"/>
      <c r="VUL674" s="613"/>
      <c r="VUM674" s="613"/>
      <c r="VUN674" s="613"/>
      <c r="VUO674" s="613"/>
      <c r="VUP674" s="613"/>
      <c r="VUQ674" s="613"/>
      <c r="VUR674" s="613"/>
      <c r="VUS674" s="613"/>
      <c r="VUT674" s="613"/>
      <c r="VUU674" s="613"/>
      <c r="VUV674" s="613"/>
      <c r="VUW674" s="613"/>
      <c r="VUX674" s="613"/>
      <c r="VUY674" s="613"/>
      <c r="VUZ674" s="613"/>
      <c r="VVA674" s="613"/>
      <c r="VVB674" s="613"/>
      <c r="VVC674" s="613"/>
      <c r="VVD674" s="613"/>
      <c r="VVE674" s="613"/>
      <c r="VVF674" s="613"/>
      <c r="VVG674" s="613"/>
      <c r="VVH674" s="613"/>
      <c r="VVI674" s="613"/>
      <c r="VVJ674" s="613"/>
      <c r="VVK674" s="613"/>
      <c r="VVL674" s="613"/>
      <c r="VVM674" s="613"/>
      <c r="VVN674" s="613"/>
      <c r="VVO674" s="613"/>
      <c r="VVP674" s="613"/>
      <c r="VVQ674" s="613"/>
      <c r="VVR674" s="613"/>
      <c r="VVS674" s="613"/>
      <c r="VVT674" s="613"/>
      <c r="VVU674" s="613"/>
      <c r="VVV674" s="613"/>
      <c r="VVW674" s="613"/>
      <c r="VVX674" s="613"/>
      <c r="VVY674" s="613"/>
      <c r="VVZ674" s="613"/>
      <c r="VWA674" s="613"/>
      <c r="VWB674" s="613"/>
      <c r="VWC674" s="613"/>
      <c r="VWD674" s="613"/>
      <c r="VWE674" s="613"/>
      <c r="VWF674" s="613"/>
      <c r="VWG674" s="613"/>
      <c r="VWH674" s="613"/>
      <c r="VWI674" s="613"/>
      <c r="VWJ674" s="613"/>
      <c r="VWK674" s="613"/>
      <c r="VWL674" s="613"/>
      <c r="VWM674" s="613"/>
      <c r="VWN674" s="613"/>
      <c r="VWO674" s="613"/>
      <c r="VWP674" s="613"/>
      <c r="VWQ674" s="613"/>
      <c r="VWR674" s="613"/>
      <c r="VWS674" s="613"/>
      <c r="VWT674" s="613"/>
      <c r="VWU674" s="613"/>
      <c r="VWV674" s="613"/>
      <c r="VWW674" s="613"/>
      <c r="VWX674" s="613"/>
      <c r="VWY674" s="613"/>
      <c r="VWZ674" s="613"/>
      <c r="VXA674" s="613"/>
      <c r="VXB674" s="613"/>
      <c r="VXC674" s="613"/>
      <c r="VXD674" s="613"/>
      <c r="VXE674" s="613"/>
      <c r="VXF674" s="613"/>
      <c r="VXG674" s="613"/>
      <c r="VXH674" s="613"/>
      <c r="VXI674" s="613"/>
      <c r="VXJ674" s="613"/>
      <c r="VXK674" s="613"/>
      <c r="VXL674" s="613"/>
      <c r="VXM674" s="613"/>
      <c r="VXN674" s="613"/>
      <c r="VXO674" s="613"/>
      <c r="VXP674" s="613"/>
      <c r="VXQ674" s="613"/>
      <c r="VXR674" s="613"/>
      <c r="VXS674" s="613"/>
      <c r="VXT674" s="613"/>
      <c r="VXU674" s="613"/>
      <c r="VXV674" s="613"/>
      <c r="VXW674" s="613"/>
      <c r="VXX674" s="613"/>
      <c r="VXY674" s="613"/>
      <c r="VXZ674" s="613"/>
      <c r="VYA674" s="613"/>
      <c r="VYB674" s="613"/>
      <c r="VYC674" s="613"/>
      <c r="VYD674" s="613"/>
      <c r="VYE674" s="613"/>
      <c r="VYF674" s="613"/>
      <c r="VYG674" s="613"/>
      <c r="VYH674" s="613"/>
      <c r="VYI674" s="613"/>
      <c r="VYJ674" s="613"/>
      <c r="VYK674" s="613"/>
      <c r="VYL674" s="613"/>
      <c r="VYM674" s="613"/>
      <c r="VYN674" s="613"/>
      <c r="VYO674" s="613"/>
      <c r="VYP674" s="613"/>
      <c r="VYQ674" s="613"/>
      <c r="VYR674" s="613"/>
      <c r="VYS674" s="613"/>
      <c r="VYT674" s="613"/>
      <c r="VYU674" s="613"/>
      <c r="VYV674" s="613"/>
      <c r="VYW674" s="613"/>
      <c r="VYX674" s="613"/>
      <c r="VYY674" s="613"/>
      <c r="VYZ674" s="613"/>
      <c r="VZA674" s="613"/>
      <c r="VZB674" s="613"/>
      <c r="VZC674" s="613"/>
      <c r="VZD674" s="613"/>
      <c r="VZE674" s="613"/>
      <c r="VZF674" s="613"/>
      <c r="VZG674" s="613"/>
      <c r="VZH674" s="613"/>
      <c r="VZI674" s="613"/>
      <c r="VZJ674" s="613"/>
      <c r="VZK674" s="613"/>
      <c r="VZL674" s="613"/>
      <c r="VZM674" s="613"/>
      <c r="VZN674" s="613"/>
      <c r="VZO674" s="613"/>
      <c r="VZP674" s="613"/>
      <c r="VZQ674" s="613"/>
      <c r="VZR674" s="613"/>
      <c r="VZS674" s="613"/>
      <c r="VZT674" s="613"/>
      <c r="VZU674" s="613"/>
      <c r="VZV674" s="613"/>
      <c r="VZW674" s="613"/>
      <c r="VZX674" s="613"/>
      <c r="VZY674" s="613"/>
      <c r="VZZ674" s="613"/>
      <c r="WAA674" s="613"/>
      <c r="WAB674" s="613"/>
      <c r="WAC674" s="613"/>
      <c r="WAD674" s="613"/>
      <c r="WAE674" s="613"/>
      <c r="WAF674" s="613"/>
      <c r="WAG674" s="613"/>
      <c r="WAH674" s="613"/>
      <c r="WAI674" s="613"/>
      <c r="WAJ674" s="613"/>
      <c r="WAK674" s="613"/>
      <c r="WAL674" s="613"/>
      <c r="WAM674" s="613"/>
      <c r="WAN674" s="613"/>
      <c r="WAO674" s="613"/>
      <c r="WAP674" s="613"/>
      <c r="WAQ674" s="613"/>
      <c r="WAR674" s="613"/>
      <c r="WAS674" s="613"/>
      <c r="WAT674" s="613"/>
      <c r="WAU674" s="613"/>
      <c r="WAV674" s="613"/>
      <c r="WAW674" s="613"/>
      <c r="WAX674" s="613"/>
      <c r="WAY674" s="613"/>
      <c r="WAZ674" s="613"/>
      <c r="WBA674" s="613"/>
      <c r="WBB674" s="613"/>
      <c r="WBC674" s="613"/>
      <c r="WBD674" s="613"/>
      <c r="WBE674" s="613"/>
      <c r="WBF674" s="613"/>
      <c r="WBG674" s="613"/>
      <c r="WBH674" s="613"/>
      <c r="WBI674" s="613"/>
      <c r="WBJ674" s="613"/>
      <c r="WBK674" s="613"/>
      <c r="WBL674" s="613"/>
      <c r="WBM674" s="613"/>
      <c r="WBN674" s="613"/>
      <c r="WBO674" s="613"/>
      <c r="WBP674" s="613"/>
      <c r="WBQ674" s="613"/>
      <c r="WBR674" s="613"/>
      <c r="WBS674" s="613"/>
      <c r="WBT674" s="613"/>
      <c r="WBU674" s="613"/>
      <c r="WBV674" s="613"/>
      <c r="WBW674" s="613"/>
      <c r="WBX674" s="613"/>
      <c r="WBY674" s="613"/>
      <c r="WBZ674" s="613"/>
      <c r="WCA674" s="613"/>
      <c r="WCB674" s="613"/>
      <c r="WCC674" s="613"/>
      <c r="WCD674" s="613"/>
      <c r="WCE674" s="613"/>
      <c r="WCF674" s="613"/>
      <c r="WCG674" s="613"/>
      <c r="WCH674" s="613"/>
      <c r="WCI674" s="613"/>
      <c r="WCJ674" s="613"/>
      <c r="WCK674" s="613"/>
      <c r="WCL674" s="613"/>
      <c r="WCM674" s="613"/>
      <c r="WCN674" s="613"/>
      <c r="WCO674" s="613"/>
      <c r="WCP674" s="613"/>
      <c r="WCQ674" s="613"/>
      <c r="WCR674" s="613"/>
      <c r="WCS674" s="613"/>
      <c r="WCT674" s="613"/>
      <c r="WCU674" s="613"/>
      <c r="WCV674" s="613"/>
      <c r="WCW674" s="613"/>
      <c r="WCX674" s="613"/>
      <c r="WCY674" s="613"/>
      <c r="WCZ674" s="613"/>
      <c r="WDA674" s="613"/>
      <c r="WDB674" s="613"/>
      <c r="WDC674" s="613"/>
      <c r="WDD674" s="613"/>
      <c r="WDE674" s="613"/>
      <c r="WDF674" s="613"/>
      <c r="WDG674" s="613"/>
      <c r="WDH674" s="613"/>
      <c r="WDI674" s="613"/>
      <c r="WDJ674" s="613"/>
      <c r="WDK674" s="613"/>
      <c r="WDL674" s="613"/>
      <c r="WDM674" s="613"/>
      <c r="WDN674" s="613"/>
      <c r="WDO674" s="613"/>
      <c r="WDP674" s="613"/>
      <c r="WDQ674" s="613"/>
      <c r="WDR674" s="613"/>
      <c r="WDS674" s="613"/>
      <c r="WDT674" s="613"/>
      <c r="WDU674" s="613"/>
      <c r="WDV674" s="613"/>
      <c r="WDW674" s="613"/>
      <c r="WDX674" s="613"/>
      <c r="WDY674" s="613"/>
      <c r="WDZ674" s="613"/>
      <c r="WEA674" s="613"/>
      <c r="WEB674" s="613"/>
      <c r="WEC674" s="613"/>
      <c r="WED674" s="613"/>
      <c r="WEE674" s="613"/>
      <c r="WEF674" s="613"/>
      <c r="WEG674" s="613"/>
      <c r="WEH674" s="613"/>
      <c r="WEI674" s="613"/>
      <c r="WEJ674" s="613"/>
      <c r="WEK674" s="613"/>
      <c r="WEL674" s="613"/>
      <c r="WEM674" s="613"/>
      <c r="WEN674" s="613"/>
      <c r="WEO674" s="613"/>
      <c r="WEP674" s="613"/>
      <c r="WEQ674" s="613"/>
      <c r="WER674" s="613"/>
      <c r="WES674" s="613"/>
      <c r="WET674" s="613"/>
      <c r="WEU674" s="613"/>
      <c r="WEV674" s="613"/>
      <c r="WEW674" s="613"/>
      <c r="WEX674" s="613"/>
      <c r="WEY674" s="613"/>
      <c r="WEZ674" s="613"/>
      <c r="WFA674" s="613"/>
      <c r="WFB674" s="613"/>
      <c r="WFC674" s="613"/>
      <c r="WFD674" s="613"/>
      <c r="WFE674" s="613"/>
      <c r="WFF674" s="613"/>
      <c r="WFG674" s="613"/>
      <c r="WFH674" s="613"/>
      <c r="WFI674" s="613"/>
      <c r="WFJ674" s="613"/>
      <c r="WFK674" s="613"/>
      <c r="WFL674" s="613"/>
      <c r="WFM674" s="613"/>
      <c r="WFN674" s="613"/>
      <c r="WFO674" s="613"/>
      <c r="WFP674" s="613"/>
      <c r="WFQ674" s="613"/>
      <c r="WFR674" s="613"/>
      <c r="WFS674" s="613"/>
      <c r="WFT674" s="613"/>
      <c r="WFU674" s="613"/>
      <c r="WFV674" s="613"/>
      <c r="WFW674" s="613"/>
      <c r="WFX674" s="613"/>
      <c r="WFY674" s="613"/>
      <c r="WFZ674" s="613"/>
      <c r="WGA674" s="613"/>
      <c r="WGB674" s="613"/>
      <c r="WGC674" s="613"/>
      <c r="WGD674" s="613"/>
      <c r="WGE674" s="613"/>
      <c r="WGF674" s="613"/>
      <c r="WGG674" s="613"/>
      <c r="WGH674" s="613"/>
      <c r="WGI674" s="613"/>
      <c r="WGJ674" s="613"/>
      <c r="WGK674" s="613"/>
      <c r="WGL674" s="613"/>
      <c r="WGM674" s="613"/>
      <c r="WGN674" s="613"/>
      <c r="WGO674" s="613"/>
      <c r="WGP674" s="613"/>
      <c r="WGQ674" s="613"/>
      <c r="WGR674" s="613"/>
      <c r="WGS674" s="613"/>
      <c r="WGT674" s="613"/>
      <c r="WGU674" s="613"/>
      <c r="WGV674" s="613"/>
      <c r="WGW674" s="613"/>
      <c r="WGX674" s="613"/>
      <c r="WGY674" s="613"/>
      <c r="WGZ674" s="613"/>
      <c r="WHA674" s="613"/>
      <c r="WHB674" s="613"/>
      <c r="WHC674" s="613"/>
      <c r="WHD674" s="613"/>
      <c r="WHE674" s="613"/>
      <c r="WHF674" s="613"/>
      <c r="WHG674" s="613"/>
      <c r="WHH674" s="613"/>
      <c r="WHI674" s="613"/>
      <c r="WHJ674" s="613"/>
      <c r="WHK674" s="613"/>
      <c r="WHL674" s="613"/>
      <c r="WHM674" s="613"/>
      <c r="WHN674" s="613"/>
      <c r="WHO674" s="613"/>
      <c r="WHP674" s="613"/>
      <c r="WHQ674" s="613"/>
      <c r="WHR674" s="613"/>
      <c r="WHS674" s="613"/>
      <c r="WHT674" s="613"/>
      <c r="WHU674" s="613"/>
      <c r="WHV674" s="613"/>
      <c r="WHW674" s="613"/>
      <c r="WHX674" s="613"/>
      <c r="WHY674" s="613"/>
      <c r="WHZ674" s="613"/>
      <c r="WIA674" s="613"/>
      <c r="WIB674" s="613"/>
      <c r="WIC674" s="613"/>
      <c r="WID674" s="613"/>
      <c r="WIE674" s="613"/>
      <c r="WIF674" s="613"/>
      <c r="WIG674" s="613"/>
      <c r="WIH674" s="613"/>
      <c r="WII674" s="613"/>
      <c r="WIJ674" s="613"/>
      <c r="WIK674" s="613"/>
      <c r="WIL674" s="613"/>
      <c r="WIM674" s="613"/>
      <c r="WIN674" s="613"/>
      <c r="WIO674" s="613"/>
      <c r="WIP674" s="613"/>
      <c r="WIQ674" s="613"/>
      <c r="WIR674" s="613"/>
      <c r="WIS674" s="613"/>
      <c r="WIT674" s="613"/>
      <c r="WIU674" s="613"/>
      <c r="WIV674" s="613"/>
      <c r="WIW674" s="613"/>
      <c r="WIX674" s="613"/>
      <c r="WIY674" s="613"/>
      <c r="WIZ674" s="613"/>
      <c r="WJA674" s="613"/>
      <c r="WJB674" s="613"/>
      <c r="WJC674" s="613"/>
      <c r="WJD674" s="613"/>
      <c r="WJE674" s="613"/>
      <c r="WJF674" s="613"/>
      <c r="WJG674" s="613"/>
      <c r="WJH674" s="613"/>
      <c r="WJI674" s="613"/>
      <c r="WJJ674" s="613"/>
      <c r="WJK674" s="613"/>
      <c r="WJL674" s="613"/>
      <c r="WJM674" s="613"/>
      <c r="WJN674" s="613"/>
      <c r="WJO674" s="613"/>
      <c r="WJP674" s="613"/>
      <c r="WJQ674" s="613"/>
      <c r="WJR674" s="613"/>
      <c r="WJS674" s="613"/>
      <c r="WJT674" s="613"/>
      <c r="WJU674" s="613"/>
      <c r="WJV674" s="613"/>
      <c r="WJW674" s="613"/>
      <c r="WJX674" s="613"/>
      <c r="WJY674" s="613"/>
      <c r="WJZ674" s="613"/>
      <c r="WKA674" s="613"/>
      <c r="WKB674" s="613"/>
      <c r="WKC674" s="613"/>
      <c r="WKD674" s="613"/>
      <c r="WKE674" s="613"/>
      <c r="WKF674" s="613"/>
      <c r="WKG674" s="613"/>
      <c r="WKH674" s="613"/>
      <c r="WKI674" s="613"/>
      <c r="WKJ674" s="613"/>
      <c r="WKK674" s="613"/>
      <c r="WKL674" s="613"/>
      <c r="WKM674" s="613"/>
      <c r="WKN674" s="613"/>
      <c r="WKO674" s="613"/>
      <c r="WKP674" s="613"/>
      <c r="WKQ674" s="613"/>
      <c r="WKR674" s="613"/>
      <c r="WKS674" s="613"/>
      <c r="WKT674" s="613"/>
      <c r="WKU674" s="613"/>
      <c r="WKV674" s="613"/>
      <c r="WKW674" s="613"/>
      <c r="WKX674" s="613"/>
      <c r="WKY674" s="613"/>
      <c r="WKZ674" s="613"/>
      <c r="WLA674" s="613"/>
      <c r="WLB674" s="613"/>
      <c r="WLC674" s="613"/>
      <c r="WLD674" s="613"/>
      <c r="WLE674" s="613"/>
      <c r="WLF674" s="613"/>
      <c r="WLG674" s="613"/>
      <c r="WLH674" s="613"/>
      <c r="WLI674" s="613"/>
      <c r="WLJ674" s="613"/>
      <c r="WLK674" s="613"/>
      <c r="WLL674" s="613"/>
      <c r="WLM674" s="613"/>
      <c r="WLN674" s="613"/>
      <c r="WLO674" s="613"/>
      <c r="WLP674" s="613"/>
      <c r="WLQ674" s="613"/>
      <c r="WLR674" s="613"/>
      <c r="WLS674" s="613"/>
      <c r="WLT674" s="613"/>
      <c r="WLU674" s="613"/>
      <c r="WLV674" s="613"/>
      <c r="WLW674" s="613"/>
      <c r="WLX674" s="613"/>
      <c r="WLY674" s="613"/>
      <c r="WLZ674" s="613"/>
      <c r="WMA674" s="613"/>
      <c r="WMB674" s="613"/>
      <c r="WMC674" s="613"/>
      <c r="WMD674" s="613"/>
      <c r="WME674" s="613"/>
      <c r="WMF674" s="613"/>
      <c r="WMG674" s="613"/>
      <c r="WMH674" s="613"/>
      <c r="WMI674" s="613"/>
      <c r="WMJ674" s="613"/>
      <c r="WMK674" s="613"/>
      <c r="WML674" s="613"/>
      <c r="WMM674" s="613"/>
      <c r="WMN674" s="613"/>
      <c r="WMO674" s="613"/>
      <c r="WMP674" s="613"/>
      <c r="WMQ674" s="613"/>
      <c r="WMR674" s="613"/>
      <c r="WMS674" s="613"/>
      <c r="WMT674" s="613"/>
      <c r="WMU674" s="613"/>
      <c r="WMV674" s="613"/>
      <c r="WMW674" s="613"/>
      <c r="WMX674" s="613"/>
      <c r="WMY674" s="613"/>
      <c r="WMZ674" s="613"/>
      <c r="WNA674" s="613"/>
      <c r="WNB674" s="613"/>
      <c r="WNC674" s="613"/>
      <c r="WND674" s="613"/>
      <c r="WNE674" s="613"/>
      <c r="WNF674" s="613"/>
      <c r="WNG674" s="613"/>
      <c r="WNH674" s="613"/>
      <c r="WNI674" s="613"/>
      <c r="WNJ674" s="613"/>
      <c r="WNK674" s="613"/>
      <c r="WNL674" s="613"/>
      <c r="WNM674" s="613"/>
      <c r="WNN674" s="613"/>
      <c r="WNO674" s="613"/>
      <c r="WNP674" s="613"/>
      <c r="WNQ674" s="613"/>
      <c r="WNR674" s="613"/>
      <c r="WNS674" s="613"/>
      <c r="WNT674" s="613"/>
      <c r="WNU674" s="613"/>
      <c r="WNV674" s="613"/>
      <c r="WNW674" s="613"/>
      <c r="WNX674" s="613"/>
      <c r="WNY674" s="613"/>
      <c r="WNZ674" s="613"/>
      <c r="WOA674" s="613"/>
      <c r="WOB674" s="613"/>
      <c r="WOC674" s="613"/>
      <c r="WOD674" s="613"/>
      <c r="WOE674" s="613"/>
      <c r="WOF674" s="613"/>
      <c r="WOG674" s="613"/>
      <c r="WOH674" s="613"/>
      <c r="WOI674" s="613"/>
      <c r="WOJ674" s="613"/>
      <c r="WOK674" s="613"/>
      <c r="WOL674" s="613"/>
      <c r="WOM674" s="613"/>
      <c r="WON674" s="613"/>
      <c r="WOO674" s="613"/>
      <c r="WOP674" s="613"/>
      <c r="WOQ674" s="613"/>
      <c r="WOR674" s="613"/>
      <c r="WOS674" s="613"/>
      <c r="WOT674" s="613"/>
      <c r="WOU674" s="613"/>
      <c r="WOV674" s="613"/>
      <c r="WOW674" s="613"/>
      <c r="WOX674" s="613"/>
      <c r="WOY674" s="613"/>
      <c r="WOZ674" s="613"/>
      <c r="WPA674" s="613"/>
      <c r="WPB674" s="613"/>
      <c r="WPC674" s="613"/>
      <c r="WPD674" s="613"/>
      <c r="WPE674" s="613"/>
      <c r="WPF674" s="613"/>
      <c r="WPG674" s="613"/>
      <c r="WPH674" s="613"/>
      <c r="WPI674" s="613"/>
      <c r="WPJ674" s="613"/>
      <c r="WPK674" s="613"/>
      <c r="WPL674" s="613"/>
      <c r="WPM674" s="613"/>
      <c r="WPN674" s="613"/>
      <c r="WPO674" s="613"/>
      <c r="WPP674" s="613"/>
      <c r="WPQ674" s="613"/>
      <c r="WPR674" s="613"/>
      <c r="WPS674" s="613"/>
      <c r="WPT674" s="613"/>
      <c r="WPU674" s="613"/>
      <c r="WPV674" s="613"/>
      <c r="WPW674" s="613"/>
      <c r="WPX674" s="613"/>
      <c r="WPY674" s="613"/>
      <c r="WPZ674" s="613"/>
      <c r="WQA674" s="613"/>
      <c r="WQB674" s="613"/>
      <c r="WQC674" s="613"/>
      <c r="WQD674" s="613"/>
      <c r="WQE674" s="613"/>
      <c r="WQF674" s="613"/>
      <c r="WQG674" s="613"/>
      <c r="WQH674" s="613"/>
      <c r="WQI674" s="613"/>
      <c r="WQJ674" s="613"/>
      <c r="WQK674" s="613"/>
      <c r="WQL674" s="613"/>
      <c r="WQM674" s="613"/>
      <c r="WQN674" s="613"/>
      <c r="WQO674" s="613"/>
      <c r="WQP674" s="613"/>
      <c r="WQQ674" s="613"/>
      <c r="WQR674" s="613"/>
      <c r="WQS674" s="613"/>
      <c r="WQT674" s="613"/>
      <c r="WQU674" s="613"/>
      <c r="WQV674" s="613"/>
      <c r="WQW674" s="613"/>
      <c r="WQX674" s="613"/>
      <c r="WQY674" s="613"/>
      <c r="WQZ674" s="613"/>
      <c r="WRA674" s="613"/>
      <c r="WRB674" s="613"/>
      <c r="WRC674" s="613"/>
      <c r="WRD674" s="613"/>
      <c r="WRE674" s="613"/>
      <c r="WRF674" s="613"/>
      <c r="WRG674" s="613"/>
      <c r="WRH674" s="613"/>
      <c r="WRI674" s="613"/>
      <c r="WRJ674" s="613"/>
      <c r="WRK674" s="613"/>
      <c r="WRL674" s="613"/>
      <c r="WRM674" s="613"/>
      <c r="WRN674" s="613"/>
      <c r="WRO674" s="613"/>
      <c r="WRP674" s="613"/>
      <c r="WRQ674" s="613"/>
      <c r="WRR674" s="613"/>
      <c r="WRS674" s="613"/>
      <c r="WRT674" s="613"/>
      <c r="WRU674" s="613"/>
      <c r="WRV674" s="613"/>
      <c r="WRW674" s="613"/>
      <c r="WRX674" s="613"/>
      <c r="WRY674" s="613"/>
      <c r="WRZ674" s="613"/>
      <c r="WSA674" s="613"/>
      <c r="WSB674" s="613"/>
      <c r="WSC674" s="613"/>
      <c r="WSD674" s="613"/>
      <c r="WSE674" s="613"/>
      <c r="WSF674" s="613"/>
      <c r="WSG674" s="613"/>
      <c r="WSH674" s="613"/>
      <c r="WSI674" s="613"/>
      <c r="WSJ674" s="613"/>
      <c r="WSK674" s="613"/>
      <c r="WSL674" s="613"/>
      <c r="WSM674" s="613"/>
      <c r="WSN674" s="613"/>
      <c r="WSO674" s="613"/>
      <c r="WSP674" s="613"/>
      <c r="WSQ674" s="613"/>
      <c r="WSR674" s="613"/>
      <c r="WSS674" s="613"/>
      <c r="WST674" s="613"/>
      <c r="WSU674" s="613"/>
      <c r="WSV674" s="613"/>
      <c r="WSW674" s="613"/>
      <c r="WSX674" s="613"/>
      <c r="WSY674" s="613"/>
      <c r="WSZ674" s="613"/>
      <c r="WTA674" s="613"/>
      <c r="WTB674" s="613"/>
      <c r="WTC674" s="613"/>
      <c r="WTD674" s="613"/>
      <c r="WTE674" s="613"/>
      <c r="WTF674" s="613"/>
      <c r="WTG674" s="613"/>
      <c r="WTH674" s="613"/>
      <c r="WTI674" s="613"/>
      <c r="WTJ674" s="613"/>
      <c r="WTK674" s="613"/>
      <c r="WTL674" s="613"/>
      <c r="WTM674" s="613"/>
      <c r="WTN674" s="613"/>
      <c r="WTO674" s="613"/>
      <c r="WTP674" s="613"/>
      <c r="WTQ674" s="613"/>
      <c r="WTR674" s="613"/>
      <c r="WTS674" s="613"/>
      <c r="WTT674" s="613"/>
      <c r="WTU674" s="613"/>
      <c r="WTV674" s="613"/>
      <c r="WTW674" s="613"/>
      <c r="WTX674" s="613"/>
      <c r="WTY674" s="613"/>
      <c r="WTZ674" s="613"/>
      <c r="WUA674" s="613"/>
      <c r="WUB674" s="613"/>
      <c r="WUC674" s="613"/>
      <c r="WUD674" s="613"/>
      <c r="WUE674" s="613"/>
      <c r="WUF674" s="613"/>
      <c r="WUG674" s="613"/>
      <c r="WUH674" s="613"/>
      <c r="WUI674" s="613"/>
      <c r="WUJ674" s="613"/>
      <c r="WUK674" s="613"/>
      <c r="WUL674" s="613"/>
      <c r="WUM674" s="613"/>
      <c r="WUN674" s="613"/>
      <c r="WUO674" s="613"/>
      <c r="WUP674" s="613"/>
      <c r="WUQ674" s="613"/>
      <c r="WUR674" s="613"/>
      <c r="WUS674" s="613"/>
      <c r="WUT674" s="613"/>
      <c r="WUU674" s="613"/>
      <c r="WUV674" s="613"/>
      <c r="WUW674" s="613"/>
      <c r="WUX674" s="613"/>
      <c r="WUY674" s="613"/>
      <c r="WUZ674" s="613"/>
      <c r="WVA674" s="613"/>
      <c r="WVB674" s="613"/>
      <c r="WVC674" s="613"/>
      <c r="WVD674" s="613"/>
      <c r="WVE674" s="613"/>
      <c r="WVF674" s="613"/>
      <c r="WVG674" s="613"/>
      <c r="WVH674" s="613"/>
      <c r="WVI674" s="613"/>
      <c r="WVJ674" s="613"/>
      <c r="WVK674" s="613"/>
      <c r="WVL674" s="613"/>
      <c r="WVM674" s="613"/>
      <c r="WVN674" s="613"/>
      <c r="WVO674" s="613"/>
      <c r="WVP674" s="613"/>
      <c r="WVQ674" s="613"/>
      <c r="WVR674" s="613"/>
      <c r="WVS674" s="613"/>
      <c r="WVT674" s="613"/>
      <c r="WVU674" s="613"/>
      <c r="WVV674" s="613"/>
      <c r="WVW674" s="613"/>
      <c r="WVX674" s="613"/>
      <c r="WVY674" s="613"/>
      <c r="WVZ674" s="613"/>
      <c r="WWA674" s="613"/>
      <c r="WWB674" s="613"/>
      <c r="WWC674" s="613"/>
      <c r="WWD674" s="613"/>
      <c r="WWE674" s="613"/>
      <c r="WWF674" s="613"/>
      <c r="WWG674" s="613"/>
      <c r="WWH674" s="613"/>
      <c r="WWI674" s="613"/>
      <c r="WWJ674" s="613"/>
      <c r="WWK674" s="613"/>
      <c r="WWL674" s="613"/>
      <c r="WWM674" s="613"/>
      <c r="WWN674" s="613"/>
      <c r="WWO674" s="613"/>
      <c r="WWP674" s="613"/>
      <c r="WWQ674" s="613"/>
      <c r="WWR674" s="613"/>
      <c r="WWS674" s="613"/>
      <c r="WWT674" s="613"/>
      <c r="WWU674" s="613"/>
      <c r="WWV674" s="613"/>
      <c r="WWW674" s="613"/>
      <c r="WWX674" s="613"/>
      <c r="WWY674" s="613"/>
      <c r="WWZ674" s="613"/>
      <c r="WXA674" s="613"/>
      <c r="WXB674" s="613"/>
      <c r="WXC674" s="613"/>
      <c r="WXD674" s="613"/>
      <c r="WXE674" s="613"/>
      <c r="WXF674" s="613"/>
      <c r="WXG674" s="613"/>
      <c r="WXH674" s="613"/>
      <c r="WXI674" s="613"/>
      <c r="WXJ674" s="613"/>
      <c r="WXK674" s="613"/>
      <c r="WXL674" s="613"/>
      <c r="WXM674" s="613"/>
      <c r="WXN674" s="613"/>
      <c r="WXO674" s="613"/>
      <c r="WXP674" s="613"/>
      <c r="WXQ674" s="613"/>
      <c r="WXR674" s="613"/>
      <c r="WXS674" s="613"/>
      <c r="WXT674" s="613"/>
      <c r="WXU674" s="613"/>
      <c r="WXV674" s="613"/>
      <c r="WXW674" s="613"/>
      <c r="WXX674" s="613"/>
      <c r="WXY674" s="613"/>
      <c r="WXZ674" s="613"/>
      <c r="WYA674" s="613"/>
      <c r="WYB674" s="613"/>
      <c r="WYC674" s="613"/>
      <c r="WYD674" s="613"/>
      <c r="WYE674" s="613"/>
      <c r="WYF674" s="613"/>
      <c r="WYG674" s="613"/>
      <c r="WYH674" s="613"/>
      <c r="WYI674" s="613"/>
      <c r="WYJ674" s="613"/>
      <c r="WYK674" s="613"/>
      <c r="WYL674" s="613"/>
      <c r="WYM674" s="613"/>
      <c r="WYN674" s="613"/>
      <c r="WYO674" s="613"/>
      <c r="WYP674" s="613"/>
      <c r="WYQ674" s="613"/>
      <c r="WYR674" s="613"/>
      <c r="WYS674" s="613"/>
      <c r="WYT674" s="613"/>
      <c r="WYU674" s="613"/>
      <c r="WYV674" s="613"/>
      <c r="WYW674" s="613"/>
      <c r="WYX674" s="613"/>
      <c r="WYY674" s="613"/>
      <c r="WYZ674" s="613"/>
      <c r="WZA674" s="613"/>
      <c r="WZB674" s="613"/>
      <c r="WZC674" s="613"/>
      <c r="WZD674" s="613"/>
      <c r="WZE674" s="613"/>
      <c r="WZF674" s="613"/>
      <c r="WZG674" s="613"/>
      <c r="WZH674" s="613"/>
      <c r="WZI674" s="613"/>
      <c r="WZJ674" s="613"/>
      <c r="WZK674" s="613"/>
      <c r="WZL674" s="613"/>
      <c r="WZM674" s="613"/>
      <c r="WZN674" s="613"/>
      <c r="WZO674" s="613"/>
      <c r="WZP674" s="613"/>
      <c r="WZQ674" s="613"/>
      <c r="WZR674" s="613"/>
      <c r="WZS674" s="613"/>
      <c r="WZT674" s="613"/>
      <c r="WZU674" s="613"/>
      <c r="WZV674" s="613"/>
      <c r="WZW674" s="613"/>
      <c r="WZX674" s="613"/>
      <c r="WZY674" s="613"/>
      <c r="WZZ674" s="613"/>
      <c r="XAA674" s="613"/>
      <c r="XAB674" s="613"/>
      <c r="XAC674" s="613"/>
      <c r="XAD674" s="613"/>
      <c r="XAE674" s="613"/>
      <c r="XAF674" s="613"/>
      <c r="XAG674" s="613"/>
      <c r="XAH674" s="613"/>
      <c r="XAI674" s="613"/>
      <c r="XAJ674" s="613"/>
      <c r="XAK674" s="613"/>
      <c r="XAL674" s="613"/>
      <c r="XAM674" s="613"/>
      <c r="XAN674" s="613"/>
      <c r="XAO674" s="613"/>
      <c r="XAP674" s="613"/>
      <c r="XAQ674" s="613"/>
      <c r="XAR674" s="613"/>
      <c r="XAS674" s="613"/>
      <c r="XAT674" s="613"/>
      <c r="XAU674" s="613"/>
      <c r="XAV674" s="613"/>
      <c r="XAW674" s="613"/>
      <c r="XAX674" s="613"/>
      <c r="XAY674" s="613"/>
      <c r="XAZ674" s="613"/>
      <c r="XBA674" s="613"/>
      <c r="XBB674" s="613"/>
      <c r="XBC674" s="613"/>
      <c r="XBD674" s="613"/>
      <c r="XBE674" s="613"/>
      <c r="XBF674" s="613"/>
      <c r="XBG674" s="613"/>
      <c r="XBH674" s="613"/>
      <c r="XBI674" s="613"/>
      <c r="XBJ674" s="613"/>
      <c r="XBK674" s="613"/>
      <c r="XBL674" s="613"/>
      <c r="XBM674" s="613"/>
      <c r="XBN674" s="613"/>
      <c r="XBO674" s="613"/>
      <c r="XBP674" s="613"/>
      <c r="XBQ674" s="613"/>
      <c r="XBR674" s="613"/>
      <c r="XBS674" s="613"/>
      <c r="XBT674" s="613"/>
      <c r="XBU674" s="613"/>
      <c r="XBV674" s="613"/>
      <c r="XBW674" s="613"/>
      <c r="XBX674" s="613"/>
      <c r="XBY674" s="613"/>
      <c r="XBZ674" s="613"/>
      <c r="XCA674" s="613"/>
      <c r="XCB674" s="613"/>
      <c r="XCC674" s="613"/>
      <c r="XCD674" s="613"/>
      <c r="XCE674" s="613"/>
      <c r="XCF674" s="613"/>
      <c r="XCG674" s="613"/>
      <c r="XCH674" s="613"/>
      <c r="XCI674" s="613"/>
      <c r="XCJ674" s="613"/>
      <c r="XCK674" s="613"/>
      <c r="XCL674" s="613"/>
      <c r="XCM674" s="613"/>
      <c r="XCN674" s="613"/>
      <c r="XCO674" s="613"/>
      <c r="XCP674" s="613"/>
      <c r="XCQ674" s="613"/>
    </row>
    <row r="675" spans="1:16319" ht="56.1" customHeight="1" x14ac:dyDescent="0.2">
      <c r="A675" s="494"/>
      <c r="B675" s="77"/>
      <c r="C675" s="494"/>
      <c r="D675" s="481">
        <v>162</v>
      </c>
      <c r="E675" s="481"/>
      <c r="F675" s="481" t="s">
        <v>2481</v>
      </c>
      <c r="G675" s="482" t="s">
        <v>53</v>
      </c>
      <c r="H675" s="481" t="s">
        <v>329</v>
      </c>
      <c r="I675" s="654" t="s">
        <v>396</v>
      </c>
      <c r="J675" s="654" t="s">
        <v>369</v>
      </c>
      <c r="K675" s="495" t="s">
        <v>419</v>
      </c>
      <c r="L675" s="621"/>
      <c r="M675" s="484" t="s">
        <v>58</v>
      </c>
      <c r="N675" s="327" t="s">
        <v>2609</v>
      </c>
      <c r="O675" s="484" t="s">
        <v>2996</v>
      </c>
      <c r="P675" s="484" t="s">
        <v>81</v>
      </c>
      <c r="Q675" s="667" t="s">
        <v>334</v>
      </c>
      <c r="R675" s="484" t="s">
        <v>334</v>
      </c>
      <c r="S675" s="484" t="s">
        <v>187</v>
      </c>
      <c r="T675" s="484"/>
      <c r="U675" s="620" t="s">
        <v>63</v>
      </c>
      <c r="V675" s="620" t="s">
        <v>63</v>
      </c>
      <c r="W675" s="723">
        <v>298742.61216643895</v>
      </c>
      <c r="X675" s="723"/>
      <c r="Y675" s="654" t="s">
        <v>226</v>
      </c>
      <c r="Z675" s="654"/>
      <c r="AA675" s="723">
        <v>298742.61216643895</v>
      </c>
      <c r="AB675" s="652" t="s">
        <v>82</v>
      </c>
      <c r="AC675" s="652"/>
      <c r="AD675" s="496"/>
      <c r="AE675" s="496"/>
      <c r="AF675" s="496"/>
      <c r="AG675" s="496"/>
      <c r="AH675" s="496"/>
      <c r="AI675" s="487"/>
      <c r="AJ675" s="496"/>
      <c r="AK675" s="496"/>
      <c r="AL675" s="496"/>
      <c r="AM675" s="496"/>
      <c r="AN675" s="496"/>
      <c r="AO675" s="496"/>
      <c r="AP675" s="496"/>
      <c r="AQ675" s="496" t="s">
        <v>66</v>
      </c>
      <c r="AR675" s="496"/>
      <c r="AS675" s="496"/>
      <c r="AT675" s="496"/>
      <c r="AU675" s="487"/>
      <c r="AV675" s="487"/>
      <c r="AW675" s="487"/>
      <c r="AX675" s="487"/>
      <c r="AY675" s="487"/>
      <c r="AZ675" s="487"/>
      <c r="BA675" s="484"/>
      <c r="BB675" s="484"/>
      <c r="BC675" s="484"/>
      <c r="BD675" s="494"/>
      <c r="BE675" s="494"/>
      <c r="BF675" s="613"/>
      <c r="BG675" s="613"/>
      <c r="BH675" s="613"/>
      <c r="BI675" s="613"/>
      <c r="BJ675" s="613"/>
      <c r="BK675" s="613"/>
      <c r="BL675" s="613"/>
      <c r="BM675" s="613"/>
      <c r="BN675" s="613"/>
      <c r="BO675" s="613"/>
      <c r="BP675" s="613"/>
      <c r="BQ675" s="613"/>
      <c r="BR675" s="613"/>
      <c r="BS675" s="613"/>
      <c r="BT675" s="613"/>
      <c r="BU675" s="613"/>
      <c r="BV675" s="613"/>
      <c r="BW675" s="613"/>
      <c r="BX675" s="613"/>
      <c r="BY675" s="613"/>
      <c r="BZ675" s="613"/>
      <c r="CA675" s="613"/>
      <c r="CB675" s="613"/>
      <c r="CC675" s="613"/>
      <c r="CD675" s="613"/>
      <c r="CE675" s="613"/>
      <c r="CF675" s="613"/>
      <c r="CG675" s="613"/>
      <c r="CH675" s="613"/>
      <c r="CI675" s="613"/>
      <c r="CJ675" s="613"/>
      <c r="CK675" s="613"/>
      <c r="CL675" s="613"/>
      <c r="CM675" s="613"/>
      <c r="CN675" s="613"/>
      <c r="CO675" s="613"/>
      <c r="CP675" s="613"/>
      <c r="CQ675" s="613"/>
      <c r="CR675" s="613"/>
      <c r="CS675" s="613"/>
      <c r="CT675" s="613"/>
      <c r="CU675" s="613"/>
      <c r="CV675" s="613"/>
      <c r="CW675" s="613"/>
      <c r="CX675" s="613"/>
      <c r="CY675" s="613"/>
      <c r="CZ675" s="613"/>
      <c r="DA675" s="613"/>
      <c r="DB675" s="613"/>
      <c r="DC675" s="613"/>
      <c r="DD675" s="613"/>
      <c r="DE675" s="613"/>
      <c r="DF675" s="613"/>
      <c r="DG675" s="613"/>
      <c r="DH675" s="613"/>
      <c r="DI675" s="613"/>
      <c r="DJ675" s="613"/>
      <c r="DK675" s="613"/>
      <c r="DL675" s="613"/>
      <c r="DM675" s="613"/>
      <c r="DN675" s="613"/>
      <c r="DO675" s="613"/>
      <c r="DP675" s="613"/>
      <c r="DQ675" s="613"/>
      <c r="DR675" s="613"/>
      <c r="DS675" s="613"/>
      <c r="DT675" s="613"/>
      <c r="DU675" s="613"/>
      <c r="DV675" s="613"/>
      <c r="DW675" s="613"/>
      <c r="DX675" s="613"/>
      <c r="DY675" s="613"/>
      <c r="DZ675" s="613"/>
      <c r="EA675" s="613"/>
      <c r="EB675" s="613"/>
      <c r="EC675" s="613"/>
      <c r="ED675" s="613"/>
      <c r="EE675" s="613"/>
      <c r="EF675" s="613"/>
      <c r="EG675" s="613"/>
      <c r="EH675" s="613"/>
      <c r="EI675" s="613"/>
      <c r="EJ675" s="613"/>
      <c r="EK675" s="613"/>
      <c r="EL675" s="613"/>
      <c r="EM675" s="613"/>
      <c r="EN675" s="613"/>
      <c r="EO675" s="613"/>
      <c r="EP675" s="613"/>
      <c r="EQ675" s="613"/>
      <c r="ER675" s="613"/>
      <c r="ES675" s="613"/>
      <c r="ET675" s="613"/>
      <c r="EU675" s="613"/>
      <c r="EV675" s="613"/>
      <c r="EW675" s="613"/>
      <c r="EX675" s="613"/>
      <c r="EY675" s="613"/>
      <c r="EZ675" s="613"/>
      <c r="FA675" s="613"/>
      <c r="FB675" s="613"/>
      <c r="FC675" s="613"/>
      <c r="FD675" s="613"/>
      <c r="FE675" s="613"/>
      <c r="FF675" s="613"/>
      <c r="FG675" s="613"/>
      <c r="FH675" s="613"/>
      <c r="FI675" s="613"/>
      <c r="FJ675" s="613"/>
      <c r="FK675" s="613"/>
      <c r="FL675" s="613"/>
      <c r="FM675" s="613"/>
      <c r="FN675" s="613"/>
      <c r="FO675" s="613"/>
      <c r="FP675" s="613"/>
      <c r="FQ675" s="613"/>
      <c r="FR675" s="613"/>
      <c r="FS675" s="613"/>
      <c r="FT675" s="613"/>
      <c r="FU675" s="613"/>
      <c r="FV675" s="613"/>
      <c r="FW675" s="613"/>
      <c r="FX675" s="613"/>
      <c r="FY675" s="613"/>
      <c r="FZ675" s="613"/>
      <c r="GA675" s="613"/>
      <c r="GB675" s="613"/>
      <c r="GC675" s="613"/>
      <c r="GD675" s="613"/>
      <c r="GE675" s="613"/>
      <c r="GF675" s="613"/>
      <c r="GG675" s="613"/>
      <c r="GH675" s="613"/>
      <c r="GI675" s="613"/>
      <c r="GJ675" s="613"/>
      <c r="GK675" s="613"/>
      <c r="GL675" s="613"/>
      <c r="GM675" s="613"/>
      <c r="GN675" s="613"/>
      <c r="GO675" s="613"/>
      <c r="GP675" s="613"/>
      <c r="GQ675" s="613"/>
      <c r="GR675" s="613"/>
      <c r="GS675" s="613"/>
      <c r="GT675" s="613"/>
      <c r="GU675" s="613"/>
      <c r="GV675" s="613"/>
      <c r="GW675" s="613"/>
      <c r="GX675" s="613"/>
      <c r="GY675" s="613"/>
      <c r="GZ675" s="613"/>
      <c r="HA675" s="613"/>
      <c r="HB675" s="613"/>
      <c r="HC675" s="613"/>
      <c r="HD675" s="613"/>
      <c r="HE675" s="613"/>
      <c r="HF675" s="613"/>
      <c r="HG675" s="613"/>
      <c r="HH675" s="613"/>
      <c r="HI675" s="613"/>
      <c r="HJ675" s="613"/>
      <c r="HK675" s="613"/>
      <c r="HL675" s="613"/>
      <c r="HM675" s="613"/>
      <c r="HN675" s="613"/>
      <c r="HO675" s="613"/>
      <c r="HP675" s="613"/>
      <c r="HQ675" s="613"/>
      <c r="HR675" s="613"/>
      <c r="HS675" s="613"/>
      <c r="HT675" s="613"/>
      <c r="HU675" s="613"/>
      <c r="HV675" s="613"/>
      <c r="HW675" s="613"/>
      <c r="HX675" s="613"/>
      <c r="HY675" s="613"/>
      <c r="HZ675" s="613"/>
      <c r="IA675" s="613"/>
      <c r="IB675" s="613"/>
      <c r="IC675" s="613"/>
      <c r="ID675" s="613"/>
      <c r="IE675" s="613"/>
      <c r="IF675" s="613"/>
      <c r="IG675" s="613"/>
      <c r="IH675" s="613"/>
      <c r="II675" s="613"/>
      <c r="IJ675" s="613"/>
      <c r="IK675" s="613"/>
      <c r="IL675" s="613"/>
      <c r="IM675" s="613"/>
      <c r="IN675" s="613"/>
      <c r="IO675" s="613"/>
      <c r="IP675" s="613"/>
      <c r="IQ675" s="613"/>
      <c r="IR675" s="613"/>
      <c r="IS675" s="613"/>
      <c r="IT675" s="613"/>
      <c r="IU675" s="613"/>
      <c r="IV675" s="613"/>
      <c r="IW675" s="613"/>
      <c r="IX675" s="613"/>
      <c r="IY675" s="613"/>
      <c r="IZ675" s="613"/>
      <c r="JA675" s="613"/>
      <c r="JB675" s="613"/>
      <c r="JC675" s="613"/>
      <c r="JD675" s="613"/>
      <c r="JE675" s="613"/>
      <c r="JF675" s="613"/>
      <c r="JG675" s="613"/>
      <c r="JH675" s="613"/>
      <c r="JI675" s="613"/>
      <c r="JJ675" s="613"/>
      <c r="JK675" s="613"/>
      <c r="JL675" s="613"/>
      <c r="JM675" s="613"/>
      <c r="JN675" s="613"/>
      <c r="JO675" s="613"/>
      <c r="JP675" s="613"/>
      <c r="JQ675" s="613"/>
      <c r="JR675" s="613"/>
      <c r="JS675" s="613"/>
      <c r="JT675" s="613"/>
      <c r="JU675" s="613"/>
      <c r="JV675" s="613"/>
      <c r="JW675" s="613"/>
      <c r="JX675" s="613"/>
      <c r="JY675" s="613"/>
      <c r="JZ675" s="613"/>
      <c r="KA675" s="613"/>
      <c r="KB675" s="613"/>
      <c r="KC675" s="613"/>
      <c r="KD675" s="613"/>
      <c r="KE675" s="613"/>
      <c r="KF675" s="613"/>
      <c r="KG675" s="613"/>
      <c r="KH675" s="613"/>
      <c r="KI675" s="613"/>
      <c r="KJ675" s="613"/>
      <c r="KK675" s="613"/>
      <c r="KL675" s="613"/>
      <c r="KM675" s="613"/>
      <c r="KN675" s="613"/>
      <c r="KO675" s="613"/>
      <c r="KP675" s="613"/>
      <c r="KQ675" s="613"/>
      <c r="KR675" s="613"/>
      <c r="KS675" s="613"/>
      <c r="KT675" s="613"/>
      <c r="KU675" s="613"/>
      <c r="KV675" s="613"/>
      <c r="KW675" s="613"/>
      <c r="KX675" s="613"/>
      <c r="KY675" s="613"/>
      <c r="KZ675" s="613"/>
      <c r="LA675" s="613"/>
      <c r="LB675" s="613"/>
      <c r="LC675" s="613"/>
      <c r="LD675" s="613"/>
      <c r="LE675" s="613"/>
      <c r="LF675" s="613"/>
      <c r="LG675" s="613"/>
      <c r="LH675" s="613"/>
      <c r="LI675" s="613"/>
      <c r="LJ675" s="613"/>
      <c r="LK675" s="613"/>
      <c r="LL675" s="613"/>
      <c r="LM675" s="613"/>
      <c r="LN675" s="613"/>
      <c r="LO675" s="613"/>
      <c r="LP675" s="613"/>
      <c r="LQ675" s="613"/>
      <c r="LR675" s="613"/>
      <c r="LS675" s="613"/>
      <c r="LT675" s="613"/>
      <c r="LU675" s="613"/>
      <c r="LV675" s="613"/>
      <c r="LW675" s="613"/>
      <c r="LX675" s="613"/>
      <c r="LY675" s="613"/>
      <c r="LZ675" s="613"/>
      <c r="MA675" s="613"/>
      <c r="MB675" s="613"/>
      <c r="MC675" s="613"/>
      <c r="MD675" s="613"/>
      <c r="ME675" s="613"/>
      <c r="MF675" s="613"/>
      <c r="MG675" s="613"/>
      <c r="MH675" s="613"/>
      <c r="MI675" s="613"/>
      <c r="MJ675" s="613"/>
      <c r="MK675" s="613"/>
      <c r="ML675" s="613"/>
      <c r="MM675" s="613"/>
      <c r="MN675" s="613"/>
      <c r="MO675" s="613"/>
      <c r="MP675" s="613"/>
      <c r="MQ675" s="613"/>
      <c r="MR675" s="613"/>
      <c r="MS675" s="613"/>
      <c r="MT675" s="613"/>
      <c r="MU675" s="613"/>
      <c r="MV675" s="613"/>
      <c r="MW675" s="613"/>
      <c r="MX675" s="613"/>
      <c r="MY675" s="613"/>
      <c r="MZ675" s="613"/>
      <c r="NA675" s="613"/>
      <c r="NB675" s="613"/>
      <c r="NC675" s="613"/>
      <c r="ND675" s="613"/>
      <c r="NE675" s="613"/>
      <c r="NF675" s="613"/>
      <c r="NG675" s="613"/>
      <c r="NH675" s="613"/>
      <c r="NI675" s="613"/>
      <c r="NJ675" s="613"/>
      <c r="NK675" s="613"/>
      <c r="NL675" s="613"/>
      <c r="NM675" s="613"/>
      <c r="NN675" s="613"/>
      <c r="NO675" s="613"/>
      <c r="NP675" s="613"/>
      <c r="NQ675" s="613"/>
      <c r="NR675" s="613"/>
      <c r="NS675" s="613"/>
      <c r="NT675" s="613"/>
      <c r="NU675" s="613"/>
      <c r="NV675" s="613"/>
      <c r="NW675" s="613"/>
      <c r="NX675" s="613"/>
      <c r="NY675" s="613"/>
      <c r="NZ675" s="613"/>
      <c r="OA675" s="613"/>
      <c r="OB675" s="613"/>
      <c r="OC675" s="613"/>
      <c r="OD675" s="613"/>
      <c r="OE675" s="613"/>
      <c r="OF675" s="613"/>
      <c r="OG675" s="613"/>
      <c r="OH675" s="613"/>
      <c r="OI675" s="613"/>
      <c r="OJ675" s="613"/>
      <c r="OK675" s="613"/>
      <c r="OL675" s="613"/>
      <c r="OM675" s="613"/>
      <c r="ON675" s="613"/>
      <c r="OO675" s="613"/>
      <c r="OP675" s="613"/>
      <c r="OQ675" s="613"/>
      <c r="OR675" s="613"/>
      <c r="OS675" s="613"/>
      <c r="OT675" s="613"/>
      <c r="OU675" s="613"/>
      <c r="OV675" s="613"/>
      <c r="OW675" s="613"/>
      <c r="OX675" s="613"/>
      <c r="OY675" s="613"/>
      <c r="OZ675" s="613"/>
      <c r="PA675" s="613"/>
      <c r="PB675" s="613"/>
      <c r="PC675" s="613"/>
      <c r="PD675" s="613"/>
      <c r="PE675" s="613"/>
      <c r="PF675" s="613"/>
      <c r="PG675" s="613"/>
      <c r="PH675" s="613"/>
      <c r="PI675" s="613"/>
      <c r="PJ675" s="613"/>
      <c r="PK675" s="613"/>
      <c r="PL675" s="613"/>
      <c r="PM675" s="613"/>
      <c r="PN675" s="613"/>
      <c r="PO675" s="613"/>
      <c r="PP675" s="613"/>
      <c r="PQ675" s="613"/>
      <c r="PR675" s="613"/>
      <c r="PS675" s="613"/>
      <c r="PT675" s="613"/>
      <c r="PU675" s="613"/>
      <c r="PV675" s="613"/>
      <c r="PW675" s="613"/>
      <c r="PX675" s="613"/>
      <c r="PY675" s="613"/>
      <c r="PZ675" s="613"/>
      <c r="QA675" s="613"/>
      <c r="QB675" s="613"/>
      <c r="QC675" s="613"/>
      <c r="QD675" s="613"/>
      <c r="QE675" s="613"/>
      <c r="QF675" s="613"/>
      <c r="QG675" s="613"/>
      <c r="QH675" s="613"/>
      <c r="QI675" s="613"/>
      <c r="QJ675" s="613"/>
      <c r="QK675" s="613"/>
      <c r="QL675" s="613"/>
      <c r="QM675" s="613"/>
      <c r="QN675" s="613"/>
      <c r="QO675" s="613"/>
      <c r="QP675" s="613"/>
      <c r="QQ675" s="613"/>
      <c r="QR675" s="613"/>
      <c r="QS675" s="613"/>
      <c r="QT675" s="613"/>
      <c r="QU675" s="613"/>
      <c r="QV675" s="613"/>
      <c r="QW675" s="613"/>
      <c r="QX675" s="613"/>
      <c r="QY675" s="613"/>
      <c r="QZ675" s="613"/>
      <c r="RA675" s="613"/>
      <c r="RB675" s="613"/>
      <c r="RC675" s="613"/>
      <c r="RD675" s="613"/>
      <c r="RE675" s="613"/>
      <c r="RF675" s="613"/>
      <c r="RG675" s="613"/>
      <c r="RH675" s="613"/>
      <c r="RI675" s="613"/>
      <c r="RJ675" s="613"/>
      <c r="RK675" s="613"/>
      <c r="RL675" s="613"/>
      <c r="RM675" s="613"/>
      <c r="RN675" s="613"/>
      <c r="RO675" s="613"/>
      <c r="RP675" s="613"/>
      <c r="RQ675" s="613"/>
      <c r="RR675" s="613"/>
      <c r="RS675" s="613"/>
      <c r="RT675" s="613"/>
      <c r="RU675" s="613"/>
      <c r="RV675" s="613"/>
      <c r="RW675" s="613"/>
      <c r="RX675" s="613"/>
      <c r="RY675" s="613"/>
      <c r="RZ675" s="613"/>
      <c r="SA675" s="613"/>
      <c r="SB675" s="613"/>
      <c r="SC675" s="613"/>
      <c r="SD675" s="613"/>
      <c r="SE675" s="613"/>
      <c r="SF675" s="613"/>
      <c r="SG675" s="613"/>
      <c r="SH675" s="613"/>
      <c r="SI675" s="613"/>
      <c r="SJ675" s="613"/>
      <c r="SK675" s="613"/>
      <c r="SL675" s="613"/>
      <c r="SM675" s="613"/>
      <c r="SN675" s="613"/>
      <c r="SO675" s="613"/>
      <c r="SP675" s="613"/>
      <c r="SQ675" s="613"/>
      <c r="SR675" s="613"/>
      <c r="SS675" s="613"/>
      <c r="ST675" s="613"/>
      <c r="SU675" s="613"/>
      <c r="SV675" s="613"/>
      <c r="SW675" s="613"/>
      <c r="SX675" s="613"/>
      <c r="SY675" s="613"/>
      <c r="SZ675" s="613"/>
      <c r="TA675" s="613"/>
      <c r="TB675" s="613"/>
      <c r="TC675" s="613"/>
      <c r="TD675" s="613"/>
      <c r="TE675" s="613"/>
      <c r="TF675" s="613"/>
      <c r="TG675" s="613"/>
      <c r="TH675" s="613"/>
      <c r="TI675" s="613"/>
      <c r="TJ675" s="613"/>
      <c r="TK675" s="613"/>
      <c r="TL675" s="613"/>
      <c r="TM675" s="613"/>
      <c r="TN675" s="613"/>
      <c r="TO675" s="613"/>
      <c r="TP675" s="613"/>
      <c r="TQ675" s="613"/>
      <c r="TR675" s="613"/>
      <c r="TS675" s="613"/>
      <c r="TT675" s="613"/>
      <c r="TU675" s="613"/>
      <c r="TV675" s="613"/>
      <c r="TW675" s="613"/>
      <c r="TX675" s="613"/>
      <c r="TY675" s="613"/>
      <c r="TZ675" s="613"/>
      <c r="UA675" s="613"/>
      <c r="UB675" s="613"/>
      <c r="UC675" s="613"/>
      <c r="UD675" s="613"/>
      <c r="UE675" s="613"/>
      <c r="UF675" s="613"/>
      <c r="UG675" s="613"/>
      <c r="UH675" s="613"/>
      <c r="UI675" s="613"/>
      <c r="UJ675" s="613"/>
      <c r="UK675" s="613"/>
      <c r="UL675" s="613"/>
      <c r="UM675" s="613"/>
      <c r="UN675" s="613"/>
      <c r="UO675" s="613"/>
      <c r="UP675" s="613"/>
      <c r="UQ675" s="613"/>
      <c r="UR675" s="613"/>
      <c r="US675" s="613"/>
      <c r="UT675" s="613"/>
      <c r="UU675" s="613"/>
      <c r="UV675" s="613"/>
      <c r="UW675" s="613"/>
      <c r="UX675" s="613"/>
      <c r="UY675" s="613"/>
      <c r="UZ675" s="613"/>
      <c r="VA675" s="613"/>
      <c r="VB675" s="613"/>
      <c r="VC675" s="613"/>
      <c r="VD675" s="613"/>
      <c r="VE675" s="613"/>
      <c r="VF675" s="613"/>
      <c r="VG675" s="613"/>
      <c r="VH675" s="613"/>
      <c r="VI675" s="613"/>
      <c r="VJ675" s="613"/>
      <c r="VK675" s="613"/>
      <c r="VL675" s="613"/>
      <c r="VM675" s="613"/>
      <c r="VN675" s="613"/>
      <c r="VO675" s="613"/>
      <c r="VP675" s="613"/>
      <c r="VQ675" s="613"/>
      <c r="VR675" s="613"/>
      <c r="VS675" s="613"/>
      <c r="VT675" s="613"/>
      <c r="VU675" s="613"/>
      <c r="VV675" s="613"/>
      <c r="VW675" s="613"/>
      <c r="VX675" s="613"/>
      <c r="VY675" s="613"/>
      <c r="VZ675" s="613"/>
      <c r="WA675" s="613"/>
      <c r="WB675" s="613"/>
      <c r="WC675" s="613"/>
      <c r="WD675" s="613"/>
      <c r="WE675" s="613"/>
      <c r="WF675" s="613"/>
      <c r="WG675" s="613"/>
      <c r="WH675" s="613"/>
      <c r="WI675" s="613"/>
      <c r="WJ675" s="613"/>
      <c r="WK675" s="613"/>
      <c r="WL675" s="613"/>
      <c r="WM675" s="613"/>
      <c r="WN675" s="613"/>
      <c r="WO675" s="613"/>
      <c r="WP675" s="613"/>
      <c r="WQ675" s="613"/>
      <c r="WR675" s="613"/>
      <c r="WS675" s="613"/>
      <c r="WT675" s="613"/>
      <c r="WU675" s="613"/>
      <c r="WV675" s="613"/>
      <c r="WW675" s="613"/>
      <c r="WX675" s="613"/>
      <c r="WY675" s="613"/>
      <c r="WZ675" s="613"/>
      <c r="XA675" s="613"/>
      <c r="XB675" s="613"/>
      <c r="XC675" s="613"/>
      <c r="XD675" s="613"/>
      <c r="XE675" s="613"/>
      <c r="XF675" s="613"/>
      <c r="XG675" s="613"/>
      <c r="XH675" s="613"/>
      <c r="XI675" s="613"/>
      <c r="XJ675" s="613"/>
      <c r="XK675" s="613"/>
      <c r="XL675" s="613"/>
      <c r="XM675" s="613"/>
      <c r="XN675" s="613"/>
      <c r="XO675" s="613"/>
      <c r="XP675" s="613"/>
      <c r="XQ675" s="613"/>
      <c r="XR675" s="613"/>
      <c r="XS675" s="613"/>
      <c r="XT675" s="613"/>
      <c r="XU675" s="613"/>
      <c r="XV675" s="613"/>
      <c r="XW675" s="613"/>
      <c r="XX675" s="613"/>
      <c r="XY675" s="613"/>
      <c r="XZ675" s="613"/>
      <c r="YA675" s="613"/>
      <c r="YB675" s="613"/>
      <c r="YC675" s="613"/>
      <c r="YD675" s="613"/>
      <c r="YE675" s="613"/>
      <c r="YF675" s="613"/>
      <c r="YG675" s="613"/>
      <c r="YH675" s="613"/>
      <c r="YI675" s="613"/>
      <c r="YJ675" s="613"/>
      <c r="YK675" s="613"/>
      <c r="YL675" s="613"/>
      <c r="YM675" s="613"/>
      <c r="YN675" s="613"/>
      <c r="YO675" s="613"/>
      <c r="YP675" s="613"/>
      <c r="YQ675" s="613"/>
      <c r="YR675" s="613"/>
      <c r="YS675" s="613"/>
      <c r="YT675" s="613"/>
      <c r="YU675" s="613"/>
      <c r="YV675" s="613"/>
      <c r="YW675" s="613"/>
      <c r="YX675" s="613"/>
      <c r="YY675" s="613"/>
      <c r="YZ675" s="613"/>
      <c r="ZA675" s="613"/>
      <c r="ZB675" s="613"/>
      <c r="ZC675" s="613"/>
      <c r="ZD675" s="613"/>
      <c r="ZE675" s="613"/>
      <c r="ZF675" s="613"/>
      <c r="ZG675" s="613"/>
      <c r="ZH675" s="613"/>
      <c r="ZI675" s="613"/>
      <c r="ZJ675" s="613"/>
      <c r="ZK675" s="613"/>
      <c r="ZL675" s="613"/>
      <c r="ZM675" s="613"/>
      <c r="ZN675" s="613"/>
      <c r="ZO675" s="613"/>
      <c r="ZP675" s="613"/>
      <c r="ZQ675" s="613"/>
      <c r="ZR675" s="613"/>
      <c r="ZS675" s="613"/>
      <c r="ZT675" s="613"/>
      <c r="ZU675" s="613"/>
      <c r="ZV675" s="613"/>
      <c r="ZW675" s="613"/>
      <c r="ZX675" s="613"/>
      <c r="ZY675" s="613"/>
      <c r="ZZ675" s="613"/>
      <c r="AAA675" s="613"/>
      <c r="AAB675" s="613"/>
      <c r="AAC675" s="613"/>
      <c r="AAD675" s="613"/>
      <c r="AAE675" s="613"/>
      <c r="AAF675" s="613"/>
      <c r="AAG675" s="613"/>
      <c r="AAH675" s="613"/>
      <c r="AAI675" s="613"/>
      <c r="AAJ675" s="613"/>
      <c r="AAK675" s="613"/>
      <c r="AAL675" s="613"/>
      <c r="AAM675" s="613"/>
      <c r="AAN675" s="613"/>
      <c r="AAO675" s="613"/>
      <c r="AAP675" s="613"/>
      <c r="AAQ675" s="613"/>
      <c r="AAR675" s="613"/>
      <c r="AAS675" s="613"/>
      <c r="AAT675" s="613"/>
      <c r="AAU675" s="613"/>
      <c r="AAV675" s="613"/>
      <c r="AAW675" s="613"/>
      <c r="AAX675" s="613"/>
      <c r="AAY675" s="613"/>
      <c r="AAZ675" s="613"/>
      <c r="ABA675" s="613"/>
      <c r="ABB675" s="613"/>
      <c r="ABC675" s="613"/>
      <c r="ABD675" s="613"/>
      <c r="ABE675" s="613"/>
      <c r="ABF675" s="613"/>
      <c r="ABG675" s="613"/>
      <c r="ABH675" s="613"/>
      <c r="ABI675" s="613"/>
      <c r="ABJ675" s="613"/>
      <c r="ABK675" s="613"/>
      <c r="ABL675" s="613"/>
      <c r="ABM675" s="613"/>
      <c r="ABN675" s="613"/>
      <c r="ABO675" s="613"/>
      <c r="ABP675" s="613"/>
      <c r="ABQ675" s="613"/>
      <c r="ABR675" s="613"/>
      <c r="ABS675" s="613"/>
      <c r="ABT675" s="613"/>
      <c r="ABU675" s="613"/>
      <c r="ABV675" s="613"/>
      <c r="ABW675" s="613"/>
      <c r="ABX675" s="613"/>
      <c r="ABY675" s="613"/>
      <c r="ABZ675" s="613"/>
      <c r="ACA675" s="613"/>
      <c r="ACB675" s="613"/>
      <c r="ACC675" s="613"/>
      <c r="ACD675" s="613"/>
      <c r="ACE675" s="613"/>
      <c r="ACF675" s="613"/>
      <c r="ACG675" s="613"/>
      <c r="ACH675" s="613"/>
      <c r="ACI675" s="613"/>
      <c r="ACJ675" s="613"/>
      <c r="ACK675" s="613"/>
      <c r="ACL675" s="613"/>
      <c r="ACM675" s="613"/>
      <c r="ACN675" s="613"/>
      <c r="ACO675" s="613"/>
      <c r="ACP675" s="613"/>
      <c r="ACQ675" s="613"/>
      <c r="ACR675" s="613"/>
      <c r="ACS675" s="613"/>
      <c r="ACT675" s="613"/>
      <c r="ACU675" s="613"/>
      <c r="ACV675" s="613"/>
      <c r="ACW675" s="613"/>
      <c r="ACX675" s="613"/>
      <c r="ACY675" s="613"/>
      <c r="ACZ675" s="613"/>
      <c r="ADA675" s="613"/>
      <c r="ADB675" s="613"/>
      <c r="ADC675" s="613"/>
      <c r="ADD675" s="613"/>
      <c r="ADE675" s="613"/>
      <c r="ADF675" s="613"/>
      <c r="ADG675" s="613"/>
      <c r="ADH675" s="613"/>
      <c r="ADI675" s="613"/>
      <c r="ADJ675" s="613"/>
      <c r="ADK675" s="613"/>
      <c r="ADL675" s="613"/>
      <c r="ADM675" s="613"/>
      <c r="ADN675" s="613"/>
      <c r="ADO675" s="613"/>
      <c r="ADP675" s="613"/>
      <c r="ADQ675" s="613"/>
      <c r="ADR675" s="613"/>
      <c r="ADS675" s="613"/>
      <c r="ADT675" s="613"/>
      <c r="ADU675" s="613"/>
      <c r="ADV675" s="613"/>
      <c r="ADW675" s="613"/>
      <c r="ADX675" s="613"/>
      <c r="ADY675" s="613"/>
      <c r="ADZ675" s="613"/>
      <c r="AEA675" s="613"/>
      <c r="AEB675" s="613"/>
      <c r="AEC675" s="613"/>
      <c r="AED675" s="613"/>
      <c r="AEE675" s="613"/>
      <c r="AEF675" s="613"/>
      <c r="AEG675" s="613"/>
      <c r="AEH675" s="613"/>
      <c r="AEI675" s="613"/>
      <c r="AEJ675" s="613"/>
      <c r="AEK675" s="613"/>
      <c r="AEL675" s="613"/>
      <c r="AEM675" s="613"/>
      <c r="AEN675" s="613"/>
      <c r="AEO675" s="613"/>
      <c r="AEP675" s="613"/>
      <c r="AEQ675" s="613"/>
      <c r="AER675" s="613"/>
      <c r="AES675" s="613"/>
      <c r="AET675" s="613"/>
      <c r="AEU675" s="613"/>
      <c r="AEV675" s="613"/>
      <c r="AEW675" s="613"/>
      <c r="AEX675" s="613"/>
      <c r="AEY675" s="613"/>
      <c r="AEZ675" s="613"/>
      <c r="AFA675" s="613"/>
      <c r="AFB675" s="613"/>
      <c r="AFC675" s="613"/>
      <c r="AFD675" s="613"/>
      <c r="AFE675" s="613"/>
      <c r="AFF675" s="613"/>
      <c r="AFG675" s="613"/>
      <c r="AFH675" s="613"/>
      <c r="AFI675" s="613"/>
      <c r="AFJ675" s="613"/>
      <c r="AFK675" s="613"/>
      <c r="AFL675" s="613"/>
      <c r="AFM675" s="613"/>
      <c r="AFN675" s="613"/>
      <c r="AFO675" s="613"/>
      <c r="AFP675" s="613"/>
      <c r="AFQ675" s="613"/>
      <c r="AFR675" s="613"/>
      <c r="AFS675" s="613"/>
      <c r="AFT675" s="613"/>
      <c r="AFU675" s="613"/>
      <c r="AFV675" s="613"/>
      <c r="AFW675" s="613"/>
      <c r="AFX675" s="613"/>
      <c r="AFY675" s="613"/>
      <c r="AFZ675" s="613"/>
      <c r="AGA675" s="613"/>
      <c r="AGB675" s="613"/>
      <c r="AGC675" s="613"/>
      <c r="AGD675" s="613"/>
      <c r="AGE675" s="613"/>
      <c r="AGF675" s="613"/>
      <c r="AGG675" s="613"/>
      <c r="AGH675" s="613"/>
      <c r="AGI675" s="613"/>
      <c r="AGJ675" s="613"/>
      <c r="AGK675" s="613"/>
      <c r="AGL675" s="613"/>
      <c r="AGM675" s="613"/>
      <c r="AGN675" s="613"/>
      <c r="AGO675" s="613"/>
      <c r="AGP675" s="613"/>
      <c r="AGQ675" s="613"/>
      <c r="AGR675" s="613"/>
      <c r="AGS675" s="613"/>
      <c r="AGT675" s="613"/>
      <c r="AGU675" s="613"/>
      <c r="AGV675" s="613"/>
      <c r="AGW675" s="613"/>
      <c r="AGX675" s="613"/>
      <c r="AGY675" s="613"/>
      <c r="AGZ675" s="613"/>
      <c r="AHA675" s="613"/>
      <c r="AHB675" s="613"/>
      <c r="AHC675" s="613"/>
      <c r="AHD675" s="613"/>
      <c r="AHE675" s="613"/>
      <c r="AHF675" s="613"/>
      <c r="AHG675" s="613"/>
      <c r="AHH675" s="613"/>
      <c r="AHI675" s="613"/>
      <c r="AHJ675" s="613"/>
      <c r="AHK675" s="613"/>
      <c r="AHL675" s="613"/>
      <c r="AHM675" s="613"/>
      <c r="AHN675" s="613"/>
      <c r="AHO675" s="613"/>
      <c r="AHP675" s="613"/>
      <c r="AHQ675" s="613"/>
      <c r="AHR675" s="613"/>
      <c r="AHS675" s="613"/>
      <c r="AHT675" s="613"/>
      <c r="AHU675" s="613"/>
      <c r="AHV675" s="613"/>
      <c r="AHW675" s="613"/>
      <c r="AHX675" s="613"/>
      <c r="AHY675" s="613"/>
      <c r="AHZ675" s="613"/>
      <c r="AIA675" s="613"/>
      <c r="AIB675" s="613"/>
      <c r="AIC675" s="613"/>
      <c r="AID675" s="613"/>
      <c r="AIE675" s="613"/>
      <c r="AIF675" s="613"/>
      <c r="AIG675" s="613"/>
      <c r="AIH675" s="613"/>
      <c r="AII675" s="613"/>
      <c r="AIJ675" s="613"/>
      <c r="AIK675" s="613"/>
      <c r="AIL675" s="613"/>
      <c r="AIM675" s="613"/>
      <c r="AIN675" s="613"/>
      <c r="AIO675" s="613"/>
      <c r="AIP675" s="613"/>
      <c r="AIQ675" s="613"/>
      <c r="AIR675" s="613"/>
      <c r="AIS675" s="613"/>
      <c r="AIT675" s="613"/>
      <c r="AIU675" s="613"/>
      <c r="AIV675" s="613"/>
      <c r="AIW675" s="613"/>
      <c r="AIX675" s="613"/>
      <c r="AIY675" s="613"/>
      <c r="AIZ675" s="613"/>
      <c r="AJA675" s="613"/>
      <c r="AJB675" s="613"/>
      <c r="AJC675" s="613"/>
      <c r="AJD675" s="613"/>
      <c r="AJE675" s="613"/>
      <c r="AJF675" s="613"/>
      <c r="AJG675" s="613"/>
      <c r="AJH675" s="613"/>
      <c r="AJI675" s="613"/>
      <c r="AJJ675" s="613"/>
      <c r="AJK675" s="613"/>
      <c r="AJL675" s="613"/>
      <c r="AJM675" s="613"/>
      <c r="AJN675" s="613"/>
      <c r="AJO675" s="613"/>
      <c r="AJP675" s="613"/>
      <c r="AJQ675" s="613"/>
      <c r="AJR675" s="613"/>
      <c r="AJS675" s="613"/>
      <c r="AJT675" s="613"/>
      <c r="AJU675" s="613"/>
      <c r="AJV675" s="613"/>
      <c r="AJW675" s="613"/>
      <c r="AJX675" s="613"/>
      <c r="AJY675" s="613"/>
      <c r="AJZ675" s="613"/>
      <c r="AKA675" s="613"/>
      <c r="AKB675" s="613"/>
      <c r="AKC675" s="613"/>
      <c r="AKD675" s="613"/>
      <c r="AKE675" s="613"/>
      <c r="AKF675" s="613"/>
      <c r="AKG675" s="613"/>
      <c r="AKH675" s="613"/>
      <c r="AKI675" s="613"/>
      <c r="AKJ675" s="613"/>
      <c r="AKK675" s="613"/>
      <c r="AKL675" s="613"/>
      <c r="AKM675" s="613"/>
      <c r="AKN675" s="613"/>
      <c r="AKO675" s="613"/>
      <c r="AKP675" s="613"/>
      <c r="AKQ675" s="613"/>
      <c r="AKR675" s="613"/>
      <c r="AKS675" s="613"/>
      <c r="AKT675" s="613"/>
      <c r="AKU675" s="613"/>
      <c r="AKV675" s="613"/>
      <c r="AKW675" s="613"/>
      <c r="AKX675" s="613"/>
      <c r="AKY675" s="613"/>
      <c r="AKZ675" s="613"/>
      <c r="ALA675" s="613"/>
      <c r="ALB675" s="613"/>
      <c r="ALC675" s="613"/>
      <c r="ALD675" s="613"/>
      <c r="ALE675" s="613"/>
      <c r="ALF675" s="613"/>
      <c r="ALG675" s="613"/>
      <c r="ALH675" s="613"/>
      <c r="ALI675" s="613"/>
      <c r="ALJ675" s="613"/>
      <c r="ALK675" s="613"/>
      <c r="ALL675" s="613"/>
      <c r="ALM675" s="613"/>
      <c r="ALN675" s="613"/>
      <c r="ALO675" s="613"/>
      <c r="ALP675" s="613"/>
      <c r="ALQ675" s="613"/>
      <c r="ALR675" s="613"/>
      <c r="ALS675" s="613"/>
      <c r="ALT675" s="613"/>
      <c r="ALU675" s="613"/>
      <c r="ALV675" s="613"/>
      <c r="ALW675" s="613"/>
      <c r="ALX675" s="613"/>
      <c r="ALY675" s="613"/>
      <c r="ALZ675" s="613"/>
      <c r="AMA675" s="613"/>
      <c r="AMB675" s="613"/>
      <c r="AMC675" s="613"/>
      <c r="AMD675" s="613"/>
      <c r="AME675" s="613"/>
      <c r="AMF675" s="613"/>
      <c r="AMG675" s="613"/>
      <c r="AMH675" s="613"/>
      <c r="AMI675" s="613"/>
      <c r="AMJ675" s="613"/>
      <c r="AMK675" s="613"/>
      <c r="AML675" s="613"/>
      <c r="AMM675" s="613"/>
      <c r="AMN675" s="613"/>
      <c r="AMO675" s="613"/>
      <c r="AMP675" s="613"/>
      <c r="AMQ675" s="613"/>
      <c r="AMR675" s="613"/>
      <c r="AMS675" s="613"/>
      <c r="AMT675" s="613"/>
      <c r="AMU675" s="613"/>
      <c r="AMV675" s="613"/>
      <c r="AMW675" s="613"/>
      <c r="AMX675" s="613"/>
      <c r="AMY675" s="613"/>
      <c r="AMZ675" s="613"/>
      <c r="ANA675" s="613"/>
      <c r="ANB675" s="613"/>
      <c r="ANC675" s="613"/>
      <c r="AND675" s="613"/>
      <c r="ANE675" s="613"/>
      <c r="ANF675" s="613"/>
      <c r="ANG675" s="613"/>
      <c r="ANH675" s="613"/>
      <c r="ANI675" s="613"/>
      <c r="ANJ675" s="613"/>
      <c r="ANK675" s="613"/>
      <c r="ANL675" s="613"/>
      <c r="ANM675" s="613"/>
      <c r="ANN675" s="613"/>
      <c r="ANO675" s="613"/>
      <c r="ANP675" s="613"/>
      <c r="ANQ675" s="613"/>
      <c r="ANR675" s="613"/>
      <c r="ANS675" s="613"/>
      <c r="ANT675" s="613"/>
      <c r="ANU675" s="613"/>
      <c r="ANV675" s="613"/>
      <c r="ANW675" s="613"/>
      <c r="ANX675" s="613"/>
      <c r="ANY675" s="613"/>
      <c r="ANZ675" s="613"/>
      <c r="AOA675" s="613"/>
      <c r="AOB675" s="613"/>
      <c r="AOC675" s="613"/>
      <c r="AOD675" s="613"/>
      <c r="AOE675" s="613"/>
      <c r="AOF675" s="613"/>
      <c r="AOG675" s="613"/>
      <c r="AOH675" s="613"/>
      <c r="AOI675" s="613"/>
      <c r="AOJ675" s="613"/>
      <c r="AOK675" s="613"/>
      <c r="AOL675" s="613"/>
      <c r="AOM675" s="613"/>
      <c r="AON675" s="613"/>
      <c r="AOO675" s="613"/>
      <c r="AOP675" s="613"/>
      <c r="AOQ675" s="613"/>
      <c r="AOR675" s="613"/>
      <c r="AOS675" s="613"/>
      <c r="AOT675" s="613"/>
      <c r="AOU675" s="613"/>
      <c r="AOV675" s="613"/>
      <c r="AOW675" s="613"/>
      <c r="AOX675" s="613"/>
      <c r="AOY675" s="613"/>
      <c r="AOZ675" s="613"/>
      <c r="APA675" s="613"/>
      <c r="APB675" s="613"/>
      <c r="APC675" s="613"/>
      <c r="APD675" s="613"/>
      <c r="APE675" s="613"/>
      <c r="APF675" s="613"/>
      <c r="APG675" s="613"/>
      <c r="APH675" s="613"/>
      <c r="API675" s="613"/>
      <c r="APJ675" s="613"/>
      <c r="APK675" s="613"/>
      <c r="APL675" s="613"/>
      <c r="APM675" s="613"/>
      <c r="APN675" s="613"/>
      <c r="APO675" s="613"/>
      <c r="APP675" s="613"/>
      <c r="APQ675" s="613"/>
      <c r="APR675" s="613"/>
      <c r="APS675" s="613"/>
      <c r="APT675" s="613"/>
      <c r="APU675" s="613"/>
      <c r="APV675" s="613"/>
      <c r="APW675" s="613"/>
      <c r="APX675" s="613"/>
      <c r="APY675" s="613"/>
      <c r="APZ675" s="613"/>
      <c r="AQA675" s="613"/>
      <c r="AQB675" s="613"/>
      <c r="AQC675" s="613"/>
      <c r="AQD675" s="613"/>
      <c r="AQE675" s="613"/>
      <c r="AQF675" s="613"/>
      <c r="AQG675" s="613"/>
      <c r="AQH675" s="613"/>
      <c r="AQI675" s="613"/>
      <c r="AQJ675" s="613"/>
      <c r="AQK675" s="613"/>
      <c r="AQL675" s="613"/>
      <c r="AQM675" s="613"/>
      <c r="AQN675" s="613"/>
      <c r="AQO675" s="613"/>
      <c r="AQP675" s="613"/>
      <c r="AQQ675" s="613"/>
      <c r="AQR675" s="613"/>
      <c r="AQS675" s="613"/>
      <c r="AQT675" s="613"/>
      <c r="AQU675" s="613"/>
      <c r="AQV675" s="613"/>
      <c r="AQW675" s="613"/>
      <c r="AQX675" s="613"/>
      <c r="AQY675" s="613"/>
      <c r="AQZ675" s="613"/>
      <c r="ARA675" s="613"/>
      <c r="ARB675" s="613"/>
      <c r="ARC675" s="613"/>
      <c r="ARD675" s="613"/>
      <c r="ARE675" s="613"/>
      <c r="ARF675" s="613"/>
      <c r="ARG675" s="613"/>
      <c r="ARH675" s="613"/>
      <c r="ARI675" s="613"/>
      <c r="ARJ675" s="613"/>
      <c r="ARK675" s="613"/>
      <c r="ARL675" s="613"/>
      <c r="ARM675" s="613"/>
      <c r="ARN675" s="613"/>
      <c r="ARO675" s="613"/>
      <c r="ARP675" s="613"/>
      <c r="ARQ675" s="613"/>
      <c r="ARR675" s="613"/>
      <c r="ARS675" s="613"/>
      <c r="ART675" s="613"/>
      <c r="ARU675" s="613"/>
      <c r="ARV675" s="613"/>
      <c r="ARW675" s="613"/>
      <c r="ARX675" s="613"/>
      <c r="ARY675" s="613"/>
      <c r="ARZ675" s="613"/>
      <c r="ASA675" s="613"/>
      <c r="ASB675" s="613"/>
      <c r="ASC675" s="613"/>
      <c r="ASD675" s="613"/>
      <c r="ASE675" s="613"/>
      <c r="ASF675" s="613"/>
      <c r="ASG675" s="613"/>
      <c r="ASH675" s="613"/>
      <c r="ASI675" s="613"/>
      <c r="ASJ675" s="613"/>
      <c r="ASK675" s="613"/>
      <c r="ASL675" s="613"/>
      <c r="ASM675" s="613"/>
      <c r="ASN675" s="613"/>
      <c r="ASO675" s="613"/>
      <c r="ASP675" s="613"/>
      <c r="ASQ675" s="613"/>
      <c r="ASR675" s="613"/>
      <c r="ASS675" s="613"/>
      <c r="AST675" s="613"/>
      <c r="ASU675" s="613"/>
      <c r="ASV675" s="613"/>
      <c r="ASW675" s="613"/>
      <c r="ASX675" s="613"/>
      <c r="ASY675" s="613"/>
      <c r="ASZ675" s="613"/>
      <c r="ATA675" s="613"/>
      <c r="ATB675" s="613"/>
      <c r="ATC675" s="613"/>
      <c r="ATD675" s="613"/>
      <c r="ATE675" s="613"/>
      <c r="ATF675" s="613"/>
      <c r="ATG675" s="613"/>
      <c r="ATH675" s="613"/>
      <c r="ATI675" s="613"/>
      <c r="ATJ675" s="613"/>
      <c r="ATK675" s="613"/>
      <c r="ATL675" s="613"/>
      <c r="ATM675" s="613"/>
      <c r="ATN675" s="613"/>
      <c r="ATO675" s="613"/>
      <c r="ATP675" s="613"/>
      <c r="ATQ675" s="613"/>
      <c r="ATR675" s="613"/>
      <c r="ATS675" s="613"/>
      <c r="ATT675" s="613"/>
      <c r="ATU675" s="613"/>
      <c r="ATV675" s="613"/>
      <c r="ATW675" s="613"/>
      <c r="ATX675" s="613"/>
      <c r="ATY675" s="613"/>
      <c r="ATZ675" s="613"/>
      <c r="AUA675" s="613"/>
      <c r="AUB675" s="613"/>
      <c r="AUC675" s="613"/>
      <c r="AUD675" s="613"/>
      <c r="AUE675" s="613"/>
      <c r="AUF675" s="613"/>
      <c r="AUG675" s="613"/>
      <c r="AUH675" s="613"/>
      <c r="AUI675" s="613"/>
      <c r="AUJ675" s="613"/>
      <c r="AUK675" s="613"/>
      <c r="AUL675" s="613"/>
      <c r="AUM675" s="613"/>
      <c r="AUN675" s="613"/>
      <c r="AUO675" s="613"/>
      <c r="AUP675" s="613"/>
      <c r="AUQ675" s="613"/>
      <c r="AUR675" s="613"/>
      <c r="AUS675" s="613"/>
      <c r="AUT675" s="613"/>
      <c r="AUU675" s="613"/>
      <c r="AUV675" s="613"/>
      <c r="AUW675" s="613"/>
      <c r="AUX675" s="613"/>
      <c r="AUY675" s="613"/>
      <c r="AUZ675" s="613"/>
      <c r="AVA675" s="613"/>
      <c r="AVB675" s="613"/>
      <c r="AVC675" s="613"/>
      <c r="AVD675" s="613"/>
      <c r="AVE675" s="613"/>
      <c r="AVF675" s="613"/>
      <c r="AVG675" s="613"/>
      <c r="AVH675" s="613"/>
      <c r="AVI675" s="613"/>
      <c r="AVJ675" s="613"/>
      <c r="AVK675" s="613"/>
      <c r="AVL675" s="613"/>
      <c r="AVM675" s="613"/>
      <c r="AVN675" s="613"/>
      <c r="AVO675" s="613"/>
      <c r="AVP675" s="613"/>
      <c r="AVQ675" s="613"/>
      <c r="AVR675" s="613"/>
      <c r="AVS675" s="613"/>
      <c r="AVT675" s="613"/>
      <c r="AVU675" s="613"/>
      <c r="AVV675" s="613"/>
      <c r="AVW675" s="613"/>
      <c r="AVX675" s="613"/>
      <c r="AVY675" s="613"/>
      <c r="AVZ675" s="613"/>
      <c r="AWA675" s="613"/>
      <c r="AWB675" s="613"/>
      <c r="AWC675" s="613"/>
      <c r="AWD675" s="613"/>
      <c r="AWE675" s="613"/>
      <c r="AWF675" s="613"/>
      <c r="AWG675" s="613"/>
      <c r="AWH675" s="613"/>
      <c r="AWI675" s="613"/>
      <c r="AWJ675" s="613"/>
      <c r="AWK675" s="613"/>
      <c r="AWL675" s="613"/>
      <c r="AWM675" s="613"/>
      <c r="AWN675" s="613"/>
      <c r="AWO675" s="613"/>
      <c r="AWP675" s="613"/>
      <c r="AWQ675" s="613"/>
      <c r="AWR675" s="613"/>
      <c r="AWS675" s="613"/>
      <c r="AWT675" s="613"/>
      <c r="AWU675" s="613"/>
      <c r="AWV675" s="613"/>
      <c r="AWW675" s="613"/>
      <c r="AWX675" s="613"/>
      <c r="AWY675" s="613"/>
      <c r="AWZ675" s="613"/>
      <c r="AXA675" s="613"/>
      <c r="AXB675" s="613"/>
      <c r="AXC675" s="613"/>
      <c r="AXD675" s="613"/>
      <c r="AXE675" s="613"/>
      <c r="AXF675" s="613"/>
      <c r="AXG675" s="613"/>
      <c r="AXH675" s="613"/>
      <c r="AXI675" s="613"/>
      <c r="AXJ675" s="613"/>
      <c r="AXK675" s="613"/>
      <c r="AXL675" s="613"/>
      <c r="AXM675" s="613"/>
      <c r="AXN675" s="613"/>
      <c r="AXO675" s="613"/>
      <c r="AXP675" s="613"/>
      <c r="AXQ675" s="613"/>
      <c r="AXR675" s="613"/>
      <c r="AXS675" s="613"/>
      <c r="AXT675" s="613"/>
      <c r="AXU675" s="613"/>
      <c r="AXV675" s="613"/>
      <c r="AXW675" s="613"/>
      <c r="AXX675" s="613"/>
      <c r="AXY675" s="613"/>
      <c r="AXZ675" s="613"/>
      <c r="AYA675" s="613"/>
      <c r="AYB675" s="613"/>
      <c r="AYC675" s="613"/>
      <c r="AYD675" s="613"/>
      <c r="AYE675" s="613"/>
      <c r="AYF675" s="613"/>
      <c r="AYG675" s="613"/>
      <c r="AYH675" s="613"/>
      <c r="AYI675" s="613"/>
      <c r="AYJ675" s="613"/>
      <c r="AYK675" s="613"/>
      <c r="AYL675" s="613"/>
      <c r="AYM675" s="613"/>
      <c r="AYN675" s="613"/>
      <c r="AYO675" s="613"/>
      <c r="AYP675" s="613"/>
      <c r="AYQ675" s="613"/>
      <c r="AYR675" s="613"/>
      <c r="AYS675" s="613"/>
      <c r="AYT675" s="613"/>
      <c r="AYU675" s="613"/>
      <c r="AYV675" s="613"/>
      <c r="AYW675" s="613"/>
      <c r="AYX675" s="613"/>
      <c r="AYY675" s="613"/>
      <c r="AYZ675" s="613"/>
      <c r="AZA675" s="613"/>
      <c r="AZB675" s="613"/>
      <c r="AZC675" s="613"/>
      <c r="AZD675" s="613"/>
      <c r="AZE675" s="613"/>
      <c r="AZF675" s="613"/>
      <c r="AZG675" s="613"/>
      <c r="AZH675" s="613"/>
      <c r="AZI675" s="613"/>
      <c r="AZJ675" s="613"/>
      <c r="AZK675" s="613"/>
      <c r="AZL675" s="613"/>
      <c r="AZM675" s="613"/>
      <c r="AZN675" s="613"/>
      <c r="AZO675" s="613"/>
      <c r="AZP675" s="613"/>
      <c r="AZQ675" s="613"/>
      <c r="AZR675" s="613"/>
      <c r="AZS675" s="613"/>
      <c r="AZT675" s="613"/>
      <c r="AZU675" s="613"/>
      <c r="AZV675" s="613"/>
      <c r="AZW675" s="613"/>
      <c r="AZX675" s="613"/>
      <c r="AZY675" s="613"/>
      <c r="AZZ675" s="613"/>
      <c r="BAA675" s="613"/>
      <c r="BAB675" s="613"/>
      <c r="BAC675" s="613"/>
      <c r="BAD675" s="613"/>
      <c r="BAE675" s="613"/>
      <c r="BAF675" s="613"/>
      <c r="BAG675" s="613"/>
      <c r="BAH675" s="613"/>
      <c r="BAI675" s="613"/>
      <c r="BAJ675" s="613"/>
      <c r="BAK675" s="613"/>
      <c r="BAL675" s="613"/>
      <c r="BAM675" s="613"/>
      <c r="BAN675" s="613"/>
      <c r="BAO675" s="613"/>
      <c r="BAP675" s="613"/>
      <c r="BAQ675" s="613"/>
      <c r="BAR675" s="613"/>
      <c r="BAS675" s="613"/>
      <c r="BAT675" s="613"/>
      <c r="BAU675" s="613"/>
      <c r="BAV675" s="613"/>
      <c r="BAW675" s="613"/>
      <c r="BAX675" s="613"/>
      <c r="BAY675" s="613"/>
      <c r="BAZ675" s="613"/>
      <c r="BBA675" s="613"/>
      <c r="BBB675" s="613"/>
      <c r="BBC675" s="613"/>
      <c r="BBD675" s="613"/>
      <c r="BBE675" s="613"/>
      <c r="BBF675" s="613"/>
      <c r="BBG675" s="613"/>
      <c r="BBH675" s="613"/>
      <c r="BBI675" s="613"/>
      <c r="BBJ675" s="613"/>
      <c r="BBK675" s="613"/>
      <c r="BBL675" s="613"/>
      <c r="BBM675" s="613"/>
      <c r="BBN675" s="613"/>
      <c r="BBO675" s="613"/>
      <c r="BBP675" s="613"/>
      <c r="BBQ675" s="613"/>
      <c r="BBR675" s="613"/>
      <c r="BBS675" s="613"/>
      <c r="BBT675" s="613"/>
      <c r="BBU675" s="613"/>
      <c r="BBV675" s="613"/>
      <c r="BBW675" s="613"/>
      <c r="BBX675" s="613"/>
      <c r="BBY675" s="613"/>
      <c r="BBZ675" s="613"/>
      <c r="BCA675" s="613"/>
      <c r="BCB675" s="613"/>
      <c r="BCC675" s="613"/>
      <c r="BCD675" s="613"/>
      <c r="BCE675" s="613"/>
      <c r="BCF675" s="613"/>
      <c r="BCG675" s="613"/>
      <c r="BCH675" s="613"/>
      <c r="BCI675" s="613"/>
      <c r="BCJ675" s="613"/>
      <c r="BCK675" s="613"/>
      <c r="BCL675" s="613"/>
      <c r="BCM675" s="613"/>
      <c r="BCN675" s="613"/>
      <c r="BCO675" s="613"/>
      <c r="BCP675" s="613"/>
      <c r="BCQ675" s="613"/>
      <c r="BCR675" s="613"/>
      <c r="BCS675" s="613"/>
      <c r="BCT675" s="613"/>
      <c r="BCU675" s="613"/>
      <c r="BCV675" s="613"/>
      <c r="BCW675" s="613"/>
      <c r="BCX675" s="613"/>
      <c r="BCY675" s="613"/>
      <c r="BCZ675" s="613"/>
      <c r="BDA675" s="613"/>
      <c r="BDB675" s="613"/>
      <c r="BDC675" s="613"/>
      <c r="BDD675" s="613"/>
      <c r="BDE675" s="613"/>
      <c r="BDF675" s="613"/>
      <c r="BDG675" s="613"/>
      <c r="BDH675" s="613"/>
      <c r="BDI675" s="613"/>
      <c r="BDJ675" s="613"/>
      <c r="BDK675" s="613"/>
      <c r="BDL675" s="613"/>
      <c r="BDM675" s="613"/>
      <c r="BDN675" s="613"/>
      <c r="BDO675" s="613"/>
      <c r="BDP675" s="613"/>
      <c r="BDQ675" s="613"/>
      <c r="BDR675" s="613"/>
      <c r="BDS675" s="613"/>
      <c r="BDT675" s="613"/>
      <c r="BDU675" s="613"/>
      <c r="BDV675" s="613"/>
      <c r="BDW675" s="613"/>
      <c r="BDX675" s="613"/>
      <c r="BDY675" s="613"/>
      <c r="BDZ675" s="613"/>
      <c r="BEA675" s="613"/>
      <c r="BEB675" s="613"/>
      <c r="BEC675" s="613"/>
      <c r="BED675" s="613"/>
      <c r="BEE675" s="613"/>
      <c r="BEF675" s="613"/>
      <c r="BEG675" s="613"/>
      <c r="BEH675" s="613"/>
      <c r="BEI675" s="613"/>
      <c r="BEJ675" s="613"/>
      <c r="BEK675" s="613"/>
      <c r="BEL675" s="613"/>
      <c r="BEM675" s="613"/>
      <c r="BEN675" s="613"/>
      <c r="BEO675" s="613"/>
      <c r="BEP675" s="613"/>
      <c r="BEQ675" s="613"/>
      <c r="BER675" s="613"/>
      <c r="BES675" s="613"/>
      <c r="BET675" s="613"/>
      <c r="BEU675" s="613"/>
      <c r="BEV675" s="613"/>
      <c r="BEW675" s="613"/>
      <c r="BEX675" s="613"/>
      <c r="BEY675" s="613"/>
      <c r="BEZ675" s="613"/>
      <c r="BFA675" s="613"/>
      <c r="BFB675" s="613"/>
      <c r="BFC675" s="613"/>
      <c r="BFD675" s="613"/>
      <c r="BFE675" s="613"/>
      <c r="BFF675" s="613"/>
      <c r="BFG675" s="613"/>
      <c r="BFH675" s="613"/>
      <c r="BFI675" s="613"/>
      <c r="BFJ675" s="613"/>
      <c r="BFK675" s="613"/>
      <c r="BFL675" s="613"/>
      <c r="BFM675" s="613"/>
      <c r="BFN675" s="613"/>
      <c r="BFO675" s="613"/>
      <c r="BFP675" s="613"/>
      <c r="BFQ675" s="613"/>
      <c r="BFR675" s="613"/>
      <c r="BFS675" s="613"/>
      <c r="BFT675" s="613"/>
      <c r="BFU675" s="613"/>
      <c r="BFV675" s="613"/>
      <c r="BFW675" s="613"/>
      <c r="BFX675" s="613"/>
      <c r="BFY675" s="613"/>
      <c r="BFZ675" s="613"/>
      <c r="BGA675" s="613"/>
      <c r="BGB675" s="613"/>
      <c r="BGC675" s="613"/>
      <c r="BGD675" s="613"/>
      <c r="BGE675" s="613"/>
      <c r="BGF675" s="613"/>
      <c r="BGG675" s="613"/>
      <c r="BGH675" s="613"/>
      <c r="BGI675" s="613"/>
      <c r="BGJ675" s="613"/>
      <c r="BGK675" s="613"/>
      <c r="BGL675" s="613"/>
      <c r="BGM675" s="613"/>
      <c r="BGN675" s="613"/>
      <c r="BGO675" s="613"/>
      <c r="BGP675" s="613"/>
      <c r="BGQ675" s="613"/>
      <c r="BGR675" s="613"/>
      <c r="BGS675" s="613"/>
      <c r="BGT675" s="613"/>
      <c r="BGU675" s="613"/>
      <c r="BGV675" s="613"/>
      <c r="BGW675" s="613"/>
      <c r="BGX675" s="613"/>
      <c r="BGY675" s="613"/>
      <c r="BGZ675" s="613"/>
      <c r="BHA675" s="613"/>
      <c r="BHB675" s="613"/>
      <c r="BHC675" s="613"/>
      <c r="BHD675" s="613"/>
      <c r="BHE675" s="613"/>
      <c r="BHF675" s="613"/>
      <c r="BHG675" s="613"/>
      <c r="BHH675" s="613"/>
      <c r="BHI675" s="613"/>
      <c r="BHJ675" s="613"/>
      <c r="BHK675" s="613"/>
      <c r="BHL675" s="613"/>
      <c r="BHM675" s="613"/>
      <c r="BHN675" s="613"/>
      <c r="BHO675" s="613"/>
      <c r="BHP675" s="613"/>
      <c r="BHQ675" s="613"/>
      <c r="BHR675" s="613"/>
      <c r="BHS675" s="613"/>
      <c r="BHT675" s="613"/>
      <c r="BHU675" s="613"/>
      <c r="BHV675" s="613"/>
      <c r="BHW675" s="613"/>
      <c r="BHX675" s="613"/>
      <c r="BHY675" s="613"/>
      <c r="BHZ675" s="613"/>
      <c r="BIA675" s="613"/>
      <c r="BIB675" s="613"/>
      <c r="BIC675" s="613"/>
      <c r="BID675" s="613"/>
      <c r="BIE675" s="613"/>
      <c r="BIF675" s="613"/>
      <c r="BIG675" s="613"/>
      <c r="BIH675" s="613"/>
      <c r="BII675" s="613"/>
      <c r="BIJ675" s="613"/>
      <c r="BIK675" s="613"/>
      <c r="BIL675" s="613"/>
      <c r="BIM675" s="613"/>
      <c r="BIN675" s="613"/>
      <c r="BIO675" s="613"/>
      <c r="BIP675" s="613"/>
      <c r="BIQ675" s="613"/>
      <c r="BIR675" s="613"/>
      <c r="BIS675" s="613"/>
      <c r="BIT675" s="613"/>
      <c r="BIU675" s="613"/>
      <c r="BIV675" s="613"/>
      <c r="BIW675" s="613"/>
      <c r="BIX675" s="613"/>
      <c r="BIY675" s="613"/>
      <c r="BIZ675" s="613"/>
      <c r="BJA675" s="613"/>
      <c r="BJB675" s="613"/>
      <c r="BJC675" s="613"/>
      <c r="BJD675" s="613"/>
      <c r="BJE675" s="613"/>
      <c r="BJF675" s="613"/>
      <c r="BJG675" s="613"/>
      <c r="BJH675" s="613"/>
      <c r="BJI675" s="613"/>
      <c r="BJJ675" s="613"/>
      <c r="BJK675" s="613"/>
      <c r="BJL675" s="613"/>
      <c r="BJM675" s="613"/>
      <c r="BJN675" s="613"/>
      <c r="BJO675" s="613"/>
      <c r="BJP675" s="613"/>
      <c r="BJQ675" s="613"/>
      <c r="BJR675" s="613"/>
      <c r="BJS675" s="613"/>
      <c r="BJT675" s="613"/>
      <c r="BJU675" s="613"/>
      <c r="BJV675" s="613"/>
      <c r="BJW675" s="613"/>
      <c r="BJX675" s="613"/>
      <c r="BJY675" s="613"/>
      <c r="BJZ675" s="613"/>
      <c r="BKA675" s="613"/>
      <c r="BKB675" s="613"/>
      <c r="BKC675" s="613"/>
      <c r="BKD675" s="613"/>
      <c r="BKE675" s="613"/>
      <c r="BKF675" s="613"/>
      <c r="BKG675" s="613"/>
      <c r="BKH675" s="613"/>
      <c r="BKI675" s="613"/>
      <c r="BKJ675" s="613"/>
      <c r="BKK675" s="613"/>
      <c r="BKL675" s="613"/>
      <c r="BKM675" s="613"/>
      <c r="BKN675" s="613"/>
      <c r="BKO675" s="613"/>
      <c r="BKP675" s="613"/>
      <c r="BKQ675" s="613"/>
      <c r="BKR675" s="613"/>
      <c r="BKS675" s="613"/>
      <c r="BKT675" s="613"/>
      <c r="BKU675" s="613"/>
      <c r="BKV675" s="613"/>
      <c r="BKW675" s="613"/>
      <c r="BKX675" s="613"/>
      <c r="BKY675" s="613"/>
      <c r="BKZ675" s="613"/>
      <c r="BLA675" s="613"/>
      <c r="BLB675" s="613"/>
      <c r="BLC675" s="613"/>
      <c r="BLD675" s="613"/>
      <c r="BLE675" s="613"/>
      <c r="BLF675" s="613"/>
      <c r="BLG675" s="613"/>
      <c r="BLH675" s="613"/>
      <c r="BLI675" s="613"/>
      <c r="BLJ675" s="613"/>
      <c r="BLK675" s="613"/>
      <c r="BLL675" s="613"/>
      <c r="BLM675" s="613"/>
      <c r="BLN675" s="613"/>
      <c r="BLO675" s="613"/>
      <c r="BLP675" s="613"/>
      <c r="BLQ675" s="613"/>
      <c r="BLR675" s="613"/>
      <c r="BLS675" s="613"/>
      <c r="BLT675" s="613"/>
      <c r="BLU675" s="613"/>
      <c r="BLV675" s="613"/>
      <c r="BLW675" s="613"/>
      <c r="BLX675" s="613"/>
      <c r="BLY675" s="613"/>
      <c r="BLZ675" s="613"/>
      <c r="BMA675" s="613"/>
      <c r="BMB675" s="613"/>
      <c r="BMC675" s="613"/>
      <c r="BMD675" s="613"/>
      <c r="BME675" s="613"/>
      <c r="BMF675" s="613"/>
      <c r="BMG675" s="613"/>
      <c r="BMH675" s="613"/>
      <c r="BMI675" s="613"/>
      <c r="BMJ675" s="613"/>
      <c r="BMK675" s="613"/>
      <c r="BML675" s="613"/>
      <c r="BMM675" s="613"/>
      <c r="BMN675" s="613"/>
      <c r="BMO675" s="613"/>
      <c r="BMP675" s="613"/>
      <c r="BMQ675" s="613"/>
      <c r="BMR675" s="613"/>
      <c r="BMS675" s="613"/>
      <c r="BMT675" s="613"/>
      <c r="BMU675" s="613"/>
      <c r="BMV675" s="613"/>
      <c r="BMW675" s="613"/>
      <c r="BMX675" s="613"/>
      <c r="BMY675" s="613"/>
      <c r="BMZ675" s="613"/>
      <c r="BNA675" s="613"/>
      <c r="BNB675" s="613"/>
      <c r="BNC675" s="613"/>
      <c r="BND675" s="613"/>
      <c r="BNE675" s="613"/>
      <c r="BNF675" s="613"/>
      <c r="BNG675" s="613"/>
      <c r="BNH675" s="613"/>
      <c r="BNI675" s="613"/>
      <c r="BNJ675" s="613"/>
      <c r="BNK675" s="613"/>
      <c r="BNL675" s="613"/>
      <c r="BNM675" s="613"/>
      <c r="BNN675" s="613"/>
      <c r="BNO675" s="613"/>
      <c r="BNP675" s="613"/>
      <c r="BNQ675" s="613"/>
      <c r="BNR675" s="613"/>
      <c r="BNS675" s="613"/>
      <c r="BNT675" s="613"/>
      <c r="BNU675" s="613"/>
      <c r="BNV675" s="613"/>
      <c r="BNW675" s="613"/>
      <c r="BNX675" s="613"/>
      <c r="BNY675" s="613"/>
      <c r="BNZ675" s="613"/>
      <c r="BOA675" s="613"/>
      <c r="BOB675" s="613"/>
      <c r="BOC675" s="613"/>
      <c r="BOD675" s="613"/>
      <c r="BOE675" s="613"/>
      <c r="BOF675" s="613"/>
      <c r="BOG675" s="613"/>
      <c r="BOH675" s="613"/>
      <c r="BOI675" s="613"/>
      <c r="BOJ675" s="613"/>
      <c r="BOK675" s="613"/>
      <c r="BOL675" s="613"/>
      <c r="BOM675" s="613"/>
      <c r="BON675" s="613"/>
      <c r="BOO675" s="613"/>
      <c r="BOP675" s="613"/>
      <c r="BOQ675" s="613"/>
      <c r="BOR675" s="613"/>
      <c r="BOS675" s="613"/>
      <c r="BOT675" s="613"/>
      <c r="BOU675" s="613"/>
      <c r="BOV675" s="613"/>
      <c r="BOW675" s="613"/>
      <c r="BOX675" s="613"/>
      <c r="BOY675" s="613"/>
      <c r="BOZ675" s="613"/>
      <c r="BPA675" s="613"/>
      <c r="BPB675" s="613"/>
      <c r="BPC675" s="613"/>
      <c r="BPD675" s="613"/>
      <c r="BPE675" s="613"/>
      <c r="BPF675" s="613"/>
      <c r="BPG675" s="613"/>
      <c r="BPH675" s="613"/>
      <c r="BPI675" s="613"/>
      <c r="BPJ675" s="613"/>
      <c r="BPK675" s="613"/>
      <c r="BPL675" s="613"/>
      <c r="BPM675" s="613"/>
      <c r="BPN675" s="613"/>
      <c r="BPO675" s="613"/>
      <c r="BPP675" s="613"/>
      <c r="BPQ675" s="613"/>
      <c r="BPR675" s="613"/>
      <c r="BPS675" s="613"/>
      <c r="BPT675" s="613"/>
      <c r="BPU675" s="613"/>
      <c r="BPV675" s="613"/>
      <c r="BPW675" s="613"/>
      <c r="BPX675" s="613"/>
      <c r="BPY675" s="613"/>
      <c r="BPZ675" s="613"/>
      <c r="BQA675" s="613"/>
      <c r="BQB675" s="613"/>
      <c r="BQC675" s="613"/>
      <c r="BQD675" s="613"/>
      <c r="BQE675" s="613"/>
      <c r="BQF675" s="613"/>
      <c r="BQG675" s="613"/>
      <c r="BQH675" s="613"/>
      <c r="BQI675" s="613"/>
      <c r="BQJ675" s="613"/>
      <c r="BQK675" s="613"/>
      <c r="BQL675" s="613"/>
      <c r="BQM675" s="613"/>
      <c r="BQN675" s="613"/>
      <c r="BQO675" s="613"/>
      <c r="BQP675" s="613"/>
      <c r="BQQ675" s="613"/>
      <c r="BQR675" s="613"/>
      <c r="BQS675" s="613"/>
      <c r="BQT675" s="613"/>
      <c r="BQU675" s="613"/>
      <c r="BQV675" s="613"/>
      <c r="BQW675" s="613"/>
      <c r="BQX675" s="613"/>
      <c r="BQY675" s="613"/>
      <c r="BQZ675" s="613"/>
      <c r="BRA675" s="613"/>
      <c r="BRB675" s="613"/>
      <c r="BRC675" s="613"/>
      <c r="BRD675" s="613"/>
      <c r="BRE675" s="613"/>
      <c r="BRF675" s="613"/>
      <c r="BRG675" s="613"/>
      <c r="BRH675" s="613"/>
      <c r="BRI675" s="613"/>
      <c r="BRJ675" s="613"/>
      <c r="BRK675" s="613"/>
      <c r="BRL675" s="613"/>
      <c r="BRM675" s="613"/>
      <c r="BRN675" s="613"/>
      <c r="BRO675" s="613"/>
      <c r="BRP675" s="613"/>
      <c r="BRQ675" s="613"/>
      <c r="BRR675" s="613"/>
      <c r="BRS675" s="613"/>
      <c r="BRT675" s="613"/>
      <c r="BRU675" s="613"/>
      <c r="BRV675" s="613"/>
      <c r="BRW675" s="613"/>
      <c r="BRX675" s="613"/>
      <c r="BRY675" s="613"/>
      <c r="BRZ675" s="613"/>
      <c r="BSA675" s="613"/>
      <c r="BSB675" s="613"/>
      <c r="BSC675" s="613"/>
      <c r="BSD675" s="613"/>
      <c r="BSE675" s="613"/>
      <c r="BSF675" s="613"/>
      <c r="BSG675" s="613"/>
      <c r="BSH675" s="613"/>
      <c r="BSI675" s="613"/>
      <c r="BSJ675" s="613"/>
      <c r="BSK675" s="613"/>
      <c r="BSL675" s="613"/>
      <c r="BSM675" s="613"/>
      <c r="BSN675" s="613"/>
      <c r="BSO675" s="613"/>
      <c r="BSP675" s="613"/>
      <c r="BSQ675" s="613"/>
      <c r="BSR675" s="613"/>
      <c r="BSS675" s="613"/>
      <c r="BST675" s="613"/>
      <c r="BSU675" s="613"/>
      <c r="BSV675" s="613"/>
      <c r="BSW675" s="613"/>
      <c r="BSX675" s="613"/>
      <c r="BSY675" s="613"/>
      <c r="BSZ675" s="613"/>
      <c r="BTA675" s="613"/>
      <c r="BTB675" s="613"/>
      <c r="BTC675" s="613"/>
      <c r="BTD675" s="613"/>
      <c r="BTE675" s="613"/>
      <c r="BTF675" s="613"/>
      <c r="BTG675" s="613"/>
      <c r="BTH675" s="613"/>
      <c r="BTI675" s="613"/>
      <c r="BTJ675" s="613"/>
      <c r="BTK675" s="613"/>
      <c r="BTL675" s="613"/>
      <c r="BTM675" s="613"/>
      <c r="BTN675" s="613"/>
      <c r="BTO675" s="613"/>
      <c r="BTP675" s="613"/>
      <c r="BTQ675" s="613"/>
      <c r="BTR675" s="613"/>
      <c r="BTS675" s="613"/>
      <c r="BTT675" s="613"/>
      <c r="BTU675" s="613"/>
      <c r="BTV675" s="613"/>
      <c r="BTW675" s="613"/>
      <c r="BTX675" s="613"/>
      <c r="BTY675" s="613"/>
      <c r="BTZ675" s="613"/>
      <c r="BUA675" s="613"/>
      <c r="BUB675" s="613"/>
      <c r="BUC675" s="613"/>
      <c r="BUD675" s="613"/>
      <c r="BUE675" s="613"/>
      <c r="BUF675" s="613"/>
      <c r="BUG675" s="613"/>
      <c r="BUH675" s="613"/>
      <c r="BUI675" s="613"/>
      <c r="BUJ675" s="613"/>
      <c r="BUK675" s="613"/>
      <c r="BUL675" s="613"/>
      <c r="BUM675" s="613"/>
      <c r="BUN675" s="613"/>
      <c r="BUO675" s="613"/>
      <c r="BUP675" s="613"/>
      <c r="BUQ675" s="613"/>
      <c r="BUR675" s="613"/>
      <c r="BUS675" s="613"/>
      <c r="BUT675" s="613"/>
      <c r="BUU675" s="613"/>
      <c r="BUV675" s="613"/>
      <c r="BUW675" s="613"/>
      <c r="BUX675" s="613"/>
      <c r="BUY675" s="613"/>
      <c r="BUZ675" s="613"/>
      <c r="BVA675" s="613"/>
      <c r="BVB675" s="613"/>
      <c r="BVC675" s="613"/>
      <c r="BVD675" s="613"/>
      <c r="BVE675" s="613"/>
      <c r="BVF675" s="613"/>
      <c r="BVG675" s="613"/>
      <c r="BVH675" s="613"/>
      <c r="BVI675" s="613"/>
      <c r="BVJ675" s="613"/>
      <c r="BVK675" s="613"/>
      <c r="BVL675" s="613"/>
      <c r="BVM675" s="613"/>
      <c r="BVN675" s="613"/>
      <c r="BVO675" s="613"/>
      <c r="BVP675" s="613"/>
      <c r="BVQ675" s="613"/>
      <c r="BVR675" s="613"/>
      <c r="BVS675" s="613"/>
      <c r="BVT675" s="613"/>
      <c r="BVU675" s="613"/>
      <c r="BVV675" s="613"/>
      <c r="BVW675" s="613"/>
      <c r="BVX675" s="613"/>
      <c r="BVY675" s="613"/>
      <c r="BVZ675" s="613"/>
      <c r="BWA675" s="613"/>
      <c r="BWB675" s="613"/>
      <c r="BWC675" s="613"/>
      <c r="BWD675" s="613"/>
      <c r="BWE675" s="613"/>
      <c r="BWF675" s="613"/>
      <c r="BWG675" s="613"/>
      <c r="BWH675" s="613"/>
      <c r="BWI675" s="613"/>
      <c r="BWJ675" s="613"/>
      <c r="BWK675" s="613"/>
      <c r="BWL675" s="613"/>
      <c r="BWM675" s="613"/>
      <c r="BWN675" s="613"/>
      <c r="BWO675" s="613"/>
      <c r="BWP675" s="613"/>
      <c r="BWQ675" s="613"/>
      <c r="BWR675" s="613"/>
      <c r="BWS675" s="613"/>
      <c r="BWT675" s="613"/>
      <c r="BWU675" s="613"/>
      <c r="BWV675" s="613"/>
      <c r="BWW675" s="613"/>
      <c r="BWX675" s="613"/>
      <c r="BWY675" s="613"/>
      <c r="BWZ675" s="613"/>
      <c r="BXA675" s="613"/>
      <c r="BXB675" s="613"/>
      <c r="BXC675" s="613"/>
      <c r="BXD675" s="613"/>
      <c r="BXE675" s="613"/>
      <c r="BXF675" s="613"/>
      <c r="BXG675" s="613"/>
      <c r="BXH675" s="613"/>
      <c r="BXI675" s="613"/>
      <c r="BXJ675" s="613"/>
      <c r="BXK675" s="613"/>
      <c r="BXL675" s="613"/>
      <c r="BXM675" s="613"/>
      <c r="BXN675" s="613"/>
      <c r="BXO675" s="613"/>
      <c r="BXP675" s="613"/>
      <c r="BXQ675" s="613"/>
      <c r="BXR675" s="613"/>
      <c r="BXS675" s="613"/>
      <c r="BXT675" s="613"/>
      <c r="BXU675" s="613"/>
      <c r="BXV675" s="613"/>
      <c r="BXW675" s="613"/>
      <c r="BXX675" s="613"/>
      <c r="BXY675" s="613"/>
      <c r="BXZ675" s="613"/>
      <c r="BYA675" s="613"/>
      <c r="BYB675" s="613"/>
      <c r="BYC675" s="613"/>
      <c r="BYD675" s="613"/>
      <c r="BYE675" s="613"/>
      <c r="BYF675" s="613"/>
      <c r="BYG675" s="613"/>
      <c r="BYH675" s="613"/>
      <c r="BYI675" s="613"/>
      <c r="BYJ675" s="613"/>
      <c r="BYK675" s="613"/>
      <c r="BYL675" s="613"/>
      <c r="BYM675" s="613"/>
      <c r="BYN675" s="613"/>
      <c r="BYO675" s="613"/>
      <c r="BYP675" s="613"/>
      <c r="BYQ675" s="613"/>
      <c r="BYR675" s="613"/>
      <c r="BYS675" s="613"/>
      <c r="BYT675" s="613"/>
      <c r="BYU675" s="613"/>
      <c r="BYV675" s="613"/>
      <c r="BYW675" s="613"/>
      <c r="BYX675" s="613"/>
      <c r="BYY675" s="613"/>
      <c r="BYZ675" s="613"/>
      <c r="BZA675" s="613"/>
      <c r="BZB675" s="613"/>
      <c r="BZC675" s="613"/>
      <c r="BZD675" s="613"/>
      <c r="BZE675" s="613"/>
      <c r="BZF675" s="613"/>
      <c r="BZG675" s="613"/>
      <c r="BZH675" s="613"/>
      <c r="BZI675" s="613"/>
      <c r="BZJ675" s="613"/>
      <c r="BZK675" s="613"/>
      <c r="BZL675" s="613"/>
      <c r="BZM675" s="613"/>
      <c r="BZN675" s="613"/>
      <c r="BZO675" s="613"/>
      <c r="BZP675" s="613"/>
      <c r="BZQ675" s="613"/>
      <c r="BZR675" s="613"/>
      <c r="BZS675" s="613"/>
      <c r="BZT675" s="613"/>
      <c r="BZU675" s="613"/>
      <c r="BZV675" s="613"/>
      <c r="BZW675" s="613"/>
      <c r="BZX675" s="613"/>
      <c r="BZY675" s="613"/>
      <c r="BZZ675" s="613"/>
      <c r="CAA675" s="613"/>
      <c r="CAB675" s="613"/>
      <c r="CAC675" s="613"/>
      <c r="CAD675" s="613"/>
      <c r="CAE675" s="613"/>
      <c r="CAF675" s="613"/>
      <c r="CAG675" s="613"/>
      <c r="CAH675" s="613"/>
      <c r="CAI675" s="613"/>
      <c r="CAJ675" s="613"/>
      <c r="CAK675" s="613"/>
      <c r="CAL675" s="613"/>
      <c r="CAM675" s="613"/>
      <c r="CAN675" s="613"/>
      <c r="CAO675" s="613"/>
      <c r="CAP675" s="613"/>
      <c r="CAQ675" s="613"/>
      <c r="CAR675" s="613"/>
      <c r="CAS675" s="613"/>
      <c r="CAT675" s="613"/>
      <c r="CAU675" s="613"/>
      <c r="CAV675" s="613"/>
      <c r="CAW675" s="613"/>
      <c r="CAX675" s="613"/>
      <c r="CAY675" s="613"/>
      <c r="CAZ675" s="613"/>
      <c r="CBA675" s="613"/>
      <c r="CBB675" s="613"/>
      <c r="CBC675" s="613"/>
      <c r="CBD675" s="613"/>
      <c r="CBE675" s="613"/>
      <c r="CBF675" s="613"/>
      <c r="CBG675" s="613"/>
      <c r="CBH675" s="613"/>
      <c r="CBI675" s="613"/>
      <c r="CBJ675" s="613"/>
      <c r="CBK675" s="613"/>
      <c r="CBL675" s="613"/>
      <c r="CBM675" s="613"/>
      <c r="CBN675" s="613"/>
      <c r="CBO675" s="613"/>
      <c r="CBP675" s="613"/>
      <c r="CBQ675" s="613"/>
      <c r="CBR675" s="613"/>
      <c r="CBS675" s="613"/>
      <c r="CBT675" s="613"/>
      <c r="CBU675" s="613"/>
      <c r="CBV675" s="613"/>
      <c r="CBW675" s="613"/>
      <c r="CBX675" s="613"/>
      <c r="CBY675" s="613"/>
      <c r="CBZ675" s="613"/>
      <c r="CCA675" s="613"/>
      <c r="CCB675" s="613"/>
      <c r="CCC675" s="613"/>
      <c r="CCD675" s="613"/>
      <c r="CCE675" s="613"/>
      <c r="CCF675" s="613"/>
      <c r="CCG675" s="613"/>
      <c r="CCH675" s="613"/>
      <c r="CCI675" s="613"/>
      <c r="CCJ675" s="613"/>
      <c r="CCK675" s="613"/>
      <c r="CCL675" s="613"/>
      <c r="CCM675" s="613"/>
      <c r="CCN675" s="613"/>
      <c r="CCO675" s="613"/>
      <c r="CCP675" s="613"/>
      <c r="CCQ675" s="613"/>
      <c r="CCR675" s="613"/>
      <c r="CCS675" s="613"/>
      <c r="CCT675" s="613"/>
      <c r="CCU675" s="613"/>
      <c r="CCV675" s="613"/>
      <c r="CCW675" s="613"/>
      <c r="CCX675" s="613"/>
      <c r="CCY675" s="613"/>
      <c r="CCZ675" s="613"/>
      <c r="CDA675" s="613"/>
      <c r="CDB675" s="613"/>
      <c r="CDC675" s="613"/>
      <c r="CDD675" s="613"/>
      <c r="CDE675" s="613"/>
      <c r="CDF675" s="613"/>
      <c r="CDG675" s="613"/>
      <c r="CDH675" s="613"/>
      <c r="CDI675" s="613"/>
      <c r="CDJ675" s="613"/>
      <c r="CDK675" s="613"/>
      <c r="CDL675" s="613"/>
      <c r="CDM675" s="613"/>
      <c r="CDN675" s="613"/>
      <c r="CDO675" s="613"/>
      <c r="CDP675" s="613"/>
      <c r="CDQ675" s="613"/>
      <c r="CDR675" s="613"/>
      <c r="CDS675" s="613"/>
      <c r="CDT675" s="613"/>
      <c r="CDU675" s="613"/>
      <c r="CDV675" s="613"/>
      <c r="CDW675" s="613"/>
      <c r="CDX675" s="613"/>
      <c r="CDY675" s="613"/>
      <c r="CDZ675" s="613"/>
      <c r="CEA675" s="613"/>
      <c r="CEB675" s="613"/>
      <c r="CEC675" s="613"/>
      <c r="CED675" s="613"/>
      <c r="CEE675" s="613"/>
      <c r="CEF675" s="613"/>
      <c r="CEG675" s="613"/>
      <c r="CEH675" s="613"/>
      <c r="CEI675" s="613"/>
      <c r="CEJ675" s="613"/>
      <c r="CEK675" s="613"/>
      <c r="CEL675" s="613"/>
      <c r="CEM675" s="613"/>
      <c r="CEN675" s="613"/>
      <c r="CEO675" s="613"/>
      <c r="CEP675" s="613"/>
      <c r="CEQ675" s="613"/>
      <c r="CER675" s="613"/>
      <c r="CES675" s="613"/>
      <c r="CET675" s="613"/>
      <c r="CEU675" s="613"/>
      <c r="CEV675" s="613"/>
      <c r="CEW675" s="613"/>
      <c r="CEX675" s="613"/>
      <c r="CEY675" s="613"/>
      <c r="CEZ675" s="613"/>
      <c r="CFA675" s="613"/>
      <c r="CFB675" s="613"/>
      <c r="CFC675" s="613"/>
      <c r="CFD675" s="613"/>
      <c r="CFE675" s="613"/>
      <c r="CFF675" s="613"/>
      <c r="CFG675" s="613"/>
      <c r="CFH675" s="613"/>
      <c r="CFI675" s="613"/>
      <c r="CFJ675" s="613"/>
      <c r="CFK675" s="613"/>
      <c r="CFL675" s="613"/>
      <c r="CFM675" s="613"/>
      <c r="CFN675" s="613"/>
      <c r="CFO675" s="613"/>
      <c r="CFP675" s="613"/>
      <c r="CFQ675" s="613"/>
      <c r="CFR675" s="613"/>
      <c r="CFS675" s="613"/>
      <c r="CFT675" s="613"/>
      <c r="CFU675" s="613"/>
      <c r="CFV675" s="613"/>
      <c r="CFW675" s="613"/>
      <c r="CFX675" s="613"/>
      <c r="CFY675" s="613"/>
      <c r="CFZ675" s="613"/>
      <c r="CGA675" s="613"/>
      <c r="CGB675" s="613"/>
      <c r="CGC675" s="613"/>
      <c r="CGD675" s="613"/>
      <c r="CGE675" s="613"/>
      <c r="CGF675" s="613"/>
      <c r="CGG675" s="613"/>
      <c r="CGH675" s="613"/>
      <c r="CGI675" s="613"/>
      <c r="CGJ675" s="613"/>
      <c r="CGK675" s="613"/>
      <c r="CGL675" s="613"/>
      <c r="CGM675" s="613"/>
      <c r="CGN675" s="613"/>
      <c r="CGO675" s="613"/>
      <c r="CGP675" s="613"/>
      <c r="CGQ675" s="613"/>
      <c r="CGR675" s="613"/>
      <c r="CGS675" s="613"/>
      <c r="CGT675" s="613"/>
      <c r="CGU675" s="613"/>
      <c r="CGV675" s="613"/>
      <c r="CGW675" s="613"/>
      <c r="CGX675" s="613"/>
      <c r="CGY675" s="613"/>
      <c r="CGZ675" s="613"/>
      <c r="CHA675" s="613"/>
      <c r="CHB675" s="613"/>
      <c r="CHC675" s="613"/>
      <c r="CHD675" s="613"/>
      <c r="CHE675" s="613"/>
      <c r="CHF675" s="613"/>
      <c r="CHG675" s="613"/>
      <c r="CHH675" s="613"/>
      <c r="CHI675" s="613"/>
      <c r="CHJ675" s="613"/>
      <c r="CHK675" s="613"/>
      <c r="CHL675" s="613"/>
      <c r="CHM675" s="613"/>
      <c r="CHN675" s="613"/>
      <c r="CHO675" s="613"/>
      <c r="CHP675" s="613"/>
      <c r="CHQ675" s="613"/>
      <c r="CHR675" s="613"/>
      <c r="CHS675" s="613"/>
      <c r="CHT675" s="613"/>
      <c r="CHU675" s="613"/>
      <c r="CHV675" s="613"/>
      <c r="CHW675" s="613"/>
      <c r="CHX675" s="613"/>
      <c r="CHY675" s="613"/>
      <c r="CHZ675" s="613"/>
      <c r="CIA675" s="613"/>
      <c r="CIB675" s="613"/>
      <c r="CIC675" s="613"/>
      <c r="CID675" s="613"/>
      <c r="CIE675" s="613"/>
      <c r="CIF675" s="613"/>
      <c r="CIG675" s="613"/>
      <c r="CIH675" s="613"/>
      <c r="CII675" s="613"/>
      <c r="CIJ675" s="613"/>
      <c r="CIK675" s="613"/>
      <c r="CIL675" s="613"/>
      <c r="CIM675" s="613"/>
      <c r="CIN675" s="613"/>
      <c r="CIO675" s="613"/>
      <c r="CIP675" s="613"/>
      <c r="CIQ675" s="613"/>
      <c r="CIR675" s="613"/>
      <c r="CIS675" s="613"/>
      <c r="CIT675" s="613"/>
      <c r="CIU675" s="613"/>
      <c r="CIV675" s="613"/>
      <c r="CIW675" s="613"/>
      <c r="CIX675" s="613"/>
      <c r="CIY675" s="613"/>
      <c r="CIZ675" s="613"/>
      <c r="CJA675" s="613"/>
      <c r="CJB675" s="613"/>
      <c r="CJC675" s="613"/>
      <c r="CJD675" s="613"/>
      <c r="CJE675" s="613"/>
      <c r="CJF675" s="613"/>
      <c r="CJG675" s="613"/>
      <c r="CJH675" s="613"/>
      <c r="CJI675" s="613"/>
      <c r="CJJ675" s="613"/>
      <c r="CJK675" s="613"/>
      <c r="CJL675" s="613"/>
      <c r="CJM675" s="613"/>
      <c r="CJN675" s="613"/>
      <c r="CJO675" s="613"/>
      <c r="CJP675" s="613"/>
      <c r="CJQ675" s="613"/>
      <c r="CJR675" s="613"/>
      <c r="CJS675" s="613"/>
      <c r="CJT675" s="613"/>
      <c r="CJU675" s="613"/>
      <c r="CJV675" s="613"/>
      <c r="CJW675" s="613"/>
      <c r="CJX675" s="613"/>
      <c r="CJY675" s="613"/>
      <c r="CJZ675" s="613"/>
      <c r="CKA675" s="613"/>
      <c r="CKB675" s="613"/>
      <c r="CKC675" s="613"/>
      <c r="CKD675" s="613"/>
      <c r="CKE675" s="613"/>
      <c r="CKF675" s="613"/>
      <c r="CKG675" s="613"/>
      <c r="CKH675" s="613"/>
      <c r="CKI675" s="613"/>
      <c r="CKJ675" s="613"/>
      <c r="CKK675" s="613"/>
      <c r="CKL675" s="613"/>
      <c r="CKM675" s="613"/>
      <c r="CKN675" s="613"/>
      <c r="CKO675" s="613"/>
      <c r="CKP675" s="613"/>
      <c r="CKQ675" s="613"/>
      <c r="CKR675" s="613"/>
      <c r="CKS675" s="613"/>
      <c r="CKT675" s="613"/>
      <c r="CKU675" s="613"/>
      <c r="CKV675" s="613"/>
      <c r="CKW675" s="613"/>
      <c r="CKX675" s="613"/>
      <c r="CKY675" s="613"/>
      <c r="CKZ675" s="613"/>
      <c r="CLA675" s="613"/>
      <c r="CLB675" s="613"/>
      <c r="CLC675" s="613"/>
      <c r="CLD675" s="613"/>
      <c r="CLE675" s="613"/>
      <c r="CLF675" s="613"/>
      <c r="CLG675" s="613"/>
      <c r="CLH675" s="613"/>
      <c r="CLI675" s="613"/>
      <c r="CLJ675" s="613"/>
      <c r="CLK675" s="613"/>
      <c r="CLL675" s="613"/>
      <c r="CLM675" s="613"/>
      <c r="CLN675" s="613"/>
      <c r="CLO675" s="613"/>
      <c r="CLP675" s="613"/>
      <c r="CLQ675" s="613"/>
      <c r="CLR675" s="613"/>
      <c r="CLS675" s="613"/>
      <c r="CLT675" s="613"/>
      <c r="CLU675" s="613"/>
      <c r="CLV675" s="613"/>
      <c r="CLW675" s="613"/>
      <c r="CLX675" s="613"/>
      <c r="CLY675" s="613"/>
      <c r="CLZ675" s="613"/>
      <c r="CMA675" s="613"/>
      <c r="CMB675" s="613"/>
      <c r="CMC675" s="613"/>
      <c r="CMD675" s="613"/>
      <c r="CME675" s="613"/>
      <c r="CMF675" s="613"/>
      <c r="CMG675" s="613"/>
      <c r="CMH675" s="613"/>
      <c r="CMI675" s="613"/>
      <c r="CMJ675" s="613"/>
      <c r="CMK675" s="613"/>
      <c r="CML675" s="613"/>
      <c r="CMM675" s="613"/>
      <c r="CMN675" s="613"/>
      <c r="CMO675" s="613"/>
      <c r="CMP675" s="613"/>
      <c r="CMQ675" s="613"/>
      <c r="CMR675" s="613"/>
      <c r="CMS675" s="613"/>
      <c r="CMT675" s="613"/>
      <c r="CMU675" s="613"/>
      <c r="CMV675" s="613"/>
      <c r="CMW675" s="613"/>
      <c r="CMX675" s="613"/>
      <c r="CMY675" s="613"/>
      <c r="CMZ675" s="613"/>
      <c r="CNA675" s="613"/>
      <c r="CNB675" s="613"/>
      <c r="CNC675" s="613"/>
      <c r="CND675" s="613"/>
      <c r="CNE675" s="613"/>
      <c r="CNF675" s="613"/>
      <c r="CNG675" s="613"/>
      <c r="CNH675" s="613"/>
      <c r="CNI675" s="613"/>
      <c r="CNJ675" s="613"/>
      <c r="CNK675" s="613"/>
      <c r="CNL675" s="613"/>
      <c r="CNM675" s="613"/>
      <c r="CNN675" s="613"/>
      <c r="CNO675" s="613"/>
      <c r="CNP675" s="613"/>
      <c r="CNQ675" s="613"/>
      <c r="CNR675" s="613"/>
      <c r="CNS675" s="613"/>
      <c r="CNT675" s="613"/>
      <c r="CNU675" s="613"/>
      <c r="CNV675" s="613"/>
      <c r="CNW675" s="613"/>
      <c r="CNX675" s="613"/>
      <c r="CNY675" s="613"/>
      <c r="CNZ675" s="613"/>
      <c r="COA675" s="613"/>
      <c r="COB675" s="613"/>
      <c r="COC675" s="613"/>
      <c r="COD675" s="613"/>
      <c r="COE675" s="613"/>
      <c r="COF675" s="613"/>
      <c r="COG675" s="613"/>
      <c r="COH675" s="613"/>
      <c r="COI675" s="613"/>
      <c r="COJ675" s="613"/>
      <c r="COK675" s="613"/>
      <c r="COL675" s="613"/>
      <c r="COM675" s="613"/>
      <c r="CON675" s="613"/>
      <c r="COO675" s="613"/>
      <c r="COP675" s="613"/>
      <c r="COQ675" s="613"/>
      <c r="COR675" s="613"/>
      <c r="COS675" s="613"/>
      <c r="COT675" s="613"/>
      <c r="COU675" s="613"/>
      <c r="COV675" s="613"/>
      <c r="COW675" s="613"/>
      <c r="COX675" s="613"/>
      <c r="COY675" s="613"/>
      <c r="COZ675" s="613"/>
      <c r="CPA675" s="613"/>
      <c r="CPB675" s="613"/>
      <c r="CPC675" s="613"/>
      <c r="CPD675" s="613"/>
      <c r="CPE675" s="613"/>
      <c r="CPF675" s="613"/>
      <c r="CPG675" s="613"/>
      <c r="CPH675" s="613"/>
      <c r="CPI675" s="613"/>
      <c r="CPJ675" s="613"/>
      <c r="CPK675" s="613"/>
      <c r="CPL675" s="613"/>
      <c r="CPM675" s="613"/>
      <c r="CPN675" s="613"/>
      <c r="CPO675" s="613"/>
      <c r="CPP675" s="613"/>
      <c r="CPQ675" s="613"/>
      <c r="CPR675" s="613"/>
      <c r="CPS675" s="613"/>
      <c r="CPT675" s="613"/>
      <c r="CPU675" s="613"/>
      <c r="CPV675" s="613"/>
      <c r="CPW675" s="613"/>
      <c r="CPX675" s="613"/>
      <c r="CPY675" s="613"/>
      <c r="CPZ675" s="613"/>
      <c r="CQA675" s="613"/>
      <c r="CQB675" s="613"/>
      <c r="CQC675" s="613"/>
      <c r="CQD675" s="613"/>
      <c r="CQE675" s="613"/>
      <c r="CQF675" s="613"/>
      <c r="CQG675" s="613"/>
      <c r="CQH675" s="613"/>
      <c r="CQI675" s="613"/>
      <c r="CQJ675" s="613"/>
      <c r="CQK675" s="613"/>
      <c r="CQL675" s="613"/>
      <c r="CQM675" s="613"/>
      <c r="CQN675" s="613"/>
      <c r="CQO675" s="613"/>
      <c r="CQP675" s="613"/>
      <c r="CQQ675" s="613"/>
      <c r="CQR675" s="613"/>
      <c r="CQS675" s="613"/>
      <c r="CQT675" s="613"/>
      <c r="CQU675" s="613"/>
      <c r="CQV675" s="613"/>
      <c r="CQW675" s="613"/>
      <c r="CQX675" s="613"/>
      <c r="CQY675" s="613"/>
      <c r="CQZ675" s="613"/>
      <c r="CRA675" s="613"/>
      <c r="CRB675" s="613"/>
      <c r="CRC675" s="613"/>
      <c r="CRD675" s="613"/>
      <c r="CRE675" s="613"/>
      <c r="CRF675" s="613"/>
      <c r="CRG675" s="613"/>
      <c r="CRH675" s="613"/>
      <c r="CRI675" s="613"/>
      <c r="CRJ675" s="613"/>
      <c r="CRK675" s="613"/>
      <c r="CRL675" s="613"/>
      <c r="CRM675" s="613"/>
      <c r="CRN675" s="613"/>
      <c r="CRO675" s="613"/>
      <c r="CRP675" s="613"/>
      <c r="CRQ675" s="613"/>
      <c r="CRR675" s="613"/>
      <c r="CRS675" s="613"/>
      <c r="CRT675" s="613"/>
      <c r="CRU675" s="613"/>
      <c r="CRV675" s="613"/>
      <c r="CRW675" s="613"/>
      <c r="CRX675" s="613"/>
      <c r="CRY675" s="613"/>
      <c r="CRZ675" s="613"/>
      <c r="CSA675" s="613"/>
      <c r="CSB675" s="613"/>
      <c r="CSC675" s="613"/>
      <c r="CSD675" s="613"/>
      <c r="CSE675" s="613"/>
      <c r="CSF675" s="613"/>
      <c r="CSG675" s="613"/>
      <c r="CSH675" s="613"/>
      <c r="CSI675" s="613"/>
      <c r="CSJ675" s="613"/>
      <c r="CSK675" s="613"/>
      <c r="CSL675" s="613"/>
      <c r="CSM675" s="613"/>
      <c r="CSN675" s="613"/>
      <c r="CSO675" s="613"/>
      <c r="CSP675" s="613"/>
      <c r="CSQ675" s="613"/>
      <c r="CSR675" s="613"/>
      <c r="CSS675" s="613"/>
      <c r="CST675" s="613"/>
      <c r="CSU675" s="613"/>
      <c r="CSV675" s="613"/>
      <c r="CSW675" s="613"/>
      <c r="CSX675" s="613"/>
      <c r="CSY675" s="613"/>
      <c r="CSZ675" s="613"/>
      <c r="CTA675" s="613"/>
      <c r="CTB675" s="613"/>
      <c r="CTC675" s="613"/>
      <c r="CTD675" s="613"/>
      <c r="CTE675" s="613"/>
      <c r="CTF675" s="613"/>
      <c r="CTG675" s="613"/>
      <c r="CTH675" s="613"/>
      <c r="CTI675" s="613"/>
      <c r="CTJ675" s="613"/>
      <c r="CTK675" s="613"/>
      <c r="CTL675" s="613"/>
      <c r="CTM675" s="613"/>
      <c r="CTN675" s="613"/>
      <c r="CTO675" s="613"/>
      <c r="CTP675" s="613"/>
      <c r="CTQ675" s="613"/>
      <c r="CTR675" s="613"/>
      <c r="CTS675" s="613"/>
      <c r="CTT675" s="613"/>
      <c r="CTU675" s="613"/>
      <c r="CTV675" s="613"/>
      <c r="CTW675" s="613"/>
      <c r="CTX675" s="613"/>
      <c r="CTY675" s="613"/>
      <c r="CTZ675" s="613"/>
      <c r="CUA675" s="613"/>
      <c r="CUB675" s="613"/>
      <c r="CUC675" s="613"/>
      <c r="CUD675" s="613"/>
      <c r="CUE675" s="613"/>
      <c r="CUF675" s="613"/>
      <c r="CUG675" s="613"/>
      <c r="CUH675" s="613"/>
      <c r="CUI675" s="613"/>
      <c r="CUJ675" s="613"/>
      <c r="CUK675" s="613"/>
      <c r="CUL675" s="613"/>
      <c r="CUM675" s="613"/>
      <c r="CUN675" s="613"/>
      <c r="CUO675" s="613"/>
      <c r="CUP675" s="613"/>
      <c r="CUQ675" s="613"/>
      <c r="CUR675" s="613"/>
      <c r="CUS675" s="613"/>
      <c r="CUT675" s="613"/>
      <c r="CUU675" s="613"/>
      <c r="CUV675" s="613"/>
      <c r="CUW675" s="613"/>
      <c r="CUX675" s="613"/>
      <c r="CUY675" s="613"/>
      <c r="CUZ675" s="613"/>
      <c r="CVA675" s="613"/>
      <c r="CVB675" s="613"/>
      <c r="CVC675" s="613"/>
      <c r="CVD675" s="613"/>
      <c r="CVE675" s="613"/>
      <c r="CVF675" s="613"/>
      <c r="CVG675" s="613"/>
      <c r="CVH675" s="613"/>
      <c r="CVI675" s="613"/>
      <c r="CVJ675" s="613"/>
      <c r="CVK675" s="613"/>
      <c r="CVL675" s="613"/>
      <c r="CVM675" s="613"/>
      <c r="CVN675" s="613"/>
      <c r="CVO675" s="613"/>
      <c r="CVP675" s="613"/>
      <c r="CVQ675" s="613"/>
      <c r="CVR675" s="613"/>
      <c r="CVS675" s="613"/>
      <c r="CVT675" s="613"/>
      <c r="CVU675" s="613"/>
      <c r="CVV675" s="613"/>
      <c r="CVW675" s="613"/>
      <c r="CVX675" s="613"/>
      <c r="CVY675" s="613"/>
      <c r="CVZ675" s="613"/>
      <c r="CWA675" s="613"/>
      <c r="CWB675" s="613"/>
      <c r="CWC675" s="613"/>
      <c r="CWD675" s="613"/>
      <c r="CWE675" s="613"/>
      <c r="CWF675" s="613"/>
      <c r="CWG675" s="613"/>
      <c r="CWH675" s="613"/>
      <c r="CWI675" s="613"/>
      <c r="CWJ675" s="613"/>
      <c r="CWK675" s="613"/>
      <c r="CWL675" s="613"/>
      <c r="CWM675" s="613"/>
      <c r="CWN675" s="613"/>
      <c r="CWO675" s="613"/>
      <c r="CWP675" s="613"/>
      <c r="CWQ675" s="613"/>
      <c r="CWR675" s="613"/>
      <c r="CWS675" s="613"/>
      <c r="CWT675" s="613"/>
      <c r="CWU675" s="613"/>
      <c r="CWV675" s="613"/>
      <c r="CWW675" s="613"/>
      <c r="CWX675" s="613"/>
      <c r="CWY675" s="613"/>
      <c r="CWZ675" s="613"/>
      <c r="CXA675" s="613"/>
      <c r="CXB675" s="613"/>
      <c r="CXC675" s="613"/>
      <c r="CXD675" s="613"/>
      <c r="CXE675" s="613"/>
      <c r="CXF675" s="613"/>
      <c r="CXG675" s="613"/>
      <c r="CXH675" s="613"/>
      <c r="CXI675" s="613"/>
      <c r="CXJ675" s="613"/>
      <c r="CXK675" s="613"/>
      <c r="CXL675" s="613"/>
      <c r="CXM675" s="613"/>
      <c r="CXN675" s="613"/>
      <c r="CXO675" s="613"/>
      <c r="CXP675" s="613"/>
      <c r="CXQ675" s="613"/>
      <c r="CXR675" s="613"/>
      <c r="CXS675" s="613"/>
      <c r="CXT675" s="613"/>
      <c r="CXU675" s="613"/>
      <c r="CXV675" s="613"/>
      <c r="CXW675" s="613"/>
      <c r="CXX675" s="613"/>
      <c r="CXY675" s="613"/>
      <c r="CXZ675" s="613"/>
      <c r="CYA675" s="613"/>
      <c r="CYB675" s="613"/>
      <c r="CYC675" s="613"/>
      <c r="CYD675" s="613"/>
      <c r="CYE675" s="613"/>
      <c r="CYF675" s="613"/>
      <c r="CYG675" s="613"/>
      <c r="CYH675" s="613"/>
      <c r="CYI675" s="613"/>
      <c r="CYJ675" s="613"/>
      <c r="CYK675" s="613"/>
      <c r="CYL675" s="613"/>
      <c r="CYM675" s="613"/>
      <c r="CYN675" s="613"/>
      <c r="CYO675" s="613"/>
      <c r="CYP675" s="613"/>
      <c r="CYQ675" s="613"/>
      <c r="CYR675" s="613"/>
      <c r="CYS675" s="613"/>
      <c r="CYT675" s="613"/>
      <c r="CYU675" s="613"/>
      <c r="CYV675" s="613"/>
      <c r="CYW675" s="613"/>
      <c r="CYX675" s="613"/>
      <c r="CYY675" s="613"/>
      <c r="CYZ675" s="613"/>
      <c r="CZA675" s="613"/>
      <c r="CZB675" s="613"/>
      <c r="CZC675" s="613"/>
      <c r="CZD675" s="613"/>
      <c r="CZE675" s="613"/>
      <c r="CZF675" s="613"/>
      <c r="CZG675" s="613"/>
      <c r="CZH675" s="613"/>
      <c r="CZI675" s="613"/>
      <c r="CZJ675" s="613"/>
      <c r="CZK675" s="613"/>
      <c r="CZL675" s="613"/>
      <c r="CZM675" s="613"/>
      <c r="CZN675" s="613"/>
      <c r="CZO675" s="613"/>
      <c r="CZP675" s="613"/>
      <c r="CZQ675" s="613"/>
      <c r="CZR675" s="613"/>
      <c r="CZS675" s="613"/>
      <c r="CZT675" s="613"/>
      <c r="CZU675" s="613"/>
      <c r="CZV675" s="613"/>
      <c r="CZW675" s="613"/>
      <c r="CZX675" s="613"/>
      <c r="CZY675" s="613"/>
      <c r="CZZ675" s="613"/>
      <c r="DAA675" s="613"/>
      <c r="DAB675" s="613"/>
      <c r="DAC675" s="613"/>
      <c r="DAD675" s="613"/>
      <c r="DAE675" s="613"/>
      <c r="DAF675" s="613"/>
      <c r="DAG675" s="613"/>
      <c r="DAH675" s="613"/>
      <c r="DAI675" s="613"/>
      <c r="DAJ675" s="613"/>
      <c r="DAK675" s="613"/>
      <c r="DAL675" s="613"/>
      <c r="DAM675" s="613"/>
      <c r="DAN675" s="613"/>
      <c r="DAO675" s="613"/>
      <c r="DAP675" s="613"/>
      <c r="DAQ675" s="613"/>
      <c r="DAR675" s="613"/>
      <c r="DAS675" s="613"/>
      <c r="DAT675" s="613"/>
      <c r="DAU675" s="613"/>
      <c r="DAV675" s="613"/>
      <c r="DAW675" s="613"/>
      <c r="DAX675" s="613"/>
      <c r="DAY675" s="613"/>
      <c r="DAZ675" s="613"/>
      <c r="DBA675" s="613"/>
      <c r="DBB675" s="613"/>
      <c r="DBC675" s="613"/>
      <c r="DBD675" s="613"/>
      <c r="DBE675" s="613"/>
      <c r="DBF675" s="613"/>
      <c r="DBG675" s="613"/>
      <c r="DBH675" s="613"/>
      <c r="DBI675" s="613"/>
      <c r="DBJ675" s="613"/>
      <c r="DBK675" s="613"/>
      <c r="DBL675" s="613"/>
      <c r="DBM675" s="613"/>
      <c r="DBN675" s="613"/>
      <c r="DBO675" s="613"/>
      <c r="DBP675" s="613"/>
      <c r="DBQ675" s="613"/>
      <c r="DBR675" s="613"/>
      <c r="DBS675" s="613"/>
      <c r="DBT675" s="613"/>
      <c r="DBU675" s="613"/>
      <c r="DBV675" s="613"/>
      <c r="DBW675" s="613"/>
      <c r="DBX675" s="613"/>
      <c r="DBY675" s="613"/>
      <c r="DBZ675" s="613"/>
      <c r="DCA675" s="613"/>
      <c r="DCB675" s="613"/>
      <c r="DCC675" s="613"/>
      <c r="DCD675" s="613"/>
      <c r="DCE675" s="613"/>
      <c r="DCF675" s="613"/>
      <c r="DCG675" s="613"/>
      <c r="DCH675" s="613"/>
      <c r="DCI675" s="613"/>
      <c r="DCJ675" s="613"/>
      <c r="DCK675" s="613"/>
      <c r="DCL675" s="613"/>
      <c r="DCM675" s="613"/>
      <c r="DCN675" s="613"/>
      <c r="DCO675" s="613"/>
      <c r="DCP675" s="613"/>
      <c r="DCQ675" s="613"/>
      <c r="DCR675" s="613"/>
      <c r="DCS675" s="613"/>
      <c r="DCT675" s="613"/>
      <c r="DCU675" s="613"/>
      <c r="DCV675" s="613"/>
      <c r="DCW675" s="613"/>
      <c r="DCX675" s="613"/>
      <c r="DCY675" s="613"/>
      <c r="DCZ675" s="613"/>
      <c r="DDA675" s="613"/>
      <c r="DDB675" s="613"/>
      <c r="DDC675" s="613"/>
      <c r="DDD675" s="613"/>
      <c r="DDE675" s="613"/>
      <c r="DDF675" s="613"/>
      <c r="DDG675" s="613"/>
      <c r="DDH675" s="613"/>
      <c r="DDI675" s="613"/>
      <c r="DDJ675" s="613"/>
      <c r="DDK675" s="613"/>
      <c r="DDL675" s="613"/>
      <c r="DDM675" s="613"/>
      <c r="DDN675" s="613"/>
      <c r="DDO675" s="613"/>
      <c r="DDP675" s="613"/>
      <c r="DDQ675" s="613"/>
      <c r="DDR675" s="613"/>
      <c r="DDS675" s="613"/>
      <c r="DDT675" s="613"/>
      <c r="DDU675" s="613"/>
      <c r="DDV675" s="613"/>
      <c r="DDW675" s="613"/>
      <c r="DDX675" s="613"/>
      <c r="DDY675" s="613"/>
      <c r="DDZ675" s="613"/>
      <c r="DEA675" s="613"/>
      <c r="DEB675" s="613"/>
      <c r="DEC675" s="613"/>
      <c r="DED675" s="613"/>
      <c r="DEE675" s="613"/>
      <c r="DEF675" s="613"/>
      <c r="DEG675" s="613"/>
      <c r="DEH675" s="613"/>
      <c r="DEI675" s="613"/>
      <c r="DEJ675" s="613"/>
      <c r="DEK675" s="613"/>
      <c r="DEL675" s="613"/>
      <c r="DEM675" s="613"/>
      <c r="DEN675" s="613"/>
      <c r="DEO675" s="613"/>
      <c r="DEP675" s="613"/>
      <c r="DEQ675" s="613"/>
      <c r="DER675" s="613"/>
      <c r="DES675" s="613"/>
      <c r="DET675" s="613"/>
      <c r="DEU675" s="613"/>
      <c r="DEV675" s="613"/>
      <c r="DEW675" s="613"/>
      <c r="DEX675" s="613"/>
      <c r="DEY675" s="613"/>
      <c r="DEZ675" s="613"/>
      <c r="DFA675" s="613"/>
      <c r="DFB675" s="613"/>
      <c r="DFC675" s="613"/>
      <c r="DFD675" s="613"/>
      <c r="DFE675" s="613"/>
      <c r="DFF675" s="613"/>
      <c r="DFG675" s="613"/>
      <c r="DFH675" s="613"/>
      <c r="DFI675" s="613"/>
      <c r="DFJ675" s="613"/>
      <c r="DFK675" s="613"/>
      <c r="DFL675" s="613"/>
      <c r="DFM675" s="613"/>
      <c r="DFN675" s="613"/>
      <c r="DFO675" s="613"/>
      <c r="DFP675" s="613"/>
      <c r="DFQ675" s="613"/>
      <c r="DFR675" s="613"/>
      <c r="DFS675" s="613"/>
      <c r="DFT675" s="613"/>
      <c r="DFU675" s="613"/>
      <c r="DFV675" s="613"/>
      <c r="DFW675" s="613"/>
      <c r="DFX675" s="613"/>
      <c r="DFY675" s="613"/>
      <c r="DFZ675" s="613"/>
      <c r="DGA675" s="613"/>
      <c r="DGB675" s="613"/>
      <c r="DGC675" s="613"/>
      <c r="DGD675" s="613"/>
      <c r="DGE675" s="613"/>
      <c r="DGF675" s="613"/>
      <c r="DGG675" s="613"/>
      <c r="DGH675" s="613"/>
      <c r="DGI675" s="613"/>
      <c r="DGJ675" s="613"/>
      <c r="DGK675" s="613"/>
      <c r="DGL675" s="613"/>
      <c r="DGM675" s="613"/>
      <c r="DGN675" s="613"/>
      <c r="DGO675" s="613"/>
      <c r="DGP675" s="613"/>
      <c r="DGQ675" s="613"/>
      <c r="DGR675" s="613"/>
      <c r="DGS675" s="613"/>
      <c r="DGT675" s="613"/>
      <c r="DGU675" s="613"/>
      <c r="DGV675" s="613"/>
      <c r="DGW675" s="613"/>
      <c r="DGX675" s="613"/>
      <c r="DGY675" s="613"/>
      <c r="DGZ675" s="613"/>
      <c r="DHA675" s="613"/>
      <c r="DHB675" s="613"/>
      <c r="DHC675" s="613"/>
      <c r="DHD675" s="613"/>
      <c r="DHE675" s="613"/>
      <c r="DHF675" s="613"/>
      <c r="DHG675" s="613"/>
      <c r="DHH675" s="613"/>
      <c r="DHI675" s="613"/>
      <c r="DHJ675" s="613"/>
      <c r="DHK675" s="613"/>
      <c r="DHL675" s="613"/>
      <c r="DHM675" s="613"/>
      <c r="DHN675" s="613"/>
      <c r="DHO675" s="613"/>
      <c r="DHP675" s="613"/>
      <c r="DHQ675" s="613"/>
      <c r="DHR675" s="613"/>
      <c r="DHS675" s="613"/>
      <c r="DHT675" s="613"/>
      <c r="DHU675" s="613"/>
      <c r="DHV675" s="613"/>
      <c r="DHW675" s="613"/>
      <c r="DHX675" s="613"/>
      <c r="DHY675" s="613"/>
      <c r="DHZ675" s="613"/>
      <c r="DIA675" s="613"/>
      <c r="DIB675" s="613"/>
      <c r="DIC675" s="613"/>
      <c r="DID675" s="613"/>
      <c r="DIE675" s="613"/>
      <c r="DIF675" s="613"/>
      <c r="DIG675" s="613"/>
      <c r="DIH675" s="613"/>
      <c r="DII675" s="613"/>
      <c r="DIJ675" s="613"/>
      <c r="DIK675" s="613"/>
      <c r="DIL675" s="613"/>
      <c r="DIM675" s="613"/>
      <c r="DIN675" s="613"/>
      <c r="DIO675" s="613"/>
      <c r="DIP675" s="613"/>
      <c r="DIQ675" s="613"/>
      <c r="DIR675" s="613"/>
      <c r="DIS675" s="613"/>
      <c r="DIT675" s="613"/>
      <c r="DIU675" s="613"/>
      <c r="DIV675" s="613"/>
      <c r="DIW675" s="613"/>
      <c r="DIX675" s="613"/>
      <c r="DIY675" s="613"/>
      <c r="DIZ675" s="613"/>
      <c r="DJA675" s="613"/>
      <c r="DJB675" s="613"/>
      <c r="DJC675" s="613"/>
      <c r="DJD675" s="613"/>
      <c r="DJE675" s="613"/>
      <c r="DJF675" s="613"/>
      <c r="DJG675" s="613"/>
      <c r="DJH675" s="613"/>
      <c r="DJI675" s="613"/>
      <c r="DJJ675" s="613"/>
      <c r="DJK675" s="613"/>
      <c r="DJL675" s="613"/>
      <c r="DJM675" s="613"/>
      <c r="DJN675" s="613"/>
      <c r="DJO675" s="613"/>
      <c r="DJP675" s="613"/>
      <c r="DJQ675" s="613"/>
      <c r="DJR675" s="613"/>
      <c r="DJS675" s="613"/>
      <c r="DJT675" s="613"/>
      <c r="DJU675" s="613"/>
      <c r="DJV675" s="613"/>
      <c r="DJW675" s="613"/>
      <c r="DJX675" s="613"/>
      <c r="DJY675" s="613"/>
      <c r="DJZ675" s="613"/>
      <c r="DKA675" s="613"/>
      <c r="DKB675" s="613"/>
      <c r="DKC675" s="613"/>
      <c r="DKD675" s="613"/>
      <c r="DKE675" s="613"/>
      <c r="DKF675" s="613"/>
      <c r="DKG675" s="613"/>
      <c r="DKH675" s="613"/>
      <c r="DKI675" s="613"/>
      <c r="DKJ675" s="613"/>
      <c r="DKK675" s="613"/>
      <c r="DKL675" s="613"/>
      <c r="DKM675" s="613"/>
      <c r="DKN675" s="613"/>
      <c r="DKO675" s="613"/>
      <c r="DKP675" s="613"/>
      <c r="DKQ675" s="613"/>
      <c r="DKR675" s="613"/>
      <c r="DKS675" s="613"/>
      <c r="DKT675" s="613"/>
      <c r="DKU675" s="613"/>
      <c r="DKV675" s="613"/>
      <c r="DKW675" s="613"/>
      <c r="DKX675" s="613"/>
      <c r="DKY675" s="613"/>
      <c r="DKZ675" s="613"/>
      <c r="DLA675" s="613"/>
      <c r="DLB675" s="613"/>
      <c r="DLC675" s="613"/>
      <c r="DLD675" s="613"/>
      <c r="DLE675" s="613"/>
      <c r="DLF675" s="613"/>
      <c r="DLG675" s="613"/>
      <c r="DLH675" s="613"/>
      <c r="DLI675" s="613"/>
      <c r="DLJ675" s="613"/>
      <c r="DLK675" s="613"/>
      <c r="DLL675" s="613"/>
      <c r="DLM675" s="613"/>
      <c r="DLN675" s="613"/>
      <c r="DLO675" s="613"/>
      <c r="DLP675" s="613"/>
      <c r="DLQ675" s="613"/>
      <c r="DLR675" s="613"/>
      <c r="DLS675" s="613"/>
      <c r="DLT675" s="613"/>
      <c r="DLU675" s="613"/>
      <c r="DLV675" s="613"/>
      <c r="DLW675" s="613"/>
      <c r="DLX675" s="613"/>
      <c r="DLY675" s="613"/>
      <c r="DLZ675" s="613"/>
      <c r="DMA675" s="613"/>
      <c r="DMB675" s="613"/>
      <c r="DMC675" s="613"/>
      <c r="DMD675" s="613"/>
      <c r="DME675" s="613"/>
      <c r="DMF675" s="613"/>
      <c r="DMG675" s="613"/>
      <c r="DMH675" s="613"/>
      <c r="DMI675" s="613"/>
      <c r="DMJ675" s="613"/>
      <c r="DMK675" s="613"/>
      <c r="DML675" s="613"/>
      <c r="DMM675" s="613"/>
      <c r="DMN675" s="613"/>
      <c r="DMO675" s="613"/>
      <c r="DMP675" s="613"/>
      <c r="DMQ675" s="613"/>
      <c r="DMR675" s="613"/>
      <c r="DMS675" s="613"/>
      <c r="DMT675" s="613"/>
      <c r="DMU675" s="613"/>
      <c r="DMV675" s="613"/>
      <c r="DMW675" s="613"/>
      <c r="DMX675" s="613"/>
      <c r="DMY675" s="613"/>
      <c r="DMZ675" s="613"/>
      <c r="DNA675" s="613"/>
      <c r="DNB675" s="613"/>
      <c r="DNC675" s="613"/>
      <c r="DND675" s="613"/>
      <c r="DNE675" s="613"/>
      <c r="DNF675" s="613"/>
      <c r="DNG675" s="613"/>
      <c r="DNH675" s="613"/>
      <c r="DNI675" s="613"/>
      <c r="DNJ675" s="613"/>
      <c r="DNK675" s="613"/>
      <c r="DNL675" s="613"/>
      <c r="DNM675" s="613"/>
      <c r="DNN675" s="613"/>
      <c r="DNO675" s="613"/>
      <c r="DNP675" s="613"/>
      <c r="DNQ675" s="613"/>
      <c r="DNR675" s="613"/>
      <c r="DNS675" s="613"/>
      <c r="DNT675" s="613"/>
      <c r="DNU675" s="613"/>
      <c r="DNV675" s="613"/>
      <c r="DNW675" s="613"/>
      <c r="DNX675" s="613"/>
      <c r="DNY675" s="613"/>
      <c r="DNZ675" s="613"/>
      <c r="DOA675" s="613"/>
      <c r="DOB675" s="613"/>
      <c r="DOC675" s="613"/>
      <c r="DOD675" s="613"/>
      <c r="DOE675" s="613"/>
      <c r="DOF675" s="613"/>
      <c r="DOG675" s="613"/>
      <c r="DOH675" s="613"/>
      <c r="DOI675" s="613"/>
      <c r="DOJ675" s="613"/>
      <c r="DOK675" s="613"/>
      <c r="DOL675" s="613"/>
      <c r="DOM675" s="613"/>
      <c r="DON675" s="613"/>
      <c r="DOO675" s="613"/>
      <c r="DOP675" s="613"/>
      <c r="DOQ675" s="613"/>
      <c r="DOR675" s="613"/>
      <c r="DOS675" s="613"/>
      <c r="DOT675" s="613"/>
      <c r="DOU675" s="613"/>
      <c r="DOV675" s="613"/>
      <c r="DOW675" s="613"/>
      <c r="DOX675" s="613"/>
      <c r="DOY675" s="613"/>
      <c r="DOZ675" s="613"/>
      <c r="DPA675" s="613"/>
      <c r="DPB675" s="613"/>
      <c r="DPC675" s="613"/>
      <c r="DPD675" s="613"/>
      <c r="DPE675" s="613"/>
      <c r="DPF675" s="613"/>
      <c r="DPG675" s="613"/>
      <c r="DPH675" s="613"/>
      <c r="DPI675" s="613"/>
      <c r="DPJ675" s="613"/>
      <c r="DPK675" s="613"/>
      <c r="DPL675" s="613"/>
      <c r="DPM675" s="613"/>
      <c r="DPN675" s="613"/>
      <c r="DPO675" s="613"/>
      <c r="DPP675" s="613"/>
      <c r="DPQ675" s="613"/>
      <c r="DPR675" s="613"/>
      <c r="DPS675" s="613"/>
      <c r="DPT675" s="613"/>
      <c r="DPU675" s="613"/>
      <c r="DPV675" s="613"/>
      <c r="DPW675" s="613"/>
      <c r="DPX675" s="613"/>
      <c r="DPY675" s="613"/>
      <c r="DPZ675" s="613"/>
      <c r="DQA675" s="613"/>
      <c r="DQB675" s="613"/>
      <c r="DQC675" s="613"/>
      <c r="DQD675" s="613"/>
      <c r="DQE675" s="613"/>
      <c r="DQF675" s="613"/>
      <c r="DQG675" s="613"/>
      <c r="DQH675" s="613"/>
      <c r="DQI675" s="613"/>
      <c r="DQJ675" s="613"/>
      <c r="DQK675" s="613"/>
      <c r="DQL675" s="613"/>
      <c r="DQM675" s="613"/>
      <c r="DQN675" s="613"/>
      <c r="DQO675" s="613"/>
      <c r="DQP675" s="613"/>
      <c r="DQQ675" s="613"/>
      <c r="DQR675" s="613"/>
      <c r="DQS675" s="613"/>
      <c r="DQT675" s="613"/>
      <c r="DQU675" s="613"/>
      <c r="DQV675" s="613"/>
      <c r="DQW675" s="613"/>
      <c r="DQX675" s="613"/>
      <c r="DQY675" s="613"/>
      <c r="DQZ675" s="613"/>
      <c r="DRA675" s="613"/>
      <c r="DRB675" s="613"/>
      <c r="DRC675" s="613"/>
      <c r="DRD675" s="613"/>
      <c r="DRE675" s="613"/>
      <c r="DRF675" s="613"/>
      <c r="DRG675" s="613"/>
      <c r="DRH675" s="613"/>
      <c r="DRI675" s="613"/>
      <c r="DRJ675" s="613"/>
      <c r="DRK675" s="613"/>
      <c r="DRL675" s="613"/>
      <c r="DRM675" s="613"/>
      <c r="DRN675" s="613"/>
      <c r="DRO675" s="613"/>
      <c r="DRP675" s="613"/>
      <c r="DRQ675" s="613"/>
      <c r="DRR675" s="613"/>
      <c r="DRS675" s="613"/>
      <c r="DRT675" s="613"/>
      <c r="DRU675" s="613"/>
      <c r="DRV675" s="613"/>
      <c r="DRW675" s="613"/>
      <c r="DRX675" s="613"/>
      <c r="DRY675" s="613"/>
      <c r="DRZ675" s="613"/>
      <c r="DSA675" s="613"/>
      <c r="DSB675" s="613"/>
      <c r="DSC675" s="613"/>
      <c r="DSD675" s="613"/>
      <c r="DSE675" s="613"/>
      <c r="DSF675" s="613"/>
      <c r="DSG675" s="613"/>
      <c r="DSH675" s="613"/>
      <c r="DSI675" s="613"/>
      <c r="DSJ675" s="613"/>
      <c r="DSK675" s="613"/>
      <c r="DSL675" s="613"/>
      <c r="DSM675" s="613"/>
      <c r="DSN675" s="613"/>
      <c r="DSO675" s="613"/>
      <c r="DSP675" s="613"/>
      <c r="DSQ675" s="613"/>
      <c r="DSR675" s="613"/>
      <c r="DSS675" s="613"/>
      <c r="DST675" s="613"/>
      <c r="DSU675" s="613"/>
      <c r="DSV675" s="613"/>
      <c r="DSW675" s="613"/>
      <c r="DSX675" s="613"/>
      <c r="DSY675" s="613"/>
      <c r="DSZ675" s="613"/>
      <c r="DTA675" s="613"/>
      <c r="DTB675" s="613"/>
      <c r="DTC675" s="613"/>
      <c r="DTD675" s="613"/>
      <c r="DTE675" s="613"/>
      <c r="DTF675" s="613"/>
      <c r="DTG675" s="613"/>
      <c r="DTH675" s="613"/>
      <c r="DTI675" s="613"/>
      <c r="DTJ675" s="613"/>
      <c r="DTK675" s="613"/>
      <c r="DTL675" s="613"/>
      <c r="DTM675" s="613"/>
      <c r="DTN675" s="613"/>
      <c r="DTO675" s="613"/>
      <c r="DTP675" s="613"/>
      <c r="DTQ675" s="613"/>
      <c r="DTR675" s="613"/>
      <c r="DTS675" s="613"/>
      <c r="DTT675" s="613"/>
      <c r="DTU675" s="613"/>
      <c r="DTV675" s="613"/>
      <c r="DTW675" s="613"/>
      <c r="DTX675" s="613"/>
      <c r="DTY675" s="613"/>
      <c r="DTZ675" s="613"/>
      <c r="DUA675" s="613"/>
      <c r="DUB675" s="613"/>
      <c r="DUC675" s="613"/>
      <c r="DUD675" s="613"/>
      <c r="DUE675" s="613"/>
      <c r="DUF675" s="613"/>
      <c r="DUG675" s="613"/>
      <c r="DUH675" s="613"/>
      <c r="DUI675" s="613"/>
      <c r="DUJ675" s="613"/>
      <c r="DUK675" s="613"/>
      <c r="DUL675" s="613"/>
      <c r="DUM675" s="613"/>
      <c r="DUN675" s="613"/>
      <c r="DUO675" s="613"/>
      <c r="DUP675" s="613"/>
      <c r="DUQ675" s="613"/>
      <c r="DUR675" s="613"/>
      <c r="DUS675" s="613"/>
      <c r="DUT675" s="613"/>
      <c r="DUU675" s="613"/>
      <c r="DUV675" s="613"/>
      <c r="DUW675" s="613"/>
      <c r="DUX675" s="613"/>
      <c r="DUY675" s="613"/>
      <c r="DUZ675" s="613"/>
      <c r="DVA675" s="613"/>
      <c r="DVB675" s="613"/>
      <c r="DVC675" s="613"/>
      <c r="DVD675" s="613"/>
      <c r="DVE675" s="613"/>
      <c r="DVF675" s="613"/>
      <c r="DVG675" s="613"/>
      <c r="DVH675" s="613"/>
      <c r="DVI675" s="613"/>
      <c r="DVJ675" s="613"/>
      <c r="DVK675" s="613"/>
      <c r="DVL675" s="613"/>
      <c r="DVM675" s="613"/>
      <c r="DVN675" s="613"/>
      <c r="DVO675" s="613"/>
      <c r="DVP675" s="613"/>
      <c r="DVQ675" s="613"/>
      <c r="DVR675" s="613"/>
      <c r="DVS675" s="613"/>
      <c r="DVT675" s="613"/>
      <c r="DVU675" s="613"/>
      <c r="DVV675" s="613"/>
      <c r="DVW675" s="613"/>
      <c r="DVX675" s="613"/>
      <c r="DVY675" s="613"/>
      <c r="DVZ675" s="613"/>
      <c r="DWA675" s="613"/>
      <c r="DWB675" s="613"/>
      <c r="DWC675" s="613"/>
      <c r="DWD675" s="613"/>
      <c r="DWE675" s="613"/>
      <c r="DWF675" s="613"/>
      <c r="DWG675" s="613"/>
      <c r="DWH675" s="613"/>
      <c r="DWI675" s="613"/>
      <c r="DWJ675" s="613"/>
      <c r="DWK675" s="613"/>
      <c r="DWL675" s="613"/>
      <c r="DWM675" s="613"/>
      <c r="DWN675" s="613"/>
      <c r="DWO675" s="613"/>
      <c r="DWP675" s="613"/>
      <c r="DWQ675" s="613"/>
      <c r="DWR675" s="613"/>
      <c r="DWS675" s="613"/>
      <c r="DWT675" s="613"/>
      <c r="DWU675" s="613"/>
      <c r="DWV675" s="613"/>
      <c r="DWW675" s="613"/>
      <c r="DWX675" s="613"/>
      <c r="DWY675" s="613"/>
      <c r="DWZ675" s="613"/>
      <c r="DXA675" s="613"/>
      <c r="DXB675" s="613"/>
      <c r="DXC675" s="613"/>
      <c r="DXD675" s="613"/>
      <c r="DXE675" s="613"/>
      <c r="DXF675" s="613"/>
      <c r="DXG675" s="613"/>
      <c r="DXH675" s="613"/>
      <c r="DXI675" s="613"/>
      <c r="DXJ675" s="613"/>
      <c r="DXK675" s="613"/>
      <c r="DXL675" s="613"/>
      <c r="DXM675" s="613"/>
      <c r="DXN675" s="613"/>
      <c r="DXO675" s="613"/>
      <c r="DXP675" s="613"/>
      <c r="DXQ675" s="613"/>
      <c r="DXR675" s="613"/>
      <c r="DXS675" s="613"/>
      <c r="DXT675" s="613"/>
      <c r="DXU675" s="613"/>
      <c r="DXV675" s="613"/>
      <c r="DXW675" s="613"/>
      <c r="DXX675" s="613"/>
      <c r="DXY675" s="613"/>
      <c r="DXZ675" s="613"/>
      <c r="DYA675" s="613"/>
      <c r="DYB675" s="613"/>
      <c r="DYC675" s="613"/>
      <c r="DYD675" s="613"/>
      <c r="DYE675" s="613"/>
      <c r="DYF675" s="613"/>
      <c r="DYG675" s="613"/>
      <c r="DYH675" s="613"/>
      <c r="DYI675" s="613"/>
      <c r="DYJ675" s="613"/>
      <c r="DYK675" s="613"/>
      <c r="DYL675" s="613"/>
      <c r="DYM675" s="613"/>
      <c r="DYN675" s="613"/>
      <c r="DYO675" s="613"/>
      <c r="DYP675" s="613"/>
      <c r="DYQ675" s="613"/>
      <c r="DYR675" s="613"/>
      <c r="DYS675" s="613"/>
      <c r="DYT675" s="613"/>
      <c r="DYU675" s="613"/>
      <c r="DYV675" s="613"/>
      <c r="DYW675" s="613"/>
      <c r="DYX675" s="613"/>
      <c r="DYY675" s="613"/>
      <c r="DYZ675" s="613"/>
      <c r="DZA675" s="613"/>
      <c r="DZB675" s="613"/>
      <c r="DZC675" s="613"/>
      <c r="DZD675" s="613"/>
      <c r="DZE675" s="613"/>
      <c r="DZF675" s="613"/>
      <c r="DZG675" s="613"/>
      <c r="DZH675" s="613"/>
      <c r="DZI675" s="613"/>
      <c r="DZJ675" s="613"/>
      <c r="DZK675" s="613"/>
      <c r="DZL675" s="613"/>
      <c r="DZM675" s="613"/>
      <c r="DZN675" s="613"/>
      <c r="DZO675" s="613"/>
      <c r="DZP675" s="613"/>
      <c r="DZQ675" s="613"/>
      <c r="DZR675" s="613"/>
      <c r="DZS675" s="613"/>
      <c r="DZT675" s="613"/>
      <c r="DZU675" s="613"/>
      <c r="DZV675" s="613"/>
      <c r="DZW675" s="613"/>
      <c r="DZX675" s="613"/>
      <c r="DZY675" s="613"/>
      <c r="DZZ675" s="613"/>
      <c r="EAA675" s="613"/>
      <c r="EAB675" s="613"/>
      <c r="EAC675" s="613"/>
      <c r="EAD675" s="613"/>
      <c r="EAE675" s="613"/>
      <c r="EAF675" s="613"/>
      <c r="EAG675" s="613"/>
      <c r="EAH675" s="613"/>
      <c r="EAI675" s="613"/>
      <c r="EAJ675" s="613"/>
      <c r="EAK675" s="613"/>
      <c r="EAL675" s="613"/>
      <c r="EAM675" s="613"/>
      <c r="EAN675" s="613"/>
      <c r="EAO675" s="613"/>
      <c r="EAP675" s="613"/>
      <c r="EAQ675" s="613"/>
      <c r="EAR675" s="613"/>
      <c r="EAS675" s="613"/>
      <c r="EAT675" s="613"/>
      <c r="EAU675" s="613"/>
      <c r="EAV675" s="613"/>
      <c r="EAW675" s="613"/>
      <c r="EAX675" s="613"/>
      <c r="EAY675" s="613"/>
      <c r="EAZ675" s="613"/>
      <c r="EBA675" s="613"/>
      <c r="EBB675" s="613"/>
      <c r="EBC675" s="613"/>
      <c r="EBD675" s="613"/>
      <c r="EBE675" s="613"/>
      <c r="EBF675" s="613"/>
      <c r="EBG675" s="613"/>
      <c r="EBH675" s="613"/>
      <c r="EBI675" s="613"/>
      <c r="EBJ675" s="613"/>
      <c r="EBK675" s="613"/>
      <c r="EBL675" s="613"/>
      <c r="EBM675" s="613"/>
      <c r="EBN675" s="613"/>
      <c r="EBO675" s="613"/>
      <c r="EBP675" s="613"/>
      <c r="EBQ675" s="613"/>
      <c r="EBR675" s="613"/>
      <c r="EBS675" s="613"/>
      <c r="EBT675" s="613"/>
      <c r="EBU675" s="613"/>
      <c r="EBV675" s="613"/>
      <c r="EBW675" s="613"/>
      <c r="EBX675" s="613"/>
      <c r="EBY675" s="613"/>
      <c r="EBZ675" s="613"/>
      <c r="ECA675" s="613"/>
      <c r="ECB675" s="613"/>
      <c r="ECC675" s="613"/>
      <c r="ECD675" s="613"/>
      <c r="ECE675" s="613"/>
      <c r="ECF675" s="613"/>
      <c r="ECG675" s="613"/>
      <c r="ECH675" s="613"/>
      <c r="ECI675" s="613"/>
      <c r="ECJ675" s="613"/>
      <c r="ECK675" s="613"/>
      <c r="ECL675" s="613"/>
      <c r="ECM675" s="613"/>
      <c r="ECN675" s="613"/>
      <c r="ECO675" s="613"/>
      <c r="ECP675" s="613"/>
      <c r="ECQ675" s="613"/>
      <c r="ECR675" s="613"/>
      <c r="ECS675" s="613"/>
      <c r="ECT675" s="613"/>
      <c r="ECU675" s="613"/>
      <c r="ECV675" s="613"/>
      <c r="ECW675" s="613"/>
      <c r="ECX675" s="613"/>
      <c r="ECY675" s="613"/>
      <c r="ECZ675" s="613"/>
      <c r="EDA675" s="613"/>
      <c r="EDB675" s="613"/>
      <c r="EDC675" s="613"/>
      <c r="EDD675" s="613"/>
      <c r="EDE675" s="613"/>
      <c r="EDF675" s="613"/>
      <c r="EDG675" s="613"/>
      <c r="EDH675" s="613"/>
      <c r="EDI675" s="613"/>
      <c r="EDJ675" s="613"/>
      <c r="EDK675" s="613"/>
      <c r="EDL675" s="613"/>
      <c r="EDM675" s="613"/>
      <c r="EDN675" s="613"/>
      <c r="EDO675" s="613"/>
      <c r="EDP675" s="613"/>
      <c r="EDQ675" s="613"/>
      <c r="EDR675" s="613"/>
      <c r="EDS675" s="613"/>
      <c r="EDT675" s="613"/>
      <c r="EDU675" s="613"/>
      <c r="EDV675" s="613"/>
      <c r="EDW675" s="613"/>
      <c r="EDX675" s="613"/>
      <c r="EDY675" s="613"/>
      <c r="EDZ675" s="613"/>
      <c r="EEA675" s="613"/>
      <c r="EEB675" s="613"/>
      <c r="EEC675" s="613"/>
      <c r="EED675" s="613"/>
      <c r="EEE675" s="613"/>
      <c r="EEF675" s="613"/>
      <c r="EEG675" s="613"/>
      <c r="EEH675" s="613"/>
      <c r="EEI675" s="613"/>
      <c r="EEJ675" s="613"/>
      <c r="EEK675" s="613"/>
      <c r="EEL675" s="613"/>
      <c r="EEM675" s="613"/>
      <c r="EEN675" s="613"/>
      <c r="EEO675" s="613"/>
      <c r="EEP675" s="613"/>
      <c r="EEQ675" s="613"/>
      <c r="EER675" s="613"/>
      <c r="EES675" s="613"/>
      <c r="EET675" s="613"/>
      <c r="EEU675" s="613"/>
      <c r="EEV675" s="613"/>
      <c r="EEW675" s="613"/>
      <c r="EEX675" s="613"/>
      <c r="EEY675" s="613"/>
      <c r="EEZ675" s="613"/>
      <c r="EFA675" s="613"/>
      <c r="EFB675" s="613"/>
      <c r="EFC675" s="613"/>
      <c r="EFD675" s="613"/>
      <c r="EFE675" s="613"/>
      <c r="EFF675" s="613"/>
      <c r="EFG675" s="613"/>
      <c r="EFH675" s="613"/>
      <c r="EFI675" s="613"/>
      <c r="EFJ675" s="613"/>
      <c r="EFK675" s="613"/>
      <c r="EFL675" s="613"/>
      <c r="EFM675" s="613"/>
      <c r="EFN675" s="613"/>
      <c r="EFO675" s="613"/>
      <c r="EFP675" s="613"/>
      <c r="EFQ675" s="613"/>
      <c r="EFR675" s="613"/>
      <c r="EFS675" s="613"/>
      <c r="EFT675" s="613"/>
      <c r="EFU675" s="613"/>
      <c r="EFV675" s="613"/>
      <c r="EFW675" s="613"/>
      <c r="EFX675" s="613"/>
      <c r="EFY675" s="613"/>
      <c r="EFZ675" s="613"/>
      <c r="EGA675" s="613"/>
      <c r="EGB675" s="613"/>
      <c r="EGC675" s="613"/>
      <c r="EGD675" s="613"/>
      <c r="EGE675" s="613"/>
      <c r="EGF675" s="613"/>
      <c r="EGG675" s="613"/>
      <c r="EGH675" s="613"/>
      <c r="EGI675" s="613"/>
      <c r="EGJ675" s="613"/>
      <c r="EGK675" s="613"/>
      <c r="EGL675" s="613"/>
      <c r="EGM675" s="613"/>
      <c r="EGN675" s="613"/>
      <c r="EGO675" s="613"/>
      <c r="EGP675" s="613"/>
      <c r="EGQ675" s="613"/>
      <c r="EGR675" s="613"/>
      <c r="EGS675" s="613"/>
      <c r="EGT675" s="613"/>
      <c r="EGU675" s="613"/>
      <c r="EGV675" s="613"/>
      <c r="EGW675" s="613"/>
      <c r="EGX675" s="613"/>
      <c r="EGY675" s="613"/>
      <c r="EGZ675" s="613"/>
      <c r="EHA675" s="613"/>
      <c r="EHB675" s="613"/>
      <c r="EHC675" s="613"/>
      <c r="EHD675" s="613"/>
      <c r="EHE675" s="613"/>
      <c r="EHF675" s="613"/>
      <c r="EHG675" s="613"/>
      <c r="EHH675" s="613"/>
      <c r="EHI675" s="613"/>
      <c r="EHJ675" s="613"/>
      <c r="EHK675" s="613"/>
      <c r="EHL675" s="613"/>
      <c r="EHM675" s="613"/>
      <c r="EHN675" s="613"/>
      <c r="EHO675" s="613"/>
      <c r="EHP675" s="613"/>
      <c r="EHQ675" s="613"/>
      <c r="EHR675" s="613"/>
      <c r="EHS675" s="613"/>
      <c r="EHT675" s="613"/>
      <c r="EHU675" s="613"/>
      <c r="EHV675" s="613"/>
      <c r="EHW675" s="613"/>
      <c r="EHX675" s="613"/>
      <c r="EHY675" s="613"/>
      <c r="EHZ675" s="613"/>
      <c r="EIA675" s="613"/>
      <c r="EIB675" s="613"/>
      <c r="EIC675" s="613"/>
      <c r="EID675" s="613"/>
      <c r="EIE675" s="613"/>
      <c r="EIF675" s="613"/>
      <c r="EIG675" s="613"/>
      <c r="EIH675" s="613"/>
      <c r="EII675" s="613"/>
      <c r="EIJ675" s="613"/>
      <c r="EIK675" s="613"/>
      <c r="EIL675" s="613"/>
      <c r="EIM675" s="613"/>
      <c r="EIN675" s="613"/>
      <c r="EIO675" s="613"/>
      <c r="EIP675" s="613"/>
      <c r="EIQ675" s="613"/>
      <c r="EIR675" s="613"/>
      <c r="EIS675" s="613"/>
      <c r="EIT675" s="613"/>
      <c r="EIU675" s="613"/>
      <c r="EIV675" s="613"/>
      <c r="EIW675" s="613"/>
      <c r="EIX675" s="613"/>
      <c r="EIY675" s="613"/>
      <c r="EIZ675" s="613"/>
      <c r="EJA675" s="613"/>
      <c r="EJB675" s="613"/>
      <c r="EJC675" s="613"/>
      <c r="EJD675" s="613"/>
      <c r="EJE675" s="613"/>
      <c r="EJF675" s="613"/>
      <c r="EJG675" s="613"/>
      <c r="EJH675" s="613"/>
      <c r="EJI675" s="613"/>
      <c r="EJJ675" s="613"/>
      <c r="EJK675" s="613"/>
      <c r="EJL675" s="613"/>
      <c r="EJM675" s="613"/>
      <c r="EJN675" s="613"/>
      <c r="EJO675" s="613"/>
      <c r="EJP675" s="613"/>
      <c r="EJQ675" s="613"/>
      <c r="EJR675" s="613"/>
      <c r="EJS675" s="613"/>
      <c r="EJT675" s="613"/>
      <c r="EJU675" s="613"/>
      <c r="EJV675" s="613"/>
      <c r="EJW675" s="613"/>
      <c r="EJX675" s="613"/>
      <c r="EJY675" s="613"/>
      <c r="EJZ675" s="613"/>
      <c r="EKA675" s="613"/>
      <c r="EKB675" s="613"/>
      <c r="EKC675" s="613"/>
      <c r="EKD675" s="613"/>
      <c r="EKE675" s="613"/>
      <c r="EKF675" s="613"/>
      <c r="EKG675" s="613"/>
      <c r="EKH675" s="613"/>
      <c r="EKI675" s="613"/>
      <c r="EKJ675" s="613"/>
      <c r="EKK675" s="613"/>
      <c r="EKL675" s="613"/>
      <c r="EKM675" s="613"/>
      <c r="EKN675" s="613"/>
      <c r="EKO675" s="613"/>
      <c r="EKP675" s="613"/>
      <c r="EKQ675" s="613"/>
      <c r="EKR675" s="613"/>
      <c r="EKS675" s="613"/>
      <c r="EKT675" s="613"/>
      <c r="EKU675" s="613"/>
      <c r="EKV675" s="613"/>
      <c r="EKW675" s="613"/>
      <c r="EKX675" s="613"/>
      <c r="EKY675" s="613"/>
      <c r="EKZ675" s="613"/>
      <c r="ELA675" s="613"/>
      <c r="ELB675" s="613"/>
      <c r="ELC675" s="613"/>
      <c r="ELD675" s="613"/>
      <c r="ELE675" s="613"/>
      <c r="ELF675" s="613"/>
      <c r="ELG675" s="613"/>
      <c r="ELH675" s="613"/>
      <c r="ELI675" s="613"/>
      <c r="ELJ675" s="613"/>
      <c r="ELK675" s="613"/>
      <c r="ELL675" s="613"/>
      <c r="ELM675" s="613"/>
      <c r="ELN675" s="613"/>
      <c r="ELO675" s="613"/>
      <c r="ELP675" s="613"/>
      <c r="ELQ675" s="613"/>
      <c r="ELR675" s="613"/>
      <c r="ELS675" s="613"/>
      <c r="ELT675" s="613"/>
      <c r="ELU675" s="613"/>
      <c r="ELV675" s="613"/>
      <c r="ELW675" s="613"/>
      <c r="ELX675" s="613"/>
      <c r="ELY675" s="613"/>
      <c r="ELZ675" s="613"/>
      <c r="EMA675" s="613"/>
      <c r="EMB675" s="613"/>
      <c r="EMC675" s="613"/>
      <c r="EMD675" s="613"/>
      <c r="EME675" s="613"/>
      <c r="EMF675" s="613"/>
      <c r="EMG675" s="613"/>
      <c r="EMH675" s="613"/>
      <c r="EMI675" s="613"/>
      <c r="EMJ675" s="613"/>
      <c r="EMK675" s="613"/>
      <c r="EML675" s="613"/>
      <c r="EMM675" s="613"/>
      <c r="EMN675" s="613"/>
      <c r="EMO675" s="613"/>
      <c r="EMP675" s="613"/>
      <c r="EMQ675" s="613"/>
      <c r="EMR675" s="613"/>
      <c r="EMS675" s="613"/>
      <c r="EMT675" s="613"/>
      <c r="EMU675" s="613"/>
      <c r="EMV675" s="613"/>
      <c r="EMW675" s="613"/>
      <c r="EMX675" s="613"/>
      <c r="EMY675" s="613"/>
      <c r="EMZ675" s="613"/>
      <c r="ENA675" s="613"/>
      <c r="ENB675" s="613"/>
      <c r="ENC675" s="613"/>
      <c r="END675" s="613"/>
      <c r="ENE675" s="613"/>
      <c r="ENF675" s="613"/>
      <c r="ENG675" s="613"/>
      <c r="ENH675" s="613"/>
      <c r="ENI675" s="613"/>
      <c r="ENJ675" s="613"/>
      <c r="ENK675" s="613"/>
      <c r="ENL675" s="613"/>
      <c r="ENM675" s="613"/>
      <c r="ENN675" s="613"/>
      <c r="ENO675" s="613"/>
      <c r="ENP675" s="613"/>
      <c r="ENQ675" s="613"/>
      <c r="ENR675" s="613"/>
      <c r="ENS675" s="613"/>
      <c r="ENT675" s="613"/>
      <c r="ENU675" s="613"/>
      <c r="ENV675" s="613"/>
      <c r="ENW675" s="613"/>
      <c r="ENX675" s="613"/>
      <c r="ENY675" s="613"/>
      <c r="ENZ675" s="613"/>
      <c r="EOA675" s="613"/>
      <c r="EOB675" s="613"/>
      <c r="EOC675" s="613"/>
      <c r="EOD675" s="613"/>
      <c r="EOE675" s="613"/>
      <c r="EOF675" s="613"/>
      <c r="EOG675" s="613"/>
      <c r="EOH675" s="613"/>
      <c r="EOI675" s="613"/>
      <c r="EOJ675" s="613"/>
      <c r="EOK675" s="613"/>
      <c r="EOL675" s="613"/>
      <c r="EOM675" s="613"/>
      <c r="EON675" s="613"/>
      <c r="EOO675" s="613"/>
      <c r="EOP675" s="613"/>
      <c r="EOQ675" s="613"/>
      <c r="EOR675" s="613"/>
      <c r="EOS675" s="613"/>
      <c r="EOT675" s="613"/>
      <c r="EOU675" s="613"/>
      <c r="EOV675" s="613"/>
      <c r="EOW675" s="613"/>
      <c r="EOX675" s="613"/>
      <c r="EOY675" s="613"/>
      <c r="EOZ675" s="613"/>
      <c r="EPA675" s="613"/>
      <c r="EPB675" s="613"/>
      <c r="EPC675" s="613"/>
      <c r="EPD675" s="613"/>
      <c r="EPE675" s="613"/>
      <c r="EPF675" s="613"/>
      <c r="EPG675" s="613"/>
      <c r="EPH675" s="613"/>
      <c r="EPI675" s="613"/>
      <c r="EPJ675" s="613"/>
      <c r="EPK675" s="613"/>
      <c r="EPL675" s="613"/>
      <c r="EPM675" s="613"/>
      <c r="EPN675" s="613"/>
      <c r="EPO675" s="613"/>
      <c r="EPP675" s="613"/>
      <c r="EPQ675" s="613"/>
      <c r="EPR675" s="613"/>
      <c r="EPS675" s="613"/>
      <c r="EPT675" s="613"/>
      <c r="EPU675" s="613"/>
      <c r="EPV675" s="613"/>
      <c r="EPW675" s="613"/>
      <c r="EPX675" s="613"/>
      <c r="EPY675" s="613"/>
      <c r="EPZ675" s="613"/>
      <c r="EQA675" s="613"/>
      <c r="EQB675" s="613"/>
      <c r="EQC675" s="613"/>
      <c r="EQD675" s="613"/>
      <c r="EQE675" s="613"/>
      <c r="EQF675" s="613"/>
      <c r="EQG675" s="613"/>
      <c r="EQH675" s="613"/>
      <c r="EQI675" s="613"/>
      <c r="EQJ675" s="613"/>
      <c r="EQK675" s="613"/>
      <c r="EQL675" s="613"/>
      <c r="EQM675" s="613"/>
      <c r="EQN675" s="613"/>
      <c r="EQO675" s="613"/>
      <c r="EQP675" s="613"/>
      <c r="EQQ675" s="613"/>
      <c r="EQR675" s="613"/>
      <c r="EQS675" s="613"/>
      <c r="EQT675" s="613"/>
      <c r="EQU675" s="613"/>
      <c r="EQV675" s="613"/>
      <c r="EQW675" s="613"/>
      <c r="EQX675" s="613"/>
      <c r="EQY675" s="613"/>
      <c r="EQZ675" s="613"/>
      <c r="ERA675" s="613"/>
      <c r="ERB675" s="613"/>
      <c r="ERC675" s="613"/>
      <c r="ERD675" s="613"/>
      <c r="ERE675" s="613"/>
      <c r="ERF675" s="613"/>
      <c r="ERG675" s="613"/>
      <c r="ERH675" s="613"/>
      <c r="ERI675" s="613"/>
      <c r="ERJ675" s="613"/>
      <c r="ERK675" s="613"/>
      <c r="ERL675" s="613"/>
      <c r="ERM675" s="613"/>
      <c r="ERN675" s="613"/>
      <c r="ERO675" s="613"/>
      <c r="ERP675" s="613"/>
      <c r="ERQ675" s="613"/>
      <c r="ERR675" s="613"/>
      <c r="ERS675" s="613"/>
      <c r="ERT675" s="613"/>
      <c r="ERU675" s="613"/>
      <c r="ERV675" s="613"/>
      <c r="ERW675" s="613"/>
      <c r="ERX675" s="613"/>
      <c r="ERY675" s="613"/>
      <c r="ERZ675" s="613"/>
      <c r="ESA675" s="613"/>
      <c r="ESB675" s="613"/>
      <c r="ESC675" s="613"/>
      <c r="ESD675" s="613"/>
      <c r="ESE675" s="613"/>
      <c r="ESF675" s="613"/>
      <c r="ESG675" s="613"/>
      <c r="ESH675" s="613"/>
      <c r="ESI675" s="613"/>
      <c r="ESJ675" s="613"/>
      <c r="ESK675" s="613"/>
      <c r="ESL675" s="613"/>
      <c r="ESM675" s="613"/>
      <c r="ESN675" s="613"/>
      <c r="ESO675" s="613"/>
      <c r="ESP675" s="613"/>
      <c r="ESQ675" s="613"/>
      <c r="ESR675" s="613"/>
      <c r="ESS675" s="613"/>
      <c r="EST675" s="613"/>
      <c r="ESU675" s="613"/>
      <c r="ESV675" s="613"/>
      <c r="ESW675" s="613"/>
      <c r="ESX675" s="613"/>
      <c r="ESY675" s="613"/>
      <c r="ESZ675" s="613"/>
      <c r="ETA675" s="613"/>
      <c r="ETB675" s="613"/>
      <c r="ETC675" s="613"/>
      <c r="ETD675" s="613"/>
      <c r="ETE675" s="613"/>
      <c r="ETF675" s="613"/>
      <c r="ETG675" s="613"/>
      <c r="ETH675" s="613"/>
      <c r="ETI675" s="613"/>
      <c r="ETJ675" s="613"/>
      <c r="ETK675" s="613"/>
      <c r="ETL675" s="613"/>
      <c r="ETM675" s="613"/>
      <c r="ETN675" s="613"/>
      <c r="ETO675" s="613"/>
      <c r="ETP675" s="613"/>
      <c r="ETQ675" s="613"/>
      <c r="ETR675" s="613"/>
      <c r="ETS675" s="613"/>
      <c r="ETT675" s="613"/>
      <c r="ETU675" s="613"/>
      <c r="ETV675" s="613"/>
      <c r="ETW675" s="613"/>
      <c r="ETX675" s="613"/>
      <c r="ETY675" s="613"/>
      <c r="ETZ675" s="613"/>
      <c r="EUA675" s="613"/>
      <c r="EUB675" s="613"/>
      <c r="EUC675" s="613"/>
      <c r="EUD675" s="613"/>
      <c r="EUE675" s="613"/>
      <c r="EUF675" s="613"/>
      <c r="EUG675" s="613"/>
      <c r="EUH675" s="613"/>
      <c r="EUI675" s="613"/>
      <c r="EUJ675" s="613"/>
      <c r="EUK675" s="613"/>
      <c r="EUL675" s="613"/>
      <c r="EUM675" s="613"/>
      <c r="EUN675" s="613"/>
      <c r="EUO675" s="613"/>
      <c r="EUP675" s="613"/>
      <c r="EUQ675" s="613"/>
      <c r="EUR675" s="613"/>
      <c r="EUS675" s="613"/>
      <c r="EUT675" s="613"/>
      <c r="EUU675" s="613"/>
      <c r="EUV675" s="613"/>
      <c r="EUW675" s="613"/>
      <c r="EUX675" s="613"/>
      <c r="EUY675" s="613"/>
      <c r="EUZ675" s="613"/>
      <c r="EVA675" s="613"/>
      <c r="EVB675" s="613"/>
      <c r="EVC675" s="613"/>
      <c r="EVD675" s="613"/>
      <c r="EVE675" s="613"/>
      <c r="EVF675" s="613"/>
      <c r="EVG675" s="613"/>
      <c r="EVH675" s="613"/>
      <c r="EVI675" s="613"/>
      <c r="EVJ675" s="613"/>
      <c r="EVK675" s="613"/>
      <c r="EVL675" s="613"/>
      <c r="EVM675" s="613"/>
      <c r="EVN675" s="613"/>
      <c r="EVO675" s="613"/>
      <c r="EVP675" s="613"/>
      <c r="EVQ675" s="613"/>
      <c r="EVR675" s="613"/>
      <c r="EVS675" s="613"/>
      <c r="EVT675" s="613"/>
      <c r="EVU675" s="613"/>
      <c r="EVV675" s="613"/>
      <c r="EVW675" s="613"/>
      <c r="EVX675" s="613"/>
      <c r="EVY675" s="613"/>
      <c r="EVZ675" s="613"/>
      <c r="EWA675" s="613"/>
      <c r="EWB675" s="613"/>
      <c r="EWC675" s="613"/>
      <c r="EWD675" s="613"/>
      <c r="EWE675" s="613"/>
      <c r="EWF675" s="613"/>
      <c r="EWG675" s="613"/>
      <c r="EWH675" s="613"/>
      <c r="EWI675" s="613"/>
      <c r="EWJ675" s="613"/>
      <c r="EWK675" s="613"/>
      <c r="EWL675" s="613"/>
      <c r="EWM675" s="613"/>
      <c r="EWN675" s="613"/>
      <c r="EWO675" s="613"/>
      <c r="EWP675" s="613"/>
      <c r="EWQ675" s="613"/>
      <c r="EWR675" s="613"/>
      <c r="EWS675" s="613"/>
      <c r="EWT675" s="613"/>
      <c r="EWU675" s="613"/>
      <c r="EWV675" s="613"/>
      <c r="EWW675" s="613"/>
      <c r="EWX675" s="613"/>
      <c r="EWY675" s="613"/>
      <c r="EWZ675" s="613"/>
      <c r="EXA675" s="613"/>
      <c r="EXB675" s="613"/>
      <c r="EXC675" s="613"/>
      <c r="EXD675" s="613"/>
      <c r="EXE675" s="613"/>
      <c r="EXF675" s="613"/>
      <c r="EXG675" s="613"/>
      <c r="EXH675" s="613"/>
      <c r="EXI675" s="613"/>
      <c r="EXJ675" s="613"/>
      <c r="EXK675" s="613"/>
      <c r="EXL675" s="613"/>
      <c r="EXM675" s="613"/>
      <c r="EXN675" s="613"/>
      <c r="EXO675" s="613"/>
      <c r="EXP675" s="613"/>
      <c r="EXQ675" s="613"/>
      <c r="EXR675" s="613"/>
      <c r="EXS675" s="613"/>
      <c r="EXT675" s="613"/>
      <c r="EXU675" s="613"/>
      <c r="EXV675" s="613"/>
      <c r="EXW675" s="613"/>
      <c r="EXX675" s="613"/>
      <c r="EXY675" s="613"/>
      <c r="EXZ675" s="613"/>
      <c r="EYA675" s="613"/>
      <c r="EYB675" s="613"/>
      <c r="EYC675" s="613"/>
      <c r="EYD675" s="613"/>
      <c r="EYE675" s="613"/>
      <c r="EYF675" s="613"/>
      <c r="EYG675" s="613"/>
      <c r="EYH675" s="613"/>
      <c r="EYI675" s="613"/>
      <c r="EYJ675" s="613"/>
      <c r="EYK675" s="613"/>
      <c r="EYL675" s="613"/>
      <c r="EYM675" s="613"/>
      <c r="EYN675" s="613"/>
      <c r="EYO675" s="613"/>
      <c r="EYP675" s="613"/>
      <c r="EYQ675" s="613"/>
      <c r="EYR675" s="613"/>
      <c r="EYS675" s="613"/>
      <c r="EYT675" s="613"/>
      <c r="EYU675" s="613"/>
      <c r="EYV675" s="613"/>
      <c r="EYW675" s="613"/>
      <c r="EYX675" s="613"/>
      <c r="EYY675" s="613"/>
      <c r="EYZ675" s="613"/>
      <c r="EZA675" s="613"/>
      <c r="EZB675" s="613"/>
      <c r="EZC675" s="613"/>
      <c r="EZD675" s="613"/>
      <c r="EZE675" s="613"/>
      <c r="EZF675" s="613"/>
      <c r="EZG675" s="613"/>
      <c r="EZH675" s="613"/>
      <c r="EZI675" s="613"/>
      <c r="EZJ675" s="613"/>
      <c r="EZK675" s="613"/>
      <c r="EZL675" s="613"/>
      <c r="EZM675" s="613"/>
      <c r="EZN675" s="613"/>
      <c r="EZO675" s="613"/>
      <c r="EZP675" s="613"/>
      <c r="EZQ675" s="613"/>
      <c r="EZR675" s="613"/>
      <c r="EZS675" s="613"/>
      <c r="EZT675" s="613"/>
      <c r="EZU675" s="613"/>
      <c r="EZV675" s="613"/>
      <c r="EZW675" s="613"/>
      <c r="EZX675" s="613"/>
      <c r="EZY675" s="613"/>
      <c r="EZZ675" s="613"/>
      <c r="FAA675" s="613"/>
      <c r="FAB675" s="613"/>
      <c r="FAC675" s="613"/>
      <c r="FAD675" s="613"/>
      <c r="FAE675" s="613"/>
      <c r="FAF675" s="613"/>
      <c r="FAG675" s="613"/>
      <c r="FAH675" s="613"/>
      <c r="FAI675" s="613"/>
      <c r="FAJ675" s="613"/>
      <c r="FAK675" s="613"/>
      <c r="FAL675" s="613"/>
      <c r="FAM675" s="613"/>
      <c r="FAN675" s="613"/>
      <c r="FAO675" s="613"/>
      <c r="FAP675" s="613"/>
      <c r="FAQ675" s="613"/>
      <c r="FAR675" s="613"/>
      <c r="FAS675" s="613"/>
      <c r="FAT675" s="613"/>
      <c r="FAU675" s="613"/>
      <c r="FAV675" s="613"/>
      <c r="FAW675" s="613"/>
      <c r="FAX675" s="613"/>
      <c r="FAY675" s="613"/>
      <c r="FAZ675" s="613"/>
      <c r="FBA675" s="613"/>
      <c r="FBB675" s="613"/>
      <c r="FBC675" s="613"/>
      <c r="FBD675" s="613"/>
      <c r="FBE675" s="613"/>
      <c r="FBF675" s="613"/>
      <c r="FBG675" s="613"/>
      <c r="FBH675" s="613"/>
      <c r="FBI675" s="613"/>
      <c r="FBJ675" s="613"/>
      <c r="FBK675" s="613"/>
      <c r="FBL675" s="613"/>
      <c r="FBM675" s="613"/>
      <c r="FBN675" s="613"/>
      <c r="FBO675" s="613"/>
      <c r="FBP675" s="613"/>
      <c r="FBQ675" s="613"/>
      <c r="FBR675" s="613"/>
      <c r="FBS675" s="613"/>
      <c r="FBT675" s="613"/>
      <c r="FBU675" s="613"/>
      <c r="FBV675" s="613"/>
      <c r="FBW675" s="613"/>
      <c r="FBX675" s="613"/>
      <c r="FBY675" s="613"/>
      <c r="FBZ675" s="613"/>
      <c r="FCA675" s="613"/>
      <c r="FCB675" s="613"/>
      <c r="FCC675" s="613"/>
      <c r="FCD675" s="613"/>
      <c r="FCE675" s="613"/>
      <c r="FCF675" s="613"/>
      <c r="FCG675" s="613"/>
      <c r="FCH675" s="613"/>
      <c r="FCI675" s="613"/>
      <c r="FCJ675" s="613"/>
      <c r="FCK675" s="613"/>
      <c r="FCL675" s="613"/>
      <c r="FCM675" s="613"/>
      <c r="FCN675" s="613"/>
      <c r="FCO675" s="613"/>
      <c r="FCP675" s="613"/>
      <c r="FCQ675" s="613"/>
      <c r="FCR675" s="613"/>
      <c r="FCS675" s="613"/>
      <c r="FCT675" s="613"/>
      <c r="FCU675" s="613"/>
      <c r="FCV675" s="613"/>
      <c r="FCW675" s="613"/>
      <c r="FCX675" s="613"/>
      <c r="FCY675" s="613"/>
      <c r="FCZ675" s="613"/>
      <c r="FDA675" s="613"/>
      <c r="FDB675" s="613"/>
      <c r="FDC675" s="613"/>
      <c r="FDD675" s="613"/>
      <c r="FDE675" s="613"/>
      <c r="FDF675" s="613"/>
      <c r="FDG675" s="613"/>
      <c r="FDH675" s="613"/>
      <c r="FDI675" s="613"/>
      <c r="FDJ675" s="613"/>
      <c r="FDK675" s="613"/>
      <c r="FDL675" s="613"/>
      <c r="FDM675" s="613"/>
      <c r="FDN675" s="613"/>
      <c r="FDO675" s="613"/>
      <c r="FDP675" s="613"/>
      <c r="FDQ675" s="613"/>
      <c r="FDR675" s="613"/>
      <c r="FDS675" s="613"/>
      <c r="FDT675" s="613"/>
      <c r="FDU675" s="613"/>
      <c r="FDV675" s="613"/>
      <c r="FDW675" s="613"/>
      <c r="FDX675" s="613"/>
      <c r="FDY675" s="613"/>
      <c r="FDZ675" s="613"/>
      <c r="FEA675" s="613"/>
      <c r="FEB675" s="613"/>
      <c r="FEC675" s="613"/>
      <c r="FED675" s="613"/>
      <c r="FEE675" s="613"/>
      <c r="FEF675" s="613"/>
      <c r="FEG675" s="613"/>
      <c r="FEH675" s="613"/>
      <c r="FEI675" s="613"/>
      <c r="FEJ675" s="613"/>
      <c r="FEK675" s="613"/>
      <c r="FEL675" s="613"/>
      <c r="FEM675" s="613"/>
      <c r="FEN675" s="613"/>
      <c r="FEO675" s="613"/>
      <c r="FEP675" s="613"/>
      <c r="FEQ675" s="613"/>
      <c r="FER675" s="613"/>
      <c r="FES675" s="613"/>
      <c r="FET675" s="613"/>
      <c r="FEU675" s="613"/>
      <c r="FEV675" s="613"/>
      <c r="FEW675" s="613"/>
      <c r="FEX675" s="613"/>
      <c r="FEY675" s="613"/>
      <c r="FEZ675" s="613"/>
      <c r="FFA675" s="613"/>
      <c r="FFB675" s="613"/>
      <c r="FFC675" s="613"/>
      <c r="FFD675" s="613"/>
      <c r="FFE675" s="613"/>
      <c r="FFF675" s="613"/>
      <c r="FFG675" s="613"/>
      <c r="FFH675" s="613"/>
      <c r="FFI675" s="613"/>
      <c r="FFJ675" s="613"/>
      <c r="FFK675" s="613"/>
      <c r="FFL675" s="613"/>
      <c r="FFM675" s="613"/>
      <c r="FFN675" s="613"/>
      <c r="FFO675" s="613"/>
      <c r="FFP675" s="613"/>
      <c r="FFQ675" s="613"/>
      <c r="FFR675" s="613"/>
      <c r="FFS675" s="613"/>
      <c r="FFT675" s="613"/>
      <c r="FFU675" s="613"/>
      <c r="FFV675" s="613"/>
      <c r="FFW675" s="613"/>
      <c r="FFX675" s="613"/>
      <c r="FFY675" s="613"/>
      <c r="FFZ675" s="613"/>
      <c r="FGA675" s="613"/>
      <c r="FGB675" s="613"/>
      <c r="FGC675" s="613"/>
      <c r="FGD675" s="613"/>
      <c r="FGE675" s="613"/>
      <c r="FGF675" s="613"/>
      <c r="FGG675" s="613"/>
      <c r="FGH675" s="613"/>
      <c r="FGI675" s="613"/>
      <c r="FGJ675" s="613"/>
      <c r="FGK675" s="613"/>
      <c r="FGL675" s="613"/>
      <c r="FGM675" s="613"/>
      <c r="FGN675" s="613"/>
      <c r="FGO675" s="613"/>
      <c r="FGP675" s="613"/>
      <c r="FGQ675" s="613"/>
      <c r="FGR675" s="613"/>
      <c r="FGS675" s="613"/>
      <c r="FGT675" s="613"/>
      <c r="FGU675" s="613"/>
      <c r="FGV675" s="613"/>
      <c r="FGW675" s="613"/>
      <c r="FGX675" s="613"/>
      <c r="FGY675" s="613"/>
      <c r="FGZ675" s="613"/>
      <c r="FHA675" s="613"/>
      <c r="FHB675" s="613"/>
      <c r="FHC675" s="613"/>
      <c r="FHD675" s="613"/>
      <c r="FHE675" s="613"/>
      <c r="FHF675" s="613"/>
      <c r="FHG675" s="613"/>
      <c r="FHH675" s="613"/>
      <c r="FHI675" s="613"/>
      <c r="FHJ675" s="613"/>
      <c r="FHK675" s="613"/>
      <c r="FHL675" s="613"/>
      <c r="FHM675" s="613"/>
      <c r="FHN675" s="613"/>
      <c r="FHO675" s="613"/>
      <c r="FHP675" s="613"/>
      <c r="FHQ675" s="613"/>
      <c r="FHR675" s="613"/>
      <c r="FHS675" s="613"/>
      <c r="FHT675" s="613"/>
      <c r="FHU675" s="613"/>
      <c r="FHV675" s="613"/>
      <c r="FHW675" s="613"/>
      <c r="FHX675" s="613"/>
      <c r="FHY675" s="613"/>
      <c r="FHZ675" s="613"/>
      <c r="FIA675" s="613"/>
      <c r="FIB675" s="613"/>
      <c r="FIC675" s="613"/>
      <c r="FID675" s="613"/>
      <c r="FIE675" s="613"/>
      <c r="FIF675" s="613"/>
      <c r="FIG675" s="613"/>
      <c r="FIH675" s="613"/>
      <c r="FII675" s="613"/>
      <c r="FIJ675" s="613"/>
      <c r="FIK675" s="613"/>
      <c r="FIL675" s="613"/>
      <c r="FIM675" s="613"/>
      <c r="FIN675" s="613"/>
      <c r="FIO675" s="613"/>
      <c r="FIP675" s="613"/>
      <c r="FIQ675" s="613"/>
      <c r="FIR675" s="613"/>
      <c r="FIS675" s="613"/>
      <c r="FIT675" s="613"/>
      <c r="FIU675" s="613"/>
      <c r="FIV675" s="613"/>
      <c r="FIW675" s="613"/>
      <c r="FIX675" s="613"/>
      <c r="FIY675" s="613"/>
      <c r="FIZ675" s="613"/>
      <c r="FJA675" s="613"/>
      <c r="FJB675" s="613"/>
      <c r="FJC675" s="613"/>
      <c r="FJD675" s="613"/>
      <c r="FJE675" s="613"/>
      <c r="FJF675" s="613"/>
      <c r="FJG675" s="613"/>
      <c r="FJH675" s="613"/>
      <c r="FJI675" s="613"/>
      <c r="FJJ675" s="613"/>
      <c r="FJK675" s="613"/>
      <c r="FJL675" s="613"/>
      <c r="FJM675" s="613"/>
      <c r="FJN675" s="613"/>
      <c r="FJO675" s="613"/>
      <c r="FJP675" s="613"/>
      <c r="FJQ675" s="613"/>
      <c r="FJR675" s="613"/>
      <c r="FJS675" s="613"/>
      <c r="FJT675" s="613"/>
      <c r="FJU675" s="613"/>
      <c r="FJV675" s="613"/>
      <c r="FJW675" s="613"/>
      <c r="FJX675" s="613"/>
      <c r="FJY675" s="613"/>
      <c r="FJZ675" s="613"/>
      <c r="FKA675" s="613"/>
      <c r="FKB675" s="613"/>
      <c r="FKC675" s="613"/>
      <c r="FKD675" s="613"/>
      <c r="FKE675" s="613"/>
      <c r="FKF675" s="613"/>
      <c r="FKG675" s="613"/>
      <c r="FKH675" s="613"/>
      <c r="FKI675" s="613"/>
      <c r="FKJ675" s="613"/>
      <c r="FKK675" s="613"/>
      <c r="FKL675" s="613"/>
      <c r="FKM675" s="613"/>
      <c r="FKN675" s="613"/>
      <c r="FKO675" s="613"/>
      <c r="FKP675" s="613"/>
      <c r="FKQ675" s="613"/>
      <c r="FKR675" s="613"/>
      <c r="FKS675" s="613"/>
      <c r="FKT675" s="613"/>
      <c r="FKU675" s="613"/>
      <c r="FKV675" s="613"/>
      <c r="FKW675" s="613"/>
      <c r="FKX675" s="613"/>
      <c r="FKY675" s="613"/>
      <c r="FKZ675" s="613"/>
      <c r="FLA675" s="613"/>
      <c r="FLB675" s="613"/>
      <c r="FLC675" s="613"/>
      <c r="FLD675" s="613"/>
      <c r="FLE675" s="613"/>
      <c r="FLF675" s="613"/>
      <c r="FLG675" s="613"/>
      <c r="FLH675" s="613"/>
      <c r="FLI675" s="613"/>
      <c r="FLJ675" s="613"/>
      <c r="FLK675" s="613"/>
      <c r="FLL675" s="613"/>
      <c r="FLM675" s="613"/>
      <c r="FLN675" s="613"/>
      <c r="FLO675" s="613"/>
      <c r="FLP675" s="613"/>
      <c r="FLQ675" s="613"/>
      <c r="FLR675" s="613"/>
      <c r="FLS675" s="613"/>
      <c r="FLT675" s="613"/>
      <c r="FLU675" s="613"/>
      <c r="FLV675" s="613"/>
      <c r="FLW675" s="613"/>
      <c r="FLX675" s="613"/>
      <c r="FLY675" s="613"/>
      <c r="FLZ675" s="613"/>
      <c r="FMA675" s="613"/>
      <c r="FMB675" s="613"/>
      <c r="FMC675" s="613"/>
      <c r="FMD675" s="613"/>
      <c r="FME675" s="613"/>
      <c r="FMF675" s="613"/>
      <c r="FMG675" s="613"/>
      <c r="FMH675" s="613"/>
      <c r="FMI675" s="613"/>
      <c r="FMJ675" s="613"/>
      <c r="FMK675" s="613"/>
      <c r="FML675" s="613"/>
      <c r="FMM675" s="613"/>
      <c r="FMN675" s="613"/>
      <c r="FMO675" s="613"/>
      <c r="FMP675" s="613"/>
      <c r="FMQ675" s="613"/>
      <c r="FMR675" s="613"/>
      <c r="FMS675" s="613"/>
      <c r="FMT675" s="613"/>
      <c r="FMU675" s="613"/>
      <c r="FMV675" s="613"/>
      <c r="FMW675" s="613"/>
      <c r="FMX675" s="613"/>
      <c r="FMY675" s="613"/>
      <c r="FMZ675" s="613"/>
      <c r="FNA675" s="613"/>
      <c r="FNB675" s="613"/>
      <c r="FNC675" s="613"/>
      <c r="FND675" s="613"/>
      <c r="FNE675" s="613"/>
      <c r="FNF675" s="613"/>
      <c r="FNG675" s="613"/>
      <c r="FNH675" s="613"/>
      <c r="FNI675" s="613"/>
      <c r="FNJ675" s="613"/>
      <c r="FNK675" s="613"/>
      <c r="FNL675" s="613"/>
      <c r="FNM675" s="613"/>
      <c r="FNN675" s="613"/>
      <c r="FNO675" s="613"/>
      <c r="FNP675" s="613"/>
      <c r="FNQ675" s="613"/>
      <c r="FNR675" s="613"/>
      <c r="FNS675" s="613"/>
      <c r="FNT675" s="613"/>
      <c r="FNU675" s="613"/>
      <c r="FNV675" s="613"/>
      <c r="FNW675" s="613"/>
      <c r="FNX675" s="613"/>
      <c r="FNY675" s="613"/>
      <c r="FNZ675" s="613"/>
      <c r="FOA675" s="613"/>
      <c r="FOB675" s="613"/>
      <c r="FOC675" s="613"/>
      <c r="FOD675" s="613"/>
      <c r="FOE675" s="613"/>
      <c r="FOF675" s="613"/>
      <c r="FOG675" s="613"/>
      <c r="FOH675" s="613"/>
      <c r="FOI675" s="613"/>
      <c r="FOJ675" s="613"/>
      <c r="FOK675" s="613"/>
      <c r="FOL675" s="613"/>
      <c r="FOM675" s="613"/>
      <c r="FON675" s="613"/>
      <c r="FOO675" s="613"/>
      <c r="FOP675" s="613"/>
      <c r="FOQ675" s="613"/>
      <c r="FOR675" s="613"/>
      <c r="FOS675" s="613"/>
      <c r="FOT675" s="613"/>
      <c r="FOU675" s="613"/>
      <c r="FOV675" s="613"/>
      <c r="FOW675" s="613"/>
      <c r="FOX675" s="613"/>
      <c r="FOY675" s="613"/>
      <c r="FOZ675" s="613"/>
      <c r="FPA675" s="613"/>
      <c r="FPB675" s="613"/>
      <c r="FPC675" s="613"/>
      <c r="FPD675" s="613"/>
      <c r="FPE675" s="613"/>
      <c r="FPF675" s="613"/>
      <c r="FPG675" s="613"/>
      <c r="FPH675" s="613"/>
      <c r="FPI675" s="613"/>
      <c r="FPJ675" s="613"/>
      <c r="FPK675" s="613"/>
      <c r="FPL675" s="613"/>
      <c r="FPM675" s="613"/>
      <c r="FPN675" s="613"/>
      <c r="FPO675" s="613"/>
      <c r="FPP675" s="613"/>
      <c r="FPQ675" s="613"/>
      <c r="FPR675" s="613"/>
      <c r="FPS675" s="613"/>
      <c r="FPT675" s="613"/>
      <c r="FPU675" s="613"/>
      <c r="FPV675" s="613"/>
      <c r="FPW675" s="613"/>
      <c r="FPX675" s="613"/>
      <c r="FPY675" s="613"/>
      <c r="FPZ675" s="613"/>
      <c r="FQA675" s="613"/>
      <c r="FQB675" s="613"/>
      <c r="FQC675" s="613"/>
      <c r="FQD675" s="613"/>
      <c r="FQE675" s="613"/>
      <c r="FQF675" s="613"/>
      <c r="FQG675" s="613"/>
      <c r="FQH675" s="613"/>
      <c r="FQI675" s="613"/>
      <c r="FQJ675" s="613"/>
      <c r="FQK675" s="613"/>
      <c r="FQL675" s="613"/>
      <c r="FQM675" s="613"/>
      <c r="FQN675" s="613"/>
      <c r="FQO675" s="613"/>
      <c r="FQP675" s="613"/>
      <c r="FQQ675" s="613"/>
      <c r="FQR675" s="613"/>
      <c r="FQS675" s="613"/>
      <c r="FQT675" s="613"/>
      <c r="FQU675" s="613"/>
      <c r="FQV675" s="613"/>
      <c r="FQW675" s="613"/>
      <c r="FQX675" s="613"/>
      <c r="FQY675" s="613"/>
      <c r="FQZ675" s="613"/>
      <c r="FRA675" s="613"/>
      <c r="FRB675" s="613"/>
      <c r="FRC675" s="613"/>
      <c r="FRD675" s="613"/>
      <c r="FRE675" s="613"/>
      <c r="FRF675" s="613"/>
      <c r="FRG675" s="613"/>
      <c r="FRH675" s="613"/>
      <c r="FRI675" s="613"/>
      <c r="FRJ675" s="613"/>
      <c r="FRK675" s="613"/>
      <c r="FRL675" s="613"/>
      <c r="FRM675" s="613"/>
      <c r="FRN675" s="613"/>
      <c r="FRO675" s="613"/>
      <c r="FRP675" s="613"/>
      <c r="FRQ675" s="613"/>
      <c r="FRR675" s="613"/>
      <c r="FRS675" s="613"/>
      <c r="FRT675" s="613"/>
      <c r="FRU675" s="613"/>
      <c r="FRV675" s="613"/>
      <c r="FRW675" s="613"/>
      <c r="FRX675" s="613"/>
      <c r="FRY675" s="613"/>
      <c r="FRZ675" s="613"/>
      <c r="FSA675" s="613"/>
      <c r="FSB675" s="613"/>
      <c r="FSC675" s="613"/>
      <c r="FSD675" s="613"/>
      <c r="FSE675" s="613"/>
      <c r="FSF675" s="613"/>
      <c r="FSG675" s="613"/>
      <c r="FSH675" s="613"/>
      <c r="FSI675" s="613"/>
      <c r="FSJ675" s="613"/>
      <c r="FSK675" s="613"/>
      <c r="FSL675" s="613"/>
      <c r="FSM675" s="613"/>
      <c r="FSN675" s="613"/>
      <c r="FSO675" s="613"/>
      <c r="FSP675" s="613"/>
      <c r="FSQ675" s="613"/>
      <c r="FSR675" s="613"/>
      <c r="FSS675" s="613"/>
      <c r="FST675" s="613"/>
      <c r="FSU675" s="613"/>
      <c r="FSV675" s="613"/>
      <c r="FSW675" s="613"/>
      <c r="FSX675" s="613"/>
      <c r="FSY675" s="613"/>
      <c r="FSZ675" s="613"/>
      <c r="FTA675" s="613"/>
      <c r="FTB675" s="613"/>
      <c r="FTC675" s="613"/>
      <c r="FTD675" s="613"/>
      <c r="FTE675" s="613"/>
      <c r="FTF675" s="613"/>
      <c r="FTG675" s="613"/>
      <c r="FTH675" s="613"/>
      <c r="FTI675" s="613"/>
      <c r="FTJ675" s="613"/>
      <c r="FTK675" s="613"/>
      <c r="FTL675" s="613"/>
      <c r="FTM675" s="613"/>
      <c r="FTN675" s="613"/>
      <c r="FTO675" s="613"/>
      <c r="FTP675" s="613"/>
      <c r="FTQ675" s="613"/>
      <c r="FTR675" s="613"/>
      <c r="FTS675" s="613"/>
      <c r="FTT675" s="613"/>
      <c r="FTU675" s="613"/>
      <c r="FTV675" s="613"/>
      <c r="FTW675" s="613"/>
      <c r="FTX675" s="613"/>
      <c r="FTY675" s="613"/>
      <c r="FTZ675" s="613"/>
      <c r="FUA675" s="613"/>
      <c r="FUB675" s="613"/>
      <c r="FUC675" s="613"/>
      <c r="FUD675" s="613"/>
      <c r="FUE675" s="613"/>
      <c r="FUF675" s="613"/>
      <c r="FUG675" s="613"/>
      <c r="FUH675" s="613"/>
      <c r="FUI675" s="613"/>
      <c r="FUJ675" s="613"/>
      <c r="FUK675" s="613"/>
      <c r="FUL675" s="613"/>
      <c r="FUM675" s="613"/>
      <c r="FUN675" s="613"/>
      <c r="FUO675" s="613"/>
      <c r="FUP675" s="613"/>
      <c r="FUQ675" s="613"/>
      <c r="FUR675" s="613"/>
      <c r="FUS675" s="613"/>
      <c r="FUT675" s="613"/>
      <c r="FUU675" s="613"/>
      <c r="FUV675" s="613"/>
      <c r="FUW675" s="613"/>
      <c r="FUX675" s="613"/>
      <c r="FUY675" s="613"/>
      <c r="FUZ675" s="613"/>
      <c r="FVA675" s="613"/>
      <c r="FVB675" s="613"/>
      <c r="FVC675" s="613"/>
      <c r="FVD675" s="613"/>
      <c r="FVE675" s="613"/>
      <c r="FVF675" s="613"/>
      <c r="FVG675" s="613"/>
      <c r="FVH675" s="613"/>
      <c r="FVI675" s="613"/>
      <c r="FVJ675" s="613"/>
      <c r="FVK675" s="613"/>
      <c r="FVL675" s="613"/>
      <c r="FVM675" s="613"/>
      <c r="FVN675" s="613"/>
      <c r="FVO675" s="613"/>
      <c r="FVP675" s="613"/>
      <c r="FVQ675" s="613"/>
      <c r="FVR675" s="613"/>
      <c r="FVS675" s="613"/>
      <c r="FVT675" s="613"/>
      <c r="FVU675" s="613"/>
      <c r="FVV675" s="613"/>
      <c r="FVW675" s="613"/>
      <c r="FVX675" s="613"/>
      <c r="FVY675" s="613"/>
      <c r="FVZ675" s="613"/>
      <c r="FWA675" s="613"/>
      <c r="FWB675" s="613"/>
      <c r="FWC675" s="613"/>
      <c r="FWD675" s="613"/>
      <c r="FWE675" s="613"/>
      <c r="FWF675" s="613"/>
      <c r="FWG675" s="613"/>
      <c r="FWH675" s="613"/>
      <c r="FWI675" s="613"/>
      <c r="FWJ675" s="613"/>
      <c r="FWK675" s="613"/>
      <c r="FWL675" s="613"/>
      <c r="FWM675" s="613"/>
      <c r="FWN675" s="613"/>
      <c r="FWO675" s="613"/>
      <c r="FWP675" s="613"/>
      <c r="FWQ675" s="613"/>
      <c r="FWR675" s="613"/>
      <c r="FWS675" s="613"/>
      <c r="FWT675" s="613"/>
      <c r="FWU675" s="613"/>
      <c r="FWV675" s="613"/>
      <c r="FWW675" s="613"/>
      <c r="FWX675" s="613"/>
      <c r="FWY675" s="613"/>
      <c r="FWZ675" s="613"/>
      <c r="FXA675" s="613"/>
      <c r="FXB675" s="613"/>
      <c r="FXC675" s="613"/>
      <c r="FXD675" s="613"/>
      <c r="FXE675" s="613"/>
      <c r="FXF675" s="613"/>
      <c r="FXG675" s="613"/>
      <c r="FXH675" s="613"/>
      <c r="FXI675" s="613"/>
      <c r="FXJ675" s="613"/>
      <c r="FXK675" s="613"/>
      <c r="FXL675" s="613"/>
      <c r="FXM675" s="613"/>
      <c r="FXN675" s="613"/>
      <c r="FXO675" s="613"/>
      <c r="FXP675" s="613"/>
      <c r="FXQ675" s="613"/>
      <c r="FXR675" s="613"/>
      <c r="FXS675" s="613"/>
      <c r="FXT675" s="613"/>
      <c r="FXU675" s="613"/>
      <c r="FXV675" s="613"/>
      <c r="FXW675" s="613"/>
      <c r="FXX675" s="613"/>
      <c r="FXY675" s="613"/>
      <c r="FXZ675" s="613"/>
      <c r="FYA675" s="613"/>
      <c r="FYB675" s="613"/>
      <c r="FYC675" s="613"/>
      <c r="FYD675" s="613"/>
      <c r="FYE675" s="613"/>
      <c r="FYF675" s="613"/>
      <c r="FYG675" s="613"/>
      <c r="FYH675" s="613"/>
      <c r="FYI675" s="613"/>
      <c r="FYJ675" s="613"/>
      <c r="FYK675" s="613"/>
      <c r="FYL675" s="613"/>
      <c r="FYM675" s="613"/>
      <c r="FYN675" s="613"/>
      <c r="FYO675" s="613"/>
      <c r="FYP675" s="613"/>
      <c r="FYQ675" s="613"/>
      <c r="FYR675" s="613"/>
      <c r="FYS675" s="613"/>
      <c r="FYT675" s="613"/>
      <c r="FYU675" s="613"/>
      <c r="FYV675" s="613"/>
      <c r="FYW675" s="613"/>
      <c r="FYX675" s="613"/>
      <c r="FYY675" s="613"/>
      <c r="FYZ675" s="613"/>
      <c r="FZA675" s="613"/>
      <c r="FZB675" s="613"/>
      <c r="FZC675" s="613"/>
      <c r="FZD675" s="613"/>
      <c r="FZE675" s="613"/>
      <c r="FZF675" s="613"/>
      <c r="FZG675" s="613"/>
      <c r="FZH675" s="613"/>
      <c r="FZI675" s="613"/>
      <c r="FZJ675" s="613"/>
      <c r="FZK675" s="613"/>
      <c r="FZL675" s="613"/>
      <c r="FZM675" s="613"/>
      <c r="FZN675" s="613"/>
      <c r="FZO675" s="613"/>
      <c r="FZP675" s="613"/>
      <c r="FZQ675" s="613"/>
      <c r="FZR675" s="613"/>
      <c r="FZS675" s="613"/>
      <c r="FZT675" s="613"/>
      <c r="FZU675" s="613"/>
      <c r="FZV675" s="613"/>
      <c r="FZW675" s="613"/>
      <c r="FZX675" s="613"/>
      <c r="FZY675" s="613"/>
      <c r="FZZ675" s="613"/>
      <c r="GAA675" s="613"/>
      <c r="GAB675" s="613"/>
      <c r="GAC675" s="613"/>
      <c r="GAD675" s="613"/>
      <c r="GAE675" s="613"/>
      <c r="GAF675" s="613"/>
      <c r="GAG675" s="613"/>
      <c r="GAH675" s="613"/>
      <c r="GAI675" s="613"/>
      <c r="GAJ675" s="613"/>
      <c r="GAK675" s="613"/>
      <c r="GAL675" s="613"/>
      <c r="GAM675" s="613"/>
      <c r="GAN675" s="613"/>
      <c r="GAO675" s="613"/>
      <c r="GAP675" s="613"/>
      <c r="GAQ675" s="613"/>
      <c r="GAR675" s="613"/>
      <c r="GAS675" s="613"/>
      <c r="GAT675" s="613"/>
      <c r="GAU675" s="613"/>
      <c r="GAV675" s="613"/>
      <c r="GAW675" s="613"/>
      <c r="GAX675" s="613"/>
      <c r="GAY675" s="613"/>
      <c r="GAZ675" s="613"/>
      <c r="GBA675" s="613"/>
      <c r="GBB675" s="613"/>
      <c r="GBC675" s="613"/>
      <c r="GBD675" s="613"/>
      <c r="GBE675" s="613"/>
      <c r="GBF675" s="613"/>
      <c r="GBG675" s="613"/>
      <c r="GBH675" s="613"/>
      <c r="GBI675" s="613"/>
      <c r="GBJ675" s="613"/>
      <c r="GBK675" s="613"/>
      <c r="GBL675" s="613"/>
      <c r="GBM675" s="613"/>
      <c r="GBN675" s="613"/>
      <c r="GBO675" s="613"/>
      <c r="GBP675" s="613"/>
      <c r="GBQ675" s="613"/>
      <c r="GBR675" s="613"/>
      <c r="GBS675" s="613"/>
      <c r="GBT675" s="613"/>
      <c r="GBU675" s="613"/>
      <c r="GBV675" s="613"/>
      <c r="GBW675" s="613"/>
      <c r="GBX675" s="613"/>
      <c r="GBY675" s="613"/>
      <c r="GBZ675" s="613"/>
      <c r="GCA675" s="613"/>
      <c r="GCB675" s="613"/>
      <c r="GCC675" s="613"/>
      <c r="GCD675" s="613"/>
      <c r="GCE675" s="613"/>
      <c r="GCF675" s="613"/>
      <c r="GCG675" s="613"/>
      <c r="GCH675" s="613"/>
      <c r="GCI675" s="613"/>
      <c r="GCJ675" s="613"/>
      <c r="GCK675" s="613"/>
      <c r="GCL675" s="613"/>
      <c r="GCM675" s="613"/>
      <c r="GCN675" s="613"/>
      <c r="GCO675" s="613"/>
      <c r="GCP675" s="613"/>
      <c r="GCQ675" s="613"/>
      <c r="GCR675" s="613"/>
      <c r="GCS675" s="613"/>
      <c r="GCT675" s="613"/>
      <c r="GCU675" s="613"/>
      <c r="GCV675" s="613"/>
      <c r="GCW675" s="613"/>
      <c r="GCX675" s="613"/>
      <c r="GCY675" s="613"/>
      <c r="GCZ675" s="613"/>
      <c r="GDA675" s="613"/>
      <c r="GDB675" s="613"/>
      <c r="GDC675" s="613"/>
      <c r="GDD675" s="613"/>
      <c r="GDE675" s="613"/>
      <c r="GDF675" s="613"/>
      <c r="GDG675" s="613"/>
      <c r="GDH675" s="613"/>
      <c r="GDI675" s="613"/>
      <c r="GDJ675" s="613"/>
      <c r="GDK675" s="613"/>
      <c r="GDL675" s="613"/>
      <c r="GDM675" s="613"/>
      <c r="GDN675" s="613"/>
      <c r="GDO675" s="613"/>
      <c r="GDP675" s="613"/>
      <c r="GDQ675" s="613"/>
      <c r="GDR675" s="613"/>
      <c r="GDS675" s="613"/>
      <c r="GDT675" s="613"/>
      <c r="GDU675" s="613"/>
      <c r="GDV675" s="613"/>
      <c r="GDW675" s="613"/>
      <c r="GDX675" s="613"/>
      <c r="GDY675" s="613"/>
      <c r="GDZ675" s="613"/>
      <c r="GEA675" s="613"/>
      <c r="GEB675" s="613"/>
      <c r="GEC675" s="613"/>
      <c r="GED675" s="613"/>
      <c r="GEE675" s="613"/>
      <c r="GEF675" s="613"/>
      <c r="GEG675" s="613"/>
      <c r="GEH675" s="613"/>
      <c r="GEI675" s="613"/>
      <c r="GEJ675" s="613"/>
      <c r="GEK675" s="613"/>
      <c r="GEL675" s="613"/>
      <c r="GEM675" s="613"/>
      <c r="GEN675" s="613"/>
      <c r="GEO675" s="613"/>
      <c r="GEP675" s="613"/>
      <c r="GEQ675" s="613"/>
      <c r="GER675" s="613"/>
      <c r="GES675" s="613"/>
      <c r="GET675" s="613"/>
      <c r="GEU675" s="613"/>
      <c r="GEV675" s="613"/>
      <c r="GEW675" s="613"/>
      <c r="GEX675" s="613"/>
      <c r="GEY675" s="613"/>
      <c r="GEZ675" s="613"/>
      <c r="GFA675" s="613"/>
      <c r="GFB675" s="613"/>
      <c r="GFC675" s="613"/>
      <c r="GFD675" s="613"/>
      <c r="GFE675" s="613"/>
      <c r="GFF675" s="613"/>
      <c r="GFG675" s="613"/>
      <c r="GFH675" s="613"/>
      <c r="GFI675" s="613"/>
      <c r="GFJ675" s="613"/>
      <c r="GFK675" s="613"/>
      <c r="GFL675" s="613"/>
      <c r="GFM675" s="613"/>
      <c r="GFN675" s="613"/>
      <c r="GFO675" s="613"/>
      <c r="GFP675" s="613"/>
      <c r="GFQ675" s="613"/>
      <c r="GFR675" s="613"/>
      <c r="GFS675" s="613"/>
      <c r="GFT675" s="613"/>
      <c r="GFU675" s="613"/>
      <c r="GFV675" s="613"/>
      <c r="GFW675" s="613"/>
      <c r="GFX675" s="613"/>
      <c r="GFY675" s="613"/>
      <c r="GFZ675" s="613"/>
      <c r="GGA675" s="613"/>
      <c r="GGB675" s="613"/>
      <c r="GGC675" s="613"/>
      <c r="GGD675" s="613"/>
      <c r="GGE675" s="613"/>
      <c r="GGF675" s="613"/>
      <c r="GGG675" s="613"/>
      <c r="GGH675" s="613"/>
      <c r="GGI675" s="613"/>
      <c r="GGJ675" s="613"/>
      <c r="GGK675" s="613"/>
      <c r="GGL675" s="613"/>
      <c r="GGM675" s="613"/>
      <c r="GGN675" s="613"/>
      <c r="GGO675" s="613"/>
      <c r="GGP675" s="613"/>
      <c r="GGQ675" s="613"/>
      <c r="GGR675" s="613"/>
      <c r="GGS675" s="613"/>
      <c r="GGT675" s="613"/>
      <c r="GGU675" s="613"/>
      <c r="GGV675" s="613"/>
      <c r="GGW675" s="613"/>
      <c r="GGX675" s="613"/>
      <c r="GGY675" s="613"/>
      <c r="GGZ675" s="613"/>
      <c r="GHA675" s="613"/>
      <c r="GHB675" s="613"/>
      <c r="GHC675" s="613"/>
      <c r="GHD675" s="613"/>
      <c r="GHE675" s="613"/>
      <c r="GHF675" s="613"/>
      <c r="GHG675" s="613"/>
      <c r="GHH675" s="613"/>
      <c r="GHI675" s="613"/>
      <c r="GHJ675" s="613"/>
      <c r="GHK675" s="613"/>
      <c r="GHL675" s="613"/>
      <c r="GHM675" s="613"/>
      <c r="GHN675" s="613"/>
      <c r="GHO675" s="613"/>
      <c r="GHP675" s="613"/>
      <c r="GHQ675" s="613"/>
      <c r="GHR675" s="613"/>
      <c r="GHS675" s="613"/>
      <c r="GHT675" s="613"/>
      <c r="GHU675" s="613"/>
      <c r="GHV675" s="613"/>
      <c r="GHW675" s="613"/>
      <c r="GHX675" s="613"/>
      <c r="GHY675" s="613"/>
      <c r="GHZ675" s="613"/>
      <c r="GIA675" s="613"/>
      <c r="GIB675" s="613"/>
      <c r="GIC675" s="613"/>
      <c r="GID675" s="613"/>
      <c r="GIE675" s="613"/>
      <c r="GIF675" s="613"/>
      <c r="GIG675" s="613"/>
      <c r="GIH675" s="613"/>
      <c r="GII675" s="613"/>
      <c r="GIJ675" s="613"/>
      <c r="GIK675" s="613"/>
      <c r="GIL675" s="613"/>
      <c r="GIM675" s="613"/>
      <c r="GIN675" s="613"/>
      <c r="GIO675" s="613"/>
      <c r="GIP675" s="613"/>
      <c r="GIQ675" s="613"/>
      <c r="GIR675" s="613"/>
      <c r="GIS675" s="613"/>
      <c r="GIT675" s="613"/>
      <c r="GIU675" s="613"/>
      <c r="GIV675" s="613"/>
      <c r="GIW675" s="613"/>
      <c r="GIX675" s="613"/>
      <c r="GIY675" s="613"/>
      <c r="GIZ675" s="613"/>
      <c r="GJA675" s="613"/>
      <c r="GJB675" s="613"/>
      <c r="GJC675" s="613"/>
      <c r="GJD675" s="613"/>
      <c r="GJE675" s="613"/>
      <c r="GJF675" s="613"/>
      <c r="GJG675" s="613"/>
      <c r="GJH675" s="613"/>
      <c r="GJI675" s="613"/>
      <c r="GJJ675" s="613"/>
      <c r="GJK675" s="613"/>
      <c r="GJL675" s="613"/>
      <c r="GJM675" s="613"/>
      <c r="GJN675" s="613"/>
      <c r="GJO675" s="613"/>
      <c r="GJP675" s="613"/>
      <c r="GJQ675" s="613"/>
      <c r="GJR675" s="613"/>
      <c r="GJS675" s="613"/>
      <c r="GJT675" s="613"/>
      <c r="GJU675" s="613"/>
      <c r="GJV675" s="613"/>
      <c r="GJW675" s="613"/>
      <c r="GJX675" s="613"/>
      <c r="GJY675" s="613"/>
      <c r="GJZ675" s="613"/>
      <c r="GKA675" s="613"/>
      <c r="GKB675" s="613"/>
      <c r="GKC675" s="613"/>
      <c r="GKD675" s="613"/>
      <c r="GKE675" s="613"/>
      <c r="GKF675" s="613"/>
      <c r="GKG675" s="613"/>
      <c r="GKH675" s="613"/>
      <c r="GKI675" s="613"/>
      <c r="GKJ675" s="613"/>
      <c r="GKK675" s="613"/>
      <c r="GKL675" s="613"/>
      <c r="GKM675" s="613"/>
      <c r="GKN675" s="613"/>
      <c r="GKO675" s="613"/>
      <c r="GKP675" s="613"/>
      <c r="GKQ675" s="613"/>
      <c r="GKR675" s="613"/>
      <c r="GKS675" s="613"/>
      <c r="GKT675" s="613"/>
      <c r="GKU675" s="613"/>
      <c r="GKV675" s="613"/>
      <c r="GKW675" s="613"/>
      <c r="GKX675" s="613"/>
      <c r="GKY675" s="613"/>
      <c r="GKZ675" s="613"/>
      <c r="GLA675" s="613"/>
      <c r="GLB675" s="613"/>
      <c r="GLC675" s="613"/>
      <c r="GLD675" s="613"/>
      <c r="GLE675" s="613"/>
      <c r="GLF675" s="613"/>
      <c r="GLG675" s="613"/>
      <c r="GLH675" s="613"/>
      <c r="GLI675" s="613"/>
      <c r="GLJ675" s="613"/>
      <c r="GLK675" s="613"/>
      <c r="GLL675" s="613"/>
      <c r="GLM675" s="613"/>
      <c r="GLN675" s="613"/>
      <c r="GLO675" s="613"/>
      <c r="GLP675" s="613"/>
      <c r="GLQ675" s="613"/>
      <c r="GLR675" s="613"/>
      <c r="GLS675" s="613"/>
      <c r="GLT675" s="613"/>
      <c r="GLU675" s="613"/>
      <c r="GLV675" s="613"/>
      <c r="GLW675" s="613"/>
      <c r="GLX675" s="613"/>
      <c r="GLY675" s="613"/>
      <c r="GLZ675" s="613"/>
      <c r="GMA675" s="613"/>
      <c r="GMB675" s="613"/>
      <c r="GMC675" s="613"/>
      <c r="GMD675" s="613"/>
      <c r="GME675" s="613"/>
      <c r="GMF675" s="613"/>
      <c r="GMG675" s="613"/>
      <c r="GMH675" s="613"/>
      <c r="GMI675" s="613"/>
      <c r="GMJ675" s="613"/>
      <c r="GMK675" s="613"/>
      <c r="GML675" s="613"/>
      <c r="GMM675" s="613"/>
      <c r="GMN675" s="613"/>
      <c r="GMO675" s="613"/>
      <c r="GMP675" s="613"/>
      <c r="GMQ675" s="613"/>
      <c r="GMR675" s="613"/>
      <c r="GMS675" s="613"/>
      <c r="GMT675" s="613"/>
      <c r="GMU675" s="613"/>
      <c r="GMV675" s="613"/>
      <c r="GMW675" s="613"/>
      <c r="GMX675" s="613"/>
      <c r="GMY675" s="613"/>
      <c r="GMZ675" s="613"/>
      <c r="GNA675" s="613"/>
      <c r="GNB675" s="613"/>
      <c r="GNC675" s="613"/>
      <c r="GND675" s="613"/>
      <c r="GNE675" s="613"/>
      <c r="GNF675" s="613"/>
      <c r="GNG675" s="613"/>
      <c r="GNH675" s="613"/>
      <c r="GNI675" s="613"/>
      <c r="GNJ675" s="613"/>
      <c r="GNK675" s="613"/>
      <c r="GNL675" s="613"/>
      <c r="GNM675" s="613"/>
      <c r="GNN675" s="613"/>
      <c r="GNO675" s="613"/>
      <c r="GNP675" s="613"/>
      <c r="GNQ675" s="613"/>
      <c r="GNR675" s="613"/>
      <c r="GNS675" s="613"/>
      <c r="GNT675" s="613"/>
      <c r="GNU675" s="613"/>
      <c r="GNV675" s="613"/>
      <c r="GNW675" s="613"/>
      <c r="GNX675" s="613"/>
      <c r="GNY675" s="613"/>
      <c r="GNZ675" s="613"/>
      <c r="GOA675" s="613"/>
      <c r="GOB675" s="613"/>
      <c r="GOC675" s="613"/>
      <c r="GOD675" s="613"/>
      <c r="GOE675" s="613"/>
      <c r="GOF675" s="613"/>
      <c r="GOG675" s="613"/>
      <c r="GOH675" s="613"/>
      <c r="GOI675" s="613"/>
      <c r="GOJ675" s="613"/>
      <c r="GOK675" s="613"/>
      <c r="GOL675" s="613"/>
      <c r="GOM675" s="613"/>
      <c r="GON675" s="613"/>
      <c r="GOO675" s="613"/>
      <c r="GOP675" s="613"/>
      <c r="GOQ675" s="613"/>
      <c r="GOR675" s="613"/>
      <c r="GOS675" s="613"/>
      <c r="GOT675" s="613"/>
      <c r="GOU675" s="613"/>
      <c r="GOV675" s="613"/>
      <c r="GOW675" s="613"/>
      <c r="GOX675" s="613"/>
      <c r="GOY675" s="613"/>
      <c r="GOZ675" s="613"/>
      <c r="GPA675" s="613"/>
      <c r="GPB675" s="613"/>
      <c r="GPC675" s="613"/>
      <c r="GPD675" s="613"/>
      <c r="GPE675" s="613"/>
      <c r="GPF675" s="613"/>
      <c r="GPG675" s="613"/>
      <c r="GPH675" s="613"/>
      <c r="GPI675" s="613"/>
      <c r="GPJ675" s="613"/>
      <c r="GPK675" s="613"/>
      <c r="GPL675" s="613"/>
      <c r="GPM675" s="613"/>
      <c r="GPN675" s="613"/>
      <c r="GPO675" s="613"/>
      <c r="GPP675" s="613"/>
      <c r="GPQ675" s="613"/>
      <c r="GPR675" s="613"/>
      <c r="GPS675" s="613"/>
      <c r="GPT675" s="613"/>
      <c r="GPU675" s="613"/>
      <c r="GPV675" s="613"/>
      <c r="GPW675" s="613"/>
      <c r="GPX675" s="613"/>
      <c r="GPY675" s="613"/>
      <c r="GPZ675" s="613"/>
      <c r="GQA675" s="613"/>
      <c r="GQB675" s="613"/>
      <c r="GQC675" s="613"/>
      <c r="GQD675" s="613"/>
      <c r="GQE675" s="613"/>
      <c r="GQF675" s="613"/>
      <c r="GQG675" s="613"/>
      <c r="GQH675" s="613"/>
      <c r="GQI675" s="613"/>
      <c r="GQJ675" s="613"/>
      <c r="GQK675" s="613"/>
      <c r="GQL675" s="613"/>
      <c r="GQM675" s="613"/>
      <c r="GQN675" s="613"/>
      <c r="GQO675" s="613"/>
      <c r="GQP675" s="613"/>
      <c r="GQQ675" s="613"/>
      <c r="GQR675" s="613"/>
      <c r="GQS675" s="613"/>
      <c r="GQT675" s="613"/>
      <c r="GQU675" s="613"/>
      <c r="GQV675" s="613"/>
      <c r="GQW675" s="613"/>
      <c r="GQX675" s="613"/>
      <c r="GQY675" s="613"/>
      <c r="GQZ675" s="613"/>
      <c r="GRA675" s="613"/>
      <c r="GRB675" s="613"/>
      <c r="GRC675" s="613"/>
      <c r="GRD675" s="613"/>
      <c r="GRE675" s="613"/>
      <c r="GRF675" s="613"/>
      <c r="GRG675" s="613"/>
      <c r="GRH675" s="613"/>
      <c r="GRI675" s="613"/>
      <c r="GRJ675" s="613"/>
      <c r="GRK675" s="613"/>
      <c r="GRL675" s="613"/>
      <c r="GRM675" s="613"/>
      <c r="GRN675" s="613"/>
      <c r="GRO675" s="613"/>
      <c r="GRP675" s="613"/>
      <c r="GRQ675" s="613"/>
      <c r="GRR675" s="613"/>
      <c r="GRS675" s="613"/>
      <c r="GRT675" s="613"/>
      <c r="GRU675" s="613"/>
      <c r="GRV675" s="613"/>
      <c r="GRW675" s="613"/>
      <c r="GRX675" s="613"/>
      <c r="GRY675" s="613"/>
      <c r="GRZ675" s="613"/>
      <c r="GSA675" s="613"/>
      <c r="GSB675" s="613"/>
      <c r="GSC675" s="613"/>
      <c r="GSD675" s="613"/>
      <c r="GSE675" s="613"/>
      <c r="GSF675" s="613"/>
      <c r="GSG675" s="613"/>
      <c r="GSH675" s="613"/>
      <c r="GSI675" s="613"/>
      <c r="GSJ675" s="613"/>
      <c r="GSK675" s="613"/>
      <c r="GSL675" s="613"/>
      <c r="GSM675" s="613"/>
      <c r="GSN675" s="613"/>
      <c r="GSO675" s="613"/>
      <c r="GSP675" s="613"/>
      <c r="GSQ675" s="613"/>
      <c r="GSR675" s="613"/>
      <c r="GSS675" s="613"/>
      <c r="GST675" s="613"/>
      <c r="GSU675" s="613"/>
      <c r="GSV675" s="613"/>
      <c r="GSW675" s="613"/>
      <c r="GSX675" s="613"/>
      <c r="GSY675" s="613"/>
      <c r="GSZ675" s="613"/>
      <c r="GTA675" s="613"/>
      <c r="GTB675" s="613"/>
      <c r="GTC675" s="613"/>
      <c r="GTD675" s="613"/>
      <c r="GTE675" s="613"/>
      <c r="GTF675" s="613"/>
      <c r="GTG675" s="613"/>
      <c r="GTH675" s="613"/>
      <c r="GTI675" s="613"/>
      <c r="GTJ675" s="613"/>
      <c r="GTK675" s="613"/>
      <c r="GTL675" s="613"/>
      <c r="GTM675" s="613"/>
      <c r="GTN675" s="613"/>
      <c r="GTO675" s="613"/>
      <c r="GTP675" s="613"/>
      <c r="GTQ675" s="613"/>
      <c r="GTR675" s="613"/>
      <c r="GTS675" s="613"/>
      <c r="GTT675" s="613"/>
      <c r="GTU675" s="613"/>
      <c r="GTV675" s="613"/>
      <c r="GTW675" s="613"/>
      <c r="GTX675" s="613"/>
      <c r="GTY675" s="613"/>
      <c r="GTZ675" s="613"/>
      <c r="GUA675" s="613"/>
      <c r="GUB675" s="613"/>
      <c r="GUC675" s="613"/>
      <c r="GUD675" s="613"/>
      <c r="GUE675" s="613"/>
      <c r="GUF675" s="613"/>
      <c r="GUG675" s="613"/>
      <c r="GUH675" s="613"/>
      <c r="GUI675" s="613"/>
      <c r="GUJ675" s="613"/>
      <c r="GUK675" s="613"/>
      <c r="GUL675" s="613"/>
      <c r="GUM675" s="613"/>
      <c r="GUN675" s="613"/>
      <c r="GUO675" s="613"/>
      <c r="GUP675" s="613"/>
      <c r="GUQ675" s="613"/>
      <c r="GUR675" s="613"/>
      <c r="GUS675" s="613"/>
      <c r="GUT675" s="613"/>
      <c r="GUU675" s="613"/>
      <c r="GUV675" s="613"/>
      <c r="GUW675" s="613"/>
      <c r="GUX675" s="613"/>
      <c r="GUY675" s="613"/>
      <c r="GUZ675" s="613"/>
      <c r="GVA675" s="613"/>
      <c r="GVB675" s="613"/>
      <c r="GVC675" s="613"/>
      <c r="GVD675" s="613"/>
      <c r="GVE675" s="613"/>
      <c r="GVF675" s="613"/>
      <c r="GVG675" s="613"/>
      <c r="GVH675" s="613"/>
      <c r="GVI675" s="613"/>
      <c r="GVJ675" s="613"/>
      <c r="GVK675" s="613"/>
      <c r="GVL675" s="613"/>
      <c r="GVM675" s="613"/>
      <c r="GVN675" s="613"/>
      <c r="GVO675" s="613"/>
      <c r="GVP675" s="613"/>
      <c r="GVQ675" s="613"/>
      <c r="GVR675" s="613"/>
      <c r="GVS675" s="613"/>
      <c r="GVT675" s="613"/>
      <c r="GVU675" s="613"/>
      <c r="GVV675" s="613"/>
      <c r="GVW675" s="613"/>
      <c r="GVX675" s="613"/>
      <c r="GVY675" s="613"/>
      <c r="GVZ675" s="613"/>
      <c r="GWA675" s="613"/>
      <c r="GWB675" s="613"/>
      <c r="GWC675" s="613"/>
      <c r="GWD675" s="613"/>
      <c r="GWE675" s="613"/>
      <c r="GWF675" s="613"/>
      <c r="GWG675" s="613"/>
      <c r="GWH675" s="613"/>
      <c r="GWI675" s="613"/>
      <c r="GWJ675" s="613"/>
      <c r="GWK675" s="613"/>
      <c r="GWL675" s="613"/>
      <c r="GWM675" s="613"/>
      <c r="GWN675" s="613"/>
      <c r="GWO675" s="613"/>
      <c r="GWP675" s="613"/>
      <c r="GWQ675" s="613"/>
      <c r="GWR675" s="613"/>
      <c r="GWS675" s="613"/>
      <c r="GWT675" s="613"/>
      <c r="GWU675" s="613"/>
      <c r="GWV675" s="613"/>
      <c r="GWW675" s="613"/>
      <c r="GWX675" s="613"/>
      <c r="GWY675" s="613"/>
      <c r="GWZ675" s="613"/>
      <c r="GXA675" s="613"/>
      <c r="GXB675" s="613"/>
      <c r="GXC675" s="613"/>
      <c r="GXD675" s="613"/>
      <c r="GXE675" s="613"/>
      <c r="GXF675" s="613"/>
      <c r="GXG675" s="613"/>
      <c r="GXH675" s="613"/>
      <c r="GXI675" s="613"/>
      <c r="GXJ675" s="613"/>
      <c r="GXK675" s="613"/>
      <c r="GXL675" s="613"/>
      <c r="GXM675" s="613"/>
      <c r="GXN675" s="613"/>
      <c r="GXO675" s="613"/>
      <c r="GXP675" s="613"/>
      <c r="GXQ675" s="613"/>
      <c r="GXR675" s="613"/>
      <c r="GXS675" s="613"/>
      <c r="GXT675" s="613"/>
      <c r="GXU675" s="613"/>
      <c r="GXV675" s="613"/>
      <c r="GXW675" s="613"/>
      <c r="GXX675" s="613"/>
      <c r="GXY675" s="613"/>
      <c r="GXZ675" s="613"/>
      <c r="GYA675" s="613"/>
      <c r="GYB675" s="613"/>
      <c r="GYC675" s="613"/>
      <c r="GYD675" s="613"/>
      <c r="GYE675" s="613"/>
      <c r="GYF675" s="613"/>
      <c r="GYG675" s="613"/>
      <c r="GYH675" s="613"/>
      <c r="GYI675" s="613"/>
      <c r="GYJ675" s="613"/>
      <c r="GYK675" s="613"/>
      <c r="GYL675" s="613"/>
      <c r="GYM675" s="613"/>
      <c r="GYN675" s="613"/>
      <c r="GYO675" s="613"/>
      <c r="GYP675" s="613"/>
      <c r="GYQ675" s="613"/>
      <c r="GYR675" s="613"/>
      <c r="GYS675" s="613"/>
      <c r="GYT675" s="613"/>
      <c r="GYU675" s="613"/>
      <c r="GYV675" s="613"/>
      <c r="GYW675" s="613"/>
      <c r="GYX675" s="613"/>
      <c r="GYY675" s="613"/>
      <c r="GYZ675" s="613"/>
      <c r="GZA675" s="613"/>
      <c r="GZB675" s="613"/>
      <c r="GZC675" s="613"/>
      <c r="GZD675" s="613"/>
      <c r="GZE675" s="613"/>
      <c r="GZF675" s="613"/>
      <c r="GZG675" s="613"/>
      <c r="GZH675" s="613"/>
      <c r="GZI675" s="613"/>
      <c r="GZJ675" s="613"/>
      <c r="GZK675" s="613"/>
      <c r="GZL675" s="613"/>
      <c r="GZM675" s="613"/>
      <c r="GZN675" s="613"/>
      <c r="GZO675" s="613"/>
      <c r="GZP675" s="613"/>
      <c r="GZQ675" s="613"/>
      <c r="GZR675" s="613"/>
      <c r="GZS675" s="613"/>
      <c r="GZT675" s="613"/>
      <c r="GZU675" s="613"/>
      <c r="GZV675" s="613"/>
      <c r="GZW675" s="613"/>
      <c r="GZX675" s="613"/>
      <c r="GZY675" s="613"/>
      <c r="GZZ675" s="613"/>
      <c r="HAA675" s="613"/>
      <c r="HAB675" s="613"/>
      <c r="HAC675" s="613"/>
      <c r="HAD675" s="613"/>
      <c r="HAE675" s="613"/>
      <c r="HAF675" s="613"/>
      <c r="HAG675" s="613"/>
      <c r="HAH675" s="613"/>
      <c r="HAI675" s="613"/>
      <c r="HAJ675" s="613"/>
      <c r="HAK675" s="613"/>
      <c r="HAL675" s="613"/>
      <c r="HAM675" s="613"/>
      <c r="HAN675" s="613"/>
      <c r="HAO675" s="613"/>
      <c r="HAP675" s="613"/>
      <c r="HAQ675" s="613"/>
      <c r="HAR675" s="613"/>
      <c r="HAS675" s="613"/>
      <c r="HAT675" s="613"/>
      <c r="HAU675" s="613"/>
      <c r="HAV675" s="613"/>
      <c r="HAW675" s="613"/>
      <c r="HAX675" s="613"/>
      <c r="HAY675" s="613"/>
      <c r="HAZ675" s="613"/>
      <c r="HBA675" s="613"/>
      <c r="HBB675" s="613"/>
      <c r="HBC675" s="613"/>
      <c r="HBD675" s="613"/>
      <c r="HBE675" s="613"/>
      <c r="HBF675" s="613"/>
      <c r="HBG675" s="613"/>
      <c r="HBH675" s="613"/>
      <c r="HBI675" s="613"/>
      <c r="HBJ675" s="613"/>
      <c r="HBK675" s="613"/>
      <c r="HBL675" s="613"/>
      <c r="HBM675" s="613"/>
      <c r="HBN675" s="613"/>
      <c r="HBO675" s="613"/>
      <c r="HBP675" s="613"/>
      <c r="HBQ675" s="613"/>
      <c r="HBR675" s="613"/>
      <c r="HBS675" s="613"/>
      <c r="HBT675" s="613"/>
      <c r="HBU675" s="613"/>
      <c r="HBV675" s="613"/>
      <c r="HBW675" s="613"/>
      <c r="HBX675" s="613"/>
      <c r="HBY675" s="613"/>
      <c r="HBZ675" s="613"/>
      <c r="HCA675" s="613"/>
      <c r="HCB675" s="613"/>
      <c r="HCC675" s="613"/>
      <c r="HCD675" s="613"/>
      <c r="HCE675" s="613"/>
      <c r="HCF675" s="613"/>
      <c r="HCG675" s="613"/>
      <c r="HCH675" s="613"/>
      <c r="HCI675" s="613"/>
      <c r="HCJ675" s="613"/>
      <c r="HCK675" s="613"/>
      <c r="HCL675" s="613"/>
      <c r="HCM675" s="613"/>
      <c r="HCN675" s="613"/>
      <c r="HCO675" s="613"/>
      <c r="HCP675" s="613"/>
      <c r="HCQ675" s="613"/>
      <c r="HCR675" s="613"/>
      <c r="HCS675" s="613"/>
      <c r="HCT675" s="613"/>
      <c r="HCU675" s="613"/>
      <c r="HCV675" s="613"/>
      <c r="HCW675" s="613"/>
      <c r="HCX675" s="613"/>
      <c r="HCY675" s="613"/>
      <c r="HCZ675" s="613"/>
      <c r="HDA675" s="613"/>
      <c r="HDB675" s="613"/>
      <c r="HDC675" s="613"/>
      <c r="HDD675" s="613"/>
      <c r="HDE675" s="613"/>
      <c r="HDF675" s="613"/>
      <c r="HDG675" s="613"/>
      <c r="HDH675" s="613"/>
      <c r="HDI675" s="613"/>
      <c r="HDJ675" s="613"/>
      <c r="HDK675" s="613"/>
      <c r="HDL675" s="613"/>
      <c r="HDM675" s="613"/>
      <c r="HDN675" s="613"/>
      <c r="HDO675" s="613"/>
      <c r="HDP675" s="613"/>
      <c r="HDQ675" s="613"/>
      <c r="HDR675" s="613"/>
      <c r="HDS675" s="613"/>
      <c r="HDT675" s="613"/>
      <c r="HDU675" s="613"/>
      <c r="HDV675" s="613"/>
      <c r="HDW675" s="613"/>
      <c r="HDX675" s="613"/>
      <c r="HDY675" s="613"/>
      <c r="HDZ675" s="613"/>
      <c r="HEA675" s="613"/>
      <c r="HEB675" s="613"/>
      <c r="HEC675" s="613"/>
      <c r="HED675" s="613"/>
      <c r="HEE675" s="613"/>
      <c r="HEF675" s="613"/>
      <c r="HEG675" s="613"/>
      <c r="HEH675" s="613"/>
      <c r="HEI675" s="613"/>
      <c r="HEJ675" s="613"/>
      <c r="HEK675" s="613"/>
      <c r="HEL675" s="613"/>
      <c r="HEM675" s="613"/>
      <c r="HEN675" s="613"/>
      <c r="HEO675" s="613"/>
      <c r="HEP675" s="613"/>
      <c r="HEQ675" s="613"/>
      <c r="HER675" s="613"/>
      <c r="HES675" s="613"/>
      <c r="HET675" s="613"/>
      <c r="HEU675" s="613"/>
      <c r="HEV675" s="613"/>
      <c r="HEW675" s="613"/>
      <c r="HEX675" s="613"/>
      <c r="HEY675" s="613"/>
      <c r="HEZ675" s="613"/>
      <c r="HFA675" s="613"/>
      <c r="HFB675" s="613"/>
      <c r="HFC675" s="613"/>
      <c r="HFD675" s="613"/>
      <c r="HFE675" s="613"/>
      <c r="HFF675" s="613"/>
      <c r="HFG675" s="613"/>
      <c r="HFH675" s="613"/>
      <c r="HFI675" s="613"/>
      <c r="HFJ675" s="613"/>
      <c r="HFK675" s="613"/>
      <c r="HFL675" s="613"/>
      <c r="HFM675" s="613"/>
      <c r="HFN675" s="613"/>
      <c r="HFO675" s="613"/>
      <c r="HFP675" s="613"/>
      <c r="HFQ675" s="613"/>
      <c r="HFR675" s="613"/>
      <c r="HFS675" s="613"/>
      <c r="HFT675" s="613"/>
      <c r="HFU675" s="613"/>
      <c r="HFV675" s="613"/>
      <c r="HFW675" s="613"/>
      <c r="HFX675" s="613"/>
      <c r="HFY675" s="613"/>
      <c r="HFZ675" s="613"/>
      <c r="HGA675" s="613"/>
      <c r="HGB675" s="613"/>
      <c r="HGC675" s="613"/>
      <c r="HGD675" s="613"/>
      <c r="HGE675" s="613"/>
      <c r="HGF675" s="613"/>
      <c r="HGG675" s="613"/>
      <c r="HGH675" s="613"/>
      <c r="HGI675" s="613"/>
      <c r="HGJ675" s="613"/>
      <c r="HGK675" s="613"/>
      <c r="HGL675" s="613"/>
      <c r="HGM675" s="613"/>
      <c r="HGN675" s="613"/>
      <c r="HGO675" s="613"/>
      <c r="HGP675" s="613"/>
      <c r="HGQ675" s="613"/>
      <c r="HGR675" s="613"/>
      <c r="HGS675" s="613"/>
      <c r="HGT675" s="613"/>
      <c r="HGU675" s="613"/>
      <c r="HGV675" s="613"/>
      <c r="HGW675" s="613"/>
      <c r="HGX675" s="613"/>
      <c r="HGY675" s="613"/>
      <c r="HGZ675" s="613"/>
      <c r="HHA675" s="613"/>
      <c r="HHB675" s="613"/>
      <c r="HHC675" s="613"/>
      <c r="HHD675" s="613"/>
      <c r="HHE675" s="613"/>
      <c r="HHF675" s="613"/>
      <c r="HHG675" s="613"/>
      <c r="HHH675" s="613"/>
      <c r="HHI675" s="613"/>
      <c r="HHJ675" s="613"/>
      <c r="HHK675" s="613"/>
      <c r="HHL675" s="613"/>
      <c r="HHM675" s="613"/>
      <c r="HHN675" s="613"/>
      <c r="HHO675" s="613"/>
      <c r="HHP675" s="613"/>
      <c r="HHQ675" s="613"/>
      <c r="HHR675" s="613"/>
      <c r="HHS675" s="613"/>
      <c r="HHT675" s="613"/>
      <c r="HHU675" s="613"/>
      <c r="HHV675" s="613"/>
      <c r="HHW675" s="613"/>
      <c r="HHX675" s="613"/>
      <c r="HHY675" s="613"/>
      <c r="HHZ675" s="613"/>
      <c r="HIA675" s="613"/>
      <c r="HIB675" s="613"/>
      <c r="HIC675" s="613"/>
      <c r="HID675" s="613"/>
      <c r="HIE675" s="613"/>
      <c r="HIF675" s="613"/>
      <c r="HIG675" s="613"/>
      <c r="HIH675" s="613"/>
      <c r="HII675" s="613"/>
      <c r="HIJ675" s="613"/>
      <c r="HIK675" s="613"/>
      <c r="HIL675" s="613"/>
      <c r="HIM675" s="613"/>
      <c r="HIN675" s="613"/>
      <c r="HIO675" s="613"/>
      <c r="HIP675" s="613"/>
      <c r="HIQ675" s="613"/>
      <c r="HIR675" s="613"/>
      <c r="HIS675" s="613"/>
      <c r="HIT675" s="613"/>
      <c r="HIU675" s="613"/>
      <c r="HIV675" s="613"/>
      <c r="HIW675" s="613"/>
      <c r="HIX675" s="613"/>
      <c r="HIY675" s="613"/>
      <c r="HIZ675" s="613"/>
      <c r="HJA675" s="613"/>
      <c r="HJB675" s="613"/>
      <c r="HJC675" s="613"/>
      <c r="HJD675" s="613"/>
      <c r="HJE675" s="613"/>
      <c r="HJF675" s="613"/>
      <c r="HJG675" s="613"/>
      <c r="HJH675" s="613"/>
      <c r="HJI675" s="613"/>
      <c r="HJJ675" s="613"/>
      <c r="HJK675" s="613"/>
      <c r="HJL675" s="613"/>
      <c r="HJM675" s="613"/>
      <c r="HJN675" s="613"/>
      <c r="HJO675" s="613"/>
      <c r="HJP675" s="613"/>
      <c r="HJQ675" s="613"/>
      <c r="HJR675" s="613"/>
      <c r="HJS675" s="613"/>
      <c r="HJT675" s="613"/>
      <c r="HJU675" s="613"/>
      <c r="HJV675" s="613"/>
      <c r="HJW675" s="613"/>
      <c r="HJX675" s="613"/>
      <c r="HJY675" s="613"/>
      <c r="HJZ675" s="613"/>
      <c r="HKA675" s="613"/>
      <c r="HKB675" s="613"/>
      <c r="HKC675" s="613"/>
      <c r="HKD675" s="613"/>
      <c r="HKE675" s="613"/>
      <c r="HKF675" s="613"/>
      <c r="HKG675" s="613"/>
      <c r="HKH675" s="613"/>
      <c r="HKI675" s="613"/>
      <c r="HKJ675" s="613"/>
      <c r="HKK675" s="613"/>
      <c r="HKL675" s="613"/>
      <c r="HKM675" s="613"/>
      <c r="HKN675" s="613"/>
      <c r="HKO675" s="613"/>
      <c r="HKP675" s="613"/>
      <c r="HKQ675" s="613"/>
      <c r="HKR675" s="613"/>
      <c r="HKS675" s="613"/>
      <c r="HKT675" s="613"/>
      <c r="HKU675" s="613"/>
      <c r="HKV675" s="613"/>
      <c r="HKW675" s="613"/>
      <c r="HKX675" s="613"/>
      <c r="HKY675" s="613"/>
      <c r="HKZ675" s="613"/>
      <c r="HLA675" s="613"/>
      <c r="HLB675" s="613"/>
      <c r="HLC675" s="613"/>
      <c r="HLD675" s="613"/>
      <c r="HLE675" s="613"/>
      <c r="HLF675" s="613"/>
      <c r="HLG675" s="613"/>
      <c r="HLH675" s="613"/>
      <c r="HLI675" s="613"/>
      <c r="HLJ675" s="613"/>
      <c r="HLK675" s="613"/>
      <c r="HLL675" s="613"/>
      <c r="HLM675" s="613"/>
      <c r="HLN675" s="613"/>
      <c r="HLO675" s="613"/>
      <c r="HLP675" s="613"/>
      <c r="HLQ675" s="613"/>
      <c r="HLR675" s="613"/>
      <c r="HLS675" s="613"/>
      <c r="HLT675" s="613"/>
      <c r="HLU675" s="613"/>
      <c r="HLV675" s="613"/>
      <c r="HLW675" s="613"/>
      <c r="HLX675" s="613"/>
      <c r="HLY675" s="613"/>
      <c r="HLZ675" s="613"/>
      <c r="HMA675" s="613"/>
      <c r="HMB675" s="613"/>
      <c r="HMC675" s="613"/>
      <c r="HMD675" s="613"/>
      <c r="HME675" s="613"/>
      <c r="HMF675" s="613"/>
      <c r="HMG675" s="613"/>
      <c r="HMH675" s="613"/>
      <c r="HMI675" s="613"/>
      <c r="HMJ675" s="613"/>
      <c r="HMK675" s="613"/>
      <c r="HML675" s="613"/>
      <c r="HMM675" s="613"/>
      <c r="HMN675" s="613"/>
      <c r="HMO675" s="613"/>
      <c r="HMP675" s="613"/>
      <c r="HMQ675" s="613"/>
      <c r="HMR675" s="613"/>
      <c r="HMS675" s="613"/>
      <c r="HMT675" s="613"/>
      <c r="HMU675" s="613"/>
      <c r="HMV675" s="613"/>
      <c r="HMW675" s="613"/>
      <c r="HMX675" s="613"/>
      <c r="HMY675" s="613"/>
      <c r="HMZ675" s="613"/>
      <c r="HNA675" s="613"/>
      <c r="HNB675" s="613"/>
      <c r="HNC675" s="613"/>
      <c r="HND675" s="613"/>
      <c r="HNE675" s="613"/>
      <c r="HNF675" s="613"/>
      <c r="HNG675" s="613"/>
      <c r="HNH675" s="613"/>
      <c r="HNI675" s="613"/>
      <c r="HNJ675" s="613"/>
      <c r="HNK675" s="613"/>
      <c r="HNL675" s="613"/>
      <c r="HNM675" s="613"/>
      <c r="HNN675" s="613"/>
      <c r="HNO675" s="613"/>
      <c r="HNP675" s="613"/>
      <c r="HNQ675" s="613"/>
      <c r="HNR675" s="613"/>
      <c r="HNS675" s="613"/>
      <c r="HNT675" s="613"/>
      <c r="HNU675" s="613"/>
      <c r="HNV675" s="613"/>
      <c r="HNW675" s="613"/>
      <c r="HNX675" s="613"/>
      <c r="HNY675" s="613"/>
      <c r="HNZ675" s="613"/>
      <c r="HOA675" s="613"/>
      <c r="HOB675" s="613"/>
      <c r="HOC675" s="613"/>
      <c r="HOD675" s="613"/>
      <c r="HOE675" s="613"/>
      <c r="HOF675" s="613"/>
      <c r="HOG675" s="613"/>
      <c r="HOH675" s="613"/>
      <c r="HOI675" s="613"/>
      <c r="HOJ675" s="613"/>
      <c r="HOK675" s="613"/>
      <c r="HOL675" s="613"/>
      <c r="HOM675" s="613"/>
      <c r="HON675" s="613"/>
      <c r="HOO675" s="613"/>
      <c r="HOP675" s="613"/>
      <c r="HOQ675" s="613"/>
      <c r="HOR675" s="613"/>
      <c r="HOS675" s="613"/>
      <c r="HOT675" s="613"/>
      <c r="HOU675" s="613"/>
      <c r="HOV675" s="613"/>
      <c r="HOW675" s="613"/>
      <c r="HOX675" s="613"/>
      <c r="HOY675" s="613"/>
      <c r="HOZ675" s="613"/>
      <c r="HPA675" s="613"/>
      <c r="HPB675" s="613"/>
      <c r="HPC675" s="613"/>
      <c r="HPD675" s="613"/>
      <c r="HPE675" s="613"/>
      <c r="HPF675" s="613"/>
      <c r="HPG675" s="613"/>
      <c r="HPH675" s="613"/>
      <c r="HPI675" s="613"/>
      <c r="HPJ675" s="613"/>
      <c r="HPK675" s="613"/>
      <c r="HPL675" s="613"/>
      <c r="HPM675" s="613"/>
      <c r="HPN675" s="613"/>
      <c r="HPO675" s="613"/>
      <c r="HPP675" s="613"/>
      <c r="HPQ675" s="613"/>
      <c r="HPR675" s="613"/>
      <c r="HPS675" s="613"/>
      <c r="HPT675" s="613"/>
      <c r="HPU675" s="613"/>
      <c r="HPV675" s="613"/>
      <c r="HPW675" s="613"/>
      <c r="HPX675" s="613"/>
      <c r="HPY675" s="613"/>
      <c r="HPZ675" s="613"/>
      <c r="HQA675" s="613"/>
      <c r="HQB675" s="613"/>
      <c r="HQC675" s="613"/>
      <c r="HQD675" s="613"/>
      <c r="HQE675" s="613"/>
      <c r="HQF675" s="613"/>
      <c r="HQG675" s="613"/>
      <c r="HQH675" s="613"/>
      <c r="HQI675" s="613"/>
      <c r="HQJ675" s="613"/>
      <c r="HQK675" s="613"/>
      <c r="HQL675" s="613"/>
      <c r="HQM675" s="613"/>
      <c r="HQN675" s="613"/>
      <c r="HQO675" s="613"/>
      <c r="HQP675" s="613"/>
      <c r="HQQ675" s="613"/>
      <c r="HQR675" s="613"/>
      <c r="HQS675" s="613"/>
      <c r="HQT675" s="613"/>
      <c r="HQU675" s="613"/>
      <c r="HQV675" s="613"/>
      <c r="HQW675" s="613"/>
      <c r="HQX675" s="613"/>
      <c r="HQY675" s="613"/>
      <c r="HQZ675" s="613"/>
      <c r="HRA675" s="613"/>
      <c r="HRB675" s="613"/>
      <c r="HRC675" s="613"/>
      <c r="HRD675" s="613"/>
      <c r="HRE675" s="613"/>
      <c r="HRF675" s="613"/>
      <c r="HRG675" s="613"/>
      <c r="HRH675" s="613"/>
      <c r="HRI675" s="613"/>
      <c r="HRJ675" s="613"/>
      <c r="HRK675" s="613"/>
      <c r="HRL675" s="613"/>
      <c r="HRM675" s="613"/>
      <c r="HRN675" s="613"/>
      <c r="HRO675" s="613"/>
      <c r="HRP675" s="613"/>
      <c r="HRQ675" s="613"/>
      <c r="HRR675" s="613"/>
      <c r="HRS675" s="613"/>
      <c r="HRT675" s="613"/>
      <c r="HRU675" s="613"/>
      <c r="HRV675" s="613"/>
      <c r="HRW675" s="613"/>
      <c r="HRX675" s="613"/>
      <c r="HRY675" s="613"/>
      <c r="HRZ675" s="613"/>
      <c r="HSA675" s="613"/>
      <c r="HSB675" s="613"/>
      <c r="HSC675" s="613"/>
      <c r="HSD675" s="613"/>
      <c r="HSE675" s="613"/>
      <c r="HSF675" s="613"/>
      <c r="HSG675" s="613"/>
      <c r="HSH675" s="613"/>
      <c r="HSI675" s="613"/>
      <c r="HSJ675" s="613"/>
      <c r="HSK675" s="613"/>
      <c r="HSL675" s="613"/>
      <c r="HSM675" s="613"/>
      <c r="HSN675" s="613"/>
      <c r="HSO675" s="613"/>
      <c r="HSP675" s="613"/>
      <c r="HSQ675" s="613"/>
      <c r="HSR675" s="613"/>
      <c r="HSS675" s="613"/>
      <c r="HST675" s="613"/>
      <c r="HSU675" s="613"/>
      <c r="HSV675" s="613"/>
      <c r="HSW675" s="613"/>
      <c r="HSX675" s="613"/>
      <c r="HSY675" s="613"/>
      <c r="HSZ675" s="613"/>
      <c r="HTA675" s="613"/>
      <c r="HTB675" s="613"/>
      <c r="HTC675" s="613"/>
      <c r="HTD675" s="613"/>
      <c r="HTE675" s="613"/>
      <c r="HTF675" s="613"/>
      <c r="HTG675" s="613"/>
      <c r="HTH675" s="613"/>
      <c r="HTI675" s="613"/>
      <c r="HTJ675" s="613"/>
      <c r="HTK675" s="613"/>
      <c r="HTL675" s="613"/>
      <c r="HTM675" s="613"/>
      <c r="HTN675" s="613"/>
      <c r="HTO675" s="613"/>
      <c r="HTP675" s="613"/>
      <c r="HTQ675" s="613"/>
      <c r="HTR675" s="613"/>
      <c r="HTS675" s="613"/>
      <c r="HTT675" s="613"/>
      <c r="HTU675" s="613"/>
      <c r="HTV675" s="613"/>
      <c r="HTW675" s="613"/>
      <c r="HTX675" s="613"/>
      <c r="HTY675" s="613"/>
      <c r="HTZ675" s="613"/>
      <c r="HUA675" s="613"/>
      <c r="HUB675" s="613"/>
      <c r="HUC675" s="613"/>
      <c r="HUD675" s="613"/>
      <c r="HUE675" s="613"/>
      <c r="HUF675" s="613"/>
      <c r="HUG675" s="613"/>
      <c r="HUH675" s="613"/>
      <c r="HUI675" s="613"/>
      <c r="HUJ675" s="613"/>
      <c r="HUK675" s="613"/>
      <c r="HUL675" s="613"/>
      <c r="HUM675" s="613"/>
      <c r="HUN675" s="613"/>
      <c r="HUO675" s="613"/>
      <c r="HUP675" s="613"/>
      <c r="HUQ675" s="613"/>
      <c r="HUR675" s="613"/>
      <c r="HUS675" s="613"/>
      <c r="HUT675" s="613"/>
      <c r="HUU675" s="613"/>
      <c r="HUV675" s="613"/>
      <c r="HUW675" s="613"/>
      <c r="HUX675" s="613"/>
      <c r="HUY675" s="613"/>
      <c r="HUZ675" s="613"/>
      <c r="HVA675" s="613"/>
      <c r="HVB675" s="613"/>
      <c r="HVC675" s="613"/>
      <c r="HVD675" s="613"/>
      <c r="HVE675" s="613"/>
      <c r="HVF675" s="613"/>
      <c r="HVG675" s="613"/>
      <c r="HVH675" s="613"/>
      <c r="HVI675" s="613"/>
      <c r="HVJ675" s="613"/>
      <c r="HVK675" s="613"/>
      <c r="HVL675" s="613"/>
      <c r="HVM675" s="613"/>
      <c r="HVN675" s="613"/>
      <c r="HVO675" s="613"/>
      <c r="HVP675" s="613"/>
      <c r="HVQ675" s="613"/>
      <c r="HVR675" s="613"/>
      <c r="HVS675" s="613"/>
      <c r="HVT675" s="613"/>
      <c r="HVU675" s="613"/>
      <c r="HVV675" s="613"/>
      <c r="HVW675" s="613"/>
      <c r="HVX675" s="613"/>
      <c r="HVY675" s="613"/>
      <c r="HVZ675" s="613"/>
      <c r="HWA675" s="613"/>
      <c r="HWB675" s="613"/>
      <c r="HWC675" s="613"/>
      <c r="HWD675" s="613"/>
      <c r="HWE675" s="613"/>
      <c r="HWF675" s="613"/>
      <c r="HWG675" s="613"/>
      <c r="HWH675" s="613"/>
      <c r="HWI675" s="613"/>
      <c r="HWJ675" s="613"/>
      <c r="HWK675" s="613"/>
      <c r="HWL675" s="613"/>
      <c r="HWM675" s="613"/>
      <c r="HWN675" s="613"/>
      <c r="HWO675" s="613"/>
      <c r="HWP675" s="613"/>
      <c r="HWQ675" s="613"/>
      <c r="HWR675" s="613"/>
      <c r="HWS675" s="613"/>
      <c r="HWT675" s="613"/>
      <c r="HWU675" s="613"/>
      <c r="HWV675" s="613"/>
      <c r="HWW675" s="613"/>
      <c r="HWX675" s="613"/>
      <c r="HWY675" s="613"/>
      <c r="HWZ675" s="613"/>
      <c r="HXA675" s="613"/>
      <c r="HXB675" s="613"/>
      <c r="HXC675" s="613"/>
      <c r="HXD675" s="613"/>
      <c r="HXE675" s="613"/>
      <c r="HXF675" s="613"/>
      <c r="HXG675" s="613"/>
      <c r="HXH675" s="613"/>
      <c r="HXI675" s="613"/>
      <c r="HXJ675" s="613"/>
      <c r="HXK675" s="613"/>
      <c r="HXL675" s="613"/>
      <c r="HXM675" s="613"/>
      <c r="HXN675" s="613"/>
      <c r="HXO675" s="613"/>
      <c r="HXP675" s="613"/>
      <c r="HXQ675" s="613"/>
      <c r="HXR675" s="613"/>
      <c r="HXS675" s="613"/>
      <c r="HXT675" s="613"/>
      <c r="HXU675" s="613"/>
      <c r="HXV675" s="613"/>
      <c r="HXW675" s="613"/>
      <c r="HXX675" s="613"/>
      <c r="HXY675" s="613"/>
      <c r="HXZ675" s="613"/>
      <c r="HYA675" s="613"/>
      <c r="HYB675" s="613"/>
      <c r="HYC675" s="613"/>
      <c r="HYD675" s="613"/>
      <c r="HYE675" s="613"/>
      <c r="HYF675" s="613"/>
      <c r="HYG675" s="613"/>
      <c r="HYH675" s="613"/>
      <c r="HYI675" s="613"/>
      <c r="HYJ675" s="613"/>
      <c r="HYK675" s="613"/>
      <c r="HYL675" s="613"/>
      <c r="HYM675" s="613"/>
      <c r="HYN675" s="613"/>
      <c r="HYO675" s="613"/>
      <c r="HYP675" s="613"/>
      <c r="HYQ675" s="613"/>
      <c r="HYR675" s="613"/>
      <c r="HYS675" s="613"/>
      <c r="HYT675" s="613"/>
      <c r="HYU675" s="613"/>
      <c r="HYV675" s="613"/>
      <c r="HYW675" s="613"/>
      <c r="HYX675" s="613"/>
      <c r="HYY675" s="613"/>
      <c r="HYZ675" s="613"/>
      <c r="HZA675" s="613"/>
      <c r="HZB675" s="613"/>
      <c r="HZC675" s="613"/>
      <c r="HZD675" s="613"/>
      <c r="HZE675" s="613"/>
      <c r="HZF675" s="613"/>
      <c r="HZG675" s="613"/>
      <c r="HZH675" s="613"/>
      <c r="HZI675" s="613"/>
      <c r="HZJ675" s="613"/>
      <c r="HZK675" s="613"/>
      <c r="HZL675" s="613"/>
      <c r="HZM675" s="613"/>
      <c r="HZN675" s="613"/>
      <c r="HZO675" s="613"/>
      <c r="HZP675" s="613"/>
      <c r="HZQ675" s="613"/>
      <c r="HZR675" s="613"/>
      <c r="HZS675" s="613"/>
      <c r="HZT675" s="613"/>
      <c r="HZU675" s="613"/>
      <c r="HZV675" s="613"/>
      <c r="HZW675" s="613"/>
      <c r="HZX675" s="613"/>
      <c r="HZY675" s="613"/>
      <c r="HZZ675" s="613"/>
      <c r="IAA675" s="613"/>
      <c r="IAB675" s="613"/>
      <c r="IAC675" s="613"/>
      <c r="IAD675" s="613"/>
      <c r="IAE675" s="613"/>
      <c r="IAF675" s="613"/>
      <c r="IAG675" s="613"/>
      <c r="IAH675" s="613"/>
      <c r="IAI675" s="613"/>
      <c r="IAJ675" s="613"/>
      <c r="IAK675" s="613"/>
      <c r="IAL675" s="613"/>
      <c r="IAM675" s="613"/>
      <c r="IAN675" s="613"/>
      <c r="IAO675" s="613"/>
      <c r="IAP675" s="613"/>
      <c r="IAQ675" s="613"/>
      <c r="IAR675" s="613"/>
      <c r="IAS675" s="613"/>
      <c r="IAT675" s="613"/>
      <c r="IAU675" s="613"/>
      <c r="IAV675" s="613"/>
      <c r="IAW675" s="613"/>
      <c r="IAX675" s="613"/>
      <c r="IAY675" s="613"/>
      <c r="IAZ675" s="613"/>
      <c r="IBA675" s="613"/>
      <c r="IBB675" s="613"/>
      <c r="IBC675" s="613"/>
      <c r="IBD675" s="613"/>
      <c r="IBE675" s="613"/>
      <c r="IBF675" s="613"/>
      <c r="IBG675" s="613"/>
      <c r="IBH675" s="613"/>
      <c r="IBI675" s="613"/>
      <c r="IBJ675" s="613"/>
      <c r="IBK675" s="613"/>
      <c r="IBL675" s="613"/>
      <c r="IBM675" s="613"/>
      <c r="IBN675" s="613"/>
      <c r="IBO675" s="613"/>
      <c r="IBP675" s="613"/>
      <c r="IBQ675" s="613"/>
      <c r="IBR675" s="613"/>
      <c r="IBS675" s="613"/>
      <c r="IBT675" s="613"/>
      <c r="IBU675" s="613"/>
      <c r="IBV675" s="613"/>
      <c r="IBW675" s="613"/>
      <c r="IBX675" s="613"/>
      <c r="IBY675" s="613"/>
      <c r="IBZ675" s="613"/>
      <c r="ICA675" s="613"/>
      <c r="ICB675" s="613"/>
      <c r="ICC675" s="613"/>
      <c r="ICD675" s="613"/>
      <c r="ICE675" s="613"/>
      <c r="ICF675" s="613"/>
      <c r="ICG675" s="613"/>
      <c r="ICH675" s="613"/>
      <c r="ICI675" s="613"/>
      <c r="ICJ675" s="613"/>
      <c r="ICK675" s="613"/>
      <c r="ICL675" s="613"/>
      <c r="ICM675" s="613"/>
      <c r="ICN675" s="613"/>
      <c r="ICO675" s="613"/>
      <c r="ICP675" s="613"/>
      <c r="ICQ675" s="613"/>
      <c r="ICR675" s="613"/>
      <c r="ICS675" s="613"/>
      <c r="ICT675" s="613"/>
      <c r="ICU675" s="613"/>
      <c r="ICV675" s="613"/>
      <c r="ICW675" s="613"/>
      <c r="ICX675" s="613"/>
      <c r="ICY675" s="613"/>
      <c r="ICZ675" s="613"/>
      <c r="IDA675" s="613"/>
      <c r="IDB675" s="613"/>
      <c r="IDC675" s="613"/>
      <c r="IDD675" s="613"/>
      <c r="IDE675" s="613"/>
      <c r="IDF675" s="613"/>
      <c r="IDG675" s="613"/>
      <c r="IDH675" s="613"/>
      <c r="IDI675" s="613"/>
      <c r="IDJ675" s="613"/>
      <c r="IDK675" s="613"/>
      <c r="IDL675" s="613"/>
      <c r="IDM675" s="613"/>
      <c r="IDN675" s="613"/>
      <c r="IDO675" s="613"/>
      <c r="IDP675" s="613"/>
      <c r="IDQ675" s="613"/>
      <c r="IDR675" s="613"/>
      <c r="IDS675" s="613"/>
      <c r="IDT675" s="613"/>
      <c r="IDU675" s="613"/>
      <c r="IDV675" s="613"/>
      <c r="IDW675" s="613"/>
      <c r="IDX675" s="613"/>
      <c r="IDY675" s="613"/>
      <c r="IDZ675" s="613"/>
      <c r="IEA675" s="613"/>
      <c r="IEB675" s="613"/>
      <c r="IEC675" s="613"/>
      <c r="IED675" s="613"/>
      <c r="IEE675" s="613"/>
      <c r="IEF675" s="613"/>
      <c r="IEG675" s="613"/>
      <c r="IEH675" s="613"/>
      <c r="IEI675" s="613"/>
      <c r="IEJ675" s="613"/>
      <c r="IEK675" s="613"/>
      <c r="IEL675" s="613"/>
      <c r="IEM675" s="613"/>
      <c r="IEN675" s="613"/>
      <c r="IEO675" s="613"/>
      <c r="IEP675" s="613"/>
      <c r="IEQ675" s="613"/>
      <c r="IER675" s="613"/>
      <c r="IES675" s="613"/>
      <c r="IET675" s="613"/>
      <c r="IEU675" s="613"/>
      <c r="IEV675" s="613"/>
      <c r="IEW675" s="613"/>
      <c r="IEX675" s="613"/>
      <c r="IEY675" s="613"/>
      <c r="IEZ675" s="613"/>
      <c r="IFA675" s="613"/>
      <c r="IFB675" s="613"/>
      <c r="IFC675" s="613"/>
      <c r="IFD675" s="613"/>
      <c r="IFE675" s="613"/>
      <c r="IFF675" s="613"/>
      <c r="IFG675" s="613"/>
      <c r="IFH675" s="613"/>
      <c r="IFI675" s="613"/>
      <c r="IFJ675" s="613"/>
      <c r="IFK675" s="613"/>
      <c r="IFL675" s="613"/>
      <c r="IFM675" s="613"/>
      <c r="IFN675" s="613"/>
      <c r="IFO675" s="613"/>
      <c r="IFP675" s="613"/>
      <c r="IFQ675" s="613"/>
      <c r="IFR675" s="613"/>
      <c r="IFS675" s="613"/>
      <c r="IFT675" s="613"/>
      <c r="IFU675" s="613"/>
      <c r="IFV675" s="613"/>
      <c r="IFW675" s="613"/>
      <c r="IFX675" s="613"/>
      <c r="IFY675" s="613"/>
      <c r="IFZ675" s="613"/>
      <c r="IGA675" s="613"/>
      <c r="IGB675" s="613"/>
      <c r="IGC675" s="613"/>
      <c r="IGD675" s="613"/>
      <c r="IGE675" s="613"/>
      <c r="IGF675" s="613"/>
      <c r="IGG675" s="613"/>
      <c r="IGH675" s="613"/>
      <c r="IGI675" s="613"/>
      <c r="IGJ675" s="613"/>
      <c r="IGK675" s="613"/>
      <c r="IGL675" s="613"/>
      <c r="IGM675" s="613"/>
      <c r="IGN675" s="613"/>
      <c r="IGO675" s="613"/>
      <c r="IGP675" s="613"/>
      <c r="IGQ675" s="613"/>
      <c r="IGR675" s="613"/>
      <c r="IGS675" s="613"/>
      <c r="IGT675" s="613"/>
      <c r="IGU675" s="613"/>
      <c r="IGV675" s="613"/>
      <c r="IGW675" s="613"/>
      <c r="IGX675" s="613"/>
      <c r="IGY675" s="613"/>
      <c r="IGZ675" s="613"/>
      <c r="IHA675" s="613"/>
      <c r="IHB675" s="613"/>
      <c r="IHC675" s="613"/>
      <c r="IHD675" s="613"/>
      <c r="IHE675" s="613"/>
      <c r="IHF675" s="613"/>
      <c r="IHG675" s="613"/>
      <c r="IHH675" s="613"/>
      <c r="IHI675" s="613"/>
      <c r="IHJ675" s="613"/>
      <c r="IHK675" s="613"/>
      <c r="IHL675" s="613"/>
      <c r="IHM675" s="613"/>
      <c r="IHN675" s="613"/>
      <c r="IHO675" s="613"/>
      <c r="IHP675" s="613"/>
      <c r="IHQ675" s="613"/>
      <c r="IHR675" s="613"/>
      <c r="IHS675" s="613"/>
      <c r="IHT675" s="613"/>
      <c r="IHU675" s="613"/>
      <c r="IHV675" s="613"/>
      <c r="IHW675" s="613"/>
      <c r="IHX675" s="613"/>
      <c r="IHY675" s="613"/>
      <c r="IHZ675" s="613"/>
      <c r="IIA675" s="613"/>
      <c r="IIB675" s="613"/>
      <c r="IIC675" s="613"/>
      <c r="IID675" s="613"/>
      <c r="IIE675" s="613"/>
      <c r="IIF675" s="613"/>
      <c r="IIG675" s="613"/>
      <c r="IIH675" s="613"/>
      <c r="III675" s="613"/>
      <c r="IIJ675" s="613"/>
      <c r="IIK675" s="613"/>
      <c r="IIL675" s="613"/>
      <c r="IIM675" s="613"/>
      <c r="IIN675" s="613"/>
      <c r="IIO675" s="613"/>
      <c r="IIP675" s="613"/>
      <c r="IIQ675" s="613"/>
      <c r="IIR675" s="613"/>
      <c r="IIS675" s="613"/>
      <c r="IIT675" s="613"/>
      <c r="IIU675" s="613"/>
      <c r="IIV675" s="613"/>
      <c r="IIW675" s="613"/>
      <c r="IIX675" s="613"/>
      <c r="IIY675" s="613"/>
      <c r="IIZ675" s="613"/>
      <c r="IJA675" s="613"/>
      <c r="IJB675" s="613"/>
      <c r="IJC675" s="613"/>
      <c r="IJD675" s="613"/>
      <c r="IJE675" s="613"/>
      <c r="IJF675" s="613"/>
      <c r="IJG675" s="613"/>
      <c r="IJH675" s="613"/>
      <c r="IJI675" s="613"/>
      <c r="IJJ675" s="613"/>
      <c r="IJK675" s="613"/>
      <c r="IJL675" s="613"/>
      <c r="IJM675" s="613"/>
      <c r="IJN675" s="613"/>
      <c r="IJO675" s="613"/>
      <c r="IJP675" s="613"/>
      <c r="IJQ675" s="613"/>
      <c r="IJR675" s="613"/>
      <c r="IJS675" s="613"/>
      <c r="IJT675" s="613"/>
      <c r="IJU675" s="613"/>
      <c r="IJV675" s="613"/>
      <c r="IJW675" s="613"/>
      <c r="IJX675" s="613"/>
      <c r="IJY675" s="613"/>
      <c r="IJZ675" s="613"/>
      <c r="IKA675" s="613"/>
      <c r="IKB675" s="613"/>
      <c r="IKC675" s="613"/>
      <c r="IKD675" s="613"/>
      <c r="IKE675" s="613"/>
      <c r="IKF675" s="613"/>
      <c r="IKG675" s="613"/>
      <c r="IKH675" s="613"/>
      <c r="IKI675" s="613"/>
      <c r="IKJ675" s="613"/>
      <c r="IKK675" s="613"/>
      <c r="IKL675" s="613"/>
      <c r="IKM675" s="613"/>
      <c r="IKN675" s="613"/>
      <c r="IKO675" s="613"/>
      <c r="IKP675" s="613"/>
      <c r="IKQ675" s="613"/>
      <c r="IKR675" s="613"/>
      <c r="IKS675" s="613"/>
      <c r="IKT675" s="613"/>
      <c r="IKU675" s="613"/>
      <c r="IKV675" s="613"/>
      <c r="IKW675" s="613"/>
      <c r="IKX675" s="613"/>
      <c r="IKY675" s="613"/>
      <c r="IKZ675" s="613"/>
      <c r="ILA675" s="613"/>
      <c r="ILB675" s="613"/>
      <c r="ILC675" s="613"/>
      <c r="ILD675" s="613"/>
      <c r="ILE675" s="613"/>
      <c r="ILF675" s="613"/>
      <c r="ILG675" s="613"/>
      <c r="ILH675" s="613"/>
      <c r="ILI675" s="613"/>
      <c r="ILJ675" s="613"/>
      <c r="ILK675" s="613"/>
      <c r="ILL675" s="613"/>
      <c r="ILM675" s="613"/>
      <c r="ILN675" s="613"/>
      <c r="ILO675" s="613"/>
      <c r="ILP675" s="613"/>
      <c r="ILQ675" s="613"/>
      <c r="ILR675" s="613"/>
      <c r="ILS675" s="613"/>
      <c r="ILT675" s="613"/>
      <c r="ILU675" s="613"/>
      <c r="ILV675" s="613"/>
      <c r="ILW675" s="613"/>
      <c r="ILX675" s="613"/>
      <c r="ILY675" s="613"/>
      <c r="ILZ675" s="613"/>
      <c r="IMA675" s="613"/>
      <c r="IMB675" s="613"/>
      <c r="IMC675" s="613"/>
      <c r="IMD675" s="613"/>
      <c r="IME675" s="613"/>
      <c r="IMF675" s="613"/>
      <c r="IMG675" s="613"/>
      <c r="IMH675" s="613"/>
      <c r="IMI675" s="613"/>
      <c r="IMJ675" s="613"/>
      <c r="IMK675" s="613"/>
      <c r="IML675" s="613"/>
      <c r="IMM675" s="613"/>
      <c r="IMN675" s="613"/>
      <c r="IMO675" s="613"/>
      <c r="IMP675" s="613"/>
      <c r="IMQ675" s="613"/>
      <c r="IMR675" s="613"/>
      <c r="IMS675" s="613"/>
      <c r="IMT675" s="613"/>
      <c r="IMU675" s="613"/>
      <c r="IMV675" s="613"/>
      <c r="IMW675" s="613"/>
      <c r="IMX675" s="613"/>
      <c r="IMY675" s="613"/>
      <c r="IMZ675" s="613"/>
      <c r="INA675" s="613"/>
      <c r="INB675" s="613"/>
      <c r="INC675" s="613"/>
      <c r="IND675" s="613"/>
      <c r="INE675" s="613"/>
      <c r="INF675" s="613"/>
      <c r="ING675" s="613"/>
      <c r="INH675" s="613"/>
      <c r="INI675" s="613"/>
      <c r="INJ675" s="613"/>
      <c r="INK675" s="613"/>
      <c r="INL675" s="613"/>
      <c r="INM675" s="613"/>
      <c r="INN675" s="613"/>
      <c r="INO675" s="613"/>
      <c r="INP675" s="613"/>
      <c r="INQ675" s="613"/>
      <c r="INR675" s="613"/>
      <c r="INS675" s="613"/>
      <c r="INT675" s="613"/>
      <c r="INU675" s="613"/>
      <c r="INV675" s="613"/>
      <c r="INW675" s="613"/>
      <c r="INX675" s="613"/>
      <c r="INY675" s="613"/>
      <c r="INZ675" s="613"/>
      <c r="IOA675" s="613"/>
      <c r="IOB675" s="613"/>
      <c r="IOC675" s="613"/>
      <c r="IOD675" s="613"/>
      <c r="IOE675" s="613"/>
      <c r="IOF675" s="613"/>
      <c r="IOG675" s="613"/>
      <c r="IOH675" s="613"/>
      <c r="IOI675" s="613"/>
      <c r="IOJ675" s="613"/>
      <c r="IOK675" s="613"/>
      <c r="IOL675" s="613"/>
      <c r="IOM675" s="613"/>
      <c r="ION675" s="613"/>
      <c r="IOO675" s="613"/>
      <c r="IOP675" s="613"/>
      <c r="IOQ675" s="613"/>
      <c r="IOR675" s="613"/>
      <c r="IOS675" s="613"/>
      <c r="IOT675" s="613"/>
      <c r="IOU675" s="613"/>
      <c r="IOV675" s="613"/>
      <c r="IOW675" s="613"/>
      <c r="IOX675" s="613"/>
      <c r="IOY675" s="613"/>
      <c r="IOZ675" s="613"/>
      <c r="IPA675" s="613"/>
      <c r="IPB675" s="613"/>
      <c r="IPC675" s="613"/>
      <c r="IPD675" s="613"/>
      <c r="IPE675" s="613"/>
      <c r="IPF675" s="613"/>
      <c r="IPG675" s="613"/>
      <c r="IPH675" s="613"/>
      <c r="IPI675" s="613"/>
      <c r="IPJ675" s="613"/>
      <c r="IPK675" s="613"/>
      <c r="IPL675" s="613"/>
      <c r="IPM675" s="613"/>
      <c r="IPN675" s="613"/>
      <c r="IPO675" s="613"/>
      <c r="IPP675" s="613"/>
      <c r="IPQ675" s="613"/>
      <c r="IPR675" s="613"/>
      <c r="IPS675" s="613"/>
      <c r="IPT675" s="613"/>
      <c r="IPU675" s="613"/>
      <c r="IPV675" s="613"/>
      <c r="IPW675" s="613"/>
      <c r="IPX675" s="613"/>
      <c r="IPY675" s="613"/>
      <c r="IPZ675" s="613"/>
      <c r="IQA675" s="613"/>
      <c r="IQB675" s="613"/>
      <c r="IQC675" s="613"/>
      <c r="IQD675" s="613"/>
      <c r="IQE675" s="613"/>
      <c r="IQF675" s="613"/>
      <c r="IQG675" s="613"/>
      <c r="IQH675" s="613"/>
      <c r="IQI675" s="613"/>
      <c r="IQJ675" s="613"/>
      <c r="IQK675" s="613"/>
      <c r="IQL675" s="613"/>
      <c r="IQM675" s="613"/>
      <c r="IQN675" s="613"/>
      <c r="IQO675" s="613"/>
      <c r="IQP675" s="613"/>
      <c r="IQQ675" s="613"/>
      <c r="IQR675" s="613"/>
      <c r="IQS675" s="613"/>
      <c r="IQT675" s="613"/>
      <c r="IQU675" s="613"/>
      <c r="IQV675" s="613"/>
      <c r="IQW675" s="613"/>
      <c r="IQX675" s="613"/>
      <c r="IQY675" s="613"/>
      <c r="IQZ675" s="613"/>
      <c r="IRA675" s="613"/>
      <c r="IRB675" s="613"/>
      <c r="IRC675" s="613"/>
      <c r="IRD675" s="613"/>
      <c r="IRE675" s="613"/>
      <c r="IRF675" s="613"/>
      <c r="IRG675" s="613"/>
      <c r="IRH675" s="613"/>
      <c r="IRI675" s="613"/>
      <c r="IRJ675" s="613"/>
      <c r="IRK675" s="613"/>
      <c r="IRL675" s="613"/>
      <c r="IRM675" s="613"/>
      <c r="IRN675" s="613"/>
      <c r="IRO675" s="613"/>
      <c r="IRP675" s="613"/>
      <c r="IRQ675" s="613"/>
      <c r="IRR675" s="613"/>
      <c r="IRS675" s="613"/>
      <c r="IRT675" s="613"/>
      <c r="IRU675" s="613"/>
      <c r="IRV675" s="613"/>
      <c r="IRW675" s="613"/>
      <c r="IRX675" s="613"/>
      <c r="IRY675" s="613"/>
      <c r="IRZ675" s="613"/>
      <c r="ISA675" s="613"/>
      <c r="ISB675" s="613"/>
      <c r="ISC675" s="613"/>
      <c r="ISD675" s="613"/>
      <c r="ISE675" s="613"/>
      <c r="ISF675" s="613"/>
      <c r="ISG675" s="613"/>
      <c r="ISH675" s="613"/>
      <c r="ISI675" s="613"/>
      <c r="ISJ675" s="613"/>
      <c r="ISK675" s="613"/>
      <c r="ISL675" s="613"/>
      <c r="ISM675" s="613"/>
      <c r="ISN675" s="613"/>
      <c r="ISO675" s="613"/>
      <c r="ISP675" s="613"/>
      <c r="ISQ675" s="613"/>
      <c r="ISR675" s="613"/>
      <c r="ISS675" s="613"/>
      <c r="IST675" s="613"/>
      <c r="ISU675" s="613"/>
      <c r="ISV675" s="613"/>
      <c r="ISW675" s="613"/>
      <c r="ISX675" s="613"/>
      <c r="ISY675" s="613"/>
      <c r="ISZ675" s="613"/>
      <c r="ITA675" s="613"/>
      <c r="ITB675" s="613"/>
      <c r="ITC675" s="613"/>
      <c r="ITD675" s="613"/>
      <c r="ITE675" s="613"/>
      <c r="ITF675" s="613"/>
      <c r="ITG675" s="613"/>
      <c r="ITH675" s="613"/>
      <c r="ITI675" s="613"/>
      <c r="ITJ675" s="613"/>
      <c r="ITK675" s="613"/>
      <c r="ITL675" s="613"/>
      <c r="ITM675" s="613"/>
      <c r="ITN675" s="613"/>
      <c r="ITO675" s="613"/>
      <c r="ITP675" s="613"/>
      <c r="ITQ675" s="613"/>
      <c r="ITR675" s="613"/>
      <c r="ITS675" s="613"/>
      <c r="ITT675" s="613"/>
      <c r="ITU675" s="613"/>
      <c r="ITV675" s="613"/>
      <c r="ITW675" s="613"/>
      <c r="ITX675" s="613"/>
      <c r="ITY675" s="613"/>
      <c r="ITZ675" s="613"/>
      <c r="IUA675" s="613"/>
      <c r="IUB675" s="613"/>
      <c r="IUC675" s="613"/>
      <c r="IUD675" s="613"/>
      <c r="IUE675" s="613"/>
      <c r="IUF675" s="613"/>
      <c r="IUG675" s="613"/>
      <c r="IUH675" s="613"/>
      <c r="IUI675" s="613"/>
      <c r="IUJ675" s="613"/>
      <c r="IUK675" s="613"/>
      <c r="IUL675" s="613"/>
      <c r="IUM675" s="613"/>
      <c r="IUN675" s="613"/>
      <c r="IUO675" s="613"/>
      <c r="IUP675" s="613"/>
      <c r="IUQ675" s="613"/>
      <c r="IUR675" s="613"/>
      <c r="IUS675" s="613"/>
      <c r="IUT675" s="613"/>
      <c r="IUU675" s="613"/>
      <c r="IUV675" s="613"/>
      <c r="IUW675" s="613"/>
      <c r="IUX675" s="613"/>
      <c r="IUY675" s="613"/>
      <c r="IUZ675" s="613"/>
      <c r="IVA675" s="613"/>
      <c r="IVB675" s="613"/>
      <c r="IVC675" s="613"/>
      <c r="IVD675" s="613"/>
      <c r="IVE675" s="613"/>
      <c r="IVF675" s="613"/>
      <c r="IVG675" s="613"/>
      <c r="IVH675" s="613"/>
      <c r="IVI675" s="613"/>
      <c r="IVJ675" s="613"/>
      <c r="IVK675" s="613"/>
      <c r="IVL675" s="613"/>
      <c r="IVM675" s="613"/>
      <c r="IVN675" s="613"/>
      <c r="IVO675" s="613"/>
      <c r="IVP675" s="613"/>
      <c r="IVQ675" s="613"/>
      <c r="IVR675" s="613"/>
      <c r="IVS675" s="613"/>
      <c r="IVT675" s="613"/>
      <c r="IVU675" s="613"/>
      <c r="IVV675" s="613"/>
      <c r="IVW675" s="613"/>
      <c r="IVX675" s="613"/>
      <c r="IVY675" s="613"/>
      <c r="IVZ675" s="613"/>
      <c r="IWA675" s="613"/>
      <c r="IWB675" s="613"/>
      <c r="IWC675" s="613"/>
      <c r="IWD675" s="613"/>
      <c r="IWE675" s="613"/>
      <c r="IWF675" s="613"/>
      <c r="IWG675" s="613"/>
      <c r="IWH675" s="613"/>
      <c r="IWI675" s="613"/>
      <c r="IWJ675" s="613"/>
      <c r="IWK675" s="613"/>
      <c r="IWL675" s="613"/>
      <c r="IWM675" s="613"/>
      <c r="IWN675" s="613"/>
      <c r="IWO675" s="613"/>
      <c r="IWP675" s="613"/>
      <c r="IWQ675" s="613"/>
      <c r="IWR675" s="613"/>
      <c r="IWS675" s="613"/>
      <c r="IWT675" s="613"/>
      <c r="IWU675" s="613"/>
      <c r="IWV675" s="613"/>
      <c r="IWW675" s="613"/>
      <c r="IWX675" s="613"/>
      <c r="IWY675" s="613"/>
      <c r="IWZ675" s="613"/>
      <c r="IXA675" s="613"/>
      <c r="IXB675" s="613"/>
      <c r="IXC675" s="613"/>
      <c r="IXD675" s="613"/>
      <c r="IXE675" s="613"/>
      <c r="IXF675" s="613"/>
      <c r="IXG675" s="613"/>
      <c r="IXH675" s="613"/>
      <c r="IXI675" s="613"/>
      <c r="IXJ675" s="613"/>
      <c r="IXK675" s="613"/>
      <c r="IXL675" s="613"/>
      <c r="IXM675" s="613"/>
      <c r="IXN675" s="613"/>
      <c r="IXO675" s="613"/>
      <c r="IXP675" s="613"/>
      <c r="IXQ675" s="613"/>
      <c r="IXR675" s="613"/>
      <c r="IXS675" s="613"/>
      <c r="IXT675" s="613"/>
      <c r="IXU675" s="613"/>
      <c r="IXV675" s="613"/>
      <c r="IXW675" s="613"/>
      <c r="IXX675" s="613"/>
      <c r="IXY675" s="613"/>
      <c r="IXZ675" s="613"/>
      <c r="IYA675" s="613"/>
      <c r="IYB675" s="613"/>
      <c r="IYC675" s="613"/>
      <c r="IYD675" s="613"/>
      <c r="IYE675" s="613"/>
      <c r="IYF675" s="613"/>
      <c r="IYG675" s="613"/>
      <c r="IYH675" s="613"/>
      <c r="IYI675" s="613"/>
      <c r="IYJ675" s="613"/>
      <c r="IYK675" s="613"/>
      <c r="IYL675" s="613"/>
      <c r="IYM675" s="613"/>
      <c r="IYN675" s="613"/>
      <c r="IYO675" s="613"/>
      <c r="IYP675" s="613"/>
      <c r="IYQ675" s="613"/>
      <c r="IYR675" s="613"/>
      <c r="IYS675" s="613"/>
      <c r="IYT675" s="613"/>
      <c r="IYU675" s="613"/>
      <c r="IYV675" s="613"/>
      <c r="IYW675" s="613"/>
      <c r="IYX675" s="613"/>
      <c r="IYY675" s="613"/>
      <c r="IYZ675" s="613"/>
      <c r="IZA675" s="613"/>
      <c r="IZB675" s="613"/>
      <c r="IZC675" s="613"/>
      <c r="IZD675" s="613"/>
      <c r="IZE675" s="613"/>
      <c r="IZF675" s="613"/>
      <c r="IZG675" s="613"/>
      <c r="IZH675" s="613"/>
      <c r="IZI675" s="613"/>
      <c r="IZJ675" s="613"/>
      <c r="IZK675" s="613"/>
      <c r="IZL675" s="613"/>
      <c r="IZM675" s="613"/>
      <c r="IZN675" s="613"/>
      <c r="IZO675" s="613"/>
      <c r="IZP675" s="613"/>
      <c r="IZQ675" s="613"/>
      <c r="IZR675" s="613"/>
      <c r="IZS675" s="613"/>
      <c r="IZT675" s="613"/>
      <c r="IZU675" s="613"/>
      <c r="IZV675" s="613"/>
      <c r="IZW675" s="613"/>
      <c r="IZX675" s="613"/>
      <c r="IZY675" s="613"/>
      <c r="IZZ675" s="613"/>
      <c r="JAA675" s="613"/>
      <c r="JAB675" s="613"/>
      <c r="JAC675" s="613"/>
      <c r="JAD675" s="613"/>
      <c r="JAE675" s="613"/>
      <c r="JAF675" s="613"/>
      <c r="JAG675" s="613"/>
      <c r="JAH675" s="613"/>
      <c r="JAI675" s="613"/>
      <c r="JAJ675" s="613"/>
      <c r="JAK675" s="613"/>
      <c r="JAL675" s="613"/>
      <c r="JAM675" s="613"/>
      <c r="JAN675" s="613"/>
      <c r="JAO675" s="613"/>
      <c r="JAP675" s="613"/>
      <c r="JAQ675" s="613"/>
      <c r="JAR675" s="613"/>
      <c r="JAS675" s="613"/>
      <c r="JAT675" s="613"/>
      <c r="JAU675" s="613"/>
      <c r="JAV675" s="613"/>
      <c r="JAW675" s="613"/>
      <c r="JAX675" s="613"/>
      <c r="JAY675" s="613"/>
      <c r="JAZ675" s="613"/>
      <c r="JBA675" s="613"/>
      <c r="JBB675" s="613"/>
      <c r="JBC675" s="613"/>
      <c r="JBD675" s="613"/>
      <c r="JBE675" s="613"/>
      <c r="JBF675" s="613"/>
      <c r="JBG675" s="613"/>
      <c r="JBH675" s="613"/>
      <c r="JBI675" s="613"/>
      <c r="JBJ675" s="613"/>
      <c r="JBK675" s="613"/>
      <c r="JBL675" s="613"/>
      <c r="JBM675" s="613"/>
      <c r="JBN675" s="613"/>
      <c r="JBO675" s="613"/>
      <c r="JBP675" s="613"/>
      <c r="JBQ675" s="613"/>
      <c r="JBR675" s="613"/>
      <c r="JBS675" s="613"/>
      <c r="JBT675" s="613"/>
      <c r="JBU675" s="613"/>
      <c r="JBV675" s="613"/>
      <c r="JBW675" s="613"/>
      <c r="JBX675" s="613"/>
      <c r="JBY675" s="613"/>
      <c r="JBZ675" s="613"/>
      <c r="JCA675" s="613"/>
      <c r="JCB675" s="613"/>
      <c r="JCC675" s="613"/>
      <c r="JCD675" s="613"/>
      <c r="JCE675" s="613"/>
      <c r="JCF675" s="613"/>
      <c r="JCG675" s="613"/>
      <c r="JCH675" s="613"/>
      <c r="JCI675" s="613"/>
      <c r="JCJ675" s="613"/>
      <c r="JCK675" s="613"/>
      <c r="JCL675" s="613"/>
      <c r="JCM675" s="613"/>
      <c r="JCN675" s="613"/>
      <c r="JCO675" s="613"/>
      <c r="JCP675" s="613"/>
      <c r="JCQ675" s="613"/>
      <c r="JCR675" s="613"/>
      <c r="JCS675" s="613"/>
      <c r="JCT675" s="613"/>
      <c r="JCU675" s="613"/>
      <c r="JCV675" s="613"/>
      <c r="JCW675" s="613"/>
      <c r="JCX675" s="613"/>
      <c r="JCY675" s="613"/>
      <c r="JCZ675" s="613"/>
      <c r="JDA675" s="613"/>
      <c r="JDB675" s="613"/>
      <c r="JDC675" s="613"/>
      <c r="JDD675" s="613"/>
      <c r="JDE675" s="613"/>
      <c r="JDF675" s="613"/>
      <c r="JDG675" s="613"/>
      <c r="JDH675" s="613"/>
      <c r="JDI675" s="613"/>
      <c r="JDJ675" s="613"/>
      <c r="JDK675" s="613"/>
      <c r="JDL675" s="613"/>
      <c r="JDM675" s="613"/>
      <c r="JDN675" s="613"/>
      <c r="JDO675" s="613"/>
      <c r="JDP675" s="613"/>
      <c r="JDQ675" s="613"/>
      <c r="JDR675" s="613"/>
      <c r="JDS675" s="613"/>
      <c r="JDT675" s="613"/>
      <c r="JDU675" s="613"/>
      <c r="JDV675" s="613"/>
      <c r="JDW675" s="613"/>
      <c r="JDX675" s="613"/>
      <c r="JDY675" s="613"/>
      <c r="JDZ675" s="613"/>
      <c r="JEA675" s="613"/>
      <c r="JEB675" s="613"/>
      <c r="JEC675" s="613"/>
      <c r="JED675" s="613"/>
      <c r="JEE675" s="613"/>
      <c r="JEF675" s="613"/>
      <c r="JEG675" s="613"/>
      <c r="JEH675" s="613"/>
      <c r="JEI675" s="613"/>
      <c r="JEJ675" s="613"/>
      <c r="JEK675" s="613"/>
      <c r="JEL675" s="613"/>
      <c r="JEM675" s="613"/>
      <c r="JEN675" s="613"/>
      <c r="JEO675" s="613"/>
      <c r="JEP675" s="613"/>
      <c r="JEQ675" s="613"/>
      <c r="JER675" s="613"/>
      <c r="JES675" s="613"/>
      <c r="JET675" s="613"/>
      <c r="JEU675" s="613"/>
      <c r="JEV675" s="613"/>
      <c r="JEW675" s="613"/>
      <c r="JEX675" s="613"/>
      <c r="JEY675" s="613"/>
      <c r="JEZ675" s="613"/>
      <c r="JFA675" s="613"/>
      <c r="JFB675" s="613"/>
      <c r="JFC675" s="613"/>
      <c r="JFD675" s="613"/>
      <c r="JFE675" s="613"/>
      <c r="JFF675" s="613"/>
      <c r="JFG675" s="613"/>
      <c r="JFH675" s="613"/>
      <c r="JFI675" s="613"/>
      <c r="JFJ675" s="613"/>
      <c r="JFK675" s="613"/>
      <c r="JFL675" s="613"/>
      <c r="JFM675" s="613"/>
      <c r="JFN675" s="613"/>
      <c r="JFO675" s="613"/>
      <c r="JFP675" s="613"/>
      <c r="JFQ675" s="613"/>
      <c r="JFR675" s="613"/>
      <c r="JFS675" s="613"/>
      <c r="JFT675" s="613"/>
      <c r="JFU675" s="613"/>
      <c r="JFV675" s="613"/>
      <c r="JFW675" s="613"/>
      <c r="JFX675" s="613"/>
      <c r="JFY675" s="613"/>
      <c r="JFZ675" s="613"/>
      <c r="JGA675" s="613"/>
      <c r="JGB675" s="613"/>
      <c r="JGC675" s="613"/>
      <c r="JGD675" s="613"/>
      <c r="JGE675" s="613"/>
      <c r="JGF675" s="613"/>
      <c r="JGG675" s="613"/>
      <c r="JGH675" s="613"/>
      <c r="JGI675" s="613"/>
      <c r="JGJ675" s="613"/>
      <c r="JGK675" s="613"/>
      <c r="JGL675" s="613"/>
      <c r="JGM675" s="613"/>
      <c r="JGN675" s="613"/>
      <c r="JGO675" s="613"/>
      <c r="JGP675" s="613"/>
      <c r="JGQ675" s="613"/>
      <c r="JGR675" s="613"/>
      <c r="JGS675" s="613"/>
      <c r="JGT675" s="613"/>
      <c r="JGU675" s="613"/>
      <c r="JGV675" s="613"/>
      <c r="JGW675" s="613"/>
      <c r="JGX675" s="613"/>
      <c r="JGY675" s="613"/>
      <c r="JGZ675" s="613"/>
      <c r="JHA675" s="613"/>
      <c r="JHB675" s="613"/>
      <c r="JHC675" s="613"/>
      <c r="JHD675" s="613"/>
      <c r="JHE675" s="613"/>
      <c r="JHF675" s="613"/>
      <c r="JHG675" s="613"/>
      <c r="JHH675" s="613"/>
      <c r="JHI675" s="613"/>
      <c r="JHJ675" s="613"/>
      <c r="JHK675" s="613"/>
      <c r="JHL675" s="613"/>
      <c r="JHM675" s="613"/>
      <c r="JHN675" s="613"/>
      <c r="JHO675" s="613"/>
      <c r="JHP675" s="613"/>
      <c r="JHQ675" s="613"/>
      <c r="JHR675" s="613"/>
      <c r="JHS675" s="613"/>
      <c r="JHT675" s="613"/>
      <c r="JHU675" s="613"/>
      <c r="JHV675" s="613"/>
      <c r="JHW675" s="613"/>
      <c r="JHX675" s="613"/>
      <c r="JHY675" s="613"/>
      <c r="JHZ675" s="613"/>
      <c r="JIA675" s="613"/>
      <c r="JIB675" s="613"/>
      <c r="JIC675" s="613"/>
      <c r="JID675" s="613"/>
      <c r="JIE675" s="613"/>
      <c r="JIF675" s="613"/>
      <c r="JIG675" s="613"/>
      <c r="JIH675" s="613"/>
      <c r="JII675" s="613"/>
      <c r="JIJ675" s="613"/>
      <c r="JIK675" s="613"/>
      <c r="JIL675" s="613"/>
      <c r="JIM675" s="613"/>
      <c r="JIN675" s="613"/>
      <c r="JIO675" s="613"/>
      <c r="JIP675" s="613"/>
      <c r="JIQ675" s="613"/>
      <c r="JIR675" s="613"/>
      <c r="JIS675" s="613"/>
      <c r="JIT675" s="613"/>
      <c r="JIU675" s="613"/>
      <c r="JIV675" s="613"/>
      <c r="JIW675" s="613"/>
      <c r="JIX675" s="613"/>
      <c r="JIY675" s="613"/>
      <c r="JIZ675" s="613"/>
      <c r="JJA675" s="613"/>
      <c r="JJB675" s="613"/>
      <c r="JJC675" s="613"/>
      <c r="JJD675" s="613"/>
      <c r="JJE675" s="613"/>
      <c r="JJF675" s="613"/>
      <c r="JJG675" s="613"/>
      <c r="JJH675" s="613"/>
      <c r="JJI675" s="613"/>
      <c r="JJJ675" s="613"/>
      <c r="JJK675" s="613"/>
      <c r="JJL675" s="613"/>
      <c r="JJM675" s="613"/>
      <c r="JJN675" s="613"/>
      <c r="JJO675" s="613"/>
      <c r="JJP675" s="613"/>
      <c r="JJQ675" s="613"/>
      <c r="JJR675" s="613"/>
      <c r="JJS675" s="613"/>
      <c r="JJT675" s="613"/>
      <c r="JJU675" s="613"/>
      <c r="JJV675" s="613"/>
      <c r="JJW675" s="613"/>
      <c r="JJX675" s="613"/>
      <c r="JJY675" s="613"/>
      <c r="JJZ675" s="613"/>
      <c r="JKA675" s="613"/>
      <c r="JKB675" s="613"/>
      <c r="JKC675" s="613"/>
      <c r="JKD675" s="613"/>
      <c r="JKE675" s="613"/>
      <c r="JKF675" s="613"/>
      <c r="JKG675" s="613"/>
      <c r="JKH675" s="613"/>
      <c r="JKI675" s="613"/>
      <c r="JKJ675" s="613"/>
      <c r="JKK675" s="613"/>
      <c r="JKL675" s="613"/>
      <c r="JKM675" s="613"/>
      <c r="JKN675" s="613"/>
      <c r="JKO675" s="613"/>
      <c r="JKP675" s="613"/>
      <c r="JKQ675" s="613"/>
      <c r="JKR675" s="613"/>
      <c r="JKS675" s="613"/>
      <c r="JKT675" s="613"/>
      <c r="JKU675" s="613"/>
      <c r="JKV675" s="613"/>
      <c r="JKW675" s="613"/>
      <c r="JKX675" s="613"/>
      <c r="JKY675" s="613"/>
      <c r="JKZ675" s="613"/>
      <c r="JLA675" s="613"/>
      <c r="JLB675" s="613"/>
      <c r="JLC675" s="613"/>
      <c r="JLD675" s="613"/>
      <c r="JLE675" s="613"/>
      <c r="JLF675" s="613"/>
      <c r="JLG675" s="613"/>
      <c r="JLH675" s="613"/>
      <c r="JLI675" s="613"/>
      <c r="JLJ675" s="613"/>
      <c r="JLK675" s="613"/>
      <c r="JLL675" s="613"/>
      <c r="JLM675" s="613"/>
      <c r="JLN675" s="613"/>
      <c r="JLO675" s="613"/>
      <c r="JLP675" s="613"/>
      <c r="JLQ675" s="613"/>
      <c r="JLR675" s="613"/>
      <c r="JLS675" s="613"/>
      <c r="JLT675" s="613"/>
      <c r="JLU675" s="613"/>
      <c r="JLV675" s="613"/>
      <c r="JLW675" s="613"/>
      <c r="JLX675" s="613"/>
      <c r="JLY675" s="613"/>
      <c r="JLZ675" s="613"/>
      <c r="JMA675" s="613"/>
      <c r="JMB675" s="613"/>
      <c r="JMC675" s="613"/>
      <c r="JMD675" s="613"/>
      <c r="JME675" s="613"/>
      <c r="JMF675" s="613"/>
      <c r="JMG675" s="613"/>
      <c r="JMH675" s="613"/>
      <c r="JMI675" s="613"/>
      <c r="JMJ675" s="613"/>
      <c r="JMK675" s="613"/>
      <c r="JML675" s="613"/>
      <c r="JMM675" s="613"/>
      <c r="JMN675" s="613"/>
      <c r="JMO675" s="613"/>
      <c r="JMP675" s="613"/>
      <c r="JMQ675" s="613"/>
      <c r="JMR675" s="613"/>
      <c r="JMS675" s="613"/>
      <c r="JMT675" s="613"/>
      <c r="JMU675" s="613"/>
      <c r="JMV675" s="613"/>
      <c r="JMW675" s="613"/>
      <c r="JMX675" s="613"/>
      <c r="JMY675" s="613"/>
      <c r="JMZ675" s="613"/>
      <c r="JNA675" s="613"/>
      <c r="JNB675" s="613"/>
      <c r="JNC675" s="613"/>
      <c r="JND675" s="613"/>
      <c r="JNE675" s="613"/>
      <c r="JNF675" s="613"/>
      <c r="JNG675" s="613"/>
      <c r="JNH675" s="613"/>
      <c r="JNI675" s="613"/>
      <c r="JNJ675" s="613"/>
      <c r="JNK675" s="613"/>
      <c r="JNL675" s="613"/>
      <c r="JNM675" s="613"/>
      <c r="JNN675" s="613"/>
      <c r="JNO675" s="613"/>
      <c r="JNP675" s="613"/>
      <c r="JNQ675" s="613"/>
      <c r="JNR675" s="613"/>
      <c r="JNS675" s="613"/>
      <c r="JNT675" s="613"/>
      <c r="JNU675" s="613"/>
      <c r="JNV675" s="613"/>
      <c r="JNW675" s="613"/>
      <c r="JNX675" s="613"/>
      <c r="JNY675" s="613"/>
      <c r="JNZ675" s="613"/>
      <c r="JOA675" s="613"/>
      <c r="JOB675" s="613"/>
      <c r="JOC675" s="613"/>
      <c r="JOD675" s="613"/>
      <c r="JOE675" s="613"/>
      <c r="JOF675" s="613"/>
      <c r="JOG675" s="613"/>
      <c r="JOH675" s="613"/>
      <c r="JOI675" s="613"/>
      <c r="JOJ675" s="613"/>
      <c r="JOK675" s="613"/>
      <c r="JOL675" s="613"/>
      <c r="JOM675" s="613"/>
      <c r="JON675" s="613"/>
      <c r="JOO675" s="613"/>
      <c r="JOP675" s="613"/>
      <c r="JOQ675" s="613"/>
      <c r="JOR675" s="613"/>
      <c r="JOS675" s="613"/>
      <c r="JOT675" s="613"/>
      <c r="JOU675" s="613"/>
      <c r="JOV675" s="613"/>
      <c r="JOW675" s="613"/>
      <c r="JOX675" s="613"/>
      <c r="JOY675" s="613"/>
      <c r="JOZ675" s="613"/>
      <c r="JPA675" s="613"/>
      <c r="JPB675" s="613"/>
      <c r="JPC675" s="613"/>
      <c r="JPD675" s="613"/>
      <c r="JPE675" s="613"/>
      <c r="JPF675" s="613"/>
      <c r="JPG675" s="613"/>
      <c r="JPH675" s="613"/>
      <c r="JPI675" s="613"/>
      <c r="JPJ675" s="613"/>
      <c r="JPK675" s="613"/>
      <c r="JPL675" s="613"/>
      <c r="JPM675" s="613"/>
      <c r="JPN675" s="613"/>
      <c r="JPO675" s="613"/>
      <c r="JPP675" s="613"/>
      <c r="JPQ675" s="613"/>
      <c r="JPR675" s="613"/>
      <c r="JPS675" s="613"/>
      <c r="JPT675" s="613"/>
      <c r="JPU675" s="613"/>
      <c r="JPV675" s="613"/>
      <c r="JPW675" s="613"/>
      <c r="JPX675" s="613"/>
      <c r="JPY675" s="613"/>
      <c r="JPZ675" s="613"/>
      <c r="JQA675" s="613"/>
      <c r="JQB675" s="613"/>
      <c r="JQC675" s="613"/>
      <c r="JQD675" s="613"/>
      <c r="JQE675" s="613"/>
      <c r="JQF675" s="613"/>
      <c r="JQG675" s="613"/>
      <c r="JQH675" s="613"/>
      <c r="JQI675" s="613"/>
      <c r="JQJ675" s="613"/>
      <c r="JQK675" s="613"/>
      <c r="JQL675" s="613"/>
      <c r="JQM675" s="613"/>
      <c r="JQN675" s="613"/>
      <c r="JQO675" s="613"/>
      <c r="JQP675" s="613"/>
      <c r="JQQ675" s="613"/>
      <c r="JQR675" s="613"/>
      <c r="JQS675" s="613"/>
      <c r="JQT675" s="613"/>
      <c r="JQU675" s="613"/>
      <c r="JQV675" s="613"/>
      <c r="JQW675" s="613"/>
      <c r="JQX675" s="613"/>
      <c r="JQY675" s="613"/>
      <c r="JQZ675" s="613"/>
      <c r="JRA675" s="613"/>
      <c r="JRB675" s="613"/>
      <c r="JRC675" s="613"/>
      <c r="JRD675" s="613"/>
      <c r="JRE675" s="613"/>
      <c r="JRF675" s="613"/>
      <c r="JRG675" s="613"/>
      <c r="JRH675" s="613"/>
      <c r="JRI675" s="613"/>
      <c r="JRJ675" s="613"/>
      <c r="JRK675" s="613"/>
      <c r="JRL675" s="613"/>
      <c r="JRM675" s="613"/>
      <c r="JRN675" s="613"/>
      <c r="JRO675" s="613"/>
      <c r="JRP675" s="613"/>
      <c r="JRQ675" s="613"/>
      <c r="JRR675" s="613"/>
      <c r="JRS675" s="613"/>
      <c r="JRT675" s="613"/>
      <c r="JRU675" s="613"/>
      <c r="JRV675" s="613"/>
      <c r="JRW675" s="613"/>
      <c r="JRX675" s="613"/>
      <c r="JRY675" s="613"/>
      <c r="JRZ675" s="613"/>
      <c r="JSA675" s="613"/>
      <c r="JSB675" s="613"/>
      <c r="JSC675" s="613"/>
      <c r="JSD675" s="613"/>
      <c r="JSE675" s="613"/>
      <c r="JSF675" s="613"/>
      <c r="JSG675" s="613"/>
      <c r="JSH675" s="613"/>
      <c r="JSI675" s="613"/>
      <c r="JSJ675" s="613"/>
      <c r="JSK675" s="613"/>
      <c r="JSL675" s="613"/>
      <c r="JSM675" s="613"/>
      <c r="JSN675" s="613"/>
      <c r="JSO675" s="613"/>
      <c r="JSP675" s="613"/>
      <c r="JSQ675" s="613"/>
      <c r="JSR675" s="613"/>
      <c r="JSS675" s="613"/>
      <c r="JST675" s="613"/>
      <c r="JSU675" s="613"/>
      <c r="JSV675" s="613"/>
      <c r="JSW675" s="613"/>
      <c r="JSX675" s="613"/>
      <c r="JSY675" s="613"/>
      <c r="JSZ675" s="613"/>
      <c r="JTA675" s="613"/>
      <c r="JTB675" s="613"/>
      <c r="JTC675" s="613"/>
      <c r="JTD675" s="613"/>
      <c r="JTE675" s="613"/>
      <c r="JTF675" s="613"/>
      <c r="JTG675" s="613"/>
      <c r="JTH675" s="613"/>
      <c r="JTI675" s="613"/>
      <c r="JTJ675" s="613"/>
      <c r="JTK675" s="613"/>
      <c r="JTL675" s="613"/>
      <c r="JTM675" s="613"/>
      <c r="JTN675" s="613"/>
      <c r="JTO675" s="613"/>
      <c r="JTP675" s="613"/>
      <c r="JTQ675" s="613"/>
      <c r="JTR675" s="613"/>
      <c r="JTS675" s="613"/>
      <c r="JTT675" s="613"/>
      <c r="JTU675" s="613"/>
      <c r="JTV675" s="613"/>
      <c r="JTW675" s="613"/>
      <c r="JTX675" s="613"/>
      <c r="JTY675" s="613"/>
      <c r="JTZ675" s="613"/>
      <c r="JUA675" s="613"/>
      <c r="JUB675" s="613"/>
      <c r="JUC675" s="613"/>
      <c r="JUD675" s="613"/>
      <c r="JUE675" s="613"/>
      <c r="JUF675" s="613"/>
      <c r="JUG675" s="613"/>
      <c r="JUH675" s="613"/>
      <c r="JUI675" s="613"/>
      <c r="JUJ675" s="613"/>
      <c r="JUK675" s="613"/>
      <c r="JUL675" s="613"/>
      <c r="JUM675" s="613"/>
      <c r="JUN675" s="613"/>
      <c r="JUO675" s="613"/>
      <c r="JUP675" s="613"/>
      <c r="JUQ675" s="613"/>
      <c r="JUR675" s="613"/>
      <c r="JUS675" s="613"/>
      <c r="JUT675" s="613"/>
      <c r="JUU675" s="613"/>
      <c r="JUV675" s="613"/>
      <c r="JUW675" s="613"/>
      <c r="JUX675" s="613"/>
      <c r="JUY675" s="613"/>
      <c r="JUZ675" s="613"/>
      <c r="JVA675" s="613"/>
      <c r="JVB675" s="613"/>
      <c r="JVC675" s="613"/>
      <c r="JVD675" s="613"/>
      <c r="JVE675" s="613"/>
      <c r="JVF675" s="613"/>
      <c r="JVG675" s="613"/>
      <c r="JVH675" s="613"/>
      <c r="JVI675" s="613"/>
      <c r="JVJ675" s="613"/>
      <c r="JVK675" s="613"/>
      <c r="JVL675" s="613"/>
      <c r="JVM675" s="613"/>
      <c r="JVN675" s="613"/>
      <c r="JVO675" s="613"/>
      <c r="JVP675" s="613"/>
      <c r="JVQ675" s="613"/>
      <c r="JVR675" s="613"/>
      <c r="JVS675" s="613"/>
      <c r="JVT675" s="613"/>
      <c r="JVU675" s="613"/>
      <c r="JVV675" s="613"/>
      <c r="JVW675" s="613"/>
      <c r="JVX675" s="613"/>
      <c r="JVY675" s="613"/>
      <c r="JVZ675" s="613"/>
      <c r="JWA675" s="613"/>
      <c r="JWB675" s="613"/>
      <c r="JWC675" s="613"/>
      <c r="JWD675" s="613"/>
      <c r="JWE675" s="613"/>
      <c r="JWF675" s="613"/>
      <c r="JWG675" s="613"/>
      <c r="JWH675" s="613"/>
      <c r="JWI675" s="613"/>
      <c r="JWJ675" s="613"/>
      <c r="JWK675" s="613"/>
      <c r="JWL675" s="613"/>
      <c r="JWM675" s="613"/>
      <c r="JWN675" s="613"/>
      <c r="JWO675" s="613"/>
      <c r="JWP675" s="613"/>
      <c r="JWQ675" s="613"/>
      <c r="JWR675" s="613"/>
      <c r="JWS675" s="613"/>
      <c r="JWT675" s="613"/>
      <c r="JWU675" s="613"/>
      <c r="JWV675" s="613"/>
      <c r="JWW675" s="613"/>
      <c r="JWX675" s="613"/>
      <c r="JWY675" s="613"/>
      <c r="JWZ675" s="613"/>
      <c r="JXA675" s="613"/>
      <c r="JXB675" s="613"/>
      <c r="JXC675" s="613"/>
      <c r="JXD675" s="613"/>
      <c r="JXE675" s="613"/>
      <c r="JXF675" s="613"/>
      <c r="JXG675" s="613"/>
      <c r="JXH675" s="613"/>
      <c r="JXI675" s="613"/>
      <c r="JXJ675" s="613"/>
      <c r="JXK675" s="613"/>
      <c r="JXL675" s="613"/>
      <c r="JXM675" s="613"/>
      <c r="JXN675" s="613"/>
      <c r="JXO675" s="613"/>
      <c r="JXP675" s="613"/>
      <c r="JXQ675" s="613"/>
      <c r="JXR675" s="613"/>
      <c r="JXS675" s="613"/>
      <c r="JXT675" s="613"/>
      <c r="JXU675" s="613"/>
      <c r="JXV675" s="613"/>
      <c r="JXW675" s="613"/>
      <c r="JXX675" s="613"/>
      <c r="JXY675" s="613"/>
      <c r="JXZ675" s="613"/>
      <c r="JYA675" s="613"/>
      <c r="JYB675" s="613"/>
      <c r="JYC675" s="613"/>
      <c r="JYD675" s="613"/>
      <c r="JYE675" s="613"/>
      <c r="JYF675" s="613"/>
      <c r="JYG675" s="613"/>
      <c r="JYH675" s="613"/>
      <c r="JYI675" s="613"/>
      <c r="JYJ675" s="613"/>
      <c r="JYK675" s="613"/>
      <c r="JYL675" s="613"/>
      <c r="JYM675" s="613"/>
      <c r="JYN675" s="613"/>
      <c r="JYO675" s="613"/>
      <c r="JYP675" s="613"/>
      <c r="JYQ675" s="613"/>
      <c r="JYR675" s="613"/>
      <c r="JYS675" s="613"/>
      <c r="JYT675" s="613"/>
      <c r="JYU675" s="613"/>
      <c r="JYV675" s="613"/>
      <c r="JYW675" s="613"/>
      <c r="JYX675" s="613"/>
      <c r="JYY675" s="613"/>
      <c r="JYZ675" s="613"/>
      <c r="JZA675" s="613"/>
      <c r="JZB675" s="613"/>
      <c r="JZC675" s="613"/>
      <c r="JZD675" s="613"/>
      <c r="JZE675" s="613"/>
      <c r="JZF675" s="613"/>
      <c r="JZG675" s="613"/>
      <c r="JZH675" s="613"/>
      <c r="JZI675" s="613"/>
      <c r="JZJ675" s="613"/>
      <c r="JZK675" s="613"/>
      <c r="JZL675" s="613"/>
      <c r="JZM675" s="613"/>
      <c r="JZN675" s="613"/>
      <c r="JZO675" s="613"/>
      <c r="JZP675" s="613"/>
      <c r="JZQ675" s="613"/>
      <c r="JZR675" s="613"/>
      <c r="JZS675" s="613"/>
      <c r="JZT675" s="613"/>
      <c r="JZU675" s="613"/>
      <c r="JZV675" s="613"/>
      <c r="JZW675" s="613"/>
      <c r="JZX675" s="613"/>
      <c r="JZY675" s="613"/>
      <c r="JZZ675" s="613"/>
      <c r="KAA675" s="613"/>
      <c r="KAB675" s="613"/>
      <c r="KAC675" s="613"/>
      <c r="KAD675" s="613"/>
      <c r="KAE675" s="613"/>
      <c r="KAF675" s="613"/>
      <c r="KAG675" s="613"/>
      <c r="KAH675" s="613"/>
      <c r="KAI675" s="613"/>
      <c r="KAJ675" s="613"/>
      <c r="KAK675" s="613"/>
      <c r="KAL675" s="613"/>
      <c r="KAM675" s="613"/>
      <c r="KAN675" s="613"/>
      <c r="KAO675" s="613"/>
      <c r="KAP675" s="613"/>
      <c r="KAQ675" s="613"/>
      <c r="KAR675" s="613"/>
      <c r="KAS675" s="613"/>
      <c r="KAT675" s="613"/>
      <c r="KAU675" s="613"/>
      <c r="KAV675" s="613"/>
      <c r="KAW675" s="613"/>
      <c r="KAX675" s="613"/>
      <c r="KAY675" s="613"/>
      <c r="KAZ675" s="613"/>
      <c r="KBA675" s="613"/>
      <c r="KBB675" s="613"/>
      <c r="KBC675" s="613"/>
      <c r="KBD675" s="613"/>
      <c r="KBE675" s="613"/>
      <c r="KBF675" s="613"/>
      <c r="KBG675" s="613"/>
      <c r="KBH675" s="613"/>
      <c r="KBI675" s="613"/>
      <c r="KBJ675" s="613"/>
      <c r="KBK675" s="613"/>
      <c r="KBL675" s="613"/>
      <c r="KBM675" s="613"/>
      <c r="KBN675" s="613"/>
      <c r="KBO675" s="613"/>
      <c r="KBP675" s="613"/>
      <c r="KBQ675" s="613"/>
      <c r="KBR675" s="613"/>
      <c r="KBS675" s="613"/>
      <c r="KBT675" s="613"/>
      <c r="KBU675" s="613"/>
      <c r="KBV675" s="613"/>
      <c r="KBW675" s="613"/>
      <c r="KBX675" s="613"/>
      <c r="KBY675" s="613"/>
      <c r="KBZ675" s="613"/>
      <c r="KCA675" s="613"/>
      <c r="KCB675" s="613"/>
      <c r="KCC675" s="613"/>
      <c r="KCD675" s="613"/>
      <c r="KCE675" s="613"/>
      <c r="KCF675" s="613"/>
      <c r="KCG675" s="613"/>
      <c r="KCH675" s="613"/>
      <c r="KCI675" s="613"/>
      <c r="KCJ675" s="613"/>
      <c r="KCK675" s="613"/>
      <c r="KCL675" s="613"/>
      <c r="KCM675" s="613"/>
      <c r="KCN675" s="613"/>
      <c r="KCO675" s="613"/>
      <c r="KCP675" s="613"/>
      <c r="KCQ675" s="613"/>
      <c r="KCR675" s="613"/>
      <c r="KCS675" s="613"/>
      <c r="KCT675" s="613"/>
      <c r="KCU675" s="613"/>
      <c r="KCV675" s="613"/>
      <c r="KCW675" s="613"/>
      <c r="KCX675" s="613"/>
      <c r="KCY675" s="613"/>
      <c r="KCZ675" s="613"/>
      <c r="KDA675" s="613"/>
      <c r="KDB675" s="613"/>
      <c r="KDC675" s="613"/>
      <c r="KDD675" s="613"/>
      <c r="KDE675" s="613"/>
      <c r="KDF675" s="613"/>
      <c r="KDG675" s="613"/>
      <c r="KDH675" s="613"/>
      <c r="KDI675" s="613"/>
      <c r="KDJ675" s="613"/>
      <c r="KDK675" s="613"/>
      <c r="KDL675" s="613"/>
      <c r="KDM675" s="613"/>
      <c r="KDN675" s="613"/>
      <c r="KDO675" s="613"/>
      <c r="KDP675" s="613"/>
      <c r="KDQ675" s="613"/>
      <c r="KDR675" s="613"/>
      <c r="KDS675" s="613"/>
      <c r="KDT675" s="613"/>
      <c r="KDU675" s="613"/>
      <c r="KDV675" s="613"/>
      <c r="KDW675" s="613"/>
      <c r="KDX675" s="613"/>
      <c r="KDY675" s="613"/>
      <c r="KDZ675" s="613"/>
      <c r="KEA675" s="613"/>
      <c r="KEB675" s="613"/>
      <c r="KEC675" s="613"/>
      <c r="KED675" s="613"/>
      <c r="KEE675" s="613"/>
      <c r="KEF675" s="613"/>
      <c r="KEG675" s="613"/>
      <c r="KEH675" s="613"/>
      <c r="KEI675" s="613"/>
      <c r="KEJ675" s="613"/>
      <c r="KEK675" s="613"/>
      <c r="KEL675" s="613"/>
      <c r="KEM675" s="613"/>
      <c r="KEN675" s="613"/>
      <c r="KEO675" s="613"/>
      <c r="KEP675" s="613"/>
      <c r="KEQ675" s="613"/>
      <c r="KER675" s="613"/>
      <c r="KES675" s="613"/>
      <c r="KET675" s="613"/>
      <c r="KEU675" s="613"/>
      <c r="KEV675" s="613"/>
      <c r="KEW675" s="613"/>
      <c r="KEX675" s="613"/>
      <c r="KEY675" s="613"/>
      <c r="KEZ675" s="613"/>
      <c r="KFA675" s="613"/>
      <c r="KFB675" s="613"/>
      <c r="KFC675" s="613"/>
      <c r="KFD675" s="613"/>
      <c r="KFE675" s="613"/>
      <c r="KFF675" s="613"/>
      <c r="KFG675" s="613"/>
      <c r="KFH675" s="613"/>
      <c r="KFI675" s="613"/>
      <c r="KFJ675" s="613"/>
      <c r="KFK675" s="613"/>
      <c r="KFL675" s="613"/>
      <c r="KFM675" s="613"/>
      <c r="KFN675" s="613"/>
      <c r="KFO675" s="613"/>
      <c r="KFP675" s="613"/>
      <c r="KFQ675" s="613"/>
      <c r="KFR675" s="613"/>
      <c r="KFS675" s="613"/>
      <c r="KFT675" s="613"/>
      <c r="KFU675" s="613"/>
      <c r="KFV675" s="613"/>
      <c r="KFW675" s="613"/>
      <c r="KFX675" s="613"/>
      <c r="KFY675" s="613"/>
      <c r="KFZ675" s="613"/>
      <c r="KGA675" s="613"/>
      <c r="KGB675" s="613"/>
      <c r="KGC675" s="613"/>
      <c r="KGD675" s="613"/>
      <c r="KGE675" s="613"/>
      <c r="KGF675" s="613"/>
      <c r="KGG675" s="613"/>
      <c r="KGH675" s="613"/>
      <c r="KGI675" s="613"/>
      <c r="KGJ675" s="613"/>
      <c r="KGK675" s="613"/>
      <c r="KGL675" s="613"/>
      <c r="KGM675" s="613"/>
      <c r="KGN675" s="613"/>
      <c r="KGO675" s="613"/>
      <c r="KGP675" s="613"/>
      <c r="KGQ675" s="613"/>
      <c r="KGR675" s="613"/>
      <c r="KGS675" s="613"/>
      <c r="KGT675" s="613"/>
      <c r="KGU675" s="613"/>
      <c r="KGV675" s="613"/>
      <c r="KGW675" s="613"/>
      <c r="KGX675" s="613"/>
      <c r="KGY675" s="613"/>
      <c r="KGZ675" s="613"/>
      <c r="KHA675" s="613"/>
      <c r="KHB675" s="613"/>
      <c r="KHC675" s="613"/>
      <c r="KHD675" s="613"/>
      <c r="KHE675" s="613"/>
      <c r="KHF675" s="613"/>
      <c r="KHG675" s="613"/>
      <c r="KHH675" s="613"/>
      <c r="KHI675" s="613"/>
      <c r="KHJ675" s="613"/>
      <c r="KHK675" s="613"/>
      <c r="KHL675" s="613"/>
      <c r="KHM675" s="613"/>
      <c r="KHN675" s="613"/>
      <c r="KHO675" s="613"/>
      <c r="KHP675" s="613"/>
      <c r="KHQ675" s="613"/>
      <c r="KHR675" s="613"/>
      <c r="KHS675" s="613"/>
      <c r="KHT675" s="613"/>
      <c r="KHU675" s="613"/>
      <c r="KHV675" s="613"/>
      <c r="KHW675" s="613"/>
      <c r="KHX675" s="613"/>
      <c r="KHY675" s="613"/>
      <c r="KHZ675" s="613"/>
      <c r="KIA675" s="613"/>
      <c r="KIB675" s="613"/>
      <c r="KIC675" s="613"/>
      <c r="KID675" s="613"/>
      <c r="KIE675" s="613"/>
      <c r="KIF675" s="613"/>
      <c r="KIG675" s="613"/>
      <c r="KIH675" s="613"/>
      <c r="KII675" s="613"/>
      <c r="KIJ675" s="613"/>
      <c r="KIK675" s="613"/>
      <c r="KIL675" s="613"/>
      <c r="KIM675" s="613"/>
      <c r="KIN675" s="613"/>
      <c r="KIO675" s="613"/>
      <c r="KIP675" s="613"/>
      <c r="KIQ675" s="613"/>
      <c r="KIR675" s="613"/>
      <c r="KIS675" s="613"/>
      <c r="KIT675" s="613"/>
      <c r="KIU675" s="613"/>
      <c r="KIV675" s="613"/>
      <c r="KIW675" s="613"/>
      <c r="KIX675" s="613"/>
      <c r="KIY675" s="613"/>
      <c r="KIZ675" s="613"/>
      <c r="KJA675" s="613"/>
      <c r="KJB675" s="613"/>
      <c r="KJC675" s="613"/>
      <c r="KJD675" s="613"/>
      <c r="KJE675" s="613"/>
      <c r="KJF675" s="613"/>
      <c r="KJG675" s="613"/>
      <c r="KJH675" s="613"/>
      <c r="KJI675" s="613"/>
      <c r="KJJ675" s="613"/>
      <c r="KJK675" s="613"/>
      <c r="KJL675" s="613"/>
      <c r="KJM675" s="613"/>
      <c r="KJN675" s="613"/>
      <c r="KJO675" s="613"/>
      <c r="KJP675" s="613"/>
      <c r="KJQ675" s="613"/>
      <c r="KJR675" s="613"/>
      <c r="KJS675" s="613"/>
      <c r="KJT675" s="613"/>
      <c r="KJU675" s="613"/>
      <c r="KJV675" s="613"/>
      <c r="KJW675" s="613"/>
      <c r="KJX675" s="613"/>
      <c r="KJY675" s="613"/>
      <c r="KJZ675" s="613"/>
      <c r="KKA675" s="613"/>
      <c r="KKB675" s="613"/>
      <c r="KKC675" s="613"/>
      <c r="KKD675" s="613"/>
      <c r="KKE675" s="613"/>
      <c r="KKF675" s="613"/>
      <c r="KKG675" s="613"/>
      <c r="KKH675" s="613"/>
      <c r="KKI675" s="613"/>
      <c r="KKJ675" s="613"/>
      <c r="KKK675" s="613"/>
      <c r="KKL675" s="613"/>
      <c r="KKM675" s="613"/>
      <c r="KKN675" s="613"/>
      <c r="KKO675" s="613"/>
      <c r="KKP675" s="613"/>
      <c r="KKQ675" s="613"/>
      <c r="KKR675" s="613"/>
      <c r="KKS675" s="613"/>
      <c r="KKT675" s="613"/>
      <c r="KKU675" s="613"/>
      <c r="KKV675" s="613"/>
      <c r="KKW675" s="613"/>
      <c r="KKX675" s="613"/>
      <c r="KKY675" s="613"/>
      <c r="KKZ675" s="613"/>
      <c r="KLA675" s="613"/>
      <c r="KLB675" s="613"/>
      <c r="KLC675" s="613"/>
      <c r="KLD675" s="613"/>
      <c r="KLE675" s="613"/>
      <c r="KLF675" s="613"/>
      <c r="KLG675" s="613"/>
      <c r="KLH675" s="613"/>
      <c r="KLI675" s="613"/>
      <c r="KLJ675" s="613"/>
      <c r="KLK675" s="613"/>
      <c r="KLL675" s="613"/>
      <c r="KLM675" s="613"/>
      <c r="KLN675" s="613"/>
      <c r="KLO675" s="613"/>
      <c r="KLP675" s="613"/>
      <c r="KLQ675" s="613"/>
      <c r="KLR675" s="613"/>
      <c r="KLS675" s="613"/>
      <c r="KLT675" s="613"/>
      <c r="KLU675" s="613"/>
      <c r="KLV675" s="613"/>
      <c r="KLW675" s="613"/>
      <c r="KLX675" s="613"/>
      <c r="KLY675" s="613"/>
      <c r="KLZ675" s="613"/>
      <c r="KMA675" s="613"/>
      <c r="KMB675" s="613"/>
      <c r="KMC675" s="613"/>
      <c r="KMD675" s="613"/>
      <c r="KME675" s="613"/>
      <c r="KMF675" s="613"/>
      <c r="KMG675" s="613"/>
      <c r="KMH675" s="613"/>
      <c r="KMI675" s="613"/>
      <c r="KMJ675" s="613"/>
      <c r="KMK675" s="613"/>
      <c r="KML675" s="613"/>
      <c r="KMM675" s="613"/>
      <c r="KMN675" s="613"/>
      <c r="KMO675" s="613"/>
      <c r="KMP675" s="613"/>
      <c r="KMQ675" s="613"/>
      <c r="KMR675" s="613"/>
      <c r="KMS675" s="613"/>
      <c r="KMT675" s="613"/>
      <c r="KMU675" s="613"/>
      <c r="KMV675" s="613"/>
      <c r="KMW675" s="613"/>
      <c r="KMX675" s="613"/>
      <c r="KMY675" s="613"/>
      <c r="KMZ675" s="613"/>
      <c r="KNA675" s="613"/>
      <c r="KNB675" s="613"/>
      <c r="KNC675" s="613"/>
      <c r="KND675" s="613"/>
      <c r="KNE675" s="613"/>
      <c r="KNF675" s="613"/>
      <c r="KNG675" s="613"/>
      <c r="KNH675" s="613"/>
      <c r="KNI675" s="613"/>
      <c r="KNJ675" s="613"/>
      <c r="KNK675" s="613"/>
      <c r="KNL675" s="613"/>
      <c r="KNM675" s="613"/>
      <c r="KNN675" s="613"/>
      <c r="KNO675" s="613"/>
      <c r="KNP675" s="613"/>
      <c r="KNQ675" s="613"/>
      <c r="KNR675" s="613"/>
      <c r="KNS675" s="613"/>
      <c r="KNT675" s="613"/>
      <c r="KNU675" s="613"/>
      <c r="KNV675" s="613"/>
      <c r="KNW675" s="613"/>
      <c r="KNX675" s="613"/>
      <c r="KNY675" s="613"/>
      <c r="KNZ675" s="613"/>
      <c r="KOA675" s="613"/>
      <c r="KOB675" s="613"/>
      <c r="KOC675" s="613"/>
      <c r="KOD675" s="613"/>
      <c r="KOE675" s="613"/>
      <c r="KOF675" s="613"/>
      <c r="KOG675" s="613"/>
      <c r="KOH675" s="613"/>
      <c r="KOI675" s="613"/>
      <c r="KOJ675" s="613"/>
      <c r="KOK675" s="613"/>
      <c r="KOL675" s="613"/>
      <c r="KOM675" s="613"/>
      <c r="KON675" s="613"/>
      <c r="KOO675" s="613"/>
      <c r="KOP675" s="613"/>
      <c r="KOQ675" s="613"/>
      <c r="KOR675" s="613"/>
      <c r="KOS675" s="613"/>
      <c r="KOT675" s="613"/>
      <c r="KOU675" s="613"/>
      <c r="KOV675" s="613"/>
      <c r="KOW675" s="613"/>
      <c r="KOX675" s="613"/>
      <c r="KOY675" s="613"/>
      <c r="KOZ675" s="613"/>
      <c r="KPA675" s="613"/>
      <c r="KPB675" s="613"/>
      <c r="KPC675" s="613"/>
      <c r="KPD675" s="613"/>
      <c r="KPE675" s="613"/>
      <c r="KPF675" s="613"/>
      <c r="KPG675" s="613"/>
      <c r="KPH675" s="613"/>
      <c r="KPI675" s="613"/>
      <c r="KPJ675" s="613"/>
      <c r="KPK675" s="613"/>
      <c r="KPL675" s="613"/>
      <c r="KPM675" s="613"/>
      <c r="KPN675" s="613"/>
      <c r="KPO675" s="613"/>
      <c r="KPP675" s="613"/>
      <c r="KPQ675" s="613"/>
      <c r="KPR675" s="613"/>
      <c r="KPS675" s="613"/>
      <c r="KPT675" s="613"/>
      <c r="KPU675" s="613"/>
      <c r="KPV675" s="613"/>
      <c r="KPW675" s="613"/>
      <c r="KPX675" s="613"/>
      <c r="KPY675" s="613"/>
      <c r="KPZ675" s="613"/>
      <c r="KQA675" s="613"/>
      <c r="KQB675" s="613"/>
      <c r="KQC675" s="613"/>
      <c r="KQD675" s="613"/>
      <c r="KQE675" s="613"/>
      <c r="KQF675" s="613"/>
      <c r="KQG675" s="613"/>
      <c r="KQH675" s="613"/>
      <c r="KQI675" s="613"/>
      <c r="KQJ675" s="613"/>
      <c r="KQK675" s="613"/>
      <c r="KQL675" s="613"/>
      <c r="KQM675" s="613"/>
      <c r="KQN675" s="613"/>
      <c r="KQO675" s="613"/>
      <c r="KQP675" s="613"/>
      <c r="KQQ675" s="613"/>
      <c r="KQR675" s="613"/>
      <c r="KQS675" s="613"/>
      <c r="KQT675" s="613"/>
      <c r="KQU675" s="613"/>
      <c r="KQV675" s="613"/>
      <c r="KQW675" s="613"/>
      <c r="KQX675" s="613"/>
      <c r="KQY675" s="613"/>
      <c r="KQZ675" s="613"/>
      <c r="KRA675" s="613"/>
      <c r="KRB675" s="613"/>
      <c r="KRC675" s="613"/>
      <c r="KRD675" s="613"/>
      <c r="KRE675" s="613"/>
      <c r="KRF675" s="613"/>
      <c r="KRG675" s="613"/>
      <c r="KRH675" s="613"/>
      <c r="KRI675" s="613"/>
      <c r="KRJ675" s="613"/>
      <c r="KRK675" s="613"/>
      <c r="KRL675" s="613"/>
      <c r="KRM675" s="613"/>
      <c r="KRN675" s="613"/>
      <c r="KRO675" s="613"/>
      <c r="KRP675" s="613"/>
      <c r="KRQ675" s="613"/>
      <c r="KRR675" s="613"/>
      <c r="KRS675" s="613"/>
      <c r="KRT675" s="613"/>
      <c r="KRU675" s="613"/>
      <c r="KRV675" s="613"/>
      <c r="KRW675" s="613"/>
      <c r="KRX675" s="613"/>
      <c r="KRY675" s="613"/>
      <c r="KRZ675" s="613"/>
      <c r="KSA675" s="613"/>
      <c r="KSB675" s="613"/>
      <c r="KSC675" s="613"/>
      <c r="KSD675" s="613"/>
      <c r="KSE675" s="613"/>
      <c r="KSF675" s="613"/>
      <c r="KSG675" s="613"/>
      <c r="KSH675" s="613"/>
      <c r="KSI675" s="613"/>
      <c r="KSJ675" s="613"/>
      <c r="KSK675" s="613"/>
      <c r="KSL675" s="613"/>
      <c r="KSM675" s="613"/>
      <c r="KSN675" s="613"/>
      <c r="KSO675" s="613"/>
      <c r="KSP675" s="613"/>
      <c r="KSQ675" s="613"/>
      <c r="KSR675" s="613"/>
      <c r="KSS675" s="613"/>
      <c r="KST675" s="613"/>
      <c r="KSU675" s="613"/>
      <c r="KSV675" s="613"/>
      <c r="KSW675" s="613"/>
      <c r="KSX675" s="613"/>
      <c r="KSY675" s="613"/>
      <c r="KSZ675" s="613"/>
      <c r="KTA675" s="613"/>
      <c r="KTB675" s="613"/>
      <c r="KTC675" s="613"/>
      <c r="KTD675" s="613"/>
      <c r="KTE675" s="613"/>
      <c r="KTF675" s="613"/>
      <c r="KTG675" s="613"/>
      <c r="KTH675" s="613"/>
      <c r="KTI675" s="613"/>
      <c r="KTJ675" s="613"/>
      <c r="KTK675" s="613"/>
      <c r="KTL675" s="613"/>
      <c r="KTM675" s="613"/>
      <c r="KTN675" s="613"/>
      <c r="KTO675" s="613"/>
      <c r="KTP675" s="613"/>
      <c r="KTQ675" s="613"/>
      <c r="KTR675" s="613"/>
      <c r="KTS675" s="613"/>
      <c r="KTT675" s="613"/>
      <c r="KTU675" s="613"/>
      <c r="KTV675" s="613"/>
      <c r="KTW675" s="613"/>
      <c r="KTX675" s="613"/>
      <c r="KTY675" s="613"/>
      <c r="KTZ675" s="613"/>
      <c r="KUA675" s="613"/>
      <c r="KUB675" s="613"/>
      <c r="KUC675" s="613"/>
      <c r="KUD675" s="613"/>
      <c r="KUE675" s="613"/>
      <c r="KUF675" s="613"/>
      <c r="KUG675" s="613"/>
      <c r="KUH675" s="613"/>
      <c r="KUI675" s="613"/>
      <c r="KUJ675" s="613"/>
      <c r="KUK675" s="613"/>
      <c r="KUL675" s="613"/>
      <c r="KUM675" s="613"/>
      <c r="KUN675" s="613"/>
      <c r="KUO675" s="613"/>
      <c r="KUP675" s="613"/>
      <c r="KUQ675" s="613"/>
      <c r="KUR675" s="613"/>
      <c r="KUS675" s="613"/>
      <c r="KUT675" s="613"/>
      <c r="KUU675" s="613"/>
      <c r="KUV675" s="613"/>
      <c r="KUW675" s="613"/>
      <c r="KUX675" s="613"/>
      <c r="KUY675" s="613"/>
      <c r="KUZ675" s="613"/>
      <c r="KVA675" s="613"/>
      <c r="KVB675" s="613"/>
      <c r="KVC675" s="613"/>
      <c r="KVD675" s="613"/>
      <c r="KVE675" s="613"/>
      <c r="KVF675" s="613"/>
      <c r="KVG675" s="613"/>
      <c r="KVH675" s="613"/>
      <c r="KVI675" s="613"/>
      <c r="KVJ675" s="613"/>
      <c r="KVK675" s="613"/>
      <c r="KVL675" s="613"/>
      <c r="KVM675" s="613"/>
      <c r="KVN675" s="613"/>
      <c r="KVO675" s="613"/>
      <c r="KVP675" s="613"/>
      <c r="KVQ675" s="613"/>
      <c r="KVR675" s="613"/>
      <c r="KVS675" s="613"/>
      <c r="KVT675" s="613"/>
      <c r="KVU675" s="613"/>
      <c r="KVV675" s="613"/>
      <c r="KVW675" s="613"/>
      <c r="KVX675" s="613"/>
      <c r="KVY675" s="613"/>
      <c r="KVZ675" s="613"/>
      <c r="KWA675" s="613"/>
      <c r="KWB675" s="613"/>
      <c r="KWC675" s="613"/>
      <c r="KWD675" s="613"/>
      <c r="KWE675" s="613"/>
      <c r="KWF675" s="613"/>
      <c r="KWG675" s="613"/>
      <c r="KWH675" s="613"/>
      <c r="KWI675" s="613"/>
      <c r="KWJ675" s="613"/>
      <c r="KWK675" s="613"/>
      <c r="KWL675" s="613"/>
      <c r="KWM675" s="613"/>
      <c r="KWN675" s="613"/>
      <c r="KWO675" s="613"/>
      <c r="KWP675" s="613"/>
      <c r="KWQ675" s="613"/>
      <c r="KWR675" s="613"/>
      <c r="KWS675" s="613"/>
      <c r="KWT675" s="613"/>
      <c r="KWU675" s="613"/>
      <c r="KWV675" s="613"/>
      <c r="KWW675" s="613"/>
      <c r="KWX675" s="613"/>
      <c r="KWY675" s="613"/>
      <c r="KWZ675" s="613"/>
      <c r="KXA675" s="613"/>
      <c r="KXB675" s="613"/>
      <c r="KXC675" s="613"/>
      <c r="KXD675" s="613"/>
      <c r="KXE675" s="613"/>
      <c r="KXF675" s="613"/>
      <c r="KXG675" s="613"/>
      <c r="KXH675" s="613"/>
      <c r="KXI675" s="613"/>
      <c r="KXJ675" s="613"/>
      <c r="KXK675" s="613"/>
      <c r="KXL675" s="613"/>
      <c r="KXM675" s="613"/>
      <c r="KXN675" s="613"/>
      <c r="KXO675" s="613"/>
      <c r="KXP675" s="613"/>
      <c r="KXQ675" s="613"/>
      <c r="KXR675" s="613"/>
      <c r="KXS675" s="613"/>
      <c r="KXT675" s="613"/>
      <c r="KXU675" s="613"/>
      <c r="KXV675" s="613"/>
      <c r="KXW675" s="613"/>
      <c r="KXX675" s="613"/>
      <c r="KXY675" s="613"/>
      <c r="KXZ675" s="613"/>
      <c r="KYA675" s="613"/>
      <c r="KYB675" s="613"/>
      <c r="KYC675" s="613"/>
      <c r="KYD675" s="613"/>
      <c r="KYE675" s="613"/>
      <c r="KYF675" s="613"/>
      <c r="KYG675" s="613"/>
      <c r="KYH675" s="613"/>
      <c r="KYI675" s="613"/>
      <c r="KYJ675" s="613"/>
      <c r="KYK675" s="613"/>
      <c r="KYL675" s="613"/>
      <c r="KYM675" s="613"/>
      <c r="KYN675" s="613"/>
      <c r="KYO675" s="613"/>
      <c r="KYP675" s="613"/>
      <c r="KYQ675" s="613"/>
      <c r="KYR675" s="613"/>
      <c r="KYS675" s="613"/>
      <c r="KYT675" s="613"/>
      <c r="KYU675" s="613"/>
      <c r="KYV675" s="613"/>
      <c r="KYW675" s="613"/>
      <c r="KYX675" s="613"/>
      <c r="KYY675" s="613"/>
      <c r="KYZ675" s="613"/>
      <c r="KZA675" s="613"/>
      <c r="KZB675" s="613"/>
      <c r="KZC675" s="613"/>
      <c r="KZD675" s="613"/>
      <c r="KZE675" s="613"/>
      <c r="KZF675" s="613"/>
      <c r="KZG675" s="613"/>
      <c r="KZH675" s="613"/>
      <c r="KZI675" s="613"/>
      <c r="KZJ675" s="613"/>
      <c r="KZK675" s="613"/>
      <c r="KZL675" s="613"/>
      <c r="KZM675" s="613"/>
      <c r="KZN675" s="613"/>
      <c r="KZO675" s="613"/>
      <c r="KZP675" s="613"/>
      <c r="KZQ675" s="613"/>
      <c r="KZR675" s="613"/>
      <c r="KZS675" s="613"/>
      <c r="KZT675" s="613"/>
      <c r="KZU675" s="613"/>
      <c r="KZV675" s="613"/>
      <c r="KZW675" s="613"/>
      <c r="KZX675" s="613"/>
      <c r="KZY675" s="613"/>
      <c r="KZZ675" s="613"/>
      <c r="LAA675" s="613"/>
      <c r="LAB675" s="613"/>
      <c r="LAC675" s="613"/>
      <c r="LAD675" s="613"/>
      <c r="LAE675" s="613"/>
      <c r="LAF675" s="613"/>
      <c r="LAG675" s="613"/>
      <c r="LAH675" s="613"/>
      <c r="LAI675" s="613"/>
      <c r="LAJ675" s="613"/>
      <c r="LAK675" s="613"/>
      <c r="LAL675" s="613"/>
      <c r="LAM675" s="613"/>
      <c r="LAN675" s="613"/>
      <c r="LAO675" s="613"/>
      <c r="LAP675" s="613"/>
      <c r="LAQ675" s="613"/>
      <c r="LAR675" s="613"/>
      <c r="LAS675" s="613"/>
      <c r="LAT675" s="613"/>
      <c r="LAU675" s="613"/>
      <c r="LAV675" s="613"/>
      <c r="LAW675" s="613"/>
      <c r="LAX675" s="613"/>
      <c r="LAY675" s="613"/>
      <c r="LAZ675" s="613"/>
      <c r="LBA675" s="613"/>
      <c r="LBB675" s="613"/>
      <c r="LBC675" s="613"/>
      <c r="LBD675" s="613"/>
      <c r="LBE675" s="613"/>
      <c r="LBF675" s="613"/>
      <c r="LBG675" s="613"/>
      <c r="LBH675" s="613"/>
      <c r="LBI675" s="613"/>
      <c r="LBJ675" s="613"/>
      <c r="LBK675" s="613"/>
      <c r="LBL675" s="613"/>
      <c r="LBM675" s="613"/>
      <c r="LBN675" s="613"/>
      <c r="LBO675" s="613"/>
      <c r="LBP675" s="613"/>
      <c r="LBQ675" s="613"/>
      <c r="LBR675" s="613"/>
      <c r="LBS675" s="613"/>
      <c r="LBT675" s="613"/>
      <c r="LBU675" s="613"/>
      <c r="LBV675" s="613"/>
      <c r="LBW675" s="613"/>
      <c r="LBX675" s="613"/>
      <c r="LBY675" s="613"/>
      <c r="LBZ675" s="613"/>
      <c r="LCA675" s="613"/>
      <c r="LCB675" s="613"/>
      <c r="LCC675" s="613"/>
      <c r="LCD675" s="613"/>
      <c r="LCE675" s="613"/>
      <c r="LCF675" s="613"/>
      <c r="LCG675" s="613"/>
      <c r="LCH675" s="613"/>
      <c r="LCI675" s="613"/>
      <c r="LCJ675" s="613"/>
      <c r="LCK675" s="613"/>
      <c r="LCL675" s="613"/>
      <c r="LCM675" s="613"/>
      <c r="LCN675" s="613"/>
      <c r="LCO675" s="613"/>
      <c r="LCP675" s="613"/>
      <c r="LCQ675" s="613"/>
      <c r="LCR675" s="613"/>
      <c r="LCS675" s="613"/>
      <c r="LCT675" s="613"/>
      <c r="LCU675" s="613"/>
      <c r="LCV675" s="613"/>
      <c r="LCW675" s="613"/>
      <c r="LCX675" s="613"/>
      <c r="LCY675" s="613"/>
      <c r="LCZ675" s="613"/>
      <c r="LDA675" s="613"/>
      <c r="LDB675" s="613"/>
      <c r="LDC675" s="613"/>
      <c r="LDD675" s="613"/>
      <c r="LDE675" s="613"/>
      <c r="LDF675" s="613"/>
      <c r="LDG675" s="613"/>
      <c r="LDH675" s="613"/>
      <c r="LDI675" s="613"/>
      <c r="LDJ675" s="613"/>
      <c r="LDK675" s="613"/>
      <c r="LDL675" s="613"/>
      <c r="LDM675" s="613"/>
      <c r="LDN675" s="613"/>
      <c r="LDO675" s="613"/>
      <c r="LDP675" s="613"/>
      <c r="LDQ675" s="613"/>
      <c r="LDR675" s="613"/>
      <c r="LDS675" s="613"/>
      <c r="LDT675" s="613"/>
      <c r="LDU675" s="613"/>
      <c r="LDV675" s="613"/>
      <c r="LDW675" s="613"/>
      <c r="LDX675" s="613"/>
      <c r="LDY675" s="613"/>
      <c r="LDZ675" s="613"/>
      <c r="LEA675" s="613"/>
      <c r="LEB675" s="613"/>
      <c r="LEC675" s="613"/>
      <c r="LED675" s="613"/>
      <c r="LEE675" s="613"/>
      <c r="LEF675" s="613"/>
      <c r="LEG675" s="613"/>
      <c r="LEH675" s="613"/>
      <c r="LEI675" s="613"/>
      <c r="LEJ675" s="613"/>
      <c r="LEK675" s="613"/>
      <c r="LEL675" s="613"/>
      <c r="LEM675" s="613"/>
      <c r="LEN675" s="613"/>
      <c r="LEO675" s="613"/>
      <c r="LEP675" s="613"/>
      <c r="LEQ675" s="613"/>
      <c r="LER675" s="613"/>
      <c r="LES675" s="613"/>
      <c r="LET675" s="613"/>
      <c r="LEU675" s="613"/>
      <c r="LEV675" s="613"/>
      <c r="LEW675" s="613"/>
      <c r="LEX675" s="613"/>
      <c r="LEY675" s="613"/>
      <c r="LEZ675" s="613"/>
      <c r="LFA675" s="613"/>
      <c r="LFB675" s="613"/>
      <c r="LFC675" s="613"/>
      <c r="LFD675" s="613"/>
      <c r="LFE675" s="613"/>
      <c r="LFF675" s="613"/>
      <c r="LFG675" s="613"/>
      <c r="LFH675" s="613"/>
      <c r="LFI675" s="613"/>
      <c r="LFJ675" s="613"/>
      <c r="LFK675" s="613"/>
      <c r="LFL675" s="613"/>
      <c r="LFM675" s="613"/>
      <c r="LFN675" s="613"/>
      <c r="LFO675" s="613"/>
      <c r="LFP675" s="613"/>
      <c r="LFQ675" s="613"/>
      <c r="LFR675" s="613"/>
      <c r="LFS675" s="613"/>
      <c r="LFT675" s="613"/>
      <c r="LFU675" s="613"/>
      <c r="LFV675" s="613"/>
      <c r="LFW675" s="613"/>
      <c r="LFX675" s="613"/>
      <c r="LFY675" s="613"/>
      <c r="LFZ675" s="613"/>
      <c r="LGA675" s="613"/>
      <c r="LGB675" s="613"/>
      <c r="LGC675" s="613"/>
      <c r="LGD675" s="613"/>
      <c r="LGE675" s="613"/>
      <c r="LGF675" s="613"/>
      <c r="LGG675" s="613"/>
      <c r="LGH675" s="613"/>
      <c r="LGI675" s="613"/>
      <c r="LGJ675" s="613"/>
      <c r="LGK675" s="613"/>
      <c r="LGL675" s="613"/>
      <c r="LGM675" s="613"/>
      <c r="LGN675" s="613"/>
      <c r="LGO675" s="613"/>
      <c r="LGP675" s="613"/>
      <c r="LGQ675" s="613"/>
      <c r="LGR675" s="613"/>
      <c r="LGS675" s="613"/>
      <c r="LGT675" s="613"/>
      <c r="LGU675" s="613"/>
      <c r="LGV675" s="613"/>
      <c r="LGW675" s="613"/>
      <c r="LGX675" s="613"/>
      <c r="LGY675" s="613"/>
      <c r="LGZ675" s="613"/>
      <c r="LHA675" s="613"/>
      <c r="LHB675" s="613"/>
      <c r="LHC675" s="613"/>
      <c r="LHD675" s="613"/>
      <c r="LHE675" s="613"/>
      <c r="LHF675" s="613"/>
      <c r="LHG675" s="613"/>
      <c r="LHH675" s="613"/>
      <c r="LHI675" s="613"/>
      <c r="LHJ675" s="613"/>
      <c r="LHK675" s="613"/>
      <c r="LHL675" s="613"/>
      <c r="LHM675" s="613"/>
      <c r="LHN675" s="613"/>
      <c r="LHO675" s="613"/>
      <c r="LHP675" s="613"/>
      <c r="LHQ675" s="613"/>
      <c r="LHR675" s="613"/>
      <c r="LHS675" s="613"/>
      <c r="LHT675" s="613"/>
      <c r="LHU675" s="613"/>
      <c r="LHV675" s="613"/>
      <c r="LHW675" s="613"/>
      <c r="LHX675" s="613"/>
      <c r="LHY675" s="613"/>
      <c r="LHZ675" s="613"/>
      <c r="LIA675" s="613"/>
      <c r="LIB675" s="613"/>
      <c r="LIC675" s="613"/>
      <c r="LID675" s="613"/>
      <c r="LIE675" s="613"/>
      <c r="LIF675" s="613"/>
      <c r="LIG675" s="613"/>
      <c r="LIH675" s="613"/>
      <c r="LII675" s="613"/>
      <c r="LIJ675" s="613"/>
      <c r="LIK675" s="613"/>
      <c r="LIL675" s="613"/>
      <c r="LIM675" s="613"/>
      <c r="LIN675" s="613"/>
      <c r="LIO675" s="613"/>
      <c r="LIP675" s="613"/>
      <c r="LIQ675" s="613"/>
      <c r="LIR675" s="613"/>
      <c r="LIS675" s="613"/>
      <c r="LIT675" s="613"/>
      <c r="LIU675" s="613"/>
      <c r="LIV675" s="613"/>
      <c r="LIW675" s="613"/>
      <c r="LIX675" s="613"/>
      <c r="LIY675" s="613"/>
      <c r="LIZ675" s="613"/>
      <c r="LJA675" s="613"/>
      <c r="LJB675" s="613"/>
      <c r="LJC675" s="613"/>
      <c r="LJD675" s="613"/>
      <c r="LJE675" s="613"/>
      <c r="LJF675" s="613"/>
      <c r="LJG675" s="613"/>
      <c r="LJH675" s="613"/>
      <c r="LJI675" s="613"/>
      <c r="LJJ675" s="613"/>
      <c r="LJK675" s="613"/>
      <c r="LJL675" s="613"/>
      <c r="LJM675" s="613"/>
      <c r="LJN675" s="613"/>
      <c r="LJO675" s="613"/>
      <c r="LJP675" s="613"/>
      <c r="LJQ675" s="613"/>
      <c r="LJR675" s="613"/>
      <c r="LJS675" s="613"/>
      <c r="LJT675" s="613"/>
      <c r="LJU675" s="613"/>
      <c r="LJV675" s="613"/>
      <c r="LJW675" s="613"/>
      <c r="LJX675" s="613"/>
      <c r="LJY675" s="613"/>
      <c r="LJZ675" s="613"/>
      <c r="LKA675" s="613"/>
      <c r="LKB675" s="613"/>
      <c r="LKC675" s="613"/>
      <c r="LKD675" s="613"/>
      <c r="LKE675" s="613"/>
      <c r="LKF675" s="613"/>
      <c r="LKG675" s="613"/>
      <c r="LKH675" s="613"/>
      <c r="LKI675" s="613"/>
      <c r="LKJ675" s="613"/>
      <c r="LKK675" s="613"/>
      <c r="LKL675" s="613"/>
      <c r="LKM675" s="613"/>
      <c r="LKN675" s="613"/>
      <c r="LKO675" s="613"/>
      <c r="LKP675" s="613"/>
      <c r="LKQ675" s="613"/>
      <c r="LKR675" s="613"/>
      <c r="LKS675" s="613"/>
      <c r="LKT675" s="613"/>
      <c r="LKU675" s="613"/>
      <c r="LKV675" s="613"/>
      <c r="LKW675" s="613"/>
      <c r="LKX675" s="613"/>
      <c r="LKY675" s="613"/>
      <c r="LKZ675" s="613"/>
      <c r="LLA675" s="613"/>
      <c r="LLB675" s="613"/>
      <c r="LLC675" s="613"/>
      <c r="LLD675" s="613"/>
      <c r="LLE675" s="613"/>
      <c r="LLF675" s="613"/>
      <c r="LLG675" s="613"/>
      <c r="LLH675" s="613"/>
      <c r="LLI675" s="613"/>
      <c r="LLJ675" s="613"/>
      <c r="LLK675" s="613"/>
      <c r="LLL675" s="613"/>
      <c r="LLM675" s="613"/>
      <c r="LLN675" s="613"/>
      <c r="LLO675" s="613"/>
      <c r="LLP675" s="613"/>
      <c r="LLQ675" s="613"/>
      <c r="LLR675" s="613"/>
      <c r="LLS675" s="613"/>
      <c r="LLT675" s="613"/>
      <c r="LLU675" s="613"/>
      <c r="LLV675" s="613"/>
      <c r="LLW675" s="613"/>
      <c r="LLX675" s="613"/>
      <c r="LLY675" s="613"/>
      <c r="LLZ675" s="613"/>
      <c r="LMA675" s="613"/>
      <c r="LMB675" s="613"/>
      <c r="LMC675" s="613"/>
      <c r="LMD675" s="613"/>
      <c r="LME675" s="613"/>
      <c r="LMF675" s="613"/>
      <c r="LMG675" s="613"/>
      <c r="LMH675" s="613"/>
      <c r="LMI675" s="613"/>
      <c r="LMJ675" s="613"/>
      <c r="LMK675" s="613"/>
      <c r="LML675" s="613"/>
      <c r="LMM675" s="613"/>
      <c r="LMN675" s="613"/>
      <c r="LMO675" s="613"/>
      <c r="LMP675" s="613"/>
      <c r="LMQ675" s="613"/>
      <c r="LMR675" s="613"/>
      <c r="LMS675" s="613"/>
      <c r="LMT675" s="613"/>
      <c r="LMU675" s="613"/>
      <c r="LMV675" s="613"/>
      <c r="LMW675" s="613"/>
      <c r="LMX675" s="613"/>
      <c r="LMY675" s="613"/>
      <c r="LMZ675" s="613"/>
      <c r="LNA675" s="613"/>
      <c r="LNB675" s="613"/>
      <c r="LNC675" s="613"/>
      <c r="LND675" s="613"/>
      <c r="LNE675" s="613"/>
      <c r="LNF675" s="613"/>
      <c r="LNG675" s="613"/>
      <c r="LNH675" s="613"/>
      <c r="LNI675" s="613"/>
      <c r="LNJ675" s="613"/>
      <c r="LNK675" s="613"/>
      <c r="LNL675" s="613"/>
      <c r="LNM675" s="613"/>
      <c r="LNN675" s="613"/>
      <c r="LNO675" s="613"/>
      <c r="LNP675" s="613"/>
      <c r="LNQ675" s="613"/>
      <c r="LNR675" s="613"/>
      <c r="LNS675" s="613"/>
      <c r="LNT675" s="613"/>
      <c r="LNU675" s="613"/>
      <c r="LNV675" s="613"/>
      <c r="LNW675" s="613"/>
      <c r="LNX675" s="613"/>
      <c r="LNY675" s="613"/>
      <c r="LNZ675" s="613"/>
      <c r="LOA675" s="613"/>
      <c r="LOB675" s="613"/>
      <c r="LOC675" s="613"/>
      <c r="LOD675" s="613"/>
      <c r="LOE675" s="613"/>
      <c r="LOF675" s="613"/>
      <c r="LOG675" s="613"/>
      <c r="LOH675" s="613"/>
      <c r="LOI675" s="613"/>
      <c r="LOJ675" s="613"/>
      <c r="LOK675" s="613"/>
      <c r="LOL675" s="613"/>
      <c r="LOM675" s="613"/>
      <c r="LON675" s="613"/>
      <c r="LOO675" s="613"/>
      <c r="LOP675" s="613"/>
      <c r="LOQ675" s="613"/>
      <c r="LOR675" s="613"/>
      <c r="LOS675" s="613"/>
      <c r="LOT675" s="613"/>
      <c r="LOU675" s="613"/>
      <c r="LOV675" s="613"/>
      <c r="LOW675" s="613"/>
      <c r="LOX675" s="613"/>
      <c r="LOY675" s="613"/>
      <c r="LOZ675" s="613"/>
      <c r="LPA675" s="613"/>
      <c r="LPB675" s="613"/>
      <c r="LPC675" s="613"/>
      <c r="LPD675" s="613"/>
      <c r="LPE675" s="613"/>
      <c r="LPF675" s="613"/>
      <c r="LPG675" s="613"/>
      <c r="LPH675" s="613"/>
      <c r="LPI675" s="613"/>
      <c r="LPJ675" s="613"/>
      <c r="LPK675" s="613"/>
      <c r="LPL675" s="613"/>
      <c r="LPM675" s="613"/>
      <c r="LPN675" s="613"/>
      <c r="LPO675" s="613"/>
      <c r="LPP675" s="613"/>
      <c r="LPQ675" s="613"/>
      <c r="LPR675" s="613"/>
      <c r="LPS675" s="613"/>
      <c r="LPT675" s="613"/>
      <c r="LPU675" s="613"/>
      <c r="LPV675" s="613"/>
      <c r="LPW675" s="613"/>
      <c r="LPX675" s="613"/>
      <c r="LPY675" s="613"/>
      <c r="LPZ675" s="613"/>
      <c r="LQA675" s="613"/>
      <c r="LQB675" s="613"/>
      <c r="LQC675" s="613"/>
      <c r="LQD675" s="613"/>
      <c r="LQE675" s="613"/>
      <c r="LQF675" s="613"/>
      <c r="LQG675" s="613"/>
      <c r="LQH675" s="613"/>
      <c r="LQI675" s="613"/>
      <c r="LQJ675" s="613"/>
      <c r="LQK675" s="613"/>
      <c r="LQL675" s="613"/>
      <c r="LQM675" s="613"/>
      <c r="LQN675" s="613"/>
      <c r="LQO675" s="613"/>
      <c r="LQP675" s="613"/>
      <c r="LQQ675" s="613"/>
      <c r="LQR675" s="613"/>
      <c r="LQS675" s="613"/>
      <c r="LQT675" s="613"/>
      <c r="LQU675" s="613"/>
      <c r="LQV675" s="613"/>
      <c r="LQW675" s="613"/>
      <c r="LQX675" s="613"/>
      <c r="LQY675" s="613"/>
      <c r="LQZ675" s="613"/>
      <c r="LRA675" s="613"/>
      <c r="LRB675" s="613"/>
      <c r="LRC675" s="613"/>
      <c r="LRD675" s="613"/>
      <c r="LRE675" s="613"/>
      <c r="LRF675" s="613"/>
      <c r="LRG675" s="613"/>
      <c r="LRH675" s="613"/>
      <c r="LRI675" s="613"/>
      <c r="LRJ675" s="613"/>
      <c r="LRK675" s="613"/>
      <c r="LRL675" s="613"/>
      <c r="LRM675" s="613"/>
      <c r="LRN675" s="613"/>
      <c r="LRO675" s="613"/>
      <c r="LRP675" s="613"/>
      <c r="LRQ675" s="613"/>
      <c r="LRR675" s="613"/>
      <c r="LRS675" s="613"/>
      <c r="LRT675" s="613"/>
      <c r="LRU675" s="613"/>
      <c r="LRV675" s="613"/>
      <c r="LRW675" s="613"/>
      <c r="LRX675" s="613"/>
      <c r="LRY675" s="613"/>
      <c r="LRZ675" s="613"/>
      <c r="LSA675" s="613"/>
      <c r="LSB675" s="613"/>
      <c r="LSC675" s="613"/>
      <c r="LSD675" s="613"/>
      <c r="LSE675" s="613"/>
      <c r="LSF675" s="613"/>
      <c r="LSG675" s="613"/>
      <c r="LSH675" s="613"/>
      <c r="LSI675" s="613"/>
      <c r="LSJ675" s="613"/>
      <c r="LSK675" s="613"/>
      <c r="LSL675" s="613"/>
      <c r="LSM675" s="613"/>
      <c r="LSN675" s="613"/>
      <c r="LSO675" s="613"/>
      <c r="LSP675" s="613"/>
      <c r="LSQ675" s="613"/>
      <c r="LSR675" s="613"/>
      <c r="LSS675" s="613"/>
      <c r="LST675" s="613"/>
      <c r="LSU675" s="613"/>
      <c r="LSV675" s="613"/>
      <c r="LSW675" s="613"/>
      <c r="LSX675" s="613"/>
      <c r="LSY675" s="613"/>
      <c r="LSZ675" s="613"/>
      <c r="LTA675" s="613"/>
      <c r="LTB675" s="613"/>
      <c r="LTC675" s="613"/>
      <c r="LTD675" s="613"/>
      <c r="LTE675" s="613"/>
      <c r="LTF675" s="613"/>
      <c r="LTG675" s="613"/>
      <c r="LTH675" s="613"/>
      <c r="LTI675" s="613"/>
      <c r="LTJ675" s="613"/>
      <c r="LTK675" s="613"/>
      <c r="LTL675" s="613"/>
      <c r="LTM675" s="613"/>
      <c r="LTN675" s="613"/>
      <c r="LTO675" s="613"/>
      <c r="LTP675" s="613"/>
      <c r="LTQ675" s="613"/>
      <c r="LTR675" s="613"/>
      <c r="LTS675" s="613"/>
      <c r="LTT675" s="613"/>
      <c r="LTU675" s="613"/>
      <c r="LTV675" s="613"/>
      <c r="LTW675" s="613"/>
      <c r="LTX675" s="613"/>
      <c r="LTY675" s="613"/>
      <c r="LTZ675" s="613"/>
      <c r="LUA675" s="613"/>
      <c r="LUB675" s="613"/>
      <c r="LUC675" s="613"/>
      <c r="LUD675" s="613"/>
      <c r="LUE675" s="613"/>
      <c r="LUF675" s="613"/>
      <c r="LUG675" s="613"/>
      <c r="LUH675" s="613"/>
      <c r="LUI675" s="613"/>
      <c r="LUJ675" s="613"/>
      <c r="LUK675" s="613"/>
      <c r="LUL675" s="613"/>
      <c r="LUM675" s="613"/>
      <c r="LUN675" s="613"/>
      <c r="LUO675" s="613"/>
      <c r="LUP675" s="613"/>
      <c r="LUQ675" s="613"/>
      <c r="LUR675" s="613"/>
      <c r="LUS675" s="613"/>
      <c r="LUT675" s="613"/>
      <c r="LUU675" s="613"/>
      <c r="LUV675" s="613"/>
      <c r="LUW675" s="613"/>
      <c r="LUX675" s="613"/>
      <c r="LUY675" s="613"/>
      <c r="LUZ675" s="613"/>
      <c r="LVA675" s="613"/>
      <c r="LVB675" s="613"/>
      <c r="LVC675" s="613"/>
      <c r="LVD675" s="613"/>
      <c r="LVE675" s="613"/>
      <c r="LVF675" s="613"/>
      <c r="LVG675" s="613"/>
      <c r="LVH675" s="613"/>
      <c r="LVI675" s="613"/>
      <c r="LVJ675" s="613"/>
      <c r="LVK675" s="613"/>
      <c r="LVL675" s="613"/>
      <c r="LVM675" s="613"/>
      <c r="LVN675" s="613"/>
      <c r="LVO675" s="613"/>
      <c r="LVP675" s="613"/>
      <c r="LVQ675" s="613"/>
      <c r="LVR675" s="613"/>
      <c r="LVS675" s="613"/>
      <c r="LVT675" s="613"/>
      <c r="LVU675" s="613"/>
      <c r="LVV675" s="613"/>
      <c r="LVW675" s="613"/>
      <c r="LVX675" s="613"/>
      <c r="LVY675" s="613"/>
      <c r="LVZ675" s="613"/>
      <c r="LWA675" s="613"/>
      <c r="LWB675" s="613"/>
      <c r="LWC675" s="613"/>
      <c r="LWD675" s="613"/>
      <c r="LWE675" s="613"/>
      <c r="LWF675" s="613"/>
      <c r="LWG675" s="613"/>
      <c r="LWH675" s="613"/>
      <c r="LWI675" s="613"/>
      <c r="LWJ675" s="613"/>
      <c r="LWK675" s="613"/>
      <c r="LWL675" s="613"/>
      <c r="LWM675" s="613"/>
      <c r="LWN675" s="613"/>
      <c r="LWO675" s="613"/>
      <c r="LWP675" s="613"/>
      <c r="LWQ675" s="613"/>
      <c r="LWR675" s="613"/>
      <c r="LWS675" s="613"/>
      <c r="LWT675" s="613"/>
      <c r="LWU675" s="613"/>
      <c r="LWV675" s="613"/>
      <c r="LWW675" s="613"/>
      <c r="LWX675" s="613"/>
      <c r="LWY675" s="613"/>
      <c r="LWZ675" s="613"/>
      <c r="LXA675" s="613"/>
      <c r="LXB675" s="613"/>
      <c r="LXC675" s="613"/>
      <c r="LXD675" s="613"/>
      <c r="LXE675" s="613"/>
      <c r="LXF675" s="613"/>
      <c r="LXG675" s="613"/>
      <c r="LXH675" s="613"/>
      <c r="LXI675" s="613"/>
      <c r="LXJ675" s="613"/>
      <c r="LXK675" s="613"/>
      <c r="LXL675" s="613"/>
      <c r="LXM675" s="613"/>
      <c r="LXN675" s="613"/>
      <c r="LXO675" s="613"/>
      <c r="LXP675" s="613"/>
      <c r="LXQ675" s="613"/>
      <c r="LXR675" s="613"/>
      <c r="LXS675" s="613"/>
      <c r="LXT675" s="613"/>
      <c r="LXU675" s="613"/>
      <c r="LXV675" s="613"/>
      <c r="LXW675" s="613"/>
      <c r="LXX675" s="613"/>
      <c r="LXY675" s="613"/>
      <c r="LXZ675" s="613"/>
      <c r="LYA675" s="613"/>
      <c r="LYB675" s="613"/>
      <c r="LYC675" s="613"/>
      <c r="LYD675" s="613"/>
      <c r="LYE675" s="613"/>
      <c r="LYF675" s="613"/>
      <c r="LYG675" s="613"/>
      <c r="LYH675" s="613"/>
      <c r="LYI675" s="613"/>
      <c r="LYJ675" s="613"/>
      <c r="LYK675" s="613"/>
      <c r="LYL675" s="613"/>
      <c r="LYM675" s="613"/>
      <c r="LYN675" s="613"/>
      <c r="LYO675" s="613"/>
      <c r="LYP675" s="613"/>
      <c r="LYQ675" s="613"/>
      <c r="LYR675" s="613"/>
      <c r="LYS675" s="613"/>
      <c r="LYT675" s="613"/>
      <c r="LYU675" s="613"/>
      <c r="LYV675" s="613"/>
      <c r="LYW675" s="613"/>
      <c r="LYX675" s="613"/>
      <c r="LYY675" s="613"/>
      <c r="LYZ675" s="613"/>
      <c r="LZA675" s="613"/>
      <c r="LZB675" s="613"/>
      <c r="LZC675" s="613"/>
      <c r="LZD675" s="613"/>
      <c r="LZE675" s="613"/>
      <c r="LZF675" s="613"/>
      <c r="LZG675" s="613"/>
      <c r="LZH675" s="613"/>
      <c r="LZI675" s="613"/>
      <c r="LZJ675" s="613"/>
      <c r="LZK675" s="613"/>
      <c r="LZL675" s="613"/>
      <c r="LZM675" s="613"/>
      <c r="LZN675" s="613"/>
      <c r="LZO675" s="613"/>
      <c r="LZP675" s="613"/>
      <c r="LZQ675" s="613"/>
      <c r="LZR675" s="613"/>
      <c r="LZS675" s="613"/>
      <c r="LZT675" s="613"/>
      <c r="LZU675" s="613"/>
      <c r="LZV675" s="613"/>
      <c r="LZW675" s="613"/>
      <c r="LZX675" s="613"/>
      <c r="LZY675" s="613"/>
      <c r="LZZ675" s="613"/>
      <c r="MAA675" s="613"/>
      <c r="MAB675" s="613"/>
      <c r="MAC675" s="613"/>
      <c r="MAD675" s="613"/>
      <c r="MAE675" s="613"/>
      <c r="MAF675" s="613"/>
      <c r="MAG675" s="613"/>
      <c r="MAH675" s="613"/>
      <c r="MAI675" s="613"/>
      <c r="MAJ675" s="613"/>
      <c r="MAK675" s="613"/>
      <c r="MAL675" s="613"/>
      <c r="MAM675" s="613"/>
      <c r="MAN675" s="613"/>
      <c r="MAO675" s="613"/>
      <c r="MAP675" s="613"/>
      <c r="MAQ675" s="613"/>
      <c r="MAR675" s="613"/>
      <c r="MAS675" s="613"/>
      <c r="MAT675" s="613"/>
      <c r="MAU675" s="613"/>
      <c r="MAV675" s="613"/>
      <c r="MAW675" s="613"/>
      <c r="MAX675" s="613"/>
      <c r="MAY675" s="613"/>
      <c r="MAZ675" s="613"/>
      <c r="MBA675" s="613"/>
      <c r="MBB675" s="613"/>
      <c r="MBC675" s="613"/>
      <c r="MBD675" s="613"/>
      <c r="MBE675" s="613"/>
      <c r="MBF675" s="613"/>
      <c r="MBG675" s="613"/>
      <c r="MBH675" s="613"/>
      <c r="MBI675" s="613"/>
      <c r="MBJ675" s="613"/>
      <c r="MBK675" s="613"/>
      <c r="MBL675" s="613"/>
      <c r="MBM675" s="613"/>
      <c r="MBN675" s="613"/>
      <c r="MBO675" s="613"/>
      <c r="MBP675" s="613"/>
      <c r="MBQ675" s="613"/>
      <c r="MBR675" s="613"/>
      <c r="MBS675" s="613"/>
      <c r="MBT675" s="613"/>
      <c r="MBU675" s="613"/>
      <c r="MBV675" s="613"/>
      <c r="MBW675" s="613"/>
      <c r="MBX675" s="613"/>
      <c r="MBY675" s="613"/>
      <c r="MBZ675" s="613"/>
      <c r="MCA675" s="613"/>
      <c r="MCB675" s="613"/>
      <c r="MCC675" s="613"/>
      <c r="MCD675" s="613"/>
      <c r="MCE675" s="613"/>
      <c r="MCF675" s="613"/>
      <c r="MCG675" s="613"/>
      <c r="MCH675" s="613"/>
      <c r="MCI675" s="613"/>
      <c r="MCJ675" s="613"/>
      <c r="MCK675" s="613"/>
      <c r="MCL675" s="613"/>
      <c r="MCM675" s="613"/>
      <c r="MCN675" s="613"/>
      <c r="MCO675" s="613"/>
      <c r="MCP675" s="613"/>
      <c r="MCQ675" s="613"/>
      <c r="MCR675" s="613"/>
      <c r="MCS675" s="613"/>
      <c r="MCT675" s="613"/>
      <c r="MCU675" s="613"/>
      <c r="MCV675" s="613"/>
      <c r="MCW675" s="613"/>
      <c r="MCX675" s="613"/>
      <c r="MCY675" s="613"/>
      <c r="MCZ675" s="613"/>
      <c r="MDA675" s="613"/>
      <c r="MDB675" s="613"/>
      <c r="MDC675" s="613"/>
      <c r="MDD675" s="613"/>
      <c r="MDE675" s="613"/>
      <c r="MDF675" s="613"/>
      <c r="MDG675" s="613"/>
      <c r="MDH675" s="613"/>
      <c r="MDI675" s="613"/>
      <c r="MDJ675" s="613"/>
      <c r="MDK675" s="613"/>
      <c r="MDL675" s="613"/>
      <c r="MDM675" s="613"/>
      <c r="MDN675" s="613"/>
      <c r="MDO675" s="613"/>
      <c r="MDP675" s="613"/>
      <c r="MDQ675" s="613"/>
      <c r="MDR675" s="613"/>
      <c r="MDS675" s="613"/>
      <c r="MDT675" s="613"/>
      <c r="MDU675" s="613"/>
      <c r="MDV675" s="613"/>
      <c r="MDW675" s="613"/>
      <c r="MDX675" s="613"/>
      <c r="MDY675" s="613"/>
      <c r="MDZ675" s="613"/>
      <c r="MEA675" s="613"/>
      <c r="MEB675" s="613"/>
      <c r="MEC675" s="613"/>
      <c r="MED675" s="613"/>
      <c r="MEE675" s="613"/>
      <c r="MEF675" s="613"/>
      <c r="MEG675" s="613"/>
      <c r="MEH675" s="613"/>
      <c r="MEI675" s="613"/>
      <c r="MEJ675" s="613"/>
      <c r="MEK675" s="613"/>
      <c r="MEL675" s="613"/>
      <c r="MEM675" s="613"/>
      <c r="MEN675" s="613"/>
      <c r="MEO675" s="613"/>
      <c r="MEP675" s="613"/>
      <c r="MEQ675" s="613"/>
      <c r="MER675" s="613"/>
      <c r="MES675" s="613"/>
      <c r="MET675" s="613"/>
      <c r="MEU675" s="613"/>
      <c r="MEV675" s="613"/>
      <c r="MEW675" s="613"/>
      <c r="MEX675" s="613"/>
      <c r="MEY675" s="613"/>
      <c r="MEZ675" s="613"/>
      <c r="MFA675" s="613"/>
      <c r="MFB675" s="613"/>
      <c r="MFC675" s="613"/>
      <c r="MFD675" s="613"/>
      <c r="MFE675" s="613"/>
      <c r="MFF675" s="613"/>
      <c r="MFG675" s="613"/>
      <c r="MFH675" s="613"/>
      <c r="MFI675" s="613"/>
      <c r="MFJ675" s="613"/>
      <c r="MFK675" s="613"/>
      <c r="MFL675" s="613"/>
      <c r="MFM675" s="613"/>
      <c r="MFN675" s="613"/>
      <c r="MFO675" s="613"/>
      <c r="MFP675" s="613"/>
      <c r="MFQ675" s="613"/>
      <c r="MFR675" s="613"/>
      <c r="MFS675" s="613"/>
      <c r="MFT675" s="613"/>
      <c r="MFU675" s="613"/>
      <c r="MFV675" s="613"/>
      <c r="MFW675" s="613"/>
      <c r="MFX675" s="613"/>
      <c r="MFY675" s="613"/>
      <c r="MFZ675" s="613"/>
      <c r="MGA675" s="613"/>
      <c r="MGB675" s="613"/>
      <c r="MGC675" s="613"/>
      <c r="MGD675" s="613"/>
      <c r="MGE675" s="613"/>
      <c r="MGF675" s="613"/>
      <c r="MGG675" s="613"/>
      <c r="MGH675" s="613"/>
      <c r="MGI675" s="613"/>
      <c r="MGJ675" s="613"/>
      <c r="MGK675" s="613"/>
      <c r="MGL675" s="613"/>
      <c r="MGM675" s="613"/>
      <c r="MGN675" s="613"/>
      <c r="MGO675" s="613"/>
      <c r="MGP675" s="613"/>
      <c r="MGQ675" s="613"/>
      <c r="MGR675" s="613"/>
      <c r="MGS675" s="613"/>
      <c r="MGT675" s="613"/>
      <c r="MGU675" s="613"/>
      <c r="MGV675" s="613"/>
      <c r="MGW675" s="613"/>
      <c r="MGX675" s="613"/>
      <c r="MGY675" s="613"/>
      <c r="MGZ675" s="613"/>
      <c r="MHA675" s="613"/>
      <c r="MHB675" s="613"/>
      <c r="MHC675" s="613"/>
      <c r="MHD675" s="613"/>
      <c r="MHE675" s="613"/>
      <c r="MHF675" s="613"/>
      <c r="MHG675" s="613"/>
      <c r="MHH675" s="613"/>
      <c r="MHI675" s="613"/>
      <c r="MHJ675" s="613"/>
      <c r="MHK675" s="613"/>
      <c r="MHL675" s="613"/>
      <c r="MHM675" s="613"/>
      <c r="MHN675" s="613"/>
      <c r="MHO675" s="613"/>
      <c r="MHP675" s="613"/>
      <c r="MHQ675" s="613"/>
      <c r="MHR675" s="613"/>
      <c r="MHS675" s="613"/>
      <c r="MHT675" s="613"/>
      <c r="MHU675" s="613"/>
      <c r="MHV675" s="613"/>
      <c r="MHW675" s="613"/>
      <c r="MHX675" s="613"/>
      <c r="MHY675" s="613"/>
      <c r="MHZ675" s="613"/>
      <c r="MIA675" s="613"/>
      <c r="MIB675" s="613"/>
      <c r="MIC675" s="613"/>
      <c r="MID675" s="613"/>
      <c r="MIE675" s="613"/>
      <c r="MIF675" s="613"/>
      <c r="MIG675" s="613"/>
      <c r="MIH675" s="613"/>
      <c r="MII675" s="613"/>
      <c r="MIJ675" s="613"/>
      <c r="MIK675" s="613"/>
      <c r="MIL675" s="613"/>
      <c r="MIM675" s="613"/>
      <c r="MIN675" s="613"/>
      <c r="MIO675" s="613"/>
      <c r="MIP675" s="613"/>
      <c r="MIQ675" s="613"/>
      <c r="MIR675" s="613"/>
      <c r="MIS675" s="613"/>
      <c r="MIT675" s="613"/>
      <c r="MIU675" s="613"/>
      <c r="MIV675" s="613"/>
      <c r="MIW675" s="613"/>
      <c r="MIX675" s="613"/>
      <c r="MIY675" s="613"/>
      <c r="MIZ675" s="613"/>
      <c r="MJA675" s="613"/>
      <c r="MJB675" s="613"/>
      <c r="MJC675" s="613"/>
      <c r="MJD675" s="613"/>
      <c r="MJE675" s="613"/>
      <c r="MJF675" s="613"/>
      <c r="MJG675" s="613"/>
      <c r="MJH675" s="613"/>
      <c r="MJI675" s="613"/>
      <c r="MJJ675" s="613"/>
      <c r="MJK675" s="613"/>
      <c r="MJL675" s="613"/>
      <c r="MJM675" s="613"/>
      <c r="MJN675" s="613"/>
      <c r="MJO675" s="613"/>
      <c r="MJP675" s="613"/>
      <c r="MJQ675" s="613"/>
      <c r="MJR675" s="613"/>
      <c r="MJS675" s="613"/>
      <c r="MJT675" s="613"/>
      <c r="MJU675" s="613"/>
      <c r="MJV675" s="613"/>
      <c r="MJW675" s="613"/>
      <c r="MJX675" s="613"/>
      <c r="MJY675" s="613"/>
      <c r="MJZ675" s="613"/>
      <c r="MKA675" s="613"/>
      <c r="MKB675" s="613"/>
      <c r="MKC675" s="613"/>
      <c r="MKD675" s="613"/>
      <c r="MKE675" s="613"/>
      <c r="MKF675" s="613"/>
      <c r="MKG675" s="613"/>
      <c r="MKH675" s="613"/>
      <c r="MKI675" s="613"/>
      <c r="MKJ675" s="613"/>
      <c r="MKK675" s="613"/>
      <c r="MKL675" s="613"/>
      <c r="MKM675" s="613"/>
      <c r="MKN675" s="613"/>
      <c r="MKO675" s="613"/>
      <c r="MKP675" s="613"/>
      <c r="MKQ675" s="613"/>
      <c r="MKR675" s="613"/>
      <c r="MKS675" s="613"/>
      <c r="MKT675" s="613"/>
      <c r="MKU675" s="613"/>
      <c r="MKV675" s="613"/>
      <c r="MKW675" s="613"/>
      <c r="MKX675" s="613"/>
      <c r="MKY675" s="613"/>
      <c r="MKZ675" s="613"/>
      <c r="MLA675" s="613"/>
      <c r="MLB675" s="613"/>
      <c r="MLC675" s="613"/>
      <c r="MLD675" s="613"/>
      <c r="MLE675" s="613"/>
      <c r="MLF675" s="613"/>
      <c r="MLG675" s="613"/>
      <c r="MLH675" s="613"/>
      <c r="MLI675" s="613"/>
      <c r="MLJ675" s="613"/>
      <c r="MLK675" s="613"/>
      <c r="MLL675" s="613"/>
      <c r="MLM675" s="613"/>
      <c r="MLN675" s="613"/>
      <c r="MLO675" s="613"/>
      <c r="MLP675" s="613"/>
      <c r="MLQ675" s="613"/>
      <c r="MLR675" s="613"/>
      <c r="MLS675" s="613"/>
      <c r="MLT675" s="613"/>
      <c r="MLU675" s="613"/>
      <c r="MLV675" s="613"/>
      <c r="MLW675" s="613"/>
      <c r="MLX675" s="613"/>
      <c r="MLY675" s="613"/>
      <c r="MLZ675" s="613"/>
      <c r="MMA675" s="613"/>
      <c r="MMB675" s="613"/>
      <c r="MMC675" s="613"/>
      <c r="MMD675" s="613"/>
      <c r="MME675" s="613"/>
      <c r="MMF675" s="613"/>
      <c r="MMG675" s="613"/>
      <c r="MMH675" s="613"/>
      <c r="MMI675" s="613"/>
      <c r="MMJ675" s="613"/>
      <c r="MMK675" s="613"/>
      <c r="MML675" s="613"/>
      <c r="MMM675" s="613"/>
      <c r="MMN675" s="613"/>
      <c r="MMO675" s="613"/>
      <c r="MMP675" s="613"/>
      <c r="MMQ675" s="613"/>
      <c r="MMR675" s="613"/>
      <c r="MMS675" s="613"/>
      <c r="MMT675" s="613"/>
      <c r="MMU675" s="613"/>
      <c r="MMV675" s="613"/>
      <c r="MMW675" s="613"/>
      <c r="MMX675" s="613"/>
      <c r="MMY675" s="613"/>
      <c r="MMZ675" s="613"/>
      <c r="MNA675" s="613"/>
      <c r="MNB675" s="613"/>
      <c r="MNC675" s="613"/>
      <c r="MND675" s="613"/>
      <c r="MNE675" s="613"/>
      <c r="MNF675" s="613"/>
      <c r="MNG675" s="613"/>
      <c r="MNH675" s="613"/>
      <c r="MNI675" s="613"/>
      <c r="MNJ675" s="613"/>
      <c r="MNK675" s="613"/>
      <c r="MNL675" s="613"/>
      <c r="MNM675" s="613"/>
      <c r="MNN675" s="613"/>
      <c r="MNO675" s="613"/>
      <c r="MNP675" s="613"/>
      <c r="MNQ675" s="613"/>
      <c r="MNR675" s="613"/>
      <c r="MNS675" s="613"/>
      <c r="MNT675" s="613"/>
      <c r="MNU675" s="613"/>
      <c r="MNV675" s="613"/>
      <c r="MNW675" s="613"/>
      <c r="MNX675" s="613"/>
      <c r="MNY675" s="613"/>
      <c r="MNZ675" s="613"/>
      <c r="MOA675" s="613"/>
      <c r="MOB675" s="613"/>
      <c r="MOC675" s="613"/>
      <c r="MOD675" s="613"/>
      <c r="MOE675" s="613"/>
      <c r="MOF675" s="613"/>
      <c r="MOG675" s="613"/>
      <c r="MOH675" s="613"/>
      <c r="MOI675" s="613"/>
      <c r="MOJ675" s="613"/>
      <c r="MOK675" s="613"/>
      <c r="MOL675" s="613"/>
      <c r="MOM675" s="613"/>
      <c r="MON675" s="613"/>
      <c r="MOO675" s="613"/>
      <c r="MOP675" s="613"/>
      <c r="MOQ675" s="613"/>
      <c r="MOR675" s="613"/>
      <c r="MOS675" s="613"/>
      <c r="MOT675" s="613"/>
      <c r="MOU675" s="613"/>
      <c r="MOV675" s="613"/>
      <c r="MOW675" s="613"/>
      <c r="MOX675" s="613"/>
      <c r="MOY675" s="613"/>
      <c r="MOZ675" s="613"/>
      <c r="MPA675" s="613"/>
      <c r="MPB675" s="613"/>
      <c r="MPC675" s="613"/>
      <c r="MPD675" s="613"/>
      <c r="MPE675" s="613"/>
      <c r="MPF675" s="613"/>
      <c r="MPG675" s="613"/>
      <c r="MPH675" s="613"/>
      <c r="MPI675" s="613"/>
      <c r="MPJ675" s="613"/>
      <c r="MPK675" s="613"/>
      <c r="MPL675" s="613"/>
      <c r="MPM675" s="613"/>
      <c r="MPN675" s="613"/>
      <c r="MPO675" s="613"/>
      <c r="MPP675" s="613"/>
      <c r="MPQ675" s="613"/>
      <c r="MPR675" s="613"/>
      <c r="MPS675" s="613"/>
      <c r="MPT675" s="613"/>
      <c r="MPU675" s="613"/>
      <c r="MPV675" s="613"/>
      <c r="MPW675" s="613"/>
      <c r="MPX675" s="613"/>
      <c r="MPY675" s="613"/>
      <c r="MPZ675" s="613"/>
      <c r="MQA675" s="613"/>
      <c r="MQB675" s="613"/>
      <c r="MQC675" s="613"/>
      <c r="MQD675" s="613"/>
      <c r="MQE675" s="613"/>
      <c r="MQF675" s="613"/>
      <c r="MQG675" s="613"/>
      <c r="MQH675" s="613"/>
      <c r="MQI675" s="613"/>
      <c r="MQJ675" s="613"/>
      <c r="MQK675" s="613"/>
      <c r="MQL675" s="613"/>
      <c r="MQM675" s="613"/>
      <c r="MQN675" s="613"/>
      <c r="MQO675" s="613"/>
      <c r="MQP675" s="613"/>
      <c r="MQQ675" s="613"/>
      <c r="MQR675" s="613"/>
      <c r="MQS675" s="613"/>
      <c r="MQT675" s="613"/>
      <c r="MQU675" s="613"/>
      <c r="MQV675" s="613"/>
      <c r="MQW675" s="613"/>
      <c r="MQX675" s="613"/>
      <c r="MQY675" s="613"/>
      <c r="MQZ675" s="613"/>
      <c r="MRA675" s="613"/>
      <c r="MRB675" s="613"/>
      <c r="MRC675" s="613"/>
      <c r="MRD675" s="613"/>
      <c r="MRE675" s="613"/>
      <c r="MRF675" s="613"/>
      <c r="MRG675" s="613"/>
      <c r="MRH675" s="613"/>
      <c r="MRI675" s="613"/>
      <c r="MRJ675" s="613"/>
      <c r="MRK675" s="613"/>
      <c r="MRL675" s="613"/>
      <c r="MRM675" s="613"/>
      <c r="MRN675" s="613"/>
      <c r="MRO675" s="613"/>
      <c r="MRP675" s="613"/>
      <c r="MRQ675" s="613"/>
      <c r="MRR675" s="613"/>
      <c r="MRS675" s="613"/>
      <c r="MRT675" s="613"/>
      <c r="MRU675" s="613"/>
      <c r="MRV675" s="613"/>
      <c r="MRW675" s="613"/>
      <c r="MRX675" s="613"/>
      <c r="MRY675" s="613"/>
      <c r="MRZ675" s="613"/>
      <c r="MSA675" s="613"/>
      <c r="MSB675" s="613"/>
      <c r="MSC675" s="613"/>
      <c r="MSD675" s="613"/>
      <c r="MSE675" s="613"/>
      <c r="MSF675" s="613"/>
      <c r="MSG675" s="613"/>
      <c r="MSH675" s="613"/>
      <c r="MSI675" s="613"/>
      <c r="MSJ675" s="613"/>
      <c r="MSK675" s="613"/>
      <c r="MSL675" s="613"/>
      <c r="MSM675" s="613"/>
      <c r="MSN675" s="613"/>
      <c r="MSO675" s="613"/>
      <c r="MSP675" s="613"/>
      <c r="MSQ675" s="613"/>
      <c r="MSR675" s="613"/>
      <c r="MSS675" s="613"/>
      <c r="MST675" s="613"/>
      <c r="MSU675" s="613"/>
      <c r="MSV675" s="613"/>
      <c r="MSW675" s="613"/>
      <c r="MSX675" s="613"/>
      <c r="MSY675" s="613"/>
      <c r="MSZ675" s="613"/>
      <c r="MTA675" s="613"/>
      <c r="MTB675" s="613"/>
      <c r="MTC675" s="613"/>
      <c r="MTD675" s="613"/>
      <c r="MTE675" s="613"/>
      <c r="MTF675" s="613"/>
      <c r="MTG675" s="613"/>
      <c r="MTH675" s="613"/>
      <c r="MTI675" s="613"/>
      <c r="MTJ675" s="613"/>
      <c r="MTK675" s="613"/>
      <c r="MTL675" s="613"/>
      <c r="MTM675" s="613"/>
      <c r="MTN675" s="613"/>
      <c r="MTO675" s="613"/>
      <c r="MTP675" s="613"/>
      <c r="MTQ675" s="613"/>
      <c r="MTR675" s="613"/>
      <c r="MTS675" s="613"/>
      <c r="MTT675" s="613"/>
      <c r="MTU675" s="613"/>
      <c r="MTV675" s="613"/>
      <c r="MTW675" s="613"/>
      <c r="MTX675" s="613"/>
      <c r="MTY675" s="613"/>
      <c r="MTZ675" s="613"/>
      <c r="MUA675" s="613"/>
      <c r="MUB675" s="613"/>
      <c r="MUC675" s="613"/>
      <c r="MUD675" s="613"/>
      <c r="MUE675" s="613"/>
      <c r="MUF675" s="613"/>
      <c r="MUG675" s="613"/>
      <c r="MUH675" s="613"/>
      <c r="MUI675" s="613"/>
      <c r="MUJ675" s="613"/>
      <c r="MUK675" s="613"/>
      <c r="MUL675" s="613"/>
      <c r="MUM675" s="613"/>
      <c r="MUN675" s="613"/>
      <c r="MUO675" s="613"/>
      <c r="MUP675" s="613"/>
      <c r="MUQ675" s="613"/>
      <c r="MUR675" s="613"/>
      <c r="MUS675" s="613"/>
      <c r="MUT675" s="613"/>
      <c r="MUU675" s="613"/>
      <c r="MUV675" s="613"/>
      <c r="MUW675" s="613"/>
      <c r="MUX675" s="613"/>
      <c r="MUY675" s="613"/>
      <c r="MUZ675" s="613"/>
      <c r="MVA675" s="613"/>
      <c r="MVB675" s="613"/>
      <c r="MVC675" s="613"/>
      <c r="MVD675" s="613"/>
      <c r="MVE675" s="613"/>
      <c r="MVF675" s="613"/>
      <c r="MVG675" s="613"/>
      <c r="MVH675" s="613"/>
      <c r="MVI675" s="613"/>
      <c r="MVJ675" s="613"/>
      <c r="MVK675" s="613"/>
      <c r="MVL675" s="613"/>
      <c r="MVM675" s="613"/>
      <c r="MVN675" s="613"/>
      <c r="MVO675" s="613"/>
      <c r="MVP675" s="613"/>
      <c r="MVQ675" s="613"/>
      <c r="MVR675" s="613"/>
      <c r="MVS675" s="613"/>
      <c r="MVT675" s="613"/>
      <c r="MVU675" s="613"/>
      <c r="MVV675" s="613"/>
      <c r="MVW675" s="613"/>
      <c r="MVX675" s="613"/>
      <c r="MVY675" s="613"/>
      <c r="MVZ675" s="613"/>
      <c r="MWA675" s="613"/>
      <c r="MWB675" s="613"/>
      <c r="MWC675" s="613"/>
      <c r="MWD675" s="613"/>
      <c r="MWE675" s="613"/>
      <c r="MWF675" s="613"/>
      <c r="MWG675" s="613"/>
      <c r="MWH675" s="613"/>
      <c r="MWI675" s="613"/>
      <c r="MWJ675" s="613"/>
      <c r="MWK675" s="613"/>
      <c r="MWL675" s="613"/>
      <c r="MWM675" s="613"/>
      <c r="MWN675" s="613"/>
      <c r="MWO675" s="613"/>
      <c r="MWP675" s="613"/>
      <c r="MWQ675" s="613"/>
      <c r="MWR675" s="613"/>
      <c r="MWS675" s="613"/>
      <c r="MWT675" s="613"/>
      <c r="MWU675" s="613"/>
      <c r="MWV675" s="613"/>
      <c r="MWW675" s="613"/>
      <c r="MWX675" s="613"/>
      <c r="MWY675" s="613"/>
      <c r="MWZ675" s="613"/>
      <c r="MXA675" s="613"/>
      <c r="MXB675" s="613"/>
      <c r="MXC675" s="613"/>
      <c r="MXD675" s="613"/>
      <c r="MXE675" s="613"/>
      <c r="MXF675" s="613"/>
      <c r="MXG675" s="613"/>
      <c r="MXH675" s="613"/>
      <c r="MXI675" s="613"/>
      <c r="MXJ675" s="613"/>
      <c r="MXK675" s="613"/>
      <c r="MXL675" s="613"/>
      <c r="MXM675" s="613"/>
      <c r="MXN675" s="613"/>
      <c r="MXO675" s="613"/>
      <c r="MXP675" s="613"/>
      <c r="MXQ675" s="613"/>
      <c r="MXR675" s="613"/>
      <c r="MXS675" s="613"/>
      <c r="MXT675" s="613"/>
      <c r="MXU675" s="613"/>
      <c r="MXV675" s="613"/>
      <c r="MXW675" s="613"/>
      <c r="MXX675" s="613"/>
      <c r="MXY675" s="613"/>
      <c r="MXZ675" s="613"/>
      <c r="MYA675" s="613"/>
      <c r="MYB675" s="613"/>
      <c r="MYC675" s="613"/>
      <c r="MYD675" s="613"/>
      <c r="MYE675" s="613"/>
      <c r="MYF675" s="613"/>
      <c r="MYG675" s="613"/>
      <c r="MYH675" s="613"/>
      <c r="MYI675" s="613"/>
      <c r="MYJ675" s="613"/>
      <c r="MYK675" s="613"/>
      <c r="MYL675" s="613"/>
      <c r="MYM675" s="613"/>
      <c r="MYN675" s="613"/>
      <c r="MYO675" s="613"/>
      <c r="MYP675" s="613"/>
      <c r="MYQ675" s="613"/>
      <c r="MYR675" s="613"/>
      <c r="MYS675" s="613"/>
      <c r="MYT675" s="613"/>
      <c r="MYU675" s="613"/>
      <c r="MYV675" s="613"/>
      <c r="MYW675" s="613"/>
      <c r="MYX675" s="613"/>
      <c r="MYY675" s="613"/>
      <c r="MYZ675" s="613"/>
      <c r="MZA675" s="613"/>
      <c r="MZB675" s="613"/>
      <c r="MZC675" s="613"/>
      <c r="MZD675" s="613"/>
      <c r="MZE675" s="613"/>
      <c r="MZF675" s="613"/>
      <c r="MZG675" s="613"/>
      <c r="MZH675" s="613"/>
      <c r="MZI675" s="613"/>
      <c r="MZJ675" s="613"/>
      <c r="MZK675" s="613"/>
      <c r="MZL675" s="613"/>
      <c r="MZM675" s="613"/>
      <c r="MZN675" s="613"/>
      <c r="MZO675" s="613"/>
      <c r="MZP675" s="613"/>
      <c r="MZQ675" s="613"/>
      <c r="MZR675" s="613"/>
      <c r="MZS675" s="613"/>
      <c r="MZT675" s="613"/>
      <c r="MZU675" s="613"/>
      <c r="MZV675" s="613"/>
      <c r="MZW675" s="613"/>
      <c r="MZX675" s="613"/>
      <c r="MZY675" s="613"/>
      <c r="MZZ675" s="613"/>
      <c r="NAA675" s="613"/>
      <c r="NAB675" s="613"/>
      <c r="NAC675" s="613"/>
      <c r="NAD675" s="613"/>
      <c r="NAE675" s="613"/>
      <c r="NAF675" s="613"/>
      <c r="NAG675" s="613"/>
      <c r="NAH675" s="613"/>
      <c r="NAI675" s="613"/>
      <c r="NAJ675" s="613"/>
      <c r="NAK675" s="613"/>
      <c r="NAL675" s="613"/>
      <c r="NAM675" s="613"/>
      <c r="NAN675" s="613"/>
      <c r="NAO675" s="613"/>
      <c r="NAP675" s="613"/>
      <c r="NAQ675" s="613"/>
      <c r="NAR675" s="613"/>
      <c r="NAS675" s="613"/>
      <c r="NAT675" s="613"/>
      <c r="NAU675" s="613"/>
      <c r="NAV675" s="613"/>
      <c r="NAW675" s="613"/>
      <c r="NAX675" s="613"/>
      <c r="NAY675" s="613"/>
      <c r="NAZ675" s="613"/>
      <c r="NBA675" s="613"/>
      <c r="NBB675" s="613"/>
      <c r="NBC675" s="613"/>
      <c r="NBD675" s="613"/>
      <c r="NBE675" s="613"/>
      <c r="NBF675" s="613"/>
      <c r="NBG675" s="613"/>
      <c r="NBH675" s="613"/>
      <c r="NBI675" s="613"/>
      <c r="NBJ675" s="613"/>
      <c r="NBK675" s="613"/>
      <c r="NBL675" s="613"/>
      <c r="NBM675" s="613"/>
      <c r="NBN675" s="613"/>
      <c r="NBO675" s="613"/>
      <c r="NBP675" s="613"/>
      <c r="NBQ675" s="613"/>
      <c r="NBR675" s="613"/>
      <c r="NBS675" s="613"/>
      <c r="NBT675" s="613"/>
      <c r="NBU675" s="613"/>
      <c r="NBV675" s="613"/>
      <c r="NBW675" s="613"/>
      <c r="NBX675" s="613"/>
      <c r="NBY675" s="613"/>
      <c r="NBZ675" s="613"/>
      <c r="NCA675" s="613"/>
      <c r="NCB675" s="613"/>
      <c r="NCC675" s="613"/>
      <c r="NCD675" s="613"/>
      <c r="NCE675" s="613"/>
      <c r="NCF675" s="613"/>
      <c r="NCG675" s="613"/>
      <c r="NCH675" s="613"/>
      <c r="NCI675" s="613"/>
      <c r="NCJ675" s="613"/>
      <c r="NCK675" s="613"/>
      <c r="NCL675" s="613"/>
      <c r="NCM675" s="613"/>
      <c r="NCN675" s="613"/>
      <c r="NCO675" s="613"/>
      <c r="NCP675" s="613"/>
      <c r="NCQ675" s="613"/>
      <c r="NCR675" s="613"/>
      <c r="NCS675" s="613"/>
      <c r="NCT675" s="613"/>
      <c r="NCU675" s="613"/>
      <c r="NCV675" s="613"/>
      <c r="NCW675" s="613"/>
      <c r="NCX675" s="613"/>
      <c r="NCY675" s="613"/>
      <c r="NCZ675" s="613"/>
      <c r="NDA675" s="613"/>
      <c r="NDB675" s="613"/>
      <c r="NDC675" s="613"/>
      <c r="NDD675" s="613"/>
      <c r="NDE675" s="613"/>
      <c r="NDF675" s="613"/>
      <c r="NDG675" s="613"/>
      <c r="NDH675" s="613"/>
      <c r="NDI675" s="613"/>
      <c r="NDJ675" s="613"/>
      <c r="NDK675" s="613"/>
      <c r="NDL675" s="613"/>
      <c r="NDM675" s="613"/>
      <c r="NDN675" s="613"/>
      <c r="NDO675" s="613"/>
      <c r="NDP675" s="613"/>
      <c r="NDQ675" s="613"/>
      <c r="NDR675" s="613"/>
      <c r="NDS675" s="613"/>
      <c r="NDT675" s="613"/>
      <c r="NDU675" s="613"/>
      <c r="NDV675" s="613"/>
      <c r="NDW675" s="613"/>
      <c r="NDX675" s="613"/>
      <c r="NDY675" s="613"/>
      <c r="NDZ675" s="613"/>
      <c r="NEA675" s="613"/>
      <c r="NEB675" s="613"/>
      <c r="NEC675" s="613"/>
      <c r="NED675" s="613"/>
      <c r="NEE675" s="613"/>
      <c r="NEF675" s="613"/>
      <c r="NEG675" s="613"/>
      <c r="NEH675" s="613"/>
      <c r="NEI675" s="613"/>
      <c r="NEJ675" s="613"/>
      <c r="NEK675" s="613"/>
      <c r="NEL675" s="613"/>
      <c r="NEM675" s="613"/>
      <c r="NEN675" s="613"/>
      <c r="NEO675" s="613"/>
      <c r="NEP675" s="613"/>
      <c r="NEQ675" s="613"/>
      <c r="NER675" s="613"/>
      <c r="NES675" s="613"/>
      <c r="NET675" s="613"/>
      <c r="NEU675" s="613"/>
      <c r="NEV675" s="613"/>
      <c r="NEW675" s="613"/>
      <c r="NEX675" s="613"/>
      <c r="NEY675" s="613"/>
      <c r="NEZ675" s="613"/>
      <c r="NFA675" s="613"/>
      <c r="NFB675" s="613"/>
      <c r="NFC675" s="613"/>
      <c r="NFD675" s="613"/>
      <c r="NFE675" s="613"/>
      <c r="NFF675" s="613"/>
      <c r="NFG675" s="613"/>
      <c r="NFH675" s="613"/>
      <c r="NFI675" s="613"/>
      <c r="NFJ675" s="613"/>
      <c r="NFK675" s="613"/>
      <c r="NFL675" s="613"/>
      <c r="NFM675" s="613"/>
      <c r="NFN675" s="613"/>
      <c r="NFO675" s="613"/>
      <c r="NFP675" s="613"/>
      <c r="NFQ675" s="613"/>
      <c r="NFR675" s="613"/>
      <c r="NFS675" s="613"/>
      <c r="NFT675" s="613"/>
      <c r="NFU675" s="613"/>
      <c r="NFV675" s="613"/>
      <c r="NFW675" s="613"/>
      <c r="NFX675" s="613"/>
      <c r="NFY675" s="613"/>
      <c r="NFZ675" s="613"/>
      <c r="NGA675" s="613"/>
      <c r="NGB675" s="613"/>
      <c r="NGC675" s="613"/>
      <c r="NGD675" s="613"/>
      <c r="NGE675" s="613"/>
      <c r="NGF675" s="613"/>
      <c r="NGG675" s="613"/>
      <c r="NGH675" s="613"/>
      <c r="NGI675" s="613"/>
      <c r="NGJ675" s="613"/>
      <c r="NGK675" s="613"/>
      <c r="NGL675" s="613"/>
      <c r="NGM675" s="613"/>
      <c r="NGN675" s="613"/>
      <c r="NGO675" s="613"/>
      <c r="NGP675" s="613"/>
      <c r="NGQ675" s="613"/>
      <c r="NGR675" s="613"/>
      <c r="NGS675" s="613"/>
      <c r="NGT675" s="613"/>
      <c r="NGU675" s="613"/>
      <c r="NGV675" s="613"/>
      <c r="NGW675" s="613"/>
      <c r="NGX675" s="613"/>
      <c r="NGY675" s="613"/>
      <c r="NGZ675" s="613"/>
      <c r="NHA675" s="613"/>
      <c r="NHB675" s="613"/>
      <c r="NHC675" s="613"/>
      <c r="NHD675" s="613"/>
      <c r="NHE675" s="613"/>
      <c r="NHF675" s="613"/>
      <c r="NHG675" s="613"/>
      <c r="NHH675" s="613"/>
      <c r="NHI675" s="613"/>
      <c r="NHJ675" s="613"/>
      <c r="NHK675" s="613"/>
      <c r="NHL675" s="613"/>
      <c r="NHM675" s="613"/>
      <c r="NHN675" s="613"/>
      <c r="NHO675" s="613"/>
      <c r="NHP675" s="613"/>
      <c r="NHQ675" s="613"/>
      <c r="NHR675" s="613"/>
      <c r="NHS675" s="613"/>
      <c r="NHT675" s="613"/>
      <c r="NHU675" s="613"/>
      <c r="NHV675" s="613"/>
      <c r="NHW675" s="613"/>
      <c r="NHX675" s="613"/>
      <c r="NHY675" s="613"/>
      <c r="NHZ675" s="613"/>
      <c r="NIA675" s="613"/>
      <c r="NIB675" s="613"/>
      <c r="NIC675" s="613"/>
      <c r="NID675" s="613"/>
      <c r="NIE675" s="613"/>
      <c r="NIF675" s="613"/>
      <c r="NIG675" s="613"/>
      <c r="NIH675" s="613"/>
      <c r="NII675" s="613"/>
      <c r="NIJ675" s="613"/>
      <c r="NIK675" s="613"/>
      <c r="NIL675" s="613"/>
      <c r="NIM675" s="613"/>
      <c r="NIN675" s="613"/>
      <c r="NIO675" s="613"/>
      <c r="NIP675" s="613"/>
      <c r="NIQ675" s="613"/>
      <c r="NIR675" s="613"/>
      <c r="NIS675" s="613"/>
      <c r="NIT675" s="613"/>
      <c r="NIU675" s="613"/>
      <c r="NIV675" s="613"/>
      <c r="NIW675" s="613"/>
      <c r="NIX675" s="613"/>
      <c r="NIY675" s="613"/>
      <c r="NIZ675" s="613"/>
      <c r="NJA675" s="613"/>
      <c r="NJB675" s="613"/>
      <c r="NJC675" s="613"/>
      <c r="NJD675" s="613"/>
      <c r="NJE675" s="613"/>
      <c r="NJF675" s="613"/>
      <c r="NJG675" s="613"/>
      <c r="NJH675" s="613"/>
      <c r="NJI675" s="613"/>
      <c r="NJJ675" s="613"/>
      <c r="NJK675" s="613"/>
      <c r="NJL675" s="613"/>
      <c r="NJM675" s="613"/>
      <c r="NJN675" s="613"/>
      <c r="NJO675" s="613"/>
      <c r="NJP675" s="613"/>
      <c r="NJQ675" s="613"/>
      <c r="NJR675" s="613"/>
      <c r="NJS675" s="613"/>
      <c r="NJT675" s="613"/>
      <c r="NJU675" s="613"/>
      <c r="NJV675" s="613"/>
      <c r="NJW675" s="613"/>
      <c r="NJX675" s="613"/>
      <c r="NJY675" s="613"/>
      <c r="NJZ675" s="613"/>
      <c r="NKA675" s="613"/>
      <c r="NKB675" s="613"/>
      <c r="NKC675" s="613"/>
      <c r="NKD675" s="613"/>
      <c r="NKE675" s="613"/>
      <c r="NKF675" s="613"/>
      <c r="NKG675" s="613"/>
      <c r="NKH675" s="613"/>
      <c r="NKI675" s="613"/>
      <c r="NKJ675" s="613"/>
      <c r="NKK675" s="613"/>
      <c r="NKL675" s="613"/>
      <c r="NKM675" s="613"/>
      <c r="NKN675" s="613"/>
      <c r="NKO675" s="613"/>
      <c r="NKP675" s="613"/>
      <c r="NKQ675" s="613"/>
      <c r="NKR675" s="613"/>
      <c r="NKS675" s="613"/>
      <c r="NKT675" s="613"/>
      <c r="NKU675" s="613"/>
      <c r="NKV675" s="613"/>
      <c r="NKW675" s="613"/>
      <c r="NKX675" s="613"/>
      <c r="NKY675" s="613"/>
      <c r="NKZ675" s="613"/>
      <c r="NLA675" s="613"/>
      <c r="NLB675" s="613"/>
      <c r="NLC675" s="613"/>
      <c r="NLD675" s="613"/>
      <c r="NLE675" s="613"/>
      <c r="NLF675" s="613"/>
      <c r="NLG675" s="613"/>
      <c r="NLH675" s="613"/>
      <c r="NLI675" s="613"/>
      <c r="NLJ675" s="613"/>
      <c r="NLK675" s="613"/>
      <c r="NLL675" s="613"/>
      <c r="NLM675" s="613"/>
      <c r="NLN675" s="613"/>
      <c r="NLO675" s="613"/>
      <c r="NLP675" s="613"/>
      <c r="NLQ675" s="613"/>
      <c r="NLR675" s="613"/>
      <c r="NLS675" s="613"/>
      <c r="NLT675" s="613"/>
      <c r="NLU675" s="613"/>
      <c r="NLV675" s="613"/>
      <c r="NLW675" s="613"/>
      <c r="NLX675" s="613"/>
      <c r="NLY675" s="613"/>
      <c r="NLZ675" s="613"/>
      <c r="NMA675" s="613"/>
      <c r="NMB675" s="613"/>
      <c r="NMC675" s="613"/>
      <c r="NMD675" s="613"/>
      <c r="NME675" s="613"/>
      <c r="NMF675" s="613"/>
      <c r="NMG675" s="613"/>
      <c r="NMH675" s="613"/>
      <c r="NMI675" s="613"/>
      <c r="NMJ675" s="613"/>
      <c r="NMK675" s="613"/>
      <c r="NML675" s="613"/>
      <c r="NMM675" s="613"/>
      <c r="NMN675" s="613"/>
      <c r="NMO675" s="613"/>
      <c r="NMP675" s="613"/>
      <c r="NMQ675" s="613"/>
      <c r="NMR675" s="613"/>
      <c r="NMS675" s="613"/>
      <c r="NMT675" s="613"/>
      <c r="NMU675" s="613"/>
      <c r="NMV675" s="613"/>
      <c r="NMW675" s="613"/>
      <c r="NMX675" s="613"/>
      <c r="NMY675" s="613"/>
      <c r="NMZ675" s="613"/>
      <c r="NNA675" s="613"/>
      <c r="NNB675" s="613"/>
      <c r="NNC675" s="613"/>
      <c r="NND675" s="613"/>
      <c r="NNE675" s="613"/>
      <c r="NNF675" s="613"/>
      <c r="NNG675" s="613"/>
      <c r="NNH675" s="613"/>
      <c r="NNI675" s="613"/>
      <c r="NNJ675" s="613"/>
      <c r="NNK675" s="613"/>
      <c r="NNL675" s="613"/>
      <c r="NNM675" s="613"/>
      <c r="NNN675" s="613"/>
      <c r="NNO675" s="613"/>
      <c r="NNP675" s="613"/>
      <c r="NNQ675" s="613"/>
      <c r="NNR675" s="613"/>
      <c r="NNS675" s="613"/>
      <c r="NNT675" s="613"/>
      <c r="NNU675" s="613"/>
      <c r="NNV675" s="613"/>
      <c r="NNW675" s="613"/>
      <c r="NNX675" s="613"/>
      <c r="NNY675" s="613"/>
      <c r="NNZ675" s="613"/>
      <c r="NOA675" s="613"/>
      <c r="NOB675" s="613"/>
      <c r="NOC675" s="613"/>
      <c r="NOD675" s="613"/>
      <c r="NOE675" s="613"/>
      <c r="NOF675" s="613"/>
      <c r="NOG675" s="613"/>
      <c r="NOH675" s="613"/>
      <c r="NOI675" s="613"/>
      <c r="NOJ675" s="613"/>
      <c r="NOK675" s="613"/>
      <c r="NOL675" s="613"/>
      <c r="NOM675" s="613"/>
      <c r="NON675" s="613"/>
      <c r="NOO675" s="613"/>
      <c r="NOP675" s="613"/>
      <c r="NOQ675" s="613"/>
      <c r="NOR675" s="613"/>
      <c r="NOS675" s="613"/>
      <c r="NOT675" s="613"/>
      <c r="NOU675" s="613"/>
      <c r="NOV675" s="613"/>
      <c r="NOW675" s="613"/>
      <c r="NOX675" s="613"/>
      <c r="NOY675" s="613"/>
      <c r="NOZ675" s="613"/>
      <c r="NPA675" s="613"/>
      <c r="NPB675" s="613"/>
      <c r="NPC675" s="613"/>
      <c r="NPD675" s="613"/>
      <c r="NPE675" s="613"/>
      <c r="NPF675" s="613"/>
      <c r="NPG675" s="613"/>
      <c r="NPH675" s="613"/>
      <c r="NPI675" s="613"/>
      <c r="NPJ675" s="613"/>
      <c r="NPK675" s="613"/>
      <c r="NPL675" s="613"/>
      <c r="NPM675" s="613"/>
      <c r="NPN675" s="613"/>
      <c r="NPO675" s="613"/>
      <c r="NPP675" s="613"/>
      <c r="NPQ675" s="613"/>
      <c r="NPR675" s="613"/>
      <c r="NPS675" s="613"/>
      <c r="NPT675" s="613"/>
      <c r="NPU675" s="613"/>
      <c r="NPV675" s="613"/>
      <c r="NPW675" s="613"/>
      <c r="NPX675" s="613"/>
      <c r="NPY675" s="613"/>
      <c r="NPZ675" s="613"/>
      <c r="NQA675" s="613"/>
      <c r="NQB675" s="613"/>
      <c r="NQC675" s="613"/>
      <c r="NQD675" s="613"/>
      <c r="NQE675" s="613"/>
      <c r="NQF675" s="613"/>
      <c r="NQG675" s="613"/>
      <c r="NQH675" s="613"/>
      <c r="NQI675" s="613"/>
      <c r="NQJ675" s="613"/>
      <c r="NQK675" s="613"/>
      <c r="NQL675" s="613"/>
      <c r="NQM675" s="613"/>
      <c r="NQN675" s="613"/>
      <c r="NQO675" s="613"/>
      <c r="NQP675" s="613"/>
      <c r="NQQ675" s="613"/>
      <c r="NQR675" s="613"/>
      <c r="NQS675" s="613"/>
      <c r="NQT675" s="613"/>
      <c r="NQU675" s="613"/>
      <c r="NQV675" s="613"/>
      <c r="NQW675" s="613"/>
      <c r="NQX675" s="613"/>
      <c r="NQY675" s="613"/>
      <c r="NQZ675" s="613"/>
      <c r="NRA675" s="613"/>
      <c r="NRB675" s="613"/>
      <c r="NRC675" s="613"/>
      <c r="NRD675" s="613"/>
      <c r="NRE675" s="613"/>
      <c r="NRF675" s="613"/>
      <c r="NRG675" s="613"/>
      <c r="NRH675" s="613"/>
      <c r="NRI675" s="613"/>
      <c r="NRJ675" s="613"/>
      <c r="NRK675" s="613"/>
      <c r="NRL675" s="613"/>
      <c r="NRM675" s="613"/>
      <c r="NRN675" s="613"/>
      <c r="NRO675" s="613"/>
      <c r="NRP675" s="613"/>
      <c r="NRQ675" s="613"/>
      <c r="NRR675" s="613"/>
      <c r="NRS675" s="613"/>
      <c r="NRT675" s="613"/>
      <c r="NRU675" s="613"/>
      <c r="NRV675" s="613"/>
      <c r="NRW675" s="613"/>
      <c r="NRX675" s="613"/>
      <c r="NRY675" s="613"/>
      <c r="NRZ675" s="613"/>
      <c r="NSA675" s="613"/>
      <c r="NSB675" s="613"/>
      <c r="NSC675" s="613"/>
      <c r="NSD675" s="613"/>
      <c r="NSE675" s="613"/>
      <c r="NSF675" s="613"/>
      <c r="NSG675" s="613"/>
      <c r="NSH675" s="613"/>
      <c r="NSI675" s="613"/>
      <c r="NSJ675" s="613"/>
      <c r="NSK675" s="613"/>
      <c r="NSL675" s="613"/>
      <c r="NSM675" s="613"/>
      <c r="NSN675" s="613"/>
      <c r="NSO675" s="613"/>
      <c r="NSP675" s="613"/>
      <c r="NSQ675" s="613"/>
      <c r="NSR675" s="613"/>
      <c r="NSS675" s="613"/>
      <c r="NST675" s="613"/>
      <c r="NSU675" s="613"/>
      <c r="NSV675" s="613"/>
      <c r="NSW675" s="613"/>
      <c r="NSX675" s="613"/>
      <c r="NSY675" s="613"/>
      <c r="NSZ675" s="613"/>
      <c r="NTA675" s="613"/>
      <c r="NTB675" s="613"/>
      <c r="NTC675" s="613"/>
      <c r="NTD675" s="613"/>
      <c r="NTE675" s="613"/>
      <c r="NTF675" s="613"/>
      <c r="NTG675" s="613"/>
      <c r="NTH675" s="613"/>
      <c r="NTI675" s="613"/>
      <c r="NTJ675" s="613"/>
      <c r="NTK675" s="613"/>
      <c r="NTL675" s="613"/>
      <c r="NTM675" s="613"/>
      <c r="NTN675" s="613"/>
      <c r="NTO675" s="613"/>
      <c r="NTP675" s="613"/>
      <c r="NTQ675" s="613"/>
      <c r="NTR675" s="613"/>
      <c r="NTS675" s="613"/>
      <c r="NTT675" s="613"/>
      <c r="NTU675" s="613"/>
      <c r="NTV675" s="613"/>
      <c r="NTW675" s="613"/>
      <c r="NTX675" s="613"/>
      <c r="NTY675" s="613"/>
      <c r="NTZ675" s="613"/>
      <c r="NUA675" s="613"/>
      <c r="NUB675" s="613"/>
      <c r="NUC675" s="613"/>
      <c r="NUD675" s="613"/>
      <c r="NUE675" s="613"/>
      <c r="NUF675" s="613"/>
      <c r="NUG675" s="613"/>
      <c r="NUH675" s="613"/>
      <c r="NUI675" s="613"/>
      <c r="NUJ675" s="613"/>
      <c r="NUK675" s="613"/>
      <c r="NUL675" s="613"/>
      <c r="NUM675" s="613"/>
      <c r="NUN675" s="613"/>
      <c r="NUO675" s="613"/>
      <c r="NUP675" s="613"/>
      <c r="NUQ675" s="613"/>
      <c r="NUR675" s="613"/>
      <c r="NUS675" s="613"/>
      <c r="NUT675" s="613"/>
      <c r="NUU675" s="613"/>
      <c r="NUV675" s="613"/>
      <c r="NUW675" s="613"/>
      <c r="NUX675" s="613"/>
      <c r="NUY675" s="613"/>
      <c r="NUZ675" s="613"/>
      <c r="NVA675" s="613"/>
      <c r="NVB675" s="613"/>
      <c r="NVC675" s="613"/>
      <c r="NVD675" s="613"/>
      <c r="NVE675" s="613"/>
      <c r="NVF675" s="613"/>
      <c r="NVG675" s="613"/>
      <c r="NVH675" s="613"/>
      <c r="NVI675" s="613"/>
      <c r="NVJ675" s="613"/>
      <c r="NVK675" s="613"/>
      <c r="NVL675" s="613"/>
      <c r="NVM675" s="613"/>
      <c r="NVN675" s="613"/>
      <c r="NVO675" s="613"/>
      <c r="NVP675" s="613"/>
      <c r="NVQ675" s="613"/>
      <c r="NVR675" s="613"/>
      <c r="NVS675" s="613"/>
      <c r="NVT675" s="613"/>
      <c r="NVU675" s="613"/>
      <c r="NVV675" s="613"/>
      <c r="NVW675" s="613"/>
      <c r="NVX675" s="613"/>
      <c r="NVY675" s="613"/>
      <c r="NVZ675" s="613"/>
      <c r="NWA675" s="613"/>
      <c r="NWB675" s="613"/>
      <c r="NWC675" s="613"/>
      <c r="NWD675" s="613"/>
      <c r="NWE675" s="613"/>
      <c r="NWF675" s="613"/>
      <c r="NWG675" s="613"/>
      <c r="NWH675" s="613"/>
      <c r="NWI675" s="613"/>
      <c r="NWJ675" s="613"/>
      <c r="NWK675" s="613"/>
      <c r="NWL675" s="613"/>
      <c r="NWM675" s="613"/>
      <c r="NWN675" s="613"/>
      <c r="NWO675" s="613"/>
      <c r="NWP675" s="613"/>
      <c r="NWQ675" s="613"/>
      <c r="NWR675" s="613"/>
      <c r="NWS675" s="613"/>
      <c r="NWT675" s="613"/>
      <c r="NWU675" s="613"/>
      <c r="NWV675" s="613"/>
      <c r="NWW675" s="613"/>
      <c r="NWX675" s="613"/>
      <c r="NWY675" s="613"/>
      <c r="NWZ675" s="613"/>
      <c r="NXA675" s="613"/>
      <c r="NXB675" s="613"/>
      <c r="NXC675" s="613"/>
      <c r="NXD675" s="613"/>
      <c r="NXE675" s="613"/>
      <c r="NXF675" s="613"/>
      <c r="NXG675" s="613"/>
      <c r="NXH675" s="613"/>
      <c r="NXI675" s="613"/>
      <c r="NXJ675" s="613"/>
      <c r="NXK675" s="613"/>
      <c r="NXL675" s="613"/>
      <c r="NXM675" s="613"/>
      <c r="NXN675" s="613"/>
      <c r="NXO675" s="613"/>
      <c r="NXP675" s="613"/>
      <c r="NXQ675" s="613"/>
      <c r="NXR675" s="613"/>
      <c r="NXS675" s="613"/>
      <c r="NXT675" s="613"/>
      <c r="NXU675" s="613"/>
      <c r="NXV675" s="613"/>
      <c r="NXW675" s="613"/>
      <c r="NXX675" s="613"/>
      <c r="NXY675" s="613"/>
      <c r="NXZ675" s="613"/>
      <c r="NYA675" s="613"/>
      <c r="NYB675" s="613"/>
      <c r="NYC675" s="613"/>
      <c r="NYD675" s="613"/>
      <c r="NYE675" s="613"/>
      <c r="NYF675" s="613"/>
      <c r="NYG675" s="613"/>
      <c r="NYH675" s="613"/>
      <c r="NYI675" s="613"/>
      <c r="NYJ675" s="613"/>
      <c r="NYK675" s="613"/>
      <c r="NYL675" s="613"/>
      <c r="NYM675" s="613"/>
      <c r="NYN675" s="613"/>
      <c r="NYO675" s="613"/>
      <c r="NYP675" s="613"/>
      <c r="NYQ675" s="613"/>
      <c r="NYR675" s="613"/>
      <c r="NYS675" s="613"/>
      <c r="NYT675" s="613"/>
      <c r="NYU675" s="613"/>
      <c r="NYV675" s="613"/>
      <c r="NYW675" s="613"/>
      <c r="NYX675" s="613"/>
      <c r="NYY675" s="613"/>
      <c r="NYZ675" s="613"/>
      <c r="NZA675" s="613"/>
      <c r="NZB675" s="613"/>
      <c r="NZC675" s="613"/>
      <c r="NZD675" s="613"/>
      <c r="NZE675" s="613"/>
      <c r="NZF675" s="613"/>
      <c r="NZG675" s="613"/>
      <c r="NZH675" s="613"/>
      <c r="NZI675" s="613"/>
      <c r="NZJ675" s="613"/>
      <c r="NZK675" s="613"/>
      <c r="NZL675" s="613"/>
      <c r="NZM675" s="613"/>
      <c r="NZN675" s="613"/>
      <c r="NZO675" s="613"/>
      <c r="NZP675" s="613"/>
      <c r="NZQ675" s="613"/>
      <c r="NZR675" s="613"/>
      <c r="NZS675" s="613"/>
      <c r="NZT675" s="613"/>
      <c r="NZU675" s="613"/>
      <c r="NZV675" s="613"/>
      <c r="NZW675" s="613"/>
      <c r="NZX675" s="613"/>
      <c r="NZY675" s="613"/>
      <c r="NZZ675" s="613"/>
      <c r="OAA675" s="613"/>
      <c r="OAB675" s="613"/>
      <c r="OAC675" s="613"/>
      <c r="OAD675" s="613"/>
      <c r="OAE675" s="613"/>
      <c r="OAF675" s="613"/>
      <c r="OAG675" s="613"/>
      <c r="OAH675" s="613"/>
      <c r="OAI675" s="613"/>
      <c r="OAJ675" s="613"/>
      <c r="OAK675" s="613"/>
      <c r="OAL675" s="613"/>
      <c r="OAM675" s="613"/>
      <c r="OAN675" s="613"/>
      <c r="OAO675" s="613"/>
      <c r="OAP675" s="613"/>
      <c r="OAQ675" s="613"/>
      <c r="OAR675" s="613"/>
      <c r="OAS675" s="613"/>
      <c r="OAT675" s="613"/>
      <c r="OAU675" s="613"/>
      <c r="OAV675" s="613"/>
      <c r="OAW675" s="613"/>
      <c r="OAX675" s="613"/>
      <c r="OAY675" s="613"/>
      <c r="OAZ675" s="613"/>
      <c r="OBA675" s="613"/>
      <c r="OBB675" s="613"/>
      <c r="OBC675" s="613"/>
      <c r="OBD675" s="613"/>
      <c r="OBE675" s="613"/>
      <c r="OBF675" s="613"/>
      <c r="OBG675" s="613"/>
      <c r="OBH675" s="613"/>
      <c r="OBI675" s="613"/>
      <c r="OBJ675" s="613"/>
      <c r="OBK675" s="613"/>
      <c r="OBL675" s="613"/>
      <c r="OBM675" s="613"/>
      <c r="OBN675" s="613"/>
      <c r="OBO675" s="613"/>
      <c r="OBP675" s="613"/>
      <c r="OBQ675" s="613"/>
      <c r="OBR675" s="613"/>
      <c r="OBS675" s="613"/>
      <c r="OBT675" s="613"/>
      <c r="OBU675" s="613"/>
      <c r="OBV675" s="613"/>
      <c r="OBW675" s="613"/>
      <c r="OBX675" s="613"/>
      <c r="OBY675" s="613"/>
      <c r="OBZ675" s="613"/>
      <c r="OCA675" s="613"/>
      <c r="OCB675" s="613"/>
      <c r="OCC675" s="613"/>
      <c r="OCD675" s="613"/>
      <c r="OCE675" s="613"/>
      <c r="OCF675" s="613"/>
      <c r="OCG675" s="613"/>
      <c r="OCH675" s="613"/>
      <c r="OCI675" s="613"/>
      <c r="OCJ675" s="613"/>
      <c r="OCK675" s="613"/>
      <c r="OCL675" s="613"/>
      <c r="OCM675" s="613"/>
      <c r="OCN675" s="613"/>
      <c r="OCO675" s="613"/>
      <c r="OCP675" s="613"/>
      <c r="OCQ675" s="613"/>
      <c r="OCR675" s="613"/>
      <c r="OCS675" s="613"/>
      <c r="OCT675" s="613"/>
      <c r="OCU675" s="613"/>
      <c r="OCV675" s="613"/>
      <c r="OCW675" s="613"/>
      <c r="OCX675" s="613"/>
      <c r="OCY675" s="613"/>
      <c r="OCZ675" s="613"/>
      <c r="ODA675" s="613"/>
      <c r="ODB675" s="613"/>
      <c r="ODC675" s="613"/>
      <c r="ODD675" s="613"/>
      <c r="ODE675" s="613"/>
      <c r="ODF675" s="613"/>
      <c r="ODG675" s="613"/>
      <c r="ODH675" s="613"/>
      <c r="ODI675" s="613"/>
      <c r="ODJ675" s="613"/>
      <c r="ODK675" s="613"/>
      <c r="ODL675" s="613"/>
      <c r="ODM675" s="613"/>
      <c r="ODN675" s="613"/>
      <c r="ODO675" s="613"/>
      <c r="ODP675" s="613"/>
      <c r="ODQ675" s="613"/>
      <c r="ODR675" s="613"/>
      <c r="ODS675" s="613"/>
      <c r="ODT675" s="613"/>
      <c r="ODU675" s="613"/>
      <c r="ODV675" s="613"/>
      <c r="ODW675" s="613"/>
      <c r="ODX675" s="613"/>
      <c r="ODY675" s="613"/>
      <c r="ODZ675" s="613"/>
      <c r="OEA675" s="613"/>
      <c r="OEB675" s="613"/>
      <c r="OEC675" s="613"/>
      <c r="OED675" s="613"/>
      <c r="OEE675" s="613"/>
      <c r="OEF675" s="613"/>
      <c r="OEG675" s="613"/>
      <c r="OEH675" s="613"/>
      <c r="OEI675" s="613"/>
      <c r="OEJ675" s="613"/>
      <c r="OEK675" s="613"/>
      <c r="OEL675" s="613"/>
      <c r="OEM675" s="613"/>
      <c r="OEN675" s="613"/>
      <c r="OEO675" s="613"/>
      <c r="OEP675" s="613"/>
      <c r="OEQ675" s="613"/>
      <c r="OER675" s="613"/>
      <c r="OES675" s="613"/>
      <c r="OET675" s="613"/>
      <c r="OEU675" s="613"/>
      <c r="OEV675" s="613"/>
      <c r="OEW675" s="613"/>
      <c r="OEX675" s="613"/>
      <c r="OEY675" s="613"/>
      <c r="OEZ675" s="613"/>
      <c r="OFA675" s="613"/>
      <c r="OFB675" s="613"/>
      <c r="OFC675" s="613"/>
      <c r="OFD675" s="613"/>
      <c r="OFE675" s="613"/>
      <c r="OFF675" s="613"/>
      <c r="OFG675" s="613"/>
      <c r="OFH675" s="613"/>
      <c r="OFI675" s="613"/>
      <c r="OFJ675" s="613"/>
      <c r="OFK675" s="613"/>
      <c r="OFL675" s="613"/>
      <c r="OFM675" s="613"/>
      <c r="OFN675" s="613"/>
      <c r="OFO675" s="613"/>
      <c r="OFP675" s="613"/>
      <c r="OFQ675" s="613"/>
      <c r="OFR675" s="613"/>
      <c r="OFS675" s="613"/>
      <c r="OFT675" s="613"/>
      <c r="OFU675" s="613"/>
      <c r="OFV675" s="613"/>
      <c r="OFW675" s="613"/>
      <c r="OFX675" s="613"/>
      <c r="OFY675" s="613"/>
      <c r="OFZ675" s="613"/>
      <c r="OGA675" s="613"/>
      <c r="OGB675" s="613"/>
      <c r="OGC675" s="613"/>
      <c r="OGD675" s="613"/>
      <c r="OGE675" s="613"/>
      <c r="OGF675" s="613"/>
      <c r="OGG675" s="613"/>
      <c r="OGH675" s="613"/>
      <c r="OGI675" s="613"/>
      <c r="OGJ675" s="613"/>
      <c r="OGK675" s="613"/>
      <c r="OGL675" s="613"/>
      <c r="OGM675" s="613"/>
      <c r="OGN675" s="613"/>
      <c r="OGO675" s="613"/>
      <c r="OGP675" s="613"/>
      <c r="OGQ675" s="613"/>
      <c r="OGR675" s="613"/>
      <c r="OGS675" s="613"/>
      <c r="OGT675" s="613"/>
      <c r="OGU675" s="613"/>
      <c r="OGV675" s="613"/>
      <c r="OGW675" s="613"/>
      <c r="OGX675" s="613"/>
      <c r="OGY675" s="613"/>
      <c r="OGZ675" s="613"/>
      <c r="OHA675" s="613"/>
      <c r="OHB675" s="613"/>
      <c r="OHC675" s="613"/>
      <c r="OHD675" s="613"/>
      <c r="OHE675" s="613"/>
      <c r="OHF675" s="613"/>
      <c r="OHG675" s="613"/>
      <c r="OHH675" s="613"/>
      <c r="OHI675" s="613"/>
      <c r="OHJ675" s="613"/>
      <c r="OHK675" s="613"/>
      <c r="OHL675" s="613"/>
      <c r="OHM675" s="613"/>
      <c r="OHN675" s="613"/>
      <c r="OHO675" s="613"/>
      <c r="OHP675" s="613"/>
      <c r="OHQ675" s="613"/>
      <c r="OHR675" s="613"/>
      <c r="OHS675" s="613"/>
      <c r="OHT675" s="613"/>
      <c r="OHU675" s="613"/>
      <c r="OHV675" s="613"/>
      <c r="OHW675" s="613"/>
      <c r="OHX675" s="613"/>
      <c r="OHY675" s="613"/>
      <c r="OHZ675" s="613"/>
      <c r="OIA675" s="613"/>
      <c r="OIB675" s="613"/>
      <c r="OIC675" s="613"/>
      <c r="OID675" s="613"/>
      <c r="OIE675" s="613"/>
      <c r="OIF675" s="613"/>
      <c r="OIG675" s="613"/>
      <c r="OIH675" s="613"/>
      <c r="OII675" s="613"/>
      <c r="OIJ675" s="613"/>
      <c r="OIK675" s="613"/>
      <c r="OIL675" s="613"/>
      <c r="OIM675" s="613"/>
      <c r="OIN675" s="613"/>
      <c r="OIO675" s="613"/>
      <c r="OIP675" s="613"/>
      <c r="OIQ675" s="613"/>
      <c r="OIR675" s="613"/>
      <c r="OIS675" s="613"/>
      <c r="OIT675" s="613"/>
      <c r="OIU675" s="613"/>
      <c r="OIV675" s="613"/>
      <c r="OIW675" s="613"/>
      <c r="OIX675" s="613"/>
      <c r="OIY675" s="613"/>
      <c r="OIZ675" s="613"/>
      <c r="OJA675" s="613"/>
      <c r="OJB675" s="613"/>
      <c r="OJC675" s="613"/>
      <c r="OJD675" s="613"/>
      <c r="OJE675" s="613"/>
      <c r="OJF675" s="613"/>
      <c r="OJG675" s="613"/>
      <c r="OJH675" s="613"/>
      <c r="OJI675" s="613"/>
      <c r="OJJ675" s="613"/>
      <c r="OJK675" s="613"/>
      <c r="OJL675" s="613"/>
      <c r="OJM675" s="613"/>
      <c r="OJN675" s="613"/>
      <c r="OJO675" s="613"/>
      <c r="OJP675" s="613"/>
      <c r="OJQ675" s="613"/>
      <c r="OJR675" s="613"/>
      <c r="OJS675" s="613"/>
      <c r="OJT675" s="613"/>
      <c r="OJU675" s="613"/>
      <c r="OJV675" s="613"/>
      <c r="OJW675" s="613"/>
      <c r="OJX675" s="613"/>
      <c r="OJY675" s="613"/>
      <c r="OJZ675" s="613"/>
      <c r="OKA675" s="613"/>
      <c r="OKB675" s="613"/>
      <c r="OKC675" s="613"/>
      <c r="OKD675" s="613"/>
      <c r="OKE675" s="613"/>
      <c r="OKF675" s="613"/>
      <c r="OKG675" s="613"/>
      <c r="OKH675" s="613"/>
      <c r="OKI675" s="613"/>
      <c r="OKJ675" s="613"/>
      <c r="OKK675" s="613"/>
      <c r="OKL675" s="613"/>
      <c r="OKM675" s="613"/>
      <c r="OKN675" s="613"/>
      <c r="OKO675" s="613"/>
      <c r="OKP675" s="613"/>
      <c r="OKQ675" s="613"/>
      <c r="OKR675" s="613"/>
      <c r="OKS675" s="613"/>
      <c r="OKT675" s="613"/>
      <c r="OKU675" s="613"/>
      <c r="OKV675" s="613"/>
      <c r="OKW675" s="613"/>
      <c r="OKX675" s="613"/>
      <c r="OKY675" s="613"/>
      <c r="OKZ675" s="613"/>
      <c r="OLA675" s="613"/>
      <c r="OLB675" s="613"/>
      <c r="OLC675" s="613"/>
      <c r="OLD675" s="613"/>
      <c r="OLE675" s="613"/>
      <c r="OLF675" s="613"/>
      <c r="OLG675" s="613"/>
      <c r="OLH675" s="613"/>
      <c r="OLI675" s="613"/>
      <c r="OLJ675" s="613"/>
      <c r="OLK675" s="613"/>
      <c r="OLL675" s="613"/>
      <c r="OLM675" s="613"/>
      <c r="OLN675" s="613"/>
      <c r="OLO675" s="613"/>
      <c r="OLP675" s="613"/>
      <c r="OLQ675" s="613"/>
      <c r="OLR675" s="613"/>
      <c r="OLS675" s="613"/>
      <c r="OLT675" s="613"/>
      <c r="OLU675" s="613"/>
      <c r="OLV675" s="613"/>
      <c r="OLW675" s="613"/>
      <c r="OLX675" s="613"/>
      <c r="OLY675" s="613"/>
      <c r="OLZ675" s="613"/>
      <c r="OMA675" s="613"/>
      <c r="OMB675" s="613"/>
      <c r="OMC675" s="613"/>
      <c r="OMD675" s="613"/>
      <c r="OME675" s="613"/>
      <c r="OMF675" s="613"/>
      <c r="OMG675" s="613"/>
      <c r="OMH675" s="613"/>
      <c r="OMI675" s="613"/>
      <c r="OMJ675" s="613"/>
      <c r="OMK675" s="613"/>
      <c r="OML675" s="613"/>
      <c r="OMM675" s="613"/>
      <c r="OMN675" s="613"/>
      <c r="OMO675" s="613"/>
      <c r="OMP675" s="613"/>
      <c r="OMQ675" s="613"/>
      <c r="OMR675" s="613"/>
      <c r="OMS675" s="613"/>
      <c r="OMT675" s="613"/>
      <c r="OMU675" s="613"/>
      <c r="OMV675" s="613"/>
      <c r="OMW675" s="613"/>
      <c r="OMX675" s="613"/>
      <c r="OMY675" s="613"/>
      <c r="OMZ675" s="613"/>
      <c r="ONA675" s="613"/>
      <c r="ONB675" s="613"/>
      <c r="ONC675" s="613"/>
      <c r="OND675" s="613"/>
      <c r="ONE675" s="613"/>
      <c r="ONF675" s="613"/>
      <c r="ONG675" s="613"/>
      <c r="ONH675" s="613"/>
      <c r="ONI675" s="613"/>
      <c r="ONJ675" s="613"/>
      <c r="ONK675" s="613"/>
      <c r="ONL675" s="613"/>
      <c r="ONM675" s="613"/>
      <c r="ONN675" s="613"/>
      <c r="ONO675" s="613"/>
      <c r="ONP675" s="613"/>
      <c r="ONQ675" s="613"/>
      <c r="ONR675" s="613"/>
      <c r="ONS675" s="613"/>
      <c r="ONT675" s="613"/>
      <c r="ONU675" s="613"/>
      <c r="ONV675" s="613"/>
      <c r="ONW675" s="613"/>
      <c r="ONX675" s="613"/>
      <c r="ONY675" s="613"/>
      <c r="ONZ675" s="613"/>
      <c r="OOA675" s="613"/>
      <c r="OOB675" s="613"/>
      <c r="OOC675" s="613"/>
      <c r="OOD675" s="613"/>
      <c r="OOE675" s="613"/>
      <c r="OOF675" s="613"/>
      <c r="OOG675" s="613"/>
      <c r="OOH675" s="613"/>
      <c r="OOI675" s="613"/>
      <c r="OOJ675" s="613"/>
      <c r="OOK675" s="613"/>
      <c r="OOL675" s="613"/>
      <c r="OOM675" s="613"/>
      <c r="OON675" s="613"/>
      <c r="OOO675" s="613"/>
      <c r="OOP675" s="613"/>
      <c r="OOQ675" s="613"/>
      <c r="OOR675" s="613"/>
      <c r="OOS675" s="613"/>
      <c r="OOT675" s="613"/>
      <c r="OOU675" s="613"/>
      <c r="OOV675" s="613"/>
      <c r="OOW675" s="613"/>
      <c r="OOX675" s="613"/>
      <c r="OOY675" s="613"/>
      <c r="OOZ675" s="613"/>
      <c r="OPA675" s="613"/>
      <c r="OPB675" s="613"/>
      <c r="OPC675" s="613"/>
      <c r="OPD675" s="613"/>
      <c r="OPE675" s="613"/>
      <c r="OPF675" s="613"/>
      <c r="OPG675" s="613"/>
      <c r="OPH675" s="613"/>
      <c r="OPI675" s="613"/>
      <c r="OPJ675" s="613"/>
      <c r="OPK675" s="613"/>
      <c r="OPL675" s="613"/>
      <c r="OPM675" s="613"/>
      <c r="OPN675" s="613"/>
      <c r="OPO675" s="613"/>
      <c r="OPP675" s="613"/>
      <c r="OPQ675" s="613"/>
      <c r="OPR675" s="613"/>
      <c r="OPS675" s="613"/>
      <c r="OPT675" s="613"/>
      <c r="OPU675" s="613"/>
      <c r="OPV675" s="613"/>
      <c r="OPW675" s="613"/>
      <c r="OPX675" s="613"/>
      <c r="OPY675" s="613"/>
      <c r="OPZ675" s="613"/>
      <c r="OQA675" s="613"/>
      <c r="OQB675" s="613"/>
      <c r="OQC675" s="613"/>
      <c r="OQD675" s="613"/>
      <c r="OQE675" s="613"/>
      <c r="OQF675" s="613"/>
      <c r="OQG675" s="613"/>
      <c r="OQH675" s="613"/>
      <c r="OQI675" s="613"/>
      <c r="OQJ675" s="613"/>
      <c r="OQK675" s="613"/>
      <c r="OQL675" s="613"/>
      <c r="OQM675" s="613"/>
      <c r="OQN675" s="613"/>
      <c r="OQO675" s="613"/>
      <c r="OQP675" s="613"/>
      <c r="OQQ675" s="613"/>
      <c r="OQR675" s="613"/>
      <c r="OQS675" s="613"/>
      <c r="OQT675" s="613"/>
      <c r="OQU675" s="613"/>
      <c r="OQV675" s="613"/>
      <c r="OQW675" s="613"/>
      <c r="OQX675" s="613"/>
      <c r="OQY675" s="613"/>
      <c r="OQZ675" s="613"/>
      <c r="ORA675" s="613"/>
      <c r="ORB675" s="613"/>
      <c r="ORC675" s="613"/>
      <c r="ORD675" s="613"/>
      <c r="ORE675" s="613"/>
      <c r="ORF675" s="613"/>
      <c r="ORG675" s="613"/>
      <c r="ORH675" s="613"/>
      <c r="ORI675" s="613"/>
      <c r="ORJ675" s="613"/>
      <c r="ORK675" s="613"/>
      <c r="ORL675" s="613"/>
      <c r="ORM675" s="613"/>
      <c r="ORN675" s="613"/>
      <c r="ORO675" s="613"/>
      <c r="ORP675" s="613"/>
      <c r="ORQ675" s="613"/>
      <c r="ORR675" s="613"/>
      <c r="ORS675" s="613"/>
      <c r="ORT675" s="613"/>
      <c r="ORU675" s="613"/>
      <c r="ORV675" s="613"/>
      <c r="ORW675" s="613"/>
      <c r="ORX675" s="613"/>
      <c r="ORY675" s="613"/>
      <c r="ORZ675" s="613"/>
      <c r="OSA675" s="613"/>
      <c r="OSB675" s="613"/>
      <c r="OSC675" s="613"/>
      <c r="OSD675" s="613"/>
      <c r="OSE675" s="613"/>
      <c r="OSF675" s="613"/>
      <c r="OSG675" s="613"/>
      <c r="OSH675" s="613"/>
      <c r="OSI675" s="613"/>
      <c r="OSJ675" s="613"/>
      <c r="OSK675" s="613"/>
      <c r="OSL675" s="613"/>
      <c r="OSM675" s="613"/>
      <c r="OSN675" s="613"/>
      <c r="OSO675" s="613"/>
      <c r="OSP675" s="613"/>
      <c r="OSQ675" s="613"/>
      <c r="OSR675" s="613"/>
      <c r="OSS675" s="613"/>
      <c r="OST675" s="613"/>
      <c r="OSU675" s="613"/>
      <c r="OSV675" s="613"/>
      <c r="OSW675" s="613"/>
      <c r="OSX675" s="613"/>
      <c r="OSY675" s="613"/>
      <c r="OSZ675" s="613"/>
      <c r="OTA675" s="613"/>
      <c r="OTB675" s="613"/>
      <c r="OTC675" s="613"/>
      <c r="OTD675" s="613"/>
      <c r="OTE675" s="613"/>
      <c r="OTF675" s="613"/>
      <c r="OTG675" s="613"/>
      <c r="OTH675" s="613"/>
      <c r="OTI675" s="613"/>
      <c r="OTJ675" s="613"/>
      <c r="OTK675" s="613"/>
      <c r="OTL675" s="613"/>
      <c r="OTM675" s="613"/>
      <c r="OTN675" s="613"/>
      <c r="OTO675" s="613"/>
      <c r="OTP675" s="613"/>
      <c r="OTQ675" s="613"/>
      <c r="OTR675" s="613"/>
      <c r="OTS675" s="613"/>
      <c r="OTT675" s="613"/>
      <c r="OTU675" s="613"/>
      <c r="OTV675" s="613"/>
      <c r="OTW675" s="613"/>
      <c r="OTX675" s="613"/>
      <c r="OTY675" s="613"/>
      <c r="OTZ675" s="613"/>
      <c r="OUA675" s="613"/>
      <c r="OUB675" s="613"/>
      <c r="OUC675" s="613"/>
      <c r="OUD675" s="613"/>
      <c r="OUE675" s="613"/>
      <c r="OUF675" s="613"/>
      <c r="OUG675" s="613"/>
      <c r="OUH675" s="613"/>
      <c r="OUI675" s="613"/>
      <c r="OUJ675" s="613"/>
      <c r="OUK675" s="613"/>
      <c r="OUL675" s="613"/>
      <c r="OUM675" s="613"/>
      <c r="OUN675" s="613"/>
      <c r="OUO675" s="613"/>
      <c r="OUP675" s="613"/>
      <c r="OUQ675" s="613"/>
      <c r="OUR675" s="613"/>
      <c r="OUS675" s="613"/>
      <c r="OUT675" s="613"/>
      <c r="OUU675" s="613"/>
      <c r="OUV675" s="613"/>
      <c r="OUW675" s="613"/>
      <c r="OUX675" s="613"/>
      <c r="OUY675" s="613"/>
      <c r="OUZ675" s="613"/>
      <c r="OVA675" s="613"/>
      <c r="OVB675" s="613"/>
      <c r="OVC675" s="613"/>
      <c r="OVD675" s="613"/>
      <c r="OVE675" s="613"/>
      <c r="OVF675" s="613"/>
      <c r="OVG675" s="613"/>
      <c r="OVH675" s="613"/>
      <c r="OVI675" s="613"/>
      <c r="OVJ675" s="613"/>
      <c r="OVK675" s="613"/>
      <c r="OVL675" s="613"/>
      <c r="OVM675" s="613"/>
      <c r="OVN675" s="613"/>
      <c r="OVO675" s="613"/>
      <c r="OVP675" s="613"/>
      <c r="OVQ675" s="613"/>
      <c r="OVR675" s="613"/>
      <c r="OVS675" s="613"/>
      <c r="OVT675" s="613"/>
      <c r="OVU675" s="613"/>
      <c r="OVV675" s="613"/>
      <c r="OVW675" s="613"/>
      <c r="OVX675" s="613"/>
      <c r="OVY675" s="613"/>
      <c r="OVZ675" s="613"/>
      <c r="OWA675" s="613"/>
      <c r="OWB675" s="613"/>
      <c r="OWC675" s="613"/>
      <c r="OWD675" s="613"/>
      <c r="OWE675" s="613"/>
      <c r="OWF675" s="613"/>
      <c r="OWG675" s="613"/>
      <c r="OWH675" s="613"/>
      <c r="OWI675" s="613"/>
      <c r="OWJ675" s="613"/>
      <c r="OWK675" s="613"/>
      <c r="OWL675" s="613"/>
      <c r="OWM675" s="613"/>
      <c r="OWN675" s="613"/>
      <c r="OWO675" s="613"/>
      <c r="OWP675" s="613"/>
      <c r="OWQ675" s="613"/>
      <c r="OWR675" s="613"/>
      <c r="OWS675" s="613"/>
      <c r="OWT675" s="613"/>
      <c r="OWU675" s="613"/>
      <c r="OWV675" s="613"/>
      <c r="OWW675" s="613"/>
      <c r="OWX675" s="613"/>
      <c r="OWY675" s="613"/>
      <c r="OWZ675" s="613"/>
      <c r="OXA675" s="613"/>
      <c r="OXB675" s="613"/>
      <c r="OXC675" s="613"/>
      <c r="OXD675" s="613"/>
      <c r="OXE675" s="613"/>
      <c r="OXF675" s="613"/>
      <c r="OXG675" s="613"/>
      <c r="OXH675" s="613"/>
      <c r="OXI675" s="613"/>
      <c r="OXJ675" s="613"/>
      <c r="OXK675" s="613"/>
      <c r="OXL675" s="613"/>
      <c r="OXM675" s="613"/>
      <c r="OXN675" s="613"/>
      <c r="OXO675" s="613"/>
      <c r="OXP675" s="613"/>
      <c r="OXQ675" s="613"/>
      <c r="OXR675" s="613"/>
      <c r="OXS675" s="613"/>
      <c r="OXT675" s="613"/>
      <c r="OXU675" s="613"/>
      <c r="OXV675" s="613"/>
      <c r="OXW675" s="613"/>
      <c r="OXX675" s="613"/>
      <c r="OXY675" s="613"/>
      <c r="OXZ675" s="613"/>
      <c r="OYA675" s="613"/>
      <c r="OYB675" s="613"/>
      <c r="OYC675" s="613"/>
      <c r="OYD675" s="613"/>
      <c r="OYE675" s="613"/>
      <c r="OYF675" s="613"/>
      <c r="OYG675" s="613"/>
      <c r="OYH675" s="613"/>
      <c r="OYI675" s="613"/>
      <c r="OYJ675" s="613"/>
      <c r="OYK675" s="613"/>
      <c r="OYL675" s="613"/>
      <c r="OYM675" s="613"/>
      <c r="OYN675" s="613"/>
      <c r="OYO675" s="613"/>
      <c r="OYP675" s="613"/>
      <c r="OYQ675" s="613"/>
      <c r="OYR675" s="613"/>
      <c r="OYS675" s="613"/>
      <c r="OYT675" s="613"/>
      <c r="OYU675" s="613"/>
      <c r="OYV675" s="613"/>
      <c r="OYW675" s="613"/>
      <c r="OYX675" s="613"/>
      <c r="OYY675" s="613"/>
      <c r="OYZ675" s="613"/>
      <c r="OZA675" s="613"/>
      <c r="OZB675" s="613"/>
      <c r="OZC675" s="613"/>
      <c r="OZD675" s="613"/>
      <c r="OZE675" s="613"/>
      <c r="OZF675" s="613"/>
      <c r="OZG675" s="613"/>
      <c r="OZH675" s="613"/>
      <c r="OZI675" s="613"/>
      <c r="OZJ675" s="613"/>
      <c r="OZK675" s="613"/>
      <c r="OZL675" s="613"/>
      <c r="OZM675" s="613"/>
      <c r="OZN675" s="613"/>
      <c r="OZO675" s="613"/>
      <c r="OZP675" s="613"/>
      <c r="OZQ675" s="613"/>
      <c r="OZR675" s="613"/>
      <c r="OZS675" s="613"/>
      <c r="OZT675" s="613"/>
      <c r="OZU675" s="613"/>
      <c r="OZV675" s="613"/>
      <c r="OZW675" s="613"/>
      <c r="OZX675" s="613"/>
      <c r="OZY675" s="613"/>
      <c r="OZZ675" s="613"/>
      <c r="PAA675" s="613"/>
      <c r="PAB675" s="613"/>
      <c r="PAC675" s="613"/>
      <c r="PAD675" s="613"/>
      <c r="PAE675" s="613"/>
      <c r="PAF675" s="613"/>
      <c r="PAG675" s="613"/>
      <c r="PAH675" s="613"/>
      <c r="PAI675" s="613"/>
      <c r="PAJ675" s="613"/>
      <c r="PAK675" s="613"/>
      <c r="PAL675" s="613"/>
      <c r="PAM675" s="613"/>
      <c r="PAN675" s="613"/>
      <c r="PAO675" s="613"/>
      <c r="PAP675" s="613"/>
      <c r="PAQ675" s="613"/>
      <c r="PAR675" s="613"/>
      <c r="PAS675" s="613"/>
      <c r="PAT675" s="613"/>
      <c r="PAU675" s="613"/>
      <c r="PAV675" s="613"/>
      <c r="PAW675" s="613"/>
      <c r="PAX675" s="613"/>
      <c r="PAY675" s="613"/>
      <c r="PAZ675" s="613"/>
      <c r="PBA675" s="613"/>
      <c r="PBB675" s="613"/>
      <c r="PBC675" s="613"/>
      <c r="PBD675" s="613"/>
      <c r="PBE675" s="613"/>
      <c r="PBF675" s="613"/>
      <c r="PBG675" s="613"/>
      <c r="PBH675" s="613"/>
      <c r="PBI675" s="613"/>
      <c r="PBJ675" s="613"/>
      <c r="PBK675" s="613"/>
      <c r="PBL675" s="613"/>
      <c r="PBM675" s="613"/>
      <c r="PBN675" s="613"/>
      <c r="PBO675" s="613"/>
      <c r="PBP675" s="613"/>
      <c r="PBQ675" s="613"/>
      <c r="PBR675" s="613"/>
      <c r="PBS675" s="613"/>
      <c r="PBT675" s="613"/>
      <c r="PBU675" s="613"/>
      <c r="PBV675" s="613"/>
      <c r="PBW675" s="613"/>
      <c r="PBX675" s="613"/>
      <c r="PBY675" s="613"/>
      <c r="PBZ675" s="613"/>
      <c r="PCA675" s="613"/>
      <c r="PCB675" s="613"/>
      <c r="PCC675" s="613"/>
      <c r="PCD675" s="613"/>
      <c r="PCE675" s="613"/>
      <c r="PCF675" s="613"/>
      <c r="PCG675" s="613"/>
      <c r="PCH675" s="613"/>
      <c r="PCI675" s="613"/>
      <c r="PCJ675" s="613"/>
      <c r="PCK675" s="613"/>
      <c r="PCL675" s="613"/>
      <c r="PCM675" s="613"/>
      <c r="PCN675" s="613"/>
      <c r="PCO675" s="613"/>
      <c r="PCP675" s="613"/>
      <c r="PCQ675" s="613"/>
      <c r="PCR675" s="613"/>
      <c r="PCS675" s="613"/>
      <c r="PCT675" s="613"/>
      <c r="PCU675" s="613"/>
      <c r="PCV675" s="613"/>
      <c r="PCW675" s="613"/>
      <c r="PCX675" s="613"/>
      <c r="PCY675" s="613"/>
      <c r="PCZ675" s="613"/>
      <c r="PDA675" s="613"/>
      <c r="PDB675" s="613"/>
      <c r="PDC675" s="613"/>
      <c r="PDD675" s="613"/>
      <c r="PDE675" s="613"/>
      <c r="PDF675" s="613"/>
      <c r="PDG675" s="613"/>
      <c r="PDH675" s="613"/>
      <c r="PDI675" s="613"/>
      <c r="PDJ675" s="613"/>
      <c r="PDK675" s="613"/>
      <c r="PDL675" s="613"/>
      <c r="PDM675" s="613"/>
      <c r="PDN675" s="613"/>
      <c r="PDO675" s="613"/>
      <c r="PDP675" s="613"/>
      <c r="PDQ675" s="613"/>
      <c r="PDR675" s="613"/>
      <c r="PDS675" s="613"/>
      <c r="PDT675" s="613"/>
      <c r="PDU675" s="613"/>
      <c r="PDV675" s="613"/>
      <c r="PDW675" s="613"/>
      <c r="PDX675" s="613"/>
      <c r="PDY675" s="613"/>
      <c r="PDZ675" s="613"/>
      <c r="PEA675" s="613"/>
      <c r="PEB675" s="613"/>
      <c r="PEC675" s="613"/>
      <c r="PED675" s="613"/>
      <c r="PEE675" s="613"/>
      <c r="PEF675" s="613"/>
      <c r="PEG675" s="613"/>
      <c r="PEH675" s="613"/>
      <c r="PEI675" s="613"/>
      <c r="PEJ675" s="613"/>
      <c r="PEK675" s="613"/>
      <c r="PEL675" s="613"/>
      <c r="PEM675" s="613"/>
      <c r="PEN675" s="613"/>
      <c r="PEO675" s="613"/>
      <c r="PEP675" s="613"/>
      <c r="PEQ675" s="613"/>
      <c r="PER675" s="613"/>
      <c r="PES675" s="613"/>
      <c r="PET675" s="613"/>
      <c r="PEU675" s="613"/>
      <c r="PEV675" s="613"/>
      <c r="PEW675" s="613"/>
      <c r="PEX675" s="613"/>
      <c r="PEY675" s="613"/>
      <c r="PEZ675" s="613"/>
      <c r="PFA675" s="613"/>
      <c r="PFB675" s="613"/>
      <c r="PFC675" s="613"/>
      <c r="PFD675" s="613"/>
      <c r="PFE675" s="613"/>
      <c r="PFF675" s="613"/>
      <c r="PFG675" s="613"/>
      <c r="PFH675" s="613"/>
      <c r="PFI675" s="613"/>
      <c r="PFJ675" s="613"/>
      <c r="PFK675" s="613"/>
      <c r="PFL675" s="613"/>
      <c r="PFM675" s="613"/>
      <c r="PFN675" s="613"/>
      <c r="PFO675" s="613"/>
      <c r="PFP675" s="613"/>
      <c r="PFQ675" s="613"/>
      <c r="PFR675" s="613"/>
      <c r="PFS675" s="613"/>
      <c r="PFT675" s="613"/>
      <c r="PFU675" s="613"/>
      <c r="PFV675" s="613"/>
      <c r="PFW675" s="613"/>
      <c r="PFX675" s="613"/>
      <c r="PFY675" s="613"/>
      <c r="PFZ675" s="613"/>
      <c r="PGA675" s="613"/>
      <c r="PGB675" s="613"/>
      <c r="PGC675" s="613"/>
      <c r="PGD675" s="613"/>
      <c r="PGE675" s="613"/>
      <c r="PGF675" s="613"/>
      <c r="PGG675" s="613"/>
      <c r="PGH675" s="613"/>
      <c r="PGI675" s="613"/>
      <c r="PGJ675" s="613"/>
      <c r="PGK675" s="613"/>
      <c r="PGL675" s="613"/>
      <c r="PGM675" s="613"/>
      <c r="PGN675" s="613"/>
      <c r="PGO675" s="613"/>
      <c r="PGP675" s="613"/>
      <c r="PGQ675" s="613"/>
      <c r="PGR675" s="613"/>
      <c r="PGS675" s="613"/>
      <c r="PGT675" s="613"/>
      <c r="PGU675" s="613"/>
      <c r="PGV675" s="613"/>
      <c r="PGW675" s="613"/>
      <c r="PGX675" s="613"/>
      <c r="PGY675" s="613"/>
      <c r="PGZ675" s="613"/>
      <c r="PHA675" s="613"/>
      <c r="PHB675" s="613"/>
      <c r="PHC675" s="613"/>
      <c r="PHD675" s="613"/>
      <c r="PHE675" s="613"/>
      <c r="PHF675" s="613"/>
      <c r="PHG675" s="613"/>
      <c r="PHH675" s="613"/>
      <c r="PHI675" s="613"/>
      <c r="PHJ675" s="613"/>
      <c r="PHK675" s="613"/>
      <c r="PHL675" s="613"/>
      <c r="PHM675" s="613"/>
      <c r="PHN675" s="613"/>
      <c r="PHO675" s="613"/>
      <c r="PHP675" s="613"/>
      <c r="PHQ675" s="613"/>
      <c r="PHR675" s="613"/>
      <c r="PHS675" s="613"/>
      <c r="PHT675" s="613"/>
      <c r="PHU675" s="613"/>
      <c r="PHV675" s="613"/>
      <c r="PHW675" s="613"/>
      <c r="PHX675" s="613"/>
      <c r="PHY675" s="613"/>
      <c r="PHZ675" s="613"/>
      <c r="PIA675" s="613"/>
      <c r="PIB675" s="613"/>
      <c r="PIC675" s="613"/>
      <c r="PID675" s="613"/>
      <c r="PIE675" s="613"/>
      <c r="PIF675" s="613"/>
      <c r="PIG675" s="613"/>
      <c r="PIH675" s="613"/>
      <c r="PII675" s="613"/>
      <c r="PIJ675" s="613"/>
      <c r="PIK675" s="613"/>
      <c r="PIL675" s="613"/>
      <c r="PIM675" s="613"/>
      <c r="PIN675" s="613"/>
      <c r="PIO675" s="613"/>
      <c r="PIP675" s="613"/>
      <c r="PIQ675" s="613"/>
      <c r="PIR675" s="613"/>
      <c r="PIS675" s="613"/>
      <c r="PIT675" s="613"/>
      <c r="PIU675" s="613"/>
      <c r="PIV675" s="613"/>
      <c r="PIW675" s="613"/>
      <c r="PIX675" s="613"/>
      <c r="PIY675" s="613"/>
      <c r="PIZ675" s="613"/>
      <c r="PJA675" s="613"/>
      <c r="PJB675" s="613"/>
      <c r="PJC675" s="613"/>
      <c r="PJD675" s="613"/>
      <c r="PJE675" s="613"/>
      <c r="PJF675" s="613"/>
      <c r="PJG675" s="613"/>
      <c r="PJH675" s="613"/>
      <c r="PJI675" s="613"/>
      <c r="PJJ675" s="613"/>
      <c r="PJK675" s="613"/>
      <c r="PJL675" s="613"/>
      <c r="PJM675" s="613"/>
      <c r="PJN675" s="613"/>
      <c r="PJO675" s="613"/>
      <c r="PJP675" s="613"/>
      <c r="PJQ675" s="613"/>
      <c r="PJR675" s="613"/>
      <c r="PJS675" s="613"/>
      <c r="PJT675" s="613"/>
      <c r="PJU675" s="613"/>
      <c r="PJV675" s="613"/>
      <c r="PJW675" s="613"/>
      <c r="PJX675" s="613"/>
      <c r="PJY675" s="613"/>
      <c r="PJZ675" s="613"/>
      <c r="PKA675" s="613"/>
      <c r="PKB675" s="613"/>
      <c r="PKC675" s="613"/>
      <c r="PKD675" s="613"/>
      <c r="PKE675" s="613"/>
      <c r="PKF675" s="613"/>
      <c r="PKG675" s="613"/>
      <c r="PKH675" s="613"/>
      <c r="PKI675" s="613"/>
      <c r="PKJ675" s="613"/>
      <c r="PKK675" s="613"/>
      <c r="PKL675" s="613"/>
      <c r="PKM675" s="613"/>
      <c r="PKN675" s="613"/>
      <c r="PKO675" s="613"/>
      <c r="PKP675" s="613"/>
      <c r="PKQ675" s="613"/>
      <c r="PKR675" s="613"/>
      <c r="PKS675" s="613"/>
      <c r="PKT675" s="613"/>
      <c r="PKU675" s="613"/>
      <c r="PKV675" s="613"/>
      <c r="PKW675" s="613"/>
      <c r="PKX675" s="613"/>
      <c r="PKY675" s="613"/>
      <c r="PKZ675" s="613"/>
      <c r="PLA675" s="613"/>
      <c r="PLB675" s="613"/>
      <c r="PLC675" s="613"/>
      <c r="PLD675" s="613"/>
      <c r="PLE675" s="613"/>
      <c r="PLF675" s="613"/>
      <c r="PLG675" s="613"/>
      <c r="PLH675" s="613"/>
      <c r="PLI675" s="613"/>
      <c r="PLJ675" s="613"/>
      <c r="PLK675" s="613"/>
      <c r="PLL675" s="613"/>
      <c r="PLM675" s="613"/>
      <c r="PLN675" s="613"/>
      <c r="PLO675" s="613"/>
      <c r="PLP675" s="613"/>
      <c r="PLQ675" s="613"/>
      <c r="PLR675" s="613"/>
      <c r="PLS675" s="613"/>
      <c r="PLT675" s="613"/>
      <c r="PLU675" s="613"/>
      <c r="PLV675" s="613"/>
      <c r="PLW675" s="613"/>
      <c r="PLX675" s="613"/>
      <c r="PLY675" s="613"/>
      <c r="PLZ675" s="613"/>
      <c r="PMA675" s="613"/>
      <c r="PMB675" s="613"/>
      <c r="PMC675" s="613"/>
      <c r="PMD675" s="613"/>
      <c r="PME675" s="613"/>
      <c r="PMF675" s="613"/>
      <c r="PMG675" s="613"/>
      <c r="PMH675" s="613"/>
      <c r="PMI675" s="613"/>
      <c r="PMJ675" s="613"/>
      <c r="PMK675" s="613"/>
      <c r="PML675" s="613"/>
      <c r="PMM675" s="613"/>
      <c r="PMN675" s="613"/>
      <c r="PMO675" s="613"/>
      <c r="PMP675" s="613"/>
      <c r="PMQ675" s="613"/>
      <c r="PMR675" s="613"/>
      <c r="PMS675" s="613"/>
      <c r="PMT675" s="613"/>
      <c r="PMU675" s="613"/>
      <c r="PMV675" s="613"/>
      <c r="PMW675" s="613"/>
      <c r="PMX675" s="613"/>
      <c r="PMY675" s="613"/>
      <c r="PMZ675" s="613"/>
      <c r="PNA675" s="613"/>
      <c r="PNB675" s="613"/>
      <c r="PNC675" s="613"/>
      <c r="PND675" s="613"/>
      <c r="PNE675" s="613"/>
      <c r="PNF675" s="613"/>
      <c r="PNG675" s="613"/>
      <c r="PNH675" s="613"/>
      <c r="PNI675" s="613"/>
      <c r="PNJ675" s="613"/>
      <c r="PNK675" s="613"/>
      <c r="PNL675" s="613"/>
      <c r="PNM675" s="613"/>
      <c r="PNN675" s="613"/>
      <c r="PNO675" s="613"/>
      <c r="PNP675" s="613"/>
      <c r="PNQ675" s="613"/>
      <c r="PNR675" s="613"/>
      <c r="PNS675" s="613"/>
      <c r="PNT675" s="613"/>
      <c r="PNU675" s="613"/>
      <c r="PNV675" s="613"/>
      <c r="PNW675" s="613"/>
      <c r="PNX675" s="613"/>
      <c r="PNY675" s="613"/>
      <c r="PNZ675" s="613"/>
      <c r="POA675" s="613"/>
      <c r="POB675" s="613"/>
      <c r="POC675" s="613"/>
      <c r="POD675" s="613"/>
      <c r="POE675" s="613"/>
      <c r="POF675" s="613"/>
      <c r="POG675" s="613"/>
      <c r="POH675" s="613"/>
      <c r="POI675" s="613"/>
      <c r="POJ675" s="613"/>
      <c r="POK675" s="613"/>
      <c r="POL675" s="613"/>
      <c r="POM675" s="613"/>
      <c r="PON675" s="613"/>
      <c r="POO675" s="613"/>
      <c r="POP675" s="613"/>
      <c r="POQ675" s="613"/>
      <c r="POR675" s="613"/>
      <c r="POS675" s="613"/>
      <c r="POT675" s="613"/>
      <c r="POU675" s="613"/>
      <c r="POV675" s="613"/>
      <c r="POW675" s="613"/>
      <c r="POX675" s="613"/>
      <c r="POY675" s="613"/>
      <c r="POZ675" s="613"/>
      <c r="PPA675" s="613"/>
      <c r="PPB675" s="613"/>
      <c r="PPC675" s="613"/>
      <c r="PPD675" s="613"/>
      <c r="PPE675" s="613"/>
      <c r="PPF675" s="613"/>
      <c r="PPG675" s="613"/>
      <c r="PPH675" s="613"/>
      <c r="PPI675" s="613"/>
      <c r="PPJ675" s="613"/>
      <c r="PPK675" s="613"/>
      <c r="PPL675" s="613"/>
      <c r="PPM675" s="613"/>
      <c r="PPN675" s="613"/>
      <c r="PPO675" s="613"/>
      <c r="PPP675" s="613"/>
      <c r="PPQ675" s="613"/>
      <c r="PPR675" s="613"/>
      <c r="PPS675" s="613"/>
      <c r="PPT675" s="613"/>
      <c r="PPU675" s="613"/>
      <c r="PPV675" s="613"/>
      <c r="PPW675" s="613"/>
      <c r="PPX675" s="613"/>
      <c r="PPY675" s="613"/>
      <c r="PPZ675" s="613"/>
      <c r="PQA675" s="613"/>
      <c r="PQB675" s="613"/>
      <c r="PQC675" s="613"/>
      <c r="PQD675" s="613"/>
      <c r="PQE675" s="613"/>
      <c r="PQF675" s="613"/>
      <c r="PQG675" s="613"/>
      <c r="PQH675" s="613"/>
      <c r="PQI675" s="613"/>
      <c r="PQJ675" s="613"/>
      <c r="PQK675" s="613"/>
      <c r="PQL675" s="613"/>
      <c r="PQM675" s="613"/>
      <c r="PQN675" s="613"/>
      <c r="PQO675" s="613"/>
      <c r="PQP675" s="613"/>
      <c r="PQQ675" s="613"/>
      <c r="PQR675" s="613"/>
      <c r="PQS675" s="613"/>
      <c r="PQT675" s="613"/>
      <c r="PQU675" s="613"/>
      <c r="PQV675" s="613"/>
      <c r="PQW675" s="613"/>
      <c r="PQX675" s="613"/>
      <c r="PQY675" s="613"/>
      <c r="PQZ675" s="613"/>
      <c r="PRA675" s="613"/>
      <c r="PRB675" s="613"/>
      <c r="PRC675" s="613"/>
      <c r="PRD675" s="613"/>
      <c r="PRE675" s="613"/>
      <c r="PRF675" s="613"/>
      <c r="PRG675" s="613"/>
      <c r="PRH675" s="613"/>
      <c r="PRI675" s="613"/>
      <c r="PRJ675" s="613"/>
      <c r="PRK675" s="613"/>
      <c r="PRL675" s="613"/>
      <c r="PRM675" s="613"/>
      <c r="PRN675" s="613"/>
      <c r="PRO675" s="613"/>
      <c r="PRP675" s="613"/>
      <c r="PRQ675" s="613"/>
      <c r="PRR675" s="613"/>
      <c r="PRS675" s="613"/>
      <c r="PRT675" s="613"/>
      <c r="PRU675" s="613"/>
      <c r="PRV675" s="613"/>
      <c r="PRW675" s="613"/>
      <c r="PRX675" s="613"/>
      <c r="PRY675" s="613"/>
      <c r="PRZ675" s="613"/>
      <c r="PSA675" s="613"/>
      <c r="PSB675" s="613"/>
      <c r="PSC675" s="613"/>
      <c r="PSD675" s="613"/>
      <c r="PSE675" s="613"/>
      <c r="PSF675" s="613"/>
      <c r="PSG675" s="613"/>
      <c r="PSH675" s="613"/>
      <c r="PSI675" s="613"/>
      <c r="PSJ675" s="613"/>
      <c r="PSK675" s="613"/>
      <c r="PSL675" s="613"/>
      <c r="PSM675" s="613"/>
      <c r="PSN675" s="613"/>
      <c r="PSO675" s="613"/>
      <c r="PSP675" s="613"/>
      <c r="PSQ675" s="613"/>
      <c r="PSR675" s="613"/>
      <c r="PSS675" s="613"/>
      <c r="PST675" s="613"/>
      <c r="PSU675" s="613"/>
      <c r="PSV675" s="613"/>
      <c r="PSW675" s="613"/>
      <c r="PSX675" s="613"/>
      <c r="PSY675" s="613"/>
      <c r="PSZ675" s="613"/>
      <c r="PTA675" s="613"/>
      <c r="PTB675" s="613"/>
      <c r="PTC675" s="613"/>
      <c r="PTD675" s="613"/>
      <c r="PTE675" s="613"/>
      <c r="PTF675" s="613"/>
      <c r="PTG675" s="613"/>
      <c r="PTH675" s="613"/>
      <c r="PTI675" s="613"/>
      <c r="PTJ675" s="613"/>
      <c r="PTK675" s="613"/>
      <c r="PTL675" s="613"/>
      <c r="PTM675" s="613"/>
      <c r="PTN675" s="613"/>
      <c r="PTO675" s="613"/>
      <c r="PTP675" s="613"/>
      <c r="PTQ675" s="613"/>
      <c r="PTR675" s="613"/>
      <c r="PTS675" s="613"/>
      <c r="PTT675" s="613"/>
      <c r="PTU675" s="613"/>
      <c r="PTV675" s="613"/>
      <c r="PTW675" s="613"/>
      <c r="PTX675" s="613"/>
      <c r="PTY675" s="613"/>
      <c r="PTZ675" s="613"/>
      <c r="PUA675" s="613"/>
      <c r="PUB675" s="613"/>
      <c r="PUC675" s="613"/>
      <c r="PUD675" s="613"/>
      <c r="PUE675" s="613"/>
      <c r="PUF675" s="613"/>
      <c r="PUG675" s="613"/>
      <c r="PUH675" s="613"/>
      <c r="PUI675" s="613"/>
      <c r="PUJ675" s="613"/>
      <c r="PUK675" s="613"/>
      <c r="PUL675" s="613"/>
      <c r="PUM675" s="613"/>
      <c r="PUN675" s="613"/>
      <c r="PUO675" s="613"/>
      <c r="PUP675" s="613"/>
      <c r="PUQ675" s="613"/>
      <c r="PUR675" s="613"/>
      <c r="PUS675" s="613"/>
      <c r="PUT675" s="613"/>
      <c r="PUU675" s="613"/>
      <c r="PUV675" s="613"/>
      <c r="PUW675" s="613"/>
      <c r="PUX675" s="613"/>
      <c r="PUY675" s="613"/>
      <c r="PUZ675" s="613"/>
      <c r="PVA675" s="613"/>
      <c r="PVB675" s="613"/>
      <c r="PVC675" s="613"/>
      <c r="PVD675" s="613"/>
      <c r="PVE675" s="613"/>
      <c r="PVF675" s="613"/>
      <c r="PVG675" s="613"/>
      <c r="PVH675" s="613"/>
      <c r="PVI675" s="613"/>
      <c r="PVJ675" s="613"/>
      <c r="PVK675" s="613"/>
      <c r="PVL675" s="613"/>
      <c r="PVM675" s="613"/>
      <c r="PVN675" s="613"/>
      <c r="PVO675" s="613"/>
      <c r="PVP675" s="613"/>
      <c r="PVQ675" s="613"/>
      <c r="PVR675" s="613"/>
      <c r="PVS675" s="613"/>
      <c r="PVT675" s="613"/>
      <c r="PVU675" s="613"/>
      <c r="PVV675" s="613"/>
      <c r="PVW675" s="613"/>
      <c r="PVX675" s="613"/>
      <c r="PVY675" s="613"/>
      <c r="PVZ675" s="613"/>
      <c r="PWA675" s="613"/>
      <c r="PWB675" s="613"/>
      <c r="PWC675" s="613"/>
      <c r="PWD675" s="613"/>
      <c r="PWE675" s="613"/>
      <c r="PWF675" s="613"/>
      <c r="PWG675" s="613"/>
      <c r="PWH675" s="613"/>
      <c r="PWI675" s="613"/>
      <c r="PWJ675" s="613"/>
      <c r="PWK675" s="613"/>
      <c r="PWL675" s="613"/>
      <c r="PWM675" s="613"/>
      <c r="PWN675" s="613"/>
      <c r="PWO675" s="613"/>
      <c r="PWP675" s="613"/>
      <c r="PWQ675" s="613"/>
      <c r="PWR675" s="613"/>
      <c r="PWS675" s="613"/>
      <c r="PWT675" s="613"/>
      <c r="PWU675" s="613"/>
      <c r="PWV675" s="613"/>
      <c r="PWW675" s="613"/>
      <c r="PWX675" s="613"/>
      <c r="PWY675" s="613"/>
      <c r="PWZ675" s="613"/>
      <c r="PXA675" s="613"/>
      <c r="PXB675" s="613"/>
      <c r="PXC675" s="613"/>
      <c r="PXD675" s="613"/>
      <c r="PXE675" s="613"/>
      <c r="PXF675" s="613"/>
      <c r="PXG675" s="613"/>
      <c r="PXH675" s="613"/>
      <c r="PXI675" s="613"/>
      <c r="PXJ675" s="613"/>
      <c r="PXK675" s="613"/>
      <c r="PXL675" s="613"/>
      <c r="PXM675" s="613"/>
      <c r="PXN675" s="613"/>
      <c r="PXO675" s="613"/>
      <c r="PXP675" s="613"/>
      <c r="PXQ675" s="613"/>
      <c r="PXR675" s="613"/>
      <c r="PXS675" s="613"/>
      <c r="PXT675" s="613"/>
      <c r="PXU675" s="613"/>
      <c r="PXV675" s="613"/>
      <c r="PXW675" s="613"/>
      <c r="PXX675" s="613"/>
      <c r="PXY675" s="613"/>
      <c r="PXZ675" s="613"/>
      <c r="PYA675" s="613"/>
      <c r="PYB675" s="613"/>
      <c r="PYC675" s="613"/>
      <c r="PYD675" s="613"/>
      <c r="PYE675" s="613"/>
      <c r="PYF675" s="613"/>
      <c r="PYG675" s="613"/>
      <c r="PYH675" s="613"/>
      <c r="PYI675" s="613"/>
      <c r="PYJ675" s="613"/>
      <c r="PYK675" s="613"/>
      <c r="PYL675" s="613"/>
      <c r="PYM675" s="613"/>
      <c r="PYN675" s="613"/>
      <c r="PYO675" s="613"/>
      <c r="PYP675" s="613"/>
      <c r="PYQ675" s="613"/>
      <c r="PYR675" s="613"/>
      <c r="PYS675" s="613"/>
      <c r="PYT675" s="613"/>
      <c r="PYU675" s="613"/>
      <c r="PYV675" s="613"/>
      <c r="PYW675" s="613"/>
      <c r="PYX675" s="613"/>
      <c r="PYY675" s="613"/>
      <c r="PYZ675" s="613"/>
      <c r="PZA675" s="613"/>
      <c r="PZB675" s="613"/>
      <c r="PZC675" s="613"/>
      <c r="PZD675" s="613"/>
      <c r="PZE675" s="613"/>
      <c r="PZF675" s="613"/>
      <c r="PZG675" s="613"/>
      <c r="PZH675" s="613"/>
      <c r="PZI675" s="613"/>
      <c r="PZJ675" s="613"/>
      <c r="PZK675" s="613"/>
      <c r="PZL675" s="613"/>
      <c r="PZM675" s="613"/>
      <c r="PZN675" s="613"/>
      <c r="PZO675" s="613"/>
      <c r="PZP675" s="613"/>
      <c r="PZQ675" s="613"/>
      <c r="PZR675" s="613"/>
      <c r="PZS675" s="613"/>
      <c r="PZT675" s="613"/>
      <c r="PZU675" s="613"/>
      <c r="PZV675" s="613"/>
      <c r="PZW675" s="613"/>
      <c r="PZX675" s="613"/>
      <c r="PZY675" s="613"/>
      <c r="PZZ675" s="613"/>
      <c r="QAA675" s="613"/>
      <c r="QAB675" s="613"/>
      <c r="QAC675" s="613"/>
      <c r="QAD675" s="613"/>
      <c r="QAE675" s="613"/>
      <c r="QAF675" s="613"/>
      <c r="QAG675" s="613"/>
      <c r="QAH675" s="613"/>
      <c r="QAI675" s="613"/>
      <c r="QAJ675" s="613"/>
      <c r="QAK675" s="613"/>
      <c r="QAL675" s="613"/>
      <c r="QAM675" s="613"/>
      <c r="QAN675" s="613"/>
      <c r="QAO675" s="613"/>
      <c r="QAP675" s="613"/>
      <c r="QAQ675" s="613"/>
      <c r="QAR675" s="613"/>
      <c r="QAS675" s="613"/>
      <c r="QAT675" s="613"/>
      <c r="QAU675" s="613"/>
      <c r="QAV675" s="613"/>
      <c r="QAW675" s="613"/>
      <c r="QAX675" s="613"/>
      <c r="QAY675" s="613"/>
      <c r="QAZ675" s="613"/>
      <c r="QBA675" s="613"/>
      <c r="QBB675" s="613"/>
      <c r="QBC675" s="613"/>
      <c r="QBD675" s="613"/>
      <c r="QBE675" s="613"/>
      <c r="QBF675" s="613"/>
      <c r="QBG675" s="613"/>
      <c r="QBH675" s="613"/>
      <c r="QBI675" s="613"/>
      <c r="QBJ675" s="613"/>
      <c r="QBK675" s="613"/>
      <c r="QBL675" s="613"/>
      <c r="QBM675" s="613"/>
      <c r="QBN675" s="613"/>
      <c r="QBO675" s="613"/>
      <c r="QBP675" s="613"/>
      <c r="QBQ675" s="613"/>
      <c r="QBR675" s="613"/>
      <c r="QBS675" s="613"/>
      <c r="QBT675" s="613"/>
      <c r="QBU675" s="613"/>
      <c r="QBV675" s="613"/>
      <c r="QBW675" s="613"/>
      <c r="QBX675" s="613"/>
      <c r="QBY675" s="613"/>
      <c r="QBZ675" s="613"/>
      <c r="QCA675" s="613"/>
      <c r="QCB675" s="613"/>
      <c r="QCC675" s="613"/>
      <c r="QCD675" s="613"/>
      <c r="QCE675" s="613"/>
      <c r="QCF675" s="613"/>
      <c r="QCG675" s="613"/>
      <c r="QCH675" s="613"/>
      <c r="QCI675" s="613"/>
      <c r="QCJ675" s="613"/>
      <c r="QCK675" s="613"/>
      <c r="QCL675" s="613"/>
      <c r="QCM675" s="613"/>
      <c r="QCN675" s="613"/>
      <c r="QCO675" s="613"/>
      <c r="QCP675" s="613"/>
      <c r="QCQ675" s="613"/>
      <c r="QCR675" s="613"/>
      <c r="QCS675" s="613"/>
      <c r="QCT675" s="613"/>
      <c r="QCU675" s="613"/>
      <c r="QCV675" s="613"/>
      <c r="QCW675" s="613"/>
      <c r="QCX675" s="613"/>
      <c r="QCY675" s="613"/>
      <c r="QCZ675" s="613"/>
      <c r="QDA675" s="613"/>
      <c r="QDB675" s="613"/>
      <c r="QDC675" s="613"/>
      <c r="QDD675" s="613"/>
      <c r="QDE675" s="613"/>
      <c r="QDF675" s="613"/>
      <c r="QDG675" s="613"/>
      <c r="QDH675" s="613"/>
      <c r="QDI675" s="613"/>
      <c r="QDJ675" s="613"/>
      <c r="QDK675" s="613"/>
      <c r="QDL675" s="613"/>
      <c r="QDM675" s="613"/>
      <c r="QDN675" s="613"/>
      <c r="QDO675" s="613"/>
      <c r="QDP675" s="613"/>
      <c r="QDQ675" s="613"/>
      <c r="QDR675" s="613"/>
      <c r="QDS675" s="613"/>
      <c r="QDT675" s="613"/>
      <c r="QDU675" s="613"/>
      <c r="QDV675" s="613"/>
      <c r="QDW675" s="613"/>
      <c r="QDX675" s="613"/>
      <c r="QDY675" s="613"/>
      <c r="QDZ675" s="613"/>
      <c r="QEA675" s="613"/>
      <c r="QEB675" s="613"/>
      <c r="QEC675" s="613"/>
      <c r="QED675" s="613"/>
      <c r="QEE675" s="613"/>
      <c r="QEF675" s="613"/>
      <c r="QEG675" s="613"/>
      <c r="QEH675" s="613"/>
      <c r="QEI675" s="613"/>
      <c r="QEJ675" s="613"/>
      <c r="QEK675" s="613"/>
      <c r="QEL675" s="613"/>
      <c r="QEM675" s="613"/>
      <c r="QEN675" s="613"/>
      <c r="QEO675" s="613"/>
      <c r="QEP675" s="613"/>
      <c r="QEQ675" s="613"/>
      <c r="QER675" s="613"/>
      <c r="QES675" s="613"/>
      <c r="QET675" s="613"/>
      <c r="QEU675" s="613"/>
      <c r="QEV675" s="613"/>
      <c r="QEW675" s="613"/>
      <c r="QEX675" s="613"/>
      <c r="QEY675" s="613"/>
      <c r="QEZ675" s="613"/>
      <c r="QFA675" s="613"/>
      <c r="QFB675" s="613"/>
      <c r="QFC675" s="613"/>
      <c r="QFD675" s="613"/>
      <c r="QFE675" s="613"/>
      <c r="QFF675" s="613"/>
      <c r="QFG675" s="613"/>
      <c r="QFH675" s="613"/>
      <c r="QFI675" s="613"/>
      <c r="QFJ675" s="613"/>
      <c r="QFK675" s="613"/>
      <c r="QFL675" s="613"/>
      <c r="QFM675" s="613"/>
      <c r="QFN675" s="613"/>
      <c r="QFO675" s="613"/>
      <c r="QFP675" s="613"/>
      <c r="QFQ675" s="613"/>
      <c r="QFR675" s="613"/>
      <c r="QFS675" s="613"/>
      <c r="QFT675" s="613"/>
      <c r="QFU675" s="613"/>
      <c r="QFV675" s="613"/>
      <c r="QFW675" s="613"/>
      <c r="QFX675" s="613"/>
      <c r="QFY675" s="613"/>
      <c r="QFZ675" s="613"/>
      <c r="QGA675" s="613"/>
      <c r="QGB675" s="613"/>
      <c r="QGC675" s="613"/>
      <c r="QGD675" s="613"/>
      <c r="QGE675" s="613"/>
      <c r="QGF675" s="613"/>
      <c r="QGG675" s="613"/>
      <c r="QGH675" s="613"/>
      <c r="QGI675" s="613"/>
      <c r="QGJ675" s="613"/>
      <c r="QGK675" s="613"/>
      <c r="QGL675" s="613"/>
      <c r="QGM675" s="613"/>
      <c r="QGN675" s="613"/>
      <c r="QGO675" s="613"/>
      <c r="QGP675" s="613"/>
      <c r="QGQ675" s="613"/>
      <c r="QGR675" s="613"/>
      <c r="QGS675" s="613"/>
      <c r="QGT675" s="613"/>
      <c r="QGU675" s="613"/>
      <c r="QGV675" s="613"/>
      <c r="QGW675" s="613"/>
      <c r="QGX675" s="613"/>
      <c r="QGY675" s="613"/>
      <c r="QGZ675" s="613"/>
      <c r="QHA675" s="613"/>
      <c r="QHB675" s="613"/>
      <c r="QHC675" s="613"/>
      <c r="QHD675" s="613"/>
      <c r="QHE675" s="613"/>
      <c r="QHF675" s="613"/>
      <c r="QHG675" s="613"/>
      <c r="QHH675" s="613"/>
      <c r="QHI675" s="613"/>
      <c r="QHJ675" s="613"/>
      <c r="QHK675" s="613"/>
      <c r="QHL675" s="613"/>
      <c r="QHM675" s="613"/>
      <c r="QHN675" s="613"/>
      <c r="QHO675" s="613"/>
      <c r="QHP675" s="613"/>
      <c r="QHQ675" s="613"/>
      <c r="QHR675" s="613"/>
      <c r="QHS675" s="613"/>
      <c r="QHT675" s="613"/>
      <c r="QHU675" s="613"/>
      <c r="QHV675" s="613"/>
      <c r="QHW675" s="613"/>
      <c r="QHX675" s="613"/>
      <c r="QHY675" s="613"/>
      <c r="QHZ675" s="613"/>
      <c r="QIA675" s="613"/>
      <c r="QIB675" s="613"/>
      <c r="QIC675" s="613"/>
      <c r="QID675" s="613"/>
      <c r="QIE675" s="613"/>
      <c r="QIF675" s="613"/>
      <c r="QIG675" s="613"/>
      <c r="QIH675" s="613"/>
      <c r="QII675" s="613"/>
      <c r="QIJ675" s="613"/>
      <c r="QIK675" s="613"/>
      <c r="QIL675" s="613"/>
      <c r="QIM675" s="613"/>
      <c r="QIN675" s="613"/>
      <c r="QIO675" s="613"/>
      <c r="QIP675" s="613"/>
      <c r="QIQ675" s="613"/>
      <c r="QIR675" s="613"/>
      <c r="QIS675" s="613"/>
      <c r="QIT675" s="613"/>
      <c r="QIU675" s="613"/>
      <c r="QIV675" s="613"/>
      <c r="QIW675" s="613"/>
      <c r="QIX675" s="613"/>
      <c r="QIY675" s="613"/>
      <c r="QIZ675" s="613"/>
      <c r="QJA675" s="613"/>
      <c r="QJB675" s="613"/>
      <c r="QJC675" s="613"/>
      <c r="QJD675" s="613"/>
      <c r="QJE675" s="613"/>
      <c r="QJF675" s="613"/>
      <c r="QJG675" s="613"/>
      <c r="QJH675" s="613"/>
      <c r="QJI675" s="613"/>
      <c r="QJJ675" s="613"/>
      <c r="QJK675" s="613"/>
      <c r="QJL675" s="613"/>
      <c r="QJM675" s="613"/>
      <c r="QJN675" s="613"/>
      <c r="QJO675" s="613"/>
      <c r="QJP675" s="613"/>
      <c r="QJQ675" s="613"/>
      <c r="QJR675" s="613"/>
      <c r="QJS675" s="613"/>
      <c r="QJT675" s="613"/>
      <c r="QJU675" s="613"/>
      <c r="QJV675" s="613"/>
      <c r="QJW675" s="613"/>
      <c r="QJX675" s="613"/>
      <c r="QJY675" s="613"/>
      <c r="QJZ675" s="613"/>
      <c r="QKA675" s="613"/>
      <c r="QKB675" s="613"/>
      <c r="QKC675" s="613"/>
      <c r="QKD675" s="613"/>
      <c r="QKE675" s="613"/>
      <c r="QKF675" s="613"/>
      <c r="QKG675" s="613"/>
      <c r="QKH675" s="613"/>
      <c r="QKI675" s="613"/>
      <c r="QKJ675" s="613"/>
      <c r="QKK675" s="613"/>
      <c r="QKL675" s="613"/>
      <c r="QKM675" s="613"/>
      <c r="QKN675" s="613"/>
      <c r="QKO675" s="613"/>
      <c r="QKP675" s="613"/>
      <c r="QKQ675" s="613"/>
      <c r="QKR675" s="613"/>
      <c r="QKS675" s="613"/>
      <c r="QKT675" s="613"/>
      <c r="QKU675" s="613"/>
      <c r="QKV675" s="613"/>
      <c r="QKW675" s="613"/>
      <c r="QKX675" s="613"/>
      <c r="QKY675" s="613"/>
      <c r="QKZ675" s="613"/>
      <c r="QLA675" s="613"/>
      <c r="QLB675" s="613"/>
      <c r="QLC675" s="613"/>
      <c r="QLD675" s="613"/>
      <c r="QLE675" s="613"/>
      <c r="QLF675" s="613"/>
      <c r="QLG675" s="613"/>
      <c r="QLH675" s="613"/>
      <c r="QLI675" s="613"/>
      <c r="QLJ675" s="613"/>
      <c r="QLK675" s="613"/>
      <c r="QLL675" s="613"/>
      <c r="QLM675" s="613"/>
      <c r="QLN675" s="613"/>
      <c r="QLO675" s="613"/>
      <c r="QLP675" s="613"/>
      <c r="QLQ675" s="613"/>
      <c r="QLR675" s="613"/>
      <c r="QLS675" s="613"/>
      <c r="QLT675" s="613"/>
      <c r="QLU675" s="613"/>
      <c r="QLV675" s="613"/>
      <c r="QLW675" s="613"/>
      <c r="QLX675" s="613"/>
      <c r="QLY675" s="613"/>
      <c r="QLZ675" s="613"/>
      <c r="QMA675" s="613"/>
      <c r="QMB675" s="613"/>
      <c r="QMC675" s="613"/>
      <c r="QMD675" s="613"/>
      <c r="QME675" s="613"/>
      <c r="QMF675" s="613"/>
      <c r="QMG675" s="613"/>
      <c r="QMH675" s="613"/>
      <c r="QMI675" s="613"/>
      <c r="QMJ675" s="613"/>
      <c r="QMK675" s="613"/>
      <c r="QML675" s="613"/>
      <c r="QMM675" s="613"/>
      <c r="QMN675" s="613"/>
      <c r="QMO675" s="613"/>
      <c r="QMP675" s="613"/>
      <c r="QMQ675" s="613"/>
      <c r="QMR675" s="613"/>
      <c r="QMS675" s="613"/>
      <c r="QMT675" s="613"/>
      <c r="QMU675" s="613"/>
      <c r="QMV675" s="613"/>
      <c r="QMW675" s="613"/>
      <c r="QMX675" s="613"/>
      <c r="QMY675" s="613"/>
      <c r="QMZ675" s="613"/>
      <c r="QNA675" s="613"/>
      <c r="QNB675" s="613"/>
      <c r="QNC675" s="613"/>
      <c r="QND675" s="613"/>
      <c r="QNE675" s="613"/>
      <c r="QNF675" s="613"/>
      <c r="QNG675" s="613"/>
      <c r="QNH675" s="613"/>
      <c r="QNI675" s="613"/>
      <c r="QNJ675" s="613"/>
      <c r="QNK675" s="613"/>
      <c r="QNL675" s="613"/>
      <c r="QNM675" s="613"/>
      <c r="QNN675" s="613"/>
      <c r="QNO675" s="613"/>
      <c r="QNP675" s="613"/>
      <c r="QNQ675" s="613"/>
      <c r="QNR675" s="613"/>
      <c r="QNS675" s="613"/>
      <c r="QNT675" s="613"/>
      <c r="QNU675" s="613"/>
      <c r="QNV675" s="613"/>
      <c r="QNW675" s="613"/>
      <c r="QNX675" s="613"/>
      <c r="QNY675" s="613"/>
      <c r="QNZ675" s="613"/>
      <c r="QOA675" s="613"/>
      <c r="QOB675" s="613"/>
      <c r="QOC675" s="613"/>
      <c r="QOD675" s="613"/>
      <c r="QOE675" s="613"/>
      <c r="QOF675" s="613"/>
      <c r="QOG675" s="613"/>
      <c r="QOH675" s="613"/>
      <c r="QOI675" s="613"/>
      <c r="QOJ675" s="613"/>
      <c r="QOK675" s="613"/>
      <c r="QOL675" s="613"/>
      <c r="QOM675" s="613"/>
      <c r="QON675" s="613"/>
      <c r="QOO675" s="613"/>
      <c r="QOP675" s="613"/>
      <c r="QOQ675" s="613"/>
      <c r="QOR675" s="613"/>
      <c r="QOS675" s="613"/>
      <c r="QOT675" s="613"/>
      <c r="QOU675" s="613"/>
      <c r="QOV675" s="613"/>
      <c r="QOW675" s="613"/>
      <c r="QOX675" s="613"/>
      <c r="QOY675" s="613"/>
      <c r="QOZ675" s="613"/>
      <c r="QPA675" s="613"/>
      <c r="QPB675" s="613"/>
      <c r="QPC675" s="613"/>
      <c r="QPD675" s="613"/>
      <c r="QPE675" s="613"/>
      <c r="QPF675" s="613"/>
      <c r="QPG675" s="613"/>
      <c r="QPH675" s="613"/>
      <c r="QPI675" s="613"/>
      <c r="QPJ675" s="613"/>
      <c r="QPK675" s="613"/>
      <c r="QPL675" s="613"/>
      <c r="QPM675" s="613"/>
      <c r="QPN675" s="613"/>
      <c r="QPO675" s="613"/>
      <c r="QPP675" s="613"/>
      <c r="QPQ675" s="613"/>
      <c r="QPR675" s="613"/>
      <c r="QPS675" s="613"/>
      <c r="QPT675" s="613"/>
      <c r="QPU675" s="613"/>
      <c r="QPV675" s="613"/>
      <c r="QPW675" s="613"/>
      <c r="QPX675" s="613"/>
      <c r="QPY675" s="613"/>
      <c r="QPZ675" s="613"/>
      <c r="QQA675" s="613"/>
      <c r="QQB675" s="613"/>
      <c r="QQC675" s="613"/>
      <c r="QQD675" s="613"/>
      <c r="QQE675" s="613"/>
      <c r="QQF675" s="613"/>
      <c r="QQG675" s="613"/>
      <c r="QQH675" s="613"/>
      <c r="QQI675" s="613"/>
      <c r="QQJ675" s="613"/>
      <c r="QQK675" s="613"/>
      <c r="QQL675" s="613"/>
      <c r="QQM675" s="613"/>
      <c r="QQN675" s="613"/>
      <c r="QQO675" s="613"/>
      <c r="QQP675" s="613"/>
      <c r="QQQ675" s="613"/>
      <c r="QQR675" s="613"/>
      <c r="QQS675" s="613"/>
      <c r="QQT675" s="613"/>
      <c r="QQU675" s="613"/>
      <c r="QQV675" s="613"/>
      <c r="QQW675" s="613"/>
      <c r="QQX675" s="613"/>
      <c r="QQY675" s="613"/>
      <c r="QQZ675" s="613"/>
      <c r="QRA675" s="613"/>
      <c r="QRB675" s="613"/>
      <c r="QRC675" s="613"/>
      <c r="QRD675" s="613"/>
      <c r="QRE675" s="613"/>
      <c r="QRF675" s="613"/>
      <c r="QRG675" s="613"/>
      <c r="QRH675" s="613"/>
      <c r="QRI675" s="613"/>
      <c r="QRJ675" s="613"/>
      <c r="QRK675" s="613"/>
      <c r="QRL675" s="613"/>
      <c r="QRM675" s="613"/>
      <c r="QRN675" s="613"/>
      <c r="QRO675" s="613"/>
      <c r="QRP675" s="613"/>
      <c r="QRQ675" s="613"/>
      <c r="QRR675" s="613"/>
      <c r="QRS675" s="613"/>
      <c r="QRT675" s="613"/>
      <c r="QRU675" s="613"/>
      <c r="QRV675" s="613"/>
      <c r="QRW675" s="613"/>
      <c r="QRX675" s="613"/>
      <c r="QRY675" s="613"/>
      <c r="QRZ675" s="613"/>
      <c r="QSA675" s="613"/>
      <c r="QSB675" s="613"/>
      <c r="QSC675" s="613"/>
      <c r="QSD675" s="613"/>
      <c r="QSE675" s="613"/>
      <c r="QSF675" s="613"/>
      <c r="QSG675" s="613"/>
      <c r="QSH675" s="613"/>
      <c r="QSI675" s="613"/>
      <c r="QSJ675" s="613"/>
      <c r="QSK675" s="613"/>
      <c r="QSL675" s="613"/>
      <c r="QSM675" s="613"/>
      <c r="QSN675" s="613"/>
      <c r="QSO675" s="613"/>
      <c r="QSP675" s="613"/>
      <c r="QSQ675" s="613"/>
      <c r="QSR675" s="613"/>
      <c r="QSS675" s="613"/>
      <c r="QST675" s="613"/>
      <c r="QSU675" s="613"/>
      <c r="QSV675" s="613"/>
      <c r="QSW675" s="613"/>
      <c r="QSX675" s="613"/>
      <c r="QSY675" s="613"/>
      <c r="QSZ675" s="613"/>
      <c r="QTA675" s="613"/>
      <c r="QTB675" s="613"/>
      <c r="QTC675" s="613"/>
      <c r="QTD675" s="613"/>
      <c r="QTE675" s="613"/>
      <c r="QTF675" s="613"/>
      <c r="QTG675" s="613"/>
      <c r="QTH675" s="613"/>
      <c r="QTI675" s="613"/>
      <c r="QTJ675" s="613"/>
      <c r="QTK675" s="613"/>
      <c r="QTL675" s="613"/>
      <c r="QTM675" s="613"/>
      <c r="QTN675" s="613"/>
      <c r="QTO675" s="613"/>
      <c r="QTP675" s="613"/>
      <c r="QTQ675" s="613"/>
      <c r="QTR675" s="613"/>
      <c r="QTS675" s="613"/>
      <c r="QTT675" s="613"/>
      <c r="QTU675" s="613"/>
      <c r="QTV675" s="613"/>
      <c r="QTW675" s="613"/>
      <c r="QTX675" s="613"/>
      <c r="QTY675" s="613"/>
      <c r="QTZ675" s="613"/>
      <c r="QUA675" s="613"/>
      <c r="QUB675" s="613"/>
      <c r="QUC675" s="613"/>
      <c r="QUD675" s="613"/>
      <c r="QUE675" s="613"/>
      <c r="QUF675" s="613"/>
      <c r="QUG675" s="613"/>
      <c r="QUH675" s="613"/>
      <c r="QUI675" s="613"/>
      <c r="QUJ675" s="613"/>
      <c r="QUK675" s="613"/>
      <c r="QUL675" s="613"/>
      <c r="QUM675" s="613"/>
      <c r="QUN675" s="613"/>
      <c r="QUO675" s="613"/>
      <c r="QUP675" s="613"/>
      <c r="QUQ675" s="613"/>
      <c r="QUR675" s="613"/>
      <c r="QUS675" s="613"/>
      <c r="QUT675" s="613"/>
      <c r="QUU675" s="613"/>
      <c r="QUV675" s="613"/>
      <c r="QUW675" s="613"/>
      <c r="QUX675" s="613"/>
      <c r="QUY675" s="613"/>
      <c r="QUZ675" s="613"/>
      <c r="QVA675" s="613"/>
      <c r="QVB675" s="613"/>
      <c r="QVC675" s="613"/>
      <c r="QVD675" s="613"/>
      <c r="QVE675" s="613"/>
      <c r="QVF675" s="613"/>
      <c r="QVG675" s="613"/>
      <c r="QVH675" s="613"/>
      <c r="QVI675" s="613"/>
      <c r="QVJ675" s="613"/>
      <c r="QVK675" s="613"/>
      <c r="QVL675" s="613"/>
      <c r="QVM675" s="613"/>
      <c r="QVN675" s="613"/>
      <c r="QVO675" s="613"/>
      <c r="QVP675" s="613"/>
      <c r="QVQ675" s="613"/>
      <c r="QVR675" s="613"/>
      <c r="QVS675" s="613"/>
      <c r="QVT675" s="613"/>
      <c r="QVU675" s="613"/>
      <c r="QVV675" s="613"/>
      <c r="QVW675" s="613"/>
      <c r="QVX675" s="613"/>
      <c r="QVY675" s="613"/>
      <c r="QVZ675" s="613"/>
      <c r="QWA675" s="613"/>
      <c r="QWB675" s="613"/>
      <c r="QWC675" s="613"/>
      <c r="QWD675" s="613"/>
      <c r="QWE675" s="613"/>
      <c r="QWF675" s="613"/>
      <c r="QWG675" s="613"/>
      <c r="QWH675" s="613"/>
      <c r="QWI675" s="613"/>
      <c r="QWJ675" s="613"/>
      <c r="QWK675" s="613"/>
      <c r="QWL675" s="613"/>
      <c r="QWM675" s="613"/>
      <c r="QWN675" s="613"/>
      <c r="QWO675" s="613"/>
      <c r="QWP675" s="613"/>
      <c r="QWQ675" s="613"/>
      <c r="QWR675" s="613"/>
      <c r="QWS675" s="613"/>
      <c r="QWT675" s="613"/>
      <c r="QWU675" s="613"/>
      <c r="QWV675" s="613"/>
      <c r="QWW675" s="613"/>
      <c r="QWX675" s="613"/>
      <c r="QWY675" s="613"/>
      <c r="QWZ675" s="613"/>
      <c r="QXA675" s="613"/>
      <c r="QXB675" s="613"/>
      <c r="QXC675" s="613"/>
      <c r="QXD675" s="613"/>
      <c r="QXE675" s="613"/>
      <c r="QXF675" s="613"/>
      <c r="QXG675" s="613"/>
      <c r="QXH675" s="613"/>
      <c r="QXI675" s="613"/>
      <c r="QXJ675" s="613"/>
      <c r="QXK675" s="613"/>
      <c r="QXL675" s="613"/>
      <c r="QXM675" s="613"/>
      <c r="QXN675" s="613"/>
      <c r="QXO675" s="613"/>
      <c r="QXP675" s="613"/>
      <c r="QXQ675" s="613"/>
      <c r="QXR675" s="613"/>
      <c r="QXS675" s="613"/>
      <c r="QXT675" s="613"/>
      <c r="QXU675" s="613"/>
      <c r="QXV675" s="613"/>
      <c r="QXW675" s="613"/>
      <c r="QXX675" s="613"/>
      <c r="QXY675" s="613"/>
      <c r="QXZ675" s="613"/>
      <c r="QYA675" s="613"/>
      <c r="QYB675" s="613"/>
      <c r="QYC675" s="613"/>
      <c r="QYD675" s="613"/>
      <c r="QYE675" s="613"/>
      <c r="QYF675" s="613"/>
      <c r="QYG675" s="613"/>
      <c r="QYH675" s="613"/>
      <c r="QYI675" s="613"/>
      <c r="QYJ675" s="613"/>
      <c r="QYK675" s="613"/>
      <c r="QYL675" s="613"/>
      <c r="QYM675" s="613"/>
      <c r="QYN675" s="613"/>
      <c r="QYO675" s="613"/>
      <c r="QYP675" s="613"/>
      <c r="QYQ675" s="613"/>
      <c r="QYR675" s="613"/>
      <c r="QYS675" s="613"/>
      <c r="QYT675" s="613"/>
      <c r="QYU675" s="613"/>
      <c r="QYV675" s="613"/>
      <c r="QYW675" s="613"/>
      <c r="QYX675" s="613"/>
      <c r="QYY675" s="613"/>
      <c r="QYZ675" s="613"/>
      <c r="QZA675" s="613"/>
      <c r="QZB675" s="613"/>
      <c r="QZC675" s="613"/>
      <c r="QZD675" s="613"/>
      <c r="QZE675" s="613"/>
      <c r="QZF675" s="613"/>
      <c r="QZG675" s="613"/>
      <c r="QZH675" s="613"/>
      <c r="QZI675" s="613"/>
      <c r="QZJ675" s="613"/>
      <c r="QZK675" s="613"/>
      <c r="QZL675" s="613"/>
      <c r="QZM675" s="613"/>
      <c r="QZN675" s="613"/>
      <c r="QZO675" s="613"/>
      <c r="QZP675" s="613"/>
      <c r="QZQ675" s="613"/>
      <c r="QZR675" s="613"/>
      <c r="QZS675" s="613"/>
      <c r="QZT675" s="613"/>
      <c r="QZU675" s="613"/>
      <c r="QZV675" s="613"/>
      <c r="QZW675" s="613"/>
      <c r="QZX675" s="613"/>
      <c r="QZY675" s="613"/>
      <c r="QZZ675" s="613"/>
      <c r="RAA675" s="613"/>
      <c r="RAB675" s="613"/>
      <c r="RAC675" s="613"/>
      <c r="RAD675" s="613"/>
      <c r="RAE675" s="613"/>
      <c r="RAF675" s="613"/>
      <c r="RAG675" s="613"/>
      <c r="RAH675" s="613"/>
      <c r="RAI675" s="613"/>
      <c r="RAJ675" s="613"/>
      <c r="RAK675" s="613"/>
      <c r="RAL675" s="613"/>
      <c r="RAM675" s="613"/>
      <c r="RAN675" s="613"/>
      <c r="RAO675" s="613"/>
      <c r="RAP675" s="613"/>
      <c r="RAQ675" s="613"/>
      <c r="RAR675" s="613"/>
      <c r="RAS675" s="613"/>
      <c r="RAT675" s="613"/>
      <c r="RAU675" s="613"/>
      <c r="RAV675" s="613"/>
      <c r="RAW675" s="613"/>
      <c r="RAX675" s="613"/>
      <c r="RAY675" s="613"/>
      <c r="RAZ675" s="613"/>
      <c r="RBA675" s="613"/>
      <c r="RBB675" s="613"/>
      <c r="RBC675" s="613"/>
      <c r="RBD675" s="613"/>
      <c r="RBE675" s="613"/>
      <c r="RBF675" s="613"/>
      <c r="RBG675" s="613"/>
      <c r="RBH675" s="613"/>
      <c r="RBI675" s="613"/>
      <c r="RBJ675" s="613"/>
      <c r="RBK675" s="613"/>
      <c r="RBL675" s="613"/>
      <c r="RBM675" s="613"/>
      <c r="RBN675" s="613"/>
      <c r="RBO675" s="613"/>
      <c r="RBP675" s="613"/>
      <c r="RBQ675" s="613"/>
      <c r="RBR675" s="613"/>
      <c r="RBS675" s="613"/>
      <c r="RBT675" s="613"/>
      <c r="RBU675" s="613"/>
      <c r="RBV675" s="613"/>
      <c r="RBW675" s="613"/>
      <c r="RBX675" s="613"/>
      <c r="RBY675" s="613"/>
      <c r="RBZ675" s="613"/>
      <c r="RCA675" s="613"/>
      <c r="RCB675" s="613"/>
      <c r="RCC675" s="613"/>
      <c r="RCD675" s="613"/>
      <c r="RCE675" s="613"/>
      <c r="RCF675" s="613"/>
      <c r="RCG675" s="613"/>
      <c r="RCH675" s="613"/>
      <c r="RCI675" s="613"/>
      <c r="RCJ675" s="613"/>
      <c r="RCK675" s="613"/>
      <c r="RCL675" s="613"/>
      <c r="RCM675" s="613"/>
      <c r="RCN675" s="613"/>
      <c r="RCO675" s="613"/>
      <c r="RCP675" s="613"/>
      <c r="RCQ675" s="613"/>
      <c r="RCR675" s="613"/>
      <c r="RCS675" s="613"/>
      <c r="RCT675" s="613"/>
      <c r="RCU675" s="613"/>
      <c r="RCV675" s="613"/>
      <c r="RCW675" s="613"/>
      <c r="RCX675" s="613"/>
      <c r="RCY675" s="613"/>
      <c r="RCZ675" s="613"/>
      <c r="RDA675" s="613"/>
      <c r="RDB675" s="613"/>
      <c r="RDC675" s="613"/>
      <c r="RDD675" s="613"/>
      <c r="RDE675" s="613"/>
      <c r="RDF675" s="613"/>
      <c r="RDG675" s="613"/>
      <c r="RDH675" s="613"/>
      <c r="RDI675" s="613"/>
      <c r="RDJ675" s="613"/>
      <c r="RDK675" s="613"/>
      <c r="RDL675" s="613"/>
      <c r="RDM675" s="613"/>
      <c r="RDN675" s="613"/>
      <c r="RDO675" s="613"/>
      <c r="RDP675" s="613"/>
      <c r="RDQ675" s="613"/>
      <c r="RDR675" s="613"/>
      <c r="RDS675" s="613"/>
      <c r="RDT675" s="613"/>
      <c r="RDU675" s="613"/>
      <c r="RDV675" s="613"/>
      <c r="RDW675" s="613"/>
      <c r="RDX675" s="613"/>
      <c r="RDY675" s="613"/>
      <c r="RDZ675" s="613"/>
      <c r="REA675" s="613"/>
      <c r="REB675" s="613"/>
      <c r="REC675" s="613"/>
      <c r="RED675" s="613"/>
      <c r="REE675" s="613"/>
      <c r="REF675" s="613"/>
      <c r="REG675" s="613"/>
      <c r="REH675" s="613"/>
      <c r="REI675" s="613"/>
      <c r="REJ675" s="613"/>
      <c r="REK675" s="613"/>
      <c r="REL675" s="613"/>
      <c r="REM675" s="613"/>
      <c r="REN675" s="613"/>
      <c r="REO675" s="613"/>
      <c r="REP675" s="613"/>
      <c r="REQ675" s="613"/>
      <c r="RER675" s="613"/>
      <c r="RES675" s="613"/>
      <c r="RET675" s="613"/>
      <c r="REU675" s="613"/>
      <c r="REV675" s="613"/>
      <c r="REW675" s="613"/>
      <c r="REX675" s="613"/>
      <c r="REY675" s="613"/>
      <c r="REZ675" s="613"/>
      <c r="RFA675" s="613"/>
      <c r="RFB675" s="613"/>
      <c r="RFC675" s="613"/>
      <c r="RFD675" s="613"/>
      <c r="RFE675" s="613"/>
      <c r="RFF675" s="613"/>
      <c r="RFG675" s="613"/>
      <c r="RFH675" s="613"/>
      <c r="RFI675" s="613"/>
      <c r="RFJ675" s="613"/>
      <c r="RFK675" s="613"/>
      <c r="RFL675" s="613"/>
      <c r="RFM675" s="613"/>
      <c r="RFN675" s="613"/>
      <c r="RFO675" s="613"/>
      <c r="RFP675" s="613"/>
      <c r="RFQ675" s="613"/>
      <c r="RFR675" s="613"/>
      <c r="RFS675" s="613"/>
      <c r="RFT675" s="613"/>
      <c r="RFU675" s="613"/>
      <c r="RFV675" s="613"/>
      <c r="RFW675" s="613"/>
      <c r="RFX675" s="613"/>
      <c r="RFY675" s="613"/>
      <c r="RFZ675" s="613"/>
      <c r="RGA675" s="613"/>
      <c r="RGB675" s="613"/>
      <c r="RGC675" s="613"/>
      <c r="RGD675" s="613"/>
      <c r="RGE675" s="613"/>
      <c r="RGF675" s="613"/>
      <c r="RGG675" s="613"/>
      <c r="RGH675" s="613"/>
      <c r="RGI675" s="613"/>
      <c r="RGJ675" s="613"/>
      <c r="RGK675" s="613"/>
      <c r="RGL675" s="613"/>
      <c r="RGM675" s="613"/>
      <c r="RGN675" s="613"/>
      <c r="RGO675" s="613"/>
      <c r="RGP675" s="613"/>
      <c r="RGQ675" s="613"/>
      <c r="RGR675" s="613"/>
      <c r="RGS675" s="613"/>
      <c r="RGT675" s="613"/>
      <c r="RGU675" s="613"/>
      <c r="RGV675" s="613"/>
      <c r="RGW675" s="613"/>
      <c r="RGX675" s="613"/>
      <c r="RGY675" s="613"/>
      <c r="RGZ675" s="613"/>
      <c r="RHA675" s="613"/>
      <c r="RHB675" s="613"/>
      <c r="RHC675" s="613"/>
      <c r="RHD675" s="613"/>
      <c r="RHE675" s="613"/>
      <c r="RHF675" s="613"/>
      <c r="RHG675" s="613"/>
      <c r="RHH675" s="613"/>
      <c r="RHI675" s="613"/>
      <c r="RHJ675" s="613"/>
      <c r="RHK675" s="613"/>
      <c r="RHL675" s="613"/>
      <c r="RHM675" s="613"/>
      <c r="RHN675" s="613"/>
      <c r="RHO675" s="613"/>
      <c r="RHP675" s="613"/>
      <c r="RHQ675" s="613"/>
      <c r="RHR675" s="613"/>
      <c r="RHS675" s="613"/>
      <c r="RHT675" s="613"/>
      <c r="RHU675" s="613"/>
      <c r="RHV675" s="613"/>
      <c r="RHW675" s="613"/>
      <c r="RHX675" s="613"/>
      <c r="RHY675" s="613"/>
      <c r="RHZ675" s="613"/>
      <c r="RIA675" s="613"/>
      <c r="RIB675" s="613"/>
      <c r="RIC675" s="613"/>
      <c r="RID675" s="613"/>
      <c r="RIE675" s="613"/>
      <c r="RIF675" s="613"/>
      <c r="RIG675" s="613"/>
      <c r="RIH675" s="613"/>
      <c r="RII675" s="613"/>
      <c r="RIJ675" s="613"/>
      <c r="RIK675" s="613"/>
      <c r="RIL675" s="613"/>
      <c r="RIM675" s="613"/>
      <c r="RIN675" s="613"/>
      <c r="RIO675" s="613"/>
      <c r="RIP675" s="613"/>
      <c r="RIQ675" s="613"/>
      <c r="RIR675" s="613"/>
      <c r="RIS675" s="613"/>
      <c r="RIT675" s="613"/>
      <c r="RIU675" s="613"/>
      <c r="RIV675" s="613"/>
      <c r="RIW675" s="613"/>
      <c r="RIX675" s="613"/>
      <c r="RIY675" s="613"/>
      <c r="RIZ675" s="613"/>
      <c r="RJA675" s="613"/>
      <c r="RJB675" s="613"/>
      <c r="RJC675" s="613"/>
      <c r="RJD675" s="613"/>
      <c r="RJE675" s="613"/>
      <c r="RJF675" s="613"/>
      <c r="RJG675" s="613"/>
      <c r="RJH675" s="613"/>
      <c r="RJI675" s="613"/>
      <c r="RJJ675" s="613"/>
      <c r="RJK675" s="613"/>
      <c r="RJL675" s="613"/>
      <c r="RJM675" s="613"/>
      <c r="RJN675" s="613"/>
      <c r="RJO675" s="613"/>
      <c r="RJP675" s="613"/>
      <c r="RJQ675" s="613"/>
      <c r="RJR675" s="613"/>
      <c r="RJS675" s="613"/>
      <c r="RJT675" s="613"/>
      <c r="RJU675" s="613"/>
      <c r="RJV675" s="613"/>
      <c r="RJW675" s="613"/>
      <c r="RJX675" s="613"/>
      <c r="RJY675" s="613"/>
      <c r="RJZ675" s="613"/>
      <c r="RKA675" s="613"/>
      <c r="RKB675" s="613"/>
      <c r="RKC675" s="613"/>
      <c r="RKD675" s="613"/>
      <c r="RKE675" s="613"/>
      <c r="RKF675" s="613"/>
      <c r="RKG675" s="613"/>
      <c r="RKH675" s="613"/>
      <c r="RKI675" s="613"/>
      <c r="RKJ675" s="613"/>
      <c r="RKK675" s="613"/>
      <c r="RKL675" s="613"/>
      <c r="RKM675" s="613"/>
      <c r="RKN675" s="613"/>
      <c r="RKO675" s="613"/>
      <c r="RKP675" s="613"/>
      <c r="RKQ675" s="613"/>
      <c r="RKR675" s="613"/>
      <c r="RKS675" s="613"/>
      <c r="RKT675" s="613"/>
      <c r="RKU675" s="613"/>
      <c r="RKV675" s="613"/>
      <c r="RKW675" s="613"/>
      <c r="RKX675" s="613"/>
      <c r="RKY675" s="613"/>
      <c r="RKZ675" s="613"/>
      <c r="RLA675" s="613"/>
      <c r="RLB675" s="613"/>
      <c r="RLC675" s="613"/>
      <c r="RLD675" s="613"/>
      <c r="RLE675" s="613"/>
      <c r="RLF675" s="613"/>
      <c r="RLG675" s="613"/>
      <c r="RLH675" s="613"/>
      <c r="RLI675" s="613"/>
      <c r="RLJ675" s="613"/>
      <c r="RLK675" s="613"/>
      <c r="RLL675" s="613"/>
      <c r="RLM675" s="613"/>
      <c r="RLN675" s="613"/>
      <c r="RLO675" s="613"/>
      <c r="RLP675" s="613"/>
      <c r="RLQ675" s="613"/>
      <c r="RLR675" s="613"/>
      <c r="RLS675" s="613"/>
      <c r="RLT675" s="613"/>
      <c r="RLU675" s="613"/>
      <c r="RLV675" s="613"/>
      <c r="RLW675" s="613"/>
      <c r="RLX675" s="613"/>
      <c r="RLY675" s="613"/>
      <c r="RLZ675" s="613"/>
      <c r="RMA675" s="613"/>
      <c r="RMB675" s="613"/>
      <c r="RMC675" s="613"/>
      <c r="RMD675" s="613"/>
      <c r="RME675" s="613"/>
      <c r="RMF675" s="613"/>
      <c r="RMG675" s="613"/>
      <c r="RMH675" s="613"/>
      <c r="RMI675" s="613"/>
      <c r="RMJ675" s="613"/>
      <c r="RMK675" s="613"/>
      <c r="RML675" s="613"/>
      <c r="RMM675" s="613"/>
      <c r="RMN675" s="613"/>
      <c r="RMO675" s="613"/>
      <c r="RMP675" s="613"/>
      <c r="RMQ675" s="613"/>
      <c r="RMR675" s="613"/>
      <c r="RMS675" s="613"/>
      <c r="RMT675" s="613"/>
      <c r="RMU675" s="613"/>
      <c r="RMV675" s="613"/>
      <c r="RMW675" s="613"/>
      <c r="RMX675" s="613"/>
      <c r="RMY675" s="613"/>
      <c r="RMZ675" s="613"/>
      <c r="RNA675" s="613"/>
      <c r="RNB675" s="613"/>
      <c r="RNC675" s="613"/>
      <c r="RND675" s="613"/>
      <c r="RNE675" s="613"/>
      <c r="RNF675" s="613"/>
      <c r="RNG675" s="613"/>
      <c r="RNH675" s="613"/>
      <c r="RNI675" s="613"/>
      <c r="RNJ675" s="613"/>
      <c r="RNK675" s="613"/>
      <c r="RNL675" s="613"/>
      <c r="RNM675" s="613"/>
      <c r="RNN675" s="613"/>
      <c r="RNO675" s="613"/>
      <c r="RNP675" s="613"/>
      <c r="RNQ675" s="613"/>
      <c r="RNR675" s="613"/>
      <c r="RNS675" s="613"/>
      <c r="RNT675" s="613"/>
      <c r="RNU675" s="613"/>
      <c r="RNV675" s="613"/>
      <c r="RNW675" s="613"/>
      <c r="RNX675" s="613"/>
      <c r="RNY675" s="613"/>
      <c r="RNZ675" s="613"/>
      <c r="ROA675" s="613"/>
      <c r="ROB675" s="613"/>
      <c r="ROC675" s="613"/>
      <c r="ROD675" s="613"/>
      <c r="ROE675" s="613"/>
      <c r="ROF675" s="613"/>
      <c r="ROG675" s="613"/>
      <c r="ROH675" s="613"/>
      <c r="ROI675" s="613"/>
      <c r="ROJ675" s="613"/>
      <c r="ROK675" s="613"/>
      <c r="ROL675" s="613"/>
      <c r="ROM675" s="613"/>
      <c r="RON675" s="613"/>
      <c r="ROO675" s="613"/>
      <c r="ROP675" s="613"/>
      <c r="ROQ675" s="613"/>
      <c r="ROR675" s="613"/>
      <c r="ROS675" s="613"/>
      <c r="ROT675" s="613"/>
      <c r="ROU675" s="613"/>
      <c r="ROV675" s="613"/>
      <c r="ROW675" s="613"/>
      <c r="ROX675" s="613"/>
      <c r="ROY675" s="613"/>
      <c r="ROZ675" s="613"/>
      <c r="RPA675" s="613"/>
      <c r="RPB675" s="613"/>
      <c r="RPC675" s="613"/>
      <c r="RPD675" s="613"/>
      <c r="RPE675" s="613"/>
      <c r="RPF675" s="613"/>
      <c r="RPG675" s="613"/>
      <c r="RPH675" s="613"/>
      <c r="RPI675" s="613"/>
      <c r="RPJ675" s="613"/>
      <c r="RPK675" s="613"/>
      <c r="RPL675" s="613"/>
      <c r="RPM675" s="613"/>
      <c r="RPN675" s="613"/>
      <c r="RPO675" s="613"/>
      <c r="RPP675" s="613"/>
      <c r="RPQ675" s="613"/>
      <c r="RPR675" s="613"/>
      <c r="RPS675" s="613"/>
      <c r="RPT675" s="613"/>
      <c r="RPU675" s="613"/>
      <c r="RPV675" s="613"/>
      <c r="RPW675" s="613"/>
      <c r="RPX675" s="613"/>
      <c r="RPY675" s="613"/>
      <c r="RPZ675" s="613"/>
      <c r="RQA675" s="613"/>
      <c r="RQB675" s="613"/>
      <c r="RQC675" s="613"/>
      <c r="RQD675" s="613"/>
      <c r="RQE675" s="613"/>
      <c r="RQF675" s="613"/>
      <c r="RQG675" s="613"/>
      <c r="RQH675" s="613"/>
      <c r="RQI675" s="613"/>
      <c r="RQJ675" s="613"/>
      <c r="RQK675" s="613"/>
      <c r="RQL675" s="613"/>
      <c r="RQM675" s="613"/>
      <c r="RQN675" s="613"/>
      <c r="RQO675" s="613"/>
      <c r="RQP675" s="613"/>
      <c r="RQQ675" s="613"/>
      <c r="RQR675" s="613"/>
      <c r="RQS675" s="613"/>
      <c r="RQT675" s="613"/>
      <c r="RQU675" s="613"/>
      <c r="RQV675" s="613"/>
      <c r="RQW675" s="613"/>
      <c r="RQX675" s="613"/>
      <c r="RQY675" s="613"/>
      <c r="RQZ675" s="613"/>
      <c r="RRA675" s="613"/>
      <c r="RRB675" s="613"/>
      <c r="RRC675" s="613"/>
      <c r="RRD675" s="613"/>
      <c r="RRE675" s="613"/>
      <c r="RRF675" s="613"/>
      <c r="RRG675" s="613"/>
      <c r="RRH675" s="613"/>
      <c r="RRI675" s="613"/>
      <c r="RRJ675" s="613"/>
      <c r="RRK675" s="613"/>
      <c r="RRL675" s="613"/>
      <c r="RRM675" s="613"/>
      <c r="RRN675" s="613"/>
      <c r="RRO675" s="613"/>
      <c r="RRP675" s="613"/>
      <c r="RRQ675" s="613"/>
      <c r="RRR675" s="613"/>
      <c r="RRS675" s="613"/>
      <c r="RRT675" s="613"/>
      <c r="RRU675" s="613"/>
      <c r="RRV675" s="613"/>
      <c r="RRW675" s="613"/>
      <c r="RRX675" s="613"/>
      <c r="RRY675" s="613"/>
      <c r="RRZ675" s="613"/>
      <c r="RSA675" s="613"/>
      <c r="RSB675" s="613"/>
      <c r="RSC675" s="613"/>
      <c r="RSD675" s="613"/>
      <c r="RSE675" s="613"/>
      <c r="RSF675" s="613"/>
      <c r="RSG675" s="613"/>
      <c r="RSH675" s="613"/>
      <c r="RSI675" s="613"/>
      <c r="RSJ675" s="613"/>
      <c r="RSK675" s="613"/>
      <c r="RSL675" s="613"/>
      <c r="RSM675" s="613"/>
      <c r="RSN675" s="613"/>
      <c r="RSO675" s="613"/>
      <c r="RSP675" s="613"/>
      <c r="RSQ675" s="613"/>
      <c r="RSR675" s="613"/>
      <c r="RSS675" s="613"/>
      <c r="RST675" s="613"/>
      <c r="RSU675" s="613"/>
      <c r="RSV675" s="613"/>
      <c r="RSW675" s="613"/>
      <c r="RSX675" s="613"/>
      <c r="RSY675" s="613"/>
      <c r="RSZ675" s="613"/>
      <c r="RTA675" s="613"/>
      <c r="RTB675" s="613"/>
      <c r="RTC675" s="613"/>
      <c r="RTD675" s="613"/>
      <c r="RTE675" s="613"/>
      <c r="RTF675" s="613"/>
      <c r="RTG675" s="613"/>
      <c r="RTH675" s="613"/>
      <c r="RTI675" s="613"/>
      <c r="RTJ675" s="613"/>
      <c r="RTK675" s="613"/>
      <c r="RTL675" s="613"/>
      <c r="RTM675" s="613"/>
      <c r="RTN675" s="613"/>
      <c r="RTO675" s="613"/>
      <c r="RTP675" s="613"/>
      <c r="RTQ675" s="613"/>
      <c r="RTR675" s="613"/>
      <c r="RTS675" s="613"/>
      <c r="RTT675" s="613"/>
      <c r="RTU675" s="613"/>
      <c r="RTV675" s="613"/>
      <c r="RTW675" s="613"/>
      <c r="RTX675" s="613"/>
      <c r="RTY675" s="613"/>
      <c r="RTZ675" s="613"/>
      <c r="RUA675" s="613"/>
      <c r="RUB675" s="613"/>
      <c r="RUC675" s="613"/>
      <c r="RUD675" s="613"/>
      <c r="RUE675" s="613"/>
      <c r="RUF675" s="613"/>
      <c r="RUG675" s="613"/>
      <c r="RUH675" s="613"/>
      <c r="RUI675" s="613"/>
      <c r="RUJ675" s="613"/>
      <c r="RUK675" s="613"/>
      <c r="RUL675" s="613"/>
      <c r="RUM675" s="613"/>
      <c r="RUN675" s="613"/>
      <c r="RUO675" s="613"/>
      <c r="RUP675" s="613"/>
      <c r="RUQ675" s="613"/>
      <c r="RUR675" s="613"/>
      <c r="RUS675" s="613"/>
      <c r="RUT675" s="613"/>
      <c r="RUU675" s="613"/>
      <c r="RUV675" s="613"/>
      <c r="RUW675" s="613"/>
      <c r="RUX675" s="613"/>
      <c r="RUY675" s="613"/>
      <c r="RUZ675" s="613"/>
      <c r="RVA675" s="613"/>
      <c r="RVB675" s="613"/>
      <c r="RVC675" s="613"/>
      <c r="RVD675" s="613"/>
      <c r="RVE675" s="613"/>
      <c r="RVF675" s="613"/>
      <c r="RVG675" s="613"/>
      <c r="RVH675" s="613"/>
      <c r="RVI675" s="613"/>
      <c r="RVJ675" s="613"/>
      <c r="RVK675" s="613"/>
      <c r="RVL675" s="613"/>
      <c r="RVM675" s="613"/>
      <c r="RVN675" s="613"/>
      <c r="RVO675" s="613"/>
      <c r="RVP675" s="613"/>
      <c r="RVQ675" s="613"/>
      <c r="RVR675" s="613"/>
      <c r="RVS675" s="613"/>
      <c r="RVT675" s="613"/>
      <c r="RVU675" s="613"/>
      <c r="RVV675" s="613"/>
      <c r="RVW675" s="613"/>
      <c r="RVX675" s="613"/>
      <c r="RVY675" s="613"/>
      <c r="RVZ675" s="613"/>
      <c r="RWA675" s="613"/>
      <c r="RWB675" s="613"/>
      <c r="RWC675" s="613"/>
      <c r="RWD675" s="613"/>
      <c r="RWE675" s="613"/>
      <c r="RWF675" s="613"/>
      <c r="RWG675" s="613"/>
      <c r="RWH675" s="613"/>
      <c r="RWI675" s="613"/>
      <c r="RWJ675" s="613"/>
      <c r="RWK675" s="613"/>
      <c r="RWL675" s="613"/>
      <c r="RWM675" s="613"/>
      <c r="RWN675" s="613"/>
      <c r="RWO675" s="613"/>
      <c r="RWP675" s="613"/>
      <c r="RWQ675" s="613"/>
      <c r="RWR675" s="613"/>
      <c r="RWS675" s="613"/>
      <c r="RWT675" s="613"/>
      <c r="RWU675" s="613"/>
      <c r="RWV675" s="613"/>
      <c r="RWW675" s="613"/>
      <c r="RWX675" s="613"/>
      <c r="RWY675" s="613"/>
      <c r="RWZ675" s="613"/>
      <c r="RXA675" s="613"/>
      <c r="RXB675" s="613"/>
      <c r="RXC675" s="613"/>
      <c r="RXD675" s="613"/>
      <c r="RXE675" s="613"/>
      <c r="RXF675" s="613"/>
      <c r="RXG675" s="613"/>
      <c r="RXH675" s="613"/>
      <c r="RXI675" s="613"/>
      <c r="RXJ675" s="613"/>
      <c r="RXK675" s="613"/>
      <c r="RXL675" s="613"/>
      <c r="RXM675" s="613"/>
      <c r="RXN675" s="613"/>
      <c r="RXO675" s="613"/>
      <c r="RXP675" s="613"/>
      <c r="RXQ675" s="613"/>
      <c r="RXR675" s="613"/>
      <c r="RXS675" s="613"/>
      <c r="RXT675" s="613"/>
      <c r="RXU675" s="613"/>
      <c r="RXV675" s="613"/>
      <c r="RXW675" s="613"/>
      <c r="RXX675" s="613"/>
      <c r="RXY675" s="613"/>
      <c r="RXZ675" s="613"/>
      <c r="RYA675" s="613"/>
      <c r="RYB675" s="613"/>
      <c r="RYC675" s="613"/>
      <c r="RYD675" s="613"/>
      <c r="RYE675" s="613"/>
      <c r="RYF675" s="613"/>
      <c r="RYG675" s="613"/>
      <c r="RYH675" s="613"/>
      <c r="RYI675" s="613"/>
      <c r="RYJ675" s="613"/>
      <c r="RYK675" s="613"/>
      <c r="RYL675" s="613"/>
      <c r="RYM675" s="613"/>
      <c r="RYN675" s="613"/>
      <c r="RYO675" s="613"/>
      <c r="RYP675" s="613"/>
      <c r="RYQ675" s="613"/>
      <c r="RYR675" s="613"/>
      <c r="RYS675" s="613"/>
      <c r="RYT675" s="613"/>
      <c r="RYU675" s="613"/>
      <c r="RYV675" s="613"/>
      <c r="RYW675" s="613"/>
      <c r="RYX675" s="613"/>
      <c r="RYY675" s="613"/>
      <c r="RYZ675" s="613"/>
      <c r="RZA675" s="613"/>
      <c r="RZB675" s="613"/>
      <c r="RZC675" s="613"/>
      <c r="RZD675" s="613"/>
      <c r="RZE675" s="613"/>
      <c r="RZF675" s="613"/>
      <c r="RZG675" s="613"/>
      <c r="RZH675" s="613"/>
      <c r="RZI675" s="613"/>
      <c r="RZJ675" s="613"/>
      <c r="RZK675" s="613"/>
      <c r="RZL675" s="613"/>
      <c r="RZM675" s="613"/>
      <c r="RZN675" s="613"/>
      <c r="RZO675" s="613"/>
      <c r="RZP675" s="613"/>
      <c r="RZQ675" s="613"/>
      <c r="RZR675" s="613"/>
      <c r="RZS675" s="613"/>
      <c r="RZT675" s="613"/>
      <c r="RZU675" s="613"/>
      <c r="RZV675" s="613"/>
      <c r="RZW675" s="613"/>
      <c r="RZX675" s="613"/>
      <c r="RZY675" s="613"/>
      <c r="RZZ675" s="613"/>
      <c r="SAA675" s="613"/>
      <c r="SAB675" s="613"/>
      <c r="SAC675" s="613"/>
      <c r="SAD675" s="613"/>
      <c r="SAE675" s="613"/>
      <c r="SAF675" s="613"/>
      <c r="SAG675" s="613"/>
      <c r="SAH675" s="613"/>
      <c r="SAI675" s="613"/>
      <c r="SAJ675" s="613"/>
      <c r="SAK675" s="613"/>
      <c r="SAL675" s="613"/>
      <c r="SAM675" s="613"/>
      <c r="SAN675" s="613"/>
      <c r="SAO675" s="613"/>
      <c r="SAP675" s="613"/>
      <c r="SAQ675" s="613"/>
      <c r="SAR675" s="613"/>
      <c r="SAS675" s="613"/>
      <c r="SAT675" s="613"/>
      <c r="SAU675" s="613"/>
      <c r="SAV675" s="613"/>
      <c r="SAW675" s="613"/>
      <c r="SAX675" s="613"/>
      <c r="SAY675" s="613"/>
      <c r="SAZ675" s="613"/>
      <c r="SBA675" s="613"/>
      <c r="SBB675" s="613"/>
      <c r="SBC675" s="613"/>
      <c r="SBD675" s="613"/>
      <c r="SBE675" s="613"/>
      <c r="SBF675" s="613"/>
      <c r="SBG675" s="613"/>
      <c r="SBH675" s="613"/>
      <c r="SBI675" s="613"/>
      <c r="SBJ675" s="613"/>
      <c r="SBK675" s="613"/>
      <c r="SBL675" s="613"/>
      <c r="SBM675" s="613"/>
      <c r="SBN675" s="613"/>
      <c r="SBO675" s="613"/>
      <c r="SBP675" s="613"/>
      <c r="SBQ675" s="613"/>
      <c r="SBR675" s="613"/>
      <c r="SBS675" s="613"/>
      <c r="SBT675" s="613"/>
      <c r="SBU675" s="613"/>
      <c r="SBV675" s="613"/>
      <c r="SBW675" s="613"/>
      <c r="SBX675" s="613"/>
      <c r="SBY675" s="613"/>
      <c r="SBZ675" s="613"/>
      <c r="SCA675" s="613"/>
      <c r="SCB675" s="613"/>
      <c r="SCC675" s="613"/>
      <c r="SCD675" s="613"/>
      <c r="SCE675" s="613"/>
      <c r="SCF675" s="613"/>
      <c r="SCG675" s="613"/>
      <c r="SCH675" s="613"/>
      <c r="SCI675" s="613"/>
      <c r="SCJ675" s="613"/>
      <c r="SCK675" s="613"/>
      <c r="SCL675" s="613"/>
      <c r="SCM675" s="613"/>
      <c r="SCN675" s="613"/>
      <c r="SCO675" s="613"/>
      <c r="SCP675" s="613"/>
      <c r="SCQ675" s="613"/>
      <c r="SCR675" s="613"/>
      <c r="SCS675" s="613"/>
      <c r="SCT675" s="613"/>
      <c r="SCU675" s="613"/>
      <c r="SCV675" s="613"/>
      <c r="SCW675" s="613"/>
      <c r="SCX675" s="613"/>
      <c r="SCY675" s="613"/>
      <c r="SCZ675" s="613"/>
      <c r="SDA675" s="613"/>
      <c r="SDB675" s="613"/>
      <c r="SDC675" s="613"/>
      <c r="SDD675" s="613"/>
      <c r="SDE675" s="613"/>
      <c r="SDF675" s="613"/>
      <c r="SDG675" s="613"/>
      <c r="SDH675" s="613"/>
      <c r="SDI675" s="613"/>
      <c r="SDJ675" s="613"/>
      <c r="SDK675" s="613"/>
      <c r="SDL675" s="613"/>
      <c r="SDM675" s="613"/>
      <c r="SDN675" s="613"/>
      <c r="SDO675" s="613"/>
      <c r="SDP675" s="613"/>
      <c r="SDQ675" s="613"/>
      <c r="SDR675" s="613"/>
      <c r="SDS675" s="613"/>
      <c r="SDT675" s="613"/>
      <c r="SDU675" s="613"/>
      <c r="SDV675" s="613"/>
      <c r="SDW675" s="613"/>
      <c r="SDX675" s="613"/>
      <c r="SDY675" s="613"/>
      <c r="SDZ675" s="613"/>
      <c r="SEA675" s="613"/>
      <c r="SEB675" s="613"/>
      <c r="SEC675" s="613"/>
      <c r="SED675" s="613"/>
      <c r="SEE675" s="613"/>
      <c r="SEF675" s="613"/>
      <c r="SEG675" s="613"/>
      <c r="SEH675" s="613"/>
      <c r="SEI675" s="613"/>
      <c r="SEJ675" s="613"/>
      <c r="SEK675" s="613"/>
      <c r="SEL675" s="613"/>
      <c r="SEM675" s="613"/>
      <c r="SEN675" s="613"/>
      <c r="SEO675" s="613"/>
      <c r="SEP675" s="613"/>
      <c r="SEQ675" s="613"/>
      <c r="SER675" s="613"/>
      <c r="SES675" s="613"/>
      <c r="SET675" s="613"/>
      <c r="SEU675" s="613"/>
      <c r="SEV675" s="613"/>
      <c r="SEW675" s="613"/>
      <c r="SEX675" s="613"/>
      <c r="SEY675" s="613"/>
      <c r="SEZ675" s="613"/>
      <c r="SFA675" s="613"/>
      <c r="SFB675" s="613"/>
      <c r="SFC675" s="613"/>
      <c r="SFD675" s="613"/>
      <c r="SFE675" s="613"/>
      <c r="SFF675" s="613"/>
      <c r="SFG675" s="613"/>
      <c r="SFH675" s="613"/>
      <c r="SFI675" s="613"/>
      <c r="SFJ675" s="613"/>
      <c r="SFK675" s="613"/>
      <c r="SFL675" s="613"/>
      <c r="SFM675" s="613"/>
      <c r="SFN675" s="613"/>
      <c r="SFO675" s="613"/>
      <c r="SFP675" s="613"/>
      <c r="SFQ675" s="613"/>
      <c r="SFR675" s="613"/>
      <c r="SFS675" s="613"/>
      <c r="SFT675" s="613"/>
      <c r="SFU675" s="613"/>
      <c r="SFV675" s="613"/>
      <c r="SFW675" s="613"/>
      <c r="SFX675" s="613"/>
      <c r="SFY675" s="613"/>
      <c r="SFZ675" s="613"/>
      <c r="SGA675" s="613"/>
      <c r="SGB675" s="613"/>
      <c r="SGC675" s="613"/>
      <c r="SGD675" s="613"/>
      <c r="SGE675" s="613"/>
      <c r="SGF675" s="613"/>
      <c r="SGG675" s="613"/>
      <c r="SGH675" s="613"/>
      <c r="SGI675" s="613"/>
      <c r="SGJ675" s="613"/>
      <c r="SGK675" s="613"/>
      <c r="SGL675" s="613"/>
      <c r="SGM675" s="613"/>
      <c r="SGN675" s="613"/>
      <c r="SGO675" s="613"/>
      <c r="SGP675" s="613"/>
      <c r="SGQ675" s="613"/>
      <c r="SGR675" s="613"/>
      <c r="SGS675" s="613"/>
      <c r="SGT675" s="613"/>
      <c r="SGU675" s="613"/>
      <c r="SGV675" s="613"/>
      <c r="SGW675" s="613"/>
      <c r="SGX675" s="613"/>
      <c r="SGY675" s="613"/>
      <c r="SGZ675" s="613"/>
      <c r="SHA675" s="613"/>
      <c r="SHB675" s="613"/>
      <c r="SHC675" s="613"/>
      <c r="SHD675" s="613"/>
      <c r="SHE675" s="613"/>
      <c r="SHF675" s="613"/>
      <c r="SHG675" s="613"/>
      <c r="SHH675" s="613"/>
      <c r="SHI675" s="613"/>
      <c r="SHJ675" s="613"/>
      <c r="SHK675" s="613"/>
      <c r="SHL675" s="613"/>
      <c r="SHM675" s="613"/>
      <c r="SHN675" s="613"/>
      <c r="SHO675" s="613"/>
      <c r="SHP675" s="613"/>
      <c r="SHQ675" s="613"/>
      <c r="SHR675" s="613"/>
      <c r="SHS675" s="613"/>
      <c r="SHT675" s="613"/>
      <c r="SHU675" s="613"/>
      <c r="SHV675" s="613"/>
      <c r="SHW675" s="613"/>
      <c r="SHX675" s="613"/>
      <c r="SHY675" s="613"/>
      <c r="SHZ675" s="613"/>
      <c r="SIA675" s="613"/>
      <c r="SIB675" s="613"/>
      <c r="SIC675" s="613"/>
      <c r="SID675" s="613"/>
      <c r="SIE675" s="613"/>
      <c r="SIF675" s="613"/>
      <c r="SIG675" s="613"/>
      <c r="SIH675" s="613"/>
      <c r="SII675" s="613"/>
      <c r="SIJ675" s="613"/>
      <c r="SIK675" s="613"/>
      <c r="SIL675" s="613"/>
      <c r="SIM675" s="613"/>
      <c r="SIN675" s="613"/>
      <c r="SIO675" s="613"/>
      <c r="SIP675" s="613"/>
      <c r="SIQ675" s="613"/>
      <c r="SIR675" s="613"/>
      <c r="SIS675" s="613"/>
      <c r="SIT675" s="613"/>
      <c r="SIU675" s="613"/>
      <c r="SIV675" s="613"/>
      <c r="SIW675" s="613"/>
      <c r="SIX675" s="613"/>
      <c r="SIY675" s="613"/>
      <c r="SIZ675" s="613"/>
      <c r="SJA675" s="613"/>
      <c r="SJB675" s="613"/>
      <c r="SJC675" s="613"/>
      <c r="SJD675" s="613"/>
      <c r="SJE675" s="613"/>
      <c r="SJF675" s="613"/>
      <c r="SJG675" s="613"/>
      <c r="SJH675" s="613"/>
      <c r="SJI675" s="613"/>
      <c r="SJJ675" s="613"/>
      <c r="SJK675" s="613"/>
      <c r="SJL675" s="613"/>
      <c r="SJM675" s="613"/>
      <c r="SJN675" s="613"/>
      <c r="SJO675" s="613"/>
      <c r="SJP675" s="613"/>
      <c r="SJQ675" s="613"/>
      <c r="SJR675" s="613"/>
      <c r="SJS675" s="613"/>
      <c r="SJT675" s="613"/>
      <c r="SJU675" s="613"/>
      <c r="SJV675" s="613"/>
      <c r="SJW675" s="613"/>
      <c r="SJX675" s="613"/>
      <c r="SJY675" s="613"/>
      <c r="SJZ675" s="613"/>
      <c r="SKA675" s="613"/>
      <c r="SKB675" s="613"/>
      <c r="SKC675" s="613"/>
      <c r="SKD675" s="613"/>
      <c r="SKE675" s="613"/>
      <c r="SKF675" s="613"/>
      <c r="SKG675" s="613"/>
      <c r="SKH675" s="613"/>
      <c r="SKI675" s="613"/>
      <c r="SKJ675" s="613"/>
      <c r="SKK675" s="613"/>
      <c r="SKL675" s="613"/>
      <c r="SKM675" s="613"/>
      <c r="SKN675" s="613"/>
      <c r="SKO675" s="613"/>
      <c r="SKP675" s="613"/>
      <c r="SKQ675" s="613"/>
      <c r="SKR675" s="613"/>
      <c r="SKS675" s="613"/>
      <c r="SKT675" s="613"/>
      <c r="SKU675" s="613"/>
      <c r="SKV675" s="613"/>
      <c r="SKW675" s="613"/>
      <c r="SKX675" s="613"/>
      <c r="SKY675" s="613"/>
      <c r="SKZ675" s="613"/>
      <c r="SLA675" s="613"/>
      <c r="SLB675" s="613"/>
      <c r="SLC675" s="613"/>
      <c r="SLD675" s="613"/>
      <c r="SLE675" s="613"/>
      <c r="SLF675" s="613"/>
      <c r="SLG675" s="613"/>
      <c r="SLH675" s="613"/>
      <c r="SLI675" s="613"/>
      <c r="SLJ675" s="613"/>
      <c r="SLK675" s="613"/>
      <c r="SLL675" s="613"/>
      <c r="SLM675" s="613"/>
      <c r="SLN675" s="613"/>
      <c r="SLO675" s="613"/>
      <c r="SLP675" s="613"/>
      <c r="SLQ675" s="613"/>
      <c r="SLR675" s="613"/>
      <c r="SLS675" s="613"/>
      <c r="SLT675" s="613"/>
      <c r="SLU675" s="613"/>
      <c r="SLV675" s="613"/>
      <c r="SLW675" s="613"/>
      <c r="SLX675" s="613"/>
      <c r="SLY675" s="613"/>
      <c r="SLZ675" s="613"/>
      <c r="SMA675" s="613"/>
      <c r="SMB675" s="613"/>
      <c r="SMC675" s="613"/>
      <c r="SMD675" s="613"/>
      <c r="SME675" s="613"/>
      <c r="SMF675" s="613"/>
      <c r="SMG675" s="613"/>
      <c r="SMH675" s="613"/>
      <c r="SMI675" s="613"/>
      <c r="SMJ675" s="613"/>
      <c r="SMK675" s="613"/>
      <c r="SML675" s="613"/>
      <c r="SMM675" s="613"/>
      <c r="SMN675" s="613"/>
      <c r="SMO675" s="613"/>
      <c r="SMP675" s="613"/>
      <c r="SMQ675" s="613"/>
      <c r="SMR675" s="613"/>
      <c r="SMS675" s="613"/>
      <c r="SMT675" s="613"/>
      <c r="SMU675" s="613"/>
      <c r="SMV675" s="613"/>
      <c r="SMW675" s="613"/>
      <c r="SMX675" s="613"/>
      <c r="SMY675" s="613"/>
      <c r="SMZ675" s="613"/>
      <c r="SNA675" s="613"/>
      <c r="SNB675" s="613"/>
      <c r="SNC675" s="613"/>
      <c r="SND675" s="613"/>
      <c r="SNE675" s="613"/>
      <c r="SNF675" s="613"/>
      <c r="SNG675" s="613"/>
      <c r="SNH675" s="613"/>
      <c r="SNI675" s="613"/>
      <c r="SNJ675" s="613"/>
      <c r="SNK675" s="613"/>
      <c r="SNL675" s="613"/>
      <c r="SNM675" s="613"/>
      <c r="SNN675" s="613"/>
      <c r="SNO675" s="613"/>
      <c r="SNP675" s="613"/>
      <c r="SNQ675" s="613"/>
      <c r="SNR675" s="613"/>
      <c r="SNS675" s="613"/>
      <c r="SNT675" s="613"/>
      <c r="SNU675" s="613"/>
      <c r="SNV675" s="613"/>
      <c r="SNW675" s="613"/>
      <c r="SNX675" s="613"/>
      <c r="SNY675" s="613"/>
      <c r="SNZ675" s="613"/>
      <c r="SOA675" s="613"/>
      <c r="SOB675" s="613"/>
      <c r="SOC675" s="613"/>
      <c r="SOD675" s="613"/>
      <c r="SOE675" s="613"/>
      <c r="SOF675" s="613"/>
      <c r="SOG675" s="613"/>
      <c r="SOH675" s="613"/>
      <c r="SOI675" s="613"/>
      <c r="SOJ675" s="613"/>
      <c r="SOK675" s="613"/>
      <c r="SOL675" s="613"/>
      <c r="SOM675" s="613"/>
      <c r="SON675" s="613"/>
      <c r="SOO675" s="613"/>
      <c r="SOP675" s="613"/>
      <c r="SOQ675" s="613"/>
      <c r="SOR675" s="613"/>
      <c r="SOS675" s="613"/>
      <c r="SOT675" s="613"/>
      <c r="SOU675" s="613"/>
      <c r="SOV675" s="613"/>
      <c r="SOW675" s="613"/>
      <c r="SOX675" s="613"/>
      <c r="SOY675" s="613"/>
      <c r="SOZ675" s="613"/>
      <c r="SPA675" s="613"/>
      <c r="SPB675" s="613"/>
      <c r="SPC675" s="613"/>
      <c r="SPD675" s="613"/>
      <c r="SPE675" s="613"/>
      <c r="SPF675" s="613"/>
      <c r="SPG675" s="613"/>
      <c r="SPH675" s="613"/>
      <c r="SPI675" s="613"/>
      <c r="SPJ675" s="613"/>
      <c r="SPK675" s="613"/>
      <c r="SPL675" s="613"/>
      <c r="SPM675" s="613"/>
      <c r="SPN675" s="613"/>
      <c r="SPO675" s="613"/>
      <c r="SPP675" s="613"/>
      <c r="SPQ675" s="613"/>
      <c r="SPR675" s="613"/>
      <c r="SPS675" s="613"/>
      <c r="SPT675" s="613"/>
      <c r="SPU675" s="613"/>
      <c r="SPV675" s="613"/>
      <c r="SPW675" s="613"/>
      <c r="SPX675" s="613"/>
      <c r="SPY675" s="613"/>
      <c r="SPZ675" s="613"/>
      <c r="SQA675" s="613"/>
      <c r="SQB675" s="613"/>
      <c r="SQC675" s="613"/>
      <c r="SQD675" s="613"/>
      <c r="SQE675" s="613"/>
      <c r="SQF675" s="613"/>
      <c r="SQG675" s="613"/>
      <c r="SQH675" s="613"/>
      <c r="SQI675" s="613"/>
      <c r="SQJ675" s="613"/>
      <c r="SQK675" s="613"/>
      <c r="SQL675" s="613"/>
      <c r="SQM675" s="613"/>
      <c r="SQN675" s="613"/>
      <c r="SQO675" s="613"/>
      <c r="SQP675" s="613"/>
      <c r="SQQ675" s="613"/>
      <c r="SQR675" s="613"/>
      <c r="SQS675" s="613"/>
      <c r="SQT675" s="613"/>
      <c r="SQU675" s="613"/>
      <c r="SQV675" s="613"/>
      <c r="SQW675" s="613"/>
      <c r="SQX675" s="613"/>
      <c r="SQY675" s="613"/>
      <c r="SQZ675" s="613"/>
      <c r="SRA675" s="613"/>
      <c r="SRB675" s="613"/>
      <c r="SRC675" s="613"/>
      <c r="SRD675" s="613"/>
      <c r="SRE675" s="613"/>
      <c r="SRF675" s="613"/>
      <c r="SRG675" s="613"/>
      <c r="SRH675" s="613"/>
      <c r="SRI675" s="613"/>
      <c r="SRJ675" s="613"/>
      <c r="SRK675" s="613"/>
      <c r="SRL675" s="613"/>
      <c r="SRM675" s="613"/>
      <c r="SRN675" s="613"/>
      <c r="SRO675" s="613"/>
      <c r="SRP675" s="613"/>
      <c r="SRQ675" s="613"/>
      <c r="SRR675" s="613"/>
      <c r="SRS675" s="613"/>
      <c r="SRT675" s="613"/>
      <c r="SRU675" s="613"/>
      <c r="SRV675" s="613"/>
      <c r="SRW675" s="613"/>
      <c r="SRX675" s="613"/>
      <c r="SRY675" s="613"/>
      <c r="SRZ675" s="613"/>
      <c r="SSA675" s="613"/>
      <c r="SSB675" s="613"/>
      <c r="SSC675" s="613"/>
      <c r="SSD675" s="613"/>
      <c r="SSE675" s="613"/>
      <c r="SSF675" s="613"/>
      <c r="SSG675" s="613"/>
      <c r="SSH675" s="613"/>
      <c r="SSI675" s="613"/>
      <c r="SSJ675" s="613"/>
      <c r="SSK675" s="613"/>
      <c r="SSL675" s="613"/>
      <c r="SSM675" s="613"/>
      <c r="SSN675" s="613"/>
      <c r="SSO675" s="613"/>
      <c r="SSP675" s="613"/>
      <c r="SSQ675" s="613"/>
      <c r="SSR675" s="613"/>
      <c r="SSS675" s="613"/>
      <c r="SST675" s="613"/>
      <c r="SSU675" s="613"/>
      <c r="SSV675" s="613"/>
      <c r="SSW675" s="613"/>
      <c r="SSX675" s="613"/>
      <c r="SSY675" s="613"/>
      <c r="SSZ675" s="613"/>
      <c r="STA675" s="613"/>
      <c r="STB675" s="613"/>
      <c r="STC675" s="613"/>
      <c r="STD675" s="613"/>
      <c r="STE675" s="613"/>
      <c r="STF675" s="613"/>
      <c r="STG675" s="613"/>
      <c r="STH675" s="613"/>
      <c r="STI675" s="613"/>
      <c r="STJ675" s="613"/>
      <c r="STK675" s="613"/>
      <c r="STL675" s="613"/>
      <c r="STM675" s="613"/>
      <c r="STN675" s="613"/>
      <c r="STO675" s="613"/>
      <c r="STP675" s="613"/>
      <c r="STQ675" s="613"/>
      <c r="STR675" s="613"/>
      <c r="STS675" s="613"/>
      <c r="STT675" s="613"/>
      <c r="STU675" s="613"/>
      <c r="STV675" s="613"/>
      <c r="STW675" s="613"/>
      <c r="STX675" s="613"/>
      <c r="STY675" s="613"/>
      <c r="STZ675" s="613"/>
      <c r="SUA675" s="613"/>
      <c r="SUB675" s="613"/>
      <c r="SUC675" s="613"/>
      <c r="SUD675" s="613"/>
      <c r="SUE675" s="613"/>
      <c r="SUF675" s="613"/>
      <c r="SUG675" s="613"/>
      <c r="SUH675" s="613"/>
      <c r="SUI675" s="613"/>
      <c r="SUJ675" s="613"/>
      <c r="SUK675" s="613"/>
      <c r="SUL675" s="613"/>
      <c r="SUM675" s="613"/>
      <c r="SUN675" s="613"/>
      <c r="SUO675" s="613"/>
      <c r="SUP675" s="613"/>
      <c r="SUQ675" s="613"/>
      <c r="SUR675" s="613"/>
      <c r="SUS675" s="613"/>
      <c r="SUT675" s="613"/>
      <c r="SUU675" s="613"/>
      <c r="SUV675" s="613"/>
      <c r="SUW675" s="613"/>
      <c r="SUX675" s="613"/>
      <c r="SUY675" s="613"/>
      <c r="SUZ675" s="613"/>
      <c r="SVA675" s="613"/>
      <c r="SVB675" s="613"/>
      <c r="SVC675" s="613"/>
      <c r="SVD675" s="613"/>
      <c r="SVE675" s="613"/>
      <c r="SVF675" s="613"/>
      <c r="SVG675" s="613"/>
      <c r="SVH675" s="613"/>
      <c r="SVI675" s="613"/>
      <c r="SVJ675" s="613"/>
      <c r="SVK675" s="613"/>
      <c r="SVL675" s="613"/>
      <c r="SVM675" s="613"/>
      <c r="SVN675" s="613"/>
      <c r="SVO675" s="613"/>
      <c r="SVP675" s="613"/>
      <c r="SVQ675" s="613"/>
      <c r="SVR675" s="613"/>
      <c r="SVS675" s="613"/>
      <c r="SVT675" s="613"/>
      <c r="SVU675" s="613"/>
      <c r="SVV675" s="613"/>
      <c r="SVW675" s="613"/>
      <c r="SVX675" s="613"/>
      <c r="SVY675" s="613"/>
      <c r="SVZ675" s="613"/>
      <c r="SWA675" s="613"/>
      <c r="SWB675" s="613"/>
      <c r="SWC675" s="613"/>
      <c r="SWD675" s="613"/>
      <c r="SWE675" s="613"/>
      <c r="SWF675" s="613"/>
      <c r="SWG675" s="613"/>
      <c r="SWH675" s="613"/>
      <c r="SWI675" s="613"/>
      <c r="SWJ675" s="613"/>
      <c r="SWK675" s="613"/>
      <c r="SWL675" s="613"/>
      <c r="SWM675" s="613"/>
      <c r="SWN675" s="613"/>
      <c r="SWO675" s="613"/>
      <c r="SWP675" s="613"/>
      <c r="SWQ675" s="613"/>
      <c r="SWR675" s="613"/>
      <c r="SWS675" s="613"/>
      <c r="SWT675" s="613"/>
      <c r="SWU675" s="613"/>
      <c r="SWV675" s="613"/>
      <c r="SWW675" s="613"/>
      <c r="SWX675" s="613"/>
      <c r="SWY675" s="613"/>
      <c r="SWZ675" s="613"/>
      <c r="SXA675" s="613"/>
      <c r="SXB675" s="613"/>
      <c r="SXC675" s="613"/>
      <c r="SXD675" s="613"/>
      <c r="SXE675" s="613"/>
      <c r="SXF675" s="613"/>
      <c r="SXG675" s="613"/>
      <c r="SXH675" s="613"/>
      <c r="SXI675" s="613"/>
      <c r="SXJ675" s="613"/>
      <c r="SXK675" s="613"/>
      <c r="SXL675" s="613"/>
      <c r="SXM675" s="613"/>
      <c r="SXN675" s="613"/>
      <c r="SXO675" s="613"/>
      <c r="SXP675" s="613"/>
      <c r="SXQ675" s="613"/>
      <c r="SXR675" s="613"/>
      <c r="SXS675" s="613"/>
      <c r="SXT675" s="613"/>
      <c r="SXU675" s="613"/>
      <c r="SXV675" s="613"/>
      <c r="SXW675" s="613"/>
      <c r="SXX675" s="613"/>
      <c r="SXY675" s="613"/>
      <c r="SXZ675" s="613"/>
      <c r="SYA675" s="613"/>
      <c r="SYB675" s="613"/>
      <c r="SYC675" s="613"/>
      <c r="SYD675" s="613"/>
      <c r="SYE675" s="613"/>
      <c r="SYF675" s="613"/>
      <c r="SYG675" s="613"/>
      <c r="SYH675" s="613"/>
      <c r="SYI675" s="613"/>
      <c r="SYJ675" s="613"/>
      <c r="SYK675" s="613"/>
      <c r="SYL675" s="613"/>
      <c r="SYM675" s="613"/>
      <c r="SYN675" s="613"/>
      <c r="SYO675" s="613"/>
      <c r="SYP675" s="613"/>
      <c r="SYQ675" s="613"/>
      <c r="SYR675" s="613"/>
      <c r="SYS675" s="613"/>
      <c r="SYT675" s="613"/>
      <c r="SYU675" s="613"/>
      <c r="SYV675" s="613"/>
      <c r="SYW675" s="613"/>
      <c r="SYX675" s="613"/>
      <c r="SYY675" s="613"/>
      <c r="SYZ675" s="613"/>
      <c r="SZA675" s="613"/>
      <c r="SZB675" s="613"/>
      <c r="SZC675" s="613"/>
      <c r="SZD675" s="613"/>
      <c r="SZE675" s="613"/>
      <c r="SZF675" s="613"/>
      <c r="SZG675" s="613"/>
      <c r="SZH675" s="613"/>
      <c r="SZI675" s="613"/>
      <c r="SZJ675" s="613"/>
      <c r="SZK675" s="613"/>
      <c r="SZL675" s="613"/>
      <c r="SZM675" s="613"/>
      <c r="SZN675" s="613"/>
      <c r="SZO675" s="613"/>
      <c r="SZP675" s="613"/>
      <c r="SZQ675" s="613"/>
      <c r="SZR675" s="613"/>
      <c r="SZS675" s="613"/>
      <c r="SZT675" s="613"/>
      <c r="SZU675" s="613"/>
      <c r="SZV675" s="613"/>
      <c r="SZW675" s="613"/>
      <c r="SZX675" s="613"/>
      <c r="SZY675" s="613"/>
      <c r="SZZ675" s="613"/>
      <c r="TAA675" s="613"/>
      <c r="TAB675" s="613"/>
      <c r="TAC675" s="613"/>
      <c r="TAD675" s="613"/>
      <c r="TAE675" s="613"/>
      <c r="TAF675" s="613"/>
      <c r="TAG675" s="613"/>
      <c r="TAH675" s="613"/>
      <c r="TAI675" s="613"/>
      <c r="TAJ675" s="613"/>
      <c r="TAK675" s="613"/>
      <c r="TAL675" s="613"/>
      <c r="TAM675" s="613"/>
      <c r="TAN675" s="613"/>
      <c r="TAO675" s="613"/>
      <c r="TAP675" s="613"/>
      <c r="TAQ675" s="613"/>
      <c r="TAR675" s="613"/>
      <c r="TAS675" s="613"/>
      <c r="TAT675" s="613"/>
      <c r="TAU675" s="613"/>
      <c r="TAV675" s="613"/>
      <c r="TAW675" s="613"/>
      <c r="TAX675" s="613"/>
      <c r="TAY675" s="613"/>
      <c r="TAZ675" s="613"/>
      <c r="TBA675" s="613"/>
      <c r="TBB675" s="613"/>
      <c r="TBC675" s="613"/>
      <c r="TBD675" s="613"/>
      <c r="TBE675" s="613"/>
      <c r="TBF675" s="613"/>
      <c r="TBG675" s="613"/>
      <c r="TBH675" s="613"/>
      <c r="TBI675" s="613"/>
      <c r="TBJ675" s="613"/>
      <c r="TBK675" s="613"/>
      <c r="TBL675" s="613"/>
      <c r="TBM675" s="613"/>
      <c r="TBN675" s="613"/>
      <c r="TBO675" s="613"/>
      <c r="TBP675" s="613"/>
      <c r="TBQ675" s="613"/>
      <c r="TBR675" s="613"/>
      <c r="TBS675" s="613"/>
      <c r="TBT675" s="613"/>
      <c r="TBU675" s="613"/>
      <c r="TBV675" s="613"/>
      <c r="TBW675" s="613"/>
      <c r="TBX675" s="613"/>
      <c r="TBY675" s="613"/>
      <c r="TBZ675" s="613"/>
      <c r="TCA675" s="613"/>
      <c r="TCB675" s="613"/>
      <c r="TCC675" s="613"/>
      <c r="TCD675" s="613"/>
      <c r="TCE675" s="613"/>
      <c r="TCF675" s="613"/>
      <c r="TCG675" s="613"/>
      <c r="TCH675" s="613"/>
      <c r="TCI675" s="613"/>
      <c r="TCJ675" s="613"/>
      <c r="TCK675" s="613"/>
      <c r="TCL675" s="613"/>
      <c r="TCM675" s="613"/>
      <c r="TCN675" s="613"/>
      <c r="TCO675" s="613"/>
      <c r="TCP675" s="613"/>
      <c r="TCQ675" s="613"/>
      <c r="TCR675" s="613"/>
      <c r="TCS675" s="613"/>
      <c r="TCT675" s="613"/>
      <c r="TCU675" s="613"/>
      <c r="TCV675" s="613"/>
      <c r="TCW675" s="613"/>
      <c r="TCX675" s="613"/>
      <c r="TCY675" s="613"/>
      <c r="TCZ675" s="613"/>
      <c r="TDA675" s="613"/>
      <c r="TDB675" s="613"/>
      <c r="TDC675" s="613"/>
      <c r="TDD675" s="613"/>
      <c r="TDE675" s="613"/>
      <c r="TDF675" s="613"/>
      <c r="TDG675" s="613"/>
      <c r="TDH675" s="613"/>
      <c r="TDI675" s="613"/>
      <c r="TDJ675" s="613"/>
      <c r="TDK675" s="613"/>
      <c r="TDL675" s="613"/>
      <c r="TDM675" s="613"/>
      <c r="TDN675" s="613"/>
      <c r="TDO675" s="613"/>
      <c r="TDP675" s="613"/>
      <c r="TDQ675" s="613"/>
      <c r="TDR675" s="613"/>
      <c r="TDS675" s="613"/>
      <c r="TDT675" s="613"/>
      <c r="TDU675" s="613"/>
      <c r="TDV675" s="613"/>
      <c r="TDW675" s="613"/>
      <c r="TDX675" s="613"/>
      <c r="TDY675" s="613"/>
      <c r="TDZ675" s="613"/>
      <c r="TEA675" s="613"/>
      <c r="TEB675" s="613"/>
      <c r="TEC675" s="613"/>
      <c r="TED675" s="613"/>
      <c r="TEE675" s="613"/>
      <c r="TEF675" s="613"/>
      <c r="TEG675" s="613"/>
      <c r="TEH675" s="613"/>
      <c r="TEI675" s="613"/>
      <c r="TEJ675" s="613"/>
      <c r="TEK675" s="613"/>
      <c r="TEL675" s="613"/>
      <c r="TEM675" s="613"/>
      <c r="TEN675" s="613"/>
      <c r="TEO675" s="613"/>
      <c r="TEP675" s="613"/>
      <c r="TEQ675" s="613"/>
      <c r="TER675" s="613"/>
      <c r="TES675" s="613"/>
      <c r="TET675" s="613"/>
      <c r="TEU675" s="613"/>
      <c r="TEV675" s="613"/>
      <c r="TEW675" s="613"/>
      <c r="TEX675" s="613"/>
      <c r="TEY675" s="613"/>
      <c r="TEZ675" s="613"/>
      <c r="TFA675" s="613"/>
      <c r="TFB675" s="613"/>
      <c r="TFC675" s="613"/>
      <c r="TFD675" s="613"/>
      <c r="TFE675" s="613"/>
      <c r="TFF675" s="613"/>
      <c r="TFG675" s="613"/>
      <c r="TFH675" s="613"/>
      <c r="TFI675" s="613"/>
      <c r="TFJ675" s="613"/>
      <c r="TFK675" s="613"/>
      <c r="TFL675" s="613"/>
      <c r="TFM675" s="613"/>
      <c r="TFN675" s="613"/>
      <c r="TFO675" s="613"/>
      <c r="TFP675" s="613"/>
      <c r="TFQ675" s="613"/>
      <c r="TFR675" s="613"/>
      <c r="TFS675" s="613"/>
      <c r="TFT675" s="613"/>
      <c r="TFU675" s="613"/>
      <c r="TFV675" s="613"/>
      <c r="TFW675" s="613"/>
      <c r="TFX675" s="613"/>
      <c r="TFY675" s="613"/>
      <c r="TFZ675" s="613"/>
      <c r="TGA675" s="613"/>
      <c r="TGB675" s="613"/>
      <c r="TGC675" s="613"/>
      <c r="TGD675" s="613"/>
      <c r="TGE675" s="613"/>
      <c r="TGF675" s="613"/>
      <c r="TGG675" s="613"/>
      <c r="TGH675" s="613"/>
      <c r="TGI675" s="613"/>
      <c r="TGJ675" s="613"/>
      <c r="TGK675" s="613"/>
      <c r="TGL675" s="613"/>
      <c r="TGM675" s="613"/>
      <c r="TGN675" s="613"/>
      <c r="TGO675" s="613"/>
      <c r="TGP675" s="613"/>
      <c r="TGQ675" s="613"/>
      <c r="TGR675" s="613"/>
      <c r="TGS675" s="613"/>
      <c r="TGT675" s="613"/>
      <c r="TGU675" s="613"/>
      <c r="TGV675" s="613"/>
      <c r="TGW675" s="613"/>
      <c r="TGX675" s="613"/>
      <c r="TGY675" s="613"/>
      <c r="TGZ675" s="613"/>
      <c r="THA675" s="613"/>
      <c r="THB675" s="613"/>
      <c r="THC675" s="613"/>
      <c r="THD675" s="613"/>
      <c r="THE675" s="613"/>
      <c r="THF675" s="613"/>
      <c r="THG675" s="613"/>
      <c r="THH675" s="613"/>
      <c r="THI675" s="613"/>
      <c r="THJ675" s="613"/>
      <c r="THK675" s="613"/>
      <c r="THL675" s="613"/>
      <c r="THM675" s="613"/>
      <c r="THN675" s="613"/>
      <c r="THO675" s="613"/>
      <c r="THP675" s="613"/>
      <c r="THQ675" s="613"/>
      <c r="THR675" s="613"/>
      <c r="THS675" s="613"/>
      <c r="THT675" s="613"/>
      <c r="THU675" s="613"/>
      <c r="THV675" s="613"/>
      <c r="THW675" s="613"/>
      <c r="THX675" s="613"/>
      <c r="THY675" s="613"/>
      <c r="THZ675" s="613"/>
      <c r="TIA675" s="613"/>
      <c r="TIB675" s="613"/>
      <c r="TIC675" s="613"/>
      <c r="TID675" s="613"/>
      <c r="TIE675" s="613"/>
      <c r="TIF675" s="613"/>
      <c r="TIG675" s="613"/>
      <c r="TIH675" s="613"/>
      <c r="TII675" s="613"/>
      <c r="TIJ675" s="613"/>
      <c r="TIK675" s="613"/>
      <c r="TIL675" s="613"/>
      <c r="TIM675" s="613"/>
      <c r="TIN675" s="613"/>
      <c r="TIO675" s="613"/>
      <c r="TIP675" s="613"/>
      <c r="TIQ675" s="613"/>
      <c r="TIR675" s="613"/>
      <c r="TIS675" s="613"/>
      <c r="TIT675" s="613"/>
      <c r="TIU675" s="613"/>
      <c r="TIV675" s="613"/>
      <c r="TIW675" s="613"/>
      <c r="TIX675" s="613"/>
      <c r="TIY675" s="613"/>
      <c r="TIZ675" s="613"/>
      <c r="TJA675" s="613"/>
      <c r="TJB675" s="613"/>
      <c r="TJC675" s="613"/>
      <c r="TJD675" s="613"/>
      <c r="TJE675" s="613"/>
      <c r="TJF675" s="613"/>
      <c r="TJG675" s="613"/>
      <c r="TJH675" s="613"/>
      <c r="TJI675" s="613"/>
      <c r="TJJ675" s="613"/>
      <c r="TJK675" s="613"/>
      <c r="TJL675" s="613"/>
      <c r="TJM675" s="613"/>
      <c r="TJN675" s="613"/>
      <c r="TJO675" s="613"/>
      <c r="TJP675" s="613"/>
      <c r="TJQ675" s="613"/>
      <c r="TJR675" s="613"/>
      <c r="TJS675" s="613"/>
      <c r="TJT675" s="613"/>
      <c r="TJU675" s="613"/>
      <c r="TJV675" s="613"/>
      <c r="TJW675" s="613"/>
      <c r="TJX675" s="613"/>
      <c r="TJY675" s="613"/>
      <c r="TJZ675" s="613"/>
      <c r="TKA675" s="613"/>
      <c r="TKB675" s="613"/>
      <c r="TKC675" s="613"/>
      <c r="TKD675" s="613"/>
      <c r="TKE675" s="613"/>
      <c r="TKF675" s="613"/>
      <c r="TKG675" s="613"/>
      <c r="TKH675" s="613"/>
      <c r="TKI675" s="613"/>
      <c r="TKJ675" s="613"/>
      <c r="TKK675" s="613"/>
      <c r="TKL675" s="613"/>
      <c r="TKM675" s="613"/>
      <c r="TKN675" s="613"/>
      <c r="TKO675" s="613"/>
      <c r="TKP675" s="613"/>
      <c r="TKQ675" s="613"/>
      <c r="TKR675" s="613"/>
      <c r="TKS675" s="613"/>
      <c r="TKT675" s="613"/>
      <c r="TKU675" s="613"/>
      <c r="TKV675" s="613"/>
      <c r="TKW675" s="613"/>
      <c r="TKX675" s="613"/>
      <c r="TKY675" s="613"/>
      <c r="TKZ675" s="613"/>
      <c r="TLA675" s="613"/>
      <c r="TLB675" s="613"/>
      <c r="TLC675" s="613"/>
      <c r="TLD675" s="613"/>
      <c r="TLE675" s="613"/>
      <c r="TLF675" s="613"/>
      <c r="TLG675" s="613"/>
      <c r="TLH675" s="613"/>
      <c r="TLI675" s="613"/>
      <c r="TLJ675" s="613"/>
      <c r="TLK675" s="613"/>
      <c r="TLL675" s="613"/>
      <c r="TLM675" s="613"/>
      <c r="TLN675" s="613"/>
      <c r="TLO675" s="613"/>
      <c r="TLP675" s="613"/>
      <c r="TLQ675" s="613"/>
      <c r="TLR675" s="613"/>
      <c r="TLS675" s="613"/>
      <c r="TLT675" s="613"/>
      <c r="TLU675" s="613"/>
      <c r="TLV675" s="613"/>
      <c r="TLW675" s="613"/>
      <c r="TLX675" s="613"/>
      <c r="TLY675" s="613"/>
      <c r="TLZ675" s="613"/>
      <c r="TMA675" s="613"/>
      <c r="TMB675" s="613"/>
      <c r="TMC675" s="613"/>
      <c r="TMD675" s="613"/>
      <c r="TME675" s="613"/>
      <c r="TMF675" s="613"/>
      <c r="TMG675" s="613"/>
      <c r="TMH675" s="613"/>
      <c r="TMI675" s="613"/>
      <c r="TMJ675" s="613"/>
      <c r="TMK675" s="613"/>
      <c r="TML675" s="613"/>
      <c r="TMM675" s="613"/>
      <c r="TMN675" s="613"/>
      <c r="TMO675" s="613"/>
      <c r="TMP675" s="613"/>
      <c r="TMQ675" s="613"/>
      <c r="TMR675" s="613"/>
      <c r="TMS675" s="613"/>
      <c r="TMT675" s="613"/>
      <c r="TMU675" s="613"/>
      <c r="TMV675" s="613"/>
      <c r="TMW675" s="613"/>
      <c r="TMX675" s="613"/>
      <c r="TMY675" s="613"/>
      <c r="TMZ675" s="613"/>
      <c r="TNA675" s="613"/>
      <c r="TNB675" s="613"/>
      <c r="TNC675" s="613"/>
      <c r="TND675" s="613"/>
      <c r="TNE675" s="613"/>
      <c r="TNF675" s="613"/>
      <c r="TNG675" s="613"/>
      <c r="TNH675" s="613"/>
      <c r="TNI675" s="613"/>
      <c r="TNJ675" s="613"/>
      <c r="TNK675" s="613"/>
      <c r="TNL675" s="613"/>
      <c r="TNM675" s="613"/>
      <c r="TNN675" s="613"/>
      <c r="TNO675" s="613"/>
      <c r="TNP675" s="613"/>
      <c r="TNQ675" s="613"/>
      <c r="TNR675" s="613"/>
      <c r="TNS675" s="613"/>
      <c r="TNT675" s="613"/>
      <c r="TNU675" s="613"/>
      <c r="TNV675" s="613"/>
      <c r="TNW675" s="613"/>
      <c r="TNX675" s="613"/>
      <c r="TNY675" s="613"/>
      <c r="TNZ675" s="613"/>
      <c r="TOA675" s="613"/>
      <c r="TOB675" s="613"/>
      <c r="TOC675" s="613"/>
      <c r="TOD675" s="613"/>
      <c r="TOE675" s="613"/>
      <c r="TOF675" s="613"/>
      <c r="TOG675" s="613"/>
      <c r="TOH675" s="613"/>
      <c r="TOI675" s="613"/>
      <c r="TOJ675" s="613"/>
      <c r="TOK675" s="613"/>
      <c r="TOL675" s="613"/>
      <c r="TOM675" s="613"/>
      <c r="TON675" s="613"/>
      <c r="TOO675" s="613"/>
      <c r="TOP675" s="613"/>
      <c r="TOQ675" s="613"/>
      <c r="TOR675" s="613"/>
      <c r="TOS675" s="613"/>
      <c r="TOT675" s="613"/>
      <c r="TOU675" s="613"/>
      <c r="TOV675" s="613"/>
      <c r="TOW675" s="613"/>
      <c r="TOX675" s="613"/>
      <c r="TOY675" s="613"/>
      <c r="TOZ675" s="613"/>
      <c r="TPA675" s="613"/>
      <c r="TPB675" s="613"/>
      <c r="TPC675" s="613"/>
      <c r="TPD675" s="613"/>
      <c r="TPE675" s="613"/>
      <c r="TPF675" s="613"/>
      <c r="TPG675" s="613"/>
      <c r="TPH675" s="613"/>
      <c r="TPI675" s="613"/>
      <c r="TPJ675" s="613"/>
      <c r="TPK675" s="613"/>
      <c r="TPL675" s="613"/>
      <c r="TPM675" s="613"/>
      <c r="TPN675" s="613"/>
      <c r="TPO675" s="613"/>
      <c r="TPP675" s="613"/>
      <c r="TPQ675" s="613"/>
      <c r="TPR675" s="613"/>
      <c r="TPS675" s="613"/>
      <c r="TPT675" s="613"/>
      <c r="TPU675" s="613"/>
      <c r="TPV675" s="613"/>
      <c r="TPW675" s="613"/>
      <c r="TPX675" s="613"/>
      <c r="TPY675" s="613"/>
      <c r="TPZ675" s="613"/>
      <c r="TQA675" s="613"/>
      <c r="TQB675" s="613"/>
      <c r="TQC675" s="613"/>
      <c r="TQD675" s="613"/>
      <c r="TQE675" s="613"/>
      <c r="TQF675" s="613"/>
      <c r="TQG675" s="613"/>
      <c r="TQH675" s="613"/>
      <c r="TQI675" s="613"/>
      <c r="TQJ675" s="613"/>
      <c r="TQK675" s="613"/>
      <c r="TQL675" s="613"/>
      <c r="TQM675" s="613"/>
      <c r="TQN675" s="613"/>
      <c r="TQO675" s="613"/>
      <c r="TQP675" s="613"/>
      <c r="TQQ675" s="613"/>
      <c r="TQR675" s="613"/>
      <c r="TQS675" s="613"/>
      <c r="TQT675" s="613"/>
      <c r="TQU675" s="613"/>
      <c r="TQV675" s="613"/>
      <c r="TQW675" s="613"/>
      <c r="TQX675" s="613"/>
      <c r="TQY675" s="613"/>
      <c r="TQZ675" s="613"/>
      <c r="TRA675" s="613"/>
      <c r="TRB675" s="613"/>
      <c r="TRC675" s="613"/>
      <c r="TRD675" s="613"/>
      <c r="TRE675" s="613"/>
      <c r="TRF675" s="613"/>
      <c r="TRG675" s="613"/>
      <c r="TRH675" s="613"/>
      <c r="TRI675" s="613"/>
      <c r="TRJ675" s="613"/>
      <c r="TRK675" s="613"/>
      <c r="TRL675" s="613"/>
      <c r="TRM675" s="613"/>
      <c r="TRN675" s="613"/>
      <c r="TRO675" s="613"/>
      <c r="TRP675" s="613"/>
      <c r="TRQ675" s="613"/>
      <c r="TRR675" s="613"/>
      <c r="TRS675" s="613"/>
      <c r="TRT675" s="613"/>
      <c r="TRU675" s="613"/>
      <c r="TRV675" s="613"/>
      <c r="TRW675" s="613"/>
      <c r="TRX675" s="613"/>
      <c r="TRY675" s="613"/>
      <c r="TRZ675" s="613"/>
      <c r="TSA675" s="613"/>
      <c r="TSB675" s="613"/>
      <c r="TSC675" s="613"/>
      <c r="TSD675" s="613"/>
      <c r="TSE675" s="613"/>
      <c r="TSF675" s="613"/>
      <c r="TSG675" s="613"/>
      <c r="TSH675" s="613"/>
      <c r="TSI675" s="613"/>
      <c r="TSJ675" s="613"/>
      <c r="TSK675" s="613"/>
      <c r="TSL675" s="613"/>
      <c r="TSM675" s="613"/>
      <c r="TSN675" s="613"/>
      <c r="TSO675" s="613"/>
      <c r="TSP675" s="613"/>
      <c r="TSQ675" s="613"/>
      <c r="TSR675" s="613"/>
      <c r="TSS675" s="613"/>
      <c r="TST675" s="613"/>
      <c r="TSU675" s="613"/>
      <c r="TSV675" s="613"/>
      <c r="TSW675" s="613"/>
      <c r="TSX675" s="613"/>
      <c r="TSY675" s="613"/>
      <c r="TSZ675" s="613"/>
      <c r="TTA675" s="613"/>
      <c r="TTB675" s="613"/>
      <c r="TTC675" s="613"/>
      <c r="TTD675" s="613"/>
      <c r="TTE675" s="613"/>
      <c r="TTF675" s="613"/>
      <c r="TTG675" s="613"/>
      <c r="TTH675" s="613"/>
      <c r="TTI675" s="613"/>
      <c r="TTJ675" s="613"/>
      <c r="TTK675" s="613"/>
      <c r="TTL675" s="613"/>
      <c r="TTM675" s="613"/>
      <c r="TTN675" s="613"/>
      <c r="TTO675" s="613"/>
      <c r="TTP675" s="613"/>
      <c r="TTQ675" s="613"/>
      <c r="TTR675" s="613"/>
      <c r="TTS675" s="613"/>
      <c r="TTT675" s="613"/>
      <c r="TTU675" s="613"/>
      <c r="TTV675" s="613"/>
      <c r="TTW675" s="613"/>
      <c r="TTX675" s="613"/>
      <c r="TTY675" s="613"/>
      <c r="TTZ675" s="613"/>
      <c r="TUA675" s="613"/>
      <c r="TUB675" s="613"/>
      <c r="TUC675" s="613"/>
      <c r="TUD675" s="613"/>
      <c r="TUE675" s="613"/>
      <c r="TUF675" s="613"/>
      <c r="TUG675" s="613"/>
      <c r="TUH675" s="613"/>
      <c r="TUI675" s="613"/>
      <c r="TUJ675" s="613"/>
      <c r="TUK675" s="613"/>
      <c r="TUL675" s="613"/>
      <c r="TUM675" s="613"/>
      <c r="TUN675" s="613"/>
      <c r="TUO675" s="613"/>
      <c r="TUP675" s="613"/>
      <c r="TUQ675" s="613"/>
      <c r="TUR675" s="613"/>
      <c r="TUS675" s="613"/>
      <c r="TUT675" s="613"/>
      <c r="TUU675" s="613"/>
      <c r="TUV675" s="613"/>
      <c r="TUW675" s="613"/>
      <c r="TUX675" s="613"/>
      <c r="TUY675" s="613"/>
      <c r="TUZ675" s="613"/>
      <c r="TVA675" s="613"/>
      <c r="TVB675" s="613"/>
      <c r="TVC675" s="613"/>
      <c r="TVD675" s="613"/>
      <c r="TVE675" s="613"/>
      <c r="TVF675" s="613"/>
      <c r="TVG675" s="613"/>
      <c r="TVH675" s="613"/>
      <c r="TVI675" s="613"/>
      <c r="TVJ675" s="613"/>
      <c r="TVK675" s="613"/>
      <c r="TVL675" s="613"/>
      <c r="TVM675" s="613"/>
      <c r="TVN675" s="613"/>
      <c r="TVO675" s="613"/>
      <c r="TVP675" s="613"/>
      <c r="TVQ675" s="613"/>
      <c r="TVR675" s="613"/>
      <c r="TVS675" s="613"/>
      <c r="TVT675" s="613"/>
      <c r="TVU675" s="613"/>
      <c r="TVV675" s="613"/>
      <c r="TVW675" s="613"/>
      <c r="TVX675" s="613"/>
      <c r="TVY675" s="613"/>
      <c r="TVZ675" s="613"/>
      <c r="TWA675" s="613"/>
      <c r="TWB675" s="613"/>
      <c r="TWC675" s="613"/>
      <c r="TWD675" s="613"/>
      <c r="TWE675" s="613"/>
      <c r="TWF675" s="613"/>
      <c r="TWG675" s="613"/>
      <c r="TWH675" s="613"/>
      <c r="TWI675" s="613"/>
      <c r="TWJ675" s="613"/>
      <c r="TWK675" s="613"/>
      <c r="TWL675" s="613"/>
      <c r="TWM675" s="613"/>
      <c r="TWN675" s="613"/>
      <c r="TWO675" s="613"/>
      <c r="TWP675" s="613"/>
      <c r="TWQ675" s="613"/>
      <c r="TWR675" s="613"/>
      <c r="TWS675" s="613"/>
      <c r="TWT675" s="613"/>
      <c r="TWU675" s="613"/>
      <c r="TWV675" s="613"/>
      <c r="TWW675" s="613"/>
      <c r="TWX675" s="613"/>
      <c r="TWY675" s="613"/>
      <c r="TWZ675" s="613"/>
      <c r="TXA675" s="613"/>
      <c r="TXB675" s="613"/>
      <c r="TXC675" s="613"/>
      <c r="TXD675" s="613"/>
      <c r="TXE675" s="613"/>
      <c r="TXF675" s="613"/>
      <c r="TXG675" s="613"/>
      <c r="TXH675" s="613"/>
      <c r="TXI675" s="613"/>
      <c r="TXJ675" s="613"/>
      <c r="TXK675" s="613"/>
      <c r="TXL675" s="613"/>
      <c r="TXM675" s="613"/>
      <c r="TXN675" s="613"/>
      <c r="TXO675" s="613"/>
      <c r="TXP675" s="613"/>
      <c r="TXQ675" s="613"/>
      <c r="TXR675" s="613"/>
      <c r="TXS675" s="613"/>
      <c r="TXT675" s="613"/>
      <c r="TXU675" s="613"/>
      <c r="TXV675" s="613"/>
      <c r="TXW675" s="613"/>
      <c r="TXX675" s="613"/>
      <c r="TXY675" s="613"/>
      <c r="TXZ675" s="613"/>
      <c r="TYA675" s="613"/>
      <c r="TYB675" s="613"/>
      <c r="TYC675" s="613"/>
      <c r="TYD675" s="613"/>
      <c r="TYE675" s="613"/>
      <c r="TYF675" s="613"/>
      <c r="TYG675" s="613"/>
      <c r="TYH675" s="613"/>
      <c r="TYI675" s="613"/>
      <c r="TYJ675" s="613"/>
      <c r="TYK675" s="613"/>
      <c r="TYL675" s="613"/>
      <c r="TYM675" s="613"/>
      <c r="TYN675" s="613"/>
      <c r="TYO675" s="613"/>
      <c r="TYP675" s="613"/>
      <c r="TYQ675" s="613"/>
      <c r="TYR675" s="613"/>
      <c r="TYS675" s="613"/>
      <c r="TYT675" s="613"/>
      <c r="TYU675" s="613"/>
      <c r="TYV675" s="613"/>
      <c r="TYW675" s="613"/>
      <c r="TYX675" s="613"/>
      <c r="TYY675" s="613"/>
      <c r="TYZ675" s="613"/>
      <c r="TZA675" s="613"/>
      <c r="TZB675" s="613"/>
      <c r="TZC675" s="613"/>
      <c r="TZD675" s="613"/>
      <c r="TZE675" s="613"/>
      <c r="TZF675" s="613"/>
      <c r="TZG675" s="613"/>
      <c r="TZH675" s="613"/>
      <c r="TZI675" s="613"/>
      <c r="TZJ675" s="613"/>
      <c r="TZK675" s="613"/>
      <c r="TZL675" s="613"/>
      <c r="TZM675" s="613"/>
      <c r="TZN675" s="613"/>
      <c r="TZO675" s="613"/>
      <c r="TZP675" s="613"/>
      <c r="TZQ675" s="613"/>
      <c r="TZR675" s="613"/>
      <c r="TZS675" s="613"/>
      <c r="TZT675" s="613"/>
      <c r="TZU675" s="613"/>
      <c r="TZV675" s="613"/>
      <c r="TZW675" s="613"/>
      <c r="TZX675" s="613"/>
      <c r="TZY675" s="613"/>
      <c r="TZZ675" s="613"/>
      <c r="UAA675" s="613"/>
      <c r="UAB675" s="613"/>
      <c r="UAC675" s="613"/>
      <c r="UAD675" s="613"/>
      <c r="UAE675" s="613"/>
      <c r="UAF675" s="613"/>
      <c r="UAG675" s="613"/>
      <c r="UAH675" s="613"/>
      <c r="UAI675" s="613"/>
      <c r="UAJ675" s="613"/>
      <c r="UAK675" s="613"/>
      <c r="UAL675" s="613"/>
      <c r="UAM675" s="613"/>
      <c r="UAN675" s="613"/>
      <c r="UAO675" s="613"/>
      <c r="UAP675" s="613"/>
      <c r="UAQ675" s="613"/>
      <c r="UAR675" s="613"/>
      <c r="UAS675" s="613"/>
      <c r="UAT675" s="613"/>
      <c r="UAU675" s="613"/>
      <c r="UAV675" s="613"/>
      <c r="UAW675" s="613"/>
      <c r="UAX675" s="613"/>
      <c r="UAY675" s="613"/>
      <c r="UAZ675" s="613"/>
      <c r="UBA675" s="613"/>
      <c r="UBB675" s="613"/>
      <c r="UBC675" s="613"/>
      <c r="UBD675" s="613"/>
      <c r="UBE675" s="613"/>
      <c r="UBF675" s="613"/>
      <c r="UBG675" s="613"/>
      <c r="UBH675" s="613"/>
      <c r="UBI675" s="613"/>
      <c r="UBJ675" s="613"/>
      <c r="UBK675" s="613"/>
      <c r="UBL675" s="613"/>
      <c r="UBM675" s="613"/>
      <c r="UBN675" s="613"/>
      <c r="UBO675" s="613"/>
      <c r="UBP675" s="613"/>
      <c r="UBQ675" s="613"/>
      <c r="UBR675" s="613"/>
      <c r="UBS675" s="613"/>
      <c r="UBT675" s="613"/>
      <c r="UBU675" s="613"/>
      <c r="UBV675" s="613"/>
      <c r="UBW675" s="613"/>
      <c r="UBX675" s="613"/>
      <c r="UBY675" s="613"/>
      <c r="UBZ675" s="613"/>
      <c r="UCA675" s="613"/>
      <c r="UCB675" s="613"/>
      <c r="UCC675" s="613"/>
      <c r="UCD675" s="613"/>
      <c r="UCE675" s="613"/>
      <c r="UCF675" s="613"/>
      <c r="UCG675" s="613"/>
      <c r="UCH675" s="613"/>
      <c r="UCI675" s="613"/>
      <c r="UCJ675" s="613"/>
      <c r="UCK675" s="613"/>
      <c r="UCL675" s="613"/>
      <c r="UCM675" s="613"/>
      <c r="UCN675" s="613"/>
      <c r="UCO675" s="613"/>
      <c r="UCP675" s="613"/>
      <c r="UCQ675" s="613"/>
      <c r="UCR675" s="613"/>
      <c r="UCS675" s="613"/>
      <c r="UCT675" s="613"/>
      <c r="UCU675" s="613"/>
      <c r="UCV675" s="613"/>
      <c r="UCW675" s="613"/>
      <c r="UCX675" s="613"/>
      <c r="UCY675" s="613"/>
      <c r="UCZ675" s="613"/>
      <c r="UDA675" s="613"/>
      <c r="UDB675" s="613"/>
      <c r="UDC675" s="613"/>
      <c r="UDD675" s="613"/>
      <c r="UDE675" s="613"/>
      <c r="UDF675" s="613"/>
      <c r="UDG675" s="613"/>
      <c r="UDH675" s="613"/>
      <c r="UDI675" s="613"/>
      <c r="UDJ675" s="613"/>
      <c r="UDK675" s="613"/>
      <c r="UDL675" s="613"/>
      <c r="UDM675" s="613"/>
      <c r="UDN675" s="613"/>
      <c r="UDO675" s="613"/>
      <c r="UDP675" s="613"/>
      <c r="UDQ675" s="613"/>
      <c r="UDR675" s="613"/>
      <c r="UDS675" s="613"/>
      <c r="UDT675" s="613"/>
      <c r="UDU675" s="613"/>
      <c r="UDV675" s="613"/>
      <c r="UDW675" s="613"/>
      <c r="UDX675" s="613"/>
      <c r="UDY675" s="613"/>
      <c r="UDZ675" s="613"/>
      <c r="UEA675" s="613"/>
      <c r="UEB675" s="613"/>
      <c r="UEC675" s="613"/>
      <c r="UED675" s="613"/>
      <c r="UEE675" s="613"/>
      <c r="UEF675" s="613"/>
      <c r="UEG675" s="613"/>
      <c r="UEH675" s="613"/>
      <c r="UEI675" s="613"/>
      <c r="UEJ675" s="613"/>
      <c r="UEK675" s="613"/>
      <c r="UEL675" s="613"/>
      <c r="UEM675" s="613"/>
      <c r="UEN675" s="613"/>
      <c r="UEO675" s="613"/>
      <c r="UEP675" s="613"/>
      <c r="UEQ675" s="613"/>
      <c r="UER675" s="613"/>
      <c r="UES675" s="613"/>
      <c r="UET675" s="613"/>
      <c r="UEU675" s="613"/>
      <c r="UEV675" s="613"/>
      <c r="UEW675" s="613"/>
      <c r="UEX675" s="613"/>
      <c r="UEY675" s="613"/>
      <c r="UEZ675" s="613"/>
      <c r="UFA675" s="613"/>
      <c r="UFB675" s="613"/>
      <c r="UFC675" s="613"/>
      <c r="UFD675" s="613"/>
      <c r="UFE675" s="613"/>
      <c r="UFF675" s="613"/>
      <c r="UFG675" s="613"/>
      <c r="UFH675" s="613"/>
      <c r="UFI675" s="613"/>
      <c r="UFJ675" s="613"/>
      <c r="UFK675" s="613"/>
      <c r="UFL675" s="613"/>
      <c r="UFM675" s="613"/>
      <c r="UFN675" s="613"/>
      <c r="UFO675" s="613"/>
      <c r="UFP675" s="613"/>
      <c r="UFQ675" s="613"/>
      <c r="UFR675" s="613"/>
      <c r="UFS675" s="613"/>
      <c r="UFT675" s="613"/>
      <c r="UFU675" s="613"/>
      <c r="UFV675" s="613"/>
      <c r="UFW675" s="613"/>
      <c r="UFX675" s="613"/>
      <c r="UFY675" s="613"/>
      <c r="UFZ675" s="613"/>
      <c r="UGA675" s="613"/>
      <c r="UGB675" s="613"/>
      <c r="UGC675" s="613"/>
      <c r="UGD675" s="613"/>
      <c r="UGE675" s="613"/>
      <c r="UGF675" s="613"/>
      <c r="UGG675" s="613"/>
      <c r="UGH675" s="613"/>
      <c r="UGI675" s="613"/>
      <c r="UGJ675" s="613"/>
      <c r="UGK675" s="613"/>
      <c r="UGL675" s="613"/>
      <c r="UGM675" s="613"/>
      <c r="UGN675" s="613"/>
      <c r="UGO675" s="613"/>
      <c r="UGP675" s="613"/>
      <c r="UGQ675" s="613"/>
      <c r="UGR675" s="613"/>
      <c r="UGS675" s="613"/>
      <c r="UGT675" s="613"/>
      <c r="UGU675" s="613"/>
      <c r="UGV675" s="613"/>
      <c r="UGW675" s="613"/>
      <c r="UGX675" s="613"/>
      <c r="UGY675" s="613"/>
      <c r="UGZ675" s="613"/>
      <c r="UHA675" s="613"/>
      <c r="UHB675" s="613"/>
      <c r="UHC675" s="613"/>
      <c r="UHD675" s="613"/>
      <c r="UHE675" s="613"/>
      <c r="UHF675" s="613"/>
      <c r="UHG675" s="613"/>
      <c r="UHH675" s="613"/>
      <c r="UHI675" s="613"/>
      <c r="UHJ675" s="613"/>
      <c r="UHK675" s="613"/>
      <c r="UHL675" s="613"/>
      <c r="UHM675" s="613"/>
      <c r="UHN675" s="613"/>
      <c r="UHO675" s="613"/>
      <c r="UHP675" s="613"/>
      <c r="UHQ675" s="613"/>
      <c r="UHR675" s="613"/>
      <c r="UHS675" s="613"/>
      <c r="UHT675" s="613"/>
      <c r="UHU675" s="613"/>
      <c r="UHV675" s="613"/>
      <c r="UHW675" s="613"/>
      <c r="UHX675" s="613"/>
      <c r="UHY675" s="613"/>
      <c r="UHZ675" s="613"/>
      <c r="UIA675" s="613"/>
      <c r="UIB675" s="613"/>
      <c r="UIC675" s="613"/>
      <c r="UID675" s="613"/>
      <c r="UIE675" s="613"/>
      <c r="UIF675" s="613"/>
      <c r="UIG675" s="613"/>
      <c r="UIH675" s="613"/>
      <c r="UII675" s="613"/>
      <c r="UIJ675" s="613"/>
      <c r="UIK675" s="613"/>
      <c r="UIL675" s="613"/>
      <c r="UIM675" s="613"/>
      <c r="UIN675" s="613"/>
      <c r="UIO675" s="613"/>
      <c r="UIP675" s="613"/>
      <c r="UIQ675" s="613"/>
      <c r="UIR675" s="613"/>
      <c r="UIS675" s="613"/>
      <c r="UIT675" s="613"/>
      <c r="UIU675" s="613"/>
      <c r="UIV675" s="613"/>
      <c r="UIW675" s="613"/>
      <c r="UIX675" s="613"/>
      <c r="UIY675" s="613"/>
      <c r="UIZ675" s="613"/>
      <c r="UJA675" s="613"/>
      <c r="UJB675" s="613"/>
      <c r="UJC675" s="613"/>
      <c r="UJD675" s="613"/>
      <c r="UJE675" s="613"/>
      <c r="UJF675" s="613"/>
      <c r="UJG675" s="613"/>
      <c r="UJH675" s="613"/>
      <c r="UJI675" s="613"/>
      <c r="UJJ675" s="613"/>
      <c r="UJK675" s="613"/>
      <c r="UJL675" s="613"/>
      <c r="UJM675" s="613"/>
      <c r="UJN675" s="613"/>
      <c r="UJO675" s="613"/>
      <c r="UJP675" s="613"/>
      <c r="UJQ675" s="613"/>
      <c r="UJR675" s="613"/>
      <c r="UJS675" s="613"/>
      <c r="UJT675" s="613"/>
      <c r="UJU675" s="613"/>
      <c r="UJV675" s="613"/>
      <c r="UJW675" s="613"/>
      <c r="UJX675" s="613"/>
      <c r="UJY675" s="613"/>
      <c r="UJZ675" s="613"/>
      <c r="UKA675" s="613"/>
      <c r="UKB675" s="613"/>
      <c r="UKC675" s="613"/>
      <c r="UKD675" s="613"/>
      <c r="UKE675" s="613"/>
      <c r="UKF675" s="613"/>
      <c r="UKG675" s="613"/>
      <c r="UKH675" s="613"/>
      <c r="UKI675" s="613"/>
      <c r="UKJ675" s="613"/>
      <c r="UKK675" s="613"/>
      <c r="UKL675" s="613"/>
      <c r="UKM675" s="613"/>
      <c r="UKN675" s="613"/>
      <c r="UKO675" s="613"/>
      <c r="UKP675" s="613"/>
      <c r="UKQ675" s="613"/>
      <c r="UKR675" s="613"/>
      <c r="UKS675" s="613"/>
      <c r="UKT675" s="613"/>
      <c r="UKU675" s="613"/>
      <c r="UKV675" s="613"/>
      <c r="UKW675" s="613"/>
      <c r="UKX675" s="613"/>
      <c r="UKY675" s="613"/>
      <c r="UKZ675" s="613"/>
      <c r="ULA675" s="613"/>
      <c r="ULB675" s="613"/>
      <c r="ULC675" s="613"/>
      <c r="ULD675" s="613"/>
      <c r="ULE675" s="613"/>
      <c r="ULF675" s="613"/>
      <c r="ULG675" s="613"/>
      <c r="ULH675" s="613"/>
      <c r="ULI675" s="613"/>
      <c r="ULJ675" s="613"/>
      <c r="ULK675" s="613"/>
      <c r="ULL675" s="613"/>
      <c r="ULM675" s="613"/>
      <c r="ULN675" s="613"/>
      <c r="ULO675" s="613"/>
      <c r="ULP675" s="613"/>
      <c r="ULQ675" s="613"/>
      <c r="ULR675" s="613"/>
      <c r="ULS675" s="613"/>
      <c r="ULT675" s="613"/>
      <c r="ULU675" s="613"/>
      <c r="ULV675" s="613"/>
      <c r="ULW675" s="613"/>
      <c r="ULX675" s="613"/>
      <c r="ULY675" s="613"/>
      <c r="ULZ675" s="613"/>
      <c r="UMA675" s="613"/>
      <c r="UMB675" s="613"/>
      <c r="UMC675" s="613"/>
      <c r="UMD675" s="613"/>
      <c r="UME675" s="613"/>
      <c r="UMF675" s="613"/>
      <c r="UMG675" s="613"/>
      <c r="UMH675" s="613"/>
      <c r="UMI675" s="613"/>
      <c r="UMJ675" s="613"/>
      <c r="UMK675" s="613"/>
      <c r="UML675" s="613"/>
      <c r="UMM675" s="613"/>
      <c r="UMN675" s="613"/>
      <c r="UMO675" s="613"/>
      <c r="UMP675" s="613"/>
      <c r="UMQ675" s="613"/>
      <c r="UMR675" s="613"/>
      <c r="UMS675" s="613"/>
      <c r="UMT675" s="613"/>
      <c r="UMU675" s="613"/>
      <c r="UMV675" s="613"/>
      <c r="UMW675" s="613"/>
      <c r="UMX675" s="613"/>
      <c r="UMY675" s="613"/>
      <c r="UMZ675" s="613"/>
      <c r="UNA675" s="613"/>
      <c r="UNB675" s="613"/>
      <c r="UNC675" s="613"/>
      <c r="UND675" s="613"/>
      <c r="UNE675" s="613"/>
      <c r="UNF675" s="613"/>
      <c r="UNG675" s="613"/>
      <c r="UNH675" s="613"/>
      <c r="UNI675" s="613"/>
      <c r="UNJ675" s="613"/>
      <c r="UNK675" s="613"/>
      <c r="UNL675" s="613"/>
      <c r="UNM675" s="613"/>
      <c r="UNN675" s="613"/>
      <c r="UNO675" s="613"/>
      <c r="UNP675" s="613"/>
      <c r="UNQ675" s="613"/>
      <c r="UNR675" s="613"/>
      <c r="UNS675" s="613"/>
      <c r="UNT675" s="613"/>
      <c r="UNU675" s="613"/>
      <c r="UNV675" s="613"/>
      <c r="UNW675" s="613"/>
      <c r="UNX675" s="613"/>
      <c r="UNY675" s="613"/>
      <c r="UNZ675" s="613"/>
      <c r="UOA675" s="613"/>
      <c r="UOB675" s="613"/>
      <c r="UOC675" s="613"/>
      <c r="UOD675" s="613"/>
      <c r="UOE675" s="613"/>
      <c r="UOF675" s="613"/>
      <c r="UOG675" s="613"/>
      <c r="UOH675" s="613"/>
      <c r="UOI675" s="613"/>
      <c r="UOJ675" s="613"/>
      <c r="UOK675" s="613"/>
      <c r="UOL675" s="613"/>
      <c r="UOM675" s="613"/>
      <c r="UON675" s="613"/>
      <c r="UOO675" s="613"/>
      <c r="UOP675" s="613"/>
      <c r="UOQ675" s="613"/>
      <c r="UOR675" s="613"/>
      <c r="UOS675" s="613"/>
      <c r="UOT675" s="613"/>
      <c r="UOU675" s="613"/>
      <c r="UOV675" s="613"/>
      <c r="UOW675" s="613"/>
      <c r="UOX675" s="613"/>
      <c r="UOY675" s="613"/>
      <c r="UOZ675" s="613"/>
      <c r="UPA675" s="613"/>
      <c r="UPB675" s="613"/>
      <c r="UPC675" s="613"/>
      <c r="UPD675" s="613"/>
      <c r="UPE675" s="613"/>
      <c r="UPF675" s="613"/>
      <c r="UPG675" s="613"/>
      <c r="UPH675" s="613"/>
      <c r="UPI675" s="613"/>
      <c r="UPJ675" s="613"/>
      <c r="UPK675" s="613"/>
      <c r="UPL675" s="613"/>
      <c r="UPM675" s="613"/>
      <c r="UPN675" s="613"/>
      <c r="UPO675" s="613"/>
      <c r="UPP675" s="613"/>
      <c r="UPQ675" s="613"/>
      <c r="UPR675" s="613"/>
      <c r="UPS675" s="613"/>
      <c r="UPT675" s="613"/>
      <c r="UPU675" s="613"/>
      <c r="UPV675" s="613"/>
      <c r="UPW675" s="613"/>
      <c r="UPX675" s="613"/>
      <c r="UPY675" s="613"/>
      <c r="UPZ675" s="613"/>
      <c r="UQA675" s="613"/>
      <c r="UQB675" s="613"/>
      <c r="UQC675" s="613"/>
      <c r="UQD675" s="613"/>
      <c r="UQE675" s="613"/>
      <c r="UQF675" s="613"/>
      <c r="UQG675" s="613"/>
      <c r="UQH675" s="613"/>
      <c r="UQI675" s="613"/>
      <c r="UQJ675" s="613"/>
      <c r="UQK675" s="613"/>
      <c r="UQL675" s="613"/>
      <c r="UQM675" s="613"/>
      <c r="UQN675" s="613"/>
      <c r="UQO675" s="613"/>
      <c r="UQP675" s="613"/>
      <c r="UQQ675" s="613"/>
      <c r="UQR675" s="613"/>
      <c r="UQS675" s="613"/>
      <c r="UQT675" s="613"/>
      <c r="UQU675" s="613"/>
      <c r="UQV675" s="613"/>
      <c r="UQW675" s="613"/>
      <c r="UQX675" s="613"/>
      <c r="UQY675" s="613"/>
      <c r="UQZ675" s="613"/>
      <c r="URA675" s="613"/>
      <c r="URB675" s="613"/>
      <c r="URC675" s="613"/>
      <c r="URD675" s="613"/>
      <c r="URE675" s="613"/>
      <c r="URF675" s="613"/>
      <c r="URG675" s="613"/>
      <c r="URH675" s="613"/>
      <c r="URI675" s="613"/>
      <c r="URJ675" s="613"/>
      <c r="URK675" s="613"/>
      <c r="URL675" s="613"/>
      <c r="URM675" s="613"/>
      <c r="URN675" s="613"/>
      <c r="URO675" s="613"/>
      <c r="URP675" s="613"/>
      <c r="URQ675" s="613"/>
      <c r="URR675" s="613"/>
      <c r="URS675" s="613"/>
      <c r="URT675" s="613"/>
      <c r="URU675" s="613"/>
      <c r="URV675" s="613"/>
      <c r="URW675" s="613"/>
      <c r="URX675" s="613"/>
      <c r="URY675" s="613"/>
      <c r="URZ675" s="613"/>
      <c r="USA675" s="613"/>
      <c r="USB675" s="613"/>
      <c r="USC675" s="613"/>
      <c r="USD675" s="613"/>
      <c r="USE675" s="613"/>
      <c r="USF675" s="613"/>
      <c r="USG675" s="613"/>
      <c r="USH675" s="613"/>
      <c r="USI675" s="613"/>
      <c r="USJ675" s="613"/>
      <c r="USK675" s="613"/>
      <c r="USL675" s="613"/>
      <c r="USM675" s="613"/>
      <c r="USN675" s="613"/>
      <c r="USO675" s="613"/>
      <c r="USP675" s="613"/>
      <c r="USQ675" s="613"/>
      <c r="USR675" s="613"/>
      <c r="USS675" s="613"/>
      <c r="UST675" s="613"/>
      <c r="USU675" s="613"/>
      <c r="USV675" s="613"/>
      <c r="USW675" s="613"/>
      <c r="USX675" s="613"/>
      <c r="USY675" s="613"/>
      <c r="USZ675" s="613"/>
      <c r="UTA675" s="613"/>
      <c r="UTB675" s="613"/>
      <c r="UTC675" s="613"/>
      <c r="UTD675" s="613"/>
      <c r="UTE675" s="613"/>
      <c r="UTF675" s="613"/>
      <c r="UTG675" s="613"/>
      <c r="UTH675" s="613"/>
      <c r="UTI675" s="613"/>
      <c r="UTJ675" s="613"/>
      <c r="UTK675" s="613"/>
      <c r="UTL675" s="613"/>
      <c r="UTM675" s="613"/>
      <c r="UTN675" s="613"/>
      <c r="UTO675" s="613"/>
      <c r="UTP675" s="613"/>
      <c r="UTQ675" s="613"/>
      <c r="UTR675" s="613"/>
      <c r="UTS675" s="613"/>
      <c r="UTT675" s="613"/>
      <c r="UTU675" s="613"/>
      <c r="UTV675" s="613"/>
      <c r="UTW675" s="613"/>
      <c r="UTX675" s="613"/>
      <c r="UTY675" s="613"/>
      <c r="UTZ675" s="613"/>
      <c r="UUA675" s="613"/>
      <c r="UUB675" s="613"/>
      <c r="UUC675" s="613"/>
      <c r="UUD675" s="613"/>
      <c r="UUE675" s="613"/>
      <c r="UUF675" s="613"/>
      <c r="UUG675" s="613"/>
      <c r="UUH675" s="613"/>
      <c r="UUI675" s="613"/>
      <c r="UUJ675" s="613"/>
      <c r="UUK675" s="613"/>
      <c r="UUL675" s="613"/>
      <c r="UUM675" s="613"/>
      <c r="UUN675" s="613"/>
      <c r="UUO675" s="613"/>
      <c r="UUP675" s="613"/>
      <c r="UUQ675" s="613"/>
      <c r="UUR675" s="613"/>
      <c r="UUS675" s="613"/>
      <c r="UUT675" s="613"/>
      <c r="UUU675" s="613"/>
      <c r="UUV675" s="613"/>
      <c r="UUW675" s="613"/>
      <c r="UUX675" s="613"/>
      <c r="UUY675" s="613"/>
      <c r="UUZ675" s="613"/>
      <c r="UVA675" s="613"/>
      <c r="UVB675" s="613"/>
      <c r="UVC675" s="613"/>
      <c r="UVD675" s="613"/>
      <c r="UVE675" s="613"/>
      <c r="UVF675" s="613"/>
      <c r="UVG675" s="613"/>
      <c r="UVH675" s="613"/>
      <c r="UVI675" s="613"/>
      <c r="UVJ675" s="613"/>
      <c r="UVK675" s="613"/>
      <c r="UVL675" s="613"/>
      <c r="UVM675" s="613"/>
      <c r="UVN675" s="613"/>
      <c r="UVO675" s="613"/>
      <c r="UVP675" s="613"/>
      <c r="UVQ675" s="613"/>
      <c r="UVR675" s="613"/>
      <c r="UVS675" s="613"/>
      <c r="UVT675" s="613"/>
      <c r="UVU675" s="613"/>
      <c r="UVV675" s="613"/>
      <c r="UVW675" s="613"/>
      <c r="UVX675" s="613"/>
      <c r="UVY675" s="613"/>
      <c r="UVZ675" s="613"/>
      <c r="UWA675" s="613"/>
      <c r="UWB675" s="613"/>
      <c r="UWC675" s="613"/>
      <c r="UWD675" s="613"/>
      <c r="UWE675" s="613"/>
      <c r="UWF675" s="613"/>
      <c r="UWG675" s="613"/>
      <c r="UWH675" s="613"/>
      <c r="UWI675" s="613"/>
      <c r="UWJ675" s="613"/>
      <c r="UWK675" s="613"/>
      <c r="UWL675" s="613"/>
      <c r="UWM675" s="613"/>
      <c r="UWN675" s="613"/>
      <c r="UWO675" s="613"/>
      <c r="UWP675" s="613"/>
      <c r="UWQ675" s="613"/>
      <c r="UWR675" s="613"/>
      <c r="UWS675" s="613"/>
      <c r="UWT675" s="613"/>
      <c r="UWU675" s="613"/>
      <c r="UWV675" s="613"/>
      <c r="UWW675" s="613"/>
      <c r="UWX675" s="613"/>
      <c r="UWY675" s="613"/>
      <c r="UWZ675" s="613"/>
      <c r="UXA675" s="613"/>
      <c r="UXB675" s="613"/>
      <c r="UXC675" s="613"/>
      <c r="UXD675" s="613"/>
      <c r="UXE675" s="613"/>
      <c r="UXF675" s="613"/>
      <c r="UXG675" s="613"/>
      <c r="UXH675" s="613"/>
      <c r="UXI675" s="613"/>
      <c r="UXJ675" s="613"/>
      <c r="UXK675" s="613"/>
      <c r="UXL675" s="613"/>
      <c r="UXM675" s="613"/>
      <c r="UXN675" s="613"/>
      <c r="UXO675" s="613"/>
      <c r="UXP675" s="613"/>
      <c r="UXQ675" s="613"/>
      <c r="UXR675" s="613"/>
      <c r="UXS675" s="613"/>
      <c r="UXT675" s="613"/>
      <c r="UXU675" s="613"/>
      <c r="UXV675" s="613"/>
      <c r="UXW675" s="613"/>
      <c r="UXX675" s="613"/>
      <c r="UXY675" s="613"/>
      <c r="UXZ675" s="613"/>
      <c r="UYA675" s="613"/>
      <c r="UYB675" s="613"/>
      <c r="UYC675" s="613"/>
      <c r="UYD675" s="613"/>
      <c r="UYE675" s="613"/>
      <c r="UYF675" s="613"/>
      <c r="UYG675" s="613"/>
      <c r="UYH675" s="613"/>
      <c r="UYI675" s="613"/>
      <c r="UYJ675" s="613"/>
      <c r="UYK675" s="613"/>
      <c r="UYL675" s="613"/>
      <c r="UYM675" s="613"/>
      <c r="UYN675" s="613"/>
      <c r="UYO675" s="613"/>
      <c r="UYP675" s="613"/>
      <c r="UYQ675" s="613"/>
      <c r="UYR675" s="613"/>
      <c r="UYS675" s="613"/>
      <c r="UYT675" s="613"/>
      <c r="UYU675" s="613"/>
      <c r="UYV675" s="613"/>
      <c r="UYW675" s="613"/>
      <c r="UYX675" s="613"/>
      <c r="UYY675" s="613"/>
      <c r="UYZ675" s="613"/>
      <c r="UZA675" s="613"/>
      <c r="UZB675" s="613"/>
      <c r="UZC675" s="613"/>
      <c r="UZD675" s="613"/>
      <c r="UZE675" s="613"/>
      <c r="UZF675" s="613"/>
      <c r="UZG675" s="613"/>
      <c r="UZH675" s="613"/>
      <c r="UZI675" s="613"/>
      <c r="UZJ675" s="613"/>
      <c r="UZK675" s="613"/>
      <c r="UZL675" s="613"/>
      <c r="UZM675" s="613"/>
      <c r="UZN675" s="613"/>
      <c r="UZO675" s="613"/>
      <c r="UZP675" s="613"/>
      <c r="UZQ675" s="613"/>
      <c r="UZR675" s="613"/>
      <c r="UZS675" s="613"/>
      <c r="UZT675" s="613"/>
      <c r="UZU675" s="613"/>
      <c r="UZV675" s="613"/>
      <c r="UZW675" s="613"/>
      <c r="UZX675" s="613"/>
      <c r="UZY675" s="613"/>
      <c r="UZZ675" s="613"/>
      <c r="VAA675" s="613"/>
      <c r="VAB675" s="613"/>
      <c r="VAC675" s="613"/>
      <c r="VAD675" s="613"/>
      <c r="VAE675" s="613"/>
      <c r="VAF675" s="613"/>
      <c r="VAG675" s="613"/>
      <c r="VAH675" s="613"/>
      <c r="VAI675" s="613"/>
      <c r="VAJ675" s="613"/>
      <c r="VAK675" s="613"/>
      <c r="VAL675" s="613"/>
      <c r="VAM675" s="613"/>
      <c r="VAN675" s="613"/>
      <c r="VAO675" s="613"/>
      <c r="VAP675" s="613"/>
      <c r="VAQ675" s="613"/>
      <c r="VAR675" s="613"/>
      <c r="VAS675" s="613"/>
      <c r="VAT675" s="613"/>
      <c r="VAU675" s="613"/>
      <c r="VAV675" s="613"/>
      <c r="VAW675" s="613"/>
      <c r="VAX675" s="613"/>
      <c r="VAY675" s="613"/>
      <c r="VAZ675" s="613"/>
      <c r="VBA675" s="613"/>
      <c r="VBB675" s="613"/>
      <c r="VBC675" s="613"/>
      <c r="VBD675" s="613"/>
      <c r="VBE675" s="613"/>
      <c r="VBF675" s="613"/>
      <c r="VBG675" s="613"/>
      <c r="VBH675" s="613"/>
      <c r="VBI675" s="613"/>
      <c r="VBJ675" s="613"/>
      <c r="VBK675" s="613"/>
      <c r="VBL675" s="613"/>
      <c r="VBM675" s="613"/>
      <c r="VBN675" s="613"/>
      <c r="VBO675" s="613"/>
      <c r="VBP675" s="613"/>
      <c r="VBQ675" s="613"/>
      <c r="VBR675" s="613"/>
      <c r="VBS675" s="613"/>
      <c r="VBT675" s="613"/>
      <c r="VBU675" s="613"/>
      <c r="VBV675" s="613"/>
      <c r="VBW675" s="613"/>
      <c r="VBX675" s="613"/>
      <c r="VBY675" s="613"/>
      <c r="VBZ675" s="613"/>
      <c r="VCA675" s="613"/>
      <c r="VCB675" s="613"/>
      <c r="VCC675" s="613"/>
      <c r="VCD675" s="613"/>
      <c r="VCE675" s="613"/>
      <c r="VCF675" s="613"/>
      <c r="VCG675" s="613"/>
      <c r="VCH675" s="613"/>
      <c r="VCI675" s="613"/>
      <c r="VCJ675" s="613"/>
      <c r="VCK675" s="613"/>
      <c r="VCL675" s="613"/>
      <c r="VCM675" s="613"/>
      <c r="VCN675" s="613"/>
      <c r="VCO675" s="613"/>
      <c r="VCP675" s="613"/>
      <c r="VCQ675" s="613"/>
      <c r="VCR675" s="613"/>
      <c r="VCS675" s="613"/>
      <c r="VCT675" s="613"/>
      <c r="VCU675" s="613"/>
      <c r="VCV675" s="613"/>
      <c r="VCW675" s="613"/>
      <c r="VCX675" s="613"/>
      <c r="VCY675" s="613"/>
      <c r="VCZ675" s="613"/>
      <c r="VDA675" s="613"/>
      <c r="VDB675" s="613"/>
      <c r="VDC675" s="613"/>
      <c r="VDD675" s="613"/>
      <c r="VDE675" s="613"/>
      <c r="VDF675" s="613"/>
      <c r="VDG675" s="613"/>
      <c r="VDH675" s="613"/>
      <c r="VDI675" s="613"/>
      <c r="VDJ675" s="613"/>
      <c r="VDK675" s="613"/>
      <c r="VDL675" s="613"/>
      <c r="VDM675" s="613"/>
      <c r="VDN675" s="613"/>
      <c r="VDO675" s="613"/>
      <c r="VDP675" s="613"/>
      <c r="VDQ675" s="613"/>
      <c r="VDR675" s="613"/>
      <c r="VDS675" s="613"/>
      <c r="VDT675" s="613"/>
      <c r="VDU675" s="613"/>
      <c r="VDV675" s="613"/>
      <c r="VDW675" s="613"/>
      <c r="VDX675" s="613"/>
      <c r="VDY675" s="613"/>
      <c r="VDZ675" s="613"/>
      <c r="VEA675" s="613"/>
      <c r="VEB675" s="613"/>
      <c r="VEC675" s="613"/>
      <c r="VED675" s="613"/>
      <c r="VEE675" s="613"/>
      <c r="VEF675" s="613"/>
      <c r="VEG675" s="613"/>
      <c r="VEH675" s="613"/>
      <c r="VEI675" s="613"/>
      <c r="VEJ675" s="613"/>
      <c r="VEK675" s="613"/>
      <c r="VEL675" s="613"/>
      <c r="VEM675" s="613"/>
      <c r="VEN675" s="613"/>
      <c r="VEO675" s="613"/>
      <c r="VEP675" s="613"/>
      <c r="VEQ675" s="613"/>
      <c r="VER675" s="613"/>
      <c r="VES675" s="613"/>
      <c r="VET675" s="613"/>
      <c r="VEU675" s="613"/>
      <c r="VEV675" s="613"/>
      <c r="VEW675" s="613"/>
      <c r="VEX675" s="613"/>
      <c r="VEY675" s="613"/>
      <c r="VEZ675" s="613"/>
      <c r="VFA675" s="613"/>
      <c r="VFB675" s="613"/>
      <c r="VFC675" s="613"/>
      <c r="VFD675" s="613"/>
      <c r="VFE675" s="613"/>
      <c r="VFF675" s="613"/>
      <c r="VFG675" s="613"/>
      <c r="VFH675" s="613"/>
      <c r="VFI675" s="613"/>
      <c r="VFJ675" s="613"/>
      <c r="VFK675" s="613"/>
      <c r="VFL675" s="613"/>
      <c r="VFM675" s="613"/>
      <c r="VFN675" s="613"/>
      <c r="VFO675" s="613"/>
      <c r="VFP675" s="613"/>
      <c r="VFQ675" s="613"/>
      <c r="VFR675" s="613"/>
      <c r="VFS675" s="613"/>
      <c r="VFT675" s="613"/>
      <c r="VFU675" s="613"/>
      <c r="VFV675" s="613"/>
      <c r="VFW675" s="613"/>
      <c r="VFX675" s="613"/>
      <c r="VFY675" s="613"/>
      <c r="VFZ675" s="613"/>
      <c r="VGA675" s="613"/>
      <c r="VGB675" s="613"/>
      <c r="VGC675" s="613"/>
      <c r="VGD675" s="613"/>
      <c r="VGE675" s="613"/>
      <c r="VGF675" s="613"/>
      <c r="VGG675" s="613"/>
      <c r="VGH675" s="613"/>
      <c r="VGI675" s="613"/>
      <c r="VGJ675" s="613"/>
      <c r="VGK675" s="613"/>
      <c r="VGL675" s="613"/>
      <c r="VGM675" s="613"/>
      <c r="VGN675" s="613"/>
      <c r="VGO675" s="613"/>
      <c r="VGP675" s="613"/>
      <c r="VGQ675" s="613"/>
      <c r="VGR675" s="613"/>
      <c r="VGS675" s="613"/>
      <c r="VGT675" s="613"/>
      <c r="VGU675" s="613"/>
      <c r="VGV675" s="613"/>
      <c r="VGW675" s="613"/>
      <c r="VGX675" s="613"/>
      <c r="VGY675" s="613"/>
      <c r="VGZ675" s="613"/>
      <c r="VHA675" s="613"/>
      <c r="VHB675" s="613"/>
      <c r="VHC675" s="613"/>
      <c r="VHD675" s="613"/>
      <c r="VHE675" s="613"/>
      <c r="VHF675" s="613"/>
      <c r="VHG675" s="613"/>
      <c r="VHH675" s="613"/>
      <c r="VHI675" s="613"/>
      <c r="VHJ675" s="613"/>
      <c r="VHK675" s="613"/>
      <c r="VHL675" s="613"/>
      <c r="VHM675" s="613"/>
      <c r="VHN675" s="613"/>
      <c r="VHO675" s="613"/>
      <c r="VHP675" s="613"/>
      <c r="VHQ675" s="613"/>
      <c r="VHR675" s="613"/>
      <c r="VHS675" s="613"/>
      <c r="VHT675" s="613"/>
      <c r="VHU675" s="613"/>
      <c r="VHV675" s="613"/>
      <c r="VHW675" s="613"/>
      <c r="VHX675" s="613"/>
      <c r="VHY675" s="613"/>
      <c r="VHZ675" s="613"/>
      <c r="VIA675" s="613"/>
      <c r="VIB675" s="613"/>
      <c r="VIC675" s="613"/>
      <c r="VID675" s="613"/>
      <c r="VIE675" s="613"/>
      <c r="VIF675" s="613"/>
      <c r="VIG675" s="613"/>
      <c r="VIH675" s="613"/>
      <c r="VII675" s="613"/>
      <c r="VIJ675" s="613"/>
      <c r="VIK675" s="613"/>
      <c r="VIL675" s="613"/>
      <c r="VIM675" s="613"/>
      <c r="VIN675" s="613"/>
      <c r="VIO675" s="613"/>
      <c r="VIP675" s="613"/>
      <c r="VIQ675" s="613"/>
      <c r="VIR675" s="613"/>
      <c r="VIS675" s="613"/>
      <c r="VIT675" s="613"/>
      <c r="VIU675" s="613"/>
      <c r="VIV675" s="613"/>
      <c r="VIW675" s="613"/>
      <c r="VIX675" s="613"/>
      <c r="VIY675" s="613"/>
      <c r="VIZ675" s="613"/>
      <c r="VJA675" s="613"/>
      <c r="VJB675" s="613"/>
      <c r="VJC675" s="613"/>
      <c r="VJD675" s="613"/>
      <c r="VJE675" s="613"/>
      <c r="VJF675" s="613"/>
      <c r="VJG675" s="613"/>
      <c r="VJH675" s="613"/>
      <c r="VJI675" s="613"/>
      <c r="VJJ675" s="613"/>
      <c r="VJK675" s="613"/>
      <c r="VJL675" s="613"/>
      <c r="VJM675" s="613"/>
      <c r="VJN675" s="613"/>
      <c r="VJO675" s="613"/>
      <c r="VJP675" s="613"/>
      <c r="VJQ675" s="613"/>
      <c r="VJR675" s="613"/>
      <c r="VJS675" s="613"/>
      <c r="VJT675" s="613"/>
      <c r="VJU675" s="613"/>
      <c r="VJV675" s="613"/>
      <c r="VJW675" s="613"/>
      <c r="VJX675" s="613"/>
      <c r="VJY675" s="613"/>
      <c r="VJZ675" s="613"/>
      <c r="VKA675" s="613"/>
      <c r="VKB675" s="613"/>
      <c r="VKC675" s="613"/>
      <c r="VKD675" s="613"/>
      <c r="VKE675" s="613"/>
      <c r="VKF675" s="613"/>
      <c r="VKG675" s="613"/>
      <c r="VKH675" s="613"/>
      <c r="VKI675" s="613"/>
      <c r="VKJ675" s="613"/>
      <c r="VKK675" s="613"/>
      <c r="VKL675" s="613"/>
      <c r="VKM675" s="613"/>
      <c r="VKN675" s="613"/>
      <c r="VKO675" s="613"/>
      <c r="VKP675" s="613"/>
      <c r="VKQ675" s="613"/>
      <c r="VKR675" s="613"/>
      <c r="VKS675" s="613"/>
      <c r="VKT675" s="613"/>
      <c r="VKU675" s="613"/>
      <c r="VKV675" s="613"/>
      <c r="VKW675" s="613"/>
      <c r="VKX675" s="613"/>
      <c r="VKY675" s="613"/>
      <c r="VKZ675" s="613"/>
      <c r="VLA675" s="613"/>
      <c r="VLB675" s="613"/>
      <c r="VLC675" s="613"/>
      <c r="VLD675" s="613"/>
      <c r="VLE675" s="613"/>
      <c r="VLF675" s="613"/>
      <c r="VLG675" s="613"/>
      <c r="VLH675" s="613"/>
      <c r="VLI675" s="613"/>
      <c r="VLJ675" s="613"/>
      <c r="VLK675" s="613"/>
      <c r="VLL675" s="613"/>
      <c r="VLM675" s="613"/>
      <c r="VLN675" s="613"/>
      <c r="VLO675" s="613"/>
      <c r="VLP675" s="613"/>
      <c r="VLQ675" s="613"/>
      <c r="VLR675" s="613"/>
      <c r="VLS675" s="613"/>
      <c r="VLT675" s="613"/>
      <c r="VLU675" s="613"/>
      <c r="VLV675" s="613"/>
      <c r="VLW675" s="613"/>
      <c r="VLX675" s="613"/>
      <c r="VLY675" s="613"/>
      <c r="VLZ675" s="613"/>
      <c r="VMA675" s="613"/>
      <c r="VMB675" s="613"/>
      <c r="VMC675" s="613"/>
      <c r="VMD675" s="613"/>
      <c r="VME675" s="613"/>
      <c r="VMF675" s="613"/>
      <c r="VMG675" s="613"/>
      <c r="VMH675" s="613"/>
      <c r="VMI675" s="613"/>
      <c r="VMJ675" s="613"/>
      <c r="VMK675" s="613"/>
      <c r="VML675" s="613"/>
      <c r="VMM675" s="613"/>
      <c r="VMN675" s="613"/>
      <c r="VMO675" s="613"/>
      <c r="VMP675" s="613"/>
      <c r="VMQ675" s="613"/>
      <c r="VMR675" s="613"/>
      <c r="VMS675" s="613"/>
      <c r="VMT675" s="613"/>
      <c r="VMU675" s="613"/>
      <c r="VMV675" s="613"/>
      <c r="VMW675" s="613"/>
      <c r="VMX675" s="613"/>
      <c r="VMY675" s="613"/>
      <c r="VMZ675" s="613"/>
      <c r="VNA675" s="613"/>
      <c r="VNB675" s="613"/>
      <c r="VNC675" s="613"/>
      <c r="VND675" s="613"/>
      <c r="VNE675" s="613"/>
      <c r="VNF675" s="613"/>
      <c r="VNG675" s="613"/>
      <c r="VNH675" s="613"/>
      <c r="VNI675" s="613"/>
      <c r="VNJ675" s="613"/>
      <c r="VNK675" s="613"/>
      <c r="VNL675" s="613"/>
      <c r="VNM675" s="613"/>
      <c r="VNN675" s="613"/>
      <c r="VNO675" s="613"/>
      <c r="VNP675" s="613"/>
      <c r="VNQ675" s="613"/>
      <c r="VNR675" s="613"/>
      <c r="VNS675" s="613"/>
      <c r="VNT675" s="613"/>
      <c r="VNU675" s="613"/>
      <c r="VNV675" s="613"/>
      <c r="VNW675" s="613"/>
      <c r="VNX675" s="613"/>
      <c r="VNY675" s="613"/>
      <c r="VNZ675" s="613"/>
      <c r="VOA675" s="613"/>
      <c r="VOB675" s="613"/>
      <c r="VOC675" s="613"/>
      <c r="VOD675" s="613"/>
      <c r="VOE675" s="613"/>
      <c r="VOF675" s="613"/>
      <c r="VOG675" s="613"/>
      <c r="VOH675" s="613"/>
      <c r="VOI675" s="613"/>
      <c r="VOJ675" s="613"/>
      <c r="VOK675" s="613"/>
      <c r="VOL675" s="613"/>
      <c r="VOM675" s="613"/>
      <c r="VON675" s="613"/>
      <c r="VOO675" s="613"/>
      <c r="VOP675" s="613"/>
      <c r="VOQ675" s="613"/>
      <c r="VOR675" s="613"/>
      <c r="VOS675" s="613"/>
      <c r="VOT675" s="613"/>
      <c r="VOU675" s="613"/>
      <c r="VOV675" s="613"/>
      <c r="VOW675" s="613"/>
      <c r="VOX675" s="613"/>
      <c r="VOY675" s="613"/>
      <c r="VOZ675" s="613"/>
      <c r="VPA675" s="613"/>
      <c r="VPB675" s="613"/>
      <c r="VPC675" s="613"/>
      <c r="VPD675" s="613"/>
      <c r="VPE675" s="613"/>
      <c r="VPF675" s="613"/>
      <c r="VPG675" s="613"/>
      <c r="VPH675" s="613"/>
      <c r="VPI675" s="613"/>
      <c r="VPJ675" s="613"/>
      <c r="VPK675" s="613"/>
      <c r="VPL675" s="613"/>
      <c r="VPM675" s="613"/>
      <c r="VPN675" s="613"/>
      <c r="VPO675" s="613"/>
      <c r="VPP675" s="613"/>
      <c r="VPQ675" s="613"/>
      <c r="VPR675" s="613"/>
      <c r="VPS675" s="613"/>
      <c r="VPT675" s="613"/>
      <c r="VPU675" s="613"/>
      <c r="VPV675" s="613"/>
      <c r="VPW675" s="613"/>
      <c r="VPX675" s="613"/>
      <c r="VPY675" s="613"/>
      <c r="VPZ675" s="613"/>
      <c r="VQA675" s="613"/>
      <c r="VQB675" s="613"/>
      <c r="VQC675" s="613"/>
      <c r="VQD675" s="613"/>
      <c r="VQE675" s="613"/>
      <c r="VQF675" s="613"/>
      <c r="VQG675" s="613"/>
      <c r="VQH675" s="613"/>
      <c r="VQI675" s="613"/>
      <c r="VQJ675" s="613"/>
      <c r="VQK675" s="613"/>
      <c r="VQL675" s="613"/>
      <c r="VQM675" s="613"/>
      <c r="VQN675" s="613"/>
      <c r="VQO675" s="613"/>
      <c r="VQP675" s="613"/>
      <c r="VQQ675" s="613"/>
      <c r="VQR675" s="613"/>
      <c r="VQS675" s="613"/>
      <c r="VQT675" s="613"/>
      <c r="VQU675" s="613"/>
      <c r="VQV675" s="613"/>
      <c r="VQW675" s="613"/>
      <c r="VQX675" s="613"/>
      <c r="VQY675" s="613"/>
      <c r="VQZ675" s="613"/>
      <c r="VRA675" s="613"/>
      <c r="VRB675" s="613"/>
      <c r="VRC675" s="613"/>
      <c r="VRD675" s="613"/>
      <c r="VRE675" s="613"/>
      <c r="VRF675" s="613"/>
      <c r="VRG675" s="613"/>
      <c r="VRH675" s="613"/>
      <c r="VRI675" s="613"/>
      <c r="VRJ675" s="613"/>
      <c r="VRK675" s="613"/>
      <c r="VRL675" s="613"/>
      <c r="VRM675" s="613"/>
      <c r="VRN675" s="613"/>
      <c r="VRO675" s="613"/>
      <c r="VRP675" s="613"/>
      <c r="VRQ675" s="613"/>
      <c r="VRR675" s="613"/>
      <c r="VRS675" s="613"/>
      <c r="VRT675" s="613"/>
      <c r="VRU675" s="613"/>
      <c r="VRV675" s="613"/>
      <c r="VRW675" s="613"/>
      <c r="VRX675" s="613"/>
      <c r="VRY675" s="613"/>
      <c r="VRZ675" s="613"/>
      <c r="VSA675" s="613"/>
      <c r="VSB675" s="613"/>
      <c r="VSC675" s="613"/>
      <c r="VSD675" s="613"/>
      <c r="VSE675" s="613"/>
      <c r="VSF675" s="613"/>
      <c r="VSG675" s="613"/>
      <c r="VSH675" s="613"/>
      <c r="VSI675" s="613"/>
      <c r="VSJ675" s="613"/>
      <c r="VSK675" s="613"/>
      <c r="VSL675" s="613"/>
      <c r="VSM675" s="613"/>
      <c r="VSN675" s="613"/>
      <c r="VSO675" s="613"/>
      <c r="VSP675" s="613"/>
      <c r="VSQ675" s="613"/>
      <c r="VSR675" s="613"/>
      <c r="VSS675" s="613"/>
      <c r="VST675" s="613"/>
      <c r="VSU675" s="613"/>
      <c r="VSV675" s="613"/>
      <c r="VSW675" s="613"/>
      <c r="VSX675" s="613"/>
      <c r="VSY675" s="613"/>
      <c r="VSZ675" s="613"/>
      <c r="VTA675" s="613"/>
      <c r="VTB675" s="613"/>
      <c r="VTC675" s="613"/>
      <c r="VTD675" s="613"/>
      <c r="VTE675" s="613"/>
      <c r="VTF675" s="613"/>
      <c r="VTG675" s="613"/>
      <c r="VTH675" s="613"/>
      <c r="VTI675" s="613"/>
      <c r="VTJ675" s="613"/>
      <c r="VTK675" s="613"/>
      <c r="VTL675" s="613"/>
      <c r="VTM675" s="613"/>
      <c r="VTN675" s="613"/>
      <c r="VTO675" s="613"/>
      <c r="VTP675" s="613"/>
      <c r="VTQ675" s="613"/>
      <c r="VTR675" s="613"/>
      <c r="VTS675" s="613"/>
      <c r="VTT675" s="613"/>
      <c r="VTU675" s="613"/>
      <c r="VTV675" s="613"/>
      <c r="VTW675" s="613"/>
      <c r="VTX675" s="613"/>
      <c r="VTY675" s="613"/>
      <c r="VTZ675" s="613"/>
      <c r="VUA675" s="613"/>
      <c r="VUB675" s="613"/>
      <c r="VUC675" s="613"/>
      <c r="VUD675" s="613"/>
      <c r="VUE675" s="613"/>
      <c r="VUF675" s="613"/>
      <c r="VUG675" s="613"/>
      <c r="VUH675" s="613"/>
      <c r="VUI675" s="613"/>
      <c r="VUJ675" s="613"/>
      <c r="VUK675" s="613"/>
      <c r="VUL675" s="613"/>
      <c r="VUM675" s="613"/>
      <c r="VUN675" s="613"/>
      <c r="VUO675" s="613"/>
      <c r="VUP675" s="613"/>
      <c r="VUQ675" s="613"/>
      <c r="VUR675" s="613"/>
      <c r="VUS675" s="613"/>
      <c r="VUT675" s="613"/>
      <c r="VUU675" s="613"/>
      <c r="VUV675" s="613"/>
      <c r="VUW675" s="613"/>
      <c r="VUX675" s="613"/>
      <c r="VUY675" s="613"/>
      <c r="VUZ675" s="613"/>
      <c r="VVA675" s="613"/>
      <c r="VVB675" s="613"/>
      <c r="VVC675" s="613"/>
      <c r="VVD675" s="613"/>
      <c r="VVE675" s="613"/>
      <c r="VVF675" s="613"/>
      <c r="VVG675" s="613"/>
      <c r="VVH675" s="613"/>
      <c r="VVI675" s="613"/>
      <c r="VVJ675" s="613"/>
      <c r="VVK675" s="613"/>
      <c r="VVL675" s="613"/>
      <c r="VVM675" s="613"/>
      <c r="VVN675" s="613"/>
      <c r="VVO675" s="613"/>
      <c r="VVP675" s="613"/>
      <c r="VVQ675" s="613"/>
      <c r="VVR675" s="613"/>
      <c r="VVS675" s="613"/>
      <c r="VVT675" s="613"/>
      <c r="VVU675" s="613"/>
      <c r="VVV675" s="613"/>
      <c r="VVW675" s="613"/>
      <c r="VVX675" s="613"/>
      <c r="VVY675" s="613"/>
      <c r="VVZ675" s="613"/>
      <c r="VWA675" s="613"/>
      <c r="VWB675" s="613"/>
      <c r="VWC675" s="613"/>
      <c r="VWD675" s="613"/>
      <c r="VWE675" s="613"/>
      <c r="VWF675" s="613"/>
      <c r="VWG675" s="613"/>
      <c r="VWH675" s="613"/>
      <c r="VWI675" s="613"/>
      <c r="VWJ675" s="613"/>
      <c r="VWK675" s="613"/>
      <c r="VWL675" s="613"/>
      <c r="VWM675" s="613"/>
      <c r="VWN675" s="613"/>
      <c r="VWO675" s="613"/>
      <c r="VWP675" s="613"/>
      <c r="VWQ675" s="613"/>
      <c r="VWR675" s="613"/>
      <c r="VWS675" s="613"/>
      <c r="VWT675" s="613"/>
      <c r="VWU675" s="613"/>
      <c r="VWV675" s="613"/>
      <c r="VWW675" s="613"/>
      <c r="VWX675" s="613"/>
      <c r="VWY675" s="613"/>
      <c r="VWZ675" s="613"/>
      <c r="VXA675" s="613"/>
      <c r="VXB675" s="613"/>
      <c r="VXC675" s="613"/>
      <c r="VXD675" s="613"/>
      <c r="VXE675" s="613"/>
      <c r="VXF675" s="613"/>
      <c r="VXG675" s="613"/>
      <c r="VXH675" s="613"/>
      <c r="VXI675" s="613"/>
      <c r="VXJ675" s="613"/>
      <c r="VXK675" s="613"/>
      <c r="VXL675" s="613"/>
      <c r="VXM675" s="613"/>
      <c r="VXN675" s="613"/>
      <c r="VXO675" s="613"/>
      <c r="VXP675" s="613"/>
      <c r="VXQ675" s="613"/>
      <c r="VXR675" s="613"/>
      <c r="VXS675" s="613"/>
      <c r="VXT675" s="613"/>
      <c r="VXU675" s="613"/>
      <c r="VXV675" s="613"/>
      <c r="VXW675" s="613"/>
      <c r="VXX675" s="613"/>
      <c r="VXY675" s="613"/>
      <c r="VXZ675" s="613"/>
      <c r="VYA675" s="613"/>
      <c r="VYB675" s="613"/>
      <c r="VYC675" s="613"/>
      <c r="VYD675" s="613"/>
      <c r="VYE675" s="613"/>
      <c r="VYF675" s="613"/>
      <c r="VYG675" s="613"/>
      <c r="VYH675" s="613"/>
      <c r="VYI675" s="613"/>
      <c r="VYJ675" s="613"/>
      <c r="VYK675" s="613"/>
      <c r="VYL675" s="613"/>
      <c r="VYM675" s="613"/>
      <c r="VYN675" s="613"/>
      <c r="VYO675" s="613"/>
      <c r="VYP675" s="613"/>
      <c r="VYQ675" s="613"/>
      <c r="VYR675" s="613"/>
      <c r="VYS675" s="613"/>
      <c r="VYT675" s="613"/>
      <c r="VYU675" s="613"/>
      <c r="VYV675" s="613"/>
      <c r="VYW675" s="613"/>
      <c r="VYX675" s="613"/>
      <c r="VYY675" s="613"/>
      <c r="VYZ675" s="613"/>
      <c r="VZA675" s="613"/>
      <c r="VZB675" s="613"/>
      <c r="VZC675" s="613"/>
      <c r="VZD675" s="613"/>
      <c r="VZE675" s="613"/>
      <c r="VZF675" s="613"/>
      <c r="VZG675" s="613"/>
      <c r="VZH675" s="613"/>
      <c r="VZI675" s="613"/>
      <c r="VZJ675" s="613"/>
      <c r="VZK675" s="613"/>
      <c r="VZL675" s="613"/>
      <c r="VZM675" s="613"/>
      <c r="VZN675" s="613"/>
      <c r="VZO675" s="613"/>
      <c r="VZP675" s="613"/>
      <c r="VZQ675" s="613"/>
      <c r="VZR675" s="613"/>
      <c r="VZS675" s="613"/>
      <c r="VZT675" s="613"/>
      <c r="VZU675" s="613"/>
      <c r="VZV675" s="613"/>
      <c r="VZW675" s="613"/>
      <c r="VZX675" s="613"/>
      <c r="VZY675" s="613"/>
      <c r="VZZ675" s="613"/>
      <c r="WAA675" s="613"/>
      <c r="WAB675" s="613"/>
      <c r="WAC675" s="613"/>
      <c r="WAD675" s="613"/>
      <c r="WAE675" s="613"/>
      <c r="WAF675" s="613"/>
      <c r="WAG675" s="613"/>
      <c r="WAH675" s="613"/>
      <c r="WAI675" s="613"/>
      <c r="WAJ675" s="613"/>
      <c r="WAK675" s="613"/>
      <c r="WAL675" s="613"/>
      <c r="WAM675" s="613"/>
      <c r="WAN675" s="613"/>
      <c r="WAO675" s="613"/>
      <c r="WAP675" s="613"/>
      <c r="WAQ675" s="613"/>
      <c r="WAR675" s="613"/>
      <c r="WAS675" s="613"/>
      <c r="WAT675" s="613"/>
      <c r="WAU675" s="613"/>
      <c r="WAV675" s="613"/>
      <c r="WAW675" s="613"/>
      <c r="WAX675" s="613"/>
      <c r="WAY675" s="613"/>
      <c r="WAZ675" s="613"/>
      <c r="WBA675" s="613"/>
      <c r="WBB675" s="613"/>
      <c r="WBC675" s="613"/>
      <c r="WBD675" s="613"/>
      <c r="WBE675" s="613"/>
      <c r="WBF675" s="613"/>
      <c r="WBG675" s="613"/>
      <c r="WBH675" s="613"/>
      <c r="WBI675" s="613"/>
      <c r="WBJ675" s="613"/>
      <c r="WBK675" s="613"/>
      <c r="WBL675" s="613"/>
      <c r="WBM675" s="613"/>
      <c r="WBN675" s="613"/>
      <c r="WBO675" s="613"/>
      <c r="WBP675" s="613"/>
      <c r="WBQ675" s="613"/>
      <c r="WBR675" s="613"/>
      <c r="WBS675" s="613"/>
      <c r="WBT675" s="613"/>
      <c r="WBU675" s="613"/>
      <c r="WBV675" s="613"/>
      <c r="WBW675" s="613"/>
      <c r="WBX675" s="613"/>
      <c r="WBY675" s="613"/>
      <c r="WBZ675" s="613"/>
      <c r="WCA675" s="613"/>
      <c r="WCB675" s="613"/>
      <c r="WCC675" s="613"/>
      <c r="WCD675" s="613"/>
      <c r="WCE675" s="613"/>
      <c r="WCF675" s="613"/>
      <c r="WCG675" s="613"/>
      <c r="WCH675" s="613"/>
      <c r="WCI675" s="613"/>
      <c r="WCJ675" s="613"/>
      <c r="WCK675" s="613"/>
      <c r="WCL675" s="613"/>
      <c r="WCM675" s="613"/>
      <c r="WCN675" s="613"/>
      <c r="WCO675" s="613"/>
      <c r="WCP675" s="613"/>
      <c r="WCQ675" s="613"/>
      <c r="WCR675" s="613"/>
      <c r="WCS675" s="613"/>
      <c r="WCT675" s="613"/>
      <c r="WCU675" s="613"/>
      <c r="WCV675" s="613"/>
      <c r="WCW675" s="613"/>
      <c r="WCX675" s="613"/>
      <c r="WCY675" s="613"/>
      <c r="WCZ675" s="613"/>
      <c r="WDA675" s="613"/>
      <c r="WDB675" s="613"/>
      <c r="WDC675" s="613"/>
      <c r="WDD675" s="613"/>
      <c r="WDE675" s="613"/>
      <c r="WDF675" s="613"/>
      <c r="WDG675" s="613"/>
      <c r="WDH675" s="613"/>
      <c r="WDI675" s="613"/>
      <c r="WDJ675" s="613"/>
      <c r="WDK675" s="613"/>
      <c r="WDL675" s="613"/>
      <c r="WDM675" s="613"/>
      <c r="WDN675" s="613"/>
      <c r="WDO675" s="613"/>
      <c r="WDP675" s="613"/>
      <c r="WDQ675" s="613"/>
      <c r="WDR675" s="613"/>
      <c r="WDS675" s="613"/>
      <c r="WDT675" s="613"/>
      <c r="WDU675" s="613"/>
      <c r="WDV675" s="613"/>
      <c r="WDW675" s="613"/>
      <c r="WDX675" s="613"/>
      <c r="WDY675" s="613"/>
      <c r="WDZ675" s="613"/>
      <c r="WEA675" s="613"/>
      <c r="WEB675" s="613"/>
      <c r="WEC675" s="613"/>
      <c r="WED675" s="613"/>
      <c r="WEE675" s="613"/>
      <c r="WEF675" s="613"/>
      <c r="WEG675" s="613"/>
      <c r="WEH675" s="613"/>
      <c r="WEI675" s="613"/>
      <c r="WEJ675" s="613"/>
      <c r="WEK675" s="613"/>
      <c r="WEL675" s="613"/>
      <c r="WEM675" s="613"/>
      <c r="WEN675" s="613"/>
      <c r="WEO675" s="613"/>
      <c r="WEP675" s="613"/>
      <c r="WEQ675" s="613"/>
      <c r="WER675" s="613"/>
      <c r="WES675" s="613"/>
      <c r="WET675" s="613"/>
      <c r="WEU675" s="613"/>
      <c r="WEV675" s="613"/>
      <c r="WEW675" s="613"/>
      <c r="WEX675" s="613"/>
      <c r="WEY675" s="613"/>
      <c r="WEZ675" s="613"/>
      <c r="WFA675" s="613"/>
      <c r="WFB675" s="613"/>
      <c r="WFC675" s="613"/>
      <c r="WFD675" s="613"/>
      <c r="WFE675" s="613"/>
      <c r="WFF675" s="613"/>
      <c r="WFG675" s="613"/>
      <c r="WFH675" s="613"/>
      <c r="WFI675" s="613"/>
      <c r="WFJ675" s="613"/>
      <c r="WFK675" s="613"/>
      <c r="WFL675" s="613"/>
      <c r="WFM675" s="613"/>
      <c r="WFN675" s="613"/>
      <c r="WFO675" s="613"/>
      <c r="WFP675" s="613"/>
      <c r="WFQ675" s="613"/>
      <c r="WFR675" s="613"/>
      <c r="WFS675" s="613"/>
      <c r="WFT675" s="613"/>
      <c r="WFU675" s="613"/>
      <c r="WFV675" s="613"/>
      <c r="WFW675" s="613"/>
      <c r="WFX675" s="613"/>
      <c r="WFY675" s="613"/>
      <c r="WFZ675" s="613"/>
      <c r="WGA675" s="613"/>
      <c r="WGB675" s="613"/>
      <c r="WGC675" s="613"/>
      <c r="WGD675" s="613"/>
      <c r="WGE675" s="613"/>
      <c r="WGF675" s="613"/>
      <c r="WGG675" s="613"/>
      <c r="WGH675" s="613"/>
      <c r="WGI675" s="613"/>
      <c r="WGJ675" s="613"/>
      <c r="WGK675" s="613"/>
      <c r="WGL675" s="613"/>
      <c r="WGM675" s="613"/>
      <c r="WGN675" s="613"/>
      <c r="WGO675" s="613"/>
      <c r="WGP675" s="613"/>
      <c r="WGQ675" s="613"/>
      <c r="WGR675" s="613"/>
      <c r="WGS675" s="613"/>
      <c r="WGT675" s="613"/>
      <c r="WGU675" s="613"/>
      <c r="WGV675" s="613"/>
      <c r="WGW675" s="613"/>
      <c r="WGX675" s="613"/>
      <c r="WGY675" s="613"/>
      <c r="WGZ675" s="613"/>
      <c r="WHA675" s="613"/>
      <c r="WHB675" s="613"/>
      <c r="WHC675" s="613"/>
      <c r="WHD675" s="613"/>
      <c r="WHE675" s="613"/>
      <c r="WHF675" s="613"/>
      <c r="WHG675" s="613"/>
      <c r="WHH675" s="613"/>
      <c r="WHI675" s="613"/>
      <c r="WHJ675" s="613"/>
      <c r="WHK675" s="613"/>
      <c r="WHL675" s="613"/>
      <c r="WHM675" s="613"/>
      <c r="WHN675" s="613"/>
      <c r="WHO675" s="613"/>
      <c r="WHP675" s="613"/>
      <c r="WHQ675" s="613"/>
      <c r="WHR675" s="613"/>
      <c r="WHS675" s="613"/>
      <c r="WHT675" s="613"/>
      <c r="WHU675" s="613"/>
      <c r="WHV675" s="613"/>
      <c r="WHW675" s="613"/>
      <c r="WHX675" s="613"/>
      <c r="WHY675" s="613"/>
      <c r="WHZ675" s="613"/>
      <c r="WIA675" s="613"/>
      <c r="WIB675" s="613"/>
      <c r="WIC675" s="613"/>
      <c r="WID675" s="613"/>
      <c r="WIE675" s="613"/>
      <c r="WIF675" s="613"/>
      <c r="WIG675" s="613"/>
      <c r="WIH675" s="613"/>
      <c r="WII675" s="613"/>
      <c r="WIJ675" s="613"/>
      <c r="WIK675" s="613"/>
      <c r="WIL675" s="613"/>
      <c r="WIM675" s="613"/>
      <c r="WIN675" s="613"/>
      <c r="WIO675" s="613"/>
      <c r="WIP675" s="613"/>
      <c r="WIQ675" s="613"/>
      <c r="WIR675" s="613"/>
      <c r="WIS675" s="613"/>
      <c r="WIT675" s="613"/>
      <c r="WIU675" s="613"/>
      <c r="WIV675" s="613"/>
      <c r="WIW675" s="613"/>
      <c r="WIX675" s="613"/>
      <c r="WIY675" s="613"/>
      <c r="WIZ675" s="613"/>
      <c r="WJA675" s="613"/>
      <c r="WJB675" s="613"/>
      <c r="WJC675" s="613"/>
      <c r="WJD675" s="613"/>
      <c r="WJE675" s="613"/>
      <c r="WJF675" s="613"/>
      <c r="WJG675" s="613"/>
      <c r="WJH675" s="613"/>
      <c r="WJI675" s="613"/>
      <c r="WJJ675" s="613"/>
      <c r="WJK675" s="613"/>
      <c r="WJL675" s="613"/>
      <c r="WJM675" s="613"/>
      <c r="WJN675" s="613"/>
      <c r="WJO675" s="613"/>
      <c r="WJP675" s="613"/>
      <c r="WJQ675" s="613"/>
      <c r="WJR675" s="613"/>
      <c r="WJS675" s="613"/>
      <c r="WJT675" s="613"/>
      <c r="WJU675" s="613"/>
      <c r="WJV675" s="613"/>
      <c r="WJW675" s="613"/>
      <c r="WJX675" s="613"/>
      <c r="WJY675" s="613"/>
      <c r="WJZ675" s="613"/>
      <c r="WKA675" s="613"/>
      <c r="WKB675" s="613"/>
      <c r="WKC675" s="613"/>
      <c r="WKD675" s="613"/>
      <c r="WKE675" s="613"/>
      <c r="WKF675" s="613"/>
      <c r="WKG675" s="613"/>
      <c r="WKH675" s="613"/>
      <c r="WKI675" s="613"/>
      <c r="WKJ675" s="613"/>
      <c r="WKK675" s="613"/>
      <c r="WKL675" s="613"/>
      <c r="WKM675" s="613"/>
      <c r="WKN675" s="613"/>
      <c r="WKO675" s="613"/>
      <c r="WKP675" s="613"/>
      <c r="WKQ675" s="613"/>
      <c r="WKR675" s="613"/>
      <c r="WKS675" s="613"/>
      <c r="WKT675" s="613"/>
      <c r="WKU675" s="613"/>
      <c r="WKV675" s="613"/>
      <c r="WKW675" s="613"/>
      <c r="WKX675" s="613"/>
      <c r="WKY675" s="613"/>
      <c r="WKZ675" s="613"/>
      <c r="WLA675" s="613"/>
      <c r="WLB675" s="613"/>
      <c r="WLC675" s="613"/>
      <c r="WLD675" s="613"/>
      <c r="WLE675" s="613"/>
      <c r="WLF675" s="613"/>
      <c r="WLG675" s="613"/>
      <c r="WLH675" s="613"/>
      <c r="WLI675" s="613"/>
      <c r="WLJ675" s="613"/>
      <c r="WLK675" s="613"/>
      <c r="WLL675" s="613"/>
      <c r="WLM675" s="613"/>
      <c r="WLN675" s="613"/>
      <c r="WLO675" s="613"/>
      <c r="WLP675" s="613"/>
      <c r="WLQ675" s="613"/>
      <c r="WLR675" s="613"/>
      <c r="WLS675" s="613"/>
      <c r="WLT675" s="613"/>
      <c r="WLU675" s="613"/>
      <c r="WLV675" s="613"/>
      <c r="WLW675" s="613"/>
      <c r="WLX675" s="613"/>
      <c r="WLY675" s="613"/>
      <c r="WLZ675" s="613"/>
      <c r="WMA675" s="613"/>
      <c r="WMB675" s="613"/>
      <c r="WMC675" s="613"/>
      <c r="WMD675" s="613"/>
      <c r="WME675" s="613"/>
      <c r="WMF675" s="613"/>
      <c r="WMG675" s="613"/>
      <c r="WMH675" s="613"/>
      <c r="WMI675" s="613"/>
      <c r="WMJ675" s="613"/>
      <c r="WMK675" s="613"/>
      <c r="WML675" s="613"/>
      <c r="WMM675" s="613"/>
      <c r="WMN675" s="613"/>
      <c r="WMO675" s="613"/>
      <c r="WMP675" s="613"/>
      <c r="WMQ675" s="613"/>
      <c r="WMR675" s="613"/>
      <c r="WMS675" s="613"/>
      <c r="WMT675" s="613"/>
      <c r="WMU675" s="613"/>
      <c r="WMV675" s="613"/>
      <c r="WMW675" s="613"/>
      <c r="WMX675" s="613"/>
      <c r="WMY675" s="613"/>
      <c r="WMZ675" s="613"/>
      <c r="WNA675" s="613"/>
      <c r="WNB675" s="613"/>
      <c r="WNC675" s="613"/>
      <c r="WND675" s="613"/>
      <c r="WNE675" s="613"/>
      <c r="WNF675" s="613"/>
      <c r="WNG675" s="613"/>
      <c r="WNH675" s="613"/>
      <c r="WNI675" s="613"/>
      <c r="WNJ675" s="613"/>
      <c r="WNK675" s="613"/>
      <c r="WNL675" s="613"/>
      <c r="WNM675" s="613"/>
      <c r="WNN675" s="613"/>
      <c r="WNO675" s="613"/>
      <c r="WNP675" s="613"/>
      <c r="WNQ675" s="613"/>
      <c r="WNR675" s="613"/>
      <c r="WNS675" s="613"/>
      <c r="WNT675" s="613"/>
      <c r="WNU675" s="613"/>
      <c r="WNV675" s="613"/>
      <c r="WNW675" s="613"/>
      <c r="WNX675" s="613"/>
      <c r="WNY675" s="613"/>
      <c r="WNZ675" s="613"/>
      <c r="WOA675" s="613"/>
      <c r="WOB675" s="613"/>
      <c r="WOC675" s="613"/>
      <c r="WOD675" s="613"/>
      <c r="WOE675" s="613"/>
      <c r="WOF675" s="613"/>
      <c r="WOG675" s="613"/>
      <c r="WOH675" s="613"/>
      <c r="WOI675" s="613"/>
      <c r="WOJ675" s="613"/>
      <c r="WOK675" s="613"/>
      <c r="WOL675" s="613"/>
      <c r="WOM675" s="613"/>
      <c r="WON675" s="613"/>
      <c r="WOO675" s="613"/>
      <c r="WOP675" s="613"/>
      <c r="WOQ675" s="613"/>
      <c r="WOR675" s="613"/>
      <c r="WOS675" s="613"/>
      <c r="WOT675" s="613"/>
      <c r="WOU675" s="613"/>
      <c r="WOV675" s="613"/>
      <c r="WOW675" s="613"/>
      <c r="WOX675" s="613"/>
      <c r="WOY675" s="613"/>
      <c r="WOZ675" s="613"/>
      <c r="WPA675" s="613"/>
      <c r="WPB675" s="613"/>
      <c r="WPC675" s="613"/>
      <c r="WPD675" s="613"/>
      <c r="WPE675" s="613"/>
      <c r="WPF675" s="613"/>
      <c r="WPG675" s="613"/>
      <c r="WPH675" s="613"/>
      <c r="WPI675" s="613"/>
      <c r="WPJ675" s="613"/>
      <c r="WPK675" s="613"/>
      <c r="WPL675" s="613"/>
      <c r="WPM675" s="613"/>
      <c r="WPN675" s="613"/>
      <c r="WPO675" s="613"/>
      <c r="WPP675" s="613"/>
      <c r="WPQ675" s="613"/>
      <c r="WPR675" s="613"/>
      <c r="WPS675" s="613"/>
      <c r="WPT675" s="613"/>
      <c r="WPU675" s="613"/>
      <c r="WPV675" s="613"/>
      <c r="WPW675" s="613"/>
      <c r="WPX675" s="613"/>
      <c r="WPY675" s="613"/>
      <c r="WPZ675" s="613"/>
      <c r="WQA675" s="613"/>
      <c r="WQB675" s="613"/>
      <c r="WQC675" s="613"/>
      <c r="WQD675" s="613"/>
      <c r="WQE675" s="613"/>
      <c r="WQF675" s="613"/>
      <c r="WQG675" s="613"/>
      <c r="WQH675" s="613"/>
      <c r="WQI675" s="613"/>
      <c r="WQJ675" s="613"/>
      <c r="WQK675" s="613"/>
      <c r="WQL675" s="613"/>
      <c r="WQM675" s="613"/>
      <c r="WQN675" s="613"/>
      <c r="WQO675" s="613"/>
      <c r="WQP675" s="613"/>
      <c r="WQQ675" s="613"/>
      <c r="WQR675" s="613"/>
      <c r="WQS675" s="613"/>
      <c r="WQT675" s="613"/>
      <c r="WQU675" s="613"/>
      <c r="WQV675" s="613"/>
      <c r="WQW675" s="613"/>
      <c r="WQX675" s="613"/>
      <c r="WQY675" s="613"/>
      <c r="WQZ675" s="613"/>
      <c r="WRA675" s="613"/>
      <c r="WRB675" s="613"/>
      <c r="WRC675" s="613"/>
      <c r="WRD675" s="613"/>
      <c r="WRE675" s="613"/>
      <c r="WRF675" s="613"/>
      <c r="WRG675" s="613"/>
      <c r="WRH675" s="613"/>
      <c r="WRI675" s="613"/>
      <c r="WRJ675" s="613"/>
      <c r="WRK675" s="613"/>
      <c r="WRL675" s="613"/>
      <c r="WRM675" s="613"/>
      <c r="WRN675" s="613"/>
      <c r="WRO675" s="613"/>
      <c r="WRP675" s="613"/>
      <c r="WRQ675" s="613"/>
      <c r="WRR675" s="613"/>
      <c r="WRS675" s="613"/>
      <c r="WRT675" s="613"/>
      <c r="WRU675" s="613"/>
      <c r="WRV675" s="613"/>
      <c r="WRW675" s="613"/>
      <c r="WRX675" s="613"/>
      <c r="WRY675" s="613"/>
      <c r="WRZ675" s="613"/>
      <c r="WSA675" s="613"/>
      <c r="WSB675" s="613"/>
      <c r="WSC675" s="613"/>
      <c r="WSD675" s="613"/>
      <c r="WSE675" s="613"/>
      <c r="WSF675" s="613"/>
      <c r="WSG675" s="613"/>
      <c r="WSH675" s="613"/>
      <c r="WSI675" s="613"/>
      <c r="WSJ675" s="613"/>
      <c r="WSK675" s="613"/>
      <c r="WSL675" s="613"/>
      <c r="WSM675" s="613"/>
      <c r="WSN675" s="613"/>
      <c r="WSO675" s="613"/>
      <c r="WSP675" s="613"/>
      <c r="WSQ675" s="613"/>
      <c r="WSR675" s="613"/>
      <c r="WSS675" s="613"/>
      <c r="WST675" s="613"/>
      <c r="WSU675" s="613"/>
      <c r="WSV675" s="613"/>
      <c r="WSW675" s="613"/>
      <c r="WSX675" s="613"/>
      <c r="WSY675" s="613"/>
      <c r="WSZ675" s="613"/>
      <c r="WTA675" s="613"/>
      <c r="WTB675" s="613"/>
      <c r="WTC675" s="613"/>
      <c r="WTD675" s="613"/>
      <c r="WTE675" s="613"/>
      <c r="WTF675" s="613"/>
      <c r="WTG675" s="613"/>
      <c r="WTH675" s="613"/>
      <c r="WTI675" s="613"/>
      <c r="WTJ675" s="613"/>
      <c r="WTK675" s="613"/>
      <c r="WTL675" s="613"/>
      <c r="WTM675" s="613"/>
      <c r="WTN675" s="613"/>
      <c r="WTO675" s="613"/>
      <c r="WTP675" s="613"/>
      <c r="WTQ675" s="613"/>
      <c r="WTR675" s="613"/>
      <c r="WTS675" s="613"/>
      <c r="WTT675" s="613"/>
      <c r="WTU675" s="613"/>
      <c r="WTV675" s="613"/>
      <c r="WTW675" s="613"/>
      <c r="WTX675" s="613"/>
      <c r="WTY675" s="613"/>
      <c r="WTZ675" s="613"/>
      <c r="WUA675" s="613"/>
      <c r="WUB675" s="613"/>
      <c r="WUC675" s="613"/>
      <c r="WUD675" s="613"/>
      <c r="WUE675" s="613"/>
      <c r="WUF675" s="613"/>
      <c r="WUG675" s="613"/>
      <c r="WUH675" s="613"/>
      <c r="WUI675" s="613"/>
      <c r="WUJ675" s="613"/>
      <c r="WUK675" s="613"/>
      <c r="WUL675" s="613"/>
      <c r="WUM675" s="613"/>
      <c r="WUN675" s="613"/>
      <c r="WUO675" s="613"/>
      <c r="WUP675" s="613"/>
      <c r="WUQ675" s="613"/>
      <c r="WUR675" s="613"/>
      <c r="WUS675" s="613"/>
      <c r="WUT675" s="613"/>
      <c r="WUU675" s="613"/>
      <c r="WUV675" s="613"/>
      <c r="WUW675" s="613"/>
      <c r="WUX675" s="613"/>
      <c r="WUY675" s="613"/>
      <c r="WUZ675" s="613"/>
      <c r="WVA675" s="613"/>
      <c r="WVB675" s="613"/>
      <c r="WVC675" s="613"/>
      <c r="WVD675" s="613"/>
      <c r="WVE675" s="613"/>
      <c r="WVF675" s="613"/>
      <c r="WVG675" s="613"/>
      <c r="WVH675" s="613"/>
      <c r="WVI675" s="613"/>
      <c r="WVJ675" s="613"/>
      <c r="WVK675" s="613"/>
      <c r="WVL675" s="613"/>
      <c r="WVM675" s="613"/>
      <c r="WVN675" s="613"/>
      <c r="WVO675" s="613"/>
      <c r="WVP675" s="613"/>
      <c r="WVQ675" s="613"/>
      <c r="WVR675" s="613"/>
      <c r="WVS675" s="613"/>
      <c r="WVT675" s="613"/>
      <c r="WVU675" s="613"/>
      <c r="WVV675" s="613"/>
      <c r="WVW675" s="613"/>
      <c r="WVX675" s="613"/>
      <c r="WVY675" s="613"/>
      <c r="WVZ675" s="613"/>
      <c r="WWA675" s="613"/>
      <c r="WWB675" s="613"/>
      <c r="WWC675" s="613"/>
      <c r="WWD675" s="613"/>
      <c r="WWE675" s="613"/>
      <c r="WWF675" s="613"/>
      <c r="WWG675" s="613"/>
      <c r="WWH675" s="613"/>
      <c r="WWI675" s="613"/>
      <c r="WWJ675" s="613"/>
      <c r="WWK675" s="613"/>
      <c r="WWL675" s="613"/>
      <c r="WWM675" s="613"/>
      <c r="WWN675" s="613"/>
      <c r="WWO675" s="613"/>
      <c r="WWP675" s="613"/>
      <c r="WWQ675" s="613"/>
      <c r="WWR675" s="613"/>
      <c r="WWS675" s="613"/>
      <c r="WWT675" s="613"/>
      <c r="WWU675" s="613"/>
      <c r="WWV675" s="613"/>
      <c r="WWW675" s="613"/>
      <c r="WWX675" s="613"/>
      <c r="WWY675" s="613"/>
      <c r="WWZ675" s="613"/>
      <c r="WXA675" s="613"/>
      <c r="WXB675" s="613"/>
      <c r="WXC675" s="613"/>
      <c r="WXD675" s="613"/>
      <c r="WXE675" s="613"/>
      <c r="WXF675" s="613"/>
      <c r="WXG675" s="613"/>
      <c r="WXH675" s="613"/>
      <c r="WXI675" s="613"/>
      <c r="WXJ675" s="613"/>
      <c r="WXK675" s="613"/>
      <c r="WXL675" s="613"/>
      <c r="WXM675" s="613"/>
      <c r="WXN675" s="613"/>
      <c r="WXO675" s="613"/>
      <c r="WXP675" s="613"/>
      <c r="WXQ675" s="613"/>
      <c r="WXR675" s="613"/>
      <c r="WXS675" s="613"/>
      <c r="WXT675" s="613"/>
      <c r="WXU675" s="613"/>
      <c r="WXV675" s="613"/>
      <c r="WXW675" s="613"/>
      <c r="WXX675" s="613"/>
      <c r="WXY675" s="613"/>
      <c r="WXZ675" s="613"/>
      <c r="WYA675" s="613"/>
      <c r="WYB675" s="613"/>
      <c r="WYC675" s="613"/>
      <c r="WYD675" s="613"/>
      <c r="WYE675" s="613"/>
      <c r="WYF675" s="613"/>
      <c r="WYG675" s="613"/>
      <c r="WYH675" s="613"/>
      <c r="WYI675" s="613"/>
      <c r="WYJ675" s="613"/>
      <c r="WYK675" s="613"/>
      <c r="WYL675" s="613"/>
      <c r="WYM675" s="613"/>
      <c r="WYN675" s="613"/>
      <c r="WYO675" s="613"/>
      <c r="WYP675" s="613"/>
      <c r="WYQ675" s="613"/>
      <c r="WYR675" s="613"/>
      <c r="WYS675" s="613"/>
      <c r="WYT675" s="613"/>
      <c r="WYU675" s="613"/>
      <c r="WYV675" s="613"/>
      <c r="WYW675" s="613"/>
      <c r="WYX675" s="613"/>
      <c r="WYY675" s="613"/>
      <c r="WYZ675" s="613"/>
      <c r="WZA675" s="613"/>
      <c r="WZB675" s="613"/>
      <c r="WZC675" s="613"/>
      <c r="WZD675" s="613"/>
      <c r="WZE675" s="613"/>
      <c r="WZF675" s="613"/>
      <c r="WZG675" s="613"/>
      <c r="WZH675" s="613"/>
      <c r="WZI675" s="613"/>
      <c r="WZJ675" s="613"/>
      <c r="WZK675" s="613"/>
      <c r="WZL675" s="613"/>
      <c r="WZM675" s="613"/>
      <c r="WZN675" s="613"/>
      <c r="WZO675" s="613"/>
      <c r="WZP675" s="613"/>
      <c r="WZQ675" s="613"/>
      <c r="WZR675" s="613"/>
      <c r="WZS675" s="613"/>
      <c r="WZT675" s="613"/>
      <c r="WZU675" s="613"/>
      <c r="WZV675" s="613"/>
      <c r="WZW675" s="613"/>
      <c r="WZX675" s="613"/>
      <c r="WZY675" s="613"/>
      <c r="WZZ675" s="613"/>
      <c r="XAA675" s="613"/>
      <c r="XAB675" s="613"/>
      <c r="XAC675" s="613"/>
      <c r="XAD675" s="613"/>
      <c r="XAE675" s="613"/>
      <c r="XAF675" s="613"/>
      <c r="XAG675" s="613"/>
      <c r="XAH675" s="613"/>
      <c r="XAI675" s="613"/>
      <c r="XAJ675" s="613"/>
      <c r="XAK675" s="613"/>
      <c r="XAL675" s="613"/>
      <c r="XAM675" s="613"/>
      <c r="XAN675" s="613"/>
      <c r="XAO675" s="613"/>
      <c r="XAP675" s="613"/>
      <c r="XAQ675" s="613"/>
      <c r="XAR675" s="613"/>
      <c r="XAS675" s="613"/>
      <c r="XAT675" s="613"/>
      <c r="XAU675" s="613"/>
      <c r="XAV675" s="613"/>
      <c r="XAW675" s="613"/>
      <c r="XAX675" s="613"/>
      <c r="XAY675" s="613"/>
      <c r="XAZ675" s="613"/>
      <c r="XBA675" s="613"/>
      <c r="XBB675" s="613"/>
      <c r="XBC675" s="613"/>
      <c r="XBD675" s="613"/>
      <c r="XBE675" s="613"/>
      <c r="XBF675" s="613"/>
      <c r="XBG675" s="613"/>
      <c r="XBH675" s="613"/>
      <c r="XBI675" s="613"/>
      <c r="XBJ675" s="613"/>
      <c r="XBK675" s="613"/>
      <c r="XBL675" s="613"/>
      <c r="XBM675" s="613"/>
      <c r="XBN675" s="613"/>
      <c r="XBO675" s="613"/>
      <c r="XBP675" s="613"/>
      <c r="XBQ675" s="613"/>
      <c r="XBR675" s="613"/>
      <c r="XBS675" s="613"/>
      <c r="XBT675" s="613"/>
      <c r="XBU675" s="613"/>
      <c r="XBV675" s="613"/>
      <c r="XBW675" s="613"/>
      <c r="XBX675" s="613"/>
      <c r="XBY675" s="613"/>
      <c r="XBZ675" s="613"/>
      <c r="XCA675" s="613"/>
      <c r="XCB675" s="613"/>
      <c r="XCC675" s="613"/>
      <c r="XCD675" s="613"/>
      <c r="XCE675" s="613"/>
      <c r="XCF675" s="613"/>
      <c r="XCG675" s="613"/>
      <c r="XCH675" s="613"/>
      <c r="XCI675" s="613"/>
      <c r="XCJ675" s="613"/>
      <c r="XCK675" s="613"/>
      <c r="XCL675" s="613"/>
      <c r="XCM675" s="613"/>
      <c r="XCN675" s="613"/>
      <c r="XCO675" s="613"/>
      <c r="XCP675" s="613"/>
      <c r="XCQ675" s="613"/>
    </row>
    <row r="676" spans="1:16319" ht="56.1" customHeight="1" x14ac:dyDescent="0.2">
      <c r="A676" s="273" t="s">
        <v>3017</v>
      </c>
      <c r="B676" s="77"/>
      <c r="C676" s="77"/>
      <c r="D676" s="481">
        <v>157</v>
      </c>
      <c r="E676" s="481"/>
      <c r="F676" s="481" t="s">
        <v>2481</v>
      </c>
      <c r="G676" s="482" t="s">
        <v>53</v>
      </c>
      <c r="H676" s="481" t="s">
        <v>329</v>
      </c>
      <c r="I676" s="654" t="s">
        <v>396</v>
      </c>
      <c r="J676" s="654" t="s">
        <v>369</v>
      </c>
      <c r="K676" s="495" t="s">
        <v>422</v>
      </c>
      <c r="L676" s="621"/>
      <c r="M676" s="484" t="s">
        <v>58</v>
      </c>
      <c r="N676" s="329" t="s">
        <v>1365</v>
      </c>
      <c r="O676" s="484" t="s">
        <v>2996</v>
      </c>
      <c r="P676" s="484" t="s">
        <v>81</v>
      </c>
      <c r="Q676" s="667" t="s">
        <v>334</v>
      </c>
      <c r="R676" s="484" t="s">
        <v>334</v>
      </c>
      <c r="S676" s="484" t="s">
        <v>187</v>
      </c>
      <c r="T676" s="484"/>
      <c r="U676" s="620" t="s">
        <v>63</v>
      </c>
      <c r="V676" s="620" t="s">
        <v>63</v>
      </c>
      <c r="W676" s="723">
        <v>409674</v>
      </c>
      <c r="X676" s="723"/>
      <c r="Y676" s="654" t="s">
        <v>226</v>
      </c>
      <c r="Z676" s="654"/>
      <c r="AA676" s="723">
        <v>409674</v>
      </c>
      <c r="AB676" s="652" t="s">
        <v>82</v>
      </c>
      <c r="AC676" s="652"/>
      <c r="AD676" s="496"/>
      <c r="AE676" s="496"/>
      <c r="AF676" s="496"/>
      <c r="AG676" s="496"/>
      <c r="AH676" s="496"/>
      <c r="AI676" s="496"/>
      <c r="AJ676" s="487" t="s">
        <v>66</v>
      </c>
      <c r="AK676" s="496"/>
      <c r="AL676" s="496"/>
      <c r="AM676" s="496"/>
      <c r="AN676" s="496"/>
      <c r="AO676" s="496"/>
      <c r="AP676" s="496"/>
      <c r="AQ676" s="496"/>
      <c r="AR676" s="496"/>
      <c r="AS676" s="496"/>
      <c r="AT676" s="496"/>
      <c r="AU676" s="487"/>
      <c r="AV676" s="487"/>
      <c r="AW676" s="487"/>
      <c r="AX676" s="487"/>
      <c r="AY676" s="487"/>
      <c r="AZ676" s="487"/>
      <c r="BA676" s="484"/>
      <c r="BB676" s="484" t="s">
        <v>399</v>
      </c>
      <c r="BC676" s="484" t="s">
        <v>3041</v>
      </c>
      <c r="BD676" s="494"/>
      <c r="BE676" s="494"/>
      <c r="BF676" s="613"/>
      <c r="BG676" s="613"/>
      <c r="BH676" s="613"/>
      <c r="BI676" s="613"/>
      <c r="BJ676" s="613"/>
      <c r="BK676" s="613"/>
      <c r="BL676" s="613"/>
      <c r="BM676" s="613"/>
      <c r="BN676" s="613"/>
      <c r="BO676" s="613"/>
      <c r="BP676" s="613"/>
      <c r="BQ676" s="613"/>
      <c r="BR676" s="613"/>
      <c r="BS676" s="613"/>
      <c r="BT676" s="613"/>
      <c r="BU676" s="613"/>
      <c r="BV676" s="613"/>
      <c r="BW676" s="613"/>
      <c r="BX676" s="613"/>
      <c r="BY676" s="613"/>
      <c r="BZ676" s="613"/>
      <c r="CA676" s="613"/>
      <c r="CB676" s="613"/>
      <c r="CC676" s="613"/>
      <c r="CD676" s="613"/>
      <c r="CE676" s="613"/>
      <c r="CF676" s="613"/>
      <c r="CG676" s="613"/>
      <c r="CH676" s="613"/>
      <c r="CI676" s="613"/>
      <c r="CJ676" s="613"/>
      <c r="CK676" s="613"/>
      <c r="CL676" s="613"/>
      <c r="CM676" s="613"/>
      <c r="CN676" s="613"/>
      <c r="CO676" s="613"/>
      <c r="CP676" s="613"/>
      <c r="CQ676" s="613"/>
      <c r="CR676" s="613"/>
      <c r="CS676" s="613"/>
      <c r="CT676" s="613"/>
      <c r="CU676" s="613"/>
      <c r="CV676" s="613"/>
      <c r="CW676" s="613"/>
      <c r="CX676" s="613"/>
      <c r="CY676" s="613"/>
      <c r="CZ676" s="613"/>
      <c r="DA676" s="613"/>
      <c r="DB676" s="613"/>
      <c r="DC676" s="613"/>
      <c r="DD676" s="613"/>
      <c r="DE676" s="613"/>
      <c r="DF676" s="613"/>
      <c r="DG676" s="613"/>
      <c r="DH676" s="613"/>
      <c r="DI676" s="613"/>
      <c r="DJ676" s="613"/>
      <c r="DK676" s="613"/>
      <c r="DL676" s="613"/>
      <c r="DM676" s="613"/>
      <c r="DN676" s="613"/>
      <c r="DO676" s="613"/>
      <c r="DP676" s="613"/>
      <c r="DQ676" s="613"/>
      <c r="DR676" s="613"/>
      <c r="DS676" s="613"/>
      <c r="DT676" s="613"/>
      <c r="DU676" s="613"/>
      <c r="DV676" s="613"/>
      <c r="DW676" s="613"/>
      <c r="DX676" s="613"/>
      <c r="DY676" s="613"/>
      <c r="DZ676" s="613"/>
      <c r="EA676" s="613"/>
      <c r="EB676" s="613"/>
      <c r="EC676" s="613"/>
      <c r="ED676" s="613"/>
      <c r="EE676" s="613"/>
      <c r="EF676" s="613"/>
      <c r="EG676" s="613"/>
      <c r="EH676" s="613"/>
      <c r="EI676" s="613"/>
      <c r="EJ676" s="613"/>
      <c r="EK676" s="613"/>
      <c r="EL676" s="613"/>
      <c r="EM676" s="613"/>
      <c r="EN676" s="613"/>
      <c r="EO676" s="613"/>
      <c r="EP676" s="613"/>
      <c r="EQ676" s="613"/>
      <c r="ER676" s="613"/>
      <c r="ES676" s="613"/>
      <c r="ET676" s="613"/>
      <c r="EU676" s="613"/>
      <c r="EV676" s="613"/>
      <c r="EW676" s="613"/>
      <c r="EX676" s="613"/>
      <c r="EY676" s="613"/>
      <c r="EZ676" s="613"/>
      <c r="FA676" s="613"/>
      <c r="FB676" s="613"/>
      <c r="FC676" s="613"/>
      <c r="FD676" s="613"/>
      <c r="FE676" s="613"/>
      <c r="FF676" s="613"/>
      <c r="FG676" s="613"/>
      <c r="FH676" s="613"/>
      <c r="FI676" s="613"/>
      <c r="FJ676" s="613"/>
      <c r="FK676" s="613"/>
      <c r="FL676" s="613"/>
      <c r="FM676" s="613"/>
      <c r="FN676" s="613"/>
      <c r="FO676" s="613"/>
      <c r="FP676" s="613"/>
      <c r="FQ676" s="613"/>
      <c r="FR676" s="613"/>
      <c r="FS676" s="613"/>
      <c r="FT676" s="613"/>
      <c r="FU676" s="613"/>
      <c r="FV676" s="613"/>
      <c r="FW676" s="613"/>
      <c r="FX676" s="613"/>
      <c r="FY676" s="613"/>
      <c r="FZ676" s="613"/>
      <c r="GA676" s="613"/>
      <c r="GB676" s="613"/>
      <c r="GC676" s="613"/>
      <c r="GD676" s="613"/>
      <c r="GE676" s="613"/>
      <c r="GF676" s="613"/>
      <c r="GG676" s="613"/>
      <c r="GH676" s="613"/>
      <c r="GI676" s="613"/>
      <c r="GJ676" s="613"/>
      <c r="GK676" s="613"/>
      <c r="GL676" s="613"/>
      <c r="GM676" s="613"/>
      <c r="GN676" s="613"/>
      <c r="GO676" s="613"/>
      <c r="GP676" s="613"/>
      <c r="GQ676" s="613"/>
      <c r="GR676" s="613"/>
      <c r="GS676" s="613"/>
      <c r="GT676" s="613"/>
      <c r="GU676" s="613"/>
      <c r="GV676" s="613"/>
      <c r="GW676" s="613"/>
      <c r="GX676" s="613"/>
      <c r="GY676" s="613"/>
      <c r="GZ676" s="613"/>
      <c r="HA676" s="613"/>
      <c r="HB676" s="613"/>
      <c r="HC676" s="613"/>
      <c r="HD676" s="613"/>
      <c r="HE676" s="613"/>
      <c r="HF676" s="613"/>
      <c r="HG676" s="613"/>
      <c r="HH676" s="613"/>
      <c r="HI676" s="613"/>
      <c r="HJ676" s="613"/>
      <c r="HK676" s="613"/>
      <c r="HL676" s="613"/>
      <c r="HM676" s="613"/>
      <c r="HN676" s="613"/>
      <c r="HO676" s="613"/>
      <c r="HP676" s="613"/>
      <c r="HQ676" s="613"/>
      <c r="HR676" s="613"/>
      <c r="HS676" s="613"/>
      <c r="HT676" s="613"/>
      <c r="HU676" s="613"/>
      <c r="HV676" s="613"/>
      <c r="HW676" s="613"/>
      <c r="HX676" s="613"/>
      <c r="HY676" s="613"/>
      <c r="HZ676" s="613"/>
      <c r="IA676" s="613"/>
      <c r="IB676" s="613"/>
      <c r="IC676" s="613"/>
      <c r="ID676" s="613"/>
      <c r="IE676" s="613"/>
      <c r="IF676" s="613"/>
      <c r="IG676" s="613"/>
      <c r="IH676" s="613"/>
      <c r="II676" s="613"/>
      <c r="IJ676" s="613"/>
      <c r="IK676" s="613"/>
      <c r="IL676" s="613"/>
      <c r="IM676" s="613"/>
      <c r="IN676" s="613"/>
      <c r="IO676" s="613"/>
      <c r="IP676" s="613"/>
      <c r="IQ676" s="613"/>
      <c r="IR676" s="613"/>
      <c r="IS676" s="613"/>
      <c r="IT676" s="613"/>
      <c r="IU676" s="613"/>
      <c r="IV676" s="613"/>
      <c r="IW676" s="613"/>
      <c r="IX676" s="613"/>
      <c r="IY676" s="613"/>
      <c r="IZ676" s="613"/>
      <c r="JA676" s="613"/>
      <c r="JB676" s="613"/>
      <c r="JC676" s="613"/>
      <c r="JD676" s="613"/>
      <c r="JE676" s="613"/>
      <c r="JF676" s="613"/>
      <c r="JG676" s="613"/>
      <c r="JH676" s="613"/>
      <c r="JI676" s="613"/>
      <c r="JJ676" s="613"/>
      <c r="JK676" s="613"/>
      <c r="JL676" s="613"/>
      <c r="JM676" s="613"/>
      <c r="JN676" s="613"/>
      <c r="JO676" s="613"/>
      <c r="JP676" s="613"/>
      <c r="JQ676" s="613"/>
      <c r="JR676" s="613"/>
      <c r="JS676" s="613"/>
      <c r="JT676" s="613"/>
      <c r="JU676" s="613"/>
      <c r="JV676" s="613"/>
      <c r="JW676" s="613"/>
      <c r="JX676" s="613"/>
      <c r="JY676" s="613"/>
      <c r="JZ676" s="613"/>
      <c r="KA676" s="613"/>
      <c r="KB676" s="613"/>
      <c r="KC676" s="613"/>
      <c r="KD676" s="613"/>
      <c r="KE676" s="613"/>
      <c r="KF676" s="613"/>
      <c r="KG676" s="613"/>
      <c r="KH676" s="613"/>
      <c r="KI676" s="613"/>
      <c r="KJ676" s="613"/>
      <c r="KK676" s="613"/>
      <c r="KL676" s="613"/>
      <c r="KM676" s="613"/>
      <c r="KN676" s="613"/>
      <c r="KO676" s="613"/>
      <c r="KP676" s="613"/>
      <c r="KQ676" s="613"/>
      <c r="KR676" s="613"/>
      <c r="KS676" s="613"/>
      <c r="KT676" s="613"/>
      <c r="KU676" s="613"/>
      <c r="KV676" s="613"/>
      <c r="KW676" s="613"/>
      <c r="KX676" s="613"/>
      <c r="KY676" s="613"/>
      <c r="KZ676" s="613"/>
      <c r="LA676" s="613"/>
      <c r="LB676" s="613"/>
      <c r="LC676" s="613"/>
      <c r="LD676" s="613"/>
      <c r="LE676" s="613"/>
      <c r="LF676" s="613"/>
      <c r="LG676" s="613"/>
      <c r="LH676" s="613"/>
      <c r="LI676" s="613"/>
      <c r="LJ676" s="613"/>
      <c r="LK676" s="613"/>
      <c r="LL676" s="613"/>
      <c r="LM676" s="613"/>
      <c r="LN676" s="613"/>
      <c r="LO676" s="613"/>
      <c r="LP676" s="613"/>
      <c r="LQ676" s="613"/>
      <c r="LR676" s="613"/>
      <c r="LS676" s="613"/>
      <c r="LT676" s="613"/>
      <c r="LU676" s="613"/>
      <c r="LV676" s="613"/>
      <c r="LW676" s="613"/>
      <c r="LX676" s="613"/>
      <c r="LY676" s="613"/>
      <c r="LZ676" s="613"/>
      <c r="MA676" s="613"/>
      <c r="MB676" s="613"/>
      <c r="MC676" s="613"/>
      <c r="MD676" s="613"/>
      <c r="ME676" s="613"/>
      <c r="MF676" s="613"/>
      <c r="MG676" s="613"/>
      <c r="MH676" s="613"/>
      <c r="MI676" s="613"/>
      <c r="MJ676" s="613"/>
      <c r="MK676" s="613"/>
      <c r="ML676" s="613"/>
      <c r="MM676" s="613"/>
      <c r="MN676" s="613"/>
      <c r="MO676" s="613"/>
      <c r="MP676" s="613"/>
      <c r="MQ676" s="613"/>
      <c r="MR676" s="613"/>
      <c r="MS676" s="613"/>
      <c r="MT676" s="613"/>
      <c r="MU676" s="613"/>
      <c r="MV676" s="613"/>
      <c r="MW676" s="613"/>
      <c r="MX676" s="613"/>
      <c r="MY676" s="613"/>
      <c r="MZ676" s="613"/>
      <c r="NA676" s="613"/>
      <c r="NB676" s="613"/>
      <c r="NC676" s="613"/>
      <c r="ND676" s="613"/>
      <c r="NE676" s="613"/>
      <c r="NF676" s="613"/>
      <c r="NG676" s="613"/>
      <c r="NH676" s="613"/>
      <c r="NI676" s="613"/>
      <c r="NJ676" s="613"/>
      <c r="NK676" s="613"/>
      <c r="NL676" s="613"/>
      <c r="NM676" s="613"/>
      <c r="NN676" s="613"/>
      <c r="NO676" s="613"/>
      <c r="NP676" s="613"/>
      <c r="NQ676" s="613"/>
      <c r="NR676" s="613"/>
      <c r="NS676" s="613"/>
      <c r="NT676" s="613"/>
      <c r="NU676" s="613"/>
      <c r="NV676" s="613"/>
      <c r="NW676" s="613"/>
      <c r="NX676" s="613"/>
      <c r="NY676" s="613"/>
      <c r="NZ676" s="613"/>
      <c r="OA676" s="613"/>
      <c r="OB676" s="613"/>
      <c r="OC676" s="613"/>
      <c r="OD676" s="613"/>
      <c r="OE676" s="613"/>
      <c r="OF676" s="613"/>
      <c r="OG676" s="613"/>
      <c r="OH676" s="613"/>
      <c r="OI676" s="613"/>
      <c r="OJ676" s="613"/>
      <c r="OK676" s="613"/>
      <c r="OL676" s="613"/>
      <c r="OM676" s="613"/>
      <c r="ON676" s="613"/>
      <c r="OO676" s="613"/>
      <c r="OP676" s="613"/>
      <c r="OQ676" s="613"/>
      <c r="OR676" s="613"/>
      <c r="OS676" s="613"/>
      <c r="OT676" s="613"/>
      <c r="OU676" s="613"/>
      <c r="OV676" s="613"/>
      <c r="OW676" s="613"/>
      <c r="OX676" s="613"/>
      <c r="OY676" s="613"/>
      <c r="OZ676" s="613"/>
      <c r="PA676" s="613"/>
      <c r="PB676" s="613"/>
      <c r="PC676" s="613"/>
      <c r="PD676" s="613"/>
      <c r="PE676" s="613"/>
      <c r="PF676" s="613"/>
      <c r="PG676" s="613"/>
      <c r="PH676" s="613"/>
      <c r="PI676" s="613"/>
      <c r="PJ676" s="613"/>
      <c r="PK676" s="613"/>
      <c r="PL676" s="613"/>
      <c r="PM676" s="613"/>
      <c r="PN676" s="613"/>
      <c r="PO676" s="613"/>
      <c r="PP676" s="613"/>
      <c r="PQ676" s="613"/>
      <c r="PR676" s="613"/>
      <c r="PS676" s="613"/>
      <c r="PT676" s="613"/>
      <c r="PU676" s="613"/>
      <c r="PV676" s="613"/>
      <c r="PW676" s="613"/>
      <c r="PX676" s="613"/>
      <c r="PY676" s="613"/>
      <c r="PZ676" s="613"/>
      <c r="QA676" s="613"/>
      <c r="QB676" s="613"/>
      <c r="QC676" s="613"/>
      <c r="QD676" s="613"/>
      <c r="QE676" s="613"/>
      <c r="QF676" s="613"/>
      <c r="QG676" s="613"/>
      <c r="QH676" s="613"/>
      <c r="QI676" s="613"/>
      <c r="QJ676" s="613"/>
      <c r="QK676" s="613"/>
      <c r="QL676" s="613"/>
      <c r="QM676" s="613"/>
      <c r="QN676" s="613"/>
      <c r="QO676" s="613"/>
      <c r="QP676" s="613"/>
      <c r="QQ676" s="613"/>
      <c r="QR676" s="613"/>
      <c r="QS676" s="613"/>
      <c r="QT676" s="613"/>
      <c r="QU676" s="613"/>
      <c r="QV676" s="613"/>
      <c r="QW676" s="613"/>
      <c r="QX676" s="613"/>
      <c r="QY676" s="613"/>
      <c r="QZ676" s="613"/>
      <c r="RA676" s="613"/>
      <c r="RB676" s="613"/>
      <c r="RC676" s="613"/>
      <c r="RD676" s="613"/>
      <c r="RE676" s="613"/>
      <c r="RF676" s="613"/>
      <c r="RG676" s="613"/>
      <c r="RH676" s="613"/>
      <c r="RI676" s="613"/>
      <c r="RJ676" s="613"/>
      <c r="RK676" s="613"/>
      <c r="RL676" s="613"/>
      <c r="RM676" s="613"/>
      <c r="RN676" s="613"/>
      <c r="RO676" s="613"/>
      <c r="RP676" s="613"/>
      <c r="RQ676" s="613"/>
      <c r="RR676" s="613"/>
      <c r="RS676" s="613"/>
      <c r="RT676" s="613"/>
      <c r="RU676" s="613"/>
      <c r="RV676" s="613"/>
      <c r="RW676" s="613"/>
      <c r="RX676" s="613"/>
      <c r="RY676" s="613"/>
      <c r="RZ676" s="613"/>
      <c r="SA676" s="613"/>
      <c r="SB676" s="613"/>
      <c r="SC676" s="613"/>
      <c r="SD676" s="613"/>
      <c r="SE676" s="613"/>
      <c r="SF676" s="613"/>
      <c r="SG676" s="613"/>
      <c r="SH676" s="613"/>
      <c r="SI676" s="613"/>
      <c r="SJ676" s="613"/>
      <c r="SK676" s="613"/>
      <c r="SL676" s="613"/>
      <c r="SM676" s="613"/>
      <c r="SN676" s="613"/>
      <c r="SO676" s="613"/>
      <c r="SP676" s="613"/>
      <c r="SQ676" s="613"/>
      <c r="SR676" s="613"/>
      <c r="SS676" s="613"/>
      <c r="ST676" s="613"/>
      <c r="SU676" s="613"/>
      <c r="SV676" s="613"/>
      <c r="SW676" s="613"/>
      <c r="SX676" s="613"/>
      <c r="SY676" s="613"/>
      <c r="SZ676" s="613"/>
      <c r="TA676" s="613"/>
      <c r="TB676" s="613"/>
      <c r="TC676" s="613"/>
      <c r="TD676" s="613"/>
      <c r="TE676" s="613"/>
      <c r="TF676" s="613"/>
      <c r="TG676" s="613"/>
      <c r="TH676" s="613"/>
      <c r="TI676" s="613"/>
      <c r="TJ676" s="613"/>
      <c r="TK676" s="613"/>
      <c r="TL676" s="613"/>
      <c r="TM676" s="613"/>
      <c r="TN676" s="613"/>
      <c r="TO676" s="613"/>
      <c r="TP676" s="613"/>
      <c r="TQ676" s="613"/>
      <c r="TR676" s="613"/>
      <c r="TS676" s="613"/>
      <c r="TT676" s="613"/>
      <c r="TU676" s="613"/>
      <c r="TV676" s="613"/>
      <c r="TW676" s="613"/>
      <c r="TX676" s="613"/>
      <c r="TY676" s="613"/>
      <c r="TZ676" s="613"/>
      <c r="UA676" s="613"/>
      <c r="UB676" s="613"/>
      <c r="UC676" s="613"/>
      <c r="UD676" s="613"/>
      <c r="UE676" s="613"/>
      <c r="UF676" s="613"/>
      <c r="UG676" s="613"/>
      <c r="UH676" s="613"/>
      <c r="UI676" s="613"/>
      <c r="UJ676" s="613"/>
      <c r="UK676" s="613"/>
      <c r="UL676" s="613"/>
      <c r="UM676" s="613"/>
      <c r="UN676" s="613"/>
      <c r="UO676" s="613"/>
      <c r="UP676" s="613"/>
      <c r="UQ676" s="613"/>
      <c r="UR676" s="613"/>
      <c r="US676" s="613"/>
      <c r="UT676" s="613"/>
      <c r="UU676" s="613"/>
      <c r="UV676" s="613"/>
      <c r="UW676" s="613"/>
      <c r="UX676" s="613"/>
      <c r="UY676" s="613"/>
      <c r="UZ676" s="613"/>
      <c r="VA676" s="613"/>
      <c r="VB676" s="613"/>
      <c r="VC676" s="613"/>
      <c r="VD676" s="613"/>
      <c r="VE676" s="613"/>
      <c r="VF676" s="613"/>
      <c r="VG676" s="613"/>
      <c r="VH676" s="613"/>
      <c r="VI676" s="613"/>
      <c r="VJ676" s="613"/>
      <c r="VK676" s="613"/>
      <c r="VL676" s="613"/>
      <c r="VM676" s="613"/>
      <c r="VN676" s="613"/>
      <c r="VO676" s="613"/>
      <c r="VP676" s="613"/>
      <c r="VQ676" s="613"/>
      <c r="VR676" s="613"/>
      <c r="VS676" s="613"/>
      <c r="VT676" s="613"/>
      <c r="VU676" s="613"/>
      <c r="VV676" s="613"/>
      <c r="VW676" s="613"/>
      <c r="VX676" s="613"/>
      <c r="VY676" s="613"/>
      <c r="VZ676" s="613"/>
      <c r="WA676" s="613"/>
      <c r="WB676" s="613"/>
      <c r="WC676" s="613"/>
      <c r="WD676" s="613"/>
      <c r="WE676" s="613"/>
      <c r="WF676" s="613"/>
      <c r="WG676" s="613"/>
      <c r="WH676" s="613"/>
      <c r="WI676" s="613"/>
      <c r="WJ676" s="613"/>
      <c r="WK676" s="613"/>
      <c r="WL676" s="613"/>
      <c r="WM676" s="613"/>
      <c r="WN676" s="613"/>
      <c r="WO676" s="613"/>
      <c r="WP676" s="613"/>
      <c r="WQ676" s="613"/>
      <c r="WR676" s="613"/>
      <c r="WS676" s="613"/>
      <c r="WT676" s="613"/>
      <c r="WU676" s="613"/>
      <c r="WV676" s="613"/>
      <c r="WW676" s="613"/>
      <c r="WX676" s="613"/>
      <c r="WY676" s="613"/>
      <c r="WZ676" s="613"/>
      <c r="XA676" s="613"/>
      <c r="XB676" s="613"/>
      <c r="XC676" s="613"/>
      <c r="XD676" s="613"/>
      <c r="XE676" s="613"/>
      <c r="XF676" s="613"/>
      <c r="XG676" s="613"/>
      <c r="XH676" s="613"/>
      <c r="XI676" s="613"/>
      <c r="XJ676" s="613"/>
      <c r="XK676" s="613"/>
      <c r="XL676" s="613"/>
      <c r="XM676" s="613"/>
      <c r="XN676" s="613"/>
      <c r="XO676" s="613"/>
      <c r="XP676" s="613"/>
      <c r="XQ676" s="613"/>
      <c r="XR676" s="613"/>
      <c r="XS676" s="613"/>
      <c r="XT676" s="613"/>
      <c r="XU676" s="613"/>
      <c r="XV676" s="613"/>
      <c r="XW676" s="613"/>
      <c r="XX676" s="613"/>
      <c r="XY676" s="613"/>
      <c r="XZ676" s="613"/>
      <c r="YA676" s="613"/>
      <c r="YB676" s="613"/>
      <c r="YC676" s="613"/>
      <c r="YD676" s="613"/>
      <c r="YE676" s="613"/>
      <c r="YF676" s="613"/>
      <c r="YG676" s="613"/>
      <c r="YH676" s="613"/>
      <c r="YI676" s="613"/>
      <c r="YJ676" s="613"/>
      <c r="YK676" s="613"/>
      <c r="YL676" s="613"/>
      <c r="YM676" s="613"/>
      <c r="YN676" s="613"/>
      <c r="YO676" s="613"/>
      <c r="YP676" s="613"/>
      <c r="YQ676" s="613"/>
      <c r="YR676" s="613"/>
      <c r="YS676" s="613"/>
      <c r="YT676" s="613"/>
      <c r="YU676" s="613"/>
      <c r="YV676" s="613"/>
      <c r="YW676" s="613"/>
      <c r="YX676" s="613"/>
      <c r="YY676" s="613"/>
      <c r="YZ676" s="613"/>
      <c r="ZA676" s="613"/>
      <c r="ZB676" s="613"/>
      <c r="ZC676" s="613"/>
      <c r="ZD676" s="613"/>
      <c r="ZE676" s="613"/>
      <c r="ZF676" s="613"/>
      <c r="ZG676" s="613"/>
      <c r="ZH676" s="613"/>
      <c r="ZI676" s="613"/>
      <c r="ZJ676" s="613"/>
      <c r="ZK676" s="613"/>
      <c r="ZL676" s="613"/>
      <c r="ZM676" s="613"/>
      <c r="ZN676" s="613"/>
      <c r="ZO676" s="613"/>
      <c r="ZP676" s="613"/>
      <c r="ZQ676" s="613"/>
      <c r="ZR676" s="613"/>
      <c r="ZS676" s="613"/>
      <c r="ZT676" s="613"/>
      <c r="ZU676" s="613"/>
      <c r="ZV676" s="613"/>
      <c r="ZW676" s="613"/>
      <c r="ZX676" s="613"/>
      <c r="ZY676" s="613"/>
      <c r="ZZ676" s="613"/>
      <c r="AAA676" s="613"/>
      <c r="AAB676" s="613"/>
      <c r="AAC676" s="613"/>
      <c r="AAD676" s="613"/>
      <c r="AAE676" s="613"/>
      <c r="AAF676" s="613"/>
      <c r="AAG676" s="613"/>
      <c r="AAH676" s="613"/>
      <c r="AAI676" s="613"/>
      <c r="AAJ676" s="613"/>
      <c r="AAK676" s="613"/>
      <c r="AAL676" s="613"/>
      <c r="AAM676" s="613"/>
      <c r="AAN676" s="613"/>
      <c r="AAO676" s="613"/>
      <c r="AAP676" s="613"/>
      <c r="AAQ676" s="613"/>
      <c r="AAR676" s="613"/>
      <c r="AAS676" s="613"/>
      <c r="AAT676" s="613"/>
      <c r="AAU676" s="613"/>
      <c r="AAV676" s="613"/>
      <c r="AAW676" s="613"/>
      <c r="AAX676" s="613"/>
      <c r="AAY676" s="613"/>
      <c r="AAZ676" s="613"/>
      <c r="ABA676" s="613"/>
      <c r="ABB676" s="613"/>
      <c r="ABC676" s="613"/>
      <c r="ABD676" s="613"/>
      <c r="ABE676" s="613"/>
      <c r="ABF676" s="613"/>
      <c r="ABG676" s="613"/>
      <c r="ABH676" s="613"/>
      <c r="ABI676" s="613"/>
      <c r="ABJ676" s="613"/>
      <c r="ABK676" s="613"/>
      <c r="ABL676" s="613"/>
      <c r="ABM676" s="613"/>
      <c r="ABN676" s="613"/>
      <c r="ABO676" s="613"/>
      <c r="ABP676" s="613"/>
      <c r="ABQ676" s="613"/>
      <c r="ABR676" s="613"/>
      <c r="ABS676" s="613"/>
      <c r="ABT676" s="613"/>
      <c r="ABU676" s="613"/>
      <c r="ABV676" s="613"/>
      <c r="ABW676" s="613"/>
      <c r="ABX676" s="613"/>
      <c r="ABY676" s="613"/>
      <c r="ABZ676" s="613"/>
      <c r="ACA676" s="613"/>
      <c r="ACB676" s="613"/>
      <c r="ACC676" s="613"/>
      <c r="ACD676" s="613"/>
      <c r="ACE676" s="613"/>
      <c r="ACF676" s="613"/>
      <c r="ACG676" s="613"/>
      <c r="ACH676" s="613"/>
      <c r="ACI676" s="613"/>
      <c r="ACJ676" s="613"/>
      <c r="ACK676" s="613"/>
      <c r="ACL676" s="613"/>
      <c r="ACM676" s="613"/>
      <c r="ACN676" s="613"/>
      <c r="ACO676" s="613"/>
      <c r="ACP676" s="613"/>
      <c r="ACQ676" s="613"/>
      <c r="ACR676" s="613"/>
      <c r="ACS676" s="613"/>
      <c r="ACT676" s="613"/>
      <c r="ACU676" s="613"/>
      <c r="ACV676" s="613"/>
      <c r="ACW676" s="613"/>
      <c r="ACX676" s="613"/>
      <c r="ACY676" s="613"/>
      <c r="ACZ676" s="613"/>
      <c r="ADA676" s="613"/>
      <c r="ADB676" s="613"/>
      <c r="ADC676" s="613"/>
      <c r="ADD676" s="613"/>
      <c r="ADE676" s="613"/>
      <c r="ADF676" s="613"/>
      <c r="ADG676" s="613"/>
      <c r="ADH676" s="613"/>
      <c r="ADI676" s="613"/>
      <c r="ADJ676" s="613"/>
      <c r="ADK676" s="613"/>
      <c r="ADL676" s="613"/>
      <c r="ADM676" s="613"/>
      <c r="ADN676" s="613"/>
      <c r="ADO676" s="613"/>
      <c r="ADP676" s="613"/>
      <c r="ADQ676" s="613"/>
      <c r="ADR676" s="613"/>
      <c r="ADS676" s="613"/>
      <c r="ADT676" s="613"/>
      <c r="ADU676" s="613"/>
      <c r="ADV676" s="613"/>
      <c r="ADW676" s="613"/>
      <c r="ADX676" s="613"/>
      <c r="ADY676" s="613"/>
      <c r="ADZ676" s="613"/>
      <c r="AEA676" s="613"/>
      <c r="AEB676" s="613"/>
      <c r="AEC676" s="613"/>
      <c r="AED676" s="613"/>
      <c r="AEE676" s="613"/>
      <c r="AEF676" s="613"/>
      <c r="AEG676" s="613"/>
      <c r="AEH676" s="613"/>
      <c r="AEI676" s="613"/>
      <c r="AEJ676" s="613"/>
      <c r="AEK676" s="613"/>
      <c r="AEL676" s="613"/>
      <c r="AEM676" s="613"/>
      <c r="AEN676" s="613"/>
      <c r="AEO676" s="613"/>
      <c r="AEP676" s="613"/>
      <c r="AEQ676" s="613"/>
      <c r="AER676" s="613"/>
      <c r="AES676" s="613"/>
      <c r="AET676" s="613"/>
      <c r="AEU676" s="613"/>
      <c r="AEV676" s="613"/>
      <c r="AEW676" s="613"/>
      <c r="AEX676" s="613"/>
      <c r="AEY676" s="613"/>
      <c r="AEZ676" s="613"/>
      <c r="AFA676" s="613"/>
      <c r="AFB676" s="613"/>
      <c r="AFC676" s="613"/>
      <c r="AFD676" s="613"/>
      <c r="AFE676" s="613"/>
      <c r="AFF676" s="613"/>
      <c r="AFG676" s="613"/>
      <c r="AFH676" s="613"/>
      <c r="AFI676" s="613"/>
      <c r="AFJ676" s="613"/>
      <c r="AFK676" s="613"/>
      <c r="AFL676" s="613"/>
      <c r="AFM676" s="613"/>
      <c r="AFN676" s="613"/>
      <c r="AFO676" s="613"/>
      <c r="AFP676" s="613"/>
      <c r="AFQ676" s="613"/>
      <c r="AFR676" s="613"/>
      <c r="AFS676" s="613"/>
      <c r="AFT676" s="613"/>
      <c r="AFU676" s="613"/>
      <c r="AFV676" s="613"/>
      <c r="AFW676" s="613"/>
      <c r="AFX676" s="613"/>
      <c r="AFY676" s="613"/>
      <c r="AFZ676" s="613"/>
      <c r="AGA676" s="613"/>
      <c r="AGB676" s="613"/>
      <c r="AGC676" s="613"/>
      <c r="AGD676" s="613"/>
      <c r="AGE676" s="613"/>
      <c r="AGF676" s="613"/>
      <c r="AGG676" s="613"/>
      <c r="AGH676" s="613"/>
      <c r="AGI676" s="613"/>
      <c r="AGJ676" s="613"/>
      <c r="AGK676" s="613"/>
      <c r="AGL676" s="613"/>
      <c r="AGM676" s="613"/>
      <c r="AGN676" s="613"/>
      <c r="AGO676" s="613"/>
      <c r="AGP676" s="613"/>
      <c r="AGQ676" s="613"/>
      <c r="AGR676" s="613"/>
      <c r="AGS676" s="613"/>
      <c r="AGT676" s="613"/>
      <c r="AGU676" s="613"/>
      <c r="AGV676" s="613"/>
      <c r="AGW676" s="613"/>
      <c r="AGX676" s="613"/>
      <c r="AGY676" s="613"/>
      <c r="AGZ676" s="613"/>
      <c r="AHA676" s="613"/>
      <c r="AHB676" s="613"/>
      <c r="AHC676" s="613"/>
      <c r="AHD676" s="613"/>
      <c r="AHE676" s="613"/>
      <c r="AHF676" s="613"/>
      <c r="AHG676" s="613"/>
      <c r="AHH676" s="613"/>
      <c r="AHI676" s="613"/>
      <c r="AHJ676" s="613"/>
      <c r="AHK676" s="613"/>
      <c r="AHL676" s="613"/>
      <c r="AHM676" s="613"/>
      <c r="AHN676" s="613"/>
      <c r="AHO676" s="613"/>
      <c r="AHP676" s="613"/>
      <c r="AHQ676" s="613"/>
      <c r="AHR676" s="613"/>
      <c r="AHS676" s="613"/>
      <c r="AHT676" s="613"/>
      <c r="AHU676" s="613"/>
      <c r="AHV676" s="613"/>
      <c r="AHW676" s="613"/>
      <c r="AHX676" s="613"/>
      <c r="AHY676" s="613"/>
      <c r="AHZ676" s="613"/>
      <c r="AIA676" s="613"/>
      <c r="AIB676" s="613"/>
      <c r="AIC676" s="613"/>
      <c r="AID676" s="613"/>
      <c r="AIE676" s="613"/>
      <c r="AIF676" s="613"/>
      <c r="AIG676" s="613"/>
      <c r="AIH676" s="613"/>
      <c r="AII676" s="613"/>
      <c r="AIJ676" s="613"/>
      <c r="AIK676" s="613"/>
      <c r="AIL676" s="613"/>
      <c r="AIM676" s="613"/>
      <c r="AIN676" s="613"/>
      <c r="AIO676" s="613"/>
      <c r="AIP676" s="613"/>
      <c r="AIQ676" s="613"/>
      <c r="AIR676" s="613"/>
      <c r="AIS676" s="613"/>
      <c r="AIT676" s="613"/>
      <c r="AIU676" s="613"/>
      <c r="AIV676" s="613"/>
      <c r="AIW676" s="613"/>
      <c r="AIX676" s="613"/>
      <c r="AIY676" s="613"/>
      <c r="AIZ676" s="613"/>
      <c r="AJA676" s="613"/>
      <c r="AJB676" s="613"/>
      <c r="AJC676" s="613"/>
      <c r="AJD676" s="613"/>
      <c r="AJE676" s="613"/>
      <c r="AJF676" s="613"/>
      <c r="AJG676" s="613"/>
      <c r="AJH676" s="613"/>
      <c r="AJI676" s="613"/>
      <c r="AJJ676" s="613"/>
      <c r="AJK676" s="613"/>
      <c r="AJL676" s="613"/>
      <c r="AJM676" s="613"/>
      <c r="AJN676" s="613"/>
      <c r="AJO676" s="613"/>
      <c r="AJP676" s="613"/>
      <c r="AJQ676" s="613"/>
      <c r="AJR676" s="613"/>
      <c r="AJS676" s="613"/>
      <c r="AJT676" s="613"/>
      <c r="AJU676" s="613"/>
      <c r="AJV676" s="613"/>
      <c r="AJW676" s="613"/>
      <c r="AJX676" s="613"/>
      <c r="AJY676" s="613"/>
      <c r="AJZ676" s="613"/>
      <c r="AKA676" s="613"/>
      <c r="AKB676" s="613"/>
      <c r="AKC676" s="613"/>
      <c r="AKD676" s="613"/>
      <c r="AKE676" s="613"/>
      <c r="AKF676" s="613"/>
      <c r="AKG676" s="613"/>
      <c r="AKH676" s="613"/>
      <c r="AKI676" s="613"/>
      <c r="AKJ676" s="613"/>
      <c r="AKK676" s="613"/>
      <c r="AKL676" s="613"/>
      <c r="AKM676" s="613"/>
      <c r="AKN676" s="613"/>
      <c r="AKO676" s="613"/>
      <c r="AKP676" s="613"/>
      <c r="AKQ676" s="613"/>
      <c r="AKR676" s="613"/>
      <c r="AKS676" s="613"/>
      <c r="AKT676" s="613"/>
      <c r="AKU676" s="613"/>
      <c r="AKV676" s="613"/>
      <c r="AKW676" s="613"/>
      <c r="AKX676" s="613"/>
      <c r="AKY676" s="613"/>
      <c r="AKZ676" s="613"/>
      <c r="ALA676" s="613"/>
      <c r="ALB676" s="613"/>
      <c r="ALC676" s="613"/>
      <c r="ALD676" s="613"/>
      <c r="ALE676" s="613"/>
      <c r="ALF676" s="613"/>
      <c r="ALG676" s="613"/>
      <c r="ALH676" s="613"/>
      <c r="ALI676" s="613"/>
      <c r="ALJ676" s="613"/>
      <c r="ALK676" s="613"/>
      <c r="ALL676" s="613"/>
      <c r="ALM676" s="613"/>
      <c r="ALN676" s="613"/>
      <c r="ALO676" s="613"/>
      <c r="ALP676" s="613"/>
      <c r="ALQ676" s="613"/>
      <c r="ALR676" s="613"/>
      <c r="ALS676" s="613"/>
      <c r="ALT676" s="613"/>
      <c r="ALU676" s="613"/>
      <c r="ALV676" s="613"/>
      <c r="ALW676" s="613"/>
      <c r="ALX676" s="613"/>
      <c r="ALY676" s="613"/>
      <c r="ALZ676" s="613"/>
      <c r="AMA676" s="613"/>
      <c r="AMB676" s="613"/>
      <c r="AMC676" s="613"/>
      <c r="AMD676" s="613"/>
      <c r="AME676" s="613"/>
      <c r="AMF676" s="613"/>
      <c r="AMG676" s="613"/>
      <c r="AMH676" s="613"/>
      <c r="AMI676" s="613"/>
      <c r="AMJ676" s="613"/>
      <c r="AMK676" s="613"/>
      <c r="AML676" s="613"/>
      <c r="AMM676" s="613"/>
      <c r="AMN676" s="613"/>
      <c r="AMO676" s="613"/>
      <c r="AMP676" s="613"/>
      <c r="AMQ676" s="613"/>
      <c r="AMR676" s="613"/>
      <c r="AMS676" s="613"/>
      <c r="AMT676" s="613"/>
      <c r="AMU676" s="613"/>
      <c r="AMV676" s="613"/>
      <c r="AMW676" s="613"/>
      <c r="AMX676" s="613"/>
      <c r="AMY676" s="613"/>
      <c r="AMZ676" s="613"/>
      <c r="ANA676" s="613"/>
      <c r="ANB676" s="613"/>
      <c r="ANC676" s="613"/>
      <c r="AND676" s="613"/>
      <c r="ANE676" s="613"/>
      <c r="ANF676" s="613"/>
      <c r="ANG676" s="613"/>
      <c r="ANH676" s="613"/>
      <c r="ANI676" s="613"/>
      <c r="ANJ676" s="613"/>
      <c r="ANK676" s="613"/>
      <c r="ANL676" s="613"/>
      <c r="ANM676" s="613"/>
      <c r="ANN676" s="613"/>
      <c r="ANO676" s="613"/>
      <c r="ANP676" s="613"/>
      <c r="ANQ676" s="613"/>
      <c r="ANR676" s="613"/>
      <c r="ANS676" s="613"/>
      <c r="ANT676" s="613"/>
      <c r="ANU676" s="613"/>
      <c r="ANV676" s="613"/>
      <c r="ANW676" s="613"/>
      <c r="ANX676" s="613"/>
      <c r="ANY676" s="613"/>
      <c r="ANZ676" s="613"/>
      <c r="AOA676" s="613"/>
      <c r="AOB676" s="613"/>
      <c r="AOC676" s="613"/>
      <c r="AOD676" s="613"/>
      <c r="AOE676" s="613"/>
      <c r="AOF676" s="613"/>
      <c r="AOG676" s="613"/>
      <c r="AOH676" s="613"/>
      <c r="AOI676" s="613"/>
      <c r="AOJ676" s="613"/>
      <c r="AOK676" s="613"/>
      <c r="AOL676" s="613"/>
      <c r="AOM676" s="613"/>
      <c r="AON676" s="613"/>
      <c r="AOO676" s="613"/>
      <c r="AOP676" s="613"/>
      <c r="AOQ676" s="613"/>
      <c r="AOR676" s="613"/>
      <c r="AOS676" s="613"/>
      <c r="AOT676" s="613"/>
      <c r="AOU676" s="613"/>
      <c r="AOV676" s="613"/>
      <c r="AOW676" s="613"/>
      <c r="AOX676" s="613"/>
      <c r="AOY676" s="613"/>
      <c r="AOZ676" s="613"/>
      <c r="APA676" s="613"/>
      <c r="APB676" s="613"/>
      <c r="APC676" s="613"/>
      <c r="APD676" s="613"/>
      <c r="APE676" s="613"/>
      <c r="APF676" s="613"/>
      <c r="APG676" s="613"/>
      <c r="APH676" s="613"/>
      <c r="API676" s="613"/>
      <c r="APJ676" s="613"/>
      <c r="APK676" s="613"/>
      <c r="APL676" s="613"/>
      <c r="APM676" s="613"/>
      <c r="APN676" s="613"/>
      <c r="APO676" s="613"/>
      <c r="APP676" s="613"/>
      <c r="APQ676" s="613"/>
      <c r="APR676" s="613"/>
      <c r="APS676" s="613"/>
      <c r="APT676" s="613"/>
      <c r="APU676" s="613"/>
      <c r="APV676" s="613"/>
      <c r="APW676" s="613"/>
      <c r="APX676" s="613"/>
      <c r="APY676" s="613"/>
      <c r="APZ676" s="613"/>
      <c r="AQA676" s="613"/>
      <c r="AQB676" s="613"/>
      <c r="AQC676" s="613"/>
      <c r="AQD676" s="613"/>
      <c r="AQE676" s="613"/>
      <c r="AQF676" s="613"/>
      <c r="AQG676" s="613"/>
      <c r="AQH676" s="613"/>
      <c r="AQI676" s="613"/>
      <c r="AQJ676" s="613"/>
      <c r="AQK676" s="613"/>
      <c r="AQL676" s="613"/>
      <c r="AQM676" s="613"/>
      <c r="AQN676" s="613"/>
      <c r="AQO676" s="613"/>
      <c r="AQP676" s="613"/>
      <c r="AQQ676" s="613"/>
      <c r="AQR676" s="613"/>
      <c r="AQS676" s="613"/>
      <c r="AQT676" s="613"/>
      <c r="AQU676" s="613"/>
      <c r="AQV676" s="613"/>
      <c r="AQW676" s="613"/>
      <c r="AQX676" s="613"/>
      <c r="AQY676" s="613"/>
      <c r="AQZ676" s="613"/>
      <c r="ARA676" s="613"/>
      <c r="ARB676" s="613"/>
      <c r="ARC676" s="613"/>
      <c r="ARD676" s="613"/>
      <c r="ARE676" s="613"/>
      <c r="ARF676" s="613"/>
      <c r="ARG676" s="613"/>
      <c r="ARH676" s="613"/>
      <c r="ARI676" s="613"/>
      <c r="ARJ676" s="613"/>
      <c r="ARK676" s="613"/>
      <c r="ARL676" s="613"/>
      <c r="ARM676" s="613"/>
      <c r="ARN676" s="613"/>
      <c r="ARO676" s="613"/>
      <c r="ARP676" s="613"/>
      <c r="ARQ676" s="613"/>
      <c r="ARR676" s="613"/>
      <c r="ARS676" s="613"/>
      <c r="ART676" s="613"/>
      <c r="ARU676" s="613"/>
      <c r="ARV676" s="613"/>
      <c r="ARW676" s="613"/>
      <c r="ARX676" s="613"/>
      <c r="ARY676" s="613"/>
      <c r="ARZ676" s="613"/>
      <c r="ASA676" s="613"/>
      <c r="ASB676" s="613"/>
      <c r="ASC676" s="613"/>
      <c r="ASD676" s="613"/>
      <c r="ASE676" s="613"/>
      <c r="ASF676" s="613"/>
      <c r="ASG676" s="613"/>
      <c r="ASH676" s="613"/>
      <c r="ASI676" s="613"/>
      <c r="ASJ676" s="613"/>
      <c r="ASK676" s="613"/>
      <c r="ASL676" s="613"/>
      <c r="ASM676" s="613"/>
      <c r="ASN676" s="613"/>
      <c r="ASO676" s="613"/>
      <c r="ASP676" s="613"/>
      <c r="ASQ676" s="613"/>
      <c r="ASR676" s="613"/>
      <c r="ASS676" s="613"/>
      <c r="AST676" s="613"/>
      <c r="ASU676" s="613"/>
      <c r="ASV676" s="613"/>
      <c r="ASW676" s="613"/>
      <c r="ASX676" s="613"/>
      <c r="ASY676" s="613"/>
      <c r="ASZ676" s="613"/>
      <c r="ATA676" s="613"/>
      <c r="ATB676" s="613"/>
      <c r="ATC676" s="613"/>
      <c r="ATD676" s="613"/>
      <c r="ATE676" s="613"/>
      <c r="ATF676" s="613"/>
      <c r="ATG676" s="613"/>
      <c r="ATH676" s="613"/>
      <c r="ATI676" s="613"/>
      <c r="ATJ676" s="613"/>
      <c r="ATK676" s="613"/>
      <c r="ATL676" s="613"/>
      <c r="ATM676" s="613"/>
      <c r="ATN676" s="613"/>
      <c r="ATO676" s="613"/>
      <c r="ATP676" s="613"/>
      <c r="ATQ676" s="613"/>
      <c r="ATR676" s="613"/>
      <c r="ATS676" s="613"/>
      <c r="ATT676" s="613"/>
      <c r="ATU676" s="613"/>
      <c r="ATV676" s="613"/>
      <c r="ATW676" s="613"/>
      <c r="ATX676" s="613"/>
      <c r="ATY676" s="613"/>
      <c r="ATZ676" s="613"/>
      <c r="AUA676" s="613"/>
      <c r="AUB676" s="613"/>
      <c r="AUC676" s="613"/>
      <c r="AUD676" s="613"/>
      <c r="AUE676" s="613"/>
      <c r="AUF676" s="613"/>
      <c r="AUG676" s="613"/>
      <c r="AUH676" s="613"/>
      <c r="AUI676" s="613"/>
      <c r="AUJ676" s="613"/>
      <c r="AUK676" s="613"/>
      <c r="AUL676" s="613"/>
      <c r="AUM676" s="613"/>
      <c r="AUN676" s="613"/>
      <c r="AUO676" s="613"/>
      <c r="AUP676" s="613"/>
      <c r="AUQ676" s="613"/>
      <c r="AUR676" s="613"/>
      <c r="AUS676" s="613"/>
      <c r="AUT676" s="613"/>
      <c r="AUU676" s="613"/>
      <c r="AUV676" s="613"/>
      <c r="AUW676" s="613"/>
      <c r="AUX676" s="613"/>
      <c r="AUY676" s="613"/>
      <c r="AUZ676" s="613"/>
      <c r="AVA676" s="613"/>
      <c r="AVB676" s="613"/>
      <c r="AVC676" s="613"/>
      <c r="AVD676" s="613"/>
      <c r="AVE676" s="613"/>
      <c r="AVF676" s="613"/>
      <c r="AVG676" s="613"/>
      <c r="AVH676" s="613"/>
      <c r="AVI676" s="613"/>
      <c r="AVJ676" s="613"/>
      <c r="AVK676" s="613"/>
      <c r="AVL676" s="613"/>
      <c r="AVM676" s="613"/>
      <c r="AVN676" s="613"/>
      <c r="AVO676" s="613"/>
      <c r="AVP676" s="613"/>
      <c r="AVQ676" s="613"/>
      <c r="AVR676" s="613"/>
      <c r="AVS676" s="613"/>
      <c r="AVT676" s="613"/>
      <c r="AVU676" s="613"/>
      <c r="AVV676" s="613"/>
      <c r="AVW676" s="613"/>
      <c r="AVX676" s="613"/>
      <c r="AVY676" s="613"/>
      <c r="AVZ676" s="613"/>
      <c r="AWA676" s="613"/>
      <c r="AWB676" s="613"/>
      <c r="AWC676" s="613"/>
      <c r="AWD676" s="613"/>
      <c r="AWE676" s="613"/>
      <c r="AWF676" s="613"/>
      <c r="AWG676" s="613"/>
      <c r="AWH676" s="613"/>
      <c r="AWI676" s="613"/>
      <c r="AWJ676" s="613"/>
      <c r="AWK676" s="613"/>
      <c r="AWL676" s="613"/>
      <c r="AWM676" s="613"/>
      <c r="AWN676" s="613"/>
      <c r="AWO676" s="613"/>
      <c r="AWP676" s="613"/>
      <c r="AWQ676" s="613"/>
      <c r="AWR676" s="613"/>
      <c r="AWS676" s="613"/>
      <c r="AWT676" s="613"/>
      <c r="AWU676" s="613"/>
      <c r="AWV676" s="613"/>
      <c r="AWW676" s="613"/>
      <c r="AWX676" s="613"/>
      <c r="AWY676" s="613"/>
      <c r="AWZ676" s="613"/>
      <c r="AXA676" s="613"/>
      <c r="AXB676" s="613"/>
      <c r="AXC676" s="613"/>
      <c r="AXD676" s="613"/>
      <c r="AXE676" s="613"/>
      <c r="AXF676" s="613"/>
      <c r="AXG676" s="613"/>
      <c r="AXH676" s="613"/>
      <c r="AXI676" s="613"/>
      <c r="AXJ676" s="613"/>
      <c r="AXK676" s="613"/>
      <c r="AXL676" s="613"/>
      <c r="AXM676" s="613"/>
      <c r="AXN676" s="613"/>
      <c r="AXO676" s="613"/>
      <c r="AXP676" s="613"/>
      <c r="AXQ676" s="613"/>
      <c r="AXR676" s="613"/>
      <c r="AXS676" s="613"/>
      <c r="AXT676" s="613"/>
      <c r="AXU676" s="613"/>
      <c r="AXV676" s="613"/>
      <c r="AXW676" s="613"/>
      <c r="AXX676" s="613"/>
      <c r="AXY676" s="613"/>
      <c r="AXZ676" s="613"/>
      <c r="AYA676" s="613"/>
      <c r="AYB676" s="613"/>
      <c r="AYC676" s="613"/>
      <c r="AYD676" s="613"/>
      <c r="AYE676" s="613"/>
      <c r="AYF676" s="613"/>
      <c r="AYG676" s="613"/>
      <c r="AYH676" s="613"/>
      <c r="AYI676" s="613"/>
      <c r="AYJ676" s="613"/>
      <c r="AYK676" s="613"/>
      <c r="AYL676" s="613"/>
      <c r="AYM676" s="613"/>
      <c r="AYN676" s="613"/>
      <c r="AYO676" s="613"/>
      <c r="AYP676" s="613"/>
      <c r="AYQ676" s="613"/>
      <c r="AYR676" s="613"/>
      <c r="AYS676" s="613"/>
      <c r="AYT676" s="613"/>
      <c r="AYU676" s="613"/>
      <c r="AYV676" s="613"/>
      <c r="AYW676" s="613"/>
      <c r="AYX676" s="613"/>
      <c r="AYY676" s="613"/>
      <c r="AYZ676" s="613"/>
      <c r="AZA676" s="613"/>
      <c r="AZB676" s="613"/>
      <c r="AZC676" s="613"/>
      <c r="AZD676" s="613"/>
      <c r="AZE676" s="613"/>
      <c r="AZF676" s="613"/>
      <c r="AZG676" s="613"/>
      <c r="AZH676" s="613"/>
      <c r="AZI676" s="613"/>
      <c r="AZJ676" s="613"/>
      <c r="AZK676" s="613"/>
      <c r="AZL676" s="613"/>
      <c r="AZM676" s="613"/>
      <c r="AZN676" s="613"/>
      <c r="AZO676" s="613"/>
      <c r="AZP676" s="613"/>
      <c r="AZQ676" s="613"/>
      <c r="AZR676" s="613"/>
      <c r="AZS676" s="613"/>
      <c r="AZT676" s="613"/>
      <c r="AZU676" s="613"/>
      <c r="AZV676" s="613"/>
      <c r="AZW676" s="613"/>
      <c r="AZX676" s="613"/>
      <c r="AZY676" s="613"/>
      <c r="AZZ676" s="613"/>
      <c r="BAA676" s="613"/>
      <c r="BAB676" s="613"/>
      <c r="BAC676" s="613"/>
      <c r="BAD676" s="613"/>
      <c r="BAE676" s="613"/>
      <c r="BAF676" s="613"/>
      <c r="BAG676" s="613"/>
      <c r="BAH676" s="613"/>
      <c r="BAI676" s="613"/>
      <c r="BAJ676" s="613"/>
      <c r="BAK676" s="613"/>
      <c r="BAL676" s="613"/>
      <c r="BAM676" s="613"/>
      <c r="BAN676" s="613"/>
      <c r="BAO676" s="613"/>
      <c r="BAP676" s="613"/>
      <c r="BAQ676" s="613"/>
      <c r="BAR676" s="613"/>
      <c r="BAS676" s="613"/>
      <c r="BAT676" s="613"/>
      <c r="BAU676" s="613"/>
      <c r="BAV676" s="613"/>
      <c r="BAW676" s="613"/>
      <c r="BAX676" s="613"/>
      <c r="BAY676" s="613"/>
      <c r="BAZ676" s="613"/>
      <c r="BBA676" s="613"/>
      <c r="BBB676" s="613"/>
      <c r="BBC676" s="613"/>
      <c r="BBD676" s="613"/>
      <c r="BBE676" s="613"/>
      <c r="BBF676" s="613"/>
      <c r="BBG676" s="613"/>
      <c r="BBH676" s="613"/>
      <c r="BBI676" s="613"/>
      <c r="BBJ676" s="613"/>
      <c r="BBK676" s="613"/>
      <c r="BBL676" s="613"/>
      <c r="BBM676" s="613"/>
      <c r="BBN676" s="613"/>
      <c r="BBO676" s="613"/>
      <c r="BBP676" s="613"/>
      <c r="BBQ676" s="613"/>
      <c r="BBR676" s="613"/>
      <c r="BBS676" s="613"/>
      <c r="BBT676" s="613"/>
      <c r="BBU676" s="613"/>
      <c r="BBV676" s="613"/>
      <c r="BBW676" s="613"/>
      <c r="BBX676" s="613"/>
      <c r="BBY676" s="613"/>
      <c r="BBZ676" s="613"/>
      <c r="BCA676" s="613"/>
      <c r="BCB676" s="613"/>
      <c r="BCC676" s="613"/>
      <c r="BCD676" s="613"/>
      <c r="BCE676" s="613"/>
      <c r="BCF676" s="613"/>
      <c r="BCG676" s="613"/>
      <c r="BCH676" s="613"/>
      <c r="BCI676" s="613"/>
      <c r="BCJ676" s="613"/>
      <c r="BCK676" s="613"/>
      <c r="BCL676" s="613"/>
      <c r="BCM676" s="613"/>
      <c r="BCN676" s="613"/>
      <c r="BCO676" s="613"/>
      <c r="BCP676" s="613"/>
      <c r="BCQ676" s="613"/>
      <c r="BCR676" s="613"/>
      <c r="BCS676" s="613"/>
      <c r="BCT676" s="613"/>
      <c r="BCU676" s="613"/>
      <c r="BCV676" s="613"/>
      <c r="BCW676" s="613"/>
      <c r="BCX676" s="613"/>
      <c r="BCY676" s="613"/>
      <c r="BCZ676" s="613"/>
      <c r="BDA676" s="613"/>
      <c r="BDB676" s="613"/>
      <c r="BDC676" s="613"/>
      <c r="BDD676" s="613"/>
      <c r="BDE676" s="613"/>
      <c r="BDF676" s="613"/>
      <c r="BDG676" s="613"/>
      <c r="BDH676" s="613"/>
      <c r="BDI676" s="613"/>
      <c r="BDJ676" s="613"/>
      <c r="BDK676" s="613"/>
      <c r="BDL676" s="613"/>
      <c r="BDM676" s="613"/>
      <c r="BDN676" s="613"/>
      <c r="BDO676" s="613"/>
      <c r="BDP676" s="613"/>
      <c r="BDQ676" s="613"/>
      <c r="BDR676" s="613"/>
      <c r="BDS676" s="613"/>
      <c r="BDT676" s="613"/>
      <c r="BDU676" s="613"/>
      <c r="BDV676" s="613"/>
      <c r="BDW676" s="613"/>
      <c r="BDX676" s="613"/>
      <c r="BDY676" s="613"/>
      <c r="BDZ676" s="613"/>
      <c r="BEA676" s="613"/>
      <c r="BEB676" s="613"/>
      <c r="BEC676" s="613"/>
      <c r="BED676" s="613"/>
      <c r="BEE676" s="613"/>
      <c r="BEF676" s="613"/>
      <c r="BEG676" s="613"/>
      <c r="BEH676" s="613"/>
      <c r="BEI676" s="613"/>
      <c r="BEJ676" s="613"/>
      <c r="BEK676" s="613"/>
      <c r="BEL676" s="613"/>
      <c r="BEM676" s="613"/>
      <c r="BEN676" s="613"/>
      <c r="BEO676" s="613"/>
      <c r="BEP676" s="613"/>
      <c r="BEQ676" s="613"/>
      <c r="BER676" s="613"/>
      <c r="BES676" s="613"/>
      <c r="BET676" s="613"/>
      <c r="BEU676" s="613"/>
      <c r="BEV676" s="613"/>
      <c r="BEW676" s="613"/>
      <c r="BEX676" s="613"/>
      <c r="BEY676" s="613"/>
      <c r="BEZ676" s="613"/>
      <c r="BFA676" s="613"/>
      <c r="BFB676" s="613"/>
      <c r="BFC676" s="613"/>
      <c r="BFD676" s="613"/>
      <c r="BFE676" s="613"/>
      <c r="BFF676" s="613"/>
      <c r="BFG676" s="613"/>
      <c r="BFH676" s="613"/>
      <c r="BFI676" s="613"/>
      <c r="BFJ676" s="613"/>
      <c r="BFK676" s="613"/>
      <c r="BFL676" s="613"/>
      <c r="BFM676" s="613"/>
      <c r="BFN676" s="613"/>
      <c r="BFO676" s="613"/>
      <c r="BFP676" s="613"/>
      <c r="BFQ676" s="613"/>
      <c r="BFR676" s="613"/>
      <c r="BFS676" s="613"/>
      <c r="BFT676" s="613"/>
      <c r="BFU676" s="613"/>
      <c r="BFV676" s="613"/>
      <c r="BFW676" s="613"/>
      <c r="BFX676" s="613"/>
      <c r="BFY676" s="613"/>
      <c r="BFZ676" s="613"/>
      <c r="BGA676" s="613"/>
      <c r="BGB676" s="613"/>
      <c r="BGC676" s="613"/>
      <c r="BGD676" s="613"/>
      <c r="BGE676" s="613"/>
      <c r="BGF676" s="613"/>
      <c r="BGG676" s="613"/>
      <c r="BGH676" s="613"/>
      <c r="BGI676" s="613"/>
      <c r="BGJ676" s="613"/>
      <c r="BGK676" s="613"/>
      <c r="BGL676" s="613"/>
      <c r="BGM676" s="613"/>
      <c r="BGN676" s="613"/>
      <c r="BGO676" s="613"/>
      <c r="BGP676" s="613"/>
      <c r="BGQ676" s="613"/>
      <c r="BGR676" s="613"/>
      <c r="BGS676" s="613"/>
      <c r="BGT676" s="613"/>
      <c r="BGU676" s="613"/>
      <c r="BGV676" s="613"/>
      <c r="BGW676" s="613"/>
      <c r="BGX676" s="613"/>
      <c r="BGY676" s="613"/>
      <c r="BGZ676" s="613"/>
      <c r="BHA676" s="613"/>
      <c r="BHB676" s="613"/>
      <c r="BHC676" s="613"/>
      <c r="BHD676" s="613"/>
      <c r="BHE676" s="613"/>
      <c r="BHF676" s="613"/>
      <c r="BHG676" s="613"/>
      <c r="BHH676" s="613"/>
      <c r="BHI676" s="613"/>
      <c r="BHJ676" s="613"/>
      <c r="BHK676" s="613"/>
      <c r="BHL676" s="613"/>
      <c r="BHM676" s="613"/>
      <c r="BHN676" s="613"/>
      <c r="BHO676" s="613"/>
      <c r="BHP676" s="613"/>
      <c r="BHQ676" s="613"/>
      <c r="BHR676" s="613"/>
      <c r="BHS676" s="613"/>
      <c r="BHT676" s="613"/>
      <c r="BHU676" s="613"/>
      <c r="BHV676" s="613"/>
      <c r="BHW676" s="613"/>
      <c r="BHX676" s="613"/>
      <c r="BHY676" s="613"/>
      <c r="BHZ676" s="613"/>
      <c r="BIA676" s="613"/>
      <c r="BIB676" s="613"/>
      <c r="BIC676" s="613"/>
      <c r="BID676" s="613"/>
      <c r="BIE676" s="613"/>
      <c r="BIF676" s="613"/>
      <c r="BIG676" s="613"/>
      <c r="BIH676" s="613"/>
      <c r="BII676" s="613"/>
      <c r="BIJ676" s="613"/>
      <c r="BIK676" s="613"/>
      <c r="BIL676" s="613"/>
      <c r="BIM676" s="613"/>
      <c r="BIN676" s="613"/>
      <c r="BIO676" s="613"/>
      <c r="BIP676" s="613"/>
      <c r="BIQ676" s="613"/>
      <c r="BIR676" s="613"/>
      <c r="BIS676" s="613"/>
      <c r="BIT676" s="613"/>
      <c r="BIU676" s="613"/>
      <c r="BIV676" s="613"/>
      <c r="BIW676" s="613"/>
      <c r="BIX676" s="613"/>
      <c r="BIY676" s="613"/>
      <c r="BIZ676" s="613"/>
      <c r="BJA676" s="613"/>
      <c r="BJB676" s="613"/>
      <c r="BJC676" s="613"/>
      <c r="BJD676" s="613"/>
      <c r="BJE676" s="613"/>
      <c r="BJF676" s="613"/>
      <c r="BJG676" s="613"/>
      <c r="BJH676" s="613"/>
      <c r="BJI676" s="613"/>
      <c r="BJJ676" s="613"/>
      <c r="BJK676" s="613"/>
      <c r="BJL676" s="613"/>
      <c r="BJM676" s="613"/>
      <c r="BJN676" s="613"/>
      <c r="BJO676" s="613"/>
      <c r="BJP676" s="613"/>
      <c r="BJQ676" s="613"/>
      <c r="BJR676" s="613"/>
      <c r="BJS676" s="613"/>
      <c r="BJT676" s="613"/>
      <c r="BJU676" s="613"/>
      <c r="BJV676" s="613"/>
      <c r="BJW676" s="613"/>
      <c r="BJX676" s="613"/>
      <c r="BJY676" s="613"/>
      <c r="BJZ676" s="613"/>
      <c r="BKA676" s="613"/>
      <c r="BKB676" s="613"/>
      <c r="BKC676" s="613"/>
      <c r="BKD676" s="613"/>
      <c r="BKE676" s="613"/>
      <c r="BKF676" s="613"/>
      <c r="BKG676" s="613"/>
      <c r="BKH676" s="613"/>
      <c r="BKI676" s="613"/>
      <c r="BKJ676" s="613"/>
      <c r="BKK676" s="613"/>
      <c r="BKL676" s="613"/>
      <c r="BKM676" s="613"/>
      <c r="BKN676" s="613"/>
      <c r="BKO676" s="613"/>
      <c r="BKP676" s="613"/>
      <c r="BKQ676" s="613"/>
      <c r="BKR676" s="613"/>
      <c r="BKS676" s="613"/>
      <c r="BKT676" s="613"/>
      <c r="BKU676" s="613"/>
      <c r="BKV676" s="613"/>
      <c r="BKW676" s="613"/>
      <c r="BKX676" s="613"/>
      <c r="BKY676" s="613"/>
      <c r="BKZ676" s="613"/>
      <c r="BLA676" s="613"/>
      <c r="BLB676" s="613"/>
      <c r="BLC676" s="613"/>
      <c r="BLD676" s="613"/>
      <c r="BLE676" s="613"/>
      <c r="BLF676" s="613"/>
      <c r="BLG676" s="613"/>
      <c r="BLH676" s="613"/>
      <c r="BLI676" s="613"/>
      <c r="BLJ676" s="613"/>
      <c r="BLK676" s="613"/>
      <c r="BLL676" s="613"/>
      <c r="BLM676" s="613"/>
      <c r="BLN676" s="613"/>
      <c r="BLO676" s="613"/>
      <c r="BLP676" s="613"/>
      <c r="BLQ676" s="613"/>
      <c r="BLR676" s="613"/>
      <c r="BLS676" s="613"/>
      <c r="BLT676" s="613"/>
      <c r="BLU676" s="613"/>
      <c r="BLV676" s="613"/>
      <c r="BLW676" s="613"/>
      <c r="BLX676" s="613"/>
      <c r="BLY676" s="613"/>
      <c r="BLZ676" s="613"/>
      <c r="BMA676" s="613"/>
      <c r="BMB676" s="613"/>
      <c r="BMC676" s="613"/>
      <c r="BMD676" s="613"/>
      <c r="BME676" s="613"/>
      <c r="BMF676" s="613"/>
      <c r="BMG676" s="613"/>
      <c r="BMH676" s="613"/>
      <c r="BMI676" s="613"/>
      <c r="BMJ676" s="613"/>
      <c r="BMK676" s="613"/>
      <c r="BML676" s="613"/>
      <c r="BMM676" s="613"/>
      <c r="BMN676" s="613"/>
      <c r="BMO676" s="613"/>
      <c r="BMP676" s="613"/>
      <c r="BMQ676" s="613"/>
      <c r="BMR676" s="613"/>
      <c r="BMS676" s="613"/>
      <c r="BMT676" s="613"/>
      <c r="BMU676" s="613"/>
      <c r="BMV676" s="613"/>
      <c r="BMW676" s="613"/>
      <c r="BMX676" s="613"/>
      <c r="BMY676" s="613"/>
      <c r="BMZ676" s="613"/>
      <c r="BNA676" s="613"/>
      <c r="BNB676" s="613"/>
      <c r="BNC676" s="613"/>
      <c r="BND676" s="613"/>
      <c r="BNE676" s="613"/>
      <c r="BNF676" s="613"/>
      <c r="BNG676" s="613"/>
      <c r="BNH676" s="613"/>
      <c r="BNI676" s="613"/>
      <c r="BNJ676" s="613"/>
      <c r="BNK676" s="613"/>
      <c r="BNL676" s="613"/>
      <c r="BNM676" s="613"/>
      <c r="BNN676" s="613"/>
      <c r="BNO676" s="613"/>
      <c r="BNP676" s="613"/>
      <c r="BNQ676" s="613"/>
      <c r="BNR676" s="613"/>
      <c r="BNS676" s="613"/>
      <c r="BNT676" s="613"/>
      <c r="BNU676" s="613"/>
      <c r="BNV676" s="613"/>
      <c r="BNW676" s="613"/>
      <c r="BNX676" s="613"/>
      <c r="BNY676" s="613"/>
      <c r="BNZ676" s="613"/>
      <c r="BOA676" s="613"/>
      <c r="BOB676" s="613"/>
      <c r="BOC676" s="613"/>
      <c r="BOD676" s="613"/>
      <c r="BOE676" s="613"/>
      <c r="BOF676" s="613"/>
      <c r="BOG676" s="613"/>
      <c r="BOH676" s="613"/>
      <c r="BOI676" s="613"/>
      <c r="BOJ676" s="613"/>
      <c r="BOK676" s="613"/>
      <c r="BOL676" s="613"/>
      <c r="BOM676" s="613"/>
      <c r="BON676" s="613"/>
      <c r="BOO676" s="613"/>
      <c r="BOP676" s="613"/>
      <c r="BOQ676" s="613"/>
      <c r="BOR676" s="613"/>
      <c r="BOS676" s="613"/>
      <c r="BOT676" s="613"/>
      <c r="BOU676" s="613"/>
      <c r="BOV676" s="613"/>
      <c r="BOW676" s="613"/>
      <c r="BOX676" s="613"/>
      <c r="BOY676" s="613"/>
      <c r="BOZ676" s="613"/>
      <c r="BPA676" s="613"/>
      <c r="BPB676" s="613"/>
      <c r="BPC676" s="613"/>
      <c r="BPD676" s="613"/>
      <c r="BPE676" s="613"/>
      <c r="BPF676" s="613"/>
      <c r="BPG676" s="613"/>
      <c r="BPH676" s="613"/>
      <c r="BPI676" s="613"/>
      <c r="BPJ676" s="613"/>
      <c r="BPK676" s="613"/>
      <c r="BPL676" s="613"/>
      <c r="BPM676" s="613"/>
      <c r="BPN676" s="613"/>
      <c r="BPO676" s="613"/>
      <c r="BPP676" s="613"/>
      <c r="BPQ676" s="613"/>
      <c r="BPR676" s="613"/>
      <c r="BPS676" s="613"/>
      <c r="BPT676" s="613"/>
      <c r="BPU676" s="613"/>
      <c r="BPV676" s="613"/>
      <c r="BPW676" s="613"/>
      <c r="BPX676" s="613"/>
      <c r="BPY676" s="613"/>
      <c r="BPZ676" s="613"/>
      <c r="BQA676" s="613"/>
      <c r="BQB676" s="613"/>
      <c r="BQC676" s="613"/>
      <c r="BQD676" s="613"/>
      <c r="BQE676" s="613"/>
      <c r="BQF676" s="613"/>
      <c r="BQG676" s="613"/>
      <c r="BQH676" s="613"/>
      <c r="BQI676" s="613"/>
      <c r="BQJ676" s="613"/>
      <c r="BQK676" s="613"/>
      <c r="BQL676" s="613"/>
      <c r="BQM676" s="613"/>
      <c r="BQN676" s="613"/>
      <c r="BQO676" s="613"/>
      <c r="BQP676" s="613"/>
      <c r="BQQ676" s="613"/>
      <c r="BQR676" s="613"/>
      <c r="BQS676" s="613"/>
      <c r="BQT676" s="613"/>
      <c r="BQU676" s="613"/>
      <c r="BQV676" s="613"/>
      <c r="BQW676" s="613"/>
      <c r="BQX676" s="613"/>
      <c r="BQY676" s="613"/>
      <c r="BQZ676" s="613"/>
      <c r="BRA676" s="613"/>
      <c r="BRB676" s="613"/>
      <c r="BRC676" s="613"/>
      <c r="BRD676" s="613"/>
      <c r="BRE676" s="613"/>
      <c r="BRF676" s="613"/>
      <c r="BRG676" s="613"/>
      <c r="BRH676" s="613"/>
      <c r="BRI676" s="613"/>
      <c r="BRJ676" s="613"/>
      <c r="BRK676" s="613"/>
      <c r="BRL676" s="613"/>
      <c r="BRM676" s="613"/>
      <c r="BRN676" s="613"/>
      <c r="BRO676" s="613"/>
      <c r="BRP676" s="613"/>
      <c r="BRQ676" s="613"/>
      <c r="BRR676" s="613"/>
      <c r="BRS676" s="613"/>
      <c r="BRT676" s="613"/>
      <c r="BRU676" s="613"/>
      <c r="BRV676" s="613"/>
      <c r="BRW676" s="613"/>
      <c r="BRX676" s="613"/>
      <c r="BRY676" s="613"/>
      <c r="BRZ676" s="613"/>
      <c r="BSA676" s="613"/>
      <c r="BSB676" s="613"/>
      <c r="BSC676" s="613"/>
      <c r="BSD676" s="613"/>
      <c r="BSE676" s="613"/>
      <c r="BSF676" s="613"/>
      <c r="BSG676" s="613"/>
      <c r="BSH676" s="613"/>
      <c r="BSI676" s="613"/>
      <c r="BSJ676" s="613"/>
      <c r="BSK676" s="613"/>
      <c r="BSL676" s="613"/>
      <c r="BSM676" s="613"/>
      <c r="BSN676" s="613"/>
      <c r="BSO676" s="613"/>
      <c r="BSP676" s="613"/>
      <c r="BSQ676" s="613"/>
      <c r="BSR676" s="613"/>
      <c r="BSS676" s="613"/>
      <c r="BST676" s="613"/>
      <c r="BSU676" s="613"/>
      <c r="BSV676" s="613"/>
      <c r="BSW676" s="613"/>
      <c r="BSX676" s="613"/>
      <c r="BSY676" s="613"/>
      <c r="BSZ676" s="613"/>
      <c r="BTA676" s="613"/>
      <c r="BTB676" s="613"/>
      <c r="BTC676" s="613"/>
      <c r="BTD676" s="613"/>
      <c r="BTE676" s="613"/>
      <c r="BTF676" s="613"/>
      <c r="BTG676" s="613"/>
      <c r="BTH676" s="613"/>
      <c r="BTI676" s="613"/>
      <c r="BTJ676" s="613"/>
      <c r="BTK676" s="613"/>
      <c r="BTL676" s="613"/>
      <c r="BTM676" s="613"/>
      <c r="BTN676" s="613"/>
      <c r="BTO676" s="613"/>
      <c r="BTP676" s="613"/>
      <c r="BTQ676" s="613"/>
      <c r="BTR676" s="613"/>
      <c r="BTS676" s="613"/>
      <c r="BTT676" s="613"/>
      <c r="BTU676" s="613"/>
      <c r="BTV676" s="613"/>
      <c r="BTW676" s="613"/>
      <c r="BTX676" s="613"/>
      <c r="BTY676" s="613"/>
      <c r="BTZ676" s="613"/>
      <c r="BUA676" s="613"/>
      <c r="BUB676" s="613"/>
      <c r="BUC676" s="613"/>
      <c r="BUD676" s="613"/>
      <c r="BUE676" s="613"/>
      <c r="BUF676" s="613"/>
      <c r="BUG676" s="613"/>
      <c r="BUH676" s="613"/>
      <c r="BUI676" s="613"/>
      <c r="BUJ676" s="613"/>
      <c r="BUK676" s="613"/>
      <c r="BUL676" s="613"/>
      <c r="BUM676" s="613"/>
      <c r="BUN676" s="613"/>
      <c r="BUO676" s="613"/>
      <c r="BUP676" s="613"/>
      <c r="BUQ676" s="613"/>
      <c r="BUR676" s="613"/>
      <c r="BUS676" s="613"/>
      <c r="BUT676" s="613"/>
      <c r="BUU676" s="613"/>
      <c r="BUV676" s="613"/>
      <c r="BUW676" s="613"/>
      <c r="BUX676" s="613"/>
      <c r="BUY676" s="613"/>
      <c r="BUZ676" s="613"/>
      <c r="BVA676" s="613"/>
      <c r="BVB676" s="613"/>
      <c r="BVC676" s="613"/>
      <c r="BVD676" s="613"/>
      <c r="BVE676" s="613"/>
      <c r="BVF676" s="613"/>
      <c r="BVG676" s="613"/>
      <c r="BVH676" s="613"/>
      <c r="BVI676" s="613"/>
      <c r="BVJ676" s="613"/>
      <c r="BVK676" s="613"/>
      <c r="BVL676" s="613"/>
      <c r="BVM676" s="613"/>
      <c r="BVN676" s="613"/>
      <c r="BVO676" s="613"/>
      <c r="BVP676" s="613"/>
      <c r="BVQ676" s="613"/>
      <c r="BVR676" s="613"/>
      <c r="BVS676" s="613"/>
      <c r="BVT676" s="613"/>
      <c r="BVU676" s="613"/>
      <c r="BVV676" s="613"/>
      <c r="BVW676" s="613"/>
      <c r="BVX676" s="613"/>
      <c r="BVY676" s="613"/>
      <c r="BVZ676" s="613"/>
      <c r="BWA676" s="613"/>
      <c r="BWB676" s="613"/>
      <c r="BWC676" s="613"/>
      <c r="BWD676" s="613"/>
      <c r="BWE676" s="613"/>
      <c r="BWF676" s="613"/>
      <c r="BWG676" s="613"/>
      <c r="BWH676" s="613"/>
      <c r="BWI676" s="613"/>
      <c r="BWJ676" s="613"/>
      <c r="BWK676" s="613"/>
      <c r="BWL676" s="613"/>
      <c r="BWM676" s="613"/>
      <c r="BWN676" s="613"/>
      <c r="BWO676" s="613"/>
      <c r="BWP676" s="613"/>
      <c r="BWQ676" s="613"/>
      <c r="BWR676" s="613"/>
      <c r="BWS676" s="613"/>
      <c r="BWT676" s="613"/>
      <c r="BWU676" s="613"/>
      <c r="BWV676" s="613"/>
      <c r="BWW676" s="613"/>
      <c r="BWX676" s="613"/>
      <c r="BWY676" s="613"/>
      <c r="BWZ676" s="613"/>
      <c r="BXA676" s="613"/>
      <c r="BXB676" s="613"/>
      <c r="BXC676" s="613"/>
      <c r="BXD676" s="613"/>
      <c r="BXE676" s="613"/>
      <c r="BXF676" s="613"/>
      <c r="BXG676" s="613"/>
      <c r="BXH676" s="613"/>
      <c r="BXI676" s="613"/>
      <c r="BXJ676" s="613"/>
      <c r="BXK676" s="613"/>
      <c r="BXL676" s="613"/>
      <c r="BXM676" s="613"/>
      <c r="BXN676" s="613"/>
      <c r="BXO676" s="613"/>
      <c r="BXP676" s="613"/>
      <c r="BXQ676" s="613"/>
      <c r="BXR676" s="613"/>
      <c r="BXS676" s="613"/>
      <c r="BXT676" s="613"/>
      <c r="BXU676" s="613"/>
      <c r="BXV676" s="613"/>
      <c r="BXW676" s="613"/>
      <c r="BXX676" s="613"/>
      <c r="BXY676" s="613"/>
      <c r="BXZ676" s="613"/>
      <c r="BYA676" s="613"/>
      <c r="BYB676" s="613"/>
      <c r="BYC676" s="613"/>
      <c r="BYD676" s="613"/>
      <c r="BYE676" s="613"/>
      <c r="BYF676" s="613"/>
      <c r="BYG676" s="613"/>
      <c r="BYH676" s="613"/>
      <c r="BYI676" s="613"/>
      <c r="BYJ676" s="613"/>
      <c r="BYK676" s="613"/>
      <c r="BYL676" s="613"/>
      <c r="BYM676" s="613"/>
      <c r="BYN676" s="613"/>
      <c r="BYO676" s="613"/>
      <c r="BYP676" s="613"/>
      <c r="BYQ676" s="613"/>
      <c r="BYR676" s="613"/>
      <c r="BYS676" s="613"/>
      <c r="BYT676" s="613"/>
      <c r="BYU676" s="613"/>
      <c r="BYV676" s="613"/>
      <c r="BYW676" s="613"/>
      <c r="BYX676" s="613"/>
      <c r="BYY676" s="613"/>
      <c r="BYZ676" s="613"/>
      <c r="BZA676" s="613"/>
      <c r="BZB676" s="613"/>
      <c r="BZC676" s="613"/>
      <c r="BZD676" s="613"/>
      <c r="BZE676" s="613"/>
      <c r="BZF676" s="613"/>
      <c r="BZG676" s="613"/>
      <c r="BZH676" s="613"/>
      <c r="BZI676" s="613"/>
      <c r="BZJ676" s="613"/>
      <c r="BZK676" s="613"/>
      <c r="BZL676" s="613"/>
      <c r="BZM676" s="613"/>
      <c r="BZN676" s="613"/>
      <c r="BZO676" s="613"/>
      <c r="BZP676" s="613"/>
      <c r="BZQ676" s="613"/>
      <c r="BZR676" s="613"/>
      <c r="BZS676" s="613"/>
      <c r="BZT676" s="613"/>
      <c r="BZU676" s="613"/>
      <c r="BZV676" s="613"/>
      <c r="BZW676" s="613"/>
      <c r="BZX676" s="613"/>
      <c r="BZY676" s="613"/>
      <c r="BZZ676" s="613"/>
      <c r="CAA676" s="613"/>
      <c r="CAB676" s="613"/>
      <c r="CAC676" s="613"/>
      <c r="CAD676" s="613"/>
      <c r="CAE676" s="613"/>
      <c r="CAF676" s="613"/>
      <c r="CAG676" s="613"/>
      <c r="CAH676" s="613"/>
      <c r="CAI676" s="613"/>
      <c r="CAJ676" s="613"/>
      <c r="CAK676" s="613"/>
      <c r="CAL676" s="613"/>
      <c r="CAM676" s="613"/>
      <c r="CAN676" s="613"/>
      <c r="CAO676" s="613"/>
      <c r="CAP676" s="613"/>
      <c r="CAQ676" s="613"/>
      <c r="CAR676" s="613"/>
      <c r="CAS676" s="613"/>
      <c r="CAT676" s="613"/>
      <c r="CAU676" s="613"/>
      <c r="CAV676" s="613"/>
      <c r="CAW676" s="613"/>
      <c r="CAX676" s="613"/>
      <c r="CAY676" s="613"/>
      <c r="CAZ676" s="613"/>
      <c r="CBA676" s="613"/>
      <c r="CBB676" s="613"/>
      <c r="CBC676" s="613"/>
      <c r="CBD676" s="613"/>
      <c r="CBE676" s="613"/>
      <c r="CBF676" s="613"/>
      <c r="CBG676" s="613"/>
      <c r="CBH676" s="613"/>
      <c r="CBI676" s="613"/>
      <c r="CBJ676" s="613"/>
      <c r="CBK676" s="613"/>
      <c r="CBL676" s="613"/>
      <c r="CBM676" s="613"/>
      <c r="CBN676" s="613"/>
      <c r="CBO676" s="613"/>
      <c r="CBP676" s="613"/>
      <c r="CBQ676" s="613"/>
      <c r="CBR676" s="613"/>
      <c r="CBS676" s="613"/>
      <c r="CBT676" s="613"/>
      <c r="CBU676" s="613"/>
      <c r="CBV676" s="613"/>
      <c r="CBW676" s="613"/>
      <c r="CBX676" s="613"/>
      <c r="CBY676" s="613"/>
      <c r="CBZ676" s="613"/>
      <c r="CCA676" s="613"/>
      <c r="CCB676" s="613"/>
      <c r="CCC676" s="613"/>
      <c r="CCD676" s="613"/>
      <c r="CCE676" s="613"/>
      <c r="CCF676" s="613"/>
      <c r="CCG676" s="613"/>
      <c r="CCH676" s="613"/>
      <c r="CCI676" s="613"/>
      <c r="CCJ676" s="613"/>
      <c r="CCK676" s="613"/>
      <c r="CCL676" s="613"/>
      <c r="CCM676" s="613"/>
      <c r="CCN676" s="613"/>
      <c r="CCO676" s="613"/>
      <c r="CCP676" s="613"/>
      <c r="CCQ676" s="613"/>
      <c r="CCR676" s="613"/>
      <c r="CCS676" s="613"/>
      <c r="CCT676" s="613"/>
      <c r="CCU676" s="613"/>
      <c r="CCV676" s="613"/>
      <c r="CCW676" s="613"/>
      <c r="CCX676" s="613"/>
      <c r="CCY676" s="613"/>
      <c r="CCZ676" s="613"/>
      <c r="CDA676" s="613"/>
      <c r="CDB676" s="613"/>
      <c r="CDC676" s="613"/>
      <c r="CDD676" s="613"/>
      <c r="CDE676" s="613"/>
      <c r="CDF676" s="613"/>
      <c r="CDG676" s="613"/>
      <c r="CDH676" s="613"/>
      <c r="CDI676" s="613"/>
      <c r="CDJ676" s="613"/>
      <c r="CDK676" s="613"/>
      <c r="CDL676" s="613"/>
      <c r="CDM676" s="613"/>
      <c r="CDN676" s="613"/>
      <c r="CDO676" s="613"/>
      <c r="CDP676" s="613"/>
      <c r="CDQ676" s="613"/>
      <c r="CDR676" s="613"/>
      <c r="CDS676" s="613"/>
      <c r="CDT676" s="613"/>
      <c r="CDU676" s="613"/>
      <c r="CDV676" s="613"/>
      <c r="CDW676" s="613"/>
      <c r="CDX676" s="613"/>
      <c r="CDY676" s="613"/>
      <c r="CDZ676" s="613"/>
      <c r="CEA676" s="613"/>
      <c r="CEB676" s="613"/>
      <c r="CEC676" s="613"/>
      <c r="CED676" s="613"/>
      <c r="CEE676" s="613"/>
      <c r="CEF676" s="613"/>
      <c r="CEG676" s="613"/>
      <c r="CEH676" s="613"/>
      <c r="CEI676" s="613"/>
      <c r="CEJ676" s="613"/>
      <c r="CEK676" s="613"/>
      <c r="CEL676" s="613"/>
      <c r="CEM676" s="613"/>
      <c r="CEN676" s="613"/>
      <c r="CEO676" s="613"/>
      <c r="CEP676" s="613"/>
      <c r="CEQ676" s="613"/>
      <c r="CER676" s="613"/>
      <c r="CES676" s="613"/>
      <c r="CET676" s="613"/>
      <c r="CEU676" s="613"/>
      <c r="CEV676" s="613"/>
      <c r="CEW676" s="613"/>
      <c r="CEX676" s="613"/>
      <c r="CEY676" s="613"/>
      <c r="CEZ676" s="613"/>
      <c r="CFA676" s="613"/>
      <c r="CFB676" s="613"/>
      <c r="CFC676" s="613"/>
      <c r="CFD676" s="613"/>
      <c r="CFE676" s="613"/>
      <c r="CFF676" s="613"/>
      <c r="CFG676" s="613"/>
      <c r="CFH676" s="613"/>
      <c r="CFI676" s="613"/>
      <c r="CFJ676" s="613"/>
      <c r="CFK676" s="613"/>
      <c r="CFL676" s="613"/>
      <c r="CFM676" s="613"/>
      <c r="CFN676" s="613"/>
      <c r="CFO676" s="613"/>
      <c r="CFP676" s="613"/>
      <c r="CFQ676" s="613"/>
      <c r="CFR676" s="613"/>
      <c r="CFS676" s="613"/>
      <c r="CFT676" s="613"/>
      <c r="CFU676" s="613"/>
      <c r="CFV676" s="613"/>
      <c r="CFW676" s="613"/>
      <c r="CFX676" s="613"/>
      <c r="CFY676" s="613"/>
      <c r="CFZ676" s="613"/>
      <c r="CGA676" s="613"/>
      <c r="CGB676" s="613"/>
      <c r="CGC676" s="613"/>
      <c r="CGD676" s="613"/>
      <c r="CGE676" s="613"/>
      <c r="CGF676" s="613"/>
      <c r="CGG676" s="613"/>
      <c r="CGH676" s="613"/>
      <c r="CGI676" s="613"/>
      <c r="CGJ676" s="613"/>
      <c r="CGK676" s="613"/>
      <c r="CGL676" s="613"/>
      <c r="CGM676" s="613"/>
      <c r="CGN676" s="613"/>
      <c r="CGO676" s="613"/>
      <c r="CGP676" s="613"/>
      <c r="CGQ676" s="613"/>
      <c r="CGR676" s="613"/>
      <c r="CGS676" s="613"/>
      <c r="CGT676" s="613"/>
      <c r="CGU676" s="613"/>
      <c r="CGV676" s="613"/>
      <c r="CGW676" s="613"/>
      <c r="CGX676" s="613"/>
      <c r="CGY676" s="613"/>
      <c r="CGZ676" s="613"/>
      <c r="CHA676" s="613"/>
      <c r="CHB676" s="613"/>
      <c r="CHC676" s="613"/>
      <c r="CHD676" s="613"/>
      <c r="CHE676" s="613"/>
      <c r="CHF676" s="613"/>
      <c r="CHG676" s="613"/>
      <c r="CHH676" s="613"/>
      <c r="CHI676" s="613"/>
      <c r="CHJ676" s="613"/>
      <c r="CHK676" s="613"/>
      <c r="CHL676" s="613"/>
      <c r="CHM676" s="613"/>
      <c r="CHN676" s="613"/>
      <c r="CHO676" s="613"/>
      <c r="CHP676" s="613"/>
      <c r="CHQ676" s="613"/>
      <c r="CHR676" s="613"/>
      <c r="CHS676" s="613"/>
      <c r="CHT676" s="613"/>
      <c r="CHU676" s="613"/>
      <c r="CHV676" s="613"/>
      <c r="CHW676" s="613"/>
      <c r="CHX676" s="613"/>
      <c r="CHY676" s="613"/>
      <c r="CHZ676" s="613"/>
      <c r="CIA676" s="613"/>
      <c r="CIB676" s="613"/>
      <c r="CIC676" s="613"/>
      <c r="CID676" s="613"/>
      <c r="CIE676" s="613"/>
      <c r="CIF676" s="613"/>
      <c r="CIG676" s="613"/>
      <c r="CIH676" s="613"/>
      <c r="CII676" s="613"/>
      <c r="CIJ676" s="613"/>
      <c r="CIK676" s="613"/>
      <c r="CIL676" s="613"/>
      <c r="CIM676" s="613"/>
      <c r="CIN676" s="613"/>
      <c r="CIO676" s="613"/>
      <c r="CIP676" s="613"/>
      <c r="CIQ676" s="613"/>
      <c r="CIR676" s="613"/>
      <c r="CIS676" s="613"/>
      <c r="CIT676" s="613"/>
      <c r="CIU676" s="613"/>
      <c r="CIV676" s="613"/>
      <c r="CIW676" s="613"/>
      <c r="CIX676" s="613"/>
      <c r="CIY676" s="613"/>
      <c r="CIZ676" s="613"/>
      <c r="CJA676" s="613"/>
      <c r="CJB676" s="613"/>
      <c r="CJC676" s="613"/>
      <c r="CJD676" s="613"/>
      <c r="CJE676" s="613"/>
      <c r="CJF676" s="613"/>
      <c r="CJG676" s="613"/>
      <c r="CJH676" s="613"/>
      <c r="CJI676" s="613"/>
      <c r="CJJ676" s="613"/>
      <c r="CJK676" s="613"/>
      <c r="CJL676" s="613"/>
      <c r="CJM676" s="613"/>
      <c r="CJN676" s="613"/>
      <c r="CJO676" s="613"/>
      <c r="CJP676" s="613"/>
      <c r="CJQ676" s="613"/>
      <c r="CJR676" s="613"/>
      <c r="CJS676" s="613"/>
      <c r="CJT676" s="613"/>
      <c r="CJU676" s="613"/>
      <c r="CJV676" s="613"/>
      <c r="CJW676" s="613"/>
      <c r="CJX676" s="613"/>
      <c r="CJY676" s="613"/>
      <c r="CJZ676" s="613"/>
      <c r="CKA676" s="613"/>
      <c r="CKB676" s="613"/>
      <c r="CKC676" s="613"/>
      <c r="CKD676" s="613"/>
      <c r="CKE676" s="613"/>
      <c r="CKF676" s="613"/>
      <c r="CKG676" s="613"/>
      <c r="CKH676" s="613"/>
      <c r="CKI676" s="613"/>
      <c r="CKJ676" s="613"/>
      <c r="CKK676" s="613"/>
      <c r="CKL676" s="613"/>
      <c r="CKM676" s="613"/>
      <c r="CKN676" s="613"/>
      <c r="CKO676" s="613"/>
      <c r="CKP676" s="613"/>
      <c r="CKQ676" s="613"/>
      <c r="CKR676" s="613"/>
      <c r="CKS676" s="613"/>
      <c r="CKT676" s="613"/>
      <c r="CKU676" s="613"/>
      <c r="CKV676" s="613"/>
      <c r="CKW676" s="613"/>
      <c r="CKX676" s="613"/>
      <c r="CKY676" s="613"/>
      <c r="CKZ676" s="613"/>
      <c r="CLA676" s="613"/>
      <c r="CLB676" s="613"/>
      <c r="CLC676" s="613"/>
      <c r="CLD676" s="613"/>
      <c r="CLE676" s="613"/>
      <c r="CLF676" s="613"/>
      <c r="CLG676" s="613"/>
      <c r="CLH676" s="613"/>
      <c r="CLI676" s="613"/>
      <c r="CLJ676" s="613"/>
      <c r="CLK676" s="613"/>
      <c r="CLL676" s="613"/>
      <c r="CLM676" s="613"/>
      <c r="CLN676" s="613"/>
      <c r="CLO676" s="613"/>
      <c r="CLP676" s="613"/>
      <c r="CLQ676" s="613"/>
      <c r="CLR676" s="613"/>
      <c r="CLS676" s="613"/>
      <c r="CLT676" s="613"/>
      <c r="CLU676" s="613"/>
      <c r="CLV676" s="613"/>
      <c r="CLW676" s="613"/>
      <c r="CLX676" s="613"/>
      <c r="CLY676" s="613"/>
      <c r="CLZ676" s="613"/>
      <c r="CMA676" s="613"/>
      <c r="CMB676" s="613"/>
      <c r="CMC676" s="613"/>
      <c r="CMD676" s="613"/>
      <c r="CME676" s="613"/>
      <c r="CMF676" s="613"/>
      <c r="CMG676" s="613"/>
      <c r="CMH676" s="613"/>
      <c r="CMI676" s="613"/>
      <c r="CMJ676" s="613"/>
      <c r="CMK676" s="613"/>
      <c r="CML676" s="613"/>
      <c r="CMM676" s="613"/>
      <c r="CMN676" s="613"/>
      <c r="CMO676" s="613"/>
      <c r="CMP676" s="613"/>
      <c r="CMQ676" s="613"/>
      <c r="CMR676" s="613"/>
      <c r="CMS676" s="613"/>
      <c r="CMT676" s="613"/>
      <c r="CMU676" s="613"/>
      <c r="CMV676" s="613"/>
      <c r="CMW676" s="613"/>
      <c r="CMX676" s="613"/>
      <c r="CMY676" s="613"/>
      <c r="CMZ676" s="613"/>
      <c r="CNA676" s="613"/>
      <c r="CNB676" s="613"/>
      <c r="CNC676" s="613"/>
      <c r="CND676" s="613"/>
      <c r="CNE676" s="613"/>
      <c r="CNF676" s="613"/>
      <c r="CNG676" s="613"/>
      <c r="CNH676" s="613"/>
      <c r="CNI676" s="613"/>
      <c r="CNJ676" s="613"/>
      <c r="CNK676" s="613"/>
      <c r="CNL676" s="613"/>
      <c r="CNM676" s="613"/>
      <c r="CNN676" s="613"/>
      <c r="CNO676" s="613"/>
      <c r="CNP676" s="613"/>
      <c r="CNQ676" s="613"/>
      <c r="CNR676" s="613"/>
      <c r="CNS676" s="613"/>
      <c r="CNT676" s="613"/>
      <c r="CNU676" s="613"/>
      <c r="CNV676" s="613"/>
      <c r="CNW676" s="613"/>
      <c r="CNX676" s="613"/>
      <c r="CNY676" s="613"/>
      <c r="CNZ676" s="613"/>
      <c r="COA676" s="613"/>
      <c r="COB676" s="613"/>
      <c r="COC676" s="613"/>
      <c r="COD676" s="613"/>
      <c r="COE676" s="613"/>
      <c r="COF676" s="613"/>
      <c r="COG676" s="613"/>
      <c r="COH676" s="613"/>
      <c r="COI676" s="613"/>
      <c r="COJ676" s="613"/>
      <c r="COK676" s="613"/>
      <c r="COL676" s="613"/>
      <c r="COM676" s="613"/>
      <c r="CON676" s="613"/>
      <c r="COO676" s="613"/>
      <c r="COP676" s="613"/>
      <c r="COQ676" s="613"/>
      <c r="COR676" s="613"/>
      <c r="COS676" s="613"/>
      <c r="COT676" s="613"/>
      <c r="COU676" s="613"/>
      <c r="COV676" s="613"/>
      <c r="COW676" s="613"/>
      <c r="COX676" s="613"/>
      <c r="COY676" s="613"/>
      <c r="COZ676" s="613"/>
      <c r="CPA676" s="613"/>
      <c r="CPB676" s="613"/>
      <c r="CPC676" s="613"/>
      <c r="CPD676" s="613"/>
      <c r="CPE676" s="613"/>
      <c r="CPF676" s="613"/>
      <c r="CPG676" s="613"/>
      <c r="CPH676" s="613"/>
      <c r="CPI676" s="613"/>
      <c r="CPJ676" s="613"/>
      <c r="CPK676" s="613"/>
      <c r="CPL676" s="613"/>
      <c r="CPM676" s="613"/>
      <c r="CPN676" s="613"/>
      <c r="CPO676" s="613"/>
      <c r="CPP676" s="613"/>
      <c r="CPQ676" s="613"/>
      <c r="CPR676" s="613"/>
      <c r="CPS676" s="613"/>
      <c r="CPT676" s="613"/>
      <c r="CPU676" s="613"/>
      <c r="CPV676" s="613"/>
      <c r="CPW676" s="613"/>
      <c r="CPX676" s="613"/>
      <c r="CPY676" s="613"/>
      <c r="CPZ676" s="613"/>
      <c r="CQA676" s="613"/>
      <c r="CQB676" s="613"/>
      <c r="CQC676" s="613"/>
      <c r="CQD676" s="613"/>
      <c r="CQE676" s="613"/>
      <c r="CQF676" s="613"/>
      <c r="CQG676" s="613"/>
      <c r="CQH676" s="613"/>
      <c r="CQI676" s="613"/>
      <c r="CQJ676" s="613"/>
      <c r="CQK676" s="613"/>
      <c r="CQL676" s="613"/>
      <c r="CQM676" s="613"/>
      <c r="CQN676" s="613"/>
      <c r="CQO676" s="613"/>
      <c r="CQP676" s="613"/>
      <c r="CQQ676" s="613"/>
      <c r="CQR676" s="613"/>
      <c r="CQS676" s="613"/>
      <c r="CQT676" s="613"/>
      <c r="CQU676" s="613"/>
      <c r="CQV676" s="613"/>
      <c r="CQW676" s="613"/>
      <c r="CQX676" s="613"/>
      <c r="CQY676" s="613"/>
      <c r="CQZ676" s="613"/>
      <c r="CRA676" s="613"/>
      <c r="CRB676" s="613"/>
      <c r="CRC676" s="613"/>
      <c r="CRD676" s="613"/>
      <c r="CRE676" s="613"/>
      <c r="CRF676" s="613"/>
      <c r="CRG676" s="613"/>
      <c r="CRH676" s="613"/>
      <c r="CRI676" s="613"/>
      <c r="CRJ676" s="613"/>
      <c r="CRK676" s="613"/>
      <c r="CRL676" s="613"/>
      <c r="CRM676" s="613"/>
      <c r="CRN676" s="613"/>
      <c r="CRO676" s="613"/>
      <c r="CRP676" s="613"/>
      <c r="CRQ676" s="613"/>
      <c r="CRR676" s="613"/>
      <c r="CRS676" s="613"/>
      <c r="CRT676" s="613"/>
      <c r="CRU676" s="613"/>
      <c r="CRV676" s="613"/>
      <c r="CRW676" s="613"/>
      <c r="CRX676" s="613"/>
      <c r="CRY676" s="613"/>
      <c r="CRZ676" s="613"/>
      <c r="CSA676" s="613"/>
      <c r="CSB676" s="613"/>
      <c r="CSC676" s="613"/>
      <c r="CSD676" s="613"/>
      <c r="CSE676" s="613"/>
      <c r="CSF676" s="613"/>
      <c r="CSG676" s="613"/>
      <c r="CSH676" s="613"/>
      <c r="CSI676" s="613"/>
      <c r="CSJ676" s="613"/>
      <c r="CSK676" s="613"/>
      <c r="CSL676" s="613"/>
      <c r="CSM676" s="613"/>
      <c r="CSN676" s="613"/>
      <c r="CSO676" s="613"/>
      <c r="CSP676" s="613"/>
      <c r="CSQ676" s="613"/>
      <c r="CSR676" s="613"/>
      <c r="CSS676" s="613"/>
      <c r="CST676" s="613"/>
      <c r="CSU676" s="613"/>
      <c r="CSV676" s="613"/>
      <c r="CSW676" s="613"/>
      <c r="CSX676" s="613"/>
      <c r="CSY676" s="613"/>
      <c r="CSZ676" s="613"/>
      <c r="CTA676" s="613"/>
      <c r="CTB676" s="613"/>
      <c r="CTC676" s="613"/>
      <c r="CTD676" s="613"/>
      <c r="CTE676" s="613"/>
      <c r="CTF676" s="613"/>
      <c r="CTG676" s="613"/>
      <c r="CTH676" s="613"/>
      <c r="CTI676" s="613"/>
      <c r="CTJ676" s="613"/>
      <c r="CTK676" s="613"/>
      <c r="CTL676" s="613"/>
      <c r="CTM676" s="613"/>
      <c r="CTN676" s="613"/>
      <c r="CTO676" s="613"/>
      <c r="CTP676" s="613"/>
      <c r="CTQ676" s="613"/>
      <c r="CTR676" s="613"/>
      <c r="CTS676" s="613"/>
      <c r="CTT676" s="613"/>
      <c r="CTU676" s="613"/>
      <c r="CTV676" s="613"/>
      <c r="CTW676" s="613"/>
      <c r="CTX676" s="613"/>
      <c r="CTY676" s="613"/>
      <c r="CTZ676" s="613"/>
      <c r="CUA676" s="613"/>
      <c r="CUB676" s="613"/>
      <c r="CUC676" s="613"/>
      <c r="CUD676" s="613"/>
      <c r="CUE676" s="613"/>
      <c r="CUF676" s="613"/>
      <c r="CUG676" s="613"/>
      <c r="CUH676" s="613"/>
      <c r="CUI676" s="613"/>
      <c r="CUJ676" s="613"/>
      <c r="CUK676" s="613"/>
      <c r="CUL676" s="613"/>
      <c r="CUM676" s="613"/>
      <c r="CUN676" s="613"/>
      <c r="CUO676" s="613"/>
      <c r="CUP676" s="613"/>
      <c r="CUQ676" s="613"/>
      <c r="CUR676" s="613"/>
      <c r="CUS676" s="613"/>
      <c r="CUT676" s="613"/>
      <c r="CUU676" s="613"/>
      <c r="CUV676" s="613"/>
      <c r="CUW676" s="613"/>
      <c r="CUX676" s="613"/>
      <c r="CUY676" s="613"/>
      <c r="CUZ676" s="613"/>
      <c r="CVA676" s="613"/>
      <c r="CVB676" s="613"/>
      <c r="CVC676" s="613"/>
      <c r="CVD676" s="613"/>
      <c r="CVE676" s="613"/>
      <c r="CVF676" s="613"/>
      <c r="CVG676" s="613"/>
      <c r="CVH676" s="613"/>
      <c r="CVI676" s="613"/>
      <c r="CVJ676" s="613"/>
      <c r="CVK676" s="613"/>
      <c r="CVL676" s="613"/>
      <c r="CVM676" s="613"/>
      <c r="CVN676" s="613"/>
      <c r="CVO676" s="613"/>
      <c r="CVP676" s="613"/>
      <c r="CVQ676" s="613"/>
      <c r="CVR676" s="613"/>
      <c r="CVS676" s="613"/>
      <c r="CVT676" s="613"/>
      <c r="CVU676" s="613"/>
      <c r="CVV676" s="613"/>
      <c r="CVW676" s="613"/>
      <c r="CVX676" s="613"/>
      <c r="CVY676" s="613"/>
      <c r="CVZ676" s="613"/>
      <c r="CWA676" s="613"/>
      <c r="CWB676" s="613"/>
      <c r="CWC676" s="613"/>
      <c r="CWD676" s="613"/>
      <c r="CWE676" s="613"/>
      <c r="CWF676" s="613"/>
      <c r="CWG676" s="613"/>
      <c r="CWH676" s="613"/>
      <c r="CWI676" s="613"/>
      <c r="CWJ676" s="613"/>
      <c r="CWK676" s="613"/>
      <c r="CWL676" s="613"/>
      <c r="CWM676" s="613"/>
      <c r="CWN676" s="613"/>
      <c r="CWO676" s="613"/>
      <c r="CWP676" s="613"/>
      <c r="CWQ676" s="613"/>
      <c r="CWR676" s="613"/>
      <c r="CWS676" s="613"/>
      <c r="CWT676" s="613"/>
      <c r="CWU676" s="613"/>
      <c r="CWV676" s="613"/>
      <c r="CWW676" s="613"/>
      <c r="CWX676" s="613"/>
      <c r="CWY676" s="613"/>
      <c r="CWZ676" s="613"/>
      <c r="CXA676" s="613"/>
      <c r="CXB676" s="613"/>
      <c r="CXC676" s="613"/>
      <c r="CXD676" s="613"/>
      <c r="CXE676" s="613"/>
      <c r="CXF676" s="613"/>
      <c r="CXG676" s="613"/>
      <c r="CXH676" s="613"/>
      <c r="CXI676" s="613"/>
      <c r="CXJ676" s="613"/>
      <c r="CXK676" s="613"/>
      <c r="CXL676" s="613"/>
      <c r="CXM676" s="613"/>
      <c r="CXN676" s="613"/>
      <c r="CXO676" s="613"/>
      <c r="CXP676" s="613"/>
      <c r="CXQ676" s="613"/>
      <c r="CXR676" s="613"/>
      <c r="CXS676" s="613"/>
      <c r="CXT676" s="613"/>
      <c r="CXU676" s="613"/>
      <c r="CXV676" s="613"/>
      <c r="CXW676" s="613"/>
      <c r="CXX676" s="613"/>
      <c r="CXY676" s="613"/>
      <c r="CXZ676" s="613"/>
      <c r="CYA676" s="613"/>
      <c r="CYB676" s="613"/>
      <c r="CYC676" s="613"/>
      <c r="CYD676" s="613"/>
      <c r="CYE676" s="613"/>
      <c r="CYF676" s="613"/>
      <c r="CYG676" s="613"/>
      <c r="CYH676" s="613"/>
      <c r="CYI676" s="613"/>
      <c r="CYJ676" s="613"/>
      <c r="CYK676" s="613"/>
      <c r="CYL676" s="613"/>
      <c r="CYM676" s="613"/>
      <c r="CYN676" s="613"/>
      <c r="CYO676" s="613"/>
      <c r="CYP676" s="613"/>
      <c r="CYQ676" s="613"/>
      <c r="CYR676" s="613"/>
      <c r="CYS676" s="613"/>
      <c r="CYT676" s="613"/>
      <c r="CYU676" s="613"/>
      <c r="CYV676" s="613"/>
      <c r="CYW676" s="613"/>
      <c r="CYX676" s="613"/>
      <c r="CYY676" s="613"/>
      <c r="CYZ676" s="613"/>
      <c r="CZA676" s="613"/>
      <c r="CZB676" s="613"/>
      <c r="CZC676" s="613"/>
      <c r="CZD676" s="613"/>
      <c r="CZE676" s="613"/>
      <c r="CZF676" s="613"/>
      <c r="CZG676" s="613"/>
      <c r="CZH676" s="613"/>
      <c r="CZI676" s="613"/>
      <c r="CZJ676" s="613"/>
      <c r="CZK676" s="613"/>
      <c r="CZL676" s="613"/>
      <c r="CZM676" s="613"/>
      <c r="CZN676" s="613"/>
      <c r="CZO676" s="613"/>
      <c r="CZP676" s="613"/>
      <c r="CZQ676" s="613"/>
      <c r="CZR676" s="613"/>
      <c r="CZS676" s="613"/>
      <c r="CZT676" s="613"/>
      <c r="CZU676" s="613"/>
      <c r="CZV676" s="613"/>
      <c r="CZW676" s="613"/>
      <c r="CZX676" s="613"/>
      <c r="CZY676" s="613"/>
      <c r="CZZ676" s="613"/>
      <c r="DAA676" s="613"/>
      <c r="DAB676" s="613"/>
      <c r="DAC676" s="613"/>
      <c r="DAD676" s="613"/>
      <c r="DAE676" s="613"/>
      <c r="DAF676" s="613"/>
      <c r="DAG676" s="613"/>
      <c r="DAH676" s="613"/>
      <c r="DAI676" s="613"/>
      <c r="DAJ676" s="613"/>
      <c r="DAK676" s="613"/>
      <c r="DAL676" s="613"/>
      <c r="DAM676" s="613"/>
      <c r="DAN676" s="613"/>
      <c r="DAO676" s="613"/>
      <c r="DAP676" s="613"/>
      <c r="DAQ676" s="613"/>
      <c r="DAR676" s="613"/>
      <c r="DAS676" s="613"/>
      <c r="DAT676" s="613"/>
      <c r="DAU676" s="613"/>
      <c r="DAV676" s="613"/>
      <c r="DAW676" s="613"/>
      <c r="DAX676" s="613"/>
      <c r="DAY676" s="613"/>
      <c r="DAZ676" s="613"/>
      <c r="DBA676" s="613"/>
      <c r="DBB676" s="613"/>
      <c r="DBC676" s="613"/>
      <c r="DBD676" s="613"/>
      <c r="DBE676" s="613"/>
      <c r="DBF676" s="613"/>
      <c r="DBG676" s="613"/>
      <c r="DBH676" s="613"/>
      <c r="DBI676" s="613"/>
      <c r="DBJ676" s="613"/>
      <c r="DBK676" s="613"/>
      <c r="DBL676" s="613"/>
      <c r="DBM676" s="613"/>
      <c r="DBN676" s="613"/>
      <c r="DBO676" s="613"/>
      <c r="DBP676" s="613"/>
      <c r="DBQ676" s="613"/>
      <c r="DBR676" s="613"/>
      <c r="DBS676" s="613"/>
      <c r="DBT676" s="613"/>
      <c r="DBU676" s="613"/>
      <c r="DBV676" s="613"/>
      <c r="DBW676" s="613"/>
      <c r="DBX676" s="613"/>
      <c r="DBY676" s="613"/>
      <c r="DBZ676" s="613"/>
      <c r="DCA676" s="613"/>
      <c r="DCB676" s="613"/>
      <c r="DCC676" s="613"/>
      <c r="DCD676" s="613"/>
      <c r="DCE676" s="613"/>
      <c r="DCF676" s="613"/>
      <c r="DCG676" s="613"/>
      <c r="DCH676" s="613"/>
      <c r="DCI676" s="613"/>
      <c r="DCJ676" s="613"/>
      <c r="DCK676" s="613"/>
      <c r="DCL676" s="613"/>
      <c r="DCM676" s="613"/>
      <c r="DCN676" s="613"/>
      <c r="DCO676" s="613"/>
      <c r="DCP676" s="613"/>
      <c r="DCQ676" s="613"/>
      <c r="DCR676" s="613"/>
      <c r="DCS676" s="613"/>
      <c r="DCT676" s="613"/>
      <c r="DCU676" s="613"/>
      <c r="DCV676" s="613"/>
      <c r="DCW676" s="613"/>
      <c r="DCX676" s="613"/>
      <c r="DCY676" s="613"/>
      <c r="DCZ676" s="613"/>
      <c r="DDA676" s="613"/>
      <c r="DDB676" s="613"/>
      <c r="DDC676" s="613"/>
      <c r="DDD676" s="613"/>
      <c r="DDE676" s="613"/>
      <c r="DDF676" s="613"/>
      <c r="DDG676" s="613"/>
      <c r="DDH676" s="613"/>
      <c r="DDI676" s="613"/>
      <c r="DDJ676" s="613"/>
      <c r="DDK676" s="613"/>
      <c r="DDL676" s="613"/>
      <c r="DDM676" s="613"/>
      <c r="DDN676" s="613"/>
      <c r="DDO676" s="613"/>
      <c r="DDP676" s="613"/>
      <c r="DDQ676" s="613"/>
      <c r="DDR676" s="613"/>
      <c r="DDS676" s="613"/>
      <c r="DDT676" s="613"/>
      <c r="DDU676" s="613"/>
      <c r="DDV676" s="613"/>
      <c r="DDW676" s="613"/>
      <c r="DDX676" s="613"/>
      <c r="DDY676" s="613"/>
      <c r="DDZ676" s="613"/>
      <c r="DEA676" s="613"/>
      <c r="DEB676" s="613"/>
      <c r="DEC676" s="613"/>
      <c r="DED676" s="613"/>
      <c r="DEE676" s="613"/>
      <c r="DEF676" s="613"/>
      <c r="DEG676" s="613"/>
      <c r="DEH676" s="613"/>
      <c r="DEI676" s="613"/>
      <c r="DEJ676" s="613"/>
      <c r="DEK676" s="613"/>
      <c r="DEL676" s="613"/>
      <c r="DEM676" s="613"/>
      <c r="DEN676" s="613"/>
      <c r="DEO676" s="613"/>
      <c r="DEP676" s="613"/>
      <c r="DEQ676" s="613"/>
      <c r="DER676" s="613"/>
      <c r="DES676" s="613"/>
      <c r="DET676" s="613"/>
      <c r="DEU676" s="613"/>
      <c r="DEV676" s="613"/>
      <c r="DEW676" s="613"/>
      <c r="DEX676" s="613"/>
      <c r="DEY676" s="613"/>
      <c r="DEZ676" s="613"/>
      <c r="DFA676" s="613"/>
      <c r="DFB676" s="613"/>
      <c r="DFC676" s="613"/>
      <c r="DFD676" s="613"/>
      <c r="DFE676" s="613"/>
      <c r="DFF676" s="613"/>
      <c r="DFG676" s="613"/>
      <c r="DFH676" s="613"/>
      <c r="DFI676" s="613"/>
      <c r="DFJ676" s="613"/>
      <c r="DFK676" s="613"/>
      <c r="DFL676" s="613"/>
      <c r="DFM676" s="613"/>
      <c r="DFN676" s="613"/>
      <c r="DFO676" s="613"/>
      <c r="DFP676" s="613"/>
      <c r="DFQ676" s="613"/>
      <c r="DFR676" s="613"/>
      <c r="DFS676" s="613"/>
      <c r="DFT676" s="613"/>
      <c r="DFU676" s="613"/>
      <c r="DFV676" s="613"/>
      <c r="DFW676" s="613"/>
      <c r="DFX676" s="613"/>
      <c r="DFY676" s="613"/>
      <c r="DFZ676" s="613"/>
      <c r="DGA676" s="613"/>
      <c r="DGB676" s="613"/>
      <c r="DGC676" s="613"/>
      <c r="DGD676" s="613"/>
      <c r="DGE676" s="613"/>
      <c r="DGF676" s="613"/>
      <c r="DGG676" s="613"/>
      <c r="DGH676" s="613"/>
      <c r="DGI676" s="613"/>
      <c r="DGJ676" s="613"/>
      <c r="DGK676" s="613"/>
      <c r="DGL676" s="613"/>
      <c r="DGM676" s="613"/>
      <c r="DGN676" s="613"/>
      <c r="DGO676" s="613"/>
      <c r="DGP676" s="613"/>
      <c r="DGQ676" s="613"/>
      <c r="DGR676" s="613"/>
      <c r="DGS676" s="613"/>
      <c r="DGT676" s="613"/>
      <c r="DGU676" s="613"/>
      <c r="DGV676" s="613"/>
      <c r="DGW676" s="613"/>
      <c r="DGX676" s="613"/>
      <c r="DGY676" s="613"/>
      <c r="DGZ676" s="613"/>
      <c r="DHA676" s="613"/>
      <c r="DHB676" s="613"/>
      <c r="DHC676" s="613"/>
      <c r="DHD676" s="613"/>
      <c r="DHE676" s="613"/>
      <c r="DHF676" s="613"/>
      <c r="DHG676" s="613"/>
      <c r="DHH676" s="613"/>
      <c r="DHI676" s="613"/>
      <c r="DHJ676" s="613"/>
      <c r="DHK676" s="613"/>
      <c r="DHL676" s="613"/>
      <c r="DHM676" s="613"/>
      <c r="DHN676" s="613"/>
      <c r="DHO676" s="613"/>
      <c r="DHP676" s="613"/>
      <c r="DHQ676" s="613"/>
      <c r="DHR676" s="613"/>
      <c r="DHS676" s="613"/>
      <c r="DHT676" s="613"/>
      <c r="DHU676" s="613"/>
      <c r="DHV676" s="613"/>
      <c r="DHW676" s="613"/>
      <c r="DHX676" s="613"/>
      <c r="DHY676" s="613"/>
      <c r="DHZ676" s="613"/>
      <c r="DIA676" s="613"/>
      <c r="DIB676" s="613"/>
      <c r="DIC676" s="613"/>
      <c r="DID676" s="613"/>
      <c r="DIE676" s="613"/>
      <c r="DIF676" s="613"/>
      <c r="DIG676" s="613"/>
      <c r="DIH676" s="613"/>
      <c r="DII676" s="613"/>
      <c r="DIJ676" s="613"/>
      <c r="DIK676" s="613"/>
      <c r="DIL676" s="613"/>
      <c r="DIM676" s="613"/>
      <c r="DIN676" s="613"/>
      <c r="DIO676" s="613"/>
      <c r="DIP676" s="613"/>
      <c r="DIQ676" s="613"/>
      <c r="DIR676" s="613"/>
      <c r="DIS676" s="613"/>
      <c r="DIT676" s="613"/>
      <c r="DIU676" s="613"/>
      <c r="DIV676" s="613"/>
      <c r="DIW676" s="613"/>
      <c r="DIX676" s="613"/>
      <c r="DIY676" s="613"/>
      <c r="DIZ676" s="613"/>
      <c r="DJA676" s="613"/>
      <c r="DJB676" s="613"/>
      <c r="DJC676" s="613"/>
      <c r="DJD676" s="613"/>
      <c r="DJE676" s="613"/>
      <c r="DJF676" s="613"/>
      <c r="DJG676" s="613"/>
      <c r="DJH676" s="613"/>
      <c r="DJI676" s="613"/>
      <c r="DJJ676" s="613"/>
      <c r="DJK676" s="613"/>
      <c r="DJL676" s="613"/>
      <c r="DJM676" s="613"/>
      <c r="DJN676" s="613"/>
      <c r="DJO676" s="613"/>
      <c r="DJP676" s="613"/>
      <c r="DJQ676" s="613"/>
      <c r="DJR676" s="613"/>
      <c r="DJS676" s="613"/>
      <c r="DJT676" s="613"/>
      <c r="DJU676" s="613"/>
      <c r="DJV676" s="613"/>
      <c r="DJW676" s="613"/>
      <c r="DJX676" s="613"/>
      <c r="DJY676" s="613"/>
      <c r="DJZ676" s="613"/>
      <c r="DKA676" s="613"/>
      <c r="DKB676" s="613"/>
      <c r="DKC676" s="613"/>
      <c r="DKD676" s="613"/>
      <c r="DKE676" s="613"/>
      <c r="DKF676" s="613"/>
      <c r="DKG676" s="613"/>
      <c r="DKH676" s="613"/>
      <c r="DKI676" s="613"/>
      <c r="DKJ676" s="613"/>
      <c r="DKK676" s="613"/>
      <c r="DKL676" s="613"/>
      <c r="DKM676" s="613"/>
      <c r="DKN676" s="613"/>
      <c r="DKO676" s="613"/>
      <c r="DKP676" s="613"/>
      <c r="DKQ676" s="613"/>
      <c r="DKR676" s="613"/>
      <c r="DKS676" s="613"/>
      <c r="DKT676" s="613"/>
      <c r="DKU676" s="613"/>
      <c r="DKV676" s="613"/>
      <c r="DKW676" s="613"/>
      <c r="DKX676" s="613"/>
      <c r="DKY676" s="613"/>
      <c r="DKZ676" s="613"/>
      <c r="DLA676" s="613"/>
      <c r="DLB676" s="613"/>
      <c r="DLC676" s="613"/>
      <c r="DLD676" s="613"/>
      <c r="DLE676" s="613"/>
      <c r="DLF676" s="613"/>
      <c r="DLG676" s="613"/>
      <c r="DLH676" s="613"/>
      <c r="DLI676" s="613"/>
      <c r="DLJ676" s="613"/>
      <c r="DLK676" s="613"/>
      <c r="DLL676" s="613"/>
      <c r="DLM676" s="613"/>
      <c r="DLN676" s="613"/>
      <c r="DLO676" s="613"/>
      <c r="DLP676" s="613"/>
      <c r="DLQ676" s="613"/>
      <c r="DLR676" s="613"/>
      <c r="DLS676" s="613"/>
      <c r="DLT676" s="613"/>
      <c r="DLU676" s="613"/>
      <c r="DLV676" s="613"/>
      <c r="DLW676" s="613"/>
      <c r="DLX676" s="613"/>
      <c r="DLY676" s="613"/>
      <c r="DLZ676" s="613"/>
      <c r="DMA676" s="613"/>
      <c r="DMB676" s="613"/>
      <c r="DMC676" s="613"/>
      <c r="DMD676" s="613"/>
      <c r="DME676" s="613"/>
      <c r="DMF676" s="613"/>
      <c r="DMG676" s="613"/>
      <c r="DMH676" s="613"/>
      <c r="DMI676" s="613"/>
      <c r="DMJ676" s="613"/>
      <c r="DMK676" s="613"/>
      <c r="DML676" s="613"/>
      <c r="DMM676" s="613"/>
      <c r="DMN676" s="613"/>
      <c r="DMO676" s="613"/>
      <c r="DMP676" s="613"/>
      <c r="DMQ676" s="613"/>
      <c r="DMR676" s="613"/>
      <c r="DMS676" s="613"/>
      <c r="DMT676" s="613"/>
      <c r="DMU676" s="613"/>
      <c r="DMV676" s="613"/>
      <c r="DMW676" s="613"/>
      <c r="DMX676" s="613"/>
      <c r="DMY676" s="613"/>
      <c r="DMZ676" s="613"/>
      <c r="DNA676" s="613"/>
      <c r="DNB676" s="613"/>
      <c r="DNC676" s="613"/>
      <c r="DND676" s="613"/>
      <c r="DNE676" s="613"/>
      <c r="DNF676" s="613"/>
      <c r="DNG676" s="613"/>
      <c r="DNH676" s="613"/>
      <c r="DNI676" s="613"/>
      <c r="DNJ676" s="613"/>
      <c r="DNK676" s="613"/>
      <c r="DNL676" s="613"/>
      <c r="DNM676" s="613"/>
      <c r="DNN676" s="613"/>
      <c r="DNO676" s="613"/>
      <c r="DNP676" s="613"/>
      <c r="DNQ676" s="613"/>
      <c r="DNR676" s="613"/>
      <c r="DNS676" s="613"/>
      <c r="DNT676" s="613"/>
      <c r="DNU676" s="613"/>
      <c r="DNV676" s="613"/>
      <c r="DNW676" s="613"/>
      <c r="DNX676" s="613"/>
      <c r="DNY676" s="613"/>
      <c r="DNZ676" s="613"/>
      <c r="DOA676" s="613"/>
      <c r="DOB676" s="613"/>
      <c r="DOC676" s="613"/>
      <c r="DOD676" s="613"/>
      <c r="DOE676" s="613"/>
      <c r="DOF676" s="613"/>
      <c r="DOG676" s="613"/>
      <c r="DOH676" s="613"/>
      <c r="DOI676" s="613"/>
      <c r="DOJ676" s="613"/>
      <c r="DOK676" s="613"/>
      <c r="DOL676" s="613"/>
      <c r="DOM676" s="613"/>
      <c r="DON676" s="613"/>
      <c r="DOO676" s="613"/>
      <c r="DOP676" s="613"/>
      <c r="DOQ676" s="613"/>
      <c r="DOR676" s="613"/>
      <c r="DOS676" s="613"/>
      <c r="DOT676" s="613"/>
      <c r="DOU676" s="613"/>
      <c r="DOV676" s="613"/>
      <c r="DOW676" s="613"/>
      <c r="DOX676" s="613"/>
      <c r="DOY676" s="613"/>
      <c r="DOZ676" s="613"/>
      <c r="DPA676" s="613"/>
      <c r="DPB676" s="613"/>
      <c r="DPC676" s="613"/>
      <c r="DPD676" s="613"/>
      <c r="DPE676" s="613"/>
      <c r="DPF676" s="613"/>
      <c r="DPG676" s="613"/>
      <c r="DPH676" s="613"/>
      <c r="DPI676" s="613"/>
      <c r="DPJ676" s="613"/>
      <c r="DPK676" s="613"/>
      <c r="DPL676" s="613"/>
      <c r="DPM676" s="613"/>
      <c r="DPN676" s="613"/>
      <c r="DPO676" s="613"/>
      <c r="DPP676" s="613"/>
      <c r="DPQ676" s="613"/>
      <c r="DPR676" s="613"/>
      <c r="DPS676" s="613"/>
      <c r="DPT676" s="613"/>
      <c r="DPU676" s="613"/>
      <c r="DPV676" s="613"/>
      <c r="DPW676" s="613"/>
      <c r="DPX676" s="613"/>
      <c r="DPY676" s="613"/>
      <c r="DPZ676" s="613"/>
      <c r="DQA676" s="613"/>
      <c r="DQB676" s="613"/>
      <c r="DQC676" s="613"/>
      <c r="DQD676" s="613"/>
      <c r="DQE676" s="613"/>
      <c r="DQF676" s="613"/>
      <c r="DQG676" s="613"/>
      <c r="DQH676" s="613"/>
      <c r="DQI676" s="613"/>
      <c r="DQJ676" s="613"/>
      <c r="DQK676" s="613"/>
      <c r="DQL676" s="613"/>
      <c r="DQM676" s="613"/>
      <c r="DQN676" s="613"/>
      <c r="DQO676" s="613"/>
      <c r="DQP676" s="613"/>
      <c r="DQQ676" s="613"/>
      <c r="DQR676" s="613"/>
      <c r="DQS676" s="613"/>
      <c r="DQT676" s="613"/>
      <c r="DQU676" s="613"/>
      <c r="DQV676" s="613"/>
      <c r="DQW676" s="613"/>
      <c r="DQX676" s="613"/>
      <c r="DQY676" s="613"/>
      <c r="DQZ676" s="613"/>
      <c r="DRA676" s="613"/>
      <c r="DRB676" s="613"/>
      <c r="DRC676" s="613"/>
      <c r="DRD676" s="613"/>
      <c r="DRE676" s="613"/>
      <c r="DRF676" s="613"/>
      <c r="DRG676" s="613"/>
      <c r="DRH676" s="613"/>
      <c r="DRI676" s="613"/>
      <c r="DRJ676" s="613"/>
      <c r="DRK676" s="613"/>
      <c r="DRL676" s="613"/>
      <c r="DRM676" s="613"/>
      <c r="DRN676" s="613"/>
      <c r="DRO676" s="613"/>
      <c r="DRP676" s="613"/>
      <c r="DRQ676" s="613"/>
      <c r="DRR676" s="613"/>
      <c r="DRS676" s="613"/>
      <c r="DRT676" s="613"/>
      <c r="DRU676" s="613"/>
      <c r="DRV676" s="613"/>
      <c r="DRW676" s="613"/>
      <c r="DRX676" s="613"/>
      <c r="DRY676" s="613"/>
      <c r="DRZ676" s="613"/>
      <c r="DSA676" s="613"/>
      <c r="DSB676" s="613"/>
      <c r="DSC676" s="613"/>
      <c r="DSD676" s="613"/>
      <c r="DSE676" s="613"/>
      <c r="DSF676" s="613"/>
      <c r="DSG676" s="613"/>
      <c r="DSH676" s="613"/>
      <c r="DSI676" s="613"/>
      <c r="DSJ676" s="613"/>
      <c r="DSK676" s="613"/>
      <c r="DSL676" s="613"/>
      <c r="DSM676" s="613"/>
      <c r="DSN676" s="613"/>
      <c r="DSO676" s="613"/>
      <c r="DSP676" s="613"/>
      <c r="DSQ676" s="613"/>
      <c r="DSR676" s="613"/>
      <c r="DSS676" s="613"/>
      <c r="DST676" s="613"/>
      <c r="DSU676" s="613"/>
      <c r="DSV676" s="613"/>
      <c r="DSW676" s="613"/>
      <c r="DSX676" s="613"/>
      <c r="DSY676" s="613"/>
      <c r="DSZ676" s="613"/>
      <c r="DTA676" s="613"/>
      <c r="DTB676" s="613"/>
      <c r="DTC676" s="613"/>
      <c r="DTD676" s="613"/>
      <c r="DTE676" s="613"/>
      <c r="DTF676" s="613"/>
      <c r="DTG676" s="613"/>
      <c r="DTH676" s="613"/>
      <c r="DTI676" s="613"/>
      <c r="DTJ676" s="613"/>
      <c r="DTK676" s="613"/>
      <c r="DTL676" s="613"/>
      <c r="DTM676" s="613"/>
      <c r="DTN676" s="613"/>
      <c r="DTO676" s="613"/>
      <c r="DTP676" s="613"/>
      <c r="DTQ676" s="613"/>
      <c r="DTR676" s="613"/>
      <c r="DTS676" s="613"/>
      <c r="DTT676" s="613"/>
      <c r="DTU676" s="613"/>
      <c r="DTV676" s="613"/>
      <c r="DTW676" s="613"/>
      <c r="DTX676" s="613"/>
      <c r="DTY676" s="613"/>
      <c r="DTZ676" s="613"/>
      <c r="DUA676" s="613"/>
      <c r="DUB676" s="613"/>
      <c r="DUC676" s="613"/>
      <c r="DUD676" s="613"/>
      <c r="DUE676" s="613"/>
      <c r="DUF676" s="613"/>
      <c r="DUG676" s="613"/>
      <c r="DUH676" s="613"/>
      <c r="DUI676" s="613"/>
      <c r="DUJ676" s="613"/>
      <c r="DUK676" s="613"/>
      <c r="DUL676" s="613"/>
      <c r="DUM676" s="613"/>
      <c r="DUN676" s="613"/>
      <c r="DUO676" s="613"/>
      <c r="DUP676" s="613"/>
      <c r="DUQ676" s="613"/>
      <c r="DUR676" s="613"/>
      <c r="DUS676" s="613"/>
      <c r="DUT676" s="613"/>
      <c r="DUU676" s="613"/>
      <c r="DUV676" s="613"/>
      <c r="DUW676" s="613"/>
      <c r="DUX676" s="613"/>
      <c r="DUY676" s="613"/>
      <c r="DUZ676" s="613"/>
      <c r="DVA676" s="613"/>
      <c r="DVB676" s="613"/>
      <c r="DVC676" s="613"/>
      <c r="DVD676" s="613"/>
      <c r="DVE676" s="613"/>
      <c r="DVF676" s="613"/>
      <c r="DVG676" s="613"/>
      <c r="DVH676" s="613"/>
      <c r="DVI676" s="613"/>
      <c r="DVJ676" s="613"/>
      <c r="DVK676" s="613"/>
      <c r="DVL676" s="613"/>
      <c r="DVM676" s="613"/>
      <c r="DVN676" s="613"/>
      <c r="DVO676" s="613"/>
      <c r="DVP676" s="613"/>
      <c r="DVQ676" s="613"/>
      <c r="DVR676" s="613"/>
      <c r="DVS676" s="613"/>
      <c r="DVT676" s="613"/>
      <c r="DVU676" s="613"/>
      <c r="DVV676" s="613"/>
      <c r="DVW676" s="613"/>
      <c r="DVX676" s="613"/>
      <c r="DVY676" s="613"/>
      <c r="DVZ676" s="613"/>
      <c r="DWA676" s="613"/>
      <c r="DWB676" s="613"/>
      <c r="DWC676" s="613"/>
      <c r="DWD676" s="613"/>
      <c r="DWE676" s="613"/>
      <c r="DWF676" s="613"/>
      <c r="DWG676" s="613"/>
      <c r="DWH676" s="613"/>
      <c r="DWI676" s="613"/>
      <c r="DWJ676" s="613"/>
      <c r="DWK676" s="613"/>
      <c r="DWL676" s="613"/>
      <c r="DWM676" s="613"/>
      <c r="DWN676" s="613"/>
      <c r="DWO676" s="613"/>
      <c r="DWP676" s="613"/>
      <c r="DWQ676" s="613"/>
      <c r="DWR676" s="613"/>
      <c r="DWS676" s="613"/>
      <c r="DWT676" s="613"/>
      <c r="DWU676" s="613"/>
      <c r="DWV676" s="613"/>
      <c r="DWW676" s="613"/>
      <c r="DWX676" s="613"/>
      <c r="DWY676" s="613"/>
      <c r="DWZ676" s="613"/>
      <c r="DXA676" s="613"/>
      <c r="DXB676" s="613"/>
      <c r="DXC676" s="613"/>
      <c r="DXD676" s="613"/>
      <c r="DXE676" s="613"/>
      <c r="DXF676" s="613"/>
      <c r="DXG676" s="613"/>
      <c r="DXH676" s="613"/>
      <c r="DXI676" s="613"/>
      <c r="DXJ676" s="613"/>
      <c r="DXK676" s="613"/>
      <c r="DXL676" s="613"/>
      <c r="DXM676" s="613"/>
      <c r="DXN676" s="613"/>
      <c r="DXO676" s="613"/>
      <c r="DXP676" s="613"/>
      <c r="DXQ676" s="613"/>
      <c r="DXR676" s="613"/>
      <c r="DXS676" s="613"/>
      <c r="DXT676" s="613"/>
      <c r="DXU676" s="613"/>
      <c r="DXV676" s="613"/>
      <c r="DXW676" s="613"/>
      <c r="DXX676" s="613"/>
      <c r="DXY676" s="613"/>
      <c r="DXZ676" s="613"/>
      <c r="DYA676" s="613"/>
      <c r="DYB676" s="613"/>
      <c r="DYC676" s="613"/>
      <c r="DYD676" s="613"/>
      <c r="DYE676" s="613"/>
      <c r="DYF676" s="613"/>
      <c r="DYG676" s="613"/>
      <c r="DYH676" s="613"/>
      <c r="DYI676" s="613"/>
      <c r="DYJ676" s="613"/>
      <c r="DYK676" s="613"/>
      <c r="DYL676" s="613"/>
      <c r="DYM676" s="613"/>
      <c r="DYN676" s="613"/>
      <c r="DYO676" s="613"/>
      <c r="DYP676" s="613"/>
      <c r="DYQ676" s="613"/>
      <c r="DYR676" s="613"/>
      <c r="DYS676" s="613"/>
      <c r="DYT676" s="613"/>
      <c r="DYU676" s="613"/>
      <c r="DYV676" s="613"/>
      <c r="DYW676" s="613"/>
      <c r="DYX676" s="613"/>
      <c r="DYY676" s="613"/>
      <c r="DYZ676" s="613"/>
      <c r="DZA676" s="613"/>
      <c r="DZB676" s="613"/>
      <c r="DZC676" s="613"/>
      <c r="DZD676" s="613"/>
      <c r="DZE676" s="613"/>
      <c r="DZF676" s="613"/>
      <c r="DZG676" s="613"/>
      <c r="DZH676" s="613"/>
      <c r="DZI676" s="613"/>
      <c r="DZJ676" s="613"/>
      <c r="DZK676" s="613"/>
      <c r="DZL676" s="613"/>
      <c r="DZM676" s="613"/>
      <c r="DZN676" s="613"/>
      <c r="DZO676" s="613"/>
      <c r="DZP676" s="613"/>
      <c r="DZQ676" s="613"/>
      <c r="DZR676" s="613"/>
      <c r="DZS676" s="613"/>
      <c r="DZT676" s="613"/>
      <c r="DZU676" s="613"/>
      <c r="DZV676" s="613"/>
      <c r="DZW676" s="613"/>
      <c r="DZX676" s="613"/>
      <c r="DZY676" s="613"/>
      <c r="DZZ676" s="613"/>
      <c r="EAA676" s="613"/>
      <c r="EAB676" s="613"/>
      <c r="EAC676" s="613"/>
      <c r="EAD676" s="613"/>
      <c r="EAE676" s="613"/>
      <c r="EAF676" s="613"/>
      <c r="EAG676" s="613"/>
      <c r="EAH676" s="613"/>
      <c r="EAI676" s="613"/>
      <c r="EAJ676" s="613"/>
      <c r="EAK676" s="613"/>
      <c r="EAL676" s="613"/>
      <c r="EAM676" s="613"/>
      <c r="EAN676" s="613"/>
      <c r="EAO676" s="613"/>
      <c r="EAP676" s="613"/>
      <c r="EAQ676" s="613"/>
      <c r="EAR676" s="613"/>
      <c r="EAS676" s="613"/>
      <c r="EAT676" s="613"/>
      <c r="EAU676" s="613"/>
      <c r="EAV676" s="613"/>
      <c r="EAW676" s="613"/>
      <c r="EAX676" s="613"/>
      <c r="EAY676" s="613"/>
      <c r="EAZ676" s="613"/>
      <c r="EBA676" s="613"/>
      <c r="EBB676" s="613"/>
      <c r="EBC676" s="613"/>
      <c r="EBD676" s="613"/>
      <c r="EBE676" s="613"/>
      <c r="EBF676" s="613"/>
      <c r="EBG676" s="613"/>
      <c r="EBH676" s="613"/>
      <c r="EBI676" s="613"/>
      <c r="EBJ676" s="613"/>
      <c r="EBK676" s="613"/>
      <c r="EBL676" s="613"/>
      <c r="EBM676" s="613"/>
      <c r="EBN676" s="613"/>
      <c r="EBO676" s="613"/>
      <c r="EBP676" s="613"/>
      <c r="EBQ676" s="613"/>
      <c r="EBR676" s="613"/>
      <c r="EBS676" s="613"/>
      <c r="EBT676" s="613"/>
      <c r="EBU676" s="613"/>
      <c r="EBV676" s="613"/>
      <c r="EBW676" s="613"/>
      <c r="EBX676" s="613"/>
      <c r="EBY676" s="613"/>
      <c r="EBZ676" s="613"/>
      <c r="ECA676" s="613"/>
      <c r="ECB676" s="613"/>
      <c r="ECC676" s="613"/>
      <c r="ECD676" s="613"/>
      <c r="ECE676" s="613"/>
      <c r="ECF676" s="613"/>
      <c r="ECG676" s="613"/>
      <c r="ECH676" s="613"/>
      <c r="ECI676" s="613"/>
      <c r="ECJ676" s="613"/>
      <c r="ECK676" s="613"/>
      <c r="ECL676" s="613"/>
      <c r="ECM676" s="613"/>
      <c r="ECN676" s="613"/>
      <c r="ECO676" s="613"/>
      <c r="ECP676" s="613"/>
      <c r="ECQ676" s="613"/>
      <c r="ECR676" s="613"/>
      <c r="ECS676" s="613"/>
      <c r="ECT676" s="613"/>
      <c r="ECU676" s="613"/>
      <c r="ECV676" s="613"/>
      <c r="ECW676" s="613"/>
      <c r="ECX676" s="613"/>
      <c r="ECY676" s="613"/>
      <c r="ECZ676" s="613"/>
      <c r="EDA676" s="613"/>
      <c r="EDB676" s="613"/>
      <c r="EDC676" s="613"/>
      <c r="EDD676" s="613"/>
      <c r="EDE676" s="613"/>
      <c r="EDF676" s="613"/>
      <c r="EDG676" s="613"/>
      <c r="EDH676" s="613"/>
      <c r="EDI676" s="613"/>
      <c r="EDJ676" s="613"/>
      <c r="EDK676" s="613"/>
      <c r="EDL676" s="613"/>
      <c r="EDM676" s="613"/>
      <c r="EDN676" s="613"/>
      <c r="EDO676" s="613"/>
      <c r="EDP676" s="613"/>
      <c r="EDQ676" s="613"/>
      <c r="EDR676" s="613"/>
      <c r="EDS676" s="613"/>
      <c r="EDT676" s="613"/>
      <c r="EDU676" s="613"/>
      <c r="EDV676" s="613"/>
      <c r="EDW676" s="613"/>
      <c r="EDX676" s="613"/>
      <c r="EDY676" s="613"/>
      <c r="EDZ676" s="613"/>
      <c r="EEA676" s="613"/>
      <c r="EEB676" s="613"/>
      <c r="EEC676" s="613"/>
      <c r="EED676" s="613"/>
      <c r="EEE676" s="613"/>
      <c r="EEF676" s="613"/>
      <c r="EEG676" s="613"/>
      <c r="EEH676" s="613"/>
      <c r="EEI676" s="613"/>
      <c r="EEJ676" s="613"/>
      <c r="EEK676" s="613"/>
      <c r="EEL676" s="613"/>
      <c r="EEM676" s="613"/>
      <c r="EEN676" s="613"/>
      <c r="EEO676" s="613"/>
      <c r="EEP676" s="613"/>
      <c r="EEQ676" s="613"/>
      <c r="EER676" s="613"/>
      <c r="EES676" s="613"/>
      <c r="EET676" s="613"/>
      <c r="EEU676" s="613"/>
      <c r="EEV676" s="613"/>
      <c r="EEW676" s="613"/>
      <c r="EEX676" s="613"/>
      <c r="EEY676" s="613"/>
      <c r="EEZ676" s="613"/>
      <c r="EFA676" s="613"/>
      <c r="EFB676" s="613"/>
      <c r="EFC676" s="613"/>
      <c r="EFD676" s="613"/>
      <c r="EFE676" s="613"/>
      <c r="EFF676" s="613"/>
      <c r="EFG676" s="613"/>
      <c r="EFH676" s="613"/>
      <c r="EFI676" s="613"/>
      <c r="EFJ676" s="613"/>
      <c r="EFK676" s="613"/>
      <c r="EFL676" s="613"/>
      <c r="EFM676" s="613"/>
      <c r="EFN676" s="613"/>
      <c r="EFO676" s="613"/>
      <c r="EFP676" s="613"/>
      <c r="EFQ676" s="613"/>
      <c r="EFR676" s="613"/>
      <c r="EFS676" s="613"/>
      <c r="EFT676" s="613"/>
      <c r="EFU676" s="613"/>
      <c r="EFV676" s="613"/>
      <c r="EFW676" s="613"/>
      <c r="EFX676" s="613"/>
      <c r="EFY676" s="613"/>
      <c r="EFZ676" s="613"/>
      <c r="EGA676" s="613"/>
      <c r="EGB676" s="613"/>
      <c r="EGC676" s="613"/>
      <c r="EGD676" s="613"/>
      <c r="EGE676" s="613"/>
      <c r="EGF676" s="613"/>
      <c r="EGG676" s="613"/>
      <c r="EGH676" s="613"/>
      <c r="EGI676" s="613"/>
      <c r="EGJ676" s="613"/>
      <c r="EGK676" s="613"/>
      <c r="EGL676" s="613"/>
      <c r="EGM676" s="613"/>
      <c r="EGN676" s="613"/>
      <c r="EGO676" s="613"/>
      <c r="EGP676" s="613"/>
      <c r="EGQ676" s="613"/>
      <c r="EGR676" s="613"/>
      <c r="EGS676" s="613"/>
      <c r="EGT676" s="613"/>
      <c r="EGU676" s="613"/>
      <c r="EGV676" s="613"/>
      <c r="EGW676" s="613"/>
      <c r="EGX676" s="613"/>
      <c r="EGY676" s="613"/>
      <c r="EGZ676" s="613"/>
      <c r="EHA676" s="613"/>
      <c r="EHB676" s="613"/>
      <c r="EHC676" s="613"/>
      <c r="EHD676" s="613"/>
      <c r="EHE676" s="613"/>
      <c r="EHF676" s="613"/>
      <c r="EHG676" s="613"/>
      <c r="EHH676" s="613"/>
      <c r="EHI676" s="613"/>
      <c r="EHJ676" s="613"/>
      <c r="EHK676" s="613"/>
      <c r="EHL676" s="613"/>
      <c r="EHM676" s="613"/>
      <c r="EHN676" s="613"/>
      <c r="EHO676" s="613"/>
      <c r="EHP676" s="613"/>
      <c r="EHQ676" s="613"/>
      <c r="EHR676" s="613"/>
      <c r="EHS676" s="613"/>
      <c r="EHT676" s="613"/>
      <c r="EHU676" s="613"/>
      <c r="EHV676" s="613"/>
      <c r="EHW676" s="613"/>
      <c r="EHX676" s="613"/>
      <c r="EHY676" s="613"/>
      <c r="EHZ676" s="613"/>
      <c r="EIA676" s="613"/>
      <c r="EIB676" s="613"/>
      <c r="EIC676" s="613"/>
      <c r="EID676" s="613"/>
      <c r="EIE676" s="613"/>
      <c r="EIF676" s="613"/>
      <c r="EIG676" s="613"/>
      <c r="EIH676" s="613"/>
      <c r="EII676" s="613"/>
      <c r="EIJ676" s="613"/>
      <c r="EIK676" s="613"/>
      <c r="EIL676" s="613"/>
      <c r="EIM676" s="613"/>
      <c r="EIN676" s="613"/>
      <c r="EIO676" s="613"/>
      <c r="EIP676" s="613"/>
      <c r="EIQ676" s="613"/>
      <c r="EIR676" s="613"/>
      <c r="EIS676" s="613"/>
      <c r="EIT676" s="613"/>
      <c r="EIU676" s="613"/>
      <c r="EIV676" s="613"/>
      <c r="EIW676" s="613"/>
      <c r="EIX676" s="613"/>
      <c r="EIY676" s="613"/>
      <c r="EIZ676" s="613"/>
      <c r="EJA676" s="613"/>
      <c r="EJB676" s="613"/>
      <c r="EJC676" s="613"/>
      <c r="EJD676" s="613"/>
      <c r="EJE676" s="613"/>
      <c r="EJF676" s="613"/>
      <c r="EJG676" s="613"/>
      <c r="EJH676" s="613"/>
      <c r="EJI676" s="613"/>
      <c r="EJJ676" s="613"/>
      <c r="EJK676" s="613"/>
      <c r="EJL676" s="613"/>
      <c r="EJM676" s="613"/>
      <c r="EJN676" s="613"/>
      <c r="EJO676" s="613"/>
      <c r="EJP676" s="613"/>
      <c r="EJQ676" s="613"/>
      <c r="EJR676" s="613"/>
      <c r="EJS676" s="613"/>
      <c r="EJT676" s="613"/>
      <c r="EJU676" s="613"/>
      <c r="EJV676" s="613"/>
      <c r="EJW676" s="613"/>
      <c r="EJX676" s="613"/>
      <c r="EJY676" s="613"/>
      <c r="EJZ676" s="613"/>
      <c r="EKA676" s="613"/>
      <c r="EKB676" s="613"/>
      <c r="EKC676" s="613"/>
      <c r="EKD676" s="613"/>
      <c r="EKE676" s="613"/>
      <c r="EKF676" s="613"/>
      <c r="EKG676" s="613"/>
      <c r="EKH676" s="613"/>
      <c r="EKI676" s="613"/>
      <c r="EKJ676" s="613"/>
      <c r="EKK676" s="613"/>
      <c r="EKL676" s="613"/>
      <c r="EKM676" s="613"/>
      <c r="EKN676" s="613"/>
      <c r="EKO676" s="613"/>
      <c r="EKP676" s="613"/>
      <c r="EKQ676" s="613"/>
      <c r="EKR676" s="613"/>
      <c r="EKS676" s="613"/>
      <c r="EKT676" s="613"/>
      <c r="EKU676" s="613"/>
      <c r="EKV676" s="613"/>
      <c r="EKW676" s="613"/>
      <c r="EKX676" s="613"/>
      <c r="EKY676" s="613"/>
      <c r="EKZ676" s="613"/>
      <c r="ELA676" s="613"/>
      <c r="ELB676" s="613"/>
      <c r="ELC676" s="613"/>
      <c r="ELD676" s="613"/>
      <c r="ELE676" s="613"/>
      <c r="ELF676" s="613"/>
      <c r="ELG676" s="613"/>
      <c r="ELH676" s="613"/>
      <c r="ELI676" s="613"/>
      <c r="ELJ676" s="613"/>
      <c r="ELK676" s="613"/>
      <c r="ELL676" s="613"/>
      <c r="ELM676" s="613"/>
      <c r="ELN676" s="613"/>
      <c r="ELO676" s="613"/>
      <c r="ELP676" s="613"/>
      <c r="ELQ676" s="613"/>
      <c r="ELR676" s="613"/>
      <c r="ELS676" s="613"/>
      <c r="ELT676" s="613"/>
      <c r="ELU676" s="613"/>
      <c r="ELV676" s="613"/>
      <c r="ELW676" s="613"/>
      <c r="ELX676" s="613"/>
      <c r="ELY676" s="613"/>
      <c r="ELZ676" s="613"/>
      <c r="EMA676" s="613"/>
      <c r="EMB676" s="613"/>
      <c r="EMC676" s="613"/>
      <c r="EMD676" s="613"/>
      <c r="EME676" s="613"/>
      <c r="EMF676" s="613"/>
      <c r="EMG676" s="613"/>
      <c r="EMH676" s="613"/>
      <c r="EMI676" s="613"/>
      <c r="EMJ676" s="613"/>
      <c r="EMK676" s="613"/>
      <c r="EML676" s="613"/>
      <c r="EMM676" s="613"/>
      <c r="EMN676" s="613"/>
      <c r="EMO676" s="613"/>
      <c r="EMP676" s="613"/>
      <c r="EMQ676" s="613"/>
      <c r="EMR676" s="613"/>
      <c r="EMS676" s="613"/>
      <c r="EMT676" s="613"/>
      <c r="EMU676" s="613"/>
      <c r="EMV676" s="613"/>
      <c r="EMW676" s="613"/>
      <c r="EMX676" s="613"/>
      <c r="EMY676" s="613"/>
      <c r="EMZ676" s="613"/>
      <c r="ENA676" s="613"/>
      <c r="ENB676" s="613"/>
      <c r="ENC676" s="613"/>
      <c r="END676" s="613"/>
      <c r="ENE676" s="613"/>
      <c r="ENF676" s="613"/>
      <c r="ENG676" s="613"/>
      <c r="ENH676" s="613"/>
      <c r="ENI676" s="613"/>
      <c r="ENJ676" s="613"/>
      <c r="ENK676" s="613"/>
      <c r="ENL676" s="613"/>
      <c r="ENM676" s="613"/>
      <c r="ENN676" s="613"/>
      <c r="ENO676" s="613"/>
      <c r="ENP676" s="613"/>
      <c r="ENQ676" s="613"/>
      <c r="ENR676" s="613"/>
      <c r="ENS676" s="613"/>
      <c r="ENT676" s="613"/>
      <c r="ENU676" s="613"/>
      <c r="ENV676" s="613"/>
      <c r="ENW676" s="613"/>
      <c r="ENX676" s="613"/>
      <c r="ENY676" s="613"/>
      <c r="ENZ676" s="613"/>
      <c r="EOA676" s="613"/>
      <c r="EOB676" s="613"/>
      <c r="EOC676" s="613"/>
      <c r="EOD676" s="613"/>
      <c r="EOE676" s="613"/>
      <c r="EOF676" s="613"/>
      <c r="EOG676" s="613"/>
      <c r="EOH676" s="613"/>
      <c r="EOI676" s="613"/>
      <c r="EOJ676" s="613"/>
      <c r="EOK676" s="613"/>
      <c r="EOL676" s="613"/>
      <c r="EOM676" s="613"/>
      <c r="EON676" s="613"/>
      <c r="EOO676" s="613"/>
      <c r="EOP676" s="613"/>
      <c r="EOQ676" s="613"/>
      <c r="EOR676" s="613"/>
      <c r="EOS676" s="613"/>
      <c r="EOT676" s="613"/>
      <c r="EOU676" s="613"/>
      <c r="EOV676" s="613"/>
      <c r="EOW676" s="613"/>
      <c r="EOX676" s="613"/>
      <c r="EOY676" s="613"/>
      <c r="EOZ676" s="613"/>
      <c r="EPA676" s="613"/>
      <c r="EPB676" s="613"/>
      <c r="EPC676" s="613"/>
      <c r="EPD676" s="613"/>
      <c r="EPE676" s="613"/>
      <c r="EPF676" s="613"/>
      <c r="EPG676" s="613"/>
      <c r="EPH676" s="613"/>
      <c r="EPI676" s="613"/>
      <c r="EPJ676" s="613"/>
      <c r="EPK676" s="613"/>
      <c r="EPL676" s="613"/>
      <c r="EPM676" s="613"/>
      <c r="EPN676" s="613"/>
      <c r="EPO676" s="613"/>
      <c r="EPP676" s="613"/>
      <c r="EPQ676" s="613"/>
      <c r="EPR676" s="613"/>
      <c r="EPS676" s="613"/>
      <c r="EPT676" s="613"/>
      <c r="EPU676" s="613"/>
      <c r="EPV676" s="613"/>
      <c r="EPW676" s="613"/>
      <c r="EPX676" s="613"/>
      <c r="EPY676" s="613"/>
      <c r="EPZ676" s="613"/>
      <c r="EQA676" s="613"/>
      <c r="EQB676" s="613"/>
      <c r="EQC676" s="613"/>
      <c r="EQD676" s="613"/>
      <c r="EQE676" s="613"/>
      <c r="EQF676" s="613"/>
      <c r="EQG676" s="613"/>
      <c r="EQH676" s="613"/>
      <c r="EQI676" s="613"/>
      <c r="EQJ676" s="613"/>
      <c r="EQK676" s="613"/>
      <c r="EQL676" s="613"/>
      <c r="EQM676" s="613"/>
      <c r="EQN676" s="613"/>
      <c r="EQO676" s="613"/>
      <c r="EQP676" s="613"/>
      <c r="EQQ676" s="613"/>
      <c r="EQR676" s="613"/>
      <c r="EQS676" s="613"/>
      <c r="EQT676" s="613"/>
      <c r="EQU676" s="613"/>
      <c r="EQV676" s="613"/>
      <c r="EQW676" s="613"/>
      <c r="EQX676" s="613"/>
      <c r="EQY676" s="613"/>
      <c r="EQZ676" s="613"/>
      <c r="ERA676" s="613"/>
      <c r="ERB676" s="613"/>
      <c r="ERC676" s="613"/>
      <c r="ERD676" s="613"/>
      <c r="ERE676" s="613"/>
      <c r="ERF676" s="613"/>
      <c r="ERG676" s="613"/>
      <c r="ERH676" s="613"/>
      <c r="ERI676" s="613"/>
      <c r="ERJ676" s="613"/>
      <c r="ERK676" s="613"/>
      <c r="ERL676" s="613"/>
      <c r="ERM676" s="613"/>
      <c r="ERN676" s="613"/>
      <c r="ERO676" s="613"/>
      <c r="ERP676" s="613"/>
      <c r="ERQ676" s="613"/>
      <c r="ERR676" s="613"/>
      <c r="ERS676" s="613"/>
      <c r="ERT676" s="613"/>
      <c r="ERU676" s="613"/>
      <c r="ERV676" s="613"/>
      <c r="ERW676" s="613"/>
      <c r="ERX676" s="613"/>
      <c r="ERY676" s="613"/>
      <c r="ERZ676" s="613"/>
      <c r="ESA676" s="613"/>
      <c r="ESB676" s="613"/>
      <c r="ESC676" s="613"/>
      <c r="ESD676" s="613"/>
      <c r="ESE676" s="613"/>
      <c r="ESF676" s="613"/>
      <c r="ESG676" s="613"/>
      <c r="ESH676" s="613"/>
      <c r="ESI676" s="613"/>
      <c r="ESJ676" s="613"/>
      <c r="ESK676" s="613"/>
      <c r="ESL676" s="613"/>
      <c r="ESM676" s="613"/>
      <c r="ESN676" s="613"/>
      <c r="ESO676" s="613"/>
      <c r="ESP676" s="613"/>
      <c r="ESQ676" s="613"/>
      <c r="ESR676" s="613"/>
      <c r="ESS676" s="613"/>
      <c r="EST676" s="613"/>
      <c r="ESU676" s="613"/>
      <c r="ESV676" s="613"/>
      <c r="ESW676" s="613"/>
      <c r="ESX676" s="613"/>
      <c r="ESY676" s="613"/>
      <c r="ESZ676" s="613"/>
      <c r="ETA676" s="613"/>
      <c r="ETB676" s="613"/>
      <c r="ETC676" s="613"/>
      <c r="ETD676" s="613"/>
      <c r="ETE676" s="613"/>
      <c r="ETF676" s="613"/>
      <c r="ETG676" s="613"/>
      <c r="ETH676" s="613"/>
      <c r="ETI676" s="613"/>
      <c r="ETJ676" s="613"/>
      <c r="ETK676" s="613"/>
      <c r="ETL676" s="613"/>
      <c r="ETM676" s="613"/>
      <c r="ETN676" s="613"/>
      <c r="ETO676" s="613"/>
      <c r="ETP676" s="613"/>
      <c r="ETQ676" s="613"/>
      <c r="ETR676" s="613"/>
      <c r="ETS676" s="613"/>
      <c r="ETT676" s="613"/>
      <c r="ETU676" s="613"/>
      <c r="ETV676" s="613"/>
      <c r="ETW676" s="613"/>
      <c r="ETX676" s="613"/>
      <c r="ETY676" s="613"/>
      <c r="ETZ676" s="613"/>
      <c r="EUA676" s="613"/>
      <c r="EUB676" s="613"/>
      <c r="EUC676" s="613"/>
      <c r="EUD676" s="613"/>
      <c r="EUE676" s="613"/>
      <c r="EUF676" s="613"/>
      <c r="EUG676" s="613"/>
      <c r="EUH676" s="613"/>
      <c r="EUI676" s="613"/>
      <c r="EUJ676" s="613"/>
      <c r="EUK676" s="613"/>
      <c r="EUL676" s="613"/>
      <c r="EUM676" s="613"/>
      <c r="EUN676" s="613"/>
      <c r="EUO676" s="613"/>
      <c r="EUP676" s="613"/>
      <c r="EUQ676" s="613"/>
      <c r="EUR676" s="613"/>
      <c r="EUS676" s="613"/>
      <c r="EUT676" s="613"/>
      <c r="EUU676" s="613"/>
      <c r="EUV676" s="613"/>
      <c r="EUW676" s="613"/>
      <c r="EUX676" s="613"/>
      <c r="EUY676" s="613"/>
      <c r="EUZ676" s="613"/>
      <c r="EVA676" s="613"/>
      <c r="EVB676" s="613"/>
      <c r="EVC676" s="613"/>
      <c r="EVD676" s="613"/>
      <c r="EVE676" s="613"/>
      <c r="EVF676" s="613"/>
      <c r="EVG676" s="613"/>
      <c r="EVH676" s="613"/>
      <c r="EVI676" s="613"/>
      <c r="EVJ676" s="613"/>
      <c r="EVK676" s="613"/>
      <c r="EVL676" s="613"/>
      <c r="EVM676" s="613"/>
      <c r="EVN676" s="613"/>
      <c r="EVO676" s="613"/>
      <c r="EVP676" s="613"/>
      <c r="EVQ676" s="613"/>
      <c r="EVR676" s="613"/>
      <c r="EVS676" s="613"/>
      <c r="EVT676" s="613"/>
      <c r="EVU676" s="613"/>
      <c r="EVV676" s="613"/>
      <c r="EVW676" s="613"/>
      <c r="EVX676" s="613"/>
      <c r="EVY676" s="613"/>
      <c r="EVZ676" s="613"/>
      <c r="EWA676" s="613"/>
      <c r="EWB676" s="613"/>
      <c r="EWC676" s="613"/>
      <c r="EWD676" s="613"/>
      <c r="EWE676" s="613"/>
      <c r="EWF676" s="613"/>
      <c r="EWG676" s="613"/>
      <c r="EWH676" s="613"/>
      <c r="EWI676" s="613"/>
      <c r="EWJ676" s="613"/>
      <c r="EWK676" s="613"/>
      <c r="EWL676" s="613"/>
      <c r="EWM676" s="613"/>
      <c r="EWN676" s="613"/>
      <c r="EWO676" s="613"/>
      <c r="EWP676" s="613"/>
      <c r="EWQ676" s="613"/>
      <c r="EWR676" s="613"/>
      <c r="EWS676" s="613"/>
      <c r="EWT676" s="613"/>
      <c r="EWU676" s="613"/>
      <c r="EWV676" s="613"/>
      <c r="EWW676" s="613"/>
      <c r="EWX676" s="613"/>
      <c r="EWY676" s="613"/>
      <c r="EWZ676" s="613"/>
      <c r="EXA676" s="613"/>
      <c r="EXB676" s="613"/>
      <c r="EXC676" s="613"/>
      <c r="EXD676" s="613"/>
      <c r="EXE676" s="613"/>
      <c r="EXF676" s="613"/>
      <c r="EXG676" s="613"/>
      <c r="EXH676" s="613"/>
      <c r="EXI676" s="613"/>
      <c r="EXJ676" s="613"/>
      <c r="EXK676" s="613"/>
      <c r="EXL676" s="613"/>
      <c r="EXM676" s="613"/>
      <c r="EXN676" s="613"/>
      <c r="EXO676" s="613"/>
      <c r="EXP676" s="613"/>
      <c r="EXQ676" s="613"/>
      <c r="EXR676" s="613"/>
      <c r="EXS676" s="613"/>
      <c r="EXT676" s="613"/>
      <c r="EXU676" s="613"/>
      <c r="EXV676" s="613"/>
      <c r="EXW676" s="613"/>
      <c r="EXX676" s="613"/>
      <c r="EXY676" s="613"/>
      <c r="EXZ676" s="613"/>
      <c r="EYA676" s="613"/>
      <c r="EYB676" s="613"/>
      <c r="EYC676" s="613"/>
      <c r="EYD676" s="613"/>
      <c r="EYE676" s="613"/>
      <c r="EYF676" s="613"/>
      <c r="EYG676" s="613"/>
      <c r="EYH676" s="613"/>
      <c r="EYI676" s="613"/>
      <c r="EYJ676" s="613"/>
      <c r="EYK676" s="613"/>
      <c r="EYL676" s="613"/>
      <c r="EYM676" s="613"/>
      <c r="EYN676" s="613"/>
      <c r="EYO676" s="613"/>
      <c r="EYP676" s="613"/>
      <c r="EYQ676" s="613"/>
      <c r="EYR676" s="613"/>
      <c r="EYS676" s="613"/>
      <c r="EYT676" s="613"/>
      <c r="EYU676" s="613"/>
      <c r="EYV676" s="613"/>
      <c r="EYW676" s="613"/>
      <c r="EYX676" s="613"/>
      <c r="EYY676" s="613"/>
      <c r="EYZ676" s="613"/>
      <c r="EZA676" s="613"/>
      <c r="EZB676" s="613"/>
      <c r="EZC676" s="613"/>
      <c r="EZD676" s="613"/>
      <c r="EZE676" s="613"/>
      <c r="EZF676" s="613"/>
      <c r="EZG676" s="613"/>
      <c r="EZH676" s="613"/>
      <c r="EZI676" s="613"/>
      <c r="EZJ676" s="613"/>
      <c r="EZK676" s="613"/>
      <c r="EZL676" s="613"/>
      <c r="EZM676" s="613"/>
      <c r="EZN676" s="613"/>
      <c r="EZO676" s="613"/>
      <c r="EZP676" s="613"/>
      <c r="EZQ676" s="613"/>
      <c r="EZR676" s="613"/>
      <c r="EZS676" s="613"/>
      <c r="EZT676" s="613"/>
      <c r="EZU676" s="613"/>
      <c r="EZV676" s="613"/>
      <c r="EZW676" s="613"/>
      <c r="EZX676" s="613"/>
      <c r="EZY676" s="613"/>
      <c r="EZZ676" s="613"/>
      <c r="FAA676" s="613"/>
      <c r="FAB676" s="613"/>
      <c r="FAC676" s="613"/>
      <c r="FAD676" s="613"/>
      <c r="FAE676" s="613"/>
      <c r="FAF676" s="613"/>
      <c r="FAG676" s="613"/>
      <c r="FAH676" s="613"/>
      <c r="FAI676" s="613"/>
      <c r="FAJ676" s="613"/>
      <c r="FAK676" s="613"/>
      <c r="FAL676" s="613"/>
      <c r="FAM676" s="613"/>
      <c r="FAN676" s="613"/>
      <c r="FAO676" s="613"/>
      <c r="FAP676" s="613"/>
      <c r="FAQ676" s="613"/>
      <c r="FAR676" s="613"/>
      <c r="FAS676" s="613"/>
      <c r="FAT676" s="613"/>
      <c r="FAU676" s="613"/>
      <c r="FAV676" s="613"/>
      <c r="FAW676" s="613"/>
      <c r="FAX676" s="613"/>
      <c r="FAY676" s="613"/>
      <c r="FAZ676" s="613"/>
      <c r="FBA676" s="613"/>
      <c r="FBB676" s="613"/>
      <c r="FBC676" s="613"/>
      <c r="FBD676" s="613"/>
      <c r="FBE676" s="613"/>
      <c r="FBF676" s="613"/>
      <c r="FBG676" s="613"/>
      <c r="FBH676" s="613"/>
      <c r="FBI676" s="613"/>
      <c r="FBJ676" s="613"/>
      <c r="FBK676" s="613"/>
      <c r="FBL676" s="613"/>
      <c r="FBM676" s="613"/>
      <c r="FBN676" s="613"/>
      <c r="FBO676" s="613"/>
      <c r="FBP676" s="613"/>
      <c r="FBQ676" s="613"/>
      <c r="FBR676" s="613"/>
      <c r="FBS676" s="613"/>
      <c r="FBT676" s="613"/>
      <c r="FBU676" s="613"/>
      <c r="FBV676" s="613"/>
      <c r="FBW676" s="613"/>
      <c r="FBX676" s="613"/>
      <c r="FBY676" s="613"/>
      <c r="FBZ676" s="613"/>
      <c r="FCA676" s="613"/>
      <c r="FCB676" s="613"/>
      <c r="FCC676" s="613"/>
      <c r="FCD676" s="613"/>
      <c r="FCE676" s="613"/>
      <c r="FCF676" s="613"/>
      <c r="FCG676" s="613"/>
      <c r="FCH676" s="613"/>
      <c r="FCI676" s="613"/>
      <c r="FCJ676" s="613"/>
      <c r="FCK676" s="613"/>
      <c r="FCL676" s="613"/>
      <c r="FCM676" s="613"/>
      <c r="FCN676" s="613"/>
      <c r="FCO676" s="613"/>
      <c r="FCP676" s="613"/>
      <c r="FCQ676" s="613"/>
      <c r="FCR676" s="613"/>
      <c r="FCS676" s="613"/>
      <c r="FCT676" s="613"/>
      <c r="FCU676" s="613"/>
      <c r="FCV676" s="613"/>
      <c r="FCW676" s="613"/>
      <c r="FCX676" s="613"/>
      <c r="FCY676" s="613"/>
      <c r="FCZ676" s="613"/>
      <c r="FDA676" s="613"/>
      <c r="FDB676" s="613"/>
      <c r="FDC676" s="613"/>
      <c r="FDD676" s="613"/>
      <c r="FDE676" s="613"/>
      <c r="FDF676" s="613"/>
      <c r="FDG676" s="613"/>
      <c r="FDH676" s="613"/>
      <c r="FDI676" s="613"/>
      <c r="FDJ676" s="613"/>
      <c r="FDK676" s="613"/>
      <c r="FDL676" s="613"/>
      <c r="FDM676" s="613"/>
      <c r="FDN676" s="613"/>
      <c r="FDO676" s="613"/>
      <c r="FDP676" s="613"/>
      <c r="FDQ676" s="613"/>
      <c r="FDR676" s="613"/>
      <c r="FDS676" s="613"/>
      <c r="FDT676" s="613"/>
      <c r="FDU676" s="613"/>
      <c r="FDV676" s="613"/>
      <c r="FDW676" s="613"/>
      <c r="FDX676" s="613"/>
      <c r="FDY676" s="613"/>
      <c r="FDZ676" s="613"/>
      <c r="FEA676" s="613"/>
      <c r="FEB676" s="613"/>
      <c r="FEC676" s="613"/>
      <c r="FED676" s="613"/>
      <c r="FEE676" s="613"/>
      <c r="FEF676" s="613"/>
      <c r="FEG676" s="613"/>
      <c r="FEH676" s="613"/>
      <c r="FEI676" s="613"/>
      <c r="FEJ676" s="613"/>
      <c r="FEK676" s="613"/>
      <c r="FEL676" s="613"/>
      <c r="FEM676" s="613"/>
      <c r="FEN676" s="613"/>
      <c r="FEO676" s="613"/>
      <c r="FEP676" s="613"/>
      <c r="FEQ676" s="613"/>
      <c r="FER676" s="613"/>
      <c r="FES676" s="613"/>
      <c r="FET676" s="613"/>
      <c r="FEU676" s="613"/>
      <c r="FEV676" s="613"/>
      <c r="FEW676" s="613"/>
      <c r="FEX676" s="613"/>
      <c r="FEY676" s="613"/>
      <c r="FEZ676" s="613"/>
      <c r="FFA676" s="613"/>
      <c r="FFB676" s="613"/>
      <c r="FFC676" s="613"/>
      <c r="FFD676" s="613"/>
      <c r="FFE676" s="613"/>
      <c r="FFF676" s="613"/>
      <c r="FFG676" s="613"/>
      <c r="FFH676" s="613"/>
      <c r="FFI676" s="613"/>
      <c r="FFJ676" s="613"/>
      <c r="FFK676" s="613"/>
      <c r="FFL676" s="613"/>
      <c r="FFM676" s="613"/>
      <c r="FFN676" s="613"/>
      <c r="FFO676" s="613"/>
      <c r="FFP676" s="613"/>
      <c r="FFQ676" s="613"/>
      <c r="FFR676" s="613"/>
      <c r="FFS676" s="613"/>
      <c r="FFT676" s="613"/>
      <c r="FFU676" s="613"/>
      <c r="FFV676" s="613"/>
      <c r="FFW676" s="613"/>
      <c r="FFX676" s="613"/>
      <c r="FFY676" s="613"/>
      <c r="FFZ676" s="613"/>
      <c r="FGA676" s="613"/>
      <c r="FGB676" s="613"/>
      <c r="FGC676" s="613"/>
      <c r="FGD676" s="613"/>
      <c r="FGE676" s="613"/>
      <c r="FGF676" s="613"/>
      <c r="FGG676" s="613"/>
      <c r="FGH676" s="613"/>
      <c r="FGI676" s="613"/>
      <c r="FGJ676" s="613"/>
      <c r="FGK676" s="613"/>
      <c r="FGL676" s="613"/>
      <c r="FGM676" s="613"/>
      <c r="FGN676" s="613"/>
      <c r="FGO676" s="613"/>
      <c r="FGP676" s="613"/>
      <c r="FGQ676" s="613"/>
      <c r="FGR676" s="613"/>
      <c r="FGS676" s="613"/>
      <c r="FGT676" s="613"/>
      <c r="FGU676" s="613"/>
      <c r="FGV676" s="613"/>
      <c r="FGW676" s="613"/>
      <c r="FGX676" s="613"/>
      <c r="FGY676" s="613"/>
      <c r="FGZ676" s="613"/>
      <c r="FHA676" s="613"/>
      <c r="FHB676" s="613"/>
      <c r="FHC676" s="613"/>
      <c r="FHD676" s="613"/>
      <c r="FHE676" s="613"/>
      <c r="FHF676" s="613"/>
      <c r="FHG676" s="613"/>
      <c r="FHH676" s="613"/>
      <c r="FHI676" s="613"/>
      <c r="FHJ676" s="613"/>
      <c r="FHK676" s="613"/>
      <c r="FHL676" s="613"/>
      <c r="FHM676" s="613"/>
      <c r="FHN676" s="613"/>
      <c r="FHO676" s="613"/>
      <c r="FHP676" s="613"/>
      <c r="FHQ676" s="613"/>
      <c r="FHR676" s="613"/>
      <c r="FHS676" s="613"/>
      <c r="FHT676" s="613"/>
      <c r="FHU676" s="613"/>
      <c r="FHV676" s="613"/>
      <c r="FHW676" s="613"/>
      <c r="FHX676" s="613"/>
      <c r="FHY676" s="613"/>
      <c r="FHZ676" s="613"/>
      <c r="FIA676" s="613"/>
      <c r="FIB676" s="613"/>
      <c r="FIC676" s="613"/>
      <c r="FID676" s="613"/>
      <c r="FIE676" s="613"/>
      <c r="FIF676" s="613"/>
      <c r="FIG676" s="613"/>
      <c r="FIH676" s="613"/>
      <c r="FII676" s="613"/>
      <c r="FIJ676" s="613"/>
      <c r="FIK676" s="613"/>
      <c r="FIL676" s="613"/>
      <c r="FIM676" s="613"/>
      <c r="FIN676" s="613"/>
      <c r="FIO676" s="613"/>
      <c r="FIP676" s="613"/>
      <c r="FIQ676" s="613"/>
      <c r="FIR676" s="613"/>
      <c r="FIS676" s="613"/>
      <c r="FIT676" s="613"/>
      <c r="FIU676" s="613"/>
      <c r="FIV676" s="613"/>
      <c r="FIW676" s="613"/>
      <c r="FIX676" s="613"/>
      <c r="FIY676" s="613"/>
      <c r="FIZ676" s="613"/>
      <c r="FJA676" s="613"/>
      <c r="FJB676" s="613"/>
      <c r="FJC676" s="613"/>
      <c r="FJD676" s="613"/>
      <c r="FJE676" s="613"/>
      <c r="FJF676" s="613"/>
      <c r="FJG676" s="613"/>
      <c r="FJH676" s="613"/>
      <c r="FJI676" s="613"/>
      <c r="FJJ676" s="613"/>
      <c r="FJK676" s="613"/>
      <c r="FJL676" s="613"/>
      <c r="FJM676" s="613"/>
      <c r="FJN676" s="613"/>
      <c r="FJO676" s="613"/>
      <c r="FJP676" s="613"/>
      <c r="FJQ676" s="613"/>
      <c r="FJR676" s="613"/>
      <c r="FJS676" s="613"/>
      <c r="FJT676" s="613"/>
      <c r="FJU676" s="613"/>
      <c r="FJV676" s="613"/>
      <c r="FJW676" s="613"/>
      <c r="FJX676" s="613"/>
      <c r="FJY676" s="613"/>
      <c r="FJZ676" s="613"/>
      <c r="FKA676" s="613"/>
      <c r="FKB676" s="613"/>
      <c r="FKC676" s="613"/>
      <c r="FKD676" s="613"/>
      <c r="FKE676" s="613"/>
      <c r="FKF676" s="613"/>
      <c r="FKG676" s="613"/>
      <c r="FKH676" s="613"/>
      <c r="FKI676" s="613"/>
      <c r="FKJ676" s="613"/>
      <c r="FKK676" s="613"/>
      <c r="FKL676" s="613"/>
      <c r="FKM676" s="613"/>
      <c r="FKN676" s="613"/>
      <c r="FKO676" s="613"/>
      <c r="FKP676" s="613"/>
      <c r="FKQ676" s="613"/>
      <c r="FKR676" s="613"/>
      <c r="FKS676" s="613"/>
      <c r="FKT676" s="613"/>
      <c r="FKU676" s="613"/>
      <c r="FKV676" s="613"/>
      <c r="FKW676" s="613"/>
      <c r="FKX676" s="613"/>
      <c r="FKY676" s="613"/>
      <c r="FKZ676" s="613"/>
      <c r="FLA676" s="613"/>
      <c r="FLB676" s="613"/>
      <c r="FLC676" s="613"/>
      <c r="FLD676" s="613"/>
      <c r="FLE676" s="613"/>
      <c r="FLF676" s="613"/>
      <c r="FLG676" s="613"/>
      <c r="FLH676" s="613"/>
      <c r="FLI676" s="613"/>
      <c r="FLJ676" s="613"/>
      <c r="FLK676" s="613"/>
      <c r="FLL676" s="613"/>
      <c r="FLM676" s="613"/>
      <c r="FLN676" s="613"/>
      <c r="FLO676" s="613"/>
      <c r="FLP676" s="613"/>
      <c r="FLQ676" s="613"/>
      <c r="FLR676" s="613"/>
      <c r="FLS676" s="613"/>
      <c r="FLT676" s="613"/>
      <c r="FLU676" s="613"/>
      <c r="FLV676" s="613"/>
      <c r="FLW676" s="613"/>
      <c r="FLX676" s="613"/>
      <c r="FLY676" s="613"/>
      <c r="FLZ676" s="613"/>
      <c r="FMA676" s="613"/>
      <c r="FMB676" s="613"/>
      <c r="FMC676" s="613"/>
      <c r="FMD676" s="613"/>
      <c r="FME676" s="613"/>
      <c r="FMF676" s="613"/>
      <c r="FMG676" s="613"/>
      <c r="FMH676" s="613"/>
      <c r="FMI676" s="613"/>
      <c r="FMJ676" s="613"/>
      <c r="FMK676" s="613"/>
      <c r="FML676" s="613"/>
      <c r="FMM676" s="613"/>
      <c r="FMN676" s="613"/>
      <c r="FMO676" s="613"/>
      <c r="FMP676" s="613"/>
      <c r="FMQ676" s="613"/>
      <c r="FMR676" s="613"/>
      <c r="FMS676" s="613"/>
      <c r="FMT676" s="613"/>
      <c r="FMU676" s="613"/>
      <c r="FMV676" s="613"/>
      <c r="FMW676" s="613"/>
      <c r="FMX676" s="613"/>
      <c r="FMY676" s="613"/>
      <c r="FMZ676" s="613"/>
      <c r="FNA676" s="613"/>
      <c r="FNB676" s="613"/>
      <c r="FNC676" s="613"/>
      <c r="FND676" s="613"/>
      <c r="FNE676" s="613"/>
      <c r="FNF676" s="613"/>
      <c r="FNG676" s="613"/>
      <c r="FNH676" s="613"/>
      <c r="FNI676" s="613"/>
      <c r="FNJ676" s="613"/>
      <c r="FNK676" s="613"/>
      <c r="FNL676" s="613"/>
      <c r="FNM676" s="613"/>
      <c r="FNN676" s="613"/>
      <c r="FNO676" s="613"/>
      <c r="FNP676" s="613"/>
      <c r="FNQ676" s="613"/>
      <c r="FNR676" s="613"/>
      <c r="FNS676" s="613"/>
      <c r="FNT676" s="613"/>
      <c r="FNU676" s="613"/>
      <c r="FNV676" s="613"/>
      <c r="FNW676" s="613"/>
      <c r="FNX676" s="613"/>
      <c r="FNY676" s="613"/>
      <c r="FNZ676" s="613"/>
      <c r="FOA676" s="613"/>
      <c r="FOB676" s="613"/>
      <c r="FOC676" s="613"/>
      <c r="FOD676" s="613"/>
      <c r="FOE676" s="613"/>
      <c r="FOF676" s="613"/>
      <c r="FOG676" s="613"/>
      <c r="FOH676" s="613"/>
      <c r="FOI676" s="613"/>
      <c r="FOJ676" s="613"/>
      <c r="FOK676" s="613"/>
      <c r="FOL676" s="613"/>
      <c r="FOM676" s="613"/>
      <c r="FON676" s="613"/>
      <c r="FOO676" s="613"/>
      <c r="FOP676" s="613"/>
      <c r="FOQ676" s="613"/>
      <c r="FOR676" s="613"/>
      <c r="FOS676" s="613"/>
      <c r="FOT676" s="613"/>
      <c r="FOU676" s="613"/>
      <c r="FOV676" s="613"/>
      <c r="FOW676" s="613"/>
      <c r="FOX676" s="613"/>
      <c r="FOY676" s="613"/>
      <c r="FOZ676" s="613"/>
      <c r="FPA676" s="613"/>
      <c r="FPB676" s="613"/>
      <c r="FPC676" s="613"/>
      <c r="FPD676" s="613"/>
      <c r="FPE676" s="613"/>
      <c r="FPF676" s="613"/>
      <c r="FPG676" s="613"/>
      <c r="FPH676" s="613"/>
      <c r="FPI676" s="613"/>
      <c r="FPJ676" s="613"/>
      <c r="FPK676" s="613"/>
      <c r="FPL676" s="613"/>
      <c r="FPM676" s="613"/>
      <c r="FPN676" s="613"/>
      <c r="FPO676" s="613"/>
      <c r="FPP676" s="613"/>
      <c r="FPQ676" s="613"/>
      <c r="FPR676" s="613"/>
      <c r="FPS676" s="613"/>
      <c r="FPT676" s="613"/>
      <c r="FPU676" s="613"/>
      <c r="FPV676" s="613"/>
      <c r="FPW676" s="613"/>
      <c r="FPX676" s="613"/>
      <c r="FPY676" s="613"/>
      <c r="FPZ676" s="613"/>
      <c r="FQA676" s="613"/>
      <c r="FQB676" s="613"/>
      <c r="FQC676" s="613"/>
      <c r="FQD676" s="613"/>
      <c r="FQE676" s="613"/>
      <c r="FQF676" s="613"/>
      <c r="FQG676" s="613"/>
      <c r="FQH676" s="613"/>
      <c r="FQI676" s="613"/>
      <c r="FQJ676" s="613"/>
      <c r="FQK676" s="613"/>
      <c r="FQL676" s="613"/>
      <c r="FQM676" s="613"/>
      <c r="FQN676" s="613"/>
      <c r="FQO676" s="613"/>
      <c r="FQP676" s="613"/>
      <c r="FQQ676" s="613"/>
      <c r="FQR676" s="613"/>
      <c r="FQS676" s="613"/>
      <c r="FQT676" s="613"/>
      <c r="FQU676" s="613"/>
      <c r="FQV676" s="613"/>
      <c r="FQW676" s="613"/>
      <c r="FQX676" s="613"/>
      <c r="FQY676" s="613"/>
      <c r="FQZ676" s="613"/>
      <c r="FRA676" s="613"/>
      <c r="FRB676" s="613"/>
      <c r="FRC676" s="613"/>
      <c r="FRD676" s="613"/>
      <c r="FRE676" s="613"/>
      <c r="FRF676" s="613"/>
      <c r="FRG676" s="613"/>
      <c r="FRH676" s="613"/>
      <c r="FRI676" s="613"/>
      <c r="FRJ676" s="613"/>
      <c r="FRK676" s="613"/>
      <c r="FRL676" s="613"/>
      <c r="FRM676" s="613"/>
      <c r="FRN676" s="613"/>
      <c r="FRO676" s="613"/>
      <c r="FRP676" s="613"/>
      <c r="FRQ676" s="613"/>
      <c r="FRR676" s="613"/>
      <c r="FRS676" s="613"/>
      <c r="FRT676" s="613"/>
      <c r="FRU676" s="613"/>
      <c r="FRV676" s="613"/>
      <c r="FRW676" s="613"/>
      <c r="FRX676" s="613"/>
      <c r="FRY676" s="613"/>
      <c r="FRZ676" s="613"/>
      <c r="FSA676" s="613"/>
      <c r="FSB676" s="613"/>
      <c r="FSC676" s="613"/>
      <c r="FSD676" s="613"/>
      <c r="FSE676" s="613"/>
      <c r="FSF676" s="613"/>
      <c r="FSG676" s="613"/>
      <c r="FSH676" s="613"/>
      <c r="FSI676" s="613"/>
      <c r="FSJ676" s="613"/>
      <c r="FSK676" s="613"/>
      <c r="FSL676" s="613"/>
      <c r="FSM676" s="613"/>
      <c r="FSN676" s="613"/>
      <c r="FSO676" s="613"/>
      <c r="FSP676" s="613"/>
      <c r="FSQ676" s="613"/>
      <c r="FSR676" s="613"/>
      <c r="FSS676" s="613"/>
      <c r="FST676" s="613"/>
      <c r="FSU676" s="613"/>
      <c r="FSV676" s="613"/>
      <c r="FSW676" s="613"/>
      <c r="FSX676" s="613"/>
      <c r="FSY676" s="613"/>
      <c r="FSZ676" s="613"/>
      <c r="FTA676" s="613"/>
      <c r="FTB676" s="613"/>
      <c r="FTC676" s="613"/>
      <c r="FTD676" s="613"/>
      <c r="FTE676" s="613"/>
      <c r="FTF676" s="613"/>
      <c r="FTG676" s="613"/>
      <c r="FTH676" s="613"/>
      <c r="FTI676" s="613"/>
      <c r="FTJ676" s="613"/>
      <c r="FTK676" s="613"/>
      <c r="FTL676" s="613"/>
      <c r="FTM676" s="613"/>
      <c r="FTN676" s="613"/>
      <c r="FTO676" s="613"/>
      <c r="FTP676" s="613"/>
      <c r="FTQ676" s="613"/>
      <c r="FTR676" s="613"/>
      <c r="FTS676" s="613"/>
      <c r="FTT676" s="613"/>
      <c r="FTU676" s="613"/>
      <c r="FTV676" s="613"/>
      <c r="FTW676" s="613"/>
      <c r="FTX676" s="613"/>
      <c r="FTY676" s="613"/>
      <c r="FTZ676" s="613"/>
      <c r="FUA676" s="613"/>
      <c r="FUB676" s="613"/>
      <c r="FUC676" s="613"/>
      <c r="FUD676" s="613"/>
      <c r="FUE676" s="613"/>
      <c r="FUF676" s="613"/>
      <c r="FUG676" s="613"/>
      <c r="FUH676" s="613"/>
      <c r="FUI676" s="613"/>
      <c r="FUJ676" s="613"/>
      <c r="FUK676" s="613"/>
      <c r="FUL676" s="613"/>
      <c r="FUM676" s="613"/>
      <c r="FUN676" s="613"/>
      <c r="FUO676" s="613"/>
      <c r="FUP676" s="613"/>
      <c r="FUQ676" s="613"/>
      <c r="FUR676" s="613"/>
      <c r="FUS676" s="613"/>
      <c r="FUT676" s="613"/>
      <c r="FUU676" s="613"/>
      <c r="FUV676" s="613"/>
      <c r="FUW676" s="613"/>
      <c r="FUX676" s="613"/>
      <c r="FUY676" s="613"/>
      <c r="FUZ676" s="613"/>
      <c r="FVA676" s="613"/>
      <c r="FVB676" s="613"/>
      <c r="FVC676" s="613"/>
      <c r="FVD676" s="613"/>
      <c r="FVE676" s="613"/>
      <c r="FVF676" s="613"/>
      <c r="FVG676" s="613"/>
      <c r="FVH676" s="613"/>
      <c r="FVI676" s="613"/>
      <c r="FVJ676" s="613"/>
      <c r="FVK676" s="613"/>
      <c r="FVL676" s="613"/>
      <c r="FVM676" s="613"/>
      <c r="FVN676" s="613"/>
      <c r="FVO676" s="613"/>
      <c r="FVP676" s="613"/>
      <c r="FVQ676" s="613"/>
      <c r="FVR676" s="613"/>
      <c r="FVS676" s="613"/>
      <c r="FVT676" s="613"/>
      <c r="FVU676" s="613"/>
      <c r="FVV676" s="613"/>
      <c r="FVW676" s="613"/>
      <c r="FVX676" s="613"/>
      <c r="FVY676" s="613"/>
      <c r="FVZ676" s="613"/>
      <c r="FWA676" s="613"/>
      <c r="FWB676" s="613"/>
      <c r="FWC676" s="613"/>
      <c r="FWD676" s="613"/>
      <c r="FWE676" s="613"/>
      <c r="FWF676" s="613"/>
      <c r="FWG676" s="613"/>
      <c r="FWH676" s="613"/>
      <c r="FWI676" s="613"/>
      <c r="FWJ676" s="613"/>
      <c r="FWK676" s="613"/>
      <c r="FWL676" s="613"/>
      <c r="FWM676" s="613"/>
      <c r="FWN676" s="613"/>
      <c r="FWO676" s="613"/>
      <c r="FWP676" s="613"/>
      <c r="FWQ676" s="613"/>
      <c r="FWR676" s="613"/>
      <c r="FWS676" s="613"/>
      <c r="FWT676" s="613"/>
      <c r="FWU676" s="613"/>
      <c r="FWV676" s="613"/>
      <c r="FWW676" s="613"/>
      <c r="FWX676" s="613"/>
      <c r="FWY676" s="613"/>
      <c r="FWZ676" s="613"/>
      <c r="FXA676" s="613"/>
      <c r="FXB676" s="613"/>
      <c r="FXC676" s="613"/>
      <c r="FXD676" s="613"/>
      <c r="FXE676" s="613"/>
      <c r="FXF676" s="613"/>
      <c r="FXG676" s="613"/>
      <c r="FXH676" s="613"/>
      <c r="FXI676" s="613"/>
      <c r="FXJ676" s="613"/>
      <c r="FXK676" s="613"/>
      <c r="FXL676" s="613"/>
      <c r="FXM676" s="613"/>
      <c r="FXN676" s="613"/>
      <c r="FXO676" s="613"/>
      <c r="FXP676" s="613"/>
      <c r="FXQ676" s="613"/>
      <c r="FXR676" s="613"/>
      <c r="FXS676" s="613"/>
      <c r="FXT676" s="613"/>
      <c r="FXU676" s="613"/>
      <c r="FXV676" s="613"/>
      <c r="FXW676" s="613"/>
      <c r="FXX676" s="613"/>
      <c r="FXY676" s="613"/>
      <c r="FXZ676" s="613"/>
      <c r="FYA676" s="613"/>
      <c r="FYB676" s="613"/>
      <c r="FYC676" s="613"/>
      <c r="FYD676" s="613"/>
      <c r="FYE676" s="613"/>
      <c r="FYF676" s="613"/>
      <c r="FYG676" s="613"/>
      <c r="FYH676" s="613"/>
      <c r="FYI676" s="613"/>
      <c r="FYJ676" s="613"/>
      <c r="FYK676" s="613"/>
      <c r="FYL676" s="613"/>
      <c r="FYM676" s="613"/>
      <c r="FYN676" s="613"/>
      <c r="FYO676" s="613"/>
      <c r="FYP676" s="613"/>
      <c r="FYQ676" s="613"/>
      <c r="FYR676" s="613"/>
      <c r="FYS676" s="613"/>
      <c r="FYT676" s="613"/>
      <c r="FYU676" s="613"/>
      <c r="FYV676" s="613"/>
      <c r="FYW676" s="613"/>
      <c r="FYX676" s="613"/>
      <c r="FYY676" s="613"/>
      <c r="FYZ676" s="613"/>
      <c r="FZA676" s="613"/>
      <c r="FZB676" s="613"/>
      <c r="FZC676" s="613"/>
      <c r="FZD676" s="613"/>
      <c r="FZE676" s="613"/>
      <c r="FZF676" s="613"/>
      <c r="FZG676" s="613"/>
      <c r="FZH676" s="613"/>
      <c r="FZI676" s="613"/>
      <c r="FZJ676" s="613"/>
      <c r="FZK676" s="613"/>
      <c r="FZL676" s="613"/>
      <c r="FZM676" s="613"/>
      <c r="FZN676" s="613"/>
      <c r="FZO676" s="613"/>
      <c r="FZP676" s="613"/>
      <c r="FZQ676" s="613"/>
      <c r="FZR676" s="613"/>
      <c r="FZS676" s="613"/>
      <c r="FZT676" s="613"/>
      <c r="FZU676" s="613"/>
      <c r="FZV676" s="613"/>
      <c r="FZW676" s="613"/>
      <c r="FZX676" s="613"/>
      <c r="FZY676" s="613"/>
      <c r="FZZ676" s="613"/>
      <c r="GAA676" s="613"/>
      <c r="GAB676" s="613"/>
      <c r="GAC676" s="613"/>
      <c r="GAD676" s="613"/>
      <c r="GAE676" s="613"/>
      <c r="GAF676" s="613"/>
      <c r="GAG676" s="613"/>
      <c r="GAH676" s="613"/>
      <c r="GAI676" s="613"/>
      <c r="GAJ676" s="613"/>
      <c r="GAK676" s="613"/>
      <c r="GAL676" s="613"/>
      <c r="GAM676" s="613"/>
      <c r="GAN676" s="613"/>
      <c r="GAO676" s="613"/>
      <c r="GAP676" s="613"/>
      <c r="GAQ676" s="613"/>
      <c r="GAR676" s="613"/>
      <c r="GAS676" s="613"/>
      <c r="GAT676" s="613"/>
      <c r="GAU676" s="613"/>
      <c r="GAV676" s="613"/>
      <c r="GAW676" s="613"/>
      <c r="GAX676" s="613"/>
      <c r="GAY676" s="613"/>
      <c r="GAZ676" s="613"/>
      <c r="GBA676" s="613"/>
      <c r="GBB676" s="613"/>
      <c r="GBC676" s="613"/>
      <c r="GBD676" s="613"/>
      <c r="GBE676" s="613"/>
      <c r="GBF676" s="613"/>
      <c r="GBG676" s="613"/>
      <c r="GBH676" s="613"/>
      <c r="GBI676" s="613"/>
      <c r="GBJ676" s="613"/>
      <c r="GBK676" s="613"/>
      <c r="GBL676" s="613"/>
      <c r="GBM676" s="613"/>
      <c r="GBN676" s="613"/>
      <c r="GBO676" s="613"/>
      <c r="GBP676" s="613"/>
      <c r="GBQ676" s="613"/>
      <c r="GBR676" s="613"/>
      <c r="GBS676" s="613"/>
      <c r="GBT676" s="613"/>
      <c r="GBU676" s="613"/>
      <c r="GBV676" s="613"/>
      <c r="GBW676" s="613"/>
      <c r="GBX676" s="613"/>
      <c r="GBY676" s="613"/>
      <c r="GBZ676" s="613"/>
      <c r="GCA676" s="613"/>
      <c r="GCB676" s="613"/>
      <c r="GCC676" s="613"/>
      <c r="GCD676" s="613"/>
      <c r="GCE676" s="613"/>
      <c r="GCF676" s="613"/>
      <c r="GCG676" s="613"/>
      <c r="GCH676" s="613"/>
      <c r="GCI676" s="613"/>
      <c r="GCJ676" s="613"/>
      <c r="GCK676" s="613"/>
      <c r="GCL676" s="613"/>
      <c r="GCM676" s="613"/>
      <c r="GCN676" s="613"/>
      <c r="GCO676" s="613"/>
      <c r="GCP676" s="613"/>
      <c r="GCQ676" s="613"/>
      <c r="GCR676" s="613"/>
      <c r="GCS676" s="613"/>
      <c r="GCT676" s="613"/>
      <c r="GCU676" s="613"/>
      <c r="GCV676" s="613"/>
      <c r="GCW676" s="613"/>
      <c r="GCX676" s="613"/>
      <c r="GCY676" s="613"/>
      <c r="GCZ676" s="613"/>
      <c r="GDA676" s="613"/>
      <c r="GDB676" s="613"/>
      <c r="GDC676" s="613"/>
      <c r="GDD676" s="613"/>
      <c r="GDE676" s="613"/>
      <c r="GDF676" s="613"/>
      <c r="GDG676" s="613"/>
      <c r="GDH676" s="613"/>
      <c r="GDI676" s="613"/>
      <c r="GDJ676" s="613"/>
      <c r="GDK676" s="613"/>
      <c r="GDL676" s="613"/>
      <c r="GDM676" s="613"/>
      <c r="GDN676" s="613"/>
      <c r="GDO676" s="613"/>
      <c r="GDP676" s="613"/>
      <c r="GDQ676" s="613"/>
      <c r="GDR676" s="613"/>
      <c r="GDS676" s="613"/>
      <c r="GDT676" s="613"/>
      <c r="GDU676" s="613"/>
      <c r="GDV676" s="613"/>
      <c r="GDW676" s="613"/>
      <c r="GDX676" s="613"/>
      <c r="GDY676" s="613"/>
      <c r="GDZ676" s="613"/>
      <c r="GEA676" s="613"/>
      <c r="GEB676" s="613"/>
      <c r="GEC676" s="613"/>
      <c r="GED676" s="613"/>
      <c r="GEE676" s="613"/>
      <c r="GEF676" s="613"/>
      <c r="GEG676" s="613"/>
      <c r="GEH676" s="613"/>
      <c r="GEI676" s="613"/>
      <c r="GEJ676" s="613"/>
      <c r="GEK676" s="613"/>
      <c r="GEL676" s="613"/>
      <c r="GEM676" s="613"/>
      <c r="GEN676" s="613"/>
      <c r="GEO676" s="613"/>
      <c r="GEP676" s="613"/>
      <c r="GEQ676" s="613"/>
      <c r="GER676" s="613"/>
      <c r="GES676" s="613"/>
      <c r="GET676" s="613"/>
      <c r="GEU676" s="613"/>
      <c r="GEV676" s="613"/>
      <c r="GEW676" s="613"/>
      <c r="GEX676" s="613"/>
      <c r="GEY676" s="613"/>
      <c r="GEZ676" s="613"/>
      <c r="GFA676" s="613"/>
      <c r="GFB676" s="613"/>
      <c r="GFC676" s="613"/>
      <c r="GFD676" s="613"/>
      <c r="GFE676" s="613"/>
      <c r="GFF676" s="613"/>
      <c r="GFG676" s="613"/>
      <c r="GFH676" s="613"/>
      <c r="GFI676" s="613"/>
      <c r="GFJ676" s="613"/>
      <c r="GFK676" s="613"/>
      <c r="GFL676" s="613"/>
      <c r="GFM676" s="613"/>
      <c r="GFN676" s="613"/>
      <c r="GFO676" s="613"/>
      <c r="GFP676" s="613"/>
      <c r="GFQ676" s="613"/>
      <c r="GFR676" s="613"/>
      <c r="GFS676" s="613"/>
      <c r="GFT676" s="613"/>
      <c r="GFU676" s="613"/>
      <c r="GFV676" s="613"/>
      <c r="GFW676" s="613"/>
      <c r="GFX676" s="613"/>
      <c r="GFY676" s="613"/>
      <c r="GFZ676" s="613"/>
      <c r="GGA676" s="613"/>
      <c r="GGB676" s="613"/>
      <c r="GGC676" s="613"/>
      <c r="GGD676" s="613"/>
      <c r="GGE676" s="613"/>
      <c r="GGF676" s="613"/>
      <c r="GGG676" s="613"/>
      <c r="GGH676" s="613"/>
      <c r="GGI676" s="613"/>
      <c r="GGJ676" s="613"/>
      <c r="GGK676" s="613"/>
      <c r="GGL676" s="613"/>
      <c r="GGM676" s="613"/>
      <c r="GGN676" s="613"/>
      <c r="GGO676" s="613"/>
      <c r="GGP676" s="613"/>
      <c r="GGQ676" s="613"/>
      <c r="GGR676" s="613"/>
      <c r="GGS676" s="613"/>
      <c r="GGT676" s="613"/>
      <c r="GGU676" s="613"/>
      <c r="GGV676" s="613"/>
      <c r="GGW676" s="613"/>
      <c r="GGX676" s="613"/>
      <c r="GGY676" s="613"/>
      <c r="GGZ676" s="613"/>
      <c r="GHA676" s="613"/>
      <c r="GHB676" s="613"/>
      <c r="GHC676" s="613"/>
      <c r="GHD676" s="613"/>
      <c r="GHE676" s="613"/>
      <c r="GHF676" s="613"/>
      <c r="GHG676" s="613"/>
      <c r="GHH676" s="613"/>
      <c r="GHI676" s="613"/>
      <c r="GHJ676" s="613"/>
      <c r="GHK676" s="613"/>
      <c r="GHL676" s="613"/>
      <c r="GHM676" s="613"/>
      <c r="GHN676" s="613"/>
      <c r="GHO676" s="613"/>
      <c r="GHP676" s="613"/>
      <c r="GHQ676" s="613"/>
      <c r="GHR676" s="613"/>
      <c r="GHS676" s="613"/>
      <c r="GHT676" s="613"/>
      <c r="GHU676" s="613"/>
      <c r="GHV676" s="613"/>
      <c r="GHW676" s="613"/>
      <c r="GHX676" s="613"/>
      <c r="GHY676" s="613"/>
      <c r="GHZ676" s="613"/>
      <c r="GIA676" s="613"/>
      <c r="GIB676" s="613"/>
      <c r="GIC676" s="613"/>
      <c r="GID676" s="613"/>
      <c r="GIE676" s="613"/>
      <c r="GIF676" s="613"/>
      <c r="GIG676" s="613"/>
      <c r="GIH676" s="613"/>
      <c r="GII676" s="613"/>
      <c r="GIJ676" s="613"/>
      <c r="GIK676" s="613"/>
      <c r="GIL676" s="613"/>
      <c r="GIM676" s="613"/>
      <c r="GIN676" s="613"/>
      <c r="GIO676" s="613"/>
      <c r="GIP676" s="613"/>
      <c r="GIQ676" s="613"/>
      <c r="GIR676" s="613"/>
      <c r="GIS676" s="613"/>
      <c r="GIT676" s="613"/>
      <c r="GIU676" s="613"/>
      <c r="GIV676" s="613"/>
      <c r="GIW676" s="613"/>
      <c r="GIX676" s="613"/>
      <c r="GIY676" s="613"/>
      <c r="GIZ676" s="613"/>
      <c r="GJA676" s="613"/>
      <c r="GJB676" s="613"/>
      <c r="GJC676" s="613"/>
      <c r="GJD676" s="613"/>
      <c r="GJE676" s="613"/>
      <c r="GJF676" s="613"/>
      <c r="GJG676" s="613"/>
      <c r="GJH676" s="613"/>
      <c r="GJI676" s="613"/>
      <c r="GJJ676" s="613"/>
      <c r="GJK676" s="613"/>
      <c r="GJL676" s="613"/>
      <c r="GJM676" s="613"/>
      <c r="GJN676" s="613"/>
      <c r="GJO676" s="613"/>
      <c r="GJP676" s="613"/>
      <c r="GJQ676" s="613"/>
      <c r="GJR676" s="613"/>
      <c r="GJS676" s="613"/>
      <c r="GJT676" s="613"/>
      <c r="GJU676" s="613"/>
      <c r="GJV676" s="613"/>
      <c r="GJW676" s="613"/>
      <c r="GJX676" s="613"/>
      <c r="GJY676" s="613"/>
      <c r="GJZ676" s="613"/>
      <c r="GKA676" s="613"/>
      <c r="GKB676" s="613"/>
      <c r="GKC676" s="613"/>
      <c r="GKD676" s="613"/>
      <c r="GKE676" s="613"/>
      <c r="GKF676" s="613"/>
      <c r="GKG676" s="613"/>
      <c r="GKH676" s="613"/>
      <c r="GKI676" s="613"/>
      <c r="GKJ676" s="613"/>
      <c r="GKK676" s="613"/>
      <c r="GKL676" s="613"/>
      <c r="GKM676" s="613"/>
      <c r="GKN676" s="613"/>
      <c r="GKO676" s="613"/>
      <c r="GKP676" s="613"/>
      <c r="GKQ676" s="613"/>
      <c r="GKR676" s="613"/>
      <c r="GKS676" s="613"/>
      <c r="GKT676" s="613"/>
      <c r="GKU676" s="613"/>
      <c r="GKV676" s="613"/>
      <c r="GKW676" s="613"/>
      <c r="GKX676" s="613"/>
      <c r="GKY676" s="613"/>
      <c r="GKZ676" s="613"/>
      <c r="GLA676" s="613"/>
      <c r="GLB676" s="613"/>
      <c r="GLC676" s="613"/>
      <c r="GLD676" s="613"/>
      <c r="GLE676" s="613"/>
      <c r="GLF676" s="613"/>
      <c r="GLG676" s="613"/>
      <c r="GLH676" s="613"/>
      <c r="GLI676" s="613"/>
      <c r="GLJ676" s="613"/>
      <c r="GLK676" s="613"/>
      <c r="GLL676" s="613"/>
      <c r="GLM676" s="613"/>
      <c r="GLN676" s="613"/>
      <c r="GLO676" s="613"/>
      <c r="GLP676" s="613"/>
      <c r="GLQ676" s="613"/>
      <c r="GLR676" s="613"/>
      <c r="GLS676" s="613"/>
      <c r="GLT676" s="613"/>
      <c r="GLU676" s="613"/>
      <c r="GLV676" s="613"/>
      <c r="GLW676" s="613"/>
      <c r="GLX676" s="613"/>
      <c r="GLY676" s="613"/>
      <c r="GLZ676" s="613"/>
      <c r="GMA676" s="613"/>
      <c r="GMB676" s="613"/>
      <c r="GMC676" s="613"/>
      <c r="GMD676" s="613"/>
      <c r="GME676" s="613"/>
      <c r="GMF676" s="613"/>
      <c r="GMG676" s="613"/>
      <c r="GMH676" s="613"/>
      <c r="GMI676" s="613"/>
      <c r="GMJ676" s="613"/>
      <c r="GMK676" s="613"/>
      <c r="GML676" s="613"/>
      <c r="GMM676" s="613"/>
      <c r="GMN676" s="613"/>
      <c r="GMO676" s="613"/>
      <c r="GMP676" s="613"/>
      <c r="GMQ676" s="613"/>
      <c r="GMR676" s="613"/>
      <c r="GMS676" s="613"/>
      <c r="GMT676" s="613"/>
      <c r="GMU676" s="613"/>
      <c r="GMV676" s="613"/>
      <c r="GMW676" s="613"/>
      <c r="GMX676" s="613"/>
      <c r="GMY676" s="613"/>
      <c r="GMZ676" s="613"/>
      <c r="GNA676" s="613"/>
      <c r="GNB676" s="613"/>
      <c r="GNC676" s="613"/>
      <c r="GND676" s="613"/>
      <c r="GNE676" s="613"/>
      <c r="GNF676" s="613"/>
      <c r="GNG676" s="613"/>
      <c r="GNH676" s="613"/>
      <c r="GNI676" s="613"/>
      <c r="GNJ676" s="613"/>
      <c r="GNK676" s="613"/>
      <c r="GNL676" s="613"/>
      <c r="GNM676" s="613"/>
      <c r="GNN676" s="613"/>
      <c r="GNO676" s="613"/>
      <c r="GNP676" s="613"/>
      <c r="GNQ676" s="613"/>
      <c r="GNR676" s="613"/>
      <c r="GNS676" s="613"/>
      <c r="GNT676" s="613"/>
      <c r="GNU676" s="613"/>
      <c r="GNV676" s="613"/>
      <c r="GNW676" s="613"/>
      <c r="GNX676" s="613"/>
      <c r="GNY676" s="613"/>
      <c r="GNZ676" s="613"/>
      <c r="GOA676" s="613"/>
      <c r="GOB676" s="613"/>
      <c r="GOC676" s="613"/>
      <c r="GOD676" s="613"/>
      <c r="GOE676" s="613"/>
      <c r="GOF676" s="613"/>
      <c r="GOG676" s="613"/>
      <c r="GOH676" s="613"/>
      <c r="GOI676" s="613"/>
      <c r="GOJ676" s="613"/>
      <c r="GOK676" s="613"/>
      <c r="GOL676" s="613"/>
      <c r="GOM676" s="613"/>
      <c r="GON676" s="613"/>
      <c r="GOO676" s="613"/>
      <c r="GOP676" s="613"/>
      <c r="GOQ676" s="613"/>
      <c r="GOR676" s="613"/>
      <c r="GOS676" s="613"/>
      <c r="GOT676" s="613"/>
      <c r="GOU676" s="613"/>
      <c r="GOV676" s="613"/>
      <c r="GOW676" s="613"/>
      <c r="GOX676" s="613"/>
      <c r="GOY676" s="613"/>
      <c r="GOZ676" s="613"/>
      <c r="GPA676" s="613"/>
      <c r="GPB676" s="613"/>
      <c r="GPC676" s="613"/>
      <c r="GPD676" s="613"/>
      <c r="GPE676" s="613"/>
      <c r="GPF676" s="613"/>
      <c r="GPG676" s="613"/>
      <c r="GPH676" s="613"/>
      <c r="GPI676" s="613"/>
      <c r="GPJ676" s="613"/>
      <c r="GPK676" s="613"/>
      <c r="GPL676" s="613"/>
      <c r="GPM676" s="613"/>
      <c r="GPN676" s="613"/>
      <c r="GPO676" s="613"/>
      <c r="GPP676" s="613"/>
      <c r="GPQ676" s="613"/>
      <c r="GPR676" s="613"/>
      <c r="GPS676" s="613"/>
      <c r="GPT676" s="613"/>
      <c r="GPU676" s="613"/>
      <c r="GPV676" s="613"/>
      <c r="GPW676" s="613"/>
      <c r="GPX676" s="613"/>
      <c r="GPY676" s="613"/>
      <c r="GPZ676" s="613"/>
      <c r="GQA676" s="613"/>
      <c r="GQB676" s="613"/>
      <c r="GQC676" s="613"/>
      <c r="GQD676" s="613"/>
      <c r="GQE676" s="613"/>
      <c r="GQF676" s="613"/>
      <c r="GQG676" s="613"/>
      <c r="GQH676" s="613"/>
      <c r="GQI676" s="613"/>
      <c r="GQJ676" s="613"/>
      <c r="GQK676" s="613"/>
      <c r="GQL676" s="613"/>
      <c r="GQM676" s="613"/>
      <c r="GQN676" s="613"/>
      <c r="GQO676" s="613"/>
      <c r="GQP676" s="613"/>
      <c r="GQQ676" s="613"/>
      <c r="GQR676" s="613"/>
      <c r="GQS676" s="613"/>
      <c r="GQT676" s="613"/>
      <c r="GQU676" s="613"/>
      <c r="GQV676" s="613"/>
      <c r="GQW676" s="613"/>
      <c r="GQX676" s="613"/>
      <c r="GQY676" s="613"/>
      <c r="GQZ676" s="613"/>
      <c r="GRA676" s="613"/>
      <c r="GRB676" s="613"/>
      <c r="GRC676" s="613"/>
      <c r="GRD676" s="613"/>
      <c r="GRE676" s="613"/>
      <c r="GRF676" s="613"/>
      <c r="GRG676" s="613"/>
      <c r="GRH676" s="613"/>
      <c r="GRI676" s="613"/>
      <c r="GRJ676" s="613"/>
      <c r="GRK676" s="613"/>
      <c r="GRL676" s="613"/>
      <c r="GRM676" s="613"/>
      <c r="GRN676" s="613"/>
      <c r="GRO676" s="613"/>
      <c r="GRP676" s="613"/>
      <c r="GRQ676" s="613"/>
      <c r="GRR676" s="613"/>
      <c r="GRS676" s="613"/>
      <c r="GRT676" s="613"/>
      <c r="GRU676" s="613"/>
      <c r="GRV676" s="613"/>
      <c r="GRW676" s="613"/>
      <c r="GRX676" s="613"/>
      <c r="GRY676" s="613"/>
      <c r="GRZ676" s="613"/>
      <c r="GSA676" s="613"/>
      <c r="GSB676" s="613"/>
      <c r="GSC676" s="613"/>
      <c r="GSD676" s="613"/>
      <c r="GSE676" s="613"/>
      <c r="GSF676" s="613"/>
      <c r="GSG676" s="613"/>
      <c r="GSH676" s="613"/>
      <c r="GSI676" s="613"/>
      <c r="GSJ676" s="613"/>
      <c r="GSK676" s="613"/>
      <c r="GSL676" s="613"/>
      <c r="GSM676" s="613"/>
      <c r="GSN676" s="613"/>
      <c r="GSO676" s="613"/>
      <c r="GSP676" s="613"/>
      <c r="GSQ676" s="613"/>
      <c r="GSR676" s="613"/>
      <c r="GSS676" s="613"/>
      <c r="GST676" s="613"/>
      <c r="GSU676" s="613"/>
      <c r="GSV676" s="613"/>
      <c r="GSW676" s="613"/>
      <c r="GSX676" s="613"/>
      <c r="GSY676" s="613"/>
      <c r="GSZ676" s="613"/>
      <c r="GTA676" s="613"/>
      <c r="GTB676" s="613"/>
      <c r="GTC676" s="613"/>
      <c r="GTD676" s="613"/>
      <c r="GTE676" s="613"/>
      <c r="GTF676" s="613"/>
      <c r="GTG676" s="613"/>
      <c r="GTH676" s="613"/>
      <c r="GTI676" s="613"/>
      <c r="GTJ676" s="613"/>
      <c r="GTK676" s="613"/>
      <c r="GTL676" s="613"/>
      <c r="GTM676" s="613"/>
      <c r="GTN676" s="613"/>
      <c r="GTO676" s="613"/>
      <c r="GTP676" s="613"/>
      <c r="GTQ676" s="613"/>
      <c r="GTR676" s="613"/>
      <c r="GTS676" s="613"/>
      <c r="GTT676" s="613"/>
      <c r="GTU676" s="613"/>
      <c r="GTV676" s="613"/>
      <c r="GTW676" s="613"/>
      <c r="GTX676" s="613"/>
      <c r="GTY676" s="613"/>
      <c r="GTZ676" s="613"/>
      <c r="GUA676" s="613"/>
      <c r="GUB676" s="613"/>
      <c r="GUC676" s="613"/>
      <c r="GUD676" s="613"/>
      <c r="GUE676" s="613"/>
      <c r="GUF676" s="613"/>
      <c r="GUG676" s="613"/>
      <c r="GUH676" s="613"/>
      <c r="GUI676" s="613"/>
      <c r="GUJ676" s="613"/>
      <c r="GUK676" s="613"/>
      <c r="GUL676" s="613"/>
      <c r="GUM676" s="613"/>
      <c r="GUN676" s="613"/>
      <c r="GUO676" s="613"/>
      <c r="GUP676" s="613"/>
      <c r="GUQ676" s="613"/>
      <c r="GUR676" s="613"/>
      <c r="GUS676" s="613"/>
      <c r="GUT676" s="613"/>
      <c r="GUU676" s="613"/>
      <c r="GUV676" s="613"/>
      <c r="GUW676" s="613"/>
      <c r="GUX676" s="613"/>
      <c r="GUY676" s="613"/>
      <c r="GUZ676" s="613"/>
      <c r="GVA676" s="613"/>
      <c r="GVB676" s="613"/>
      <c r="GVC676" s="613"/>
      <c r="GVD676" s="613"/>
      <c r="GVE676" s="613"/>
      <c r="GVF676" s="613"/>
      <c r="GVG676" s="613"/>
      <c r="GVH676" s="613"/>
      <c r="GVI676" s="613"/>
      <c r="GVJ676" s="613"/>
      <c r="GVK676" s="613"/>
      <c r="GVL676" s="613"/>
      <c r="GVM676" s="613"/>
      <c r="GVN676" s="613"/>
      <c r="GVO676" s="613"/>
      <c r="GVP676" s="613"/>
      <c r="GVQ676" s="613"/>
      <c r="GVR676" s="613"/>
      <c r="GVS676" s="613"/>
      <c r="GVT676" s="613"/>
      <c r="GVU676" s="613"/>
      <c r="GVV676" s="613"/>
      <c r="GVW676" s="613"/>
      <c r="GVX676" s="613"/>
      <c r="GVY676" s="613"/>
      <c r="GVZ676" s="613"/>
      <c r="GWA676" s="613"/>
      <c r="GWB676" s="613"/>
      <c r="GWC676" s="613"/>
      <c r="GWD676" s="613"/>
      <c r="GWE676" s="613"/>
      <c r="GWF676" s="613"/>
      <c r="GWG676" s="613"/>
      <c r="GWH676" s="613"/>
      <c r="GWI676" s="613"/>
      <c r="GWJ676" s="613"/>
      <c r="GWK676" s="613"/>
      <c r="GWL676" s="613"/>
      <c r="GWM676" s="613"/>
      <c r="GWN676" s="613"/>
      <c r="GWO676" s="613"/>
      <c r="GWP676" s="613"/>
      <c r="GWQ676" s="613"/>
      <c r="GWR676" s="613"/>
      <c r="GWS676" s="613"/>
      <c r="GWT676" s="613"/>
      <c r="GWU676" s="613"/>
      <c r="GWV676" s="613"/>
      <c r="GWW676" s="613"/>
      <c r="GWX676" s="613"/>
      <c r="GWY676" s="613"/>
      <c r="GWZ676" s="613"/>
      <c r="GXA676" s="613"/>
      <c r="GXB676" s="613"/>
      <c r="GXC676" s="613"/>
      <c r="GXD676" s="613"/>
      <c r="GXE676" s="613"/>
      <c r="GXF676" s="613"/>
      <c r="GXG676" s="613"/>
      <c r="GXH676" s="613"/>
      <c r="GXI676" s="613"/>
      <c r="GXJ676" s="613"/>
      <c r="GXK676" s="613"/>
      <c r="GXL676" s="613"/>
      <c r="GXM676" s="613"/>
      <c r="GXN676" s="613"/>
      <c r="GXO676" s="613"/>
      <c r="GXP676" s="613"/>
      <c r="GXQ676" s="613"/>
      <c r="GXR676" s="613"/>
      <c r="GXS676" s="613"/>
      <c r="GXT676" s="613"/>
      <c r="GXU676" s="613"/>
      <c r="GXV676" s="613"/>
      <c r="GXW676" s="613"/>
      <c r="GXX676" s="613"/>
      <c r="GXY676" s="613"/>
      <c r="GXZ676" s="613"/>
      <c r="GYA676" s="613"/>
      <c r="GYB676" s="613"/>
      <c r="GYC676" s="613"/>
      <c r="GYD676" s="613"/>
      <c r="GYE676" s="613"/>
      <c r="GYF676" s="613"/>
      <c r="GYG676" s="613"/>
      <c r="GYH676" s="613"/>
      <c r="GYI676" s="613"/>
      <c r="GYJ676" s="613"/>
      <c r="GYK676" s="613"/>
      <c r="GYL676" s="613"/>
      <c r="GYM676" s="613"/>
      <c r="GYN676" s="613"/>
      <c r="GYO676" s="613"/>
      <c r="GYP676" s="613"/>
      <c r="GYQ676" s="613"/>
      <c r="GYR676" s="613"/>
      <c r="GYS676" s="613"/>
      <c r="GYT676" s="613"/>
      <c r="GYU676" s="613"/>
      <c r="GYV676" s="613"/>
      <c r="GYW676" s="613"/>
      <c r="GYX676" s="613"/>
      <c r="GYY676" s="613"/>
      <c r="GYZ676" s="613"/>
      <c r="GZA676" s="613"/>
      <c r="GZB676" s="613"/>
      <c r="GZC676" s="613"/>
      <c r="GZD676" s="613"/>
      <c r="GZE676" s="613"/>
      <c r="GZF676" s="613"/>
      <c r="GZG676" s="613"/>
      <c r="GZH676" s="613"/>
      <c r="GZI676" s="613"/>
      <c r="GZJ676" s="613"/>
      <c r="GZK676" s="613"/>
      <c r="GZL676" s="613"/>
      <c r="GZM676" s="613"/>
      <c r="GZN676" s="613"/>
      <c r="GZO676" s="613"/>
      <c r="GZP676" s="613"/>
      <c r="GZQ676" s="613"/>
      <c r="GZR676" s="613"/>
      <c r="GZS676" s="613"/>
      <c r="GZT676" s="613"/>
      <c r="GZU676" s="613"/>
      <c r="GZV676" s="613"/>
      <c r="GZW676" s="613"/>
      <c r="GZX676" s="613"/>
      <c r="GZY676" s="613"/>
      <c r="GZZ676" s="613"/>
      <c r="HAA676" s="613"/>
      <c r="HAB676" s="613"/>
      <c r="HAC676" s="613"/>
      <c r="HAD676" s="613"/>
      <c r="HAE676" s="613"/>
      <c r="HAF676" s="613"/>
      <c r="HAG676" s="613"/>
      <c r="HAH676" s="613"/>
      <c r="HAI676" s="613"/>
      <c r="HAJ676" s="613"/>
      <c r="HAK676" s="613"/>
      <c r="HAL676" s="613"/>
      <c r="HAM676" s="613"/>
      <c r="HAN676" s="613"/>
      <c r="HAO676" s="613"/>
      <c r="HAP676" s="613"/>
      <c r="HAQ676" s="613"/>
      <c r="HAR676" s="613"/>
      <c r="HAS676" s="613"/>
      <c r="HAT676" s="613"/>
      <c r="HAU676" s="613"/>
      <c r="HAV676" s="613"/>
      <c r="HAW676" s="613"/>
      <c r="HAX676" s="613"/>
      <c r="HAY676" s="613"/>
      <c r="HAZ676" s="613"/>
      <c r="HBA676" s="613"/>
      <c r="HBB676" s="613"/>
      <c r="HBC676" s="613"/>
      <c r="HBD676" s="613"/>
      <c r="HBE676" s="613"/>
      <c r="HBF676" s="613"/>
      <c r="HBG676" s="613"/>
      <c r="HBH676" s="613"/>
      <c r="HBI676" s="613"/>
      <c r="HBJ676" s="613"/>
      <c r="HBK676" s="613"/>
      <c r="HBL676" s="613"/>
      <c r="HBM676" s="613"/>
      <c r="HBN676" s="613"/>
      <c r="HBO676" s="613"/>
      <c r="HBP676" s="613"/>
      <c r="HBQ676" s="613"/>
      <c r="HBR676" s="613"/>
      <c r="HBS676" s="613"/>
      <c r="HBT676" s="613"/>
      <c r="HBU676" s="613"/>
      <c r="HBV676" s="613"/>
      <c r="HBW676" s="613"/>
      <c r="HBX676" s="613"/>
      <c r="HBY676" s="613"/>
      <c r="HBZ676" s="613"/>
      <c r="HCA676" s="613"/>
      <c r="HCB676" s="613"/>
      <c r="HCC676" s="613"/>
      <c r="HCD676" s="613"/>
      <c r="HCE676" s="613"/>
      <c r="HCF676" s="613"/>
      <c r="HCG676" s="613"/>
      <c r="HCH676" s="613"/>
      <c r="HCI676" s="613"/>
      <c r="HCJ676" s="613"/>
      <c r="HCK676" s="613"/>
      <c r="HCL676" s="613"/>
      <c r="HCM676" s="613"/>
      <c r="HCN676" s="613"/>
      <c r="HCO676" s="613"/>
      <c r="HCP676" s="613"/>
      <c r="HCQ676" s="613"/>
      <c r="HCR676" s="613"/>
      <c r="HCS676" s="613"/>
      <c r="HCT676" s="613"/>
      <c r="HCU676" s="613"/>
      <c r="HCV676" s="613"/>
      <c r="HCW676" s="613"/>
      <c r="HCX676" s="613"/>
      <c r="HCY676" s="613"/>
      <c r="HCZ676" s="613"/>
      <c r="HDA676" s="613"/>
      <c r="HDB676" s="613"/>
      <c r="HDC676" s="613"/>
      <c r="HDD676" s="613"/>
      <c r="HDE676" s="613"/>
      <c r="HDF676" s="613"/>
      <c r="HDG676" s="613"/>
      <c r="HDH676" s="613"/>
      <c r="HDI676" s="613"/>
      <c r="HDJ676" s="613"/>
      <c r="HDK676" s="613"/>
      <c r="HDL676" s="613"/>
      <c r="HDM676" s="613"/>
      <c r="HDN676" s="613"/>
      <c r="HDO676" s="613"/>
      <c r="HDP676" s="613"/>
      <c r="HDQ676" s="613"/>
      <c r="HDR676" s="613"/>
      <c r="HDS676" s="613"/>
      <c r="HDT676" s="613"/>
      <c r="HDU676" s="613"/>
      <c r="HDV676" s="613"/>
      <c r="HDW676" s="613"/>
      <c r="HDX676" s="613"/>
      <c r="HDY676" s="613"/>
      <c r="HDZ676" s="613"/>
      <c r="HEA676" s="613"/>
      <c r="HEB676" s="613"/>
      <c r="HEC676" s="613"/>
      <c r="HED676" s="613"/>
      <c r="HEE676" s="613"/>
      <c r="HEF676" s="613"/>
      <c r="HEG676" s="613"/>
      <c r="HEH676" s="613"/>
      <c r="HEI676" s="613"/>
      <c r="HEJ676" s="613"/>
      <c r="HEK676" s="613"/>
      <c r="HEL676" s="613"/>
      <c r="HEM676" s="613"/>
      <c r="HEN676" s="613"/>
      <c r="HEO676" s="613"/>
      <c r="HEP676" s="613"/>
      <c r="HEQ676" s="613"/>
      <c r="HER676" s="613"/>
      <c r="HES676" s="613"/>
      <c r="HET676" s="613"/>
      <c r="HEU676" s="613"/>
      <c r="HEV676" s="613"/>
      <c r="HEW676" s="613"/>
      <c r="HEX676" s="613"/>
      <c r="HEY676" s="613"/>
      <c r="HEZ676" s="613"/>
      <c r="HFA676" s="613"/>
      <c r="HFB676" s="613"/>
      <c r="HFC676" s="613"/>
      <c r="HFD676" s="613"/>
      <c r="HFE676" s="613"/>
      <c r="HFF676" s="613"/>
      <c r="HFG676" s="613"/>
      <c r="HFH676" s="613"/>
      <c r="HFI676" s="613"/>
      <c r="HFJ676" s="613"/>
      <c r="HFK676" s="613"/>
      <c r="HFL676" s="613"/>
      <c r="HFM676" s="613"/>
      <c r="HFN676" s="613"/>
      <c r="HFO676" s="613"/>
      <c r="HFP676" s="613"/>
      <c r="HFQ676" s="613"/>
      <c r="HFR676" s="613"/>
      <c r="HFS676" s="613"/>
      <c r="HFT676" s="613"/>
      <c r="HFU676" s="613"/>
      <c r="HFV676" s="613"/>
      <c r="HFW676" s="613"/>
      <c r="HFX676" s="613"/>
      <c r="HFY676" s="613"/>
      <c r="HFZ676" s="613"/>
      <c r="HGA676" s="613"/>
      <c r="HGB676" s="613"/>
      <c r="HGC676" s="613"/>
      <c r="HGD676" s="613"/>
      <c r="HGE676" s="613"/>
      <c r="HGF676" s="613"/>
      <c r="HGG676" s="613"/>
      <c r="HGH676" s="613"/>
      <c r="HGI676" s="613"/>
      <c r="HGJ676" s="613"/>
      <c r="HGK676" s="613"/>
      <c r="HGL676" s="613"/>
      <c r="HGM676" s="613"/>
      <c r="HGN676" s="613"/>
      <c r="HGO676" s="613"/>
      <c r="HGP676" s="613"/>
      <c r="HGQ676" s="613"/>
      <c r="HGR676" s="613"/>
      <c r="HGS676" s="613"/>
      <c r="HGT676" s="613"/>
      <c r="HGU676" s="613"/>
      <c r="HGV676" s="613"/>
      <c r="HGW676" s="613"/>
      <c r="HGX676" s="613"/>
      <c r="HGY676" s="613"/>
      <c r="HGZ676" s="613"/>
      <c r="HHA676" s="613"/>
      <c r="HHB676" s="613"/>
      <c r="HHC676" s="613"/>
      <c r="HHD676" s="613"/>
      <c r="HHE676" s="613"/>
      <c r="HHF676" s="613"/>
      <c r="HHG676" s="613"/>
      <c r="HHH676" s="613"/>
      <c r="HHI676" s="613"/>
      <c r="HHJ676" s="613"/>
      <c r="HHK676" s="613"/>
      <c r="HHL676" s="613"/>
      <c r="HHM676" s="613"/>
      <c r="HHN676" s="613"/>
      <c r="HHO676" s="613"/>
      <c r="HHP676" s="613"/>
      <c r="HHQ676" s="613"/>
      <c r="HHR676" s="613"/>
      <c r="HHS676" s="613"/>
      <c r="HHT676" s="613"/>
      <c r="HHU676" s="613"/>
      <c r="HHV676" s="613"/>
      <c r="HHW676" s="613"/>
      <c r="HHX676" s="613"/>
      <c r="HHY676" s="613"/>
      <c r="HHZ676" s="613"/>
      <c r="HIA676" s="613"/>
      <c r="HIB676" s="613"/>
      <c r="HIC676" s="613"/>
      <c r="HID676" s="613"/>
      <c r="HIE676" s="613"/>
      <c r="HIF676" s="613"/>
      <c r="HIG676" s="613"/>
      <c r="HIH676" s="613"/>
      <c r="HII676" s="613"/>
      <c r="HIJ676" s="613"/>
      <c r="HIK676" s="613"/>
      <c r="HIL676" s="613"/>
      <c r="HIM676" s="613"/>
      <c r="HIN676" s="613"/>
      <c r="HIO676" s="613"/>
      <c r="HIP676" s="613"/>
      <c r="HIQ676" s="613"/>
      <c r="HIR676" s="613"/>
      <c r="HIS676" s="613"/>
      <c r="HIT676" s="613"/>
      <c r="HIU676" s="613"/>
      <c r="HIV676" s="613"/>
      <c r="HIW676" s="613"/>
      <c r="HIX676" s="613"/>
      <c r="HIY676" s="613"/>
      <c r="HIZ676" s="613"/>
      <c r="HJA676" s="613"/>
      <c r="HJB676" s="613"/>
      <c r="HJC676" s="613"/>
      <c r="HJD676" s="613"/>
      <c r="HJE676" s="613"/>
      <c r="HJF676" s="613"/>
      <c r="HJG676" s="613"/>
      <c r="HJH676" s="613"/>
      <c r="HJI676" s="613"/>
      <c r="HJJ676" s="613"/>
      <c r="HJK676" s="613"/>
      <c r="HJL676" s="613"/>
      <c r="HJM676" s="613"/>
      <c r="HJN676" s="613"/>
      <c r="HJO676" s="613"/>
      <c r="HJP676" s="613"/>
      <c r="HJQ676" s="613"/>
      <c r="HJR676" s="613"/>
      <c r="HJS676" s="613"/>
      <c r="HJT676" s="613"/>
      <c r="HJU676" s="613"/>
      <c r="HJV676" s="613"/>
      <c r="HJW676" s="613"/>
      <c r="HJX676" s="613"/>
      <c r="HJY676" s="613"/>
      <c r="HJZ676" s="613"/>
      <c r="HKA676" s="613"/>
      <c r="HKB676" s="613"/>
      <c r="HKC676" s="613"/>
      <c r="HKD676" s="613"/>
      <c r="HKE676" s="613"/>
      <c r="HKF676" s="613"/>
      <c r="HKG676" s="613"/>
      <c r="HKH676" s="613"/>
      <c r="HKI676" s="613"/>
      <c r="HKJ676" s="613"/>
      <c r="HKK676" s="613"/>
      <c r="HKL676" s="613"/>
      <c r="HKM676" s="613"/>
      <c r="HKN676" s="613"/>
      <c r="HKO676" s="613"/>
      <c r="HKP676" s="613"/>
      <c r="HKQ676" s="613"/>
      <c r="HKR676" s="613"/>
      <c r="HKS676" s="613"/>
      <c r="HKT676" s="613"/>
      <c r="HKU676" s="613"/>
      <c r="HKV676" s="613"/>
      <c r="HKW676" s="613"/>
      <c r="HKX676" s="613"/>
      <c r="HKY676" s="613"/>
      <c r="HKZ676" s="613"/>
      <c r="HLA676" s="613"/>
      <c r="HLB676" s="613"/>
      <c r="HLC676" s="613"/>
      <c r="HLD676" s="613"/>
      <c r="HLE676" s="613"/>
      <c r="HLF676" s="613"/>
      <c r="HLG676" s="613"/>
      <c r="HLH676" s="613"/>
      <c r="HLI676" s="613"/>
      <c r="HLJ676" s="613"/>
      <c r="HLK676" s="613"/>
      <c r="HLL676" s="613"/>
      <c r="HLM676" s="613"/>
      <c r="HLN676" s="613"/>
      <c r="HLO676" s="613"/>
      <c r="HLP676" s="613"/>
      <c r="HLQ676" s="613"/>
      <c r="HLR676" s="613"/>
      <c r="HLS676" s="613"/>
      <c r="HLT676" s="613"/>
      <c r="HLU676" s="613"/>
      <c r="HLV676" s="613"/>
      <c r="HLW676" s="613"/>
      <c r="HLX676" s="613"/>
      <c r="HLY676" s="613"/>
      <c r="HLZ676" s="613"/>
      <c r="HMA676" s="613"/>
      <c r="HMB676" s="613"/>
      <c r="HMC676" s="613"/>
      <c r="HMD676" s="613"/>
      <c r="HME676" s="613"/>
      <c r="HMF676" s="613"/>
      <c r="HMG676" s="613"/>
      <c r="HMH676" s="613"/>
      <c r="HMI676" s="613"/>
      <c r="HMJ676" s="613"/>
      <c r="HMK676" s="613"/>
      <c r="HML676" s="613"/>
      <c r="HMM676" s="613"/>
      <c r="HMN676" s="613"/>
      <c r="HMO676" s="613"/>
      <c r="HMP676" s="613"/>
      <c r="HMQ676" s="613"/>
      <c r="HMR676" s="613"/>
      <c r="HMS676" s="613"/>
      <c r="HMT676" s="613"/>
      <c r="HMU676" s="613"/>
      <c r="HMV676" s="613"/>
      <c r="HMW676" s="613"/>
      <c r="HMX676" s="613"/>
      <c r="HMY676" s="613"/>
      <c r="HMZ676" s="613"/>
      <c r="HNA676" s="613"/>
      <c r="HNB676" s="613"/>
      <c r="HNC676" s="613"/>
      <c r="HND676" s="613"/>
      <c r="HNE676" s="613"/>
      <c r="HNF676" s="613"/>
      <c r="HNG676" s="613"/>
      <c r="HNH676" s="613"/>
      <c r="HNI676" s="613"/>
      <c r="HNJ676" s="613"/>
      <c r="HNK676" s="613"/>
      <c r="HNL676" s="613"/>
      <c r="HNM676" s="613"/>
      <c r="HNN676" s="613"/>
      <c r="HNO676" s="613"/>
      <c r="HNP676" s="613"/>
      <c r="HNQ676" s="613"/>
      <c r="HNR676" s="613"/>
      <c r="HNS676" s="613"/>
      <c r="HNT676" s="613"/>
      <c r="HNU676" s="613"/>
      <c r="HNV676" s="613"/>
      <c r="HNW676" s="613"/>
      <c r="HNX676" s="613"/>
      <c r="HNY676" s="613"/>
      <c r="HNZ676" s="613"/>
      <c r="HOA676" s="613"/>
      <c r="HOB676" s="613"/>
      <c r="HOC676" s="613"/>
      <c r="HOD676" s="613"/>
      <c r="HOE676" s="613"/>
      <c r="HOF676" s="613"/>
      <c r="HOG676" s="613"/>
      <c r="HOH676" s="613"/>
      <c r="HOI676" s="613"/>
      <c r="HOJ676" s="613"/>
      <c r="HOK676" s="613"/>
      <c r="HOL676" s="613"/>
      <c r="HOM676" s="613"/>
      <c r="HON676" s="613"/>
      <c r="HOO676" s="613"/>
      <c r="HOP676" s="613"/>
      <c r="HOQ676" s="613"/>
      <c r="HOR676" s="613"/>
      <c r="HOS676" s="613"/>
      <c r="HOT676" s="613"/>
      <c r="HOU676" s="613"/>
      <c r="HOV676" s="613"/>
      <c r="HOW676" s="613"/>
      <c r="HOX676" s="613"/>
      <c r="HOY676" s="613"/>
      <c r="HOZ676" s="613"/>
      <c r="HPA676" s="613"/>
      <c r="HPB676" s="613"/>
      <c r="HPC676" s="613"/>
      <c r="HPD676" s="613"/>
      <c r="HPE676" s="613"/>
      <c r="HPF676" s="613"/>
      <c r="HPG676" s="613"/>
      <c r="HPH676" s="613"/>
      <c r="HPI676" s="613"/>
      <c r="HPJ676" s="613"/>
      <c r="HPK676" s="613"/>
      <c r="HPL676" s="613"/>
      <c r="HPM676" s="613"/>
      <c r="HPN676" s="613"/>
      <c r="HPO676" s="613"/>
      <c r="HPP676" s="613"/>
      <c r="HPQ676" s="613"/>
      <c r="HPR676" s="613"/>
      <c r="HPS676" s="613"/>
      <c r="HPT676" s="613"/>
      <c r="HPU676" s="613"/>
      <c r="HPV676" s="613"/>
      <c r="HPW676" s="613"/>
      <c r="HPX676" s="613"/>
      <c r="HPY676" s="613"/>
      <c r="HPZ676" s="613"/>
      <c r="HQA676" s="613"/>
      <c r="HQB676" s="613"/>
      <c r="HQC676" s="613"/>
      <c r="HQD676" s="613"/>
      <c r="HQE676" s="613"/>
      <c r="HQF676" s="613"/>
      <c r="HQG676" s="613"/>
      <c r="HQH676" s="613"/>
      <c r="HQI676" s="613"/>
      <c r="HQJ676" s="613"/>
      <c r="HQK676" s="613"/>
      <c r="HQL676" s="613"/>
      <c r="HQM676" s="613"/>
      <c r="HQN676" s="613"/>
      <c r="HQO676" s="613"/>
      <c r="HQP676" s="613"/>
      <c r="HQQ676" s="613"/>
      <c r="HQR676" s="613"/>
      <c r="HQS676" s="613"/>
      <c r="HQT676" s="613"/>
      <c r="HQU676" s="613"/>
      <c r="HQV676" s="613"/>
      <c r="HQW676" s="613"/>
      <c r="HQX676" s="613"/>
      <c r="HQY676" s="613"/>
      <c r="HQZ676" s="613"/>
      <c r="HRA676" s="613"/>
      <c r="HRB676" s="613"/>
      <c r="HRC676" s="613"/>
      <c r="HRD676" s="613"/>
      <c r="HRE676" s="613"/>
      <c r="HRF676" s="613"/>
      <c r="HRG676" s="613"/>
      <c r="HRH676" s="613"/>
      <c r="HRI676" s="613"/>
      <c r="HRJ676" s="613"/>
      <c r="HRK676" s="613"/>
      <c r="HRL676" s="613"/>
      <c r="HRM676" s="613"/>
      <c r="HRN676" s="613"/>
      <c r="HRO676" s="613"/>
      <c r="HRP676" s="613"/>
      <c r="HRQ676" s="613"/>
      <c r="HRR676" s="613"/>
      <c r="HRS676" s="613"/>
      <c r="HRT676" s="613"/>
      <c r="HRU676" s="613"/>
      <c r="HRV676" s="613"/>
      <c r="HRW676" s="613"/>
      <c r="HRX676" s="613"/>
      <c r="HRY676" s="613"/>
      <c r="HRZ676" s="613"/>
      <c r="HSA676" s="613"/>
      <c r="HSB676" s="613"/>
      <c r="HSC676" s="613"/>
      <c r="HSD676" s="613"/>
      <c r="HSE676" s="613"/>
      <c r="HSF676" s="613"/>
      <c r="HSG676" s="613"/>
      <c r="HSH676" s="613"/>
      <c r="HSI676" s="613"/>
      <c r="HSJ676" s="613"/>
      <c r="HSK676" s="613"/>
      <c r="HSL676" s="613"/>
      <c r="HSM676" s="613"/>
      <c r="HSN676" s="613"/>
      <c r="HSO676" s="613"/>
      <c r="HSP676" s="613"/>
      <c r="HSQ676" s="613"/>
      <c r="HSR676" s="613"/>
      <c r="HSS676" s="613"/>
      <c r="HST676" s="613"/>
      <c r="HSU676" s="613"/>
      <c r="HSV676" s="613"/>
      <c r="HSW676" s="613"/>
      <c r="HSX676" s="613"/>
      <c r="HSY676" s="613"/>
      <c r="HSZ676" s="613"/>
      <c r="HTA676" s="613"/>
      <c r="HTB676" s="613"/>
      <c r="HTC676" s="613"/>
      <c r="HTD676" s="613"/>
      <c r="HTE676" s="613"/>
      <c r="HTF676" s="613"/>
      <c r="HTG676" s="613"/>
      <c r="HTH676" s="613"/>
      <c r="HTI676" s="613"/>
      <c r="HTJ676" s="613"/>
      <c r="HTK676" s="613"/>
      <c r="HTL676" s="613"/>
      <c r="HTM676" s="613"/>
      <c r="HTN676" s="613"/>
      <c r="HTO676" s="613"/>
      <c r="HTP676" s="613"/>
      <c r="HTQ676" s="613"/>
      <c r="HTR676" s="613"/>
      <c r="HTS676" s="613"/>
      <c r="HTT676" s="613"/>
      <c r="HTU676" s="613"/>
      <c r="HTV676" s="613"/>
      <c r="HTW676" s="613"/>
      <c r="HTX676" s="613"/>
      <c r="HTY676" s="613"/>
      <c r="HTZ676" s="613"/>
      <c r="HUA676" s="613"/>
      <c r="HUB676" s="613"/>
      <c r="HUC676" s="613"/>
      <c r="HUD676" s="613"/>
      <c r="HUE676" s="613"/>
      <c r="HUF676" s="613"/>
      <c r="HUG676" s="613"/>
      <c r="HUH676" s="613"/>
      <c r="HUI676" s="613"/>
      <c r="HUJ676" s="613"/>
      <c r="HUK676" s="613"/>
      <c r="HUL676" s="613"/>
      <c r="HUM676" s="613"/>
      <c r="HUN676" s="613"/>
      <c r="HUO676" s="613"/>
      <c r="HUP676" s="613"/>
      <c r="HUQ676" s="613"/>
      <c r="HUR676" s="613"/>
      <c r="HUS676" s="613"/>
      <c r="HUT676" s="613"/>
      <c r="HUU676" s="613"/>
      <c r="HUV676" s="613"/>
      <c r="HUW676" s="613"/>
      <c r="HUX676" s="613"/>
      <c r="HUY676" s="613"/>
      <c r="HUZ676" s="613"/>
      <c r="HVA676" s="613"/>
      <c r="HVB676" s="613"/>
      <c r="HVC676" s="613"/>
      <c r="HVD676" s="613"/>
      <c r="HVE676" s="613"/>
      <c r="HVF676" s="613"/>
      <c r="HVG676" s="613"/>
      <c r="HVH676" s="613"/>
      <c r="HVI676" s="613"/>
      <c r="HVJ676" s="613"/>
      <c r="HVK676" s="613"/>
      <c r="HVL676" s="613"/>
      <c r="HVM676" s="613"/>
      <c r="HVN676" s="613"/>
      <c r="HVO676" s="613"/>
      <c r="HVP676" s="613"/>
      <c r="HVQ676" s="613"/>
      <c r="HVR676" s="613"/>
      <c r="HVS676" s="613"/>
      <c r="HVT676" s="613"/>
      <c r="HVU676" s="613"/>
      <c r="HVV676" s="613"/>
      <c r="HVW676" s="613"/>
      <c r="HVX676" s="613"/>
      <c r="HVY676" s="613"/>
      <c r="HVZ676" s="613"/>
      <c r="HWA676" s="613"/>
      <c r="HWB676" s="613"/>
      <c r="HWC676" s="613"/>
      <c r="HWD676" s="613"/>
      <c r="HWE676" s="613"/>
      <c r="HWF676" s="613"/>
      <c r="HWG676" s="613"/>
      <c r="HWH676" s="613"/>
      <c r="HWI676" s="613"/>
      <c r="HWJ676" s="613"/>
      <c r="HWK676" s="613"/>
      <c r="HWL676" s="613"/>
      <c r="HWM676" s="613"/>
      <c r="HWN676" s="613"/>
      <c r="HWO676" s="613"/>
      <c r="HWP676" s="613"/>
      <c r="HWQ676" s="613"/>
      <c r="HWR676" s="613"/>
      <c r="HWS676" s="613"/>
      <c r="HWT676" s="613"/>
      <c r="HWU676" s="613"/>
      <c r="HWV676" s="613"/>
      <c r="HWW676" s="613"/>
      <c r="HWX676" s="613"/>
      <c r="HWY676" s="613"/>
      <c r="HWZ676" s="613"/>
      <c r="HXA676" s="613"/>
      <c r="HXB676" s="613"/>
      <c r="HXC676" s="613"/>
      <c r="HXD676" s="613"/>
      <c r="HXE676" s="613"/>
      <c r="HXF676" s="613"/>
      <c r="HXG676" s="613"/>
      <c r="HXH676" s="613"/>
      <c r="HXI676" s="613"/>
      <c r="HXJ676" s="613"/>
      <c r="HXK676" s="613"/>
      <c r="HXL676" s="613"/>
      <c r="HXM676" s="613"/>
      <c r="HXN676" s="613"/>
      <c r="HXO676" s="613"/>
      <c r="HXP676" s="613"/>
      <c r="HXQ676" s="613"/>
      <c r="HXR676" s="613"/>
      <c r="HXS676" s="613"/>
      <c r="HXT676" s="613"/>
      <c r="HXU676" s="613"/>
      <c r="HXV676" s="613"/>
      <c r="HXW676" s="613"/>
      <c r="HXX676" s="613"/>
      <c r="HXY676" s="613"/>
      <c r="HXZ676" s="613"/>
      <c r="HYA676" s="613"/>
      <c r="HYB676" s="613"/>
      <c r="HYC676" s="613"/>
      <c r="HYD676" s="613"/>
      <c r="HYE676" s="613"/>
      <c r="HYF676" s="613"/>
      <c r="HYG676" s="613"/>
      <c r="HYH676" s="613"/>
      <c r="HYI676" s="613"/>
      <c r="HYJ676" s="613"/>
      <c r="HYK676" s="613"/>
      <c r="HYL676" s="613"/>
      <c r="HYM676" s="613"/>
      <c r="HYN676" s="613"/>
      <c r="HYO676" s="613"/>
      <c r="HYP676" s="613"/>
      <c r="HYQ676" s="613"/>
      <c r="HYR676" s="613"/>
      <c r="HYS676" s="613"/>
      <c r="HYT676" s="613"/>
      <c r="HYU676" s="613"/>
      <c r="HYV676" s="613"/>
      <c r="HYW676" s="613"/>
      <c r="HYX676" s="613"/>
      <c r="HYY676" s="613"/>
      <c r="HYZ676" s="613"/>
      <c r="HZA676" s="613"/>
      <c r="HZB676" s="613"/>
      <c r="HZC676" s="613"/>
      <c r="HZD676" s="613"/>
      <c r="HZE676" s="613"/>
      <c r="HZF676" s="613"/>
      <c r="HZG676" s="613"/>
      <c r="HZH676" s="613"/>
      <c r="HZI676" s="613"/>
      <c r="HZJ676" s="613"/>
      <c r="HZK676" s="613"/>
      <c r="HZL676" s="613"/>
      <c r="HZM676" s="613"/>
      <c r="HZN676" s="613"/>
      <c r="HZO676" s="613"/>
      <c r="HZP676" s="613"/>
      <c r="HZQ676" s="613"/>
      <c r="HZR676" s="613"/>
      <c r="HZS676" s="613"/>
      <c r="HZT676" s="613"/>
      <c r="HZU676" s="613"/>
      <c r="HZV676" s="613"/>
      <c r="HZW676" s="613"/>
      <c r="HZX676" s="613"/>
      <c r="HZY676" s="613"/>
      <c r="HZZ676" s="613"/>
      <c r="IAA676" s="613"/>
      <c r="IAB676" s="613"/>
      <c r="IAC676" s="613"/>
      <c r="IAD676" s="613"/>
      <c r="IAE676" s="613"/>
      <c r="IAF676" s="613"/>
      <c r="IAG676" s="613"/>
      <c r="IAH676" s="613"/>
      <c r="IAI676" s="613"/>
      <c r="IAJ676" s="613"/>
      <c r="IAK676" s="613"/>
      <c r="IAL676" s="613"/>
      <c r="IAM676" s="613"/>
      <c r="IAN676" s="613"/>
      <c r="IAO676" s="613"/>
      <c r="IAP676" s="613"/>
      <c r="IAQ676" s="613"/>
      <c r="IAR676" s="613"/>
      <c r="IAS676" s="613"/>
      <c r="IAT676" s="613"/>
      <c r="IAU676" s="613"/>
      <c r="IAV676" s="613"/>
      <c r="IAW676" s="613"/>
      <c r="IAX676" s="613"/>
      <c r="IAY676" s="613"/>
      <c r="IAZ676" s="613"/>
      <c r="IBA676" s="613"/>
      <c r="IBB676" s="613"/>
      <c r="IBC676" s="613"/>
      <c r="IBD676" s="613"/>
      <c r="IBE676" s="613"/>
      <c r="IBF676" s="613"/>
      <c r="IBG676" s="613"/>
      <c r="IBH676" s="613"/>
      <c r="IBI676" s="613"/>
      <c r="IBJ676" s="613"/>
      <c r="IBK676" s="613"/>
      <c r="IBL676" s="613"/>
      <c r="IBM676" s="613"/>
      <c r="IBN676" s="613"/>
      <c r="IBO676" s="613"/>
      <c r="IBP676" s="613"/>
      <c r="IBQ676" s="613"/>
      <c r="IBR676" s="613"/>
      <c r="IBS676" s="613"/>
      <c r="IBT676" s="613"/>
      <c r="IBU676" s="613"/>
      <c r="IBV676" s="613"/>
      <c r="IBW676" s="613"/>
      <c r="IBX676" s="613"/>
      <c r="IBY676" s="613"/>
      <c r="IBZ676" s="613"/>
      <c r="ICA676" s="613"/>
      <c r="ICB676" s="613"/>
      <c r="ICC676" s="613"/>
      <c r="ICD676" s="613"/>
      <c r="ICE676" s="613"/>
      <c r="ICF676" s="613"/>
      <c r="ICG676" s="613"/>
      <c r="ICH676" s="613"/>
      <c r="ICI676" s="613"/>
      <c r="ICJ676" s="613"/>
      <c r="ICK676" s="613"/>
      <c r="ICL676" s="613"/>
      <c r="ICM676" s="613"/>
      <c r="ICN676" s="613"/>
      <c r="ICO676" s="613"/>
      <c r="ICP676" s="613"/>
      <c r="ICQ676" s="613"/>
      <c r="ICR676" s="613"/>
      <c r="ICS676" s="613"/>
      <c r="ICT676" s="613"/>
      <c r="ICU676" s="613"/>
      <c r="ICV676" s="613"/>
      <c r="ICW676" s="613"/>
      <c r="ICX676" s="613"/>
      <c r="ICY676" s="613"/>
      <c r="ICZ676" s="613"/>
      <c r="IDA676" s="613"/>
      <c r="IDB676" s="613"/>
      <c r="IDC676" s="613"/>
      <c r="IDD676" s="613"/>
      <c r="IDE676" s="613"/>
      <c r="IDF676" s="613"/>
      <c r="IDG676" s="613"/>
      <c r="IDH676" s="613"/>
      <c r="IDI676" s="613"/>
      <c r="IDJ676" s="613"/>
      <c r="IDK676" s="613"/>
      <c r="IDL676" s="613"/>
      <c r="IDM676" s="613"/>
      <c r="IDN676" s="613"/>
      <c r="IDO676" s="613"/>
      <c r="IDP676" s="613"/>
      <c r="IDQ676" s="613"/>
      <c r="IDR676" s="613"/>
      <c r="IDS676" s="613"/>
      <c r="IDT676" s="613"/>
      <c r="IDU676" s="613"/>
      <c r="IDV676" s="613"/>
      <c r="IDW676" s="613"/>
      <c r="IDX676" s="613"/>
      <c r="IDY676" s="613"/>
      <c r="IDZ676" s="613"/>
      <c r="IEA676" s="613"/>
      <c r="IEB676" s="613"/>
      <c r="IEC676" s="613"/>
      <c r="IED676" s="613"/>
      <c r="IEE676" s="613"/>
      <c r="IEF676" s="613"/>
      <c r="IEG676" s="613"/>
      <c r="IEH676" s="613"/>
      <c r="IEI676" s="613"/>
      <c r="IEJ676" s="613"/>
      <c r="IEK676" s="613"/>
      <c r="IEL676" s="613"/>
      <c r="IEM676" s="613"/>
      <c r="IEN676" s="613"/>
      <c r="IEO676" s="613"/>
      <c r="IEP676" s="613"/>
      <c r="IEQ676" s="613"/>
      <c r="IER676" s="613"/>
      <c r="IES676" s="613"/>
      <c r="IET676" s="613"/>
      <c r="IEU676" s="613"/>
      <c r="IEV676" s="613"/>
      <c r="IEW676" s="613"/>
      <c r="IEX676" s="613"/>
      <c r="IEY676" s="613"/>
      <c r="IEZ676" s="613"/>
      <c r="IFA676" s="613"/>
      <c r="IFB676" s="613"/>
      <c r="IFC676" s="613"/>
      <c r="IFD676" s="613"/>
      <c r="IFE676" s="613"/>
      <c r="IFF676" s="613"/>
      <c r="IFG676" s="613"/>
      <c r="IFH676" s="613"/>
      <c r="IFI676" s="613"/>
      <c r="IFJ676" s="613"/>
      <c r="IFK676" s="613"/>
      <c r="IFL676" s="613"/>
      <c r="IFM676" s="613"/>
      <c r="IFN676" s="613"/>
      <c r="IFO676" s="613"/>
      <c r="IFP676" s="613"/>
      <c r="IFQ676" s="613"/>
      <c r="IFR676" s="613"/>
      <c r="IFS676" s="613"/>
      <c r="IFT676" s="613"/>
      <c r="IFU676" s="613"/>
      <c r="IFV676" s="613"/>
      <c r="IFW676" s="613"/>
      <c r="IFX676" s="613"/>
      <c r="IFY676" s="613"/>
      <c r="IFZ676" s="613"/>
      <c r="IGA676" s="613"/>
      <c r="IGB676" s="613"/>
      <c r="IGC676" s="613"/>
      <c r="IGD676" s="613"/>
      <c r="IGE676" s="613"/>
      <c r="IGF676" s="613"/>
      <c r="IGG676" s="613"/>
      <c r="IGH676" s="613"/>
      <c r="IGI676" s="613"/>
      <c r="IGJ676" s="613"/>
      <c r="IGK676" s="613"/>
      <c r="IGL676" s="613"/>
      <c r="IGM676" s="613"/>
      <c r="IGN676" s="613"/>
      <c r="IGO676" s="613"/>
      <c r="IGP676" s="613"/>
      <c r="IGQ676" s="613"/>
      <c r="IGR676" s="613"/>
      <c r="IGS676" s="613"/>
      <c r="IGT676" s="613"/>
      <c r="IGU676" s="613"/>
      <c r="IGV676" s="613"/>
      <c r="IGW676" s="613"/>
      <c r="IGX676" s="613"/>
      <c r="IGY676" s="613"/>
      <c r="IGZ676" s="613"/>
      <c r="IHA676" s="613"/>
      <c r="IHB676" s="613"/>
      <c r="IHC676" s="613"/>
      <c r="IHD676" s="613"/>
      <c r="IHE676" s="613"/>
      <c r="IHF676" s="613"/>
      <c r="IHG676" s="613"/>
      <c r="IHH676" s="613"/>
      <c r="IHI676" s="613"/>
      <c r="IHJ676" s="613"/>
      <c r="IHK676" s="613"/>
      <c r="IHL676" s="613"/>
      <c r="IHM676" s="613"/>
      <c r="IHN676" s="613"/>
      <c r="IHO676" s="613"/>
      <c r="IHP676" s="613"/>
      <c r="IHQ676" s="613"/>
      <c r="IHR676" s="613"/>
      <c r="IHS676" s="613"/>
      <c r="IHT676" s="613"/>
      <c r="IHU676" s="613"/>
      <c r="IHV676" s="613"/>
      <c r="IHW676" s="613"/>
      <c r="IHX676" s="613"/>
      <c r="IHY676" s="613"/>
      <c r="IHZ676" s="613"/>
      <c r="IIA676" s="613"/>
      <c r="IIB676" s="613"/>
      <c r="IIC676" s="613"/>
      <c r="IID676" s="613"/>
      <c r="IIE676" s="613"/>
      <c r="IIF676" s="613"/>
      <c r="IIG676" s="613"/>
      <c r="IIH676" s="613"/>
      <c r="III676" s="613"/>
      <c r="IIJ676" s="613"/>
      <c r="IIK676" s="613"/>
      <c r="IIL676" s="613"/>
      <c r="IIM676" s="613"/>
      <c r="IIN676" s="613"/>
      <c r="IIO676" s="613"/>
      <c r="IIP676" s="613"/>
      <c r="IIQ676" s="613"/>
      <c r="IIR676" s="613"/>
      <c r="IIS676" s="613"/>
      <c r="IIT676" s="613"/>
      <c r="IIU676" s="613"/>
      <c r="IIV676" s="613"/>
      <c r="IIW676" s="613"/>
      <c r="IIX676" s="613"/>
      <c r="IIY676" s="613"/>
      <c r="IIZ676" s="613"/>
      <c r="IJA676" s="613"/>
      <c r="IJB676" s="613"/>
      <c r="IJC676" s="613"/>
      <c r="IJD676" s="613"/>
      <c r="IJE676" s="613"/>
      <c r="IJF676" s="613"/>
      <c r="IJG676" s="613"/>
      <c r="IJH676" s="613"/>
      <c r="IJI676" s="613"/>
      <c r="IJJ676" s="613"/>
      <c r="IJK676" s="613"/>
      <c r="IJL676" s="613"/>
      <c r="IJM676" s="613"/>
      <c r="IJN676" s="613"/>
      <c r="IJO676" s="613"/>
      <c r="IJP676" s="613"/>
      <c r="IJQ676" s="613"/>
      <c r="IJR676" s="613"/>
      <c r="IJS676" s="613"/>
      <c r="IJT676" s="613"/>
      <c r="IJU676" s="613"/>
      <c r="IJV676" s="613"/>
      <c r="IJW676" s="613"/>
      <c r="IJX676" s="613"/>
      <c r="IJY676" s="613"/>
      <c r="IJZ676" s="613"/>
      <c r="IKA676" s="613"/>
      <c r="IKB676" s="613"/>
      <c r="IKC676" s="613"/>
      <c r="IKD676" s="613"/>
      <c r="IKE676" s="613"/>
      <c r="IKF676" s="613"/>
      <c r="IKG676" s="613"/>
      <c r="IKH676" s="613"/>
      <c r="IKI676" s="613"/>
      <c r="IKJ676" s="613"/>
      <c r="IKK676" s="613"/>
      <c r="IKL676" s="613"/>
      <c r="IKM676" s="613"/>
      <c r="IKN676" s="613"/>
      <c r="IKO676" s="613"/>
      <c r="IKP676" s="613"/>
      <c r="IKQ676" s="613"/>
      <c r="IKR676" s="613"/>
      <c r="IKS676" s="613"/>
      <c r="IKT676" s="613"/>
      <c r="IKU676" s="613"/>
      <c r="IKV676" s="613"/>
      <c r="IKW676" s="613"/>
      <c r="IKX676" s="613"/>
      <c r="IKY676" s="613"/>
      <c r="IKZ676" s="613"/>
      <c r="ILA676" s="613"/>
      <c r="ILB676" s="613"/>
      <c r="ILC676" s="613"/>
      <c r="ILD676" s="613"/>
      <c r="ILE676" s="613"/>
      <c r="ILF676" s="613"/>
      <c r="ILG676" s="613"/>
      <c r="ILH676" s="613"/>
      <c r="ILI676" s="613"/>
      <c r="ILJ676" s="613"/>
      <c r="ILK676" s="613"/>
      <c r="ILL676" s="613"/>
      <c r="ILM676" s="613"/>
      <c r="ILN676" s="613"/>
      <c r="ILO676" s="613"/>
      <c r="ILP676" s="613"/>
      <c r="ILQ676" s="613"/>
      <c r="ILR676" s="613"/>
      <c r="ILS676" s="613"/>
      <c r="ILT676" s="613"/>
      <c r="ILU676" s="613"/>
      <c r="ILV676" s="613"/>
      <c r="ILW676" s="613"/>
      <c r="ILX676" s="613"/>
      <c r="ILY676" s="613"/>
      <c r="ILZ676" s="613"/>
      <c r="IMA676" s="613"/>
      <c r="IMB676" s="613"/>
      <c r="IMC676" s="613"/>
      <c r="IMD676" s="613"/>
      <c r="IME676" s="613"/>
      <c r="IMF676" s="613"/>
      <c r="IMG676" s="613"/>
      <c r="IMH676" s="613"/>
      <c r="IMI676" s="613"/>
      <c r="IMJ676" s="613"/>
      <c r="IMK676" s="613"/>
      <c r="IML676" s="613"/>
      <c r="IMM676" s="613"/>
      <c r="IMN676" s="613"/>
      <c r="IMO676" s="613"/>
      <c r="IMP676" s="613"/>
      <c r="IMQ676" s="613"/>
      <c r="IMR676" s="613"/>
      <c r="IMS676" s="613"/>
      <c r="IMT676" s="613"/>
      <c r="IMU676" s="613"/>
      <c r="IMV676" s="613"/>
      <c r="IMW676" s="613"/>
      <c r="IMX676" s="613"/>
      <c r="IMY676" s="613"/>
      <c r="IMZ676" s="613"/>
      <c r="INA676" s="613"/>
      <c r="INB676" s="613"/>
      <c r="INC676" s="613"/>
      <c r="IND676" s="613"/>
      <c r="INE676" s="613"/>
      <c r="INF676" s="613"/>
      <c r="ING676" s="613"/>
      <c r="INH676" s="613"/>
      <c r="INI676" s="613"/>
      <c r="INJ676" s="613"/>
      <c r="INK676" s="613"/>
      <c r="INL676" s="613"/>
      <c r="INM676" s="613"/>
      <c r="INN676" s="613"/>
      <c r="INO676" s="613"/>
      <c r="INP676" s="613"/>
      <c r="INQ676" s="613"/>
      <c r="INR676" s="613"/>
      <c r="INS676" s="613"/>
      <c r="INT676" s="613"/>
      <c r="INU676" s="613"/>
      <c r="INV676" s="613"/>
      <c r="INW676" s="613"/>
      <c r="INX676" s="613"/>
      <c r="INY676" s="613"/>
      <c r="INZ676" s="613"/>
      <c r="IOA676" s="613"/>
      <c r="IOB676" s="613"/>
      <c r="IOC676" s="613"/>
      <c r="IOD676" s="613"/>
      <c r="IOE676" s="613"/>
      <c r="IOF676" s="613"/>
      <c r="IOG676" s="613"/>
      <c r="IOH676" s="613"/>
      <c r="IOI676" s="613"/>
      <c r="IOJ676" s="613"/>
      <c r="IOK676" s="613"/>
      <c r="IOL676" s="613"/>
      <c r="IOM676" s="613"/>
      <c r="ION676" s="613"/>
      <c r="IOO676" s="613"/>
      <c r="IOP676" s="613"/>
      <c r="IOQ676" s="613"/>
      <c r="IOR676" s="613"/>
      <c r="IOS676" s="613"/>
      <c r="IOT676" s="613"/>
      <c r="IOU676" s="613"/>
      <c r="IOV676" s="613"/>
      <c r="IOW676" s="613"/>
      <c r="IOX676" s="613"/>
      <c r="IOY676" s="613"/>
      <c r="IOZ676" s="613"/>
      <c r="IPA676" s="613"/>
      <c r="IPB676" s="613"/>
      <c r="IPC676" s="613"/>
      <c r="IPD676" s="613"/>
      <c r="IPE676" s="613"/>
      <c r="IPF676" s="613"/>
      <c r="IPG676" s="613"/>
      <c r="IPH676" s="613"/>
      <c r="IPI676" s="613"/>
      <c r="IPJ676" s="613"/>
      <c r="IPK676" s="613"/>
      <c r="IPL676" s="613"/>
      <c r="IPM676" s="613"/>
      <c r="IPN676" s="613"/>
      <c r="IPO676" s="613"/>
      <c r="IPP676" s="613"/>
      <c r="IPQ676" s="613"/>
      <c r="IPR676" s="613"/>
      <c r="IPS676" s="613"/>
      <c r="IPT676" s="613"/>
      <c r="IPU676" s="613"/>
      <c r="IPV676" s="613"/>
      <c r="IPW676" s="613"/>
      <c r="IPX676" s="613"/>
      <c r="IPY676" s="613"/>
      <c r="IPZ676" s="613"/>
      <c r="IQA676" s="613"/>
      <c r="IQB676" s="613"/>
      <c r="IQC676" s="613"/>
      <c r="IQD676" s="613"/>
      <c r="IQE676" s="613"/>
      <c r="IQF676" s="613"/>
      <c r="IQG676" s="613"/>
      <c r="IQH676" s="613"/>
      <c r="IQI676" s="613"/>
      <c r="IQJ676" s="613"/>
      <c r="IQK676" s="613"/>
      <c r="IQL676" s="613"/>
      <c r="IQM676" s="613"/>
      <c r="IQN676" s="613"/>
      <c r="IQO676" s="613"/>
      <c r="IQP676" s="613"/>
      <c r="IQQ676" s="613"/>
      <c r="IQR676" s="613"/>
      <c r="IQS676" s="613"/>
      <c r="IQT676" s="613"/>
      <c r="IQU676" s="613"/>
      <c r="IQV676" s="613"/>
      <c r="IQW676" s="613"/>
      <c r="IQX676" s="613"/>
      <c r="IQY676" s="613"/>
      <c r="IQZ676" s="613"/>
      <c r="IRA676" s="613"/>
      <c r="IRB676" s="613"/>
      <c r="IRC676" s="613"/>
      <c r="IRD676" s="613"/>
      <c r="IRE676" s="613"/>
      <c r="IRF676" s="613"/>
      <c r="IRG676" s="613"/>
      <c r="IRH676" s="613"/>
      <c r="IRI676" s="613"/>
      <c r="IRJ676" s="613"/>
      <c r="IRK676" s="613"/>
      <c r="IRL676" s="613"/>
      <c r="IRM676" s="613"/>
      <c r="IRN676" s="613"/>
      <c r="IRO676" s="613"/>
      <c r="IRP676" s="613"/>
      <c r="IRQ676" s="613"/>
      <c r="IRR676" s="613"/>
      <c r="IRS676" s="613"/>
      <c r="IRT676" s="613"/>
      <c r="IRU676" s="613"/>
      <c r="IRV676" s="613"/>
      <c r="IRW676" s="613"/>
      <c r="IRX676" s="613"/>
      <c r="IRY676" s="613"/>
      <c r="IRZ676" s="613"/>
      <c r="ISA676" s="613"/>
      <c r="ISB676" s="613"/>
      <c r="ISC676" s="613"/>
      <c r="ISD676" s="613"/>
      <c r="ISE676" s="613"/>
      <c r="ISF676" s="613"/>
      <c r="ISG676" s="613"/>
      <c r="ISH676" s="613"/>
      <c r="ISI676" s="613"/>
      <c r="ISJ676" s="613"/>
      <c r="ISK676" s="613"/>
      <c r="ISL676" s="613"/>
      <c r="ISM676" s="613"/>
      <c r="ISN676" s="613"/>
      <c r="ISO676" s="613"/>
      <c r="ISP676" s="613"/>
      <c r="ISQ676" s="613"/>
      <c r="ISR676" s="613"/>
      <c r="ISS676" s="613"/>
      <c r="IST676" s="613"/>
      <c r="ISU676" s="613"/>
      <c r="ISV676" s="613"/>
      <c r="ISW676" s="613"/>
      <c r="ISX676" s="613"/>
      <c r="ISY676" s="613"/>
      <c r="ISZ676" s="613"/>
      <c r="ITA676" s="613"/>
      <c r="ITB676" s="613"/>
      <c r="ITC676" s="613"/>
      <c r="ITD676" s="613"/>
      <c r="ITE676" s="613"/>
      <c r="ITF676" s="613"/>
      <c r="ITG676" s="613"/>
      <c r="ITH676" s="613"/>
      <c r="ITI676" s="613"/>
      <c r="ITJ676" s="613"/>
      <c r="ITK676" s="613"/>
      <c r="ITL676" s="613"/>
      <c r="ITM676" s="613"/>
      <c r="ITN676" s="613"/>
      <c r="ITO676" s="613"/>
      <c r="ITP676" s="613"/>
      <c r="ITQ676" s="613"/>
      <c r="ITR676" s="613"/>
      <c r="ITS676" s="613"/>
      <c r="ITT676" s="613"/>
      <c r="ITU676" s="613"/>
      <c r="ITV676" s="613"/>
      <c r="ITW676" s="613"/>
      <c r="ITX676" s="613"/>
      <c r="ITY676" s="613"/>
      <c r="ITZ676" s="613"/>
      <c r="IUA676" s="613"/>
      <c r="IUB676" s="613"/>
      <c r="IUC676" s="613"/>
      <c r="IUD676" s="613"/>
      <c r="IUE676" s="613"/>
      <c r="IUF676" s="613"/>
      <c r="IUG676" s="613"/>
      <c r="IUH676" s="613"/>
      <c r="IUI676" s="613"/>
      <c r="IUJ676" s="613"/>
      <c r="IUK676" s="613"/>
      <c r="IUL676" s="613"/>
      <c r="IUM676" s="613"/>
      <c r="IUN676" s="613"/>
      <c r="IUO676" s="613"/>
      <c r="IUP676" s="613"/>
      <c r="IUQ676" s="613"/>
      <c r="IUR676" s="613"/>
      <c r="IUS676" s="613"/>
      <c r="IUT676" s="613"/>
      <c r="IUU676" s="613"/>
      <c r="IUV676" s="613"/>
      <c r="IUW676" s="613"/>
      <c r="IUX676" s="613"/>
      <c r="IUY676" s="613"/>
      <c r="IUZ676" s="613"/>
      <c r="IVA676" s="613"/>
      <c r="IVB676" s="613"/>
      <c r="IVC676" s="613"/>
      <c r="IVD676" s="613"/>
      <c r="IVE676" s="613"/>
      <c r="IVF676" s="613"/>
      <c r="IVG676" s="613"/>
      <c r="IVH676" s="613"/>
      <c r="IVI676" s="613"/>
      <c r="IVJ676" s="613"/>
      <c r="IVK676" s="613"/>
      <c r="IVL676" s="613"/>
      <c r="IVM676" s="613"/>
      <c r="IVN676" s="613"/>
      <c r="IVO676" s="613"/>
      <c r="IVP676" s="613"/>
      <c r="IVQ676" s="613"/>
      <c r="IVR676" s="613"/>
      <c r="IVS676" s="613"/>
      <c r="IVT676" s="613"/>
      <c r="IVU676" s="613"/>
      <c r="IVV676" s="613"/>
      <c r="IVW676" s="613"/>
      <c r="IVX676" s="613"/>
      <c r="IVY676" s="613"/>
      <c r="IVZ676" s="613"/>
      <c r="IWA676" s="613"/>
      <c r="IWB676" s="613"/>
      <c r="IWC676" s="613"/>
      <c r="IWD676" s="613"/>
      <c r="IWE676" s="613"/>
      <c r="IWF676" s="613"/>
      <c r="IWG676" s="613"/>
      <c r="IWH676" s="613"/>
      <c r="IWI676" s="613"/>
      <c r="IWJ676" s="613"/>
      <c r="IWK676" s="613"/>
      <c r="IWL676" s="613"/>
      <c r="IWM676" s="613"/>
      <c r="IWN676" s="613"/>
      <c r="IWO676" s="613"/>
      <c r="IWP676" s="613"/>
      <c r="IWQ676" s="613"/>
      <c r="IWR676" s="613"/>
      <c r="IWS676" s="613"/>
      <c r="IWT676" s="613"/>
      <c r="IWU676" s="613"/>
      <c r="IWV676" s="613"/>
      <c r="IWW676" s="613"/>
      <c r="IWX676" s="613"/>
      <c r="IWY676" s="613"/>
      <c r="IWZ676" s="613"/>
      <c r="IXA676" s="613"/>
      <c r="IXB676" s="613"/>
      <c r="IXC676" s="613"/>
      <c r="IXD676" s="613"/>
      <c r="IXE676" s="613"/>
      <c r="IXF676" s="613"/>
      <c r="IXG676" s="613"/>
      <c r="IXH676" s="613"/>
      <c r="IXI676" s="613"/>
      <c r="IXJ676" s="613"/>
      <c r="IXK676" s="613"/>
      <c r="IXL676" s="613"/>
      <c r="IXM676" s="613"/>
      <c r="IXN676" s="613"/>
      <c r="IXO676" s="613"/>
      <c r="IXP676" s="613"/>
      <c r="IXQ676" s="613"/>
      <c r="IXR676" s="613"/>
      <c r="IXS676" s="613"/>
      <c r="IXT676" s="613"/>
      <c r="IXU676" s="613"/>
      <c r="IXV676" s="613"/>
      <c r="IXW676" s="613"/>
      <c r="IXX676" s="613"/>
      <c r="IXY676" s="613"/>
      <c r="IXZ676" s="613"/>
      <c r="IYA676" s="613"/>
      <c r="IYB676" s="613"/>
      <c r="IYC676" s="613"/>
      <c r="IYD676" s="613"/>
      <c r="IYE676" s="613"/>
      <c r="IYF676" s="613"/>
      <c r="IYG676" s="613"/>
      <c r="IYH676" s="613"/>
      <c r="IYI676" s="613"/>
      <c r="IYJ676" s="613"/>
      <c r="IYK676" s="613"/>
      <c r="IYL676" s="613"/>
      <c r="IYM676" s="613"/>
      <c r="IYN676" s="613"/>
      <c r="IYO676" s="613"/>
      <c r="IYP676" s="613"/>
      <c r="IYQ676" s="613"/>
      <c r="IYR676" s="613"/>
      <c r="IYS676" s="613"/>
      <c r="IYT676" s="613"/>
      <c r="IYU676" s="613"/>
      <c r="IYV676" s="613"/>
      <c r="IYW676" s="613"/>
      <c r="IYX676" s="613"/>
      <c r="IYY676" s="613"/>
      <c r="IYZ676" s="613"/>
      <c r="IZA676" s="613"/>
      <c r="IZB676" s="613"/>
      <c r="IZC676" s="613"/>
      <c r="IZD676" s="613"/>
      <c r="IZE676" s="613"/>
      <c r="IZF676" s="613"/>
      <c r="IZG676" s="613"/>
      <c r="IZH676" s="613"/>
      <c r="IZI676" s="613"/>
      <c r="IZJ676" s="613"/>
      <c r="IZK676" s="613"/>
      <c r="IZL676" s="613"/>
      <c r="IZM676" s="613"/>
      <c r="IZN676" s="613"/>
      <c r="IZO676" s="613"/>
      <c r="IZP676" s="613"/>
      <c r="IZQ676" s="613"/>
      <c r="IZR676" s="613"/>
      <c r="IZS676" s="613"/>
      <c r="IZT676" s="613"/>
      <c r="IZU676" s="613"/>
      <c r="IZV676" s="613"/>
      <c r="IZW676" s="613"/>
      <c r="IZX676" s="613"/>
      <c r="IZY676" s="613"/>
      <c r="IZZ676" s="613"/>
      <c r="JAA676" s="613"/>
      <c r="JAB676" s="613"/>
      <c r="JAC676" s="613"/>
      <c r="JAD676" s="613"/>
      <c r="JAE676" s="613"/>
      <c r="JAF676" s="613"/>
      <c r="JAG676" s="613"/>
      <c r="JAH676" s="613"/>
      <c r="JAI676" s="613"/>
      <c r="JAJ676" s="613"/>
      <c r="JAK676" s="613"/>
      <c r="JAL676" s="613"/>
      <c r="JAM676" s="613"/>
      <c r="JAN676" s="613"/>
      <c r="JAO676" s="613"/>
      <c r="JAP676" s="613"/>
      <c r="JAQ676" s="613"/>
      <c r="JAR676" s="613"/>
      <c r="JAS676" s="613"/>
      <c r="JAT676" s="613"/>
      <c r="JAU676" s="613"/>
      <c r="JAV676" s="613"/>
      <c r="JAW676" s="613"/>
      <c r="JAX676" s="613"/>
      <c r="JAY676" s="613"/>
      <c r="JAZ676" s="613"/>
      <c r="JBA676" s="613"/>
      <c r="JBB676" s="613"/>
      <c r="JBC676" s="613"/>
      <c r="JBD676" s="613"/>
      <c r="JBE676" s="613"/>
      <c r="JBF676" s="613"/>
      <c r="JBG676" s="613"/>
      <c r="JBH676" s="613"/>
      <c r="JBI676" s="613"/>
      <c r="JBJ676" s="613"/>
      <c r="JBK676" s="613"/>
      <c r="JBL676" s="613"/>
      <c r="JBM676" s="613"/>
      <c r="JBN676" s="613"/>
      <c r="JBO676" s="613"/>
      <c r="JBP676" s="613"/>
      <c r="JBQ676" s="613"/>
      <c r="JBR676" s="613"/>
      <c r="JBS676" s="613"/>
      <c r="JBT676" s="613"/>
      <c r="JBU676" s="613"/>
      <c r="JBV676" s="613"/>
      <c r="JBW676" s="613"/>
      <c r="JBX676" s="613"/>
      <c r="JBY676" s="613"/>
      <c r="JBZ676" s="613"/>
      <c r="JCA676" s="613"/>
      <c r="JCB676" s="613"/>
      <c r="JCC676" s="613"/>
      <c r="JCD676" s="613"/>
      <c r="JCE676" s="613"/>
      <c r="JCF676" s="613"/>
      <c r="JCG676" s="613"/>
      <c r="JCH676" s="613"/>
      <c r="JCI676" s="613"/>
      <c r="JCJ676" s="613"/>
      <c r="JCK676" s="613"/>
      <c r="JCL676" s="613"/>
      <c r="JCM676" s="613"/>
      <c r="JCN676" s="613"/>
      <c r="JCO676" s="613"/>
      <c r="JCP676" s="613"/>
      <c r="JCQ676" s="613"/>
      <c r="JCR676" s="613"/>
      <c r="JCS676" s="613"/>
      <c r="JCT676" s="613"/>
      <c r="JCU676" s="613"/>
      <c r="JCV676" s="613"/>
      <c r="JCW676" s="613"/>
      <c r="JCX676" s="613"/>
      <c r="JCY676" s="613"/>
      <c r="JCZ676" s="613"/>
      <c r="JDA676" s="613"/>
      <c r="JDB676" s="613"/>
      <c r="JDC676" s="613"/>
      <c r="JDD676" s="613"/>
      <c r="JDE676" s="613"/>
      <c r="JDF676" s="613"/>
      <c r="JDG676" s="613"/>
      <c r="JDH676" s="613"/>
      <c r="JDI676" s="613"/>
      <c r="JDJ676" s="613"/>
      <c r="JDK676" s="613"/>
      <c r="JDL676" s="613"/>
      <c r="JDM676" s="613"/>
      <c r="JDN676" s="613"/>
      <c r="JDO676" s="613"/>
      <c r="JDP676" s="613"/>
      <c r="JDQ676" s="613"/>
      <c r="JDR676" s="613"/>
      <c r="JDS676" s="613"/>
      <c r="JDT676" s="613"/>
      <c r="JDU676" s="613"/>
      <c r="JDV676" s="613"/>
      <c r="JDW676" s="613"/>
      <c r="JDX676" s="613"/>
      <c r="JDY676" s="613"/>
      <c r="JDZ676" s="613"/>
      <c r="JEA676" s="613"/>
      <c r="JEB676" s="613"/>
      <c r="JEC676" s="613"/>
      <c r="JED676" s="613"/>
      <c r="JEE676" s="613"/>
      <c r="JEF676" s="613"/>
      <c r="JEG676" s="613"/>
      <c r="JEH676" s="613"/>
      <c r="JEI676" s="613"/>
      <c r="JEJ676" s="613"/>
      <c r="JEK676" s="613"/>
      <c r="JEL676" s="613"/>
      <c r="JEM676" s="613"/>
      <c r="JEN676" s="613"/>
      <c r="JEO676" s="613"/>
      <c r="JEP676" s="613"/>
      <c r="JEQ676" s="613"/>
      <c r="JER676" s="613"/>
      <c r="JES676" s="613"/>
      <c r="JET676" s="613"/>
      <c r="JEU676" s="613"/>
      <c r="JEV676" s="613"/>
      <c r="JEW676" s="613"/>
      <c r="JEX676" s="613"/>
      <c r="JEY676" s="613"/>
      <c r="JEZ676" s="613"/>
      <c r="JFA676" s="613"/>
      <c r="JFB676" s="613"/>
      <c r="JFC676" s="613"/>
      <c r="JFD676" s="613"/>
      <c r="JFE676" s="613"/>
      <c r="JFF676" s="613"/>
      <c r="JFG676" s="613"/>
      <c r="JFH676" s="613"/>
      <c r="JFI676" s="613"/>
      <c r="JFJ676" s="613"/>
      <c r="JFK676" s="613"/>
      <c r="JFL676" s="613"/>
      <c r="JFM676" s="613"/>
      <c r="JFN676" s="613"/>
      <c r="JFO676" s="613"/>
      <c r="JFP676" s="613"/>
      <c r="JFQ676" s="613"/>
      <c r="JFR676" s="613"/>
      <c r="JFS676" s="613"/>
      <c r="JFT676" s="613"/>
      <c r="JFU676" s="613"/>
      <c r="JFV676" s="613"/>
      <c r="JFW676" s="613"/>
      <c r="JFX676" s="613"/>
      <c r="JFY676" s="613"/>
      <c r="JFZ676" s="613"/>
      <c r="JGA676" s="613"/>
      <c r="JGB676" s="613"/>
      <c r="JGC676" s="613"/>
      <c r="JGD676" s="613"/>
      <c r="JGE676" s="613"/>
      <c r="JGF676" s="613"/>
      <c r="JGG676" s="613"/>
      <c r="JGH676" s="613"/>
      <c r="JGI676" s="613"/>
      <c r="JGJ676" s="613"/>
      <c r="JGK676" s="613"/>
      <c r="JGL676" s="613"/>
      <c r="JGM676" s="613"/>
      <c r="JGN676" s="613"/>
      <c r="JGO676" s="613"/>
      <c r="JGP676" s="613"/>
      <c r="JGQ676" s="613"/>
      <c r="JGR676" s="613"/>
      <c r="JGS676" s="613"/>
      <c r="JGT676" s="613"/>
      <c r="JGU676" s="613"/>
      <c r="JGV676" s="613"/>
      <c r="JGW676" s="613"/>
      <c r="JGX676" s="613"/>
      <c r="JGY676" s="613"/>
      <c r="JGZ676" s="613"/>
      <c r="JHA676" s="613"/>
      <c r="JHB676" s="613"/>
      <c r="JHC676" s="613"/>
      <c r="JHD676" s="613"/>
      <c r="JHE676" s="613"/>
      <c r="JHF676" s="613"/>
      <c r="JHG676" s="613"/>
      <c r="JHH676" s="613"/>
      <c r="JHI676" s="613"/>
      <c r="JHJ676" s="613"/>
      <c r="JHK676" s="613"/>
      <c r="JHL676" s="613"/>
      <c r="JHM676" s="613"/>
      <c r="JHN676" s="613"/>
      <c r="JHO676" s="613"/>
      <c r="JHP676" s="613"/>
      <c r="JHQ676" s="613"/>
      <c r="JHR676" s="613"/>
      <c r="JHS676" s="613"/>
      <c r="JHT676" s="613"/>
      <c r="JHU676" s="613"/>
      <c r="JHV676" s="613"/>
      <c r="JHW676" s="613"/>
      <c r="JHX676" s="613"/>
      <c r="JHY676" s="613"/>
      <c r="JHZ676" s="613"/>
      <c r="JIA676" s="613"/>
      <c r="JIB676" s="613"/>
      <c r="JIC676" s="613"/>
      <c r="JID676" s="613"/>
      <c r="JIE676" s="613"/>
      <c r="JIF676" s="613"/>
      <c r="JIG676" s="613"/>
      <c r="JIH676" s="613"/>
      <c r="JII676" s="613"/>
      <c r="JIJ676" s="613"/>
      <c r="JIK676" s="613"/>
      <c r="JIL676" s="613"/>
      <c r="JIM676" s="613"/>
      <c r="JIN676" s="613"/>
      <c r="JIO676" s="613"/>
      <c r="JIP676" s="613"/>
      <c r="JIQ676" s="613"/>
      <c r="JIR676" s="613"/>
      <c r="JIS676" s="613"/>
      <c r="JIT676" s="613"/>
      <c r="JIU676" s="613"/>
      <c r="JIV676" s="613"/>
      <c r="JIW676" s="613"/>
      <c r="JIX676" s="613"/>
      <c r="JIY676" s="613"/>
      <c r="JIZ676" s="613"/>
      <c r="JJA676" s="613"/>
      <c r="JJB676" s="613"/>
      <c r="JJC676" s="613"/>
      <c r="JJD676" s="613"/>
      <c r="JJE676" s="613"/>
      <c r="JJF676" s="613"/>
      <c r="JJG676" s="613"/>
      <c r="JJH676" s="613"/>
      <c r="JJI676" s="613"/>
      <c r="JJJ676" s="613"/>
      <c r="JJK676" s="613"/>
      <c r="JJL676" s="613"/>
      <c r="JJM676" s="613"/>
      <c r="JJN676" s="613"/>
      <c r="JJO676" s="613"/>
      <c r="JJP676" s="613"/>
      <c r="JJQ676" s="613"/>
      <c r="JJR676" s="613"/>
      <c r="JJS676" s="613"/>
      <c r="JJT676" s="613"/>
      <c r="JJU676" s="613"/>
      <c r="JJV676" s="613"/>
      <c r="JJW676" s="613"/>
      <c r="JJX676" s="613"/>
      <c r="JJY676" s="613"/>
      <c r="JJZ676" s="613"/>
      <c r="JKA676" s="613"/>
      <c r="JKB676" s="613"/>
      <c r="JKC676" s="613"/>
      <c r="JKD676" s="613"/>
      <c r="JKE676" s="613"/>
      <c r="JKF676" s="613"/>
      <c r="JKG676" s="613"/>
      <c r="JKH676" s="613"/>
      <c r="JKI676" s="613"/>
      <c r="JKJ676" s="613"/>
      <c r="JKK676" s="613"/>
      <c r="JKL676" s="613"/>
      <c r="JKM676" s="613"/>
      <c r="JKN676" s="613"/>
      <c r="JKO676" s="613"/>
      <c r="JKP676" s="613"/>
      <c r="JKQ676" s="613"/>
      <c r="JKR676" s="613"/>
      <c r="JKS676" s="613"/>
      <c r="JKT676" s="613"/>
      <c r="JKU676" s="613"/>
      <c r="JKV676" s="613"/>
      <c r="JKW676" s="613"/>
      <c r="JKX676" s="613"/>
      <c r="JKY676" s="613"/>
      <c r="JKZ676" s="613"/>
      <c r="JLA676" s="613"/>
      <c r="JLB676" s="613"/>
      <c r="JLC676" s="613"/>
      <c r="JLD676" s="613"/>
      <c r="JLE676" s="613"/>
      <c r="JLF676" s="613"/>
      <c r="JLG676" s="613"/>
      <c r="JLH676" s="613"/>
      <c r="JLI676" s="613"/>
      <c r="JLJ676" s="613"/>
      <c r="JLK676" s="613"/>
      <c r="JLL676" s="613"/>
      <c r="JLM676" s="613"/>
      <c r="JLN676" s="613"/>
      <c r="JLO676" s="613"/>
      <c r="JLP676" s="613"/>
      <c r="JLQ676" s="613"/>
      <c r="JLR676" s="613"/>
      <c r="JLS676" s="613"/>
      <c r="JLT676" s="613"/>
      <c r="JLU676" s="613"/>
      <c r="JLV676" s="613"/>
      <c r="JLW676" s="613"/>
      <c r="JLX676" s="613"/>
      <c r="JLY676" s="613"/>
      <c r="JLZ676" s="613"/>
      <c r="JMA676" s="613"/>
      <c r="JMB676" s="613"/>
      <c r="JMC676" s="613"/>
      <c r="JMD676" s="613"/>
      <c r="JME676" s="613"/>
      <c r="JMF676" s="613"/>
      <c r="JMG676" s="613"/>
      <c r="JMH676" s="613"/>
      <c r="JMI676" s="613"/>
      <c r="JMJ676" s="613"/>
      <c r="JMK676" s="613"/>
      <c r="JML676" s="613"/>
      <c r="JMM676" s="613"/>
      <c r="JMN676" s="613"/>
      <c r="JMO676" s="613"/>
      <c r="JMP676" s="613"/>
      <c r="JMQ676" s="613"/>
      <c r="JMR676" s="613"/>
      <c r="JMS676" s="613"/>
      <c r="JMT676" s="613"/>
      <c r="JMU676" s="613"/>
      <c r="JMV676" s="613"/>
      <c r="JMW676" s="613"/>
      <c r="JMX676" s="613"/>
      <c r="JMY676" s="613"/>
      <c r="JMZ676" s="613"/>
      <c r="JNA676" s="613"/>
      <c r="JNB676" s="613"/>
      <c r="JNC676" s="613"/>
      <c r="JND676" s="613"/>
      <c r="JNE676" s="613"/>
      <c r="JNF676" s="613"/>
      <c r="JNG676" s="613"/>
      <c r="JNH676" s="613"/>
      <c r="JNI676" s="613"/>
      <c r="JNJ676" s="613"/>
      <c r="JNK676" s="613"/>
      <c r="JNL676" s="613"/>
      <c r="JNM676" s="613"/>
      <c r="JNN676" s="613"/>
      <c r="JNO676" s="613"/>
      <c r="JNP676" s="613"/>
      <c r="JNQ676" s="613"/>
      <c r="JNR676" s="613"/>
      <c r="JNS676" s="613"/>
      <c r="JNT676" s="613"/>
      <c r="JNU676" s="613"/>
      <c r="JNV676" s="613"/>
      <c r="JNW676" s="613"/>
      <c r="JNX676" s="613"/>
      <c r="JNY676" s="613"/>
      <c r="JNZ676" s="613"/>
      <c r="JOA676" s="613"/>
      <c r="JOB676" s="613"/>
      <c r="JOC676" s="613"/>
      <c r="JOD676" s="613"/>
      <c r="JOE676" s="613"/>
      <c r="JOF676" s="613"/>
      <c r="JOG676" s="613"/>
      <c r="JOH676" s="613"/>
      <c r="JOI676" s="613"/>
      <c r="JOJ676" s="613"/>
      <c r="JOK676" s="613"/>
      <c r="JOL676" s="613"/>
      <c r="JOM676" s="613"/>
      <c r="JON676" s="613"/>
      <c r="JOO676" s="613"/>
      <c r="JOP676" s="613"/>
      <c r="JOQ676" s="613"/>
      <c r="JOR676" s="613"/>
      <c r="JOS676" s="613"/>
      <c r="JOT676" s="613"/>
      <c r="JOU676" s="613"/>
      <c r="JOV676" s="613"/>
      <c r="JOW676" s="613"/>
      <c r="JOX676" s="613"/>
      <c r="JOY676" s="613"/>
      <c r="JOZ676" s="613"/>
      <c r="JPA676" s="613"/>
      <c r="JPB676" s="613"/>
      <c r="JPC676" s="613"/>
      <c r="JPD676" s="613"/>
      <c r="JPE676" s="613"/>
      <c r="JPF676" s="613"/>
      <c r="JPG676" s="613"/>
      <c r="JPH676" s="613"/>
      <c r="JPI676" s="613"/>
      <c r="JPJ676" s="613"/>
      <c r="JPK676" s="613"/>
      <c r="JPL676" s="613"/>
      <c r="JPM676" s="613"/>
      <c r="JPN676" s="613"/>
      <c r="JPO676" s="613"/>
      <c r="JPP676" s="613"/>
      <c r="JPQ676" s="613"/>
      <c r="JPR676" s="613"/>
      <c r="JPS676" s="613"/>
      <c r="JPT676" s="613"/>
      <c r="JPU676" s="613"/>
      <c r="JPV676" s="613"/>
      <c r="JPW676" s="613"/>
      <c r="JPX676" s="613"/>
      <c r="JPY676" s="613"/>
      <c r="JPZ676" s="613"/>
      <c r="JQA676" s="613"/>
      <c r="JQB676" s="613"/>
      <c r="JQC676" s="613"/>
      <c r="JQD676" s="613"/>
      <c r="JQE676" s="613"/>
      <c r="JQF676" s="613"/>
      <c r="JQG676" s="613"/>
      <c r="JQH676" s="613"/>
      <c r="JQI676" s="613"/>
      <c r="JQJ676" s="613"/>
      <c r="JQK676" s="613"/>
      <c r="JQL676" s="613"/>
      <c r="JQM676" s="613"/>
      <c r="JQN676" s="613"/>
      <c r="JQO676" s="613"/>
      <c r="JQP676" s="613"/>
      <c r="JQQ676" s="613"/>
      <c r="JQR676" s="613"/>
      <c r="JQS676" s="613"/>
      <c r="JQT676" s="613"/>
      <c r="JQU676" s="613"/>
      <c r="JQV676" s="613"/>
      <c r="JQW676" s="613"/>
      <c r="JQX676" s="613"/>
      <c r="JQY676" s="613"/>
      <c r="JQZ676" s="613"/>
      <c r="JRA676" s="613"/>
      <c r="JRB676" s="613"/>
      <c r="JRC676" s="613"/>
      <c r="JRD676" s="613"/>
      <c r="JRE676" s="613"/>
      <c r="JRF676" s="613"/>
      <c r="JRG676" s="613"/>
      <c r="JRH676" s="613"/>
      <c r="JRI676" s="613"/>
      <c r="JRJ676" s="613"/>
      <c r="JRK676" s="613"/>
      <c r="JRL676" s="613"/>
      <c r="JRM676" s="613"/>
      <c r="JRN676" s="613"/>
      <c r="JRO676" s="613"/>
      <c r="JRP676" s="613"/>
      <c r="JRQ676" s="613"/>
      <c r="JRR676" s="613"/>
      <c r="JRS676" s="613"/>
      <c r="JRT676" s="613"/>
      <c r="JRU676" s="613"/>
      <c r="JRV676" s="613"/>
      <c r="JRW676" s="613"/>
      <c r="JRX676" s="613"/>
      <c r="JRY676" s="613"/>
      <c r="JRZ676" s="613"/>
      <c r="JSA676" s="613"/>
      <c r="JSB676" s="613"/>
      <c r="JSC676" s="613"/>
      <c r="JSD676" s="613"/>
      <c r="JSE676" s="613"/>
      <c r="JSF676" s="613"/>
      <c r="JSG676" s="613"/>
      <c r="JSH676" s="613"/>
      <c r="JSI676" s="613"/>
      <c r="JSJ676" s="613"/>
      <c r="JSK676" s="613"/>
      <c r="JSL676" s="613"/>
      <c r="JSM676" s="613"/>
      <c r="JSN676" s="613"/>
      <c r="JSO676" s="613"/>
      <c r="JSP676" s="613"/>
      <c r="JSQ676" s="613"/>
      <c r="JSR676" s="613"/>
      <c r="JSS676" s="613"/>
      <c r="JST676" s="613"/>
      <c r="JSU676" s="613"/>
      <c r="JSV676" s="613"/>
      <c r="JSW676" s="613"/>
      <c r="JSX676" s="613"/>
      <c r="JSY676" s="613"/>
      <c r="JSZ676" s="613"/>
      <c r="JTA676" s="613"/>
      <c r="JTB676" s="613"/>
      <c r="JTC676" s="613"/>
      <c r="JTD676" s="613"/>
      <c r="JTE676" s="613"/>
      <c r="JTF676" s="613"/>
      <c r="JTG676" s="613"/>
      <c r="JTH676" s="613"/>
      <c r="JTI676" s="613"/>
      <c r="JTJ676" s="613"/>
      <c r="JTK676" s="613"/>
      <c r="JTL676" s="613"/>
      <c r="JTM676" s="613"/>
      <c r="JTN676" s="613"/>
      <c r="JTO676" s="613"/>
      <c r="JTP676" s="613"/>
      <c r="JTQ676" s="613"/>
      <c r="JTR676" s="613"/>
      <c r="JTS676" s="613"/>
      <c r="JTT676" s="613"/>
      <c r="JTU676" s="613"/>
      <c r="JTV676" s="613"/>
      <c r="JTW676" s="613"/>
      <c r="JTX676" s="613"/>
      <c r="JTY676" s="613"/>
      <c r="JTZ676" s="613"/>
      <c r="JUA676" s="613"/>
      <c r="JUB676" s="613"/>
      <c r="JUC676" s="613"/>
      <c r="JUD676" s="613"/>
      <c r="JUE676" s="613"/>
      <c r="JUF676" s="613"/>
      <c r="JUG676" s="613"/>
      <c r="JUH676" s="613"/>
      <c r="JUI676" s="613"/>
      <c r="JUJ676" s="613"/>
      <c r="JUK676" s="613"/>
      <c r="JUL676" s="613"/>
      <c r="JUM676" s="613"/>
      <c r="JUN676" s="613"/>
      <c r="JUO676" s="613"/>
      <c r="JUP676" s="613"/>
      <c r="JUQ676" s="613"/>
      <c r="JUR676" s="613"/>
      <c r="JUS676" s="613"/>
      <c r="JUT676" s="613"/>
      <c r="JUU676" s="613"/>
      <c r="JUV676" s="613"/>
      <c r="JUW676" s="613"/>
      <c r="JUX676" s="613"/>
      <c r="JUY676" s="613"/>
      <c r="JUZ676" s="613"/>
      <c r="JVA676" s="613"/>
      <c r="JVB676" s="613"/>
      <c r="JVC676" s="613"/>
      <c r="JVD676" s="613"/>
      <c r="JVE676" s="613"/>
      <c r="JVF676" s="613"/>
      <c r="JVG676" s="613"/>
      <c r="JVH676" s="613"/>
      <c r="JVI676" s="613"/>
      <c r="JVJ676" s="613"/>
      <c r="JVK676" s="613"/>
      <c r="JVL676" s="613"/>
      <c r="JVM676" s="613"/>
      <c r="JVN676" s="613"/>
      <c r="JVO676" s="613"/>
      <c r="JVP676" s="613"/>
      <c r="JVQ676" s="613"/>
      <c r="JVR676" s="613"/>
      <c r="JVS676" s="613"/>
      <c r="JVT676" s="613"/>
      <c r="JVU676" s="613"/>
      <c r="JVV676" s="613"/>
      <c r="JVW676" s="613"/>
      <c r="JVX676" s="613"/>
      <c r="JVY676" s="613"/>
      <c r="JVZ676" s="613"/>
      <c r="JWA676" s="613"/>
      <c r="JWB676" s="613"/>
      <c r="JWC676" s="613"/>
      <c r="JWD676" s="613"/>
      <c r="JWE676" s="613"/>
      <c r="JWF676" s="613"/>
      <c r="JWG676" s="613"/>
      <c r="JWH676" s="613"/>
      <c r="JWI676" s="613"/>
      <c r="JWJ676" s="613"/>
      <c r="JWK676" s="613"/>
      <c r="JWL676" s="613"/>
      <c r="JWM676" s="613"/>
      <c r="JWN676" s="613"/>
      <c r="JWO676" s="613"/>
      <c r="JWP676" s="613"/>
      <c r="JWQ676" s="613"/>
      <c r="JWR676" s="613"/>
      <c r="JWS676" s="613"/>
      <c r="JWT676" s="613"/>
      <c r="JWU676" s="613"/>
      <c r="JWV676" s="613"/>
      <c r="JWW676" s="613"/>
      <c r="JWX676" s="613"/>
      <c r="JWY676" s="613"/>
      <c r="JWZ676" s="613"/>
      <c r="JXA676" s="613"/>
      <c r="JXB676" s="613"/>
      <c r="JXC676" s="613"/>
      <c r="JXD676" s="613"/>
      <c r="JXE676" s="613"/>
      <c r="JXF676" s="613"/>
      <c r="JXG676" s="613"/>
      <c r="JXH676" s="613"/>
      <c r="JXI676" s="613"/>
      <c r="JXJ676" s="613"/>
      <c r="JXK676" s="613"/>
      <c r="JXL676" s="613"/>
      <c r="JXM676" s="613"/>
      <c r="JXN676" s="613"/>
      <c r="JXO676" s="613"/>
      <c r="JXP676" s="613"/>
      <c r="JXQ676" s="613"/>
      <c r="JXR676" s="613"/>
      <c r="JXS676" s="613"/>
      <c r="JXT676" s="613"/>
      <c r="JXU676" s="613"/>
      <c r="JXV676" s="613"/>
      <c r="JXW676" s="613"/>
      <c r="JXX676" s="613"/>
      <c r="JXY676" s="613"/>
      <c r="JXZ676" s="613"/>
      <c r="JYA676" s="613"/>
      <c r="JYB676" s="613"/>
      <c r="JYC676" s="613"/>
      <c r="JYD676" s="613"/>
      <c r="JYE676" s="613"/>
      <c r="JYF676" s="613"/>
      <c r="JYG676" s="613"/>
      <c r="JYH676" s="613"/>
      <c r="JYI676" s="613"/>
      <c r="JYJ676" s="613"/>
      <c r="JYK676" s="613"/>
      <c r="JYL676" s="613"/>
      <c r="JYM676" s="613"/>
      <c r="JYN676" s="613"/>
      <c r="JYO676" s="613"/>
      <c r="JYP676" s="613"/>
      <c r="JYQ676" s="613"/>
      <c r="JYR676" s="613"/>
      <c r="JYS676" s="613"/>
      <c r="JYT676" s="613"/>
      <c r="JYU676" s="613"/>
      <c r="JYV676" s="613"/>
      <c r="JYW676" s="613"/>
      <c r="JYX676" s="613"/>
      <c r="JYY676" s="613"/>
      <c r="JYZ676" s="613"/>
      <c r="JZA676" s="613"/>
      <c r="JZB676" s="613"/>
      <c r="JZC676" s="613"/>
      <c r="JZD676" s="613"/>
      <c r="JZE676" s="613"/>
      <c r="JZF676" s="613"/>
      <c r="JZG676" s="613"/>
      <c r="JZH676" s="613"/>
      <c r="JZI676" s="613"/>
      <c r="JZJ676" s="613"/>
      <c r="JZK676" s="613"/>
      <c r="JZL676" s="613"/>
      <c r="JZM676" s="613"/>
      <c r="JZN676" s="613"/>
      <c r="JZO676" s="613"/>
      <c r="JZP676" s="613"/>
      <c r="JZQ676" s="613"/>
      <c r="JZR676" s="613"/>
      <c r="JZS676" s="613"/>
      <c r="JZT676" s="613"/>
      <c r="JZU676" s="613"/>
      <c r="JZV676" s="613"/>
      <c r="JZW676" s="613"/>
      <c r="JZX676" s="613"/>
      <c r="JZY676" s="613"/>
      <c r="JZZ676" s="613"/>
      <c r="KAA676" s="613"/>
      <c r="KAB676" s="613"/>
      <c r="KAC676" s="613"/>
      <c r="KAD676" s="613"/>
      <c r="KAE676" s="613"/>
      <c r="KAF676" s="613"/>
      <c r="KAG676" s="613"/>
      <c r="KAH676" s="613"/>
      <c r="KAI676" s="613"/>
      <c r="KAJ676" s="613"/>
      <c r="KAK676" s="613"/>
      <c r="KAL676" s="613"/>
      <c r="KAM676" s="613"/>
      <c r="KAN676" s="613"/>
      <c r="KAO676" s="613"/>
      <c r="KAP676" s="613"/>
      <c r="KAQ676" s="613"/>
      <c r="KAR676" s="613"/>
      <c r="KAS676" s="613"/>
      <c r="KAT676" s="613"/>
      <c r="KAU676" s="613"/>
      <c r="KAV676" s="613"/>
      <c r="KAW676" s="613"/>
      <c r="KAX676" s="613"/>
      <c r="KAY676" s="613"/>
      <c r="KAZ676" s="613"/>
      <c r="KBA676" s="613"/>
      <c r="KBB676" s="613"/>
      <c r="KBC676" s="613"/>
      <c r="KBD676" s="613"/>
      <c r="KBE676" s="613"/>
      <c r="KBF676" s="613"/>
      <c r="KBG676" s="613"/>
      <c r="KBH676" s="613"/>
      <c r="KBI676" s="613"/>
      <c r="KBJ676" s="613"/>
      <c r="KBK676" s="613"/>
      <c r="KBL676" s="613"/>
      <c r="KBM676" s="613"/>
      <c r="KBN676" s="613"/>
      <c r="KBO676" s="613"/>
      <c r="KBP676" s="613"/>
      <c r="KBQ676" s="613"/>
      <c r="KBR676" s="613"/>
      <c r="KBS676" s="613"/>
      <c r="KBT676" s="613"/>
      <c r="KBU676" s="613"/>
      <c r="KBV676" s="613"/>
      <c r="KBW676" s="613"/>
      <c r="KBX676" s="613"/>
      <c r="KBY676" s="613"/>
      <c r="KBZ676" s="613"/>
      <c r="KCA676" s="613"/>
      <c r="KCB676" s="613"/>
      <c r="KCC676" s="613"/>
      <c r="KCD676" s="613"/>
      <c r="KCE676" s="613"/>
      <c r="KCF676" s="613"/>
      <c r="KCG676" s="613"/>
      <c r="KCH676" s="613"/>
      <c r="KCI676" s="613"/>
      <c r="KCJ676" s="613"/>
      <c r="KCK676" s="613"/>
      <c r="KCL676" s="613"/>
      <c r="KCM676" s="613"/>
      <c r="KCN676" s="613"/>
      <c r="KCO676" s="613"/>
      <c r="KCP676" s="613"/>
      <c r="KCQ676" s="613"/>
      <c r="KCR676" s="613"/>
      <c r="KCS676" s="613"/>
      <c r="KCT676" s="613"/>
      <c r="KCU676" s="613"/>
      <c r="KCV676" s="613"/>
      <c r="KCW676" s="613"/>
      <c r="KCX676" s="613"/>
      <c r="KCY676" s="613"/>
      <c r="KCZ676" s="613"/>
      <c r="KDA676" s="613"/>
      <c r="KDB676" s="613"/>
      <c r="KDC676" s="613"/>
      <c r="KDD676" s="613"/>
      <c r="KDE676" s="613"/>
      <c r="KDF676" s="613"/>
      <c r="KDG676" s="613"/>
      <c r="KDH676" s="613"/>
      <c r="KDI676" s="613"/>
      <c r="KDJ676" s="613"/>
      <c r="KDK676" s="613"/>
      <c r="KDL676" s="613"/>
      <c r="KDM676" s="613"/>
      <c r="KDN676" s="613"/>
      <c r="KDO676" s="613"/>
      <c r="KDP676" s="613"/>
      <c r="KDQ676" s="613"/>
      <c r="KDR676" s="613"/>
      <c r="KDS676" s="613"/>
      <c r="KDT676" s="613"/>
      <c r="KDU676" s="613"/>
      <c r="KDV676" s="613"/>
      <c r="KDW676" s="613"/>
      <c r="KDX676" s="613"/>
      <c r="KDY676" s="613"/>
      <c r="KDZ676" s="613"/>
      <c r="KEA676" s="613"/>
      <c r="KEB676" s="613"/>
      <c r="KEC676" s="613"/>
      <c r="KED676" s="613"/>
      <c r="KEE676" s="613"/>
      <c r="KEF676" s="613"/>
      <c r="KEG676" s="613"/>
      <c r="KEH676" s="613"/>
      <c r="KEI676" s="613"/>
      <c r="KEJ676" s="613"/>
      <c r="KEK676" s="613"/>
      <c r="KEL676" s="613"/>
      <c r="KEM676" s="613"/>
      <c r="KEN676" s="613"/>
      <c r="KEO676" s="613"/>
      <c r="KEP676" s="613"/>
      <c r="KEQ676" s="613"/>
      <c r="KER676" s="613"/>
      <c r="KES676" s="613"/>
      <c r="KET676" s="613"/>
      <c r="KEU676" s="613"/>
      <c r="KEV676" s="613"/>
      <c r="KEW676" s="613"/>
      <c r="KEX676" s="613"/>
      <c r="KEY676" s="613"/>
      <c r="KEZ676" s="613"/>
      <c r="KFA676" s="613"/>
      <c r="KFB676" s="613"/>
      <c r="KFC676" s="613"/>
      <c r="KFD676" s="613"/>
      <c r="KFE676" s="613"/>
      <c r="KFF676" s="613"/>
      <c r="KFG676" s="613"/>
      <c r="KFH676" s="613"/>
      <c r="KFI676" s="613"/>
      <c r="KFJ676" s="613"/>
      <c r="KFK676" s="613"/>
      <c r="KFL676" s="613"/>
      <c r="KFM676" s="613"/>
      <c r="KFN676" s="613"/>
      <c r="KFO676" s="613"/>
      <c r="KFP676" s="613"/>
      <c r="KFQ676" s="613"/>
      <c r="KFR676" s="613"/>
      <c r="KFS676" s="613"/>
      <c r="KFT676" s="613"/>
      <c r="KFU676" s="613"/>
      <c r="KFV676" s="613"/>
      <c r="KFW676" s="613"/>
      <c r="KFX676" s="613"/>
      <c r="KFY676" s="613"/>
      <c r="KFZ676" s="613"/>
      <c r="KGA676" s="613"/>
      <c r="KGB676" s="613"/>
      <c r="KGC676" s="613"/>
      <c r="KGD676" s="613"/>
      <c r="KGE676" s="613"/>
      <c r="KGF676" s="613"/>
      <c r="KGG676" s="613"/>
      <c r="KGH676" s="613"/>
      <c r="KGI676" s="613"/>
      <c r="KGJ676" s="613"/>
      <c r="KGK676" s="613"/>
      <c r="KGL676" s="613"/>
      <c r="KGM676" s="613"/>
      <c r="KGN676" s="613"/>
      <c r="KGO676" s="613"/>
      <c r="KGP676" s="613"/>
      <c r="KGQ676" s="613"/>
      <c r="KGR676" s="613"/>
      <c r="KGS676" s="613"/>
      <c r="KGT676" s="613"/>
      <c r="KGU676" s="613"/>
      <c r="KGV676" s="613"/>
      <c r="KGW676" s="613"/>
      <c r="KGX676" s="613"/>
      <c r="KGY676" s="613"/>
      <c r="KGZ676" s="613"/>
      <c r="KHA676" s="613"/>
      <c r="KHB676" s="613"/>
      <c r="KHC676" s="613"/>
      <c r="KHD676" s="613"/>
      <c r="KHE676" s="613"/>
      <c r="KHF676" s="613"/>
      <c r="KHG676" s="613"/>
      <c r="KHH676" s="613"/>
      <c r="KHI676" s="613"/>
      <c r="KHJ676" s="613"/>
      <c r="KHK676" s="613"/>
      <c r="KHL676" s="613"/>
      <c r="KHM676" s="613"/>
      <c r="KHN676" s="613"/>
      <c r="KHO676" s="613"/>
      <c r="KHP676" s="613"/>
      <c r="KHQ676" s="613"/>
      <c r="KHR676" s="613"/>
      <c r="KHS676" s="613"/>
      <c r="KHT676" s="613"/>
      <c r="KHU676" s="613"/>
      <c r="KHV676" s="613"/>
      <c r="KHW676" s="613"/>
      <c r="KHX676" s="613"/>
      <c r="KHY676" s="613"/>
      <c r="KHZ676" s="613"/>
      <c r="KIA676" s="613"/>
      <c r="KIB676" s="613"/>
      <c r="KIC676" s="613"/>
      <c r="KID676" s="613"/>
      <c r="KIE676" s="613"/>
      <c r="KIF676" s="613"/>
      <c r="KIG676" s="613"/>
      <c r="KIH676" s="613"/>
      <c r="KII676" s="613"/>
      <c r="KIJ676" s="613"/>
      <c r="KIK676" s="613"/>
      <c r="KIL676" s="613"/>
      <c r="KIM676" s="613"/>
      <c r="KIN676" s="613"/>
      <c r="KIO676" s="613"/>
      <c r="KIP676" s="613"/>
      <c r="KIQ676" s="613"/>
      <c r="KIR676" s="613"/>
      <c r="KIS676" s="613"/>
      <c r="KIT676" s="613"/>
      <c r="KIU676" s="613"/>
      <c r="KIV676" s="613"/>
      <c r="KIW676" s="613"/>
      <c r="KIX676" s="613"/>
      <c r="KIY676" s="613"/>
      <c r="KIZ676" s="613"/>
      <c r="KJA676" s="613"/>
      <c r="KJB676" s="613"/>
      <c r="KJC676" s="613"/>
      <c r="KJD676" s="613"/>
      <c r="KJE676" s="613"/>
      <c r="KJF676" s="613"/>
      <c r="KJG676" s="613"/>
      <c r="KJH676" s="613"/>
      <c r="KJI676" s="613"/>
      <c r="KJJ676" s="613"/>
      <c r="KJK676" s="613"/>
      <c r="KJL676" s="613"/>
      <c r="KJM676" s="613"/>
      <c r="KJN676" s="613"/>
      <c r="KJO676" s="613"/>
      <c r="KJP676" s="613"/>
      <c r="KJQ676" s="613"/>
      <c r="KJR676" s="613"/>
      <c r="KJS676" s="613"/>
      <c r="KJT676" s="613"/>
      <c r="KJU676" s="613"/>
      <c r="KJV676" s="613"/>
      <c r="KJW676" s="613"/>
      <c r="KJX676" s="613"/>
      <c r="KJY676" s="613"/>
      <c r="KJZ676" s="613"/>
      <c r="KKA676" s="613"/>
      <c r="KKB676" s="613"/>
      <c r="KKC676" s="613"/>
      <c r="KKD676" s="613"/>
      <c r="KKE676" s="613"/>
      <c r="KKF676" s="613"/>
      <c r="KKG676" s="613"/>
      <c r="KKH676" s="613"/>
      <c r="KKI676" s="613"/>
      <c r="KKJ676" s="613"/>
      <c r="KKK676" s="613"/>
      <c r="KKL676" s="613"/>
      <c r="KKM676" s="613"/>
      <c r="KKN676" s="613"/>
      <c r="KKO676" s="613"/>
      <c r="KKP676" s="613"/>
      <c r="KKQ676" s="613"/>
      <c r="KKR676" s="613"/>
      <c r="KKS676" s="613"/>
      <c r="KKT676" s="613"/>
      <c r="KKU676" s="613"/>
      <c r="KKV676" s="613"/>
      <c r="KKW676" s="613"/>
      <c r="KKX676" s="613"/>
      <c r="KKY676" s="613"/>
      <c r="KKZ676" s="613"/>
      <c r="KLA676" s="613"/>
      <c r="KLB676" s="613"/>
      <c r="KLC676" s="613"/>
      <c r="KLD676" s="613"/>
      <c r="KLE676" s="613"/>
      <c r="KLF676" s="613"/>
      <c r="KLG676" s="613"/>
      <c r="KLH676" s="613"/>
      <c r="KLI676" s="613"/>
      <c r="KLJ676" s="613"/>
      <c r="KLK676" s="613"/>
      <c r="KLL676" s="613"/>
      <c r="KLM676" s="613"/>
      <c r="KLN676" s="613"/>
      <c r="KLO676" s="613"/>
      <c r="KLP676" s="613"/>
      <c r="KLQ676" s="613"/>
      <c r="KLR676" s="613"/>
      <c r="KLS676" s="613"/>
      <c r="KLT676" s="613"/>
      <c r="KLU676" s="613"/>
      <c r="KLV676" s="613"/>
      <c r="KLW676" s="613"/>
      <c r="KLX676" s="613"/>
      <c r="KLY676" s="613"/>
      <c r="KLZ676" s="613"/>
      <c r="KMA676" s="613"/>
      <c r="KMB676" s="613"/>
      <c r="KMC676" s="613"/>
      <c r="KMD676" s="613"/>
      <c r="KME676" s="613"/>
      <c r="KMF676" s="613"/>
      <c r="KMG676" s="613"/>
      <c r="KMH676" s="613"/>
      <c r="KMI676" s="613"/>
      <c r="KMJ676" s="613"/>
      <c r="KMK676" s="613"/>
      <c r="KML676" s="613"/>
      <c r="KMM676" s="613"/>
      <c r="KMN676" s="613"/>
      <c r="KMO676" s="613"/>
      <c r="KMP676" s="613"/>
      <c r="KMQ676" s="613"/>
      <c r="KMR676" s="613"/>
      <c r="KMS676" s="613"/>
      <c r="KMT676" s="613"/>
      <c r="KMU676" s="613"/>
      <c r="KMV676" s="613"/>
      <c r="KMW676" s="613"/>
      <c r="KMX676" s="613"/>
      <c r="KMY676" s="613"/>
      <c r="KMZ676" s="613"/>
      <c r="KNA676" s="613"/>
      <c r="KNB676" s="613"/>
      <c r="KNC676" s="613"/>
      <c r="KND676" s="613"/>
      <c r="KNE676" s="613"/>
      <c r="KNF676" s="613"/>
      <c r="KNG676" s="613"/>
      <c r="KNH676" s="613"/>
      <c r="KNI676" s="613"/>
      <c r="KNJ676" s="613"/>
      <c r="KNK676" s="613"/>
      <c r="KNL676" s="613"/>
      <c r="KNM676" s="613"/>
      <c r="KNN676" s="613"/>
      <c r="KNO676" s="613"/>
      <c r="KNP676" s="613"/>
      <c r="KNQ676" s="613"/>
      <c r="KNR676" s="613"/>
      <c r="KNS676" s="613"/>
      <c r="KNT676" s="613"/>
      <c r="KNU676" s="613"/>
      <c r="KNV676" s="613"/>
      <c r="KNW676" s="613"/>
      <c r="KNX676" s="613"/>
      <c r="KNY676" s="613"/>
      <c r="KNZ676" s="613"/>
      <c r="KOA676" s="613"/>
      <c r="KOB676" s="613"/>
      <c r="KOC676" s="613"/>
      <c r="KOD676" s="613"/>
      <c r="KOE676" s="613"/>
      <c r="KOF676" s="613"/>
      <c r="KOG676" s="613"/>
      <c r="KOH676" s="613"/>
      <c r="KOI676" s="613"/>
      <c r="KOJ676" s="613"/>
      <c r="KOK676" s="613"/>
      <c r="KOL676" s="613"/>
      <c r="KOM676" s="613"/>
      <c r="KON676" s="613"/>
      <c r="KOO676" s="613"/>
      <c r="KOP676" s="613"/>
      <c r="KOQ676" s="613"/>
      <c r="KOR676" s="613"/>
      <c r="KOS676" s="613"/>
      <c r="KOT676" s="613"/>
      <c r="KOU676" s="613"/>
      <c r="KOV676" s="613"/>
      <c r="KOW676" s="613"/>
      <c r="KOX676" s="613"/>
      <c r="KOY676" s="613"/>
      <c r="KOZ676" s="613"/>
      <c r="KPA676" s="613"/>
      <c r="KPB676" s="613"/>
      <c r="KPC676" s="613"/>
      <c r="KPD676" s="613"/>
      <c r="KPE676" s="613"/>
      <c r="KPF676" s="613"/>
      <c r="KPG676" s="613"/>
      <c r="KPH676" s="613"/>
      <c r="KPI676" s="613"/>
      <c r="KPJ676" s="613"/>
      <c r="KPK676" s="613"/>
      <c r="KPL676" s="613"/>
      <c r="KPM676" s="613"/>
      <c r="KPN676" s="613"/>
      <c r="KPO676" s="613"/>
      <c r="KPP676" s="613"/>
      <c r="KPQ676" s="613"/>
      <c r="KPR676" s="613"/>
      <c r="KPS676" s="613"/>
      <c r="KPT676" s="613"/>
      <c r="KPU676" s="613"/>
      <c r="KPV676" s="613"/>
      <c r="KPW676" s="613"/>
      <c r="KPX676" s="613"/>
      <c r="KPY676" s="613"/>
      <c r="KPZ676" s="613"/>
      <c r="KQA676" s="613"/>
      <c r="KQB676" s="613"/>
      <c r="KQC676" s="613"/>
      <c r="KQD676" s="613"/>
      <c r="KQE676" s="613"/>
      <c r="KQF676" s="613"/>
      <c r="KQG676" s="613"/>
      <c r="KQH676" s="613"/>
      <c r="KQI676" s="613"/>
      <c r="KQJ676" s="613"/>
      <c r="KQK676" s="613"/>
      <c r="KQL676" s="613"/>
      <c r="KQM676" s="613"/>
      <c r="KQN676" s="613"/>
      <c r="KQO676" s="613"/>
      <c r="KQP676" s="613"/>
      <c r="KQQ676" s="613"/>
      <c r="KQR676" s="613"/>
      <c r="KQS676" s="613"/>
      <c r="KQT676" s="613"/>
      <c r="KQU676" s="613"/>
      <c r="KQV676" s="613"/>
      <c r="KQW676" s="613"/>
      <c r="KQX676" s="613"/>
      <c r="KQY676" s="613"/>
      <c r="KQZ676" s="613"/>
      <c r="KRA676" s="613"/>
      <c r="KRB676" s="613"/>
      <c r="KRC676" s="613"/>
      <c r="KRD676" s="613"/>
      <c r="KRE676" s="613"/>
      <c r="KRF676" s="613"/>
      <c r="KRG676" s="613"/>
      <c r="KRH676" s="613"/>
      <c r="KRI676" s="613"/>
      <c r="KRJ676" s="613"/>
      <c r="KRK676" s="613"/>
      <c r="KRL676" s="613"/>
      <c r="KRM676" s="613"/>
      <c r="KRN676" s="613"/>
      <c r="KRO676" s="613"/>
      <c r="KRP676" s="613"/>
      <c r="KRQ676" s="613"/>
      <c r="KRR676" s="613"/>
      <c r="KRS676" s="613"/>
      <c r="KRT676" s="613"/>
      <c r="KRU676" s="613"/>
      <c r="KRV676" s="613"/>
      <c r="KRW676" s="613"/>
      <c r="KRX676" s="613"/>
      <c r="KRY676" s="613"/>
      <c r="KRZ676" s="613"/>
      <c r="KSA676" s="613"/>
      <c r="KSB676" s="613"/>
      <c r="KSC676" s="613"/>
      <c r="KSD676" s="613"/>
      <c r="KSE676" s="613"/>
      <c r="KSF676" s="613"/>
      <c r="KSG676" s="613"/>
      <c r="KSH676" s="613"/>
      <c r="KSI676" s="613"/>
      <c r="KSJ676" s="613"/>
      <c r="KSK676" s="613"/>
      <c r="KSL676" s="613"/>
      <c r="KSM676" s="613"/>
      <c r="KSN676" s="613"/>
      <c r="KSO676" s="613"/>
      <c r="KSP676" s="613"/>
      <c r="KSQ676" s="613"/>
      <c r="KSR676" s="613"/>
      <c r="KSS676" s="613"/>
      <c r="KST676" s="613"/>
      <c r="KSU676" s="613"/>
      <c r="KSV676" s="613"/>
      <c r="KSW676" s="613"/>
      <c r="KSX676" s="613"/>
      <c r="KSY676" s="613"/>
      <c r="KSZ676" s="613"/>
      <c r="KTA676" s="613"/>
      <c r="KTB676" s="613"/>
      <c r="KTC676" s="613"/>
      <c r="KTD676" s="613"/>
      <c r="KTE676" s="613"/>
      <c r="KTF676" s="613"/>
      <c r="KTG676" s="613"/>
      <c r="KTH676" s="613"/>
      <c r="KTI676" s="613"/>
      <c r="KTJ676" s="613"/>
      <c r="KTK676" s="613"/>
      <c r="KTL676" s="613"/>
      <c r="KTM676" s="613"/>
      <c r="KTN676" s="613"/>
      <c r="KTO676" s="613"/>
      <c r="KTP676" s="613"/>
      <c r="KTQ676" s="613"/>
      <c r="KTR676" s="613"/>
      <c r="KTS676" s="613"/>
      <c r="KTT676" s="613"/>
      <c r="KTU676" s="613"/>
      <c r="KTV676" s="613"/>
      <c r="KTW676" s="613"/>
      <c r="KTX676" s="613"/>
      <c r="KTY676" s="613"/>
      <c r="KTZ676" s="613"/>
      <c r="KUA676" s="613"/>
      <c r="KUB676" s="613"/>
      <c r="KUC676" s="613"/>
      <c r="KUD676" s="613"/>
      <c r="KUE676" s="613"/>
      <c r="KUF676" s="613"/>
      <c r="KUG676" s="613"/>
      <c r="KUH676" s="613"/>
      <c r="KUI676" s="613"/>
      <c r="KUJ676" s="613"/>
      <c r="KUK676" s="613"/>
      <c r="KUL676" s="613"/>
      <c r="KUM676" s="613"/>
      <c r="KUN676" s="613"/>
      <c r="KUO676" s="613"/>
      <c r="KUP676" s="613"/>
      <c r="KUQ676" s="613"/>
      <c r="KUR676" s="613"/>
      <c r="KUS676" s="613"/>
      <c r="KUT676" s="613"/>
      <c r="KUU676" s="613"/>
      <c r="KUV676" s="613"/>
      <c r="KUW676" s="613"/>
      <c r="KUX676" s="613"/>
      <c r="KUY676" s="613"/>
      <c r="KUZ676" s="613"/>
      <c r="KVA676" s="613"/>
      <c r="KVB676" s="613"/>
      <c r="KVC676" s="613"/>
      <c r="KVD676" s="613"/>
      <c r="KVE676" s="613"/>
      <c r="KVF676" s="613"/>
      <c r="KVG676" s="613"/>
      <c r="KVH676" s="613"/>
      <c r="KVI676" s="613"/>
      <c r="KVJ676" s="613"/>
      <c r="KVK676" s="613"/>
      <c r="KVL676" s="613"/>
      <c r="KVM676" s="613"/>
      <c r="KVN676" s="613"/>
      <c r="KVO676" s="613"/>
      <c r="KVP676" s="613"/>
      <c r="KVQ676" s="613"/>
      <c r="KVR676" s="613"/>
      <c r="KVS676" s="613"/>
      <c r="KVT676" s="613"/>
      <c r="KVU676" s="613"/>
      <c r="KVV676" s="613"/>
      <c r="KVW676" s="613"/>
      <c r="KVX676" s="613"/>
      <c r="KVY676" s="613"/>
      <c r="KVZ676" s="613"/>
      <c r="KWA676" s="613"/>
      <c r="KWB676" s="613"/>
      <c r="KWC676" s="613"/>
      <c r="KWD676" s="613"/>
      <c r="KWE676" s="613"/>
      <c r="KWF676" s="613"/>
      <c r="KWG676" s="613"/>
      <c r="KWH676" s="613"/>
      <c r="KWI676" s="613"/>
      <c r="KWJ676" s="613"/>
      <c r="KWK676" s="613"/>
      <c r="KWL676" s="613"/>
      <c r="KWM676" s="613"/>
      <c r="KWN676" s="613"/>
      <c r="KWO676" s="613"/>
      <c r="KWP676" s="613"/>
      <c r="KWQ676" s="613"/>
      <c r="KWR676" s="613"/>
      <c r="KWS676" s="613"/>
      <c r="KWT676" s="613"/>
      <c r="KWU676" s="613"/>
      <c r="KWV676" s="613"/>
      <c r="KWW676" s="613"/>
      <c r="KWX676" s="613"/>
      <c r="KWY676" s="613"/>
      <c r="KWZ676" s="613"/>
      <c r="KXA676" s="613"/>
      <c r="KXB676" s="613"/>
      <c r="KXC676" s="613"/>
      <c r="KXD676" s="613"/>
      <c r="KXE676" s="613"/>
      <c r="KXF676" s="613"/>
      <c r="KXG676" s="613"/>
      <c r="KXH676" s="613"/>
      <c r="KXI676" s="613"/>
      <c r="KXJ676" s="613"/>
      <c r="KXK676" s="613"/>
      <c r="KXL676" s="613"/>
      <c r="KXM676" s="613"/>
      <c r="KXN676" s="613"/>
      <c r="KXO676" s="613"/>
      <c r="KXP676" s="613"/>
      <c r="KXQ676" s="613"/>
      <c r="KXR676" s="613"/>
      <c r="KXS676" s="613"/>
      <c r="KXT676" s="613"/>
      <c r="KXU676" s="613"/>
      <c r="KXV676" s="613"/>
      <c r="KXW676" s="613"/>
      <c r="KXX676" s="613"/>
      <c r="KXY676" s="613"/>
      <c r="KXZ676" s="613"/>
      <c r="KYA676" s="613"/>
      <c r="KYB676" s="613"/>
      <c r="KYC676" s="613"/>
      <c r="KYD676" s="613"/>
      <c r="KYE676" s="613"/>
      <c r="KYF676" s="613"/>
      <c r="KYG676" s="613"/>
      <c r="KYH676" s="613"/>
      <c r="KYI676" s="613"/>
      <c r="KYJ676" s="613"/>
      <c r="KYK676" s="613"/>
      <c r="KYL676" s="613"/>
      <c r="KYM676" s="613"/>
      <c r="KYN676" s="613"/>
      <c r="KYO676" s="613"/>
      <c r="KYP676" s="613"/>
      <c r="KYQ676" s="613"/>
      <c r="KYR676" s="613"/>
      <c r="KYS676" s="613"/>
      <c r="KYT676" s="613"/>
      <c r="KYU676" s="613"/>
      <c r="KYV676" s="613"/>
      <c r="KYW676" s="613"/>
      <c r="KYX676" s="613"/>
      <c r="KYY676" s="613"/>
      <c r="KYZ676" s="613"/>
      <c r="KZA676" s="613"/>
      <c r="KZB676" s="613"/>
      <c r="KZC676" s="613"/>
      <c r="KZD676" s="613"/>
      <c r="KZE676" s="613"/>
      <c r="KZF676" s="613"/>
      <c r="KZG676" s="613"/>
      <c r="KZH676" s="613"/>
      <c r="KZI676" s="613"/>
      <c r="KZJ676" s="613"/>
      <c r="KZK676" s="613"/>
      <c r="KZL676" s="613"/>
      <c r="KZM676" s="613"/>
      <c r="KZN676" s="613"/>
      <c r="KZO676" s="613"/>
      <c r="KZP676" s="613"/>
      <c r="KZQ676" s="613"/>
      <c r="KZR676" s="613"/>
      <c r="KZS676" s="613"/>
      <c r="KZT676" s="613"/>
      <c r="KZU676" s="613"/>
      <c r="KZV676" s="613"/>
      <c r="KZW676" s="613"/>
      <c r="KZX676" s="613"/>
      <c r="KZY676" s="613"/>
      <c r="KZZ676" s="613"/>
      <c r="LAA676" s="613"/>
      <c r="LAB676" s="613"/>
      <c r="LAC676" s="613"/>
      <c r="LAD676" s="613"/>
      <c r="LAE676" s="613"/>
      <c r="LAF676" s="613"/>
      <c r="LAG676" s="613"/>
      <c r="LAH676" s="613"/>
      <c r="LAI676" s="613"/>
      <c r="LAJ676" s="613"/>
      <c r="LAK676" s="613"/>
      <c r="LAL676" s="613"/>
      <c r="LAM676" s="613"/>
      <c r="LAN676" s="613"/>
      <c r="LAO676" s="613"/>
      <c r="LAP676" s="613"/>
      <c r="LAQ676" s="613"/>
      <c r="LAR676" s="613"/>
      <c r="LAS676" s="613"/>
      <c r="LAT676" s="613"/>
      <c r="LAU676" s="613"/>
      <c r="LAV676" s="613"/>
      <c r="LAW676" s="613"/>
      <c r="LAX676" s="613"/>
      <c r="LAY676" s="613"/>
      <c r="LAZ676" s="613"/>
      <c r="LBA676" s="613"/>
      <c r="LBB676" s="613"/>
      <c r="LBC676" s="613"/>
      <c r="LBD676" s="613"/>
      <c r="LBE676" s="613"/>
      <c r="LBF676" s="613"/>
      <c r="LBG676" s="613"/>
      <c r="LBH676" s="613"/>
      <c r="LBI676" s="613"/>
      <c r="LBJ676" s="613"/>
      <c r="LBK676" s="613"/>
      <c r="LBL676" s="613"/>
      <c r="LBM676" s="613"/>
      <c r="LBN676" s="613"/>
      <c r="LBO676" s="613"/>
      <c r="LBP676" s="613"/>
      <c r="LBQ676" s="613"/>
      <c r="LBR676" s="613"/>
      <c r="LBS676" s="613"/>
      <c r="LBT676" s="613"/>
      <c r="LBU676" s="613"/>
      <c r="LBV676" s="613"/>
      <c r="LBW676" s="613"/>
      <c r="LBX676" s="613"/>
      <c r="LBY676" s="613"/>
      <c r="LBZ676" s="613"/>
      <c r="LCA676" s="613"/>
      <c r="LCB676" s="613"/>
      <c r="LCC676" s="613"/>
      <c r="LCD676" s="613"/>
      <c r="LCE676" s="613"/>
      <c r="LCF676" s="613"/>
      <c r="LCG676" s="613"/>
      <c r="LCH676" s="613"/>
      <c r="LCI676" s="613"/>
      <c r="LCJ676" s="613"/>
      <c r="LCK676" s="613"/>
      <c r="LCL676" s="613"/>
      <c r="LCM676" s="613"/>
      <c r="LCN676" s="613"/>
      <c r="LCO676" s="613"/>
      <c r="LCP676" s="613"/>
      <c r="LCQ676" s="613"/>
      <c r="LCR676" s="613"/>
      <c r="LCS676" s="613"/>
      <c r="LCT676" s="613"/>
      <c r="LCU676" s="613"/>
      <c r="LCV676" s="613"/>
      <c r="LCW676" s="613"/>
      <c r="LCX676" s="613"/>
      <c r="LCY676" s="613"/>
      <c r="LCZ676" s="613"/>
      <c r="LDA676" s="613"/>
      <c r="LDB676" s="613"/>
      <c r="LDC676" s="613"/>
      <c r="LDD676" s="613"/>
      <c r="LDE676" s="613"/>
      <c r="LDF676" s="613"/>
      <c r="LDG676" s="613"/>
      <c r="LDH676" s="613"/>
      <c r="LDI676" s="613"/>
      <c r="LDJ676" s="613"/>
      <c r="LDK676" s="613"/>
      <c r="LDL676" s="613"/>
      <c r="LDM676" s="613"/>
      <c r="LDN676" s="613"/>
      <c r="LDO676" s="613"/>
      <c r="LDP676" s="613"/>
      <c r="LDQ676" s="613"/>
      <c r="LDR676" s="613"/>
      <c r="LDS676" s="613"/>
      <c r="LDT676" s="613"/>
      <c r="LDU676" s="613"/>
      <c r="LDV676" s="613"/>
      <c r="LDW676" s="613"/>
      <c r="LDX676" s="613"/>
      <c r="LDY676" s="613"/>
      <c r="LDZ676" s="613"/>
      <c r="LEA676" s="613"/>
      <c r="LEB676" s="613"/>
      <c r="LEC676" s="613"/>
      <c r="LED676" s="613"/>
      <c r="LEE676" s="613"/>
      <c r="LEF676" s="613"/>
      <c r="LEG676" s="613"/>
      <c r="LEH676" s="613"/>
      <c r="LEI676" s="613"/>
      <c r="LEJ676" s="613"/>
      <c r="LEK676" s="613"/>
      <c r="LEL676" s="613"/>
      <c r="LEM676" s="613"/>
      <c r="LEN676" s="613"/>
      <c r="LEO676" s="613"/>
      <c r="LEP676" s="613"/>
      <c r="LEQ676" s="613"/>
      <c r="LER676" s="613"/>
      <c r="LES676" s="613"/>
      <c r="LET676" s="613"/>
      <c r="LEU676" s="613"/>
      <c r="LEV676" s="613"/>
      <c r="LEW676" s="613"/>
      <c r="LEX676" s="613"/>
      <c r="LEY676" s="613"/>
      <c r="LEZ676" s="613"/>
      <c r="LFA676" s="613"/>
      <c r="LFB676" s="613"/>
      <c r="LFC676" s="613"/>
      <c r="LFD676" s="613"/>
      <c r="LFE676" s="613"/>
      <c r="LFF676" s="613"/>
      <c r="LFG676" s="613"/>
      <c r="LFH676" s="613"/>
      <c r="LFI676" s="613"/>
      <c r="LFJ676" s="613"/>
      <c r="LFK676" s="613"/>
      <c r="LFL676" s="613"/>
      <c r="LFM676" s="613"/>
      <c r="LFN676" s="613"/>
      <c r="LFO676" s="613"/>
      <c r="LFP676" s="613"/>
      <c r="LFQ676" s="613"/>
      <c r="LFR676" s="613"/>
      <c r="LFS676" s="613"/>
      <c r="LFT676" s="613"/>
      <c r="LFU676" s="613"/>
      <c r="LFV676" s="613"/>
      <c r="LFW676" s="613"/>
      <c r="LFX676" s="613"/>
      <c r="LFY676" s="613"/>
      <c r="LFZ676" s="613"/>
      <c r="LGA676" s="613"/>
      <c r="LGB676" s="613"/>
      <c r="LGC676" s="613"/>
      <c r="LGD676" s="613"/>
      <c r="LGE676" s="613"/>
      <c r="LGF676" s="613"/>
      <c r="LGG676" s="613"/>
      <c r="LGH676" s="613"/>
      <c r="LGI676" s="613"/>
      <c r="LGJ676" s="613"/>
      <c r="LGK676" s="613"/>
      <c r="LGL676" s="613"/>
      <c r="LGM676" s="613"/>
      <c r="LGN676" s="613"/>
      <c r="LGO676" s="613"/>
      <c r="LGP676" s="613"/>
      <c r="LGQ676" s="613"/>
      <c r="LGR676" s="613"/>
      <c r="LGS676" s="613"/>
      <c r="LGT676" s="613"/>
      <c r="LGU676" s="613"/>
      <c r="LGV676" s="613"/>
      <c r="LGW676" s="613"/>
      <c r="LGX676" s="613"/>
      <c r="LGY676" s="613"/>
      <c r="LGZ676" s="613"/>
      <c r="LHA676" s="613"/>
      <c r="LHB676" s="613"/>
      <c r="LHC676" s="613"/>
      <c r="LHD676" s="613"/>
      <c r="LHE676" s="613"/>
      <c r="LHF676" s="613"/>
      <c r="LHG676" s="613"/>
      <c r="LHH676" s="613"/>
      <c r="LHI676" s="613"/>
      <c r="LHJ676" s="613"/>
      <c r="LHK676" s="613"/>
      <c r="LHL676" s="613"/>
      <c r="LHM676" s="613"/>
      <c r="LHN676" s="613"/>
      <c r="LHO676" s="613"/>
      <c r="LHP676" s="613"/>
      <c r="LHQ676" s="613"/>
      <c r="LHR676" s="613"/>
      <c r="LHS676" s="613"/>
      <c r="LHT676" s="613"/>
      <c r="LHU676" s="613"/>
      <c r="LHV676" s="613"/>
      <c r="LHW676" s="613"/>
      <c r="LHX676" s="613"/>
      <c r="LHY676" s="613"/>
      <c r="LHZ676" s="613"/>
      <c r="LIA676" s="613"/>
      <c r="LIB676" s="613"/>
      <c r="LIC676" s="613"/>
      <c r="LID676" s="613"/>
      <c r="LIE676" s="613"/>
      <c r="LIF676" s="613"/>
      <c r="LIG676" s="613"/>
      <c r="LIH676" s="613"/>
      <c r="LII676" s="613"/>
      <c r="LIJ676" s="613"/>
      <c r="LIK676" s="613"/>
      <c r="LIL676" s="613"/>
      <c r="LIM676" s="613"/>
      <c r="LIN676" s="613"/>
      <c r="LIO676" s="613"/>
      <c r="LIP676" s="613"/>
      <c r="LIQ676" s="613"/>
      <c r="LIR676" s="613"/>
      <c r="LIS676" s="613"/>
      <c r="LIT676" s="613"/>
      <c r="LIU676" s="613"/>
      <c r="LIV676" s="613"/>
      <c r="LIW676" s="613"/>
      <c r="LIX676" s="613"/>
      <c r="LIY676" s="613"/>
      <c r="LIZ676" s="613"/>
      <c r="LJA676" s="613"/>
      <c r="LJB676" s="613"/>
      <c r="LJC676" s="613"/>
      <c r="LJD676" s="613"/>
      <c r="LJE676" s="613"/>
      <c r="LJF676" s="613"/>
      <c r="LJG676" s="613"/>
      <c r="LJH676" s="613"/>
      <c r="LJI676" s="613"/>
      <c r="LJJ676" s="613"/>
      <c r="LJK676" s="613"/>
      <c r="LJL676" s="613"/>
      <c r="LJM676" s="613"/>
      <c r="LJN676" s="613"/>
      <c r="LJO676" s="613"/>
      <c r="LJP676" s="613"/>
      <c r="LJQ676" s="613"/>
      <c r="LJR676" s="613"/>
      <c r="LJS676" s="613"/>
      <c r="LJT676" s="613"/>
      <c r="LJU676" s="613"/>
      <c r="LJV676" s="613"/>
      <c r="LJW676" s="613"/>
      <c r="LJX676" s="613"/>
      <c r="LJY676" s="613"/>
      <c r="LJZ676" s="613"/>
      <c r="LKA676" s="613"/>
      <c r="LKB676" s="613"/>
      <c r="LKC676" s="613"/>
      <c r="LKD676" s="613"/>
      <c r="LKE676" s="613"/>
      <c r="LKF676" s="613"/>
      <c r="LKG676" s="613"/>
      <c r="LKH676" s="613"/>
      <c r="LKI676" s="613"/>
      <c r="LKJ676" s="613"/>
      <c r="LKK676" s="613"/>
      <c r="LKL676" s="613"/>
      <c r="LKM676" s="613"/>
      <c r="LKN676" s="613"/>
      <c r="LKO676" s="613"/>
      <c r="LKP676" s="613"/>
      <c r="LKQ676" s="613"/>
      <c r="LKR676" s="613"/>
      <c r="LKS676" s="613"/>
      <c r="LKT676" s="613"/>
      <c r="LKU676" s="613"/>
      <c r="LKV676" s="613"/>
      <c r="LKW676" s="613"/>
      <c r="LKX676" s="613"/>
      <c r="LKY676" s="613"/>
      <c r="LKZ676" s="613"/>
      <c r="LLA676" s="613"/>
      <c r="LLB676" s="613"/>
      <c r="LLC676" s="613"/>
      <c r="LLD676" s="613"/>
      <c r="LLE676" s="613"/>
      <c r="LLF676" s="613"/>
      <c r="LLG676" s="613"/>
      <c r="LLH676" s="613"/>
      <c r="LLI676" s="613"/>
      <c r="LLJ676" s="613"/>
      <c r="LLK676" s="613"/>
      <c r="LLL676" s="613"/>
      <c r="LLM676" s="613"/>
      <c r="LLN676" s="613"/>
      <c r="LLO676" s="613"/>
      <c r="LLP676" s="613"/>
      <c r="LLQ676" s="613"/>
      <c r="LLR676" s="613"/>
      <c r="LLS676" s="613"/>
      <c r="LLT676" s="613"/>
      <c r="LLU676" s="613"/>
      <c r="LLV676" s="613"/>
      <c r="LLW676" s="613"/>
      <c r="LLX676" s="613"/>
      <c r="LLY676" s="613"/>
      <c r="LLZ676" s="613"/>
      <c r="LMA676" s="613"/>
      <c r="LMB676" s="613"/>
      <c r="LMC676" s="613"/>
      <c r="LMD676" s="613"/>
      <c r="LME676" s="613"/>
      <c r="LMF676" s="613"/>
      <c r="LMG676" s="613"/>
      <c r="LMH676" s="613"/>
      <c r="LMI676" s="613"/>
      <c r="LMJ676" s="613"/>
      <c r="LMK676" s="613"/>
      <c r="LML676" s="613"/>
      <c r="LMM676" s="613"/>
      <c r="LMN676" s="613"/>
      <c r="LMO676" s="613"/>
      <c r="LMP676" s="613"/>
      <c r="LMQ676" s="613"/>
      <c r="LMR676" s="613"/>
      <c r="LMS676" s="613"/>
      <c r="LMT676" s="613"/>
      <c r="LMU676" s="613"/>
      <c r="LMV676" s="613"/>
      <c r="LMW676" s="613"/>
      <c r="LMX676" s="613"/>
      <c r="LMY676" s="613"/>
      <c r="LMZ676" s="613"/>
      <c r="LNA676" s="613"/>
      <c r="LNB676" s="613"/>
      <c r="LNC676" s="613"/>
      <c r="LND676" s="613"/>
      <c r="LNE676" s="613"/>
      <c r="LNF676" s="613"/>
      <c r="LNG676" s="613"/>
      <c r="LNH676" s="613"/>
      <c r="LNI676" s="613"/>
      <c r="LNJ676" s="613"/>
      <c r="LNK676" s="613"/>
      <c r="LNL676" s="613"/>
      <c r="LNM676" s="613"/>
      <c r="LNN676" s="613"/>
      <c r="LNO676" s="613"/>
      <c r="LNP676" s="613"/>
      <c r="LNQ676" s="613"/>
      <c r="LNR676" s="613"/>
      <c r="LNS676" s="613"/>
      <c r="LNT676" s="613"/>
      <c r="LNU676" s="613"/>
      <c r="LNV676" s="613"/>
      <c r="LNW676" s="613"/>
      <c r="LNX676" s="613"/>
      <c r="LNY676" s="613"/>
      <c r="LNZ676" s="613"/>
      <c r="LOA676" s="613"/>
      <c r="LOB676" s="613"/>
      <c r="LOC676" s="613"/>
      <c r="LOD676" s="613"/>
      <c r="LOE676" s="613"/>
      <c r="LOF676" s="613"/>
      <c r="LOG676" s="613"/>
      <c r="LOH676" s="613"/>
      <c r="LOI676" s="613"/>
      <c r="LOJ676" s="613"/>
      <c r="LOK676" s="613"/>
      <c r="LOL676" s="613"/>
      <c r="LOM676" s="613"/>
      <c r="LON676" s="613"/>
      <c r="LOO676" s="613"/>
      <c r="LOP676" s="613"/>
      <c r="LOQ676" s="613"/>
      <c r="LOR676" s="613"/>
      <c r="LOS676" s="613"/>
      <c r="LOT676" s="613"/>
      <c r="LOU676" s="613"/>
      <c r="LOV676" s="613"/>
      <c r="LOW676" s="613"/>
      <c r="LOX676" s="613"/>
      <c r="LOY676" s="613"/>
      <c r="LOZ676" s="613"/>
      <c r="LPA676" s="613"/>
      <c r="LPB676" s="613"/>
      <c r="LPC676" s="613"/>
      <c r="LPD676" s="613"/>
      <c r="LPE676" s="613"/>
      <c r="LPF676" s="613"/>
      <c r="LPG676" s="613"/>
      <c r="LPH676" s="613"/>
      <c r="LPI676" s="613"/>
      <c r="LPJ676" s="613"/>
      <c r="LPK676" s="613"/>
      <c r="LPL676" s="613"/>
      <c r="LPM676" s="613"/>
      <c r="LPN676" s="613"/>
      <c r="LPO676" s="613"/>
      <c r="LPP676" s="613"/>
      <c r="LPQ676" s="613"/>
      <c r="LPR676" s="613"/>
      <c r="LPS676" s="613"/>
      <c r="LPT676" s="613"/>
      <c r="LPU676" s="613"/>
      <c r="LPV676" s="613"/>
      <c r="LPW676" s="613"/>
      <c r="LPX676" s="613"/>
      <c r="LPY676" s="613"/>
      <c r="LPZ676" s="613"/>
      <c r="LQA676" s="613"/>
      <c r="LQB676" s="613"/>
      <c r="LQC676" s="613"/>
      <c r="LQD676" s="613"/>
      <c r="LQE676" s="613"/>
      <c r="LQF676" s="613"/>
      <c r="LQG676" s="613"/>
      <c r="LQH676" s="613"/>
      <c r="LQI676" s="613"/>
      <c r="LQJ676" s="613"/>
      <c r="LQK676" s="613"/>
      <c r="LQL676" s="613"/>
      <c r="LQM676" s="613"/>
      <c r="LQN676" s="613"/>
      <c r="LQO676" s="613"/>
      <c r="LQP676" s="613"/>
      <c r="LQQ676" s="613"/>
      <c r="LQR676" s="613"/>
      <c r="LQS676" s="613"/>
      <c r="LQT676" s="613"/>
      <c r="LQU676" s="613"/>
      <c r="LQV676" s="613"/>
      <c r="LQW676" s="613"/>
      <c r="LQX676" s="613"/>
      <c r="LQY676" s="613"/>
      <c r="LQZ676" s="613"/>
      <c r="LRA676" s="613"/>
      <c r="LRB676" s="613"/>
      <c r="LRC676" s="613"/>
      <c r="LRD676" s="613"/>
      <c r="LRE676" s="613"/>
      <c r="LRF676" s="613"/>
      <c r="LRG676" s="613"/>
      <c r="LRH676" s="613"/>
      <c r="LRI676" s="613"/>
      <c r="LRJ676" s="613"/>
      <c r="LRK676" s="613"/>
      <c r="LRL676" s="613"/>
      <c r="LRM676" s="613"/>
      <c r="LRN676" s="613"/>
      <c r="LRO676" s="613"/>
      <c r="LRP676" s="613"/>
      <c r="LRQ676" s="613"/>
      <c r="LRR676" s="613"/>
      <c r="LRS676" s="613"/>
      <c r="LRT676" s="613"/>
      <c r="LRU676" s="613"/>
      <c r="LRV676" s="613"/>
      <c r="LRW676" s="613"/>
      <c r="LRX676" s="613"/>
      <c r="LRY676" s="613"/>
      <c r="LRZ676" s="613"/>
      <c r="LSA676" s="613"/>
      <c r="LSB676" s="613"/>
      <c r="LSC676" s="613"/>
      <c r="LSD676" s="613"/>
      <c r="LSE676" s="613"/>
      <c r="LSF676" s="613"/>
      <c r="LSG676" s="613"/>
      <c r="LSH676" s="613"/>
      <c r="LSI676" s="613"/>
      <c r="LSJ676" s="613"/>
      <c r="LSK676" s="613"/>
      <c r="LSL676" s="613"/>
      <c r="LSM676" s="613"/>
      <c r="LSN676" s="613"/>
      <c r="LSO676" s="613"/>
      <c r="LSP676" s="613"/>
      <c r="LSQ676" s="613"/>
      <c r="LSR676" s="613"/>
      <c r="LSS676" s="613"/>
      <c r="LST676" s="613"/>
      <c r="LSU676" s="613"/>
      <c r="LSV676" s="613"/>
      <c r="LSW676" s="613"/>
      <c r="LSX676" s="613"/>
      <c r="LSY676" s="613"/>
      <c r="LSZ676" s="613"/>
      <c r="LTA676" s="613"/>
      <c r="LTB676" s="613"/>
      <c r="LTC676" s="613"/>
      <c r="LTD676" s="613"/>
      <c r="LTE676" s="613"/>
      <c r="LTF676" s="613"/>
      <c r="LTG676" s="613"/>
      <c r="LTH676" s="613"/>
      <c r="LTI676" s="613"/>
      <c r="LTJ676" s="613"/>
      <c r="LTK676" s="613"/>
      <c r="LTL676" s="613"/>
      <c r="LTM676" s="613"/>
      <c r="LTN676" s="613"/>
      <c r="LTO676" s="613"/>
      <c r="LTP676" s="613"/>
      <c r="LTQ676" s="613"/>
      <c r="LTR676" s="613"/>
      <c r="LTS676" s="613"/>
      <c r="LTT676" s="613"/>
      <c r="LTU676" s="613"/>
      <c r="LTV676" s="613"/>
      <c r="LTW676" s="613"/>
      <c r="LTX676" s="613"/>
      <c r="LTY676" s="613"/>
      <c r="LTZ676" s="613"/>
      <c r="LUA676" s="613"/>
      <c r="LUB676" s="613"/>
      <c r="LUC676" s="613"/>
      <c r="LUD676" s="613"/>
      <c r="LUE676" s="613"/>
      <c r="LUF676" s="613"/>
      <c r="LUG676" s="613"/>
      <c r="LUH676" s="613"/>
      <c r="LUI676" s="613"/>
      <c r="LUJ676" s="613"/>
      <c r="LUK676" s="613"/>
      <c r="LUL676" s="613"/>
      <c r="LUM676" s="613"/>
      <c r="LUN676" s="613"/>
      <c r="LUO676" s="613"/>
      <c r="LUP676" s="613"/>
      <c r="LUQ676" s="613"/>
      <c r="LUR676" s="613"/>
      <c r="LUS676" s="613"/>
      <c r="LUT676" s="613"/>
      <c r="LUU676" s="613"/>
      <c r="LUV676" s="613"/>
      <c r="LUW676" s="613"/>
      <c r="LUX676" s="613"/>
      <c r="LUY676" s="613"/>
      <c r="LUZ676" s="613"/>
      <c r="LVA676" s="613"/>
      <c r="LVB676" s="613"/>
      <c r="LVC676" s="613"/>
      <c r="LVD676" s="613"/>
      <c r="LVE676" s="613"/>
      <c r="LVF676" s="613"/>
      <c r="LVG676" s="613"/>
      <c r="LVH676" s="613"/>
      <c r="LVI676" s="613"/>
      <c r="LVJ676" s="613"/>
      <c r="LVK676" s="613"/>
      <c r="LVL676" s="613"/>
      <c r="LVM676" s="613"/>
      <c r="LVN676" s="613"/>
      <c r="LVO676" s="613"/>
      <c r="LVP676" s="613"/>
      <c r="LVQ676" s="613"/>
      <c r="LVR676" s="613"/>
      <c r="LVS676" s="613"/>
      <c r="LVT676" s="613"/>
      <c r="LVU676" s="613"/>
      <c r="LVV676" s="613"/>
      <c r="LVW676" s="613"/>
      <c r="LVX676" s="613"/>
      <c r="LVY676" s="613"/>
      <c r="LVZ676" s="613"/>
      <c r="LWA676" s="613"/>
      <c r="LWB676" s="613"/>
      <c r="LWC676" s="613"/>
      <c r="LWD676" s="613"/>
      <c r="LWE676" s="613"/>
      <c r="LWF676" s="613"/>
      <c r="LWG676" s="613"/>
      <c r="LWH676" s="613"/>
      <c r="LWI676" s="613"/>
      <c r="LWJ676" s="613"/>
      <c r="LWK676" s="613"/>
      <c r="LWL676" s="613"/>
      <c r="LWM676" s="613"/>
      <c r="LWN676" s="613"/>
      <c r="LWO676" s="613"/>
      <c r="LWP676" s="613"/>
      <c r="LWQ676" s="613"/>
      <c r="LWR676" s="613"/>
      <c r="LWS676" s="613"/>
      <c r="LWT676" s="613"/>
      <c r="LWU676" s="613"/>
      <c r="LWV676" s="613"/>
      <c r="LWW676" s="613"/>
      <c r="LWX676" s="613"/>
      <c r="LWY676" s="613"/>
      <c r="LWZ676" s="613"/>
      <c r="LXA676" s="613"/>
      <c r="LXB676" s="613"/>
      <c r="LXC676" s="613"/>
      <c r="LXD676" s="613"/>
      <c r="LXE676" s="613"/>
      <c r="LXF676" s="613"/>
      <c r="LXG676" s="613"/>
      <c r="LXH676" s="613"/>
      <c r="LXI676" s="613"/>
      <c r="LXJ676" s="613"/>
      <c r="LXK676" s="613"/>
      <c r="LXL676" s="613"/>
      <c r="LXM676" s="613"/>
      <c r="LXN676" s="613"/>
      <c r="LXO676" s="613"/>
      <c r="LXP676" s="613"/>
      <c r="LXQ676" s="613"/>
      <c r="LXR676" s="613"/>
      <c r="LXS676" s="613"/>
      <c r="LXT676" s="613"/>
      <c r="LXU676" s="613"/>
      <c r="LXV676" s="613"/>
      <c r="LXW676" s="613"/>
      <c r="LXX676" s="613"/>
      <c r="LXY676" s="613"/>
      <c r="LXZ676" s="613"/>
      <c r="LYA676" s="613"/>
      <c r="LYB676" s="613"/>
      <c r="LYC676" s="613"/>
      <c r="LYD676" s="613"/>
      <c r="LYE676" s="613"/>
      <c r="LYF676" s="613"/>
      <c r="LYG676" s="613"/>
      <c r="LYH676" s="613"/>
      <c r="LYI676" s="613"/>
      <c r="LYJ676" s="613"/>
      <c r="LYK676" s="613"/>
      <c r="LYL676" s="613"/>
      <c r="LYM676" s="613"/>
      <c r="LYN676" s="613"/>
      <c r="LYO676" s="613"/>
      <c r="LYP676" s="613"/>
      <c r="LYQ676" s="613"/>
      <c r="LYR676" s="613"/>
      <c r="LYS676" s="613"/>
      <c r="LYT676" s="613"/>
      <c r="LYU676" s="613"/>
      <c r="LYV676" s="613"/>
      <c r="LYW676" s="613"/>
      <c r="LYX676" s="613"/>
      <c r="LYY676" s="613"/>
      <c r="LYZ676" s="613"/>
      <c r="LZA676" s="613"/>
      <c r="LZB676" s="613"/>
      <c r="LZC676" s="613"/>
      <c r="LZD676" s="613"/>
      <c r="LZE676" s="613"/>
      <c r="LZF676" s="613"/>
      <c r="LZG676" s="613"/>
      <c r="LZH676" s="613"/>
      <c r="LZI676" s="613"/>
      <c r="LZJ676" s="613"/>
      <c r="LZK676" s="613"/>
      <c r="LZL676" s="613"/>
      <c r="LZM676" s="613"/>
      <c r="LZN676" s="613"/>
      <c r="LZO676" s="613"/>
      <c r="LZP676" s="613"/>
      <c r="LZQ676" s="613"/>
      <c r="LZR676" s="613"/>
      <c r="LZS676" s="613"/>
      <c r="LZT676" s="613"/>
      <c r="LZU676" s="613"/>
      <c r="LZV676" s="613"/>
      <c r="LZW676" s="613"/>
      <c r="LZX676" s="613"/>
      <c r="LZY676" s="613"/>
      <c r="LZZ676" s="613"/>
      <c r="MAA676" s="613"/>
      <c r="MAB676" s="613"/>
      <c r="MAC676" s="613"/>
      <c r="MAD676" s="613"/>
      <c r="MAE676" s="613"/>
      <c r="MAF676" s="613"/>
      <c r="MAG676" s="613"/>
      <c r="MAH676" s="613"/>
      <c r="MAI676" s="613"/>
      <c r="MAJ676" s="613"/>
      <c r="MAK676" s="613"/>
      <c r="MAL676" s="613"/>
      <c r="MAM676" s="613"/>
      <c r="MAN676" s="613"/>
      <c r="MAO676" s="613"/>
      <c r="MAP676" s="613"/>
      <c r="MAQ676" s="613"/>
      <c r="MAR676" s="613"/>
      <c r="MAS676" s="613"/>
      <c r="MAT676" s="613"/>
      <c r="MAU676" s="613"/>
      <c r="MAV676" s="613"/>
      <c r="MAW676" s="613"/>
      <c r="MAX676" s="613"/>
      <c r="MAY676" s="613"/>
      <c r="MAZ676" s="613"/>
      <c r="MBA676" s="613"/>
      <c r="MBB676" s="613"/>
      <c r="MBC676" s="613"/>
      <c r="MBD676" s="613"/>
      <c r="MBE676" s="613"/>
      <c r="MBF676" s="613"/>
      <c r="MBG676" s="613"/>
      <c r="MBH676" s="613"/>
      <c r="MBI676" s="613"/>
      <c r="MBJ676" s="613"/>
      <c r="MBK676" s="613"/>
      <c r="MBL676" s="613"/>
      <c r="MBM676" s="613"/>
      <c r="MBN676" s="613"/>
      <c r="MBO676" s="613"/>
      <c r="MBP676" s="613"/>
      <c r="MBQ676" s="613"/>
      <c r="MBR676" s="613"/>
      <c r="MBS676" s="613"/>
      <c r="MBT676" s="613"/>
      <c r="MBU676" s="613"/>
      <c r="MBV676" s="613"/>
      <c r="MBW676" s="613"/>
      <c r="MBX676" s="613"/>
      <c r="MBY676" s="613"/>
      <c r="MBZ676" s="613"/>
      <c r="MCA676" s="613"/>
      <c r="MCB676" s="613"/>
      <c r="MCC676" s="613"/>
      <c r="MCD676" s="613"/>
      <c r="MCE676" s="613"/>
      <c r="MCF676" s="613"/>
      <c r="MCG676" s="613"/>
      <c r="MCH676" s="613"/>
      <c r="MCI676" s="613"/>
      <c r="MCJ676" s="613"/>
      <c r="MCK676" s="613"/>
      <c r="MCL676" s="613"/>
      <c r="MCM676" s="613"/>
      <c r="MCN676" s="613"/>
      <c r="MCO676" s="613"/>
      <c r="MCP676" s="613"/>
      <c r="MCQ676" s="613"/>
      <c r="MCR676" s="613"/>
      <c r="MCS676" s="613"/>
      <c r="MCT676" s="613"/>
      <c r="MCU676" s="613"/>
      <c r="MCV676" s="613"/>
      <c r="MCW676" s="613"/>
      <c r="MCX676" s="613"/>
      <c r="MCY676" s="613"/>
      <c r="MCZ676" s="613"/>
      <c r="MDA676" s="613"/>
      <c r="MDB676" s="613"/>
      <c r="MDC676" s="613"/>
      <c r="MDD676" s="613"/>
      <c r="MDE676" s="613"/>
      <c r="MDF676" s="613"/>
      <c r="MDG676" s="613"/>
      <c r="MDH676" s="613"/>
      <c r="MDI676" s="613"/>
      <c r="MDJ676" s="613"/>
      <c r="MDK676" s="613"/>
      <c r="MDL676" s="613"/>
      <c r="MDM676" s="613"/>
      <c r="MDN676" s="613"/>
      <c r="MDO676" s="613"/>
      <c r="MDP676" s="613"/>
      <c r="MDQ676" s="613"/>
      <c r="MDR676" s="613"/>
      <c r="MDS676" s="613"/>
      <c r="MDT676" s="613"/>
      <c r="MDU676" s="613"/>
      <c r="MDV676" s="613"/>
      <c r="MDW676" s="613"/>
      <c r="MDX676" s="613"/>
      <c r="MDY676" s="613"/>
      <c r="MDZ676" s="613"/>
      <c r="MEA676" s="613"/>
      <c r="MEB676" s="613"/>
      <c r="MEC676" s="613"/>
      <c r="MED676" s="613"/>
      <c r="MEE676" s="613"/>
      <c r="MEF676" s="613"/>
      <c r="MEG676" s="613"/>
      <c r="MEH676" s="613"/>
      <c r="MEI676" s="613"/>
      <c r="MEJ676" s="613"/>
      <c r="MEK676" s="613"/>
      <c r="MEL676" s="613"/>
      <c r="MEM676" s="613"/>
      <c r="MEN676" s="613"/>
      <c r="MEO676" s="613"/>
      <c r="MEP676" s="613"/>
      <c r="MEQ676" s="613"/>
      <c r="MER676" s="613"/>
      <c r="MES676" s="613"/>
      <c r="MET676" s="613"/>
      <c r="MEU676" s="613"/>
      <c r="MEV676" s="613"/>
      <c r="MEW676" s="613"/>
      <c r="MEX676" s="613"/>
      <c r="MEY676" s="613"/>
      <c r="MEZ676" s="613"/>
      <c r="MFA676" s="613"/>
      <c r="MFB676" s="613"/>
      <c r="MFC676" s="613"/>
      <c r="MFD676" s="613"/>
      <c r="MFE676" s="613"/>
      <c r="MFF676" s="613"/>
      <c r="MFG676" s="613"/>
      <c r="MFH676" s="613"/>
      <c r="MFI676" s="613"/>
      <c r="MFJ676" s="613"/>
      <c r="MFK676" s="613"/>
      <c r="MFL676" s="613"/>
      <c r="MFM676" s="613"/>
      <c r="MFN676" s="613"/>
      <c r="MFO676" s="613"/>
      <c r="MFP676" s="613"/>
      <c r="MFQ676" s="613"/>
      <c r="MFR676" s="613"/>
      <c r="MFS676" s="613"/>
      <c r="MFT676" s="613"/>
      <c r="MFU676" s="613"/>
      <c r="MFV676" s="613"/>
      <c r="MFW676" s="613"/>
      <c r="MFX676" s="613"/>
      <c r="MFY676" s="613"/>
      <c r="MFZ676" s="613"/>
      <c r="MGA676" s="613"/>
      <c r="MGB676" s="613"/>
      <c r="MGC676" s="613"/>
      <c r="MGD676" s="613"/>
      <c r="MGE676" s="613"/>
      <c r="MGF676" s="613"/>
      <c r="MGG676" s="613"/>
      <c r="MGH676" s="613"/>
      <c r="MGI676" s="613"/>
      <c r="MGJ676" s="613"/>
      <c r="MGK676" s="613"/>
      <c r="MGL676" s="613"/>
      <c r="MGM676" s="613"/>
      <c r="MGN676" s="613"/>
      <c r="MGO676" s="613"/>
      <c r="MGP676" s="613"/>
      <c r="MGQ676" s="613"/>
      <c r="MGR676" s="613"/>
      <c r="MGS676" s="613"/>
      <c r="MGT676" s="613"/>
      <c r="MGU676" s="613"/>
      <c r="MGV676" s="613"/>
      <c r="MGW676" s="613"/>
      <c r="MGX676" s="613"/>
      <c r="MGY676" s="613"/>
      <c r="MGZ676" s="613"/>
      <c r="MHA676" s="613"/>
      <c r="MHB676" s="613"/>
      <c r="MHC676" s="613"/>
      <c r="MHD676" s="613"/>
      <c r="MHE676" s="613"/>
      <c r="MHF676" s="613"/>
      <c r="MHG676" s="613"/>
      <c r="MHH676" s="613"/>
      <c r="MHI676" s="613"/>
      <c r="MHJ676" s="613"/>
      <c r="MHK676" s="613"/>
      <c r="MHL676" s="613"/>
      <c r="MHM676" s="613"/>
      <c r="MHN676" s="613"/>
      <c r="MHO676" s="613"/>
      <c r="MHP676" s="613"/>
      <c r="MHQ676" s="613"/>
      <c r="MHR676" s="613"/>
      <c r="MHS676" s="613"/>
      <c r="MHT676" s="613"/>
      <c r="MHU676" s="613"/>
      <c r="MHV676" s="613"/>
      <c r="MHW676" s="613"/>
      <c r="MHX676" s="613"/>
      <c r="MHY676" s="613"/>
      <c r="MHZ676" s="613"/>
      <c r="MIA676" s="613"/>
      <c r="MIB676" s="613"/>
      <c r="MIC676" s="613"/>
      <c r="MID676" s="613"/>
      <c r="MIE676" s="613"/>
      <c r="MIF676" s="613"/>
      <c r="MIG676" s="613"/>
      <c r="MIH676" s="613"/>
      <c r="MII676" s="613"/>
      <c r="MIJ676" s="613"/>
      <c r="MIK676" s="613"/>
      <c r="MIL676" s="613"/>
      <c r="MIM676" s="613"/>
      <c r="MIN676" s="613"/>
      <c r="MIO676" s="613"/>
      <c r="MIP676" s="613"/>
      <c r="MIQ676" s="613"/>
      <c r="MIR676" s="613"/>
      <c r="MIS676" s="613"/>
      <c r="MIT676" s="613"/>
      <c r="MIU676" s="613"/>
      <c r="MIV676" s="613"/>
      <c r="MIW676" s="613"/>
      <c r="MIX676" s="613"/>
      <c r="MIY676" s="613"/>
      <c r="MIZ676" s="613"/>
      <c r="MJA676" s="613"/>
      <c r="MJB676" s="613"/>
      <c r="MJC676" s="613"/>
      <c r="MJD676" s="613"/>
      <c r="MJE676" s="613"/>
      <c r="MJF676" s="613"/>
      <c r="MJG676" s="613"/>
      <c r="MJH676" s="613"/>
      <c r="MJI676" s="613"/>
      <c r="MJJ676" s="613"/>
      <c r="MJK676" s="613"/>
      <c r="MJL676" s="613"/>
      <c r="MJM676" s="613"/>
      <c r="MJN676" s="613"/>
      <c r="MJO676" s="613"/>
      <c r="MJP676" s="613"/>
      <c r="MJQ676" s="613"/>
      <c r="MJR676" s="613"/>
      <c r="MJS676" s="613"/>
      <c r="MJT676" s="613"/>
      <c r="MJU676" s="613"/>
      <c r="MJV676" s="613"/>
      <c r="MJW676" s="613"/>
      <c r="MJX676" s="613"/>
      <c r="MJY676" s="613"/>
      <c r="MJZ676" s="613"/>
      <c r="MKA676" s="613"/>
      <c r="MKB676" s="613"/>
      <c r="MKC676" s="613"/>
      <c r="MKD676" s="613"/>
      <c r="MKE676" s="613"/>
      <c r="MKF676" s="613"/>
      <c r="MKG676" s="613"/>
      <c r="MKH676" s="613"/>
      <c r="MKI676" s="613"/>
      <c r="MKJ676" s="613"/>
      <c r="MKK676" s="613"/>
      <c r="MKL676" s="613"/>
      <c r="MKM676" s="613"/>
      <c r="MKN676" s="613"/>
      <c r="MKO676" s="613"/>
      <c r="MKP676" s="613"/>
      <c r="MKQ676" s="613"/>
      <c r="MKR676" s="613"/>
      <c r="MKS676" s="613"/>
      <c r="MKT676" s="613"/>
      <c r="MKU676" s="613"/>
      <c r="MKV676" s="613"/>
      <c r="MKW676" s="613"/>
      <c r="MKX676" s="613"/>
      <c r="MKY676" s="613"/>
      <c r="MKZ676" s="613"/>
      <c r="MLA676" s="613"/>
      <c r="MLB676" s="613"/>
      <c r="MLC676" s="613"/>
      <c r="MLD676" s="613"/>
      <c r="MLE676" s="613"/>
      <c r="MLF676" s="613"/>
      <c r="MLG676" s="613"/>
      <c r="MLH676" s="613"/>
      <c r="MLI676" s="613"/>
      <c r="MLJ676" s="613"/>
      <c r="MLK676" s="613"/>
      <c r="MLL676" s="613"/>
      <c r="MLM676" s="613"/>
      <c r="MLN676" s="613"/>
      <c r="MLO676" s="613"/>
      <c r="MLP676" s="613"/>
      <c r="MLQ676" s="613"/>
      <c r="MLR676" s="613"/>
      <c r="MLS676" s="613"/>
      <c r="MLT676" s="613"/>
      <c r="MLU676" s="613"/>
      <c r="MLV676" s="613"/>
      <c r="MLW676" s="613"/>
      <c r="MLX676" s="613"/>
      <c r="MLY676" s="613"/>
      <c r="MLZ676" s="613"/>
      <c r="MMA676" s="613"/>
      <c r="MMB676" s="613"/>
      <c r="MMC676" s="613"/>
      <c r="MMD676" s="613"/>
      <c r="MME676" s="613"/>
      <c r="MMF676" s="613"/>
      <c r="MMG676" s="613"/>
      <c r="MMH676" s="613"/>
      <c r="MMI676" s="613"/>
      <c r="MMJ676" s="613"/>
      <c r="MMK676" s="613"/>
      <c r="MML676" s="613"/>
      <c r="MMM676" s="613"/>
      <c r="MMN676" s="613"/>
      <c r="MMO676" s="613"/>
      <c r="MMP676" s="613"/>
      <c r="MMQ676" s="613"/>
      <c r="MMR676" s="613"/>
      <c r="MMS676" s="613"/>
      <c r="MMT676" s="613"/>
      <c r="MMU676" s="613"/>
      <c r="MMV676" s="613"/>
      <c r="MMW676" s="613"/>
      <c r="MMX676" s="613"/>
      <c r="MMY676" s="613"/>
      <c r="MMZ676" s="613"/>
      <c r="MNA676" s="613"/>
      <c r="MNB676" s="613"/>
      <c r="MNC676" s="613"/>
      <c r="MND676" s="613"/>
      <c r="MNE676" s="613"/>
      <c r="MNF676" s="613"/>
      <c r="MNG676" s="613"/>
      <c r="MNH676" s="613"/>
      <c r="MNI676" s="613"/>
      <c r="MNJ676" s="613"/>
      <c r="MNK676" s="613"/>
      <c r="MNL676" s="613"/>
      <c r="MNM676" s="613"/>
      <c r="MNN676" s="613"/>
      <c r="MNO676" s="613"/>
      <c r="MNP676" s="613"/>
      <c r="MNQ676" s="613"/>
      <c r="MNR676" s="613"/>
      <c r="MNS676" s="613"/>
      <c r="MNT676" s="613"/>
      <c r="MNU676" s="613"/>
      <c r="MNV676" s="613"/>
      <c r="MNW676" s="613"/>
      <c r="MNX676" s="613"/>
      <c r="MNY676" s="613"/>
      <c r="MNZ676" s="613"/>
      <c r="MOA676" s="613"/>
      <c r="MOB676" s="613"/>
      <c r="MOC676" s="613"/>
      <c r="MOD676" s="613"/>
      <c r="MOE676" s="613"/>
      <c r="MOF676" s="613"/>
      <c r="MOG676" s="613"/>
      <c r="MOH676" s="613"/>
      <c r="MOI676" s="613"/>
      <c r="MOJ676" s="613"/>
      <c r="MOK676" s="613"/>
      <c r="MOL676" s="613"/>
      <c r="MOM676" s="613"/>
      <c r="MON676" s="613"/>
      <c r="MOO676" s="613"/>
      <c r="MOP676" s="613"/>
      <c r="MOQ676" s="613"/>
      <c r="MOR676" s="613"/>
      <c r="MOS676" s="613"/>
      <c r="MOT676" s="613"/>
      <c r="MOU676" s="613"/>
      <c r="MOV676" s="613"/>
      <c r="MOW676" s="613"/>
      <c r="MOX676" s="613"/>
      <c r="MOY676" s="613"/>
      <c r="MOZ676" s="613"/>
      <c r="MPA676" s="613"/>
      <c r="MPB676" s="613"/>
      <c r="MPC676" s="613"/>
      <c r="MPD676" s="613"/>
      <c r="MPE676" s="613"/>
      <c r="MPF676" s="613"/>
      <c r="MPG676" s="613"/>
      <c r="MPH676" s="613"/>
      <c r="MPI676" s="613"/>
      <c r="MPJ676" s="613"/>
      <c r="MPK676" s="613"/>
      <c r="MPL676" s="613"/>
      <c r="MPM676" s="613"/>
      <c r="MPN676" s="613"/>
      <c r="MPO676" s="613"/>
      <c r="MPP676" s="613"/>
      <c r="MPQ676" s="613"/>
      <c r="MPR676" s="613"/>
      <c r="MPS676" s="613"/>
      <c r="MPT676" s="613"/>
      <c r="MPU676" s="613"/>
      <c r="MPV676" s="613"/>
      <c r="MPW676" s="613"/>
      <c r="MPX676" s="613"/>
      <c r="MPY676" s="613"/>
      <c r="MPZ676" s="613"/>
      <c r="MQA676" s="613"/>
      <c r="MQB676" s="613"/>
      <c r="MQC676" s="613"/>
      <c r="MQD676" s="613"/>
      <c r="MQE676" s="613"/>
      <c r="MQF676" s="613"/>
      <c r="MQG676" s="613"/>
      <c r="MQH676" s="613"/>
      <c r="MQI676" s="613"/>
      <c r="MQJ676" s="613"/>
      <c r="MQK676" s="613"/>
      <c r="MQL676" s="613"/>
      <c r="MQM676" s="613"/>
      <c r="MQN676" s="613"/>
      <c r="MQO676" s="613"/>
      <c r="MQP676" s="613"/>
      <c r="MQQ676" s="613"/>
      <c r="MQR676" s="613"/>
      <c r="MQS676" s="613"/>
      <c r="MQT676" s="613"/>
      <c r="MQU676" s="613"/>
      <c r="MQV676" s="613"/>
      <c r="MQW676" s="613"/>
      <c r="MQX676" s="613"/>
      <c r="MQY676" s="613"/>
      <c r="MQZ676" s="613"/>
      <c r="MRA676" s="613"/>
      <c r="MRB676" s="613"/>
      <c r="MRC676" s="613"/>
      <c r="MRD676" s="613"/>
      <c r="MRE676" s="613"/>
      <c r="MRF676" s="613"/>
      <c r="MRG676" s="613"/>
      <c r="MRH676" s="613"/>
      <c r="MRI676" s="613"/>
      <c r="MRJ676" s="613"/>
      <c r="MRK676" s="613"/>
      <c r="MRL676" s="613"/>
      <c r="MRM676" s="613"/>
      <c r="MRN676" s="613"/>
      <c r="MRO676" s="613"/>
      <c r="MRP676" s="613"/>
      <c r="MRQ676" s="613"/>
      <c r="MRR676" s="613"/>
      <c r="MRS676" s="613"/>
      <c r="MRT676" s="613"/>
      <c r="MRU676" s="613"/>
      <c r="MRV676" s="613"/>
      <c r="MRW676" s="613"/>
      <c r="MRX676" s="613"/>
      <c r="MRY676" s="613"/>
      <c r="MRZ676" s="613"/>
      <c r="MSA676" s="613"/>
      <c r="MSB676" s="613"/>
      <c r="MSC676" s="613"/>
      <c r="MSD676" s="613"/>
      <c r="MSE676" s="613"/>
      <c r="MSF676" s="613"/>
      <c r="MSG676" s="613"/>
      <c r="MSH676" s="613"/>
      <c r="MSI676" s="613"/>
      <c r="MSJ676" s="613"/>
      <c r="MSK676" s="613"/>
      <c r="MSL676" s="613"/>
      <c r="MSM676" s="613"/>
      <c r="MSN676" s="613"/>
      <c r="MSO676" s="613"/>
      <c r="MSP676" s="613"/>
      <c r="MSQ676" s="613"/>
      <c r="MSR676" s="613"/>
      <c r="MSS676" s="613"/>
      <c r="MST676" s="613"/>
      <c r="MSU676" s="613"/>
      <c r="MSV676" s="613"/>
      <c r="MSW676" s="613"/>
      <c r="MSX676" s="613"/>
      <c r="MSY676" s="613"/>
      <c r="MSZ676" s="613"/>
      <c r="MTA676" s="613"/>
      <c r="MTB676" s="613"/>
      <c r="MTC676" s="613"/>
      <c r="MTD676" s="613"/>
      <c r="MTE676" s="613"/>
      <c r="MTF676" s="613"/>
      <c r="MTG676" s="613"/>
      <c r="MTH676" s="613"/>
      <c r="MTI676" s="613"/>
      <c r="MTJ676" s="613"/>
      <c r="MTK676" s="613"/>
      <c r="MTL676" s="613"/>
      <c r="MTM676" s="613"/>
      <c r="MTN676" s="613"/>
      <c r="MTO676" s="613"/>
      <c r="MTP676" s="613"/>
      <c r="MTQ676" s="613"/>
      <c r="MTR676" s="613"/>
      <c r="MTS676" s="613"/>
      <c r="MTT676" s="613"/>
      <c r="MTU676" s="613"/>
      <c r="MTV676" s="613"/>
      <c r="MTW676" s="613"/>
      <c r="MTX676" s="613"/>
      <c r="MTY676" s="613"/>
      <c r="MTZ676" s="613"/>
      <c r="MUA676" s="613"/>
      <c r="MUB676" s="613"/>
      <c r="MUC676" s="613"/>
      <c r="MUD676" s="613"/>
      <c r="MUE676" s="613"/>
      <c r="MUF676" s="613"/>
      <c r="MUG676" s="613"/>
      <c r="MUH676" s="613"/>
      <c r="MUI676" s="613"/>
      <c r="MUJ676" s="613"/>
      <c r="MUK676" s="613"/>
      <c r="MUL676" s="613"/>
      <c r="MUM676" s="613"/>
      <c r="MUN676" s="613"/>
      <c r="MUO676" s="613"/>
      <c r="MUP676" s="613"/>
      <c r="MUQ676" s="613"/>
      <c r="MUR676" s="613"/>
      <c r="MUS676" s="613"/>
      <c r="MUT676" s="613"/>
      <c r="MUU676" s="613"/>
      <c r="MUV676" s="613"/>
      <c r="MUW676" s="613"/>
      <c r="MUX676" s="613"/>
      <c r="MUY676" s="613"/>
      <c r="MUZ676" s="613"/>
      <c r="MVA676" s="613"/>
      <c r="MVB676" s="613"/>
      <c r="MVC676" s="613"/>
      <c r="MVD676" s="613"/>
      <c r="MVE676" s="613"/>
      <c r="MVF676" s="613"/>
      <c r="MVG676" s="613"/>
      <c r="MVH676" s="613"/>
      <c r="MVI676" s="613"/>
      <c r="MVJ676" s="613"/>
      <c r="MVK676" s="613"/>
      <c r="MVL676" s="613"/>
      <c r="MVM676" s="613"/>
      <c r="MVN676" s="613"/>
      <c r="MVO676" s="613"/>
      <c r="MVP676" s="613"/>
      <c r="MVQ676" s="613"/>
      <c r="MVR676" s="613"/>
      <c r="MVS676" s="613"/>
      <c r="MVT676" s="613"/>
      <c r="MVU676" s="613"/>
      <c r="MVV676" s="613"/>
      <c r="MVW676" s="613"/>
      <c r="MVX676" s="613"/>
      <c r="MVY676" s="613"/>
      <c r="MVZ676" s="613"/>
      <c r="MWA676" s="613"/>
      <c r="MWB676" s="613"/>
      <c r="MWC676" s="613"/>
      <c r="MWD676" s="613"/>
      <c r="MWE676" s="613"/>
      <c r="MWF676" s="613"/>
      <c r="MWG676" s="613"/>
      <c r="MWH676" s="613"/>
      <c r="MWI676" s="613"/>
      <c r="MWJ676" s="613"/>
      <c r="MWK676" s="613"/>
      <c r="MWL676" s="613"/>
      <c r="MWM676" s="613"/>
      <c r="MWN676" s="613"/>
      <c r="MWO676" s="613"/>
      <c r="MWP676" s="613"/>
      <c r="MWQ676" s="613"/>
      <c r="MWR676" s="613"/>
      <c r="MWS676" s="613"/>
      <c r="MWT676" s="613"/>
      <c r="MWU676" s="613"/>
      <c r="MWV676" s="613"/>
      <c r="MWW676" s="613"/>
      <c r="MWX676" s="613"/>
      <c r="MWY676" s="613"/>
      <c r="MWZ676" s="613"/>
      <c r="MXA676" s="613"/>
      <c r="MXB676" s="613"/>
      <c r="MXC676" s="613"/>
      <c r="MXD676" s="613"/>
      <c r="MXE676" s="613"/>
      <c r="MXF676" s="613"/>
      <c r="MXG676" s="613"/>
      <c r="MXH676" s="613"/>
      <c r="MXI676" s="613"/>
      <c r="MXJ676" s="613"/>
      <c r="MXK676" s="613"/>
      <c r="MXL676" s="613"/>
      <c r="MXM676" s="613"/>
      <c r="MXN676" s="613"/>
      <c r="MXO676" s="613"/>
      <c r="MXP676" s="613"/>
      <c r="MXQ676" s="613"/>
      <c r="MXR676" s="613"/>
      <c r="MXS676" s="613"/>
      <c r="MXT676" s="613"/>
      <c r="MXU676" s="613"/>
      <c r="MXV676" s="613"/>
      <c r="MXW676" s="613"/>
      <c r="MXX676" s="613"/>
      <c r="MXY676" s="613"/>
      <c r="MXZ676" s="613"/>
      <c r="MYA676" s="613"/>
      <c r="MYB676" s="613"/>
      <c r="MYC676" s="613"/>
      <c r="MYD676" s="613"/>
      <c r="MYE676" s="613"/>
      <c r="MYF676" s="613"/>
      <c r="MYG676" s="613"/>
      <c r="MYH676" s="613"/>
      <c r="MYI676" s="613"/>
      <c r="MYJ676" s="613"/>
      <c r="MYK676" s="613"/>
      <c r="MYL676" s="613"/>
      <c r="MYM676" s="613"/>
      <c r="MYN676" s="613"/>
      <c r="MYO676" s="613"/>
      <c r="MYP676" s="613"/>
      <c r="MYQ676" s="613"/>
      <c r="MYR676" s="613"/>
      <c r="MYS676" s="613"/>
      <c r="MYT676" s="613"/>
      <c r="MYU676" s="613"/>
      <c r="MYV676" s="613"/>
      <c r="MYW676" s="613"/>
      <c r="MYX676" s="613"/>
      <c r="MYY676" s="613"/>
      <c r="MYZ676" s="613"/>
      <c r="MZA676" s="613"/>
      <c r="MZB676" s="613"/>
      <c r="MZC676" s="613"/>
      <c r="MZD676" s="613"/>
      <c r="MZE676" s="613"/>
      <c r="MZF676" s="613"/>
      <c r="MZG676" s="613"/>
      <c r="MZH676" s="613"/>
      <c r="MZI676" s="613"/>
      <c r="MZJ676" s="613"/>
      <c r="MZK676" s="613"/>
      <c r="MZL676" s="613"/>
      <c r="MZM676" s="613"/>
      <c r="MZN676" s="613"/>
      <c r="MZO676" s="613"/>
      <c r="MZP676" s="613"/>
      <c r="MZQ676" s="613"/>
      <c r="MZR676" s="613"/>
      <c r="MZS676" s="613"/>
      <c r="MZT676" s="613"/>
      <c r="MZU676" s="613"/>
      <c r="MZV676" s="613"/>
      <c r="MZW676" s="613"/>
      <c r="MZX676" s="613"/>
      <c r="MZY676" s="613"/>
      <c r="MZZ676" s="613"/>
      <c r="NAA676" s="613"/>
      <c r="NAB676" s="613"/>
      <c r="NAC676" s="613"/>
      <c r="NAD676" s="613"/>
      <c r="NAE676" s="613"/>
      <c r="NAF676" s="613"/>
      <c r="NAG676" s="613"/>
      <c r="NAH676" s="613"/>
      <c r="NAI676" s="613"/>
      <c r="NAJ676" s="613"/>
      <c r="NAK676" s="613"/>
      <c r="NAL676" s="613"/>
      <c r="NAM676" s="613"/>
      <c r="NAN676" s="613"/>
      <c r="NAO676" s="613"/>
      <c r="NAP676" s="613"/>
      <c r="NAQ676" s="613"/>
      <c r="NAR676" s="613"/>
      <c r="NAS676" s="613"/>
      <c r="NAT676" s="613"/>
      <c r="NAU676" s="613"/>
      <c r="NAV676" s="613"/>
      <c r="NAW676" s="613"/>
      <c r="NAX676" s="613"/>
      <c r="NAY676" s="613"/>
      <c r="NAZ676" s="613"/>
      <c r="NBA676" s="613"/>
      <c r="NBB676" s="613"/>
      <c r="NBC676" s="613"/>
      <c r="NBD676" s="613"/>
      <c r="NBE676" s="613"/>
      <c r="NBF676" s="613"/>
      <c r="NBG676" s="613"/>
      <c r="NBH676" s="613"/>
      <c r="NBI676" s="613"/>
      <c r="NBJ676" s="613"/>
      <c r="NBK676" s="613"/>
      <c r="NBL676" s="613"/>
      <c r="NBM676" s="613"/>
      <c r="NBN676" s="613"/>
      <c r="NBO676" s="613"/>
      <c r="NBP676" s="613"/>
      <c r="NBQ676" s="613"/>
      <c r="NBR676" s="613"/>
      <c r="NBS676" s="613"/>
      <c r="NBT676" s="613"/>
      <c r="NBU676" s="613"/>
      <c r="NBV676" s="613"/>
      <c r="NBW676" s="613"/>
      <c r="NBX676" s="613"/>
      <c r="NBY676" s="613"/>
      <c r="NBZ676" s="613"/>
      <c r="NCA676" s="613"/>
      <c r="NCB676" s="613"/>
      <c r="NCC676" s="613"/>
      <c r="NCD676" s="613"/>
      <c r="NCE676" s="613"/>
      <c r="NCF676" s="613"/>
      <c r="NCG676" s="613"/>
      <c r="NCH676" s="613"/>
      <c r="NCI676" s="613"/>
      <c r="NCJ676" s="613"/>
      <c r="NCK676" s="613"/>
      <c r="NCL676" s="613"/>
      <c r="NCM676" s="613"/>
      <c r="NCN676" s="613"/>
      <c r="NCO676" s="613"/>
      <c r="NCP676" s="613"/>
      <c r="NCQ676" s="613"/>
      <c r="NCR676" s="613"/>
      <c r="NCS676" s="613"/>
      <c r="NCT676" s="613"/>
      <c r="NCU676" s="613"/>
      <c r="NCV676" s="613"/>
      <c r="NCW676" s="613"/>
      <c r="NCX676" s="613"/>
      <c r="NCY676" s="613"/>
      <c r="NCZ676" s="613"/>
      <c r="NDA676" s="613"/>
      <c r="NDB676" s="613"/>
      <c r="NDC676" s="613"/>
      <c r="NDD676" s="613"/>
      <c r="NDE676" s="613"/>
      <c r="NDF676" s="613"/>
      <c r="NDG676" s="613"/>
      <c r="NDH676" s="613"/>
      <c r="NDI676" s="613"/>
      <c r="NDJ676" s="613"/>
      <c r="NDK676" s="613"/>
      <c r="NDL676" s="613"/>
      <c r="NDM676" s="613"/>
      <c r="NDN676" s="613"/>
      <c r="NDO676" s="613"/>
      <c r="NDP676" s="613"/>
      <c r="NDQ676" s="613"/>
      <c r="NDR676" s="613"/>
      <c r="NDS676" s="613"/>
      <c r="NDT676" s="613"/>
      <c r="NDU676" s="613"/>
      <c r="NDV676" s="613"/>
      <c r="NDW676" s="613"/>
      <c r="NDX676" s="613"/>
      <c r="NDY676" s="613"/>
      <c r="NDZ676" s="613"/>
      <c r="NEA676" s="613"/>
      <c r="NEB676" s="613"/>
      <c r="NEC676" s="613"/>
      <c r="NED676" s="613"/>
      <c r="NEE676" s="613"/>
      <c r="NEF676" s="613"/>
      <c r="NEG676" s="613"/>
      <c r="NEH676" s="613"/>
      <c r="NEI676" s="613"/>
      <c r="NEJ676" s="613"/>
      <c r="NEK676" s="613"/>
      <c r="NEL676" s="613"/>
      <c r="NEM676" s="613"/>
      <c r="NEN676" s="613"/>
      <c r="NEO676" s="613"/>
      <c r="NEP676" s="613"/>
      <c r="NEQ676" s="613"/>
      <c r="NER676" s="613"/>
      <c r="NES676" s="613"/>
      <c r="NET676" s="613"/>
      <c r="NEU676" s="613"/>
      <c r="NEV676" s="613"/>
      <c r="NEW676" s="613"/>
      <c r="NEX676" s="613"/>
      <c r="NEY676" s="613"/>
      <c r="NEZ676" s="613"/>
      <c r="NFA676" s="613"/>
      <c r="NFB676" s="613"/>
      <c r="NFC676" s="613"/>
      <c r="NFD676" s="613"/>
      <c r="NFE676" s="613"/>
      <c r="NFF676" s="613"/>
      <c r="NFG676" s="613"/>
      <c r="NFH676" s="613"/>
      <c r="NFI676" s="613"/>
      <c r="NFJ676" s="613"/>
      <c r="NFK676" s="613"/>
      <c r="NFL676" s="613"/>
      <c r="NFM676" s="613"/>
      <c r="NFN676" s="613"/>
      <c r="NFO676" s="613"/>
      <c r="NFP676" s="613"/>
      <c r="NFQ676" s="613"/>
      <c r="NFR676" s="613"/>
      <c r="NFS676" s="613"/>
      <c r="NFT676" s="613"/>
      <c r="NFU676" s="613"/>
      <c r="NFV676" s="613"/>
      <c r="NFW676" s="613"/>
      <c r="NFX676" s="613"/>
      <c r="NFY676" s="613"/>
      <c r="NFZ676" s="613"/>
      <c r="NGA676" s="613"/>
      <c r="NGB676" s="613"/>
      <c r="NGC676" s="613"/>
      <c r="NGD676" s="613"/>
      <c r="NGE676" s="613"/>
      <c r="NGF676" s="613"/>
      <c r="NGG676" s="613"/>
      <c r="NGH676" s="613"/>
      <c r="NGI676" s="613"/>
      <c r="NGJ676" s="613"/>
      <c r="NGK676" s="613"/>
      <c r="NGL676" s="613"/>
      <c r="NGM676" s="613"/>
      <c r="NGN676" s="613"/>
      <c r="NGO676" s="613"/>
      <c r="NGP676" s="613"/>
      <c r="NGQ676" s="613"/>
      <c r="NGR676" s="613"/>
      <c r="NGS676" s="613"/>
      <c r="NGT676" s="613"/>
      <c r="NGU676" s="613"/>
      <c r="NGV676" s="613"/>
      <c r="NGW676" s="613"/>
      <c r="NGX676" s="613"/>
      <c r="NGY676" s="613"/>
      <c r="NGZ676" s="613"/>
      <c r="NHA676" s="613"/>
      <c r="NHB676" s="613"/>
      <c r="NHC676" s="613"/>
      <c r="NHD676" s="613"/>
      <c r="NHE676" s="613"/>
      <c r="NHF676" s="613"/>
      <c r="NHG676" s="613"/>
      <c r="NHH676" s="613"/>
      <c r="NHI676" s="613"/>
      <c r="NHJ676" s="613"/>
      <c r="NHK676" s="613"/>
      <c r="NHL676" s="613"/>
      <c r="NHM676" s="613"/>
      <c r="NHN676" s="613"/>
      <c r="NHO676" s="613"/>
      <c r="NHP676" s="613"/>
      <c r="NHQ676" s="613"/>
      <c r="NHR676" s="613"/>
      <c r="NHS676" s="613"/>
      <c r="NHT676" s="613"/>
      <c r="NHU676" s="613"/>
      <c r="NHV676" s="613"/>
      <c r="NHW676" s="613"/>
      <c r="NHX676" s="613"/>
      <c r="NHY676" s="613"/>
      <c r="NHZ676" s="613"/>
      <c r="NIA676" s="613"/>
      <c r="NIB676" s="613"/>
      <c r="NIC676" s="613"/>
      <c r="NID676" s="613"/>
      <c r="NIE676" s="613"/>
      <c r="NIF676" s="613"/>
      <c r="NIG676" s="613"/>
      <c r="NIH676" s="613"/>
      <c r="NII676" s="613"/>
      <c r="NIJ676" s="613"/>
      <c r="NIK676" s="613"/>
      <c r="NIL676" s="613"/>
      <c r="NIM676" s="613"/>
      <c r="NIN676" s="613"/>
      <c r="NIO676" s="613"/>
      <c r="NIP676" s="613"/>
      <c r="NIQ676" s="613"/>
      <c r="NIR676" s="613"/>
      <c r="NIS676" s="613"/>
      <c r="NIT676" s="613"/>
      <c r="NIU676" s="613"/>
      <c r="NIV676" s="613"/>
      <c r="NIW676" s="613"/>
      <c r="NIX676" s="613"/>
      <c r="NIY676" s="613"/>
      <c r="NIZ676" s="613"/>
      <c r="NJA676" s="613"/>
      <c r="NJB676" s="613"/>
      <c r="NJC676" s="613"/>
      <c r="NJD676" s="613"/>
      <c r="NJE676" s="613"/>
      <c r="NJF676" s="613"/>
      <c r="NJG676" s="613"/>
      <c r="NJH676" s="613"/>
      <c r="NJI676" s="613"/>
      <c r="NJJ676" s="613"/>
      <c r="NJK676" s="613"/>
      <c r="NJL676" s="613"/>
      <c r="NJM676" s="613"/>
      <c r="NJN676" s="613"/>
      <c r="NJO676" s="613"/>
      <c r="NJP676" s="613"/>
      <c r="NJQ676" s="613"/>
      <c r="NJR676" s="613"/>
      <c r="NJS676" s="613"/>
      <c r="NJT676" s="613"/>
      <c r="NJU676" s="613"/>
      <c r="NJV676" s="613"/>
      <c r="NJW676" s="613"/>
      <c r="NJX676" s="613"/>
      <c r="NJY676" s="613"/>
      <c r="NJZ676" s="613"/>
      <c r="NKA676" s="613"/>
      <c r="NKB676" s="613"/>
      <c r="NKC676" s="613"/>
      <c r="NKD676" s="613"/>
      <c r="NKE676" s="613"/>
      <c r="NKF676" s="613"/>
      <c r="NKG676" s="613"/>
      <c r="NKH676" s="613"/>
      <c r="NKI676" s="613"/>
      <c r="NKJ676" s="613"/>
      <c r="NKK676" s="613"/>
      <c r="NKL676" s="613"/>
      <c r="NKM676" s="613"/>
      <c r="NKN676" s="613"/>
      <c r="NKO676" s="613"/>
      <c r="NKP676" s="613"/>
      <c r="NKQ676" s="613"/>
      <c r="NKR676" s="613"/>
      <c r="NKS676" s="613"/>
      <c r="NKT676" s="613"/>
      <c r="NKU676" s="613"/>
      <c r="NKV676" s="613"/>
      <c r="NKW676" s="613"/>
      <c r="NKX676" s="613"/>
      <c r="NKY676" s="613"/>
      <c r="NKZ676" s="613"/>
      <c r="NLA676" s="613"/>
      <c r="NLB676" s="613"/>
      <c r="NLC676" s="613"/>
      <c r="NLD676" s="613"/>
      <c r="NLE676" s="613"/>
      <c r="NLF676" s="613"/>
      <c r="NLG676" s="613"/>
      <c r="NLH676" s="613"/>
      <c r="NLI676" s="613"/>
      <c r="NLJ676" s="613"/>
      <c r="NLK676" s="613"/>
      <c r="NLL676" s="613"/>
      <c r="NLM676" s="613"/>
      <c r="NLN676" s="613"/>
      <c r="NLO676" s="613"/>
      <c r="NLP676" s="613"/>
      <c r="NLQ676" s="613"/>
      <c r="NLR676" s="613"/>
      <c r="NLS676" s="613"/>
      <c r="NLT676" s="613"/>
      <c r="NLU676" s="613"/>
      <c r="NLV676" s="613"/>
      <c r="NLW676" s="613"/>
      <c r="NLX676" s="613"/>
      <c r="NLY676" s="613"/>
      <c r="NLZ676" s="613"/>
      <c r="NMA676" s="613"/>
      <c r="NMB676" s="613"/>
      <c r="NMC676" s="613"/>
      <c r="NMD676" s="613"/>
      <c r="NME676" s="613"/>
      <c r="NMF676" s="613"/>
      <c r="NMG676" s="613"/>
      <c r="NMH676" s="613"/>
      <c r="NMI676" s="613"/>
      <c r="NMJ676" s="613"/>
      <c r="NMK676" s="613"/>
      <c r="NML676" s="613"/>
      <c r="NMM676" s="613"/>
      <c r="NMN676" s="613"/>
      <c r="NMO676" s="613"/>
      <c r="NMP676" s="613"/>
      <c r="NMQ676" s="613"/>
      <c r="NMR676" s="613"/>
      <c r="NMS676" s="613"/>
      <c r="NMT676" s="613"/>
      <c r="NMU676" s="613"/>
      <c r="NMV676" s="613"/>
      <c r="NMW676" s="613"/>
      <c r="NMX676" s="613"/>
      <c r="NMY676" s="613"/>
      <c r="NMZ676" s="613"/>
      <c r="NNA676" s="613"/>
      <c r="NNB676" s="613"/>
      <c r="NNC676" s="613"/>
      <c r="NND676" s="613"/>
      <c r="NNE676" s="613"/>
      <c r="NNF676" s="613"/>
      <c r="NNG676" s="613"/>
      <c r="NNH676" s="613"/>
      <c r="NNI676" s="613"/>
      <c r="NNJ676" s="613"/>
      <c r="NNK676" s="613"/>
      <c r="NNL676" s="613"/>
      <c r="NNM676" s="613"/>
      <c r="NNN676" s="613"/>
      <c r="NNO676" s="613"/>
      <c r="NNP676" s="613"/>
      <c r="NNQ676" s="613"/>
      <c r="NNR676" s="613"/>
      <c r="NNS676" s="613"/>
      <c r="NNT676" s="613"/>
      <c r="NNU676" s="613"/>
      <c r="NNV676" s="613"/>
      <c r="NNW676" s="613"/>
      <c r="NNX676" s="613"/>
      <c r="NNY676" s="613"/>
      <c r="NNZ676" s="613"/>
      <c r="NOA676" s="613"/>
      <c r="NOB676" s="613"/>
      <c r="NOC676" s="613"/>
      <c r="NOD676" s="613"/>
      <c r="NOE676" s="613"/>
      <c r="NOF676" s="613"/>
      <c r="NOG676" s="613"/>
      <c r="NOH676" s="613"/>
      <c r="NOI676" s="613"/>
      <c r="NOJ676" s="613"/>
      <c r="NOK676" s="613"/>
      <c r="NOL676" s="613"/>
      <c r="NOM676" s="613"/>
      <c r="NON676" s="613"/>
      <c r="NOO676" s="613"/>
      <c r="NOP676" s="613"/>
      <c r="NOQ676" s="613"/>
      <c r="NOR676" s="613"/>
      <c r="NOS676" s="613"/>
      <c r="NOT676" s="613"/>
      <c r="NOU676" s="613"/>
      <c r="NOV676" s="613"/>
      <c r="NOW676" s="613"/>
      <c r="NOX676" s="613"/>
      <c r="NOY676" s="613"/>
      <c r="NOZ676" s="613"/>
      <c r="NPA676" s="613"/>
      <c r="NPB676" s="613"/>
      <c r="NPC676" s="613"/>
      <c r="NPD676" s="613"/>
      <c r="NPE676" s="613"/>
      <c r="NPF676" s="613"/>
      <c r="NPG676" s="613"/>
      <c r="NPH676" s="613"/>
      <c r="NPI676" s="613"/>
      <c r="NPJ676" s="613"/>
      <c r="NPK676" s="613"/>
      <c r="NPL676" s="613"/>
      <c r="NPM676" s="613"/>
      <c r="NPN676" s="613"/>
      <c r="NPO676" s="613"/>
      <c r="NPP676" s="613"/>
      <c r="NPQ676" s="613"/>
      <c r="NPR676" s="613"/>
      <c r="NPS676" s="613"/>
      <c r="NPT676" s="613"/>
      <c r="NPU676" s="613"/>
      <c r="NPV676" s="613"/>
      <c r="NPW676" s="613"/>
      <c r="NPX676" s="613"/>
      <c r="NPY676" s="613"/>
      <c r="NPZ676" s="613"/>
      <c r="NQA676" s="613"/>
      <c r="NQB676" s="613"/>
      <c r="NQC676" s="613"/>
      <c r="NQD676" s="613"/>
      <c r="NQE676" s="613"/>
      <c r="NQF676" s="613"/>
      <c r="NQG676" s="613"/>
      <c r="NQH676" s="613"/>
      <c r="NQI676" s="613"/>
      <c r="NQJ676" s="613"/>
      <c r="NQK676" s="613"/>
      <c r="NQL676" s="613"/>
      <c r="NQM676" s="613"/>
      <c r="NQN676" s="613"/>
      <c r="NQO676" s="613"/>
      <c r="NQP676" s="613"/>
      <c r="NQQ676" s="613"/>
      <c r="NQR676" s="613"/>
      <c r="NQS676" s="613"/>
      <c r="NQT676" s="613"/>
      <c r="NQU676" s="613"/>
      <c r="NQV676" s="613"/>
      <c r="NQW676" s="613"/>
      <c r="NQX676" s="613"/>
      <c r="NQY676" s="613"/>
      <c r="NQZ676" s="613"/>
      <c r="NRA676" s="613"/>
      <c r="NRB676" s="613"/>
      <c r="NRC676" s="613"/>
      <c r="NRD676" s="613"/>
      <c r="NRE676" s="613"/>
      <c r="NRF676" s="613"/>
      <c r="NRG676" s="613"/>
      <c r="NRH676" s="613"/>
      <c r="NRI676" s="613"/>
      <c r="NRJ676" s="613"/>
      <c r="NRK676" s="613"/>
      <c r="NRL676" s="613"/>
      <c r="NRM676" s="613"/>
      <c r="NRN676" s="613"/>
      <c r="NRO676" s="613"/>
      <c r="NRP676" s="613"/>
      <c r="NRQ676" s="613"/>
      <c r="NRR676" s="613"/>
      <c r="NRS676" s="613"/>
      <c r="NRT676" s="613"/>
      <c r="NRU676" s="613"/>
      <c r="NRV676" s="613"/>
      <c r="NRW676" s="613"/>
      <c r="NRX676" s="613"/>
      <c r="NRY676" s="613"/>
      <c r="NRZ676" s="613"/>
      <c r="NSA676" s="613"/>
      <c r="NSB676" s="613"/>
      <c r="NSC676" s="613"/>
      <c r="NSD676" s="613"/>
      <c r="NSE676" s="613"/>
      <c r="NSF676" s="613"/>
      <c r="NSG676" s="613"/>
      <c r="NSH676" s="613"/>
      <c r="NSI676" s="613"/>
      <c r="NSJ676" s="613"/>
      <c r="NSK676" s="613"/>
      <c r="NSL676" s="613"/>
      <c r="NSM676" s="613"/>
      <c r="NSN676" s="613"/>
      <c r="NSO676" s="613"/>
      <c r="NSP676" s="613"/>
      <c r="NSQ676" s="613"/>
      <c r="NSR676" s="613"/>
      <c r="NSS676" s="613"/>
      <c r="NST676" s="613"/>
      <c r="NSU676" s="613"/>
      <c r="NSV676" s="613"/>
      <c r="NSW676" s="613"/>
      <c r="NSX676" s="613"/>
      <c r="NSY676" s="613"/>
      <c r="NSZ676" s="613"/>
      <c r="NTA676" s="613"/>
      <c r="NTB676" s="613"/>
      <c r="NTC676" s="613"/>
      <c r="NTD676" s="613"/>
      <c r="NTE676" s="613"/>
      <c r="NTF676" s="613"/>
      <c r="NTG676" s="613"/>
      <c r="NTH676" s="613"/>
      <c r="NTI676" s="613"/>
      <c r="NTJ676" s="613"/>
      <c r="NTK676" s="613"/>
      <c r="NTL676" s="613"/>
      <c r="NTM676" s="613"/>
      <c r="NTN676" s="613"/>
      <c r="NTO676" s="613"/>
      <c r="NTP676" s="613"/>
      <c r="NTQ676" s="613"/>
      <c r="NTR676" s="613"/>
      <c r="NTS676" s="613"/>
      <c r="NTT676" s="613"/>
      <c r="NTU676" s="613"/>
      <c r="NTV676" s="613"/>
      <c r="NTW676" s="613"/>
      <c r="NTX676" s="613"/>
      <c r="NTY676" s="613"/>
      <c r="NTZ676" s="613"/>
      <c r="NUA676" s="613"/>
      <c r="NUB676" s="613"/>
      <c r="NUC676" s="613"/>
      <c r="NUD676" s="613"/>
      <c r="NUE676" s="613"/>
      <c r="NUF676" s="613"/>
      <c r="NUG676" s="613"/>
      <c r="NUH676" s="613"/>
      <c r="NUI676" s="613"/>
      <c r="NUJ676" s="613"/>
      <c r="NUK676" s="613"/>
      <c r="NUL676" s="613"/>
      <c r="NUM676" s="613"/>
      <c r="NUN676" s="613"/>
      <c r="NUO676" s="613"/>
      <c r="NUP676" s="613"/>
      <c r="NUQ676" s="613"/>
      <c r="NUR676" s="613"/>
      <c r="NUS676" s="613"/>
      <c r="NUT676" s="613"/>
      <c r="NUU676" s="613"/>
      <c r="NUV676" s="613"/>
      <c r="NUW676" s="613"/>
      <c r="NUX676" s="613"/>
      <c r="NUY676" s="613"/>
      <c r="NUZ676" s="613"/>
      <c r="NVA676" s="613"/>
      <c r="NVB676" s="613"/>
      <c r="NVC676" s="613"/>
      <c r="NVD676" s="613"/>
      <c r="NVE676" s="613"/>
      <c r="NVF676" s="613"/>
      <c r="NVG676" s="613"/>
      <c r="NVH676" s="613"/>
      <c r="NVI676" s="613"/>
      <c r="NVJ676" s="613"/>
      <c r="NVK676" s="613"/>
      <c r="NVL676" s="613"/>
      <c r="NVM676" s="613"/>
      <c r="NVN676" s="613"/>
      <c r="NVO676" s="613"/>
      <c r="NVP676" s="613"/>
      <c r="NVQ676" s="613"/>
      <c r="NVR676" s="613"/>
      <c r="NVS676" s="613"/>
      <c r="NVT676" s="613"/>
      <c r="NVU676" s="613"/>
      <c r="NVV676" s="613"/>
      <c r="NVW676" s="613"/>
      <c r="NVX676" s="613"/>
      <c r="NVY676" s="613"/>
      <c r="NVZ676" s="613"/>
      <c r="NWA676" s="613"/>
      <c r="NWB676" s="613"/>
      <c r="NWC676" s="613"/>
      <c r="NWD676" s="613"/>
      <c r="NWE676" s="613"/>
      <c r="NWF676" s="613"/>
      <c r="NWG676" s="613"/>
      <c r="NWH676" s="613"/>
      <c r="NWI676" s="613"/>
      <c r="NWJ676" s="613"/>
      <c r="NWK676" s="613"/>
      <c r="NWL676" s="613"/>
      <c r="NWM676" s="613"/>
      <c r="NWN676" s="613"/>
      <c r="NWO676" s="613"/>
      <c r="NWP676" s="613"/>
      <c r="NWQ676" s="613"/>
      <c r="NWR676" s="613"/>
      <c r="NWS676" s="613"/>
      <c r="NWT676" s="613"/>
      <c r="NWU676" s="613"/>
      <c r="NWV676" s="613"/>
      <c r="NWW676" s="613"/>
      <c r="NWX676" s="613"/>
      <c r="NWY676" s="613"/>
      <c r="NWZ676" s="613"/>
      <c r="NXA676" s="613"/>
      <c r="NXB676" s="613"/>
      <c r="NXC676" s="613"/>
      <c r="NXD676" s="613"/>
      <c r="NXE676" s="613"/>
      <c r="NXF676" s="613"/>
      <c r="NXG676" s="613"/>
      <c r="NXH676" s="613"/>
      <c r="NXI676" s="613"/>
      <c r="NXJ676" s="613"/>
      <c r="NXK676" s="613"/>
      <c r="NXL676" s="613"/>
      <c r="NXM676" s="613"/>
      <c r="NXN676" s="613"/>
      <c r="NXO676" s="613"/>
      <c r="NXP676" s="613"/>
      <c r="NXQ676" s="613"/>
      <c r="NXR676" s="613"/>
      <c r="NXS676" s="613"/>
      <c r="NXT676" s="613"/>
      <c r="NXU676" s="613"/>
      <c r="NXV676" s="613"/>
      <c r="NXW676" s="613"/>
      <c r="NXX676" s="613"/>
      <c r="NXY676" s="613"/>
      <c r="NXZ676" s="613"/>
      <c r="NYA676" s="613"/>
      <c r="NYB676" s="613"/>
      <c r="NYC676" s="613"/>
      <c r="NYD676" s="613"/>
      <c r="NYE676" s="613"/>
      <c r="NYF676" s="613"/>
      <c r="NYG676" s="613"/>
      <c r="NYH676" s="613"/>
      <c r="NYI676" s="613"/>
      <c r="NYJ676" s="613"/>
      <c r="NYK676" s="613"/>
      <c r="NYL676" s="613"/>
      <c r="NYM676" s="613"/>
      <c r="NYN676" s="613"/>
      <c r="NYO676" s="613"/>
      <c r="NYP676" s="613"/>
      <c r="NYQ676" s="613"/>
      <c r="NYR676" s="613"/>
      <c r="NYS676" s="613"/>
      <c r="NYT676" s="613"/>
      <c r="NYU676" s="613"/>
      <c r="NYV676" s="613"/>
      <c r="NYW676" s="613"/>
      <c r="NYX676" s="613"/>
      <c r="NYY676" s="613"/>
      <c r="NYZ676" s="613"/>
      <c r="NZA676" s="613"/>
      <c r="NZB676" s="613"/>
      <c r="NZC676" s="613"/>
      <c r="NZD676" s="613"/>
      <c r="NZE676" s="613"/>
      <c r="NZF676" s="613"/>
      <c r="NZG676" s="613"/>
      <c r="NZH676" s="613"/>
      <c r="NZI676" s="613"/>
      <c r="NZJ676" s="613"/>
      <c r="NZK676" s="613"/>
      <c r="NZL676" s="613"/>
      <c r="NZM676" s="613"/>
      <c r="NZN676" s="613"/>
      <c r="NZO676" s="613"/>
      <c r="NZP676" s="613"/>
      <c r="NZQ676" s="613"/>
      <c r="NZR676" s="613"/>
      <c r="NZS676" s="613"/>
      <c r="NZT676" s="613"/>
      <c r="NZU676" s="613"/>
      <c r="NZV676" s="613"/>
      <c r="NZW676" s="613"/>
      <c r="NZX676" s="613"/>
      <c r="NZY676" s="613"/>
      <c r="NZZ676" s="613"/>
      <c r="OAA676" s="613"/>
      <c r="OAB676" s="613"/>
      <c r="OAC676" s="613"/>
      <c r="OAD676" s="613"/>
      <c r="OAE676" s="613"/>
      <c r="OAF676" s="613"/>
      <c r="OAG676" s="613"/>
      <c r="OAH676" s="613"/>
      <c r="OAI676" s="613"/>
      <c r="OAJ676" s="613"/>
      <c r="OAK676" s="613"/>
      <c r="OAL676" s="613"/>
      <c r="OAM676" s="613"/>
      <c r="OAN676" s="613"/>
      <c r="OAO676" s="613"/>
      <c r="OAP676" s="613"/>
      <c r="OAQ676" s="613"/>
      <c r="OAR676" s="613"/>
      <c r="OAS676" s="613"/>
      <c r="OAT676" s="613"/>
      <c r="OAU676" s="613"/>
      <c r="OAV676" s="613"/>
      <c r="OAW676" s="613"/>
      <c r="OAX676" s="613"/>
      <c r="OAY676" s="613"/>
      <c r="OAZ676" s="613"/>
      <c r="OBA676" s="613"/>
      <c r="OBB676" s="613"/>
      <c r="OBC676" s="613"/>
      <c r="OBD676" s="613"/>
      <c r="OBE676" s="613"/>
      <c r="OBF676" s="613"/>
      <c r="OBG676" s="613"/>
      <c r="OBH676" s="613"/>
      <c r="OBI676" s="613"/>
      <c r="OBJ676" s="613"/>
      <c r="OBK676" s="613"/>
      <c r="OBL676" s="613"/>
      <c r="OBM676" s="613"/>
      <c r="OBN676" s="613"/>
      <c r="OBO676" s="613"/>
      <c r="OBP676" s="613"/>
      <c r="OBQ676" s="613"/>
      <c r="OBR676" s="613"/>
      <c r="OBS676" s="613"/>
      <c r="OBT676" s="613"/>
      <c r="OBU676" s="613"/>
      <c r="OBV676" s="613"/>
      <c r="OBW676" s="613"/>
      <c r="OBX676" s="613"/>
      <c r="OBY676" s="613"/>
      <c r="OBZ676" s="613"/>
      <c r="OCA676" s="613"/>
      <c r="OCB676" s="613"/>
      <c r="OCC676" s="613"/>
      <c r="OCD676" s="613"/>
      <c r="OCE676" s="613"/>
      <c r="OCF676" s="613"/>
      <c r="OCG676" s="613"/>
      <c r="OCH676" s="613"/>
      <c r="OCI676" s="613"/>
      <c r="OCJ676" s="613"/>
      <c r="OCK676" s="613"/>
      <c r="OCL676" s="613"/>
      <c r="OCM676" s="613"/>
      <c r="OCN676" s="613"/>
      <c r="OCO676" s="613"/>
      <c r="OCP676" s="613"/>
      <c r="OCQ676" s="613"/>
      <c r="OCR676" s="613"/>
      <c r="OCS676" s="613"/>
      <c r="OCT676" s="613"/>
      <c r="OCU676" s="613"/>
      <c r="OCV676" s="613"/>
      <c r="OCW676" s="613"/>
      <c r="OCX676" s="613"/>
      <c r="OCY676" s="613"/>
      <c r="OCZ676" s="613"/>
      <c r="ODA676" s="613"/>
      <c r="ODB676" s="613"/>
      <c r="ODC676" s="613"/>
      <c r="ODD676" s="613"/>
      <c r="ODE676" s="613"/>
      <c r="ODF676" s="613"/>
      <c r="ODG676" s="613"/>
      <c r="ODH676" s="613"/>
      <c r="ODI676" s="613"/>
      <c r="ODJ676" s="613"/>
      <c r="ODK676" s="613"/>
      <c r="ODL676" s="613"/>
      <c r="ODM676" s="613"/>
      <c r="ODN676" s="613"/>
      <c r="ODO676" s="613"/>
      <c r="ODP676" s="613"/>
      <c r="ODQ676" s="613"/>
      <c r="ODR676" s="613"/>
      <c r="ODS676" s="613"/>
      <c r="ODT676" s="613"/>
      <c r="ODU676" s="613"/>
      <c r="ODV676" s="613"/>
      <c r="ODW676" s="613"/>
      <c r="ODX676" s="613"/>
      <c r="ODY676" s="613"/>
      <c r="ODZ676" s="613"/>
      <c r="OEA676" s="613"/>
      <c r="OEB676" s="613"/>
      <c r="OEC676" s="613"/>
      <c r="OED676" s="613"/>
      <c r="OEE676" s="613"/>
      <c r="OEF676" s="613"/>
      <c r="OEG676" s="613"/>
      <c r="OEH676" s="613"/>
      <c r="OEI676" s="613"/>
      <c r="OEJ676" s="613"/>
      <c r="OEK676" s="613"/>
      <c r="OEL676" s="613"/>
      <c r="OEM676" s="613"/>
      <c r="OEN676" s="613"/>
      <c r="OEO676" s="613"/>
      <c r="OEP676" s="613"/>
      <c r="OEQ676" s="613"/>
      <c r="OER676" s="613"/>
      <c r="OES676" s="613"/>
      <c r="OET676" s="613"/>
      <c r="OEU676" s="613"/>
      <c r="OEV676" s="613"/>
      <c r="OEW676" s="613"/>
      <c r="OEX676" s="613"/>
      <c r="OEY676" s="613"/>
      <c r="OEZ676" s="613"/>
      <c r="OFA676" s="613"/>
      <c r="OFB676" s="613"/>
      <c r="OFC676" s="613"/>
      <c r="OFD676" s="613"/>
      <c r="OFE676" s="613"/>
      <c r="OFF676" s="613"/>
      <c r="OFG676" s="613"/>
      <c r="OFH676" s="613"/>
      <c r="OFI676" s="613"/>
      <c r="OFJ676" s="613"/>
      <c r="OFK676" s="613"/>
      <c r="OFL676" s="613"/>
      <c r="OFM676" s="613"/>
      <c r="OFN676" s="613"/>
      <c r="OFO676" s="613"/>
      <c r="OFP676" s="613"/>
      <c r="OFQ676" s="613"/>
      <c r="OFR676" s="613"/>
      <c r="OFS676" s="613"/>
      <c r="OFT676" s="613"/>
      <c r="OFU676" s="613"/>
      <c r="OFV676" s="613"/>
      <c r="OFW676" s="613"/>
      <c r="OFX676" s="613"/>
      <c r="OFY676" s="613"/>
      <c r="OFZ676" s="613"/>
      <c r="OGA676" s="613"/>
      <c r="OGB676" s="613"/>
      <c r="OGC676" s="613"/>
      <c r="OGD676" s="613"/>
      <c r="OGE676" s="613"/>
      <c r="OGF676" s="613"/>
      <c r="OGG676" s="613"/>
      <c r="OGH676" s="613"/>
      <c r="OGI676" s="613"/>
      <c r="OGJ676" s="613"/>
      <c r="OGK676" s="613"/>
      <c r="OGL676" s="613"/>
      <c r="OGM676" s="613"/>
      <c r="OGN676" s="613"/>
      <c r="OGO676" s="613"/>
      <c r="OGP676" s="613"/>
      <c r="OGQ676" s="613"/>
      <c r="OGR676" s="613"/>
      <c r="OGS676" s="613"/>
      <c r="OGT676" s="613"/>
      <c r="OGU676" s="613"/>
      <c r="OGV676" s="613"/>
      <c r="OGW676" s="613"/>
      <c r="OGX676" s="613"/>
      <c r="OGY676" s="613"/>
      <c r="OGZ676" s="613"/>
      <c r="OHA676" s="613"/>
      <c r="OHB676" s="613"/>
      <c r="OHC676" s="613"/>
      <c r="OHD676" s="613"/>
      <c r="OHE676" s="613"/>
      <c r="OHF676" s="613"/>
      <c r="OHG676" s="613"/>
      <c r="OHH676" s="613"/>
      <c r="OHI676" s="613"/>
      <c r="OHJ676" s="613"/>
      <c r="OHK676" s="613"/>
      <c r="OHL676" s="613"/>
      <c r="OHM676" s="613"/>
      <c r="OHN676" s="613"/>
      <c r="OHO676" s="613"/>
      <c r="OHP676" s="613"/>
      <c r="OHQ676" s="613"/>
      <c r="OHR676" s="613"/>
      <c r="OHS676" s="613"/>
      <c r="OHT676" s="613"/>
      <c r="OHU676" s="613"/>
      <c r="OHV676" s="613"/>
      <c r="OHW676" s="613"/>
      <c r="OHX676" s="613"/>
      <c r="OHY676" s="613"/>
      <c r="OHZ676" s="613"/>
      <c r="OIA676" s="613"/>
      <c r="OIB676" s="613"/>
      <c r="OIC676" s="613"/>
      <c r="OID676" s="613"/>
      <c r="OIE676" s="613"/>
      <c r="OIF676" s="613"/>
      <c r="OIG676" s="613"/>
      <c r="OIH676" s="613"/>
      <c r="OII676" s="613"/>
      <c r="OIJ676" s="613"/>
      <c r="OIK676" s="613"/>
      <c r="OIL676" s="613"/>
      <c r="OIM676" s="613"/>
      <c r="OIN676" s="613"/>
      <c r="OIO676" s="613"/>
      <c r="OIP676" s="613"/>
      <c r="OIQ676" s="613"/>
      <c r="OIR676" s="613"/>
      <c r="OIS676" s="613"/>
      <c r="OIT676" s="613"/>
      <c r="OIU676" s="613"/>
      <c r="OIV676" s="613"/>
      <c r="OIW676" s="613"/>
      <c r="OIX676" s="613"/>
      <c r="OIY676" s="613"/>
      <c r="OIZ676" s="613"/>
      <c r="OJA676" s="613"/>
      <c r="OJB676" s="613"/>
      <c r="OJC676" s="613"/>
      <c r="OJD676" s="613"/>
      <c r="OJE676" s="613"/>
      <c r="OJF676" s="613"/>
      <c r="OJG676" s="613"/>
      <c r="OJH676" s="613"/>
      <c r="OJI676" s="613"/>
      <c r="OJJ676" s="613"/>
      <c r="OJK676" s="613"/>
      <c r="OJL676" s="613"/>
      <c r="OJM676" s="613"/>
      <c r="OJN676" s="613"/>
      <c r="OJO676" s="613"/>
      <c r="OJP676" s="613"/>
      <c r="OJQ676" s="613"/>
      <c r="OJR676" s="613"/>
      <c r="OJS676" s="613"/>
      <c r="OJT676" s="613"/>
      <c r="OJU676" s="613"/>
      <c r="OJV676" s="613"/>
      <c r="OJW676" s="613"/>
      <c r="OJX676" s="613"/>
      <c r="OJY676" s="613"/>
      <c r="OJZ676" s="613"/>
      <c r="OKA676" s="613"/>
      <c r="OKB676" s="613"/>
      <c r="OKC676" s="613"/>
      <c r="OKD676" s="613"/>
      <c r="OKE676" s="613"/>
      <c r="OKF676" s="613"/>
      <c r="OKG676" s="613"/>
      <c r="OKH676" s="613"/>
      <c r="OKI676" s="613"/>
      <c r="OKJ676" s="613"/>
      <c r="OKK676" s="613"/>
      <c r="OKL676" s="613"/>
      <c r="OKM676" s="613"/>
      <c r="OKN676" s="613"/>
      <c r="OKO676" s="613"/>
      <c r="OKP676" s="613"/>
      <c r="OKQ676" s="613"/>
      <c r="OKR676" s="613"/>
      <c r="OKS676" s="613"/>
      <c r="OKT676" s="613"/>
      <c r="OKU676" s="613"/>
      <c r="OKV676" s="613"/>
      <c r="OKW676" s="613"/>
      <c r="OKX676" s="613"/>
      <c r="OKY676" s="613"/>
      <c r="OKZ676" s="613"/>
      <c r="OLA676" s="613"/>
      <c r="OLB676" s="613"/>
      <c r="OLC676" s="613"/>
      <c r="OLD676" s="613"/>
      <c r="OLE676" s="613"/>
      <c r="OLF676" s="613"/>
      <c r="OLG676" s="613"/>
      <c r="OLH676" s="613"/>
      <c r="OLI676" s="613"/>
      <c r="OLJ676" s="613"/>
      <c r="OLK676" s="613"/>
      <c r="OLL676" s="613"/>
      <c r="OLM676" s="613"/>
      <c r="OLN676" s="613"/>
      <c r="OLO676" s="613"/>
      <c r="OLP676" s="613"/>
      <c r="OLQ676" s="613"/>
      <c r="OLR676" s="613"/>
      <c r="OLS676" s="613"/>
      <c r="OLT676" s="613"/>
      <c r="OLU676" s="613"/>
      <c r="OLV676" s="613"/>
      <c r="OLW676" s="613"/>
      <c r="OLX676" s="613"/>
      <c r="OLY676" s="613"/>
      <c r="OLZ676" s="613"/>
      <c r="OMA676" s="613"/>
      <c r="OMB676" s="613"/>
      <c r="OMC676" s="613"/>
      <c r="OMD676" s="613"/>
      <c r="OME676" s="613"/>
      <c r="OMF676" s="613"/>
      <c r="OMG676" s="613"/>
      <c r="OMH676" s="613"/>
      <c r="OMI676" s="613"/>
      <c r="OMJ676" s="613"/>
      <c r="OMK676" s="613"/>
      <c r="OML676" s="613"/>
      <c r="OMM676" s="613"/>
      <c r="OMN676" s="613"/>
      <c r="OMO676" s="613"/>
      <c r="OMP676" s="613"/>
      <c r="OMQ676" s="613"/>
      <c r="OMR676" s="613"/>
      <c r="OMS676" s="613"/>
      <c r="OMT676" s="613"/>
      <c r="OMU676" s="613"/>
      <c r="OMV676" s="613"/>
      <c r="OMW676" s="613"/>
      <c r="OMX676" s="613"/>
      <c r="OMY676" s="613"/>
      <c r="OMZ676" s="613"/>
      <c r="ONA676" s="613"/>
      <c r="ONB676" s="613"/>
      <c r="ONC676" s="613"/>
      <c r="OND676" s="613"/>
      <c r="ONE676" s="613"/>
      <c r="ONF676" s="613"/>
      <c r="ONG676" s="613"/>
      <c r="ONH676" s="613"/>
      <c r="ONI676" s="613"/>
      <c r="ONJ676" s="613"/>
      <c r="ONK676" s="613"/>
      <c r="ONL676" s="613"/>
      <c r="ONM676" s="613"/>
      <c r="ONN676" s="613"/>
      <c r="ONO676" s="613"/>
      <c r="ONP676" s="613"/>
      <c r="ONQ676" s="613"/>
      <c r="ONR676" s="613"/>
      <c r="ONS676" s="613"/>
      <c r="ONT676" s="613"/>
      <c r="ONU676" s="613"/>
      <c r="ONV676" s="613"/>
      <c r="ONW676" s="613"/>
      <c r="ONX676" s="613"/>
      <c r="ONY676" s="613"/>
      <c r="ONZ676" s="613"/>
      <c r="OOA676" s="613"/>
      <c r="OOB676" s="613"/>
      <c r="OOC676" s="613"/>
      <c r="OOD676" s="613"/>
      <c r="OOE676" s="613"/>
      <c r="OOF676" s="613"/>
      <c r="OOG676" s="613"/>
      <c r="OOH676" s="613"/>
      <c r="OOI676" s="613"/>
      <c r="OOJ676" s="613"/>
      <c r="OOK676" s="613"/>
      <c r="OOL676" s="613"/>
      <c r="OOM676" s="613"/>
      <c r="OON676" s="613"/>
      <c r="OOO676" s="613"/>
      <c r="OOP676" s="613"/>
      <c r="OOQ676" s="613"/>
      <c r="OOR676" s="613"/>
      <c r="OOS676" s="613"/>
      <c r="OOT676" s="613"/>
      <c r="OOU676" s="613"/>
      <c r="OOV676" s="613"/>
      <c r="OOW676" s="613"/>
      <c r="OOX676" s="613"/>
      <c r="OOY676" s="613"/>
      <c r="OOZ676" s="613"/>
      <c r="OPA676" s="613"/>
      <c r="OPB676" s="613"/>
      <c r="OPC676" s="613"/>
      <c r="OPD676" s="613"/>
      <c r="OPE676" s="613"/>
      <c r="OPF676" s="613"/>
      <c r="OPG676" s="613"/>
      <c r="OPH676" s="613"/>
      <c r="OPI676" s="613"/>
      <c r="OPJ676" s="613"/>
      <c r="OPK676" s="613"/>
      <c r="OPL676" s="613"/>
      <c r="OPM676" s="613"/>
      <c r="OPN676" s="613"/>
      <c r="OPO676" s="613"/>
      <c r="OPP676" s="613"/>
      <c r="OPQ676" s="613"/>
      <c r="OPR676" s="613"/>
      <c r="OPS676" s="613"/>
      <c r="OPT676" s="613"/>
      <c r="OPU676" s="613"/>
      <c r="OPV676" s="613"/>
      <c r="OPW676" s="613"/>
      <c r="OPX676" s="613"/>
      <c r="OPY676" s="613"/>
      <c r="OPZ676" s="613"/>
      <c r="OQA676" s="613"/>
      <c r="OQB676" s="613"/>
      <c r="OQC676" s="613"/>
      <c r="OQD676" s="613"/>
      <c r="OQE676" s="613"/>
      <c r="OQF676" s="613"/>
      <c r="OQG676" s="613"/>
      <c r="OQH676" s="613"/>
      <c r="OQI676" s="613"/>
      <c r="OQJ676" s="613"/>
      <c r="OQK676" s="613"/>
      <c r="OQL676" s="613"/>
      <c r="OQM676" s="613"/>
      <c r="OQN676" s="613"/>
      <c r="OQO676" s="613"/>
      <c r="OQP676" s="613"/>
      <c r="OQQ676" s="613"/>
      <c r="OQR676" s="613"/>
      <c r="OQS676" s="613"/>
      <c r="OQT676" s="613"/>
      <c r="OQU676" s="613"/>
      <c r="OQV676" s="613"/>
      <c r="OQW676" s="613"/>
      <c r="OQX676" s="613"/>
      <c r="OQY676" s="613"/>
      <c r="OQZ676" s="613"/>
      <c r="ORA676" s="613"/>
      <c r="ORB676" s="613"/>
      <c r="ORC676" s="613"/>
      <c r="ORD676" s="613"/>
      <c r="ORE676" s="613"/>
      <c r="ORF676" s="613"/>
      <c r="ORG676" s="613"/>
      <c r="ORH676" s="613"/>
      <c r="ORI676" s="613"/>
      <c r="ORJ676" s="613"/>
      <c r="ORK676" s="613"/>
      <c r="ORL676" s="613"/>
      <c r="ORM676" s="613"/>
      <c r="ORN676" s="613"/>
      <c r="ORO676" s="613"/>
      <c r="ORP676" s="613"/>
      <c r="ORQ676" s="613"/>
      <c r="ORR676" s="613"/>
      <c r="ORS676" s="613"/>
      <c r="ORT676" s="613"/>
      <c r="ORU676" s="613"/>
      <c r="ORV676" s="613"/>
      <c r="ORW676" s="613"/>
      <c r="ORX676" s="613"/>
      <c r="ORY676" s="613"/>
      <c r="ORZ676" s="613"/>
      <c r="OSA676" s="613"/>
      <c r="OSB676" s="613"/>
      <c r="OSC676" s="613"/>
      <c r="OSD676" s="613"/>
      <c r="OSE676" s="613"/>
      <c r="OSF676" s="613"/>
      <c r="OSG676" s="613"/>
      <c r="OSH676" s="613"/>
      <c r="OSI676" s="613"/>
      <c r="OSJ676" s="613"/>
      <c r="OSK676" s="613"/>
      <c r="OSL676" s="613"/>
      <c r="OSM676" s="613"/>
      <c r="OSN676" s="613"/>
      <c r="OSO676" s="613"/>
      <c r="OSP676" s="613"/>
      <c r="OSQ676" s="613"/>
      <c r="OSR676" s="613"/>
      <c r="OSS676" s="613"/>
      <c r="OST676" s="613"/>
      <c r="OSU676" s="613"/>
      <c r="OSV676" s="613"/>
      <c r="OSW676" s="613"/>
      <c r="OSX676" s="613"/>
      <c r="OSY676" s="613"/>
      <c r="OSZ676" s="613"/>
      <c r="OTA676" s="613"/>
      <c r="OTB676" s="613"/>
      <c r="OTC676" s="613"/>
      <c r="OTD676" s="613"/>
      <c r="OTE676" s="613"/>
      <c r="OTF676" s="613"/>
      <c r="OTG676" s="613"/>
      <c r="OTH676" s="613"/>
      <c r="OTI676" s="613"/>
      <c r="OTJ676" s="613"/>
      <c r="OTK676" s="613"/>
      <c r="OTL676" s="613"/>
      <c r="OTM676" s="613"/>
      <c r="OTN676" s="613"/>
      <c r="OTO676" s="613"/>
      <c r="OTP676" s="613"/>
      <c r="OTQ676" s="613"/>
      <c r="OTR676" s="613"/>
      <c r="OTS676" s="613"/>
      <c r="OTT676" s="613"/>
      <c r="OTU676" s="613"/>
      <c r="OTV676" s="613"/>
      <c r="OTW676" s="613"/>
      <c r="OTX676" s="613"/>
      <c r="OTY676" s="613"/>
      <c r="OTZ676" s="613"/>
      <c r="OUA676" s="613"/>
      <c r="OUB676" s="613"/>
      <c r="OUC676" s="613"/>
      <c r="OUD676" s="613"/>
      <c r="OUE676" s="613"/>
      <c r="OUF676" s="613"/>
      <c r="OUG676" s="613"/>
      <c r="OUH676" s="613"/>
      <c r="OUI676" s="613"/>
      <c r="OUJ676" s="613"/>
      <c r="OUK676" s="613"/>
      <c r="OUL676" s="613"/>
      <c r="OUM676" s="613"/>
      <c r="OUN676" s="613"/>
      <c r="OUO676" s="613"/>
      <c r="OUP676" s="613"/>
      <c r="OUQ676" s="613"/>
      <c r="OUR676" s="613"/>
      <c r="OUS676" s="613"/>
      <c r="OUT676" s="613"/>
      <c r="OUU676" s="613"/>
      <c r="OUV676" s="613"/>
      <c r="OUW676" s="613"/>
      <c r="OUX676" s="613"/>
      <c r="OUY676" s="613"/>
      <c r="OUZ676" s="613"/>
      <c r="OVA676" s="613"/>
      <c r="OVB676" s="613"/>
      <c r="OVC676" s="613"/>
      <c r="OVD676" s="613"/>
      <c r="OVE676" s="613"/>
      <c r="OVF676" s="613"/>
      <c r="OVG676" s="613"/>
      <c r="OVH676" s="613"/>
      <c r="OVI676" s="613"/>
      <c r="OVJ676" s="613"/>
      <c r="OVK676" s="613"/>
      <c r="OVL676" s="613"/>
      <c r="OVM676" s="613"/>
      <c r="OVN676" s="613"/>
      <c r="OVO676" s="613"/>
      <c r="OVP676" s="613"/>
      <c r="OVQ676" s="613"/>
      <c r="OVR676" s="613"/>
      <c r="OVS676" s="613"/>
      <c r="OVT676" s="613"/>
      <c r="OVU676" s="613"/>
      <c r="OVV676" s="613"/>
      <c r="OVW676" s="613"/>
      <c r="OVX676" s="613"/>
      <c r="OVY676" s="613"/>
      <c r="OVZ676" s="613"/>
      <c r="OWA676" s="613"/>
      <c r="OWB676" s="613"/>
      <c r="OWC676" s="613"/>
      <c r="OWD676" s="613"/>
      <c r="OWE676" s="613"/>
      <c r="OWF676" s="613"/>
      <c r="OWG676" s="613"/>
      <c r="OWH676" s="613"/>
      <c r="OWI676" s="613"/>
      <c r="OWJ676" s="613"/>
      <c r="OWK676" s="613"/>
      <c r="OWL676" s="613"/>
      <c r="OWM676" s="613"/>
      <c r="OWN676" s="613"/>
      <c r="OWO676" s="613"/>
      <c r="OWP676" s="613"/>
      <c r="OWQ676" s="613"/>
      <c r="OWR676" s="613"/>
      <c r="OWS676" s="613"/>
      <c r="OWT676" s="613"/>
      <c r="OWU676" s="613"/>
      <c r="OWV676" s="613"/>
      <c r="OWW676" s="613"/>
      <c r="OWX676" s="613"/>
      <c r="OWY676" s="613"/>
      <c r="OWZ676" s="613"/>
      <c r="OXA676" s="613"/>
      <c r="OXB676" s="613"/>
      <c r="OXC676" s="613"/>
      <c r="OXD676" s="613"/>
      <c r="OXE676" s="613"/>
      <c r="OXF676" s="613"/>
      <c r="OXG676" s="613"/>
      <c r="OXH676" s="613"/>
      <c r="OXI676" s="613"/>
      <c r="OXJ676" s="613"/>
      <c r="OXK676" s="613"/>
      <c r="OXL676" s="613"/>
      <c r="OXM676" s="613"/>
      <c r="OXN676" s="613"/>
      <c r="OXO676" s="613"/>
      <c r="OXP676" s="613"/>
      <c r="OXQ676" s="613"/>
      <c r="OXR676" s="613"/>
      <c r="OXS676" s="613"/>
      <c r="OXT676" s="613"/>
      <c r="OXU676" s="613"/>
      <c r="OXV676" s="613"/>
      <c r="OXW676" s="613"/>
      <c r="OXX676" s="613"/>
      <c r="OXY676" s="613"/>
      <c r="OXZ676" s="613"/>
      <c r="OYA676" s="613"/>
      <c r="OYB676" s="613"/>
      <c r="OYC676" s="613"/>
      <c r="OYD676" s="613"/>
      <c r="OYE676" s="613"/>
      <c r="OYF676" s="613"/>
      <c r="OYG676" s="613"/>
      <c r="OYH676" s="613"/>
      <c r="OYI676" s="613"/>
      <c r="OYJ676" s="613"/>
      <c r="OYK676" s="613"/>
      <c r="OYL676" s="613"/>
      <c r="OYM676" s="613"/>
      <c r="OYN676" s="613"/>
      <c r="OYO676" s="613"/>
      <c r="OYP676" s="613"/>
      <c r="OYQ676" s="613"/>
      <c r="OYR676" s="613"/>
      <c r="OYS676" s="613"/>
      <c r="OYT676" s="613"/>
      <c r="OYU676" s="613"/>
      <c r="OYV676" s="613"/>
      <c r="OYW676" s="613"/>
      <c r="OYX676" s="613"/>
      <c r="OYY676" s="613"/>
      <c r="OYZ676" s="613"/>
      <c r="OZA676" s="613"/>
      <c r="OZB676" s="613"/>
      <c r="OZC676" s="613"/>
      <c r="OZD676" s="613"/>
      <c r="OZE676" s="613"/>
      <c r="OZF676" s="613"/>
      <c r="OZG676" s="613"/>
      <c r="OZH676" s="613"/>
      <c r="OZI676" s="613"/>
      <c r="OZJ676" s="613"/>
      <c r="OZK676" s="613"/>
      <c r="OZL676" s="613"/>
      <c r="OZM676" s="613"/>
      <c r="OZN676" s="613"/>
      <c r="OZO676" s="613"/>
      <c r="OZP676" s="613"/>
      <c r="OZQ676" s="613"/>
      <c r="OZR676" s="613"/>
      <c r="OZS676" s="613"/>
      <c r="OZT676" s="613"/>
      <c r="OZU676" s="613"/>
      <c r="OZV676" s="613"/>
      <c r="OZW676" s="613"/>
      <c r="OZX676" s="613"/>
      <c r="OZY676" s="613"/>
      <c r="OZZ676" s="613"/>
      <c r="PAA676" s="613"/>
      <c r="PAB676" s="613"/>
      <c r="PAC676" s="613"/>
      <c r="PAD676" s="613"/>
      <c r="PAE676" s="613"/>
      <c r="PAF676" s="613"/>
      <c r="PAG676" s="613"/>
      <c r="PAH676" s="613"/>
      <c r="PAI676" s="613"/>
      <c r="PAJ676" s="613"/>
      <c r="PAK676" s="613"/>
      <c r="PAL676" s="613"/>
      <c r="PAM676" s="613"/>
      <c r="PAN676" s="613"/>
      <c r="PAO676" s="613"/>
      <c r="PAP676" s="613"/>
      <c r="PAQ676" s="613"/>
      <c r="PAR676" s="613"/>
      <c r="PAS676" s="613"/>
      <c r="PAT676" s="613"/>
      <c r="PAU676" s="613"/>
      <c r="PAV676" s="613"/>
      <c r="PAW676" s="613"/>
      <c r="PAX676" s="613"/>
      <c r="PAY676" s="613"/>
      <c r="PAZ676" s="613"/>
      <c r="PBA676" s="613"/>
      <c r="PBB676" s="613"/>
      <c r="PBC676" s="613"/>
      <c r="PBD676" s="613"/>
      <c r="PBE676" s="613"/>
      <c r="PBF676" s="613"/>
      <c r="PBG676" s="613"/>
      <c r="PBH676" s="613"/>
      <c r="PBI676" s="613"/>
      <c r="PBJ676" s="613"/>
      <c r="PBK676" s="613"/>
      <c r="PBL676" s="613"/>
      <c r="PBM676" s="613"/>
      <c r="PBN676" s="613"/>
      <c r="PBO676" s="613"/>
      <c r="PBP676" s="613"/>
      <c r="PBQ676" s="613"/>
      <c r="PBR676" s="613"/>
      <c r="PBS676" s="613"/>
      <c r="PBT676" s="613"/>
      <c r="PBU676" s="613"/>
      <c r="PBV676" s="613"/>
      <c r="PBW676" s="613"/>
      <c r="PBX676" s="613"/>
      <c r="PBY676" s="613"/>
      <c r="PBZ676" s="613"/>
      <c r="PCA676" s="613"/>
      <c r="PCB676" s="613"/>
      <c r="PCC676" s="613"/>
      <c r="PCD676" s="613"/>
      <c r="PCE676" s="613"/>
      <c r="PCF676" s="613"/>
      <c r="PCG676" s="613"/>
      <c r="PCH676" s="613"/>
      <c r="PCI676" s="613"/>
      <c r="PCJ676" s="613"/>
      <c r="PCK676" s="613"/>
      <c r="PCL676" s="613"/>
      <c r="PCM676" s="613"/>
      <c r="PCN676" s="613"/>
      <c r="PCO676" s="613"/>
      <c r="PCP676" s="613"/>
      <c r="PCQ676" s="613"/>
      <c r="PCR676" s="613"/>
      <c r="PCS676" s="613"/>
      <c r="PCT676" s="613"/>
      <c r="PCU676" s="613"/>
      <c r="PCV676" s="613"/>
      <c r="PCW676" s="613"/>
      <c r="PCX676" s="613"/>
      <c r="PCY676" s="613"/>
      <c r="PCZ676" s="613"/>
      <c r="PDA676" s="613"/>
      <c r="PDB676" s="613"/>
      <c r="PDC676" s="613"/>
      <c r="PDD676" s="613"/>
      <c r="PDE676" s="613"/>
      <c r="PDF676" s="613"/>
      <c r="PDG676" s="613"/>
      <c r="PDH676" s="613"/>
      <c r="PDI676" s="613"/>
      <c r="PDJ676" s="613"/>
      <c r="PDK676" s="613"/>
      <c r="PDL676" s="613"/>
      <c r="PDM676" s="613"/>
      <c r="PDN676" s="613"/>
      <c r="PDO676" s="613"/>
      <c r="PDP676" s="613"/>
      <c r="PDQ676" s="613"/>
      <c r="PDR676" s="613"/>
      <c r="PDS676" s="613"/>
      <c r="PDT676" s="613"/>
      <c r="PDU676" s="613"/>
      <c r="PDV676" s="613"/>
      <c r="PDW676" s="613"/>
      <c r="PDX676" s="613"/>
      <c r="PDY676" s="613"/>
      <c r="PDZ676" s="613"/>
      <c r="PEA676" s="613"/>
      <c r="PEB676" s="613"/>
      <c r="PEC676" s="613"/>
      <c r="PED676" s="613"/>
      <c r="PEE676" s="613"/>
      <c r="PEF676" s="613"/>
      <c r="PEG676" s="613"/>
      <c r="PEH676" s="613"/>
      <c r="PEI676" s="613"/>
      <c r="PEJ676" s="613"/>
      <c r="PEK676" s="613"/>
      <c r="PEL676" s="613"/>
      <c r="PEM676" s="613"/>
      <c r="PEN676" s="613"/>
      <c r="PEO676" s="613"/>
      <c r="PEP676" s="613"/>
      <c r="PEQ676" s="613"/>
      <c r="PER676" s="613"/>
      <c r="PES676" s="613"/>
      <c r="PET676" s="613"/>
      <c r="PEU676" s="613"/>
      <c r="PEV676" s="613"/>
      <c r="PEW676" s="613"/>
      <c r="PEX676" s="613"/>
      <c r="PEY676" s="613"/>
      <c r="PEZ676" s="613"/>
      <c r="PFA676" s="613"/>
      <c r="PFB676" s="613"/>
      <c r="PFC676" s="613"/>
      <c r="PFD676" s="613"/>
      <c r="PFE676" s="613"/>
      <c r="PFF676" s="613"/>
      <c r="PFG676" s="613"/>
      <c r="PFH676" s="613"/>
      <c r="PFI676" s="613"/>
      <c r="PFJ676" s="613"/>
      <c r="PFK676" s="613"/>
      <c r="PFL676" s="613"/>
      <c r="PFM676" s="613"/>
      <c r="PFN676" s="613"/>
      <c r="PFO676" s="613"/>
      <c r="PFP676" s="613"/>
      <c r="PFQ676" s="613"/>
      <c r="PFR676" s="613"/>
      <c r="PFS676" s="613"/>
      <c r="PFT676" s="613"/>
      <c r="PFU676" s="613"/>
      <c r="PFV676" s="613"/>
      <c r="PFW676" s="613"/>
      <c r="PFX676" s="613"/>
      <c r="PFY676" s="613"/>
      <c r="PFZ676" s="613"/>
      <c r="PGA676" s="613"/>
      <c r="PGB676" s="613"/>
      <c r="PGC676" s="613"/>
      <c r="PGD676" s="613"/>
      <c r="PGE676" s="613"/>
      <c r="PGF676" s="613"/>
      <c r="PGG676" s="613"/>
      <c r="PGH676" s="613"/>
      <c r="PGI676" s="613"/>
      <c r="PGJ676" s="613"/>
      <c r="PGK676" s="613"/>
      <c r="PGL676" s="613"/>
      <c r="PGM676" s="613"/>
      <c r="PGN676" s="613"/>
      <c r="PGO676" s="613"/>
      <c r="PGP676" s="613"/>
      <c r="PGQ676" s="613"/>
      <c r="PGR676" s="613"/>
      <c r="PGS676" s="613"/>
      <c r="PGT676" s="613"/>
      <c r="PGU676" s="613"/>
      <c r="PGV676" s="613"/>
      <c r="PGW676" s="613"/>
      <c r="PGX676" s="613"/>
      <c r="PGY676" s="613"/>
      <c r="PGZ676" s="613"/>
      <c r="PHA676" s="613"/>
      <c r="PHB676" s="613"/>
      <c r="PHC676" s="613"/>
      <c r="PHD676" s="613"/>
      <c r="PHE676" s="613"/>
      <c r="PHF676" s="613"/>
      <c r="PHG676" s="613"/>
      <c r="PHH676" s="613"/>
      <c r="PHI676" s="613"/>
      <c r="PHJ676" s="613"/>
      <c r="PHK676" s="613"/>
      <c r="PHL676" s="613"/>
      <c r="PHM676" s="613"/>
      <c r="PHN676" s="613"/>
      <c r="PHO676" s="613"/>
      <c r="PHP676" s="613"/>
      <c r="PHQ676" s="613"/>
      <c r="PHR676" s="613"/>
      <c r="PHS676" s="613"/>
      <c r="PHT676" s="613"/>
      <c r="PHU676" s="613"/>
      <c r="PHV676" s="613"/>
      <c r="PHW676" s="613"/>
      <c r="PHX676" s="613"/>
      <c r="PHY676" s="613"/>
      <c r="PHZ676" s="613"/>
      <c r="PIA676" s="613"/>
      <c r="PIB676" s="613"/>
      <c r="PIC676" s="613"/>
      <c r="PID676" s="613"/>
      <c r="PIE676" s="613"/>
      <c r="PIF676" s="613"/>
      <c r="PIG676" s="613"/>
      <c r="PIH676" s="613"/>
      <c r="PII676" s="613"/>
      <c r="PIJ676" s="613"/>
      <c r="PIK676" s="613"/>
      <c r="PIL676" s="613"/>
      <c r="PIM676" s="613"/>
      <c r="PIN676" s="613"/>
      <c r="PIO676" s="613"/>
      <c r="PIP676" s="613"/>
      <c r="PIQ676" s="613"/>
      <c r="PIR676" s="613"/>
      <c r="PIS676" s="613"/>
      <c r="PIT676" s="613"/>
      <c r="PIU676" s="613"/>
      <c r="PIV676" s="613"/>
      <c r="PIW676" s="613"/>
      <c r="PIX676" s="613"/>
      <c r="PIY676" s="613"/>
      <c r="PIZ676" s="613"/>
      <c r="PJA676" s="613"/>
      <c r="PJB676" s="613"/>
      <c r="PJC676" s="613"/>
      <c r="PJD676" s="613"/>
      <c r="PJE676" s="613"/>
      <c r="PJF676" s="613"/>
      <c r="PJG676" s="613"/>
      <c r="PJH676" s="613"/>
      <c r="PJI676" s="613"/>
      <c r="PJJ676" s="613"/>
      <c r="PJK676" s="613"/>
      <c r="PJL676" s="613"/>
      <c r="PJM676" s="613"/>
      <c r="PJN676" s="613"/>
      <c r="PJO676" s="613"/>
      <c r="PJP676" s="613"/>
      <c r="PJQ676" s="613"/>
      <c r="PJR676" s="613"/>
      <c r="PJS676" s="613"/>
      <c r="PJT676" s="613"/>
      <c r="PJU676" s="613"/>
      <c r="PJV676" s="613"/>
      <c r="PJW676" s="613"/>
      <c r="PJX676" s="613"/>
      <c r="PJY676" s="613"/>
      <c r="PJZ676" s="613"/>
      <c r="PKA676" s="613"/>
      <c r="PKB676" s="613"/>
      <c r="PKC676" s="613"/>
      <c r="PKD676" s="613"/>
      <c r="PKE676" s="613"/>
      <c r="PKF676" s="613"/>
      <c r="PKG676" s="613"/>
      <c r="PKH676" s="613"/>
      <c r="PKI676" s="613"/>
      <c r="PKJ676" s="613"/>
      <c r="PKK676" s="613"/>
      <c r="PKL676" s="613"/>
      <c r="PKM676" s="613"/>
      <c r="PKN676" s="613"/>
      <c r="PKO676" s="613"/>
      <c r="PKP676" s="613"/>
      <c r="PKQ676" s="613"/>
      <c r="PKR676" s="613"/>
      <c r="PKS676" s="613"/>
      <c r="PKT676" s="613"/>
      <c r="PKU676" s="613"/>
      <c r="PKV676" s="613"/>
      <c r="PKW676" s="613"/>
      <c r="PKX676" s="613"/>
      <c r="PKY676" s="613"/>
      <c r="PKZ676" s="613"/>
      <c r="PLA676" s="613"/>
      <c r="PLB676" s="613"/>
      <c r="PLC676" s="613"/>
      <c r="PLD676" s="613"/>
      <c r="PLE676" s="613"/>
      <c r="PLF676" s="613"/>
      <c r="PLG676" s="613"/>
      <c r="PLH676" s="613"/>
      <c r="PLI676" s="613"/>
      <c r="PLJ676" s="613"/>
      <c r="PLK676" s="613"/>
      <c r="PLL676" s="613"/>
      <c r="PLM676" s="613"/>
      <c r="PLN676" s="613"/>
      <c r="PLO676" s="613"/>
      <c r="PLP676" s="613"/>
      <c r="PLQ676" s="613"/>
      <c r="PLR676" s="613"/>
      <c r="PLS676" s="613"/>
      <c r="PLT676" s="613"/>
      <c r="PLU676" s="613"/>
      <c r="PLV676" s="613"/>
      <c r="PLW676" s="613"/>
      <c r="PLX676" s="613"/>
      <c r="PLY676" s="613"/>
      <c r="PLZ676" s="613"/>
      <c r="PMA676" s="613"/>
      <c r="PMB676" s="613"/>
      <c r="PMC676" s="613"/>
      <c r="PMD676" s="613"/>
      <c r="PME676" s="613"/>
      <c r="PMF676" s="613"/>
      <c r="PMG676" s="613"/>
      <c r="PMH676" s="613"/>
      <c r="PMI676" s="613"/>
      <c r="PMJ676" s="613"/>
      <c r="PMK676" s="613"/>
      <c r="PML676" s="613"/>
      <c r="PMM676" s="613"/>
      <c r="PMN676" s="613"/>
      <c r="PMO676" s="613"/>
      <c r="PMP676" s="613"/>
      <c r="PMQ676" s="613"/>
      <c r="PMR676" s="613"/>
      <c r="PMS676" s="613"/>
      <c r="PMT676" s="613"/>
      <c r="PMU676" s="613"/>
      <c r="PMV676" s="613"/>
      <c r="PMW676" s="613"/>
      <c r="PMX676" s="613"/>
      <c r="PMY676" s="613"/>
      <c r="PMZ676" s="613"/>
      <c r="PNA676" s="613"/>
      <c r="PNB676" s="613"/>
      <c r="PNC676" s="613"/>
      <c r="PND676" s="613"/>
      <c r="PNE676" s="613"/>
      <c r="PNF676" s="613"/>
      <c r="PNG676" s="613"/>
      <c r="PNH676" s="613"/>
      <c r="PNI676" s="613"/>
      <c r="PNJ676" s="613"/>
      <c r="PNK676" s="613"/>
      <c r="PNL676" s="613"/>
      <c r="PNM676" s="613"/>
      <c r="PNN676" s="613"/>
      <c r="PNO676" s="613"/>
      <c r="PNP676" s="613"/>
      <c r="PNQ676" s="613"/>
      <c r="PNR676" s="613"/>
      <c r="PNS676" s="613"/>
      <c r="PNT676" s="613"/>
      <c r="PNU676" s="613"/>
      <c r="PNV676" s="613"/>
      <c r="PNW676" s="613"/>
      <c r="PNX676" s="613"/>
      <c r="PNY676" s="613"/>
      <c r="PNZ676" s="613"/>
      <c r="POA676" s="613"/>
      <c r="POB676" s="613"/>
      <c r="POC676" s="613"/>
      <c r="POD676" s="613"/>
      <c r="POE676" s="613"/>
      <c r="POF676" s="613"/>
      <c r="POG676" s="613"/>
      <c r="POH676" s="613"/>
      <c r="POI676" s="613"/>
      <c r="POJ676" s="613"/>
      <c r="POK676" s="613"/>
      <c r="POL676" s="613"/>
      <c r="POM676" s="613"/>
      <c r="PON676" s="613"/>
      <c r="POO676" s="613"/>
      <c r="POP676" s="613"/>
      <c r="POQ676" s="613"/>
      <c r="POR676" s="613"/>
      <c r="POS676" s="613"/>
      <c r="POT676" s="613"/>
      <c r="POU676" s="613"/>
      <c r="POV676" s="613"/>
      <c r="POW676" s="613"/>
      <c r="POX676" s="613"/>
      <c r="POY676" s="613"/>
      <c r="POZ676" s="613"/>
      <c r="PPA676" s="613"/>
      <c r="PPB676" s="613"/>
      <c r="PPC676" s="613"/>
      <c r="PPD676" s="613"/>
      <c r="PPE676" s="613"/>
      <c r="PPF676" s="613"/>
      <c r="PPG676" s="613"/>
      <c r="PPH676" s="613"/>
      <c r="PPI676" s="613"/>
      <c r="PPJ676" s="613"/>
      <c r="PPK676" s="613"/>
      <c r="PPL676" s="613"/>
      <c r="PPM676" s="613"/>
      <c r="PPN676" s="613"/>
      <c r="PPO676" s="613"/>
      <c r="PPP676" s="613"/>
      <c r="PPQ676" s="613"/>
      <c r="PPR676" s="613"/>
      <c r="PPS676" s="613"/>
      <c r="PPT676" s="613"/>
      <c r="PPU676" s="613"/>
      <c r="PPV676" s="613"/>
      <c r="PPW676" s="613"/>
      <c r="PPX676" s="613"/>
      <c r="PPY676" s="613"/>
      <c r="PPZ676" s="613"/>
      <c r="PQA676" s="613"/>
      <c r="PQB676" s="613"/>
      <c r="PQC676" s="613"/>
      <c r="PQD676" s="613"/>
      <c r="PQE676" s="613"/>
      <c r="PQF676" s="613"/>
      <c r="PQG676" s="613"/>
      <c r="PQH676" s="613"/>
      <c r="PQI676" s="613"/>
      <c r="PQJ676" s="613"/>
      <c r="PQK676" s="613"/>
      <c r="PQL676" s="613"/>
      <c r="PQM676" s="613"/>
      <c r="PQN676" s="613"/>
      <c r="PQO676" s="613"/>
      <c r="PQP676" s="613"/>
      <c r="PQQ676" s="613"/>
      <c r="PQR676" s="613"/>
      <c r="PQS676" s="613"/>
      <c r="PQT676" s="613"/>
      <c r="PQU676" s="613"/>
      <c r="PQV676" s="613"/>
      <c r="PQW676" s="613"/>
      <c r="PQX676" s="613"/>
      <c r="PQY676" s="613"/>
      <c r="PQZ676" s="613"/>
      <c r="PRA676" s="613"/>
      <c r="PRB676" s="613"/>
      <c r="PRC676" s="613"/>
      <c r="PRD676" s="613"/>
      <c r="PRE676" s="613"/>
      <c r="PRF676" s="613"/>
      <c r="PRG676" s="613"/>
      <c r="PRH676" s="613"/>
      <c r="PRI676" s="613"/>
      <c r="PRJ676" s="613"/>
      <c r="PRK676" s="613"/>
      <c r="PRL676" s="613"/>
      <c r="PRM676" s="613"/>
      <c r="PRN676" s="613"/>
      <c r="PRO676" s="613"/>
      <c r="PRP676" s="613"/>
      <c r="PRQ676" s="613"/>
      <c r="PRR676" s="613"/>
      <c r="PRS676" s="613"/>
      <c r="PRT676" s="613"/>
      <c r="PRU676" s="613"/>
      <c r="PRV676" s="613"/>
      <c r="PRW676" s="613"/>
      <c r="PRX676" s="613"/>
      <c r="PRY676" s="613"/>
      <c r="PRZ676" s="613"/>
      <c r="PSA676" s="613"/>
      <c r="PSB676" s="613"/>
      <c r="PSC676" s="613"/>
      <c r="PSD676" s="613"/>
      <c r="PSE676" s="613"/>
      <c r="PSF676" s="613"/>
      <c r="PSG676" s="613"/>
      <c r="PSH676" s="613"/>
      <c r="PSI676" s="613"/>
      <c r="PSJ676" s="613"/>
      <c r="PSK676" s="613"/>
      <c r="PSL676" s="613"/>
      <c r="PSM676" s="613"/>
      <c r="PSN676" s="613"/>
      <c r="PSO676" s="613"/>
      <c r="PSP676" s="613"/>
      <c r="PSQ676" s="613"/>
      <c r="PSR676" s="613"/>
      <c r="PSS676" s="613"/>
      <c r="PST676" s="613"/>
      <c r="PSU676" s="613"/>
      <c r="PSV676" s="613"/>
      <c r="PSW676" s="613"/>
      <c r="PSX676" s="613"/>
      <c r="PSY676" s="613"/>
      <c r="PSZ676" s="613"/>
      <c r="PTA676" s="613"/>
      <c r="PTB676" s="613"/>
      <c r="PTC676" s="613"/>
      <c r="PTD676" s="613"/>
      <c r="PTE676" s="613"/>
      <c r="PTF676" s="613"/>
      <c r="PTG676" s="613"/>
      <c r="PTH676" s="613"/>
      <c r="PTI676" s="613"/>
      <c r="PTJ676" s="613"/>
      <c r="PTK676" s="613"/>
      <c r="PTL676" s="613"/>
      <c r="PTM676" s="613"/>
      <c r="PTN676" s="613"/>
      <c r="PTO676" s="613"/>
      <c r="PTP676" s="613"/>
      <c r="PTQ676" s="613"/>
      <c r="PTR676" s="613"/>
      <c r="PTS676" s="613"/>
      <c r="PTT676" s="613"/>
      <c r="PTU676" s="613"/>
      <c r="PTV676" s="613"/>
      <c r="PTW676" s="613"/>
      <c r="PTX676" s="613"/>
      <c r="PTY676" s="613"/>
      <c r="PTZ676" s="613"/>
      <c r="PUA676" s="613"/>
      <c r="PUB676" s="613"/>
      <c r="PUC676" s="613"/>
      <c r="PUD676" s="613"/>
      <c r="PUE676" s="613"/>
      <c r="PUF676" s="613"/>
      <c r="PUG676" s="613"/>
      <c r="PUH676" s="613"/>
      <c r="PUI676" s="613"/>
      <c r="PUJ676" s="613"/>
      <c r="PUK676" s="613"/>
      <c r="PUL676" s="613"/>
      <c r="PUM676" s="613"/>
      <c r="PUN676" s="613"/>
      <c r="PUO676" s="613"/>
      <c r="PUP676" s="613"/>
      <c r="PUQ676" s="613"/>
      <c r="PUR676" s="613"/>
      <c r="PUS676" s="613"/>
      <c r="PUT676" s="613"/>
      <c r="PUU676" s="613"/>
      <c r="PUV676" s="613"/>
      <c r="PUW676" s="613"/>
      <c r="PUX676" s="613"/>
      <c r="PUY676" s="613"/>
      <c r="PUZ676" s="613"/>
      <c r="PVA676" s="613"/>
      <c r="PVB676" s="613"/>
      <c r="PVC676" s="613"/>
      <c r="PVD676" s="613"/>
      <c r="PVE676" s="613"/>
      <c r="PVF676" s="613"/>
      <c r="PVG676" s="613"/>
      <c r="PVH676" s="613"/>
      <c r="PVI676" s="613"/>
      <c r="PVJ676" s="613"/>
      <c r="PVK676" s="613"/>
      <c r="PVL676" s="613"/>
      <c r="PVM676" s="613"/>
      <c r="PVN676" s="613"/>
      <c r="PVO676" s="613"/>
      <c r="PVP676" s="613"/>
      <c r="PVQ676" s="613"/>
      <c r="PVR676" s="613"/>
      <c r="PVS676" s="613"/>
      <c r="PVT676" s="613"/>
      <c r="PVU676" s="613"/>
      <c r="PVV676" s="613"/>
      <c r="PVW676" s="613"/>
      <c r="PVX676" s="613"/>
      <c r="PVY676" s="613"/>
      <c r="PVZ676" s="613"/>
      <c r="PWA676" s="613"/>
      <c r="PWB676" s="613"/>
      <c r="PWC676" s="613"/>
      <c r="PWD676" s="613"/>
      <c r="PWE676" s="613"/>
      <c r="PWF676" s="613"/>
      <c r="PWG676" s="613"/>
      <c r="PWH676" s="613"/>
      <c r="PWI676" s="613"/>
      <c r="PWJ676" s="613"/>
      <c r="PWK676" s="613"/>
      <c r="PWL676" s="613"/>
      <c r="PWM676" s="613"/>
      <c r="PWN676" s="613"/>
      <c r="PWO676" s="613"/>
      <c r="PWP676" s="613"/>
      <c r="PWQ676" s="613"/>
      <c r="PWR676" s="613"/>
      <c r="PWS676" s="613"/>
      <c r="PWT676" s="613"/>
      <c r="PWU676" s="613"/>
      <c r="PWV676" s="613"/>
      <c r="PWW676" s="613"/>
      <c r="PWX676" s="613"/>
      <c r="PWY676" s="613"/>
      <c r="PWZ676" s="613"/>
      <c r="PXA676" s="613"/>
      <c r="PXB676" s="613"/>
      <c r="PXC676" s="613"/>
      <c r="PXD676" s="613"/>
      <c r="PXE676" s="613"/>
      <c r="PXF676" s="613"/>
      <c r="PXG676" s="613"/>
      <c r="PXH676" s="613"/>
      <c r="PXI676" s="613"/>
      <c r="PXJ676" s="613"/>
      <c r="PXK676" s="613"/>
      <c r="PXL676" s="613"/>
      <c r="PXM676" s="613"/>
      <c r="PXN676" s="613"/>
      <c r="PXO676" s="613"/>
      <c r="PXP676" s="613"/>
      <c r="PXQ676" s="613"/>
      <c r="PXR676" s="613"/>
      <c r="PXS676" s="613"/>
      <c r="PXT676" s="613"/>
      <c r="PXU676" s="613"/>
      <c r="PXV676" s="613"/>
      <c r="PXW676" s="613"/>
      <c r="PXX676" s="613"/>
      <c r="PXY676" s="613"/>
      <c r="PXZ676" s="613"/>
      <c r="PYA676" s="613"/>
      <c r="PYB676" s="613"/>
      <c r="PYC676" s="613"/>
      <c r="PYD676" s="613"/>
      <c r="PYE676" s="613"/>
      <c r="PYF676" s="613"/>
      <c r="PYG676" s="613"/>
      <c r="PYH676" s="613"/>
      <c r="PYI676" s="613"/>
      <c r="PYJ676" s="613"/>
      <c r="PYK676" s="613"/>
      <c r="PYL676" s="613"/>
      <c r="PYM676" s="613"/>
      <c r="PYN676" s="613"/>
      <c r="PYO676" s="613"/>
      <c r="PYP676" s="613"/>
      <c r="PYQ676" s="613"/>
      <c r="PYR676" s="613"/>
      <c r="PYS676" s="613"/>
      <c r="PYT676" s="613"/>
      <c r="PYU676" s="613"/>
      <c r="PYV676" s="613"/>
      <c r="PYW676" s="613"/>
      <c r="PYX676" s="613"/>
      <c r="PYY676" s="613"/>
      <c r="PYZ676" s="613"/>
      <c r="PZA676" s="613"/>
      <c r="PZB676" s="613"/>
      <c r="PZC676" s="613"/>
      <c r="PZD676" s="613"/>
      <c r="PZE676" s="613"/>
      <c r="PZF676" s="613"/>
      <c r="PZG676" s="613"/>
      <c r="PZH676" s="613"/>
      <c r="PZI676" s="613"/>
      <c r="PZJ676" s="613"/>
      <c r="PZK676" s="613"/>
      <c r="PZL676" s="613"/>
      <c r="PZM676" s="613"/>
      <c r="PZN676" s="613"/>
      <c r="PZO676" s="613"/>
      <c r="PZP676" s="613"/>
      <c r="PZQ676" s="613"/>
      <c r="PZR676" s="613"/>
      <c r="PZS676" s="613"/>
      <c r="PZT676" s="613"/>
      <c r="PZU676" s="613"/>
      <c r="PZV676" s="613"/>
      <c r="PZW676" s="613"/>
      <c r="PZX676" s="613"/>
      <c r="PZY676" s="613"/>
      <c r="PZZ676" s="613"/>
      <c r="QAA676" s="613"/>
      <c r="QAB676" s="613"/>
      <c r="QAC676" s="613"/>
      <c r="QAD676" s="613"/>
      <c r="QAE676" s="613"/>
      <c r="QAF676" s="613"/>
      <c r="QAG676" s="613"/>
      <c r="QAH676" s="613"/>
      <c r="QAI676" s="613"/>
      <c r="QAJ676" s="613"/>
      <c r="QAK676" s="613"/>
      <c r="QAL676" s="613"/>
      <c r="QAM676" s="613"/>
      <c r="QAN676" s="613"/>
      <c r="QAO676" s="613"/>
      <c r="QAP676" s="613"/>
      <c r="QAQ676" s="613"/>
      <c r="QAR676" s="613"/>
      <c r="QAS676" s="613"/>
      <c r="QAT676" s="613"/>
      <c r="QAU676" s="613"/>
      <c r="QAV676" s="613"/>
      <c r="QAW676" s="613"/>
      <c r="QAX676" s="613"/>
      <c r="QAY676" s="613"/>
      <c r="QAZ676" s="613"/>
      <c r="QBA676" s="613"/>
      <c r="QBB676" s="613"/>
      <c r="QBC676" s="613"/>
      <c r="QBD676" s="613"/>
      <c r="QBE676" s="613"/>
      <c r="QBF676" s="613"/>
      <c r="QBG676" s="613"/>
      <c r="QBH676" s="613"/>
      <c r="QBI676" s="613"/>
      <c r="QBJ676" s="613"/>
      <c r="QBK676" s="613"/>
      <c r="QBL676" s="613"/>
      <c r="QBM676" s="613"/>
      <c r="QBN676" s="613"/>
      <c r="QBO676" s="613"/>
      <c r="QBP676" s="613"/>
      <c r="QBQ676" s="613"/>
      <c r="QBR676" s="613"/>
      <c r="QBS676" s="613"/>
      <c r="QBT676" s="613"/>
      <c r="QBU676" s="613"/>
      <c r="QBV676" s="613"/>
      <c r="QBW676" s="613"/>
      <c r="QBX676" s="613"/>
      <c r="QBY676" s="613"/>
      <c r="QBZ676" s="613"/>
      <c r="QCA676" s="613"/>
      <c r="QCB676" s="613"/>
      <c r="QCC676" s="613"/>
      <c r="QCD676" s="613"/>
      <c r="QCE676" s="613"/>
      <c r="QCF676" s="613"/>
      <c r="QCG676" s="613"/>
      <c r="QCH676" s="613"/>
      <c r="QCI676" s="613"/>
      <c r="QCJ676" s="613"/>
      <c r="QCK676" s="613"/>
      <c r="QCL676" s="613"/>
      <c r="QCM676" s="613"/>
      <c r="QCN676" s="613"/>
      <c r="QCO676" s="613"/>
      <c r="QCP676" s="613"/>
      <c r="QCQ676" s="613"/>
      <c r="QCR676" s="613"/>
      <c r="QCS676" s="613"/>
      <c r="QCT676" s="613"/>
      <c r="QCU676" s="613"/>
      <c r="QCV676" s="613"/>
      <c r="QCW676" s="613"/>
      <c r="QCX676" s="613"/>
      <c r="QCY676" s="613"/>
      <c r="QCZ676" s="613"/>
      <c r="QDA676" s="613"/>
      <c r="QDB676" s="613"/>
      <c r="QDC676" s="613"/>
      <c r="QDD676" s="613"/>
      <c r="QDE676" s="613"/>
      <c r="QDF676" s="613"/>
      <c r="QDG676" s="613"/>
      <c r="QDH676" s="613"/>
      <c r="QDI676" s="613"/>
      <c r="QDJ676" s="613"/>
      <c r="QDK676" s="613"/>
      <c r="QDL676" s="613"/>
      <c r="QDM676" s="613"/>
      <c r="QDN676" s="613"/>
      <c r="QDO676" s="613"/>
      <c r="QDP676" s="613"/>
      <c r="QDQ676" s="613"/>
      <c r="QDR676" s="613"/>
      <c r="QDS676" s="613"/>
      <c r="QDT676" s="613"/>
      <c r="QDU676" s="613"/>
      <c r="QDV676" s="613"/>
      <c r="QDW676" s="613"/>
      <c r="QDX676" s="613"/>
      <c r="QDY676" s="613"/>
      <c r="QDZ676" s="613"/>
      <c r="QEA676" s="613"/>
      <c r="QEB676" s="613"/>
      <c r="QEC676" s="613"/>
      <c r="QED676" s="613"/>
      <c r="QEE676" s="613"/>
      <c r="QEF676" s="613"/>
      <c r="QEG676" s="613"/>
      <c r="QEH676" s="613"/>
      <c r="QEI676" s="613"/>
      <c r="QEJ676" s="613"/>
      <c r="QEK676" s="613"/>
      <c r="QEL676" s="613"/>
      <c r="QEM676" s="613"/>
      <c r="QEN676" s="613"/>
      <c r="QEO676" s="613"/>
      <c r="QEP676" s="613"/>
      <c r="QEQ676" s="613"/>
      <c r="QER676" s="613"/>
      <c r="QES676" s="613"/>
      <c r="QET676" s="613"/>
      <c r="QEU676" s="613"/>
      <c r="QEV676" s="613"/>
      <c r="QEW676" s="613"/>
      <c r="QEX676" s="613"/>
      <c r="QEY676" s="613"/>
      <c r="QEZ676" s="613"/>
      <c r="QFA676" s="613"/>
      <c r="QFB676" s="613"/>
      <c r="QFC676" s="613"/>
      <c r="QFD676" s="613"/>
      <c r="QFE676" s="613"/>
      <c r="QFF676" s="613"/>
      <c r="QFG676" s="613"/>
      <c r="QFH676" s="613"/>
      <c r="QFI676" s="613"/>
      <c r="QFJ676" s="613"/>
      <c r="QFK676" s="613"/>
      <c r="QFL676" s="613"/>
      <c r="QFM676" s="613"/>
      <c r="QFN676" s="613"/>
      <c r="QFO676" s="613"/>
      <c r="QFP676" s="613"/>
      <c r="QFQ676" s="613"/>
      <c r="QFR676" s="613"/>
      <c r="QFS676" s="613"/>
      <c r="QFT676" s="613"/>
      <c r="QFU676" s="613"/>
      <c r="QFV676" s="613"/>
      <c r="QFW676" s="613"/>
      <c r="QFX676" s="613"/>
      <c r="QFY676" s="613"/>
      <c r="QFZ676" s="613"/>
      <c r="QGA676" s="613"/>
      <c r="QGB676" s="613"/>
      <c r="QGC676" s="613"/>
      <c r="QGD676" s="613"/>
      <c r="QGE676" s="613"/>
      <c r="QGF676" s="613"/>
      <c r="QGG676" s="613"/>
      <c r="QGH676" s="613"/>
      <c r="QGI676" s="613"/>
      <c r="QGJ676" s="613"/>
      <c r="QGK676" s="613"/>
      <c r="QGL676" s="613"/>
      <c r="QGM676" s="613"/>
      <c r="QGN676" s="613"/>
      <c r="QGO676" s="613"/>
      <c r="QGP676" s="613"/>
      <c r="QGQ676" s="613"/>
      <c r="QGR676" s="613"/>
      <c r="QGS676" s="613"/>
      <c r="QGT676" s="613"/>
      <c r="QGU676" s="613"/>
      <c r="QGV676" s="613"/>
      <c r="QGW676" s="613"/>
      <c r="QGX676" s="613"/>
      <c r="QGY676" s="613"/>
      <c r="QGZ676" s="613"/>
      <c r="QHA676" s="613"/>
      <c r="QHB676" s="613"/>
      <c r="QHC676" s="613"/>
      <c r="QHD676" s="613"/>
      <c r="QHE676" s="613"/>
      <c r="QHF676" s="613"/>
      <c r="QHG676" s="613"/>
      <c r="QHH676" s="613"/>
      <c r="QHI676" s="613"/>
      <c r="QHJ676" s="613"/>
      <c r="QHK676" s="613"/>
      <c r="QHL676" s="613"/>
      <c r="QHM676" s="613"/>
      <c r="QHN676" s="613"/>
      <c r="QHO676" s="613"/>
      <c r="QHP676" s="613"/>
      <c r="QHQ676" s="613"/>
      <c r="QHR676" s="613"/>
      <c r="QHS676" s="613"/>
      <c r="QHT676" s="613"/>
      <c r="QHU676" s="613"/>
      <c r="QHV676" s="613"/>
      <c r="QHW676" s="613"/>
      <c r="QHX676" s="613"/>
      <c r="QHY676" s="613"/>
      <c r="QHZ676" s="613"/>
      <c r="QIA676" s="613"/>
      <c r="QIB676" s="613"/>
      <c r="QIC676" s="613"/>
      <c r="QID676" s="613"/>
      <c r="QIE676" s="613"/>
      <c r="QIF676" s="613"/>
      <c r="QIG676" s="613"/>
      <c r="QIH676" s="613"/>
      <c r="QII676" s="613"/>
      <c r="QIJ676" s="613"/>
      <c r="QIK676" s="613"/>
      <c r="QIL676" s="613"/>
      <c r="QIM676" s="613"/>
      <c r="QIN676" s="613"/>
      <c r="QIO676" s="613"/>
      <c r="QIP676" s="613"/>
      <c r="QIQ676" s="613"/>
      <c r="QIR676" s="613"/>
      <c r="QIS676" s="613"/>
      <c r="QIT676" s="613"/>
      <c r="QIU676" s="613"/>
      <c r="QIV676" s="613"/>
      <c r="QIW676" s="613"/>
      <c r="QIX676" s="613"/>
      <c r="QIY676" s="613"/>
      <c r="QIZ676" s="613"/>
      <c r="QJA676" s="613"/>
      <c r="QJB676" s="613"/>
      <c r="QJC676" s="613"/>
      <c r="QJD676" s="613"/>
      <c r="QJE676" s="613"/>
      <c r="QJF676" s="613"/>
      <c r="QJG676" s="613"/>
      <c r="QJH676" s="613"/>
      <c r="QJI676" s="613"/>
      <c r="QJJ676" s="613"/>
      <c r="QJK676" s="613"/>
      <c r="QJL676" s="613"/>
      <c r="QJM676" s="613"/>
      <c r="QJN676" s="613"/>
      <c r="QJO676" s="613"/>
      <c r="QJP676" s="613"/>
      <c r="QJQ676" s="613"/>
      <c r="QJR676" s="613"/>
      <c r="QJS676" s="613"/>
      <c r="QJT676" s="613"/>
      <c r="QJU676" s="613"/>
      <c r="QJV676" s="613"/>
      <c r="QJW676" s="613"/>
      <c r="QJX676" s="613"/>
      <c r="QJY676" s="613"/>
      <c r="QJZ676" s="613"/>
      <c r="QKA676" s="613"/>
      <c r="QKB676" s="613"/>
      <c r="QKC676" s="613"/>
      <c r="QKD676" s="613"/>
      <c r="QKE676" s="613"/>
      <c r="QKF676" s="613"/>
      <c r="QKG676" s="613"/>
      <c r="QKH676" s="613"/>
      <c r="QKI676" s="613"/>
      <c r="QKJ676" s="613"/>
      <c r="QKK676" s="613"/>
      <c r="QKL676" s="613"/>
      <c r="QKM676" s="613"/>
      <c r="QKN676" s="613"/>
      <c r="QKO676" s="613"/>
      <c r="QKP676" s="613"/>
      <c r="QKQ676" s="613"/>
      <c r="QKR676" s="613"/>
      <c r="QKS676" s="613"/>
      <c r="QKT676" s="613"/>
      <c r="QKU676" s="613"/>
      <c r="QKV676" s="613"/>
      <c r="QKW676" s="613"/>
      <c r="QKX676" s="613"/>
      <c r="QKY676" s="613"/>
      <c r="QKZ676" s="613"/>
      <c r="QLA676" s="613"/>
      <c r="QLB676" s="613"/>
      <c r="QLC676" s="613"/>
      <c r="QLD676" s="613"/>
      <c r="QLE676" s="613"/>
      <c r="QLF676" s="613"/>
      <c r="QLG676" s="613"/>
      <c r="QLH676" s="613"/>
      <c r="QLI676" s="613"/>
      <c r="QLJ676" s="613"/>
      <c r="QLK676" s="613"/>
      <c r="QLL676" s="613"/>
      <c r="QLM676" s="613"/>
      <c r="QLN676" s="613"/>
      <c r="QLO676" s="613"/>
      <c r="QLP676" s="613"/>
      <c r="QLQ676" s="613"/>
      <c r="QLR676" s="613"/>
      <c r="QLS676" s="613"/>
      <c r="QLT676" s="613"/>
      <c r="QLU676" s="613"/>
      <c r="QLV676" s="613"/>
      <c r="QLW676" s="613"/>
      <c r="QLX676" s="613"/>
      <c r="QLY676" s="613"/>
      <c r="QLZ676" s="613"/>
      <c r="QMA676" s="613"/>
      <c r="QMB676" s="613"/>
      <c r="QMC676" s="613"/>
      <c r="QMD676" s="613"/>
      <c r="QME676" s="613"/>
      <c r="QMF676" s="613"/>
      <c r="QMG676" s="613"/>
      <c r="QMH676" s="613"/>
      <c r="QMI676" s="613"/>
      <c r="QMJ676" s="613"/>
      <c r="QMK676" s="613"/>
      <c r="QML676" s="613"/>
      <c r="QMM676" s="613"/>
      <c r="QMN676" s="613"/>
      <c r="QMO676" s="613"/>
      <c r="QMP676" s="613"/>
      <c r="QMQ676" s="613"/>
      <c r="QMR676" s="613"/>
      <c r="QMS676" s="613"/>
      <c r="QMT676" s="613"/>
      <c r="QMU676" s="613"/>
      <c r="QMV676" s="613"/>
      <c r="QMW676" s="613"/>
      <c r="QMX676" s="613"/>
      <c r="QMY676" s="613"/>
      <c r="QMZ676" s="613"/>
      <c r="QNA676" s="613"/>
      <c r="QNB676" s="613"/>
      <c r="QNC676" s="613"/>
      <c r="QND676" s="613"/>
      <c r="QNE676" s="613"/>
      <c r="QNF676" s="613"/>
      <c r="QNG676" s="613"/>
      <c r="QNH676" s="613"/>
      <c r="QNI676" s="613"/>
      <c r="QNJ676" s="613"/>
      <c r="QNK676" s="613"/>
      <c r="QNL676" s="613"/>
      <c r="QNM676" s="613"/>
      <c r="QNN676" s="613"/>
      <c r="QNO676" s="613"/>
      <c r="QNP676" s="613"/>
      <c r="QNQ676" s="613"/>
      <c r="QNR676" s="613"/>
      <c r="QNS676" s="613"/>
      <c r="QNT676" s="613"/>
      <c r="QNU676" s="613"/>
      <c r="QNV676" s="613"/>
      <c r="QNW676" s="613"/>
      <c r="QNX676" s="613"/>
      <c r="QNY676" s="613"/>
      <c r="QNZ676" s="613"/>
      <c r="QOA676" s="613"/>
      <c r="QOB676" s="613"/>
      <c r="QOC676" s="613"/>
      <c r="QOD676" s="613"/>
      <c r="QOE676" s="613"/>
      <c r="QOF676" s="613"/>
      <c r="QOG676" s="613"/>
      <c r="QOH676" s="613"/>
      <c r="QOI676" s="613"/>
      <c r="QOJ676" s="613"/>
      <c r="QOK676" s="613"/>
      <c r="QOL676" s="613"/>
      <c r="QOM676" s="613"/>
      <c r="QON676" s="613"/>
      <c r="QOO676" s="613"/>
      <c r="QOP676" s="613"/>
      <c r="QOQ676" s="613"/>
      <c r="QOR676" s="613"/>
      <c r="QOS676" s="613"/>
      <c r="QOT676" s="613"/>
      <c r="QOU676" s="613"/>
      <c r="QOV676" s="613"/>
      <c r="QOW676" s="613"/>
      <c r="QOX676" s="613"/>
      <c r="QOY676" s="613"/>
      <c r="QOZ676" s="613"/>
      <c r="QPA676" s="613"/>
      <c r="QPB676" s="613"/>
      <c r="QPC676" s="613"/>
      <c r="QPD676" s="613"/>
      <c r="QPE676" s="613"/>
      <c r="QPF676" s="613"/>
      <c r="QPG676" s="613"/>
      <c r="QPH676" s="613"/>
      <c r="QPI676" s="613"/>
      <c r="QPJ676" s="613"/>
      <c r="QPK676" s="613"/>
      <c r="QPL676" s="613"/>
      <c r="QPM676" s="613"/>
      <c r="QPN676" s="613"/>
      <c r="QPO676" s="613"/>
      <c r="QPP676" s="613"/>
      <c r="QPQ676" s="613"/>
      <c r="QPR676" s="613"/>
      <c r="QPS676" s="613"/>
      <c r="QPT676" s="613"/>
      <c r="QPU676" s="613"/>
      <c r="QPV676" s="613"/>
      <c r="QPW676" s="613"/>
      <c r="QPX676" s="613"/>
      <c r="QPY676" s="613"/>
      <c r="QPZ676" s="613"/>
      <c r="QQA676" s="613"/>
      <c r="QQB676" s="613"/>
      <c r="QQC676" s="613"/>
      <c r="QQD676" s="613"/>
      <c r="QQE676" s="613"/>
      <c r="QQF676" s="613"/>
      <c r="QQG676" s="613"/>
      <c r="QQH676" s="613"/>
      <c r="QQI676" s="613"/>
      <c r="QQJ676" s="613"/>
      <c r="QQK676" s="613"/>
      <c r="QQL676" s="613"/>
      <c r="QQM676" s="613"/>
      <c r="QQN676" s="613"/>
      <c r="QQO676" s="613"/>
      <c r="QQP676" s="613"/>
      <c r="QQQ676" s="613"/>
      <c r="QQR676" s="613"/>
      <c r="QQS676" s="613"/>
      <c r="QQT676" s="613"/>
      <c r="QQU676" s="613"/>
      <c r="QQV676" s="613"/>
      <c r="QQW676" s="613"/>
      <c r="QQX676" s="613"/>
      <c r="QQY676" s="613"/>
      <c r="QQZ676" s="613"/>
      <c r="QRA676" s="613"/>
      <c r="QRB676" s="613"/>
      <c r="QRC676" s="613"/>
      <c r="QRD676" s="613"/>
      <c r="QRE676" s="613"/>
      <c r="QRF676" s="613"/>
      <c r="QRG676" s="613"/>
      <c r="QRH676" s="613"/>
      <c r="QRI676" s="613"/>
      <c r="QRJ676" s="613"/>
      <c r="QRK676" s="613"/>
      <c r="QRL676" s="613"/>
      <c r="QRM676" s="613"/>
      <c r="QRN676" s="613"/>
      <c r="QRO676" s="613"/>
      <c r="QRP676" s="613"/>
      <c r="QRQ676" s="613"/>
      <c r="QRR676" s="613"/>
      <c r="QRS676" s="613"/>
      <c r="QRT676" s="613"/>
      <c r="QRU676" s="613"/>
      <c r="QRV676" s="613"/>
      <c r="QRW676" s="613"/>
      <c r="QRX676" s="613"/>
      <c r="QRY676" s="613"/>
      <c r="QRZ676" s="613"/>
      <c r="QSA676" s="613"/>
      <c r="QSB676" s="613"/>
      <c r="QSC676" s="613"/>
      <c r="QSD676" s="613"/>
      <c r="QSE676" s="613"/>
      <c r="QSF676" s="613"/>
      <c r="QSG676" s="613"/>
      <c r="QSH676" s="613"/>
      <c r="QSI676" s="613"/>
      <c r="QSJ676" s="613"/>
      <c r="QSK676" s="613"/>
      <c r="QSL676" s="613"/>
      <c r="QSM676" s="613"/>
      <c r="QSN676" s="613"/>
      <c r="QSO676" s="613"/>
      <c r="QSP676" s="613"/>
      <c r="QSQ676" s="613"/>
      <c r="QSR676" s="613"/>
      <c r="QSS676" s="613"/>
      <c r="QST676" s="613"/>
      <c r="QSU676" s="613"/>
      <c r="QSV676" s="613"/>
      <c r="QSW676" s="613"/>
      <c r="QSX676" s="613"/>
      <c r="QSY676" s="613"/>
      <c r="QSZ676" s="613"/>
      <c r="QTA676" s="613"/>
      <c r="QTB676" s="613"/>
      <c r="QTC676" s="613"/>
      <c r="QTD676" s="613"/>
      <c r="QTE676" s="613"/>
      <c r="QTF676" s="613"/>
      <c r="QTG676" s="613"/>
      <c r="QTH676" s="613"/>
      <c r="QTI676" s="613"/>
      <c r="QTJ676" s="613"/>
      <c r="QTK676" s="613"/>
      <c r="QTL676" s="613"/>
      <c r="QTM676" s="613"/>
      <c r="QTN676" s="613"/>
      <c r="QTO676" s="613"/>
      <c r="QTP676" s="613"/>
      <c r="QTQ676" s="613"/>
      <c r="QTR676" s="613"/>
      <c r="QTS676" s="613"/>
      <c r="QTT676" s="613"/>
      <c r="QTU676" s="613"/>
      <c r="QTV676" s="613"/>
      <c r="QTW676" s="613"/>
      <c r="QTX676" s="613"/>
      <c r="QTY676" s="613"/>
      <c r="QTZ676" s="613"/>
      <c r="QUA676" s="613"/>
      <c r="QUB676" s="613"/>
      <c r="QUC676" s="613"/>
      <c r="QUD676" s="613"/>
      <c r="QUE676" s="613"/>
      <c r="QUF676" s="613"/>
      <c r="QUG676" s="613"/>
      <c r="QUH676" s="613"/>
      <c r="QUI676" s="613"/>
      <c r="QUJ676" s="613"/>
      <c r="QUK676" s="613"/>
      <c r="QUL676" s="613"/>
      <c r="QUM676" s="613"/>
      <c r="QUN676" s="613"/>
      <c r="QUO676" s="613"/>
      <c r="QUP676" s="613"/>
      <c r="QUQ676" s="613"/>
      <c r="QUR676" s="613"/>
      <c r="QUS676" s="613"/>
      <c r="QUT676" s="613"/>
      <c r="QUU676" s="613"/>
      <c r="QUV676" s="613"/>
      <c r="QUW676" s="613"/>
      <c r="QUX676" s="613"/>
      <c r="QUY676" s="613"/>
      <c r="QUZ676" s="613"/>
      <c r="QVA676" s="613"/>
      <c r="QVB676" s="613"/>
      <c r="QVC676" s="613"/>
      <c r="QVD676" s="613"/>
      <c r="QVE676" s="613"/>
      <c r="QVF676" s="613"/>
      <c r="QVG676" s="613"/>
      <c r="QVH676" s="613"/>
      <c r="QVI676" s="613"/>
      <c r="QVJ676" s="613"/>
      <c r="QVK676" s="613"/>
      <c r="QVL676" s="613"/>
      <c r="QVM676" s="613"/>
      <c r="QVN676" s="613"/>
      <c r="QVO676" s="613"/>
      <c r="QVP676" s="613"/>
      <c r="QVQ676" s="613"/>
      <c r="QVR676" s="613"/>
      <c r="QVS676" s="613"/>
      <c r="QVT676" s="613"/>
      <c r="QVU676" s="613"/>
      <c r="QVV676" s="613"/>
      <c r="QVW676" s="613"/>
      <c r="QVX676" s="613"/>
      <c r="QVY676" s="613"/>
      <c r="QVZ676" s="613"/>
      <c r="QWA676" s="613"/>
      <c r="QWB676" s="613"/>
      <c r="QWC676" s="613"/>
      <c r="QWD676" s="613"/>
      <c r="QWE676" s="613"/>
      <c r="QWF676" s="613"/>
      <c r="QWG676" s="613"/>
      <c r="QWH676" s="613"/>
      <c r="QWI676" s="613"/>
      <c r="QWJ676" s="613"/>
      <c r="QWK676" s="613"/>
      <c r="QWL676" s="613"/>
      <c r="QWM676" s="613"/>
      <c r="QWN676" s="613"/>
      <c r="QWO676" s="613"/>
      <c r="QWP676" s="613"/>
      <c r="QWQ676" s="613"/>
      <c r="QWR676" s="613"/>
      <c r="QWS676" s="613"/>
      <c r="QWT676" s="613"/>
      <c r="QWU676" s="613"/>
      <c r="QWV676" s="613"/>
      <c r="QWW676" s="613"/>
      <c r="QWX676" s="613"/>
      <c r="QWY676" s="613"/>
      <c r="QWZ676" s="613"/>
      <c r="QXA676" s="613"/>
      <c r="QXB676" s="613"/>
      <c r="QXC676" s="613"/>
      <c r="QXD676" s="613"/>
      <c r="QXE676" s="613"/>
      <c r="QXF676" s="613"/>
      <c r="QXG676" s="613"/>
      <c r="QXH676" s="613"/>
      <c r="QXI676" s="613"/>
      <c r="QXJ676" s="613"/>
      <c r="QXK676" s="613"/>
      <c r="QXL676" s="613"/>
      <c r="QXM676" s="613"/>
      <c r="QXN676" s="613"/>
      <c r="QXO676" s="613"/>
      <c r="QXP676" s="613"/>
      <c r="QXQ676" s="613"/>
      <c r="QXR676" s="613"/>
      <c r="QXS676" s="613"/>
      <c r="QXT676" s="613"/>
      <c r="QXU676" s="613"/>
      <c r="QXV676" s="613"/>
      <c r="QXW676" s="613"/>
      <c r="QXX676" s="613"/>
      <c r="QXY676" s="613"/>
      <c r="QXZ676" s="613"/>
      <c r="QYA676" s="613"/>
      <c r="QYB676" s="613"/>
      <c r="QYC676" s="613"/>
      <c r="QYD676" s="613"/>
      <c r="QYE676" s="613"/>
      <c r="QYF676" s="613"/>
      <c r="QYG676" s="613"/>
      <c r="QYH676" s="613"/>
      <c r="QYI676" s="613"/>
      <c r="QYJ676" s="613"/>
      <c r="QYK676" s="613"/>
      <c r="QYL676" s="613"/>
      <c r="QYM676" s="613"/>
      <c r="QYN676" s="613"/>
      <c r="QYO676" s="613"/>
      <c r="QYP676" s="613"/>
      <c r="QYQ676" s="613"/>
      <c r="QYR676" s="613"/>
      <c r="QYS676" s="613"/>
      <c r="QYT676" s="613"/>
      <c r="QYU676" s="613"/>
      <c r="QYV676" s="613"/>
      <c r="QYW676" s="613"/>
      <c r="QYX676" s="613"/>
      <c r="QYY676" s="613"/>
      <c r="QYZ676" s="613"/>
      <c r="QZA676" s="613"/>
      <c r="QZB676" s="613"/>
      <c r="QZC676" s="613"/>
      <c r="QZD676" s="613"/>
      <c r="QZE676" s="613"/>
      <c r="QZF676" s="613"/>
      <c r="QZG676" s="613"/>
      <c r="QZH676" s="613"/>
      <c r="QZI676" s="613"/>
      <c r="QZJ676" s="613"/>
      <c r="QZK676" s="613"/>
      <c r="QZL676" s="613"/>
      <c r="QZM676" s="613"/>
      <c r="QZN676" s="613"/>
      <c r="QZO676" s="613"/>
      <c r="QZP676" s="613"/>
      <c r="QZQ676" s="613"/>
      <c r="QZR676" s="613"/>
      <c r="QZS676" s="613"/>
      <c r="QZT676" s="613"/>
      <c r="QZU676" s="613"/>
      <c r="QZV676" s="613"/>
      <c r="QZW676" s="613"/>
      <c r="QZX676" s="613"/>
      <c r="QZY676" s="613"/>
      <c r="QZZ676" s="613"/>
      <c r="RAA676" s="613"/>
      <c r="RAB676" s="613"/>
      <c r="RAC676" s="613"/>
      <c r="RAD676" s="613"/>
      <c r="RAE676" s="613"/>
      <c r="RAF676" s="613"/>
      <c r="RAG676" s="613"/>
      <c r="RAH676" s="613"/>
      <c r="RAI676" s="613"/>
      <c r="RAJ676" s="613"/>
      <c r="RAK676" s="613"/>
      <c r="RAL676" s="613"/>
      <c r="RAM676" s="613"/>
      <c r="RAN676" s="613"/>
      <c r="RAO676" s="613"/>
      <c r="RAP676" s="613"/>
      <c r="RAQ676" s="613"/>
      <c r="RAR676" s="613"/>
      <c r="RAS676" s="613"/>
      <c r="RAT676" s="613"/>
      <c r="RAU676" s="613"/>
      <c r="RAV676" s="613"/>
      <c r="RAW676" s="613"/>
      <c r="RAX676" s="613"/>
      <c r="RAY676" s="613"/>
      <c r="RAZ676" s="613"/>
      <c r="RBA676" s="613"/>
      <c r="RBB676" s="613"/>
      <c r="RBC676" s="613"/>
      <c r="RBD676" s="613"/>
      <c r="RBE676" s="613"/>
      <c r="RBF676" s="613"/>
      <c r="RBG676" s="613"/>
      <c r="RBH676" s="613"/>
      <c r="RBI676" s="613"/>
      <c r="RBJ676" s="613"/>
      <c r="RBK676" s="613"/>
      <c r="RBL676" s="613"/>
      <c r="RBM676" s="613"/>
      <c r="RBN676" s="613"/>
      <c r="RBO676" s="613"/>
      <c r="RBP676" s="613"/>
      <c r="RBQ676" s="613"/>
      <c r="RBR676" s="613"/>
      <c r="RBS676" s="613"/>
      <c r="RBT676" s="613"/>
      <c r="RBU676" s="613"/>
      <c r="RBV676" s="613"/>
      <c r="RBW676" s="613"/>
      <c r="RBX676" s="613"/>
      <c r="RBY676" s="613"/>
      <c r="RBZ676" s="613"/>
      <c r="RCA676" s="613"/>
      <c r="RCB676" s="613"/>
      <c r="RCC676" s="613"/>
      <c r="RCD676" s="613"/>
      <c r="RCE676" s="613"/>
      <c r="RCF676" s="613"/>
      <c r="RCG676" s="613"/>
      <c r="RCH676" s="613"/>
      <c r="RCI676" s="613"/>
      <c r="RCJ676" s="613"/>
      <c r="RCK676" s="613"/>
      <c r="RCL676" s="613"/>
      <c r="RCM676" s="613"/>
      <c r="RCN676" s="613"/>
      <c r="RCO676" s="613"/>
      <c r="RCP676" s="613"/>
      <c r="RCQ676" s="613"/>
      <c r="RCR676" s="613"/>
      <c r="RCS676" s="613"/>
      <c r="RCT676" s="613"/>
      <c r="RCU676" s="613"/>
      <c r="RCV676" s="613"/>
      <c r="RCW676" s="613"/>
      <c r="RCX676" s="613"/>
      <c r="RCY676" s="613"/>
      <c r="RCZ676" s="613"/>
      <c r="RDA676" s="613"/>
      <c r="RDB676" s="613"/>
      <c r="RDC676" s="613"/>
      <c r="RDD676" s="613"/>
      <c r="RDE676" s="613"/>
      <c r="RDF676" s="613"/>
      <c r="RDG676" s="613"/>
      <c r="RDH676" s="613"/>
      <c r="RDI676" s="613"/>
      <c r="RDJ676" s="613"/>
      <c r="RDK676" s="613"/>
      <c r="RDL676" s="613"/>
      <c r="RDM676" s="613"/>
      <c r="RDN676" s="613"/>
      <c r="RDO676" s="613"/>
      <c r="RDP676" s="613"/>
      <c r="RDQ676" s="613"/>
      <c r="RDR676" s="613"/>
      <c r="RDS676" s="613"/>
      <c r="RDT676" s="613"/>
      <c r="RDU676" s="613"/>
      <c r="RDV676" s="613"/>
      <c r="RDW676" s="613"/>
      <c r="RDX676" s="613"/>
      <c r="RDY676" s="613"/>
      <c r="RDZ676" s="613"/>
      <c r="REA676" s="613"/>
      <c r="REB676" s="613"/>
      <c r="REC676" s="613"/>
      <c r="RED676" s="613"/>
      <c r="REE676" s="613"/>
      <c r="REF676" s="613"/>
      <c r="REG676" s="613"/>
      <c r="REH676" s="613"/>
      <c r="REI676" s="613"/>
      <c r="REJ676" s="613"/>
      <c r="REK676" s="613"/>
      <c r="REL676" s="613"/>
      <c r="REM676" s="613"/>
      <c r="REN676" s="613"/>
      <c r="REO676" s="613"/>
      <c r="REP676" s="613"/>
      <c r="REQ676" s="613"/>
      <c r="RER676" s="613"/>
      <c r="RES676" s="613"/>
      <c r="RET676" s="613"/>
      <c r="REU676" s="613"/>
      <c r="REV676" s="613"/>
      <c r="REW676" s="613"/>
      <c r="REX676" s="613"/>
      <c r="REY676" s="613"/>
      <c r="REZ676" s="613"/>
      <c r="RFA676" s="613"/>
      <c r="RFB676" s="613"/>
      <c r="RFC676" s="613"/>
      <c r="RFD676" s="613"/>
      <c r="RFE676" s="613"/>
      <c r="RFF676" s="613"/>
      <c r="RFG676" s="613"/>
      <c r="RFH676" s="613"/>
      <c r="RFI676" s="613"/>
      <c r="RFJ676" s="613"/>
      <c r="RFK676" s="613"/>
      <c r="RFL676" s="613"/>
      <c r="RFM676" s="613"/>
      <c r="RFN676" s="613"/>
      <c r="RFO676" s="613"/>
      <c r="RFP676" s="613"/>
      <c r="RFQ676" s="613"/>
      <c r="RFR676" s="613"/>
      <c r="RFS676" s="613"/>
      <c r="RFT676" s="613"/>
      <c r="RFU676" s="613"/>
      <c r="RFV676" s="613"/>
      <c r="RFW676" s="613"/>
      <c r="RFX676" s="613"/>
      <c r="RFY676" s="613"/>
      <c r="RFZ676" s="613"/>
      <c r="RGA676" s="613"/>
      <c r="RGB676" s="613"/>
      <c r="RGC676" s="613"/>
      <c r="RGD676" s="613"/>
      <c r="RGE676" s="613"/>
      <c r="RGF676" s="613"/>
      <c r="RGG676" s="613"/>
      <c r="RGH676" s="613"/>
      <c r="RGI676" s="613"/>
      <c r="RGJ676" s="613"/>
      <c r="RGK676" s="613"/>
      <c r="RGL676" s="613"/>
      <c r="RGM676" s="613"/>
      <c r="RGN676" s="613"/>
      <c r="RGO676" s="613"/>
      <c r="RGP676" s="613"/>
      <c r="RGQ676" s="613"/>
      <c r="RGR676" s="613"/>
      <c r="RGS676" s="613"/>
      <c r="RGT676" s="613"/>
      <c r="RGU676" s="613"/>
      <c r="RGV676" s="613"/>
      <c r="RGW676" s="613"/>
      <c r="RGX676" s="613"/>
      <c r="RGY676" s="613"/>
      <c r="RGZ676" s="613"/>
      <c r="RHA676" s="613"/>
      <c r="RHB676" s="613"/>
      <c r="RHC676" s="613"/>
      <c r="RHD676" s="613"/>
      <c r="RHE676" s="613"/>
      <c r="RHF676" s="613"/>
      <c r="RHG676" s="613"/>
      <c r="RHH676" s="613"/>
      <c r="RHI676" s="613"/>
      <c r="RHJ676" s="613"/>
      <c r="RHK676" s="613"/>
      <c r="RHL676" s="613"/>
      <c r="RHM676" s="613"/>
      <c r="RHN676" s="613"/>
      <c r="RHO676" s="613"/>
      <c r="RHP676" s="613"/>
      <c r="RHQ676" s="613"/>
      <c r="RHR676" s="613"/>
      <c r="RHS676" s="613"/>
      <c r="RHT676" s="613"/>
      <c r="RHU676" s="613"/>
      <c r="RHV676" s="613"/>
      <c r="RHW676" s="613"/>
      <c r="RHX676" s="613"/>
      <c r="RHY676" s="613"/>
      <c r="RHZ676" s="613"/>
      <c r="RIA676" s="613"/>
      <c r="RIB676" s="613"/>
      <c r="RIC676" s="613"/>
      <c r="RID676" s="613"/>
      <c r="RIE676" s="613"/>
      <c r="RIF676" s="613"/>
      <c r="RIG676" s="613"/>
      <c r="RIH676" s="613"/>
      <c r="RII676" s="613"/>
      <c r="RIJ676" s="613"/>
      <c r="RIK676" s="613"/>
      <c r="RIL676" s="613"/>
      <c r="RIM676" s="613"/>
      <c r="RIN676" s="613"/>
      <c r="RIO676" s="613"/>
      <c r="RIP676" s="613"/>
      <c r="RIQ676" s="613"/>
      <c r="RIR676" s="613"/>
      <c r="RIS676" s="613"/>
      <c r="RIT676" s="613"/>
      <c r="RIU676" s="613"/>
      <c r="RIV676" s="613"/>
      <c r="RIW676" s="613"/>
      <c r="RIX676" s="613"/>
      <c r="RIY676" s="613"/>
      <c r="RIZ676" s="613"/>
      <c r="RJA676" s="613"/>
      <c r="RJB676" s="613"/>
      <c r="RJC676" s="613"/>
      <c r="RJD676" s="613"/>
      <c r="RJE676" s="613"/>
      <c r="RJF676" s="613"/>
      <c r="RJG676" s="613"/>
      <c r="RJH676" s="613"/>
      <c r="RJI676" s="613"/>
      <c r="RJJ676" s="613"/>
      <c r="RJK676" s="613"/>
      <c r="RJL676" s="613"/>
      <c r="RJM676" s="613"/>
      <c r="RJN676" s="613"/>
      <c r="RJO676" s="613"/>
      <c r="RJP676" s="613"/>
      <c r="RJQ676" s="613"/>
      <c r="RJR676" s="613"/>
      <c r="RJS676" s="613"/>
      <c r="RJT676" s="613"/>
      <c r="RJU676" s="613"/>
      <c r="RJV676" s="613"/>
      <c r="RJW676" s="613"/>
      <c r="RJX676" s="613"/>
      <c r="RJY676" s="613"/>
      <c r="RJZ676" s="613"/>
      <c r="RKA676" s="613"/>
      <c r="RKB676" s="613"/>
      <c r="RKC676" s="613"/>
      <c r="RKD676" s="613"/>
      <c r="RKE676" s="613"/>
      <c r="RKF676" s="613"/>
      <c r="RKG676" s="613"/>
      <c r="RKH676" s="613"/>
      <c r="RKI676" s="613"/>
      <c r="RKJ676" s="613"/>
      <c r="RKK676" s="613"/>
      <c r="RKL676" s="613"/>
      <c r="RKM676" s="613"/>
      <c r="RKN676" s="613"/>
      <c r="RKO676" s="613"/>
      <c r="RKP676" s="613"/>
      <c r="RKQ676" s="613"/>
      <c r="RKR676" s="613"/>
      <c r="RKS676" s="613"/>
      <c r="RKT676" s="613"/>
      <c r="RKU676" s="613"/>
      <c r="RKV676" s="613"/>
      <c r="RKW676" s="613"/>
      <c r="RKX676" s="613"/>
      <c r="RKY676" s="613"/>
      <c r="RKZ676" s="613"/>
      <c r="RLA676" s="613"/>
      <c r="RLB676" s="613"/>
      <c r="RLC676" s="613"/>
      <c r="RLD676" s="613"/>
      <c r="RLE676" s="613"/>
      <c r="RLF676" s="613"/>
      <c r="RLG676" s="613"/>
      <c r="RLH676" s="613"/>
      <c r="RLI676" s="613"/>
      <c r="RLJ676" s="613"/>
      <c r="RLK676" s="613"/>
      <c r="RLL676" s="613"/>
      <c r="RLM676" s="613"/>
      <c r="RLN676" s="613"/>
      <c r="RLO676" s="613"/>
      <c r="RLP676" s="613"/>
      <c r="RLQ676" s="613"/>
      <c r="RLR676" s="613"/>
      <c r="RLS676" s="613"/>
      <c r="RLT676" s="613"/>
      <c r="RLU676" s="613"/>
      <c r="RLV676" s="613"/>
      <c r="RLW676" s="613"/>
      <c r="RLX676" s="613"/>
      <c r="RLY676" s="613"/>
      <c r="RLZ676" s="613"/>
      <c r="RMA676" s="613"/>
      <c r="RMB676" s="613"/>
      <c r="RMC676" s="613"/>
      <c r="RMD676" s="613"/>
      <c r="RME676" s="613"/>
      <c r="RMF676" s="613"/>
      <c r="RMG676" s="613"/>
      <c r="RMH676" s="613"/>
      <c r="RMI676" s="613"/>
      <c r="RMJ676" s="613"/>
      <c r="RMK676" s="613"/>
      <c r="RML676" s="613"/>
      <c r="RMM676" s="613"/>
      <c r="RMN676" s="613"/>
      <c r="RMO676" s="613"/>
      <c r="RMP676" s="613"/>
      <c r="RMQ676" s="613"/>
      <c r="RMR676" s="613"/>
      <c r="RMS676" s="613"/>
      <c r="RMT676" s="613"/>
      <c r="RMU676" s="613"/>
      <c r="RMV676" s="613"/>
      <c r="RMW676" s="613"/>
      <c r="RMX676" s="613"/>
      <c r="RMY676" s="613"/>
      <c r="RMZ676" s="613"/>
      <c r="RNA676" s="613"/>
      <c r="RNB676" s="613"/>
      <c r="RNC676" s="613"/>
      <c r="RND676" s="613"/>
      <c r="RNE676" s="613"/>
      <c r="RNF676" s="613"/>
      <c r="RNG676" s="613"/>
      <c r="RNH676" s="613"/>
      <c r="RNI676" s="613"/>
      <c r="RNJ676" s="613"/>
      <c r="RNK676" s="613"/>
      <c r="RNL676" s="613"/>
      <c r="RNM676" s="613"/>
      <c r="RNN676" s="613"/>
      <c r="RNO676" s="613"/>
      <c r="RNP676" s="613"/>
      <c r="RNQ676" s="613"/>
      <c r="RNR676" s="613"/>
      <c r="RNS676" s="613"/>
      <c r="RNT676" s="613"/>
      <c r="RNU676" s="613"/>
      <c r="RNV676" s="613"/>
      <c r="RNW676" s="613"/>
      <c r="RNX676" s="613"/>
      <c r="RNY676" s="613"/>
      <c r="RNZ676" s="613"/>
      <c r="ROA676" s="613"/>
      <c r="ROB676" s="613"/>
      <c r="ROC676" s="613"/>
      <c r="ROD676" s="613"/>
      <c r="ROE676" s="613"/>
      <c r="ROF676" s="613"/>
      <c r="ROG676" s="613"/>
      <c r="ROH676" s="613"/>
      <c r="ROI676" s="613"/>
      <c r="ROJ676" s="613"/>
      <c r="ROK676" s="613"/>
      <c r="ROL676" s="613"/>
      <c r="ROM676" s="613"/>
      <c r="RON676" s="613"/>
      <c r="ROO676" s="613"/>
      <c r="ROP676" s="613"/>
      <c r="ROQ676" s="613"/>
      <c r="ROR676" s="613"/>
      <c r="ROS676" s="613"/>
      <c r="ROT676" s="613"/>
      <c r="ROU676" s="613"/>
      <c r="ROV676" s="613"/>
      <c r="ROW676" s="613"/>
      <c r="ROX676" s="613"/>
      <c r="ROY676" s="613"/>
      <c r="ROZ676" s="613"/>
      <c r="RPA676" s="613"/>
      <c r="RPB676" s="613"/>
      <c r="RPC676" s="613"/>
      <c r="RPD676" s="613"/>
      <c r="RPE676" s="613"/>
      <c r="RPF676" s="613"/>
      <c r="RPG676" s="613"/>
      <c r="RPH676" s="613"/>
      <c r="RPI676" s="613"/>
      <c r="RPJ676" s="613"/>
      <c r="RPK676" s="613"/>
      <c r="RPL676" s="613"/>
      <c r="RPM676" s="613"/>
      <c r="RPN676" s="613"/>
      <c r="RPO676" s="613"/>
      <c r="RPP676" s="613"/>
      <c r="RPQ676" s="613"/>
      <c r="RPR676" s="613"/>
      <c r="RPS676" s="613"/>
      <c r="RPT676" s="613"/>
      <c r="RPU676" s="613"/>
      <c r="RPV676" s="613"/>
      <c r="RPW676" s="613"/>
      <c r="RPX676" s="613"/>
      <c r="RPY676" s="613"/>
      <c r="RPZ676" s="613"/>
      <c r="RQA676" s="613"/>
      <c r="RQB676" s="613"/>
      <c r="RQC676" s="613"/>
      <c r="RQD676" s="613"/>
      <c r="RQE676" s="613"/>
      <c r="RQF676" s="613"/>
      <c r="RQG676" s="613"/>
      <c r="RQH676" s="613"/>
      <c r="RQI676" s="613"/>
      <c r="RQJ676" s="613"/>
      <c r="RQK676" s="613"/>
      <c r="RQL676" s="613"/>
      <c r="RQM676" s="613"/>
      <c r="RQN676" s="613"/>
      <c r="RQO676" s="613"/>
      <c r="RQP676" s="613"/>
      <c r="RQQ676" s="613"/>
      <c r="RQR676" s="613"/>
      <c r="RQS676" s="613"/>
      <c r="RQT676" s="613"/>
      <c r="RQU676" s="613"/>
      <c r="RQV676" s="613"/>
      <c r="RQW676" s="613"/>
      <c r="RQX676" s="613"/>
      <c r="RQY676" s="613"/>
      <c r="RQZ676" s="613"/>
      <c r="RRA676" s="613"/>
      <c r="RRB676" s="613"/>
      <c r="RRC676" s="613"/>
      <c r="RRD676" s="613"/>
      <c r="RRE676" s="613"/>
      <c r="RRF676" s="613"/>
      <c r="RRG676" s="613"/>
      <c r="RRH676" s="613"/>
      <c r="RRI676" s="613"/>
      <c r="RRJ676" s="613"/>
      <c r="RRK676" s="613"/>
      <c r="RRL676" s="613"/>
      <c r="RRM676" s="613"/>
      <c r="RRN676" s="613"/>
      <c r="RRO676" s="613"/>
      <c r="RRP676" s="613"/>
      <c r="RRQ676" s="613"/>
      <c r="RRR676" s="613"/>
      <c r="RRS676" s="613"/>
      <c r="RRT676" s="613"/>
      <c r="RRU676" s="613"/>
      <c r="RRV676" s="613"/>
      <c r="RRW676" s="613"/>
      <c r="RRX676" s="613"/>
      <c r="RRY676" s="613"/>
      <c r="RRZ676" s="613"/>
      <c r="RSA676" s="613"/>
      <c r="RSB676" s="613"/>
      <c r="RSC676" s="613"/>
      <c r="RSD676" s="613"/>
      <c r="RSE676" s="613"/>
      <c r="RSF676" s="613"/>
      <c r="RSG676" s="613"/>
      <c r="RSH676" s="613"/>
      <c r="RSI676" s="613"/>
      <c r="RSJ676" s="613"/>
      <c r="RSK676" s="613"/>
      <c r="RSL676" s="613"/>
      <c r="RSM676" s="613"/>
      <c r="RSN676" s="613"/>
      <c r="RSO676" s="613"/>
      <c r="RSP676" s="613"/>
      <c r="RSQ676" s="613"/>
      <c r="RSR676" s="613"/>
      <c r="RSS676" s="613"/>
      <c r="RST676" s="613"/>
      <c r="RSU676" s="613"/>
      <c r="RSV676" s="613"/>
      <c r="RSW676" s="613"/>
      <c r="RSX676" s="613"/>
      <c r="RSY676" s="613"/>
      <c r="RSZ676" s="613"/>
      <c r="RTA676" s="613"/>
      <c r="RTB676" s="613"/>
      <c r="RTC676" s="613"/>
      <c r="RTD676" s="613"/>
      <c r="RTE676" s="613"/>
      <c r="RTF676" s="613"/>
      <c r="RTG676" s="613"/>
      <c r="RTH676" s="613"/>
      <c r="RTI676" s="613"/>
      <c r="RTJ676" s="613"/>
      <c r="RTK676" s="613"/>
      <c r="RTL676" s="613"/>
      <c r="RTM676" s="613"/>
      <c r="RTN676" s="613"/>
      <c r="RTO676" s="613"/>
      <c r="RTP676" s="613"/>
      <c r="RTQ676" s="613"/>
      <c r="RTR676" s="613"/>
      <c r="RTS676" s="613"/>
      <c r="RTT676" s="613"/>
      <c r="RTU676" s="613"/>
      <c r="RTV676" s="613"/>
      <c r="RTW676" s="613"/>
      <c r="RTX676" s="613"/>
      <c r="RTY676" s="613"/>
      <c r="RTZ676" s="613"/>
      <c r="RUA676" s="613"/>
      <c r="RUB676" s="613"/>
      <c r="RUC676" s="613"/>
      <c r="RUD676" s="613"/>
      <c r="RUE676" s="613"/>
      <c r="RUF676" s="613"/>
      <c r="RUG676" s="613"/>
      <c r="RUH676" s="613"/>
      <c r="RUI676" s="613"/>
      <c r="RUJ676" s="613"/>
      <c r="RUK676" s="613"/>
      <c r="RUL676" s="613"/>
      <c r="RUM676" s="613"/>
      <c r="RUN676" s="613"/>
      <c r="RUO676" s="613"/>
      <c r="RUP676" s="613"/>
      <c r="RUQ676" s="613"/>
      <c r="RUR676" s="613"/>
      <c r="RUS676" s="613"/>
      <c r="RUT676" s="613"/>
      <c r="RUU676" s="613"/>
      <c r="RUV676" s="613"/>
      <c r="RUW676" s="613"/>
      <c r="RUX676" s="613"/>
      <c r="RUY676" s="613"/>
      <c r="RUZ676" s="613"/>
      <c r="RVA676" s="613"/>
      <c r="RVB676" s="613"/>
      <c r="RVC676" s="613"/>
      <c r="RVD676" s="613"/>
      <c r="RVE676" s="613"/>
      <c r="RVF676" s="613"/>
      <c r="RVG676" s="613"/>
      <c r="RVH676" s="613"/>
      <c r="RVI676" s="613"/>
      <c r="RVJ676" s="613"/>
      <c r="RVK676" s="613"/>
      <c r="RVL676" s="613"/>
      <c r="RVM676" s="613"/>
      <c r="RVN676" s="613"/>
      <c r="RVO676" s="613"/>
      <c r="RVP676" s="613"/>
      <c r="RVQ676" s="613"/>
      <c r="RVR676" s="613"/>
      <c r="RVS676" s="613"/>
      <c r="RVT676" s="613"/>
      <c r="RVU676" s="613"/>
      <c r="RVV676" s="613"/>
      <c r="RVW676" s="613"/>
      <c r="RVX676" s="613"/>
      <c r="RVY676" s="613"/>
      <c r="RVZ676" s="613"/>
      <c r="RWA676" s="613"/>
      <c r="RWB676" s="613"/>
      <c r="RWC676" s="613"/>
      <c r="RWD676" s="613"/>
      <c r="RWE676" s="613"/>
      <c r="RWF676" s="613"/>
      <c r="RWG676" s="613"/>
      <c r="RWH676" s="613"/>
      <c r="RWI676" s="613"/>
      <c r="RWJ676" s="613"/>
      <c r="RWK676" s="613"/>
      <c r="RWL676" s="613"/>
      <c r="RWM676" s="613"/>
      <c r="RWN676" s="613"/>
      <c r="RWO676" s="613"/>
      <c r="RWP676" s="613"/>
      <c r="RWQ676" s="613"/>
      <c r="RWR676" s="613"/>
      <c r="RWS676" s="613"/>
      <c r="RWT676" s="613"/>
      <c r="RWU676" s="613"/>
      <c r="RWV676" s="613"/>
      <c r="RWW676" s="613"/>
      <c r="RWX676" s="613"/>
      <c r="RWY676" s="613"/>
      <c r="RWZ676" s="613"/>
      <c r="RXA676" s="613"/>
      <c r="RXB676" s="613"/>
      <c r="RXC676" s="613"/>
      <c r="RXD676" s="613"/>
      <c r="RXE676" s="613"/>
      <c r="RXF676" s="613"/>
      <c r="RXG676" s="613"/>
      <c r="RXH676" s="613"/>
      <c r="RXI676" s="613"/>
      <c r="RXJ676" s="613"/>
      <c r="RXK676" s="613"/>
      <c r="RXL676" s="613"/>
      <c r="RXM676" s="613"/>
      <c r="RXN676" s="613"/>
      <c r="RXO676" s="613"/>
      <c r="RXP676" s="613"/>
      <c r="RXQ676" s="613"/>
      <c r="RXR676" s="613"/>
      <c r="RXS676" s="613"/>
      <c r="RXT676" s="613"/>
      <c r="RXU676" s="613"/>
      <c r="RXV676" s="613"/>
      <c r="RXW676" s="613"/>
      <c r="RXX676" s="613"/>
      <c r="RXY676" s="613"/>
      <c r="RXZ676" s="613"/>
      <c r="RYA676" s="613"/>
      <c r="RYB676" s="613"/>
      <c r="RYC676" s="613"/>
      <c r="RYD676" s="613"/>
      <c r="RYE676" s="613"/>
      <c r="RYF676" s="613"/>
      <c r="RYG676" s="613"/>
      <c r="RYH676" s="613"/>
      <c r="RYI676" s="613"/>
      <c r="RYJ676" s="613"/>
      <c r="RYK676" s="613"/>
      <c r="RYL676" s="613"/>
      <c r="RYM676" s="613"/>
      <c r="RYN676" s="613"/>
      <c r="RYO676" s="613"/>
      <c r="RYP676" s="613"/>
      <c r="RYQ676" s="613"/>
      <c r="RYR676" s="613"/>
      <c r="RYS676" s="613"/>
      <c r="RYT676" s="613"/>
      <c r="RYU676" s="613"/>
      <c r="RYV676" s="613"/>
      <c r="RYW676" s="613"/>
      <c r="RYX676" s="613"/>
      <c r="RYY676" s="613"/>
      <c r="RYZ676" s="613"/>
      <c r="RZA676" s="613"/>
      <c r="RZB676" s="613"/>
      <c r="RZC676" s="613"/>
      <c r="RZD676" s="613"/>
      <c r="RZE676" s="613"/>
      <c r="RZF676" s="613"/>
      <c r="RZG676" s="613"/>
      <c r="RZH676" s="613"/>
      <c r="RZI676" s="613"/>
      <c r="RZJ676" s="613"/>
      <c r="RZK676" s="613"/>
      <c r="RZL676" s="613"/>
      <c r="RZM676" s="613"/>
      <c r="RZN676" s="613"/>
      <c r="RZO676" s="613"/>
      <c r="RZP676" s="613"/>
      <c r="RZQ676" s="613"/>
      <c r="RZR676" s="613"/>
      <c r="RZS676" s="613"/>
      <c r="RZT676" s="613"/>
      <c r="RZU676" s="613"/>
      <c r="RZV676" s="613"/>
      <c r="RZW676" s="613"/>
      <c r="RZX676" s="613"/>
      <c r="RZY676" s="613"/>
      <c r="RZZ676" s="613"/>
      <c r="SAA676" s="613"/>
      <c r="SAB676" s="613"/>
      <c r="SAC676" s="613"/>
      <c r="SAD676" s="613"/>
      <c r="SAE676" s="613"/>
      <c r="SAF676" s="613"/>
      <c r="SAG676" s="613"/>
      <c r="SAH676" s="613"/>
      <c r="SAI676" s="613"/>
      <c r="SAJ676" s="613"/>
      <c r="SAK676" s="613"/>
      <c r="SAL676" s="613"/>
      <c r="SAM676" s="613"/>
      <c r="SAN676" s="613"/>
      <c r="SAO676" s="613"/>
      <c r="SAP676" s="613"/>
      <c r="SAQ676" s="613"/>
      <c r="SAR676" s="613"/>
      <c r="SAS676" s="613"/>
      <c r="SAT676" s="613"/>
      <c r="SAU676" s="613"/>
      <c r="SAV676" s="613"/>
      <c r="SAW676" s="613"/>
      <c r="SAX676" s="613"/>
      <c r="SAY676" s="613"/>
      <c r="SAZ676" s="613"/>
      <c r="SBA676" s="613"/>
      <c r="SBB676" s="613"/>
      <c r="SBC676" s="613"/>
      <c r="SBD676" s="613"/>
      <c r="SBE676" s="613"/>
      <c r="SBF676" s="613"/>
      <c r="SBG676" s="613"/>
      <c r="SBH676" s="613"/>
      <c r="SBI676" s="613"/>
      <c r="SBJ676" s="613"/>
      <c r="SBK676" s="613"/>
      <c r="SBL676" s="613"/>
      <c r="SBM676" s="613"/>
      <c r="SBN676" s="613"/>
      <c r="SBO676" s="613"/>
      <c r="SBP676" s="613"/>
      <c r="SBQ676" s="613"/>
      <c r="SBR676" s="613"/>
      <c r="SBS676" s="613"/>
      <c r="SBT676" s="613"/>
      <c r="SBU676" s="613"/>
      <c r="SBV676" s="613"/>
      <c r="SBW676" s="613"/>
      <c r="SBX676" s="613"/>
      <c r="SBY676" s="613"/>
      <c r="SBZ676" s="613"/>
      <c r="SCA676" s="613"/>
      <c r="SCB676" s="613"/>
      <c r="SCC676" s="613"/>
      <c r="SCD676" s="613"/>
      <c r="SCE676" s="613"/>
      <c r="SCF676" s="613"/>
      <c r="SCG676" s="613"/>
      <c r="SCH676" s="613"/>
      <c r="SCI676" s="613"/>
      <c r="SCJ676" s="613"/>
      <c r="SCK676" s="613"/>
      <c r="SCL676" s="613"/>
      <c r="SCM676" s="613"/>
      <c r="SCN676" s="613"/>
      <c r="SCO676" s="613"/>
      <c r="SCP676" s="613"/>
      <c r="SCQ676" s="613"/>
      <c r="SCR676" s="613"/>
      <c r="SCS676" s="613"/>
      <c r="SCT676" s="613"/>
      <c r="SCU676" s="613"/>
      <c r="SCV676" s="613"/>
      <c r="SCW676" s="613"/>
      <c r="SCX676" s="613"/>
      <c r="SCY676" s="613"/>
      <c r="SCZ676" s="613"/>
      <c r="SDA676" s="613"/>
      <c r="SDB676" s="613"/>
      <c r="SDC676" s="613"/>
      <c r="SDD676" s="613"/>
      <c r="SDE676" s="613"/>
      <c r="SDF676" s="613"/>
      <c r="SDG676" s="613"/>
      <c r="SDH676" s="613"/>
      <c r="SDI676" s="613"/>
      <c r="SDJ676" s="613"/>
      <c r="SDK676" s="613"/>
      <c r="SDL676" s="613"/>
      <c r="SDM676" s="613"/>
      <c r="SDN676" s="613"/>
      <c r="SDO676" s="613"/>
      <c r="SDP676" s="613"/>
      <c r="SDQ676" s="613"/>
      <c r="SDR676" s="613"/>
      <c r="SDS676" s="613"/>
      <c r="SDT676" s="613"/>
      <c r="SDU676" s="613"/>
      <c r="SDV676" s="613"/>
      <c r="SDW676" s="613"/>
      <c r="SDX676" s="613"/>
      <c r="SDY676" s="613"/>
      <c r="SDZ676" s="613"/>
      <c r="SEA676" s="613"/>
      <c r="SEB676" s="613"/>
      <c r="SEC676" s="613"/>
      <c r="SED676" s="613"/>
      <c r="SEE676" s="613"/>
      <c r="SEF676" s="613"/>
      <c r="SEG676" s="613"/>
      <c r="SEH676" s="613"/>
      <c r="SEI676" s="613"/>
      <c r="SEJ676" s="613"/>
      <c r="SEK676" s="613"/>
      <c r="SEL676" s="613"/>
      <c r="SEM676" s="613"/>
      <c r="SEN676" s="613"/>
      <c r="SEO676" s="613"/>
      <c r="SEP676" s="613"/>
      <c r="SEQ676" s="613"/>
      <c r="SER676" s="613"/>
      <c r="SES676" s="613"/>
      <c r="SET676" s="613"/>
      <c r="SEU676" s="613"/>
      <c r="SEV676" s="613"/>
      <c r="SEW676" s="613"/>
      <c r="SEX676" s="613"/>
      <c r="SEY676" s="613"/>
      <c r="SEZ676" s="613"/>
      <c r="SFA676" s="613"/>
      <c r="SFB676" s="613"/>
      <c r="SFC676" s="613"/>
      <c r="SFD676" s="613"/>
      <c r="SFE676" s="613"/>
      <c r="SFF676" s="613"/>
      <c r="SFG676" s="613"/>
      <c r="SFH676" s="613"/>
      <c r="SFI676" s="613"/>
      <c r="SFJ676" s="613"/>
      <c r="SFK676" s="613"/>
      <c r="SFL676" s="613"/>
      <c r="SFM676" s="613"/>
      <c r="SFN676" s="613"/>
      <c r="SFO676" s="613"/>
      <c r="SFP676" s="613"/>
      <c r="SFQ676" s="613"/>
      <c r="SFR676" s="613"/>
      <c r="SFS676" s="613"/>
      <c r="SFT676" s="613"/>
      <c r="SFU676" s="613"/>
      <c r="SFV676" s="613"/>
      <c r="SFW676" s="613"/>
      <c r="SFX676" s="613"/>
      <c r="SFY676" s="613"/>
      <c r="SFZ676" s="613"/>
      <c r="SGA676" s="613"/>
      <c r="SGB676" s="613"/>
      <c r="SGC676" s="613"/>
      <c r="SGD676" s="613"/>
      <c r="SGE676" s="613"/>
      <c r="SGF676" s="613"/>
      <c r="SGG676" s="613"/>
      <c r="SGH676" s="613"/>
      <c r="SGI676" s="613"/>
      <c r="SGJ676" s="613"/>
      <c r="SGK676" s="613"/>
      <c r="SGL676" s="613"/>
      <c r="SGM676" s="613"/>
      <c r="SGN676" s="613"/>
      <c r="SGO676" s="613"/>
      <c r="SGP676" s="613"/>
      <c r="SGQ676" s="613"/>
      <c r="SGR676" s="613"/>
      <c r="SGS676" s="613"/>
      <c r="SGT676" s="613"/>
      <c r="SGU676" s="613"/>
      <c r="SGV676" s="613"/>
      <c r="SGW676" s="613"/>
      <c r="SGX676" s="613"/>
      <c r="SGY676" s="613"/>
      <c r="SGZ676" s="613"/>
      <c r="SHA676" s="613"/>
      <c r="SHB676" s="613"/>
      <c r="SHC676" s="613"/>
      <c r="SHD676" s="613"/>
      <c r="SHE676" s="613"/>
      <c r="SHF676" s="613"/>
      <c r="SHG676" s="613"/>
      <c r="SHH676" s="613"/>
      <c r="SHI676" s="613"/>
      <c r="SHJ676" s="613"/>
      <c r="SHK676" s="613"/>
      <c r="SHL676" s="613"/>
      <c r="SHM676" s="613"/>
      <c r="SHN676" s="613"/>
      <c r="SHO676" s="613"/>
      <c r="SHP676" s="613"/>
      <c r="SHQ676" s="613"/>
      <c r="SHR676" s="613"/>
      <c r="SHS676" s="613"/>
      <c r="SHT676" s="613"/>
      <c r="SHU676" s="613"/>
      <c r="SHV676" s="613"/>
      <c r="SHW676" s="613"/>
      <c r="SHX676" s="613"/>
      <c r="SHY676" s="613"/>
      <c r="SHZ676" s="613"/>
      <c r="SIA676" s="613"/>
      <c r="SIB676" s="613"/>
      <c r="SIC676" s="613"/>
      <c r="SID676" s="613"/>
      <c r="SIE676" s="613"/>
      <c r="SIF676" s="613"/>
      <c r="SIG676" s="613"/>
      <c r="SIH676" s="613"/>
      <c r="SII676" s="613"/>
      <c r="SIJ676" s="613"/>
      <c r="SIK676" s="613"/>
      <c r="SIL676" s="613"/>
      <c r="SIM676" s="613"/>
      <c r="SIN676" s="613"/>
      <c r="SIO676" s="613"/>
      <c r="SIP676" s="613"/>
      <c r="SIQ676" s="613"/>
      <c r="SIR676" s="613"/>
      <c r="SIS676" s="613"/>
      <c r="SIT676" s="613"/>
      <c r="SIU676" s="613"/>
      <c r="SIV676" s="613"/>
      <c r="SIW676" s="613"/>
      <c r="SIX676" s="613"/>
      <c r="SIY676" s="613"/>
      <c r="SIZ676" s="613"/>
      <c r="SJA676" s="613"/>
      <c r="SJB676" s="613"/>
      <c r="SJC676" s="613"/>
      <c r="SJD676" s="613"/>
      <c r="SJE676" s="613"/>
      <c r="SJF676" s="613"/>
      <c r="SJG676" s="613"/>
      <c r="SJH676" s="613"/>
      <c r="SJI676" s="613"/>
      <c r="SJJ676" s="613"/>
      <c r="SJK676" s="613"/>
      <c r="SJL676" s="613"/>
      <c r="SJM676" s="613"/>
      <c r="SJN676" s="613"/>
      <c r="SJO676" s="613"/>
      <c r="SJP676" s="613"/>
      <c r="SJQ676" s="613"/>
      <c r="SJR676" s="613"/>
      <c r="SJS676" s="613"/>
      <c r="SJT676" s="613"/>
      <c r="SJU676" s="613"/>
      <c r="SJV676" s="613"/>
      <c r="SJW676" s="613"/>
      <c r="SJX676" s="613"/>
      <c r="SJY676" s="613"/>
      <c r="SJZ676" s="613"/>
      <c r="SKA676" s="613"/>
      <c r="SKB676" s="613"/>
      <c r="SKC676" s="613"/>
      <c r="SKD676" s="613"/>
      <c r="SKE676" s="613"/>
      <c r="SKF676" s="613"/>
      <c r="SKG676" s="613"/>
      <c r="SKH676" s="613"/>
      <c r="SKI676" s="613"/>
      <c r="SKJ676" s="613"/>
      <c r="SKK676" s="613"/>
      <c r="SKL676" s="613"/>
      <c r="SKM676" s="613"/>
      <c r="SKN676" s="613"/>
      <c r="SKO676" s="613"/>
      <c r="SKP676" s="613"/>
      <c r="SKQ676" s="613"/>
      <c r="SKR676" s="613"/>
      <c r="SKS676" s="613"/>
      <c r="SKT676" s="613"/>
      <c r="SKU676" s="613"/>
      <c r="SKV676" s="613"/>
      <c r="SKW676" s="613"/>
      <c r="SKX676" s="613"/>
      <c r="SKY676" s="613"/>
      <c r="SKZ676" s="613"/>
      <c r="SLA676" s="613"/>
      <c r="SLB676" s="613"/>
      <c r="SLC676" s="613"/>
      <c r="SLD676" s="613"/>
      <c r="SLE676" s="613"/>
      <c r="SLF676" s="613"/>
      <c r="SLG676" s="613"/>
      <c r="SLH676" s="613"/>
      <c r="SLI676" s="613"/>
      <c r="SLJ676" s="613"/>
      <c r="SLK676" s="613"/>
      <c r="SLL676" s="613"/>
      <c r="SLM676" s="613"/>
      <c r="SLN676" s="613"/>
      <c r="SLO676" s="613"/>
      <c r="SLP676" s="613"/>
      <c r="SLQ676" s="613"/>
      <c r="SLR676" s="613"/>
      <c r="SLS676" s="613"/>
      <c r="SLT676" s="613"/>
      <c r="SLU676" s="613"/>
      <c r="SLV676" s="613"/>
      <c r="SLW676" s="613"/>
      <c r="SLX676" s="613"/>
      <c r="SLY676" s="613"/>
      <c r="SLZ676" s="613"/>
      <c r="SMA676" s="613"/>
      <c r="SMB676" s="613"/>
      <c r="SMC676" s="613"/>
      <c r="SMD676" s="613"/>
      <c r="SME676" s="613"/>
      <c r="SMF676" s="613"/>
      <c r="SMG676" s="613"/>
      <c r="SMH676" s="613"/>
      <c r="SMI676" s="613"/>
      <c r="SMJ676" s="613"/>
      <c r="SMK676" s="613"/>
      <c r="SML676" s="613"/>
      <c r="SMM676" s="613"/>
      <c r="SMN676" s="613"/>
      <c r="SMO676" s="613"/>
      <c r="SMP676" s="613"/>
      <c r="SMQ676" s="613"/>
      <c r="SMR676" s="613"/>
      <c r="SMS676" s="613"/>
      <c r="SMT676" s="613"/>
      <c r="SMU676" s="613"/>
      <c r="SMV676" s="613"/>
      <c r="SMW676" s="613"/>
      <c r="SMX676" s="613"/>
      <c r="SMY676" s="613"/>
      <c r="SMZ676" s="613"/>
      <c r="SNA676" s="613"/>
      <c r="SNB676" s="613"/>
      <c r="SNC676" s="613"/>
      <c r="SND676" s="613"/>
      <c r="SNE676" s="613"/>
      <c r="SNF676" s="613"/>
      <c r="SNG676" s="613"/>
      <c r="SNH676" s="613"/>
      <c r="SNI676" s="613"/>
      <c r="SNJ676" s="613"/>
      <c r="SNK676" s="613"/>
      <c r="SNL676" s="613"/>
      <c r="SNM676" s="613"/>
      <c r="SNN676" s="613"/>
      <c r="SNO676" s="613"/>
      <c r="SNP676" s="613"/>
      <c r="SNQ676" s="613"/>
      <c r="SNR676" s="613"/>
      <c r="SNS676" s="613"/>
      <c r="SNT676" s="613"/>
      <c r="SNU676" s="613"/>
      <c r="SNV676" s="613"/>
      <c r="SNW676" s="613"/>
      <c r="SNX676" s="613"/>
      <c r="SNY676" s="613"/>
      <c r="SNZ676" s="613"/>
      <c r="SOA676" s="613"/>
      <c r="SOB676" s="613"/>
      <c r="SOC676" s="613"/>
      <c r="SOD676" s="613"/>
      <c r="SOE676" s="613"/>
      <c r="SOF676" s="613"/>
      <c r="SOG676" s="613"/>
      <c r="SOH676" s="613"/>
      <c r="SOI676" s="613"/>
      <c r="SOJ676" s="613"/>
      <c r="SOK676" s="613"/>
      <c r="SOL676" s="613"/>
      <c r="SOM676" s="613"/>
      <c r="SON676" s="613"/>
      <c r="SOO676" s="613"/>
      <c r="SOP676" s="613"/>
      <c r="SOQ676" s="613"/>
      <c r="SOR676" s="613"/>
      <c r="SOS676" s="613"/>
      <c r="SOT676" s="613"/>
      <c r="SOU676" s="613"/>
      <c r="SOV676" s="613"/>
      <c r="SOW676" s="613"/>
      <c r="SOX676" s="613"/>
      <c r="SOY676" s="613"/>
      <c r="SOZ676" s="613"/>
      <c r="SPA676" s="613"/>
      <c r="SPB676" s="613"/>
      <c r="SPC676" s="613"/>
      <c r="SPD676" s="613"/>
      <c r="SPE676" s="613"/>
      <c r="SPF676" s="613"/>
      <c r="SPG676" s="613"/>
      <c r="SPH676" s="613"/>
      <c r="SPI676" s="613"/>
      <c r="SPJ676" s="613"/>
      <c r="SPK676" s="613"/>
      <c r="SPL676" s="613"/>
      <c r="SPM676" s="613"/>
      <c r="SPN676" s="613"/>
      <c r="SPO676" s="613"/>
      <c r="SPP676" s="613"/>
      <c r="SPQ676" s="613"/>
      <c r="SPR676" s="613"/>
      <c r="SPS676" s="613"/>
      <c r="SPT676" s="613"/>
      <c r="SPU676" s="613"/>
      <c r="SPV676" s="613"/>
      <c r="SPW676" s="613"/>
      <c r="SPX676" s="613"/>
      <c r="SPY676" s="613"/>
      <c r="SPZ676" s="613"/>
      <c r="SQA676" s="613"/>
      <c r="SQB676" s="613"/>
      <c r="SQC676" s="613"/>
      <c r="SQD676" s="613"/>
      <c r="SQE676" s="613"/>
      <c r="SQF676" s="613"/>
      <c r="SQG676" s="613"/>
      <c r="SQH676" s="613"/>
      <c r="SQI676" s="613"/>
      <c r="SQJ676" s="613"/>
      <c r="SQK676" s="613"/>
      <c r="SQL676" s="613"/>
      <c r="SQM676" s="613"/>
      <c r="SQN676" s="613"/>
      <c r="SQO676" s="613"/>
      <c r="SQP676" s="613"/>
      <c r="SQQ676" s="613"/>
      <c r="SQR676" s="613"/>
      <c r="SQS676" s="613"/>
      <c r="SQT676" s="613"/>
      <c r="SQU676" s="613"/>
      <c r="SQV676" s="613"/>
      <c r="SQW676" s="613"/>
      <c r="SQX676" s="613"/>
      <c r="SQY676" s="613"/>
      <c r="SQZ676" s="613"/>
      <c r="SRA676" s="613"/>
      <c r="SRB676" s="613"/>
      <c r="SRC676" s="613"/>
      <c r="SRD676" s="613"/>
      <c r="SRE676" s="613"/>
      <c r="SRF676" s="613"/>
      <c r="SRG676" s="613"/>
      <c r="SRH676" s="613"/>
      <c r="SRI676" s="613"/>
      <c r="SRJ676" s="613"/>
      <c r="SRK676" s="613"/>
      <c r="SRL676" s="613"/>
      <c r="SRM676" s="613"/>
      <c r="SRN676" s="613"/>
      <c r="SRO676" s="613"/>
      <c r="SRP676" s="613"/>
      <c r="SRQ676" s="613"/>
      <c r="SRR676" s="613"/>
      <c r="SRS676" s="613"/>
      <c r="SRT676" s="613"/>
      <c r="SRU676" s="613"/>
      <c r="SRV676" s="613"/>
      <c r="SRW676" s="613"/>
      <c r="SRX676" s="613"/>
      <c r="SRY676" s="613"/>
      <c r="SRZ676" s="613"/>
      <c r="SSA676" s="613"/>
      <c r="SSB676" s="613"/>
      <c r="SSC676" s="613"/>
      <c r="SSD676" s="613"/>
      <c r="SSE676" s="613"/>
      <c r="SSF676" s="613"/>
      <c r="SSG676" s="613"/>
      <c r="SSH676" s="613"/>
      <c r="SSI676" s="613"/>
      <c r="SSJ676" s="613"/>
      <c r="SSK676" s="613"/>
      <c r="SSL676" s="613"/>
      <c r="SSM676" s="613"/>
      <c r="SSN676" s="613"/>
      <c r="SSO676" s="613"/>
      <c r="SSP676" s="613"/>
      <c r="SSQ676" s="613"/>
      <c r="SSR676" s="613"/>
      <c r="SSS676" s="613"/>
      <c r="SST676" s="613"/>
      <c r="SSU676" s="613"/>
      <c r="SSV676" s="613"/>
      <c r="SSW676" s="613"/>
      <c r="SSX676" s="613"/>
      <c r="SSY676" s="613"/>
      <c r="SSZ676" s="613"/>
      <c r="STA676" s="613"/>
      <c r="STB676" s="613"/>
      <c r="STC676" s="613"/>
      <c r="STD676" s="613"/>
      <c r="STE676" s="613"/>
      <c r="STF676" s="613"/>
      <c r="STG676" s="613"/>
      <c r="STH676" s="613"/>
      <c r="STI676" s="613"/>
      <c r="STJ676" s="613"/>
      <c r="STK676" s="613"/>
      <c r="STL676" s="613"/>
      <c r="STM676" s="613"/>
      <c r="STN676" s="613"/>
      <c r="STO676" s="613"/>
      <c r="STP676" s="613"/>
      <c r="STQ676" s="613"/>
      <c r="STR676" s="613"/>
      <c r="STS676" s="613"/>
      <c r="STT676" s="613"/>
      <c r="STU676" s="613"/>
      <c r="STV676" s="613"/>
      <c r="STW676" s="613"/>
      <c r="STX676" s="613"/>
      <c r="STY676" s="613"/>
      <c r="STZ676" s="613"/>
      <c r="SUA676" s="613"/>
      <c r="SUB676" s="613"/>
      <c r="SUC676" s="613"/>
      <c r="SUD676" s="613"/>
      <c r="SUE676" s="613"/>
      <c r="SUF676" s="613"/>
      <c r="SUG676" s="613"/>
      <c r="SUH676" s="613"/>
      <c r="SUI676" s="613"/>
      <c r="SUJ676" s="613"/>
      <c r="SUK676" s="613"/>
      <c r="SUL676" s="613"/>
      <c r="SUM676" s="613"/>
      <c r="SUN676" s="613"/>
      <c r="SUO676" s="613"/>
      <c r="SUP676" s="613"/>
      <c r="SUQ676" s="613"/>
      <c r="SUR676" s="613"/>
      <c r="SUS676" s="613"/>
      <c r="SUT676" s="613"/>
      <c r="SUU676" s="613"/>
      <c r="SUV676" s="613"/>
      <c r="SUW676" s="613"/>
      <c r="SUX676" s="613"/>
      <c r="SUY676" s="613"/>
      <c r="SUZ676" s="613"/>
      <c r="SVA676" s="613"/>
      <c r="SVB676" s="613"/>
      <c r="SVC676" s="613"/>
      <c r="SVD676" s="613"/>
      <c r="SVE676" s="613"/>
      <c r="SVF676" s="613"/>
      <c r="SVG676" s="613"/>
      <c r="SVH676" s="613"/>
      <c r="SVI676" s="613"/>
      <c r="SVJ676" s="613"/>
      <c r="SVK676" s="613"/>
      <c r="SVL676" s="613"/>
      <c r="SVM676" s="613"/>
      <c r="SVN676" s="613"/>
      <c r="SVO676" s="613"/>
      <c r="SVP676" s="613"/>
      <c r="SVQ676" s="613"/>
      <c r="SVR676" s="613"/>
      <c r="SVS676" s="613"/>
      <c r="SVT676" s="613"/>
      <c r="SVU676" s="613"/>
      <c r="SVV676" s="613"/>
      <c r="SVW676" s="613"/>
      <c r="SVX676" s="613"/>
      <c r="SVY676" s="613"/>
      <c r="SVZ676" s="613"/>
      <c r="SWA676" s="613"/>
      <c r="SWB676" s="613"/>
      <c r="SWC676" s="613"/>
      <c r="SWD676" s="613"/>
      <c r="SWE676" s="613"/>
      <c r="SWF676" s="613"/>
      <c r="SWG676" s="613"/>
      <c r="SWH676" s="613"/>
      <c r="SWI676" s="613"/>
      <c r="SWJ676" s="613"/>
      <c r="SWK676" s="613"/>
      <c r="SWL676" s="613"/>
      <c r="SWM676" s="613"/>
      <c r="SWN676" s="613"/>
      <c r="SWO676" s="613"/>
      <c r="SWP676" s="613"/>
      <c r="SWQ676" s="613"/>
      <c r="SWR676" s="613"/>
      <c r="SWS676" s="613"/>
      <c r="SWT676" s="613"/>
      <c r="SWU676" s="613"/>
      <c r="SWV676" s="613"/>
      <c r="SWW676" s="613"/>
      <c r="SWX676" s="613"/>
      <c r="SWY676" s="613"/>
      <c r="SWZ676" s="613"/>
      <c r="SXA676" s="613"/>
      <c r="SXB676" s="613"/>
      <c r="SXC676" s="613"/>
      <c r="SXD676" s="613"/>
      <c r="SXE676" s="613"/>
      <c r="SXF676" s="613"/>
      <c r="SXG676" s="613"/>
      <c r="SXH676" s="613"/>
      <c r="SXI676" s="613"/>
      <c r="SXJ676" s="613"/>
      <c r="SXK676" s="613"/>
      <c r="SXL676" s="613"/>
      <c r="SXM676" s="613"/>
      <c r="SXN676" s="613"/>
      <c r="SXO676" s="613"/>
      <c r="SXP676" s="613"/>
      <c r="SXQ676" s="613"/>
      <c r="SXR676" s="613"/>
      <c r="SXS676" s="613"/>
      <c r="SXT676" s="613"/>
      <c r="SXU676" s="613"/>
      <c r="SXV676" s="613"/>
      <c r="SXW676" s="613"/>
      <c r="SXX676" s="613"/>
      <c r="SXY676" s="613"/>
      <c r="SXZ676" s="613"/>
      <c r="SYA676" s="613"/>
      <c r="SYB676" s="613"/>
      <c r="SYC676" s="613"/>
      <c r="SYD676" s="613"/>
      <c r="SYE676" s="613"/>
      <c r="SYF676" s="613"/>
      <c r="SYG676" s="613"/>
      <c r="SYH676" s="613"/>
      <c r="SYI676" s="613"/>
      <c r="SYJ676" s="613"/>
      <c r="SYK676" s="613"/>
      <c r="SYL676" s="613"/>
      <c r="SYM676" s="613"/>
      <c r="SYN676" s="613"/>
      <c r="SYO676" s="613"/>
      <c r="SYP676" s="613"/>
      <c r="SYQ676" s="613"/>
      <c r="SYR676" s="613"/>
      <c r="SYS676" s="613"/>
      <c r="SYT676" s="613"/>
      <c r="SYU676" s="613"/>
      <c r="SYV676" s="613"/>
      <c r="SYW676" s="613"/>
      <c r="SYX676" s="613"/>
      <c r="SYY676" s="613"/>
      <c r="SYZ676" s="613"/>
      <c r="SZA676" s="613"/>
      <c r="SZB676" s="613"/>
      <c r="SZC676" s="613"/>
      <c r="SZD676" s="613"/>
      <c r="SZE676" s="613"/>
      <c r="SZF676" s="613"/>
      <c r="SZG676" s="613"/>
      <c r="SZH676" s="613"/>
      <c r="SZI676" s="613"/>
      <c r="SZJ676" s="613"/>
      <c r="SZK676" s="613"/>
      <c r="SZL676" s="613"/>
      <c r="SZM676" s="613"/>
      <c r="SZN676" s="613"/>
      <c r="SZO676" s="613"/>
      <c r="SZP676" s="613"/>
      <c r="SZQ676" s="613"/>
      <c r="SZR676" s="613"/>
      <c r="SZS676" s="613"/>
      <c r="SZT676" s="613"/>
      <c r="SZU676" s="613"/>
      <c r="SZV676" s="613"/>
      <c r="SZW676" s="613"/>
      <c r="SZX676" s="613"/>
      <c r="SZY676" s="613"/>
      <c r="SZZ676" s="613"/>
      <c r="TAA676" s="613"/>
      <c r="TAB676" s="613"/>
      <c r="TAC676" s="613"/>
      <c r="TAD676" s="613"/>
      <c r="TAE676" s="613"/>
      <c r="TAF676" s="613"/>
      <c r="TAG676" s="613"/>
      <c r="TAH676" s="613"/>
      <c r="TAI676" s="613"/>
      <c r="TAJ676" s="613"/>
      <c r="TAK676" s="613"/>
      <c r="TAL676" s="613"/>
      <c r="TAM676" s="613"/>
      <c r="TAN676" s="613"/>
      <c r="TAO676" s="613"/>
      <c r="TAP676" s="613"/>
      <c r="TAQ676" s="613"/>
      <c r="TAR676" s="613"/>
      <c r="TAS676" s="613"/>
      <c r="TAT676" s="613"/>
      <c r="TAU676" s="613"/>
      <c r="TAV676" s="613"/>
      <c r="TAW676" s="613"/>
      <c r="TAX676" s="613"/>
      <c r="TAY676" s="613"/>
      <c r="TAZ676" s="613"/>
      <c r="TBA676" s="613"/>
      <c r="TBB676" s="613"/>
      <c r="TBC676" s="613"/>
      <c r="TBD676" s="613"/>
      <c r="TBE676" s="613"/>
      <c r="TBF676" s="613"/>
      <c r="TBG676" s="613"/>
      <c r="TBH676" s="613"/>
      <c r="TBI676" s="613"/>
      <c r="TBJ676" s="613"/>
      <c r="TBK676" s="613"/>
      <c r="TBL676" s="613"/>
      <c r="TBM676" s="613"/>
      <c r="TBN676" s="613"/>
      <c r="TBO676" s="613"/>
      <c r="TBP676" s="613"/>
      <c r="TBQ676" s="613"/>
      <c r="TBR676" s="613"/>
      <c r="TBS676" s="613"/>
      <c r="TBT676" s="613"/>
      <c r="TBU676" s="613"/>
      <c r="TBV676" s="613"/>
      <c r="TBW676" s="613"/>
      <c r="TBX676" s="613"/>
      <c r="TBY676" s="613"/>
      <c r="TBZ676" s="613"/>
      <c r="TCA676" s="613"/>
      <c r="TCB676" s="613"/>
      <c r="TCC676" s="613"/>
      <c r="TCD676" s="613"/>
      <c r="TCE676" s="613"/>
      <c r="TCF676" s="613"/>
      <c r="TCG676" s="613"/>
      <c r="TCH676" s="613"/>
      <c r="TCI676" s="613"/>
      <c r="TCJ676" s="613"/>
      <c r="TCK676" s="613"/>
      <c r="TCL676" s="613"/>
      <c r="TCM676" s="613"/>
      <c r="TCN676" s="613"/>
      <c r="TCO676" s="613"/>
      <c r="TCP676" s="613"/>
      <c r="TCQ676" s="613"/>
      <c r="TCR676" s="613"/>
      <c r="TCS676" s="613"/>
      <c r="TCT676" s="613"/>
      <c r="TCU676" s="613"/>
      <c r="TCV676" s="613"/>
      <c r="TCW676" s="613"/>
      <c r="TCX676" s="613"/>
      <c r="TCY676" s="613"/>
      <c r="TCZ676" s="613"/>
      <c r="TDA676" s="613"/>
      <c r="TDB676" s="613"/>
      <c r="TDC676" s="613"/>
      <c r="TDD676" s="613"/>
      <c r="TDE676" s="613"/>
      <c r="TDF676" s="613"/>
      <c r="TDG676" s="613"/>
      <c r="TDH676" s="613"/>
      <c r="TDI676" s="613"/>
      <c r="TDJ676" s="613"/>
      <c r="TDK676" s="613"/>
      <c r="TDL676" s="613"/>
      <c r="TDM676" s="613"/>
      <c r="TDN676" s="613"/>
      <c r="TDO676" s="613"/>
      <c r="TDP676" s="613"/>
      <c r="TDQ676" s="613"/>
      <c r="TDR676" s="613"/>
      <c r="TDS676" s="613"/>
      <c r="TDT676" s="613"/>
      <c r="TDU676" s="613"/>
      <c r="TDV676" s="613"/>
      <c r="TDW676" s="613"/>
      <c r="TDX676" s="613"/>
      <c r="TDY676" s="613"/>
      <c r="TDZ676" s="613"/>
      <c r="TEA676" s="613"/>
      <c r="TEB676" s="613"/>
      <c r="TEC676" s="613"/>
      <c r="TED676" s="613"/>
      <c r="TEE676" s="613"/>
      <c r="TEF676" s="613"/>
      <c r="TEG676" s="613"/>
      <c r="TEH676" s="613"/>
      <c r="TEI676" s="613"/>
      <c r="TEJ676" s="613"/>
      <c r="TEK676" s="613"/>
      <c r="TEL676" s="613"/>
      <c r="TEM676" s="613"/>
      <c r="TEN676" s="613"/>
      <c r="TEO676" s="613"/>
      <c r="TEP676" s="613"/>
      <c r="TEQ676" s="613"/>
      <c r="TER676" s="613"/>
      <c r="TES676" s="613"/>
      <c r="TET676" s="613"/>
      <c r="TEU676" s="613"/>
      <c r="TEV676" s="613"/>
      <c r="TEW676" s="613"/>
      <c r="TEX676" s="613"/>
      <c r="TEY676" s="613"/>
      <c r="TEZ676" s="613"/>
      <c r="TFA676" s="613"/>
      <c r="TFB676" s="613"/>
      <c r="TFC676" s="613"/>
      <c r="TFD676" s="613"/>
      <c r="TFE676" s="613"/>
      <c r="TFF676" s="613"/>
      <c r="TFG676" s="613"/>
      <c r="TFH676" s="613"/>
      <c r="TFI676" s="613"/>
      <c r="TFJ676" s="613"/>
      <c r="TFK676" s="613"/>
      <c r="TFL676" s="613"/>
      <c r="TFM676" s="613"/>
      <c r="TFN676" s="613"/>
      <c r="TFO676" s="613"/>
      <c r="TFP676" s="613"/>
      <c r="TFQ676" s="613"/>
      <c r="TFR676" s="613"/>
      <c r="TFS676" s="613"/>
      <c r="TFT676" s="613"/>
      <c r="TFU676" s="613"/>
      <c r="TFV676" s="613"/>
      <c r="TFW676" s="613"/>
      <c r="TFX676" s="613"/>
      <c r="TFY676" s="613"/>
      <c r="TFZ676" s="613"/>
      <c r="TGA676" s="613"/>
      <c r="TGB676" s="613"/>
      <c r="TGC676" s="613"/>
      <c r="TGD676" s="613"/>
      <c r="TGE676" s="613"/>
      <c r="TGF676" s="613"/>
      <c r="TGG676" s="613"/>
      <c r="TGH676" s="613"/>
      <c r="TGI676" s="613"/>
      <c r="TGJ676" s="613"/>
      <c r="TGK676" s="613"/>
      <c r="TGL676" s="613"/>
      <c r="TGM676" s="613"/>
      <c r="TGN676" s="613"/>
      <c r="TGO676" s="613"/>
      <c r="TGP676" s="613"/>
      <c r="TGQ676" s="613"/>
      <c r="TGR676" s="613"/>
      <c r="TGS676" s="613"/>
      <c r="TGT676" s="613"/>
      <c r="TGU676" s="613"/>
      <c r="TGV676" s="613"/>
      <c r="TGW676" s="613"/>
      <c r="TGX676" s="613"/>
      <c r="TGY676" s="613"/>
      <c r="TGZ676" s="613"/>
      <c r="THA676" s="613"/>
      <c r="THB676" s="613"/>
      <c r="THC676" s="613"/>
      <c r="THD676" s="613"/>
      <c r="THE676" s="613"/>
      <c r="THF676" s="613"/>
      <c r="THG676" s="613"/>
      <c r="THH676" s="613"/>
      <c r="THI676" s="613"/>
      <c r="THJ676" s="613"/>
      <c r="THK676" s="613"/>
      <c r="THL676" s="613"/>
      <c r="THM676" s="613"/>
      <c r="THN676" s="613"/>
      <c r="THO676" s="613"/>
      <c r="THP676" s="613"/>
      <c r="THQ676" s="613"/>
      <c r="THR676" s="613"/>
      <c r="THS676" s="613"/>
      <c r="THT676" s="613"/>
      <c r="THU676" s="613"/>
      <c r="THV676" s="613"/>
      <c r="THW676" s="613"/>
      <c r="THX676" s="613"/>
      <c r="THY676" s="613"/>
      <c r="THZ676" s="613"/>
      <c r="TIA676" s="613"/>
      <c r="TIB676" s="613"/>
      <c r="TIC676" s="613"/>
      <c r="TID676" s="613"/>
      <c r="TIE676" s="613"/>
      <c r="TIF676" s="613"/>
      <c r="TIG676" s="613"/>
      <c r="TIH676" s="613"/>
      <c r="TII676" s="613"/>
      <c r="TIJ676" s="613"/>
      <c r="TIK676" s="613"/>
      <c r="TIL676" s="613"/>
      <c r="TIM676" s="613"/>
      <c r="TIN676" s="613"/>
      <c r="TIO676" s="613"/>
      <c r="TIP676" s="613"/>
      <c r="TIQ676" s="613"/>
      <c r="TIR676" s="613"/>
      <c r="TIS676" s="613"/>
      <c r="TIT676" s="613"/>
      <c r="TIU676" s="613"/>
      <c r="TIV676" s="613"/>
      <c r="TIW676" s="613"/>
      <c r="TIX676" s="613"/>
      <c r="TIY676" s="613"/>
      <c r="TIZ676" s="613"/>
      <c r="TJA676" s="613"/>
      <c r="TJB676" s="613"/>
      <c r="TJC676" s="613"/>
      <c r="TJD676" s="613"/>
      <c r="TJE676" s="613"/>
      <c r="TJF676" s="613"/>
      <c r="TJG676" s="613"/>
      <c r="TJH676" s="613"/>
      <c r="TJI676" s="613"/>
      <c r="TJJ676" s="613"/>
      <c r="TJK676" s="613"/>
      <c r="TJL676" s="613"/>
      <c r="TJM676" s="613"/>
      <c r="TJN676" s="613"/>
      <c r="TJO676" s="613"/>
      <c r="TJP676" s="613"/>
      <c r="TJQ676" s="613"/>
      <c r="TJR676" s="613"/>
      <c r="TJS676" s="613"/>
      <c r="TJT676" s="613"/>
      <c r="TJU676" s="613"/>
      <c r="TJV676" s="613"/>
      <c r="TJW676" s="613"/>
      <c r="TJX676" s="613"/>
      <c r="TJY676" s="613"/>
      <c r="TJZ676" s="613"/>
      <c r="TKA676" s="613"/>
      <c r="TKB676" s="613"/>
      <c r="TKC676" s="613"/>
      <c r="TKD676" s="613"/>
      <c r="TKE676" s="613"/>
      <c r="TKF676" s="613"/>
      <c r="TKG676" s="613"/>
      <c r="TKH676" s="613"/>
      <c r="TKI676" s="613"/>
      <c r="TKJ676" s="613"/>
      <c r="TKK676" s="613"/>
      <c r="TKL676" s="613"/>
      <c r="TKM676" s="613"/>
      <c r="TKN676" s="613"/>
      <c r="TKO676" s="613"/>
      <c r="TKP676" s="613"/>
      <c r="TKQ676" s="613"/>
      <c r="TKR676" s="613"/>
      <c r="TKS676" s="613"/>
      <c r="TKT676" s="613"/>
      <c r="TKU676" s="613"/>
      <c r="TKV676" s="613"/>
      <c r="TKW676" s="613"/>
      <c r="TKX676" s="613"/>
      <c r="TKY676" s="613"/>
      <c r="TKZ676" s="613"/>
      <c r="TLA676" s="613"/>
      <c r="TLB676" s="613"/>
      <c r="TLC676" s="613"/>
      <c r="TLD676" s="613"/>
      <c r="TLE676" s="613"/>
      <c r="TLF676" s="613"/>
      <c r="TLG676" s="613"/>
      <c r="TLH676" s="613"/>
      <c r="TLI676" s="613"/>
      <c r="TLJ676" s="613"/>
      <c r="TLK676" s="613"/>
      <c r="TLL676" s="613"/>
      <c r="TLM676" s="613"/>
      <c r="TLN676" s="613"/>
      <c r="TLO676" s="613"/>
      <c r="TLP676" s="613"/>
      <c r="TLQ676" s="613"/>
      <c r="TLR676" s="613"/>
      <c r="TLS676" s="613"/>
      <c r="TLT676" s="613"/>
      <c r="TLU676" s="613"/>
      <c r="TLV676" s="613"/>
      <c r="TLW676" s="613"/>
      <c r="TLX676" s="613"/>
      <c r="TLY676" s="613"/>
      <c r="TLZ676" s="613"/>
      <c r="TMA676" s="613"/>
      <c r="TMB676" s="613"/>
      <c r="TMC676" s="613"/>
      <c r="TMD676" s="613"/>
      <c r="TME676" s="613"/>
      <c r="TMF676" s="613"/>
      <c r="TMG676" s="613"/>
      <c r="TMH676" s="613"/>
      <c r="TMI676" s="613"/>
      <c r="TMJ676" s="613"/>
      <c r="TMK676" s="613"/>
      <c r="TML676" s="613"/>
      <c r="TMM676" s="613"/>
      <c r="TMN676" s="613"/>
      <c r="TMO676" s="613"/>
      <c r="TMP676" s="613"/>
      <c r="TMQ676" s="613"/>
      <c r="TMR676" s="613"/>
      <c r="TMS676" s="613"/>
      <c r="TMT676" s="613"/>
      <c r="TMU676" s="613"/>
      <c r="TMV676" s="613"/>
      <c r="TMW676" s="613"/>
      <c r="TMX676" s="613"/>
      <c r="TMY676" s="613"/>
      <c r="TMZ676" s="613"/>
      <c r="TNA676" s="613"/>
      <c r="TNB676" s="613"/>
      <c r="TNC676" s="613"/>
      <c r="TND676" s="613"/>
      <c r="TNE676" s="613"/>
      <c r="TNF676" s="613"/>
      <c r="TNG676" s="613"/>
      <c r="TNH676" s="613"/>
      <c r="TNI676" s="613"/>
      <c r="TNJ676" s="613"/>
      <c r="TNK676" s="613"/>
      <c r="TNL676" s="613"/>
      <c r="TNM676" s="613"/>
      <c r="TNN676" s="613"/>
      <c r="TNO676" s="613"/>
      <c r="TNP676" s="613"/>
      <c r="TNQ676" s="613"/>
      <c r="TNR676" s="613"/>
      <c r="TNS676" s="613"/>
      <c r="TNT676" s="613"/>
      <c r="TNU676" s="613"/>
      <c r="TNV676" s="613"/>
      <c r="TNW676" s="613"/>
      <c r="TNX676" s="613"/>
      <c r="TNY676" s="613"/>
      <c r="TNZ676" s="613"/>
      <c r="TOA676" s="613"/>
      <c r="TOB676" s="613"/>
      <c r="TOC676" s="613"/>
      <c r="TOD676" s="613"/>
      <c r="TOE676" s="613"/>
      <c r="TOF676" s="613"/>
      <c r="TOG676" s="613"/>
      <c r="TOH676" s="613"/>
      <c r="TOI676" s="613"/>
      <c r="TOJ676" s="613"/>
      <c r="TOK676" s="613"/>
      <c r="TOL676" s="613"/>
      <c r="TOM676" s="613"/>
      <c r="TON676" s="613"/>
      <c r="TOO676" s="613"/>
      <c r="TOP676" s="613"/>
      <c r="TOQ676" s="613"/>
      <c r="TOR676" s="613"/>
      <c r="TOS676" s="613"/>
      <c r="TOT676" s="613"/>
      <c r="TOU676" s="613"/>
      <c r="TOV676" s="613"/>
      <c r="TOW676" s="613"/>
      <c r="TOX676" s="613"/>
      <c r="TOY676" s="613"/>
      <c r="TOZ676" s="613"/>
      <c r="TPA676" s="613"/>
      <c r="TPB676" s="613"/>
      <c r="TPC676" s="613"/>
      <c r="TPD676" s="613"/>
      <c r="TPE676" s="613"/>
      <c r="TPF676" s="613"/>
      <c r="TPG676" s="613"/>
      <c r="TPH676" s="613"/>
      <c r="TPI676" s="613"/>
      <c r="TPJ676" s="613"/>
      <c r="TPK676" s="613"/>
      <c r="TPL676" s="613"/>
      <c r="TPM676" s="613"/>
      <c r="TPN676" s="613"/>
      <c r="TPO676" s="613"/>
      <c r="TPP676" s="613"/>
      <c r="TPQ676" s="613"/>
      <c r="TPR676" s="613"/>
      <c r="TPS676" s="613"/>
      <c r="TPT676" s="613"/>
      <c r="TPU676" s="613"/>
      <c r="TPV676" s="613"/>
      <c r="TPW676" s="613"/>
      <c r="TPX676" s="613"/>
      <c r="TPY676" s="613"/>
      <c r="TPZ676" s="613"/>
      <c r="TQA676" s="613"/>
      <c r="TQB676" s="613"/>
      <c r="TQC676" s="613"/>
      <c r="TQD676" s="613"/>
      <c r="TQE676" s="613"/>
      <c r="TQF676" s="613"/>
      <c r="TQG676" s="613"/>
      <c r="TQH676" s="613"/>
      <c r="TQI676" s="613"/>
      <c r="TQJ676" s="613"/>
      <c r="TQK676" s="613"/>
      <c r="TQL676" s="613"/>
      <c r="TQM676" s="613"/>
      <c r="TQN676" s="613"/>
      <c r="TQO676" s="613"/>
      <c r="TQP676" s="613"/>
      <c r="TQQ676" s="613"/>
      <c r="TQR676" s="613"/>
      <c r="TQS676" s="613"/>
      <c r="TQT676" s="613"/>
      <c r="TQU676" s="613"/>
      <c r="TQV676" s="613"/>
      <c r="TQW676" s="613"/>
      <c r="TQX676" s="613"/>
      <c r="TQY676" s="613"/>
      <c r="TQZ676" s="613"/>
      <c r="TRA676" s="613"/>
      <c r="TRB676" s="613"/>
      <c r="TRC676" s="613"/>
      <c r="TRD676" s="613"/>
      <c r="TRE676" s="613"/>
      <c r="TRF676" s="613"/>
      <c r="TRG676" s="613"/>
      <c r="TRH676" s="613"/>
      <c r="TRI676" s="613"/>
      <c r="TRJ676" s="613"/>
      <c r="TRK676" s="613"/>
      <c r="TRL676" s="613"/>
      <c r="TRM676" s="613"/>
      <c r="TRN676" s="613"/>
      <c r="TRO676" s="613"/>
      <c r="TRP676" s="613"/>
      <c r="TRQ676" s="613"/>
      <c r="TRR676" s="613"/>
      <c r="TRS676" s="613"/>
      <c r="TRT676" s="613"/>
      <c r="TRU676" s="613"/>
      <c r="TRV676" s="613"/>
      <c r="TRW676" s="613"/>
      <c r="TRX676" s="613"/>
      <c r="TRY676" s="613"/>
      <c r="TRZ676" s="613"/>
      <c r="TSA676" s="613"/>
      <c r="TSB676" s="613"/>
      <c r="TSC676" s="613"/>
      <c r="TSD676" s="613"/>
      <c r="TSE676" s="613"/>
      <c r="TSF676" s="613"/>
      <c r="TSG676" s="613"/>
      <c r="TSH676" s="613"/>
      <c r="TSI676" s="613"/>
      <c r="TSJ676" s="613"/>
      <c r="TSK676" s="613"/>
      <c r="TSL676" s="613"/>
      <c r="TSM676" s="613"/>
      <c r="TSN676" s="613"/>
      <c r="TSO676" s="613"/>
      <c r="TSP676" s="613"/>
      <c r="TSQ676" s="613"/>
      <c r="TSR676" s="613"/>
      <c r="TSS676" s="613"/>
      <c r="TST676" s="613"/>
      <c r="TSU676" s="613"/>
      <c r="TSV676" s="613"/>
      <c r="TSW676" s="613"/>
      <c r="TSX676" s="613"/>
      <c r="TSY676" s="613"/>
      <c r="TSZ676" s="613"/>
      <c r="TTA676" s="613"/>
      <c r="TTB676" s="613"/>
      <c r="TTC676" s="613"/>
      <c r="TTD676" s="613"/>
      <c r="TTE676" s="613"/>
      <c r="TTF676" s="613"/>
      <c r="TTG676" s="613"/>
      <c r="TTH676" s="613"/>
      <c r="TTI676" s="613"/>
      <c r="TTJ676" s="613"/>
      <c r="TTK676" s="613"/>
      <c r="TTL676" s="613"/>
      <c r="TTM676" s="613"/>
      <c r="TTN676" s="613"/>
      <c r="TTO676" s="613"/>
      <c r="TTP676" s="613"/>
      <c r="TTQ676" s="613"/>
      <c r="TTR676" s="613"/>
      <c r="TTS676" s="613"/>
      <c r="TTT676" s="613"/>
      <c r="TTU676" s="613"/>
      <c r="TTV676" s="613"/>
      <c r="TTW676" s="613"/>
      <c r="TTX676" s="613"/>
      <c r="TTY676" s="613"/>
      <c r="TTZ676" s="613"/>
      <c r="TUA676" s="613"/>
      <c r="TUB676" s="613"/>
      <c r="TUC676" s="613"/>
      <c r="TUD676" s="613"/>
      <c r="TUE676" s="613"/>
      <c r="TUF676" s="613"/>
      <c r="TUG676" s="613"/>
      <c r="TUH676" s="613"/>
      <c r="TUI676" s="613"/>
      <c r="TUJ676" s="613"/>
      <c r="TUK676" s="613"/>
      <c r="TUL676" s="613"/>
      <c r="TUM676" s="613"/>
      <c r="TUN676" s="613"/>
      <c r="TUO676" s="613"/>
      <c r="TUP676" s="613"/>
      <c r="TUQ676" s="613"/>
      <c r="TUR676" s="613"/>
      <c r="TUS676" s="613"/>
      <c r="TUT676" s="613"/>
      <c r="TUU676" s="613"/>
      <c r="TUV676" s="613"/>
      <c r="TUW676" s="613"/>
      <c r="TUX676" s="613"/>
      <c r="TUY676" s="613"/>
      <c r="TUZ676" s="613"/>
      <c r="TVA676" s="613"/>
      <c r="TVB676" s="613"/>
      <c r="TVC676" s="613"/>
      <c r="TVD676" s="613"/>
      <c r="TVE676" s="613"/>
      <c r="TVF676" s="613"/>
      <c r="TVG676" s="613"/>
      <c r="TVH676" s="613"/>
      <c r="TVI676" s="613"/>
      <c r="TVJ676" s="613"/>
      <c r="TVK676" s="613"/>
      <c r="TVL676" s="613"/>
      <c r="TVM676" s="613"/>
      <c r="TVN676" s="613"/>
      <c r="TVO676" s="613"/>
      <c r="TVP676" s="613"/>
      <c r="TVQ676" s="613"/>
      <c r="TVR676" s="613"/>
      <c r="TVS676" s="613"/>
      <c r="TVT676" s="613"/>
      <c r="TVU676" s="613"/>
      <c r="TVV676" s="613"/>
      <c r="TVW676" s="613"/>
      <c r="TVX676" s="613"/>
      <c r="TVY676" s="613"/>
      <c r="TVZ676" s="613"/>
      <c r="TWA676" s="613"/>
      <c r="TWB676" s="613"/>
      <c r="TWC676" s="613"/>
      <c r="TWD676" s="613"/>
      <c r="TWE676" s="613"/>
      <c r="TWF676" s="613"/>
      <c r="TWG676" s="613"/>
      <c r="TWH676" s="613"/>
      <c r="TWI676" s="613"/>
      <c r="TWJ676" s="613"/>
      <c r="TWK676" s="613"/>
      <c r="TWL676" s="613"/>
      <c r="TWM676" s="613"/>
      <c r="TWN676" s="613"/>
      <c r="TWO676" s="613"/>
      <c r="TWP676" s="613"/>
      <c r="TWQ676" s="613"/>
      <c r="TWR676" s="613"/>
      <c r="TWS676" s="613"/>
      <c r="TWT676" s="613"/>
      <c r="TWU676" s="613"/>
      <c r="TWV676" s="613"/>
      <c r="TWW676" s="613"/>
      <c r="TWX676" s="613"/>
      <c r="TWY676" s="613"/>
      <c r="TWZ676" s="613"/>
      <c r="TXA676" s="613"/>
      <c r="TXB676" s="613"/>
      <c r="TXC676" s="613"/>
      <c r="TXD676" s="613"/>
      <c r="TXE676" s="613"/>
      <c r="TXF676" s="613"/>
      <c r="TXG676" s="613"/>
      <c r="TXH676" s="613"/>
      <c r="TXI676" s="613"/>
      <c r="TXJ676" s="613"/>
      <c r="TXK676" s="613"/>
      <c r="TXL676" s="613"/>
      <c r="TXM676" s="613"/>
      <c r="TXN676" s="613"/>
      <c r="TXO676" s="613"/>
      <c r="TXP676" s="613"/>
      <c r="TXQ676" s="613"/>
      <c r="TXR676" s="613"/>
      <c r="TXS676" s="613"/>
      <c r="TXT676" s="613"/>
      <c r="TXU676" s="613"/>
      <c r="TXV676" s="613"/>
      <c r="TXW676" s="613"/>
      <c r="TXX676" s="613"/>
      <c r="TXY676" s="613"/>
      <c r="TXZ676" s="613"/>
      <c r="TYA676" s="613"/>
      <c r="TYB676" s="613"/>
      <c r="TYC676" s="613"/>
      <c r="TYD676" s="613"/>
      <c r="TYE676" s="613"/>
      <c r="TYF676" s="613"/>
      <c r="TYG676" s="613"/>
      <c r="TYH676" s="613"/>
      <c r="TYI676" s="613"/>
      <c r="TYJ676" s="613"/>
      <c r="TYK676" s="613"/>
      <c r="TYL676" s="613"/>
      <c r="TYM676" s="613"/>
      <c r="TYN676" s="613"/>
      <c r="TYO676" s="613"/>
      <c r="TYP676" s="613"/>
      <c r="TYQ676" s="613"/>
      <c r="TYR676" s="613"/>
      <c r="TYS676" s="613"/>
      <c r="TYT676" s="613"/>
      <c r="TYU676" s="613"/>
      <c r="TYV676" s="613"/>
      <c r="TYW676" s="613"/>
      <c r="TYX676" s="613"/>
      <c r="TYY676" s="613"/>
      <c r="TYZ676" s="613"/>
      <c r="TZA676" s="613"/>
      <c r="TZB676" s="613"/>
      <c r="TZC676" s="613"/>
      <c r="TZD676" s="613"/>
      <c r="TZE676" s="613"/>
      <c r="TZF676" s="613"/>
      <c r="TZG676" s="613"/>
      <c r="TZH676" s="613"/>
      <c r="TZI676" s="613"/>
      <c r="TZJ676" s="613"/>
      <c r="TZK676" s="613"/>
      <c r="TZL676" s="613"/>
      <c r="TZM676" s="613"/>
      <c r="TZN676" s="613"/>
      <c r="TZO676" s="613"/>
      <c r="TZP676" s="613"/>
      <c r="TZQ676" s="613"/>
      <c r="TZR676" s="613"/>
      <c r="TZS676" s="613"/>
      <c r="TZT676" s="613"/>
      <c r="TZU676" s="613"/>
      <c r="TZV676" s="613"/>
      <c r="TZW676" s="613"/>
      <c r="TZX676" s="613"/>
      <c r="TZY676" s="613"/>
      <c r="TZZ676" s="613"/>
      <c r="UAA676" s="613"/>
      <c r="UAB676" s="613"/>
      <c r="UAC676" s="613"/>
      <c r="UAD676" s="613"/>
      <c r="UAE676" s="613"/>
      <c r="UAF676" s="613"/>
      <c r="UAG676" s="613"/>
      <c r="UAH676" s="613"/>
      <c r="UAI676" s="613"/>
      <c r="UAJ676" s="613"/>
      <c r="UAK676" s="613"/>
      <c r="UAL676" s="613"/>
      <c r="UAM676" s="613"/>
      <c r="UAN676" s="613"/>
      <c r="UAO676" s="613"/>
      <c r="UAP676" s="613"/>
      <c r="UAQ676" s="613"/>
      <c r="UAR676" s="613"/>
      <c r="UAS676" s="613"/>
      <c r="UAT676" s="613"/>
      <c r="UAU676" s="613"/>
      <c r="UAV676" s="613"/>
      <c r="UAW676" s="613"/>
      <c r="UAX676" s="613"/>
      <c r="UAY676" s="613"/>
      <c r="UAZ676" s="613"/>
      <c r="UBA676" s="613"/>
      <c r="UBB676" s="613"/>
      <c r="UBC676" s="613"/>
      <c r="UBD676" s="613"/>
      <c r="UBE676" s="613"/>
      <c r="UBF676" s="613"/>
      <c r="UBG676" s="613"/>
      <c r="UBH676" s="613"/>
      <c r="UBI676" s="613"/>
      <c r="UBJ676" s="613"/>
      <c r="UBK676" s="613"/>
      <c r="UBL676" s="613"/>
      <c r="UBM676" s="613"/>
      <c r="UBN676" s="613"/>
      <c r="UBO676" s="613"/>
      <c r="UBP676" s="613"/>
      <c r="UBQ676" s="613"/>
      <c r="UBR676" s="613"/>
      <c r="UBS676" s="613"/>
      <c r="UBT676" s="613"/>
      <c r="UBU676" s="613"/>
      <c r="UBV676" s="613"/>
      <c r="UBW676" s="613"/>
      <c r="UBX676" s="613"/>
      <c r="UBY676" s="613"/>
      <c r="UBZ676" s="613"/>
      <c r="UCA676" s="613"/>
      <c r="UCB676" s="613"/>
      <c r="UCC676" s="613"/>
      <c r="UCD676" s="613"/>
      <c r="UCE676" s="613"/>
      <c r="UCF676" s="613"/>
      <c r="UCG676" s="613"/>
      <c r="UCH676" s="613"/>
      <c r="UCI676" s="613"/>
      <c r="UCJ676" s="613"/>
      <c r="UCK676" s="613"/>
      <c r="UCL676" s="613"/>
      <c r="UCM676" s="613"/>
      <c r="UCN676" s="613"/>
      <c r="UCO676" s="613"/>
      <c r="UCP676" s="613"/>
      <c r="UCQ676" s="613"/>
      <c r="UCR676" s="613"/>
      <c r="UCS676" s="613"/>
      <c r="UCT676" s="613"/>
      <c r="UCU676" s="613"/>
      <c r="UCV676" s="613"/>
      <c r="UCW676" s="613"/>
      <c r="UCX676" s="613"/>
      <c r="UCY676" s="613"/>
      <c r="UCZ676" s="613"/>
      <c r="UDA676" s="613"/>
      <c r="UDB676" s="613"/>
      <c r="UDC676" s="613"/>
      <c r="UDD676" s="613"/>
      <c r="UDE676" s="613"/>
      <c r="UDF676" s="613"/>
      <c r="UDG676" s="613"/>
      <c r="UDH676" s="613"/>
      <c r="UDI676" s="613"/>
      <c r="UDJ676" s="613"/>
      <c r="UDK676" s="613"/>
      <c r="UDL676" s="613"/>
      <c r="UDM676" s="613"/>
      <c r="UDN676" s="613"/>
      <c r="UDO676" s="613"/>
      <c r="UDP676" s="613"/>
      <c r="UDQ676" s="613"/>
      <c r="UDR676" s="613"/>
      <c r="UDS676" s="613"/>
      <c r="UDT676" s="613"/>
      <c r="UDU676" s="613"/>
      <c r="UDV676" s="613"/>
      <c r="UDW676" s="613"/>
      <c r="UDX676" s="613"/>
      <c r="UDY676" s="613"/>
      <c r="UDZ676" s="613"/>
      <c r="UEA676" s="613"/>
      <c r="UEB676" s="613"/>
      <c r="UEC676" s="613"/>
      <c r="UED676" s="613"/>
      <c r="UEE676" s="613"/>
      <c r="UEF676" s="613"/>
      <c r="UEG676" s="613"/>
      <c r="UEH676" s="613"/>
      <c r="UEI676" s="613"/>
      <c r="UEJ676" s="613"/>
      <c r="UEK676" s="613"/>
      <c r="UEL676" s="613"/>
      <c r="UEM676" s="613"/>
      <c r="UEN676" s="613"/>
      <c r="UEO676" s="613"/>
      <c r="UEP676" s="613"/>
      <c r="UEQ676" s="613"/>
      <c r="UER676" s="613"/>
      <c r="UES676" s="613"/>
      <c r="UET676" s="613"/>
      <c r="UEU676" s="613"/>
      <c r="UEV676" s="613"/>
      <c r="UEW676" s="613"/>
      <c r="UEX676" s="613"/>
      <c r="UEY676" s="613"/>
      <c r="UEZ676" s="613"/>
      <c r="UFA676" s="613"/>
      <c r="UFB676" s="613"/>
      <c r="UFC676" s="613"/>
      <c r="UFD676" s="613"/>
      <c r="UFE676" s="613"/>
      <c r="UFF676" s="613"/>
      <c r="UFG676" s="613"/>
      <c r="UFH676" s="613"/>
      <c r="UFI676" s="613"/>
      <c r="UFJ676" s="613"/>
      <c r="UFK676" s="613"/>
      <c r="UFL676" s="613"/>
      <c r="UFM676" s="613"/>
      <c r="UFN676" s="613"/>
      <c r="UFO676" s="613"/>
      <c r="UFP676" s="613"/>
      <c r="UFQ676" s="613"/>
      <c r="UFR676" s="613"/>
      <c r="UFS676" s="613"/>
      <c r="UFT676" s="613"/>
      <c r="UFU676" s="613"/>
      <c r="UFV676" s="613"/>
      <c r="UFW676" s="613"/>
      <c r="UFX676" s="613"/>
      <c r="UFY676" s="613"/>
      <c r="UFZ676" s="613"/>
      <c r="UGA676" s="613"/>
      <c r="UGB676" s="613"/>
      <c r="UGC676" s="613"/>
      <c r="UGD676" s="613"/>
      <c r="UGE676" s="613"/>
      <c r="UGF676" s="613"/>
      <c r="UGG676" s="613"/>
      <c r="UGH676" s="613"/>
      <c r="UGI676" s="613"/>
      <c r="UGJ676" s="613"/>
      <c r="UGK676" s="613"/>
      <c r="UGL676" s="613"/>
      <c r="UGM676" s="613"/>
      <c r="UGN676" s="613"/>
      <c r="UGO676" s="613"/>
      <c r="UGP676" s="613"/>
      <c r="UGQ676" s="613"/>
      <c r="UGR676" s="613"/>
      <c r="UGS676" s="613"/>
      <c r="UGT676" s="613"/>
      <c r="UGU676" s="613"/>
      <c r="UGV676" s="613"/>
      <c r="UGW676" s="613"/>
      <c r="UGX676" s="613"/>
      <c r="UGY676" s="613"/>
      <c r="UGZ676" s="613"/>
      <c r="UHA676" s="613"/>
      <c r="UHB676" s="613"/>
      <c r="UHC676" s="613"/>
      <c r="UHD676" s="613"/>
      <c r="UHE676" s="613"/>
      <c r="UHF676" s="613"/>
      <c r="UHG676" s="613"/>
      <c r="UHH676" s="613"/>
      <c r="UHI676" s="613"/>
      <c r="UHJ676" s="613"/>
      <c r="UHK676" s="613"/>
      <c r="UHL676" s="613"/>
      <c r="UHM676" s="613"/>
      <c r="UHN676" s="613"/>
      <c r="UHO676" s="613"/>
      <c r="UHP676" s="613"/>
      <c r="UHQ676" s="613"/>
      <c r="UHR676" s="613"/>
      <c r="UHS676" s="613"/>
      <c r="UHT676" s="613"/>
      <c r="UHU676" s="613"/>
      <c r="UHV676" s="613"/>
      <c r="UHW676" s="613"/>
      <c r="UHX676" s="613"/>
      <c r="UHY676" s="613"/>
      <c r="UHZ676" s="613"/>
      <c r="UIA676" s="613"/>
      <c r="UIB676" s="613"/>
      <c r="UIC676" s="613"/>
      <c r="UID676" s="613"/>
      <c r="UIE676" s="613"/>
      <c r="UIF676" s="613"/>
      <c r="UIG676" s="613"/>
      <c r="UIH676" s="613"/>
      <c r="UII676" s="613"/>
      <c r="UIJ676" s="613"/>
      <c r="UIK676" s="613"/>
      <c r="UIL676" s="613"/>
      <c r="UIM676" s="613"/>
      <c r="UIN676" s="613"/>
      <c r="UIO676" s="613"/>
      <c r="UIP676" s="613"/>
      <c r="UIQ676" s="613"/>
      <c r="UIR676" s="613"/>
      <c r="UIS676" s="613"/>
      <c r="UIT676" s="613"/>
      <c r="UIU676" s="613"/>
      <c r="UIV676" s="613"/>
      <c r="UIW676" s="613"/>
      <c r="UIX676" s="613"/>
      <c r="UIY676" s="613"/>
      <c r="UIZ676" s="613"/>
      <c r="UJA676" s="613"/>
      <c r="UJB676" s="613"/>
      <c r="UJC676" s="613"/>
      <c r="UJD676" s="613"/>
      <c r="UJE676" s="613"/>
      <c r="UJF676" s="613"/>
      <c r="UJG676" s="613"/>
      <c r="UJH676" s="613"/>
      <c r="UJI676" s="613"/>
      <c r="UJJ676" s="613"/>
      <c r="UJK676" s="613"/>
      <c r="UJL676" s="613"/>
      <c r="UJM676" s="613"/>
      <c r="UJN676" s="613"/>
      <c r="UJO676" s="613"/>
      <c r="UJP676" s="613"/>
      <c r="UJQ676" s="613"/>
      <c r="UJR676" s="613"/>
      <c r="UJS676" s="613"/>
      <c r="UJT676" s="613"/>
      <c r="UJU676" s="613"/>
      <c r="UJV676" s="613"/>
      <c r="UJW676" s="613"/>
      <c r="UJX676" s="613"/>
      <c r="UJY676" s="613"/>
      <c r="UJZ676" s="613"/>
      <c r="UKA676" s="613"/>
      <c r="UKB676" s="613"/>
      <c r="UKC676" s="613"/>
      <c r="UKD676" s="613"/>
      <c r="UKE676" s="613"/>
      <c r="UKF676" s="613"/>
      <c r="UKG676" s="613"/>
      <c r="UKH676" s="613"/>
      <c r="UKI676" s="613"/>
      <c r="UKJ676" s="613"/>
      <c r="UKK676" s="613"/>
      <c r="UKL676" s="613"/>
      <c r="UKM676" s="613"/>
      <c r="UKN676" s="613"/>
      <c r="UKO676" s="613"/>
      <c r="UKP676" s="613"/>
      <c r="UKQ676" s="613"/>
      <c r="UKR676" s="613"/>
      <c r="UKS676" s="613"/>
      <c r="UKT676" s="613"/>
      <c r="UKU676" s="613"/>
      <c r="UKV676" s="613"/>
      <c r="UKW676" s="613"/>
      <c r="UKX676" s="613"/>
      <c r="UKY676" s="613"/>
      <c r="UKZ676" s="613"/>
      <c r="ULA676" s="613"/>
      <c r="ULB676" s="613"/>
      <c r="ULC676" s="613"/>
      <c r="ULD676" s="613"/>
      <c r="ULE676" s="613"/>
      <c r="ULF676" s="613"/>
      <c r="ULG676" s="613"/>
      <c r="ULH676" s="613"/>
      <c r="ULI676" s="613"/>
      <c r="ULJ676" s="613"/>
      <c r="ULK676" s="613"/>
      <c r="ULL676" s="613"/>
      <c r="ULM676" s="613"/>
      <c r="ULN676" s="613"/>
      <c r="ULO676" s="613"/>
      <c r="ULP676" s="613"/>
      <c r="ULQ676" s="613"/>
      <c r="ULR676" s="613"/>
      <c r="ULS676" s="613"/>
      <c r="ULT676" s="613"/>
      <c r="ULU676" s="613"/>
      <c r="ULV676" s="613"/>
      <c r="ULW676" s="613"/>
      <c r="ULX676" s="613"/>
      <c r="ULY676" s="613"/>
      <c r="ULZ676" s="613"/>
      <c r="UMA676" s="613"/>
      <c r="UMB676" s="613"/>
      <c r="UMC676" s="613"/>
      <c r="UMD676" s="613"/>
      <c r="UME676" s="613"/>
      <c r="UMF676" s="613"/>
      <c r="UMG676" s="613"/>
      <c r="UMH676" s="613"/>
      <c r="UMI676" s="613"/>
      <c r="UMJ676" s="613"/>
      <c r="UMK676" s="613"/>
      <c r="UML676" s="613"/>
      <c r="UMM676" s="613"/>
      <c r="UMN676" s="613"/>
      <c r="UMO676" s="613"/>
      <c r="UMP676" s="613"/>
      <c r="UMQ676" s="613"/>
      <c r="UMR676" s="613"/>
      <c r="UMS676" s="613"/>
      <c r="UMT676" s="613"/>
      <c r="UMU676" s="613"/>
      <c r="UMV676" s="613"/>
      <c r="UMW676" s="613"/>
      <c r="UMX676" s="613"/>
      <c r="UMY676" s="613"/>
      <c r="UMZ676" s="613"/>
      <c r="UNA676" s="613"/>
      <c r="UNB676" s="613"/>
      <c r="UNC676" s="613"/>
      <c r="UND676" s="613"/>
      <c r="UNE676" s="613"/>
      <c r="UNF676" s="613"/>
      <c r="UNG676" s="613"/>
      <c r="UNH676" s="613"/>
      <c r="UNI676" s="613"/>
      <c r="UNJ676" s="613"/>
      <c r="UNK676" s="613"/>
      <c r="UNL676" s="613"/>
      <c r="UNM676" s="613"/>
      <c r="UNN676" s="613"/>
      <c r="UNO676" s="613"/>
      <c r="UNP676" s="613"/>
      <c r="UNQ676" s="613"/>
      <c r="UNR676" s="613"/>
      <c r="UNS676" s="613"/>
      <c r="UNT676" s="613"/>
      <c r="UNU676" s="613"/>
      <c r="UNV676" s="613"/>
      <c r="UNW676" s="613"/>
      <c r="UNX676" s="613"/>
      <c r="UNY676" s="613"/>
      <c r="UNZ676" s="613"/>
      <c r="UOA676" s="613"/>
      <c r="UOB676" s="613"/>
      <c r="UOC676" s="613"/>
      <c r="UOD676" s="613"/>
      <c r="UOE676" s="613"/>
      <c r="UOF676" s="613"/>
      <c r="UOG676" s="613"/>
      <c r="UOH676" s="613"/>
      <c r="UOI676" s="613"/>
      <c r="UOJ676" s="613"/>
      <c r="UOK676" s="613"/>
      <c r="UOL676" s="613"/>
      <c r="UOM676" s="613"/>
      <c r="UON676" s="613"/>
      <c r="UOO676" s="613"/>
      <c r="UOP676" s="613"/>
      <c r="UOQ676" s="613"/>
      <c r="UOR676" s="613"/>
      <c r="UOS676" s="613"/>
      <c r="UOT676" s="613"/>
      <c r="UOU676" s="613"/>
      <c r="UOV676" s="613"/>
      <c r="UOW676" s="613"/>
      <c r="UOX676" s="613"/>
      <c r="UOY676" s="613"/>
      <c r="UOZ676" s="613"/>
      <c r="UPA676" s="613"/>
      <c r="UPB676" s="613"/>
      <c r="UPC676" s="613"/>
      <c r="UPD676" s="613"/>
      <c r="UPE676" s="613"/>
      <c r="UPF676" s="613"/>
      <c r="UPG676" s="613"/>
      <c r="UPH676" s="613"/>
      <c r="UPI676" s="613"/>
      <c r="UPJ676" s="613"/>
      <c r="UPK676" s="613"/>
      <c r="UPL676" s="613"/>
      <c r="UPM676" s="613"/>
      <c r="UPN676" s="613"/>
      <c r="UPO676" s="613"/>
      <c r="UPP676" s="613"/>
      <c r="UPQ676" s="613"/>
      <c r="UPR676" s="613"/>
      <c r="UPS676" s="613"/>
      <c r="UPT676" s="613"/>
      <c r="UPU676" s="613"/>
      <c r="UPV676" s="613"/>
      <c r="UPW676" s="613"/>
      <c r="UPX676" s="613"/>
      <c r="UPY676" s="613"/>
      <c r="UPZ676" s="613"/>
      <c r="UQA676" s="613"/>
      <c r="UQB676" s="613"/>
      <c r="UQC676" s="613"/>
      <c r="UQD676" s="613"/>
      <c r="UQE676" s="613"/>
      <c r="UQF676" s="613"/>
      <c r="UQG676" s="613"/>
      <c r="UQH676" s="613"/>
      <c r="UQI676" s="613"/>
      <c r="UQJ676" s="613"/>
      <c r="UQK676" s="613"/>
      <c r="UQL676" s="613"/>
      <c r="UQM676" s="613"/>
      <c r="UQN676" s="613"/>
      <c r="UQO676" s="613"/>
      <c r="UQP676" s="613"/>
      <c r="UQQ676" s="613"/>
      <c r="UQR676" s="613"/>
      <c r="UQS676" s="613"/>
      <c r="UQT676" s="613"/>
      <c r="UQU676" s="613"/>
      <c r="UQV676" s="613"/>
      <c r="UQW676" s="613"/>
      <c r="UQX676" s="613"/>
      <c r="UQY676" s="613"/>
      <c r="UQZ676" s="613"/>
      <c r="URA676" s="613"/>
      <c r="URB676" s="613"/>
      <c r="URC676" s="613"/>
      <c r="URD676" s="613"/>
      <c r="URE676" s="613"/>
      <c r="URF676" s="613"/>
      <c r="URG676" s="613"/>
      <c r="URH676" s="613"/>
      <c r="URI676" s="613"/>
      <c r="URJ676" s="613"/>
      <c r="URK676" s="613"/>
      <c r="URL676" s="613"/>
      <c r="URM676" s="613"/>
      <c r="URN676" s="613"/>
      <c r="URO676" s="613"/>
      <c r="URP676" s="613"/>
      <c r="URQ676" s="613"/>
      <c r="URR676" s="613"/>
      <c r="URS676" s="613"/>
      <c r="URT676" s="613"/>
      <c r="URU676" s="613"/>
      <c r="URV676" s="613"/>
      <c r="URW676" s="613"/>
      <c r="URX676" s="613"/>
      <c r="URY676" s="613"/>
      <c r="URZ676" s="613"/>
      <c r="USA676" s="613"/>
      <c r="USB676" s="613"/>
      <c r="USC676" s="613"/>
      <c r="USD676" s="613"/>
      <c r="USE676" s="613"/>
      <c r="USF676" s="613"/>
      <c r="USG676" s="613"/>
      <c r="USH676" s="613"/>
      <c r="USI676" s="613"/>
      <c r="USJ676" s="613"/>
      <c r="USK676" s="613"/>
      <c r="USL676" s="613"/>
      <c r="USM676" s="613"/>
      <c r="USN676" s="613"/>
      <c r="USO676" s="613"/>
      <c r="USP676" s="613"/>
      <c r="USQ676" s="613"/>
      <c r="USR676" s="613"/>
      <c r="USS676" s="613"/>
      <c r="UST676" s="613"/>
      <c r="USU676" s="613"/>
      <c r="USV676" s="613"/>
      <c r="USW676" s="613"/>
      <c r="USX676" s="613"/>
      <c r="USY676" s="613"/>
      <c r="USZ676" s="613"/>
      <c r="UTA676" s="613"/>
      <c r="UTB676" s="613"/>
      <c r="UTC676" s="613"/>
      <c r="UTD676" s="613"/>
      <c r="UTE676" s="613"/>
      <c r="UTF676" s="613"/>
      <c r="UTG676" s="613"/>
      <c r="UTH676" s="613"/>
      <c r="UTI676" s="613"/>
      <c r="UTJ676" s="613"/>
      <c r="UTK676" s="613"/>
      <c r="UTL676" s="613"/>
      <c r="UTM676" s="613"/>
      <c r="UTN676" s="613"/>
      <c r="UTO676" s="613"/>
      <c r="UTP676" s="613"/>
      <c r="UTQ676" s="613"/>
      <c r="UTR676" s="613"/>
      <c r="UTS676" s="613"/>
      <c r="UTT676" s="613"/>
      <c r="UTU676" s="613"/>
      <c r="UTV676" s="613"/>
      <c r="UTW676" s="613"/>
      <c r="UTX676" s="613"/>
      <c r="UTY676" s="613"/>
      <c r="UTZ676" s="613"/>
      <c r="UUA676" s="613"/>
      <c r="UUB676" s="613"/>
      <c r="UUC676" s="613"/>
      <c r="UUD676" s="613"/>
      <c r="UUE676" s="613"/>
      <c r="UUF676" s="613"/>
      <c r="UUG676" s="613"/>
      <c r="UUH676" s="613"/>
      <c r="UUI676" s="613"/>
      <c r="UUJ676" s="613"/>
      <c r="UUK676" s="613"/>
      <c r="UUL676" s="613"/>
      <c r="UUM676" s="613"/>
      <c r="UUN676" s="613"/>
      <c r="UUO676" s="613"/>
      <c r="UUP676" s="613"/>
      <c r="UUQ676" s="613"/>
      <c r="UUR676" s="613"/>
      <c r="UUS676" s="613"/>
      <c r="UUT676" s="613"/>
      <c r="UUU676" s="613"/>
      <c r="UUV676" s="613"/>
      <c r="UUW676" s="613"/>
      <c r="UUX676" s="613"/>
      <c r="UUY676" s="613"/>
      <c r="UUZ676" s="613"/>
      <c r="UVA676" s="613"/>
      <c r="UVB676" s="613"/>
      <c r="UVC676" s="613"/>
      <c r="UVD676" s="613"/>
      <c r="UVE676" s="613"/>
      <c r="UVF676" s="613"/>
      <c r="UVG676" s="613"/>
      <c r="UVH676" s="613"/>
      <c r="UVI676" s="613"/>
      <c r="UVJ676" s="613"/>
      <c r="UVK676" s="613"/>
      <c r="UVL676" s="613"/>
      <c r="UVM676" s="613"/>
      <c r="UVN676" s="613"/>
      <c r="UVO676" s="613"/>
      <c r="UVP676" s="613"/>
      <c r="UVQ676" s="613"/>
      <c r="UVR676" s="613"/>
      <c r="UVS676" s="613"/>
      <c r="UVT676" s="613"/>
      <c r="UVU676" s="613"/>
      <c r="UVV676" s="613"/>
      <c r="UVW676" s="613"/>
      <c r="UVX676" s="613"/>
      <c r="UVY676" s="613"/>
      <c r="UVZ676" s="613"/>
      <c r="UWA676" s="613"/>
      <c r="UWB676" s="613"/>
      <c r="UWC676" s="613"/>
      <c r="UWD676" s="613"/>
      <c r="UWE676" s="613"/>
      <c r="UWF676" s="613"/>
      <c r="UWG676" s="613"/>
      <c r="UWH676" s="613"/>
      <c r="UWI676" s="613"/>
      <c r="UWJ676" s="613"/>
      <c r="UWK676" s="613"/>
      <c r="UWL676" s="613"/>
      <c r="UWM676" s="613"/>
      <c r="UWN676" s="613"/>
      <c r="UWO676" s="613"/>
      <c r="UWP676" s="613"/>
      <c r="UWQ676" s="613"/>
      <c r="UWR676" s="613"/>
      <c r="UWS676" s="613"/>
      <c r="UWT676" s="613"/>
      <c r="UWU676" s="613"/>
      <c r="UWV676" s="613"/>
      <c r="UWW676" s="613"/>
      <c r="UWX676" s="613"/>
      <c r="UWY676" s="613"/>
      <c r="UWZ676" s="613"/>
      <c r="UXA676" s="613"/>
      <c r="UXB676" s="613"/>
      <c r="UXC676" s="613"/>
      <c r="UXD676" s="613"/>
      <c r="UXE676" s="613"/>
      <c r="UXF676" s="613"/>
      <c r="UXG676" s="613"/>
      <c r="UXH676" s="613"/>
      <c r="UXI676" s="613"/>
      <c r="UXJ676" s="613"/>
      <c r="UXK676" s="613"/>
      <c r="UXL676" s="613"/>
      <c r="UXM676" s="613"/>
      <c r="UXN676" s="613"/>
      <c r="UXO676" s="613"/>
      <c r="UXP676" s="613"/>
      <c r="UXQ676" s="613"/>
      <c r="UXR676" s="613"/>
      <c r="UXS676" s="613"/>
      <c r="UXT676" s="613"/>
      <c r="UXU676" s="613"/>
      <c r="UXV676" s="613"/>
      <c r="UXW676" s="613"/>
      <c r="UXX676" s="613"/>
      <c r="UXY676" s="613"/>
      <c r="UXZ676" s="613"/>
      <c r="UYA676" s="613"/>
      <c r="UYB676" s="613"/>
      <c r="UYC676" s="613"/>
      <c r="UYD676" s="613"/>
      <c r="UYE676" s="613"/>
      <c r="UYF676" s="613"/>
      <c r="UYG676" s="613"/>
      <c r="UYH676" s="613"/>
      <c r="UYI676" s="613"/>
      <c r="UYJ676" s="613"/>
      <c r="UYK676" s="613"/>
      <c r="UYL676" s="613"/>
      <c r="UYM676" s="613"/>
      <c r="UYN676" s="613"/>
      <c r="UYO676" s="613"/>
      <c r="UYP676" s="613"/>
      <c r="UYQ676" s="613"/>
      <c r="UYR676" s="613"/>
      <c r="UYS676" s="613"/>
      <c r="UYT676" s="613"/>
      <c r="UYU676" s="613"/>
      <c r="UYV676" s="613"/>
      <c r="UYW676" s="613"/>
      <c r="UYX676" s="613"/>
      <c r="UYY676" s="613"/>
      <c r="UYZ676" s="613"/>
      <c r="UZA676" s="613"/>
      <c r="UZB676" s="613"/>
      <c r="UZC676" s="613"/>
      <c r="UZD676" s="613"/>
      <c r="UZE676" s="613"/>
      <c r="UZF676" s="613"/>
      <c r="UZG676" s="613"/>
      <c r="UZH676" s="613"/>
      <c r="UZI676" s="613"/>
      <c r="UZJ676" s="613"/>
      <c r="UZK676" s="613"/>
      <c r="UZL676" s="613"/>
      <c r="UZM676" s="613"/>
      <c r="UZN676" s="613"/>
      <c r="UZO676" s="613"/>
      <c r="UZP676" s="613"/>
      <c r="UZQ676" s="613"/>
      <c r="UZR676" s="613"/>
      <c r="UZS676" s="613"/>
      <c r="UZT676" s="613"/>
      <c r="UZU676" s="613"/>
      <c r="UZV676" s="613"/>
      <c r="UZW676" s="613"/>
      <c r="UZX676" s="613"/>
      <c r="UZY676" s="613"/>
      <c r="UZZ676" s="613"/>
      <c r="VAA676" s="613"/>
      <c r="VAB676" s="613"/>
      <c r="VAC676" s="613"/>
      <c r="VAD676" s="613"/>
      <c r="VAE676" s="613"/>
      <c r="VAF676" s="613"/>
      <c r="VAG676" s="613"/>
      <c r="VAH676" s="613"/>
      <c r="VAI676" s="613"/>
      <c r="VAJ676" s="613"/>
      <c r="VAK676" s="613"/>
      <c r="VAL676" s="613"/>
      <c r="VAM676" s="613"/>
      <c r="VAN676" s="613"/>
      <c r="VAO676" s="613"/>
      <c r="VAP676" s="613"/>
      <c r="VAQ676" s="613"/>
      <c r="VAR676" s="613"/>
      <c r="VAS676" s="613"/>
      <c r="VAT676" s="613"/>
      <c r="VAU676" s="613"/>
      <c r="VAV676" s="613"/>
      <c r="VAW676" s="613"/>
      <c r="VAX676" s="613"/>
      <c r="VAY676" s="613"/>
      <c r="VAZ676" s="613"/>
      <c r="VBA676" s="613"/>
      <c r="VBB676" s="613"/>
      <c r="VBC676" s="613"/>
      <c r="VBD676" s="613"/>
      <c r="VBE676" s="613"/>
      <c r="VBF676" s="613"/>
      <c r="VBG676" s="613"/>
      <c r="VBH676" s="613"/>
      <c r="VBI676" s="613"/>
      <c r="VBJ676" s="613"/>
      <c r="VBK676" s="613"/>
      <c r="VBL676" s="613"/>
      <c r="VBM676" s="613"/>
      <c r="VBN676" s="613"/>
      <c r="VBO676" s="613"/>
      <c r="VBP676" s="613"/>
      <c r="VBQ676" s="613"/>
      <c r="VBR676" s="613"/>
      <c r="VBS676" s="613"/>
      <c r="VBT676" s="613"/>
      <c r="VBU676" s="613"/>
      <c r="VBV676" s="613"/>
      <c r="VBW676" s="613"/>
      <c r="VBX676" s="613"/>
      <c r="VBY676" s="613"/>
      <c r="VBZ676" s="613"/>
      <c r="VCA676" s="613"/>
      <c r="VCB676" s="613"/>
      <c r="VCC676" s="613"/>
      <c r="VCD676" s="613"/>
      <c r="VCE676" s="613"/>
      <c r="VCF676" s="613"/>
      <c r="VCG676" s="613"/>
      <c r="VCH676" s="613"/>
      <c r="VCI676" s="613"/>
      <c r="VCJ676" s="613"/>
      <c r="VCK676" s="613"/>
      <c r="VCL676" s="613"/>
      <c r="VCM676" s="613"/>
      <c r="VCN676" s="613"/>
      <c r="VCO676" s="613"/>
      <c r="VCP676" s="613"/>
      <c r="VCQ676" s="613"/>
      <c r="VCR676" s="613"/>
      <c r="VCS676" s="613"/>
      <c r="VCT676" s="613"/>
      <c r="VCU676" s="613"/>
      <c r="VCV676" s="613"/>
      <c r="VCW676" s="613"/>
      <c r="VCX676" s="613"/>
      <c r="VCY676" s="613"/>
      <c r="VCZ676" s="613"/>
      <c r="VDA676" s="613"/>
      <c r="VDB676" s="613"/>
      <c r="VDC676" s="613"/>
      <c r="VDD676" s="613"/>
      <c r="VDE676" s="613"/>
      <c r="VDF676" s="613"/>
      <c r="VDG676" s="613"/>
      <c r="VDH676" s="613"/>
      <c r="VDI676" s="613"/>
      <c r="VDJ676" s="613"/>
      <c r="VDK676" s="613"/>
      <c r="VDL676" s="613"/>
      <c r="VDM676" s="613"/>
      <c r="VDN676" s="613"/>
      <c r="VDO676" s="613"/>
      <c r="VDP676" s="613"/>
      <c r="VDQ676" s="613"/>
      <c r="VDR676" s="613"/>
      <c r="VDS676" s="613"/>
      <c r="VDT676" s="613"/>
      <c r="VDU676" s="613"/>
      <c r="VDV676" s="613"/>
      <c r="VDW676" s="613"/>
      <c r="VDX676" s="613"/>
      <c r="VDY676" s="613"/>
      <c r="VDZ676" s="613"/>
      <c r="VEA676" s="613"/>
      <c r="VEB676" s="613"/>
      <c r="VEC676" s="613"/>
      <c r="VED676" s="613"/>
      <c r="VEE676" s="613"/>
      <c r="VEF676" s="613"/>
      <c r="VEG676" s="613"/>
      <c r="VEH676" s="613"/>
      <c r="VEI676" s="613"/>
      <c r="VEJ676" s="613"/>
      <c r="VEK676" s="613"/>
      <c r="VEL676" s="613"/>
      <c r="VEM676" s="613"/>
      <c r="VEN676" s="613"/>
      <c r="VEO676" s="613"/>
      <c r="VEP676" s="613"/>
      <c r="VEQ676" s="613"/>
      <c r="VER676" s="613"/>
      <c r="VES676" s="613"/>
      <c r="VET676" s="613"/>
      <c r="VEU676" s="613"/>
      <c r="VEV676" s="613"/>
      <c r="VEW676" s="613"/>
      <c r="VEX676" s="613"/>
      <c r="VEY676" s="613"/>
      <c r="VEZ676" s="613"/>
      <c r="VFA676" s="613"/>
      <c r="VFB676" s="613"/>
      <c r="VFC676" s="613"/>
      <c r="VFD676" s="613"/>
      <c r="VFE676" s="613"/>
      <c r="VFF676" s="613"/>
      <c r="VFG676" s="613"/>
      <c r="VFH676" s="613"/>
      <c r="VFI676" s="613"/>
      <c r="VFJ676" s="613"/>
      <c r="VFK676" s="613"/>
      <c r="VFL676" s="613"/>
      <c r="VFM676" s="613"/>
      <c r="VFN676" s="613"/>
      <c r="VFO676" s="613"/>
      <c r="VFP676" s="613"/>
      <c r="VFQ676" s="613"/>
      <c r="VFR676" s="613"/>
      <c r="VFS676" s="613"/>
      <c r="VFT676" s="613"/>
      <c r="VFU676" s="613"/>
      <c r="VFV676" s="613"/>
      <c r="VFW676" s="613"/>
      <c r="VFX676" s="613"/>
      <c r="VFY676" s="613"/>
      <c r="VFZ676" s="613"/>
      <c r="VGA676" s="613"/>
      <c r="VGB676" s="613"/>
      <c r="VGC676" s="613"/>
      <c r="VGD676" s="613"/>
      <c r="VGE676" s="613"/>
      <c r="VGF676" s="613"/>
      <c r="VGG676" s="613"/>
      <c r="VGH676" s="613"/>
      <c r="VGI676" s="613"/>
      <c r="VGJ676" s="613"/>
      <c r="VGK676" s="613"/>
      <c r="VGL676" s="613"/>
      <c r="VGM676" s="613"/>
      <c r="VGN676" s="613"/>
      <c r="VGO676" s="613"/>
      <c r="VGP676" s="613"/>
      <c r="VGQ676" s="613"/>
      <c r="VGR676" s="613"/>
      <c r="VGS676" s="613"/>
      <c r="VGT676" s="613"/>
      <c r="VGU676" s="613"/>
      <c r="VGV676" s="613"/>
      <c r="VGW676" s="613"/>
      <c r="VGX676" s="613"/>
      <c r="VGY676" s="613"/>
      <c r="VGZ676" s="613"/>
      <c r="VHA676" s="613"/>
      <c r="VHB676" s="613"/>
      <c r="VHC676" s="613"/>
      <c r="VHD676" s="613"/>
      <c r="VHE676" s="613"/>
      <c r="VHF676" s="613"/>
      <c r="VHG676" s="613"/>
      <c r="VHH676" s="613"/>
      <c r="VHI676" s="613"/>
      <c r="VHJ676" s="613"/>
      <c r="VHK676" s="613"/>
      <c r="VHL676" s="613"/>
      <c r="VHM676" s="613"/>
      <c r="VHN676" s="613"/>
      <c r="VHO676" s="613"/>
      <c r="VHP676" s="613"/>
      <c r="VHQ676" s="613"/>
      <c r="VHR676" s="613"/>
      <c r="VHS676" s="613"/>
      <c r="VHT676" s="613"/>
      <c r="VHU676" s="613"/>
      <c r="VHV676" s="613"/>
      <c r="VHW676" s="613"/>
      <c r="VHX676" s="613"/>
      <c r="VHY676" s="613"/>
      <c r="VHZ676" s="613"/>
      <c r="VIA676" s="613"/>
      <c r="VIB676" s="613"/>
      <c r="VIC676" s="613"/>
      <c r="VID676" s="613"/>
      <c r="VIE676" s="613"/>
      <c r="VIF676" s="613"/>
      <c r="VIG676" s="613"/>
      <c r="VIH676" s="613"/>
      <c r="VII676" s="613"/>
      <c r="VIJ676" s="613"/>
      <c r="VIK676" s="613"/>
      <c r="VIL676" s="613"/>
      <c r="VIM676" s="613"/>
      <c r="VIN676" s="613"/>
      <c r="VIO676" s="613"/>
      <c r="VIP676" s="613"/>
      <c r="VIQ676" s="613"/>
      <c r="VIR676" s="613"/>
      <c r="VIS676" s="613"/>
      <c r="VIT676" s="613"/>
      <c r="VIU676" s="613"/>
      <c r="VIV676" s="613"/>
      <c r="VIW676" s="613"/>
      <c r="VIX676" s="613"/>
      <c r="VIY676" s="613"/>
      <c r="VIZ676" s="613"/>
      <c r="VJA676" s="613"/>
      <c r="VJB676" s="613"/>
      <c r="VJC676" s="613"/>
      <c r="VJD676" s="613"/>
      <c r="VJE676" s="613"/>
      <c r="VJF676" s="613"/>
      <c r="VJG676" s="613"/>
      <c r="VJH676" s="613"/>
      <c r="VJI676" s="613"/>
      <c r="VJJ676" s="613"/>
      <c r="VJK676" s="613"/>
      <c r="VJL676" s="613"/>
      <c r="VJM676" s="613"/>
      <c r="VJN676" s="613"/>
      <c r="VJO676" s="613"/>
      <c r="VJP676" s="613"/>
      <c r="VJQ676" s="613"/>
      <c r="VJR676" s="613"/>
      <c r="VJS676" s="613"/>
      <c r="VJT676" s="613"/>
      <c r="VJU676" s="613"/>
      <c r="VJV676" s="613"/>
      <c r="VJW676" s="613"/>
      <c r="VJX676" s="613"/>
      <c r="VJY676" s="613"/>
      <c r="VJZ676" s="613"/>
      <c r="VKA676" s="613"/>
      <c r="VKB676" s="613"/>
      <c r="VKC676" s="613"/>
      <c r="VKD676" s="613"/>
      <c r="VKE676" s="613"/>
      <c r="VKF676" s="613"/>
      <c r="VKG676" s="613"/>
      <c r="VKH676" s="613"/>
      <c r="VKI676" s="613"/>
      <c r="VKJ676" s="613"/>
      <c r="VKK676" s="613"/>
      <c r="VKL676" s="613"/>
      <c r="VKM676" s="613"/>
      <c r="VKN676" s="613"/>
      <c r="VKO676" s="613"/>
      <c r="VKP676" s="613"/>
      <c r="VKQ676" s="613"/>
      <c r="VKR676" s="613"/>
      <c r="VKS676" s="613"/>
      <c r="VKT676" s="613"/>
      <c r="VKU676" s="613"/>
      <c r="VKV676" s="613"/>
      <c r="VKW676" s="613"/>
      <c r="VKX676" s="613"/>
      <c r="VKY676" s="613"/>
      <c r="VKZ676" s="613"/>
      <c r="VLA676" s="613"/>
      <c r="VLB676" s="613"/>
      <c r="VLC676" s="613"/>
      <c r="VLD676" s="613"/>
      <c r="VLE676" s="613"/>
      <c r="VLF676" s="613"/>
      <c r="VLG676" s="613"/>
      <c r="VLH676" s="613"/>
      <c r="VLI676" s="613"/>
      <c r="VLJ676" s="613"/>
      <c r="VLK676" s="613"/>
      <c r="VLL676" s="613"/>
      <c r="VLM676" s="613"/>
      <c r="VLN676" s="613"/>
      <c r="VLO676" s="613"/>
      <c r="VLP676" s="613"/>
      <c r="VLQ676" s="613"/>
      <c r="VLR676" s="613"/>
      <c r="VLS676" s="613"/>
      <c r="VLT676" s="613"/>
      <c r="VLU676" s="613"/>
      <c r="VLV676" s="613"/>
      <c r="VLW676" s="613"/>
      <c r="VLX676" s="613"/>
      <c r="VLY676" s="613"/>
      <c r="VLZ676" s="613"/>
      <c r="VMA676" s="613"/>
      <c r="VMB676" s="613"/>
      <c r="VMC676" s="613"/>
      <c r="VMD676" s="613"/>
      <c r="VME676" s="613"/>
      <c r="VMF676" s="613"/>
      <c r="VMG676" s="613"/>
      <c r="VMH676" s="613"/>
      <c r="VMI676" s="613"/>
      <c r="VMJ676" s="613"/>
      <c r="VMK676" s="613"/>
      <c r="VML676" s="613"/>
      <c r="VMM676" s="613"/>
      <c r="VMN676" s="613"/>
      <c r="VMO676" s="613"/>
      <c r="VMP676" s="613"/>
      <c r="VMQ676" s="613"/>
      <c r="VMR676" s="613"/>
      <c r="VMS676" s="613"/>
      <c r="VMT676" s="613"/>
      <c r="VMU676" s="613"/>
      <c r="VMV676" s="613"/>
      <c r="VMW676" s="613"/>
      <c r="VMX676" s="613"/>
      <c r="VMY676" s="613"/>
      <c r="VMZ676" s="613"/>
      <c r="VNA676" s="613"/>
      <c r="VNB676" s="613"/>
      <c r="VNC676" s="613"/>
      <c r="VND676" s="613"/>
      <c r="VNE676" s="613"/>
      <c r="VNF676" s="613"/>
      <c r="VNG676" s="613"/>
      <c r="VNH676" s="613"/>
      <c r="VNI676" s="613"/>
      <c r="VNJ676" s="613"/>
      <c r="VNK676" s="613"/>
      <c r="VNL676" s="613"/>
      <c r="VNM676" s="613"/>
      <c r="VNN676" s="613"/>
      <c r="VNO676" s="613"/>
      <c r="VNP676" s="613"/>
      <c r="VNQ676" s="613"/>
      <c r="VNR676" s="613"/>
      <c r="VNS676" s="613"/>
      <c r="VNT676" s="613"/>
      <c r="VNU676" s="613"/>
      <c r="VNV676" s="613"/>
      <c r="VNW676" s="613"/>
      <c r="VNX676" s="613"/>
      <c r="VNY676" s="613"/>
      <c r="VNZ676" s="613"/>
      <c r="VOA676" s="613"/>
      <c r="VOB676" s="613"/>
      <c r="VOC676" s="613"/>
      <c r="VOD676" s="613"/>
      <c r="VOE676" s="613"/>
      <c r="VOF676" s="613"/>
      <c r="VOG676" s="613"/>
      <c r="VOH676" s="613"/>
      <c r="VOI676" s="613"/>
      <c r="VOJ676" s="613"/>
      <c r="VOK676" s="613"/>
      <c r="VOL676" s="613"/>
      <c r="VOM676" s="613"/>
      <c r="VON676" s="613"/>
      <c r="VOO676" s="613"/>
      <c r="VOP676" s="613"/>
      <c r="VOQ676" s="613"/>
      <c r="VOR676" s="613"/>
      <c r="VOS676" s="613"/>
      <c r="VOT676" s="613"/>
      <c r="VOU676" s="613"/>
      <c r="VOV676" s="613"/>
      <c r="VOW676" s="613"/>
      <c r="VOX676" s="613"/>
      <c r="VOY676" s="613"/>
      <c r="VOZ676" s="613"/>
      <c r="VPA676" s="613"/>
      <c r="VPB676" s="613"/>
      <c r="VPC676" s="613"/>
      <c r="VPD676" s="613"/>
      <c r="VPE676" s="613"/>
      <c r="VPF676" s="613"/>
      <c r="VPG676" s="613"/>
      <c r="VPH676" s="613"/>
      <c r="VPI676" s="613"/>
      <c r="VPJ676" s="613"/>
      <c r="VPK676" s="613"/>
      <c r="VPL676" s="613"/>
      <c r="VPM676" s="613"/>
      <c r="VPN676" s="613"/>
      <c r="VPO676" s="613"/>
      <c r="VPP676" s="613"/>
      <c r="VPQ676" s="613"/>
      <c r="VPR676" s="613"/>
      <c r="VPS676" s="613"/>
      <c r="VPT676" s="613"/>
      <c r="VPU676" s="613"/>
      <c r="VPV676" s="613"/>
      <c r="VPW676" s="613"/>
      <c r="VPX676" s="613"/>
      <c r="VPY676" s="613"/>
      <c r="VPZ676" s="613"/>
      <c r="VQA676" s="613"/>
      <c r="VQB676" s="613"/>
      <c r="VQC676" s="613"/>
      <c r="VQD676" s="613"/>
      <c r="VQE676" s="613"/>
      <c r="VQF676" s="613"/>
      <c r="VQG676" s="613"/>
      <c r="VQH676" s="613"/>
      <c r="VQI676" s="613"/>
      <c r="VQJ676" s="613"/>
      <c r="VQK676" s="613"/>
      <c r="VQL676" s="613"/>
      <c r="VQM676" s="613"/>
      <c r="VQN676" s="613"/>
      <c r="VQO676" s="613"/>
      <c r="VQP676" s="613"/>
      <c r="VQQ676" s="613"/>
      <c r="VQR676" s="613"/>
      <c r="VQS676" s="613"/>
      <c r="VQT676" s="613"/>
      <c r="VQU676" s="613"/>
      <c r="VQV676" s="613"/>
      <c r="VQW676" s="613"/>
      <c r="VQX676" s="613"/>
      <c r="VQY676" s="613"/>
      <c r="VQZ676" s="613"/>
      <c r="VRA676" s="613"/>
      <c r="VRB676" s="613"/>
      <c r="VRC676" s="613"/>
      <c r="VRD676" s="613"/>
      <c r="VRE676" s="613"/>
      <c r="VRF676" s="613"/>
      <c r="VRG676" s="613"/>
      <c r="VRH676" s="613"/>
      <c r="VRI676" s="613"/>
      <c r="VRJ676" s="613"/>
      <c r="VRK676" s="613"/>
      <c r="VRL676" s="613"/>
      <c r="VRM676" s="613"/>
      <c r="VRN676" s="613"/>
      <c r="VRO676" s="613"/>
      <c r="VRP676" s="613"/>
      <c r="VRQ676" s="613"/>
      <c r="VRR676" s="613"/>
      <c r="VRS676" s="613"/>
      <c r="VRT676" s="613"/>
      <c r="VRU676" s="613"/>
      <c r="VRV676" s="613"/>
      <c r="VRW676" s="613"/>
      <c r="VRX676" s="613"/>
      <c r="VRY676" s="613"/>
      <c r="VRZ676" s="613"/>
      <c r="VSA676" s="613"/>
      <c r="VSB676" s="613"/>
      <c r="VSC676" s="613"/>
      <c r="VSD676" s="613"/>
      <c r="VSE676" s="613"/>
      <c r="VSF676" s="613"/>
      <c r="VSG676" s="613"/>
      <c r="VSH676" s="613"/>
      <c r="VSI676" s="613"/>
      <c r="VSJ676" s="613"/>
      <c r="VSK676" s="613"/>
      <c r="VSL676" s="613"/>
      <c r="VSM676" s="613"/>
      <c r="VSN676" s="613"/>
      <c r="VSO676" s="613"/>
      <c r="VSP676" s="613"/>
      <c r="VSQ676" s="613"/>
      <c r="VSR676" s="613"/>
      <c r="VSS676" s="613"/>
      <c r="VST676" s="613"/>
      <c r="VSU676" s="613"/>
      <c r="VSV676" s="613"/>
      <c r="VSW676" s="613"/>
      <c r="VSX676" s="613"/>
      <c r="VSY676" s="613"/>
      <c r="VSZ676" s="613"/>
      <c r="VTA676" s="613"/>
      <c r="VTB676" s="613"/>
      <c r="VTC676" s="613"/>
      <c r="VTD676" s="613"/>
      <c r="VTE676" s="613"/>
      <c r="VTF676" s="613"/>
      <c r="VTG676" s="613"/>
      <c r="VTH676" s="613"/>
      <c r="VTI676" s="613"/>
      <c r="VTJ676" s="613"/>
      <c r="VTK676" s="613"/>
      <c r="VTL676" s="613"/>
      <c r="VTM676" s="613"/>
      <c r="VTN676" s="613"/>
      <c r="VTO676" s="613"/>
      <c r="VTP676" s="613"/>
      <c r="VTQ676" s="613"/>
      <c r="VTR676" s="613"/>
      <c r="VTS676" s="613"/>
      <c r="VTT676" s="613"/>
      <c r="VTU676" s="613"/>
      <c r="VTV676" s="613"/>
      <c r="VTW676" s="613"/>
      <c r="VTX676" s="613"/>
      <c r="VTY676" s="613"/>
      <c r="VTZ676" s="613"/>
      <c r="VUA676" s="613"/>
      <c r="VUB676" s="613"/>
      <c r="VUC676" s="613"/>
      <c r="VUD676" s="613"/>
      <c r="VUE676" s="613"/>
      <c r="VUF676" s="613"/>
      <c r="VUG676" s="613"/>
      <c r="VUH676" s="613"/>
      <c r="VUI676" s="613"/>
      <c r="VUJ676" s="613"/>
      <c r="VUK676" s="613"/>
      <c r="VUL676" s="613"/>
      <c r="VUM676" s="613"/>
      <c r="VUN676" s="613"/>
      <c r="VUO676" s="613"/>
      <c r="VUP676" s="613"/>
      <c r="VUQ676" s="613"/>
      <c r="VUR676" s="613"/>
      <c r="VUS676" s="613"/>
      <c r="VUT676" s="613"/>
      <c r="VUU676" s="613"/>
      <c r="VUV676" s="613"/>
      <c r="VUW676" s="613"/>
      <c r="VUX676" s="613"/>
      <c r="VUY676" s="613"/>
      <c r="VUZ676" s="613"/>
      <c r="VVA676" s="613"/>
      <c r="VVB676" s="613"/>
      <c r="VVC676" s="613"/>
      <c r="VVD676" s="613"/>
      <c r="VVE676" s="613"/>
      <c r="VVF676" s="613"/>
      <c r="VVG676" s="613"/>
      <c r="VVH676" s="613"/>
      <c r="VVI676" s="613"/>
      <c r="VVJ676" s="613"/>
      <c r="VVK676" s="613"/>
      <c r="VVL676" s="613"/>
      <c r="VVM676" s="613"/>
      <c r="VVN676" s="613"/>
      <c r="VVO676" s="613"/>
      <c r="VVP676" s="613"/>
      <c r="VVQ676" s="613"/>
      <c r="VVR676" s="613"/>
      <c r="VVS676" s="613"/>
      <c r="VVT676" s="613"/>
      <c r="VVU676" s="613"/>
      <c r="VVV676" s="613"/>
      <c r="VVW676" s="613"/>
      <c r="VVX676" s="613"/>
      <c r="VVY676" s="613"/>
      <c r="VVZ676" s="613"/>
      <c r="VWA676" s="613"/>
      <c r="VWB676" s="613"/>
      <c r="VWC676" s="613"/>
      <c r="VWD676" s="613"/>
      <c r="VWE676" s="613"/>
      <c r="VWF676" s="613"/>
      <c r="VWG676" s="613"/>
      <c r="VWH676" s="613"/>
      <c r="VWI676" s="613"/>
      <c r="VWJ676" s="613"/>
      <c r="VWK676" s="613"/>
      <c r="VWL676" s="613"/>
      <c r="VWM676" s="613"/>
      <c r="VWN676" s="613"/>
      <c r="VWO676" s="613"/>
      <c r="VWP676" s="613"/>
      <c r="VWQ676" s="613"/>
      <c r="VWR676" s="613"/>
      <c r="VWS676" s="613"/>
      <c r="VWT676" s="613"/>
      <c r="VWU676" s="613"/>
      <c r="VWV676" s="613"/>
      <c r="VWW676" s="613"/>
      <c r="VWX676" s="613"/>
      <c r="VWY676" s="613"/>
      <c r="VWZ676" s="613"/>
      <c r="VXA676" s="613"/>
      <c r="VXB676" s="613"/>
      <c r="VXC676" s="613"/>
      <c r="VXD676" s="613"/>
      <c r="VXE676" s="613"/>
      <c r="VXF676" s="613"/>
      <c r="VXG676" s="613"/>
      <c r="VXH676" s="613"/>
      <c r="VXI676" s="613"/>
      <c r="VXJ676" s="613"/>
      <c r="VXK676" s="613"/>
      <c r="VXL676" s="613"/>
      <c r="VXM676" s="613"/>
      <c r="VXN676" s="613"/>
      <c r="VXO676" s="613"/>
      <c r="VXP676" s="613"/>
      <c r="VXQ676" s="613"/>
      <c r="VXR676" s="613"/>
      <c r="VXS676" s="613"/>
      <c r="VXT676" s="613"/>
      <c r="VXU676" s="613"/>
      <c r="VXV676" s="613"/>
      <c r="VXW676" s="613"/>
      <c r="VXX676" s="613"/>
      <c r="VXY676" s="613"/>
      <c r="VXZ676" s="613"/>
      <c r="VYA676" s="613"/>
      <c r="VYB676" s="613"/>
      <c r="VYC676" s="613"/>
      <c r="VYD676" s="613"/>
      <c r="VYE676" s="613"/>
      <c r="VYF676" s="613"/>
      <c r="VYG676" s="613"/>
      <c r="VYH676" s="613"/>
      <c r="VYI676" s="613"/>
      <c r="VYJ676" s="613"/>
      <c r="VYK676" s="613"/>
      <c r="VYL676" s="613"/>
      <c r="VYM676" s="613"/>
      <c r="VYN676" s="613"/>
      <c r="VYO676" s="613"/>
      <c r="VYP676" s="613"/>
      <c r="VYQ676" s="613"/>
      <c r="VYR676" s="613"/>
      <c r="VYS676" s="613"/>
      <c r="VYT676" s="613"/>
      <c r="VYU676" s="613"/>
      <c r="VYV676" s="613"/>
      <c r="VYW676" s="613"/>
      <c r="VYX676" s="613"/>
      <c r="VYY676" s="613"/>
      <c r="VYZ676" s="613"/>
      <c r="VZA676" s="613"/>
      <c r="VZB676" s="613"/>
      <c r="VZC676" s="613"/>
      <c r="VZD676" s="613"/>
      <c r="VZE676" s="613"/>
      <c r="VZF676" s="613"/>
      <c r="VZG676" s="613"/>
      <c r="VZH676" s="613"/>
      <c r="VZI676" s="613"/>
      <c r="VZJ676" s="613"/>
      <c r="VZK676" s="613"/>
      <c r="VZL676" s="613"/>
      <c r="VZM676" s="613"/>
      <c r="VZN676" s="613"/>
      <c r="VZO676" s="613"/>
      <c r="VZP676" s="613"/>
      <c r="VZQ676" s="613"/>
      <c r="VZR676" s="613"/>
      <c r="VZS676" s="613"/>
      <c r="VZT676" s="613"/>
      <c r="VZU676" s="613"/>
      <c r="VZV676" s="613"/>
      <c r="VZW676" s="613"/>
      <c r="VZX676" s="613"/>
      <c r="VZY676" s="613"/>
      <c r="VZZ676" s="613"/>
      <c r="WAA676" s="613"/>
      <c r="WAB676" s="613"/>
      <c r="WAC676" s="613"/>
      <c r="WAD676" s="613"/>
      <c r="WAE676" s="613"/>
      <c r="WAF676" s="613"/>
      <c r="WAG676" s="613"/>
      <c r="WAH676" s="613"/>
      <c r="WAI676" s="613"/>
      <c r="WAJ676" s="613"/>
      <c r="WAK676" s="613"/>
      <c r="WAL676" s="613"/>
      <c r="WAM676" s="613"/>
      <c r="WAN676" s="613"/>
      <c r="WAO676" s="613"/>
      <c r="WAP676" s="613"/>
      <c r="WAQ676" s="613"/>
      <c r="WAR676" s="613"/>
      <c r="WAS676" s="613"/>
      <c r="WAT676" s="613"/>
      <c r="WAU676" s="613"/>
      <c r="WAV676" s="613"/>
      <c r="WAW676" s="613"/>
      <c r="WAX676" s="613"/>
      <c r="WAY676" s="613"/>
      <c r="WAZ676" s="613"/>
      <c r="WBA676" s="613"/>
      <c r="WBB676" s="613"/>
      <c r="WBC676" s="613"/>
      <c r="WBD676" s="613"/>
      <c r="WBE676" s="613"/>
      <c r="WBF676" s="613"/>
      <c r="WBG676" s="613"/>
      <c r="WBH676" s="613"/>
      <c r="WBI676" s="613"/>
      <c r="WBJ676" s="613"/>
      <c r="WBK676" s="613"/>
      <c r="WBL676" s="613"/>
      <c r="WBM676" s="613"/>
      <c r="WBN676" s="613"/>
      <c r="WBO676" s="613"/>
      <c r="WBP676" s="613"/>
      <c r="WBQ676" s="613"/>
      <c r="WBR676" s="613"/>
      <c r="WBS676" s="613"/>
      <c r="WBT676" s="613"/>
      <c r="WBU676" s="613"/>
      <c r="WBV676" s="613"/>
      <c r="WBW676" s="613"/>
      <c r="WBX676" s="613"/>
      <c r="WBY676" s="613"/>
      <c r="WBZ676" s="613"/>
      <c r="WCA676" s="613"/>
      <c r="WCB676" s="613"/>
      <c r="WCC676" s="613"/>
      <c r="WCD676" s="613"/>
      <c r="WCE676" s="613"/>
      <c r="WCF676" s="613"/>
      <c r="WCG676" s="613"/>
      <c r="WCH676" s="613"/>
      <c r="WCI676" s="613"/>
      <c r="WCJ676" s="613"/>
      <c r="WCK676" s="613"/>
      <c r="WCL676" s="613"/>
      <c r="WCM676" s="613"/>
      <c r="WCN676" s="613"/>
      <c r="WCO676" s="613"/>
      <c r="WCP676" s="613"/>
      <c r="WCQ676" s="613"/>
      <c r="WCR676" s="613"/>
      <c r="WCS676" s="613"/>
      <c r="WCT676" s="613"/>
      <c r="WCU676" s="613"/>
      <c r="WCV676" s="613"/>
      <c r="WCW676" s="613"/>
      <c r="WCX676" s="613"/>
      <c r="WCY676" s="613"/>
      <c r="WCZ676" s="613"/>
      <c r="WDA676" s="613"/>
      <c r="WDB676" s="613"/>
      <c r="WDC676" s="613"/>
      <c r="WDD676" s="613"/>
      <c r="WDE676" s="613"/>
      <c r="WDF676" s="613"/>
      <c r="WDG676" s="613"/>
      <c r="WDH676" s="613"/>
      <c r="WDI676" s="613"/>
      <c r="WDJ676" s="613"/>
      <c r="WDK676" s="613"/>
      <c r="WDL676" s="613"/>
      <c r="WDM676" s="613"/>
      <c r="WDN676" s="613"/>
      <c r="WDO676" s="613"/>
      <c r="WDP676" s="613"/>
      <c r="WDQ676" s="613"/>
      <c r="WDR676" s="613"/>
      <c r="WDS676" s="613"/>
      <c r="WDT676" s="613"/>
      <c r="WDU676" s="613"/>
      <c r="WDV676" s="613"/>
      <c r="WDW676" s="613"/>
      <c r="WDX676" s="613"/>
      <c r="WDY676" s="613"/>
      <c r="WDZ676" s="613"/>
      <c r="WEA676" s="613"/>
      <c r="WEB676" s="613"/>
      <c r="WEC676" s="613"/>
      <c r="WED676" s="613"/>
      <c r="WEE676" s="613"/>
      <c r="WEF676" s="613"/>
      <c r="WEG676" s="613"/>
      <c r="WEH676" s="613"/>
      <c r="WEI676" s="613"/>
      <c r="WEJ676" s="613"/>
      <c r="WEK676" s="613"/>
      <c r="WEL676" s="613"/>
      <c r="WEM676" s="613"/>
      <c r="WEN676" s="613"/>
      <c r="WEO676" s="613"/>
      <c r="WEP676" s="613"/>
      <c r="WEQ676" s="613"/>
      <c r="WER676" s="613"/>
      <c r="WES676" s="613"/>
      <c r="WET676" s="613"/>
      <c r="WEU676" s="613"/>
      <c r="WEV676" s="613"/>
      <c r="WEW676" s="613"/>
      <c r="WEX676" s="613"/>
      <c r="WEY676" s="613"/>
      <c r="WEZ676" s="613"/>
      <c r="WFA676" s="613"/>
      <c r="WFB676" s="613"/>
      <c r="WFC676" s="613"/>
      <c r="WFD676" s="613"/>
      <c r="WFE676" s="613"/>
      <c r="WFF676" s="613"/>
      <c r="WFG676" s="613"/>
      <c r="WFH676" s="613"/>
      <c r="WFI676" s="613"/>
      <c r="WFJ676" s="613"/>
      <c r="WFK676" s="613"/>
      <c r="WFL676" s="613"/>
      <c r="WFM676" s="613"/>
      <c r="WFN676" s="613"/>
      <c r="WFO676" s="613"/>
      <c r="WFP676" s="613"/>
      <c r="WFQ676" s="613"/>
      <c r="WFR676" s="613"/>
      <c r="WFS676" s="613"/>
      <c r="WFT676" s="613"/>
      <c r="WFU676" s="613"/>
      <c r="WFV676" s="613"/>
      <c r="WFW676" s="613"/>
      <c r="WFX676" s="613"/>
      <c r="WFY676" s="613"/>
      <c r="WFZ676" s="613"/>
      <c r="WGA676" s="613"/>
      <c r="WGB676" s="613"/>
      <c r="WGC676" s="613"/>
      <c r="WGD676" s="613"/>
      <c r="WGE676" s="613"/>
      <c r="WGF676" s="613"/>
      <c r="WGG676" s="613"/>
      <c r="WGH676" s="613"/>
      <c r="WGI676" s="613"/>
      <c r="WGJ676" s="613"/>
      <c r="WGK676" s="613"/>
      <c r="WGL676" s="613"/>
      <c r="WGM676" s="613"/>
      <c r="WGN676" s="613"/>
      <c r="WGO676" s="613"/>
      <c r="WGP676" s="613"/>
      <c r="WGQ676" s="613"/>
      <c r="WGR676" s="613"/>
      <c r="WGS676" s="613"/>
      <c r="WGT676" s="613"/>
      <c r="WGU676" s="613"/>
      <c r="WGV676" s="613"/>
      <c r="WGW676" s="613"/>
      <c r="WGX676" s="613"/>
      <c r="WGY676" s="613"/>
      <c r="WGZ676" s="613"/>
      <c r="WHA676" s="613"/>
      <c r="WHB676" s="613"/>
      <c r="WHC676" s="613"/>
      <c r="WHD676" s="613"/>
      <c r="WHE676" s="613"/>
      <c r="WHF676" s="613"/>
      <c r="WHG676" s="613"/>
      <c r="WHH676" s="613"/>
      <c r="WHI676" s="613"/>
      <c r="WHJ676" s="613"/>
      <c r="WHK676" s="613"/>
      <c r="WHL676" s="613"/>
      <c r="WHM676" s="613"/>
      <c r="WHN676" s="613"/>
      <c r="WHO676" s="613"/>
      <c r="WHP676" s="613"/>
      <c r="WHQ676" s="613"/>
      <c r="WHR676" s="613"/>
      <c r="WHS676" s="613"/>
      <c r="WHT676" s="613"/>
      <c r="WHU676" s="613"/>
      <c r="WHV676" s="613"/>
      <c r="WHW676" s="613"/>
      <c r="WHX676" s="613"/>
      <c r="WHY676" s="613"/>
      <c r="WHZ676" s="613"/>
      <c r="WIA676" s="613"/>
      <c r="WIB676" s="613"/>
      <c r="WIC676" s="613"/>
      <c r="WID676" s="613"/>
      <c r="WIE676" s="613"/>
      <c r="WIF676" s="613"/>
      <c r="WIG676" s="613"/>
      <c r="WIH676" s="613"/>
      <c r="WII676" s="613"/>
      <c r="WIJ676" s="613"/>
      <c r="WIK676" s="613"/>
      <c r="WIL676" s="613"/>
      <c r="WIM676" s="613"/>
      <c r="WIN676" s="613"/>
      <c r="WIO676" s="613"/>
      <c r="WIP676" s="613"/>
      <c r="WIQ676" s="613"/>
      <c r="WIR676" s="613"/>
      <c r="WIS676" s="613"/>
      <c r="WIT676" s="613"/>
      <c r="WIU676" s="613"/>
      <c r="WIV676" s="613"/>
      <c r="WIW676" s="613"/>
      <c r="WIX676" s="613"/>
      <c r="WIY676" s="613"/>
      <c r="WIZ676" s="613"/>
      <c r="WJA676" s="613"/>
      <c r="WJB676" s="613"/>
      <c r="WJC676" s="613"/>
      <c r="WJD676" s="613"/>
      <c r="WJE676" s="613"/>
      <c r="WJF676" s="613"/>
      <c r="WJG676" s="613"/>
      <c r="WJH676" s="613"/>
      <c r="WJI676" s="613"/>
      <c r="WJJ676" s="613"/>
      <c r="WJK676" s="613"/>
      <c r="WJL676" s="613"/>
      <c r="WJM676" s="613"/>
      <c r="WJN676" s="613"/>
      <c r="WJO676" s="613"/>
      <c r="WJP676" s="613"/>
      <c r="WJQ676" s="613"/>
      <c r="WJR676" s="613"/>
      <c r="WJS676" s="613"/>
      <c r="WJT676" s="613"/>
      <c r="WJU676" s="613"/>
      <c r="WJV676" s="613"/>
      <c r="WJW676" s="613"/>
      <c r="WJX676" s="613"/>
      <c r="WJY676" s="613"/>
      <c r="WJZ676" s="613"/>
      <c r="WKA676" s="613"/>
      <c r="WKB676" s="613"/>
      <c r="WKC676" s="613"/>
      <c r="WKD676" s="613"/>
      <c r="WKE676" s="613"/>
      <c r="WKF676" s="613"/>
      <c r="WKG676" s="613"/>
      <c r="WKH676" s="613"/>
      <c r="WKI676" s="613"/>
      <c r="WKJ676" s="613"/>
      <c r="WKK676" s="613"/>
      <c r="WKL676" s="613"/>
      <c r="WKM676" s="613"/>
      <c r="WKN676" s="613"/>
      <c r="WKO676" s="613"/>
      <c r="WKP676" s="613"/>
      <c r="WKQ676" s="613"/>
      <c r="WKR676" s="613"/>
      <c r="WKS676" s="613"/>
      <c r="WKT676" s="613"/>
      <c r="WKU676" s="613"/>
      <c r="WKV676" s="613"/>
      <c r="WKW676" s="613"/>
      <c r="WKX676" s="613"/>
      <c r="WKY676" s="613"/>
      <c r="WKZ676" s="613"/>
      <c r="WLA676" s="613"/>
      <c r="WLB676" s="613"/>
      <c r="WLC676" s="613"/>
      <c r="WLD676" s="613"/>
      <c r="WLE676" s="613"/>
      <c r="WLF676" s="613"/>
      <c r="WLG676" s="613"/>
      <c r="WLH676" s="613"/>
      <c r="WLI676" s="613"/>
      <c r="WLJ676" s="613"/>
      <c r="WLK676" s="613"/>
      <c r="WLL676" s="613"/>
      <c r="WLM676" s="613"/>
      <c r="WLN676" s="613"/>
      <c r="WLO676" s="613"/>
      <c r="WLP676" s="613"/>
      <c r="WLQ676" s="613"/>
      <c r="WLR676" s="613"/>
      <c r="WLS676" s="613"/>
      <c r="WLT676" s="613"/>
      <c r="WLU676" s="613"/>
      <c r="WLV676" s="613"/>
      <c r="WLW676" s="613"/>
      <c r="WLX676" s="613"/>
      <c r="WLY676" s="613"/>
      <c r="WLZ676" s="613"/>
      <c r="WMA676" s="613"/>
      <c r="WMB676" s="613"/>
      <c r="WMC676" s="613"/>
      <c r="WMD676" s="613"/>
      <c r="WME676" s="613"/>
      <c r="WMF676" s="613"/>
      <c r="WMG676" s="613"/>
      <c r="WMH676" s="613"/>
      <c r="WMI676" s="613"/>
      <c r="WMJ676" s="613"/>
      <c r="WMK676" s="613"/>
      <c r="WML676" s="613"/>
      <c r="WMM676" s="613"/>
      <c r="WMN676" s="613"/>
      <c r="WMO676" s="613"/>
      <c r="WMP676" s="613"/>
      <c r="WMQ676" s="613"/>
      <c r="WMR676" s="613"/>
      <c r="WMS676" s="613"/>
      <c r="WMT676" s="613"/>
      <c r="WMU676" s="613"/>
      <c r="WMV676" s="613"/>
      <c r="WMW676" s="613"/>
      <c r="WMX676" s="613"/>
      <c r="WMY676" s="613"/>
      <c r="WMZ676" s="613"/>
      <c r="WNA676" s="613"/>
      <c r="WNB676" s="613"/>
      <c r="WNC676" s="613"/>
      <c r="WND676" s="613"/>
      <c r="WNE676" s="613"/>
      <c r="WNF676" s="613"/>
      <c r="WNG676" s="613"/>
      <c r="WNH676" s="613"/>
      <c r="WNI676" s="613"/>
      <c r="WNJ676" s="613"/>
      <c r="WNK676" s="613"/>
      <c r="WNL676" s="613"/>
      <c r="WNM676" s="613"/>
      <c r="WNN676" s="613"/>
      <c r="WNO676" s="613"/>
      <c r="WNP676" s="613"/>
      <c r="WNQ676" s="613"/>
      <c r="WNR676" s="613"/>
      <c r="WNS676" s="613"/>
      <c r="WNT676" s="613"/>
      <c r="WNU676" s="613"/>
      <c r="WNV676" s="613"/>
      <c r="WNW676" s="613"/>
      <c r="WNX676" s="613"/>
      <c r="WNY676" s="613"/>
      <c r="WNZ676" s="613"/>
      <c r="WOA676" s="613"/>
      <c r="WOB676" s="613"/>
      <c r="WOC676" s="613"/>
      <c r="WOD676" s="613"/>
      <c r="WOE676" s="613"/>
      <c r="WOF676" s="613"/>
      <c r="WOG676" s="613"/>
      <c r="WOH676" s="613"/>
      <c r="WOI676" s="613"/>
      <c r="WOJ676" s="613"/>
      <c r="WOK676" s="613"/>
      <c r="WOL676" s="613"/>
      <c r="WOM676" s="613"/>
      <c r="WON676" s="613"/>
      <c r="WOO676" s="613"/>
      <c r="WOP676" s="613"/>
      <c r="WOQ676" s="613"/>
      <c r="WOR676" s="613"/>
      <c r="WOS676" s="613"/>
      <c r="WOT676" s="613"/>
      <c r="WOU676" s="613"/>
      <c r="WOV676" s="613"/>
      <c r="WOW676" s="613"/>
      <c r="WOX676" s="613"/>
      <c r="WOY676" s="613"/>
      <c r="WOZ676" s="613"/>
      <c r="WPA676" s="613"/>
      <c r="WPB676" s="613"/>
      <c r="WPC676" s="613"/>
      <c r="WPD676" s="613"/>
      <c r="WPE676" s="613"/>
      <c r="WPF676" s="613"/>
      <c r="WPG676" s="613"/>
      <c r="WPH676" s="613"/>
      <c r="WPI676" s="613"/>
      <c r="WPJ676" s="613"/>
      <c r="WPK676" s="613"/>
      <c r="WPL676" s="613"/>
      <c r="WPM676" s="613"/>
      <c r="WPN676" s="613"/>
      <c r="WPO676" s="613"/>
      <c r="WPP676" s="613"/>
      <c r="WPQ676" s="613"/>
      <c r="WPR676" s="613"/>
      <c r="WPS676" s="613"/>
      <c r="WPT676" s="613"/>
      <c r="WPU676" s="613"/>
      <c r="WPV676" s="613"/>
      <c r="WPW676" s="613"/>
      <c r="WPX676" s="613"/>
      <c r="WPY676" s="613"/>
      <c r="WPZ676" s="613"/>
      <c r="WQA676" s="613"/>
      <c r="WQB676" s="613"/>
      <c r="WQC676" s="613"/>
      <c r="WQD676" s="613"/>
      <c r="WQE676" s="613"/>
      <c r="WQF676" s="613"/>
      <c r="WQG676" s="613"/>
      <c r="WQH676" s="613"/>
      <c r="WQI676" s="613"/>
      <c r="WQJ676" s="613"/>
      <c r="WQK676" s="613"/>
      <c r="WQL676" s="613"/>
      <c r="WQM676" s="613"/>
      <c r="WQN676" s="613"/>
      <c r="WQO676" s="613"/>
      <c r="WQP676" s="613"/>
      <c r="WQQ676" s="613"/>
      <c r="WQR676" s="613"/>
      <c r="WQS676" s="613"/>
      <c r="WQT676" s="613"/>
      <c r="WQU676" s="613"/>
      <c r="WQV676" s="613"/>
      <c r="WQW676" s="613"/>
      <c r="WQX676" s="613"/>
      <c r="WQY676" s="613"/>
      <c r="WQZ676" s="613"/>
      <c r="WRA676" s="613"/>
      <c r="WRB676" s="613"/>
      <c r="WRC676" s="613"/>
      <c r="WRD676" s="613"/>
      <c r="WRE676" s="613"/>
      <c r="WRF676" s="613"/>
      <c r="WRG676" s="613"/>
      <c r="WRH676" s="613"/>
      <c r="WRI676" s="613"/>
      <c r="WRJ676" s="613"/>
      <c r="WRK676" s="613"/>
      <c r="WRL676" s="613"/>
      <c r="WRM676" s="613"/>
      <c r="WRN676" s="613"/>
      <c r="WRO676" s="613"/>
      <c r="WRP676" s="613"/>
      <c r="WRQ676" s="613"/>
      <c r="WRR676" s="613"/>
      <c r="WRS676" s="613"/>
      <c r="WRT676" s="613"/>
      <c r="WRU676" s="613"/>
      <c r="WRV676" s="613"/>
      <c r="WRW676" s="613"/>
      <c r="WRX676" s="613"/>
      <c r="WRY676" s="613"/>
      <c r="WRZ676" s="613"/>
      <c r="WSA676" s="613"/>
      <c r="WSB676" s="613"/>
      <c r="WSC676" s="613"/>
      <c r="WSD676" s="613"/>
      <c r="WSE676" s="613"/>
      <c r="WSF676" s="613"/>
      <c r="WSG676" s="613"/>
      <c r="WSH676" s="613"/>
      <c r="WSI676" s="613"/>
      <c r="WSJ676" s="613"/>
      <c r="WSK676" s="613"/>
      <c r="WSL676" s="613"/>
      <c r="WSM676" s="613"/>
      <c r="WSN676" s="613"/>
      <c r="WSO676" s="613"/>
      <c r="WSP676" s="613"/>
      <c r="WSQ676" s="613"/>
      <c r="WSR676" s="613"/>
      <c r="WSS676" s="613"/>
      <c r="WST676" s="613"/>
      <c r="WSU676" s="613"/>
      <c r="WSV676" s="613"/>
      <c r="WSW676" s="613"/>
      <c r="WSX676" s="613"/>
      <c r="WSY676" s="613"/>
      <c r="WSZ676" s="613"/>
      <c r="WTA676" s="613"/>
      <c r="WTB676" s="613"/>
      <c r="WTC676" s="613"/>
      <c r="WTD676" s="613"/>
      <c r="WTE676" s="613"/>
      <c r="WTF676" s="613"/>
      <c r="WTG676" s="613"/>
      <c r="WTH676" s="613"/>
      <c r="WTI676" s="613"/>
      <c r="WTJ676" s="613"/>
      <c r="WTK676" s="613"/>
      <c r="WTL676" s="613"/>
      <c r="WTM676" s="613"/>
      <c r="WTN676" s="613"/>
      <c r="WTO676" s="613"/>
      <c r="WTP676" s="613"/>
      <c r="WTQ676" s="613"/>
      <c r="WTR676" s="613"/>
      <c r="WTS676" s="613"/>
      <c r="WTT676" s="613"/>
      <c r="WTU676" s="613"/>
      <c r="WTV676" s="613"/>
      <c r="WTW676" s="613"/>
      <c r="WTX676" s="613"/>
      <c r="WTY676" s="613"/>
      <c r="WTZ676" s="613"/>
      <c r="WUA676" s="613"/>
      <c r="WUB676" s="613"/>
      <c r="WUC676" s="613"/>
      <c r="WUD676" s="613"/>
      <c r="WUE676" s="613"/>
      <c r="WUF676" s="613"/>
      <c r="WUG676" s="613"/>
      <c r="WUH676" s="613"/>
      <c r="WUI676" s="613"/>
      <c r="WUJ676" s="613"/>
      <c r="WUK676" s="613"/>
      <c r="WUL676" s="613"/>
      <c r="WUM676" s="613"/>
      <c r="WUN676" s="613"/>
      <c r="WUO676" s="613"/>
      <c r="WUP676" s="613"/>
      <c r="WUQ676" s="613"/>
      <c r="WUR676" s="613"/>
      <c r="WUS676" s="613"/>
      <c r="WUT676" s="613"/>
      <c r="WUU676" s="613"/>
      <c r="WUV676" s="613"/>
      <c r="WUW676" s="613"/>
      <c r="WUX676" s="613"/>
      <c r="WUY676" s="613"/>
      <c r="WUZ676" s="613"/>
      <c r="WVA676" s="613"/>
      <c r="WVB676" s="613"/>
      <c r="WVC676" s="613"/>
      <c r="WVD676" s="613"/>
      <c r="WVE676" s="613"/>
      <c r="WVF676" s="613"/>
      <c r="WVG676" s="613"/>
      <c r="WVH676" s="613"/>
      <c r="WVI676" s="613"/>
      <c r="WVJ676" s="613"/>
      <c r="WVK676" s="613"/>
      <c r="WVL676" s="613"/>
      <c r="WVM676" s="613"/>
      <c r="WVN676" s="613"/>
      <c r="WVO676" s="613"/>
      <c r="WVP676" s="613"/>
      <c r="WVQ676" s="613"/>
      <c r="WVR676" s="613"/>
      <c r="WVS676" s="613"/>
      <c r="WVT676" s="613"/>
      <c r="WVU676" s="613"/>
      <c r="WVV676" s="613"/>
      <c r="WVW676" s="613"/>
      <c r="WVX676" s="613"/>
      <c r="WVY676" s="613"/>
      <c r="WVZ676" s="613"/>
      <c r="WWA676" s="613"/>
      <c r="WWB676" s="613"/>
      <c r="WWC676" s="613"/>
      <c r="WWD676" s="613"/>
      <c r="WWE676" s="613"/>
      <c r="WWF676" s="613"/>
      <c r="WWG676" s="613"/>
      <c r="WWH676" s="613"/>
      <c r="WWI676" s="613"/>
      <c r="WWJ676" s="613"/>
      <c r="WWK676" s="613"/>
      <c r="WWL676" s="613"/>
      <c r="WWM676" s="613"/>
      <c r="WWN676" s="613"/>
      <c r="WWO676" s="613"/>
      <c r="WWP676" s="613"/>
      <c r="WWQ676" s="613"/>
      <c r="WWR676" s="613"/>
      <c r="WWS676" s="613"/>
      <c r="WWT676" s="613"/>
      <c r="WWU676" s="613"/>
      <c r="WWV676" s="613"/>
      <c r="WWW676" s="613"/>
      <c r="WWX676" s="613"/>
      <c r="WWY676" s="613"/>
      <c r="WWZ676" s="613"/>
      <c r="WXA676" s="613"/>
      <c r="WXB676" s="613"/>
      <c r="WXC676" s="613"/>
      <c r="WXD676" s="613"/>
      <c r="WXE676" s="613"/>
      <c r="WXF676" s="613"/>
      <c r="WXG676" s="613"/>
      <c r="WXH676" s="613"/>
      <c r="WXI676" s="613"/>
      <c r="WXJ676" s="613"/>
      <c r="WXK676" s="613"/>
      <c r="WXL676" s="613"/>
      <c r="WXM676" s="613"/>
      <c r="WXN676" s="613"/>
      <c r="WXO676" s="613"/>
      <c r="WXP676" s="613"/>
      <c r="WXQ676" s="613"/>
      <c r="WXR676" s="613"/>
      <c r="WXS676" s="613"/>
      <c r="WXT676" s="613"/>
      <c r="WXU676" s="613"/>
      <c r="WXV676" s="613"/>
      <c r="WXW676" s="613"/>
      <c r="WXX676" s="613"/>
      <c r="WXY676" s="613"/>
      <c r="WXZ676" s="613"/>
      <c r="WYA676" s="613"/>
      <c r="WYB676" s="613"/>
      <c r="WYC676" s="613"/>
      <c r="WYD676" s="613"/>
      <c r="WYE676" s="613"/>
      <c r="WYF676" s="613"/>
      <c r="WYG676" s="613"/>
      <c r="WYH676" s="613"/>
      <c r="WYI676" s="613"/>
      <c r="WYJ676" s="613"/>
      <c r="WYK676" s="613"/>
      <c r="WYL676" s="613"/>
      <c r="WYM676" s="613"/>
      <c r="WYN676" s="613"/>
      <c r="WYO676" s="613"/>
      <c r="WYP676" s="613"/>
      <c r="WYQ676" s="613"/>
      <c r="WYR676" s="613"/>
      <c r="WYS676" s="613"/>
      <c r="WYT676" s="613"/>
      <c r="WYU676" s="613"/>
      <c r="WYV676" s="613"/>
      <c r="WYW676" s="613"/>
      <c r="WYX676" s="613"/>
      <c r="WYY676" s="613"/>
      <c r="WYZ676" s="613"/>
      <c r="WZA676" s="613"/>
      <c r="WZB676" s="613"/>
      <c r="WZC676" s="613"/>
      <c r="WZD676" s="613"/>
      <c r="WZE676" s="613"/>
      <c r="WZF676" s="613"/>
      <c r="WZG676" s="613"/>
      <c r="WZH676" s="613"/>
      <c r="WZI676" s="613"/>
      <c r="WZJ676" s="613"/>
      <c r="WZK676" s="613"/>
      <c r="WZL676" s="613"/>
      <c r="WZM676" s="613"/>
      <c r="WZN676" s="613"/>
      <c r="WZO676" s="613"/>
      <c r="WZP676" s="613"/>
      <c r="WZQ676" s="613"/>
      <c r="WZR676" s="613"/>
      <c r="WZS676" s="613"/>
      <c r="WZT676" s="613"/>
      <c r="WZU676" s="613"/>
      <c r="WZV676" s="613"/>
      <c r="WZW676" s="613"/>
      <c r="WZX676" s="613"/>
      <c r="WZY676" s="613"/>
      <c r="WZZ676" s="613"/>
      <c r="XAA676" s="613"/>
      <c r="XAB676" s="613"/>
      <c r="XAC676" s="613"/>
      <c r="XAD676" s="613"/>
      <c r="XAE676" s="613"/>
      <c r="XAF676" s="613"/>
      <c r="XAG676" s="613"/>
      <c r="XAH676" s="613"/>
      <c r="XAI676" s="613"/>
      <c r="XAJ676" s="613"/>
      <c r="XAK676" s="613"/>
      <c r="XAL676" s="613"/>
      <c r="XAM676" s="613"/>
      <c r="XAN676" s="613"/>
      <c r="XAO676" s="613"/>
      <c r="XAP676" s="613"/>
      <c r="XAQ676" s="613"/>
      <c r="XAR676" s="613"/>
      <c r="XAS676" s="613"/>
      <c r="XAT676" s="613"/>
      <c r="XAU676" s="613"/>
      <c r="XAV676" s="613"/>
      <c r="XAW676" s="613"/>
      <c r="XAX676" s="613"/>
      <c r="XAY676" s="613"/>
      <c r="XAZ676" s="613"/>
      <c r="XBA676" s="613"/>
      <c r="XBB676" s="613"/>
      <c r="XBC676" s="613"/>
      <c r="XBD676" s="613"/>
      <c r="XBE676" s="613"/>
      <c r="XBF676" s="613"/>
      <c r="XBG676" s="613"/>
      <c r="XBH676" s="613"/>
      <c r="XBI676" s="613"/>
      <c r="XBJ676" s="613"/>
      <c r="XBK676" s="613"/>
      <c r="XBL676" s="613"/>
      <c r="XBM676" s="613"/>
      <c r="XBN676" s="613"/>
      <c r="XBO676" s="613"/>
      <c r="XBP676" s="613"/>
      <c r="XBQ676" s="613"/>
      <c r="XBR676" s="613"/>
      <c r="XBS676" s="613"/>
      <c r="XBT676" s="613"/>
      <c r="XBU676" s="613"/>
      <c r="XBV676" s="613"/>
      <c r="XBW676" s="613"/>
      <c r="XBX676" s="613"/>
      <c r="XBY676" s="613"/>
      <c r="XBZ676" s="613"/>
      <c r="XCA676" s="613"/>
      <c r="XCB676" s="613"/>
      <c r="XCC676" s="613"/>
      <c r="XCD676" s="613"/>
      <c r="XCE676" s="613"/>
      <c r="XCF676" s="613"/>
      <c r="XCG676" s="613"/>
      <c r="XCH676" s="613"/>
      <c r="XCI676" s="613"/>
      <c r="XCJ676" s="613"/>
      <c r="XCK676" s="613"/>
      <c r="XCL676" s="613"/>
      <c r="XCM676" s="613"/>
      <c r="XCN676" s="613"/>
      <c r="XCO676" s="613"/>
      <c r="XCP676" s="613"/>
      <c r="XCQ676" s="613"/>
    </row>
    <row r="677" spans="1:16319" ht="56.1" customHeight="1" x14ac:dyDescent="0.2">
      <c r="A677" s="494"/>
      <c r="B677" s="489"/>
      <c r="C677" s="494"/>
      <c r="D677" s="481">
        <v>150</v>
      </c>
      <c r="E677" s="481"/>
      <c r="F677" s="481" t="s">
        <v>2481</v>
      </c>
      <c r="G677" s="482" t="s">
        <v>53</v>
      </c>
      <c r="H677" s="481" t="s">
        <v>329</v>
      </c>
      <c r="I677" s="654" t="s">
        <v>396</v>
      </c>
      <c r="J677" s="654" t="s">
        <v>369</v>
      </c>
      <c r="K677" s="495" t="s">
        <v>417</v>
      </c>
      <c r="L677" s="621"/>
      <c r="M677" s="484" t="s">
        <v>58</v>
      </c>
      <c r="N677" s="327" t="s">
        <v>1360</v>
      </c>
      <c r="O677" s="484" t="s">
        <v>3027</v>
      </c>
      <c r="P677" s="484" t="s">
        <v>60</v>
      </c>
      <c r="Q677" s="667" t="s">
        <v>334</v>
      </c>
      <c r="R677" s="484" t="s">
        <v>334</v>
      </c>
      <c r="S677" s="484" t="s">
        <v>62</v>
      </c>
      <c r="T677" s="484"/>
      <c r="U677" s="620" t="s">
        <v>63</v>
      </c>
      <c r="V677" s="620" t="s">
        <v>63</v>
      </c>
      <c r="W677" s="723">
        <v>1280209</v>
      </c>
      <c r="X677" s="723"/>
      <c r="Y677" s="654" t="s">
        <v>226</v>
      </c>
      <c r="Z677" s="654"/>
      <c r="AA677" s="723">
        <v>1280209</v>
      </c>
      <c r="AB677" s="652" t="s">
        <v>82</v>
      </c>
      <c r="AC677" s="652"/>
      <c r="AD677" s="487" t="s">
        <v>66</v>
      </c>
      <c r="AE677" s="496"/>
      <c r="AF677" s="496"/>
      <c r="AG677" s="496"/>
      <c r="AH677" s="496"/>
      <c r="AI677" s="496"/>
      <c r="AJ677" s="496"/>
      <c r="AK677" s="496"/>
      <c r="AL677" s="496"/>
      <c r="AM677" s="496"/>
      <c r="AN677" s="496"/>
      <c r="AO677" s="496"/>
      <c r="AP677" s="496"/>
      <c r="AQ677" s="496"/>
      <c r="AR677" s="496"/>
      <c r="AS677" s="496"/>
      <c r="AT677" s="496"/>
      <c r="AU677" s="487"/>
      <c r="AV677" s="487"/>
      <c r="AW677" s="487"/>
      <c r="AX677" s="487"/>
      <c r="AY677" s="487"/>
      <c r="AZ677" s="487"/>
      <c r="BA677" s="484"/>
      <c r="BB677" s="484" t="s">
        <v>399</v>
      </c>
      <c r="BC677" s="484" t="s">
        <v>3041</v>
      </c>
      <c r="BD677" s="494"/>
      <c r="BE677" s="494"/>
      <c r="BF677" s="613"/>
      <c r="BG677" s="613"/>
      <c r="BH677" s="613"/>
      <c r="BI677" s="613"/>
      <c r="BJ677" s="613"/>
      <c r="BK677" s="613"/>
      <c r="BL677" s="613"/>
      <c r="BM677" s="613"/>
      <c r="BN677" s="613"/>
      <c r="BO677" s="613"/>
      <c r="BP677" s="613"/>
      <c r="BQ677" s="613"/>
      <c r="BR677" s="613"/>
      <c r="BS677" s="613"/>
      <c r="BT677" s="613"/>
      <c r="BU677" s="613"/>
      <c r="BV677" s="613"/>
      <c r="BW677" s="613"/>
      <c r="BX677" s="613"/>
      <c r="BY677" s="613"/>
      <c r="BZ677" s="613"/>
      <c r="CA677" s="613"/>
      <c r="CB677" s="613"/>
      <c r="CC677" s="613"/>
      <c r="CD677" s="613"/>
      <c r="CE677" s="613"/>
      <c r="CF677" s="613"/>
      <c r="CG677" s="613"/>
      <c r="CH677" s="613"/>
      <c r="CI677" s="613"/>
      <c r="CJ677" s="613"/>
      <c r="CK677" s="613"/>
      <c r="CL677" s="613"/>
      <c r="CM677" s="613"/>
      <c r="CN677" s="613"/>
      <c r="CO677" s="613"/>
      <c r="CP677" s="613"/>
      <c r="CQ677" s="613"/>
      <c r="CR677" s="613"/>
      <c r="CS677" s="613"/>
      <c r="CT677" s="613"/>
      <c r="CU677" s="613"/>
      <c r="CV677" s="613"/>
      <c r="CW677" s="613"/>
      <c r="CX677" s="613"/>
      <c r="CY677" s="613"/>
      <c r="CZ677" s="613"/>
      <c r="DA677" s="613"/>
      <c r="DB677" s="613"/>
      <c r="DC677" s="613"/>
      <c r="DD677" s="613"/>
      <c r="DE677" s="613"/>
      <c r="DF677" s="613"/>
      <c r="DG677" s="613"/>
      <c r="DH677" s="613"/>
      <c r="DI677" s="613"/>
      <c r="DJ677" s="613"/>
      <c r="DK677" s="613"/>
      <c r="DL677" s="613"/>
      <c r="DM677" s="613"/>
      <c r="DN677" s="613"/>
      <c r="DO677" s="613"/>
      <c r="DP677" s="613"/>
      <c r="DQ677" s="613"/>
      <c r="DR677" s="613"/>
      <c r="DS677" s="613"/>
      <c r="DT677" s="613"/>
      <c r="DU677" s="613"/>
      <c r="DV677" s="613"/>
      <c r="DW677" s="613"/>
      <c r="DX677" s="613"/>
      <c r="DY677" s="613"/>
      <c r="DZ677" s="613"/>
      <c r="EA677" s="613"/>
      <c r="EB677" s="613"/>
      <c r="EC677" s="613"/>
      <c r="ED677" s="613"/>
      <c r="EE677" s="613"/>
      <c r="EF677" s="613"/>
      <c r="EG677" s="613"/>
      <c r="EH677" s="613"/>
      <c r="EI677" s="613"/>
      <c r="EJ677" s="613"/>
      <c r="EK677" s="613"/>
      <c r="EL677" s="613"/>
      <c r="EM677" s="613"/>
      <c r="EN677" s="613"/>
      <c r="EO677" s="613"/>
      <c r="EP677" s="613"/>
      <c r="EQ677" s="613"/>
      <c r="ER677" s="613"/>
      <c r="ES677" s="613"/>
      <c r="ET677" s="613"/>
      <c r="EU677" s="613"/>
      <c r="EV677" s="613"/>
      <c r="EW677" s="613"/>
      <c r="EX677" s="613"/>
      <c r="EY677" s="613"/>
      <c r="EZ677" s="613"/>
      <c r="FA677" s="613"/>
      <c r="FB677" s="613"/>
      <c r="FC677" s="613"/>
      <c r="FD677" s="613"/>
      <c r="FE677" s="613"/>
      <c r="FF677" s="613"/>
      <c r="FG677" s="613"/>
      <c r="FH677" s="613"/>
      <c r="FI677" s="613"/>
      <c r="FJ677" s="613"/>
      <c r="FK677" s="613"/>
      <c r="FL677" s="613"/>
      <c r="FM677" s="613"/>
      <c r="FN677" s="613"/>
      <c r="FO677" s="613"/>
      <c r="FP677" s="613"/>
      <c r="FQ677" s="613"/>
      <c r="FR677" s="613"/>
      <c r="FS677" s="613"/>
      <c r="FT677" s="613"/>
      <c r="FU677" s="613"/>
      <c r="FV677" s="613"/>
      <c r="FW677" s="613"/>
      <c r="FX677" s="613"/>
      <c r="FY677" s="613"/>
      <c r="FZ677" s="613"/>
      <c r="GA677" s="613"/>
      <c r="GB677" s="613"/>
      <c r="GC677" s="613"/>
      <c r="GD677" s="613"/>
      <c r="GE677" s="613"/>
      <c r="GF677" s="613"/>
      <c r="GG677" s="613"/>
      <c r="GH677" s="613"/>
      <c r="GI677" s="613"/>
      <c r="GJ677" s="613"/>
      <c r="GK677" s="613"/>
      <c r="GL677" s="613"/>
      <c r="GM677" s="613"/>
      <c r="GN677" s="613"/>
      <c r="GO677" s="613"/>
      <c r="GP677" s="613"/>
      <c r="GQ677" s="613"/>
      <c r="GR677" s="613"/>
      <c r="GS677" s="613"/>
      <c r="GT677" s="613"/>
      <c r="GU677" s="613"/>
      <c r="GV677" s="613"/>
      <c r="GW677" s="613"/>
      <c r="GX677" s="613"/>
      <c r="GY677" s="613"/>
      <c r="GZ677" s="613"/>
      <c r="HA677" s="613"/>
      <c r="HB677" s="613"/>
      <c r="HC677" s="613"/>
      <c r="HD677" s="613"/>
      <c r="HE677" s="613"/>
      <c r="HF677" s="613"/>
      <c r="HG677" s="613"/>
      <c r="HH677" s="613"/>
      <c r="HI677" s="613"/>
      <c r="HJ677" s="613"/>
      <c r="HK677" s="613"/>
      <c r="HL677" s="613"/>
      <c r="HM677" s="613"/>
      <c r="HN677" s="613"/>
      <c r="HO677" s="613"/>
      <c r="HP677" s="613"/>
      <c r="HQ677" s="613"/>
      <c r="HR677" s="613"/>
      <c r="HS677" s="613"/>
      <c r="HT677" s="613"/>
      <c r="HU677" s="613"/>
      <c r="HV677" s="613"/>
      <c r="HW677" s="613"/>
      <c r="HX677" s="613"/>
      <c r="HY677" s="613"/>
      <c r="HZ677" s="613"/>
      <c r="IA677" s="613"/>
      <c r="IB677" s="613"/>
      <c r="IC677" s="613"/>
      <c r="ID677" s="613"/>
      <c r="IE677" s="613"/>
      <c r="IF677" s="613"/>
      <c r="IG677" s="613"/>
      <c r="IH677" s="613"/>
      <c r="II677" s="613"/>
      <c r="IJ677" s="613"/>
      <c r="IK677" s="613"/>
      <c r="IL677" s="613"/>
      <c r="IM677" s="613"/>
      <c r="IN677" s="613"/>
      <c r="IO677" s="613"/>
      <c r="IP677" s="613"/>
      <c r="IQ677" s="613"/>
      <c r="IR677" s="613"/>
      <c r="IS677" s="613"/>
      <c r="IT677" s="613"/>
      <c r="IU677" s="613"/>
      <c r="IV677" s="613"/>
      <c r="IW677" s="613"/>
      <c r="IX677" s="613"/>
      <c r="IY677" s="613"/>
      <c r="IZ677" s="613"/>
      <c r="JA677" s="613"/>
      <c r="JB677" s="613"/>
      <c r="JC677" s="613"/>
      <c r="JD677" s="613"/>
      <c r="JE677" s="613"/>
      <c r="JF677" s="613"/>
      <c r="JG677" s="613"/>
      <c r="JH677" s="613"/>
      <c r="JI677" s="613"/>
      <c r="JJ677" s="613"/>
      <c r="JK677" s="613"/>
      <c r="JL677" s="613"/>
      <c r="JM677" s="613"/>
      <c r="JN677" s="613"/>
      <c r="JO677" s="613"/>
      <c r="JP677" s="613"/>
      <c r="JQ677" s="613"/>
      <c r="JR677" s="613"/>
      <c r="JS677" s="613"/>
      <c r="JT677" s="613"/>
      <c r="JU677" s="613"/>
      <c r="JV677" s="613"/>
      <c r="JW677" s="613"/>
      <c r="JX677" s="613"/>
      <c r="JY677" s="613"/>
      <c r="JZ677" s="613"/>
      <c r="KA677" s="613"/>
      <c r="KB677" s="613"/>
      <c r="KC677" s="613"/>
      <c r="KD677" s="613"/>
      <c r="KE677" s="613"/>
      <c r="KF677" s="613"/>
      <c r="KG677" s="613"/>
      <c r="KH677" s="613"/>
      <c r="KI677" s="613"/>
      <c r="KJ677" s="613"/>
      <c r="KK677" s="613"/>
      <c r="KL677" s="613"/>
      <c r="KM677" s="613"/>
      <c r="KN677" s="613"/>
      <c r="KO677" s="613"/>
      <c r="KP677" s="613"/>
      <c r="KQ677" s="613"/>
      <c r="KR677" s="613"/>
      <c r="KS677" s="613"/>
      <c r="KT677" s="613"/>
      <c r="KU677" s="613"/>
      <c r="KV677" s="613"/>
      <c r="KW677" s="613"/>
      <c r="KX677" s="613"/>
      <c r="KY677" s="613"/>
      <c r="KZ677" s="613"/>
      <c r="LA677" s="613"/>
      <c r="LB677" s="613"/>
      <c r="LC677" s="613"/>
      <c r="LD677" s="613"/>
      <c r="LE677" s="613"/>
      <c r="LF677" s="613"/>
      <c r="LG677" s="613"/>
      <c r="LH677" s="613"/>
      <c r="LI677" s="613"/>
      <c r="LJ677" s="613"/>
      <c r="LK677" s="613"/>
      <c r="LL677" s="613"/>
      <c r="LM677" s="613"/>
      <c r="LN677" s="613"/>
      <c r="LO677" s="613"/>
      <c r="LP677" s="613"/>
      <c r="LQ677" s="613"/>
      <c r="LR677" s="613"/>
      <c r="LS677" s="613"/>
      <c r="LT677" s="613"/>
      <c r="LU677" s="613"/>
      <c r="LV677" s="613"/>
      <c r="LW677" s="613"/>
      <c r="LX677" s="613"/>
      <c r="LY677" s="613"/>
      <c r="LZ677" s="613"/>
      <c r="MA677" s="613"/>
      <c r="MB677" s="613"/>
      <c r="MC677" s="613"/>
      <c r="MD677" s="613"/>
      <c r="ME677" s="613"/>
      <c r="MF677" s="613"/>
      <c r="MG677" s="613"/>
      <c r="MH677" s="613"/>
      <c r="MI677" s="613"/>
      <c r="MJ677" s="613"/>
      <c r="MK677" s="613"/>
      <c r="ML677" s="613"/>
      <c r="MM677" s="613"/>
      <c r="MN677" s="613"/>
      <c r="MO677" s="613"/>
      <c r="MP677" s="613"/>
      <c r="MQ677" s="613"/>
      <c r="MR677" s="613"/>
      <c r="MS677" s="613"/>
      <c r="MT677" s="613"/>
      <c r="MU677" s="613"/>
      <c r="MV677" s="613"/>
      <c r="MW677" s="613"/>
      <c r="MX677" s="613"/>
      <c r="MY677" s="613"/>
      <c r="MZ677" s="613"/>
      <c r="NA677" s="613"/>
      <c r="NB677" s="613"/>
      <c r="NC677" s="613"/>
      <c r="ND677" s="613"/>
      <c r="NE677" s="613"/>
      <c r="NF677" s="613"/>
      <c r="NG677" s="613"/>
      <c r="NH677" s="613"/>
      <c r="NI677" s="613"/>
      <c r="NJ677" s="613"/>
      <c r="NK677" s="613"/>
      <c r="NL677" s="613"/>
      <c r="NM677" s="613"/>
      <c r="NN677" s="613"/>
      <c r="NO677" s="613"/>
      <c r="NP677" s="613"/>
      <c r="NQ677" s="613"/>
      <c r="NR677" s="613"/>
      <c r="NS677" s="613"/>
      <c r="NT677" s="613"/>
      <c r="NU677" s="613"/>
      <c r="NV677" s="613"/>
      <c r="NW677" s="613"/>
      <c r="NX677" s="613"/>
      <c r="NY677" s="613"/>
      <c r="NZ677" s="613"/>
      <c r="OA677" s="613"/>
      <c r="OB677" s="613"/>
      <c r="OC677" s="613"/>
      <c r="OD677" s="613"/>
      <c r="OE677" s="613"/>
      <c r="OF677" s="613"/>
      <c r="OG677" s="613"/>
      <c r="OH677" s="613"/>
      <c r="OI677" s="613"/>
      <c r="OJ677" s="613"/>
      <c r="OK677" s="613"/>
      <c r="OL677" s="613"/>
      <c r="OM677" s="613"/>
      <c r="ON677" s="613"/>
      <c r="OO677" s="613"/>
      <c r="OP677" s="613"/>
      <c r="OQ677" s="613"/>
      <c r="OR677" s="613"/>
      <c r="OS677" s="613"/>
      <c r="OT677" s="613"/>
      <c r="OU677" s="613"/>
      <c r="OV677" s="613"/>
      <c r="OW677" s="613"/>
      <c r="OX677" s="613"/>
      <c r="OY677" s="613"/>
      <c r="OZ677" s="613"/>
      <c r="PA677" s="613"/>
      <c r="PB677" s="613"/>
      <c r="PC677" s="613"/>
      <c r="PD677" s="613"/>
      <c r="PE677" s="613"/>
      <c r="PF677" s="613"/>
      <c r="PG677" s="613"/>
      <c r="PH677" s="613"/>
      <c r="PI677" s="613"/>
      <c r="PJ677" s="613"/>
      <c r="PK677" s="613"/>
      <c r="PL677" s="613"/>
      <c r="PM677" s="613"/>
      <c r="PN677" s="613"/>
      <c r="PO677" s="613"/>
      <c r="PP677" s="613"/>
      <c r="PQ677" s="613"/>
      <c r="PR677" s="613"/>
      <c r="PS677" s="613"/>
      <c r="PT677" s="613"/>
      <c r="PU677" s="613"/>
      <c r="PV677" s="613"/>
      <c r="PW677" s="613"/>
      <c r="PX677" s="613"/>
      <c r="PY677" s="613"/>
      <c r="PZ677" s="613"/>
      <c r="QA677" s="613"/>
      <c r="QB677" s="613"/>
      <c r="QC677" s="613"/>
      <c r="QD677" s="613"/>
      <c r="QE677" s="613"/>
      <c r="QF677" s="613"/>
      <c r="QG677" s="613"/>
      <c r="QH677" s="613"/>
      <c r="QI677" s="613"/>
      <c r="QJ677" s="613"/>
      <c r="QK677" s="613"/>
      <c r="QL677" s="613"/>
      <c r="QM677" s="613"/>
      <c r="QN677" s="613"/>
      <c r="QO677" s="613"/>
      <c r="QP677" s="613"/>
      <c r="QQ677" s="613"/>
      <c r="QR677" s="613"/>
      <c r="QS677" s="613"/>
      <c r="QT677" s="613"/>
      <c r="QU677" s="613"/>
      <c r="QV677" s="613"/>
      <c r="QW677" s="613"/>
      <c r="QX677" s="613"/>
      <c r="QY677" s="613"/>
      <c r="QZ677" s="613"/>
      <c r="RA677" s="613"/>
      <c r="RB677" s="613"/>
      <c r="RC677" s="613"/>
      <c r="RD677" s="613"/>
      <c r="RE677" s="613"/>
      <c r="RF677" s="613"/>
      <c r="RG677" s="613"/>
      <c r="RH677" s="613"/>
      <c r="RI677" s="613"/>
      <c r="RJ677" s="613"/>
      <c r="RK677" s="613"/>
      <c r="RL677" s="613"/>
      <c r="RM677" s="613"/>
      <c r="RN677" s="613"/>
      <c r="RO677" s="613"/>
      <c r="RP677" s="613"/>
      <c r="RQ677" s="613"/>
      <c r="RR677" s="613"/>
      <c r="RS677" s="613"/>
      <c r="RT677" s="613"/>
      <c r="RU677" s="613"/>
      <c r="RV677" s="613"/>
      <c r="RW677" s="613"/>
      <c r="RX677" s="613"/>
      <c r="RY677" s="613"/>
      <c r="RZ677" s="613"/>
      <c r="SA677" s="613"/>
      <c r="SB677" s="613"/>
      <c r="SC677" s="613"/>
      <c r="SD677" s="613"/>
      <c r="SE677" s="613"/>
      <c r="SF677" s="613"/>
      <c r="SG677" s="613"/>
      <c r="SH677" s="613"/>
      <c r="SI677" s="613"/>
      <c r="SJ677" s="613"/>
      <c r="SK677" s="613"/>
      <c r="SL677" s="613"/>
      <c r="SM677" s="613"/>
      <c r="SN677" s="613"/>
      <c r="SO677" s="613"/>
      <c r="SP677" s="613"/>
      <c r="SQ677" s="613"/>
      <c r="SR677" s="613"/>
      <c r="SS677" s="613"/>
      <c r="ST677" s="613"/>
      <c r="SU677" s="613"/>
      <c r="SV677" s="613"/>
      <c r="SW677" s="613"/>
      <c r="SX677" s="613"/>
      <c r="SY677" s="613"/>
      <c r="SZ677" s="613"/>
      <c r="TA677" s="613"/>
      <c r="TB677" s="613"/>
      <c r="TC677" s="613"/>
      <c r="TD677" s="613"/>
      <c r="TE677" s="613"/>
      <c r="TF677" s="613"/>
      <c r="TG677" s="613"/>
      <c r="TH677" s="613"/>
      <c r="TI677" s="613"/>
      <c r="TJ677" s="613"/>
      <c r="TK677" s="613"/>
      <c r="TL677" s="613"/>
      <c r="TM677" s="613"/>
      <c r="TN677" s="613"/>
      <c r="TO677" s="613"/>
      <c r="TP677" s="613"/>
      <c r="TQ677" s="613"/>
      <c r="TR677" s="613"/>
      <c r="TS677" s="613"/>
      <c r="TT677" s="613"/>
      <c r="TU677" s="613"/>
      <c r="TV677" s="613"/>
      <c r="TW677" s="613"/>
      <c r="TX677" s="613"/>
      <c r="TY677" s="613"/>
      <c r="TZ677" s="613"/>
      <c r="UA677" s="613"/>
      <c r="UB677" s="613"/>
      <c r="UC677" s="613"/>
      <c r="UD677" s="613"/>
      <c r="UE677" s="613"/>
      <c r="UF677" s="613"/>
      <c r="UG677" s="613"/>
      <c r="UH677" s="613"/>
      <c r="UI677" s="613"/>
      <c r="UJ677" s="613"/>
      <c r="UK677" s="613"/>
      <c r="UL677" s="613"/>
      <c r="UM677" s="613"/>
      <c r="UN677" s="613"/>
      <c r="UO677" s="613"/>
      <c r="UP677" s="613"/>
      <c r="UQ677" s="613"/>
      <c r="UR677" s="613"/>
      <c r="US677" s="613"/>
      <c r="UT677" s="613"/>
      <c r="UU677" s="613"/>
      <c r="UV677" s="613"/>
      <c r="UW677" s="613"/>
      <c r="UX677" s="613"/>
      <c r="UY677" s="613"/>
      <c r="UZ677" s="613"/>
      <c r="VA677" s="613"/>
      <c r="VB677" s="613"/>
      <c r="VC677" s="613"/>
      <c r="VD677" s="613"/>
      <c r="VE677" s="613"/>
      <c r="VF677" s="613"/>
      <c r="VG677" s="613"/>
      <c r="VH677" s="613"/>
      <c r="VI677" s="613"/>
      <c r="VJ677" s="613"/>
      <c r="VK677" s="613"/>
      <c r="VL677" s="613"/>
      <c r="VM677" s="613"/>
      <c r="VN677" s="613"/>
      <c r="VO677" s="613"/>
      <c r="VP677" s="613"/>
      <c r="VQ677" s="613"/>
      <c r="VR677" s="613"/>
      <c r="VS677" s="613"/>
      <c r="VT677" s="613"/>
      <c r="VU677" s="613"/>
      <c r="VV677" s="613"/>
      <c r="VW677" s="613"/>
      <c r="VX677" s="613"/>
      <c r="VY677" s="613"/>
      <c r="VZ677" s="613"/>
      <c r="WA677" s="613"/>
      <c r="WB677" s="613"/>
      <c r="WC677" s="613"/>
      <c r="WD677" s="613"/>
      <c r="WE677" s="613"/>
      <c r="WF677" s="613"/>
      <c r="WG677" s="613"/>
      <c r="WH677" s="613"/>
      <c r="WI677" s="613"/>
      <c r="WJ677" s="613"/>
      <c r="WK677" s="613"/>
      <c r="WL677" s="613"/>
      <c r="WM677" s="613"/>
      <c r="WN677" s="613"/>
      <c r="WO677" s="613"/>
      <c r="WP677" s="613"/>
      <c r="WQ677" s="613"/>
      <c r="WR677" s="613"/>
      <c r="WS677" s="613"/>
      <c r="WT677" s="613"/>
      <c r="WU677" s="613"/>
      <c r="WV677" s="613"/>
      <c r="WW677" s="613"/>
      <c r="WX677" s="613"/>
      <c r="WY677" s="613"/>
      <c r="WZ677" s="613"/>
      <c r="XA677" s="613"/>
      <c r="XB677" s="613"/>
      <c r="XC677" s="613"/>
      <c r="XD677" s="613"/>
      <c r="XE677" s="613"/>
      <c r="XF677" s="613"/>
      <c r="XG677" s="613"/>
      <c r="XH677" s="613"/>
      <c r="XI677" s="613"/>
      <c r="XJ677" s="613"/>
      <c r="XK677" s="613"/>
      <c r="XL677" s="613"/>
      <c r="XM677" s="613"/>
      <c r="XN677" s="613"/>
      <c r="XO677" s="613"/>
      <c r="XP677" s="613"/>
      <c r="XQ677" s="613"/>
      <c r="XR677" s="613"/>
      <c r="XS677" s="613"/>
      <c r="XT677" s="613"/>
      <c r="XU677" s="613"/>
      <c r="XV677" s="613"/>
      <c r="XW677" s="613"/>
      <c r="XX677" s="613"/>
      <c r="XY677" s="613"/>
      <c r="XZ677" s="613"/>
      <c r="YA677" s="613"/>
      <c r="YB677" s="613"/>
      <c r="YC677" s="613"/>
      <c r="YD677" s="613"/>
      <c r="YE677" s="613"/>
      <c r="YF677" s="613"/>
      <c r="YG677" s="613"/>
      <c r="YH677" s="613"/>
      <c r="YI677" s="613"/>
      <c r="YJ677" s="613"/>
      <c r="YK677" s="613"/>
      <c r="YL677" s="613"/>
      <c r="YM677" s="613"/>
      <c r="YN677" s="613"/>
      <c r="YO677" s="613"/>
      <c r="YP677" s="613"/>
      <c r="YQ677" s="613"/>
      <c r="YR677" s="613"/>
      <c r="YS677" s="613"/>
      <c r="YT677" s="613"/>
      <c r="YU677" s="613"/>
      <c r="YV677" s="613"/>
      <c r="YW677" s="613"/>
      <c r="YX677" s="613"/>
      <c r="YY677" s="613"/>
      <c r="YZ677" s="613"/>
      <c r="ZA677" s="613"/>
      <c r="ZB677" s="613"/>
      <c r="ZC677" s="613"/>
      <c r="ZD677" s="613"/>
      <c r="ZE677" s="613"/>
      <c r="ZF677" s="613"/>
      <c r="ZG677" s="613"/>
      <c r="ZH677" s="613"/>
      <c r="ZI677" s="613"/>
      <c r="ZJ677" s="613"/>
      <c r="ZK677" s="613"/>
      <c r="ZL677" s="613"/>
      <c r="ZM677" s="613"/>
      <c r="ZN677" s="613"/>
      <c r="ZO677" s="613"/>
      <c r="ZP677" s="613"/>
      <c r="ZQ677" s="613"/>
      <c r="ZR677" s="613"/>
      <c r="ZS677" s="613"/>
      <c r="ZT677" s="613"/>
      <c r="ZU677" s="613"/>
      <c r="ZV677" s="613"/>
      <c r="ZW677" s="613"/>
      <c r="ZX677" s="613"/>
      <c r="ZY677" s="613"/>
      <c r="ZZ677" s="613"/>
      <c r="AAA677" s="613"/>
      <c r="AAB677" s="613"/>
      <c r="AAC677" s="613"/>
      <c r="AAD677" s="613"/>
      <c r="AAE677" s="613"/>
      <c r="AAF677" s="613"/>
      <c r="AAG677" s="613"/>
      <c r="AAH677" s="613"/>
      <c r="AAI677" s="613"/>
      <c r="AAJ677" s="613"/>
      <c r="AAK677" s="613"/>
      <c r="AAL677" s="613"/>
      <c r="AAM677" s="613"/>
      <c r="AAN677" s="613"/>
      <c r="AAO677" s="613"/>
      <c r="AAP677" s="613"/>
      <c r="AAQ677" s="613"/>
      <c r="AAR677" s="613"/>
      <c r="AAS677" s="613"/>
      <c r="AAT677" s="613"/>
      <c r="AAU677" s="613"/>
      <c r="AAV677" s="613"/>
      <c r="AAW677" s="613"/>
      <c r="AAX677" s="613"/>
      <c r="AAY677" s="613"/>
      <c r="AAZ677" s="613"/>
      <c r="ABA677" s="613"/>
      <c r="ABB677" s="613"/>
      <c r="ABC677" s="613"/>
      <c r="ABD677" s="613"/>
      <c r="ABE677" s="613"/>
      <c r="ABF677" s="613"/>
      <c r="ABG677" s="613"/>
      <c r="ABH677" s="613"/>
      <c r="ABI677" s="613"/>
      <c r="ABJ677" s="613"/>
      <c r="ABK677" s="613"/>
      <c r="ABL677" s="613"/>
      <c r="ABM677" s="613"/>
      <c r="ABN677" s="613"/>
      <c r="ABO677" s="613"/>
      <c r="ABP677" s="613"/>
      <c r="ABQ677" s="613"/>
      <c r="ABR677" s="613"/>
      <c r="ABS677" s="613"/>
      <c r="ABT677" s="613"/>
      <c r="ABU677" s="613"/>
      <c r="ABV677" s="613"/>
      <c r="ABW677" s="613"/>
      <c r="ABX677" s="613"/>
      <c r="ABY677" s="613"/>
      <c r="ABZ677" s="613"/>
      <c r="ACA677" s="613"/>
      <c r="ACB677" s="613"/>
      <c r="ACC677" s="613"/>
      <c r="ACD677" s="613"/>
      <c r="ACE677" s="613"/>
      <c r="ACF677" s="613"/>
      <c r="ACG677" s="613"/>
      <c r="ACH677" s="613"/>
      <c r="ACI677" s="613"/>
      <c r="ACJ677" s="613"/>
      <c r="ACK677" s="613"/>
      <c r="ACL677" s="613"/>
      <c r="ACM677" s="613"/>
      <c r="ACN677" s="613"/>
      <c r="ACO677" s="613"/>
      <c r="ACP677" s="613"/>
      <c r="ACQ677" s="613"/>
      <c r="ACR677" s="613"/>
      <c r="ACS677" s="613"/>
      <c r="ACT677" s="613"/>
      <c r="ACU677" s="613"/>
      <c r="ACV677" s="613"/>
      <c r="ACW677" s="613"/>
      <c r="ACX677" s="613"/>
      <c r="ACY677" s="613"/>
      <c r="ACZ677" s="613"/>
      <c r="ADA677" s="613"/>
      <c r="ADB677" s="613"/>
      <c r="ADC677" s="613"/>
      <c r="ADD677" s="613"/>
      <c r="ADE677" s="613"/>
      <c r="ADF677" s="613"/>
      <c r="ADG677" s="613"/>
      <c r="ADH677" s="613"/>
      <c r="ADI677" s="613"/>
      <c r="ADJ677" s="613"/>
      <c r="ADK677" s="613"/>
      <c r="ADL677" s="613"/>
      <c r="ADM677" s="613"/>
      <c r="ADN677" s="613"/>
      <c r="ADO677" s="613"/>
      <c r="ADP677" s="613"/>
      <c r="ADQ677" s="613"/>
      <c r="ADR677" s="613"/>
      <c r="ADS677" s="613"/>
      <c r="ADT677" s="613"/>
      <c r="ADU677" s="613"/>
      <c r="ADV677" s="613"/>
      <c r="ADW677" s="613"/>
      <c r="ADX677" s="613"/>
      <c r="ADY677" s="613"/>
      <c r="ADZ677" s="613"/>
      <c r="AEA677" s="613"/>
      <c r="AEB677" s="613"/>
      <c r="AEC677" s="613"/>
      <c r="AED677" s="613"/>
      <c r="AEE677" s="613"/>
      <c r="AEF677" s="613"/>
      <c r="AEG677" s="613"/>
      <c r="AEH677" s="613"/>
      <c r="AEI677" s="613"/>
      <c r="AEJ677" s="613"/>
      <c r="AEK677" s="613"/>
      <c r="AEL677" s="613"/>
      <c r="AEM677" s="613"/>
      <c r="AEN677" s="613"/>
      <c r="AEO677" s="613"/>
      <c r="AEP677" s="613"/>
      <c r="AEQ677" s="613"/>
      <c r="AER677" s="613"/>
      <c r="AES677" s="613"/>
      <c r="AET677" s="613"/>
      <c r="AEU677" s="613"/>
      <c r="AEV677" s="613"/>
      <c r="AEW677" s="613"/>
      <c r="AEX677" s="613"/>
      <c r="AEY677" s="613"/>
      <c r="AEZ677" s="613"/>
      <c r="AFA677" s="613"/>
      <c r="AFB677" s="613"/>
      <c r="AFC677" s="613"/>
      <c r="AFD677" s="613"/>
      <c r="AFE677" s="613"/>
      <c r="AFF677" s="613"/>
      <c r="AFG677" s="613"/>
      <c r="AFH677" s="613"/>
      <c r="AFI677" s="613"/>
      <c r="AFJ677" s="613"/>
      <c r="AFK677" s="613"/>
      <c r="AFL677" s="613"/>
      <c r="AFM677" s="613"/>
      <c r="AFN677" s="613"/>
      <c r="AFO677" s="613"/>
      <c r="AFP677" s="613"/>
      <c r="AFQ677" s="613"/>
      <c r="AFR677" s="613"/>
      <c r="AFS677" s="613"/>
      <c r="AFT677" s="613"/>
      <c r="AFU677" s="613"/>
      <c r="AFV677" s="613"/>
      <c r="AFW677" s="613"/>
      <c r="AFX677" s="613"/>
      <c r="AFY677" s="613"/>
      <c r="AFZ677" s="613"/>
      <c r="AGA677" s="613"/>
      <c r="AGB677" s="613"/>
      <c r="AGC677" s="613"/>
      <c r="AGD677" s="613"/>
      <c r="AGE677" s="613"/>
      <c r="AGF677" s="613"/>
      <c r="AGG677" s="613"/>
      <c r="AGH677" s="613"/>
      <c r="AGI677" s="613"/>
      <c r="AGJ677" s="613"/>
      <c r="AGK677" s="613"/>
      <c r="AGL677" s="613"/>
      <c r="AGM677" s="613"/>
      <c r="AGN677" s="613"/>
      <c r="AGO677" s="613"/>
      <c r="AGP677" s="613"/>
      <c r="AGQ677" s="613"/>
      <c r="AGR677" s="613"/>
      <c r="AGS677" s="613"/>
      <c r="AGT677" s="613"/>
      <c r="AGU677" s="613"/>
      <c r="AGV677" s="613"/>
      <c r="AGW677" s="613"/>
      <c r="AGX677" s="613"/>
      <c r="AGY677" s="613"/>
      <c r="AGZ677" s="613"/>
      <c r="AHA677" s="613"/>
      <c r="AHB677" s="613"/>
      <c r="AHC677" s="613"/>
      <c r="AHD677" s="613"/>
      <c r="AHE677" s="613"/>
      <c r="AHF677" s="613"/>
      <c r="AHG677" s="613"/>
      <c r="AHH677" s="613"/>
      <c r="AHI677" s="613"/>
      <c r="AHJ677" s="613"/>
      <c r="AHK677" s="613"/>
      <c r="AHL677" s="613"/>
      <c r="AHM677" s="613"/>
      <c r="AHN677" s="613"/>
      <c r="AHO677" s="613"/>
      <c r="AHP677" s="613"/>
      <c r="AHQ677" s="613"/>
      <c r="AHR677" s="613"/>
      <c r="AHS677" s="613"/>
      <c r="AHT677" s="613"/>
      <c r="AHU677" s="613"/>
      <c r="AHV677" s="613"/>
      <c r="AHW677" s="613"/>
      <c r="AHX677" s="613"/>
      <c r="AHY677" s="613"/>
      <c r="AHZ677" s="613"/>
      <c r="AIA677" s="613"/>
      <c r="AIB677" s="613"/>
      <c r="AIC677" s="613"/>
      <c r="AID677" s="613"/>
      <c r="AIE677" s="613"/>
      <c r="AIF677" s="613"/>
      <c r="AIG677" s="613"/>
      <c r="AIH677" s="613"/>
      <c r="AII677" s="613"/>
      <c r="AIJ677" s="613"/>
      <c r="AIK677" s="613"/>
      <c r="AIL677" s="613"/>
      <c r="AIM677" s="613"/>
      <c r="AIN677" s="613"/>
      <c r="AIO677" s="613"/>
      <c r="AIP677" s="613"/>
      <c r="AIQ677" s="613"/>
      <c r="AIR677" s="613"/>
      <c r="AIS677" s="613"/>
      <c r="AIT677" s="613"/>
      <c r="AIU677" s="613"/>
      <c r="AIV677" s="613"/>
      <c r="AIW677" s="613"/>
      <c r="AIX677" s="613"/>
      <c r="AIY677" s="613"/>
      <c r="AIZ677" s="613"/>
      <c r="AJA677" s="613"/>
      <c r="AJB677" s="613"/>
      <c r="AJC677" s="613"/>
      <c r="AJD677" s="613"/>
      <c r="AJE677" s="613"/>
      <c r="AJF677" s="613"/>
      <c r="AJG677" s="613"/>
      <c r="AJH677" s="613"/>
      <c r="AJI677" s="613"/>
      <c r="AJJ677" s="613"/>
      <c r="AJK677" s="613"/>
      <c r="AJL677" s="613"/>
      <c r="AJM677" s="613"/>
      <c r="AJN677" s="613"/>
      <c r="AJO677" s="613"/>
      <c r="AJP677" s="613"/>
      <c r="AJQ677" s="613"/>
      <c r="AJR677" s="613"/>
      <c r="AJS677" s="613"/>
      <c r="AJT677" s="613"/>
      <c r="AJU677" s="613"/>
      <c r="AJV677" s="613"/>
      <c r="AJW677" s="613"/>
      <c r="AJX677" s="613"/>
      <c r="AJY677" s="613"/>
      <c r="AJZ677" s="613"/>
      <c r="AKA677" s="613"/>
      <c r="AKB677" s="613"/>
      <c r="AKC677" s="613"/>
      <c r="AKD677" s="613"/>
      <c r="AKE677" s="613"/>
      <c r="AKF677" s="613"/>
      <c r="AKG677" s="613"/>
      <c r="AKH677" s="613"/>
      <c r="AKI677" s="613"/>
      <c r="AKJ677" s="613"/>
      <c r="AKK677" s="613"/>
      <c r="AKL677" s="613"/>
      <c r="AKM677" s="613"/>
      <c r="AKN677" s="613"/>
      <c r="AKO677" s="613"/>
      <c r="AKP677" s="613"/>
      <c r="AKQ677" s="613"/>
      <c r="AKR677" s="613"/>
      <c r="AKS677" s="613"/>
      <c r="AKT677" s="613"/>
      <c r="AKU677" s="613"/>
      <c r="AKV677" s="613"/>
      <c r="AKW677" s="613"/>
      <c r="AKX677" s="613"/>
      <c r="AKY677" s="613"/>
      <c r="AKZ677" s="613"/>
      <c r="ALA677" s="613"/>
      <c r="ALB677" s="613"/>
      <c r="ALC677" s="613"/>
      <c r="ALD677" s="613"/>
      <c r="ALE677" s="613"/>
      <c r="ALF677" s="613"/>
      <c r="ALG677" s="613"/>
      <c r="ALH677" s="613"/>
      <c r="ALI677" s="613"/>
      <c r="ALJ677" s="613"/>
      <c r="ALK677" s="613"/>
      <c r="ALL677" s="613"/>
      <c r="ALM677" s="613"/>
      <c r="ALN677" s="613"/>
      <c r="ALO677" s="613"/>
      <c r="ALP677" s="613"/>
      <c r="ALQ677" s="613"/>
      <c r="ALR677" s="613"/>
      <c r="ALS677" s="613"/>
      <c r="ALT677" s="613"/>
      <c r="ALU677" s="613"/>
      <c r="ALV677" s="613"/>
      <c r="ALW677" s="613"/>
      <c r="ALX677" s="613"/>
      <c r="ALY677" s="613"/>
      <c r="ALZ677" s="613"/>
      <c r="AMA677" s="613"/>
      <c r="AMB677" s="613"/>
      <c r="AMC677" s="613"/>
      <c r="AMD677" s="613"/>
      <c r="AME677" s="613"/>
      <c r="AMF677" s="613"/>
      <c r="AMG677" s="613"/>
      <c r="AMH677" s="613"/>
      <c r="AMI677" s="613"/>
      <c r="AMJ677" s="613"/>
      <c r="AMK677" s="613"/>
      <c r="AML677" s="613"/>
      <c r="AMM677" s="613"/>
      <c r="AMN677" s="613"/>
      <c r="AMO677" s="613"/>
      <c r="AMP677" s="613"/>
      <c r="AMQ677" s="613"/>
      <c r="AMR677" s="613"/>
      <c r="AMS677" s="613"/>
      <c r="AMT677" s="613"/>
      <c r="AMU677" s="613"/>
      <c r="AMV677" s="613"/>
      <c r="AMW677" s="613"/>
      <c r="AMX677" s="613"/>
      <c r="AMY677" s="613"/>
      <c r="AMZ677" s="613"/>
      <c r="ANA677" s="613"/>
      <c r="ANB677" s="613"/>
      <c r="ANC677" s="613"/>
      <c r="AND677" s="613"/>
      <c r="ANE677" s="613"/>
      <c r="ANF677" s="613"/>
      <c r="ANG677" s="613"/>
      <c r="ANH677" s="613"/>
      <c r="ANI677" s="613"/>
      <c r="ANJ677" s="613"/>
      <c r="ANK677" s="613"/>
      <c r="ANL677" s="613"/>
      <c r="ANM677" s="613"/>
      <c r="ANN677" s="613"/>
      <c r="ANO677" s="613"/>
      <c r="ANP677" s="613"/>
      <c r="ANQ677" s="613"/>
      <c r="ANR677" s="613"/>
      <c r="ANS677" s="613"/>
      <c r="ANT677" s="613"/>
      <c r="ANU677" s="613"/>
      <c r="ANV677" s="613"/>
      <c r="ANW677" s="613"/>
      <c r="ANX677" s="613"/>
      <c r="ANY677" s="613"/>
      <c r="ANZ677" s="613"/>
      <c r="AOA677" s="613"/>
      <c r="AOB677" s="613"/>
      <c r="AOC677" s="613"/>
      <c r="AOD677" s="613"/>
      <c r="AOE677" s="613"/>
      <c r="AOF677" s="613"/>
      <c r="AOG677" s="613"/>
      <c r="AOH677" s="613"/>
      <c r="AOI677" s="613"/>
      <c r="AOJ677" s="613"/>
      <c r="AOK677" s="613"/>
      <c r="AOL677" s="613"/>
      <c r="AOM677" s="613"/>
      <c r="AON677" s="613"/>
      <c r="AOO677" s="613"/>
      <c r="AOP677" s="613"/>
      <c r="AOQ677" s="613"/>
      <c r="AOR677" s="613"/>
      <c r="AOS677" s="613"/>
      <c r="AOT677" s="613"/>
      <c r="AOU677" s="613"/>
      <c r="AOV677" s="613"/>
      <c r="AOW677" s="613"/>
      <c r="AOX677" s="613"/>
      <c r="AOY677" s="613"/>
      <c r="AOZ677" s="613"/>
      <c r="APA677" s="613"/>
      <c r="APB677" s="613"/>
      <c r="APC677" s="613"/>
      <c r="APD677" s="613"/>
      <c r="APE677" s="613"/>
      <c r="APF677" s="613"/>
      <c r="APG677" s="613"/>
      <c r="APH677" s="613"/>
      <c r="API677" s="613"/>
      <c r="APJ677" s="613"/>
      <c r="APK677" s="613"/>
      <c r="APL677" s="613"/>
      <c r="APM677" s="613"/>
      <c r="APN677" s="613"/>
      <c r="APO677" s="613"/>
      <c r="APP677" s="613"/>
      <c r="APQ677" s="613"/>
      <c r="APR677" s="613"/>
      <c r="APS677" s="613"/>
      <c r="APT677" s="613"/>
      <c r="APU677" s="613"/>
      <c r="APV677" s="613"/>
      <c r="APW677" s="613"/>
      <c r="APX677" s="613"/>
      <c r="APY677" s="613"/>
      <c r="APZ677" s="613"/>
      <c r="AQA677" s="613"/>
      <c r="AQB677" s="613"/>
      <c r="AQC677" s="613"/>
      <c r="AQD677" s="613"/>
      <c r="AQE677" s="613"/>
      <c r="AQF677" s="613"/>
      <c r="AQG677" s="613"/>
      <c r="AQH677" s="613"/>
      <c r="AQI677" s="613"/>
      <c r="AQJ677" s="613"/>
      <c r="AQK677" s="613"/>
      <c r="AQL677" s="613"/>
      <c r="AQM677" s="613"/>
      <c r="AQN677" s="613"/>
      <c r="AQO677" s="613"/>
      <c r="AQP677" s="613"/>
      <c r="AQQ677" s="613"/>
      <c r="AQR677" s="613"/>
      <c r="AQS677" s="613"/>
      <c r="AQT677" s="613"/>
      <c r="AQU677" s="613"/>
      <c r="AQV677" s="613"/>
      <c r="AQW677" s="613"/>
      <c r="AQX677" s="613"/>
      <c r="AQY677" s="613"/>
      <c r="AQZ677" s="613"/>
      <c r="ARA677" s="613"/>
      <c r="ARB677" s="613"/>
      <c r="ARC677" s="613"/>
      <c r="ARD677" s="613"/>
      <c r="ARE677" s="613"/>
      <c r="ARF677" s="613"/>
      <c r="ARG677" s="613"/>
      <c r="ARH677" s="613"/>
      <c r="ARI677" s="613"/>
      <c r="ARJ677" s="613"/>
      <c r="ARK677" s="613"/>
      <c r="ARL677" s="613"/>
      <c r="ARM677" s="613"/>
      <c r="ARN677" s="613"/>
      <c r="ARO677" s="613"/>
      <c r="ARP677" s="613"/>
      <c r="ARQ677" s="613"/>
      <c r="ARR677" s="613"/>
      <c r="ARS677" s="613"/>
      <c r="ART677" s="613"/>
      <c r="ARU677" s="613"/>
      <c r="ARV677" s="613"/>
      <c r="ARW677" s="613"/>
      <c r="ARX677" s="613"/>
      <c r="ARY677" s="613"/>
      <c r="ARZ677" s="613"/>
      <c r="ASA677" s="613"/>
      <c r="ASB677" s="613"/>
      <c r="ASC677" s="613"/>
      <c r="ASD677" s="613"/>
      <c r="ASE677" s="613"/>
      <c r="ASF677" s="613"/>
      <c r="ASG677" s="613"/>
      <c r="ASH677" s="613"/>
      <c r="ASI677" s="613"/>
      <c r="ASJ677" s="613"/>
      <c r="ASK677" s="613"/>
      <c r="ASL677" s="613"/>
      <c r="ASM677" s="613"/>
      <c r="ASN677" s="613"/>
      <c r="ASO677" s="613"/>
      <c r="ASP677" s="613"/>
      <c r="ASQ677" s="613"/>
      <c r="ASR677" s="613"/>
      <c r="ASS677" s="613"/>
      <c r="AST677" s="613"/>
      <c r="ASU677" s="613"/>
      <c r="ASV677" s="613"/>
      <c r="ASW677" s="613"/>
      <c r="ASX677" s="613"/>
      <c r="ASY677" s="613"/>
      <c r="ASZ677" s="613"/>
      <c r="ATA677" s="613"/>
      <c r="ATB677" s="613"/>
      <c r="ATC677" s="613"/>
      <c r="ATD677" s="613"/>
      <c r="ATE677" s="613"/>
      <c r="ATF677" s="613"/>
      <c r="ATG677" s="613"/>
      <c r="ATH677" s="613"/>
      <c r="ATI677" s="613"/>
      <c r="ATJ677" s="613"/>
      <c r="ATK677" s="613"/>
      <c r="ATL677" s="613"/>
      <c r="ATM677" s="613"/>
      <c r="ATN677" s="613"/>
      <c r="ATO677" s="613"/>
      <c r="ATP677" s="613"/>
      <c r="ATQ677" s="613"/>
      <c r="ATR677" s="613"/>
      <c r="ATS677" s="613"/>
      <c r="ATT677" s="613"/>
      <c r="ATU677" s="613"/>
      <c r="ATV677" s="613"/>
      <c r="ATW677" s="613"/>
      <c r="ATX677" s="613"/>
      <c r="ATY677" s="613"/>
      <c r="ATZ677" s="613"/>
      <c r="AUA677" s="613"/>
      <c r="AUB677" s="613"/>
      <c r="AUC677" s="613"/>
      <c r="AUD677" s="613"/>
      <c r="AUE677" s="613"/>
      <c r="AUF677" s="613"/>
      <c r="AUG677" s="613"/>
      <c r="AUH677" s="613"/>
      <c r="AUI677" s="613"/>
      <c r="AUJ677" s="613"/>
      <c r="AUK677" s="613"/>
      <c r="AUL677" s="613"/>
      <c r="AUM677" s="613"/>
      <c r="AUN677" s="613"/>
      <c r="AUO677" s="613"/>
      <c r="AUP677" s="613"/>
      <c r="AUQ677" s="613"/>
      <c r="AUR677" s="613"/>
      <c r="AUS677" s="613"/>
      <c r="AUT677" s="613"/>
      <c r="AUU677" s="613"/>
      <c r="AUV677" s="613"/>
      <c r="AUW677" s="613"/>
      <c r="AUX677" s="613"/>
      <c r="AUY677" s="613"/>
      <c r="AUZ677" s="613"/>
      <c r="AVA677" s="613"/>
      <c r="AVB677" s="613"/>
      <c r="AVC677" s="613"/>
      <c r="AVD677" s="613"/>
      <c r="AVE677" s="613"/>
      <c r="AVF677" s="613"/>
      <c r="AVG677" s="613"/>
      <c r="AVH677" s="613"/>
      <c r="AVI677" s="613"/>
      <c r="AVJ677" s="613"/>
      <c r="AVK677" s="613"/>
      <c r="AVL677" s="613"/>
      <c r="AVM677" s="613"/>
      <c r="AVN677" s="613"/>
      <c r="AVO677" s="613"/>
      <c r="AVP677" s="613"/>
      <c r="AVQ677" s="613"/>
      <c r="AVR677" s="613"/>
      <c r="AVS677" s="613"/>
      <c r="AVT677" s="613"/>
      <c r="AVU677" s="613"/>
      <c r="AVV677" s="613"/>
      <c r="AVW677" s="613"/>
      <c r="AVX677" s="613"/>
      <c r="AVY677" s="613"/>
      <c r="AVZ677" s="613"/>
      <c r="AWA677" s="613"/>
      <c r="AWB677" s="613"/>
      <c r="AWC677" s="613"/>
      <c r="AWD677" s="613"/>
      <c r="AWE677" s="613"/>
      <c r="AWF677" s="613"/>
      <c r="AWG677" s="613"/>
      <c r="AWH677" s="613"/>
      <c r="AWI677" s="613"/>
      <c r="AWJ677" s="613"/>
      <c r="AWK677" s="613"/>
      <c r="AWL677" s="613"/>
      <c r="AWM677" s="613"/>
      <c r="AWN677" s="613"/>
      <c r="AWO677" s="613"/>
      <c r="AWP677" s="613"/>
      <c r="AWQ677" s="613"/>
      <c r="AWR677" s="613"/>
      <c r="AWS677" s="613"/>
      <c r="AWT677" s="613"/>
      <c r="AWU677" s="613"/>
      <c r="AWV677" s="613"/>
      <c r="AWW677" s="613"/>
      <c r="AWX677" s="613"/>
      <c r="AWY677" s="613"/>
      <c r="AWZ677" s="613"/>
      <c r="AXA677" s="613"/>
      <c r="AXB677" s="613"/>
      <c r="AXC677" s="613"/>
      <c r="AXD677" s="613"/>
      <c r="AXE677" s="613"/>
      <c r="AXF677" s="613"/>
      <c r="AXG677" s="613"/>
      <c r="AXH677" s="613"/>
      <c r="AXI677" s="613"/>
      <c r="AXJ677" s="613"/>
      <c r="AXK677" s="613"/>
      <c r="AXL677" s="613"/>
      <c r="AXM677" s="613"/>
      <c r="AXN677" s="613"/>
      <c r="AXO677" s="613"/>
      <c r="AXP677" s="613"/>
      <c r="AXQ677" s="613"/>
      <c r="AXR677" s="613"/>
      <c r="AXS677" s="613"/>
      <c r="AXT677" s="613"/>
      <c r="AXU677" s="613"/>
      <c r="AXV677" s="613"/>
      <c r="AXW677" s="613"/>
      <c r="AXX677" s="613"/>
      <c r="AXY677" s="613"/>
      <c r="AXZ677" s="613"/>
      <c r="AYA677" s="613"/>
      <c r="AYB677" s="613"/>
      <c r="AYC677" s="613"/>
      <c r="AYD677" s="613"/>
      <c r="AYE677" s="613"/>
      <c r="AYF677" s="613"/>
      <c r="AYG677" s="613"/>
      <c r="AYH677" s="613"/>
      <c r="AYI677" s="613"/>
      <c r="AYJ677" s="613"/>
      <c r="AYK677" s="613"/>
      <c r="AYL677" s="613"/>
      <c r="AYM677" s="613"/>
      <c r="AYN677" s="613"/>
      <c r="AYO677" s="613"/>
      <c r="AYP677" s="613"/>
      <c r="AYQ677" s="613"/>
      <c r="AYR677" s="613"/>
      <c r="AYS677" s="613"/>
      <c r="AYT677" s="613"/>
      <c r="AYU677" s="613"/>
      <c r="AYV677" s="613"/>
      <c r="AYW677" s="613"/>
      <c r="AYX677" s="613"/>
      <c r="AYY677" s="613"/>
      <c r="AYZ677" s="613"/>
      <c r="AZA677" s="613"/>
      <c r="AZB677" s="613"/>
      <c r="AZC677" s="613"/>
      <c r="AZD677" s="613"/>
      <c r="AZE677" s="613"/>
      <c r="AZF677" s="613"/>
      <c r="AZG677" s="613"/>
      <c r="AZH677" s="613"/>
      <c r="AZI677" s="613"/>
      <c r="AZJ677" s="613"/>
      <c r="AZK677" s="613"/>
      <c r="AZL677" s="613"/>
      <c r="AZM677" s="613"/>
      <c r="AZN677" s="613"/>
      <c r="AZO677" s="613"/>
      <c r="AZP677" s="613"/>
      <c r="AZQ677" s="613"/>
      <c r="AZR677" s="613"/>
      <c r="AZS677" s="613"/>
      <c r="AZT677" s="613"/>
      <c r="AZU677" s="613"/>
      <c r="AZV677" s="613"/>
      <c r="AZW677" s="613"/>
      <c r="AZX677" s="613"/>
      <c r="AZY677" s="613"/>
      <c r="AZZ677" s="613"/>
      <c r="BAA677" s="613"/>
      <c r="BAB677" s="613"/>
      <c r="BAC677" s="613"/>
      <c r="BAD677" s="613"/>
      <c r="BAE677" s="613"/>
      <c r="BAF677" s="613"/>
      <c r="BAG677" s="613"/>
      <c r="BAH677" s="613"/>
      <c r="BAI677" s="613"/>
      <c r="BAJ677" s="613"/>
      <c r="BAK677" s="613"/>
      <c r="BAL677" s="613"/>
      <c r="BAM677" s="613"/>
      <c r="BAN677" s="613"/>
      <c r="BAO677" s="613"/>
      <c r="BAP677" s="613"/>
      <c r="BAQ677" s="613"/>
      <c r="BAR677" s="613"/>
      <c r="BAS677" s="613"/>
      <c r="BAT677" s="613"/>
      <c r="BAU677" s="613"/>
      <c r="BAV677" s="613"/>
      <c r="BAW677" s="613"/>
      <c r="BAX677" s="613"/>
      <c r="BAY677" s="613"/>
      <c r="BAZ677" s="613"/>
      <c r="BBA677" s="613"/>
      <c r="BBB677" s="613"/>
      <c r="BBC677" s="613"/>
      <c r="BBD677" s="613"/>
      <c r="BBE677" s="613"/>
      <c r="BBF677" s="613"/>
      <c r="BBG677" s="613"/>
      <c r="BBH677" s="613"/>
      <c r="BBI677" s="613"/>
      <c r="BBJ677" s="613"/>
      <c r="BBK677" s="613"/>
      <c r="BBL677" s="613"/>
      <c r="BBM677" s="613"/>
      <c r="BBN677" s="613"/>
      <c r="BBO677" s="613"/>
      <c r="BBP677" s="613"/>
      <c r="BBQ677" s="613"/>
      <c r="BBR677" s="613"/>
      <c r="BBS677" s="613"/>
      <c r="BBT677" s="613"/>
      <c r="BBU677" s="613"/>
      <c r="BBV677" s="613"/>
      <c r="BBW677" s="613"/>
      <c r="BBX677" s="613"/>
      <c r="BBY677" s="613"/>
      <c r="BBZ677" s="613"/>
      <c r="BCA677" s="613"/>
      <c r="BCB677" s="613"/>
      <c r="BCC677" s="613"/>
      <c r="BCD677" s="613"/>
      <c r="BCE677" s="613"/>
      <c r="BCF677" s="613"/>
      <c r="BCG677" s="613"/>
      <c r="BCH677" s="613"/>
      <c r="BCI677" s="613"/>
      <c r="BCJ677" s="613"/>
      <c r="BCK677" s="613"/>
      <c r="BCL677" s="613"/>
      <c r="BCM677" s="613"/>
      <c r="BCN677" s="613"/>
      <c r="BCO677" s="613"/>
      <c r="BCP677" s="613"/>
      <c r="BCQ677" s="613"/>
      <c r="BCR677" s="613"/>
      <c r="BCS677" s="613"/>
      <c r="BCT677" s="613"/>
      <c r="BCU677" s="613"/>
      <c r="BCV677" s="613"/>
      <c r="BCW677" s="613"/>
      <c r="BCX677" s="613"/>
      <c r="BCY677" s="613"/>
      <c r="BCZ677" s="613"/>
      <c r="BDA677" s="613"/>
      <c r="BDB677" s="613"/>
      <c r="BDC677" s="613"/>
      <c r="BDD677" s="613"/>
      <c r="BDE677" s="613"/>
      <c r="BDF677" s="613"/>
      <c r="BDG677" s="613"/>
      <c r="BDH677" s="613"/>
      <c r="BDI677" s="613"/>
      <c r="BDJ677" s="613"/>
      <c r="BDK677" s="613"/>
      <c r="BDL677" s="613"/>
      <c r="BDM677" s="613"/>
      <c r="BDN677" s="613"/>
      <c r="BDO677" s="613"/>
      <c r="BDP677" s="613"/>
      <c r="BDQ677" s="613"/>
      <c r="BDR677" s="613"/>
      <c r="BDS677" s="613"/>
      <c r="BDT677" s="613"/>
      <c r="BDU677" s="613"/>
      <c r="BDV677" s="613"/>
      <c r="BDW677" s="613"/>
      <c r="BDX677" s="613"/>
      <c r="BDY677" s="613"/>
      <c r="BDZ677" s="613"/>
      <c r="BEA677" s="613"/>
      <c r="BEB677" s="613"/>
      <c r="BEC677" s="613"/>
      <c r="BED677" s="613"/>
      <c r="BEE677" s="613"/>
      <c r="BEF677" s="613"/>
      <c r="BEG677" s="613"/>
      <c r="BEH677" s="613"/>
      <c r="BEI677" s="613"/>
      <c r="BEJ677" s="613"/>
      <c r="BEK677" s="613"/>
      <c r="BEL677" s="613"/>
      <c r="BEM677" s="613"/>
      <c r="BEN677" s="613"/>
      <c r="BEO677" s="613"/>
      <c r="BEP677" s="613"/>
      <c r="BEQ677" s="613"/>
      <c r="BER677" s="613"/>
      <c r="BES677" s="613"/>
      <c r="BET677" s="613"/>
      <c r="BEU677" s="613"/>
      <c r="BEV677" s="613"/>
      <c r="BEW677" s="613"/>
      <c r="BEX677" s="613"/>
      <c r="BEY677" s="613"/>
      <c r="BEZ677" s="613"/>
      <c r="BFA677" s="613"/>
      <c r="BFB677" s="613"/>
      <c r="BFC677" s="613"/>
      <c r="BFD677" s="613"/>
      <c r="BFE677" s="613"/>
      <c r="BFF677" s="613"/>
      <c r="BFG677" s="613"/>
      <c r="BFH677" s="613"/>
      <c r="BFI677" s="613"/>
      <c r="BFJ677" s="613"/>
      <c r="BFK677" s="613"/>
      <c r="BFL677" s="613"/>
      <c r="BFM677" s="613"/>
      <c r="BFN677" s="613"/>
      <c r="BFO677" s="613"/>
      <c r="BFP677" s="613"/>
      <c r="BFQ677" s="613"/>
      <c r="BFR677" s="613"/>
      <c r="BFS677" s="613"/>
      <c r="BFT677" s="613"/>
      <c r="BFU677" s="613"/>
      <c r="BFV677" s="613"/>
      <c r="BFW677" s="613"/>
      <c r="BFX677" s="613"/>
      <c r="BFY677" s="613"/>
      <c r="BFZ677" s="613"/>
      <c r="BGA677" s="613"/>
      <c r="BGB677" s="613"/>
      <c r="BGC677" s="613"/>
      <c r="BGD677" s="613"/>
      <c r="BGE677" s="613"/>
      <c r="BGF677" s="613"/>
      <c r="BGG677" s="613"/>
      <c r="BGH677" s="613"/>
      <c r="BGI677" s="613"/>
      <c r="BGJ677" s="613"/>
      <c r="BGK677" s="613"/>
      <c r="BGL677" s="613"/>
      <c r="BGM677" s="613"/>
      <c r="BGN677" s="613"/>
      <c r="BGO677" s="613"/>
      <c r="BGP677" s="613"/>
      <c r="BGQ677" s="613"/>
      <c r="BGR677" s="613"/>
      <c r="BGS677" s="613"/>
      <c r="BGT677" s="613"/>
      <c r="BGU677" s="613"/>
      <c r="BGV677" s="613"/>
      <c r="BGW677" s="613"/>
      <c r="BGX677" s="613"/>
      <c r="BGY677" s="613"/>
      <c r="BGZ677" s="613"/>
      <c r="BHA677" s="613"/>
      <c r="BHB677" s="613"/>
      <c r="BHC677" s="613"/>
      <c r="BHD677" s="613"/>
      <c r="BHE677" s="613"/>
      <c r="BHF677" s="613"/>
      <c r="BHG677" s="613"/>
      <c r="BHH677" s="613"/>
      <c r="BHI677" s="613"/>
      <c r="BHJ677" s="613"/>
      <c r="BHK677" s="613"/>
      <c r="BHL677" s="613"/>
      <c r="BHM677" s="613"/>
      <c r="BHN677" s="613"/>
      <c r="BHO677" s="613"/>
      <c r="BHP677" s="613"/>
      <c r="BHQ677" s="613"/>
      <c r="BHR677" s="613"/>
      <c r="BHS677" s="613"/>
      <c r="BHT677" s="613"/>
      <c r="BHU677" s="613"/>
      <c r="BHV677" s="613"/>
      <c r="BHW677" s="613"/>
      <c r="BHX677" s="613"/>
      <c r="BHY677" s="613"/>
      <c r="BHZ677" s="613"/>
      <c r="BIA677" s="613"/>
      <c r="BIB677" s="613"/>
      <c r="BIC677" s="613"/>
      <c r="BID677" s="613"/>
      <c r="BIE677" s="613"/>
      <c r="BIF677" s="613"/>
      <c r="BIG677" s="613"/>
      <c r="BIH677" s="613"/>
      <c r="BII677" s="613"/>
      <c r="BIJ677" s="613"/>
      <c r="BIK677" s="613"/>
      <c r="BIL677" s="613"/>
      <c r="BIM677" s="613"/>
      <c r="BIN677" s="613"/>
      <c r="BIO677" s="613"/>
      <c r="BIP677" s="613"/>
      <c r="BIQ677" s="613"/>
      <c r="BIR677" s="613"/>
      <c r="BIS677" s="613"/>
      <c r="BIT677" s="613"/>
      <c r="BIU677" s="613"/>
      <c r="BIV677" s="613"/>
      <c r="BIW677" s="613"/>
      <c r="BIX677" s="613"/>
      <c r="BIY677" s="613"/>
      <c r="BIZ677" s="613"/>
      <c r="BJA677" s="613"/>
      <c r="BJB677" s="613"/>
      <c r="BJC677" s="613"/>
      <c r="BJD677" s="613"/>
      <c r="BJE677" s="613"/>
      <c r="BJF677" s="613"/>
      <c r="BJG677" s="613"/>
      <c r="BJH677" s="613"/>
      <c r="BJI677" s="613"/>
      <c r="BJJ677" s="613"/>
      <c r="BJK677" s="613"/>
      <c r="BJL677" s="613"/>
      <c r="BJM677" s="613"/>
      <c r="BJN677" s="613"/>
      <c r="BJO677" s="613"/>
      <c r="BJP677" s="613"/>
      <c r="BJQ677" s="613"/>
      <c r="BJR677" s="613"/>
      <c r="BJS677" s="613"/>
      <c r="BJT677" s="613"/>
      <c r="BJU677" s="613"/>
      <c r="BJV677" s="613"/>
      <c r="BJW677" s="613"/>
      <c r="BJX677" s="613"/>
      <c r="BJY677" s="613"/>
      <c r="BJZ677" s="613"/>
      <c r="BKA677" s="613"/>
      <c r="BKB677" s="613"/>
      <c r="BKC677" s="613"/>
      <c r="BKD677" s="613"/>
      <c r="BKE677" s="613"/>
      <c r="BKF677" s="613"/>
      <c r="BKG677" s="613"/>
      <c r="BKH677" s="613"/>
      <c r="BKI677" s="613"/>
      <c r="BKJ677" s="613"/>
      <c r="BKK677" s="613"/>
      <c r="BKL677" s="613"/>
      <c r="BKM677" s="613"/>
      <c r="BKN677" s="613"/>
      <c r="BKO677" s="613"/>
      <c r="BKP677" s="613"/>
      <c r="BKQ677" s="613"/>
      <c r="BKR677" s="613"/>
      <c r="BKS677" s="613"/>
      <c r="BKT677" s="613"/>
      <c r="BKU677" s="613"/>
      <c r="BKV677" s="613"/>
      <c r="BKW677" s="613"/>
      <c r="BKX677" s="613"/>
      <c r="BKY677" s="613"/>
      <c r="BKZ677" s="613"/>
      <c r="BLA677" s="613"/>
      <c r="BLB677" s="613"/>
      <c r="BLC677" s="613"/>
      <c r="BLD677" s="613"/>
      <c r="BLE677" s="613"/>
      <c r="BLF677" s="613"/>
      <c r="BLG677" s="613"/>
      <c r="BLH677" s="613"/>
      <c r="BLI677" s="613"/>
      <c r="BLJ677" s="613"/>
      <c r="BLK677" s="613"/>
      <c r="BLL677" s="613"/>
      <c r="BLM677" s="613"/>
      <c r="BLN677" s="613"/>
      <c r="BLO677" s="613"/>
      <c r="BLP677" s="613"/>
      <c r="BLQ677" s="613"/>
      <c r="BLR677" s="613"/>
      <c r="BLS677" s="613"/>
      <c r="BLT677" s="613"/>
      <c r="BLU677" s="613"/>
      <c r="BLV677" s="613"/>
      <c r="BLW677" s="613"/>
      <c r="BLX677" s="613"/>
      <c r="BLY677" s="613"/>
      <c r="BLZ677" s="613"/>
      <c r="BMA677" s="613"/>
      <c r="BMB677" s="613"/>
      <c r="BMC677" s="613"/>
      <c r="BMD677" s="613"/>
      <c r="BME677" s="613"/>
      <c r="BMF677" s="613"/>
      <c r="BMG677" s="613"/>
      <c r="BMH677" s="613"/>
      <c r="BMI677" s="613"/>
      <c r="BMJ677" s="613"/>
      <c r="BMK677" s="613"/>
      <c r="BML677" s="613"/>
      <c r="BMM677" s="613"/>
      <c r="BMN677" s="613"/>
      <c r="BMO677" s="613"/>
      <c r="BMP677" s="613"/>
      <c r="BMQ677" s="613"/>
      <c r="BMR677" s="613"/>
      <c r="BMS677" s="613"/>
      <c r="BMT677" s="613"/>
      <c r="BMU677" s="613"/>
      <c r="BMV677" s="613"/>
      <c r="BMW677" s="613"/>
      <c r="BMX677" s="613"/>
      <c r="BMY677" s="613"/>
      <c r="BMZ677" s="613"/>
      <c r="BNA677" s="613"/>
      <c r="BNB677" s="613"/>
      <c r="BNC677" s="613"/>
      <c r="BND677" s="613"/>
      <c r="BNE677" s="613"/>
      <c r="BNF677" s="613"/>
      <c r="BNG677" s="613"/>
      <c r="BNH677" s="613"/>
      <c r="BNI677" s="613"/>
      <c r="BNJ677" s="613"/>
      <c r="BNK677" s="613"/>
      <c r="BNL677" s="613"/>
      <c r="BNM677" s="613"/>
      <c r="BNN677" s="613"/>
      <c r="BNO677" s="613"/>
      <c r="BNP677" s="613"/>
      <c r="BNQ677" s="613"/>
      <c r="BNR677" s="613"/>
      <c r="BNS677" s="613"/>
      <c r="BNT677" s="613"/>
      <c r="BNU677" s="613"/>
      <c r="BNV677" s="613"/>
      <c r="BNW677" s="613"/>
      <c r="BNX677" s="613"/>
      <c r="BNY677" s="613"/>
      <c r="BNZ677" s="613"/>
      <c r="BOA677" s="613"/>
      <c r="BOB677" s="613"/>
      <c r="BOC677" s="613"/>
      <c r="BOD677" s="613"/>
      <c r="BOE677" s="613"/>
      <c r="BOF677" s="613"/>
      <c r="BOG677" s="613"/>
      <c r="BOH677" s="613"/>
      <c r="BOI677" s="613"/>
      <c r="BOJ677" s="613"/>
      <c r="BOK677" s="613"/>
      <c r="BOL677" s="613"/>
      <c r="BOM677" s="613"/>
      <c r="BON677" s="613"/>
      <c r="BOO677" s="613"/>
      <c r="BOP677" s="613"/>
      <c r="BOQ677" s="613"/>
      <c r="BOR677" s="613"/>
      <c r="BOS677" s="613"/>
      <c r="BOT677" s="613"/>
      <c r="BOU677" s="613"/>
      <c r="BOV677" s="613"/>
      <c r="BOW677" s="613"/>
      <c r="BOX677" s="613"/>
      <c r="BOY677" s="613"/>
      <c r="BOZ677" s="613"/>
      <c r="BPA677" s="613"/>
      <c r="BPB677" s="613"/>
      <c r="BPC677" s="613"/>
      <c r="BPD677" s="613"/>
      <c r="BPE677" s="613"/>
      <c r="BPF677" s="613"/>
      <c r="BPG677" s="613"/>
      <c r="BPH677" s="613"/>
      <c r="BPI677" s="613"/>
      <c r="BPJ677" s="613"/>
      <c r="BPK677" s="613"/>
      <c r="BPL677" s="613"/>
      <c r="BPM677" s="613"/>
      <c r="BPN677" s="613"/>
      <c r="BPO677" s="613"/>
      <c r="BPP677" s="613"/>
      <c r="BPQ677" s="613"/>
      <c r="BPR677" s="613"/>
      <c r="BPS677" s="613"/>
      <c r="BPT677" s="613"/>
      <c r="BPU677" s="613"/>
      <c r="BPV677" s="613"/>
      <c r="BPW677" s="613"/>
      <c r="BPX677" s="613"/>
      <c r="BPY677" s="613"/>
      <c r="BPZ677" s="613"/>
      <c r="BQA677" s="613"/>
      <c r="BQB677" s="613"/>
      <c r="BQC677" s="613"/>
      <c r="BQD677" s="613"/>
      <c r="BQE677" s="613"/>
      <c r="BQF677" s="613"/>
      <c r="BQG677" s="613"/>
      <c r="BQH677" s="613"/>
      <c r="BQI677" s="613"/>
      <c r="BQJ677" s="613"/>
      <c r="BQK677" s="613"/>
      <c r="BQL677" s="613"/>
      <c r="BQM677" s="613"/>
      <c r="BQN677" s="613"/>
      <c r="BQO677" s="613"/>
      <c r="BQP677" s="613"/>
      <c r="BQQ677" s="613"/>
      <c r="BQR677" s="613"/>
      <c r="BQS677" s="613"/>
      <c r="BQT677" s="613"/>
      <c r="BQU677" s="613"/>
      <c r="BQV677" s="613"/>
      <c r="BQW677" s="613"/>
      <c r="BQX677" s="613"/>
      <c r="BQY677" s="613"/>
      <c r="BQZ677" s="613"/>
      <c r="BRA677" s="613"/>
      <c r="BRB677" s="613"/>
      <c r="BRC677" s="613"/>
      <c r="BRD677" s="613"/>
      <c r="BRE677" s="613"/>
      <c r="BRF677" s="613"/>
      <c r="BRG677" s="613"/>
      <c r="BRH677" s="613"/>
      <c r="BRI677" s="613"/>
      <c r="BRJ677" s="613"/>
      <c r="BRK677" s="613"/>
      <c r="BRL677" s="613"/>
      <c r="BRM677" s="613"/>
      <c r="BRN677" s="613"/>
      <c r="BRO677" s="613"/>
      <c r="BRP677" s="613"/>
      <c r="BRQ677" s="613"/>
      <c r="BRR677" s="613"/>
      <c r="BRS677" s="613"/>
      <c r="BRT677" s="613"/>
      <c r="BRU677" s="613"/>
      <c r="BRV677" s="613"/>
      <c r="BRW677" s="613"/>
      <c r="BRX677" s="613"/>
      <c r="BRY677" s="613"/>
      <c r="BRZ677" s="613"/>
      <c r="BSA677" s="613"/>
      <c r="BSB677" s="613"/>
      <c r="BSC677" s="613"/>
      <c r="BSD677" s="613"/>
      <c r="BSE677" s="613"/>
      <c r="BSF677" s="613"/>
      <c r="BSG677" s="613"/>
      <c r="BSH677" s="613"/>
      <c r="BSI677" s="613"/>
      <c r="BSJ677" s="613"/>
      <c r="BSK677" s="613"/>
      <c r="BSL677" s="613"/>
      <c r="BSM677" s="613"/>
      <c r="BSN677" s="613"/>
      <c r="BSO677" s="613"/>
      <c r="BSP677" s="613"/>
      <c r="BSQ677" s="613"/>
      <c r="BSR677" s="613"/>
      <c r="BSS677" s="613"/>
      <c r="BST677" s="613"/>
      <c r="BSU677" s="613"/>
      <c r="BSV677" s="613"/>
      <c r="BSW677" s="613"/>
      <c r="BSX677" s="613"/>
      <c r="BSY677" s="613"/>
      <c r="BSZ677" s="613"/>
      <c r="BTA677" s="613"/>
      <c r="BTB677" s="613"/>
      <c r="BTC677" s="613"/>
      <c r="BTD677" s="613"/>
      <c r="BTE677" s="613"/>
      <c r="BTF677" s="613"/>
      <c r="BTG677" s="613"/>
      <c r="BTH677" s="613"/>
      <c r="BTI677" s="613"/>
      <c r="BTJ677" s="613"/>
      <c r="BTK677" s="613"/>
      <c r="BTL677" s="613"/>
      <c r="BTM677" s="613"/>
      <c r="BTN677" s="613"/>
      <c r="BTO677" s="613"/>
      <c r="BTP677" s="613"/>
      <c r="BTQ677" s="613"/>
      <c r="BTR677" s="613"/>
      <c r="BTS677" s="613"/>
      <c r="BTT677" s="613"/>
      <c r="BTU677" s="613"/>
      <c r="BTV677" s="613"/>
      <c r="BTW677" s="613"/>
      <c r="BTX677" s="613"/>
      <c r="BTY677" s="613"/>
      <c r="BTZ677" s="613"/>
      <c r="BUA677" s="613"/>
      <c r="BUB677" s="613"/>
      <c r="BUC677" s="613"/>
      <c r="BUD677" s="613"/>
      <c r="BUE677" s="613"/>
      <c r="BUF677" s="613"/>
      <c r="BUG677" s="613"/>
      <c r="BUH677" s="613"/>
      <c r="BUI677" s="613"/>
      <c r="BUJ677" s="613"/>
      <c r="BUK677" s="613"/>
      <c r="BUL677" s="613"/>
      <c r="BUM677" s="613"/>
      <c r="BUN677" s="613"/>
      <c r="BUO677" s="613"/>
      <c r="BUP677" s="613"/>
      <c r="BUQ677" s="613"/>
      <c r="BUR677" s="613"/>
      <c r="BUS677" s="613"/>
      <c r="BUT677" s="613"/>
      <c r="BUU677" s="613"/>
      <c r="BUV677" s="613"/>
      <c r="BUW677" s="613"/>
      <c r="BUX677" s="613"/>
      <c r="BUY677" s="613"/>
      <c r="BUZ677" s="613"/>
      <c r="BVA677" s="613"/>
      <c r="BVB677" s="613"/>
      <c r="BVC677" s="613"/>
      <c r="BVD677" s="613"/>
      <c r="BVE677" s="613"/>
      <c r="BVF677" s="613"/>
      <c r="BVG677" s="613"/>
      <c r="BVH677" s="613"/>
      <c r="BVI677" s="613"/>
      <c r="BVJ677" s="613"/>
      <c r="BVK677" s="613"/>
      <c r="BVL677" s="613"/>
      <c r="BVM677" s="613"/>
      <c r="BVN677" s="613"/>
      <c r="BVO677" s="613"/>
      <c r="BVP677" s="613"/>
      <c r="BVQ677" s="613"/>
      <c r="BVR677" s="613"/>
      <c r="BVS677" s="613"/>
      <c r="BVT677" s="613"/>
      <c r="BVU677" s="613"/>
      <c r="BVV677" s="613"/>
      <c r="BVW677" s="613"/>
      <c r="BVX677" s="613"/>
      <c r="BVY677" s="613"/>
      <c r="BVZ677" s="613"/>
      <c r="BWA677" s="613"/>
      <c r="BWB677" s="613"/>
      <c r="BWC677" s="613"/>
      <c r="BWD677" s="613"/>
      <c r="BWE677" s="613"/>
      <c r="BWF677" s="613"/>
      <c r="BWG677" s="613"/>
      <c r="BWH677" s="613"/>
      <c r="BWI677" s="613"/>
      <c r="BWJ677" s="613"/>
      <c r="BWK677" s="613"/>
      <c r="BWL677" s="613"/>
      <c r="BWM677" s="613"/>
      <c r="BWN677" s="613"/>
      <c r="BWO677" s="613"/>
      <c r="BWP677" s="613"/>
      <c r="BWQ677" s="613"/>
      <c r="BWR677" s="613"/>
      <c r="BWS677" s="613"/>
      <c r="BWT677" s="613"/>
      <c r="BWU677" s="613"/>
      <c r="BWV677" s="613"/>
      <c r="BWW677" s="613"/>
      <c r="BWX677" s="613"/>
      <c r="BWY677" s="613"/>
      <c r="BWZ677" s="613"/>
      <c r="BXA677" s="613"/>
      <c r="BXB677" s="613"/>
      <c r="BXC677" s="613"/>
      <c r="BXD677" s="613"/>
      <c r="BXE677" s="613"/>
      <c r="BXF677" s="613"/>
      <c r="BXG677" s="613"/>
      <c r="BXH677" s="613"/>
      <c r="BXI677" s="613"/>
      <c r="BXJ677" s="613"/>
      <c r="BXK677" s="613"/>
      <c r="BXL677" s="613"/>
      <c r="BXM677" s="613"/>
      <c r="BXN677" s="613"/>
      <c r="BXO677" s="613"/>
      <c r="BXP677" s="613"/>
      <c r="BXQ677" s="613"/>
      <c r="BXR677" s="613"/>
      <c r="BXS677" s="613"/>
      <c r="BXT677" s="613"/>
      <c r="BXU677" s="613"/>
      <c r="BXV677" s="613"/>
      <c r="BXW677" s="613"/>
      <c r="BXX677" s="613"/>
      <c r="BXY677" s="613"/>
      <c r="BXZ677" s="613"/>
      <c r="BYA677" s="613"/>
      <c r="BYB677" s="613"/>
      <c r="BYC677" s="613"/>
      <c r="BYD677" s="613"/>
      <c r="BYE677" s="613"/>
      <c r="BYF677" s="613"/>
      <c r="BYG677" s="613"/>
      <c r="BYH677" s="613"/>
      <c r="BYI677" s="613"/>
      <c r="BYJ677" s="613"/>
      <c r="BYK677" s="613"/>
      <c r="BYL677" s="613"/>
      <c r="BYM677" s="613"/>
      <c r="BYN677" s="613"/>
      <c r="BYO677" s="613"/>
      <c r="BYP677" s="613"/>
      <c r="BYQ677" s="613"/>
      <c r="BYR677" s="613"/>
      <c r="BYS677" s="613"/>
      <c r="BYT677" s="613"/>
      <c r="BYU677" s="613"/>
      <c r="BYV677" s="613"/>
      <c r="BYW677" s="613"/>
      <c r="BYX677" s="613"/>
      <c r="BYY677" s="613"/>
      <c r="BYZ677" s="613"/>
      <c r="BZA677" s="613"/>
      <c r="BZB677" s="613"/>
      <c r="BZC677" s="613"/>
      <c r="BZD677" s="613"/>
      <c r="BZE677" s="613"/>
      <c r="BZF677" s="613"/>
      <c r="BZG677" s="613"/>
      <c r="BZH677" s="613"/>
      <c r="BZI677" s="613"/>
      <c r="BZJ677" s="613"/>
      <c r="BZK677" s="613"/>
      <c r="BZL677" s="613"/>
      <c r="BZM677" s="613"/>
      <c r="BZN677" s="613"/>
      <c r="BZO677" s="613"/>
      <c r="BZP677" s="613"/>
      <c r="BZQ677" s="613"/>
      <c r="BZR677" s="613"/>
      <c r="BZS677" s="613"/>
      <c r="BZT677" s="613"/>
      <c r="BZU677" s="613"/>
      <c r="BZV677" s="613"/>
      <c r="BZW677" s="613"/>
      <c r="BZX677" s="613"/>
      <c r="BZY677" s="613"/>
      <c r="BZZ677" s="613"/>
      <c r="CAA677" s="613"/>
      <c r="CAB677" s="613"/>
      <c r="CAC677" s="613"/>
      <c r="CAD677" s="613"/>
      <c r="CAE677" s="613"/>
      <c r="CAF677" s="613"/>
      <c r="CAG677" s="613"/>
      <c r="CAH677" s="613"/>
      <c r="CAI677" s="613"/>
      <c r="CAJ677" s="613"/>
      <c r="CAK677" s="613"/>
      <c r="CAL677" s="613"/>
      <c r="CAM677" s="613"/>
      <c r="CAN677" s="613"/>
      <c r="CAO677" s="613"/>
      <c r="CAP677" s="613"/>
      <c r="CAQ677" s="613"/>
      <c r="CAR677" s="613"/>
      <c r="CAS677" s="613"/>
      <c r="CAT677" s="613"/>
      <c r="CAU677" s="613"/>
      <c r="CAV677" s="613"/>
      <c r="CAW677" s="613"/>
      <c r="CAX677" s="613"/>
      <c r="CAY677" s="613"/>
      <c r="CAZ677" s="613"/>
      <c r="CBA677" s="613"/>
      <c r="CBB677" s="613"/>
      <c r="CBC677" s="613"/>
      <c r="CBD677" s="613"/>
      <c r="CBE677" s="613"/>
      <c r="CBF677" s="613"/>
      <c r="CBG677" s="613"/>
      <c r="CBH677" s="613"/>
      <c r="CBI677" s="613"/>
      <c r="CBJ677" s="613"/>
      <c r="CBK677" s="613"/>
      <c r="CBL677" s="613"/>
      <c r="CBM677" s="613"/>
      <c r="CBN677" s="613"/>
      <c r="CBO677" s="613"/>
      <c r="CBP677" s="613"/>
      <c r="CBQ677" s="613"/>
      <c r="CBR677" s="613"/>
      <c r="CBS677" s="613"/>
      <c r="CBT677" s="613"/>
      <c r="CBU677" s="613"/>
      <c r="CBV677" s="613"/>
      <c r="CBW677" s="613"/>
      <c r="CBX677" s="613"/>
      <c r="CBY677" s="613"/>
      <c r="CBZ677" s="613"/>
      <c r="CCA677" s="613"/>
      <c r="CCB677" s="613"/>
      <c r="CCC677" s="613"/>
      <c r="CCD677" s="613"/>
      <c r="CCE677" s="613"/>
      <c r="CCF677" s="613"/>
      <c r="CCG677" s="613"/>
      <c r="CCH677" s="613"/>
      <c r="CCI677" s="613"/>
      <c r="CCJ677" s="613"/>
      <c r="CCK677" s="613"/>
      <c r="CCL677" s="613"/>
      <c r="CCM677" s="613"/>
      <c r="CCN677" s="613"/>
      <c r="CCO677" s="613"/>
      <c r="CCP677" s="613"/>
      <c r="CCQ677" s="613"/>
      <c r="CCR677" s="613"/>
      <c r="CCS677" s="613"/>
      <c r="CCT677" s="613"/>
      <c r="CCU677" s="613"/>
      <c r="CCV677" s="613"/>
      <c r="CCW677" s="613"/>
      <c r="CCX677" s="613"/>
      <c r="CCY677" s="613"/>
      <c r="CCZ677" s="613"/>
      <c r="CDA677" s="613"/>
      <c r="CDB677" s="613"/>
      <c r="CDC677" s="613"/>
      <c r="CDD677" s="613"/>
      <c r="CDE677" s="613"/>
      <c r="CDF677" s="613"/>
      <c r="CDG677" s="613"/>
      <c r="CDH677" s="613"/>
      <c r="CDI677" s="613"/>
      <c r="CDJ677" s="613"/>
      <c r="CDK677" s="613"/>
      <c r="CDL677" s="613"/>
      <c r="CDM677" s="613"/>
      <c r="CDN677" s="613"/>
      <c r="CDO677" s="613"/>
      <c r="CDP677" s="613"/>
      <c r="CDQ677" s="613"/>
      <c r="CDR677" s="613"/>
      <c r="CDS677" s="613"/>
      <c r="CDT677" s="613"/>
      <c r="CDU677" s="613"/>
      <c r="CDV677" s="613"/>
      <c r="CDW677" s="613"/>
      <c r="CDX677" s="613"/>
      <c r="CDY677" s="613"/>
      <c r="CDZ677" s="613"/>
      <c r="CEA677" s="613"/>
      <c r="CEB677" s="613"/>
      <c r="CEC677" s="613"/>
      <c r="CED677" s="613"/>
      <c r="CEE677" s="613"/>
      <c r="CEF677" s="613"/>
      <c r="CEG677" s="613"/>
      <c r="CEH677" s="613"/>
      <c r="CEI677" s="613"/>
      <c r="CEJ677" s="613"/>
      <c r="CEK677" s="613"/>
      <c r="CEL677" s="613"/>
      <c r="CEM677" s="613"/>
      <c r="CEN677" s="613"/>
      <c r="CEO677" s="613"/>
      <c r="CEP677" s="613"/>
      <c r="CEQ677" s="613"/>
      <c r="CER677" s="613"/>
      <c r="CES677" s="613"/>
      <c r="CET677" s="613"/>
      <c r="CEU677" s="613"/>
      <c r="CEV677" s="613"/>
      <c r="CEW677" s="613"/>
      <c r="CEX677" s="613"/>
      <c r="CEY677" s="613"/>
      <c r="CEZ677" s="613"/>
      <c r="CFA677" s="613"/>
      <c r="CFB677" s="613"/>
      <c r="CFC677" s="613"/>
      <c r="CFD677" s="613"/>
      <c r="CFE677" s="613"/>
      <c r="CFF677" s="613"/>
      <c r="CFG677" s="613"/>
      <c r="CFH677" s="613"/>
      <c r="CFI677" s="613"/>
      <c r="CFJ677" s="613"/>
      <c r="CFK677" s="613"/>
      <c r="CFL677" s="613"/>
      <c r="CFM677" s="613"/>
      <c r="CFN677" s="613"/>
      <c r="CFO677" s="613"/>
      <c r="CFP677" s="613"/>
      <c r="CFQ677" s="613"/>
      <c r="CFR677" s="613"/>
      <c r="CFS677" s="613"/>
      <c r="CFT677" s="613"/>
      <c r="CFU677" s="613"/>
      <c r="CFV677" s="613"/>
      <c r="CFW677" s="613"/>
      <c r="CFX677" s="613"/>
      <c r="CFY677" s="613"/>
      <c r="CFZ677" s="613"/>
      <c r="CGA677" s="613"/>
      <c r="CGB677" s="613"/>
      <c r="CGC677" s="613"/>
      <c r="CGD677" s="613"/>
      <c r="CGE677" s="613"/>
      <c r="CGF677" s="613"/>
      <c r="CGG677" s="613"/>
      <c r="CGH677" s="613"/>
      <c r="CGI677" s="613"/>
      <c r="CGJ677" s="613"/>
      <c r="CGK677" s="613"/>
      <c r="CGL677" s="613"/>
      <c r="CGM677" s="613"/>
      <c r="CGN677" s="613"/>
      <c r="CGO677" s="613"/>
      <c r="CGP677" s="613"/>
      <c r="CGQ677" s="613"/>
      <c r="CGR677" s="613"/>
      <c r="CGS677" s="613"/>
      <c r="CGT677" s="613"/>
      <c r="CGU677" s="613"/>
      <c r="CGV677" s="613"/>
      <c r="CGW677" s="613"/>
      <c r="CGX677" s="613"/>
      <c r="CGY677" s="613"/>
      <c r="CGZ677" s="613"/>
      <c r="CHA677" s="613"/>
      <c r="CHB677" s="613"/>
      <c r="CHC677" s="613"/>
      <c r="CHD677" s="613"/>
      <c r="CHE677" s="613"/>
      <c r="CHF677" s="613"/>
      <c r="CHG677" s="613"/>
      <c r="CHH677" s="613"/>
      <c r="CHI677" s="613"/>
      <c r="CHJ677" s="613"/>
      <c r="CHK677" s="613"/>
      <c r="CHL677" s="613"/>
      <c r="CHM677" s="613"/>
      <c r="CHN677" s="613"/>
      <c r="CHO677" s="613"/>
      <c r="CHP677" s="613"/>
      <c r="CHQ677" s="613"/>
      <c r="CHR677" s="613"/>
      <c r="CHS677" s="613"/>
      <c r="CHT677" s="613"/>
      <c r="CHU677" s="613"/>
      <c r="CHV677" s="613"/>
      <c r="CHW677" s="613"/>
      <c r="CHX677" s="613"/>
      <c r="CHY677" s="613"/>
      <c r="CHZ677" s="613"/>
      <c r="CIA677" s="613"/>
      <c r="CIB677" s="613"/>
      <c r="CIC677" s="613"/>
      <c r="CID677" s="613"/>
      <c r="CIE677" s="613"/>
      <c r="CIF677" s="613"/>
      <c r="CIG677" s="613"/>
      <c r="CIH677" s="613"/>
      <c r="CII677" s="613"/>
      <c r="CIJ677" s="613"/>
      <c r="CIK677" s="613"/>
      <c r="CIL677" s="613"/>
      <c r="CIM677" s="613"/>
      <c r="CIN677" s="613"/>
      <c r="CIO677" s="613"/>
      <c r="CIP677" s="613"/>
      <c r="CIQ677" s="613"/>
      <c r="CIR677" s="613"/>
      <c r="CIS677" s="613"/>
      <c r="CIT677" s="613"/>
      <c r="CIU677" s="613"/>
      <c r="CIV677" s="613"/>
      <c r="CIW677" s="613"/>
      <c r="CIX677" s="613"/>
      <c r="CIY677" s="613"/>
      <c r="CIZ677" s="613"/>
      <c r="CJA677" s="613"/>
      <c r="CJB677" s="613"/>
      <c r="CJC677" s="613"/>
      <c r="CJD677" s="613"/>
      <c r="CJE677" s="613"/>
      <c r="CJF677" s="613"/>
      <c r="CJG677" s="613"/>
      <c r="CJH677" s="613"/>
      <c r="CJI677" s="613"/>
      <c r="CJJ677" s="613"/>
      <c r="CJK677" s="613"/>
      <c r="CJL677" s="613"/>
      <c r="CJM677" s="613"/>
      <c r="CJN677" s="613"/>
      <c r="CJO677" s="613"/>
      <c r="CJP677" s="613"/>
      <c r="CJQ677" s="613"/>
      <c r="CJR677" s="613"/>
      <c r="CJS677" s="613"/>
      <c r="CJT677" s="613"/>
      <c r="CJU677" s="613"/>
      <c r="CJV677" s="613"/>
      <c r="CJW677" s="613"/>
      <c r="CJX677" s="613"/>
      <c r="CJY677" s="613"/>
      <c r="CJZ677" s="613"/>
      <c r="CKA677" s="613"/>
      <c r="CKB677" s="613"/>
      <c r="CKC677" s="613"/>
      <c r="CKD677" s="613"/>
      <c r="CKE677" s="613"/>
      <c r="CKF677" s="613"/>
      <c r="CKG677" s="613"/>
      <c r="CKH677" s="613"/>
      <c r="CKI677" s="613"/>
      <c r="CKJ677" s="613"/>
      <c r="CKK677" s="613"/>
      <c r="CKL677" s="613"/>
      <c r="CKM677" s="613"/>
      <c r="CKN677" s="613"/>
      <c r="CKO677" s="613"/>
      <c r="CKP677" s="613"/>
      <c r="CKQ677" s="613"/>
      <c r="CKR677" s="613"/>
      <c r="CKS677" s="613"/>
      <c r="CKT677" s="613"/>
      <c r="CKU677" s="613"/>
      <c r="CKV677" s="613"/>
      <c r="CKW677" s="613"/>
      <c r="CKX677" s="613"/>
      <c r="CKY677" s="613"/>
      <c r="CKZ677" s="613"/>
      <c r="CLA677" s="613"/>
      <c r="CLB677" s="613"/>
      <c r="CLC677" s="613"/>
      <c r="CLD677" s="613"/>
      <c r="CLE677" s="613"/>
      <c r="CLF677" s="613"/>
      <c r="CLG677" s="613"/>
      <c r="CLH677" s="613"/>
      <c r="CLI677" s="613"/>
      <c r="CLJ677" s="613"/>
      <c r="CLK677" s="613"/>
      <c r="CLL677" s="613"/>
      <c r="CLM677" s="613"/>
      <c r="CLN677" s="613"/>
      <c r="CLO677" s="613"/>
      <c r="CLP677" s="613"/>
      <c r="CLQ677" s="613"/>
      <c r="CLR677" s="613"/>
      <c r="CLS677" s="613"/>
      <c r="CLT677" s="613"/>
      <c r="CLU677" s="613"/>
      <c r="CLV677" s="613"/>
      <c r="CLW677" s="613"/>
      <c r="CLX677" s="613"/>
      <c r="CLY677" s="613"/>
      <c r="CLZ677" s="613"/>
      <c r="CMA677" s="613"/>
      <c r="CMB677" s="613"/>
      <c r="CMC677" s="613"/>
      <c r="CMD677" s="613"/>
      <c r="CME677" s="613"/>
      <c r="CMF677" s="613"/>
      <c r="CMG677" s="613"/>
      <c r="CMH677" s="613"/>
      <c r="CMI677" s="613"/>
      <c r="CMJ677" s="613"/>
      <c r="CMK677" s="613"/>
      <c r="CML677" s="613"/>
      <c r="CMM677" s="613"/>
      <c r="CMN677" s="613"/>
      <c r="CMO677" s="613"/>
      <c r="CMP677" s="613"/>
      <c r="CMQ677" s="613"/>
      <c r="CMR677" s="613"/>
      <c r="CMS677" s="613"/>
      <c r="CMT677" s="613"/>
      <c r="CMU677" s="613"/>
      <c r="CMV677" s="613"/>
      <c r="CMW677" s="613"/>
      <c r="CMX677" s="613"/>
      <c r="CMY677" s="613"/>
      <c r="CMZ677" s="613"/>
      <c r="CNA677" s="613"/>
      <c r="CNB677" s="613"/>
      <c r="CNC677" s="613"/>
      <c r="CND677" s="613"/>
      <c r="CNE677" s="613"/>
      <c r="CNF677" s="613"/>
      <c r="CNG677" s="613"/>
      <c r="CNH677" s="613"/>
      <c r="CNI677" s="613"/>
      <c r="CNJ677" s="613"/>
      <c r="CNK677" s="613"/>
      <c r="CNL677" s="613"/>
      <c r="CNM677" s="613"/>
      <c r="CNN677" s="613"/>
      <c r="CNO677" s="613"/>
      <c r="CNP677" s="613"/>
      <c r="CNQ677" s="613"/>
      <c r="CNR677" s="613"/>
      <c r="CNS677" s="613"/>
      <c r="CNT677" s="613"/>
      <c r="CNU677" s="613"/>
      <c r="CNV677" s="613"/>
      <c r="CNW677" s="613"/>
      <c r="CNX677" s="613"/>
      <c r="CNY677" s="613"/>
      <c r="CNZ677" s="613"/>
      <c r="COA677" s="613"/>
      <c r="COB677" s="613"/>
      <c r="COC677" s="613"/>
      <c r="COD677" s="613"/>
      <c r="COE677" s="613"/>
      <c r="COF677" s="613"/>
      <c r="COG677" s="613"/>
      <c r="COH677" s="613"/>
      <c r="COI677" s="613"/>
      <c r="COJ677" s="613"/>
      <c r="COK677" s="613"/>
      <c r="COL677" s="613"/>
      <c r="COM677" s="613"/>
      <c r="CON677" s="613"/>
      <c r="COO677" s="613"/>
      <c r="COP677" s="613"/>
      <c r="COQ677" s="613"/>
      <c r="COR677" s="613"/>
      <c r="COS677" s="613"/>
      <c r="COT677" s="613"/>
      <c r="COU677" s="613"/>
      <c r="COV677" s="613"/>
      <c r="COW677" s="613"/>
      <c r="COX677" s="613"/>
      <c r="COY677" s="613"/>
      <c r="COZ677" s="613"/>
      <c r="CPA677" s="613"/>
      <c r="CPB677" s="613"/>
      <c r="CPC677" s="613"/>
      <c r="CPD677" s="613"/>
      <c r="CPE677" s="613"/>
      <c r="CPF677" s="613"/>
      <c r="CPG677" s="613"/>
      <c r="CPH677" s="613"/>
      <c r="CPI677" s="613"/>
      <c r="CPJ677" s="613"/>
      <c r="CPK677" s="613"/>
      <c r="CPL677" s="613"/>
      <c r="CPM677" s="613"/>
      <c r="CPN677" s="613"/>
      <c r="CPO677" s="613"/>
      <c r="CPP677" s="613"/>
      <c r="CPQ677" s="613"/>
      <c r="CPR677" s="613"/>
      <c r="CPS677" s="613"/>
      <c r="CPT677" s="613"/>
      <c r="CPU677" s="613"/>
      <c r="CPV677" s="613"/>
      <c r="CPW677" s="613"/>
      <c r="CPX677" s="613"/>
      <c r="CPY677" s="613"/>
      <c r="CPZ677" s="613"/>
      <c r="CQA677" s="613"/>
      <c r="CQB677" s="613"/>
      <c r="CQC677" s="613"/>
      <c r="CQD677" s="613"/>
      <c r="CQE677" s="613"/>
      <c r="CQF677" s="613"/>
      <c r="CQG677" s="613"/>
      <c r="CQH677" s="613"/>
      <c r="CQI677" s="613"/>
      <c r="CQJ677" s="613"/>
      <c r="CQK677" s="613"/>
      <c r="CQL677" s="613"/>
      <c r="CQM677" s="613"/>
      <c r="CQN677" s="613"/>
      <c r="CQO677" s="613"/>
      <c r="CQP677" s="613"/>
      <c r="CQQ677" s="613"/>
      <c r="CQR677" s="613"/>
      <c r="CQS677" s="613"/>
      <c r="CQT677" s="613"/>
      <c r="CQU677" s="613"/>
      <c r="CQV677" s="613"/>
      <c r="CQW677" s="613"/>
      <c r="CQX677" s="613"/>
      <c r="CQY677" s="613"/>
      <c r="CQZ677" s="613"/>
      <c r="CRA677" s="613"/>
      <c r="CRB677" s="613"/>
      <c r="CRC677" s="613"/>
      <c r="CRD677" s="613"/>
      <c r="CRE677" s="613"/>
      <c r="CRF677" s="613"/>
      <c r="CRG677" s="613"/>
      <c r="CRH677" s="613"/>
      <c r="CRI677" s="613"/>
      <c r="CRJ677" s="613"/>
      <c r="CRK677" s="613"/>
      <c r="CRL677" s="613"/>
      <c r="CRM677" s="613"/>
      <c r="CRN677" s="613"/>
      <c r="CRO677" s="613"/>
      <c r="CRP677" s="613"/>
      <c r="CRQ677" s="613"/>
      <c r="CRR677" s="613"/>
      <c r="CRS677" s="613"/>
      <c r="CRT677" s="613"/>
      <c r="CRU677" s="613"/>
      <c r="CRV677" s="613"/>
      <c r="CRW677" s="613"/>
      <c r="CRX677" s="613"/>
      <c r="CRY677" s="613"/>
      <c r="CRZ677" s="613"/>
      <c r="CSA677" s="613"/>
      <c r="CSB677" s="613"/>
      <c r="CSC677" s="613"/>
      <c r="CSD677" s="613"/>
      <c r="CSE677" s="613"/>
      <c r="CSF677" s="613"/>
      <c r="CSG677" s="613"/>
      <c r="CSH677" s="613"/>
      <c r="CSI677" s="613"/>
      <c r="CSJ677" s="613"/>
      <c r="CSK677" s="613"/>
      <c r="CSL677" s="613"/>
      <c r="CSM677" s="613"/>
      <c r="CSN677" s="613"/>
      <c r="CSO677" s="613"/>
      <c r="CSP677" s="613"/>
      <c r="CSQ677" s="613"/>
      <c r="CSR677" s="613"/>
      <c r="CSS677" s="613"/>
      <c r="CST677" s="613"/>
      <c r="CSU677" s="613"/>
      <c r="CSV677" s="613"/>
      <c r="CSW677" s="613"/>
      <c r="CSX677" s="613"/>
      <c r="CSY677" s="613"/>
      <c r="CSZ677" s="613"/>
      <c r="CTA677" s="613"/>
      <c r="CTB677" s="613"/>
      <c r="CTC677" s="613"/>
      <c r="CTD677" s="613"/>
      <c r="CTE677" s="613"/>
      <c r="CTF677" s="613"/>
      <c r="CTG677" s="613"/>
      <c r="CTH677" s="613"/>
      <c r="CTI677" s="613"/>
      <c r="CTJ677" s="613"/>
      <c r="CTK677" s="613"/>
      <c r="CTL677" s="613"/>
      <c r="CTM677" s="613"/>
      <c r="CTN677" s="613"/>
      <c r="CTO677" s="613"/>
      <c r="CTP677" s="613"/>
      <c r="CTQ677" s="613"/>
      <c r="CTR677" s="613"/>
      <c r="CTS677" s="613"/>
      <c r="CTT677" s="613"/>
      <c r="CTU677" s="613"/>
      <c r="CTV677" s="613"/>
      <c r="CTW677" s="613"/>
      <c r="CTX677" s="613"/>
      <c r="CTY677" s="613"/>
      <c r="CTZ677" s="613"/>
      <c r="CUA677" s="613"/>
      <c r="CUB677" s="613"/>
      <c r="CUC677" s="613"/>
      <c r="CUD677" s="613"/>
      <c r="CUE677" s="613"/>
      <c r="CUF677" s="613"/>
      <c r="CUG677" s="613"/>
      <c r="CUH677" s="613"/>
      <c r="CUI677" s="613"/>
      <c r="CUJ677" s="613"/>
      <c r="CUK677" s="613"/>
      <c r="CUL677" s="613"/>
      <c r="CUM677" s="613"/>
      <c r="CUN677" s="613"/>
      <c r="CUO677" s="613"/>
      <c r="CUP677" s="613"/>
      <c r="CUQ677" s="613"/>
      <c r="CUR677" s="613"/>
      <c r="CUS677" s="613"/>
      <c r="CUT677" s="613"/>
      <c r="CUU677" s="613"/>
      <c r="CUV677" s="613"/>
      <c r="CUW677" s="613"/>
      <c r="CUX677" s="613"/>
      <c r="CUY677" s="613"/>
      <c r="CUZ677" s="613"/>
      <c r="CVA677" s="613"/>
      <c r="CVB677" s="613"/>
      <c r="CVC677" s="613"/>
      <c r="CVD677" s="613"/>
      <c r="CVE677" s="613"/>
      <c r="CVF677" s="613"/>
      <c r="CVG677" s="613"/>
      <c r="CVH677" s="613"/>
      <c r="CVI677" s="613"/>
      <c r="CVJ677" s="613"/>
      <c r="CVK677" s="613"/>
      <c r="CVL677" s="613"/>
      <c r="CVM677" s="613"/>
      <c r="CVN677" s="613"/>
      <c r="CVO677" s="613"/>
      <c r="CVP677" s="613"/>
      <c r="CVQ677" s="613"/>
      <c r="CVR677" s="613"/>
      <c r="CVS677" s="613"/>
      <c r="CVT677" s="613"/>
      <c r="CVU677" s="613"/>
      <c r="CVV677" s="613"/>
      <c r="CVW677" s="613"/>
      <c r="CVX677" s="613"/>
      <c r="CVY677" s="613"/>
      <c r="CVZ677" s="613"/>
      <c r="CWA677" s="613"/>
      <c r="CWB677" s="613"/>
      <c r="CWC677" s="613"/>
      <c r="CWD677" s="613"/>
      <c r="CWE677" s="613"/>
      <c r="CWF677" s="613"/>
      <c r="CWG677" s="613"/>
      <c r="CWH677" s="613"/>
      <c r="CWI677" s="613"/>
      <c r="CWJ677" s="613"/>
      <c r="CWK677" s="613"/>
      <c r="CWL677" s="613"/>
      <c r="CWM677" s="613"/>
      <c r="CWN677" s="613"/>
      <c r="CWO677" s="613"/>
      <c r="CWP677" s="613"/>
      <c r="CWQ677" s="613"/>
      <c r="CWR677" s="613"/>
      <c r="CWS677" s="613"/>
      <c r="CWT677" s="613"/>
      <c r="CWU677" s="613"/>
      <c r="CWV677" s="613"/>
      <c r="CWW677" s="613"/>
      <c r="CWX677" s="613"/>
      <c r="CWY677" s="613"/>
      <c r="CWZ677" s="613"/>
      <c r="CXA677" s="613"/>
      <c r="CXB677" s="613"/>
      <c r="CXC677" s="613"/>
      <c r="CXD677" s="613"/>
      <c r="CXE677" s="613"/>
      <c r="CXF677" s="613"/>
      <c r="CXG677" s="613"/>
      <c r="CXH677" s="613"/>
      <c r="CXI677" s="613"/>
      <c r="CXJ677" s="613"/>
      <c r="CXK677" s="613"/>
      <c r="CXL677" s="613"/>
      <c r="CXM677" s="613"/>
      <c r="CXN677" s="613"/>
      <c r="CXO677" s="613"/>
      <c r="CXP677" s="613"/>
      <c r="CXQ677" s="613"/>
      <c r="CXR677" s="613"/>
      <c r="CXS677" s="613"/>
      <c r="CXT677" s="613"/>
      <c r="CXU677" s="613"/>
      <c r="CXV677" s="613"/>
      <c r="CXW677" s="613"/>
      <c r="CXX677" s="613"/>
      <c r="CXY677" s="613"/>
      <c r="CXZ677" s="613"/>
      <c r="CYA677" s="613"/>
      <c r="CYB677" s="613"/>
      <c r="CYC677" s="613"/>
      <c r="CYD677" s="613"/>
      <c r="CYE677" s="613"/>
      <c r="CYF677" s="613"/>
      <c r="CYG677" s="613"/>
      <c r="CYH677" s="613"/>
      <c r="CYI677" s="613"/>
      <c r="CYJ677" s="613"/>
      <c r="CYK677" s="613"/>
      <c r="CYL677" s="613"/>
      <c r="CYM677" s="613"/>
      <c r="CYN677" s="613"/>
      <c r="CYO677" s="613"/>
      <c r="CYP677" s="613"/>
      <c r="CYQ677" s="613"/>
      <c r="CYR677" s="613"/>
      <c r="CYS677" s="613"/>
      <c r="CYT677" s="613"/>
      <c r="CYU677" s="613"/>
      <c r="CYV677" s="613"/>
      <c r="CYW677" s="613"/>
      <c r="CYX677" s="613"/>
      <c r="CYY677" s="613"/>
      <c r="CYZ677" s="613"/>
      <c r="CZA677" s="613"/>
      <c r="CZB677" s="613"/>
      <c r="CZC677" s="613"/>
      <c r="CZD677" s="613"/>
      <c r="CZE677" s="613"/>
      <c r="CZF677" s="613"/>
      <c r="CZG677" s="613"/>
      <c r="CZH677" s="613"/>
      <c r="CZI677" s="613"/>
      <c r="CZJ677" s="613"/>
      <c r="CZK677" s="613"/>
      <c r="CZL677" s="613"/>
      <c r="CZM677" s="613"/>
      <c r="CZN677" s="613"/>
      <c r="CZO677" s="613"/>
      <c r="CZP677" s="613"/>
      <c r="CZQ677" s="613"/>
      <c r="CZR677" s="613"/>
      <c r="CZS677" s="613"/>
      <c r="CZT677" s="613"/>
      <c r="CZU677" s="613"/>
      <c r="CZV677" s="613"/>
      <c r="CZW677" s="613"/>
      <c r="CZX677" s="613"/>
      <c r="CZY677" s="613"/>
      <c r="CZZ677" s="613"/>
      <c r="DAA677" s="613"/>
      <c r="DAB677" s="613"/>
      <c r="DAC677" s="613"/>
      <c r="DAD677" s="613"/>
      <c r="DAE677" s="613"/>
      <c r="DAF677" s="613"/>
      <c r="DAG677" s="613"/>
      <c r="DAH677" s="613"/>
      <c r="DAI677" s="613"/>
      <c r="DAJ677" s="613"/>
      <c r="DAK677" s="613"/>
      <c r="DAL677" s="613"/>
      <c r="DAM677" s="613"/>
      <c r="DAN677" s="613"/>
      <c r="DAO677" s="613"/>
      <c r="DAP677" s="613"/>
      <c r="DAQ677" s="613"/>
      <c r="DAR677" s="613"/>
      <c r="DAS677" s="613"/>
      <c r="DAT677" s="613"/>
      <c r="DAU677" s="613"/>
      <c r="DAV677" s="613"/>
      <c r="DAW677" s="613"/>
      <c r="DAX677" s="613"/>
      <c r="DAY677" s="613"/>
      <c r="DAZ677" s="613"/>
      <c r="DBA677" s="613"/>
      <c r="DBB677" s="613"/>
      <c r="DBC677" s="613"/>
      <c r="DBD677" s="613"/>
      <c r="DBE677" s="613"/>
      <c r="DBF677" s="613"/>
      <c r="DBG677" s="613"/>
      <c r="DBH677" s="613"/>
      <c r="DBI677" s="613"/>
      <c r="DBJ677" s="613"/>
      <c r="DBK677" s="613"/>
      <c r="DBL677" s="613"/>
      <c r="DBM677" s="613"/>
      <c r="DBN677" s="613"/>
      <c r="DBO677" s="613"/>
      <c r="DBP677" s="613"/>
      <c r="DBQ677" s="613"/>
      <c r="DBR677" s="613"/>
      <c r="DBS677" s="613"/>
      <c r="DBT677" s="613"/>
      <c r="DBU677" s="613"/>
      <c r="DBV677" s="613"/>
      <c r="DBW677" s="613"/>
      <c r="DBX677" s="613"/>
      <c r="DBY677" s="613"/>
      <c r="DBZ677" s="613"/>
      <c r="DCA677" s="613"/>
      <c r="DCB677" s="613"/>
      <c r="DCC677" s="613"/>
      <c r="DCD677" s="613"/>
      <c r="DCE677" s="613"/>
      <c r="DCF677" s="613"/>
      <c r="DCG677" s="613"/>
      <c r="DCH677" s="613"/>
      <c r="DCI677" s="613"/>
      <c r="DCJ677" s="613"/>
      <c r="DCK677" s="613"/>
      <c r="DCL677" s="613"/>
      <c r="DCM677" s="613"/>
      <c r="DCN677" s="613"/>
      <c r="DCO677" s="613"/>
      <c r="DCP677" s="613"/>
      <c r="DCQ677" s="613"/>
      <c r="DCR677" s="613"/>
      <c r="DCS677" s="613"/>
      <c r="DCT677" s="613"/>
      <c r="DCU677" s="613"/>
      <c r="DCV677" s="613"/>
      <c r="DCW677" s="613"/>
      <c r="DCX677" s="613"/>
      <c r="DCY677" s="613"/>
      <c r="DCZ677" s="613"/>
      <c r="DDA677" s="613"/>
      <c r="DDB677" s="613"/>
      <c r="DDC677" s="613"/>
      <c r="DDD677" s="613"/>
      <c r="DDE677" s="613"/>
      <c r="DDF677" s="613"/>
      <c r="DDG677" s="613"/>
      <c r="DDH677" s="613"/>
      <c r="DDI677" s="613"/>
      <c r="DDJ677" s="613"/>
      <c r="DDK677" s="613"/>
      <c r="DDL677" s="613"/>
      <c r="DDM677" s="613"/>
      <c r="DDN677" s="613"/>
      <c r="DDO677" s="613"/>
      <c r="DDP677" s="613"/>
      <c r="DDQ677" s="613"/>
      <c r="DDR677" s="613"/>
      <c r="DDS677" s="613"/>
      <c r="DDT677" s="613"/>
      <c r="DDU677" s="613"/>
      <c r="DDV677" s="613"/>
      <c r="DDW677" s="613"/>
      <c r="DDX677" s="613"/>
      <c r="DDY677" s="613"/>
      <c r="DDZ677" s="613"/>
      <c r="DEA677" s="613"/>
      <c r="DEB677" s="613"/>
      <c r="DEC677" s="613"/>
      <c r="DED677" s="613"/>
      <c r="DEE677" s="613"/>
      <c r="DEF677" s="613"/>
      <c r="DEG677" s="613"/>
      <c r="DEH677" s="613"/>
      <c r="DEI677" s="613"/>
      <c r="DEJ677" s="613"/>
      <c r="DEK677" s="613"/>
      <c r="DEL677" s="613"/>
      <c r="DEM677" s="613"/>
      <c r="DEN677" s="613"/>
      <c r="DEO677" s="613"/>
      <c r="DEP677" s="613"/>
      <c r="DEQ677" s="613"/>
      <c r="DER677" s="613"/>
      <c r="DES677" s="613"/>
      <c r="DET677" s="613"/>
      <c r="DEU677" s="613"/>
      <c r="DEV677" s="613"/>
      <c r="DEW677" s="613"/>
      <c r="DEX677" s="613"/>
      <c r="DEY677" s="613"/>
      <c r="DEZ677" s="613"/>
      <c r="DFA677" s="613"/>
      <c r="DFB677" s="613"/>
      <c r="DFC677" s="613"/>
      <c r="DFD677" s="613"/>
      <c r="DFE677" s="613"/>
      <c r="DFF677" s="613"/>
      <c r="DFG677" s="613"/>
      <c r="DFH677" s="613"/>
      <c r="DFI677" s="613"/>
      <c r="DFJ677" s="613"/>
      <c r="DFK677" s="613"/>
      <c r="DFL677" s="613"/>
      <c r="DFM677" s="613"/>
      <c r="DFN677" s="613"/>
      <c r="DFO677" s="613"/>
      <c r="DFP677" s="613"/>
      <c r="DFQ677" s="613"/>
      <c r="DFR677" s="613"/>
      <c r="DFS677" s="613"/>
      <c r="DFT677" s="613"/>
      <c r="DFU677" s="613"/>
      <c r="DFV677" s="613"/>
      <c r="DFW677" s="613"/>
      <c r="DFX677" s="613"/>
      <c r="DFY677" s="613"/>
      <c r="DFZ677" s="613"/>
      <c r="DGA677" s="613"/>
      <c r="DGB677" s="613"/>
      <c r="DGC677" s="613"/>
      <c r="DGD677" s="613"/>
      <c r="DGE677" s="613"/>
      <c r="DGF677" s="613"/>
      <c r="DGG677" s="613"/>
      <c r="DGH677" s="613"/>
      <c r="DGI677" s="613"/>
      <c r="DGJ677" s="613"/>
      <c r="DGK677" s="613"/>
      <c r="DGL677" s="613"/>
      <c r="DGM677" s="613"/>
      <c r="DGN677" s="613"/>
      <c r="DGO677" s="613"/>
      <c r="DGP677" s="613"/>
      <c r="DGQ677" s="613"/>
      <c r="DGR677" s="613"/>
      <c r="DGS677" s="613"/>
      <c r="DGT677" s="613"/>
      <c r="DGU677" s="613"/>
      <c r="DGV677" s="613"/>
      <c r="DGW677" s="613"/>
      <c r="DGX677" s="613"/>
      <c r="DGY677" s="613"/>
      <c r="DGZ677" s="613"/>
      <c r="DHA677" s="613"/>
      <c r="DHB677" s="613"/>
      <c r="DHC677" s="613"/>
      <c r="DHD677" s="613"/>
      <c r="DHE677" s="613"/>
      <c r="DHF677" s="613"/>
      <c r="DHG677" s="613"/>
      <c r="DHH677" s="613"/>
      <c r="DHI677" s="613"/>
      <c r="DHJ677" s="613"/>
      <c r="DHK677" s="613"/>
      <c r="DHL677" s="613"/>
      <c r="DHM677" s="613"/>
      <c r="DHN677" s="613"/>
      <c r="DHO677" s="613"/>
      <c r="DHP677" s="613"/>
      <c r="DHQ677" s="613"/>
      <c r="DHR677" s="613"/>
      <c r="DHS677" s="613"/>
      <c r="DHT677" s="613"/>
      <c r="DHU677" s="613"/>
      <c r="DHV677" s="613"/>
      <c r="DHW677" s="613"/>
      <c r="DHX677" s="613"/>
      <c r="DHY677" s="613"/>
      <c r="DHZ677" s="613"/>
      <c r="DIA677" s="613"/>
      <c r="DIB677" s="613"/>
      <c r="DIC677" s="613"/>
      <c r="DID677" s="613"/>
      <c r="DIE677" s="613"/>
      <c r="DIF677" s="613"/>
      <c r="DIG677" s="613"/>
      <c r="DIH677" s="613"/>
      <c r="DII677" s="613"/>
      <c r="DIJ677" s="613"/>
      <c r="DIK677" s="613"/>
      <c r="DIL677" s="613"/>
      <c r="DIM677" s="613"/>
      <c r="DIN677" s="613"/>
      <c r="DIO677" s="613"/>
      <c r="DIP677" s="613"/>
      <c r="DIQ677" s="613"/>
      <c r="DIR677" s="613"/>
      <c r="DIS677" s="613"/>
      <c r="DIT677" s="613"/>
      <c r="DIU677" s="613"/>
      <c r="DIV677" s="613"/>
      <c r="DIW677" s="613"/>
      <c r="DIX677" s="613"/>
      <c r="DIY677" s="613"/>
      <c r="DIZ677" s="613"/>
      <c r="DJA677" s="613"/>
      <c r="DJB677" s="613"/>
      <c r="DJC677" s="613"/>
      <c r="DJD677" s="613"/>
      <c r="DJE677" s="613"/>
      <c r="DJF677" s="613"/>
      <c r="DJG677" s="613"/>
      <c r="DJH677" s="613"/>
      <c r="DJI677" s="613"/>
      <c r="DJJ677" s="613"/>
      <c r="DJK677" s="613"/>
      <c r="DJL677" s="613"/>
      <c r="DJM677" s="613"/>
      <c r="DJN677" s="613"/>
      <c r="DJO677" s="613"/>
      <c r="DJP677" s="613"/>
      <c r="DJQ677" s="613"/>
      <c r="DJR677" s="613"/>
      <c r="DJS677" s="613"/>
      <c r="DJT677" s="613"/>
      <c r="DJU677" s="613"/>
      <c r="DJV677" s="613"/>
      <c r="DJW677" s="613"/>
      <c r="DJX677" s="613"/>
      <c r="DJY677" s="613"/>
      <c r="DJZ677" s="613"/>
      <c r="DKA677" s="613"/>
      <c r="DKB677" s="613"/>
      <c r="DKC677" s="613"/>
      <c r="DKD677" s="613"/>
      <c r="DKE677" s="613"/>
      <c r="DKF677" s="613"/>
      <c r="DKG677" s="613"/>
      <c r="DKH677" s="613"/>
      <c r="DKI677" s="613"/>
      <c r="DKJ677" s="613"/>
      <c r="DKK677" s="613"/>
      <c r="DKL677" s="613"/>
      <c r="DKM677" s="613"/>
      <c r="DKN677" s="613"/>
      <c r="DKO677" s="613"/>
      <c r="DKP677" s="613"/>
      <c r="DKQ677" s="613"/>
      <c r="DKR677" s="613"/>
      <c r="DKS677" s="613"/>
      <c r="DKT677" s="613"/>
      <c r="DKU677" s="613"/>
      <c r="DKV677" s="613"/>
      <c r="DKW677" s="613"/>
      <c r="DKX677" s="613"/>
      <c r="DKY677" s="613"/>
      <c r="DKZ677" s="613"/>
      <c r="DLA677" s="613"/>
      <c r="DLB677" s="613"/>
      <c r="DLC677" s="613"/>
      <c r="DLD677" s="613"/>
      <c r="DLE677" s="613"/>
      <c r="DLF677" s="613"/>
      <c r="DLG677" s="613"/>
      <c r="DLH677" s="613"/>
      <c r="DLI677" s="613"/>
      <c r="DLJ677" s="613"/>
      <c r="DLK677" s="613"/>
      <c r="DLL677" s="613"/>
      <c r="DLM677" s="613"/>
      <c r="DLN677" s="613"/>
      <c r="DLO677" s="613"/>
      <c r="DLP677" s="613"/>
      <c r="DLQ677" s="613"/>
      <c r="DLR677" s="613"/>
      <c r="DLS677" s="613"/>
      <c r="DLT677" s="613"/>
      <c r="DLU677" s="613"/>
      <c r="DLV677" s="613"/>
      <c r="DLW677" s="613"/>
      <c r="DLX677" s="613"/>
      <c r="DLY677" s="613"/>
      <c r="DLZ677" s="613"/>
      <c r="DMA677" s="613"/>
      <c r="DMB677" s="613"/>
      <c r="DMC677" s="613"/>
      <c r="DMD677" s="613"/>
      <c r="DME677" s="613"/>
      <c r="DMF677" s="613"/>
      <c r="DMG677" s="613"/>
      <c r="DMH677" s="613"/>
      <c r="DMI677" s="613"/>
      <c r="DMJ677" s="613"/>
      <c r="DMK677" s="613"/>
      <c r="DML677" s="613"/>
      <c r="DMM677" s="613"/>
      <c r="DMN677" s="613"/>
      <c r="DMO677" s="613"/>
      <c r="DMP677" s="613"/>
      <c r="DMQ677" s="613"/>
      <c r="DMR677" s="613"/>
      <c r="DMS677" s="613"/>
      <c r="DMT677" s="613"/>
      <c r="DMU677" s="613"/>
      <c r="DMV677" s="613"/>
      <c r="DMW677" s="613"/>
      <c r="DMX677" s="613"/>
      <c r="DMY677" s="613"/>
      <c r="DMZ677" s="613"/>
      <c r="DNA677" s="613"/>
      <c r="DNB677" s="613"/>
      <c r="DNC677" s="613"/>
      <c r="DND677" s="613"/>
      <c r="DNE677" s="613"/>
      <c r="DNF677" s="613"/>
      <c r="DNG677" s="613"/>
      <c r="DNH677" s="613"/>
      <c r="DNI677" s="613"/>
      <c r="DNJ677" s="613"/>
      <c r="DNK677" s="613"/>
      <c r="DNL677" s="613"/>
      <c r="DNM677" s="613"/>
      <c r="DNN677" s="613"/>
      <c r="DNO677" s="613"/>
      <c r="DNP677" s="613"/>
      <c r="DNQ677" s="613"/>
      <c r="DNR677" s="613"/>
      <c r="DNS677" s="613"/>
      <c r="DNT677" s="613"/>
      <c r="DNU677" s="613"/>
      <c r="DNV677" s="613"/>
      <c r="DNW677" s="613"/>
      <c r="DNX677" s="613"/>
      <c r="DNY677" s="613"/>
      <c r="DNZ677" s="613"/>
      <c r="DOA677" s="613"/>
      <c r="DOB677" s="613"/>
      <c r="DOC677" s="613"/>
      <c r="DOD677" s="613"/>
      <c r="DOE677" s="613"/>
      <c r="DOF677" s="613"/>
      <c r="DOG677" s="613"/>
      <c r="DOH677" s="613"/>
      <c r="DOI677" s="613"/>
      <c r="DOJ677" s="613"/>
      <c r="DOK677" s="613"/>
      <c r="DOL677" s="613"/>
      <c r="DOM677" s="613"/>
      <c r="DON677" s="613"/>
      <c r="DOO677" s="613"/>
      <c r="DOP677" s="613"/>
      <c r="DOQ677" s="613"/>
      <c r="DOR677" s="613"/>
      <c r="DOS677" s="613"/>
      <c r="DOT677" s="613"/>
      <c r="DOU677" s="613"/>
      <c r="DOV677" s="613"/>
      <c r="DOW677" s="613"/>
      <c r="DOX677" s="613"/>
      <c r="DOY677" s="613"/>
      <c r="DOZ677" s="613"/>
      <c r="DPA677" s="613"/>
      <c r="DPB677" s="613"/>
      <c r="DPC677" s="613"/>
      <c r="DPD677" s="613"/>
      <c r="DPE677" s="613"/>
      <c r="DPF677" s="613"/>
      <c r="DPG677" s="613"/>
      <c r="DPH677" s="613"/>
      <c r="DPI677" s="613"/>
      <c r="DPJ677" s="613"/>
      <c r="DPK677" s="613"/>
      <c r="DPL677" s="613"/>
      <c r="DPM677" s="613"/>
      <c r="DPN677" s="613"/>
      <c r="DPO677" s="613"/>
      <c r="DPP677" s="613"/>
      <c r="DPQ677" s="613"/>
      <c r="DPR677" s="613"/>
      <c r="DPS677" s="613"/>
      <c r="DPT677" s="613"/>
      <c r="DPU677" s="613"/>
      <c r="DPV677" s="613"/>
      <c r="DPW677" s="613"/>
      <c r="DPX677" s="613"/>
      <c r="DPY677" s="613"/>
      <c r="DPZ677" s="613"/>
      <c r="DQA677" s="613"/>
      <c r="DQB677" s="613"/>
      <c r="DQC677" s="613"/>
      <c r="DQD677" s="613"/>
      <c r="DQE677" s="613"/>
      <c r="DQF677" s="613"/>
      <c r="DQG677" s="613"/>
      <c r="DQH677" s="613"/>
      <c r="DQI677" s="613"/>
      <c r="DQJ677" s="613"/>
      <c r="DQK677" s="613"/>
      <c r="DQL677" s="613"/>
      <c r="DQM677" s="613"/>
      <c r="DQN677" s="613"/>
      <c r="DQO677" s="613"/>
      <c r="DQP677" s="613"/>
      <c r="DQQ677" s="613"/>
      <c r="DQR677" s="613"/>
      <c r="DQS677" s="613"/>
      <c r="DQT677" s="613"/>
      <c r="DQU677" s="613"/>
      <c r="DQV677" s="613"/>
      <c r="DQW677" s="613"/>
      <c r="DQX677" s="613"/>
      <c r="DQY677" s="613"/>
      <c r="DQZ677" s="613"/>
      <c r="DRA677" s="613"/>
      <c r="DRB677" s="613"/>
      <c r="DRC677" s="613"/>
      <c r="DRD677" s="613"/>
      <c r="DRE677" s="613"/>
      <c r="DRF677" s="613"/>
      <c r="DRG677" s="613"/>
      <c r="DRH677" s="613"/>
      <c r="DRI677" s="613"/>
      <c r="DRJ677" s="613"/>
      <c r="DRK677" s="613"/>
      <c r="DRL677" s="613"/>
      <c r="DRM677" s="613"/>
      <c r="DRN677" s="613"/>
      <c r="DRO677" s="613"/>
      <c r="DRP677" s="613"/>
      <c r="DRQ677" s="613"/>
      <c r="DRR677" s="613"/>
      <c r="DRS677" s="613"/>
      <c r="DRT677" s="613"/>
      <c r="DRU677" s="613"/>
      <c r="DRV677" s="613"/>
      <c r="DRW677" s="613"/>
      <c r="DRX677" s="613"/>
      <c r="DRY677" s="613"/>
      <c r="DRZ677" s="613"/>
      <c r="DSA677" s="613"/>
      <c r="DSB677" s="613"/>
      <c r="DSC677" s="613"/>
      <c r="DSD677" s="613"/>
      <c r="DSE677" s="613"/>
      <c r="DSF677" s="613"/>
      <c r="DSG677" s="613"/>
      <c r="DSH677" s="613"/>
      <c r="DSI677" s="613"/>
      <c r="DSJ677" s="613"/>
      <c r="DSK677" s="613"/>
      <c r="DSL677" s="613"/>
      <c r="DSM677" s="613"/>
      <c r="DSN677" s="613"/>
      <c r="DSO677" s="613"/>
      <c r="DSP677" s="613"/>
      <c r="DSQ677" s="613"/>
      <c r="DSR677" s="613"/>
      <c r="DSS677" s="613"/>
      <c r="DST677" s="613"/>
      <c r="DSU677" s="613"/>
      <c r="DSV677" s="613"/>
      <c r="DSW677" s="613"/>
      <c r="DSX677" s="613"/>
      <c r="DSY677" s="613"/>
      <c r="DSZ677" s="613"/>
      <c r="DTA677" s="613"/>
      <c r="DTB677" s="613"/>
      <c r="DTC677" s="613"/>
      <c r="DTD677" s="613"/>
      <c r="DTE677" s="613"/>
      <c r="DTF677" s="613"/>
      <c r="DTG677" s="613"/>
      <c r="DTH677" s="613"/>
      <c r="DTI677" s="613"/>
      <c r="DTJ677" s="613"/>
      <c r="DTK677" s="613"/>
      <c r="DTL677" s="613"/>
      <c r="DTM677" s="613"/>
      <c r="DTN677" s="613"/>
      <c r="DTO677" s="613"/>
      <c r="DTP677" s="613"/>
      <c r="DTQ677" s="613"/>
      <c r="DTR677" s="613"/>
      <c r="DTS677" s="613"/>
      <c r="DTT677" s="613"/>
      <c r="DTU677" s="613"/>
      <c r="DTV677" s="613"/>
      <c r="DTW677" s="613"/>
      <c r="DTX677" s="613"/>
      <c r="DTY677" s="613"/>
      <c r="DTZ677" s="613"/>
      <c r="DUA677" s="613"/>
      <c r="DUB677" s="613"/>
      <c r="DUC677" s="613"/>
      <c r="DUD677" s="613"/>
      <c r="DUE677" s="613"/>
      <c r="DUF677" s="613"/>
      <c r="DUG677" s="613"/>
      <c r="DUH677" s="613"/>
      <c r="DUI677" s="613"/>
      <c r="DUJ677" s="613"/>
      <c r="DUK677" s="613"/>
      <c r="DUL677" s="613"/>
      <c r="DUM677" s="613"/>
      <c r="DUN677" s="613"/>
      <c r="DUO677" s="613"/>
      <c r="DUP677" s="613"/>
      <c r="DUQ677" s="613"/>
      <c r="DUR677" s="613"/>
      <c r="DUS677" s="613"/>
      <c r="DUT677" s="613"/>
      <c r="DUU677" s="613"/>
      <c r="DUV677" s="613"/>
      <c r="DUW677" s="613"/>
      <c r="DUX677" s="613"/>
      <c r="DUY677" s="613"/>
      <c r="DUZ677" s="613"/>
      <c r="DVA677" s="613"/>
      <c r="DVB677" s="613"/>
      <c r="DVC677" s="613"/>
      <c r="DVD677" s="613"/>
      <c r="DVE677" s="613"/>
      <c r="DVF677" s="613"/>
      <c r="DVG677" s="613"/>
      <c r="DVH677" s="613"/>
      <c r="DVI677" s="613"/>
      <c r="DVJ677" s="613"/>
      <c r="DVK677" s="613"/>
      <c r="DVL677" s="613"/>
      <c r="DVM677" s="613"/>
      <c r="DVN677" s="613"/>
      <c r="DVO677" s="613"/>
      <c r="DVP677" s="613"/>
      <c r="DVQ677" s="613"/>
      <c r="DVR677" s="613"/>
      <c r="DVS677" s="613"/>
      <c r="DVT677" s="613"/>
      <c r="DVU677" s="613"/>
      <c r="DVV677" s="613"/>
      <c r="DVW677" s="613"/>
      <c r="DVX677" s="613"/>
      <c r="DVY677" s="613"/>
      <c r="DVZ677" s="613"/>
      <c r="DWA677" s="613"/>
      <c r="DWB677" s="613"/>
      <c r="DWC677" s="613"/>
      <c r="DWD677" s="613"/>
      <c r="DWE677" s="613"/>
      <c r="DWF677" s="613"/>
      <c r="DWG677" s="613"/>
      <c r="DWH677" s="613"/>
      <c r="DWI677" s="613"/>
      <c r="DWJ677" s="613"/>
      <c r="DWK677" s="613"/>
      <c r="DWL677" s="613"/>
      <c r="DWM677" s="613"/>
      <c r="DWN677" s="613"/>
      <c r="DWO677" s="613"/>
      <c r="DWP677" s="613"/>
      <c r="DWQ677" s="613"/>
      <c r="DWR677" s="613"/>
      <c r="DWS677" s="613"/>
      <c r="DWT677" s="613"/>
      <c r="DWU677" s="613"/>
      <c r="DWV677" s="613"/>
      <c r="DWW677" s="613"/>
      <c r="DWX677" s="613"/>
      <c r="DWY677" s="613"/>
      <c r="DWZ677" s="613"/>
      <c r="DXA677" s="613"/>
      <c r="DXB677" s="613"/>
      <c r="DXC677" s="613"/>
      <c r="DXD677" s="613"/>
      <c r="DXE677" s="613"/>
      <c r="DXF677" s="613"/>
      <c r="DXG677" s="613"/>
      <c r="DXH677" s="613"/>
      <c r="DXI677" s="613"/>
      <c r="DXJ677" s="613"/>
      <c r="DXK677" s="613"/>
      <c r="DXL677" s="613"/>
      <c r="DXM677" s="613"/>
      <c r="DXN677" s="613"/>
      <c r="DXO677" s="613"/>
      <c r="DXP677" s="613"/>
      <c r="DXQ677" s="613"/>
      <c r="DXR677" s="613"/>
      <c r="DXS677" s="613"/>
      <c r="DXT677" s="613"/>
      <c r="DXU677" s="613"/>
      <c r="DXV677" s="613"/>
      <c r="DXW677" s="613"/>
      <c r="DXX677" s="613"/>
      <c r="DXY677" s="613"/>
      <c r="DXZ677" s="613"/>
      <c r="DYA677" s="613"/>
      <c r="DYB677" s="613"/>
      <c r="DYC677" s="613"/>
      <c r="DYD677" s="613"/>
      <c r="DYE677" s="613"/>
      <c r="DYF677" s="613"/>
      <c r="DYG677" s="613"/>
      <c r="DYH677" s="613"/>
      <c r="DYI677" s="613"/>
      <c r="DYJ677" s="613"/>
      <c r="DYK677" s="613"/>
      <c r="DYL677" s="613"/>
      <c r="DYM677" s="613"/>
      <c r="DYN677" s="613"/>
      <c r="DYO677" s="613"/>
      <c r="DYP677" s="613"/>
      <c r="DYQ677" s="613"/>
      <c r="DYR677" s="613"/>
      <c r="DYS677" s="613"/>
      <c r="DYT677" s="613"/>
      <c r="DYU677" s="613"/>
      <c r="DYV677" s="613"/>
      <c r="DYW677" s="613"/>
      <c r="DYX677" s="613"/>
      <c r="DYY677" s="613"/>
      <c r="DYZ677" s="613"/>
      <c r="DZA677" s="613"/>
      <c r="DZB677" s="613"/>
      <c r="DZC677" s="613"/>
      <c r="DZD677" s="613"/>
      <c r="DZE677" s="613"/>
      <c r="DZF677" s="613"/>
      <c r="DZG677" s="613"/>
      <c r="DZH677" s="613"/>
      <c r="DZI677" s="613"/>
      <c r="DZJ677" s="613"/>
      <c r="DZK677" s="613"/>
      <c r="DZL677" s="613"/>
      <c r="DZM677" s="613"/>
      <c r="DZN677" s="613"/>
      <c r="DZO677" s="613"/>
      <c r="DZP677" s="613"/>
      <c r="DZQ677" s="613"/>
      <c r="DZR677" s="613"/>
      <c r="DZS677" s="613"/>
      <c r="DZT677" s="613"/>
      <c r="DZU677" s="613"/>
      <c r="DZV677" s="613"/>
      <c r="DZW677" s="613"/>
      <c r="DZX677" s="613"/>
      <c r="DZY677" s="613"/>
      <c r="DZZ677" s="613"/>
      <c r="EAA677" s="613"/>
      <c r="EAB677" s="613"/>
      <c r="EAC677" s="613"/>
      <c r="EAD677" s="613"/>
      <c r="EAE677" s="613"/>
      <c r="EAF677" s="613"/>
      <c r="EAG677" s="613"/>
      <c r="EAH677" s="613"/>
      <c r="EAI677" s="613"/>
      <c r="EAJ677" s="613"/>
      <c r="EAK677" s="613"/>
      <c r="EAL677" s="613"/>
      <c r="EAM677" s="613"/>
      <c r="EAN677" s="613"/>
      <c r="EAO677" s="613"/>
      <c r="EAP677" s="613"/>
      <c r="EAQ677" s="613"/>
      <c r="EAR677" s="613"/>
      <c r="EAS677" s="613"/>
      <c r="EAT677" s="613"/>
      <c r="EAU677" s="613"/>
      <c r="EAV677" s="613"/>
      <c r="EAW677" s="613"/>
      <c r="EAX677" s="613"/>
      <c r="EAY677" s="613"/>
      <c r="EAZ677" s="613"/>
      <c r="EBA677" s="613"/>
      <c r="EBB677" s="613"/>
      <c r="EBC677" s="613"/>
      <c r="EBD677" s="613"/>
      <c r="EBE677" s="613"/>
      <c r="EBF677" s="613"/>
      <c r="EBG677" s="613"/>
      <c r="EBH677" s="613"/>
      <c r="EBI677" s="613"/>
      <c r="EBJ677" s="613"/>
      <c r="EBK677" s="613"/>
      <c r="EBL677" s="613"/>
      <c r="EBM677" s="613"/>
      <c r="EBN677" s="613"/>
      <c r="EBO677" s="613"/>
      <c r="EBP677" s="613"/>
      <c r="EBQ677" s="613"/>
      <c r="EBR677" s="613"/>
      <c r="EBS677" s="613"/>
      <c r="EBT677" s="613"/>
      <c r="EBU677" s="613"/>
      <c r="EBV677" s="613"/>
      <c r="EBW677" s="613"/>
      <c r="EBX677" s="613"/>
      <c r="EBY677" s="613"/>
      <c r="EBZ677" s="613"/>
      <c r="ECA677" s="613"/>
      <c r="ECB677" s="613"/>
      <c r="ECC677" s="613"/>
      <c r="ECD677" s="613"/>
      <c r="ECE677" s="613"/>
      <c r="ECF677" s="613"/>
      <c r="ECG677" s="613"/>
      <c r="ECH677" s="613"/>
      <c r="ECI677" s="613"/>
      <c r="ECJ677" s="613"/>
      <c r="ECK677" s="613"/>
      <c r="ECL677" s="613"/>
      <c r="ECM677" s="613"/>
      <c r="ECN677" s="613"/>
      <c r="ECO677" s="613"/>
      <c r="ECP677" s="613"/>
      <c r="ECQ677" s="613"/>
      <c r="ECR677" s="613"/>
      <c r="ECS677" s="613"/>
      <c r="ECT677" s="613"/>
      <c r="ECU677" s="613"/>
      <c r="ECV677" s="613"/>
      <c r="ECW677" s="613"/>
      <c r="ECX677" s="613"/>
      <c r="ECY677" s="613"/>
      <c r="ECZ677" s="613"/>
      <c r="EDA677" s="613"/>
      <c r="EDB677" s="613"/>
      <c r="EDC677" s="613"/>
      <c r="EDD677" s="613"/>
      <c r="EDE677" s="613"/>
      <c r="EDF677" s="613"/>
      <c r="EDG677" s="613"/>
      <c r="EDH677" s="613"/>
      <c r="EDI677" s="613"/>
      <c r="EDJ677" s="613"/>
      <c r="EDK677" s="613"/>
      <c r="EDL677" s="613"/>
      <c r="EDM677" s="613"/>
      <c r="EDN677" s="613"/>
      <c r="EDO677" s="613"/>
      <c r="EDP677" s="613"/>
      <c r="EDQ677" s="613"/>
      <c r="EDR677" s="613"/>
      <c r="EDS677" s="613"/>
      <c r="EDT677" s="613"/>
      <c r="EDU677" s="613"/>
      <c r="EDV677" s="613"/>
      <c r="EDW677" s="613"/>
      <c r="EDX677" s="613"/>
      <c r="EDY677" s="613"/>
      <c r="EDZ677" s="613"/>
      <c r="EEA677" s="613"/>
      <c r="EEB677" s="613"/>
      <c r="EEC677" s="613"/>
      <c r="EED677" s="613"/>
      <c r="EEE677" s="613"/>
      <c r="EEF677" s="613"/>
      <c r="EEG677" s="613"/>
      <c r="EEH677" s="613"/>
      <c r="EEI677" s="613"/>
      <c r="EEJ677" s="613"/>
      <c r="EEK677" s="613"/>
      <c r="EEL677" s="613"/>
      <c r="EEM677" s="613"/>
      <c r="EEN677" s="613"/>
      <c r="EEO677" s="613"/>
      <c r="EEP677" s="613"/>
      <c r="EEQ677" s="613"/>
      <c r="EER677" s="613"/>
      <c r="EES677" s="613"/>
      <c r="EET677" s="613"/>
      <c r="EEU677" s="613"/>
      <c r="EEV677" s="613"/>
      <c r="EEW677" s="613"/>
      <c r="EEX677" s="613"/>
      <c r="EEY677" s="613"/>
      <c r="EEZ677" s="613"/>
      <c r="EFA677" s="613"/>
      <c r="EFB677" s="613"/>
      <c r="EFC677" s="613"/>
      <c r="EFD677" s="613"/>
      <c r="EFE677" s="613"/>
      <c r="EFF677" s="613"/>
      <c r="EFG677" s="613"/>
      <c r="EFH677" s="613"/>
      <c r="EFI677" s="613"/>
      <c r="EFJ677" s="613"/>
      <c r="EFK677" s="613"/>
      <c r="EFL677" s="613"/>
      <c r="EFM677" s="613"/>
      <c r="EFN677" s="613"/>
      <c r="EFO677" s="613"/>
      <c r="EFP677" s="613"/>
      <c r="EFQ677" s="613"/>
      <c r="EFR677" s="613"/>
      <c r="EFS677" s="613"/>
      <c r="EFT677" s="613"/>
      <c r="EFU677" s="613"/>
      <c r="EFV677" s="613"/>
      <c r="EFW677" s="613"/>
      <c r="EFX677" s="613"/>
      <c r="EFY677" s="613"/>
      <c r="EFZ677" s="613"/>
      <c r="EGA677" s="613"/>
      <c r="EGB677" s="613"/>
      <c r="EGC677" s="613"/>
      <c r="EGD677" s="613"/>
      <c r="EGE677" s="613"/>
      <c r="EGF677" s="613"/>
      <c r="EGG677" s="613"/>
      <c r="EGH677" s="613"/>
      <c r="EGI677" s="613"/>
      <c r="EGJ677" s="613"/>
      <c r="EGK677" s="613"/>
      <c r="EGL677" s="613"/>
      <c r="EGM677" s="613"/>
      <c r="EGN677" s="613"/>
      <c r="EGO677" s="613"/>
      <c r="EGP677" s="613"/>
      <c r="EGQ677" s="613"/>
      <c r="EGR677" s="613"/>
      <c r="EGS677" s="613"/>
      <c r="EGT677" s="613"/>
      <c r="EGU677" s="613"/>
      <c r="EGV677" s="613"/>
      <c r="EGW677" s="613"/>
      <c r="EGX677" s="613"/>
      <c r="EGY677" s="613"/>
      <c r="EGZ677" s="613"/>
      <c r="EHA677" s="613"/>
      <c r="EHB677" s="613"/>
      <c r="EHC677" s="613"/>
      <c r="EHD677" s="613"/>
      <c r="EHE677" s="613"/>
      <c r="EHF677" s="613"/>
      <c r="EHG677" s="613"/>
      <c r="EHH677" s="613"/>
      <c r="EHI677" s="613"/>
      <c r="EHJ677" s="613"/>
      <c r="EHK677" s="613"/>
      <c r="EHL677" s="613"/>
      <c r="EHM677" s="613"/>
      <c r="EHN677" s="613"/>
      <c r="EHO677" s="613"/>
      <c r="EHP677" s="613"/>
      <c r="EHQ677" s="613"/>
      <c r="EHR677" s="613"/>
      <c r="EHS677" s="613"/>
      <c r="EHT677" s="613"/>
      <c r="EHU677" s="613"/>
      <c r="EHV677" s="613"/>
      <c r="EHW677" s="613"/>
      <c r="EHX677" s="613"/>
      <c r="EHY677" s="613"/>
      <c r="EHZ677" s="613"/>
      <c r="EIA677" s="613"/>
      <c r="EIB677" s="613"/>
      <c r="EIC677" s="613"/>
      <c r="EID677" s="613"/>
      <c r="EIE677" s="613"/>
      <c r="EIF677" s="613"/>
      <c r="EIG677" s="613"/>
      <c r="EIH677" s="613"/>
      <c r="EII677" s="613"/>
      <c r="EIJ677" s="613"/>
      <c r="EIK677" s="613"/>
      <c r="EIL677" s="613"/>
      <c r="EIM677" s="613"/>
      <c r="EIN677" s="613"/>
      <c r="EIO677" s="613"/>
      <c r="EIP677" s="613"/>
      <c r="EIQ677" s="613"/>
      <c r="EIR677" s="613"/>
      <c r="EIS677" s="613"/>
      <c r="EIT677" s="613"/>
      <c r="EIU677" s="613"/>
      <c r="EIV677" s="613"/>
      <c r="EIW677" s="613"/>
      <c r="EIX677" s="613"/>
      <c r="EIY677" s="613"/>
      <c r="EIZ677" s="613"/>
      <c r="EJA677" s="613"/>
      <c r="EJB677" s="613"/>
      <c r="EJC677" s="613"/>
      <c r="EJD677" s="613"/>
      <c r="EJE677" s="613"/>
      <c r="EJF677" s="613"/>
      <c r="EJG677" s="613"/>
      <c r="EJH677" s="613"/>
      <c r="EJI677" s="613"/>
      <c r="EJJ677" s="613"/>
      <c r="EJK677" s="613"/>
      <c r="EJL677" s="613"/>
      <c r="EJM677" s="613"/>
      <c r="EJN677" s="613"/>
      <c r="EJO677" s="613"/>
      <c r="EJP677" s="613"/>
      <c r="EJQ677" s="613"/>
      <c r="EJR677" s="613"/>
      <c r="EJS677" s="613"/>
      <c r="EJT677" s="613"/>
      <c r="EJU677" s="613"/>
      <c r="EJV677" s="613"/>
      <c r="EJW677" s="613"/>
      <c r="EJX677" s="613"/>
      <c r="EJY677" s="613"/>
      <c r="EJZ677" s="613"/>
      <c r="EKA677" s="613"/>
      <c r="EKB677" s="613"/>
      <c r="EKC677" s="613"/>
      <c r="EKD677" s="613"/>
      <c r="EKE677" s="613"/>
      <c r="EKF677" s="613"/>
      <c r="EKG677" s="613"/>
      <c r="EKH677" s="613"/>
      <c r="EKI677" s="613"/>
      <c r="EKJ677" s="613"/>
      <c r="EKK677" s="613"/>
      <c r="EKL677" s="613"/>
      <c r="EKM677" s="613"/>
      <c r="EKN677" s="613"/>
      <c r="EKO677" s="613"/>
      <c r="EKP677" s="613"/>
      <c r="EKQ677" s="613"/>
      <c r="EKR677" s="613"/>
      <c r="EKS677" s="613"/>
      <c r="EKT677" s="613"/>
      <c r="EKU677" s="613"/>
      <c r="EKV677" s="613"/>
      <c r="EKW677" s="613"/>
      <c r="EKX677" s="613"/>
      <c r="EKY677" s="613"/>
      <c r="EKZ677" s="613"/>
      <c r="ELA677" s="613"/>
      <c r="ELB677" s="613"/>
      <c r="ELC677" s="613"/>
      <c r="ELD677" s="613"/>
      <c r="ELE677" s="613"/>
      <c r="ELF677" s="613"/>
      <c r="ELG677" s="613"/>
      <c r="ELH677" s="613"/>
      <c r="ELI677" s="613"/>
      <c r="ELJ677" s="613"/>
      <c r="ELK677" s="613"/>
      <c r="ELL677" s="613"/>
      <c r="ELM677" s="613"/>
      <c r="ELN677" s="613"/>
      <c r="ELO677" s="613"/>
      <c r="ELP677" s="613"/>
      <c r="ELQ677" s="613"/>
      <c r="ELR677" s="613"/>
      <c r="ELS677" s="613"/>
      <c r="ELT677" s="613"/>
      <c r="ELU677" s="613"/>
      <c r="ELV677" s="613"/>
      <c r="ELW677" s="613"/>
      <c r="ELX677" s="613"/>
      <c r="ELY677" s="613"/>
      <c r="ELZ677" s="613"/>
      <c r="EMA677" s="613"/>
      <c r="EMB677" s="613"/>
      <c r="EMC677" s="613"/>
      <c r="EMD677" s="613"/>
      <c r="EME677" s="613"/>
      <c r="EMF677" s="613"/>
      <c r="EMG677" s="613"/>
      <c r="EMH677" s="613"/>
      <c r="EMI677" s="613"/>
      <c r="EMJ677" s="613"/>
      <c r="EMK677" s="613"/>
      <c r="EML677" s="613"/>
      <c r="EMM677" s="613"/>
      <c r="EMN677" s="613"/>
      <c r="EMO677" s="613"/>
      <c r="EMP677" s="613"/>
      <c r="EMQ677" s="613"/>
      <c r="EMR677" s="613"/>
      <c r="EMS677" s="613"/>
      <c r="EMT677" s="613"/>
      <c r="EMU677" s="613"/>
      <c r="EMV677" s="613"/>
      <c r="EMW677" s="613"/>
      <c r="EMX677" s="613"/>
      <c r="EMY677" s="613"/>
      <c r="EMZ677" s="613"/>
      <c r="ENA677" s="613"/>
      <c r="ENB677" s="613"/>
      <c r="ENC677" s="613"/>
      <c r="END677" s="613"/>
      <c r="ENE677" s="613"/>
      <c r="ENF677" s="613"/>
      <c r="ENG677" s="613"/>
      <c r="ENH677" s="613"/>
      <c r="ENI677" s="613"/>
      <c r="ENJ677" s="613"/>
      <c r="ENK677" s="613"/>
      <c r="ENL677" s="613"/>
      <c r="ENM677" s="613"/>
      <c r="ENN677" s="613"/>
      <c r="ENO677" s="613"/>
      <c r="ENP677" s="613"/>
      <c r="ENQ677" s="613"/>
      <c r="ENR677" s="613"/>
      <c r="ENS677" s="613"/>
      <c r="ENT677" s="613"/>
      <c r="ENU677" s="613"/>
      <c r="ENV677" s="613"/>
      <c r="ENW677" s="613"/>
      <c r="ENX677" s="613"/>
      <c r="ENY677" s="613"/>
      <c r="ENZ677" s="613"/>
      <c r="EOA677" s="613"/>
      <c r="EOB677" s="613"/>
      <c r="EOC677" s="613"/>
      <c r="EOD677" s="613"/>
      <c r="EOE677" s="613"/>
      <c r="EOF677" s="613"/>
      <c r="EOG677" s="613"/>
      <c r="EOH677" s="613"/>
      <c r="EOI677" s="613"/>
      <c r="EOJ677" s="613"/>
      <c r="EOK677" s="613"/>
      <c r="EOL677" s="613"/>
      <c r="EOM677" s="613"/>
      <c r="EON677" s="613"/>
      <c r="EOO677" s="613"/>
      <c r="EOP677" s="613"/>
      <c r="EOQ677" s="613"/>
      <c r="EOR677" s="613"/>
      <c r="EOS677" s="613"/>
      <c r="EOT677" s="613"/>
      <c r="EOU677" s="613"/>
      <c r="EOV677" s="613"/>
      <c r="EOW677" s="613"/>
      <c r="EOX677" s="613"/>
      <c r="EOY677" s="613"/>
      <c r="EOZ677" s="613"/>
      <c r="EPA677" s="613"/>
      <c r="EPB677" s="613"/>
      <c r="EPC677" s="613"/>
      <c r="EPD677" s="613"/>
      <c r="EPE677" s="613"/>
      <c r="EPF677" s="613"/>
      <c r="EPG677" s="613"/>
      <c r="EPH677" s="613"/>
      <c r="EPI677" s="613"/>
      <c r="EPJ677" s="613"/>
      <c r="EPK677" s="613"/>
      <c r="EPL677" s="613"/>
      <c r="EPM677" s="613"/>
      <c r="EPN677" s="613"/>
      <c r="EPO677" s="613"/>
      <c r="EPP677" s="613"/>
      <c r="EPQ677" s="613"/>
      <c r="EPR677" s="613"/>
      <c r="EPS677" s="613"/>
      <c r="EPT677" s="613"/>
      <c r="EPU677" s="613"/>
      <c r="EPV677" s="613"/>
      <c r="EPW677" s="613"/>
      <c r="EPX677" s="613"/>
      <c r="EPY677" s="613"/>
      <c r="EPZ677" s="613"/>
      <c r="EQA677" s="613"/>
      <c r="EQB677" s="613"/>
      <c r="EQC677" s="613"/>
      <c r="EQD677" s="613"/>
      <c r="EQE677" s="613"/>
      <c r="EQF677" s="613"/>
      <c r="EQG677" s="613"/>
      <c r="EQH677" s="613"/>
      <c r="EQI677" s="613"/>
      <c r="EQJ677" s="613"/>
      <c r="EQK677" s="613"/>
      <c r="EQL677" s="613"/>
      <c r="EQM677" s="613"/>
      <c r="EQN677" s="613"/>
      <c r="EQO677" s="613"/>
      <c r="EQP677" s="613"/>
      <c r="EQQ677" s="613"/>
      <c r="EQR677" s="613"/>
      <c r="EQS677" s="613"/>
      <c r="EQT677" s="613"/>
      <c r="EQU677" s="613"/>
      <c r="EQV677" s="613"/>
      <c r="EQW677" s="613"/>
      <c r="EQX677" s="613"/>
      <c r="EQY677" s="613"/>
      <c r="EQZ677" s="613"/>
      <c r="ERA677" s="613"/>
      <c r="ERB677" s="613"/>
      <c r="ERC677" s="613"/>
      <c r="ERD677" s="613"/>
      <c r="ERE677" s="613"/>
      <c r="ERF677" s="613"/>
      <c r="ERG677" s="613"/>
      <c r="ERH677" s="613"/>
      <c r="ERI677" s="613"/>
      <c r="ERJ677" s="613"/>
      <c r="ERK677" s="613"/>
      <c r="ERL677" s="613"/>
      <c r="ERM677" s="613"/>
      <c r="ERN677" s="613"/>
      <c r="ERO677" s="613"/>
      <c r="ERP677" s="613"/>
      <c r="ERQ677" s="613"/>
      <c r="ERR677" s="613"/>
      <c r="ERS677" s="613"/>
      <c r="ERT677" s="613"/>
      <c r="ERU677" s="613"/>
      <c r="ERV677" s="613"/>
      <c r="ERW677" s="613"/>
      <c r="ERX677" s="613"/>
      <c r="ERY677" s="613"/>
      <c r="ERZ677" s="613"/>
      <c r="ESA677" s="613"/>
      <c r="ESB677" s="613"/>
      <c r="ESC677" s="613"/>
      <c r="ESD677" s="613"/>
      <c r="ESE677" s="613"/>
      <c r="ESF677" s="613"/>
      <c r="ESG677" s="613"/>
      <c r="ESH677" s="613"/>
      <c r="ESI677" s="613"/>
      <c r="ESJ677" s="613"/>
      <c r="ESK677" s="613"/>
      <c r="ESL677" s="613"/>
      <c r="ESM677" s="613"/>
      <c r="ESN677" s="613"/>
      <c r="ESO677" s="613"/>
      <c r="ESP677" s="613"/>
      <c r="ESQ677" s="613"/>
      <c r="ESR677" s="613"/>
      <c r="ESS677" s="613"/>
      <c r="EST677" s="613"/>
      <c r="ESU677" s="613"/>
      <c r="ESV677" s="613"/>
      <c r="ESW677" s="613"/>
      <c r="ESX677" s="613"/>
      <c r="ESY677" s="613"/>
      <c r="ESZ677" s="613"/>
      <c r="ETA677" s="613"/>
      <c r="ETB677" s="613"/>
      <c r="ETC677" s="613"/>
      <c r="ETD677" s="613"/>
      <c r="ETE677" s="613"/>
      <c r="ETF677" s="613"/>
      <c r="ETG677" s="613"/>
      <c r="ETH677" s="613"/>
      <c r="ETI677" s="613"/>
      <c r="ETJ677" s="613"/>
      <c r="ETK677" s="613"/>
      <c r="ETL677" s="613"/>
      <c r="ETM677" s="613"/>
      <c r="ETN677" s="613"/>
      <c r="ETO677" s="613"/>
      <c r="ETP677" s="613"/>
      <c r="ETQ677" s="613"/>
      <c r="ETR677" s="613"/>
      <c r="ETS677" s="613"/>
      <c r="ETT677" s="613"/>
      <c r="ETU677" s="613"/>
      <c r="ETV677" s="613"/>
      <c r="ETW677" s="613"/>
      <c r="ETX677" s="613"/>
      <c r="ETY677" s="613"/>
      <c r="ETZ677" s="613"/>
      <c r="EUA677" s="613"/>
      <c r="EUB677" s="613"/>
      <c r="EUC677" s="613"/>
      <c r="EUD677" s="613"/>
      <c r="EUE677" s="613"/>
      <c r="EUF677" s="613"/>
      <c r="EUG677" s="613"/>
      <c r="EUH677" s="613"/>
      <c r="EUI677" s="613"/>
      <c r="EUJ677" s="613"/>
      <c r="EUK677" s="613"/>
      <c r="EUL677" s="613"/>
      <c r="EUM677" s="613"/>
      <c r="EUN677" s="613"/>
      <c r="EUO677" s="613"/>
      <c r="EUP677" s="613"/>
      <c r="EUQ677" s="613"/>
      <c r="EUR677" s="613"/>
      <c r="EUS677" s="613"/>
      <c r="EUT677" s="613"/>
      <c r="EUU677" s="613"/>
      <c r="EUV677" s="613"/>
      <c r="EUW677" s="613"/>
      <c r="EUX677" s="613"/>
      <c r="EUY677" s="613"/>
      <c r="EUZ677" s="613"/>
      <c r="EVA677" s="613"/>
      <c r="EVB677" s="613"/>
      <c r="EVC677" s="613"/>
      <c r="EVD677" s="613"/>
      <c r="EVE677" s="613"/>
      <c r="EVF677" s="613"/>
      <c r="EVG677" s="613"/>
      <c r="EVH677" s="613"/>
      <c r="EVI677" s="613"/>
      <c r="EVJ677" s="613"/>
      <c r="EVK677" s="613"/>
      <c r="EVL677" s="613"/>
      <c r="EVM677" s="613"/>
      <c r="EVN677" s="613"/>
      <c r="EVO677" s="613"/>
      <c r="EVP677" s="613"/>
      <c r="EVQ677" s="613"/>
      <c r="EVR677" s="613"/>
      <c r="EVS677" s="613"/>
      <c r="EVT677" s="613"/>
      <c r="EVU677" s="613"/>
      <c r="EVV677" s="613"/>
      <c r="EVW677" s="613"/>
      <c r="EVX677" s="613"/>
      <c r="EVY677" s="613"/>
      <c r="EVZ677" s="613"/>
      <c r="EWA677" s="613"/>
      <c r="EWB677" s="613"/>
      <c r="EWC677" s="613"/>
      <c r="EWD677" s="613"/>
      <c r="EWE677" s="613"/>
      <c r="EWF677" s="613"/>
      <c r="EWG677" s="613"/>
      <c r="EWH677" s="613"/>
      <c r="EWI677" s="613"/>
      <c r="EWJ677" s="613"/>
      <c r="EWK677" s="613"/>
      <c r="EWL677" s="613"/>
      <c r="EWM677" s="613"/>
      <c r="EWN677" s="613"/>
      <c r="EWO677" s="613"/>
      <c r="EWP677" s="613"/>
      <c r="EWQ677" s="613"/>
      <c r="EWR677" s="613"/>
      <c r="EWS677" s="613"/>
      <c r="EWT677" s="613"/>
      <c r="EWU677" s="613"/>
      <c r="EWV677" s="613"/>
      <c r="EWW677" s="613"/>
      <c r="EWX677" s="613"/>
      <c r="EWY677" s="613"/>
      <c r="EWZ677" s="613"/>
      <c r="EXA677" s="613"/>
      <c r="EXB677" s="613"/>
      <c r="EXC677" s="613"/>
      <c r="EXD677" s="613"/>
      <c r="EXE677" s="613"/>
      <c r="EXF677" s="613"/>
      <c r="EXG677" s="613"/>
      <c r="EXH677" s="613"/>
      <c r="EXI677" s="613"/>
      <c r="EXJ677" s="613"/>
      <c r="EXK677" s="613"/>
      <c r="EXL677" s="613"/>
      <c r="EXM677" s="613"/>
      <c r="EXN677" s="613"/>
      <c r="EXO677" s="613"/>
      <c r="EXP677" s="613"/>
      <c r="EXQ677" s="613"/>
      <c r="EXR677" s="613"/>
      <c r="EXS677" s="613"/>
      <c r="EXT677" s="613"/>
      <c r="EXU677" s="613"/>
      <c r="EXV677" s="613"/>
      <c r="EXW677" s="613"/>
      <c r="EXX677" s="613"/>
      <c r="EXY677" s="613"/>
      <c r="EXZ677" s="613"/>
      <c r="EYA677" s="613"/>
      <c r="EYB677" s="613"/>
      <c r="EYC677" s="613"/>
      <c r="EYD677" s="613"/>
      <c r="EYE677" s="613"/>
      <c r="EYF677" s="613"/>
      <c r="EYG677" s="613"/>
      <c r="EYH677" s="613"/>
      <c r="EYI677" s="613"/>
      <c r="EYJ677" s="613"/>
      <c r="EYK677" s="613"/>
      <c r="EYL677" s="613"/>
      <c r="EYM677" s="613"/>
      <c r="EYN677" s="613"/>
      <c r="EYO677" s="613"/>
      <c r="EYP677" s="613"/>
      <c r="EYQ677" s="613"/>
      <c r="EYR677" s="613"/>
      <c r="EYS677" s="613"/>
      <c r="EYT677" s="613"/>
      <c r="EYU677" s="613"/>
      <c r="EYV677" s="613"/>
      <c r="EYW677" s="613"/>
      <c r="EYX677" s="613"/>
      <c r="EYY677" s="613"/>
      <c r="EYZ677" s="613"/>
      <c r="EZA677" s="613"/>
      <c r="EZB677" s="613"/>
      <c r="EZC677" s="613"/>
      <c r="EZD677" s="613"/>
      <c r="EZE677" s="613"/>
      <c r="EZF677" s="613"/>
      <c r="EZG677" s="613"/>
      <c r="EZH677" s="613"/>
      <c r="EZI677" s="613"/>
      <c r="EZJ677" s="613"/>
      <c r="EZK677" s="613"/>
      <c r="EZL677" s="613"/>
      <c r="EZM677" s="613"/>
      <c r="EZN677" s="613"/>
      <c r="EZO677" s="613"/>
      <c r="EZP677" s="613"/>
      <c r="EZQ677" s="613"/>
      <c r="EZR677" s="613"/>
      <c r="EZS677" s="613"/>
      <c r="EZT677" s="613"/>
      <c r="EZU677" s="613"/>
      <c r="EZV677" s="613"/>
      <c r="EZW677" s="613"/>
      <c r="EZX677" s="613"/>
      <c r="EZY677" s="613"/>
      <c r="EZZ677" s="613"/>
      <c r="FAA677" s="613"/>
      <c r="FAB677" s="613"/>
      <c r="FAC677" s="613"/>
      <c r="FAD677" s="613"/>
      <c r="FAE677" s="613"/>
      <c r="FAF677" s="613"/>
      <c r="FAG677" s="613"/>
      <c r="FAH677" s="613"/>
      <c r="FAI677" s="613"/>
      <c r="FAJ677" s="613"/>
      <c r="FAK677" s="613"/>
      <c r="FAL677" s="613"/>
      <c r="FAM677" s="613"/>
      <c r="FAN677" s="613"/>
      <c r="FAO677" s="613"/>
      <c r="FAP677" s="613"/>
      <c r="FAQ677" s="613"/>
      <c r="FAR677" s="613"/>
      <c r="FAS677" s="613"/>
      <c r="FAT677" s="613"/>
      <c r="FAU677" s="613"/>
      <c r="FAV677" s="613"/>
      <c r="FAW677" s="613"/>
      <c r="FAX677" s="613"/>
      <c r="FAY677" s="613"/>
      <c r="FAZ677" s="613"/>
      <c r="FBA677" s="613"/>
      <c r="FBB677" s="613"/>
      <c r="FBC677" s="613"/>
      <c r="FBD677" s="613"/>
      <c r="FBE677" s="613"/>
      <c r="FBF677" s="613"/>
      <c r="FBG677" s="613"/>
      <c r="FBH677" s="613"/>
      <c r="FBI677" s="613"/>
      <c r="FBJ677" s="613"/>
      <c r="FBK677" s="613"/>
      <c r="FBL677" s="613"/>
      <c r="FBM677" s="613"/>
      <c r="FBN677" s="613"/>
      <c r="FBO677" s="613"/>
      <c r="FBP677" s="613"/>
      <c r="FBQ677" s="613"/>
      <c r="FBR677" s="613"/>
      <c r="FBS677" s="613"/>
      <c r="FBT677" s="613"/>
      <c r="FBU677" s="613"/>
      <c r="FBV677" s="613"/>
      <c r="FBW677" s="613"/>
      <c r="FBX677" s="613"/>
      <c r="FBY677" s="613"/>
      <c r="FBZ677" s="613"/>
      <c r="FCA677" s="613"/>
      <c r="FCB677" s="613"/>
      <c r="FCC677" s="613"/>
      <c r="FCD677" s="613"/>
      <c r="FCE677" s="613"/>
      <c r="FCF677" s="613"/>
      <c r="FCG677" s="613"/>
      <c r="FCH677" s="613"/>
      <c r="FCI677" s="613"/>
      <c r="FCJ677" s="613"/>
      <c r="FCK677" s="613"/>
      <c r="FCL677" s="613"/>
      <c r="FCM677" s="613"/>
      <c r="FCN677" s="613"/>
      <c r="FCO677" s="613"/>
      <c r="FCP677" s="613"/>
      <c r="FCQ677" s="613"/>
      <c r="FCR677" s="613"/>
      <c r="FCS677" s="613"/>
      <c r="FCT677" s="613"/>
      <c r="FCU677" s="613"/>
      <c r="FCV677" s="613"/>
      <c r="FCW677" s="613"/>
      <c r="FCX677" s="613"/>
      <c r="FCY677" s="613"/>
      <c r="FCZ677" s="613"/>
      <c r="FDA677" s="613"/>
      <c r="FDB677" s="613"/>
      <c r="FDC677" s="613"/>
      <c r="FDD677" s="613"/>
      <c r="FDE677" s="613"/>
      <c r="FDF677" s="613"/>
      <c r="FDG677" s="613"/>
      <c r="FDH677" s="613"/>
      <c r="FDI677" s="613"/>
      <c r="FDJ677" s="613"/>
      <c r="FDK677" s="613"/>
      <c r="FDL677" s="613"/>
      <c r="FDM677" s="613"/>
      <c r="FDN677" s="613"/>
      <c r="FDO677" s="613"/>
      <c r="FDP677" s="613"/>
      <c r="FDQ677" s="613"/>
      <c r="FDR677" s="613"/>
      <c r="FDS677" s="613"/>
      <c r="FDT677" s="613"/>
      <c r="FDU677" s="613"/>
      <c r="FDV677" s="613"/>
      <c r="FDW677" s="613"/>
      <c r="FDX677" s="613"/>
      <c r="FDY677" s="613"/>
      <c r="FDZ677" s="613"/>
      <c r="FEA677" s="613"/>
      <c r="FEB677" s="613"/>
      <c r="FEC677" s="613"/>
      <c r="FED677" s="613"/>
      <c r="FEE677" s="613"/>
      <c r="FEF677" s="613"/>
      <c r="FEG677" s="613"/>
      <c r="FEH677" s="613"/>
      <c r="FEI677" s="613"/>
      <c r="FEJ677" s="613"/>
      <c r="FEK677" s="613"/>
      <c r="FEL677" s="613"/>
      <c r="FEM677" s="613"/>
      <c r="FEN677" s="613"/>
      <c r="FEO677" s="613"/>
      <c r="FEP677" s="613"/>
      <c r="FEQ677" s="613"/>
      <c r="FER677" s="613"/>
      <c r="FES677" s="613"/>
      <c r="FET677" s="613"/>
      <c r="FEU677" s="613"/>
      <c r="FEV677" s="613"/>
      <c r="FEW677" s="613"/>
      <c r="FEX677" s="613"/>
      <c r="FEY677" s="613"/>
      <c r="FEZ677" s="613"/>
      <c r="FFA677" s="613"/>
      <c r="FFB677" s="613"/>
      <c r="FFC677" s="613"/>
      <c r="FFD677" s="613"/>
      <c r="FFE677" s="613"/>
      <c r="FFF677" s="613"/>
      <c r="FFG677" s="613"/>
      <c r="FFH677" s="613"/>
      <c r="FFI677" s="613"/>
      <c r="FFJ677" s="613"/>
      <c r="FFK677" s="613"/>
      <c r="FFL677" s="613"/>
      <c r="FFM677" s="613"/>
      <c r="FFN677" s="613"/>
      <c r="FFO677" s="613"/>
      <c r="FFP677" s="613"/>
      <c r="FFQ677" s="613"/>
      <c r="FFR677" s="613"/>
      <c r="FFS677" s="613"/>
      <c r="FFT677" s="613"/>
      <c r="FFU677" s="613"/>
      <c r="FFV677" s="613"/>
      <c r="FFW677" s="613"/>
      <c r="FFX677" s="613"/>
      <c r="FFY677" s="613"/>
      <c r="FFZ677" s="613"/>
      <c r="FGA677" s="613"/>
      <c r="FGB677" s="613"/>
      <c r="FGC677" s="613"/>
      <c r="FGD677" s="613"/>
      <c r="FGE677" s="613"/>
      <c r="FGF677" s="613"/>
      <c r="FGG677" s="613"/>
      <c r="FGH677" s="613"/>
      <c r="FGI677" s="613"/>
      <c r="FGJ677" s="613"/>
      <c r="FGK677" s="613"/>
      <c r="FGL677" s="613"/>
      <c r="FGM677" s="613"/>
      <c r="FGN677" s="613"/>
      <c r="FGO677" s="613"/>
      <c r="FGP677" s="613"/>
      <c r="FGQ677" s="613"/>
      <c r="FGR677" s="613"/>
      <c r="FGS677" s="613"/>
      <c r="FGT677" s="613"/>
      <c r="FGU677" s="613"/>
      <c r="FGV677" s="613"/>
      <c r="FGW677" s="613"/>
      <c r="FGX677" s="613"/>
      <c r="FGY677" s="613"/>
      <c r="FGZ677" s="613"/>
      <c r="FHA677" s="613"/>
      <c r="FHB677" s="613"/>
      <c r="FHC677" s="613"/>
      <c r="FHD677" s="613"/>
      <c r="FHE677" s="613"/>
      <c r="FHF677" s="613"/>
      <c r="FHG677" s="613"/>
      <c r="FHH677" s="613"/>
      <c r="FHI677" s="613"/>
      <c r="FHJ677" s="613"/>
      <c r="FHK677" s="613"/>
      <c r="FHL677" s="613"/>
      <c r="FHM677" s="613"/>
      <c r="FHN677" s="613"/>
      <c r="FHO677" s="613"/>
      <c r="FHP677" s="613"/>
      <c r="FHQ677" s="613"/>
      <c r="FHR677" s="613"/>
      <c r="FHS677" s="613"/>
      <c r="FHT677" s="613"/>
      <c r="FHU677" s="613"/>
      <c r="FHV677" s="613"/>
      <c r="FHW677" s="613"/>
      <c r="FHX677" s="613"/>
      <c r="FHY677" s="613"/>
      <c r="FHZ677" s="613"/>
      <c r="FIA677" s="613"/>
      <c r="FIB677" s="613"/>
      <c r="FIC677" s="613"/>
      <c r="FID677" s="613"/>
      <c r="FIE677" s="613"/>
      <c r="FIF677" s="613"/>
      <c r="FIG677" s="613"/>
      <c r="FIH677" s="613"/>
      <c r="FII677" s="613"/>
      <c r="FIJ677" s="613"/>
      <c r="FIK677" s="613"/>
      <c r="FIL677" s="613"/>
      <c r="FIM677" s="613"/>
      <c r="FIN677" s="613"/>
      <c r="FIO677" s="613"/>
      <c r="FIP677" s="613"/>
      <c r="FIQ677" s="613"/>
      <c r="FIR677" s="613"/>
      <c r="FIS677" s="613"/>
      <c r="FIT677" s="613"/>
      <c r="FIU677" s="613"/>
      <c r="FIV677" s="613"/>
      <c r="FIW677" s="613"/>
      <c r="FIX677" s="613"/>
      <c r="FIY677" s="613"/>
      <c r="FIZ677" s="613"/>
      <c r="FJA677" s="613"/>
      <c r="FJB677" s="613"/>
      <c r="FJC677" s="613"/>
      <c r="FJD677" s="613"/>
      <c r="FJE677" s="613"/>
      <c r="FJF677" s="613"/>
      <c r="FJG677" s="613"/>
      <c r="FJH677" s="613"/>
      <c r="FJI677" s="613"/>
      <c r="FJJ677" s="613"/>
      <c r="FJK677" s="613"/>
      <c r="FJL677" s="613"/>
      <c r="FJM677" s="613"/>
      <c r="FJN677" s="613"/>
      <c r="FJO677" s="613"/>
      <c r="FJP677" s="613"/>
      <c r="FJQ677" s="613"/>
      <c r="FJR677" s="613"/>
      <c r="FJS677" s="613"/>
      <c r="FJT677" s="613"/>
      <c r="FJU677" s="613"/>
      <c r="FJV677" s="613"/>
      <c r="FJW677" s="613"/>
      <c r="FJX677" s="613"/>
      <c r="FJY677" s="613"/>
      <c r="FJZ677" s="613"/>
      <c r="FKA677" s="613"/>
      <c r="FKB677" s="613"/>
      <c r="FKC677" s="613"/>
      <c r="FKD677" s="613"/>
      <c r="FKE677" s="613"/>
      <c r="FKF677" s="613"/>
      <c r="FKG677" s="613"/>
      <c r="FKH677" s="613"/>
      <c r="FKI677" s="613"/>
      <c r="FKJ677" s="613"/>
      <c r="FKK677" s="613"/>
      <c r="FKL677" s="613"/>
      <c r="FKM677" s="613"/>
      <c r="FKN677" s="613"/>
      <c r="FKO677" s="613"/>
      <c r="FKP677" s="613"/>
      <c r="FKQ677" s="613"/>
      <c r="FKR677" s="613"/>
      <c r="FKS677" s="613"/>
      <c r="FKT677" s="613"/>
      <c r="FKU677" s="613"/>
      <c r="FKV677" s="613"/>
      <c r="FKW677" s="613"/>
      <c r="FKX677" s="613"/>
      <c r="FKY677" s="613"/>
      <c r="FKZ677" s="613"/>
      <c r="FLA677" s="613"/>
      <c r="FLB677" s="613"/>
      <c r="FLC677" s="613"/>
      <c r="FLD677" s="613"/>
      <c r="FLE677" s="613"/>
      <c r="FLF677" s="613"/>
      <c r="FLG677" s="613"/>
      <c r="FLH677" s="613"/>
      <c r="FLI677" s="613"/>
      <c r="FLJ677" s="613"/>
      <c r="FLK677" s="613"/>
      <c r="FLL677" s="613"/>
      <c r="FLM677" s="613"/>
      <c r="FLN677" s="613"/>
      <c r="FLO677" s="613"/>
      <c r="FLP677" s="613"/>
      <c r="FLQ677" s="613"/>
      <c r="FLR677" s="613"/>
      <c r="FLS677" s="613"/>
      <c r="FLT677" s="613"/>
      <c r="FLU677" s="613"/>
      <c r="FLV677" s="613"/>
      <c r="FLW677" s="613"/>
      <c r="FLX677" s="613"/>
      <c r="FLY677" s="613"/>
      <c r="FLZ677" s="613"/>
      <c r="FMA677" s="613"/>
      <c r="FMB677" s="613"/>
      <c r="FMC677" s="613"/>
      <c r="FMD677" s="613"/>
      <c r="FME677" s="613"/>
      <c r="FMF677" s="613"/>
      <c r="FMG677" s="613"/>
      <c r="FMH677" s="613"/>
      <c r="FMI677" s="613"/>
      <c r="FMJ677" s="613"/>
      <c r="FMK677" s="613"/>
      <c r="FML677" s="613"/>
      <c r="FMM677" s="613"/>
      <c r="FMN677" s="613"/>
      <c r="FMO677" s="613"/>
      <c r="FMP677" s="613"/>
      <c r="FMQ677" s="613"/>
      <c r="FMR677" s="613"/>
      <c r="FMS677" s="613"/>
      <c r="FMT677" s="613"/>
      <c r="FMU677" s="613"/>
      <c r="FMV677" s="613"/>
      <c r="FMW677" s="613"/>
      <c r="FMX677" s="613"/>
      <c r="FMY677" s="613"/>
      <c r="FMZ677" s="613"/>
      <c r="FNA677" s="613"/>
      <c r="FNB677" s="613"/>
      <c r="FNC677" s="613"/>
      <c r="FND677" s="613"/>
      <c r="FNE677" s="613"/>
      <c r="FNF677" s="613"/>
      <c r="FNG677" s="613"/>
      <c r="FNH677" s="613"/>
      <c r="FNI677" s="613"/>
      <c r="FNJ677" s="613"/>
      <c r="FNK677" s="613"/>
      <c r="FNL677" s="613"/>
      <c r="FNM677" s="613"/>
      <c r="FNN677" s="613"/>
      <c r="FNO677" s="613"/>
      <c r="FNP677" s="613"/>
      <c r="FNQ677" s="613"/>
      <c r="FNR677" s="613"/>
      <c r="FNS677" s="613"/>
      <c r="FNT677" s="613"/>
      <c r="FNU677" s="613"/>
      <c r="FNV677" s="613"/>
      <c r="FNW677" s="613"/>
      <c r="FNX677" s="613"/>
      <c r="FNY677" s="613"/>
      <c r="FNZ677" s="613"/>
      <c r="FOA677" s="613"/>
      <c r="FOB677" s="613"/>
      <c r="FOC677" s="613"/>
      <c r="FOD677" s="613"/>
      <c r="FOE677" s="613"/>
      <c r="FOF677" s="613"/>
      <c r="FOG677" s="613"/>
      <c r="FOH677" s="613"/>
      <c r="FOI677" s="613"/>
      <c r="FOJ677" s="613"/>
      <c r="FOK677" s="613"/>
      <c r="FOL677" s="613"/>
      <c r="FOM677" s="613"/>
      <c r="FON677" s="613"/>
      <c r="FOO677" s="613"/>
      <c r="FOP677" s="613"/>
      <c r="FOQ677" s="613"/>
      <c r="FOR677" s="613"/>
      <c r="FOS677" s="613"/>
      <c r="FOT677" s="613"/>
      <c r="FOU677" s="613"/>
      <c r="FOV677" s="613"/>
      <c r="FOW677" s="613"/>
      <c r="FOX677" s="613"/>
      <c r="FOY677" s="613"/>
      <c r="FOZ677" s="613"/>
      <c r="FPA677" s="613"/>
      <c r="FPB677" s="613"/>
      <c r="FPC677" s="613"/>
      <c r="FPD677" s="613"/>
      <c r="FPE677" s="613"/>
      <c r="FPF677" s="613"/>
      <c r="FPG677" s="613"/>
      <c r="FPH677" s="613"/>
      <c r="FPI677" s="613"/>
      <c r="FPJ677" s="613"/>
      <c r="FPK677" s="613"/>
      <c r="FPL677" s="613"/>
      <c r="FPM677" s="613"/>
      <c r="FPN677" s="613"/>
      <c r="FPO677" s="613"/>
      <c r="FPP677" s="613"/>
      <c r="FPQ677" s="613"/>
      <c r="FPR677" s="613"/>
      <c r="FPS677" s="613"/>
      <c r="FPT677" s="613"/>
      <c r="FPU677" s="613"/>
      <c r="FPV677" s="613"/>
      <c r="FPW677" s="613"/>
      <c r="FPX677" s="613"/>
      <c r="FPY677" s="613"/>
      <c r="FPZ677" s="613"/>
      <c r="FQA677" s="613"/>
      <c r="FQB677" s="613"/>
      <c r="FQC677" s="613"/>
      <c r="FQD677" s="613"/>
      <c r="FQE677" s="613"/>
      <c r="FQF677" s="613"/>
      <c r="FQG677" s="613"/>
      <c r="FQH677" s="613"/>
      <c r="FQI677" s="613"/>
      <c r="FQJ677" s="613"/>
      <c r="FQK677" s="613"/>
      <c r="FQL677" s="613"/>
      <c r="FQM677" s="613"/>
      <c r="FQN677" s="613"/>
      <c r="FQO677" s="613"/>
      <c r="FQP677" s="613"/>
      <c r="FQQ677" s="613"/>
      <c r="FQR677" s="613"/>
      <c r="FQS677" s="613"/>
      <c r="FQT677" s="613"/>
      <c r="FQU677" s="613"/>
      <c r="FQV677" s="613"/>
      <c r="FQW677" s="613"/>
      <c r="FQX677" s="613"/>
      <c r="FQY677" s="613"/>
      <c r="FQZ677" s="613"/>
      <c r="FRA677" s="613"/>
      <c r="FRB677" s="613"/>
      <c r="FRC677" s="613"/>
      <c r="FRD677" s="613"/>
      <c r="FRE677" s="613"/>
      <c r="FRF677" s="613"/>
      <c r="FRG677" s="613"/>
      <c r="FRH677" s="613"/>
      <c r="FRI677" s="613"/>
      <c r="FRJ677" s="613"/>
      <c r="FRK677" s="613"/>
      <c r="FRL677" s="613"/>
      <c r="FRM677" s="613"/>
      <c r="FRN677" s="613"/>
      <c r="FRO677" s="613"/>
      <c r="FRP677" s="613"/>
      <c r="FRQ677" s="613"/>
      <c r="FRR677" s="613"/>
      <c r="FRS677" s="613"/>
      <c r="FRT677" s="613"/>
      <c r="FRU677" s="613"/>
      <c r="FRV677" s="613"/>
      <c r="FRW677" s="613"/>
      <c r="FRX677" s="613"/>
      <c r="FRY677" s="613"/>
      <c r="FRZ677" s="613"/>
      <c r="FSA677" s="613"/>
      <c r="FSB677" s="613"/>
      <c r="FSC677" s="613"/>
      <c r="FSD677" s="613"/>
      <c r="FSE677" s="613"/>
      <c r="FSF677" s="613"/>
      <c r="FSG677" s="613"/>
      <c r="FSH677" s="613"/>
      <c r="FSI677" s="613"/>
      <c r="FSJ677" s="613"/>
      <c r="FSK677" s="613"/>
      <c r="FSL677" s="613"/>
      <c r="FSM677" s="613"/>
      <c r="FSN677" s="613"/>
      <c r="FSO677" s="613"/>
      <c r="FSP677" s="613"/>
      <c r="FSQ677" s="613"/>
      <c r="FSR677" s="613"/>
      <c r="FSS677" s="613"/>
      <c r="FST677" s="613"/>
      <c r="FSU677" s="613"/>
      <c r="FSV677" s="613"/>
      <c r="FSW677" s="613"/>
      <c r="FSX677" s="613"/>
      <c r="FSY677" s="613"/>
      <c r="FSZ677" s="613"/>
      <c r="FTA677" s="613"/>
      <c r="FTB677" s="613"/>
      <c r="FTC677" s="613"/>
      <c r="FTD677" s="613"/>
      <c r="FTE677" s="613"/>
      <c r="FTF677" s="613"/>
      <c r="FTG677" s="613"/>
      <c r="FTH677" s="613"/>
      <c r="FTI677" s="613"/>
      <c r="FTJ677" s="613"/>
      <c r="FTK677" s="613"/>
      <c r="FTL677" s="613"/>
      <c r="FTM677" s="613"/>
      <c r="FTN677" s="613"/>
      <c r="FTO677" s="613"/>
      <c r="FTP677" s="613"/>
      <c r="FTQ677" s="613"/>
      <c r="FTR677" s="613"/>
      <c r="FTS677" s="613"/>
      <c r="FTT677" s="613"/>
      <c r="FTU677" s="613"/>
      <c r="FTV677" s="613"/>
      <c r="FTW677" s="613"/>
      <c r="FTX677" s="613"/>
      <c r="FTY677" s="613"/>
      <c r="FTZ677" s="613"/>
      <c r="FUA677" s="613"/>
      <c r="FUB677" s="613"/>
      <c r="FUC677" s="613"/>
      <c r="FUD677" s="613"/>
      <c r="FUE677" s="613"/>
      <c r="FUF677" s="613"/>
      <c r="FUG677" s="613"/>
      <c r="FUH677" s="613"/>
      <c r="FUI677" s="613"/>
      <c r="FUJ677" s="613"/>
      <c r="FUK677" s="613"/>
      <c r="FUL677" s="613"/>
      <c r="FUM677" s="613"/>
      <c r="FUN677" s="613"/>
      <c r="FUO677" s="613"/>
      <c r="FUP677" s="613"/>
      <c r="FUQ677" s="613"/>
      <c r="FUR677" s="613"/>
      <c r="FUS677" s="613"/>
      <c r="FUT677" s="613"/>
      <c r="FUU677" s="613"/>
      <c r="FUV677" s="613"/>
      <c r="FUW677" s="613"/>
      <c r="FUX677" s="613"/>
      <c r="FUY677" s="613"/>
      <c r="FUZ677" s="613"/>
      <c r="FVA677" s="613"/>
      <c r="FVB677" s="613"/>
      <c r="FVC677" s="613"/>
      <c r="FVD677" s="613"/>
      <c r="FVE677" s="613"/>
      <c r="FVF677" s="613"/>
      <c r="FVG677" s="613"/>
      <c r="FVH677" s="613"/>
      <c r="FVI677" s="613"/>
      <c r="FVJ677" s="613"/>
      <c r="FVK677" s="613"/>
      <c r="FVL677" s="613"/>
      <c r="FVM677" s="613"/>
      <c r="FVN677" s="613"/>
      <c r="FVO677" s="613"/>
      <c r="FVP677" s="613"/>
      <c r="FVQ677" s="613"/>
      <c r="FVR677" s="613"/>
      <c r="FVS677" s="613"/>
      <c r="FVT677" s="613"/>
      <c r="FVU677" s="613"/>
      <c r="FVV677" s="613"/>
      <c r="FVW677" s="613"/>
      <c r="FVX677" s="613"/>
      <c r="FVY677" s="613"/>
      <c r="FVZ677" s="613"/>
      <c r="FWA677" s="613"/>
      <c r="FWB677" s="613"/>
      <c r="FWC677" s="613"/>
      <c r="FWD677" s="613"/>
      <c r="FWE677" s="613"/>
      <c r="FWF677" s="613"/>
      <c r="FWG677" s="613"/>
      <c r="FWH677" s="613"/>
      <c r="FWI677" s="613"/>
      <c r="FWJ677" s="613"/>
      <c r="FWK677" s="613"/>
      <c r="FWL677" s="613"/>
      <c r="FWM677" s="613"/>
      <c r="FWN677" s="613"/>
      <c r="FWO677" s="613"/>
      <c r="FWP677" s="613"/>
      <c r="FWQ677" s="613"/>
      <c r="FWR677" s="613"/>
      <c r="FWS677" s="613"/>
      <c r="FWT677" s="613"/>
      <c r="FWU677" s="613"/>
      <c r="FWV677" s="613"/>
      <c r="FWW677" s="613"/>
      <c r="FWX677" s="613"/>
      <c r="FWY677" s="613"/>
      <c r="FWZ677" s="613"/>
      <c r="FXA677" s="613"/>
      <c r="FXB677" s="613"/>
      <c r="FXC677" s="613"/>
      <c r="FXD677" s="613"/>
      <c r="FXE677" s="613"/>
      <c r="FXF677" s="613"/>
      <c r="FXG677" s="613"/>
      <c r="FXH677" s="613"/>
      <c r="FXI677" s="613"/>
      <c r="FXJ677" s="613"/>
      <c r="FXK677" s="613"/>
      <c r="FXL677" s="613"/>
      <c r="FXM677" s="613"/>
      <c r="FXN677" s="613"/>
      <c r="FXO677" s="613"/>
      <c r="FXP677" s="613"/>
      <c r="FXQ677" s="613"/>
      <c r="FXR677" s="613"/>
      <c r="FXS677" s="613"/>
      <c r="FXT677" s="613"/>
      <c r="FXU677" s="613"/>
      <c r="FXV677" s="613"/>
      <c r="FXW677" s="613"/>
      <c r="FXX677" s="613"/>
      <c r="FXY677" s="613"/>
      <c r="FXZ677" s="613"/>
      <c r="FYA677" s="613"/>
      <c r="FYB677" s="613"/>
      <c r="FYC677" s="613"/>
      <c r="FYD677" s="613"/>
      <c r="FYE677" s="613"/>
      <c r="FYF677" s="613"/>
      <c r="FYG677" s="613"/>
      <c r="FYH677" s="613"/>
      <c r="FYI677" s="613"/>
      <c r="FYJ677" s="613"/>
      <c r="FYK677" s="613"/>
      <c r="FYL677" s="613"/>
      <c r="FYM677" s="613"/>
      <c r="FYN677" s="613"/>
      <c r="FYO677" s="613"/>
      <c r="FYP677" s="613"/>
      <c r="FYQ677" s="613"/>
      <c r="FYR677" s="613"/>
      <c r="FYS677" s="613"/>
      <c r="FYT677" s="613"/>
      <c r="FYU677" s="613"/>
      <c r="FYV677" s="613"/>
      <c r="FYW677" s="613"/>
      <c r="FYX677" s="613"/>
      <c r="FYY677" s="613"/>
      <c r="FYZ677" s="613"/>
      <c r="FZA677" s="613"/>
      <c r="FZB677" s="613"/>
      <c r="FZC677" s="613"/>
      <c r="FZD677" s="613"/>
      <c r="FZE677" s="613"/>
      <c r="FZF677" s="613"/>
      <c r="FZG677" s="613"/>
      <c r="FZH677" s="613"/>
      <c r="FZI677" s="613"/>
      <c r="FZJ677" s="613"/>
      <c r="FZK677" s="613"/>
      <c r="FZL677" s="613"/>
      <c r="FZM677" s="613"/>
      <c r="FZN677" s="613"/>
      <c r="FZO677" s="613"/>
      <c r="FZP677" s="613"/>
      <c r="FZQ677" s="613"/>
      <c r="FZR677" s="613"/>
      <c r="FZS677" s="613"/>
      <c r="FZT677" s="613"/>
      <c r="FZU677" s="613"/>
      <c r="FZV677" s="613"/>
      <c r="FZW677" s="613"/>
      <c r="FZX677" s="613"/>
      <c r="FZY677" s="613"/>
      <c r="FZZ677" s="613"/>
      <c r="GAA677" s="613"/>
      <c r="GAB677" s="613"/>
      <c r="GAC677" s="613"/>
      <c r="GAD677" s="613"/>
      <c r="GAE677" s="613"/>
      <c r="GAF677" s="613"/>
      <c r="GAG677" s="613"/>
      <c r="GAH677" s="613"/>
      <c r="GAI677" s="613"/>
      <c r="GAJ677" s="613"/>
      <c r="GAK677" s="613"/>
      <c r="GAL677" s="613"/>
      <c r="GAM677" s="613"/>
      <c r="GAN677" s="613"/>
      <c r="GAO677" s="613"/>
      <c r="GAP677" s="613"/>
      <c r="GAQ677" s="613"/>
      <c r="GAR677" s="613"/>
      <c r="GAS677" s="613"/>
      <c r="GAT677" s="613"/>
      <c r="GAU677" s="613"/>
      <c r="GAV677" s="613"/>
      <c r="GAW677" s="613"/>
      <c r="GAX677" s="613"/>
      <c r="GAY677" s="613"/>
      <c r="GAZ677" s="613"/>
      <c r="GBA677" s="613"/>
      <c r="GBB677" s="613"/>
      <c r="GBC677" s="613"/>
      <c r="GBD677" s="613"/>
      <c r="GBE677" s="613"/>
      <c r="GBF677" s="613"/>
      <c r="GBG677" s="613"/>
      <c r="GBH677" s="613"/>
      <c r="GBI677" s="613"/>
      <c r="GBJ677" s="613"/>
      <c r="GBK677" s="613"/>
      <c r="GBL677" s="613"/>
      <c r="GBM677" s="613"/>
      <c r="GBN677" s="613"/>
      <c r="GBO677" s="613"/>
      <c r="GBP677" s="613"/>
      <c r="GBQ677" s="613"/>
      <c r="GBR677" s="613"/>
      <c r="GBS677" s="613"/>
      <c r="GBT677" s="613"/>
      <c r="GBU677" s="613"/>
      <c r="GBV677" s="613"/>
      <c r="GBW677" s="613"/>
      <c r="GBX677" s="613"/>
      <c r="GBY677" s="613"/>
      <c r="GBZ677" s="613"/>
      <c r="GCA677" s="613"/>
      <c r="GCB677" s="613"/>
      <c r="GCC677" s="613"/>
      <c r="GCD677" s="613"/>
      <c r="GCE677" s="613"/>
      <c r="GCF677" s="613"/>
      <c r="GCG677" s="613"/>
      <c r="GCH677" s="613"/>
      <c r="GCI677" s="613"/>
      <c r="GCJ677" s="613"/>
      <c r="GCK677" s="613"/>
      <c r="GCL677" s="613"/>
      <c r="GCM677" s="613"/>
      <c r="GCN677" s="613"/>
      <c r="GCO677" s="613"/>
      <c r="GCP677" s="613"/>
      <c r="GCQ677" s="613"/>
      <c r="GCR677" s="613"/>
      <c r="GCS677" s="613"/>
      <c r="GCT677" s="613"/>
      <c r="GCU677" s="613"/>
      <c r="GCV677" s="613"/>
      <c r="GCW677" s="613"/>
      <c r="GCX677" s="613"/>
      <c r="GCY677" s="613"/>
      <c r="GCZ677" s="613"/>
      <c r="GDA677" s="613"/>
      <c r="GDB677" s="613"/>
      <c r="GDC677" s="613"/>
      <c r="GDD677" s="613"/>
      <c r="GDE677" s="613"/>
      <c r="GDF677" s="613"/>
      <c r="GDG677" s="613"/>
      <c r="GDH677" s="613"/>
      <c r="GDI677" s="613"/>
      <c r="GDJ677" s="613"/>
      <c r="GDK677" s="613"/>
      <c r="GDL677" s="613"/>
      <c r="GDM677" s="613"/>
      <c r="GDN677" s="613"/>
      <c r="GDO677" s="613"/>
      <c r="GDP677" s="613"/>
      <c r="GDQ677" s="613"/>
      <c r="GDR677" s="613"/>
      <c r="GDS677" s="613"/>
      <c r="GDT677" s="613"/>
      <c r="GDU677" s="613"/>
      <c r="GDV677" s="613"/>
      <c r="GDW677" s="613"/>
      <c r="GDX677" s="613"/>
      <c r="GDY677" s="613"/>
      <c r="GDZ677" s="613"/>
      <c r="GEA677" s="613"/>
      <c r="GEB677" s="613"/>
      <c r="GEC677" s="613"/>
      <c r="GED677" s="613"/>
      <c r="GEE677" s="613"/>
      <c r="GEF677" s="613"/>
      <c r="GEG677" s="613"/>
      <c r="GEH677" s="613"/>
      <c r="GEI677" s="613"/>
      <c r="GEJ677" s="613"/>
      <c r="GEK677" s="613"/>
      <c r="GEL677" s="613"/>
      <c r="GEM677" s="613"/>
      <c r="GEN677" s="613"/>
      <c r="GEO677" s="613"/>
      <c r="GEP677" s="613"/>
      <c r="GEQ677" s="613"/>
      <c r="GER677" s="613"/>
      <c r="GES677" s="613"/>
      <c r="GET677" s="613"/>
      <c r="GEU677" s="613"/>
      <c r="GEV677" s="613"/>
      <c r="GEW677" s="613"/>
      <c r="GEX677" s="613"/>
      <c r="GEY677" s="613"/>
      <c r="GEZ677" s="613"/>
      <c r="GFA677" s="613"/>
      <c r="GFB677" s="613"/>
      <c r="GFC677" s="613"/>
      <c r="GFD677" s="613"/>
      <c r="GFE677" s="613"/>
      <c r="GFF677" s="613"/>
      <c r="GFG677" s="613"/>
      <c r="GFH677" s="613"/>
      <c r="GFI677" s="613"/>
      <c r="GFJ677" s="613"/>
      <c r="GFK677" s="613"/>
      <c r="GFL677" s="613"/>
      <c r="GFM677" s="613"/>
      <c r="GFN677" s="613"/>
      <c r="GFO677" s="613"/>
      <c r="GFP677" s="613"/>
      <c r="GFQ677" s="613"/>
      <c r="GFR677" s="613"/>
      <c r="GFS677" s="613"/>
      <c r="GFT677" s="613"/>
      <c r="GFU677" s="613"/>
      <c r="GFV677" s="613"/>
      <c r="GFW677" s="613"/>
      <c r="GFX677" s="613"/>
      <c r="GFY677" s="613"/>
      <c r="GFZ677" s="613"/>
      <c r="GGA677" s="613"/>
      <c r="GGB677" s="613"/>
      <c r="GGC677" s="613"/>
      <c r="GGD677" s="613"/>
      <c r="GGE677" s="613"/>
      <c r="GGF677" s="613"/>
      <c r="GGG677" s="613"/>
      <c r="GGH677" s="613"/>
      <c r="GGI677" s="613"/>
      <c r="GGJ677" s="613"/>
      <c r="GGK677" s="613"/>
      <c r="GGL677" s="613"/>
      <c r="GGM677" s="613"/>
      <c r="GGN677" s="613"/>
      <c r="GGO677" s="613"/>
      <c r="GGP677" s="613"/>
      <c r="GGQ677" s="613"/>
      <c r="GGR677" s="613"/>
      <c r="GGS677" s="613"/>
      <c r="GGT677" s="613"/>
      <c r="GGU677" s="613"/>
      <c r="GGV677" s="613"/>
      <c r="GGW677" s="613"/>
      <c r="GGX677" s="613"/>
      <c r="GGY677" s="613"/>
      <c r="GGZ677" s="613"/>
      <c r="GHA677" s="613"/>
      <c r="GHB677" s="613"/>
      <c r="GHC677" s="613"/>
      <c r="GHD677" s="613"/>
      <c r="GHE677" s="613"/>
      <c r="GHF677" s="613"/>
      <c r="GHG677" s="613"/>
      <c r="GHH677" s="613"/>
      <c r="GHI677" s="613"/>
      <c r="GHJ677" s="613"/>
      <c r="GHK677" s="613"/>
      <c r="GHL677" s="613"/>
      <c r="GHM677" s="613"/>
      <c r="GHN677" s="613"/>
      <c r="GHO677" s="613"/>
      <c r="GHP677" s="613"/>
      <c r="GHQ677" s="613"/>
      <c r="GHR677" s="613"/>
      <c r="GHS677" s="613"/>
      <c r="GHT677" s="613"/>
      <c r="GHU677" s="613"/>
      <c r="GHV677" s="613"/>
      <c r="GHW677" s="613"/>
      <c r="GHX677" s="613"/>
      <c r="GHY677" s="613"/>
      <c r="GHZ677" s="613"/>
      <c r="GIA677" s="613"/>
      <c r="GIB677" s="613"/>
      <c r="GIC677" s="613"/>
      <c r="GID677" s="613"/>
      <c r="GIE677" s="613"/>
      <c r="GIF677" s="613"/>
      <c r="GIG677" s="613"/>
      <c r="GIH677" s="613"/>
      <c r="GII677" s="613"/>
      <c r="GIJ677" s="613"/>
      <c r="GIK677" s="613"/>
      <c r="GIL677" s="613"/>
      <c r="GIM677" s="613"/>
      <c r="GIN677" s="613"/>
      <c r="GIO677" s="613"/>
      <c r="GIP677" s="613"/>
      <c r="GIQ677" s="613"/>
      <c r="GIR677" s="613"/>
      <c r="GIS677" s="613"/>
      <c r="GIT677" s="613"/>
      <c r="GIU677" s="613"/>
      <c r="GIV677" s="613"/>
      <c r="GIW677" s="613"/>
      <c r="GIX677" s="613"/>
      <c r="GIY677" s="613"/>
      <c r="GIZ677" s="613"/>
      <c r="GJA677" s="613"/>
      <c r="GJB677" s="613"/>
      <c r="GJC677" s="613"/>
      <c r="GJD677" s="613"/>
      <c r="GJE677" s="613"/>
      <c r="GJF677" s="613"/>
      <c r="GJG677" s="613"/>
      <c r="GJH677" s="613"/>
      <c r="GJI677" s="613"/>
      <c r="GJJ677" s="613"/>
      <c r="GJK677" s="613"/>
      <c r="GJL677" s="613"/>
      <c r="GJM677" s="613"/>
      <c r="GJN677" s="613"/>
      <c r="GJO677" s="613"/>
      <c r="GJP677" s="613"/>
      <c r="GJQ677" s="613"/>
      <c r="GJR677" s="613"/>
      <c r="GJS677" s="613"/>
      <c r="GJT677" s="613"/>
      <c r="GJU677" s="613"/>
      <c r="GJV677" s="613"/>
      <c r="GJW677" s="613"/>
      <c r="GJX677" s="613"/>
      <c r="GJY677" s="613"/>
      <c r="GJZ677" s="613"/>
      <c r="GKA677" s="613"/>
      <c r="GKB677" s="613"/>
      <c r="GKC677" s="613"/>
      <c r="GKD677" s="613"/>
      <c r="GKE677" s="613"/>
      <c r="GKF677" s="613"/>
      <c r="GKG677" s="613"/>
      <c r="GKH677" s="613"/>
      <c r="GKI677" s="613"/>
      <c r="GKJ677" s="613"/>
      <c r="GKK677" s="613"/>
      <c r="GKL677" s="613"/>
      <c r="GKM677" s="613"/>
      <c r="GKN677" s="613"/>
      <c r="GKO677" s="613"/>
      <c r="GKP677" s="613"/>
      <c r="GKQ677" s="613"/>
      <c r="GKR677" s="613"/>
      <c r="GKS677" s="613"/>
      <c r="GKT677" s="613"/>
      <c r="GKU677" s="613"/>
      <c r="GKV677" s="613"/>
      <c r="GKW677" s="613"/>
      <c r="GKX677" s="613"/>
      <c r="GKY677" s="613"/>
      <c r="GKZ677" s="613"/>
      <c r="GLA677" s="613"/>
      <c r="GLB677" s="613"/>
      <c r="GLC677" s="613"/>
      <c r="GLD677" s="613"/>
      <c r="GLE677" s="613"/>
      <c r="GLF677" s="613"/>
      <c r="GLG677" s="613"/>
      <c r="GLH677" s="613"/>
      <c r="GLI677" s="613"/>
      <c r="GLJ677" s="613"/>
      <c r="GLK677" s="613"/>
      <c r="GLL677" s="613"/>
      <c r="GLM677" s="613"/>
      <c r="GLN677" s="613"/>
      <c r="GLO677" s="613"/>
      <c r="GLP677" s="613"/>
      <c r="GLQ677" s="613"/>
      <c r="GLR677" s="613"/>
      <c r="GLS677" s="613"/>
      <c r="GLT677" s="613"/>
      <c r="GLU677" s="613"/>
      <c r="GLV677" s="613"/>
      <c r="GLW677" s="613"/>
      <c r="GLX677" s="613"/>
      <c r="GLY677" s="613"/>
      <c r="GLZ677" s="613"/>
      <c r="GMA677" s="613"/>
      <c r="GMB677" s="613"/>
      <c r="GMC677" s="613"/>
      <c r="GMD677" s="613"/>
      <c r="GME677" s="613"/>
      <c r="GMF677" s="613"/>
      <c r="GMG677" s="613"/>
      <c r="GMH677" s="613"/>
      <c r="GMI677" s="613"/>
      <c r="GMJ677" s="613"/>
      <c r="GMK677" s="613"/>
      <c r="GML677" s="613"/>
      <c r="GMM677" s="613"/>
      <c r="GMN677" s="613"/>
      <c r="GMO677" s="613"/>
      <c r="GMP677" s="613"/>
      <c r="GMQ677" s="613"/>
      <c r="GMR677" s="613"/>
      <c r="GMS677" s="613"/>
      <c r="GMT677" s="613"/>
      <c r="GMU677" s="613"/>
      <c r="GMV677" s="613"/>
      <c r="GMW677" s="613"/>
      <c r="GMX677" s="613"/>
      <c r="GMY677" s="613"/>
      <c r="GMZ677" s="613"/>
      <c r="GNA677" s="613"/>
      <c r="GNB677" s="613"/>
      <c r="GNC677" s="613"/>
      <c r="GND677" s="613"/>
      <c r="GNE677" s="613"/>
      <c r="GNF677" s="613"/>
      <c r="GNG677" s="613"/>
      <c r="GNH677" s="613"/>
      <c r="GNI677" s="613"/>
      <c r="GNJ677" s="613"/>
      <c r="GNK677" s="613"/>
      <c r="GNL677" s="613"/>
      <c r="GNM677" s="613"/>
      <c r="GNN677" s="613"/>
      <c r="GNO677" s="613"/>
      <c r="GNP677" s="613"/>
      <c r="GNQ677" s="613"/>
      <c r="GNR677" s="613"/>
      <c r="GNS677" s="613"/>
      <c r="GNT677" s="613"/>
      <c r="GNU677" s="613"/>
      <c r="GNV677" s="613"/>
      <c r="GNW677" s="613"/>
      <c r="GNX677" s="613"/>
      <c r="GNY677" s="613"/>
      <c r="GNZ677" s="613"/>
      <c r="GOA677" s="613"/>
      <c r="GOB677" s="613"/>
      <c r="GOC677" s="613"/>
      <c r="GOD677" s="613"/>
      <c r="GOE677" s="613"/>
      <c r="GOF677" s="613"/>
      <c r="GOG677" s="613"/>
      <c r="GOH677" s="613"/>
      <c r="GOI677" s="613"/>
      <c r="GOJ677" s="613"/>
      <c r="GOK677" s="613"/>
      <c r="GOL677" s="613"/>
      <c r="GOM677" s="613"/>
      <c r="GON677" s="613"/>
      <c r="GOO677" s="613"/>
      <c r="GOP677" s="613"/>
      <c r="GOQ677" s="613"/>
      <c r="GOR677" s="613"/>
      <c r="GOS677" s="613"/>
      <c r="GOT677" s="613"/>
      <c r="GOU677" s="613"/>
      <c r="GOV677" s="613"/>
      <c r="GOW677" s="613"/>
      <c r="GOX677" s="613"/>
      <c r="GOY677" s="613"/>
      <c r="GOZ677" s="613"/>
      <c r="GPA677" s="613"/>
      <c r="GPB677" s="613"/>
      <c r="GPC677" s="613"/>
      <c r="GPD677" s="613"/>
      <c r="GPE677" s="613"/>
      <c r="GPF677" s="613"/>
      <c r="GPG677" s="613"/>
      <c r="GPH677" s="613"/>
      <c r="GPI677" s="613"/>
      <c r="GPJ677" s="613"/>
      <c r="GPK677" s="613"/>
      <c r="GPL677" s="613"/>
      <c r="GPM677" s="613"/>
      <c r="GPN677" s="613"/>
      <c r="GPO677" s="613"/>
      <c r="GPP677" s="613"/>
      <c r="GPQ677" s="613"/>
      <c r="GPR677" s="613"/>
      <c r="GPS677" s="613"/>
      <c r="GPT677" s="613"/>
      <c r="GPU677" s="613"/>
      <c r="GPV677" s="613"/>
      <c r="GPW677" s="613"/>
      <c r="GPX677" s="613"/>
      <c r="GPY677" s="613"/>
      <c r="GPZ677" s="613"/>
      <c r="GQA677" s="613"/>
      <c r="GQB677" s="613"/>
      <c r="GQC677" s="613"/>
      <c r="GQD677" s="613"/>
      <c r="GQE677" s="613"/>
      <c r="GQF677" s="613"/>
      <c r="GQG677" s="613"/>
      <c r="GQH677" s="613"/>
      <c r="GQI677" s="613"/>
      <c r="GQJ677" s="613"/>
      <c r="GQK677" s="613"/>
      <c r="GQL677" s="613"/>
      <c r="GQM677" s="613"/>
      <c r="GQN677" s="613"/>
      <c r="GQO677" s="613"/>
      <c r="GQP677" s="613"/>
      <c r="GQQ677" s="613"/>
      <c r="GQR677" s="613"/>
      <c r="GQS677" s="613"/>
      <c r="GQT677" s="613"/>
      <c r="GQU677" s="613"/>
      <c r="GQV677" s="613"/>
      <c r="GQW677" s="613"/>
      <c r="GQX677" s="613"/>
      <c r="GQY677" s="613"/>
      <c r="GQZ677" s="613"/>
      <c r="GRA677" s="613"/>
      <c r="GRB677" s="613"/>
      <c r="GRC677" s="613"/>
      <c r="GRD677" s="613"/>
      <c r="GRE677" s="613"/>
      <c r="GRF677" s="613"/>
      <c r="GRG677" s="613"/>
      <c r="GRH677" s="613"/>
      <c r="GRI677" s="613"/>
      <c r="GRJ677" s="613"/>
      <c r="GRK677" s="613"/>
      <c r="GRL677" s="613"/>
      <c r="GRM677" s="613"/>
      <c r="GRN677" s="613"/>
      <c r="GRO677" s="613"/>
      <c r="GRP677" s="613"/>
      <c r="GRQ677" s="613"/>
      <c r="GRR677" s="613"/>
      <c r="GRS677" s="613"/>
      <c r="GRT677" s="613"/>
      <c r="GRU677" s="613"/>
      <c r="GRV677" s="613"/>
      <c r="GRW677" s="613"/>
      <c r="GRX677" s="613"/>
      <c r="GRY677" s="613"/>
      <c r="GRZ677" s="613"/>
      <c r="GSA677" s="613"/>
      <c r="GSB677" s="613"/>
      <c r="GSC677" s="613"/>
      <c r="GSD677" s="613"/>
      <c r="GSE677" s="613"/>
      <c r="GSF677" s="613"/>
      <c r="GSG677" s="613"/>
      <c r="GSH677" s="613"/>
      <c r="GSI677" s="613"/>
      <c r="GSJ677" s="613"/>
      <c r="GSK677" s="613"/>
      <c r="GSL677" s="613"/>
      <c r="GSM677" s="613"/>
      <c r="GSN677" s="613"/>
      <c r="GSO677" s="613"/>
      <c r="GSP677" s="613"/>
      <c r="GSQ677" s="613"/>
      <c r="GSR677" s="613"/>
      <c r="GSS677" s="613"/>
      <c r="GST677" s="613"/>
      <c r="GSU677" s="613"/>
      <c r="GSV677" s="613"/>
      <c r="GSW677" s="613"/>
      <c r="GSX677" s="613"/>
      <c r="GSY677" s="613"/>
      <c r="GSZ677" s="613"/>
      <c r="GTA677" s="613"/>
      <c r="GTB677" s="613"/>
      <c r="GTC677" s="613"/>
      <c r="GTD677" s="613"/>
      <c r="GTE677" s="613"/>
      <c r="GTF677" s="613"/>
      <c r="GTG677" s="613"/>
      <c r="GTH677" s="613"/>
      <c r="GTI677" s="613"/>
      <c r="GTJ677" s="613"/>
      <c r="GTK677" s="613"/>
      <c r="GTL677" s="613"/>
      <c r="GTM677" s="613"/>
      <c r="GTN677" s="613"/>
      <c r="GTO677" s="613"/>
      <c r="GTP677" s="613"/>
      <c r="GTQ677" s="613"/>
      <c r="GTR677" s="613"/>
      <c r="GTS677" s="613"/>
      <c r="GTT677" s="613"/>
      <c r="GTU677" s="613"/>
      <c r="GTV677" s="613"/>
      <c r="GTW677" s="613"/>
      <c r="GTX677" s="613"/>
      <c r="GTY677" s="613"/>
      <c r="GTZ677" s="613"/>
      <c r="GUA677" s="613"/>
      <c r="GUB677" s="613"/>
      <c r="GUC677" s="613"/>
      <c r="GUD677" s="613"/>
      <c r="GUE677" s="613"/>
      <c r="GUF677" s="613"/>
      <c r="GUG677" s="613"/>
      <c r="GUH677" s="613"/>
      <c r="GUI677" s="613"/>
      <c r="GUJ677" s="613"/>
      <c r="GUK677" s="613"/>
      <c r="GUL677" s="613"/>
      <c r="GUM677" s="613"/>
      <c r="GUN677" s="613"/>
      <c r="GUO677" s="613"/>
      <c r="GUP677" s="613"/>
      <c r="GUQ677" s="613"/>
      <c r="GUR677" s="613"/>
      <c r="GUS677" s="613"/>
      <c r="GUT677" s="613"/>
      <c r="GUU677" s="613"/>
      <c r="GUV677" s="613"/>
      <c r="GUW677" s="613"/>
      <c r="GUX677" s="613"/>
      <c r="GUY677" s="613"/>
      <c r="GUZ677" s="613"/>
      <c r="GVA677" s="613"/>
      <c r="GVB677" s="613"/>
      <c r="GVC677" s="613"/>
      <c r="GVD677" s="613"/>
      <c r="GVE677" s="613"/>
      <c r="GVF677" s="613"/>
      <c r="GVG677" s="613"/>
      <c r="GVH677" s="613"/>
      <c r="GVI677" s="613"/>
      <c r="GVJ677" s="613"/>
      <c r="GVK677" s="613"/>
      <c r="GVL677" s="613"/>
      <c r="GVM677" s="613"/>
      <c r="GVN677" s="613"/>
      <c r="GVO677" s="613"/>
      <c r="GVP677" s="613"/>
      <c r="GVQ677" s="613"/>
      <c r="GVR677" s="613"/>
      <c r="GVS677" s="613"/>
      <c r="GVT677" s="613"/>
      <c r="GVU677" s="613"/>
      <c r="GVV677" s="613"/>
      <c r="GVW677" s="613"/>
      <c r="GVX677" s="613"/>
      <c r="GVY677" s="613"/>
      <c r="GVZ677" s="613"/>
      <c r="GWA677" s="613"/>
      <c r="GWB677" s="613"/>
      <c r="GWC677" s="613"/>
      <c r="GWD677" s="613"/>
      <c r="GWE677" s="613"/>
      <c r="GWF677" s="613"/>
      <c r="GWG677" s="613"/>
      <c r="GWH677" s="613"/>
      <c r="GWI677" s="613"/>
      <c r="GWJ677" s="613"/>
      <c r="GWK677" s="613"/>
      <c r="GWL677" s="613"/>
      <c r="GWM677" s="613"/>
      <c r="GWN677" s="613"/>
      <c r="GWO677" s="613"/>
      <c r="GWP677" s="613"/>
      <c r="GWQ677" s="613"/>
      <c r="GWR677" s="613"/>
      <c r="GWS677" s="613"/>
      <c r="GWT677" s="613"/>
      <c r="GWU677" s="613"/>
      <c r="GWV677" s="613"/>
      <c r="GWW677" s="613"/>
      <c r="GWX677" s="613"/>
      <c r="GWY677" s="613"/>
      <c r="GWZ677" s="613"/>
      <c r="GXA677" s="613"/>
      <c r="GXB677" s="613"/>
      <c r="GXC677" s="613"/>
      <c r="GXD677" s="613"/>
      <c r="GXE677" s="613"/>
      <c r="GXF677" s="613"/>
      <c r="GXG677" s="613"/>
      <c r="GXH677" s="613"/>
      <c r="GXI677" s="613"/>
      <c r="GXJ677" s="613"/>
      <c r="GXK677" s="613"/>
      <c r="GXL677" s="613"/>
      <c r="GXM677" s="613"/>
      <c r="GXN677" s="613"/>
      <c r="GXO677" s="613"/>
      <c r="GXP677" s="613"/>
      <c r="GXQ677" s="613"/>
      <c r="GXR677" s="613"/>
      <c r="GXS677" s="613"/>
      <c r="GXT677" s="613"/>
      <c r="GXU677" s="613"/>
      <c r="GXV677" s="613"/>
      <c r="GXW677" s="613"/>
      <c r="GXX677" s="613"/>
      <c r="GXY677" s="613"/>
      <c r="GXZ677" s="613"/>
      <c r="GYA677" s="613"/>
      <c r="GYB677" s="613"/>
      <c r="GYC677" s="613"/>
      <c r="GYD677" s="613"/>
      <c r="GYE677" s="613"/>
      <c r="GYF677" s="613"/>
      <c r="GYG677" s="613"/>
      <c r="GYH677" s="613"/>
      <c r="GYI677" s="613"/>
      <c r="GYJ677" s="613"/>
      <c r="GYK677" s="613"/>
      <c r="GYL677" s="613"/>
      <c r="GYM677" s="613"/>
      <c r="GYN677" s="613"/>
      <c r="GYO677" s="613"/>
      <c r="GYP677" s="613"/>
      <c r="GYQ677" s="613"/>
      <c r="GYR677" s="613"/>
      <c r="GYS677" s="613"/>
      <c r="GYT677" s="613"/>
      <c r="GYU677" s="613"/>
      <c r="GYV677" s="613"/>
      <c r="GYW677" s="613"/>
      <c r="GYX677" s="613"/>
      <c r="GYY677" s="613"/>
      <c r="GYZ677" s="613"/>
      <c r="GZA677" s="613"/>
      <c r="GZB677" s="613"/>
      <c r="GZC677" s="613"/>
      <c r="GZD677" s="613"/>
      <c r="GZE677" s="613"/>
      <c r="GZF677" s="613"/>
      <c r="GZG677" s="613"/>
      <c r="GZH677" s="613"/>
      <c r="GZI677" s="613"/>
      <c r="GZJ677" s="613"/>
      <c r="GZK677" s="613"/>
      <c r="GZL677" s="613"/>
      <c r="GZM677" s="613"/>
      <c r="GZN677" s="613"/>
      <c r="GZO677" s="613"/>
      <c r="GZP677" s="613"/>
      <c r="GZQ677" s="613"/>
      <c r="GZR677" s="613"/>
      <c r="GZS677" s="613"/>
      <c r="GZT677" s="613"/>
      <c r="GZU677" s="613"/>
      <c r="GZV677" s="613"/>
      <c r="GZW677" s="613"/>
      <c r="GZX677" s="613"/>
      <c r="GZY677" s="613"/>
      <c r="GZZ677" s="613"/>
      <c r="HAA677" s="613"/>
      <c r="HAB677" s="613"/>
      <c r="HAC677" s="613"/>
      <c r="HAD677" s="613"/>
      <c r="HAE677" s="613"/>
      <c r="HAF677" s="613"/>
      <c r="HAG677" s="613"/>
      <c r="HAH677" s="613"/>
      <c r="HAI677" s="613"/>
      <c r="HAJ677" s="613"/>
      <c r="HAK677" s="613"/>
      <c r="HAL677" s="613"/>
      <c r="HAM677" s="613"/>
      <c r="HAN677" s="613"/>
      <c r="HAO677" s="613"/>
      <c r="HAP677" s="613"/>
      <c r="HAQ677" s="613"/>
      <c r="HAR677" s="613"/>
      <c r="HAS677" s="613"/>
      <c r="HAT677" s="613"/>
      <c r="HAU677" s="613"/>
      <c r="HAV677" s="613"/>
      <c r="HAW677" s="613"/>
      <c r="HAX677" s="613"/>
      <c r="HAY677" s="613"/>
      <c r="HAZ677" s="613"/>
      <c r="HBA677" s="613"/>
      <c r="HBB677" s="613"/>
      <c r="HBC677" s="613"/>
      <c r="HBD677" s="613"/>
      <c r="HBE677" s="613"/>
      <c r="HBF677" s="613"/>
      <c r="HBG677" s="613"/>
      <c r="HBH677" s="613"/>
      <c r="HBI677" s="613"/>
      <c r="HBJ677" s="613"/>
      <c r="HBK677" s="613"/>
      <c r="HBL677" s="613"/>
      <c r="HBM677" s="613"/>
      <c r="HBN677" s="613"/>
      <c r="HBO677" s="613"/>
      <c r="HBP677" s="613"/>
      <c r="HBQ677" s="613"/>
      <c r="HBR677" s="613"/>
      <c r="HBS677" s="613"/>
      <c r="HBT677" s="613"/>
      <c r="HBU677" s="613"/>
      <c r="HBV677" s="613"/>
      <c r="HBW677" s="613"/>
      <c r="HBX677" s="613"/>
      <c r="HBY677" s="613"/>
      <c r="HBZ677" s="613"/>
      <c r="HCA677" s="613"/>
      <c r="HCB677" s="613"/>
      <c r="HCC677" s="613"/>
      <c r="HCD677" s="613"/>
      <c r="HCE677" s="613"/>
      <c r="HCF677" s="613"/>
      <c r="HCG677" s="613"/>
      <c r="HCH677" s="613"/>
      <c r="HCI677" s="613"/>
      <c r="HCJ677" s="613"/>
      <c r="HCK677" s="613"/>
      <c r="HCL677" s="613"/>
      <c r="HCM677" s="613"/>
      <c r="HCN677" s="613"/>
      <c r="HCO677" s="613"/>
      <c r="HCP677" s="613"/>
      <c r="HCQ677" s="613"/>
      <c r="HCR677" s="613"/>
      <c r="HCS677" s="613"/>
      <c r="HCT677" s="613"/>
      <c r="HCU677" s="613"/>
      <c r="HCV677" s="613"/>
      <c r="HCW677" s="613"/>
      <c r="HCX677" s="613"/>
      <c r="HCY677" s="613"/>
      <c r="HCZ677" s="613"/>
      <c r="HDA677" s="613"/>
      <c r="HDB677" s="613"/>
      <c r="HDC677" s="613"/>
      <c r="HDD677" s="613"/>
      <c r="HDE677" s="613"/>
      <c r="HDF677" s="613"/>
      <c r="HDG677" s="613"/>
      <c r="HDH677" s="613"/>
      <c r="HDI677" s="613"/>
      <c r="HDJ677" s="613"/>
      <c r="HDK677" s="613"/>
      <c r="HDL677" s="613"/>
      <c r="HDM677" s="613"/>
      <c r="HDN677" s="613"/>
      <c r="HDO677" s="613"/>
      <c r="HDP677" s="613"/>
      <c r="HDQ677" s="613"/>
      <c r="HDR677" s="613"/>
      <c r="HDS677" s="613"/>
      <c r="HDT677" s="613"/>
      <c r="HDU677" s="613"/>
      <c r="HDV677" s="613"/>
      <c r="HDW677" s="613"/>
      <c r="HDX677" s="613"/>
      <c r="HDY677" s="613"/>
      <c r="HDZ677" s="613"/>
      <c r="HEA677" s="613"/>
      <c r="HEB677" s="613"/>
      <c r="HEC677" s="613"/>
      <c r="HED677" s="613"/>
      <c r="HEE677" s="613"/>
      <c r="HEF677" s="613"/>
      <c r="HEG677" s="613"/>
      <c r="HEH677" s="613"/>
      <c r="HEI677" s="613"/>
      <c r="HEJ677" s="613"/>
      <c r="HEK677" s="613"/>
      <c r="HEL677" s="613"/>
      <c r="HEM677" s="613"/>
      <c r="HEN677" s="613"/>
      <c r="HEO677" s="613"/>
      <c r="HEP677" s="613"/>
      <c r="HEQ677" s="613"/>
      <c r="HER677" s="613"/>
      <c r="HES677" s="613"/>
      <c r="HET677" s="613"/>
      <c r="HEU677" s="613"/>
      <c r="HEV677" s="613"/>
      <c r="HEW677" s="613"/>
      <c r="HEX677" s="613"/>
      <c r="HEY677" s="613"/>
      <c r="HEZ677" s="613"/>
      <c r="HFA677" s="613"/>
      <c r="HFB677" s="613"/>
      <c r="HFC677" s="613"/>
      <c r="HFD677" s="613"/>
      <c r="HFE677" s="613"/>
      <c r="HFF677" s="613"/>
      <c r="HFG677" s="613"/>
      <c r="HFH677" s="613"/>
      <c r="HFI677" s="613"/>
      <c r="HFJ677" s="613"/>
      <c r="HFK677" s="613"/>
      <c r="HFL677" s="613"/>
      <c r="HFM677" s="613"/>
      <c r="HFN677" s="613"/>
      <c r="HFO677" s="613"/>
      <c r="HFP677" s="613"/>
      <c r="HFQ677" s="613"/>
      <c r="HFR677" s="613"/>
      <c r="HFS677" s="613"/>
      <c r="HFT677" s="613"/>
      <c r="HFU677" s="613"/>
      <c r="HFV677" s="613"/>
      <c r="HFW677" s="613"/>
      <c r="HFX677" s="613"/>
      <c r="HFY677" s="613"/>
      <c r="HFZ677" s="613"/>
      <c r="HGA677" s="613"/>
      <c r="HGB677" s="613"/>
      <c r="HGC677" s="613"/>
      <c r="HGD677" s="613"/>
      <c r="HGE677" s="613"/>
      <c r="HGF677" s="613"/>
      <c r="HGG677" s="613"/>
      <c r="HGH677" s="613"/>
      <c r="HGI677" s="613"/>
      <c r="HGJ677" s="613"/>
      <c r="HGK677" s="613"/>
      <c r="HGL677" s="613"/>
      <c r="HGM677" s="613"/>
      <c r="HGN677" s="613"/>
      <c r="HGO677" s="613"/>
      <c r="HGP677" s="613"/>
      <c r="HGQ677" s="613"/>
      <c r="HGR677" s="613"/>
      <c r="HGS677" s="613"/>
      <c r="HGT677" s="613"/>
      <c r="HGU677" s="613"/>
      <c r="HGV677" s="613"/>
      <c r="HGW677" s="613"/>
      <c r="HGX677" s="613"/>
      <c r="HGY677" s="613"/>
      <c r="HGZ677" s="613"/>
      <c r="HHA677" s="613"/>
      <c r="HHB677" s="613"/>
      <c r="HHC677" s="613"/>
      <c r="HHD677" s="613"/>
      <c r="HHE677" s="613"/>
      <c r="HHF677" s="613"/>
      <c r="HHG677" s="613"/>
      <c r="HHH677" s="613"/>
      <c r="HHI677" s="613"/>
      <c r="HHJ677" s="613"/>
      <c r="HHK677" s="613"/>
      <c r="HHL677" s="613"/>
      <c r="HHM677" s="613"/>
      <c r="HHN677" s="613"/>
      <c r="HHO677" s="613"/>
      <c r="HHP677" s="613"/>
      <c r="HHQ677" s="613"/>
      <c r="HHR677" s="613"/>
      <c r="HHS677" s="613"/>
      <c r="HHT677" s="613"/>
      <c r="HHU677" s="613"/>
      <c r="HHV677" s="613"/>
      <c r="HHW677" s="613"/>
      <c r="HHX677" s="613"/>
      <c r="HHY677" s="613"/>
      <c r="HHZ677" s="613"/>
      <c r="HIA677" s="613"/>
      <c r="HIB677" s="613"/>
      <c r="HIC677" s="613"/>
      <c r="HID677" s="613"/>
      <c r="HIE677" s="613"/>
      <c r="HIF677" s="613"/>
      <c r="HIG677" s="613"/>
      <c r="HIH677" s="613"/>
      <c r="HII677" s="613"/>
      <c r="HIJ677" s="613"/>
      <c r="HIK677" s="613"/>
      <c r="HIL677" s="613"/>
      <c r="HIM677" s="613"/>
      <c r="HIN677" s="613"/>
      <c r="HIO677" s="613"/>
      <c r="HIP677" s="613"/>
      <c r="HIQ677" s="613"/>
      <c r="HIR677" s="613"/>
      <c r="HIS677" s="613"/>
      <c r="HIT677" s="613"/>
      <c r="HIU677" s="613"/>
      <c r="HIV677" s="613"/>
      <c r="HIW677" s="613"/>
      <c r="HIX677" s="613"/>
      <c r="HIY677" s="613"/>
      <c r="HIZ677" s="613"/>
      <c r="HJA677" s="613"/>
      <c r="HJB677" s="613"/>
      <c r="HJC677" s="613"/>
      <c r="HJD677" s="613"/>
      <c r="HJE677" s="613"/>
      <c r="HJF677" s="613"/>
      <c r="HJG677" s="613"/>
      <c r="HJH677" s="613"/>
      <c r="HJI677" s="613"/>
      <c r="HJJ677" s="613"/>
      <c r="HJK677" s="613"/>
      <c r="HJL677" s="613"/>
      <c r="HJM677" s="613"/>
      <c r="HJN677" s="613"/>
      <c r="HJO677" s="613"/>
      <c r="HJP677" s="613"/>
      <c r="HJQ677" s="613"/>
      <c r="HJR677" s="613"/>
      <c r="HJS677" s="613"/>
      <c r="HJT677" s="613"/>
      <c r="HJU677" s="613"/>
      <c r="HJV677" s="613"/>
      <c r="HJW677" s="613"/>
      <c r="HJX677" s="613"/>
      <c r="HJY677" s="613"/>
      <c r="HJZ677" s="613"/>
      <c r="HKA677" s="613"/>
      <c r="HKB677" s="613"/>
      <c r="HKC677" s="613"/>
      <c r="HKD677" s="613"/>
      <c r="HKE677" s="613"/>
      <c r="HKF677" s="613"/>
      <c r="HKG677" s="613"/>
      <c r="HKH677" s="613"/>
      <c r="HKI677" s="613"/>
      <c r="HKJ677" s="613"/>
      <c r="HKK677" s="613"/>
      <c r="HKL677" s="613"/>
      <c r="HKM677" s="613"/>
      <c r="HKN677" s="613"/>
      <c r="HKO677" s="613"/>
      <c r="HKP677" s="613"/>
      <c r="HKQ677" s="613"/>
      <c r="HKR677" s="613"/>
      <c r="HKS677" s="613"/>
      <c r="HKT677" s="613"/>
      <c r="HKU677" s="613"/>
      <c r="HKV677" s="613"/>
      <c r="HKW677" s="613"/>
      <c r="HKX677" s="613"/>
      <c r="HKY677" s="613"/>
      <c r="HKZ677" s="613"/>
      <c r="HLA677" s="613"/>
      <c r="HLB677" s="613"/>
      <c r="HLC677" s="613"/>
      <c r="HLD677" s="613"/>
      <c r="HLE677" s="613"/>
      <c r="HLF677" s="613"/>
      <c r="HLG677" s="613"/>
      <c r="HLH677" s="613"/>
      <c r="HLI677" s="613"/>
      <c r="HLJ677" s="613"/>
      <c r="HLK677" s="613"/>
      <c r="HLL677" s="613"/>
      <c r="HLM677" s="613"/>
      <c r="HLN677" s="613"/>
      <c r="HLO677" s="613"/>
      <c r="HLP677" s="613"/>
      <c r="HLQ677" s="613"/>
      <c r="HLR677" s="613"/>
      <c r="HLS677" s="613"/>
      <c r="HLT677" s="613"/>
      <c r="HLU677" s="613"/>
      <c r="HLV677" s="613"/>
      <c r="HLW677" s="613"/>
      <c r="HLX677" s="613"/>
      <c r="HLY677" s="613"/>
      <c r="HLZ677" s="613"/>
      <c r="HMA677" s="613"/>
      <c r="HMB677" s="613"/>
      <c r="HMC677" s="613"/>
      <c r="HMD677" s="613"/>
      <c r="HME677" s="613"/>
      <c r="HMF677" s="613"/>
      <c r="HMG677" s="613"/>
      <c r="HMH677" s="613"/>
      <c r="HMI677" s="613"/>
      <c r="HMJ677" s="613"/>
      <c r="HMK677" s="613"/>
      <c r="HML677" s="613"/>
      <c r="HMM677" s="613"/>
      <c r="HMN677" s="613"/>
      <c r="HMO677" s="613"/>
      <c r="HMP677" s="613"/>
      <c r="HMQ677" s="613"/>
      <c r="HMR677" s="613"/>
      <c r="HMS677" s="613"/>
      <c r="HMT677" s="613"/>
      <c r="HMU677" s="613"/>
      <c r="HMV677" s="613"/>
      <c r="HMW677" s="613"/>
      <c r="HMX677" s="613"/>
      <c r="HMY677" s="613"/>
      <c r="HMZ677" s="613"/>
      <c r="HNA677" s="613"/>
      <c r="HNB677" s="613"/>
      <c r="HNC677" s="613"/>
      <c r="HND677" s="613"/>
      <c r="HNE677" s="613"/>
      <c r="HNF677" s="613"/>
      <c r="HNG677" s="613"/>
      <c r="HNH677" s="613"/>
      <c r="HNI677" s="613"/>
      <c r="HNJ677" s="613"/>
      <c r="HNK677" s="613"/>
      <c r="HNL677" s="613"/>
      <c r="HNM677" s="613"/>
      <c r="HNN677" s="613"/>
      <c r="HNO677" s="613"/>
      <c r="HNP677" s="613"/>
      <c r="HNQ677" s="613"/>
      <c r="HNR677" s="613"/>
      <c r="HNS677" s="613"/>
      <c r="HNT677" s="613"/>
      <c r="HNU677" s="613"/>
      <c r="HNV677" s="613"/>
      <c r="HNW677" s="613"/>
      <c r="HNX677" s="613"/>
      <c r="HNY677" s="613"/>
      <c r="HNZ677" s="613"/>
      <c r="HOA677" s="613"/>
      <c r="HOB677" s="613"/>
      <c r="HOC677" s="613"/>
      <c r="HOD677" s="613"/>
      <c r="HOE677" s="613"/>
      <c r="HOF677" s="613"/>
      <c r="HOG677" s="613"/>
      <c r="HOH677" s="613"/>
      <c r="HOI677" s="613"/>
      <c r="HOJ677" s="613"/>
      <c r="HOK677" s="613"/>
      <c r="HOL677" s="613"/>
      <c r="HOM677" s="613"/>
      <c r="HON677" s="613"/>
      <c r="HOO677" s="613"/>
      <c r="HOP677" s="613"/>
      <c r="HOQ677" s="613"/>
      <c r="HOR677" s="613"/>
      <c r="HOS677" s="613"/>
      <c r="HOT677" s="613"/>
      <c r="HOU677" s="613"/>
      <c r="HOV677" s="613"/>
      <c r="HOW677" s="613"/>
      <c r="HOX677" s="613"/>
      <c r="HOY677" s="613"/>
      <c r="HOZ677" s="613"/>
      <c r="HPA677" s="613"/>
      <c r="HPB677" s="613"/>
      <c r="HPC677" s="613"/>
      <c r="HPD677" s="613"/>
      <c r="HPE677" s="613"/>
      <c r="HPF677" s="613"/>
      <c r="HPG677" s="613"/>
      <c r="HPH677" s="613"/>
      <c r="HPI677" s="613"/>
      <c r="HPJ677" s="613"/>
      <c r="HPK677" s="613"/>
      <c r="HPL677" s="613"/>
      <c r="HPM677" s="613"/>
      <c r="HPN677" s="613"/>
      <c r="HPO677" s="613"/>
      <c r="HPP677" s="613"/>
      <c r="HPQ677" s="613"/>
      <c r="HPR677" s="613"/>
      <c r="HPS677" s="613"/>
      <c r="HPT677" s="613"/>
      <c r="HPU677" s="613"/>
      <c r="HPV677" s="613"/>
      <c r="HPW677" s="613"/>
      <c r="HPX677" s="613"/>
      <c r="HPY677" s="613"/>
      <c r="HPZ677" s="613"/>
      <c r="HQA677" s="613"/>
      <c r="HQB677" s="613"/>
      <c r="HQC677" s="613"/>
      <c r="HQD677" s="613"/>
      <c r="HQE677" s="613"/>
      <c r="HQF677" s="613"/>
      <c r="HQG677" s="613"/>
      <c r="HQH677" s="613"/>
      <c r="HQI677" s="613"/>
      <c r="HQJ677" s="613"/>
      <c r="HQK677" s="613"/>
      <c r="HQL677" s="613"/>
      <c r="HQM677" s="613"/>
      <c r="HQN677" s="613"/>
      <c r="HQO677" s="613"/>
      <c r="HQP677" s="613"/>
      <c r="HQQ677" s="613"/>
      <c r="HQR677" s="613"/>
      <c r="HQS677" s="613"/>
      <c r="HQT677" s="613"/>
      <c r="HQU677" s="613"/>
      <c r="HQV677" s="613"/>
      <c r="HQW677" s="613"/>
      <c r="HQX677" s="613"/>
      <c r="HQY677" s="613"/>
      <c r="HQZ677" s="613"/>
      <c r="HRA677" s="613"/>
      <c r="HRB677" s="613"/>
      <c r="HRC677" s="613"/>
      <c r="HRD677" s="613"/>
      <c r="HRE677" s="613"/>
      <c r="HRF677" s="613"/>
      <c r="HRG677" s="613"/>
      <c r="HRH677" s="613"/>
      <c r="HRI677" s="613"/>
      <c r="HRJ677" s="613"/>
      <c r="HRK677" s="613"/>
      <c r="HRL677" s="613"/>
      <c r="HRM677" s="613"/>
      <c r="HRN677" s="613"/>
      <c r="HRO677" s="613"/>
      <c r="HRP677" s="613"/>
      <c r="HRQ677" s="613"/>
      <c r="HRR677" s="613"/>
      <c r="HRS677" s="613"/>
      <c r="HRT677" s="613"/>
      <c r="HRU677" s="613"/>
      <c r="HRV677" s="613"/>
      <c r="HRW677" s="613"/>
      <c r="HRX677" s="613"/>
      <c r="HRY677" s="613"/>
      <c r="HRZ677" s="613"/>
      <c r="HSA677" s="613"/>
      <c r="HSB677" s="613"/>
      <c r="HSC677" s="613"/>
      <c r="HSD677" s="613"/>
      <c r="HSE677" s="613"/>
      <c r="HSF677" s="613"/>
      <c r="HSG677" s="613"/>
      <c r="HSH677" s="613"/>
      <c r="HSI677" s="613"/>
      <c r="HSJ677" s="613"/>
      <c r="HSK677" s="613"/>
      <c r="HSL677" s="613"/>
      <c r="HSM677" s="613"/>
      <c r="HSN677" s="613"/>
      <c r="HSO677" s="613"/>
      <c r="HSP677" s="613"/>
      <c r="HSQ677" s="613"/>
      <c r="HSR677" s="613"/>
      <c r="HSS677" s="613"/>
      <c r="HST677" s="613"/>
      <c r="HSU677" s="613"/>
      <c r="HSV677" s="613"/>
      <c r="HSW677" s="613"/>
      <c r="HSX677" s="613"/>
      <c r="HSY677" s="613"/>
      <c r="HSZ677" s="613"/>
      <c r="HTA677" s="613"/>
      <c r="HTB677" s="613"/>
      <c r="HTC677" s="613"/>
      <c r="HTD677" s="613"/>
      <c r="HTE677" s="613"/>
      <c r="HTF677" s="613"/>
      <c r="HTG677" s="613"/>
      <c r="HTH677" s="613"/>
      <c r="HTI677" s="613"/>
      <c r="HTJ677" s="613"/>
      <c r="HTK677" s="613"/>
      <c r="HTL677" s="613"/>
      <c r="HTM677" s="613"/>
      <c r="HTN677" s="613"/>
      <c r="HTO677" s="613"/>
      <c r="HTP677" s="613"/>
      <c r="HTQ677" s="613"/>
      <c r="HTR677" s="613"/>
      <c r="HTS677" s="613"/>
      <c r="HTT677" s="613"/>
      <c r="HTU677" s="613"/>
      <c r="HTV677" s="613"/>
      <c r="HTW677" s="613"/>
      <c r="HTX677" s="613"/>
      <c r="HTY677" s="613"/>
      <c r="HTZ677" s="613"/>
      <c r="HUA677" s="613"/>
      <c r="HUB677" s="613"/>
      <c r="HUC677" s="613"/>
      <c r="HUD677" s="613"/>
      <c r="HUE677" s="613"/>
      <c r="HUF677" s="613"/>
      <c r="HUG677" s="613"/>
      <c r="HUH677" s="613"/>
      <c r="HUI677" s="613"/>
      <c r="HUJ677" s="613"/>
      <c r="HUK677" s="613"/>
      <c r="HUL677" s="613"/>
      <c r="HUM677" s="613"/>
      <c r="HUN677" s="613"/>
      <c r="HUO677" s="613"/>
      <c r="HUP677" s="613"/>
      <c r="HUQ677" s="613"/>
      <c r="HUR677" s="613"/>
      <c r="HUS677" s="613"/>
      <c r="HUT677" s="613"/>
      <c r="HUU677" s="613"/>
      <c r="HUV677" s="613"/>
      <c r="HUW677" s="613"/>
      <c r="HUX677" s="613"/>
      <c r="HUY677" s="613"/>
      <c r="HUZ677" s="613"/>
      <c r="HVA677" s="613"/>
      <c r="HVB677" s="613"/>
      <c r="HVC677" s="613"/>
      <c r="HVD677" s="613"/>
      <c r="HVE677" s="613"/>
      <c r="HVF677" s="613"/>
      <c r="HVG677" s="613"/>
      <c r="HVH677" s="613"/>
      <c r="HVI677" s="613"/>
      <c r="HVJ677" s="613"/>
      <c r="HVK677" s="613"/>
      <c r="HVL677" s="613"/>
      <c r="HVM677" s="613"/>
      <c r="HVN677" s="613"/>
      <c r="HVO677" s="613"/>
      <c r="HVP677" s="613"/>
      <c r="HVQ677" s="613"/>
      <c r="HVR677" s="613"/>
      <c r="HVS677" s="613"/>
      <c r="HVT677" s="613"/>
      <c r="HVU677" s="613"/>
      <c r="HVV677" s="613"/>
      <c r="HVW677" s="613"/>
      <c r="HVX677" s="613"/>
      <c r="HVY677" s="613"/>
      <c r="HVZ677" s="613"/>
      <c r="HWA677" s="613"/>
      <c r="HWB677" s="613"/>
      <c r="HWC677" s="613"/>
      <c r="HWD677" s="613"/>
      <c r="HWE677" s="613"/>
      <c r="HWF677" s="613"/>
      <c r="HWG677" s="613"/>
      <c r="HWH677" s="613"/>
      <c r="HWI677" s="613"/>
      <c r="HWJ677" s="613"/>
      <c r="HWK677" s="613"/>
      <c r="HWL677" s="613"/>
      <c r="HWM677" s="613"/>
      <c r="HWN677" s="613"/>
      <c r="HWO677" s="613"/>
      <c r="HWP677" s="613"/>
      <c r="HWQ677" s="613"/>
      <c r="HWR677" s="613"/>
      <c r="HWS677" s="613"/>
      <c r="HWT677" s="613"/>
      <c r="HWU677" s="613"/>
      <c r="HWV677" s="613"/>
      <c r="HWW677" s="613"/>
      <c r="HWX677" s="613"/>
      <c r="HWY677" s="613"/>
      <c r="HWZ677" s="613"/>
      <c r="HXA677" s="613"/>
      <c r="HXB677" s="613"/>
      <c r="HXC677" s="613"/>
      <c r="HXD677" s="613"/>
      <c r="HXE677" s="613"/>
      <c r="HXF677" s="613"/>
      <c r="HXG677" s="613"/>
      <c r="HXH677" s="613"/>
      <c r="HXI677" s="613"/>
      <c r="HXJ677" s="613"/>
      <c r="HXK677" s="613"/>
      <c r="HXL677" s="613"/>
      <c r="HXM677" s="613"/>
      <c r="HXN677" s="613"/>
      <c r="HXO677" s="613"/>
      <c r="HXP677" s="613"/>
      <c r="HXQ677" s="613"/>
      <c r="HXR677" s="613"/>
      <c r="HXS677" s="613"/>
      <c r="HXT677" s="613"/>
      <c r="HXU677" s="613"/>
      <c r="HXV677" s="613"/>
      <c r="HXW677" s="613"/>
      <c r="HXX677" s="613"/>
      <c r="HXY677" s="613"/>
      <c r="HXZ677" s="613"/>
      <c r="HYA677" s="613"/>
      <c r="HYB677" s="613"/>
      <c r="HYC677" s="613"/>
      <c r="HYD677" s="613"/>
      <c r="HYE677" s="613"/>
      <c r="HYF677" s="613"/>
      <c r="HYG677" s="613"/>
      <c r="HYH677" s="613"/>
      <c r="HYI677" s="613"/>
      <c r="HYJ677" s="613"/>
      <c r="HYK677" s="613"/>
      <c r="HYL677" s="613"/>
      <c r="HYM677" s="613"/>
      <c r="HYN677" s="613"/>
      <c r="HYO677" s="613"/>
      <c r="HYP677" s="613"/>
      <c r="HYQ677" s="613"/>
      <c r="HYR677" s="613"/>
      <c r="HYS677" s="613"/>
      <c r="HYT677" s="613"/>
      <c r="HYU677" s="613"/>
      <c r="HYV677" s="613"/>
      <c r="HYW677" s="613"/>
      <c r="HYX677" s="613"/>
      <c r="HYY677" s="613"/>
      <c r="HYZ677" s="613"/>
      <c r="HZA677" s="613"/>
      <c r="HZB677" s="613"/>
      <c r="HZC677" s="613"/>
      <c r="HZD677" s="613"/>
      <c r="HZE677" s="613"/>
      <c r="HZF677" s="613"/>
      <c r="HZG677" s="613"/>
      <c r="HZH677" s="613"/>
      <c r="HZI677" s="613"/>
      <c r="HZJ677" s="613"/>
      <c r="HZK677" s="613"/>
      <c r="HZL677" s="613"/>
      <c r="HZM677" s="613"/>
      <c r="HZN677" s="613"/>
      <c r="HZO677" s="613"/>
      <c r="HZP677" s="613"/>
      <c r="HZQ677" s="613"/>
      <c r="HZR677" s="613"/>
      <c r="HZS677" s="613"/>
      <c r="HZT677" s="613"/>
      <c r="HZU677" s="613"/>
      <c r="HZV677" s="613"/>
      <c r="HZW677" s="613"/>
      <c r="HZX677" s="613"/>
      <c r="HZY677" s="613"/>
      <c r="HZZ677" s="613"/>
      <c r="IAA677" s="613"/>
      <c r="IAB677" s="613"/>
      <c r="IAC677" s="613"/>
      <c r="IAD677" s="613"/>
      <c r="IAE677" s="613"/>
      <c r="IAF677" s="613"/>
      <c r="IAG677" s="613"/>
      <c r="IAH677" s="613"/>
      <c r="IAI677" s="613"/>
      <c r="IAJ677" s="613"/>
      <c r="IAK677" s="613"/>
      <c r="IAL677" s="613"/>
      <c r="IAM677" s="613"/>
      <c r="IAN677" s="613"/>
      <c r="IAO677" s="613"/>
      <c r="IAP677" s="613"/>
      <c r="IAQ677" s="613"/>
      <c r="IAR677" s="613"/>
      <c r="IAS677" s="613"/>
      <c r="IAT677" s="613"/>
      <c r="IAU677" s="613"/>
      <c r="IAV677" s="613"/>
      <c r="IAW677" s="613"/>
      <c r="IAX677" s="613"/>
      <c r="IAY677" s="613"/>
      <c r="IAZ677" s="613"/>
      <c r="IBA677" s="613"/>
      <c r="IBB677" s="613"/>
      <c r="IBC677" s="613"/>
      <c r="IBD677" s="613"/>
      <c r="IBE677" s="613"/>
      <c r="IBF677" s="613"/>
      <c r="IBG677" s="613"/>
      <c r="IBH677" s="613"/>
      <c r="IBI677" s="613"/>
      <c r="IBJ677" s="613"/>
      <c r="IBK677" s="613"/>
      <c r="IBL677" s="613"/>
      <c r="IBM677" s="613"/>
      <c r="IBN677" s="613"/>
      <c r="IBO677" s="613"/>
      <c r="IBP677" s="613"/>
      <c r="IBQ677" s="613"/>
      <c r="IBR677" s="613"/>
      <c r="IBS677" s="613"/>
      <c r="IBT677" s="613"/>
      <c r="IBU677" s="613"/>
      <c r="IBV677" s="613"/>
      <c r="IBW677" s="613"/>
      <c r="IBX677" s="613"/>
      <c r="IBY677" s="613"/>
      <c r="IBZ677" s="613"/>
      <c r="ICA677" s="613"/>
      <c r="ICB677" s="613"/>
      <c r="ICC677" s="613"/>
      <c r="ICD677" s="613"/>
      <c r="ICE677" s="613"/>
      <c r="ICF677" s="613"/>
      <c r="ICG677" s="613"/>
      <c r="ICH677" s="613"/>
      <c r="ICI677" s="613"/>
      <c r="ICJ677" s="613"/>
      <c r="ICK677" s="613"/>
      <c r="ICL677" s="613"/>
      <c r="ICM677" s="613"/>
      <c r="ICN677" s="613"/>
      <c r="ICO677" s="613"/>
      <c r="ICP677" s="613"/>
      <c r="ICQ677" s="613"/>
      <c r="ICR677" s="613"/>
      <c r="ICS677" s="613"/>
      <c r="ICT677" s="613"/>
      <c r="ICU677" s="613"/>
      <c r="ICV677" s="613"/>
      <c r="ICW677" s="613"/>
      <c r="ICX677" s="613"/>
      <c r="ICY677" s="613"/>
      <c r="ICZ677" s="613"/>
      <c r="IDA677" s="613"/>
      <c r="IDB677" s="613"/>
      <c r="IDC677" s="613"/>
      <c r="IDD677" s="613"/>
      <c r="IDE677" s="613"/>
      <c r="IDF677" s="613"/>
      <c r="IDG677" s="613"/>
      <c r="IDH677" s="613"/>
      <c r="IDI677" s="613"/>
      <c r="IDJ677" s="613"/>
      <c r="IDK677" s="613"/>
      <c r="IDL677" s="613"/>
      <c r="IDM677" s="613"/>
      <c r="IDN677" s="613"/>
      <c r="IDO677" s="613"/>
      <c r="IDP677" s="613"/>
      <c r="IDQ677" s="613"/>
      <c r="IDR677" s="613"/>
      <c r="IDS677" s="613"/>
      <c r="IDT677" s="613"/>
      <c r="IDU677" s="613"/>
      <c r="IDV677" s="613"/>
      <c r="IDW677" s="613"/>
      <c r="IDX677" s="613"/>
      <c r="IDY677" s="613"/>
      <c r="IDZ677" s="613"/>
      <c r="IEA677" s="613"/>
      <c r="IEB677" s="613"/>
      <c r="IEC677" s="613"/>
      <c r="IED677" s="613"/>
      <c r="IEE677" s="613"/>
      <c r="IEF677" s="613"/>
      <c r="IEG677" s="613"/>
      <c r="IEH677" s="613"/>
      <c r="IEI677" s="613"/>
      <c r="IEJ677" s="613"/>
      <c r="IEK677" s="613"/>
      <c r="IEL677" s="613"/>
      <c r="IEM677" s="613"/>
      <c r="IEN677" s="613"/>
      <c r="IEO677" s="613"/>
      <c r="IEP677" s="613"/>
      <c r="IEQ677" s="613"/>
      <c r="IER677" s="613"/>
      <c r="IES677" s="613"/>
      <c r="IET677" s="613"/>
      <c r="IEU677" s="613"/>
      <c r="IEV677" s="613"/>
      <c r="IEW677" s="613"/>
      <c r="IEX677" s="613"/>
      <c r="IEY677" s="613"/>
      <c r="IEZ677" s="613"/>
      <c r="IFA677" s="613"/>
      <c r="IFB677" s="613"/>
      <c r="IFC677" s="613"/>
      <c r="IFD677" s="613"/>
      <c r="IFE677" s="613"/>
      <c r="IFF677" s="613"/>
      <c r="IFG677" s="613"/>
      <c r="IFH677" s="613"/>
      <c r="IFI677" s="613"/>
      <c r="IFJ677" s="613"/>
      <c r="IFK677" s="613"/>
      <c r="IFL677" s="613"/>
      <c r="IFM677" s="613"/>
      <c r="IFN677" s="613"/>
      <c r="IFO677" s="613"/>
      <c r="IFP677" s="613"/>
      <c r="IFQ677" s="613"/>
      <c r="IFR677" s="613"/>
      <c r="IFS677" s="613"/>
      <c r="IFT677" s="613"/>
      <c r="IFU677" s="613"/>
      <c r="IFV677" s="613"/>
      <c r="IFW677" s="613"/>
      <c r="IFX677" s="613"/>
      <c r="IFY677" s="613"/>
      <c r="IFZ677" s="613"/>
      <c r="IGA677" s="613"/>
      <c r="IGB677" s="613"/>
      <c r="IGC677" s="613"/>
      <c r="IGD677" s="613"/>
      <c r="IGE677" s="613"/>
      <c r="IGF677" s="613"/>
      <c r="IGG677" s="613"/>
      <c r="IGH677" s="613"/>
      <c r="IGI677" s="613"/>
      <c r="IGJ677" s="613"/>
      <c r="IGK677" s="613"/>
      <c r="IGL677" s="613"/>
      <c r="IGM677" s="613"/>
      <c r="IGN677" s="613"/>
      <c r="IGO677" s="613"/>
      <c r="IGP677" s="613"/>
      <c r="IGQ677" s="613"/>
      <c r="IGR677" s="613"/>
      <c r="IGS677" s="613"/>
      <c r="IGT677" s="613"/>
      <c r="IGU677" s="613"/>
      <c r="IGV677" s="613"/>
      <c r="IGW677" s="613"/>
      <c r="IGX677" s="613"/>
      <c r="IGY677" s="613"/>
      <c r="IGZ677" s="613"/>
      <c r="IHA677" s="613"/>
      <c r="IHB677" s="613"/>
      <c r="IHC677" s="613"/>
      <c r="IHD677" s="613"/>
      <c r="IHE677" s="613"/>
      <c r="IHF677" s="613"/>
      <c r="IHG677" s="613"/>
      <c r="IHH677" s="613"/>
      <c r="IHI677" s="613"/>
      <c r="IHJ677" s="613"/>
      <c r="IHK677" s="613"/>
      <c r="IHL677" s="613"/>
      <c r="IHM677" s="613"/>
      <c r="IHN677" s="613"/>
      <c r="IHO677" s="613"/>
      <c r="IHP677" s="613"/>
      <c r="IHQ677" s="613"/>
      <c r="IHR677" s="613"/>
      <c r="IHS677" s="613"/>
      <c r="IHT677" s="613"/>
      <c r="IHU677" s="613"/>
      <c r="IHV677" s="613"/>
      <c r="IHW677" s="613"/>
      <c r="IHX677" s="613"/>
      <c r="IHY677" s="613"/>
      <c r="IHZ677" s="613"/>
      <c r="IIA677" s="613"/>
      <c r="IIB677" s="613"/>
      <c r="IIC677" s="613"/>
      <c r="IID677" s="613"/>
      <c r="IIE677" s="613"/>
      <c r="IIF677" s="613"/>
      <c r="IIG677" s="613"/>
      <c r="IIH677" s="613"/>
      <c r="III677" s="613"/>
      <c r="IIJ677" s="613"/>
      <c r="IIK677" s="613"/>
      <c r="IIL677" s="613"/>
      <c r="IIM677" s="613"/>
      <c r="IIN677" s="613"/>
      <c r="IIO677" s="613"/>
      <c r="IIP677" s="613"/>
      <c r="IIQ677" s="613"/>
      <c r="IIR677" s="613"/>
      <c r="IIS677" s="613"/>
      <c r="IIT677" s="613"/>
      <c r="IIU677" s="613"/>
      <c r="IIV677" s="613"/>
      <c r="IIW677" s="613"/>
      <c r="IIX677" s="613"/>
      <c r="IIY677" s="613"/>
      <c r="IIZ677" s="613"/>
      <c r="IJA677" s="613"/>
      <c r="IJB677" s="613"/>
      <c r="IJC677" s="613"/>
      <c r="IJD677" s="613"/>
      <c r="IJE677" s="613"/>
      <c r="IJF677" s="613"/>
      <c r="IJG677" s="613"/>
      <c r="IJH677" s="613"/>
      <c r="IJI677" s="613"/>
      <c r="IJJ677" s="613"/>
      <c r="IJK677" s="613"/>
      <c r="IJL677" s="613"/>
      <c r="IJM677" s="613"/>
      <c r="IJN677" s="613"/>
      <c r="IJO677" s="613"/>
      <c r="IJP677" s="613"/>
      <c r="IJQ677" s="613"/>
      <c r="IJR677" s="613"/>
      <c r="IJS677" s="613"/>
      <c r="IJT677" s="613"/>
      <c r="IJU677" s="613"/>
      <c r="IJV677" s="613"/>
      <c r="IJW677" s="613"/>
      <c r="IJX677" s="613"/>
      <c r="IJY677" s="613"/>
      <c r="IJZ677" s="613"/>
      <c r="IKA677" s="613"/>
      <c r="IKB677" s="613"/>
      <c r="IKC677" s="613"/>
      <c r="IKD677" s="613"/>
      <c r="IKE677" s="613"/>
      <c r="IKF677" s="613"/>
      <c r="IKG677" s="613"/>
      <c r="IKH677" s="613"/>
      <c r="IKI677" s="613"/>
      <c r="IKJ677" s="613"/>
      <c r="IKK677" s="613"/>
      <c r="IKL677" s="613"/>
      <c r="IKM677" s="613"/>
      <c r="IKN677" s="613"/>
      <c r="IKO677" s="613"/>
      <c r="IKP677" s="613"/>
      <c r="IKQ677" s="613"/>
      <c r="IKR677" s="613"/>
      <c r="IKS677" s="613"/>
      <c r="IKT677" s="613"/>
      <c r="IKU677" s="613"/>
      <c r="IKV677" s="613"/>
      <c r="IKW677" s="613"/>
      <c r="IKX677" s="613"/>
      <c r="IKY677" s="613"/>
      <c r="IKZ677" s="613"/>
      <c r="ILA677" s="613"/>
      <c r="ILB677" s="613"/>
      <c r="ILC677" s="613"/>
      <c r="ILD677" s="613"/>
      <c r="ILE677" s="613"/>
      <c r="ILF677" s="613"/>
      <c r="ILG677" s="613"/>
      <c r="ILH677" s="613"/>
      <c r="ILI677" s="613"/>
      <c r="ILJ677" s="613"/>
      <c r="ILK677" s="613"/>
      <c r="ILL677" s="613"/>
      <c r="ILM677" s="613"/>
      <c r="ILN677" s="613"/>
      <c r="ILO677" s="613"/>
      <c r="ILP677" s="613"/>
      <c r="ILQ677" s="613"/>
      <c r="ILR677" s="613"/>
      <c r="ILS677" s="613"/>
      <c r="ILT677" s="613"/>
      <c r="ILU677" s="613"/>
      <c r="ILV677" s="613"/>
      <c r="ILW677" s="613"/>
      <c r="ILX677" s="613"/>
      <c r="ILY677" s="613"/>
      <c r="ILZ677" s="613"/>
      <c r="IMA677" s="613"/>
      <c r="IMB677" s="613"/>
      <c r="IMC677" s="613"/>
      <c r="IMD677" s="613"/>
      <c r="IME677" s="613"/>
      <c r="IMF677" s="613"/>
      <c r="IMG677" s="613"/>
      <c r="IMH677" s="613"/>
      <c r="IMI677" s="613"/>
      <c r="IMJ677" s="613"/>
      <c r="IMK677" s="613"/>
      <c r="IML677" s="613"/>
      <c r="IMM677" s="613"/>
      <c r="IMN677" s="613"/>
      <c r="IMO677" s="613"/>
      <c r="IMP677" s="613"/>
      <c r="IMQ677" s="613"/>
      <c r="IMR677" s="613"/>
      <c r="IMS677" s="613"/>
      <c r="IMT677" s="613"/>
      <c r="IMU677" s="613"/>
      <c r="IMV677" s="613"/>
      <c r="IMW677" s="613"/>
      <c r="IMX677" s="613"/>
      <c r="IMY677" s="613"/>
      <c r="IMZ677" s="613"/>
      <c r="INA677" s="613"/>
      <c r="INB677" s="613"/>
      <c r="INC677" s="613"/>
      <c r="IND677" s="613"/>
      <c r="INE677" s="613"/>
      <c r="INF677" s="613"/>
      <c r="ING677" s="613"/>
      <c r="INH677" s="613"/>
      <c r="INI677" s="613"/>
      <c r="INJ677" s="613"/>
      <c r="INK677" s="613"/>
      <c r="INL677" s="613"/>
      <c r="INM677" s="613"/>
      <c r="INN677" s="613"/>
      <c r="INO677" s="613"/>
      <c r="INP677" s="613"/>
      <c r="INQ677" s="613"/>
      <c r="INR677" s="613"/>
      <c r="INS677" s="613"/>
      <c r="INT677" s="613"/>
      <c r="INU677" s="613"/>
      <c r="INV677" s="613"/>
      <c r="INW677" s="613"/>
      <c r="INX677" s="613"/>
      <c r="INY677" s="613"/>
      <c r="INZ677" s="613"/>
      <c r="IOA677" s="613"/>
      <c r="IOB677" s="613"/>
      <c r="IOC677" s="613"/>
      <c r="IOD677" s="613"/>
      <c r="IOE677" s="613"/>
      <c r="IOF677" s="613"/>
      <c r="IOG677" s="613"/>
      <c r="IOH677" s="613"/>
      <c r="IOI677" s="613"/>
      <c r="IOJ677" s="613"/>
      <c r="IOK677" s="613"/>
      <c r="IOL677" s="613"/>
      <c r="IOM677" s="613"/>
      <c r="ION677" s="613"/>
      <c r="IOO677" s="613"/>
      <c r="IOP677" s="613"/>
      <c r="IOQ677" s="613"/>
      <c r="IOR677" s="613"/>
      <c r="IOS677" s="613"/>
      <c r="IOT677" s="613"/>
      <c r="IOU677" s="613"/>
      <c r="IOV677" s="613"/>
      <c r="IOW677" s="613"/>
      <c r="IOX677" s="613"/>
      <c r="IOY677" s="613"/>
      <c r="IOZ677" s="613"/>
      <c r="IPA677" s="613"/>
      <c r="IPB677" s="613"/>
      <c r="IPC677" s="613"/>
      <c r="IPD677" s="613"/>
      <c r="IPE677" s="613"/>
      <c r="IPF677" s="613"/>
      <c r="IPG677" s="613"/>
      <c r="IPH677" s="613"/>
      <c r="IPI677" s="613"/>
      <c r="IPJ677" s="613"/>
      <c r="IPK677" s="613"/>
      <c r="IPL677" s="613"/>
      <c r="IPM677" s="613"/>
      <c r="IPN677" s="613"/>
      <c r="IPO677" s="613"/>
      <c r="IPP677" s="613"/>
      <c r="IPQ677" s="613"/>
      <c r="IPR677" s="613"/>
      <c r="IPS677" s="613"/>
      <c r="IPT677" s="613"/>
      <c r="IPU677" s="613"/>
      <c r="IPV677" s="613"/>
      <c r="IPW677" s="613"/>
      <c r="IPX677" s="613"/>
      <c r="IPY677" s="613"/>
      <c r="IPZ677" s="613"/>
      <c r="IQA677" s="613"/>
      <c r="IQB677" s="613"/>
      <c r="IQC677" s="613"/>
      <c r="IQD677" s="613"/>
      <c r="IQE677" s="613"/>
      <c r="IQF677" s="613"/>
      <c r="IQG677" s="613"/>
      <c r="IQH677" s="613"/>
      <c r="IQI677" s="613"/>
      <c r="IQJ677" s="613"/>
      <c r="IQK677" s="613"/>
      <c r="IQL677" s="613"/>
      <c r="IQM677" s="613"/>
      <c r="IQN677" s="613"/>
      <c r="IQO677" s="613"/>
      <c r="IQP677" s="613"/>
      <c r="IQQ677" s="613"/>
      <c r="IQR677" s="613"/>
      <c r="IQS677" s="613"/>
      <c r="IQT677" s="613"/>
      <c r="IQU677" s="613"/>
      <c r="IQV677" s="613"/>
      <c r="IQW677" s="613"/>
      <c r="IQX677" s="613"/>
      <c r="IQY677" s="613"/>
      <c r="IQZ677" s="613"/>
      <c r="IRA677" s="613"/>
      <c r="IRB677" s="613"/>
      <c r="IRC677" s="613"/>
      <c r="IRD677" s="613"/>
      <c r="IRE677" s="613"/>
      <c r="IRF677" s="613"/>
      <c r="IRG677" s="613"/>
      <c r="IRH677" s="613"/>
      <c r="IRI677" s="613"/>
      <c r="IRJ677" s="613"/>
      <c r="IRK677" s="613"/>
      <c r="IRL677" s="613"/>
      <c r="IRM677" s="613"/>
      <c r="IRN677" s="613"/>
      <c r="IRO677" s="613"/>
      <c r="IRP677" s="613"/>
      <c r="IRQ677" s="613"/>
      <c r="IRR677" s="613"/>
      <c r="IRS677" s="613"/>
      <c r="IRT677" s="613"/>
      <c r="IRU677" s="613"/>
      <c r="IRV677" s="613"/>
      <c r="IRW677" s="613"/>
      <c r="IRX677" s="613"/>
      <c r="IRY677" s="613"/>
      <c r="IRZ677" s="613"/>
      <c r="ISA677" s="613"/>
      <c r="ISB677" s="613"/>
      <c r="ISC677" s="613"/>
      <c r="ISD677" s="613"/>
      <c r="ISE677" s="613"/>
      <c r="ISF677" s="613"/>
      <c r="ISG677" s="613"/>
      <c r="ISH677" s="613"/>
      <c r="ISI677" s="613"/>
      <c r="ISJ677" s="613"/>
      <c r="ISK677" s="613"/>
      <c r="ISL677" s="613"/>
      <c r="ISM677" s="613"/>
      <c r="ISN677" s="613"/>
      <c r="ISO677" s="613"/>
      <c r="ISP677" s="613"/>
      <c r="ISQ677" s="613"/>
      <c r="ISR677" s="613"/>
      <c r="ISS677" s="613"/>
      <c r="IST677" s="613"/>
      <c r="ISU677" s="613"/>
      <c r="ISV677" s="613"/>
      <c r="ISW677" s="613"/>
      <c r="ISX677" s="613"/>
      <c r="ISY677" s="613"/>
      <c r="ISZ677" s="613"/>
      <c r="ITA677" s="613"/>
      <c r="ITB677" s="613"/>
      <c r="ITC677" s="613"/>
      <c r="ITD677" s="613"/>
      <c r="ITE677" s="613"/>
      <c r="ITF677" s="613"/>
      <c r="ITG677" s="613"/>
      <c r="ITH677" s="613"/>
      <c r="ITI677" s="613"/>
      <c r="ITJ677" s="613"/>
      <c r="ITK677" s="613"/>
      <c r="ITL677" s="613"/>
      <c r="ITM677" s="613"/>
      <c r="ITN677" s="613"/>
      <c r="ITO677" s="613"/>
      <c r="ITP677" s="613"/>
      <c r="ITQ677" s="613"/>
      <c r="ITR677" s="613"/>
      <c r="ITS677" s="613"/>
      <c r="ITT677" s="613"/>
      <c r="ITU677" s="613"/>
      <c r="ITV677" s="613"/>
      <c r="ITW677" s="613"/>
      <c r="ITX677" s="613"/>
      <c r="ITY677" s="613"/>
      <c r="ITZ677" s="613"/>
      <c r="IUA677" s="613"/>
      <c r="IUB677" s="613"/>
      <c r="IUC677" s="613"/>
      <c r="IUD677" s="613"/>
      <c r="IUE677" s="613"/>
      <c r="IUF677" s="613"/>
      <c r="IUG677" s="613"/>
      <c r="IUH677" s="613"/>
      <c r="IUI677" s="613"/>
      <c r="IUJ677" s="613"/>
      <c r="IUK677" s="613"/>
      <c r="IUL677" s="613"/>
      <c r="IUM677" s="613"/>
      <c r="IUN677" s="613"/>
      <c r="IUO677" s="613"/>
      <c r="IUP677" s="613"/>
      <c r="IUQ677" s="613"/>
      <c r="IUR677" s="613"/>
      <c r="IUS677" s="613"/>
      <c r="IUT677" s="613"/>
      <c r="IUU677" s="613"/>
      <c r="IUV677" s="613"/>
      <c r="IUW677" s="613"/>
      <c r="IUX677" s="613"/>
      <c r="IUY677" s="613"/>
      <c r="IUZ677" s="613"/>
      <c r="IVA677" s="613"/>
      <c r="IVB677" s="613"/>
      <c r="IVC677" s="613"/>
      <c r="IVD677" s="613"/>
      <c r="IVE677" s="613"/>
      <c r="IVF677" s="613"/>
      <c r="IVG677" s="613"/>
      <c r="IVH677" s="613"/>
      <c r="IVI677" s="613"/>
      <c r="IVJ677" s="613"/>
      <c r="IVK677" s="613"/>
      <c r="IVL677" s="613"/>
      <c r="IVM677" s="613"/>
      <c r="IVN677" s="613"/>
      <c r="IVO677" s="613"/>
      <c r="IVP677" s="613"/>
      <c r="IVQ677" s="613"/>
      <c r="IVR677" s="613"/>
      <c r="IVS677" s="613"/>
      <c r="IVT677" s="613"/>
      <c r="IVU677" s="613"/>
      <c r="IVV677" s="613"/>
      <c r="IVW677" s="613"/>
      <c r="IVX677" s="613"/>
      <c r="IVY677" s="613"/>
      <c r="IVZ677" s="613"/>
      <c r="IWA677" s="613"/>
      <c r="IWB677" s="613"/>
      <c r="IWC677" s="613"/>
      <c r="IWD677" s="613"/>
      <c r="IWE677" s="613"/>
      <c r="IWF677" s="613"/>
      <c r="IWG677" s="613"/>
      <c r="IWH677" s="613"/>
      <c r="IWI677" s="613"/>
      <c r="IWJ677" s="613"/>
      <c r="IWK677" s="613"/>
      <c r="IWL677" s="613"/>
      <c r="IWM677" s="613"/>
      <c r="IWN677" s="613"/>
      <c r="IWO677" s="613"/>
      <c r="IWP677" s="613"/>
      <c r="IWQ677" s="613"/>
      <c r="IWR677" s="613"/>
      <c r="IWS677" s="613"/>
      <c r="IWT677" s="613"/>
      <c r="IWU677" s="613"/>
      <c r="IWV677" s="613"/>
      <c r="IWW677" s="613"/>
      <c r="IWX677" s="613"/>
      <c r="IWY677" s="613"/>
      <c r="IWZ677" s="613"/>
      <c r="IXA677" s="613"/>
      <c r="IXB677" s="613"/>
      <c r="IXC677" s="613"/>
      <c r="IXD677" s="613"/>
      <c r="IXE677" s="613"/>
      <c r="IXF677" s="613"/>
      <c r="IXG677" s="613"/>
      <c r="IXH677" s="613"/>
      <c r="IXI677" s="613"/>
      <c r="IXJ677" s="613"/>
      <c r="IXK677" s="613"/>
      <c r="IXL677" s="613"/>
      <c r="IXM677" s="613"/>
      <c r="IXN677" s="613"/>
      <c r="IXO677" s="613"/>
      <c r="IXP677" s="613"/>
      <c r="IXQ677" s="613"/>
      <c r="IXR677" s="613"/>
      <c r="IXS677" s="613"/>
      <c r="IXT677" s="613"/>
      <c r="IXU677" s="613"/>
      <c r="IXV677" s="613"/>
      <c r="IXW677" s="613"/>
      <c r="IXX677" s="613"/>
      <c r="IXY677" s="613"/>
      <c r="IXZ677" s="613"/>
      <c r="IYA677" s="613"/>
      <c r="IYB677" s="613"/>
      <c r="IYC677" s="613"/>
      <c r="IYD677" s="613"/>
      <c r="IYE677" s="613"/>
      <c r="IYF677" s="613"/>
      <c r="IYG677" s="613"/>
      <c r="IYH677" s="613"/>
      <c r="IYI677" s="613"/>
      <c r="IYJ677" s="613"/>
      <c r="IYK677" s="613"/>
      <c r="IYL677" s="613"/>
      <c r="IYM677" s="613"/>
      <c r="IYN677" s="613"/>
      <c r="IYO677" s="613"/>
      <c r="IYP677" s="613"/>
      <c r="IYQ677" s="613"/>
      <c r="IYR677" s="613"/>
      <c r="IYS677" s="613"/>
      <c r="IYT677" s="613"/>
      <c r="IYU677" s="613"/>
      <c r="IYV677" s="613"/>
      <c r="IYW677" s="613"/>
      <c r="IYX677" s="613"/>
      <c r="IYY677" s="613"/>
      <c r="IYZ677" s="613"/>
      <c r="IZA677" s="613"/>
      <c r="IZB677" s="613"/>
      <c r="IZC677" s="613"/>
      <c r="IZD677" s="613"/>
      <c r="IZE677" s="613"/>
      <c r="IZF677" s="613"/>
      <c r="IZG677" s="613"/>
      <c r="IZH677" s="613"/>
      <c r="IZI677" s="613"/>
      <c r="IZJ677" s="613"/>
      <c r="IZK677" s="613"/>
      <c r="IZL677" s="613"/>
      <c r="IZM677" s="613"/>
      <c r="IZN677" s="613"/>
      <c r="IZO677" s="613"/>
      <c r="IZP677" s="613"/>
      <c r="IZQ677" s="613"/>
      <c r="IZR677" s="613"/>
      <c r="IZS677" s="613"/>
      <c r="IZT677" s="613"/>
      <c r="IZU677" s="613"/>
      <c r="IZV677" s="613"/>
      <c r="IZW677" s="613"/>
      <c r="IZX677" s="613"/>
      <c r="IZY677" s="613"/>
      <c r="IZZ677" s="613"/>
      <c r="JAA677" s="613"/>
      <c r="JAB677" s="613"/>
      <c r="JAC677" s="613"/>
      <c r="JAD677" s="613"/>
      <c r="JAE677" s="613"/>
      <c r="JAF677" s="613"/>
      <c r="JAG677" s="613"/>
      <c r="JAH677" s="613"/>
      <c r="JAI677" s="613"/>
      <c r="JAJ677" s="613"/>
      <c r="JAK677" s="613"/>
      <c r="JAL677" s="613"/>
      <c r="JAM677" s="613"/>
      <c r="JAN677" s="613"/>
      <c r="JAO677" s="613"/>
      <c r="JAP677" s="613"/>
      <c r="JAQ677" s="613"/>
      <c r="JAR677" s="613"/>
      <c r="JAS677" s="613"/>
      <c r="JAT677" s="613"/>
      <c r="JAU677" s="613"/>
      <c r="JAV677" s="613"/>
      <c r="JAW677" s="613"/>
      <c r="JAX677" s="613"/>
      <c r="JAY677" s="613"/>
      <c r="JAZ677" s="613"/>
      <c r="JBA677" s="613"/>
      <c r="JBB677" s="613"/>
      <c r="JBC677" s="613"/>
      <c r="JBD677" s="613"/>
      <c r="JBE677" s="613"/>
      <c r="JBF677" s="613"/>
      <c r="JBG677" s="613"/>
      <c r="JBH677" s="613"/>
      <c r="JBI677" s="613"/>
      <c r="JBJ677" s="613"/>
      <c r="JBK677" s="613"/>
      <c r="JBL677" s="613"/>
      <c r="JBM677" s="613"/>
      <c r="JBN677" s="613"/>
      <c r="JBO677" s="613"/>
      <c r="JBP677" s="613"/>
      <c r="JBQ677" s="613"/>
      <c r="JBR677" s="613"/>
      <c r="JBS677" s="613"/>
      <c r="JBT677" s="613"/>
      <c r="JBU677" s="613"/>
      <c r="JBV677" s="613"/>
      <c r="JBW677" s="613"/>
      <c r="JBX677" s="613"/>
      <c r="JBY677" s="613"/>
      <c r="JBZ677" s="613"/>
      <c r="JCA677" s="613"/>
      <c r="JCB677" s="613"/>
      <c r="JCC677" s="613"/>
      <c r="JCD677" s="613"/>
      <c r="JCE677" s="613"/>
      <c r="JCF677" s="613"/>
      <c r="JCG677" s="613"/>
      <c r="JCH677" s="613"/>
      <c r="JCI677" s="613"/>
      <c r="JCJ677" s="613"/>
      <c r="JCK677" s="613"/>
      <c r="JCL677" s="613"/>
      <c r="JCM677" s="613"/>
      <c r="JCN677" s="613"/>
      <c r="JCO677" s="613"/>
      <c r="JCP677" s="613"/>
      <c r="JCQ677" s="613"/>
      <c r="JCR677" s="613"/>
      <c r="JCS677" s="613"/>
      <c r="JCT677" s="613"/>
      <c r="JCU677" s="613"/>
      <c r="JCV677" s="613"/>
      <c r="JCW677" s="613"/>
      <c r="JCX677" s="613"/>
      <c r="JCY677" s="613"/>
      <c r="JCZ677" s="613"/>
      <c r="JDA677" s="613"/>
      <c r="JDB677" s="613"/>
      <c r="JDC677" s="613"/>
      <c r="JDD677" s="613"/>
      <c r="JDE677" s="613"/>
      <c r="JDF677" s="613"/>
      <c r="JDG677" s="613"/>
      <c r="JDH677" s="613"/>
      <c r="JDI677" s="613"/>
      <c r="JDJ677" s="613"/>
      <c r="JDK677" s="613"/>
      <c r="JDL677" s="613"/>
      <c r="JDM677" s="613"/>
      <c r="JDN677" s="613"/>
      <c r="JDO677" s="613"/>
      <c r="JDP677" s="613"/>
      <c r="JDQ677" s="613"/>
      <c r="JDR677" s="613"/>
      <c r="JDS677" s="613"/>
      <c r="JDT677" s="613"/>
      <c r="JDU677" s="613"/>
      <c r="JDV677" s="613"/>
      <c r="JDW677" s="613"/>
      <c r="JDX677" s="613"/>
      <c r="JDY677" s="613"/>
      <c r="JDZ677" s="613"/>
      <c r="JEA677" s="613"/>
      <c r="JEB677" s="613"/>
      <c r="JEC677" s="613"/>
      <c r="JED677" s="613"/>
      <c r="JEE677" s="613"/>
      <c r="JEF677" s="613"/>
      <c r="JEG677" s="613"/>
      <c r="JEH677" s="613"/>
      <c r="JEI677" s="613"/>
      <c r="JEJ677" s="613"/>
      <c r="JEK677" s="613"/>
      <c r="JEL677" s="613"/>
      <c r="JEM677" s="613"/>
      <c r="JEN677" s="613"/>
      <c r="JEO677" s="613"/>
      <c r="JEP677" s="613"/>
      <c r="JEQ677" s="613"/>
      <c r="JER677" s="613"/>
      <c r="JES677" s="613"/>
      <c r="JET677" s="613"/>
      <c r="JEU677" s="613"/>
      <c r="JEV677" s="613"/>
      <c r="JEW677" s="613"/>
      <c r="JEX677" s="613"/>
      <c r="JEY677" s="613"/>
      <c r="JEZ677" s="613"/>
      <c r="JFA677" s="613"/>
      <c r="JFB677" s="613"/>
      <c r="JFC677" s="613"/>
      <c r="JFD677" s="613"/>
      <c r="JFE677" s="613"/>
      <c r="JFF677" s="613"/>
      <c r="JFG677" s="613"/>
      <c r="JFH677" s="613"/>
      <c r="JFI677" s="613"/>
      <c r="JFJ677" s="613"/>
      <c r="JFK677" s="613"/>
      <c r="JFL677" s="613"/>
      <c r="JFM677" s="613"/>
      <c r="JFN677" s="613"/>
      <c r="JFO677" s="613"/>
      <c r="JFP677" s="613"/>
      <c r="JFQ677" s="613"/>
      <c r="JFR677" s="613"/>
      <c r="JFS677" s="613"/>
      <c r="JFT677" s="613"/>
      <c r="JFU677" s="613"/>
      <c r="JFV677" s="613"/>
      <c r="JFW677" s="613"/>
      <c r="JFX677" s="613"/>
      <c r="JFY677" s="613"/>
      <c r="JFZ677" s="613"/>
      <c r="JGA677" s="613"/>
      <c r="JGB677" s="613"/>
      <c r="JGC677" s="613"/>
      <c r="JGD677" s="613"/>
      <c r="JGE677" s="613"/>
      <c r="JGF677" s="613"/>
      <c r="JGG677" s="613"/>
      <c r="JGH677" s="613"/>
      <c r="JGI677" s="613"/>
      <c r="JGJ677" s="613"/>
      <c r="JGK677" s="613"/>
      <c r="JGL677" s="613"/>
      <c r="JGM677" s="613"/>
      <c r="JGN677" s="613"/>
      <c r="JGO677" s="613"/>
      <c r="JGP677" s="613"/>
      <c r="JGQ677" s="613"/>
      <c r="JGR677" s="613"/>
      <c r="JGS677" s="613"/>
      <c r="JGT677" s="613"/>
      <c r="JGU677" s="613"/>
      <c r="JGV677" s="613"/>
      <c r="JGW677" s="613"/>
      <c r="JGX677" s="613"/>
      <c r="JGY677" s="613"/>
      <c r="JGZ677" s="613"/>
      <c r="JHA677" s="613"/>
      <c r="JHB677" s="613"/>
      <c r="JHC677" s="613"/>
      <c r="JHD677" s="613"/>
      <c r="JHE677" s="613"/>
      <c r="JHF677" s="613"/>
      <c r="JHG677" s="613"/>
      <c r="JHH677" s="613"/>
      <c r="JHI677" s="613"/>
      <c r="JHJ677" s="613"/>
      <c r="JHK677" s="613"/>
      <c r="JHL677" s="613"/>
      <c r="JHM677" s="613"/>
      <c r="JHN677" s="613"/>
      <c r="JHO677" s="613"/>
      <c r="JHP677" s="613"/>
      <c r="JHQ677" s="613"/>
      <c r="JHR677" s="613"/>
      <c r="JHS677" s="613"/>
      <c r="JHT677" s="613"/>
      <c r="JHU677" s="613"/>
      <c r="JHV677" s="613"/>
      <c r="JHW677" s="613"/>
      <c r="JHX677" s="613"/>
      <c r="JHY677" s="613"/>
      <c r="JHZ677" s="613"/>
      <c r="JIA677" s="613"/>
      <c r="JIB677" s="613"/>
      <c r="JIC677" s="613"/>
      <c r="JID677" s="613"/>
      <c r="JIE677" s="613"/>
      <c r="JIF677" s="613"/>
      <c r="JIG677" s="613"/>
      <c r="JIH677" s="613"/>
      <c r="JII677" s="613"/>
      <c r="JIJ677" s="613"/>
      <c r="JIK677" s="613"/>
      <c r="JIL677" s="613"/>
      <c r="JIM677" s="613"/>
      <c r="JIN677" s="613"/>
      <c r="JIO677" s="613"/>
      <c r="JIP677" s="613"/>
      <c r="JIQ677" s="613"/>
      <c r="JIR677" s="613"/>
      <c r="JIS677" s="613"/>
      <c r="JIT677" s="613"/>
      <c r="JIU677" s="613"/>
      <c r="JIV677" s="613"/>
      <c r="JIW677" s="613"/>
      <c r="JIX677" s="613"/>
      <c r="JIY677" s="613"/>
      <c r="JIZ677" s="613"/>
      <c r="JJA677" s="613"/>
      <c r="JJB677" s="613"/>
      <c r="JJC677" s="613"/>
      <c r="JJD677" s="613"/>
      <c r="JJE677" s="613"/>
      <c r="JJF677" s="613"/>
      <c r="JJG677" s="613"/>
      <c r="JJH677" s="613"/>
      <c r="JJI677" s="613"/>
      <c r="JJJ677" s="613"/>
      <c r="JJK677" s="613"/>
      <c r="JJL677" s="613"/>
      <c r="JJM677" s="613"/>
      <c r="JJN677" s="613"/>
      <c r="JJO677" s="613"/>
      <c r="JJP677" s="613"/>
      <c r="JJQ677" s="613"/>
      <c r="JJR677" s="613"/>
      <c r="JJS677" s="613"/>
      <c r="JJT677" s="613"/>
      <c r="JJU677" s="613"/>
      <c r="JJV677" s="613"/>
      <c r="JJW677" s="613"/>
      <c r="JJX677" s="613"/>
      <c r="JJY677" s="613"/>
      <c r="JJZ677" s="613"/>
      <c r="JKA677" s="613"/>
      <c r="JKB677" s="613"/>
      <c r="JKC677" s="613"/>
      <c r="JKD677" s="613"/>
      <c r="JKE677" s="613"/>
      <c r="JKF677" s="613"/>
      <c r="JKG677" s="613"/>
      <c r="JKH677" s="613"/>
      <c r="JKI677" s="613"/>
      <c r="JKJ677" s="613"/>
      <c r="JKK677" s="613"/>
      <c r="JKL677" s="613"/>
      <c r="JKM677" s="613"/>
      <c r="JKN677" s="613"/>
      <c r="JKO677" s="613"/>
      <c r="JKP677" s="613"/>
      <c r="JKQ677" s="613"/>
      <c r="JKR677" s="613"/>
      <c r="JKS677" s="613"/>
      <c r="JKT677" s="613"/>
      <c r="JKU677" s="613"/>
      <c r="JKV677" s="613"/>
      <c r="JKW677" s="613"/>
      <c r="JKX677" s="613"/>
      <c r="JKY677" s="613"/>
      <c r="JKZ677" s="613"/>
      <c r="JLA677" s="613"/>
      <c r="JLB677" s="613"/>
      <c r="JLC677" s="613"/>
      <c r="JLD677" s="613"/>
      <c r="JLE677" s="613"/>
      <c r="JLF677" s="613"/>
      <c r="JLG677" s="613"/>
      <c r="JLH677" s="613"/>
      <c r="JLI677" s="613"/>
      <c r="JLJ677" s="613"/>
      <c r="JLK677" s="613"/>
      <c r="JLL677" s="613"/>
      <c r="JLM677" s="613"/>
      <c r="JLN677" s="613"/>
      <c r="JLO677" s="613"/>
      <c r="JLP677" s="613"/>
      <c r="JLQ677" s="613"/>
      <c r="JLR677" s="613"/>
      <c r="JLS677" s="613"/>
      <c r="JLT677" s="613"/>
      <c r="JLU677" s="613"/>
      <c r="JLV677" s="613"/>
      <c r="JLW677" s="613"/>
      <c r="JLX677" s="613"/>
      <c r="JLY677" s="613"/>
      <c r="JLZ677" s="613"/>
      <c r="JMA677" s="613"/>
      <c r="JMB677" s="613"/>
      <c r="JMC677" s="613"/>
      <c r="JMD677" s="613"/>
      <c r="JME677" s="613"/>
      <c r="JMF677" s="613"/>
      <c r="JMG677" s="613"/>
      <c r="JMH677" s="613"/>
      <c r="JMI677" s="613"/>
      <c r="JMJ677" s="613"/>
      <c r="JMK677" s="613"/>
      <c r="JML677" s="613"/>
      <c r="JMM677" s="613"/>
      <c r="JMN677" s="613"/>
      <c r="JMO677" s="613"/>
      <c r="JMP677" s="613"/>
      <c r="JMQ677" s="613"/>
      <c r="JMR677" s="613"/>
      <c r="JMS677" s="613"/>
      <c r="JMT677" s="613"/>
      <c r="JMU677" s="613"/>
      <c r="JMV677" s="613"/>
      <c r="JMW677" s="613"/>
      <c r="JMX677" s="613"/>
      <c r="JMY677" s="613"/>
      <c r="JMZ677" s="613"/>
      <c r="JNA677" s="613"/>
      <c r="JNB677" s="613"/>
      <c r="JNC677" s="613"/>
      <c r="JND677" s="613"/>
      <c r="JNE677" s="613"/>
      <c r="JNF677" s="613"/>
      <c r="JNG677" s="613"/>
      <c r="JNH677" s="613"/>
      <c r="JNI677" s="613"/>
      <c r="JNJ677" s="613"/>
      <c r="JNK677" s="613"/>
      <c r="JNL677" s="613"/>
      <c r="JNM677" s="613"/>
      <c r="JNN677" s="613"/>
      <c r="JNO677" s="613"/>
      <c r="JNP677" s="613"/>
      <c r="JNQ677" s="613"/>
      <c r="JNR677" s="613"/>
      <c r="JNS677" s="613"/>
      <c r="JNT677" s="613"/>
      <c r="JNU677" s="613"/>
      <c r="JNV677" s="613"/>
      <c r="JNW677" s="613"/>
      <c r="JNX677" s="613"/>
      <c r="JNY677" s="613"/>
      <c r="JNZ677" s="613"/>
      <c r="JOA677" s="613"/>
      <c r="JOB677" s="613"/>
      <c r="JOC677" s="613"/>
      <c r="JOD677" s="613"/>
      <c r="JOE677" s="613"/>
      <c r="JOF677" s="613"/>
      <c r="JOG677" s="613"/>
      <c r="JOH677" s="613"/>
      <c r="JOI677" s="613"/>
      <c r="JOJ677" s="613"/>
      <c r="JOK677" s="613"/>
      <c r="JOL677" s="613"/>
      <c r="JOM677" s="613"/>
      <c r="JON677" s="613"/>
      <c r="JOO677" s="613"/>
      <c r="JOP677" s="613"/>
      <c r="JOQ677" s="613"/>
      <c r="JOR677" s="613"/>
      <c r="JOS677" s="613"/>
      <c r="JOT677" s="613"/>
      <c r="JOU677" s="613"/>
      <c r="JOV677" s="613"/>
      <c r="JOW677" s="613"/>
      <c r="JOX677" s="613"/>
      <c r="JOY677" s="613"/>
      <c r="JOZ677" s="613"/>
      <c r="JPA677" s="613"/>
      <c r="JPB677" s="613"/>
      <c r="JPC677" s="613"/>
      <c r="JPD677" s="613"/>
      <c r="JPE677" s="613"/>
      <c r="JPF677" s="613"/>
      <c r="JPG677" s="613"/>
      <c r="JPH677" s="613"/>
      <c r="JPI677" s="613"/>
      <c r="JPJ677" s="613"/>
      <c r="JPK677" s="613"/>
      <c r="JPL677" s="613"/>
      <c r="JPM677" s="613"/>
      <c r="JPN677" s="613"/>
      <c r="JPO677" s="613"/>
      <c r="JPP677" s="613"/>
      <c r="JPQ677" s="613"/>
      <c r="JPR677" s="613"/>
      <c r="JPS677" s="613"/>
      <c r="JPT677" s="613"/>
      <c r="JPU677" s="613"/>
      <c r="JPV677" s="613"/>
      <c r="JPW677" s="613"/>
      <c r="JPX677" s="613"/>
      <c r="JPY677" s="613"/>
      <c r="JPZ677" s="613"/>
      <c r="JQA677" s="613"/>
      <c r="JQB677" s="613"/>
      <c r="JQC677" s="613"/>
      <c r="JQD677" s="613"/>
      <c r="JQE677" s="613"/>
      <c r="JQF677" s="613"/>
      <c r="JQG677" s="613"/>
      <c r="JQH677" s="613"/>
      <c r="JQI677" s="613"/>
      <c r="JQJ677" s="613"/>
      <c r="JQK677" s="613"/>
      <c r="JQL677" s="613"/>
      <c r="JQM677" s="613"/>
      <c r="JQN677" s="613"/>
      <c r="JQO677" s="613"/>
      <c r="JQP677" s="613"/>
      <c r="JQQ677" s="613"/>
      <c r="JQR677" s="613"/>
      <c r="JQS677" s="613"/>
      <c r="JQT677" s="613"/>
      <c r="JQU677" s="613"/>
      <c r="JQV677" s="613"/>
      <c r="JQW677" s="613"/>
      <c r="JQX677" s="613"/>
      <c r="JQY677" s="613"/>
      <c r="JQZ677" s="613"/>
      <c r="JRA677" s="613"/>
      <c r="JRB677" s="613"/>
      <c r="JRC677" s="613"/>
      <c r="JRD677" s="613"/>
      <c r="JRE677" s="613"/>
      <c r="JRF677" s="613"/>
      <c r="JRG677" s="613"/>
      <c r="JRH677" s="613"/>
      <c r="JRI677" s="613"/>
      <c r="JRJ677" s="613"/>
      <c r="JRK677" s="613"/>
      <c r="JRL677" s="613"/>
      <c r="JRM677" s="613"/>
      <c r="JRN677" s="613"/>
      <c r="JRO677" s="613"/>
      <c r="JRP677" s="613"/>
      <c r="JRQ677" s="613"/>
      <c r="JRR677" s="613"/>
      <c r="JRS677" s="613"/>
      <c r="JRT677" s="613"/>
      <c r="JRU677" s="613"/>
      <c r="JRV677" s="613"/>
      <c r="JRW677" s="613"/>
      <c r="JRX677" s="613"/>
      <c r="JRY677" s="613"/>
      <c r="JRZ677" s="613"/>
      <c r="JSA677" s="613"/>
      <c r="JSB677" s="613"/>
      <c r="JSC677" s="613"/>
      <c r="JSD677" s="613"/>
      <c r="JSE677" s="613"/>
      <c r="JSF677" s="613"/>
      <c r="JSG677" s="613"/>
      <c r="JSH677" s="613"/>
      <c r="JSI677" s="613"/>
      <c r="JSJ677" s="613"/>
      <c r="JSK677" s="613"/>
      <c r="JSL677" s="613"/>
      <c r="JSM677" s="613"/>
      <c r="JSN677" s="613"/>
      <c r="JSO677" s="613"/>
      <c r="JSP677" s="613"/>
      <c r="JSQ677" s="613"/>
      <c r="JSR677" s="613"/>
      <c r="JSS677" s="613"/>
      <c r="JST677" s="613"/>
      <c r="JSU677" s="613"/>
      <c r="JSV677" s="613"/>
      <c r="JSW677" s="613"/>
      <c r="JSX677" s="613"/>
      <c r="JSY677" s="613"/>
      <c r="JSZ677" s="613"/>
      <c r="JTA677" s="613"/>
      <c r="JTB677" s="613"/>
      <c r="JTC677" s="613"/>
      <c r="JTD677" s="613"/>
      <c r="JTE677" s="613"/>
      <c r="JTF677" s="613"/>
      <c r="JTG677" s="613"/>
      <c r="JTH677" s="613"/>
      <c r="JTI677" s="613"/>
      <c r="JTJ677" s="613"/>
      <c r="JTK677" s="613"/>
      <c r="JTL677" s="613"/>
      <c r="JTM677" s="613"/>
      <c r="JTN677" s="613"/>
      <c r="JTO677" s="613"/>
      <c r="JTP677" s="613"/>
      <c r="JTQ677" s="613"/>
      <c r="JTR677" s="613"/>
      <c r="JTS677" s="613"/>
      <c r="JTT677" s="613"/>
      <c r="JTU677" s="613"/>
      <c r="JTV677" s="613"/>
      <c r="JTW677" s="613"/>
      <c r="JTX677" s="613"/>
      <c r="JTY677" s="613"/>
      <c r="JTZ677" s="613"/>
      <c r="JUA677" s="613"/>
      <c r="JUB677" s="613"/>
      <c r="JUC677" s="613"/>
      <c r="JUD677" s="613"/>
      <c r="JUE677" s="613"/>
      <c r="JUF677" s="613"/>
      <c r="JUG677" s="613"/>
      <c r="JUH677" s="613"/>
      <c r="JUI677" s="613"/>
      <c r="JUJ677" s="613"/>
      <c r="JUK677" s="613"/>
      <c r="JUL677" s="613"/>
      <c r="JUM677" s="613"/>
      <c r="JUN677" s="613"/>
      <c r="JUO677" s="613"/>
      <c r="JUP677" s="613"/>
      <c r="JUQ677" s="613"/>
      <c r="JUR677" s="613"/>
      <c r="JUS677" s="613"/>
      <c r="JUT677" s="613"/>
      <c r="JUU677" s="613"/>
      <c r="JUV677" s="613"/>
      <c r="JUW677" s="613"/>
      <c r="JUX677" s="613"/>
      <c r="JUY677" s="613"/>
      <c r="JUZ677" s="613"/>
      <c r="JVA677" s="613"/>
      <c r="JVB677" s="613"/>
      <c r="JVC677" s="613"/>
      <c r="JVD677" s="613"/>
      <c r="JVE677" s="613"/>
      <c r="JVF677" s="613"/>
      <c r="JVG677" s="613"/>
      <c r="JVH677" s="613"/>
      <c r="JVI677" s="613"/>
      <c r="JVJ677" s="613"/>
      <c r="JVK677" s="613"/>
      <c r="JVL677" s="613"/>
      <c r="JVM677" s="613"/>
      <c r="JVN677" s="613"/>
      <c r="JVO677" s="613"/>
      <c r="JVP677" s="613"/>
      <c r="JVQ677" s="613"/>
      <c r="JVR677" s="613"/>
      <c r="JVS677" s="613"/>
      <c r="JVT677" s="613"/>
      <c r="JVU677" s="613"/>
      <c r="JVV677" s="613"/>
      <c r="JVW677" s="613"/>
      <c r="JVX677" s="613"/>
      <c r="JVY677" s="613"/>
      <c r="JVZ677" s="613"/>
      <c r="JWA677" s="613"/>
      <c r="JWB677" s="613"/>
      <c r="JWC677" s="613"/>
      <c r="JWD677" s="613"/>
      <c r="JWE677" s="613"/>
      <c r="JWF677" s="613"/>
      <c r="JWG677" s="613"/>
      <c r="JWH677" s="613"/>
      <c r="JWI677" s="613"/>
      <c r="JWJ677" s="613"/>
      <c r="JWK677" s="613"/>
      <c r="JWL677" s="613"/>
      <c r="JWM677" s="613"/>
      <c r="JWN677" s="613"/>
      <c r="JWO677" s="613"/>
      <c r="JWP677" s="613"/>
      <c r="JWQ677" s="613"/>
      <c r="JWR677" s="613"/>
      <c r="JWS677" s="613"/>
      <c r="JWT677" s="613"/>
      <c r="JWU677" s="613"/>
      <c r="JWV677" s="613"/>
      <c r="JWW677" s="613"/>
      <c r="JWX677" s="613"/>
      <c r="JWY677" s="613"/>
      <c r="JWZ677" s="613"/>
      <c r="JXA677" s="613"/>
      <c r="JXB677" s="613"/>
      <c r="JXC677" s="613"/>
      <c r="JXD677" s="613"/>
      <c r="JXE677" s="613"/>
      <c r="JXF677" s="613"/>
      <c r="JXG677" s="613"/>
      <c r="JXH677" s="613"/>
      <c r="JXI677" s="613"/>
      <c r="JXJ677" s="613"/>
      <c r="JXK677" s="613"/>
      <c r="JXL677" s="613"/>
      <c r="JXM677" s="613"/>
      <c r="JXN677" s="613"/>
      <c r="JXO677" s="613"/>
      <c r="JXP677" s="613"/>
      <c r="JXQ677" s="613"/>
      <c r="JXR677" s="613"/>
      <c r="JXS677" s="613"/>
      <c r="JXT677" s="613"/>
      <c r="JXU677" s="613"/>
      <c r="JXV677" s="613"/>
      <c r="JXW677" s="613"/>
      <c r="JXX677" s="613"/>
      <c r="JXY677" s="613"/>
      <c r="JXZ677" s="613"/>
      <c r="JYA677" s="613"/>
      <c r="JYB677" s="613"/>
      <c r="JYC677" s="613"/>
      <c r="JYD677" s="613"/>
      <c r="JYE677" s="613"/>
      <c r="JYF677" s="613"/>
      <c r="JYG677" s="613"/>
      <c r="JYH677" s="613"/>
      <c r="JYI677" s="613"/>
      <c r="JYJ677" s="613"/>
      <c r="JYK677" s="613"/>
      <c r="JYL677" s="613"/>
      <c r="JYM677" s="613"/>
      <c r="JYN677" s="613"/>
      <c r="JYO677" s="613"/>
      <c r="JYP677" s="613"/>
      <c r="JYQ677" s="613"/>
      <c r="JYR677" s="613"/>
      <c r="JYS677" s="613"/>
      <c r="JYT677" s="613"/>
      <c r="JYU677" s="613"/>
      <c r="JYV677" s="613"/>
      <c r="JYW677" s="613"/>
      <c r="JYX677" s="613"/>
      <c r="JYY677" s="613"/>
      <c r="JYZ677" s="613"/>
      <c r="JZA677" s="613"/>
      <c r="JZB677" s="613"/>
      <c r="JZC677" s="613"/>
      <c r="JZD677" s="613"/>
      <c r="JZE677" s="613"/>
      <c r="JZF677" s="613"/>
      <c r="JZG677" s="613"/>
      <c r="JZH677" s="613"/>
      <c r="JZI677" s="613"/>
      <c r="JZJ677" s="613"/>
      <c r="JZK677" s="613"/>
      <c r="JZL677" s="613"/>
      <c r="JZM677" s="613"/>
      <c r="JZN677" s="613"/>
      <c r="JZO677" s="613"/>
      <c r="JZP677" s="613"/>
      <c r="JZQ677" s="613"/>
      <c r="JZR677" s="613"/>
      <c r="JZS677" s="613"/>
      <c r="JZT677" s="613"/>
      <c r="JZU677" s="613"/>
      <c r="JZV677" s="613"/>
      <c r="JZW677" s="613"/>
      <c r="JZX677" s="613"/>
      <c r="JZY677" s="613"/>
      <c r="JZZ677" s="613"/>
      <c r="KAA677" s="613"/>
      <c r="KAB677" s="613"/>
      <c r="KAC677" s="613"/>
      <c r="KAD677" s="613"/>
      <c r="KAE677" s="613"/>
      <c r="KAF677" s="613"/>
      <c r="KAG677" s="613"/>
      <c r="KAH677" s="613"/>
      <c r="KAI677" s="613"/>
      <c r="KAJ677" s="613"/>
      <c r="KAK677" s="613"/>
      <c r="KAL677" s="613"/>
      <c r="KAM677" s="613"/>
      <c r="KAN677" s="613"/>
      <c r="KAO677" s="613"/>
      <c r="KAP677" s="613"/>
      <c r="KAQ677" s="613"/>
      <c r="KAR677" s="613"/>
      <c r="KAS677" s="613"/>
      <c r="KAT677" s="613"/>
      <c r="KAU677" s="613"/>
      <c r="KAV677" s="613"/>
      <c r="KAW677" s="613"/>
      <c r="KAX677" s="613"/>
      <c r="KAY677" s="613"/>
      <c r="KAZ677" s="613"/>
      <c r="KBA677" s="613"/>
      <c r="KBB677" s="613"/>
      <c r="KBC677" s="613"/>
      <c r="KBD677" s="613"/>
      <c r="KBE677" s="613"/>
      <c r="KBF677" s="613"/>
      <c r="KBG677" s="613"/>
      <c r="KBH677" s="613"/>
      <c r="KBI677" s="613"/>
      <c r="KBJ677" s="613"/>
      <c r="KBK677" s="613"/>
      <c r="KBL677" s="613"/>
      <c r="KBM677" s="613"/>
      <c r="KBN677" s="613"/>
      <c r="KBO677" s="613"/>
      <c r="KBP677" s="613"/>
      <c r="KBQ677" s="613"/>
      <c r="KBR677" s="613"/>
      <c r="KBS677" s="613"/>
      <c r="KBT677" s="613"/>
      <c r="KBU677" s="613"/>
      <c r="KBV677" s="613"/>
      <c r="KBW677" s="613"/>
      <c r="KBX677" s="613"/>
      <c r="KBY677" s="613"/>
      <c r="KBZ677" s="613"/>
      <c r="KCA677" s="613"/>
      <c r="KCB677" s="613"/>
      <c r="KCC677" s="613"/>
      <c r="KCD677" s="613"/>
      <c r="KCE677" s="613"/>
      <c r="KCF677" s="613"/>
      <c r="KCG677" s="613"/>
      <c r="KCH677" s="613"/>
      <c r="KCI677" s="613"/>
      <c r="KCJ677" s="613"/>
      <c r="KCK677" s="613"/>
      <c r="KCL677" s="613"/>
      <c r="KCM677" s="613"/>
      <c r="KCN677" s="613"/>
      <c r="KCO677" s="613"/>
      <c r="KCP677" s="613"/>
      <c r="KCQ677" s="613"/>
      <c r="KCR677" s="613"/>
      <c r="KCS677" s="613"/>
      <c r="KCT677" s="613"/>
      <c r="KCU677" s="613"/>
      <c r="KCV677" s="613"/>
      <c r="KCW677" s="613"/>
      <c r="KCX677" s="613"/>
      <c r="KCY677" s="613"/>
      <c r="KCZ677" s="613"/>
      <c r="KDA677" s="613"/>
      <c r="KDB677" s="613"/>
      <c r="KDC677" s="613"/>
      <c r="KDD677" s="613"/>
      <c r="KDE677" s="613"/>
      <c r="KDF677" s="613"/>
      <c r="KDG677" s="613"/>
      <c r="KDH677" s="613"/>
      <c r="KDI677" s="613"/>
      <c r="KDJ677" s="613"/>
      <c r="KDK677" s="613"/>
      <c r="KDL677" s="613"/>
      <c r="KDM677" s="613"/>
      <c r="KDN677" s="613"/>
      <c r="KDO677" s="613"/>
      <c r="KDP677" s="613"/>
      <c r="KDQ677" s="613"/>
      <c r="KDR677" s="613"/>
      <c r="KDS677" s="613"/>
      <c r="KDT677" s="613"/>
      <c r="KDU677" s="613"/>
      <c r="KDV677" s="613"/>
      <c r="KDW677" s="613"/>
      <c r="KDX677" s="613"/>
      <c r="KDY677" s="613"/>
      <c r="KDZ677" s="613"/>
      <c r="KEA677" s="613"/>
      <c r="KEB677" s="613"/>
      <c r="KEC677" s="613"/>
      <c r="KED677" s="613"/>
      <c r="KEE677" s="613"/>
      <c r="KEF677" s="613"/>
      <c r="KEG677" s="613"/>
      <c r="KEH677" s="613"/>
      <c r="KEI677" s="613"/>
      <c r="KEJ677" s="613"/>
      <c r="KEK677" s="613"/>
      <c r="KEL677" s="613"/>
      <c r="KEM677" s="613"/>
      <c r="KEN677" s="613"/>
      <c r="KEO677" s="613"/>
      <c r="KEP677" s="613"/>
      <c r="KEQ677" s="613"/>
      <c r="KER677" s="613"/>
      <c r="KES677" s="613"/>
      <c r="KET677" s="613"/>
      <c r="KEU677" s="613"/>
      <c r="KEV677" s="613"/>
      <c r="KEW677" s="613"/>
      <c r="KEX677" s="613"/>
      <c r="KEY677" s="613"/>
      <c r="KEZ677" s="613"/>
      <c r="KFA677" s="613"/>
      <c r="KFB677" s="613"/>
      <c r="KFC677" s="613"/>
      <c r="KFD677" s="613"/>
      <c r="KFE677" s="613"/>
      <c r="KFF677" s="613"/>
      <c r="KFG677" s="613"/>
      <c r="KFH677" s="613"/>
      <c r="KFI677" s="613"/>
      <c r="KFJ677" s="613"/>
      <c r="KFK677" s="613"/>
      <c r="KFL677" s="613"/>
      <c r="KFM677" s="613"/>
      <c r="KFN677" s="613"/>
      <c r="KFO677" s="613"/>
      <c r="KFP677" s="613"/>
      <c r="KFQ677" s="613"/>
      <c r="KFR677" s="613"/>
      <c r="KFS677" s="613"/>
      <c r="KFT677" s="613"/>
      <c r="KFU677" s="613"/>
      <c r="KFV677" s="613"/>
      <c r="KFW677" s="613"/>
      <c r="KFX677" s="613"/>
      <c r="KFY677" s="613"/>
      <c r="KFZ677" s="613"/>
      <c r="KGA677" s="613"/>
      <c r="KGB677" s="613"/>
      <c r="KGC677" s="613"/>
      <c r="KGD677" s="613"/>
      <c r="KGE677" s="613"/>
      <c r="KGF677" s="613"/>
      <c r="KGG677" s="613"/>
      <c r="KGH677" s="613"/>
      <c r="KGI677" s="613"/>
      <c r="KGJ677" s="613"/>
      <c r="KGK677" s="613"/>
      <c r="KGL677" s="613"/>
      <c r="KGM677" s="613"/>
      <c r="KGN677" s="613"/>
      <c r="KGO677" s="613"/>
      <c r="KGP677" s="613"/>
      <c r="KGQ677" s="613"/>
      <c r="KGR677" s="613"/>
      <c r="KGS677" s="613"/>
      <c r="KGT677" s="613"/>
      <c r="KGU677" s="613"/>
      <c r="KGV677" s="613"/>
      <c r="KGW677" s="613"/>
      <c r="KGX677" s="613"/>
      <c r="KGY677" s="613"/>
      <c r="KGZ677" s="613"/>
      <c r="KHA677" s="613"/>
      <c r="KHB677" s="613"/>
      <c r="KHC677" s="613"/>
      <c r="KHD677" s="613"/>
      <c r="KHE677" s="613"/>
      <c r="KHF677" s="613"/>
      <c r="KHG677" s="613"/>
      <c r="KHH677" s="613"/>
      <c r="KHI677" s="613"/>
      <c r="KHJ677" s="613"/>
      <c r="KHK677" s="613"/>
      <c r="KHL677" s="613"/>
      <c r="KHM677" s="613"/>
      <c r="KHN677" s="613"/>
      <c r="KHO677" s="613"/>
      <c r="KHP677" s="613"/>
      <c r="KHQ677" s="613"/>
      <c r="KHR677" s="613"/>
      <c r="KHS677" s="613"/>
      <c r="KHT677" s="613"/>
      <c r="KHU677" s="613"/>
      <c r="KHV677" s="613"/>
      <c r="KHW677" s="613"/>
      <c r="KHX677" s="613"/>
      <c r="KHY677" s="613"/>
      <c r="KHZ677" s="613"/>
      <c r="KIA677" s="613"/>
      <c r="KIB677" s="613"/>
      <c r="KIC677" s="613"/>
      <c r="KID677" s="613"/>
      <c r="KIE677" s="613"/>
      <c r="KIF677" s="613"/>
      <c r="KIG677" s="613"/>
      <c r="KIH677" s="613"/>
      <c r="KII677" s="613"/>
      <c r="KIJ677" s="613"/>
      <c r="KIK677" s="613"/>
      <c r="KIL677" s="613"/>
      <c r="KIM677" s="613"/>
      <c r="KIN677" s="613"/>
      <c r="KIO677" s="613"/>
      <c r="KIP677" s="613"/>
      <c r="KIQ677" s="613"/>
      <c r="KIR677" s="613"/>
      <c r="KIS677" s="613"/>
      <c r="KIT677" s="613"/>
      <c r="KIU677" s="613"/>
      <c r="KIV677" s="613"/>
      <c r="KIW677" s="613"/>
      <c r="KIX677" s="613"/>
      <c r="KIY677" s="613"/>
      <c r="KIZ677" s="613"/>
      <c r="KJA677" s="613"/>
      <c r="KJB677" s="613"/>
      <c r="KJC677" s="613"/>
      <c r="KJD677" s="613"/>
      <c r="KJE677" s="613"/>
      <c r="KJF677" s="613"/>
      <c r="KJG677" s="613"/>
      <c r="KJH677" s="613"/>
      <c r="KJI677" s="613"/>
      <c r="KJJ677" s="613"/>
      <c r="KJK677" s="613"/>
      <c r="KJL677" s="613"/>
      <c r="KJM677" s="613"/>
      <c r="KJN677" s="613"/>
      <c r="KJO677" s="613"/>
      <c r="KJP677" s="613"/>
      <c r="KJQ677" s="613"/>
      <c r="KJR677" s="613"/>
      <c r="KJS677" s="613"/>
      <c r="KJT677" s="613"/>
      <c r="KJU677" s="613"/>
      <c r="KJV677" s="613"/>
      <c r="KJW677" s="613"/>
      <c r="KJX677" s="613"/>
      <c r="KJY677" s="613"/>
      <c r="KJZ677" s="613"/>
      <c r="KKA677" s="613"/>
      <c r="KKB677" s="613"/>
      <c r="KKC677" s="613"/>
      <c r="KKD677" s="613"/>
      <c r="KKE677" s="613"/>
      <c r="KKF677" s="613"/>
      <c r="KKG677" s="613"/>
      <c r="KKH677" s="613"/>
      <c r="KKI677" s="613"/>
      <c r="KKJ677" s="613"/>
      <c r="KKK677" s="613"/>
      <c r="KKL677" s="613"/>
      <c r="KKM677" s="613"/>
      <c r="KKN677" s="613"/>
      <c r="KKO677" s="613"/>
      <c r="KKP677" s="613"/>
      <c r="KKQ677" s="613"/>
      <c r="KKR677" s="613"/>
      <c r="KKS677" s="613"/>
      <c r="KKT677" s="613"/>
      <c r="KKU677" s="613"/>
      <c r="KKV677" s="613"/>
      <c r="KKW677" s="613"/>
      <c r="KKX677" s="613"/>
      <c r="KKY677" s="613"/>
      <c r="KKZ677" s="613"/>
      <c r="KLA677" s="613"/>
      <c r="KLB677" s="613"/>
      <c r="KLC677" s="613"/>
      <c r="KLD677" s="613"/>
      <c r="KLE677" s="613"/>
      <c r="KLF677" s="613"/>
      <c r="KLG677" s="613"/>
      <c r="KLH677" s="613"/>
      <c r="KLI677" s="613"/>
      <c r="KLJ677" s="613"/>
      <c r="KLK677" s="613"/>
      <c r="KLL677" s="613"/>
      <c r="KLM677" s="613"/>
      <c r="KLN677" s="613"/>
      <c r="KLO677" s="613"/>
      <c r="KLP677" s="613"/>
      <c r="KLQ677" s="613"/>
      <c r="KLR677" s="613"/>
      <c r="KLS677" s="613"/>
      <c r="KLT677" s="613"/>
      <c r="KLU677" s="613"/>
      <c r="KLV677" s="613"/>
      <c r="KLW677" s="613"/>
      <c r="KLX677" s="613"/>
      <c r="KLY677" s="613"/>
      <c r="KLZ677" s="613"/>
      <c r="KMA677" s="613"/>
      <c r="KMB677" s="613"/>
      <c r="KMC677" s="613"/>
      <c r="KMD677" s="613"/>
      <c r="KME677" s="613"/>
      <c r="KMF677" s="613"/>
      <c r="KMG677" s="613"/>
      <c r="KMH677" s="613"/>
      <c r="KMI677" s="613"/>
      <c r="KMJ677" s="613"/>
      <c r="KMK677" s="613"/>
      <c r="KML677" s="613"/>
      <c r="KMM677" s="613"/>
      <c r="KMN677" s="613"/>
      <c r="KMO677" s="613"/>
      <c r="KMP677" s="613"/>
      <c r="KMQ677" s="613"/>
      <c r="KMR677" s="613"/>
      <c r="KMS677" s="613"/>
      <c r="KMT677" s="613"/>
      <c r="KMU677" s="613"/>
      <c r="KMV677" s="613"/>
      <c r="KMW677" s="613"/>
      <c r="KMX677" s="613"/>
      <c r="KMY677" s="613"/>
      <c r="KMZ677" s="613"/>
      <c r="KNA677" s="613"/>
      <c r="KNB677" s="613"/>
      <c r="KNC677" s="613"/>
      <c r="KND677" s="613"/>
      <c r="KNE677" s="613"/>
      <c r="KNF677" s="613"/>
      <c r="KNG677" s="613"/>
      <c r="KNH677" s="613"/>
      <c r="KNI677" s="613"/>
      <c r="KNJ677" s="613"/>
      <c r="KNK677" s="613"/>
      <c r="KNL677" s="613"/>
      <c r="KNM677" s="613"/>
      <c r="KNN677" s="613"/>
      <c r="KNO677" s="613"/>
      <c r="KNP677" s="613"/>
      <c r="KNQ677" s="613"/>
      <c r="KNR677" s="613"/>
      <c r="KNS677" s="613"/>
      <c r="KNT677" s="613"/>
      <c r="KNU677" s="613"/>
      <c r="KNV677" s="613"/>
      <c r="KNW677" s="613"/>
      <c r="KNX677" s="613"/>
      <c r="KNY677" s="613"/>
      <c r="KNZ677" s="613"/>
      <c r="KOA677" s="613"/>
      <c r="KOB677" s="613"/>
      <c r="KOC677" s="613"/>
      <c r="KOD677" s="613"/>
      <c r="KOE677" s="613"/>
      <c r="KOF677" s="613"/>
      <c r="KOG677" s="613"/>
      <c r="KOH677" s="613"/>
      <c r="KOI677" s="613"/>
      <c r="KOJ677" s="613"/>
      <c r="KOK677" s="613"/>
      <c r="KOL677" s="613"/>
      <c r="KOM677" s="613"/>
      <c r="KON677" s="613"/>
      <c r="KOO677" s="613"/>
      <c r="KOP677" s="613"/>
      <c r="KOQ677" s="613"/>
      <c r="KOR677" s="613"/>
      <c r="KOS677" s="613"/>
      <c r="KOT677" s="613"/>
      <c r="KOU677" s="613"/>
      <c r="KOV677" s="613"/>
      <c r="KOW677" s="613"/>
      <c r="KOX677" s="613"/>
      <c r="KOY677" s="613"/>
      <c r="KOZ677" s="613"/>
      <c r="KPA677" s="613"/>
      <c r="KPB677" s="613"/>
      <c r="KPC677" s="613"/>
      <c r="KPD677" s="613"/>
      <c r="KPE677" s="613"/>
      <c r="KPF677" s="613"/>
      <c r="KPG677" s="613"/>
      <c r="KPH677" s="613"/>
      <c r="KPI677" s="613"/>
      <c r="KPJ677" s="613"/>
      <c r="KPK677" s="613"/>
      <c r="KPL677" s="613"/>
      <c r="KPM677" s="613"/>
      <c r="KPN677" s="613"/>
      <c r="KPO677" s="613"/>
      <c r="KPP677" s="613"/>
      <c r="KPQ677" s="613"/>
      <c r="KPR677" s="613"/>
      <c r="KPS677" s="613"/>
      <c r="KPT677" s="613"/>
      <c r="KPU677" s="613"/>
      <c r="KPV677" s="613"/>
      <c r="KPW677" s="613"/>
      <c r="KPX677" s="613"/>
      <c r="KPY677" s="613"/>
      <c r="KPZ677" s="613"/>
      <c r="KQA677" s="613"/>
      <c r="KQB677" s="613"/>
      <c r="KQC677" s="613"/>
      <c r="KQD677" s="613"/>
      <c r="KQE677" s="613"/>
      <c r="KQF677" s="613"/>
      <c r="KQG677" s="613"/>
      <c r="KQH677" s="613"/>
      <c r="KQI677" s="613"/>
      <c r="KQJ677" s="613"/>
      <c r="KQK677" s="613"/>
      <c r="KQL677" s="613"/>
      <c r="KQM677" s="613"/>
      <c r="KQN677" s="613"/>
      <c r="KQO677" s="613"/>
      <c r="KQP677" s="613"/>
      <c r="KQQ677" s="613"/>
      <c r="KQR677" s="613"/>
      <c r="KQS677" s="613"/>
      <c r="KQT677" s="613"/>
      <c r="KQU677" s="613"/>
      <c r="KQV677" s="613"/>
      <c r="KQW677" s="613"/>
      <c r="KQX677" s="613"/>
      <c r="KQY677" s="613"/>
      <c r="KQZ677" s="613"/>
      <c r="KRA677" s="613"/>
      <c r="KRB677" s="613"/>
      <c r="KRC677" s="613"/>
      <c r="KRD677" s="613"/>
      <c r="KRE677" s="613"/>
      <c r="KRF677" s="613"/>
      <c r="KRG677" s="613"/>
      <c r="KRH677" s="613"/>
      <c r="KRI677" s="613"/>
      <c r="KRJ677" s="613"/>
      <c r="KRK677" s="613"/>
      <c r="KRL677" s="613"/>
      <c r="KRM677" s="613"/>
      <c r="KRN677" s="613"/>
      <c r="KRO677" s="613"/>
      <c r="KRP677" s="613"/>
      <c r="KRQ677" s="613"/>
      <c r="KRR677" s="613"/>
      <c r="KRS677" s="613"/>
      <c r="KRT677" s="613"/>
      <c r="KRU677" s="613"/>
      <c r="KRV677" s="613"/>
      <c r="KRW677" s="613"/>
      <c r="KRX677" s="613"/>
      <c r="KRY677" s="613"/>
      <c r="KRZ677" s="613"/>
      <c r="KSA677" s="613"/>
      <c r="KSB677" s="613"/>
      <c r="KSC677" s="613"/>
      <c r="KSD677" s="613"/>
      <c r="KSE677" s="613"/>
      <c r="KSF677" s="613"/>
      <c r="KSG677" s="613"/>
      <c r="KSH677" s="613"/>
      <c r="KSI677" s="613"/>
      <c r="KSJ677" s="613"/>
      <c r="KSK677" s="613"/>
      <c r="KSL677" s="613"/>
      <c r="KSM677" s="613"/>
      <c r="KSN677" s="613"/>
      <c r="KSO677" s="613"/>
      <c r="KSP677" s="613"/>
      <c r="KSQ677" s="613"/>
      <c r="KSR677" s="613"/>
      <c r="KSS677" s="613"/>
      <c r="KST677" s="613"/>
      <c r="KSU677" s="613"/>
      <c r="KSV677" s="613"/>
      <c r="KSW677" s="613"/>
      <c r="KSX677" s="613"/>
      <c r="KSY677" s="613"/>
      <c r="KSZ677" s="613"/>
      <c r="KTA677" s="613"/>
      <c r="KTB677" s="613"/>
      <c r="KTC677" s="613"/>
      <c r="KTD677" s="613"/>
      <c r="KTE677" s="613"/>
      <c r="KTF677" s="613"/>
      <c r="KTG677" s="613"/>
      <c r="KTH677" s="613"/>
      <c r="KTI677" s="613"/>
      <c r="KTJ677" s="613"/>
      <c r="KTK677" s="613"/>
      <c r="KTL677" s="613"/>
      <c r="KTM677" s="613"/>
      <c r="KTN677" s="613"/>
      <c r="KTO677" s="613"/>
      <c r="KTP677" s="613"/>
      <c r="KTQ677" s="613"/>
      <c r="KTR677" s="613"/>
      <c r="KTS677" s="613"/>
      <c r="KTT677" s="613"/>
      <c r="KTU677" s="613"/>
      <c r="KTV677" s="613"/>
      <c r="KTW677" s="613"/>
      <c r="KTX677" s="613"/>
      <c r="KTY677" s="613"/>
      <c r="KTZ677" s="613"/>
      <c r="KUA677" s="613"/>
      <c r="KUB677" s="613"/>
      <c r="KUC677" s="613"/>
      <c r="KUD677" s="613"/>
      <c r="KUE677" s="613"/>
      <c r="KUF677" s="613"/>
      <c r="KUG677" s="613"/>
      <c r="KUH677" s="613"/>
      <c r="KUI677" s="613"/>
      <c r="KUJ677" s="613"/>
      <c r="KUK677" s="613"/>
      <c r="KUL677" s="613"/>
      <c r="KUM677" s="613"/>
      <c r="KUN677" s="613"/>
      <c r="KUO677" s="613"/>
      <c r="KUP677" s="613"/>
      <c r="KUQ677" s="613"/>
      <c r="KUR677" s="613"/>
      <c r="KUS677" s="613"/>
      <c r="KUT677" s="613"/>
      <c r="KUU677" s="613"/>
      <c r="KUV677" s="613"/>
      <c r="KUW677" s="613"/>
      <c r="KUX677" s="613"/>
      <c r="KUY677" s="613"/>
      <c r="KUZ677" s="613"/>
      <c r="KVA677" s="613"/>
      <c r="KVB677" s="613"/>
      <c r="KVC677" s="613"/>
      <c r="KVD677" s="613"/>
      <c r="KVE677" s="613"/>
      <c r="KVF677" s="613"/>
      <c r="KVG677" s="613"/>
      <c r="KVH677" s="613"/>
      <c r="KVI677" s="613"/>
      <c r="KVJ677" s="613"/>
      <c r="KVK677" s="613"/>
      <c r="KVL677" s="613"/>
      <c r="KVM677" s="613"/>
      <c r="KVN677" s="613"/>
      <c r="KVO677" s="613"/>
      <c r="KVP677" s="613"/>
      <c r="KVQ677" s="613"/>
      <c r="KVR677" s="613"/>
      <c r="KVS677" s="613"/>
      <c r="KVT677" s="613"/>
      <c r="KVU677" s="613"/>
      <c r="KVV677" s="613"/>
      <c r="KVW677" s="613"/>
      <c r="KVX677" s="613"/>
      <c r="KVY677" s="613"/>
      <c r="KVZ677" s="613"/>
      <c r="KWA677" s="613"/>
      <c r="KWB677" s="613"/>
      <c r="KWC677" s="613"/>
      <c r="KWD677" s="613"/>
      <c r="KWE677" s="613"/>
      <c r="KWF677" s="613"/>
      <c r="KWG677" s="613"/>
      <c r="KWH677" s="613"/>
      <c r="KWI677" s="613"/>
      <c r="KWJ677" s="613"/>
      <c r="KWK677" s="613"/>
      <c r="KWL677" s="613"/>
      <c r="KWM677" s="613"/>
      <c r="KWN677" s="613"/>
      <c r="KWO677" s="613"/>
      <c r="KWP677" s="613"/>
      <c r="KWQ677" s="613"/>
      <c r="KWR677" s="613"/>
      <c r="KWS677" s="613"/>
      <c r="KWT677" s="613"/>
      <c r="KWU677" s="613"/>
      <c r="KWV677" s="613"/>
      <c r="KWW677" s="613"/>
      <c r="KWX677" s="613"/>
      <c r="KWY677" s="613"/>
      <c r="KWZ677" s="613"/>
      <c r="KXA677" s="613"/>
      <c r="KXB677" s="613"/>
      <c r="KXC677" s="613"/>
      <c r="KXD677" s="613"/>
      <c r="KXE677" s="613"/>
      <c r="KXF677" s="613"/>
      <c r="KXG677" s="613"/>
      <c r="KXH677" s="613"/>
      <c r="KXI677" s="613"/>
      <c r="KXJ677" s="613"/>
      <c r="KXK677" s="613"/>
      <c r="KXL677" s="613"/>
      <c r="KXM677" s="613"/>
      <c r="KXN677" s="613"/>
      <c r="KXO677" s="613"/>
      <c r="KXP677" s="613"/>
      <c r="KXQ677" s="613"/>
      <c r="KXR677" s="613"/>
      <c r="KXS677" s="613"/>
      <c r="KXT677" s="613"/>
      <c r="KXU677" s="613"/>
      <c r="KXV677" s="613"/>
      <c r="KXW677" s="613"/>
      <c r="KXX677" s="613"/>
      <c r="KXY677" s="613"/>
      <c r="KXZ677" s="613"/>
      <c r="KYA677" s="613"/>
      <c r="KYB677" s="613"/>
      <c r="KYC677" s="613"/>
      <c r="KYD677" s="613"/>
      <c r="KYE677" s="613"/>
      <c r="KYF677" s="613"/>
      <c r="KYG677" s="613"/>
      <c r="KYH677" s="613"/>
      <c r="KYI677" s="613"/>
      <c r="KYJ677" s="613"/>
      <c r="KYK677" s="613"/>
      <c r="KYL677" s="613"/>
      <c r="KYM677" s="613"/>
      <c r="KYN677" s="613"/>
      <c r="KYO677" s="613"/>
      <c r="KYP677" s="613"/>
      <c r="KYQ677" s="613"/>
      <c r="KYR677" s="613"/>
      <c r="KYS677" s="613"/>
      <c r="KYT677" s="613"/>
      <c r="KYU677" s="613"/>
      <c r="KYV677" s="613"/>
      <c r="KYW677" s="613"/>
      <c r="KYX677" s="613"/>
      <c r="KYY677" s="613"/>
      <c r="KYZ677" s="613"/>
      <c r="KZA677" s="613"/>
      <c r="KZB677" s="613"/>
      <c r="KZC677" s="613"/>
      <c r="KZD677" s="613"/>
      <c r="KZE677" s="613"/>
      <c r="KZF677" s="613"/>
      <c r="KZG677" s="613"/>
      <c r="KZH677" s="613"/>
      <c r="KZI677" s="613"/>
      <c r="KZJ677" s="613"/>
      <c r="KZK677" s="613"/>
      <c r="KZL677" s="613"/>
      <c r="KZM677" s="613"/>
      <c r="KZN677" s="613"/>
      <c r="KZO677" s="613"/>
      <c r="KZP677" s="613"/>
      <c r="KZQ677" s="613"/>
      <c r="KZR677" s="613"/>
      <c r="KZS677" s="613"/>
      <c r="KZT677" s="613"/>
      <c r="KZU677" s="613"/>
      <c r="KZV677" s="613"/>
      <c r="KZW677" s="613"/>
      <c r="KZX677" s="613"/>
      <c r="KZY677" s="613"/>
      <c r="KZZ677" s="613"/>
      <c r="LAA677" s="613"/>
      <c r="LAB677" s="613"/>
      <c r="LAC677" s="613"/>
      <c r="LAD677" s="613"/>
      <c r="LAE677" s="613"/>
      <c r="LAF677" s="613"/>
      <c r="LAG677" s="613"/>
      <c r="LAH677" s="613"/>
      <c r="LAI677" s="613"/>
      <c r="LAJ677" s="613"/>
      <c r="LAK677" s="613"/>
      <c r="LAL677" s="613"/>
      <c r="LAM677" s="613"/>
      <c r="LAN677" s="613"/>
      <c r="LAO677" s="613"/>
      <c r="LAP677" s="613"/>
      <c r="LAQ677" s="613"/>
      <c r="LAR677" s="613"/>
      <c r="LAS677" s="613"/>
      <c r="LAT677" s="613"/>
      <c r="LAU677" s="613"/>
      <c r="LAV677" s="613"/>
      <c r="LAW677" s="613"/>
      <c r="LAX677" s="613"/>
      <c r="LAY677" s="613"/>
      <c r="LAZ677" s="613"/>
      <c r="LBA677" s="613"/>
      <c r="LBB677" s="613"/>
      <c r="LBC677" s="613"/>
      <c r="LBD677" s="613"/>
      <c r="LBE677" s="613"/>
      <c r="LBF677" s="613"/>
      <c r="LBG677" s="613"/>
      <c r="LBH677" s="613"/>
      <c r="LBI677" s="613"/>
      <c r="LBJ677" s="613"/>
      <c r="LBK677" s="613"/>
      <c r="LBL677" s="613"/>
      <c r="LBM677" s="613"/>
      <c r="LBN677" s="613"/>
      <c r="LBO677" s="613"/>
      <c r="LBP677" s="613"/>
      <c r="LBQ677" s="613"/>
      <c r="LBR677" s="613"/>
      <c r="LBS677" s="613"/>
      <c r="LBT677" s="613"/>
      <c r="LBU677" s="613"/>
      <c r="LBV677" s="613"/>
      <c r="LBW677" s="613"/>
      <c r="LBX677" s="613"/>
      <c r="LBY677" s="613"/>
      <c r="LBZ677" s="613"/>
      <c r="LCA677" s="613"/>
      <c r="LCB677" s="613"/>
      <c r="LCC677" s="613"/>
      <c r="LCD677" s="613"/>
      <c r="LCE677" s="613"/>
      <c r="LCF677" s="613"/>
      <c r="LCG677" s="613"/>
      <c r="LCH677" s="613"/>
      <c r="LCI677" s="613"/>
      <c r="LCJ677" s="613"/>
      <c r="LCK677" s="613"/>
      <c r="LCL677" s="613"/>
      <c r="LCM677" s="613"/>
      <c r="LCN677" s="613"/>
      <c r="LCO677" s="613"/>
      <c r="LCP677" s="613"/>
      <c r="LCQ677" s="613"/>
      <c r="LCR677" s="613"/>
      <c r="LCS677" s="613"/>
      <c r="LCT677" s="613"/>
      <c r="LCU677" s="613"/>
      <c r="LCV677" s="613"/>
      <c r="LCW677" s="613"/>
      <c r="LCX677" s="613"/>
      <c r="LCY677" s="613"/>
      <c r="LCZ677" s="613"/>
      <c r="LDA677" s="613"/>
      <c r="LDB677" s="613"/>
      <c r="LDC677" s="613"/>
      <c r="LDD677" s="613"/>
      <c r="LDE677" s="613"/>
      <c r="LDF677" s="613"/>
      <c r="LDG677" s="613"/>
      <c r="LDH677" s="613"/>
      <c r="LDI677" s="613"/>
      <c r="LDJ677" s="613"/>
      <c r="LDK677" s="613"/>
      <c r="LDL677" s="613"/>
      <c r="LDM677" s="613"/>
      <c r="LDN677" s="613"/>
      <c r="LDO677" s="613"/>
      <c r="LDP677" s="613"/>
      <c r="LDQ677" s="613"/>
      <c r="LDR677" s="613"/>
      <c r="LDS677" s="613"/>
      <c r="LDT677" s="613"/>
      <c r="LDU677" s="613"/>
      <c r="LDV677" s="613"/>
      <c r="LDW677" s="613"/>
      <c r="LDX677" s="613"/>
      <c r="LDY677" s="613"/>
      <c r="LDZ677" s="613"/>
      <c r="LEA677" s="613"/>
      <c r="LEB677" s="613"/>
      <c r="LEC677" s="613"/>
      <c r="LED677" s="613"/>
      <c r="LEE677" s="613"/>
      <c r="LEF677" s="613"/>
      <c r="LEG677" s="613"/>
      <c r="LEH677" s="613"/>
      <c r="LEI677" s="613"/>
      <c r="LEJ677" s="613"/>
      <c r="LEK677" s="613"/>
      <c r="LEL677" s="613"/>
      <c r="LEM677" s="613"/>
      <c r="LEN677" s="613"/>
      <c r="LEO677" s="613"/>
      <c r="LEP677" s="613"/>
      <c r="LEQ677" s="613"/>
      <c r="LER677" s="613"/>
      <c r="LES677" s="613"/>
      <c r="LET677" s="613"/>
      <c r="LEU677" s="613"/>
      <c r="LEV677" s="613"/>
      <c r="LEW677" s="613"/>
      <c r="LEX677" s="613"/>
      <c r="LEY677" s="613"/>
      <c r="LEZ677" s="613"/>
      <c r="LFA677" s="613"/>
      <c r="LFB677" s="613"/>
      <c r="LFC677" s="613"/>
      <c r="LFD677" s="613"/>
      <c r="LFE677" s="613"/>
      <c r="LFF677" s="613"/>
      <c r="LFG677" s="613"/>
      <c r="LFH677" s="613"/>
      <c r="LFI677" s="613"/>
      <c r="LFJ677" s="613"/>
      <c r="LFK677" s="613"/>
      <c r="LFL677" s="613"/>
      <c r="LFM677" s="613"/>
      <c r="LFN677" s="613"/>
      <c r="LFO677" s="613"/>
      <c r="LFP677" s="613"/>
      <c r="LFQ677" s="613"/>
      <c r="LFR677" s="613"/>
      <c r="LFS677" s="613"/>
      <c r="LFT677" s="613"/>
      <c r="LFU677" s="613"/>
      <c r="LFV677" s="613"/>
      <c r="LFW677" s="613"/>
      <c r="LFX677" s="613"/>
      <c r="LFY677" s="613"/>
      <c r="LFZ677" s="613"/>
      <c r="LGA677" s="613"/>
      <c r="LGB677" s="613"/>
      <c r="LGC677" s="613"/>
      <c r="LGD677" s="613"/>
      <c r="LGE677" s="613"/>
      <c r="LGF677" s="613"/>
      <c r="LGG677" s="613"/>
      <c r="LGH677" s="613"/>
      <c r="LGI677" s="613"/>
      <c r="LGJ677" s="613"/>
      <c r="LGK677" s="613"/>
      <c r="LGL677" s="613"/>
      <c r="LGM677" s="613"/>
      <c r="LGN677" s="613"/>
      <c r="LGO677" s="613"/>
      <c r="LGP677" s="613"/>
      <c r="LGQ677" s="613"/>
      <c r="LGR677" s="613"/>
      <c r="LGS677" s="613"/>
      <c r="LGT677" s="613"/>
      <c r="LGU677" s="613"/>
      <c r="LGV677" s="613"/>
      <c r="LGW677" s="613"/>
      <c r="LGX677" s="613"/>
      <c r="LGY677" s="613"/>
      <c r="LGZ677" s="613"/>
      <c r="LHA677" s="613"/>
      <c r="LHB677" s="613"/>
      <c r="LHC677" s="613"/>
      <c r="LHD677" s="613"/>
      <c r="LHE677" s="613"/>
      <c r="LHF677" s="613"/>
      <c r="LHG677" s="613"/>
      <c r="LHH677" s="613"/>
      <c r="LHI677" s="613"/>
      <c r="LHJ677" s="613"/>
      <c r="LHK677" s="613"/>
      <c r="LHL677" s="613"/>
      <c r="LHM677" s="613"/>
      <c r="LHN677" s="613"/>
      <c r="LHO677" s="613"/>
      <c r="LHP677" s="613"/>
      <c r="LHQ677" s="613"/>
      <c r="LHR677" s="613"/>
      <c r="LHS677" s="613"/>
      <c r="LHT677" s="613"/>
      <c r="LHU677" s="613"/>
      <c r="LHV677" s="613"/>
      <c r="LHW677" s="613"/>
      <c r="LHX677" s="613"/>
      <c r="LHY677" s="613"/>
      <c r="LHZ677" s="613"/>
      <c r="LIA677" s="613"/>
      <c r="LIB677" s="613"/>
      <c r="LIC677" s="613"/>
      <c r="LID677" s="613"/>
      <c r="LIE677" s="613"/>
      <c r="LIF677" s="613"/>
      <c r="LIG677" s="613"/>
      <c r="LIH677" s="613"/>
      <c r="LII677" s="613"/>
      <c r="LIJ677" s="613"/>
      <c r="LIK677" s="613"/>
      <c r="LIL677" s="613"/>
      <c r="LIM677" s="613"/>
      <c r="LIN677" s="613"/>
      <c r="LIO677" s="613"/>
      <c r="LIP677" s="613"/>
      <c r="LIQ677" s="613"/>
      <c r="LIR677" s="613"/>
      <c r="LIS677" s="613"/>
      <c r="LIT677" s="613"/>
      <c r="LIU677" s="613"/>
      <c r="LIV677" s="613"/>
      <c r="LIW677" s="613"/>
      <c r="LIX677" s="613"/>
      <c r="LIY677" s="613"/>
      <c r="LIZ677" s="613"/>
      <c r="LJA677" s="613"/>
      <c r="LJB677" s="613"/>
      <c r="LJC677" s="613"/>
      <c r="LJD677" s="613"/>
      <c r="LJE677" s="613"/>
      <c r="LJF677" s="613"/>
      <c r="LJG677" s="613"/>
      <c r="LJH677" s="613"/>
      <c r="LJI677" s="613"/>
      <c r="LJJ677" s="613"/>
      <c r="LJK677" s="613"/>
      <c r="LJL677" s="613"/>
      <c r="LJM677" s="613"/>
      <c r="LJN677" s="613"/>
      <c r="LJO677" s="613"/>
      <c r="LJP677" s="613"/>
      <c r="LJQ677" s="613"/>
      <c r="LJR677" s="613"/>
      <c r="LJS677" s="613"/>
      <c r="LJT677" s="613"/>
      <c r="LJU677" s="613"/>
      <c r="LJV677" s="613"/>
      <c r="LJW677" s="613"/>
      <c r="LJX677" s="613"/>
      <c r="LJY677" s="613"/>
      <c r="LJZ677" s="613"/>
      <c r="LKA677" s="613"/>
      <c r="LKB677" s="613"/>
      <c r="LKC677" s="613"/>
      <c r="LKD677" s="613"/>
      <c r="LKE677" s="613"/>
      <c r="LKF677" s="613"/>
      <c r="LKG677" s="613"/>
      <c r="LKH677" s="613"/>
      <c r="LKI677" s="613"/>
      <c r="LKJ677" s="613"/>
      <c r="LKK677" s="613"/>
      <c r="LKL677" s="613"/>
      <c r="LKM677" s="613"/>
      <c r="LKN677" s="613"/>
      <c r="LKO677" s="613"/>
      <c r="LKP677" s="613"/>
      <c r="LKQ677" s="613"/>
      <c r="LKR677" s="613"/>
      <c r="LKS677" s="613"/>
      <c r="LKT677" s="613"/>
      <c r="LKU677" s="613"/>
      <c r="LKV677" s="613"/>
      <c r="LKW677" s="613"/>
      <c r="LKX677" s="613"/>
      <c r="LKY677" s="613"/>
      <c r="LKZ677" s="613"/>
      <c r="LLA677" s="613"/>
      <c r="LLB677" s="613"/>
      <c r="LLC677" s="613"/>
      <c r="LLD677" s="613"/>
      <c r="LLE677" s="613"/>
      <c r="LLF677" s="613"/>
      <c r="LLG677" s="613"/>
      <c r="LLH677" s="613"/>
      <c r="LLI677" s="613"/>
      <c r="LLJ677" s="613"/>
      <c r="LLK677" s="613"/>
      <c r="LLL677" s="613"/>
      <c r="LLM677" s="613"/>
      <c r="LLN677" s="613"/>
      <c r="LLO677" s="613"/>
      <c r="LLP677" s="613"/>
      <c r="LLQ677" s="613"/>
      <c r="LLR677" s="613"/>
      <c r="LLS677" s="613"/>
      <c r="LLT677" s="613"/>
      <c r="LLU677" s="613"/>
      <c r="LLV677" s="613"/>
      <c r="LLW677" s="613"/>
      <c r="LLX677" s="613"/>
      <c r="LLY677" s="613"/>
      <c r="LLZ677" s="613"/>
      <c r="LMA677" s="613"/>
      <c r="LMB677" s="613"/>
      <c r="LMC677" s="613"/>
      <c r="LMD677" s="613"/>
      <c r="LME677" s="613"/>
      <c r="LMF677" s="613"/>
      <c r="LMG677" s="613"/>
      <c r="LMH677" s="613"/>
      <c r="LMI677" s="613"/>
      <c r="LMJ677" s="613"/>
      <c r="LMK677" s="613"/>
      <c r="LML677" s="613"/>
      <c r="LMM677" s="613"/>
      <c r="LMN677" s="613"/>
      <c r="LMO677" s="613"/>
      <c r="LMP677" s="613"/>
      <c r="LMQ677" s="613"/>
      <c r="LMR677" s="613"/>
      <c r="LMS677" s="613"/>
      <c r="LMT677" s="613"/>
      <c r="LMU677" s="613"/>
      <c r="LMV677" s="613"/>
      <c r="LMW677" s="613"/>
      <c r="LMX677" s="613"/>
      <c r="LMY677" s="613"/>
      <c r="LMZ677" s="613"/>
      <c r="LNA677" s="613"/>
      <c r="LNB677" s="613"/>
      <c r="LNC677" s="613"/>
      <c r="LND677" s="613"/>
      <c r="LNE677" s="613"/>
      <c r="LNF677" s="613"/>
      <c r="LNG677" s="613"/>
      <c r="LNH677" s="613"/>
      <c r="LNI677" s="613"/>
      <c r="LNJ677" s="613"/>
      <c r="LNK677" s="613"/>
      <c r="LNL677" s="613"/>
      <c r="LNM677" s="613"/>
      <c r="LNN677" s="613"/>
      <c r="LNO677" s="613"/>
      <c r="LNP677" s="613"/>
      <c r="LNQ677" s="613"/>
      <c r="LNR677" s="613"/>
      <c r="LNS677" s="613"/>
      <c r="LNT677" s="613"/>
      <c r="LNU677" s="613"/>
      <c r="LNV677" s="613"/>
      <c r="LNW677" s="613"/>
      <c r="LNX677" s="613"/>
      <c r="LNY677" s="613"/>
      <c r="LNZ677" s="613"/>
      <c r="LOA677" s="613"/>
      <c r="LOB677" s="613"/>
      <c r="LOC677" s="613"/>
      <c r="LOD677" s="613"/>
      <c r="LOE677" s="613"/>
      <c r="LOF677" s="613"/>
      <c r="LOG677" s="613"/>
      <c r="LOH677" s="613"/>
      <c r="LOI677" s="613"/>
      <c r="LOJ677" s="613"/>
      <c r="LOK677" s="613"/>
      <c r="LOL677" s="613"/>
      <c r="LOM677" s="613"/>
      <c r="LON677" s="613"/>
      <c r="LOO677" s="613"/>
      <c r="LOP677" s="613"/>
      <c r="LOQ677" s="613"/>
      <c r="LOR677" s="613"/>
      <c r="LOS677" s="613"/>
      <c r="LOT677" s="613"/>
      <c r="LOU677" s="613"/>
      <c r="LOV677" s="613"/>
      <c r="LOW677" s="613"/>
      <c r="LOX677" s="613"/>
      <c r="LOY677" s="613"/>
      <c r="LOZ677" s="613"/>
      <c r="LPA677" s="613"/>
      <c r="LPB677" s="613"/>
      <c r="LPC677" s="613"/>
      <c r="LPD677" s="613"/>
      <c r="LPE677" s="613"/>
      <c r="LPF677" s="613"/>
      <c r="LPG677" s="613"/>
      <c r="LPH677" s="613"/>
      <c r="LPI677" s="613"/>
      <c r="LPJ677" s="613"/>
      <c r="LPK677" s="613"/>
      <c r="LPL677" s="613"/>
      <c r="LPM677" s="613"/>
      <c r="LPN677" s="613"/>
      <c r="LPO677" s="613"/>
      <c r="LPP677" s="613"/>
      <c r="LPQ677" s="613"/>
      <c r="LPR677" s="613"/>
      <c r="LPS677" s="613"/>
      <c r="LPT677" s="613"/>
      <c r="LPU677" s="613"/>
      <c r="LPV677" s="613"/>
      <c r="LPW677" s="613"/>
      <c r="LPX677" s="613"/>
      <c r="LPY677" s="613"/>
      <c r="LPZ677" s="613"/>
      <c r="LQA677" s="613"/>
      <c r="LQB677" s="613"/>
      <c r="LQC677" s="613"/>
      <c r="LQD677" s="613"/>
      <c r="LQE677" s="613"/>
      <c r="LQF677" s="613"/>
      <c r="LQG677" s="613"/>
      <c r="LQH677" s="613"/>
      <c r="LQI677" s="613"/>
      <c r="LQJ677" s="613"/>
      <c r="LQK677" s="613"/>
      <c r="LQL677" s="613"/>
      <c r="LQM677" s="613"/>
      <c r="LQN677" s="613"/>
      <c r="LQO677" s="613"/>
      <c r="LQP677" s="613"/>
      <c r="LQQ677" s="613"/>
      <c r="LQR677" s="613"/>
      <c r="LQS677" s="613"/>
      <c r="LQT677" s="613"/>
      <c r="LQU677" s="613"/>
      <c r="LQV677" s="613"/>
      <c r="LQW677" s="613"/>
      <c r="LQX677" s="613"/>
      <c r="LQY677" s="613"/>
      <c r="LQZ677" s="613"/>
      <c r="LRA677" s="613"/>
      <c r="LRB677" s="613"/>
      <c r="LRC677" s="613"/>
      <c r="LRD677" s="613"/>
      <c r="LRE677" s="613"/>
      <c r="LRF677" s="613"/>
      <c r="LRG677" s="613"/>
      <c r="LRH677" s="613"/>
      <c r="LRI677" s="613"/>
      <c r="LRJ677" s="613"/>
      <c r="LRK677" s="613"/>
      <c r="LRL677" s="613"/>
      <c r="LRM677" s="613"/>
      <c r="LRN677" s="613"/>
      <c r="LRO677" s="613"/>
      <c r="LRP677" s="613"/>
      <c r="LRQ677" s="613"/>
      <c r="LRR677" s="613"/>
      <c r="LRS677" s="613"/>
      <c r="LRT677" s="613"/>
      <c r="LRU677" s="613"/>
      <c r="LRV677" s="613"/>
      <c r="LRW677" s="613"/>
      <c r="LRX677" s="613"/>
      <c r="LRY677" s="613"/>
      <c r="LRZ677" s="613"/>
      <c r="LSA677" s="613"/>
      <c r="LSB677" s="613"/>
      <c r="LSC677" s="613"/>
      <c r="LSD677" s="613"/>
      <c r="LSE677" s="613"/>
      <c r="LSF677" s="613"/>
      <c r="LSG677" s="613"/>
      <c r="LSH677" s="613"/>
      <c r="LSI677" s="613"/>
      <c r="LSJ677" s="613"/>
      <c r="LSK677" s="613"/>
      <c r="LSL677" s="613"/>
      <c r="LSM677" s="613"/>
      <c r="LSN677" s="613"/>
      <c r="LSO677" s="613"/>
      <c r="LSP677" s="613"/>
      <c r="LSQ677" s="613"/>
      <c r="LSR677" s="613"/>
      <c r="LSS677" s="613"/>
      <c r="LST677" s="613"/>
      <c r="LSU677" s="613"/>
      <c r="LSV677" s="613"/>
      <c r="LSW677" s="613"/>
      <c r="LSX677" s="613"/>
      <c r="LSY677" s="613"/>
      <c r="LSZ677" s="613"/>
      <c r="LTA677" s="613"/>
      <c r="LTB677" s="613"/>
      <c r="LTC677" s="613"/>
      <c r="LTD677" s="613"/>
      <c r="LTE677" s="613"/>
      <c r="LTF677" s="613"/>
      <c r="LTG677" s="613"/>
      <c r="LTH677" s="613"/>
      <c r="LTI677" s="613"/>
      <c r="LTJ677" s="613"/>
      <c r="LTK677" s="613"/>
      <c r="LTL677" s="613"/>
      <c r="LTM677" s="613"/>
      <c r="LTN677" s="613"/>
      <c r="LTO677" s="613"/>
      <c r="LTP677" s="613"/>
      <c r="LTQ677" s="613"/>
      <c r="LTR677" s="613"/>
      <c r="LTS677" s="613"/>
      <c r="LTT677" s="613"/>
      <c r="LTU677" s="613"/>
      <c r="LTV677" s="613"/>
      <c r="LTW677" s="613"/>
      <c r="LTX677" s="613"/>
      <c r="LTY677" s="613"/>
      <c r="LTZ677" s="613"/>
      <c r="LUA677" s="613"/>
      <c r="LUB677" s="613"/>
      <c r="LUC677" s="613"/>
      <c r="LUD677" s="613"/>
      <c r="LUE677" s="613"/>
      <c r="LUF677" s="613"/>
      <c r="LUG677" s="613"/>
      <c r="LUH677" s="613"/>
      <c r="LUI677" s="613"/>
      <c r="LUJ677" s="613"/>
      <c r="LUK677" s="613"/>
      <c r="LUL677" s="613"/>
      <c r="LUM677" s="613"/>
      <c r="LUN677" s="613"/>
      <c r="LUO677" s="613"/>
      <c r="LUP677" s="613"/>
      <c r="LUQ677" s="613"/>
      <c r="LUR677" s="613"/>
      <c r="LUS677" s="613"/>
      <c r="LUT677" s="613"/>
      <c r="LUU677" s="613"/>
      <c r="LUV677" s="613"/>
      <c r="LUW677" s="613"/>
      <c r="LUX677" s="613"/>
      <c r="LUY677" s="613"/>
      <c r="LUZ677" s="613"/>
      <c r="LVA677" s="613"/>
      <c r="LVB677" s="613"/>
      <c r="LVC677" s="613"/>
      <c r="LVD677" s="613"/>
      <c r="LVE677" s="613"/>
      <c r="LVF677" s="613"/>
      <c r="LVG677" s="613"/>
      <c r="LVH677" s="613"/>
      <c r="LVI677" s="613"/>
      <c r="LVJ677" s="613"/>
      <c r="LVK677" s="613"/>
      <c r="LVL677" s="613"/>
      <c r="LVM677" s="613"/>
      <c r="LVN677" s="613"/>
      <c r="LVO677" s="613"/>
      <c r="LVP677" s="613"/>
      <c r="LVQ677" s="613"/>
      <c r="LVR677" s="613"/>
      <c r="LVS677" s="613"/>
      <c r="LVT677" s="613"/>
      <c r="LVU677" s="613"/>
      <c r="LVV677" s="613"/>
      <c r="LVW677" s="613"/>
      <c r="LVX677" s="613"/>
      <c r="LVY677" s="613"/>
      <c r="LVZ677" s="613"/>
      <c r="LWA677" s="613"/>
      <c r="LWB677" s="613"/>
      <c r="LWC677" s="613"/>
      <c r="LWD677" s="613"/>
      <c r="LWE677" s="613"/>
      <c r="LWF677" s="613"/>
      <c r="LWG677" s="613"/>
      <c r="LWH677" s="613"/>
      <c r="LWI677" s="613"/>
      <c r="LWJ677" s="613"/>
      <c r="LWK677" s="613"/>
      <c r="LWL677" s="613"/>
      <c r="LWM677" s="613"/>
      <c r="LWN677" s="613"/>
      <c r="LWO677" s="613"/>
      <c r="LWP677" s="613"/>
      <c r="LWQ677" s="613"/>
      <c r="LWR677" s="613"/>
      <c r="LWS677" s="613"/>
      <c r="LWT677" s="613"/>
      <c r="LWU677" s="613"/>
      <c r="LWV677" s="613"/>
      <c r="LWW677" s="613"/>
      <c r="LWX677" s="613"/>
      <c r="LWY677" s="613"/>
      <c r="LWZ677" s="613"/>
      <c r="LXA677" s="613"/>
      <c r="LXB677" s="613"/>
      <c r="LXC677" s="613"/>
      <c r="LXD677" s="613"/>
      <c r="LXE677" s="613"/>
      <c r="LXF677" s="613"/>
      <c r="LXG677" s="613"/>
      <c r="LXH677" s="613"/>
      <c r="LXI677" s="613"/>
      <c r="LXJ677" s="613"/>
      <c r="LXK677" s="613"/>
      <c r="LXL677" s="613"/>
      <c r="LXM677" s="613"/>
      <c r="LXN677" s="613"/>
      <c r="LXO677" s="613"/>
      <c r="LXP677" s="613"/>
      <c r="LXQ677" s="613"/>
      <c r="LXR677" s="613"/>
      <c r="LXS677" s="613"/>
      <c r="LXT677" s="613"/>
      <c r="LXU677" s="613"/>
      <c r="LXV677" s="613"/>
      <c r="LXW677" s="613"/>
      <c r="LXX677" s="613"/>
      <c r="LXY677" s="613"/>
      <c r="LXZ677" s="613"/>
      <c r="LYA677" s="613"/>
      <c r="LYB677" s="613"/>
      <c r="LYC677" s="613"/>
      <c r="LYD677" s="613"/>
      <c r="LYE677" s="613"/>
      <c r="LYF677" s="613"/>
      <c r="LYG677" s="613"/>
      <c r="LYH677" s="613"/>
      <c r="LYI677" s="613"/>
      <c r="LYJ677" s="613"/>
      <c r="LYK677" s="613"/>
      <c r="LYL677" s="613"/>
      <c r="LYM677" s="613"/>
      <c r="LYN677" s="613"/>
      <c r="LYO677" s="613"/>
      <c r="LYP677" s="613"/>
      <c r="LYQ677" s="613"/>
      <c r="LYR677" s="613"/>
      <c r="LYS677" s="613"/>
      <c r="LYT677" s="613"/>
      <c r="LYU677" s="613"/>
      <c r="LYV677" s="613"/>
      <c r="LYW677" s="613"/>
      <c r="LYX677" s="613"/>
      <c r="LYY677" s="613"/>
      <c r="LYZ677" s="613"/>
      <c r="LZA677" s="613"/>
      <c r="LZB677" s="613"/>
      <c r="LZC677" s="613"/>
      <c r="LZD677" s="613"/>
      <c r="LZE677" s="613"/>
      <c r="LZF677" s="613"/>
      <c r="LZG677" s="613"/>
      <c r="LZH677" s="613"/>
      <c r="LZI677" s="613"/>
      <c r="LZJ677" s="613"/>
      <c r="LZK677" s="613"/>
      <c r="LZL677" s="613"/>
      <c r="LZM677" s="613"/>
      <c r="LZN677" s="613"/>
      <c r="LZO677" s="613"/>
      <c r="LZP677" s="613"/>
      <c r="LZQ677" s="613"/>
      <c r="LZR677" s="613"/>
      <c r="LZS677" s="613"/>
      <c r="LZT677" s="613"/>
      <c r="LZU677" s="613"/>
      <c r="LZV677" s="613"/>
      <c r="LZW677" s="613"/>
      <c r="LZX677" s="613"/>
      <c r="LZY677" s="613"/>
      <c r="LZZ677" s="613"/>
      <c r="MAA677" s="613"/>
      <c r="MAB677" s="613"/>
      <c r="MAC677" s="613"/>
      <c r="MAD677" s="613"/>
      <c r="MAE677" s="613"/>
      <c r="MAF677" s="613"/>
      <c r="MAG677" s="613"/>
      <c r="MAH677" s="613"/>
      <c r="MAI677" s="613"/>
      <c r="MAJ677" s="613"/>
      <c r="MAK677" s="613"/>
      <c r="MAL677" s="613"/>
      <c r="MAM677" s="613"/>
      <c r="MAN677" s="613"/>
      <c r="MAO677" s="613"/>
      <c r="MAP677" s="613"/>
      <c r="MAQ677" s="613"/>
      <c r="MAR677" s="613"/>
      <c r="MAS677" s="613"/>
      <c r="MAT677" s="613"/>
      <c r="MAU677" s="613"/>
      <c r="MAV677" s="613"/>
      <c r="MAW677" s="613"/>
      <c r="MAX677" s="613"/>
      <c r="MAY677" s="613"/>
      <c r="MAZ677" s="613"/>
      <c r="MBA677" s="613"/>
      <c r="MBB677" s="613"/>
      <c r="MBC677" s="613"/>
      <c r="MBD677" s="613"/>
      <c r="MBE677" s="613"/>
      <c r="MBF677" s="613"/>
      <c r="MBG677" s="613"/>
      <c r="MBH677" s="613"/>
      <c r="MBI677" s="613"/>
      <c r="MBJ677" s="613"/>
      <c r="MBK677" s="613"/>
      <c r="MBL677" s="613"/>
      <c r="MBM677" s="613"/>
      <c r="MBN677" s="613"/>
      <c r="MBO677" s="613"/>
      <c r="MBP677" s="613"/>
      <c r="MBQ677" s="613"/>
      <c r="MBR677" s="613"/>
      <c r="MBS677" s="613"/>
      <c r="MBT677" s="613"/>
      <c r="MBU677" s="613"/>
      <c r="MBV677" s="613"/>
      <c r="MBW677" s="613"/>
      <c r="MBX677" s="613"/>
      <c r="MBY677" s="613"/>
      <c r="MBZ677" s="613"/>
      <c r="MCA677" s="613"/>
      <c r="MCB677" s="613"/>
      <c r="MCC677" s="613"/>
      <c r="MCD677" s="613"/>
      <c r="MCE677" s="613"/>
      <c r="MCF677" s="613"/>
      <c r="MCG677" s="613"/>
      <c r="MCH677" s="613"/>
      <c r="MCI677" s="613"/>
      <c r="MCJ677" s="613"/>
      <c r="MCK677" s="613"/>
      <c r="MCL677" s="613"/>
      <c r="MCM677" s="613"/>
      <c r="MCN677" s="613"/>
      <c r="MCO677" s="613"/>
      <c r="MCP677" s="613"/>
      <c r="MCQ677" s="613"/>
      <c r="MCR677" s="613"/>
      <c r="MCS677" s="613"/>
      <c r="MCT677" s="613"/>
      <c r="MCU677" s="613"/>
      <c r="MCV677" s="613"/>
      <c r="MCW677" s="613"/>
      <c r="MCX677" s="613"/>
      <c r="MCY677" s="613"/>
      <c r="MCZ677" s="613"/>
      <c r="MDA677" s="613"/>
      <c r="MDB677" s="613"/>
      <c r="MDC677" s="613"/>
      <c r="MDD677" s="613"/>
      <c r="MDE677" s="613"/>
      <c r="MDF677" s="613"/>
      <c r="MDG677" s="613"/>
      <c r="MDH677" s="613"/>
      <c r="MDI677" s="613"/>
      <c r="MDJ677" s="613"/>
      <c r="MDK677" s="613"/>
      <c r="MDL677" s="613"/>
      <c r="MDM677" s="613"/>
      <c r="MDN677" s="613"/>
      <c r="MDO677" s="613"/>
      <c r="MDP677" s="613"/>
      <c r="MDQ677" s="613"/>
      <c r="MDR677" s="613"/>
      <c r="MDS677" s="613"/>
      <c r="MDT677" s="613"/>
      <c r="MDU677" s="613"/>
      <c r="MDV677" s="613"/>
      <c r="MDW677" s="613"/>
      <c r="MDX677" s="613"/>
      <c r="MDY677" s="613"/>
      <c r="MDZ677" s="613"/>
      <c r="MEA677" s="613"/>
      <c r="MEB677" s="613"/>
      <c r="MEC677" s="613"/>
      <c r="MED677" s="613"/>
      <c r="MEE677" s="613"/>
      <c r="MEF677" s="613"/>
      <c r="MEG677" s="613"/>
      <c r="MEH677" s="613"/>
      <c r="MEI677" s="613"/>
      <c r="MEJ677" s="613"/>
      <c r="MEK677" s="613"/>
      <c r="MEL677" s="613"/>
      <c r="MEM677" s="613"/>
      <c r="MEN677" s="613"/>
      <c r="MEO677" s="613"/>
      <c r="MEP677" s="613"/>
      <c r="MEQ677" s="613"/>
      <c r="MER677" s="613"/>
      <c r="MES677" s="613"/>
      <c r="MET677" s="613"/>
      <c r="MEU677" s="613"/>
      <c r="MEV677" s="613"/>
      <c r="MEW677" s="613"/>
      <c r="MEX677" s="613"/>
      <c r="MEY677" s="613"/>
      <c r="MEZ677" s="613"/>
      <c r="MFA677" s="613"/>
      <c r="MFB677" s="613"/>
      <c r="MFC677" s="613"/>
      <c r="MFD677" s="613"/>
      <c r="MFE677" s="613"/>
      <c r="MFF677" s="613"/>
      <c r="MFG677" s="613"/>
      <c r="MFH677" s="613"/>
      <c r="MFI677" s="613"/>
      <c r="MFJ677" s="613"/>
      <c r="MFK677" s="613"/>
      <c r="MFL677" s="613"/>
      <c r="MFM677" s="613"/>
      <c r="MFN677" s="613"/>
      <c r="MFO677" s="613"/>
      <c r="MFP677" s="613"/>
      <c r="MFQ677" s="613"/>
      <c r="MFR677" s="613"/>
      <c r="MFS677" s="613"/>
      <c r="MFT677" s="613"/>
      <c r="MFU677" s="613"/>
      <c r="MFV677" s="613"/>
      <c r="MFW677" s="613"/>
      <c r="MFX677" s="613"/>
      <c r="MFY677" s="613"/>
      <c r="MFZ677" s="613"/>
      <c r="MGA677" s="613"/>
      <c r="MGB677" s="613"/>
      <c r="MGC677" s="613"/>
      <c r="MGD677" s="613"/>
      <c r="MGE677" s="613"/>
      <c r="MGF677" s="613"/>
      <c r="MGG677" s="613"/>
      <c r="MGH677" s="613"/>
      <c r="MGI677" s="613"/>
      <c r="MGJ677" s="613"/>
      <c r="MGK677" s="613"/>
      <c r="MGL677" s="613"/>
      <c r="MGM677" s="613"/>
      <c r="MGN677" s="613"/>
      <c r="MGO677" s="613"/>
      <c r="MGP677" s="613"/>
      <c r="MGQ677" s="613"/>
      <c r="MGR677" s="613"/>
      <c r="MGS677" s="613"/>
      <c r="MGT677" s="613"/>
      <c r="MGU677" s="613"/>
      <c r="MGV677" s="613"/>
      <c r="MGW677" s="613"/>
      <c r="MGX677" s="613"/>
      <c r="MGY677" s="613"/>
      <c r="MGZ677" s="613"/>
      <c r="MHA677" s="613"/>
      <c r="MHB677" s="613"/>
      <c r="MHC677" s="613"/>
      <c r="MHD677" s="613"/>
      <c r="MHE677" s="613"/>
      <c r="MHF677" s="613"/>
      <c r="MHG677" s="613"/>
      <c r="MHH677" s="613"/>
      <c r="MHI677" s="613"/>
      <c r="MHJ677" s="613"/>
      <c r="MHK677" s="613"/>
      <c r="MHL677" s="613"/>
      <c r="MHM677" s="613"/>
      <c r="MHN677" s="613"/>
      <c r="MHO677" s="613"/>
      <c r="MHP677" s="613"/>
      <c r="MHQ677" s="613"/>
      <c r="MHR677" s="613"/>
      <c r="MHS677" s="613"/>
      <c r="MHT677" s="613"/>
      <c r="MHU677" s="613"/>
      <c r="MHV677" s="613"/>
      <c r="MHW677" s="613"/>
      <c r="MHX677" s="613"/>
      <c r="MHY677" s="613"/>
      <c r="MHZ677" s="613"/>
      <c r="MIA677" s="613"/>
      <c r="MIB677" s="613"/>
      <c r="MIC677" s="613"/>
      <c r="MID677" s="613"/>
      <c r="MIE677" s="613"/>
      <c r="MIF677" s="613"/>
      <c r="MIG677" s="613"/>
      <c r="MIH677" s="613"/>
      <c r="MII677" s="613"/>
      <c r="MIJ677" s="613"/>
      <c r="MIK677" s="613"/>
      <c r="MIL677" s="613"/>
      <c r="MIM677" s="613"/>
      <c r="MIN677" s="613"/>
      <c r="MIO677" s="613"/>
      <c r="MIP677" s="613"/>
      <c r="MIQ677" s="613"/>
      <c r="MIR677" s="613"/>
      <c r="MIS677" s="613"/>
      <c r="MIT677" s="613"/>
      <c r="MIU677" s="613"/>
      <c r="MIV677" s="613"/>
      <c r="MIW677" s="613"/>
      <c r="MIX677" s="613"/>
      <c r="MIY677" s="613"/>
      <c r="MIZ677" s="613"/>
      <c r="MJA677" s="613"/>
      <c r="MJB677" s="613"/>
      <c r="MJC677" s="613"/>
      <c r="MJD677" s="613"/>
      <c r="MJE677" s="613"/>
      <c r="MJF677" s="613"/>
      <c r="MJG677" s="613"/>
      <c r="MJH677" s="613"/>
      <c r="MJI677" s="613"/>
      <c r="MJJ677" s="613"/>
      <c r="MJK677" s="613"/>
      <c r="MJL677" s="613"/>
      <c r="MJM677" s="613"/>
      <c r="MJN677" s="613"/>
      <c r="MJO677" s="613"/>
      <c r="MJP677" s="613"/>
      <c r="MJQ677" s="613"/>
      <c r="MJR677" s="613"/>
      <c r="MJS677" s="613"/>
      <c r="MJT677" s="613"/>
      <c r="MJU677" s="613"/>
      <c r="MJV677" s="613"/>
      <c r="MJW677" s="613"/>
      <c r="MJX677" s="613"/>
      <c r="MJY677" s="613"/>
      <c r="MJZ677" s="613"/>
      <c r="MKA677" s="613"/>
      <c r="MKB677" s="613"/>
      <c r="MKC677" s="613"/>
      <c r="MKD677" s="613"/>
      <c r="MKE677" s="613"/>
      <c r="MKF677" s="613"/>
      <c r="MKG677" s="613"/>
      <c r="MKH677" s="613"/>
      <c r="MKI677" s="613"/>
      <c r="MKJ677" s="613"/>
      <c r="MKK677" s="613"/>
      <c r="MKL677" s="613"/>
      <c r="MKM677" s="613"/>
      <c r="MKN677" s="613"/>
      <c r="MKO677" s="613"/>
      <c r="MKP677" s="613"/>
      <c r="MKQ677" s="613"/>
      <c r="MKR677" s="613"/>
      <c r="MKS677" s="613"/>
      <c r="MKT677" s="613"/>
      <c r="MKU677" s="613"/>
      <c r="MKV677" s="613"/>
      <c r="MKW677" s="613"/>
      <c r="MKX677" s="613"/>
      <c r="MKY677" s="613"/>
      <c r="MKZ677" s="613"/>
      <c r="MLA677" s="613"/>
      <c r="MLB677" s="613"/>
      <c r="MLC677" s="613"/>
      <c r="MLD677" s="613"/>
      <c r="MLE677" s="613"/>
      <c r="MLF677" s="613"/>
      <c r="MLG677" s="613"/>
      <c r="MLH677" s="613"/>
      <c r="MLI677" s="613"/>
      <c r="MLJ677" s="613"/>
      <c r="MLK677" s="613"/>
      <c r="MLL677" s="613"/>
      <c r="MLM677" s="613"/>
      <c r="MLN677" s="613"/>
      <c r="MLO677" s="613"/>
      <c r="MLP677" s="613"/>
      <c r="MLQ677" s="613"/>
      <c r="MLR677" s="613"/>
      <c r="MLS677" s="613"/>
      <c r="MLT677" s="613"/>
      <c r="MLU677" s="613"/>
      <c r="MLV677" s="613"/>
      <c r="MLW677" s="613"/>
      <c r="MLX677" s="613"/>
      <c r="MLY677" s="613"/>
      <c r="MLZ677" s="613"/>
      <c r="MMA677" s="613"/>
      <c r="MMB677" s="613"/>
      <c r="MMC677" s="613"/>
      <c r="MMD677" s="613"/>
      <c r="MME677" s="613"/>
      <c r="MMF677" s="613"/>
      <c r="MMG677" s="613"/>
      <c r="MMH677" s="613"/>
      <c r="MMI677" s="613"/>
      <c r="MMJ677" s="613"/>
      <c r="MMK677" s="613"/>
      <c r="MML677" s="613"/>
      <c r="MMM677" s="613"/>
      <c r="MMN677" s="613"/>
      <c r="MMO677" s="613"/>
      <c r="MMP677" s="613"/>
      <c r="MMQ677" s="613"/>
      <c r="MMR677" s="613"/>
      <c r="MMS677" s="613"/>
      <c r="MMT677" s="613"/>
      <c r="MMU677" s="613"/>
      <c r="MMV677" s="613"/>
      <c r="MMW677" s="613"/>
      <c r="MMX677" s="613"/>
      <c r="MMY677" s="613"/>
      <c r="MMZ677" s="613"/>
      <c r="MNA677" s="613"/>
      <c r="MNB677" s="613"/>
      <c r="MNC677" s="613"/>
      <c r="MND677" s="613"/>
      <c r="MNE677" s="613"/>
      <c r="MNF677" s="613"/>
      <c r="MNG677" s="613"/>
      <c r="MNH677" s="613"/>
      <c r="MNI677" s="613"/>
      <c r="MNJ677" s="613"/>
      <c r="MNK677" s="613"/>
      <c r="MNL677" s="613"/>
      <c r="MNM677" s="613"/>
      <c r="MNN677" s="613"/>
      <c r="MNO677" s="613"/>
      <c r="MNP677" s="613"/>
      <c r="MNQ677" s="613"/>
      <c r="MNR677" s="613"/>
      <c r="MNS677" s="613"/>
      <c r="MNT677" s="613"/>
      <c r="MNU677" s="613"/>
      <c r="MNV677" s="613"/>
      <c r="MNW677" s="613"/>
      <c r="MNX677" s="613"/>
      <c r="MNY677" s="613"/>
      <c r="MNZ677" s="613"/>
      <c r="MOA677" s="613"/>
      <c r="MOB677" s="613"/>
      <c r="MOC677" s="613"/>
      <c r="MOD677" s="613"/>
      <c r="MOE677" s="613"/>
      <c r="MOF677" s="613"/>
      <c r="MOG677" s="613"/>
      <c r="MOH677" s="613"/>
      <c r="MOI677" s="613"/>
      <c r="MOJ677" s="613"/>
      <c r="MOK677" s="613"/>
      <c r="MOL677" s="613"/>
      <c r="MOM677" s="613"/>
      <c r="MON677" s="613"/>
      <c r="MOO677" s="613"/>
      <c r="MOP677" s="613"/>
      <c r="MOQ677" s="613"/>
      <c r="MOR677" s="613"/>
      <c r="MOS677" s="613"/>
      <c r="MOT677" s="613"/>
      <c r="MOU677" s="613"/>
      <c r="MOV677" s="613"/>
      <c r="MOW677" s="613"/>
      <c r="MOX677" s="613"/>
      <c r="MOY677" s="613"/>
      <c r="MOZ677" s="613"/>
      <c r="MPA677" s="613"/>
      <c r="MPB677" s="613"/>
      <c r="MPC677" s="613"/>
      <c r="MPD677" s="613"/>
      <c r="MPE677" s="613"/>
      <c r="MPF677" s="613"/>
      <c r="MPG677" s="613"/>
      <c r="MPH677" s="613"/>
      <c r="MPI677" s="613"/>
      <c r="MPJ677" s="613"/>
      <c r="MPK677" s="613"/>
      <c r="MPL677" s="613"/>
      <c r="MPM677" s="613"/>
      <c r="MPN677" s="613"/>
      <c r="MPO677" s="613"/>
      <c r="MPP677" s="613"/>
      <c r="MPQ677" s="613"/>
      <c r="MPR677" s="613"/>
      <c r="MPS677" s="613"/>
      <c r="MPT677" s="613"/>
      <c r="MPU677" s="613"/>
      <c r="MPV677" s="613"/>
      <c r="MPW677" s="613"/>
      <c r="MPX677" s="613"/>
      <c r="MPY677" s="613"/>
      <c r="MPZ677" s="613"/>
      <c r="MQA677" s="613"/>
      <c r="MQB677" s="613"/>
      <c r="MQC677" s="613"/>
      <c r="MQD677" s="613"/>
      <c r="MQE677" s="613"/>
      <c r="MQF677" s="613"/>
      <c r="MQG677" s="613"/>
      <c r="MQH677" s="613"/>
      <c r="MQI677" s="613"/>
      <c r="MQJ677" s="613"/>
      <c r="MQK677" s="613"/>
      <c r="MQL677" s="613"/>
      <c r="MQM677" s="613"/>
      <c r="MQN677" s="613"/>
      <c r="MQO677" s="613"/>
      <c r="MQP677" s="613"/>
      <c r="MQQ677" s="613"/>
      <c r="MQR677" s="613"/>
      <c r="MQS677" s="613"/>
      <c r="MQT677" s="613"/>
      <c r="MQU677" s="613"/>
      <c r="MQV677" s="613"/>
      <c r="MQW677" s="613"/>
      <c r="MQX677" s="613"/>
      <c r="MQY677" s="613"/>
      <c r="MQZ677" s="613"/>
      <c r="MRA677" s="613"/>
      <c r="MRB677" s="613"/>
      <c r="MRC677" s="613"/>
      <c r="MRD677" s="613"/>
      <c r="MRE677" s="613"/>
      <c r="MRF677" s="613"/>
      <c r="MRG677" s="613"/>
      <c r="MRH677" s="613"/>
      <c r="MRI677" s="613"/>
      <c r="MRJ677" s="613"/>
      <c r="MRK677" s="613"/>
      <c r="MRL677" s="613"/>
      <c r="MRM677" s="613"/>
      <c r="MRN677" s="613"/>
      <c r="MRO677" s="613"/>
      <c r="MRP677" s="613"/>
      <c r="MRQ677" s="613"/>
      <c r="MRR677" s="613"/>
      <c r="MRS677" s="613"/>
      <c r="MRT677" s="613"/>
      <c r="MRU677" s="613"/>
      <c r="MRV677" s="613"/>
      <c r="MRW677" s="613"/>
      <c r="MRX677" s="613"/>
      <c r="MRY677" s="613"/>
      <c r="MRZ677" s="613"/>
      <c r="MSA677" s="613"/>
      <c r="MSB677" s="613"/>
      <c r="MSC677" s="613"/>
      <c r="MSD677" s="613"/>
      <c r="MSE677" s="613"/>
      <c r="MSF677" s="613"/>
      <c r="MSG677" s="613"/>
      <c r="MSH677" s="613"/>
      <c r="MSI677" s="613"/>
      <c r="MSJ677" s="613"/>
      <c r="MSK677" s="613"/>
      <c r="MSL677" s="613"/>
      <c r="MSM677" s="613"/>
      <c r="MSN677" s="613"/>
      <c r="MSO677" s="613"/>
      <c r="MSP677" s="613"/>
      <c r="MSQ677" s="613"/>
      <c r="MSR677" s="613"/>
      <c r="MSS677" s="613"/>
      <c r="MST677" s="613"/>
      <c r="MSU677" s="613"/>
      <c r="MSV677" s="613"/>
      <c r="MSW677" s="613"/>
      <c r="MSX677" s="613"/>
      <c r="MSY677" s="613"/>
      <c r="MSZ677" s="613"/>
      <c r="MTA677" s="613"/>
      <c r="MTB677" s="613"/>
      <c r="MTC677" s="613"/>
      <c r="MTD677" s="613"/>
      <c r="MTE677" s="613"/>
      <c r="MTF677" s="613"/>
      <c r="MTG677" s="613"/>
      <c r="MTH677" s="613"/>
      <c r="MTI677" s="613"/>
      <c r="MTJ677" s="613"/>
      <c r="MTK677" s="613"/>
      <c r="MTL677" s="613"/>
      <c r="MTM677" s="613"/>
      <c r="MTN677" s="613"/>
      <c r="MTO677" s="613"/>
      <c r="MTP677" s="613"/>
      <c r="MTQ677" s="613"/>
      <c r="MTR677" s="613"/>
      <c r="MTS677" s="613"/>
      <c r="MTT677" s="613"/>
      <c r="MTU677" s="613"/>
      <c r="MTV677" s="613"/>
      <c r="MTW677" s="613"/>
      <c r="MTX677" s="613"/>
      <c r="MTY677" s="613"/>
      <c r="MTZ677" s="613"/>
      <c r="MUA677" s="613"/>
      <c r="MUB677" s="613"/>
      <c r="MUC677" s="613"/>
      <c r="MUD677" s="613"/>
      <c r="MUE677" s="613"/>
      <c r="MUF677" s="613"/>
      <c r="MUG677" s="613"/>
      <c r="MUH677" s="613"/>
      <c r="MUI677" s="613"/>
      <c r="MUJ677" s="613"/>
      <c r="MUK677" s="613"/>
      <c r="MUL677" s="613"/>
      <c r="MUM677" s="613"/>
      <c r="MUN677" s="613"/>
      <c r="MUO677" s="613"/>
      <c r="MUP677" s="613"/>
      <c r="MUQ677" s="613"/>
      <c r="MUR677" s="613"/>
      <c r="MUS677" s="613"/>
      <c r="MUT677" s="613"/>
      <c r="MUU677" s="613"/>
      <c r="MUV677" s="613"/>
      <c r="MUW677" s="613"/>
      <c r="MUX677" s="613"/>
      <c r="MUY677" s="613"/>
      <c r="MUZ677" s="613"/>
      <c r="MVA677" s="613"/>
      <c r="MVB677" s="613"/>
      <c r="MVC677" s="613"/>
      <c r="MVD677" s="613"/>
      <c r="MVE677" s="613"/>
      <c r="MVF677" s="613"/>
      <c r="MVG677" s="613"/>
      <c r="MVH677" s="613"/>
      <c r="MVI677" s="613"/>
      <c r="MVJ677" s="613"/>
      <c r="MVK677" s="613"/>
      <c r="MVL677" s="613"/>
      <c r="MVM677" s="613"/>
      <c r="MVN677" s="613"/>
      <c r="MVO677" s="613"/>
      <c r="MVP677" s="613"/>
      <c r="MVQ677" s="613"/>
      <c r="MVR677" s="613"/>
      <c r="MVS677" s="613"/>
      <c r="MVT677" s="613"/>
      <c r="MVU677" s="613"/>
      <c r="MVV677" s="613"/>
      <c r="MVW677" s="613"/>
      <c r="MVX677" s="613"/>
      <c r="MVY677" s="613"/>
      <c r="MVZ677" s="613"/>
      <c r="MWA677" s="613"/>
      <c r="MWB677" s="613"/>
      <c r="MWC677" s="613"/>
      <c r="MWD677" s="613"/>
      <c r="MWE677" s="613"/>
      <c r="MWF677" s="613"/>
      <c r="MWG677" s="613"/>
      <c r="MWH677" s="613"/>
      <c r="MWI677" s="613"/>
      <c r="MWJ677" s="613"/>
      <c r="MWK677" s="613"/>
      <c r="MWL677" s="613"/>
      <c r="MWM677" s="613"/>
      <c r="MWN677" s="613"/>
      <c r="MWO677" s="613"/>
      <c r="MWP677" s="613"/>
      <c r="MWQ677" s="613"/>
      <c r="MWR677" s="613"/>
      <c r="MWS677" s="613"/>
      <c r="MWT677" s="613"/>
      <c r="MWU677" s="613"/>
      <c r="MWV677" s="613"/>
      <c r="MWW677" s="613"/>
      <c r="MWX677" s="613"/>
      <c r="MWY677" s="613"/>
      <c r="MWZ677" s="613"/>
      <c r="MXA677" s="613"/>
      <c r="MXB677" s="613"/>
      <c r="MXC677" s="613"/>
      <c r="MXD677" s="613"/>
      <c r="MXE677" s="613"/>
      <c r="MXF677" s="613"/>
      <c r="MXG677" s="613"/>
      <c r="MXH677" s="613"/>
      <c r="MXI677" s="613"/>
      <c r="MXJ677" s="613"/>
      <c r="MXK677" s="613"/>
      <c r="MXL677" s="613"/>
      <c r="MXM677" s="613"/>
      <c r="MXN677" s="613"/>
      <c r="MXO677" s="613"/>
      <c r="MXP677" s="613"/>
      <c r="MXQ677" s="613"/>
      <c r="MXR677" s="613"/>
      <c r="MXS677" s="613"/>
      <c r="MXT677" s="613"/>
      <c r="MXU677" s="613"/>
      <c r="MXV677" s="613"/>
      <c r="MXW677" s="613"/>
      <c r="MXX677" s="613"/>
      <c r="MXY677" s="613"/>
      <c r="MXZ677" s="613"/>
      <c r="MYA677" s="613"/>
      <c r="MYB677" s="613"/>
      <c r="MYC677" s="613"/>
      <c r="MYD677" s="613"/>
      <c r="MYE677" s="613"/>
      <c r="MYF677" s="613"/>
      <c r="MYG677" s="613"/>
      <c r="MYH677" s="613"/>
      <c r="MYI677" s="613"/>
      <c r="MYJ677" s="613"/>
      <c r="MYK677" s="613"/>
      <c r="MYL677" s="613"/>
      <c r="MYM677" s="613"/>
      <c r="MYN677" s="613"/>
      <c r="MYO677" s="613"/>
      <c r="MYP677" s="613"/>
      <c r="MYQ677" s="613"/>
      <c r="MYR677" s="613"/>
      <c r="MYS677" s="613"/>
      <c r="MYT677" s="613"/>
      <c r="MYU677" s="613"/>
      <c r="MYV677" s="613"/>
      <c r="MYW677" s="613"/>
      <c r="MYX677" s="613"/>
      <c r="MYY677" s="613"/>
      <c r="MYZ677" s="613"/>
      <c r="MZA677" s="613"/>
      <c r="MZB677" s="613"/>
      <c r="MZC677" s="613"/>
      <c r="MZD677" s="613"/>
      <c r="MZE677" s="613"/>
      <c r="MZF677" s="613"/>
      <c r="MZG677" s="613"/>
      <c r="MZH677" s="613"/>
      <c r="MZI677" s="613"/>
      <c r="MZJ677" s="613"/>
      <c r="MZK677" s="613"/>
      <c r="MZL677" s="613"/>
      <c r="MZM677" s="613"/>
      <c r="MZN677" s="613"/>
      <c r="MZO677" s="613"/>
      <c r="MZP677" s="613"/>
      <c r="MZQ677" s="613"/>
      <c r="MZR677" s="613"/>
      <c r="MZS677" s="613"/>
      <c r="MZT677" s="613"/>
      <c r="MZU677" s="613"/>
      <c r="MZV677" s="613"/>
      <c r="MZW677" s="613"/>
      <c r="MZX677" s="613"/>
      <c r="MZY677" s="613"/>
      <c r="MZZ677" s="613"/>
      <c r="NAA677" s="613"/>
      <c r="NAB677" s="613"/>
      <c r="NAC677" s="613"/>
      <c r="NAD677" s="613"/>
      <c r="NAE677" s="613"/>
      <c r="NAF677" s="613"/>
      <c r="NAG677" s="613"/>
      <c r="NAH677" s="613"/>
      <c r="NAI677" s="613"/>
      <c r="NAJ677" s="613"/>
      <c r="NAK677" s="613"/>
      <c r="NAL677" s="613"/>
      <c r="NAM677" s="613"/>
      <c r="NAN677" s="613"/>
      <c r="NAO677" s="613"/>
      <c r="NAP677" s="613"/>
      <c r="NAQ677" s="613"/>
      <c r="NAR677" s="613"/>
      <c r="NAS677" s="613"/>
      <c r="NAT677" s="613"/>
      <c r="NAU677" s="613"/>
      <c r="NAV677" s="613"/>
      <c r="NAW677" s="613"/>
      <c r="NAX677" s="613"/>
      <c r="NAY677" s="613"/>
      <c r="NAZ677" s="613"/>
      <c r="NBA677" s="613"/>
      <c r="NBB677" s="613"/>
      <c r="NBC677" s="613"/>
      <c r="NBD677" s="613"/>
      <c r="NBE677" s="613"/>
      <c r="NBF677" s="613"/>
      <c r="NBG677" s="613"/>
      <c r="NBH677" s="613"/>
      <c r="NBI677" s="613"/>
      <c r="NBJ677" s="613"/>
      <c r="NBK677" s="613"/>
      <c r="NBL677" s="613"/>
      <c r="NBM677" s="613"/>
      <c r="NBN677" s="613"/>
      <c r="NBO677" s="613"/>
      <c r="NBP677" s="613"/>
      <c r="NBQ677" s="613"/>
      <c r="NBR677" s="613"/>
      <c r="NBS677" s="613"/>
      <c r="NBT677" s="613"/>
      <c r="NBU677" s="613"/>
      <c r="NBV677" s="613"/>
      <c r="NBW677" s="613"/>
      <c r="NBX677" s="613"/>
      <c r="NBY677" s="613"/>
      <c r="NBZ677" s="613"/>
      <c r="NCA677" s="613"/>
      <c r="NCB677" s="613"/>
      <c r="NCC677" s="613"/>
      <c r="NCD677" s="613"/>
      <c r="NCE677" s="613"/>
      <c r="NCF677" s="613"/>
      <c r="NCG677" s="613"/>
      <c r="NCH677" s="613"/>
      <c r="NCI677" s="613"/>
      <c r="NCJ677" s="613"/>
      <c r="NCK677" s="613"/>
      <c r="NCL677" s="613"/>
      <c r="NCM677" s="613"/>
      <c r="NCN677" s="613"/>
      <c r="NCO677" s="613"/>
      <c r="NCP677" s="613"/>
      <c r="NCQ677" s="613"/>
      <c r="NCR677" s="613"/>
      <c r="NCS677" s="613"/>
      <c r="NCT677" s="613"/>
      <c r="NCU677" s="613"/>
      <c r="NCV677" s="613"/>
      <c r="NCW677" s="613"/>
      <c r="NCX677" s="613"/>
      <c r="NCY677" s="613"/>
      <c r="NCZ677" s="613"/>
      <c r="NDA677" s="613"/>
      <c r="NDB677" s="613"/>
      <c r="NDC677" s="613"/>
      <c r="NDD677" s="613"/>
      <c r="NDE677" s="613"/>
      <c r="NDF677" s="613"/>
      <c r="NDG677" s="613"/>
      <c r="NDH677" s="613"/>
      <c r="NDI677" s="613"/>
      <c r="NDJ677" s="613"/>
      <c r="NDK677" s="613"/>
      <c r="NDL677" s="613"/>
      <c r="NDM677" s="613"/>
      <c r="NDN677" s="613"/>
      <c r="NDO677" s="613"/>
      <c r="NDP677" s="613"/>
      <c r="NDQ677" s="613"/>
      <c r="NDR677" s="613"/>
      <c r="NDS677" s="613"/>
      <c r="NDT677" s="613"/>
      <c r="NDU677" s="613"/>
      <c r="NDV677" s="613"/>
      <c r="NDW677" s="613"/>
      <c r="NDX677" s="613"/>
      <c r="NDY677" s="613"/>
      <c r="NDZ677" s="613"/>
      <c r="NEA677" s="613"/>
      <c r="NEB677" s="613"/>
      <c r="NEC677" s="613"/>
      <c r="NED677" s="613"/>
      <c r="NEE677" s="613"/>
      <c r="NEF677" s="613"/>
      <c r="NEG677" s="613"/>
      <c r="NEH677" s="613"/>
      <c r="NEI677" s="613"/>
      <c r="NEJ677" s="613"/>
      <c r="NEK677" s="613"/>
      <c r="NEL677" s="613"/>
      <c r="NEM677" s="613"/>
      <c r="NEN677" s="613"/>
      <c r="NEO677" s="613"/>
      <c r="NEP677" s="613"/>
      <c r="NEQ677" s="613"/>
      <c r="NER677" s="613"/>
      <c r="NES677" s="613"/>
      <c r="NET677" s="613"/>
      <c r="NEU677" s="613"/>
      <c r="NEV677" s="613"/>
      <c r="NEW677" s="613"/>
      <c r="NEX677" s="613"/>
      <c r="NEY677" s="613"/>
      <c r="NEZ677" s="613"/>
      <c r="NFA677" s="613"/>
      <c r="NFB677" s="613"/>
      <c r="NFC677" s="613"/>
      <c r="NFD677" s="613"/>
      <c r="NFE677" s="613"/>
      <c r="NFF677" s="613"/>
      <c r="NFG677" s="613"/>
      <c r="NFH677" s="613"/>
      <c r="NFI677" s="613"/>
      <c r="NFJ677" s="613"/>
      <c r="NFK677" s="613"/>
      <c r="NFL677" s="613"/>
      <c r="NFM677" s="613"/>
      <c r="NFN677" s="613"/>
      <c r="NFO677" s="613"/>
      <c r="NFP677" s="613"/>
      <c r="NFQ677" s="613"/>
      <c r="NFR677" s="613"/>
      <c r="NFS677" s="613"/>
      <c r="NFT677" s="613"/>
      <c r="NFU677" s="613"/>
      <c r="NFV677" s="613"/>
      <c r="NFW677" s="613"/>
      <c r="NFX677" s="613"/>
      <c r="NFY677" s="613"/>
      <c r="NFZ677" s="613"/>
      <c r="NGA677" s="613"/>
      <c r="NGB677" s="613"/>
      <c r="NGC677" s="613"/>
      <c r="NGD677" s="613"/>
      <c r="NGE677" s="613"/>
      <c r="NGF677" s="613"/>
      <c r="NGG677" s="613"/>
      <c r="NGH677" s="613"/>
      <c r="NGI677" s="613"/>
      <c r="NGJ677" s="613"/>
      <c r="NGK677" s="613"/>
      <c r="NGL677" s="613"/>
      <c r="NGM677" s="613"/>
      <c r="NGN677" s="613"/>
      <c r="NGO677" s="613"/>
      <c r="NGP677" s="613"/>
      <c r="NGQ677" s="613"/>
      <c r="NGR677" s="613"/>
      <c r="NGS677" s="613"/>
      <c r="NGT677" s="613"/>
      <c r="NGU677" s="613"/>
      <c r="NGV677" s="613"/>
      <c r="NGW677" s="613"/>
      <c r="NGX677" s="613"/>
      <c r="NGY677" s="613"/>
      <c r="NGZ677" s="613"/>
      <c r="NHA677" s="613"/>
      <c r="NHB677" s="613"/>
      <c r="NHC677" s="613"/>
      <c r="NHD677" s="613"/>
      <c r="NHE677" s="613"/>
      <c r="NHF677" s="613"/>
      <c r="NHG677" s="613"/>
      <c r="NHH677" s="613"/>
      <c r="NHI677" s="613"/>
      <c r="NHJ677" s="613"/>
      <c r="NHK677" s="613"/>
      <c r="NHL677" s="613"/>
      <c r="NHM677" s="613"/>
      <c r="NHN677" s="613"/>
      <c r="NHO677" s="613"/>
      <c r="NHP677" s="613"/>
      <c r="NHQ677" s="613"/>
      <c r="NHR677" s="613"/>
      <c r="NHS677" s="613"/>
      <c r="NHT677" s="613"/>
      <c r="NHU677" s="613"/>
      <c r="NHV677" s="613"/>
      <c r="NHW677" s="613"/>
      <c r="NHX677" s="613"/>
      <c r="NHY677" s="613"/>
      <c r="NHZ677" s="613"/>
      <c r="NIA677" s="613"/>
      <c r="NIB677" s="613"/>
      <c r="NIC677" s="613"/>
      <c r="NID677" s="613"/>
      <c r="NIE677" s="613"/>
      <c r="NIF677" s="613"/>
      <c r="NIG677" s="613"/>
      <c r="NIH677" s="613"/>
      <c r="NII677" s="613"/>
      <c r="NIJ677" s="613"/>
      <c r="NIK677" s="613"/>
      <c r="NIL677" s="613"/>
      <c r="NIM677" s="613"/>
      <c r="NIN677" s="613"/>
      <c r="NIO677" s="613"/>
      <c r="NIP677" s="613"/>
      <c r="NIQ677" s="613"/>
      <c r="NIR677" s="613"/>
      <c r="NIS677" s="613"/>
      <c r="NIT677" s="613"/>
      <c r="NIU677" s="613"/>
      <c r="NIV677" s="613"/>
      <c r="NIW677" s="613"/>
      <c r="NIX677" s="613"/>
      <c r="NIY677" s="613"/>
      <c r="NIZ677" s="613"/>
      <c r="NJA677" s="613"/>
      <c r="NJB677" s="613"/>
      <c r="NJC677" s="613"/>
      <c r="NJD677" s="613"/>
      <c r="NJE677" s="613"/>
      <c r="NJF677" s="613"/>
      <c r="NJG677" s="613"/>
      <c r="NJH677" s="613"/>
      <c r="NJI677" s="613"/>
      <c r="NJJ677" s="613"/>
      <c r="NJK677" s="613"/>
      <c r="NJL677" s="613"/>
      <c r="NJM677" s="613"/>
      <c r="NJN677" s="613"/>
      <c r="NJO677" s="613"/>
      <c r="NJP677" s="613"/>
      <c r="NJQ677" s="613"/>
      <c r="NJR677" s="613"/>
      <c r="NJS677" s="613"/>
      <c r="NJT677" s="613"/>
      <c r="NJU677" s="613"/>
      <c r="NJV677" s="613"/>
      <c r="NJW677" s="613"/>
      <c r="NJX677" s="613"/>
      <c r="NJY677" s="613"/>
      <c r="NJZ677" s="613"/>
      <c r="NKA677" s="613"/>
      <c r="NKB677" s="613"/>
      <c r="NKC677" s="613"/>
      <c r="NKD677" s="613"/>
      <c r="NKE677" s="613"/>
      <c r="NKF677" s="613"/>
      <c r="NKG677" s="613"/>
      <c r="NKH677" s="613"/>
      <c r="NKI677" s="613"/>
      <c r="NKJ677" s="613"/>
      <c r="NKK677" s="613"/>
      <c r="NKL677" s="613"/>
      <c r="NKM677" s="613"/>
      <c r="NKN677" s="613"/>
      <c r="NKO677" s="613"/>
      <c r="NKP677" s="613"/>
      <c r="NKQ677" s="613"/>
      <c r="NKR677" s="613"/>
      <c r="NKS677" s="613"/>
      <c r="NKT677" s="613"/>
      <c r="NKU677" s="613"/>
      <c r="NKV677" s="613"/>
      <c r="NKW677" s="613"/>
      <c r="NKX677" s="613"/>
      <c r="NKY677" s="613"/>
      <c r="NKZ677" s="613"/>
      <c r="NLA677" s="613"/>
      <c r="NLB677" s="613"/>
      <c r="NLC677" s="613"/>
      <c r="NLD677" s="613"/>
      <c r="NLE677" s="613"/>
      <c r="NLF677" s="613"/>
      <c r="NLG677" s="613"/>
      <c r="NLH677" s="613"/>
      <c r="NLI677" s="613"/>
      <c r="NLJ677" s="613"/>
      <c r="NLK677" s="613"/>
      <c r="NLL677" s="613"/>
      <c r="NLM677" s="613"/>
      <c r="NLN677" s="613"/>
      <c r="NLO677" s="613"/>
      <c r="NLP677" s="613"/>
      <c r="NLQ677" s="613"/>
      <c r="NLR677" s="613"/>
      <c r="NLS677" s="613"/>
      <c r="NLT677" s="613"/>
      <c r="NLU677" s="613"/>
      <c r="NLV677" s="613"/>
      <c r="NLW677" s="613"/>
      <c r="NLX677" s="613"/>
      <c r="NLY677" s="613"/>
      <c r="NLZ677" s="613"/>
      <c r="NMA677" s="613"/>
      <c r="NMB677" s="613"/>
      <c r="NMC677" s="613"/>
      <c r="NMD677" s="613"/>
      <c r="NME677" s="613"/>
      <c r="NMF677" s="613"/>
      <c r="NMG677" s="613"/>
      <c r="NMH677" s="613"/>
      <c r="NMI677" s="613"/>
      <c r="NMJ677" s="613"/>
      <c r="NMK677" s="613"/>
      <c r="NML677" s="613"/>
      <c r="NMM677" s="613"/>
      <c r="NMN677" s="613"/>
      <c r="NMO677" s="613"/>
      <c r="NMP677" s="613"/>
      <c r="NMQ677" s="613"/>
      <c r="NMR677" s="613"/>
      <c r="NMS677" s="613"/>
      <c r="NMT677" s="613"/>
      <c r="NMU677" s="613"/>
      <c r="NMV677" s="613"/>
      <c r="NMW677" s="613"/>
      <c r="NMX677" s="613"/>
      <c r="NMY677" s="613"/>
      <c r="NMZ677" s="613"/>
      <c r="NNA677" s="613"/>
      <c r="NNB677" s="613"/>
      <c r="NNC677" s="613"/>
      <c r="NND677" s="613"/>
      <c r="NNE677" s="613"/>
      <c r="NNF677" s="613"/>
      <c r="NNG677" s="613"/>
      <c r="NNH677" s="613"/>
      <c r="NNI677" s="613"/>
      <c r="NNJ677" s="613"/>
      <c r="NNK677" s="613"/>
      <c r="NNL677" s="613"/>
      <c r="NNM677" s="613"/>
      <c r="NNN677" s="613"/>
      <c r="NNO677" s="613"/>
      <c r="NNP677" s="613"/>
      <c r="NNQ677" s="613"/>
      <c r="NNR677" s="613"/>
      <c r="NNS677" s="613"/>
      <c r="NNT677" s="613"/>
      <c r="NNU677" s="613"/>
      <c r="NNV677" s="613"/>
      <c r="NNW677" s="613"/>
      <c r="NNX677" s="613"/>
      <c r="NNY677" s="613"/>
      <c r="NNZ677" s="613"/>
      <c r="NOA677" s="613"/>
      <c r="NOB677" s="613"/>
      <c r="NOC677" s="613"/>
      <c r="NOD677" s="613"/>
      <c r="NOE677" s="613"/>
      <c r="NOF677" s="613"/>
      <c r="NOG677" s="613"/>
      <c r="NOH677" s="613"/>
      <c r="NOI677" s="613"/>
      <c r="NOJ677" s="613"/>
      <c r="NOK677" s="613"/>
      <c r="NOL677" s="613"/>
      <c r="NOM677" s="613"/>
      <c r="NON677" s="613"/>
      <c r="NOO677" s="613"/>
      <c r="NOP677" s="613"/>
      <c r="NOQ677" s="613"/>
      <c r="NOR677" s="613"/>
      <c r="NOS677" s="613"/>
      <c r="NOT677" s="613"/>
      <c r="NOU677" s="613"/>
      <c r="NOV677" s="613"/>
      <c r="NOW677" s="613"/>
      <c r="NOX677" s="613"/>
      <c r="NOY677" s="613"/>
      <c r="NOZ677" s="613"/>
      <c r="NPA677" s="613"/>
      <c r="NPB677" s="613"/>
      <c r="NPC677" s="613"/>
      <c r="NPD677" s="613"/>
      <c r="NPE677" s="613"/>
      <c r="NPF677" s="613"/>
      <c r="NPG677" s="613"/>
      <c r="NPH677" s="613"/>
      <c r="NPI677" s="613"/>
      <c r="NPJ677" s="613"/>
      <c r="NPK677" s="613"/>
      <c r="NPL677" s="613"/>
      <c r="NPM677" s="613"/>
      <c r="NPN677" s="613"/>
      <c r="NPO677" s="613"/>
      <c r="NPP677" s="613"/>
      <c r="NPQ677" s="613"/>
      <c r="NPR677" s="613"/>
      <c r="NPS677" s="613"/>
      <c r="NPT677" s="613"/>
      <c r="NPU677" s="613"/>
      <c r="NPV677" s="613"/>
      <c r="NPW677" s="613"/>
      <c r="NPX677" s="613"/>
      <c r="NPY677" s="613"/>
      <c r="NPZ677" s="613"/>
      <c r="NQA677" s="613"/>
      <c r="NQB677" s="613"/>
      <c r="NQC677" s="613"/>
      <c r="NQD677" s="613"/>
      <c r="NQE677" s="613"/>
      <c r="NQF677" s="613"/>
      <c r="NQG677" s="613"/>
      <c r="NQH677" s="613"/>
      <c r="NQI677" s="613"/>
      <c r="NQJ677" s="613"/>
      <c r="NQK677" s="613"/>
      <c r="NQL677" s="613"/>
      <c r="NQM677" s="613"/>
      <c r="NQN677" s="613"/>
      <c r="NQO677" s="613"/>
      <c r="NQP677" s="613"/>
      <c r="NQQ677" s="613"/>
      <c r="NQR677" s="613"/>
      <c r="NQS677" s="613"/>
      <c r="NQT677" s="613"/>
      <c r="NQU677" s="613"/>
      <c r="NQV677" s="613"/>
      <c r="NQW677" s="613"/>
      <c r="NQX677" s="613"/>
      <c r="NQY677" s="613"/>
      <c r="NQZ677" s="613"/>
      <c r="NRA677" s="613"/>
      <c r="NRB677" s="613"/>
      <c r="NRC677" s="613"/>
      <c r="NRD677" s="613"/>
      <c r="NRE677" s="613"/>
      <c r="NRF677" s="613"/>
      <c r="NRG677" s="613"/>
      <c r="NRH677" s="613"/>
      <c r="NRI677" s="613"/>
      <c r="NRJ677" s="613"/>
      <c r="NRK677" s="613"/>
      <c r="NRL677" s="613"/>
      <c r="NRM677" s="613"/>
      <c r="NRN677" s="613"/>
      <c r="NRO677" s="613"/>
      <c r="NRP677" s="613"/>
      <c r="NRQ677" s="613"/>
      <c r="NRR677" s="613"/>
      <c r="NRS677" s="613"/>
      <c r="NRT677" s="613"/>
      <c r="NRU677" s="613"/>
      <c r="NRV677" s="613"/>
      <c r="NRW677" s="613"/>
      <c r="NRX677" s="613"/>
      <c r="NRY677" s="613"/>
      <c r="NRZ677" s="613"/>
      <c r="NSA677" s="613"/>
      <c r="NSB677" s="613"/>
      <c r="NSC677" s="613"/>
      <c r="NSD677" s="613"/>
      <c r="NSE677" s="613"/>
      <c r="NSF677" s="613"/>
      <c r="NSG677" s="613"/>
      <c r="NSH677" s="613"/>
      <c r="NSI677" s="613"/>
      <c r="NSJ677" s="613"/>
      <c r="NSK677" s="613"/>
      <c r="NSL677" s="613"/>
      <c r="NSM677" s="613"/>
      <c r="NSN677" s="613"/>
      <c r="NSO677" s="613"/>
      <c r="NSP677" s="613"/>
      <c r="NSQ677" s="613"/>
      <c r="NSR677" s="613"/>
      <c r="NSS677" s="613"/>
      <c r="NST677" s="613"/>
      <c r="NSU677" s="613"/>
      <c r="NSV677" s="613"/>
      <c r="NSW677" s="613"/>
      <c r="NSX677" s="613"/>
      <c r="NSY677" s="613"/>
      <c r="NSZ677" s="613"/>
      <c r="NTA677" s="613"/>
      <c r="NTB677" s="613"/>
      <c r="NTC677" s="613"/>
      <c r="NTD677" s="613"/>
      <c r="NTE677" s="613"/>
      <c r="NTF677" s="613"/>
      <c r="NTG677" s="613"/>
      <c r="NTH677" s="613"/>
      <c r="NTI677" s="613"/>
      <c r="NTJ677" s="613"/>
      <c r="NTK677" s="613"/>
      <c r="NTL677" s="613"/>
      <c r="NTM677" s="613"/>
      <c r="NTN677" s="613"/>
      <c r="NTO677" s="613"/>
      <c r="NTP677" s="613"/>
      <c r="NTQ677" s="613"/>
      <c r="NTR677" s="613"/>
      <c r="NTS677" s="613"/>
      <c r="NTT677" s="613"/>
      <c r="NTU677" s="613"/>
      <c r="NTV677" s="613"/>
      <c r="NTW677" s="613"/>
      <c r="NTX677" s="613"/>
      <c r="NTY677" s="613"/>
      <c r="NTZ677" s="613"/>
      <c r="NUA677" s="613"/>
      <c r="NUB677" s="613"/>
      <c r="NUC677" s="613"/>
      <c r="NUD677" s="613"/>
      <c r="NUE677" s="613"/>
      <c r="NUF677" s="613"/>
      <c r="NUG677" s="613"/>
      <c r="NUH677" s="613"/>
      <c r="NUI677" s="613"/>
      <c r="NUJ677" s="613"/>
      <c r="NUK677" s="613"/>
      <c r="NUL677" s="613"/>
      <c r="NUM677" s="613"/>
      <c r="NUN677" s="613"/>
      <c r="NUO677" s="613"/>
      <c r="NUP677" s="613"/>
      <c r="NUQ677" s="613"/>
      <c r="NUR677" s="613"/>
      <c r="NUS677" s="613"/>
      <c r="NUT677" s="613"/>
      <c r="NUU677" s="613"/>
      <c r="NUV677" s="613"/>
      <c r="NUW677" s="613"/>
      <c r="NUX677" s="613"/>
      <c r="NUY677" s="613"/>
      <c r="NUZ677" s="613"/>
      <c r="NVA677" s="613"/>
      <c r="NVB677" s="613"/>
      <c r="NVC677" s="613"/>
      <c r="NVD677" s="613"/>
      <c r="NVE677" s="613"/>
      <c r="NVF677" s="613"/>
      <c r="NVG677" s="613"/>
      <c r="NVH677" s="613"/>
      <c r="NVI677" s="613"/>
      <c r="NVJ677" s="613"/>
      <c r="NVK677" s="613"/>
      <c r="NVL677" s="613"/>
      <c r="NVM677" s="613"/>
      <c r="NVN677" s="613"/>
      <c r="NVO677" s="613"/>
      <c r="NVP677" s="613"/>
      <c r="NVQ677" s="613"/>
      <c r="NVR677" s="613"/>
      <c r="NVS677" s="613"/>
      <c r="NVT677" s="613"/>
      <c r="NVU677" s="613"/>
      <c r="NVV677" s="613"/>
      <c r="NVW677" s="613"/>
      <c r="NVX677" s="613"/>
      <c r="NVY677" s="613"/>
      <c r="NVZ677" s="613"/>
      <c r="NWA677" s="613"/>
      <c r="NWB677" s="613"/>
      <c r="NWC677" s="613"/>
      <c r="NWD677" s="613"/>
      <c r="NWE677" s="613"/>
      <c r="NWF677" s="613"/>
      <c r="NWG677" s="613"/>
      <c r="NWH677" s="613"/>
      <c r="NWI677" s="613"/>
      <c r="NWJ677" s="613"/>
      <c r="NWK677" s="613"/>
      <c r="NWL677" s="613"/>
      <c r="NWM677" s="613"/>
      <c r="NWN677" s="613"/>
      <c r="NWO677" s="613"/>
      <c r="NWP677" s="613"/>
      <c r="NWQ677" s="613"/>
      <c r="NWR677" s="613"/>
      <c r="NWS677" s="613"/>
      <c r="NWT677" s="613"/>
      <c r="NWU677" s="613"/>
      <c r="NWV677" s="613"/>
      <c r="NWW677" s="613"/>
      <c r="NWX677" s="613"/>
      <c r="NWY677" s="613"/>
      <c r="NWZ677" s="613"/>
      <c r="NXA677" s="613"/>
      <c r="NXB677" s="613"/>
      <c r="NXC677" s="613"/>
      <c r="NXD677" s="613"/>
      <c r="NXE677" s="613"/>
      <c r="NXF677" s="613"/>
      <c r="NXG677" s="613"/>
      <c r="NXH677" s="613"/>
      <c r="NXI677" s="613"/>
      <c r="NXJ677" s="613"/>
      <c r="NXK677" s="613"/>
      <c r="NXL677" s="613"/>
      <c r="NXM677" s="613"/>
      <c r="NXN677" s="613"/>
      <c r="NXO677" s="613"/>
      <c r="NXP677" s="613"/>
      <c r="NXQ677" s="613"/>
      <c r="NXR677" s="613"/>
      <c r="NXS677" s="613"/>
      <c r="NXT677" s="613"/>
      <c r="NXU677" s="613"/>
      <c r="NXV677" s="613"/>
      <c r="NXW677" s="613"/>
      <c r="NXX677" s="613"/>
      <c r="NXY677" s="613"/>
      <c r="NXZ677" s="613"/>
      <c r="NYA677" s="613"/>
      <c r="NYB677" s="613"/>
      <c r="NYC677" s="613"/>
      <c r="NYD677" s="613"/>
      <c r="NYE677" s="613"/>
      <c r="NYF677" s="613"/>
      <c r="NYG677" s="613"/>
      <c r="NYH677" s="613"/>
      <c r="NYI677" s="613"/>
      <c r="NYJ677" s="613"/>
      <c r="NYK677" s="613"/>
      <c r="NYL677" s="613"/>
      <c r="NYM677" s="613"/>
      <c r="NYN677" s="613"/>
      <c r="NYO677" s="613"/>
      <c r="NYP677" s="613"/>
      <c r="NYQ677" s="613"/>
      <c r="NYR677" s="613"/>
      <c r="NYS677" s="613"/>
      <c r="NYT677" s="613"/>
      <c r="NYU677" s="613"/>
      <c r="NYV677" s="613"/>
      <c r="NYW677" s="613"/>
      <c r="NYX677" s="613"/>
      <c r="NYY677" s="613"/>
      <c r="NYZ677" s="613"/>
      <c r="NZA677" s="613"/>
      <c r="NZB677" s="613"/>
      <c r="NZC677" s="613"/>
      <c r="NZD677" s="613"/>
      <c r="NZE677" s="613"/>
      <c r="NZF677" s="613"/>
      <c r="NZG677" s="613"/>
      <c r="NZH677" s="613"/>
      <c r="NZI677" s="613"/>
      <c r="NZJ677" s="613"/>
      <c r="NZK677" s="613"/>
      <c r="NZL677" s="613"/>
      <c r="NZM677" s="613"/>
      <c r="NZN677" s="613"/>
      <c r="NZO677" s="613"/>
      <c r="NZP677" s="613"/>
      <c r="NZQ677" s="613"/>
      <c r="NZR677" s="613"/>
      <c r="NZS677" s="613"/>
      <c r="NZT677" s="613"/>
      <c r="NZU677" s="613"/>
      <c r="NZV677" s="613"/>
      <c r="NZW677" s="613"/>
      <c r="NZX677" s="613"/>
      <c r="NZY677" s="613"/>
      <c r="NZZ677" s="613"/>
      <c r="OAA677" s="613"/>
      <c r="OAB677" s="613"/>
      <c r="OAC677" s="613"/>
      <c r="OAD677" s="613"/>
      <c r="OAE677" s="613"/>
      <c r="OAF677" s="613"/>
      <c r="OAG677" s="613"/>
      <c r="OAH677" s="613"/>
      <c r="OAI677" s="613"/>
      <c r="OAJ677" s="613"/>
      <c r="OAK677" s="613"/>
      <c r="OAL677" s="613"/>
      <c r="OAM677" s="613"/>
      <c r="OAN677" s="613"/>
      <c r="OAO677" s="613"/>
      <c r="OAP677" s="613"/>
      <c r="OAQ677" s="613"/>
      <c r="OAR677" s="613"/>
      <c r="OAS677" s="613"/>
      <c r="OAT677" s="613"/>
      <c r="OAU677" s="613"/>
      <c r="OAV677" s="613"/>
      <c r="OAW677" s="613"/>
      <c r="OAX677" s="613"/>
      <c r="OAY677" s="613"/>
      <c r="OAZ677" s="613"/>
      <c r="OBA677" s="613"/>
      <c r="OBB677" s="613"/>
      <c r="OBC677" s="613"/>
      <c r="OBD677" s="613"/>
      <c r="OBE677" s="613"/>
      <c r="OBF677" s="613"/>
      <c r="OBG677" s="613"/>
      <c r="OBH677" s="613"/>
      <c r="OBI677" s="613"/>
      <c r="OBJ677" s="613"/>
      <c r="OBK677" s="613"/>
      <c r="OBL677" s="613"/>
      <c r="OBM677" s="613"/>
      <c r="OBN677" s="613"/>
      <c r="OBO677" s="613"/>
      <c r="OBP677" s="613"/>
      <c r="OBQ677" s="613"/>
      <c r="OBR677" s="613"/>
      <c r="OBS677" s="613"/>
      <c r="OBT677" s="613"/>
      <c r="OBU677" s="613"/>
      <c r="OBV677" s="613"/>
      <c r="OBW677" s="613"/>
      <c r="OBX677" s="613"/>
      <c r="OBY677" s="613"/>
      <c r="OBZ677" s="613"/>
      <c r="OCA677" s="613"/>
      <c r="OCB677" s="613"/>
      <c r="OCC677" s="613"/>
      <c r="OCD677" s="613"/>
      <c r="OCE677" s="613"/>
      <c r="OCF677" s="613"/>
      <c r="OCG677" s="613"/>
      <c r="OCH677" s="613"/>
      <c r="OCI677" s="613"/>
      <c r="OCJ677" s="613"/>
      <c r="OCK677" s="613"/>
      <c r="OCL677" s="613"/>
      <c r="OCM677" s="613"/>
      <c r="OCN677" s="613"/>
      <c r="OCO677" s="613"/>
      <c r="OCP677" s="613"/>
      <c r="OCQ677" s="613"/>
      <c r="OCR677" s="613"/>
      <c r="OCS677" s="613"/>
      <c r="OCT677" s="613"/>
      <c r="OCU677" s="613"/>
      <c r="OCV677" s="613"/>
      <c r="OCW677" s="613"/>
      <c r="OCX677" s="613"/>
      <c r="OCY677" s="613"/>
      <c r="OCZ677" s="613"/>
      <c r="ODA677" s="613"/>
      <c r="ODB677" s="613"/>
      <c r="ODC677" s="613"/>
      <c r="ODD677" s="613"/>
      <c r="ODE677" s="613"/>
      <c r="ODF677" s="613"/>
      <c r="ODG677" s="613"/>
      <c r="ODH677" s="613"/>
      <c r="ODI677" s="613"/>
      <c r="ODJ677" s="613"/>
      <c r="ODK677" s="613"/>
      <c r="ODL677" s="613"/>
      <c r="ODM677" s="613"/>
      <c r="ODN677" s="613"/>
      <c r="ODO677" s="613"/>
      <c r="ODP677" s="613"/>
      <c r="ODQ677" s="613"/>
      <c r="ODR677" s="613"/>
      <c r="ODS677" s="613"/>
      <c r="ODT677" s="613"/>
      <c r="ODU677" s="613"/>
      <c r="ODV677" s="613"/>
      <c r="ODW677" s="613"/>
      <c r="ODX677" s="613"/>
      <c r="ODY677" s="613"/>
      <c r="ODZ677" s="613"/>
      <c r="OEA677" s="613"/>
      <c r="OEB677" s="613"/>
      <c r="OEC677" s="613"/>
      <c r="OED677" s="613"/>
      <c r="OEE677" s="613"/>
      <c r="OEF677" s="613"/>
      <c r="OEG677" s="613"/>
      <c r="OEH677" s="613"/>
      <c r="OEI677" s="613"/>
      <c r="OEJ677" s="613"/>
      <c r="OEK677" s="613"/>
      <c r="OEL677" s="613"/>
      <c r="OEM677" s="613"/>
      <c r="OEN677" s="613"/>
      <c r="OEO677" s="613"/>
      <c r="OEP677" s="613"/>
      <c r="OEQ677" s="613"/>
      <c r="OER677" s="613"/>
      <c r="OES677" s="613"/>
      <c r="OET677" s="613"/>
      <c r="OEU677" s="613"/>
      <c r="OEV677" s="613"/>
      <c r="OEW677" s="613"/>
      <c r="OEX677" s="613"/>
      <c r="OEY677" s="613"/>
      <c r="OEZ677" s="613"/>
      <c r="OFA677" s="613"/>
      <c r="OFB677" s="613"/>
      <c r="OFC677" s="613"/>
      <c r="OFD677" s="613"/>
      <c r="OFE677" s="613"/>
      <c r="OFF677" s="613"/>
      <c r="OFG677" s="613"/>
      <c r="OFH677" s="613"/>
      <c r="OFI677" s="613"/>
      <c r="OFJ677" s="613"/>
      <c r="OFK677" s="613"/>
      <c r="OFL677" s="613"/>
      <c r="OFM677" s="613"/>
      <c r="OFN677" s="613"/>
      <c r="OFO677" s="613"/>
      <c r="OFP677" s="613"/>
      <c r="OFQ677" s="613"/>
      <c r="OFR677" s="613"/>
      <c r="OFS677" s="613"/>
      <c r="OFT677" s="613"/>
      <c r="OFU677" s="613"/>
      <c r="OFV677" s="613"/>
      <c r="OFW677" s="613"/>
      <c r="OFX677" s="613"/>
      <c r="OFY677" s="613"/>
      <c r="OFZ677" s="613"/>
      <c r="OGA677" s="613"/>
      <c r="OGB677" s="613"/>
      <c r="OGC677" s="613"/>
      <c r="OGD677" s="613"/>
      <c r="OGE677" s="613"/>
      <c r="OGF677" s="613"/>
      <c r="OGG677" s="613"/>
      <c r="OGH677" s="613"/>
      <c r="OGI677" s="613"/>
      <c r="OGJ677" s="613"/>
      <c r="OGK677" s="613"/>
      <c r="OGL677" s="613"/>
      <c r="OGM677" s="613"/>
      <c r="OGN677" s="613"/>
      <c r="OGO677" s="613"/>
      <c r="OGP677" s="613"/>
      <c r="OGQ677" s="613"/>
      <c r="OGR677" s="613"/>
      <c r="OGS677" s="613"/>
      <c r="OGT677" s="613"/>
      <c r="OGU677" s="613"/>
      <c r="OGV677" s="613"/>
      <c r="OGW677" s="613"/>
      <c r="OGX677" s="613"/>
      <c r="OGY677" s="613"/>
      <c r="OGZ677" s="613"/>
      <c r="OHA677" s="613"/>
      <c r="OHB677" s="613"/>
      <c r="OHC677" s="613"/>
      <c r="OHD677" s="613"/>
      <c r="OHE677" s="613"/>
      <c r="OHF677" s="613"/>
      <c r="OHG677" s="613"/>
      <c r="OHH677" s="613"/>
      <c r="OHI677" s="613"/>
      <c r="OHJ677" s="613"/>
      <c r="OHK677" s="613"/>
      <c r="OHL677" s="613"/>
      <c r="OHM677" s="613"/>
      <c r="OHN677" s="613"/>
      <c r="OHO677" s="613"/>
      <c r="OHP677" s="613"/>
      <c r="OHQ677" s="613"/>
      <c r="OHR677" s="613"/>
      <c r="OHS677" s="613"/>
      <c r="OHT677" s="613"/>
      <c r="OHU677" s="613"/>
      <c r="OHV677" s="613"/>
      <c r="OHW677" s="613"/>
      <c r="OHX677" s="613"/>
      <c r="OHY677" s="613"/>
      <c r="OHZ677" s="613"/>
      <c r="OIA677" s="613"/>
      <c r="OIB677" s="613"/>
      <c r="OIC677" s="613"/>
      <c r="OID677" s="613"/>
      <c r="OIE677" s="613"/>
      <c r="OIF677" s="613"/>
      <c r="OIG677" s="613"/>
      <c r="OIH677" s="613"/>
      <c r="OII677" s="613"/>
      <c r="OIJ677" s="613"/>
      <c r="OIK677" s="613"/>
      <c r="OIL677" s="613"/>
      <c r="OIM677" s="613"/>
      <c r="OIN677" s="613"/>
      <c r="OIO677" s="613"/>
      <c r="OIP677" s="613"/>
      <c r="OIQ677" s="613"/>
      <c r="OIR677" s="613"/>
      <c r="OIS677" s="613"/>
      <c r="OIT677" s="613"/>
      <c r="OIU677" s="613"/>
      <c r="OIV677" s="613"/>
      <c r="OIW677" s="613"/>
      <c r="OIX677" s="613"/>
      <c r="OIY677" s="613"/>
      <c r="OIZ677" s="613"/>
      <c r="OJA677" s="613"/>
      <c r="OJB677" s="613"/>
      <c r="OJC677" s="613"/>
      <c r="OJD677" s="613"/>
      <c r="OJE677" s="613"/>
      <c r="OJF677" s="613"/>
      <c r="OJG677" s="613"/>
      <c r="OJH677" s="613"/>
      <c r="OJI677" s="613"/>
      <c r="OJJ677" s="613"/>
      <c r="OJK677" s="613"/>
      <c r="OJL677" s="613"/>
      <c r="OJM677" s="613"/>
      <c r="OJN677" s="613"/>
      <c r="OJO677" s="613"/>
      <c r="OJP677" s="613"/>
      <c r="OJQ677" s="613"/>
      <c r="OJR677" s="613"/>
      <c r="OJS677" s="613"/>
      <c r="OJT677" s="613"/>
      <c r="OJU677" s="613"/>
      <c r="OJV677" s="613"/>
      <c r="OJW677" s="613"/>
      <c r="OJX677" s="613"/>
      <c r="OJY677" s="613"/>
      <c r="OJZ677" s="613"/>
      <c r="OKA677" s="613"/>
      <c r="OKB677" s="613"/>
      <c r="OKC677" s="613"/>
      <c r="OKD677" s="613"/>
      <c r="OKE677" s="613"/>
      <c r="OKF677" s="613"/>
      <c r="OKG677" s="613"/>
      <c r="OKH677" s="613"/>
      <c r="OKI677" s="613"/>
      <c r="OKJ677" s="613"/>
      <c r="OKK677" s="613"/>
      <c r="OKL677" s="613"/>
      <c r="OKM677" s="613"/>
      <c r="OKN677" s="613"/>
      <c r="OKO677" s="613"/>
      <c r="OKP677" s="613"/>
      <c r="OKQ677" s="613"/>
      <c r="OKR677" s="613"/>
      <c r="OKS677" s="613"/>
      <c r="OKT677" s="613"/>
      <c r="OKU677" s="613"/>
      <c r="OKV677" s="613"/>
      <c r="OKW677" s="613"/>
      <c r="OKX677" s="613"/>
      <c r="OKY677" s="613"/>
      <c r="OKZ677" s="613"/>
      <c r="OLA677" s="613"/>
      <c r="OLB677" s="613"/>
      <c r="OLC677" s="613"/>
      <c r="OLD677" s="613"/>
      <c r="OLE677" s="613"/>
      <c r="OLF677" s="613"/>
      <c r="OLG677" s="613"/>
      <c r="OLH677" s="613"/>
      <c r="OLI677" s="613"/>
      <c r="OLJ677" s="613"/>
      <c r="OLK677" s="613"/>
      <c r="OLL677" s="613"/>
      <c r="OLM677" s="613"/>
      <c r="OLN677" s="613"/>
      <c r="OLO677" s="613"/>
      <c r="OLP677" s="613"/>
      <c r="OLQ677" s="613"/>
      <c r="OLR677" s="613"/>
      <c r="OLS677" s="613"/>
      <c r="OLT677" s="613"/>
      <c r="OLU677" s="613"/>
      <c r="OLV677" s="613"/>
      <c r="OLW677" s="613"/>
      <c r="OLX677" s="613"/>
      <c r="OLY677" s="613"/>
      <c r="OLZ677" s="613"/>
      <c r="OMA677" s="613"/>
      <c r="OMB677" s="613"/>
      <c r="OMC677" s="613"/>
      <c r="OMD677" s="613"/>
      <c r="OME677" s="613"/>
      <c r="OMF677" s="613"/>
      <c r="OMG677" s="613"/>
      <c r="OMH677" s="613"/>
      <c r="OMI677" s="613"/>
      <c r="OMJ677" s="613"/>
      <c r="OMK677" s="613"/>
      <c r="OML677" s="613"/>
      <c r="OMM677" s="613"/>
      <c r="OMN677" s="613"/>
      <c r="OMO677" s="613"/>
      <c r="OMP677" s="613"/>
      <c r="OMQ677" s="613"/>
      <c r="OMR677" s="613"/>
      <c r="OMS677" s="613"/>
      <c r="OMT677" s="613"/>
      <c r="OMU677" s="613"/>
      <c r="OMV677" s="613"/>
      <c r="OMW677" s="613"/>
      <c r="OMX677" s="613"/>
      <c r="OMY677" s="613"/>
      <c r="OMZ677" s="613"/>
      <c r="ONA677" s="613"/>
      <c r="ONB677" s="613"/>
      <c r="ONC677" s="613"/>
      <c r="OND677" s="613"/>
      <c r="ONE677" s="613"/>
      <c r="ONF677" s="613"/>
      <c r="ONG677" s="613"/>
      <c r="ONH677" s="613"/>
      <c r="ONI677" s="613"/>
      <c r="ONJ677" s="613"/>
      <c r="ONK677" s="613"/>
      <c r="ONL677" s="613"/>
      <c r="ONM677" s="613"/>
      <c r="ONN677" s="613"/>
      <c r="ONO677" s="613"/>
      <c r="ONP677" s="613"/>
      <c r="ONQ677" s="613"/>
      <c r="ONR677" s="613"/>
      <c r="ONS677" s="613"/>
      <c r="ONT677" s="613"/>
      <c r="ONU677" s="613"/>
      <c r="ONV677" s="613"/>
      <c r="ONW677" s="613"/>
      <c r="ONX677" s="613"/>
      <c r="ONY677" s="613"/>
      <c r="ONZ677" s="613"/>
      <c r="OOA677" s="613"/>
      <c r="OOB677" s="613"/>
      <c r="OOC677" s="613"/>
      <c r="OOD677" s="613"/>
      <c r="OOE677" s="613"/>
      <c r="OOF677" s="613"/>
      <c r="OOG677" s="613"/>
      <c r="OOH677" s="613"/>
      <c r="OOI677" s="613"/>
      <c r="OOJ677" s="613"/>
      <c r="OOK677" s="613"/>
      <c r="OOL677" s="613"/>
      <c r="OOM677" s="613"/>
      <c r="OON677" s="613"/>
      <c r="OOO677" s="613"/>
      <c r="OOP677" s="613"/>
      <c r="OOQ677" s="613"/>
      <c r="OOR677" s="613"/>
      <c r="OOS677" s="613"/>
      <c r="OOT677" s="613"/>
      <c r="OOU677" s="613"/>
      <c r="OOV677" s="613"/>
      <c r="OOW677" s="613"/>
      <c r="OOX677" s="613"/>
      <c r="OOY677" s="613"/>
      <c r="OOZ677" s="613"/>
      <c r="OPA677" s="613"/>
      <c r="OPB677" s="613"/>
      <c r="OPC677" s="613"/>
      <c r="OPD677" s="613"/>
      <c r="OPE677" s="613"/>
      <c r="OPF677" s="613"/>
      <c r="OPG677" s="613"/>
      <c r="OPH677" s="613"/>
      <c r="OPI677" s="613"/>
      <c r="OPJ677" s="613"/>
      <c r="OPK677" s="613"/>
      <c r="OPL677" s="613"/>
      <c r="OPM677" s="613"/>
      <c r="OPN677" s="613"/>
      <c r="OPO677" s="613"/>
      <c r="OPP677" s="613"/>
      <c r="OPQ677" s="613"/>
      <c r="OPR677" s="613"/>
      <c r="OPS677" s="613"/>
      <c r="OPT677" s="613"/>
      <c r="OPU677" s="613"/>
      <c r="OPV677" s="613"/>
      <c r="OPW677" s="613"/>
      <c r="OPX677" s="613"/>
      <c r="OPY677" s="613"/>
      <c r="OPZ677" s="613"/>
      <c r="OQA677" s="613"/>
      <c r="OQB677" s="613"/>
      <c r="OQC677" s="613"/>
      <c r="OQD677" s="613"/>
      <c r="OQE677" s="613"/>
      <c r="OQF677" s="613"/>
      <c r="OQG677" s="613"/>
      <c r="OQH677" s="613"/>
      <c r="OQI677" s="613"/>
      <c r="OQJ677" s="613"/>
      <c r="OQK677" s="613"/>
      <c r="OQL677" s="613"/>
      <c r="OQM677" s="613"/>
      <c r="OQN677" s="613"/>
      <c r="OQO677" s="613"/>
      <c r="OQP677" s="613"/>
      <c r="OQQ677" s="613"/>
      <c r="OQR677" s="613"/>
      <c r="OQS677" s="613"/>
      <c r="OQT677" s="613"/>
      <c r="OQU677" s="613"/>
      <c r="OQV677" s="613"/>
      <c r="OQW677" s="613"/>
      <c r="OQX677" s="613"/>
      <c r="OQY677" s="613"/>
      <c r="OQZ677" s="613"/>
      <c r="ORA677" s="613"/>
      <c r="ORB677" s="613"/>
      <c r="ORC677" s="613"/>
      <c r="ORD677" s="613"/>
      <c r="ORE677" s="613"/>
      <c r="ORF677" s="613"/>
      <c r="ORG677" s="613"/>
      <c r="ORH677" s="613"/>
      <c r="ORI677" s="613"/>
      <c r="ORJ677" s="613"/>
      <c r="ORK677" s="613"/>
      <c r="ORL677" s="613"/>
      <c r="ORM677" s="613"/>
      <c r="ORN677" s="613"/>
      <c r="ORO677" s="613"/>
      <c r="ORP677" s="613"/>
      <c r="ORQ677" s="613"/>
      <c r="ORR677" s="613"/>
      <c r="ORS677" s="613"/>
      <c r="ORT677" s="613"/>
      <c r="ORU677" s="613"/>
      <c r="ORV677" s="613"/>
      <c r="ORW677" s="613"/>
      <c r="ORX677" s="613"/>
      <c r="ORY677" s="613"/>
      <c r="ORZ677" s="613"/>
      <c r="OSA677" s="613"/>
      <c r="OSB677" s="613"/>
      <c r="OSC677" s="613"/>
      <c r="OSD677" s="613"/>
      <c r="OSE677" s="613"/>
      <c r="OSF677" s="613"/>
      <c r="OSG677" s="613"/>
      <c r="OSH677" s="613"/>
      <c r="OSI677" s="613"/>
      <c r="OSJ677" s="613"/>
      <c r="OSK677" s="613"/>
      <c r="OSL677" s="613"/>
      <c r="OSM677" s="613"/>
      <c r="OSN677" s="613"/>
      <c r="OSO677" s="613"/>
      <c r="OSP677" s="613"/>
      <c r="OSQ677" s="613"/>
      <c r="OSR677" s="613"/>
      <c r="OSS677" s="613"/>
      <c r="OST677" s="613"/>
      <c r="OSU677" s="613"/>
      <c r="OSV677" s="613"/>
      <c r="OSW677" s="613"/>
      <c r="OSX677" s="613"/>
      <c r="OSY677" s="613"/>
      <c r="OSZ677" s="613"/>
      <c r="OTA677" s="613"/>
      <c r="OTB677" s="613"/>
      <c r="OTC677" s="613"/>
      <c r="OTD677" s="613"/>
      <c r="OTE677" s="613"/>
      <c r="OTF677" s="613"/>
      <c r="OTG677" s="613"/>
      <c r="OTH677" s="613"/>
      <c r="OTI677" s="613"/>
      <c r="OTJ677" s="613"/>
      <c r="OTK677" s="613"/>
      <c r="OTL677" s="613"/>
      <c r="OTM677" s="613"/>
      <c r="OTN677" s="613"/>
      <c r="OTO677" s="613"/>
      <c r="OTP677" s="613"/>
      <c r="OTQ677" s="613"/>
      <c r="OTR677" s="613"/>
      <c r="OTS677" s="613"/>
      <c r="OTT677" s="613"/>
      <c r="OTU677" s="613"/>
      <c r="OTV677" s="613"/>
      <c r="OTW677" s="613"/>
      <c r="OTX677" s="613"/>
      <c r="OTY677" s="613"/>
      <c r="OTZ677" s="613"/>
      <c r="OUA677" s="613"/>
      <c r="OUB677" s="613"/>
      <c r="OUC677" s="613"/>
      <c r="OUD677" s="613"/>
      <c r="OUE677" s="613"/>
      <c r="OUF677" s="613"/>
      <c r="OUG677" s="613"/>
      <c r="OUH677" s="613"/>
      <c r="OUI677" s="613"/>
      <c r="OUJ677" s="613"/>
      <c r="OUK677" s="613"/>
      <c r="OUL677" s="613"/>
      <c r="OUM677" s="613"/>
      <c r="OUN677" s="613"/>
      <c r="OUO677" s="613"/>
      <c r="OUP677" s="613"/>
      <c r="OUQ677" s="613"/>
      <c r="OUR677" s="613"/>
      <c r="OUS677" s="613"/>
      <c r="OUT677" s="613"/>
      <c r="OUU677" s="613"/>
      <c r="OUV677" s="613"/>
      <c r="OUW677" s="613"/>
      <c r="OUX677" s="613"/>
      <c r="OUY677" s="613"/>
      <c r="OUZ677" s="613"/>
      <c r="OVA677" s="613"/>
      <c r="OVB677" s="613"/>
      <c r="OVC677" s="613"/>
      <c r="OVD677" s="613"/>
      <c r="OVE677" s="613"/>
      <c r="OVF677" s="613"/>
      <c r="OVG677" s="613"/>
      <c r="OVH677" s="613"/>
      <c r="OVI677" s="613"/>
      <c r="OVJ677" s="613"/>
      <c r="OVK677" s="613"/>
      <c r="OVL677" s="613"/>
      <c r="OVM677" s="613"/>
      <c r="OVN677" s="613"/>
      <c r="OVO677" s="613"/>
      <c r="OVP677" s="613"/>
      <c r="OVQ677" s="613"/>
      <c r="OVR677" s="613"/>
      <c r="OVS677" s="613"/>
      <c r="OVT677" s="613"/>
      <c r="OVU677" s="613"/>
      <c r="OVV677" s="613"/>
      <c r="OVW677" s="613"/>
      <c r="OVX677" s="613"/>
      <c r="OVY677" s="613"/>
      <c r="OVZ677" s="613"/>
      <c r="OWA677" s="613"/>
      <c r="OWB677" s="613"/>
      <c r="OWC677" s="613"/>
      <c r="OWD677" s="613"/>
      <c r="OWE677" s="613"/>
      <c r="OWF677" s="613"/>
      <c r="OWG677" s="613"/>
      <c r="OWH677" s="613"/>
      <c r="OWI677" s="613"/>
      <c r="OWJ677" s="613"/>
      <c r="OWK677" s="613"/>
      <c r="OWL677" s="613"/>
      <c r="OWM677" s="613"/>
      <c r="OWN677" s="613"/>
      <c r="OWO677" s="613"/>
      <c r="OWP677" s="613"/>
      <c r="OWQ677" s="613"/>
      <c r="OWR677" s="613"/>
      <c r="OWS677" s="613"/>
      <c r="OWT677" s="613"/>
      <c r="OWU677" s="613"/>
      <c r="OWV677" s="613"/>
      <c r="OWW677" s="613"/>
      <c r="OWX677" s="613"/>
      <c r="OWY677" s="613"/>
      <c r="OWZ677" s="613"/>
      <c r="OXA677" s="613"/>
      <c r="OXB677" s="613"/>
      <c r="OXC677" s="613"/>
      <c r="OXD677" s="613"/>
      <c r="OXE677" s="613"/>
      <c r="OXF677" s="613"/>
      <c r="OXG677" s="613"/>
      <c r="OXH677" s="613"/>
      <c r="OXI677" s="613"/>
      <c r="OXJ677" s="613"/>
      <c r="OXK677" s="613"/>
      <c r="OXL677" s="613"/>
      <c r="OXM677" s="613"/>
      <c r="OXN677" s="613"/>
      <c r="OXO677" s="613"/>
      <c r="OXP677" s="613"/>
      <c r="OXQ677" s="613"/>
      <c r="OXR677" s="613"/>
      <c r="OXS677" s="613"/>
      <c r="OXT677" s="613"/>
      <c r="OXU677" s="613"/>
      <c r="OXV677" s="613"/>
      <c r="OXW677" s="613"/>
      <c r="OXX677" s="613"/>
      <c r="OXY677" s="613"/>
      <c r="OXZ677" s="613"/>
      <c r="OYA677" s="613"/>
      <c r="OYB677" s="613"/>
      <c r="OYC677" s="613"/>
      <c r="OYD677" s="613"/>
      <c r="OYE677" s="613"/>
      <c r="OYF677" s="613"/>
      <c r="OYG677" s="613"/>
      <c r="OYH677" s="613"/>
      <c r="OYI677" s="613"/>
      <c r="OYJ677" s="613"/>
      <c r="OYK677" s="613"/>
      <c r="OYL677" s="613"/>
      <c r="OYM677" s="613"/>
      <c r="OYN677" s="613"/>
      <c r="OYO677" s="613"/>
      <c r="OYP677" s="613"/>
      <c r="OYQ677" s="613"/>
      <c r="OYR677" s="613"/>
      <c r="OYS677" s="613"/>
      <c r="OYT677" s="613"/>
      <c r="OYU677" s="613"/>
      <c r="OYV677" s="613"/>
      <c r="OYW677" s="613"/>
      <c r="OYX677" s="613"/>
      <c r="OYY677" s="613"/>
      <c r="OYZ677" s="613"/>
      <c r="OZA677" s="613"/>
      <c r="OZB677" s="613"/>
      <c r="OZC677" s="613"/>
      <c r="OZD677" s="613"/>
      <c r="OZE677" s="613"/>
      <c r="OZF677" s="613"/>
      <c r="OZG677" s="613"/>
      <c r="OZH677" s="613"/>
      <c r="OZI677" s="613"/>
      <c r="OZJ677" s="613"/>
      <c r="OZK677" s="613"/>
      <c r="OZL677" s="613"/>
      <c r="OZM677" s="613"/>
      <c r="OZN677" s="613"/>
      <c r="OZO677" s="613"/>
      <c r="OZP677" s="613"/>
      <c r="OZQ677" s="613"/>
      <c r="OZR677" s="613"/>
      <c r="OZS677" s="613"/>
      <c r="OZT677" s="613"/>
      <c r="OZU677" s="613"/>
      <c r="OZV677" s="613"/>
      <c r="OZW677" s="613"/>
      <c r="OZX677" s="613"/>
      <c r="OZY677" s="613"/>
      <c r="OZZ677" s="613"/>
      <c r="PAA677" s="613"/>
      <c r="PAB677" s="613"/>
      <c r="PAC677" s="613"/>
      <c r="PAD677" s="613"/>
      <c r="PAE677" s="613"/>
      <c r="PAF677" s="613"/>
      <c r="PAG677" s="613"/>
      <c r="PAH677" s="613"/>
      <c r="PAI677" s="613"/>
      <c r="PAJ677" s="613"/>
      <c r="PAK677" s="613"/>
      <c r="PAL677" s="613"/>
      <c r="PAM677" s="613"/>
      <c r="PAN677" s="613"/>
      <c r="PAO677" s="613"/>
      <c r="PAP677" s="613"/>
      <c r="PAQ677" s="613"/>
      <c r="PAR677" s="613"/>
      <c r="PAS677" s="613"/>
      <c r="PAT677" s="613"/>
      <c r="PAU677" s="613"/>
      <c r="PAV677" s="613"/>
      <c r="PAW677" s="613"/>
      <c r="PAX677" s="613"/>
      <c r="PAY677" s="613"/>
      <c r="PAZ677" s="613"/>
      <c r="PBA677" s="613"/>
      <c r="PBB677" s="613"/>
      <c r="PBC677" s="613"/>
      <c r="PBD677" s="613"/>
      <c r="PBE677" s="613"/>
      <c r="PBF677" s="613"/>
      <c r="PBG677" s="613"/>
      <c r="PBH677" s="613"/>
      <c r="PBI677" s="613"/>
      <c r="PBJ677" s="613"/>
      <c r="PBK677" s="613"/>
      <c r="PBL677" s="613"/>
      <c r="PBM677" s="613"/>
      <c r="PBN677" s="613"/>
      <c r="PBO677" s="613"/>
      <c r="PBP677" s="613"/>
      <c r="PBQ677" s="613"/>
      <c r="PBR677" s="613"/>
      <c r="PBS677" s="613"/>
      <c r="PBT677" s="613"/>
      <c r="PBU677" s="613"/>
      <c r="PBV677" s="613"/>
      <c r="PBW677" s="613"/>
      <c r="PBX677" s="613"/>
      <c r="PBY677" s="613"/>
      <c r="PBZ677" s="613"/>
      <c r="PCA677" s="613"/>
      <c r="PCB677" s="613"/>
      <c r="PCC677" s="613"/>
      <c r="PCD677" s="613"/>
      <c r="PCE677" s="613"/>
      <c r="PCF677" s="613"/>
      <c r="PCG677" s="613"/>
      <c r="PCH677" s="613"/>
      <c r="PCI677" s="613"/>
      <c r="PCJ677" s="613"/>
      <c r="PCK677" s="613"/>
      <c r="PCL677" s="613"/>
      <c r="PCM677" s="613"/>
      <c r="PCN677" s="613"/>
      <c r="PCO677" s="613"/>
      <c r="PCP677" s="613"/>
      <c r="PCQ677" s="613"/>
      <c r="PCR677" s="613"/>
      <c r="PCS677" s="613"/>
      <c r="PCT677" s="613"/>
      <c r="PCU677" s="613"/>
      <c r="PCV677" s="613"/>
      <c r="PCW677" s="613"/>
      <c r="PCX677" s="613"/>
      <c r="PCY677" s="613"/>
      <c r="PCZ677" s="613"/>
      <c r="PDA677" s="613"/>
      <c r="PDB677" s="613"/>
      <c r="PDC677" s="613"/>
      <c r="PDD677" s="613"/>
      <c r="PDE677" s="613"/>
      <c r="PDF677" s="613"/>
      <c r="PDG677" s="613"/>
      <c r="PDH677" s="613"/>
      <c r="PDI677" s="613"/>
      <c r="PDJ677" s="613"/>
      <c r="PDK677" s="613"/>
      <c r="PDL677" s="613"/>
      <c r="PDM677" s="613"/>
      <c r="PDN677" s="613"/>
      <c r="PDO677" s="613"/>
      <c r="PDP677" s="613"/>
      <c r="PDQ677" s="613"/>
      <c r="PDR677" s="613"/>
      <c r="PDS677" s="613"/>
      <c r="PDT677" s="613"/>
      <c r="PDU677" s="613"/>
      <c r="PDV677" s="613"/>
      <c r="PDW677" s="613"/>
      <c r="PDX677" s="613"/>
      <c r="PDY677" s="613"/>
      <c r="PDZ677" s="613"/>
      <c r="PEA677" s="613"/>
      <c r="PEB677" s="613"/>
      <c r="PEC677" s="613"/>
      <c r="PED677" s="613"/>
      <c r="PEE677" s="613"/>
      <c r="PEF677" s="613"/>
      <c r="PEG677" s="613"/>
      <c r="PEH677" s="613"/>
      <c r="PEI677" s="613"/>
      <c r="PEJ677" s="613"/>
      <c r="PEK677" s="613"/>
      <c r="PEL677" s="613"/>
      <c r="PEM677" s="613"/>
      <c r="PEN677" s="613"/>
      <c r="PEO677" s="613"/>
      <c r="PEP677" s="613"/>
      <c r="PEQ677" s="613"/>
      <c r="PER677" s="613"/>
      <c r="PES677" s="613"/>
      <c r="PET677" s="613"/>
      <c r="PEU677" s="613"/>
      <c r="PEV677" s="613"/>
      <c r="PEW677" s="613"/>
      <c r="PEX677" s="613"/>
      <c r="PEY677" s="613"/>
      <c r="PEZ677" s="613"/>
      <c r="PFA677" s="613"/>
      <c r="PFB677" s="613"/>
      <c r="PFC677" s="613"/>
      <c r="PFD677" s="613"/>
      <c r="PFE677" s="613"/>
      <c r="PFF677" s="613"/>
      <c r="PFG677" s="613"/>
      <c r="PFH677" s="613"/>
      <c r="PFI677" s="613"/>
      <c r="PFJ677" s="613"/>
      <c r="PFK677" s="613"/>
      <c r="PFL677" s="613"/>
      <c r="PFM677" s="613"/>
      <c r="PFN677" s="613"/>
      <c r="PFO677" s="613"/>
      <c r="PFP677" s="613"/>
      <c r="PFQ677" s="613"/>
      <c r="PFR677" s="613"/>
      <c r="PFS677" s="613"/>
      <c r="PFT677" s="613"/>
      <c r="PFU677" s="613"/>
      <c r="PFV677" s="613"/>
      <c r="PFW677" s="613"/>
      <c r="PFX677" s="613"/>
      <c r="PFY677" s="613"/>
      <c r="PFZ677" s="613"/>
      <c r="PGA677" s="613"/>
      <c r="PGB677" s="613"/>
      <c r="PGC677" s="613"/>
      <c r="PGD677" s="613"/>
      <c r="PGE677" s="613"/>
      <c r="PGF677" s="613"/>
      <c r="PGG677" s="613"/>
      <c r="PGH677" s="613"/>
      <c r="PGI677" s="613"/>
      <c r="PGJ677" s="613"/>
      <c r="PGK677" s="613"/>
      <c r="PGL677" s="613"/>
      <c r="PGM677" s="613"/>
      <c r="PGN677" s="613"/>
      <c r="PGO677" s="613"/>
      <c r="PGP677" s="613"/>
      <c r="PGQ677" s="613"/>
      <c r="PGR677" s="613"/>
      <c r="PGS677" s="613"/>
      <c r="PGT677" s="613"/>
      <c r="PGU677" s="613"/>
      <c r="PGV677" s="613"/>
      <c r="PGW677" s="613"/>
      <c r="PGX677" s="613"/>
      <c r="PGY677" s="613"/>
      <c r="PGZ677" s="613"/>
      <c r="PHA677" s="613"/>
      <c r="PHB677" s="613"/>
      <c r="PHC677" s="613"/>
      <c r="PHD677" s="613"/>
      <c r="PHE677" s="613"/>
      <c r="PHF677" s="613"/>
      <c r="PHG677" s="613"/>
      <c r="PHH677" s="613"/>
      <c r="PHI677" s="613"/>
      <c r="PHJ677" s="613"/>
      <c r="PHK677" s="613"/>
      <c r="PHL677" s="613"/>
      <c r="PHM677" s="613"/>
      <c r="PHN677" s="613"/>
      <c r="PHO677" s="613"/>
      <c r="PHP677" s="613"/>
      <c r="PHQ677" s="613"/>
      <c r="PHR677" s="613"/>
      <c r="PHS677" s="613"/>
      <c r="PHT677" s="613"/>
      <c r="PHU677" s="613"/>
      <c r="PHV677" s="613"/>
      <c r="PHW677" s="613"/>
      <c r="PHX677" s="613"/>
      <c r="PHY677" s="613"/>
      <c r="PHZ677" s="613"/>
      <c r="PIA677" s="613"/>
      <c r="PIB677" s="613"/>
      <c r="PIC677" s="613"/>
      <c r="PID677" s="613"/>
      <c r="PIE677" s="613"/>
      <c r="PIF677" s="613"/>
      <c r="PIG677" s="613"/>
      <c r="PIH677" s="613"/>
      <c r="PII677" s="613"/>
      <c r="PIJ677" s="613"/>
      <c r="PIK677" s="613"/>
      <c r="PIL677" s="613"/>
      <c r="PIM677" s="613"/>
      <c r="PIN677" s="613"/>
      <c r="PIO677" s="613"/>
      <c r="PIP677" s="613"/>
      <c r="PIQ677" s="613"/>
      <c r="PIR677" s="613"/>
      <c r="PIS677" s="613"/>
      <c r="PIT677" s="613"/>
      <c r="PIU677" s="613"/>
      <c r="PIV677" s="613"/>
      <c r="PIW677" s="613"/>
      <c r="PIX677" s="613"/>
      <c r="PIY677" s="613"/>
      <c r="PIZ677" s="613"/>
      <c r="PJA677" s="613"/>
      <c r="PJB677" s="613"/>
      <c r="PJC677" s="613"/>
      <c r="PJD677" s="613"/>
      <c r="PJE677" s="613"/>
      <c r="PJF677" s="613"/>
      <c r="PJG677" s="613"/>
      <c r="PJH677" s="613"/>
      <c r="PJI677" s="613"/>
      <c r="PJJ677" s="613"/>
      <c r="PJK677" s="613"/>
      <c r="PJL677" s="613"/>
      <c r="PJM677" s="613"/>
      <c r="PJN677" s="613"/>
      <c r="PJO677" s="613"/>
      <c r="PJP677" s="613"/>
      <c r="PJQ677" s="613"/>
      <c r="PJR677" s="613"/>
      <c r="PJS677" s="613"/>
      <c r="PJT677" s="613"/>
      <c r="PJU677" s="613"/>
      <c r="PJV677" s="613"/>
      <c r="PJW677" s="613"/>
      <c r="PJX677" s="613"/>
      <c r="PJY677" s="613"/>
      <c r="PJZ677" s="613"/>
      <c r="PKA677" s="613"/>
      <c r="PKB677" s="613"/>
      <c r="PKC677" s="613"/>
      <c r="PKD677" s="613"/>
      <c r="PKE677" s="613"/>
      <c r="PKF677" s="613"/>
      <c r="PKG677" s="613"/>
      <c r="PKH677" s="613"/>
      <c r="PKI677" s="613"/>
      <c r="PKJ677" s="613"/>
      <c r="PKK677" s="613"/>
      <c r="PKL677" s="613"/>
      <c r="PKM677" s="613"/>
      <c r="PKN677" s="613"/>
      <c r="PKO677" s="613"/>
      <c r="PKP677" s="613"/>
      <c r="PKQ677" s="613"/>
      <c r="PKR677" s="613"/>
      <c r="PKS677" s="613"/>
      <c r="PKT677" s="613"/>
      <c r="PKU677" s="613"/>
      <c r="PKV677" s="613"/>
      <c r="PKW677" s="613"/>
      <c r="PKX677" s="613"/>
      <c r="PKY677" s="613"/>
      <c r="PKZ677" s="613"/>
      <c r="PLA677" s="613"/>
      <c r="PLB677" s="613"/>
      <c r="PLC677" s="613"/>
      <c r="PLD677" s="613"/>
      <c r="PLE677" s="613"/>
      <c r="PLF677" s="613"/>
      <c r="PLG677" s="613"/>
      <c r="PLH677" s="613"/>
      <c r="PLI677" s="613"/>
      <c r="PLJ677" s="613"/>
      <c r="PLK677" s="613"/>
      <c r="PLL677" s="613"/>
      <c r="PLM677" s="613"/>
      <c r="PLN677" s="613"/>
      <c r="PLO677" s="613"/>
      <c r="PLP677" s="613"/>
      <c r="PLQ677" s="613"/>
      <c r="PLR677" s="613"/>
      <c r="PLS677" s="613"/>
      <c r="PLT677" s="613"/>
      <c r="PLU677" s="613"/>
      <c r="PLV677" s="613"/>
      <c r="PLW677" s="613"/>
      <c r="PLX677" s="613"/>
      <c r="PLY677" s="613"/>
      <c r="PLZ677" s="613"/>
      <c r="PMA677" s="613"/>
      <c r="PMB677" s="613"/>
      <c r="PMC677" s="613"/>
      <c r="PMD677" s="613"/>
      <c r="PME677" s="613"/>
      <c r="PMF677" s="613"/>
      <c r="PMG677" s="613"/>
      <c r="PMH677" s="613"/>
      <c r="PMI677" s="613"/>
      <c r="PMJ677" s="613"/>
      <c r="PMK677" s="613"/>
      <c r="PML677" s="613"/>
      <c r="PMM677" s="613"/>
      <c r="PMN677" s="613"/>
      <c r="PMO677" s="613"/>
      <c r="PMP677" s="613"/>
      <c r="PMQ677" s="613"/>
      <c r="PMR677" s="613"/>
      <c r="PMS677" s="613"/>
      <c r="PMT677" s="613"/>
      <c r="PMU677" s="613"/>
      <c r="PMV677" s="613"/>
      <c r="PMW677" s="613"/>
      <c r="PMX677" s="613"/>
      <c r="PMY677" s="613"/>
      <c r="PMZ677" s="613"/>
      <c r="PNA677" s="613"/>
      <c r="PNB677" s="613"/>
      <c r="PNC677" s="613"/>
      <c r="PND677" s="613"/>
      <c r="PNE677" s="613"/>
      <c r="PNF677" s="613"/>
      <c r="PNG677" s="613"/>
      <c r="PNH677" s="613"/>
      <c r="PNI677" s="613"/>
      <c r="PNJ677" s="613"/>
      <c r="PNK677" s="613"/>
      <c r="PNL677" s="613"/>
      <c r="PNM677" s="613"/>
      <c r="PNN677" s="613"/>
      <c r="PNO677" s="613"/>
      <c r="PNP677" s="613"/>
      <c r="PNQ677" s="613"/>
      <c r="PNR677" s="613"/>
      <c r="PNS677" s="613"/>
      <c r="PNT677" s="613"/>
      <c r="PNU677" s="613"/>
      <c r="PNV677" s="613"/>
      <c r="PNW677" s="613"/>
      <c r="PNX677" s="613"/>
      <c r="PNY677" s="613"/>
      <c r="PNZ677" s="613"/>
      <c r="POA677" s="613"/>
      <c r="POB677" s="613"/>
      <c r="POC677" s="613"/>
      <c r="POD677" s="613"/>
      <c r="POE677" s="613"/>
      <c r="POF677" s="613"/>
      <c r="POG677" s="613"/>
      <c r="POH677" s="613"/>
      <c r="POI677" s="613"/>
      <c r="POJ677" s="613"/>
      <c r="POK677" s="613"/>
      <c r="POL677" s="613"/>
      <c r="POM677" s="613"/>
      <c r="PON677" s="613"/>
      <c r="POO677" s="613"/>
      <c r="POP677" s="613"/>
      <c r="POQ677" s="613"/>
      <c r="POR677" s="613"/>
      <c r="POS677" s="613"/>
      <c r="POT677" s="613"/>
      <c r="POU677" s="613"/>
      <c r="POV677" s="613"/>
      <c r="POW677" s="613"/>
      <c r="POX677" s="613"/>
      <c r="POY677" s="613"/>
      <c r="POZ677" s="613"/>
      <c r="PPA677" s="613"/>
      <c r="PPB677" s="613"/>
      <c r="PPC677" s="613"/>
      <c r="PPD677" s="613"/>
      <c r="PPE677" s="613"/>
      <c r="PPF677" s="613"/>
      <c r="PPG677" s="613"/>
      <c r="PPH677" s="613"/>
      <c r="PPI677" s="613"/>
      <c r="PPJ677" s="613"/>
      <c r="PPK677" s="613"/>
      <c r="PPL677" s="613"/>
      <c r="PPM677" s="613"/>
      <c r="PPN677" s="613"/>
      <c r="PPO677" s="613"/>
      <c r="PPP677" s="613"/>
      <c r="PPQ677" s="613"/>
      <c r="PPR677" s="613"/>
      <c r="PPS677" s="613"/>
      <c r="PPT677" s="613"/>
      <c r="PPU677" s="613"/>
      <c r="PPV677" s="613"/>
      <c r="PPW677" s="613"/>
      <c r="PPX677" s="613"/>
      <c r="PPY677" s="613"/>
      <c r="PPZ677" s="613"/>
      <c r="PQA677" s="613"/>
      <c r="PQB677" s="613"/>
      <c r="PQC677" s="613"/>
      <c r="PQD677" s="613"/>
      <c r="PQE677" s="613"/>
      <c r="PQF677" s="613"/>
      <c r="PQG677" s="613"/>
      <c r="PQH677" s="613"/>
      <c r="PQI677" s="613"/>
      <c r="PQJ677" s="613"/>
      <c r="PQK677" s="613"/>
      <c r="PQL677" s="613"/>
      <c r="PQM677" s="613"/>
      <c r="PQN677" s="613"/>
      <c r="PQO677" s="613"/>
      <c r="PQP677" s="613"/>
      <c r="PQQ677" s="613"/>
      <c r="PQR677" s="613"/>
      <c r="PQS677" s="613"/>
      <c r="PQT677" s="613"/>
      <c r="PQU677" s="613"/>
      <c r="PQV677" s="613"/>
      <c r="PQW677" s="613"/>
      <c r="PQX677" s="613"/>
      <c r="PQY677" s="613"/>
      <c r="PQZ677" s="613"/>
      <c r="PRA677" s="613"/>
      <c r="PRB677" s="613"/>
      <c r="PRC677" s="613"/>
      <c r="PRD677" s="613"/>
      <c r="PRE677" s="613"/>
      <c r="PRF677" s="613"/>
      <c r="PRG677" s="613"/>
      <c r="PRH677" s="613"/>
      <c r="PRI677" s="613"/>
      <c r="PRJ677" s="613"/>
      <c r="PRK677" s="613"/>
      <c r="PRL677" s="613"/>
      <c r="PRM677" s="613"/>
      <c r="PRN677" s="613"/>
      <c r="PRO677" s="613"/>
      <c r="PRP677" s="613"/>
      <c r="PRQ677" s="613"/>
      <c r="PRR677" s="613"/>
      <c r="PRS677" s="613"/>
      <c r="PRT677" s="613"/>
      <c r="PRU677" s="613"/>
      <c r="PRV677" s="613"/>
      <c r="PRW677" s="613"/>
      <c r="PRX677" s="613"/>
      <c r="PRY677" s="613"/>
      <c r="PRZ677" s="613"/>
      <c r="PSA677" s="613"/>
      <c r="PSB677" s="613"/>
      <c r="PSC677" s="613"/>
      <c r="PSD677" s="613"/>
      <c r="PSE677" s="613"/>
      <c r="PSF677" s="613"/>
      <c r="PSG677" s="613"/>
      <c r="PSH677" s="613"/>
      <c r="PSI677" s="613"/>
      <c r="PSJ677" s="613"/>
      <c r="PSK677" s="613"/>
      <c r="PSL677" s="613"/>
      <c r="PSM677" s="613"/>
      <c r="PSN677" s="613"/>
      <c r="PSO677" s="613"/>
      <c r="PSP677" s="613"/>
      <c r="PSQ677" s="613"/>
      <c r="PSR677" s="613"/>
      <c r="PSS677" s="613"/>
      <c r="PST677" s="613"/>
      <c r="PSU677" s="613"/>
      <c r="PSV677" s="613"/>
      <c r="PSW677" s="613"/>
      <c r="PSX677" s="613"/>
      <c r="PSY677" s="613"/>
      <c r="PSZ677" s="613"/>
      <c r="PTA677" s="613"/>
      <c r="PTB677" s="613"/>
      <c r="PTC677" s="613"/>
      <c r="PTD677" s="613"/>
      <c r="PTE677" s="613"/>
      <c r="PTF677" s="613"/>
      <c r="PTG677" s="613"/>
      <c r="PTH677" s="613"/>
      <c r="PTI677" s="613"/>
      <c r="PTJ677" s="613"/>
      <c r="PTK677" s="613"/>
      <c r="PTL677" s="613"/>
      <c r="PTM677" s="613"/>
      <c r="PTN677" s="613"/>
      <c r="PTO677" s="613"/>
      <c r="PTP677" s="613"/>
      <c r="PTQ677" s="613"/>
      <c r="PTR677" s="613"/>
      <c r="PTS677" s="613"/>
      <c r="PTT677" s="613"/>
      <c r="PTU677" s="613"/>
      <c r="PTV677" s="613"/>
      <c r="PTW677" s="613"/>
      <c r="PTX677" s="613"/>
      <c r="PTY677" s="613"/>
      <c r="PTZ677" s="613"/>
      <c r="PUA677" s="613"/>
      <c r="PUB677" s="613"/>
      <c r="PUC677" s="613"/>
      <c r="PUD677" s="613"/>
      <c r="PUE677" s="613"/>
      <c r="PUF677" s="613"/>
      <c r="PUG677" s="613"/>
      <c r="PUH677" s="613"/>
      <c r="PUI677" s="613"/>
      <c r="PUJ677" s="613"/>
      <c r="PUK677" s="613"/>
      <c r="PUL677" s="613"/>
      <c r="PUM677" s="613"/>
      <c r="PUN677" s="613"/>
      <c r="PUO677" s="613"/>
      <c r="PUP677" s="613"/>
      <c r="PUQ677" s="613"/>
      <c r="PUR677" s="613"/>
      <c r="PUS677" s="613"/>
      <c r="PUT677" s="613"/>
      <c r="PUU677" s="613"/>
      <c r="PUV677" s="613"/>
      <c r="PUW677" s="613"/>
      <c r="PUX677" s="613"/>
      <c r="PUY677" s="613"/>
      <c r="PUZ677" s="613"/>
      <c r="PVA677" s="613"/>
      <c r="PVB677" s="613"/>
      <c r="PVC677" s="613"/>
      <c r="PVD677" s="613"/>
      <c r="PVE677" s="613"/>
      <c r="PVF677" s="613"/>
      <c r="PVG677" s="613"/>
      <c r="PVH677" s="613"/>
      <c r="PVI677" s="613"/>
      <c r="PVJ677" s="613"/>
      <c r="PVK677" s="613"/>
      <c r="PVL677" s="613"/>
      <c r="PVM677" s="613"/>
      <c r="PVN677" s="613"/>
      <c r="PVO677" s="613"/>
      <c r="PVP677" s="613"/>
      <c r="PVQ677" s="613"/>
      <c r="PVR677" s="613"/>
      <c r="PVS677" s="613"/>
      <c r="PVT677" s="613"/>
      <c r="PVU677" s="613"/>
      <c r="PVV677" s="613"/>
      <c r="PVW677" s="613"/>
      <c r="PVX677" s="613"/>
      <c r="PVY677" s="613"/>
      <c r="PVZ677" s="613"/>
      <c r="PWA677" s="613"/>
      <c r="PWB677" s="613"/>
      <c r="PWC677" s="613"/>
      <c r="PWD677" s="613"/>
      <c r="PWE677" s="613"/>
      <c r="PWF677" s="613"/>
      <c r="PWG677" s="613"/>
      <c r="PWH677" s="613"/>
      <c r="PWI677" s="613"/>
      <c r="PWJ677" s="613"/>
      <c r="PWK677" s="613"/>
      <c r="PWL677" s="613"/>
      <c r="PWM677" s="613"/>
      <c r="PWN677" s="613"/>
      <c r="PWO677" s="613"/>
      <c r="PWP677" s="613"/>
      <c r="PWQ677" s="613"/>
      <c r="PWR677" s="613"/>
      <c r="PWS677" s="613"/>
      <c r="PWT677" s="613"/>
      <c r="PWU677" s="613"/>
      <c r="PWV677" s="613"/>
      <c r="PWW677" s="613"/>
      <c r="PWX677" s="613"/>
      <c r="PWY677" s="613"/>
      <c r="PWZ677" s="613"/>
      <c r="PXA677" s="613"/>
      <c r="PXB677" s="613"/>
      <c r="PXC677" s="613"/>
      <c r="PXD677" s="613"/>
      <c r="PXE677" s="613"/>
      <c r="PXF677" s="613"/>
      <c r="PXG677" s="613"/>
      <c r="PXH677" s="613"/>
      <c r="PXI677" s="613"/>
      <c r="PXJ677" s="613"/>
      <c r="PXK677" s="613"/>
      <c r="PXL677" s="613"/>
      <c r="PXM677" s="613"/>
      <c r="PXN677" s="613"/>
      <c r="PXO677" s="613"/>
      <c r="PXP677" s="613"/>
      <c r="PXQ677" s="613"/>
      <c r="PXR677" s="613"/>
      <c r="PXS677" s="613"/>
      <c r="PXT677" s="613"/>
      <c r="PXU677" s="613"/>
      <c r="PXV677" s="613"/>
      <c r="PXW677" s="613"/>
      <c r="PXX677" s="613"/>
      <c r="PXY677" s="613"/>
      <c r="PXZ677" s="613"/>
      <c r="PYA677" s="613"/>
      <c r="PYB677" s="613"/>
      <c r="PYC677" s="613"/>
      <c r="PYD677" s="613"/>
      <c r="PYE677" s="613"/>
      <c r="PYF677" s="613"/>
      <c r="PYG677" s="613"/>
      <c r="PYH677" s="613"/>
      <c r="PYI677" s="613"/>
      <c r="PYJ677" s="613"/>
      <c r="PYK677" s="613"/>
      <c r="PYL677" s="613"/>
      <c r="PYM677" s="613"/>
      <c r="PYN677" s="613"/>
      <c r="PYO677" s="613"/>
      <c r="PYP677" s="613"/>
      <c r="PYQ677" s="613"/>
      <c r="PYR677" s="613"/>
      <c r="PYS677" s="613"/>
      <c r="PYT677" s="613"/>
      <c r="PYU677" s="613"/>
      <c r="PYV677" s="613"/>
      <c r="PYW677" s="613"/>
      <c r="PYX677" s="613"/>
      <c r="PYY677" s="613"/>
      <c r="PYZ677" s="613"/>
      <c r="PZA677" s="613"/>
      <c r="PZB677" s="613"/>
      <c r="PZC677" s="613"/>
      <c r="PZD677" s="613"/>
      <c r="PZE677" s="613"/>
      <c r="PZF677" s="613"/>
      <c r="PZG677" s="613"/>
      <c r="PZH677" s="613"/>
      <c r="PZI677" s="613"/>
      <c r="PZJ677" s="613"/>
      <c r="PZK677" s="613"/>
      <c r="PZL677" s="613"/>
      <c r="PZM677" s="613"/>
      <c r="PZN677" s="613"/>
      <c r="PZO677" s="613"/>
      <c r="PZP677" s="613"/>
      <c r="PZQ677" s="613"/>
      <c r="PZR677" s="613"/>
      <c r="PZS677" s="613"/>
      <c r="PZT677" s="613"/>
      <c r="PZU677" s="613"/>
      <c r="PZV677" s="613"/>
      <c r="PZW677" s="613"/>
      <c r="PZX677" s="613"/>
      <c r="PZY677" s="613"/>
      <c r="PZZ677" s="613"/>
      <c r="QAA677" s="613"/>
      <c r="QAB677" s="613"/>
      <c r="QAC677" s="613"/>
      <c r="QAD677" s="613"/>
      <c r="QAE677" s="613"/>
      <c r="QAF677" s="613"/>
      <c r="QAG677" s="613"/>
      <c r="QAH677" s="613"/>
      <c r="QAI677" s="613"/>
      <c r="QAJ677" s="613"/>
      <c r="QAK677" s="613"/>
      <c r="QAL677" s="613"/>
      <c r="QAM677" s="613"/>
      <c r="QAN677" s="613"/>
      <c r="QAO677" s="613"/>
      <c r="QAP677" s="613"/>
      <c r="QAQ677" s="613"/>
      <c r="QAR677" s="613"/>
      <c r="QAS677" s="613"/>
      <c r="QAT677" s="613"/>
      <c r="QAU677" s="613"/>
      <c r="QAV677" s="613"/>
      <c r="QAW677" s="613"/>
      <c r="QAX677" s="613"/>
      <c r="QAY677" s="613"/>
      <c r="QAZ677" s="613"/>
      <c r="QBA677" s="613"/>
      <c r="QBB677" s="613"/>
      <c r="QBC677" s="613"/>
      <c r="QBD677" s="613"/>
      <c r="QBE677" s="613"/>
      <c r="QBF677" s="613"/>
      <c r="QBG677" s="613"/>
      <c r="QBH677" s="613"/>
      <c r="QBI677" s="613"/>
      <c r="QBJ677" s="613"/>
      <c r="QBK677" s="613"/>
      <c r="QBL677" s="613"/>
      <c r="QBM677" s="613"/>
      <c r="QBN677" s="613"/>
      <c r="QBO677" s="613"/>
      <c r="QBP677" s="613"/>
      <c r="QBQ677" s="613"/>
      <c r="QBR677" s="613"/>
      <c r="QBS677" s="613"/>
      <c r="QBT677" s="613"/>
      <c r="QBU677" s="613"/>
      <c r="QBV677" s="613"/>
      <c r="QBW677" s="613"/>
      <c r="QBX677" s="613"/>
      <c r="QBY677" s="613"/>
      <c r="QBZ677" s="613"/>
      <c r="QCA677" s="613"/>
      <c r="QCB677" s="613"/>
      <c r="QCC677" s="613"/>
      <c r="QCD677" s="613"/>
      <c r="QCE677" s="613"/>
      <c r="QCF677" s="613"/>
      <c r="QCG677" s="613"/>
      <c r="QCH677" s="613"/>
      <c r="QCI677" s="613"/>
      <c r="QCJ677" s="613"/>
      <c r="QCK677" s="613"/>
      <c r="QCL677" s="613"/>
      <c r="QCM677" s="613"/>
      <c r="QCN677" s="613"/>
      <c r="QCO677" s="613"/>
      <c r="QCP677" s="613"/>
      <c r="QCQ677" s="613"/>
      <c r="QCR677" s="613"/>
      <c r="QCS677" s="613"/>
      <c r="QCT677" s="613"/>
      <c r="QCU677" s="613"/>
      <c r="QCV677" s="613"/>
      <c r="QCW677" s="613"/>
      <c r="QCX677" s="613"/>
      <c r="QCY677" s="613"/>
      <c r="QCZ677" s="613"/>
      <c r="QDA677" s="613"/>
      <c r="QDB677" s="613"/>
      <c r="QDC677" s="613"/>
      <c r="QDD677" s="613"/>
      <c r="QDE677" s="613"/>
      <c r="QDF677" s="613"/>
      <c r="QDG677" s="613"/>
      <c r="QDH677" s="613"/>
      <c r="QDI677" s="613"/>
      <c r="QDJ677" s="613"/>
      <c r="QDK677" s="613"/>
      <c r="QDL677" s="613"/>
      <c r="QDM677" s="613"/>
      <c r="QDN677" s="613"/>
      <c r="QDO677" s="613"/>
      <c r="QDP677" s="613"/>
      <c r="QDQ677" s="613"/>
      <c r="QDR677" s="613"/>
      <c r="QDS677" s="613"/>
      <c r="QDT677" s="613"/>
      <c r="QDU677" s="613"/>
      <c r="QDV677" s="613"/>
      <c r="QDW677" s="613"/>
      <c r="QDX677" s="613"/>
      <c r="QDY677" s="613"/>
      <c r="QDZ677" s="613"/>
      <c r="QEA677" s="613"/>
      <c r="QEB677" s="613"/>
      <c r="QEC677" s="613"/>
      <c r="QED677" s="613"/>
      <c r="QEE677" s="613"/>
      <c r="QEF677" s="613"/>
      <c r="QEG677" s="613"/>
      <c r="QEH677" s="613"/>
      <c r="QEI677" s="613"/>
      <c r="QEJ677" s="613"/>
      <c r="QEK677" s="613"/>
      <c r="QEL677" s="613"/>
      <c r="QEM677" s="613"/>
      <c r="QEN677" s="613"/>
      <c r="QEO677" s="613"/>
      <c r="QEP677" s="613"/>
      <c r="QEQ677" s="613"/>
      <c r="QER677" s="613"/>
      <c r="QES677" s="613"/>
      <c r="QET677" s="613"/>
      <c r="QEU677" s="613"/>
      <c r="QEV677" s="613"/>
      <c r="QEW677" s="613"/>
      <c r="QEX677" s="613"/>
      <c r="QEY677" s="613"/>
      <c r="QEZ677" s="613"/>
      <c r="QFA677" s="613"/>
      <c r="QFB677" s="613"/>
      <c r="QFC677" s="613"/>
      <c r="QFD677" s="613"/>
      <c r="QFE677" s="613"/>
      <c r="QFF677" s="613"/>
      <c r="QFG677" s="613"/>
      <c r="QFH677" s="613"/>
      <c r="QFI677" s="613"/>
      <c r="QFJ677" s="613"/>
      <c r="QFK677" s="613"/>
      <c r="QFL677" s="613"/>
      <c r="QFM677" s="613"/>
      <c r="QFN677" s="613"/>
      <c r="QFO677" s="613"/>
      <c r="QFP677" s="613"/>
      <c r="QFQ677" s="613"/>
      <c r="QFR677" s="613"/>
      <c r="QFS677" s="613"/>
      <c r="QFT677" s="613"/>
      <c r="QFU677" s="613"/>
      <c r="QFV677" s="613"/>
      <c r="QFW677" s="613"/>
      <c r="QFX677" s="613"/>
      <c r="QFY677" s="613"/>
      <c r="QFZ677" s="613"/>
      <c r="QGA677" s="613"/>
      <c r="QGB677" s="613"/>
      <c r="QGC677" s="613"/>
      <c r="QGD677" s="613"/>
      <c r="QGE677" s="613"/>
      <c r="QGF677" s="613"/>
      <c r="QGG677" s="613"/>
      <c r="QGH677" s="613"/>
      <c r="QGI677" s="613"/>
      <c r="QGJ677" s="613"/>
      <c r="QGK677" s="613"/>
      <c r="QGL677" s="613"/>
      <c r="QGM677" s="613"/>
      <c r="QGN677" s="613"/>
      <c r="QGO677" s="613"/>
      <c r="QGP677" s="613"/>
      <c r="QGQ677" s="613"/>
      <c r="QGR677" s="613"/>
      <c r="QGS677" s="613"/>
      <c r="QGT677" s="613"/>
      <c r="QGU677" s="613"/>
      <c r="QGV677" s="613"/>
      <c r="QGW677" s="613"/>
      <c r="QGX677" s="613"/>
      <c r="QGY677" s="613"/>
      <c r="QGZ677" s="613"/>
      <c r="QHA677" s="613"/>
      <c r="QHB677" s="613"/>
      <c r="QHC677" s="613"/>
      <c r="QHD677" s="613"/>
      <c r="QHE677" s="613"/>
      <c r="QHF677" s="613"/>
      <c r="QHG677" s="613"/>
      <c r="QHH677" s="613"/>
      <c r="QHI677" s="613"/>
      <c r="QHJ677" s="613"/>
      <c r="QHK677" s="613"/>
      <c r="QHL677" s="613"/>
      <c r="QHM677" s="613"/>
      <c r="QHN677" s="613"/>
      <c r="QHO677" s="613"/>
      <c r="QHP677" s="613"/>
      <c r="QHQ677" s="613"/>
      <c r="QHR677" s="613"/>
      <c r="QHS677" s="613"/>
      <c r="QHT677" s="613"/>
      <c r="QHU677" s="613"/>
      <c r="QHV677" s="613"/>
      <c r="QHW677" s="613"/>
      <c r="QHX677" s="613"/>
      <c r="QHY677" s="613"/>
      <c r="QHZ677" s="613"/>
      <c r="QIA677" s="613"/>
      <c r="QIB677" s="613"/>
      <c r="QIC677" s="613"/>
      <c r="QID677" s="613"/>
      <c r="QIE677" s="613"/>
      <c r="QIF677" s="613"/>
      <c r="QIG677" s="613"/>
      <c r="QIH677" s="613"/>
      <c r="QII677" s="613"/>
      <c r="QIJ677" s="613"/>
      <c r="QIK677" s="613"/>
      <c r="QIL677" s="613"/>
      <c r="QIM677" s="613"/>
      <c r="QIN677" s="613"/>
      <c r="QIO677" s="613"/>
      <c r="QIP677" s="613"/>
      <c r="QIQ677" s="613"/>
      <c r="QIR677" s="613"/>
      <c r="QIS677" s="613"/>
      <c r="QIT677" s="613"/>
      <c r="QIU677" s="613"/>
      <c r="QIV677" s="613"/>
      <c r="QIW677" s="613"/>
      <c r="QIX677" s="613"/>
      <c r="QIY677" s="613"/>
      <c r="QIZ677" s="613"/>
      <c r="QJA677" s="613"/>
      <c r="QJB677" s="613"/>
      <c r="QJC677" s="613"/>
      <c r="QJD677" s="613"/>
      <c r="QJE677" s="613"/>
      <c r="QJF677" s="613"/>
      <c r="QJG677" s="613"/>
      <c r="QJH677" s="613"/>
      <c r="QJI677" s="613"/>
      <c r="QJJ677" s="613"/>
      <c r="QJK677" s="613"/>
      <c r="QJL677" s="613"/>
      <c r="QJM677" s="613"/>
      <c r="QJN677" s="613"/>
      <c r="QJO677" s="613"/>
      <c r="QJP677" s="613"/>
      <c r="QJQ677" s="613"/>
      <c r="QJR677" s="613"/>
      <c r="QJS677" s="613"/>
      <c r="QJT677" s="613"/>
      <c r="QJU677" s="613"/>
      <c r="QJV677" s="613"/>
      <c r="QJW677" s="613"/>
      <c r="QJX677" s="613"/>
      <c r="QJY677" s="613"/>
      <c r="QJZ677" s="613"/>
      <c r="QKA677" s="613"/>
      <c r="QKB677" s="613"/>
      <c r="QKC677" s="613"/>
      <c r="QKD677" s="613"/>
      <c r="QKE677" s="613"/>
      <c r="QKF677" s="613"/>
      <c r="QKG677" s="613"/>
      <c r="QKH677" s="613"/>
      <c r="QKI677" s="613"/>
      <c r="QKJ677" s="613"/>
      <c r="QKK677" s="613"/>
      <c r="QKL677" s="613"/>
      <c r="QKM677" s="613"/>
      <c r="QKN677" s="613"/>
      <c r="QKO677" s="613"/>
      <c r="QKP677" s="613"/>
      <c r="QKQ677" s="613"/>
      <c r="QKR677" s="613"/>
      <c r="QKS677" s="613"/>
      <c r="QKT677" s="613"/>
      <c r="QKU677" s="613"/>
      <c r="QKV677" s="613"/>
      <c r="QKW677" s="613"/>
      <c r="QKX677" s="613"/>
      <c r="QKY677" s="613"/>
      <c r="QKZ677" s="613"/>
      <c r="QLA677" s="613"/>
      <c r="QLB677" s="613"/>
      <c r="QLC677" s="613"/>
      <c r="QLD677" s="613"/>
      <c r="QLE677" s="613"/>
      <c r="QLF677" s="613"/>
      <c r="QLG677" s="613"/>
      <c r="QLH677" s="613"/>
      <c r="QLI677" s="613"/>
      <c r="QLJ677" s="613"/>
      <c r="QLK677" s="613"/>
      <c r="QLL677" s="613"/>
      <c r="QLM677" s="613"/>
      <c r="QLN677" s="613"/>
      <c r="QLO677" s="613"/>
      <c r="QLP677" s="613"/>
      <c r="QLQ677" s="613"/>
      <c r="QLR677" s="613"/>
      <c r="QLS677" s="613"/>
      <c r="QLT677" s="613"/>
      <c r="QLU677" s="613"/>
      <c r="QLV677" s="613"/>
      <c r="QLW677" s="613"/>
      <c r="QLX677" s="613"/>
      <c r="QLY677" s="613"/>
      <c r="QLZ677" s="613"/>
      <c r="QMA677" s="613"/>
      <c r="QMB677" s="613"/>
      <c r="QMC677" s="613"/>
      <c r="QMD677" s="613"/>
      <c r="QME677" s="613"/>
      <c r="QMF677" s="613"/>
      <c r="QMG677" s="613"/>
      <c r="QMH677" s="613"/>
      <c r="QMI677" s="613"/>
      <c r="QMJ677" s="613"/>
      <c r="QMK677" s="613"/>
      <c r="QML677" s="613"/>
      <c r="QMM677" s="613"/>
      <c r="QMN677" s="613"/>
      <c r="QMO677" s="613"/>
      <c r="QMP677" s="613"/>
      <c r="QMQ677" s="613"/>
      <c r="QMR677" s="613"/>
      <c r="QMS677" s="613"/>
      <c r="QMT677" s="613"/>
      <c r="QMU677" s="613"/>
      <c r="QMV677" s="613"/>
      <c r="QMW677" s="613"/>
      <c r="QMX677" s="613"/>
      <c r="QMY677" s="613"/>
      <c r="QMZ677" s="613"/>
      <c r="QNA677" s="613"/>
      <c r="QNB677" s="613"/>
      <c r="QNC677" s="613"/>
      <c r="QND677" s="613"/>
      <c r="QNE677" s="613"/>
      <c r="QNF677" s="613"/>
      <c r="QNG677" s="613"/>
      <c r="QNH677" s="613"/>
      <c r="QNI677" s="613"/>
      <c r="QNJ677" s="613"/>
      <c r="QNK677" s="613"/>
      <c r="QNL677" s="613"/>
      <c r="QNM677" s="613"/>
      <c r="QNN677" s="613"/>
      <c r="QNO677" s="613"/>
      <c r="QNP677" s="613"/>
      <c r="QNQ677" s="613"/>
      <c r="QNR677" s="613"/>
      <c r="QNS677" s="613"/>
      <c r="QNT677" s="613"/>
      <c r="QNU677" s="613"/>
      <c r="QNV677" s="613"/>
      <c r="QNW677" s="613"/>
      <c r="QNX677" s="613"/>
      <c r="QNY677" s="613"/>
      <c r="QNZ677" s="613"/>
      <c r="QOA677" s="613"/>
      <c r="QOB677" s="613"/>
      <c r="QOC677" s="613"/>
      <c r="QOD677" s="613"/>
      <c r="QOE677" s="613"/>
      <c r="QOF677" s="613"/>
      <c r="QOG677" s="613"/>
      <c r="QOH677" s="613"/>
      <c r="QOI677" s="613"/>
      <c r="QOJ677" s="613"/>
      <c r="QOK677" s="613"/>
      <c r="QOL677" s="613"/>
      <c r="QOM677" s="613"/>
      <c r="QON677" s="613"/>
      <c r="QOO677" s="613"/>
      <c r="QOP677" s="613"/>
      <c r="QOQ677" s="613"/>
      <c r="QOR677" s="613"/>
      <c r="QOS677" s="613"/>
      <c r="QOT677" s="613"/>
      <c r="QOU677" s="613"/>
      <c r="QOV677" s="613"/>
      <c r="QOW677" s="613"/>
      <c r="QOX677" s="613"/>
      <c r="QOY677" s="613"/>
      <c r="QOZ677" s="613"/>
      <c r="QPA677" s="613"/>
      <c r="QPB677" s="613"/>
      <c r="QPC677" s="613"/>
      <c r="QPD677" s="613"/>
      <c r="QPE677" s="613"/>
      <c r="QPF677" s="613"/>
      <c r="QPG677" s="613"/>
      <c r="QPH677" s="613"/>
      <c r="QPI677" s="613"/>
      <c r="QPJ677" s="613"/>
      <c r="QPK677" s="613"/>
      <c r="QPL677" s="613"/>
      <c r="QPM677" s="613"/>
      <c r="QPN677" s="613"/>
      <c r="QPO677" s="613"/>
      <c r="QPP677" s="613"/>
      <c r="QPQ677" s="613"/>
      <c r="QPR677" s="613"/>
      <c r="QPS677" s="613"/>
      <c r="QPT677" s="613"/>
      <c r="QPU677" s="613"/>
      <c r="QPV677" s="613"/>
      <c r="QPW677" s="613"/>
      <c r="QPX677" s="613"/>
      <c r="QPY677" s="613"/>
      <c r="QPZ677" s="613"/>
      <c r="QQA677" s="613"/>
      <c r="QQB677" s="613"/>
      <c r="QQC677" s="613"/>
      <c r="QQD677" s="613"/>
      <c r="QQE677" s="613"/>
      <c r="QQF677" s="613"/>
      <c r="QQG677" s="613"/>
      <c r="QQH677" s="613"/>
      <c r="QQI677" s="613"/>
      <c r="QQJ677" s="613"/>
      <c r="QQK677" s="613"/>
      <c r="QQL677" s="613"/>
      <c r="QQM677" s="613"/>
      <c r="QQN677" s="613"/>
      <c r="QQO677" s="613"/>
      <c r="QQP677" s="613"/>
      <c r="QQQ677" s="613"/>
      <c r="QQR677" s="613"/>
      <c r="QQS677" s="613"/>
      <c r="QQT677" s="613"/>
      <c r="QQU677" s="613"/>
      <c r="QQV677" s="613"/>
      <c r="QQW677" s="613"/>
      <c r="QQX677" s="613"/>
      <c r="QQY677" s="613"/>
      <c r="QQZ677" s="613"/>
      <c r="QRA677" s="613"/>
      <c r="QRB677" s="613"/>
      <c r="QRC677" s="613"/>
      <c r="QRD677" s="613"/>
      <c r="QRE677" s="613"/>
      <c r="QRF677" s="613"/>
      <c r="QRG677" s="613"/>
      <c r="QRH677" s="613"/>
      <c r="QRI677" s="613"/>
      <c r="QRJ677" s="613"/>
      <c r="QRK677" s="613"/>
      <c r="QRL677" s="613"/>
      <c r="QRM677" s="613"/>
      <c r="QRN677" s="613"/>
      <c r="QRO677" s="613"/>
      <c r="QRP677" s="613"/>
      <c r="QRQ677" s="613"/>
      <c r="QRR677" s="613"/>
      <c r="QRS677" s="613"/>
      <c r="QRT677" s="613"/>
      <c r="QRU677" s="613"/>
      <c r="QRV677" s="613"/>
      <c r="QRW677" s="613"/>
      <c r="QRX677" s="613"/>
      <c r="QRY677" s="613"/>
      <c r="QRZ677" s="613"/>
      <c r="QSA677" s="613"/>
      <c r="QSB677" s="613"/>
      <c r="QSC677" s="613"/>
      <c r="QSD677" s="613"/>
      <c r="QSE677" s="613"/>
      <c r="QSF677" s="613"/>
      <c r="QSG677" s="613"/>
      <c r="QSH677" s="613"/>
      <c r="QSI677" s="613"/>
      <c r="QSJ677" s="613"/>
      <c r="QSK677" s="613"/>
      <c r="QSL677" s="613"/>
      <c r="QSM677" s="613"/>
      <c r="QSN677" s="613"/>
      <c r="QSO677" s="613"/>
      <c r="QSP677" s="613"/>
      <c r="QSQ677" s="613"/>
      <c r="QSR677" s="613"/>
      <c r="QSS677" s="613"/>
      <c r="QST677" s="613"/>
      <c r="QSU677" s="613"/>
      <c r="QSV677" s="613"/>
      <c r="QSW677" s="613"/>
      <c r="QSX677" s="613"/>
      <c r="QSY677" s="613"/>
      <c r="QSZ677" s="613"/>
      <c r="QTA677" s="613"/>
      <c r="QTB677" s="613"/>
      <c r="QTC677" s="613"/>
      <c r="QTD677" s="613"/>
      <c r="QTE677" s="613"/>
      <c r="QTF677" s="613"/>
      <c r="QTG677" s="613"/>
      <c r="QTH677" s="613"/>
      <c r="QTI677" s="613"/>
      <c r="QTJ677" s="613"/>
      <c r="QTK677" s="613"/>
      <c r="QTL677" s="613"/>
      <c r="QTM677" s="613"/>
      <c r="QTN677" s="613"/>
      <c r="QTO677" s="613"/>
      <c r="QTP677" s="613"/>
      <c r="QTQ677" s="613"/>
      <c r="QTR677" s="613"/>
      <c r="QTS677" s="613"/>
      <c r="QTT677" s="613"/>
      <c r="QTU677" s="613"/>
      <c r="QTV677" s="613"/>
      <c r="QTW677" s="613"/>
      <c r="QTX677" s="613"/>
      <c r="QTY677" s="613"/>
      <c r="QTZ677" s="613"/>
      <c r="QUA677" s="613"/>
      <c r="QUB677" s="613"/>
      <c r="QUC677" s="613"/>
      <c r="QUD677" s="613"/>
      <c r="QUE677" s="613"/>
      <c r="QUF677" s="613"/>
      <c r="QUG677" s="613"/>
      <c r="QUH677" s="613"/>
      <c r="QUI677" s="613"/>
      <c r="QUJ677" s="613"/>
      <c r="QUK677" s="613"/>
      <c r="QUL677" s="613"/>
      <c r="QUM677" s="613"/>
      <c r="QUN677" s="613"/>
      <c r="QUO677" s="613"/>
      <c r="QUP677" s="613"/>
      <c r="QUQ677" s="613"/>
      <c r="QUR677" s="613"/>
      <c r="QUS677" s="613"/>
      <c r="QUT677" s="613"/>
      <c r="QUU677" s="613"/>
      <c r="QUV677" s="613"/>
      <c r="QUW677" s="613"/>
      <c r="QUX677" s="613"/>
      <c r="QUY677" s="613"/>
      <c r="QUZ677" s="613"/>
      <c r="QVA677" s="613"/>
      <c r="QVB677" s="613"/>
      <c r="QVC677" s="613"/>
      <c r="QVD677" s="613"/>
      <c r="QVE677" s="613"/>
      <c r="QVF677" s="613"/>
      <c r="QVG677" s="613"/>
      <c r="QVH677" s="613"/>
      <c r="QVI677" s="613"/>
      <c r="QVJ677" s="613"/>
      <c r="QVK677" s="613"/>
      <c r="QVL677" s="613"/>
      <c r="QVM677" s="613"/>
      <c r="QVN677" s="613"/>
      <c r="QVO677" s="613"/>
      <c r="QVP677" s="613"/>
      <c r="QVQ677" s="613"/>
      <c r="QVR677" s="613"/>
      <c r="QVS677" s="613"/>
      <c r="QVT677" s="613"/>
      <c r="QVU677" s="613"/>
      <c r="QVV677" s="613"/>
      <c r="QVW677" s="613"/>
      <c r="QVX677" s="613"/>
      <c r="QVY677" s="613"/>
      <c r="QVZ677" s="613"/>
      <c r="QWA677" s="613"/>
      <c r="QWB677" s="613"/>
      <c r="QWC677" s="613"/>
      <c r="QWD677" s="613"/>
      <c r="QWE677" s="613"/>
      <c r="QWF677" s="613"/>
      <c r="QWG677" s="613"/>
      <c r="QWH677" s="613"/>
      <c r="QWI677" s="613"/>
      <c r="QWJ677" s="613"/>
      <c r="QWK677" s="613"/>
      <c r="QWL677" s="613"/>
      <c r="QWM677" s="613"/>
      <c r="QWN677" s="613"/>
      <c r="QWO677" s="613"/>
      <c r="QWP677" s="613"/>
      <c r="QWQ677" s="613"/>
      <c r="QWR677" s="613"/>
      <c r="QWS677" s="613"/>
      <c r="QWT677" s="613"/>
      <c r="QWU677" s="613"/>
      <c r="QWV677" s="613"/>
      <c r="QWW677" s="613"/>
      <c r="QWX677" s="613"/>
      <c r="QWY677" s="613"/>
      <c r="QWZ677" s="613"/>
      <c r="QXA677" s="613"/>
      <c r="QXB677" s="613"/>
      <c r="QXC677" s="613"/>
      <c r="QXD677" s="613"/>
      <c r="QXE677" s="613"/>
      <c r="QXF677" s="613"/>
      <c r="QXG677" s="613"/>
      <c r="QXH677" s="613"/>
      <c r="QXI677" s="613"/>
      <c r="QXJ677" s="613"/>
      <c r="QXK677" s="613"/>
      <c r="QXL677" s="613"/>
      <c r="QXM677" s="613"/>
      <c r="QXN677" s="613"/>
      <c r="QXO677" s="613"/>
      <c r="QXP677" s="613"/>
      <c r="QXQ677" s="613"/>
      <c r="QXR677" s="613"/>
      <c r="QXS677" s="613"/>
      <c r="QXT677" s="613"/>
      <c r="QXU677" s="613"/>
      <c r="QXV677" s="613"/>
      <c r="QXW677" s="613"/>
      <c r="QXX677" s="613"/>
      <c r="QXY677" s="613"/>
      <c r="QXZ677" s="613"/>
      <c r="QYA677" s="613"/>
      <c r="QYB677" s="613"/>
      <c r="QYC677" s="613"/>
      <c r="QYD677" s="613"/>
      <c r="QYE677" s="613"/>
      <c r="QYF677" s="613"/>
      <c r="QYG677" s="613"/>
      <c r="QYH677" s="613"/>
      <c r="QYI677" s="613"/>
      <c r="QYJ677" s="613"/>
      <c r="QYK677" s="613"/>
      <c r="QYL677" s="613"/>
      <c r="QYM677" s="613"/>
      <c r="QYN677" s="613"/>
      <c r="QYO677" s="613"/>
      <c r="QYP677" s="613"/>
      <c r="QYQ677" s="613"/>
      <c r="QYR677" s="613"/>
      <c r="QYS677" s="613"/>
      <c r="QYT677" s="613"/>
      <c r="QYU677" s="613"/>
      <c r="QYV677" s="613"/>
      <c r="QYW677" s="613"/>
      <c r="QYX677" s="613"/>
      <c r="QYY677" s="613"/>
      <c r="QYZ677" s="613"/>
      <c r="QZA677" s="613"/>
      <c r="QZB677" s="613"/>
      <c r="QZC677" s="613"/>
      <c r="QZD677" s="613"/>
      <c r="QZE677" s="613"/>
      <c r="QZF677" s="613"/>
      <c r="QZG677" s="613"/>
      <c r="QZH677" s="613"/>
      <c r="QZI677" s="613"/>
      <c r="QZJ677" s="613"/>
      <c r="QZK677" s="613"/>
      <c r="QZL677" s="613"/>
      <c r="QZM677" s="613"/>
      <c r="QZN677" s="613"/>
      <c r="QZO677" s="613"/>
      <c r="QZP677" s="613"/>
      <c r="QZQ677" s="613"/>
      <c r="QZR677" s="613"/>
      <c r="QZS677" s="613"/>
      <c r="QZT677" s="613"/>
      <c r="QZU677" s="613"/>
      <c r="QZV677" s="613"/>
      <c r="QZW677" s="613"/>
      <c r="QZX677" s="613"/>
      <c r="QZY677" s="613"/>
      <c r="QZZ677" s="613"/>
      <c r="RAA677" s="613"/>
      <c r="RAB677" s="613"/>
      <c r="RAC677" s="613"/>
      <c r="RAD677" s="613"/>
      <c r="RAE677" s="613"/>
      <c r="RAF677" s="613"/>
      <c r="RAG677" s="613"/>
      <c r="RAH677" s="613"/>
      <c r="RAI677" s="613"/>
      <c r="RAJ677" s="613"/>
      <c r="RAK677" s="613"/>
      <c r="RAL677" s="613"/>
      <c r="RAM677" s="613"/>
      <c r="RAN677" s="613"/>
      <c r="RAO677" s="613"/>
      <c r="RAP677" s="613"/>
      <c r="RAQ677" s="613"/>
      <c r="RAR677" s="613"/>
      <c r="RAS677" s="613"/>
      <c r="RAT677" s="613"/>
      <c r="RAU677" s="613"/>
      <c r="RAV677" s="613"/>
      <c r="RAW677" s="613"/>
      <c r="RAX677" s="613"/>
      <c r="RAY677" s="613"/>
      <c r="RAZ677" s="613"/>
      <c r="RBA677" s="613"/>
      <c r="RBB677" s="613"/>
      <c r="RBC677" s="613"/>
      <c r="RBD677" s="613"/>
      <c r="RBE677" s="613"/>
      <c r="RBF677" s="613"/>
      <c r="RBG677" s="613"/>
      <c r="RBH677" s="613"/>
      <c r="RBI677" s="613"/>
      <c r="RBJ677" s="613"/>
      <c r="RBK677" s="613"/>
      <c r="RBL677" s="613"/>
      <c r="RBM677" s="613"/>
      <c r="RBN677" s="613"/>
      <c r="RBO677" s="613"/>
      <c r="RBP677" s="613"/>
      <c r="RBQ677" s="613"/>
      <c r="RBR677" s="613"/>
      <c r="RBS677" s="613"/>
      <c r="RBT677" s="613"/>
      <c r="RBU677" s="613"/>
      <c r="RBV677" s="613"/>
      <c r="RBW677" s="613"/>
      <c r="RBX677" s="613"/>
      <c r="RBY677" s="613"/>
      <c r="RBZ677" s="613"/>
      <c r="RCA677" s="613"/>
      <c r="RCB677" s="613"/>
      <c r="RCC677" s="613"/>
      <c r="RCD677" s="613"/>
      <c r="RCE677" s="613"/>
      <c r="RCF677" s="613"/>
      <c r="RCG677" s="613"/>
      <c r="RCH677" s="613"/>
      <c r="RCI677" s="613"/>
      <c r="RCJ677" s="613"/>
      <c r="RCK677" s="613"/>
      <c r="RCL677" s="613"/>
      <c r="RCM677" s="613"/>
      <c r="RCN677" s="613"/>
      <c r="RCO677" s="613"/>
      <c r="RCP677" s="613"/>
      <c r="RCQ677" s="613"/>
      <c r="RCR677" s="613"/>
      <c r="RCS677" s="613"/>
      <c r="RCT677" s="613"/>
      <c r="RCU677" s="613"/>
      <c r="RCV677" s="613"/>
      <c r="RCW677" s="613"/>
      <c r="RCX677" s="613"/>
      <c r="RCY677" s="613"/>
      <c r="RCZ677" s="613"/>
      <c r="RDA677" s="613"/>
      <c r="RDB677" s="613"/>
      <c r="RDC677" s="613"/>
      <c r="RDD677" s="613"/>
      <c r="RDE677" s="613"/>
      <c r="RDF677" s="613"/>
      <c r="RDG677" s="613"/>
      <c r="RDH677" s="613"/>
      <c r="RDI677" s="613"/>
      <c r="RDJ677" s="613"/>
      <c r="RDK677" s="613"/>
      <c r="RDL677" s="613"/>
      <c r="RDM677" s="613"/>
      <c r="RDN677" s="613"/>
      <c r="RDO677" s="613"/>
      <c r="RDP677" s="613"/>
      <c r="RDQ677" s="613"/>
      <c r="RDR677" s="613"/>
      <c r="RDS677" s="613"/>
      <c r="RDT677" s="613"/>
      <c r="RDU677" s="613"/>
      <c r="RDV677" s="613"/>
      <c r="RDW677" s="613"/>
      <c r="RDX677" s="613"/>
      <c r="RDY677" s="613"/>
      <c r="RDZ677" s="613"/>
      <c r="REA677" s="613"/>
      <c r="REB677" s="613"/>
      <c r="REC677" s="613"/>
      <c r="RED677" s="613"/>
      <c r="REE677" s="613"/>
      <c r="REF677" s="613"/>
      <c r="REG677" s="613"/>
      <c r="REH677" s="613"/>
      <c r="REI677" s="613"/>
      <c r="REJ677" s="613"/>
      <c r="REK677" s="613"/>
      <c r="REL677" s="613"/>
      <c r="REM677" s="613"/>
      <c r="REN677" s="613"/>
      <c r="REO677" s="613"/>
      <c r="REP677" s="613"/>
      <c r="REQ677" s="613"/>
      <c r="RER677" s="613"/>
      <c r="RES677" s="613"/>
      <c r="RET677" s="613"/>
      <c r="REU677" s="613"/>
      <c r="REV677" s="613"/>
      <c r="REW677" s="613"/>
      <c r="REX677" s="613"/>
      <c r="REY677" s="613"/>
      <c r="REZ677" s="613"/>
      <c r="RFA677" s="613"/>
      <c r="RFB677" s="613"/>
      <c r="RFC677" s="613"/>
      <c r="RFD677" s="613"/>
      <c r="RFE677" s="613"/>
      <c r="RFF677" s="613"/>
      <c r="RFG677" s="613"/>
      <c r="RFH677" s="613"/>
      <c r="RFI677" s="613"/>
      <c r="RFJ677" s="613"/>
      <c r="RFK677" s="613"/>
      <c r="RFL677" s="613"/>
      <c r="RFM677" s="613"/>
      <c r="RFN677" s="613"/>
      <c r="RFO677" s="613"/>
      <c r="RFP677" s="613"/>
      <c r="RFQ677" s="613"/>
      <c r="RFR677" s="613"/>
      <c r="RFS677" s="613"/>
      <c r="RFT677" s="613"/>
      <c r="RFU677" s="613"/>
      <c r="RFV677" s="613"/>
      <c r="RFW677" s="613"/>
      <c r="RFX677" s="613"/>
      <c r="RFY677" s="613"/>
      <c r="RFZ677" s="613"/>
      <c r="RGA677" s="613"/>
      <c r="RGB677" s="613"/>
      <c r="RGC677" s="613"/>
      <c r="RGD677" s="613"/>
      <c r="RGE677" s="613"/>
      <c r="RGF677" s="613"/>
      <c r="RGG677" s="613"/>
      <c r="RGH677" s="613"/>
      <c r="RGI677" s="613"/>
      <c r="RGJ677" s="613"/>
      <c r="RGK677" s="613"/>
      <c r="RGL677" s="613"/>
      <c r="RGM677" s="613"/>
      <c r="RGN677" s="613"/>
      <c r="RGO677" s="613"/>
      <c r="RGP677" s="613"/>
      <c r="RGQ677" s="613"/>
      <c r="RGR677" s="613"/>
      <c r="RGS677" s="613"/>
      <c r="RGT677" s="613"/>
      <c r="RGU677" s="613"/>
      <c r="RGV677" s="613"/>
      <c r="RGW677" s="613"/>
      <c r="RGX677" s="613"/>
      <c r="RGY677" s="613"/>
      <c r="RGZ677" s="613"/>
      <c r="RHA677" s="613"/>
      <c r="RHB677" s="613"/>
      <c r="RHC677" s="613"/>
      <c r="RHD677" s="613"/>
      <c r="RHE677" s="613"/>
      <c r="RHF677" s="613"/>
      <c r="RHG677" s="613"/>
      <c r="RHH677" s="613"/>
      <c r="RHI677" s="613"/>
      <c r="RHJ677" s="613"/>
      <c r="RHK677" s="613"/>
      <c r="RHL677" s="613"/>
      <c r="RHM677" s="613"/>
      <c r="RHN677" s="613"/>
      <c r="RHO677" s="613"/>
      <c r="RHP677" s="613"/>
      <c r="RHQ677" s="613"/>
      <c r="RHR677" s="613"/>
      <c r="RHS677" s="613"/>
      <c r="RHT677" s="613"/>
      <c r="RHU677" s="613"/>
      <c r="RHV677" s="613"/>
      <c r="RHW677" s="613"/>
      <c r="RHX677" s="613"/>
      <c r="RHY677" s="613"/>
      <c r="RHZ677" s="613"/>
      <c r="RIA677" s="613"/>
      <c r="RIB677" s="613"/>
      <c r="RIC677" s="613"/>
      <c r="RID677" s="613"/>
      <c r="RIE677" s="613"/>
      <c r="RIF677" s="613"/>
      <c r="RIG677" s="613"/>
      <c r="RIH677" s="613"/>
      <c r="RII677" s="613"/>
      <c r="RIJ677" s="613"/>
      <c r="RIK677" s="613"/>
      <c r="RIL677" s="613"/>
      <c r="RIM677" s="613"/>
      <c r="RIN677" s="613"/>
      <c r="RIO677" s="613"/>
      <c r="RIP677" s="613"/>
      <c r="RIQ677" s="613"/>
      <c r="RIR677" s="613"/>
      <c r="RIS677" s="613"/>
      <c r="RIT677" s="613"/>
      <c r="RIU677" s="613"/>
      <c r="RIV677" s="613"/>
      <c r="RIW677" s="613"/>
      <c r="RIX677" s="613"/>
      <c r="RIY677" s="613"/>
      <c r="RIZ677" s="613"/>
      <c r="RJA677" s="613"/>
      <c r="RJB677" s="613"/>
      <c r="RJC677" s="613"/>
      <c r="RJD677" s="613"/>
      <c r="RJE677" s="613"/>
      <c r="RJF677" s="613"/>
      <c r="RJG677" s="613"/>
      <c r="RJH677" s="613"/>
      <c r="RJI677" s="613"/>
      <c r="RJJ677" s="613"/>
      <c r="RJK677" s="613"/>
      <c r="RJL677" s="613"/>
      <c r="RJM677" s="613"/>
      <c r="RJN677" s="613"/>
      <c r="RJO677" s="613"/>
      <c r="RJP677" s="613"/>
      <c r="RJQ677" s="613"/>
      <c r="RJR677" s="613"/>
      <c r="RJS677" s="613"/>
      <c r="RJT677" s="613"/>
      <c r="RJU677" s="613"/>
      <c r="RJV677" s="613"/>
      <c r="RJW677" s="613"/>
      <c r="RJX677" s="613"/>
      <c r="RJY677" s="613"/>
      <c r="RJZ677" s="613"/>
      <c r="RKA677" s="613"/>
      <c r="RKB677" s="613"/>
      <c r="RKC677" s="613"/>
      <c r="RKD677" s="613"/>
      <c r="RKE677" s="613"/>
      <c r="RKF677" s="613"/>
      <c r="RKG677" s="613"/>
      <c r="RKH677" s="613"/>
      <c r="RKI677" s="613"/>
      <c r="RKJ677" s="613"/>
      <c r="RKK677" s="613"/>
      <c r="RKL677" s="613"/>
      <c r="RKM677" s="613"/>
      <c r="RKN677" s="613"/>
      <c r="RKO677" s="613"/>
      <c r="RKP677" s="613"/>
      <c r="RKQ677" s="613"/>
      <c r="RKR677" s="613"/>
      <c r="RKS677" s="613"/>
      <c r="RKT677" s="613"/>
      <c r="RKU677" s="613"/>
      <c r="RKV677" s="613"/>
      <c r="RKW677" s="613"/>
      <c r="RKX677" s="613"/>
      <c r="RKY677" s="613"/>
      <c r="RKZ677" s="613"/>
      <c r="RLA677" s="613"/>
      <c r="RLB677" s="613"/>
      <c r="RLC677" s="613"/>
      <c r="RLD677" s="613"/>
      <c r="RLE677" s="613"/>
      <c r="RLF677" s="613"/>
      <c r="RLG677" s="613"/>
      <c r="RLH677" s="613"/>
      <c r="RLI677" s="613"/>
      <c r="RLJ677" s="613"/>
      <c r="RLK677" s="613"/>
      <c r="RLL677" s="613"/>
      <c r="RLM677" s="613"/>
      <c r="RLN677" s="613"/>
      <c r="RLO677" s="613"/>
      <c r="RLP677" s="613"/>
      <c r="RLQ677" s="613"/>
      <c r="RLR677" s="613"/>
      <c r="RLS677" s="613"/>
      <c r="RLT677" s="613"/>
      <c r="RLU677" s="613"/>
      <c r="RLV677" s="613"/>
      <c r="RLW677" s="613"/>
      <c r="RLX677" s="613"/>
      <c r="RLY677" s="613"/>
      <c r="RLZ677" s="613"/>
      <c r="RMA677" s="613"/>
      <c r="RMB677" s="613"/>
      <c r="RMC677" s="613"/>
      <c r="RMD677" s="613"/>
      <c r="RME677" s="613"/>
      <c r="RMF677" s="613"/>
      <c r="RMG677" s="613"/>
      <c r="RMH677" s="613"/>
      <c r="RMI677" s="613"/>
      <c r="RMJ677" s="613"/>
      <c r="RMK677" s="613"/>
      <c r="RML677" s="613"/>
      <c r="RMM677" s="613"/>
      <c r="RMN677" s="613"/>
      <c r="RMO677" s="613"/>
      <c r="RMP677" s="613"/>
      <c r="RMQ677" s="613"/>
      <c r="RMR677" s="613"/>
      <c r="RMS677" s="613"/>
      <c r="RMT677" s="613"/>
      <c r="RMU677" s="613"/>
      <c r="RMV677" s="613"/>
      <c r="RMW677" s="613"/>
      <c r="RMX677" s="613"/>
      <c r="RMY677" s="613"/>
      <c r="RMZ677" s="613"/>
      <c r="RNA677" s="613"/>
      <c r="RNB677" s="613"/>
      <c r="RNC677" s="613"/>
      <c r="RND677" s="613"/>
      <c r="RNE677" s="613"/>
      <c r="RNF677" s="613"/>
      <c r="RNG677" s="613"/>
      <c r="RNH677" s="613"/>
      <c r="RNI677" s="613"/>
      <c r="RNJ677" s="613"/>
      <c r="RNK677" s="613"/>
      <c r="RNL677" s="613"/>
      <c r="RNM677" s="613"/>
      <c r="RNN677" s="613"/>
      <c r="RNO677" s="613"/>
      <c r="RNP677" s="613"/>
      <c r="RNQ677" s="613"/>
      <c r="RNR677" s="613"/>
      <c r="RNS677" s="613"/>
      <c r="RNT677" s="613"/>
      <c r="RNU677" s="613"/>
      <c r="RNV677" s="613"/>
      <c r="RNW677" s="613"/>
      <c r="RNX677" s="613"/>
      <c r="RNY677" s="613"/>
      <c r="RNZ677" s="613"/>
      <c r="ROA677" s="613"/>
      <c r="ROB677" s="613"/>
      <c r="ROC677" s="613"/>
      <c r="ROD677" s="613"/>
      <c r="ROE677" s="613"/>
      <c r="ROF677" s="613"/>
      <c r="ROG677" s="613"/>
      <c r="ROH677" s="613"/>
      <c r="ROI677" s="613"/>
      <c r="ROJ677" s="613"/>
      <c r="ROK677" s="613"/>
      <c r="ROL677" s="613"/>
      <c r="ROM677" s="613"/>
      <c r="RON677" s="613"/>
      <c r="ROO677" s="613"/>
      <c r="ROP677" s="613"/>
      <c r="ROQ677" s="613"/>
      <c r="ROR677" s="613"/>
      <c r="ROS677" s="613"/>
      <c r="ROT677" s="613"/>
      <c r="ROU677" s="613"/>
      <c r="ROV677" s="613"/>
      <c r="ROW677" s="613"/>
      <c r="ROX677" s="613"/>
      <c r="ROY677" s="613"/>
      <c r="ROZ677" s="613"/>
      <c r="RPA677" s="613"/>
      <c r="RPB677" s="613"/>
      <c r="RPC677" s="613"/>
      <c r="RPD677" s="613"/>
      <c r="RPE677" s="613"/>
      <c r="RPF677" s="613"/>
      <c r="RPG677" s="613"/>
      <c r="RPH677" s="613"/>
      <c r="RPI677" s="613"/>
      <c r="RPJ677" s="613"/>
      <c r="RPK677" s="613"/>
      <c r="RPL677" s="613"/>
      <c r="RPM677" s="613"/>
      <c r="RPN677" s="613"/>
      <c r="RPO677" s="613"/>
      <c r="RPP677" s="613"/>
      <c r="RPQ677" s="613"/>
      <c r="RPR677" s="613"/>
      <c r="RPS677" s="613"/>
      <c r="RPT677" s="613"/>
      <c r="RPU677" s="613"/>
      <c r="RPV677" s="613"/>
      <c r="RPW677" s="613"/>
      <c r="RPX677" s="613"/>
      <c r="RPY677" s="613"/>
      <c r="RPZ677" s="613"/>
      <c r="RQA677" s="613"/>
      <c r="RQB677" s="613"/>
      <c r="RQC677" s="613"/>
      <c r="RQD677" s="613"/>
      <c r="RQE677" s="613"/>
      <c r="RQF677" s="613"/>
      <c r="RQG677" s="613"/>
      <c r="RQH677" s="613"/>
      <c r="RQI677" s="613"/>
      <c r="RQJ677" s="613"/>
      <c r="RQK677" s="613"/>
      <c r="RQL677" s="613"/>
      <c r="RQM677" s="613"/>
      <c r="RQN677" s="613"/>
      <c r="RQO677" s="613"/>
      <c r="RQP677" s="613"/>
      <c r="RQQ677" s="613"/>
      <c r="RQR677" s="613"/>
      <c r="RQS677" s="613"/>
      <c r="RQT677" s="613"/>
      <c r="RQU677" s="613"/>
      <c r="RQV677" s="613"/>
      <c r="RQW677" s="613"/>
      <c r="RQX677" s="613"/>
      <c r="RQY677" s="613"/>
      <c r="RQZ677" s="613"/>
      <c r="RRA677" s="613"/>
      <c r="RRB677" s="613"/>
      <c r="RRC677" s="613"/>
      <c r="RRD677" s="613"/>
      <c r="RRE677" s="613"/>
      <c r="RRF677" s="613"/>
      <c r="RRG677" s="613"/>
      <c r="RRH677" s="613"/>
      <c r="RRI677" s="613"/>
      <c r="RRJ677" s="613"/>
      <c r="RRK677" s="613"/>
      <c r="RRL677" s="613"/>
      <c r="RRM677" s="613"/>
      <c r="RRN677" s="613"/>
      <c r="RRO677" s="613"/>
      <c r="RRP677" s="613"/>
      <c r="RRQ677" s="613"/>
      <c r="RRR677" s="613"/>
      <c r="RRS677" s="613"/>
      <c r="RRT677" s="613"/>
      <c r="RRU677" s="613"/>
      <c r="RRV677" s="613"/>
      <c r="RRW677" s="613"/>
      <c r="RRX677" s="613"/>
      <c r="RRY677" s="613"/>
      <c r="RRZ677" s="613"/>
      <c r="RSA677" s="613"/>
      <c r="RSB677" s="613"/>
      <c r="RSC677" s="613"/>
      <c r="RSD677" s="613"/>
      <c r="RSE677" s="613"/>
      <c r="RSF677" s="613"/>
      <c r="RSG677" s="613"/>
      <c r="RSH677" s="613"/>
      <c r="RSI677" s="613"/>
      <c r="RSJ677" s="613"/>
      <c r="RSK677" s="613"/>
      <c r="RSL677" s="613"/>
      <c r="RSM677" s="613"/>
      <c r="RSN677" s="613"/>
      <c r="RSO677" s="613"/>
      <c r="RSP677" s="613"/>
      <c r="RSQ677" s="613"/>
      <c r="RSR677" s="613"/>
      <c r="RSS677" s="613"/>
      <c r="RST677" s="613"/>
      <c r="RSU677" s="613"/>
      <c r="RSV677" s="613"/>
      <c r="RSW677" s="613"/>
      <c r="RSX677" s="613"/>
      <c r="RSY677" s="613"/>
      <c r="RSZ677" s="613"/>
      <c r="RTA677" s="613"/>
      <c r="RTB677" s="613"/>
      <c r="RTC677" s="613"/>
      <c r="RTD677" s="613"/>
      <c r="RTE677" s="613"/>
      <c r="RTF677" s="613"/>
      <c r="RTG677" s="613"/>
      <c r="RTH677" s="613"/>
      <c r="RTI677" s="613"/>
      <c r="RTJ677" s="613"/>
      <c r="RTK677" s="613"/>
      <c r="RTL677" s="613"/>
      <c r="RTM677" s="613"/>
      <c r="RTN677" s="613"/>
      <c r="RTO677" s="613"/>
      <c r="RTP677" s="613"/>
      <c r="RTQ677" s="613"/>
      <c r="RTR677" s="613"/>
      <c r="RTS677" s="613"/>
      <c r="RTT677" s="613"/>
      <c r="RTU677" s="613"/>
      <c r="RTV677" s="613"/>
      <c r="RTW677" s="613"/>
      <c r="RTX677" s="613"/>
      <c r="RTY677" s="613"/>
      <c r="RTZ677" s="613"/>
      <c r="RUA677" s="613"/>
      <c r="RUB677" s="613"/>
      <c r="RUC677" s="613"/>
      <c r="RUD677" s="613"/>
      <c r="RUE677" s="613"/>
      <c r="RUF677" s="613"/>
      <c r="RUG677" s="613"/>
      <c r="RUH677" s="613"/>
      <c r="RUI677" s="613"/>
      <c r="RUJ677" s="613"/>
      <c r="RUK677" s="613"/>
      <c r="RUL677" s="613"/>
      <c r="RUM677" s="613"/>
      <c r="RUN677" s="613"/>
      <c r="RUO677" s="613"/>
      <c r="RUP677" s="613"/>
      <c r="RUQ677" s="613"/>
      <c r="RUR677" s="613"/>
      <c r="RUS677" s="613"/>
      <c r="RUT677" s="613"/>
      <c r="RUU677" s="613"/>
      <c r="RUV677" s="613"/>
      <c r="RUW677" s="613"/>
      <c r="RUX677" s="613"/>
      <c r="RUY677" s="613"/>
      <c r="RUZ677" s="613"/>
      <c r="RVA677" s="613"/>
      <c r="RVB677" s="613"/>
      <c r="RVC677" s="613"/>
      <c r="RVD677" s="613"/>
      <c r="RVE677" s="613"/>
      <c r="RVF677" s="613"/>
      <c r="RVG677" s="613"/>
      <c r="RVH677" s="613"/>
      <c r="RVI677" s="613"/>
      <c r="RVJ677" s="613"/>
      <c r="RVK677" s="613"/>
      <c r="RVL677" s="613"/>
      <c r="RVM677" s="613"/>
      <c r="RVN677" s="613"/>
      <c r="RVO677" s="613"/>
      <c r="RVP677" s="613"/>
      <c r="RVQ677" s="613"/>
      <c r="RVR677" s="613"/>
      <c r="RVS677" s="613"/>
      <c r="RVT677" s="613"/>
      <c r="RVU677" s="613"/>
      <c r="RVV677" s="613"/>
      <c r="RVW677" s="613"/>
      <c r="RVX677" s="613"/>
      <c r="RVY677" s="613"/>
      <c r="RVZ677" s="613"/>
      <c r="RWA677" s="613"/>
      <c r="RWB677" s="613"/>
      <c r="RWC677" s="613"/>
      <c r="RWD677" s="613"/>
      <c r="RWE677" s="613"/>
      <c r="RWF677" s="613"/>
      <c r="RWG677" s="613"/>
      <c r="RWH677" s="613"/>
      <c r="RWI677" s="613"/>
      <c r="RWJ677" s="613"/>
      <c r="RWK677" s="613"/>
      <c r="RWL677" s="613"/>
      <c r="RWM677" s="613"/>
      <c r="RWN677" s="613"/>
      <c r="RWO677" s="613"/>
      <c r="RWP677" s="613"/>
      <c r="RWQ677" s="613"/>
      <c r="RWR677" s="613"/>
      <c r="RWS677" s="613"/>
      <c r="RWT677" s="613"/>
      <c r="RWU677" s="613"/>
      <c r="RWV677" s="613"/>
      <c r="RWW677" s="613"/>
      <c r="RWX677" s="613"/>
      <c r="RWY677" s="613"/>
      <c r="RWZ677" s="613"/>
      <c r="RXA677" s="613"/>
      <c r="RXB677" s="613"/>
      <c r="RXC677" s="613"/>
      <c r="RXD677" s="613"/>
      <c r="RXE677" s="613"/>
      <c r="RXF677" s="613"/>
      <c r="RXG677" s="613"/>
      <c r="RXH677" s="613"/>
      <c r="RXI677" s="613"/>
      <c r="RXJ677" s="613"/>
      <c r="RXK677" s="613"/>
      <c r="RXL677" s="613"/>
      <c r="RXM677" s="613"/>
      <c r="RXN677" s="613"/>
      <c r="RXO677" s="613"/>
      <c r="RXP677" s="613"/>
      <c r="RXQ677" s="613"/>
      <c r="RXR677" s="613"/>
      <c r="RXS677" s="613"/>
      <c r="RXT677" s="613"/>
      <c r="RXU677" s="613"/>
      <c r="RXV677" s="613"/>
      <c r="RXW677" s="613"/>
      <c r="RXX677" s="613"/>
      <c r="RXY677" s="613"/>
      <c r="RXZ677" s="613"/>
      <c r="RYA677" s="613"/>
      <c r="RYB677" s="613"/>
      <c r="RYC677" s="613"/>
      <c r="RYD677" s="613"/>
      <c r="RYE677" s="613"/>
      <c r="RYF677" s="613"/>
      <c r="RYG677" s="613"/>
      <c r="RYH677" s="613"/>
      <c r="RYI677" s="613"/>
      <c r="RYJ677" s="613"/>
      <c r="RYK677" s="613"/>
      <c r="RYL677" s="613"/>
      <c r="RYM677" s="613"/>
      <c r="RYN677" s="613"/>
      <c r="RYO677" s="613"/>
      <c r="RYP677" s="613"/>
      <c r="RYQ677" s="613"/>
      <c r="RYR677" s="613"/>
      <c r="RYS677" s="613"/>
      <c r="RYT677" s="613"/>
      <c r="RYU677" s="613"/>
      <c r="RYV677" s="613"/>
      <c r="RYW677" s="613"/>
      <c r="RYX677" s="613"/>
      <c r="RYY677" s="613"/>
      <c r="RYZ677" s="613"/>
      <c r="RZA677" s="613"/>
      <c r="RZB677" s="613"/>
      <c r="RZC677" s="613"/>
      <c r="RZD677" s="613"/>
      <c r="RZE677" s="613"/>
      <c r="RZF677" s="613"/>
      <c r="RZG677" s="613"/>
      <c r="RZH677" s="613"/>
      <c r="RZI677" s="613"/>
      <c r="RZJ677" s="613"/>
      <c r="RZK677" s="613"/>
      <c r="RZL677" s="613"/>
      <c r="RZM677" s="613"/>
      <c r="RZN677" s="613"/>
      <c r="RZO677" s="613"/>
      <c r="RZP677" s="613"/>
      <c r="RZQ677" s="613"/>
      <c r="RZR677" s="613"/>
      <c r="RZS677" s="613"/>
      <c r="RZT677" s="613"/>
      <c r="RZU677" s="613"/>
      <c r="RZV677" s="613"/>
      <c r="RZW677" s="613"/>
      <c r="RZX677" s="613"/>
      <c r="RZY677" s="613"/>
      <c r="RZZ677" s="613"/>
      <c r="SAA677" s="613"/>
      <c r="SAB677" s="613"/>
      <c r="SAC677" s="613"/>
      <c r="SAD677" s="613"/>
      <c r="SAE677" s="613"/>
      <c r="SAF677" s="613"/>
      <c r="SAG677" s="613"/>
      <c r="SAH677" s="613"/>
      <c r="SAI677" s="613"/>
      <c r="SAJ677" s="613"/>
      <c r="SAK677" s="613"/>
      <c r="SAL677" s="613"/>
      <c r="SAM677" s="613"/>
      <c r="SAN677" s="613"/>
      <c r="SAO677" s="613"/>
      <c r="SAP677" s="613"/>
      <c r="SAQ677" s="613"/>
      <c r="SAR677" s="613"/>
      <c r="SAS677" s="613"/>
      <c r="SAT677" s="613"/>
      <c r="SAU677" s="613"/>
      <c r="SAV677" s="613"/>
      <c r="SAW677" s="613"/>
      <c r="SAX677" s="613"/>
      <c r="SAY677" s="613"/>
      <c r="SAZ677" s="613"/>
      <c r="SBA677" s="613"/>
      <c r="SBB677" s="613"/>
      <c r="SBC677" s="613"/>
      <c r="SBD677" s="613"/>
      <c r="SBE677" s="613"/>
      <c r="SBF677" s="613"/>
      <c r="SBG677" s="613"/>
      <c r="SBH677" s="613"/>
      <c r="SBI677" s="613"/>
      <c r="SBJ677" s="613"/>
      <c r="SBK677" s="613"/>
      <c r="SBL677" s="613"/>
      <c r="SBM677" s="613"/>
      <c r="SBN677" s="613"/>
      <c r="SBO677" s="613"/>
      <c r="SBP677" s="613"/>
      <c r="SBQ677" s="613"/>
      <c r="SBR677" s="613"/>
      <c r="SBS677" s="613"/>
      <c r="SBT677" s="613"/>
      <c r="SBU677" s="613"/>
      <c r="SBV677" s="613"/>
      <c r="SBW677" s="613"/>
      <c r="SBX677" s="613"/>
      <c r="SBY677" s="613"/>
      <c r="SBZ677" s="613"/>
      <c r="SCA677" s="613"/>
      <c r="SCB677" s="613"/>
      <c r="SCC677" s="613"/>
      <c r="SCD677" s="613"/>
      <c r="SCE677" s="613"/>
      <c r="SCF677" s="613"/>
      <c r="SCG677" s="613"/>
      <c r="SCH677" s="613"/>
      <c r="SCI677" s="613"/>
      <c r="SCJ677" s="613"/>
      <c r="SCK677" s="613"/>
      <c r="SCL677" s="613"/>
      <c r="SCM677" s="613"/>
      <c r="SCN677" s="613"/>
      <c r="SCO677" s="613"/>
      <c r="SCP677" s="613"/>
      <c r="SCQ677" s="613"/>
      <c r="SCR677" s="613"/>
      <c r="SCS677" s="613"/>
      <c r="SCT677" s="613"/>
      <c r="SCU677" s="613"/>
      <c r="SCV677" s="613"/>
      <c r="SCW677" s="613"/>
      <c r="SCX677" s="613"/>
      <c r="SCY677" s="613"/>
      <c r="SCZ677" s="613"/>
      <c r="SDA677" s="613"/>
      <c r="SDB677" s="613"/>
      <c r="SDC677" s="613"/>
      <c r="SDD677" s="613"/>
      <c r="SDE677" s="613"/>
      <c r="SDF677" s="613"/>
      <c r="SDG677" s="613"/>
      <c r="SDH677" s="613"/>
      <c r="SDI677" s="613"/>
      <c r="SDJ677" s="613"/>
      <c r="SDK677" s="613"/>
      <c r="SDL677" s="613"/>
      <c r="SDM677" s="613"/>
      <c r="SDN677" s="613"/>
      <c r="SDO677" s="613"/>
      <c r="SDP677" s="613"/>
      <c r="SDQ677" s="613"/>
      <c r="SDR677" s="613"/>
      <c r="SDS677" s="613"/>
      <c r="SDT677" s="613"/>
      <c r="SDU677" s="613"/>
      <c r="SDV677" s="613"/>
      <c r="SDW677" s="613"/>
      <c r="SDX677" s="613"/>
      <c r="SDY677" s="613"/>
      <c r="SDZ677" s="613"/>
      <c r="SEA677" s="613"/>
      <c r="SEB677" s="613"/>
      <c r="SEC677" s="613"/>
      <c r="SED677" s="613"/>
      <c r="SEE677" s="613"/>
      <c r="SEF677" s="613"/>
      <c r="SEG677" s="613"/>
      <c r="SEH677" s="613"/>
      <c r="SEI677" s="613"/>
      <c r="SEJ677" s="613"/>
      <c r="SEK677" s="613"/>
      <c r="SEL677" s="613"/>
      <c r="SEM677" s="613"/>
      <c r="SEN677" s="613"/>
      <c r="SEO677" s="613"/>
      <c r="SEP677" s="613"/>
      <c r="SEQ677" s="613"/>
      <c r="SER677" s="613"/>
      <c r="SES677" s="613"/>
      <c r="SET677" s="613"/>
      <c r="SEU677" s="613"/>
      <c r="SEV677" s="613"/>
      <c r="SEW677" s="613"/>
      <c r="SEX677" s="613"/>
      <c r="SEY677" s="613"/>
      <c r="SEZ677" s="613"/>
      <c r="SFA677" s="613"/>
      <c r="SFB677" s="613"/>
      <c r="SFC677" s="613"/>
      <c r="SFD677" s="613"/>
      <c r="SFE677" s="613"/>
      <c r="SFF677" s="613"/>
      <c r="SFG677" s="613"/>
      <c r="SFH677" s="613"/>
      <c r="SFI677" s="613"/>
      <c r="SFJ677" s="613"/>
      <c r="SFK677" s="613"/>
      <c r="SFL677" s="613"/>
      <c r="SFM677" s="613"/>
      <c r="SFN677" s="613"/>
      <c r="SFO677" s="613"/>
      <c r="SFP677" s="613"/>
      <c r="SFQ677" s="613"/>
      <c r="SFR677" s="613"/>
      <c r="SFS677" s="613"/>
      <c r="SFT677" s="613"/>
      <c r="SFU677" s="613"/>
      <c r="SFV677" s="613"/>
      <c r="SFW677" s="613"/>
      <c r="SFX677" s="613"/>
      <c r="SFY677" s="613"/>
      <c r="SFZ677" s="613"/>
      <c r="SGA677" s="613"/>
      <c r="SGB677" s="613"/>
      <c r="SGC677" s="613"/>
      <c r="SGD677" s="613"/>
      <c r="SGE677" s="613"/>
      <c r="SGF677" s="613"/>
      <c r="SGG677" s="613"/>
      <c r="SGH677" s="613"/>
      <c r="SGI677" s="613"/>
      <c r="SGJ677" s="613"/>
      <c r="SGK677" s="613"/>
      <c r="SGL677" s="613"/>
      <c r="SGM677" s="613"/>
      <c r="SGN677" s="613"/>
      <c r="SGO677" s="613"/>
      <c r="SGP677" s="613"/>
      <c r="SGQ677" s="613"/>
      <c r="SGR677" s="613"/>
      <c r="SGS677" s="613"/>
      <c r="SGT677" s="613"/>
      <c r="SGU677" s="613"/>
      <c r="SGV677" s="613"/>
      <c r="SGW677" s="613"/>
      <c r="SGX677" s="613"/>
      <c r="SGY677" s="613"/>
      <c r="SGZ677" s="613"/>
      <c r="SHA677" s="613"/>
      <c r="SHB677" s="613"/>
      <c r="SHC677" s="613"/>
      <c r="SHD677" s="613"/>
      <c r="SHE677" s="613"/>
      <c r="SHF677" s="613"/>
      <c r="SHG677" s="613"/>
      <c r="SHH677" s="613"/>
      <c r="SHI677" s="613"/>
      <c r="SHJ677" s="613"/>
      <c r="SHK677" s="613"/>
      <c r="SHL677" s="613"/>
      <c r="SHM677" s="613"/>
      <c r="SHN677" s="613"/>
      <c r="SHO677" s="613"/>
      <c r="SHP677" s="613"/>
      <c r="SHQ677" s="613"/>
      <c r="SHR677" s="613"/>
      <c r="SHS677" s="613"/>
      <c r="SHT677" s="613"/>
      <c r="SHU677" s="613"/>
      <c r="SHV677" s="613"/>
      <c r="SHW677" s="613"/>
      <c r="SHX677" s="613"/>
      <c r="SHY677" s="613"/>
      <c r="SHZ677" s="613"/>
      <c r="SIA677" s="613"/>
      <c r="SIB677" s="613"/>
      <c r="SIC677" s="613"/>
      <c r="SID677" s="613"/>
      <c r="SIE677" s="613"/>
      <c r="SIF677" s="613"/>
      <c r="SIG677" s="613"/>
      <c r="SIH677" s="613"/>
      <c r="SII677" s="613"/>
      <c r="SIJ677" s="613"/>
      <c r="SIK677" s="613"/>
      <c r="SIL677" s="613"/>
      <c r="SIM677" s="613"/>
      <c r="SIN677" s="613"/>
      <c r="SIO677" s="613"/>
      <c r="SIP677" s="613"/>
      <c r="SIQ677" s="613"/>
      <c r="SIR677" s="613"/>
      <c r="SIS677" s="613"/>
      <c r="SIT677" s="613"/>
      <c r="SIU677" s="613"/>
      <c r="SIV677" s="613"/>
      <c r="SIW677" s="613"/>
      <c r="SIX677" s="613"/>
      <c r="SIY677" s="613"/>
      <c r="SIZ677" s="613"/>
      <c r="SJA677" s="613"/>
      <c r="SJB677" s="613"/>
      <c r="SJC677" s="613"/>
      <c r="SJD677" s="613"/>
      <c r="SJE677" s="613"/>
      <c r="SJF677" s="613"/>
      <c r="SJG677" s="613"/>
      <c r="SJH677" s="613"/>
      <c r="SJI677" s="613"/>
      <c r="SJJ677" s="613"/>
      <c r="SJK677" s="613"/>
      <c r="SJL677" s="613"/>
      <c r="SJM677" s="613"/>
      <c r="SJN677" s="613"/>
      <c r="SJO677" s="613"/>
      <c r="SJP677" s="613"/>
      <c r="SJQ677" s="613"/>
      <c r="SJR677" s="613"/>
      <c r="SJS677" s="613"/>
      <c r="SJT677" s="613"/>
      <c r="SJU677" s="613"/>
      <c r="SJV677" s="613"/>
      <c r="SJW677" s="613"/>
      <c r="SJX677" s="613"/>
      <c r="SJY677" s="613"/>
      <c r="SJZ677" s="613"/>
      <c r="SKA677" s="613"/>
      <c r="SKB677" s="613"/>
      <c r="SKC677" s="613"/>
      <c r="SKD677" s="613"/>
      <c r="SKE677" s="613"/>
      <c r="SKF677" s="613"/>
      <c r="SKG677" s="613"/>
      <c r="SKH677" s="613"/>
      <c r="SKI677" s="613"/>
      <c r="SKJ677" s="613"/>
      <c r="SKK677" s="613"/>
      <c r="SKL677" s="613"/>
      <c r="SKM677" s="613"/>
      <c r="SKN677" s="613"/>
      <c r="SKO677" s="613"/>
      <c r="SKP677" s="613"/>
      <c r="SKQ677" s="613"/>
      <c r="SKR677" s="613"/>
      <c r="SKS677" s="613"/>
      <c r="SKT677" s="613"/>
      <c r="SKU677" s="613"/>
      <c r="SKV677" s="613"/>
      <c r="SKW677" s="613"/>
      <c r="SKX677" s="613"/>
      <c r="SKY677" s="613"/>
      <c r="SKZ677" s="613"/>
      <c r="SLA677" s="613"/>
      <c r="SLB677" s="613"/>
      <c r="SLC677" s="613"/>
      <c r="SLD677" s="613"/>
      <c r="SLE677" s="613"/>
      <c r="SLF677" s="613"/>
      <c r="SLG677" s="613"/>
      <c r="SLH677" s="613"/>
      <c r="SLI677" s="613"/>
      <c r="SLJ677" s="613"/>
      <c r="SLK677" s="613"/>
      <c r="SLL677" s="613"/>
      <c r="SLM677" s="613"/>
      <c r="SLN677" s="613"/>
      <c r="SLO677" s="613"/>
      <c r="SLP677" s="613"/>
      <c r="SLQ677" s="613"/>
      <c r="SLR677" s="613"/>
      <c r="SLS677" s="613"/>
      <c r="SLT677" s="613"/>
      <c r="SLU677" s="613"/>
      <c r="SLV677" s="613"/>
      <c r="SLW677" s="613"/>
      <c r="SLX677" s="613"/>
      <c r="SLY677" s="613"/>
      <c r="SLZ677" s="613"/>
      <c r="SMA677" s="613"/>
      <c r="SMB677" s="613"/>
      <c r="SMC677" s="613"/>
      <c r="SMD677" s="613"/>
      <c r="SME677" s="613"/>
      <c r="SMF677" s="613"/>
      <c r="SMG677" s="613"/>
      <c r="SMH677" s="613"/>
      <c r="SMI677" s="613"/>
      <c r="SMJ677" s="613"/>
      <c r="SMK677" s="613"/>
      <c r="SML677" s="613"/>
      <c r="SMM677" s="613"/>
      <c r="SMN677" s="613"/>
      <c r="SMO677" s="613"/>
      <c r="SMP677" s="613"/>
      <c r="SMQ677" s="613"/>
      <c r="SMR677" s="613"/>
      <c r="SMS677" s="613"/>
      <c r="SMT677" s="613"/>
      <c r="SMU677" s="613"/>
      <c r="SMV677" s="613"/>
      <c r="SMW677" s="613"/>
      <c r="SMX677" s="613"/>
      <c r="SMY677" s="613"/>
      <c r="SMZ677" s="613"/>
      <c r="SNA677" s="613"/>
      <c r="SNB677" s="613"/>
      <c r="SNC677" s="613"/>
      <c r="SND677" s="613"/>
      <c r="SNE677" s="613"/>
      <c r="SNF677" s="613"/>
      <c r="SNG677" s="613"/>
      <c r="SNH677" s="613"/>
      <c r="SNI677" s="613"/>
      <c r="SNJ677" s="613"/>
      <c r="SNK677" s="613"/>
      <c r="SNL677" s="613"/>
      <c r="SNM677" s="613"/>
      <c r="SNN677" s="613"/>
      <c r="SNO677" s="613"/>
      <c r="SNP677" s="613"/>
      <c r="SNQ677" s="613"/>
      <c r="SNR677" s="613"/>
      <c r="SNS677" s="613"/>
      <c r="SNT677" s="613"/>
      <c r="SNU677" s="613"/>
      <c r="SNV677" s="613"/>
      <c r="SNW677" s="613"/>
      <c r="SNX677" s="613"/>
      <c r="SNY677" s="613"/>
      <c r="SNZ677" s="613"/>
      <c r="SOA677" s="613"/>
      <c r="SOB677" s="613"/>
      <c r="SOC677" s="613"/>
      <c r="SOD677" s="613"/>
      <c r="SOE677" s="613"/>
      <c r="SOF677" s="613"/>
      <c r="SOG677" s="613"/>
      <c r="SOH677" s="613"/>
      <c r="SOI677" s="613"/>
      <c r="SOJ677" s="613"/>
      <c r="SOK677" s="613"/>
      <c r="SOL677" s="613"/>
      <c r="SOM677" s="613"/>
      <c r="SON677" s="613"/>
      <c r="SOO677" s="613"/>
      <c r="SOP677" s="613"/>
      <c r="SOQ677" s="613"/>
      <c r="SOR677" s="613"/>
      <c r="SOS677" s="613"/>
      <c r="SOT677" s="613"/>
      <c r="SOU677" s="613"/>
      <c r="SOV677" s="613"/>
      <c r="SOW677" s="613"/>
      <c r="SOX677" s="613"/>
      <c r="SOY677" s="613"/>
      <c r="SOZ677" s="613"/>
      <c r="SPA677" s="613"/>
      <c r="SPB677" s="613"/>
      <c r="SPC677" s="613"/>
      <c r="SPD677" s="613"/>
      <c r="SPE677" s="613"/>
      <c r="SPF677" s="613"/>
      <c r="SPG677" s="613"/>
      <c r="SPH677" s="613"/>
      <c r="SPI677" s="613"/>
      <c r="SPJ677" s="613"/>
      <c r="SPK677" s="613"/>
      <c r="SPL677" s="613"/>
      <c r="SPM677" s="613"/>
      <c r="SPN677" s="613"/>
      <c r="SPO677" s="613"/>
      <c r="SPP677" s="613"/>
      <c r="SPQ677" s="613"/>
      <c r="SPR677" s="613"/>
      <c r="SPS677" s="613"/>
      <c r="SPT677" s="613"/>
      <c r="SPU677" s="613"/>
      <c r="SPV677" s="613"/>
      <c r="SPW677" s="613"/>
      <c r="SPX677" s="613"/>
      <c r="SPY677" s="613"/>
      <c r="SPZ677" s="613"/>
      <c r="SQA677" s="613"/>
      <c r="SQB677" s="613"/>
      <c r="SQC677" s="613"/>
      <c r="SQD677" s="613"/>
      <c r="SQE677" s="613"/>
      <c r="SQF677" s="613"/>
      <c r="SQG677" s="613"/>
      <c r="SQH677" s="613"/>
      <c r="SQI677" s="613"/>
      <c r="SQJ677" s="613"/>
      <c r="SQK677" s="613"/>
      <c r="SQL677" s="613"/>
      <c r="SQM677" s="613"/>
      <c r="SQN677" s="613"/>
      <c r="SQO677" s="613"/>
      <c r="SQP677" s="613"/>
      <c r="SQQ677" s="613"/>
      <c r="SQR677" s="613"/>
      <c r="SQS677" s="613"/>
      <c r="SQT677" s="613"/>
      <c r="SQU677" s="613"/>
      <c r="SQV677" s="613"/>
      <c r="SQW677" s="613"/>
      <c r="SQX677" s="613"/>
      <c r="SQY677" s="613"/>
      <c r="SQZ677" s="613"/>
      <c r="SRA677" s="613"/>
      <c r="SRB677" s="613"/>
      <c r="SRC677" s="613"/>
      <c r="SRD677" s="613"/>
      <c r="SRE677" s="613"/>
      <c r="SRF677" s="613"/>
      <c r="SRG677" s="613"/>
      <c r="SRH677" s="613"/>
      <c r="SRI677" s="613"/>
      <c r="SRJ677" s="613"/>
      <c r="SRK677" s="613"/>
      <c r="SRL677" s="613"/>
      <c r="SRM677" s="613"/>
      <c r="SRN677" s="613"/>
      <c r="SRO677" s="613"/>
      <c r="SRP677" s="613"/>
      <c r="SRQ677" s="613"/>
      <c r="SRR677" s="613"/>
      <c r="SRS677" s="613"/>
      <c r="SRT677" s="613"/>
      <c r="SRU677" s="613"/>
      <c r="SRV677" s="613"/>
      <c r="SRW677" s="613"/>
      <c r="SRX677" s="613"/>
      <c r="SRY677" s="613"/>
      <c r="SRZ677" s="613"/>
      <c r="SSA677" s="613"/>
      <c r="SSB677" s="613"/>
      <c r="SSC677" s="613"/>
      <c r="SSD677" s="613"/>
      <c r="SSE677" s="613"/>
      <c r="SSF677" s="613"/>
      <c r="SSG677" s="613"/>
      <c r="SSH677" s="613"/>
      <c r="SSI677" s="613"/>
      <c r="SSJ677" s="613"/>
      <c r="SSK677" s="613"/>
      <c r="SSL677" s="613"/>
      <c r="SSM677" s="613"/>
      <c r="SSN677" s="613"/>
      <c r="SSO677" s="613"/>
      <c r="SSP677" s="613"/>
      <c r="SSQ677" s="613"/>
      <c r="SSR677" s="613"/>
      <c r="SSS677" s="613"/>
      <c r="SST677" s="613"/>
      <c r="SSU677" s="613"/>
      <c r="SSV677" s="613"/>
      <c r="SSW677" s="613"/>
      <c r="SSX677" s="613"/>
      <c r="SSY677" s="613"/>
      <c r="SSZ677" s="613"/>
      <c r="STA677" s="613"/>
      <c r="STB677" s="613"/>
      <c r="STC677" s="613"/>
      <c r="STD677" s="613"/>
      <c r="STE677" s="613"/>
      <c r="STF677" s="613"/>
      <c r="STG677" s="613"/>
      <c r="STH677" s="613"/>
      <c r="STI677" s="613"/>
      <c r="STJ677" s="613"/>
      <c r="STK677" s="613"/>
      <c r="STL677" s="613"/>
      <c r="STM677" s="613"/>
      <c r="STN677" s="613"/>
      <c r="STO677" s="613"/>
      <c r="STP677" s="613"/>
      <c r="STQ677" s="613"/>
      <c r="STR677" s="613"/>
      <c r="STS677" s="613"/>
      <c r="STT677" s="613"/>
      <c r="STU677" s="613"/>
      <c r="STV677" s="613"/>
      <c r="STW677" s="613"/>
      <c r="STX677" s="613"/>
      <c r="STY677" s="613"/>
      <c r="STZ677" s="613"/>
      <c r="SUA677" s="613"/>
      <c r="SUB677" s="613"/>
      <c r="SUC677" s="613"/>
      <c r="SUD677" s="613"/>
      <c r="SUE677" s="613"/>
      <c r="SUF677" s="613"/>
      <c r="SUG677" s="613"/>
      <c r="SUH677" s="613"/>
      <c r="SUI677" s="613"/>
      <c r="SUJ677" s="613"/>
      <c r="SUK677" s="613"/>
      <c r="SUL677" s="613"/>
      <c r="SUM677" s="613"/>
      <c r="SUN677" s="613"/>
      <c r="SUO677" s="613"/>
      <c r="SUP677" s="613"/>
      <c r="SUQ677" s="613"/>
      <c r="SUR677" s="613"/>
      <c r="SUS677" s="613"/>
      <c r="SUT677" s="613"/>
      <c r="SUU677" s="613"/>
      <c r="SUV677" s="613"/>
      <c r="SUW677" s="613"/>
      <c r="SUX677" s="613"/>
      <c r="SUY677" s="613"/>
      <c r="SUZ677" s="613"/>
      <c r="SVA677" s="613"/>
      <c r="SVB677" s="613"/>
      <c r="SVC677" s="613"/>
      <c r="SVD677" s="613"/>
      <c r="SVE677" s="613"/>
      <c r="SVF677" s="613"/>
      <c r="SVG677" s="613"/>
      <c r="SVH677" s="613"/>
      <c r="SVI677" s="613"/>
      <c r="SVJ677" s="613"/>
      <c r="SVK677" s="613"/>
      <c r="SVL677" s="613"/>
      <c r="SVM677" s="613"/>
      <c r="SVN677" s="613"/>
      <c r="SVO677" s="613"/>
      <c r="SVP677" s="613"/>
      <c r="SVQ677" s="613"/>
      <c r="SVR677" s="613"/>
      <c r="SVS677" s="613"/>
      <c r="SVT677" s="613"/>
      <c r="SVU677" s="613"/>
      <c r="SVV677" s="613"/>
      <c r="SVW677" s="613"/>
      <c r="SVX677" s="613"/>
      <c r="SVY677" s="613"/>
      <c r="SVZ677" s="613"/>
      <c r="SWA677" s="613"/>
      <c r="SWB677" s="613"/>
      <c r="SWC677" s="613"/>
      <c r="SWD677" s="613"/>
      <c r="SWE677" s="613"/>
      <c r="SWF677" s="613"/>
      <c r="SWG677" s="613"/>
      <c r="SWH677" s="613"/>
      <c r="SWI677" s="613"/>
      <c r="SWJ677" s="613"/>
      <c r="SWK677" s="613"/>
      <c r="SWL677" s="613"/>
      <c r="SWM677" s="613"/>
      <c r="SWN677" s="613"/>
      <c r="SWO677" s="613"/>
      <c r="SWP677" s="613"/>
      <c r="SWQ677" s="613"/>
      <c r="SWR677" s="613"/>
      <c r="SWS677" s="613"/>
      <c r="SWT677" s="613"/>
      <c r="SWU677" s="613"/>
      <c r="SWV677" s="613"/>
      <c r="SWW677" s="613"/>
      <c r="SWX677" s="613"/>
      <c r="SWY677" s="613"/>
      <c r="SWZ677" s="613"/>
      <c r="SXA677" s="613"/>
      <c r="SXB677" s="613"/>
      <c r="SXC677" s="613"/>
      <c r="SXD677" s="613"/>
      <c r="SXE677" s="613"/>
      <c r="SXF677" s="613"/>
      <c r="SXG677" s="613"/>
      <c r="SXH677" s="613"/>
      <c r="SXI677" s="613"/>
      <c r="SXJ677" s="613"/>
      <c r="SXK677" s="613"/>
      <c r="SXL677" s="613"/>
      <c r="SXM677" s="613"/>
      <c r="SXN677" s="613"/>
      <c r="SXO677" s="613"/>
      <c r="SXP677" s="613"/>
      <c r="SXQ677" s="613"/>
      <c r="SXR677" s="613"/>
      <c r="SXS677" s="613"/>
      <c r="SXT677" s="613"/>
      <c r="SXU677" s="613"/>
      <c r="SXV677" s="613"/>
      <c r="SXW677" s="613"/>
      <c r="SXX677" s="613"/>
      <c r="SXY677" s="613"/>
      <c r="SXZ677" s="613"/>
      <c r="SYA677" s="613"/>
      <c r="SYB677" s="613"/>
      <c r="SYC677" s="613"/>
      <c r="SYD677" s="613"/>
      <c r="SYE677" s="613"/>
      <c r="SYF677" s="613"/>
      <c r="SYG677" s="613"/>
      <c r="SYH677" s="613"/>
      <c r="SYI677" s="613"/>
      <c r="SYJ677" s="613"/>
      <c r="SYK677" s="613"/>
      <c r="SYL677" s="613"/>
      <c r="SYM677" s="613"/>
      <c r="SYN677" s="613"/>
      <c r="SYO677" s="613"/>
      <c r="SYP677" s="613"/>
      <c r="SYQ677" s="613"/>
      <c r="SYR677" s="613"/>
      <c r="SYS677" s="613"/>
      <c r="SYT677" s="613"/>
      <c r="SYU677" s="613"/>
      <c r="SYV677" s="613"/>
      <c r="SYW677" s="613"/>
      <c r="SYX677" s="613"/>
      <c r="SYY677" s="613"/>
      <c r="SYZ677" s="613"/>
      <c r="SZA677" s="613"/>
      <c r="SZB677" s="613"/>
      <c r="SZC677" s="613"/>
      <c r="SZD677" s="613"/>
      <c r="SZE677" s="613"/>
      <c r="SZF677" s="613"/>
      <c r="SZG677" s="613"/>
      <c r="SZH677" s="613"/>
      <c r="SZI677" s="613"/>
      <c r="SZJ677" s="613"/>
      <c r="SZK677" s="613"/>
      <c r="SZL677" s="613"/>
      <c r="SZM677" s="613"/>
      <c r="SZN677" s="613"/>
      <c r="SZO677" s="613"/>
      <c r="SZP677" s="613"/>
      <c r="SZQ677" s="613"/>
      <c r="SZR677" s="613"/>
      <c r="SZS677" s="613"/>
      <c r="SZT677" s="613"/>
      <c r="SZU677" s="613"/>
      <c r="SZV677" s="613"/>
      <c r="SZW677" s="613"/>
      <c r="SZX677" s="613"/>
      <c r="SZY677" s="613"/>
      <c r="SZZ677" s="613"/>
      <c r="TAA677" s="613"/>
      <c r="TAB677" s="613"/>
      <c r="TAC677" s="613"/>
      <c r="TAD677" s="613"/>
      <c r="TAE677" s="613"/>
      <c r="TAF677" s="613"/>
      <c r="TAG677" s="613"/>
      <c r="TAH677" s="613"/>
      <c r="TAI677" s="613"/>
      <c r="TAJ677" s="613"/>
      <c r="TAK677" s="613"/>
      <c r="TAL677" s="613"/>
      <c r="TAM677" s="613"/>
      <c r="TAN677" s="613"/>
      <c r="TAO677" s="613"/>
      <c r="TAP677" s="613"/>
      <c r="TAQ677" s="613"/>
      <c r="TAR677" s="613"/>
      <c r="TAS677" s="613"/>
      <c r="TAT677" s="613"/>
      <c r="TAU677" s="613"/>
      <c r="TAV677" s="613"/>
      <c r="TAW677" s="613"/>
      <c r="TAX677" s="613"/>
      <c r="TAY677" s="613"/>
      <c r="TAZ677" s="613"/>
      <c r="TBA677" s="613"/>
      <c r="TBB677" s="613"/>
      <c r="TBC677" s="613"/>
      <c r="TBD677" s="613"/>
      <c r="TBE677" s="613"/>
      <c r="TBF677" s="613"/>
      <c r="TBG677" s="613"/>
      <c r="TBH677" s="613"/>
      <c r="TBI677" s="613"/>
      <c r="TBJ677" s="613"/>
      <c r="TBK677" s="613"/>
      <c r="TBL677" s="613"/>
      <c r="TBM677" s="613"/>
      <c r="TBN677" s="613"/>
      <c r="TBO677" s="613"/>
      <c r="TBP677" s="613"/>
      <c r="TBQ677" s="613"/>
      <c r="TBR677" s="613"/>
      <c r="TBS677" s="613"/>
      <c r="TBT677" s="613"/>
      <c r="TBU677" s="613"/>
      <c r="TBV677" s="613"/>
      <c r="TBW677" s="613"/>
      <c r="TBX677" s="613"/>
      <c r="TBY677" s="613"/>
      <c r="TBZ677" s="613"/>
      <c r="TCA677" s="613"/>
      <c r="TCB677" s="613"/>
      <c r="TCC677" s="613"/>
      <c r="TCD677" s="613"/>
      <c r="TCE677" s="613"/>
      <c r="TCF677" s="613"/>
      <c r="TCG677" s="613"/>
      <c r="TCH677" s="613"/>
      <c r="TCI677" s="613"/>
      <c r="TCJ677" s="613"/>
      <c r="TCK677" s="613"/>
      <c r="TCL677" s="613"/>
      <c r="TCM677" s="613"/>
      <c r="TCN677" s="613"/>
      <c r="TCO677" s="613"/>
      <c r="TCP677" s="613"/>
      <c r="TCQ677" s="613"/>
      <c r="TCR677" s="613"/>
      <c r="TCS677" s="613"/>
      <c r="TCT677" s="613"/>
      <c r="TCU677" s="613"/>
      <c r="TCV677" s="613"/>
      <c r="TCW677" s="613"/>
      <c r="TCX677" s="613"/>
      <c r="TCY677" s="613"/>
      <c r="TCZ677" s="613"/>
      <c r="TDA677" s="613"/>
      <c r="TDB677" s="613"/>
      <c r="TDC677" s="613"/>
      <c r="TDD677" s="613"/>
      <c r="TDE677" s="613"/>
      <c r="TDF677" s="613"/>
      <c r="TDG677" s="613"/>
      <c r="TDH677" s="613"/>
      <c r="TDI677" s="613"/>
      <c r="TDJ677" s="613"/>
      <c r="TDK677" s="613"/>
      <c r="TDL677" s="613"/>
      <c r="TDM677" s="613"/>
      <c r="TDN677" s="613"/>
      <c r="TDO677" s="613"/>
      <c r="TDP677" s="613"/>
      <c r="TDQ677" s="613"/>
      <c r="TDR677" s="613"/>
      <c r="TDS677" s="613"/>
      <c r="TDT677" s="613"/>
      <c r="TDU677" s="613"/>
      <c r="TDV677" s="613"/>
      <c r="TDW677" s="613"/>
      <c r="TDX677" s="613"/>
      <c r="TDY677" s="613"/>
      <c r="TDZ677" s="613"/>
      <c r="TEA677" s="613"/>
      <c r="TEB677" s="613"/>
      <c r="TEC677" s="613"/>
      <c r="TED677" s="613"/>
      <c r="TEE677" s="613"/>
      <c r="TEF677" s="613"/>
      <c r="TEG677" s="613"/>
      <c r="TEH677" s="613"/>
      <c r="TEI677" s="613"/>
      <c r="TEJ677" s="613"/>
      <c r="TEK677" s="613"/>
      <c r="TEL677" s="613"/>
      <c r="TEM677" s="613"/>
      <c r="TEN677" s="613"/>
      <c r="TEO677" s="613"/>
      <c r="TEP677" s="613"/>
      <c r="TEQ677" s="613"/>
      <c r="TER677" s="613"/>
      <c r="TES677" s="613"/>
      <c r="TET677" s="613"/>
      <c r="TEU677" s="613"/>
      <c r="TEV677" s="613"/>
      <c r="TEW677" s="613"/>
      <c r="TEX677" s="613"/>
      <c r="TEY677" s="613"/>
      <c r="TEZ677" s="613"/>
      <c r="TFA677" s="613"/>
      <c r="TFB677" s="613"/>
      <c r="TFC677" s="613"/>
      <c r="TFD677" s="613"/>
      <c r="TFE677" s="613"/>
      <c r="TFF677" s="613"/>
      <c r="TFG677" s="613"/>
      <c r="TFH677" s="613"/>
      <c r="TFI677" s="613"/>
      <c r="TFJ677" s="613"/>
      <c r="TFK677" s="613"/>
      <c r="TFL677" s="613"/>
      <c r="TFM677" s="613"/>
      <c r="TFN677" s="613"/>
      <c r="TFO677" s="613"/>
      <c r="TFP677" s="613"/>
      <c r="TFQ677" s="613"/>
      <c r="TFR677" s="613"/>
      <c r="TFS677" s="613"/>
      <c r="TFT677" s="613"/>
      <c r="TFU677" s="613"/>
      <c r="TFV677" s="613"/>
      <c r="TFW677" s="613"/>
      <c r="TFX677" s="613"/>
      <c r="TFY677" s="613"/>
      <c r="TFZ677" s="613"/>
      <c r="TGA677" s="613"/>
      <c r="TGB677" s="613"/>
      <c r="TGC677" s="613"/>
      <c r="TGD677" s="613"/>
      <c r="TGE677" s="613"/>
      <c r="TGF677" s="613"/>
      <c r="TGG677" s="613"/>
      <c r="TGH677" s="613"/>
      <c r="TGI677" s="613"/>
      <c r="TGJ677" s="613"/>
      <c r="TGK677" s="613"/>
      <c r="TGL677" s="613"/>
      <c r="TGM677" s="613"/>
      <c r="TGN677" s="613"/>
      <c r="TGO677" s="613"/>
      <c r="TGP677" s="613"/>
      <c r="TGQ677" s="613"/>
      <c r="TGR677" s="613"/>
      <c r="TGS677" s="613"/>
      <c r="TGT677" s="613"/>
      <c r="TGU677" s="613"/>
      <c r="TGV677" s="613"/>
      <c r="TGW677" s="613"/>
      <c r="TGX677" s="613"/>
      <c r="TGY677" s="613"/>
      <c r="TGZ677" s="613"/>
      <c r="THA677" s="613"/>
      <c r="THB677" s="613"/>
      <c r="THC677" s="613"/>
      <c r="THD677" s="613"/>
      <c r="THE677" s="613"/>
      <c r="THF677" s="613"/>
      <c r="THG677" s="613"/>
      <c r="THH677" s="613"/>
      <c r="THI677" s="613"/>
      <c r="THJ677" s="613"/>
      <c r="THK677" s="613"/>
      <c r="THL677" s="613"/>
      <c r="THM677" s="613"/>
      <c r="THN677" s="613"/>
      <c r="THO677" s="613"/>
      <c r="THP677" s="613"/>
      <c r="THQ677" s="613"/>
      <c r="THR677" s="613"/>
      <c r="THS677" s="613"/>
      <c r="THT677" s="613"/>
      <c r="THU677" s="613"/>
      <c r="THV677" s="613"/>
      <c r="THW677" s="613"/>
      <c r="THX677" s="613"/>
      <c r="THY677" s="613"/>
      <c r="THZ677" s="613"/>
      <c r="TIA677" s="613"/>
      <c r="TIB677" s="613"/>
      <c r="TIC677" s="613"/>
      <c r="TID677" s="613"/>
      <c r="TIE677" s="613"/>
      <c r="TIF677" s="613"/>
      <c r="TIG677" s="613"/>
      <c r="TIH677" s="613"/>
      <c r="TII677" s="613"/>
      <c r="TIJ677" s="613"/>
      <c r="TIK677" s="613"/>
      <c r="TIL677" s="613"/>
      <c r="TIM677" s="613"/>
      <c r="TIN677" s="613"/>
      <c r="TIO677" s="613"/>
      <c r="TIP677" s="613"/>
      <c r="TIQ677" s="613"/>
      <c r="TIR677" s="613"/>
      <c r="TIS677" s="613"/>
      <c r="TIT677" s="613"/>
      <c r="TIU677" s="613"/>
      <c r="TIV677" s="613"/>
      <c r="TIW677" s="613"/>
      <c r="TIX677" s="613"/>
      <c r="TIY677" s="613"/>
      <c r="TIZ677" s="613"/>
      <c r="TJA677" s="613"/>
      <c r="TJB677" s="613"/>
      <c r="TJC677" s="613"/>
      <c r="TJD677" s="613"/>
      <c r="TJE677" s="613"/>
      <c r="TJF677" s="613"/>
      <c r="TJG677" s="613"/>
      <c r="TJH677" s="613"/>
      <c r="TJI677" s="613"/>
      <c r="TJJ677" s="613"/>
      <c r="TJK677" s="613"/>
      <c r="TJL677" s="613"/>
      <c r="TJM677" s="613"/>
      <c r="TJN677" s="613"/>
      <c r="TJO677" s="613"/>
      <c r="TJP677" s="613"/>
      <c r="TJQ677" s="613"/>
      <c r="TJR677" s="613"/>
      <c r="TJS677" s="613"/>
      <c r="TJT677" s="613"/>
      <c r="TJU677" s="613"/>
      <c r="TJV677" s="613"/>
      <c r="TJW677" s="613"/>
      <c r="TJX677" s="613"/>
      <c r="TJY677" s="613"/>
      <c r="TJZ677" s="613"/>
      <c r="TKA677" s="613"/>
      <c r="TKB677" s="613"/>
      <c r="TKC677" s="613"/>
      <c r="TKD677" s="613"/>
      <c r="TKE677" s="613"/>
      <c r="TKF677" s="613"/>
      <c r="TKG677" s="613"/>
      <c r="TKH677" s="613"/>
      <c r="TKI677" s="613"/>
      <c r="TKJ677" s="613"/>
      <c r="TKK677" s="613"/>
      <c r="TKL677" s="613"/>
      <c r="TKM677" s="613"/>
      <c r="TKN677" s="613"/>
      <c r="TKO677" s="613"/>
      <c r="TKP677" s="613"/>
      <c r="TKQ677" s="613"/>
      <c r="TKR677" s="613"/>
      <c r="TKS677" s="613"/>
      <c r="TKT677" s="613"/>
      <c r="TKU677" s="613"/>
      <c r="TKV677" s="613"/>
      <c r="TKW677" s="613"/>
      <c r="TKX677" s="613"/>
      <c r="TKY677" s="613"/>
      <c r="TKZ677" s="613"/>
      <c r="TLA677" s="613"/>
      <c r="TLB677" s="613"/>
      <c r="TLC677" s="613"/>
      <c r="TLD677" s="613"/>
      <c r="TLE677" s="613"/>
      <c r="TLF677" s="613"/>
      <c r="TLG677" s="613"/>
      <c r="TLH677" s="613"/>
      <c r="TLI677" s="613"/>
      <c r="TLJ677" s="613"/>
      <c r="TLK677" s="613"/>
      <c r="TLL677" s="613"/>
      <c r="TLM677" s="613"/>
      <c r="TLN677" s="613"/>
      <c r="TLO677" s="613"/>
      <c r="TLP677" s="613"/>
      <c r="TLQ677" s="613"/>
      <c r="TLR677" s="613"/>
      <c r="TLS677" s="613"/>
      <c r="TLT677" s="613"/>
      <c r="TLU677" s="613"/>
      <c r="TLV677" s="613"/>
      <c r="TLW677" s="613"/>
      <c r="TLX677" s="613"/>
      <c r="TLY677" s="613"/>
      <c r="TLZ677" s="613"/>
      <c r="TMA677" s="613"/>
      <c r="TMB677" s="613"/>
      <c r="TMC677" s="613"/>
      <c r="TMD677" s="613"/>
      <c r="TME677" s="613"/>
      <c r="TMF677" s="613"/>
      <c r="TMG677" s="613"/>
      <c r="TMH677" s="613"/>
      <c r="TMI677" s="613"/>
      <c r="TMJ677" s="613"/>
      <c r="TMK677" s="613"/>
      <c r="TML677" s="613"/>
      <c r="TMM677" s="613"/>
      <c r="TMN677" s="613"/>
      <c r="TMO677" s="613"/>
      <c r="TMP677" s="613"/>
      <c r="TMQ677" s="613"/>
      <c r="TMR677" s="613"/>
      <c r="TMS677" s="613"/>
      <c r="TMT677" s="613"/>
      <c r="TMU677" s="613"/>
      <c r="TMV677" s="613"/>
      <c r="TMW677" s="613"/>
      <c r="TMX677" s="613"/>
      <c r="TMY677" s="613"/>
      <c r="TMZ677" s="613"/>
      <c r="TNA677" s="613"/>
      <c r="TNB677" s="613"/>
      <c r="TNC677" s="613"/>
      <c r="TND677" s="613"/>
      <c r="TNE677" s="613"/>
      <c r="TNF677" s="613"/>
      <c r="TNG677" s="613"/>
      <c r="TNH677" s="613"/>
      <c r="TNI677" s="613"/>
      <c r="TNJ677" s="613"/>
      <c r="TNK677" s="613"/>
      <c r="TNL677" s="613"/>
      <c r="TNM677" s="613"/>
      <c r="TNN677" s="613"/>
      <c r="TNO677" s="613"/>
      <c r="TNP677" s="613"/>
      <c r="TNQ677" s="613"/>
      <c r="TNR677" s="613"/>
      <c r="TNS677" s="613"/>
      <c r="TNT677" s="613"/>
      <c r="TNU677" s="613"/>
      <c r="TNV677" s="613"/>
      <c r="TNW677" s="613"/>
      <c r="TNX677" s="613"/>
      <c r="TNY677" s="613"/>
      <c r="TNZ677" s="613"/>
      <c r="TOA677" s="613"/>
      <c r="TOB677" s="613"/>
      <c r="TOC677" s="613"/>
      <c r="TOD677" s="613"/>
      <c r="TOE677" s="613"/>
      <c r="TOF677" s="613"/>
      <c r="TOG677" s="613"/>
      <c r="TOH677" s="613"/>
      <c r="TOI677" s="613"/>
      <c r="TOJ677" s="613"/>
      <c r="TOK677" s="613"/>
      <c r="TOL677" s="613"/>
      <c r="TOM677" s="613"/>
      <c r="TON677" s="613"/>
      <c r="TOO677" s="613"/>
      <c r="TOP677" s="613"/>
      <c r="TOQ677" s="613"/>
      <c r="TOR677" s="613"/>
      <c r="TOS677" s="613"/>
      <c r="TOT677" s="613"/>
      <c r="TOU677" s="613"/>
      <c r="TOV677" s="613"/>
      <c r="TOW677" s="613"/>
      <c r="TOX677" s="613"/>
      <c r="TOY677" s="613"/>
      <c r="TOZ677" s="613"/>
      <c r="TPA677" s="613"/>
      <c r="TPB677" s="613"/>
      <c r="TPC677" s="613"/>
      <c r="TPD677" s="613"/>
      <c r="TPE677" s="613"/>
      <c r="TPF677" s="613"/>
      <c r="TPG677" s="613"/>
      <c r="TPH677" s="613"/>
      <c r="TPI677" s="613"/>
      <c r="TPJ677" s="613"/>
      <c r="TPK677" s="613"/>
      <c r="TPL677" s="613"/>
      <c r="TPM677" s="613"/>
      <c r="TPN677" s="613"/>
      <c r="TPO677" s="613"/>
      <c r="TPP677" s="613"/>
      <c r="TPQ677" s="613"/>
      <c r="TPR677" s="613"/>
      <c r="TPS677" s="613"/>
      <c r="TPT677" s="613"/>
      <c r="TPU677" s="613"/>
      <c r="TPV677" s="613"/>
      <c r="TPW677" s="613"/>
      <c r="TPX677" s="613"/>
      <c r="TPY677" s="613"/>
      <c r="TPZ677" s="613"/>
      <c r="TQA677" s="613"/>
      <c r="TQB677" s="613"/>
      <c r="TQC677" s="613"/>
      <c r="TQD677" s="613"/>
      <c r="TQE677" s="613"/>
      <c r="TQF677" s="613"/>
      <c r="TQG677" s="613"/>
      <c r="TQH677" s="613"/>
      <c r="TQI677" s="613"/>
      <c r="TQJ677" s="613"/>
      <c r="TQK677" s="613"/>
      <c r="TQL677" s="613"/>
      <c r="TQM677" s="613"/>
      <c r="TQN677" s="613"/>
      <c r="TQO677" s="613"/>
      <c r="TQP677" s="613"/>
      <c r="TQQ677" s="613"/>
      <c r="TQR677" s="613"/>
      <c r="TQS677" s="613"/>
      <c r="TQT677" s="613"/>
      <c r="TQU677" s="613"/>
      <c r="TQV677" s="613"/>
      <c r="TQW677" s="613"/>
      <c r="TQX677" s="613"/>
      <c r="TQY677" s="613"/>
      <c r="TQZ677" s="613"/>
      <c r="TRA677" s="613"/>
      <c r="TRB677" s="613"/>
      <c r="TRC677" s="613"/>
      <c r="TRD677" s="613"/>
      <c r="TRE677" s="613"/>
      <c r="TRF677" s="613"/>
      <c r="TRG677" s="613"/>
      <c r="TRH677" s="613"/>
      <c r="TRI677" s="613"/>
      <c r="TRJ677" s="613"/>
      <c r="TRK677" s="613"/>
      <c r="TRL677" s="613"/>
      <c r="TRM677" s="613"/>
      <c r="TRN677" s="613"/>
      <c r="TRO677" s="613"/>
      <c r="TRP677" s="613"/>
      <c r="TRQ677" s="613"/>
      <c r="TRR677" s="613"/>
      <c r="TRS677" s="613"/>
      <c r="TRT677" s="613"/>
      <c r="TRU677" s="613"/>
      <c r="TRV677" s="613"/>
      <c r="TRW677" s="613"/>
      <c r="TRX677" s="613"/>
      <c r="TRY677" s="613"/>
      <c r="TRZ677" s="613"/>
      <c r="TSA677" s="613"/>
      <c r="TSB677" s="613"/>
      <c r="TSC677" s="613"/>
      <c r="TSD677" s="613"/>
      <c r="TSE677" s="613"/>
      <c r="TSF677" s="613"/>
      <c r="TSG677" s="613"/>
      <c r="TSH677" s="613"/>
      <c r="TSI677" s="613"/>
      <c r="TSJ677" s="613"/>
      <c r="TSK677" s="613"/>
      <c r="TSL677" s="613"/>
      <c r="TSM677" s="613"/>
      <c r="TSN677" s="613"/>
      <c r="TSO677" s="613"/>
      <c r="TSP677" s="613"/>
      <c r="TSQ677" s="613"/>
      <c r="TSR677" s="613"/>
      <c r="TSS677" s="613"/>
      <c r="TST677" s="613"/>
      <c r="TSU677" s="613"/>
      <c r="TSV677" s="613"/>
      <c r="TSW677" s="613"/>
      <c r="TSX677" s="613"/>
      <c r="TSY677" s="613"/>
      <c r="TSZ677" s="613"/>
      <c r="TTA677" s="613"/>
      <c r="TTB677" s="613"/>
      <c r="TTC677" s="613"/>
      <c r="TTD677" s="613"/>
      <c r="TTE677" s="613"/>
      <c r="TTF677" s="613"/>
      <c r="TTG677" s="613"/>
      <c r="TTH677" s="613"/>
      <c r="TTI677" s="613"/>
      <c r="TTJ677" s="613"/>
      <c r="TTK677" s="613"/>
      <c r="TTL677" s="613"/>
      <c r="TTM677" s="613"/>
      <c r="TTN677" s="613"/>
      <c r="TTO677" s="613"/>
      <c r="TTP677" s="613"/>
      <c r="TTQ677" s="613"/>
      <c r="TTR677" s="613"/>
      <c r="TTS677" s="613"/>
      <c r="TTT677" s="613"/>
      <c r="TTU677" s="613"/>
      <c r="TTV677" s="613"/>
      <c r="TTW677" s="613"/>
      <c r="TTX677" s="613"/>
      <c r="TTY677" s="613"/>
      <c r="TTZ677" s="613"/>
      <c r="TUA677" s="613"/>
      <c r="TUB677" s="613"/>
      <c r="TUC677" s="613"/>
      <c r="TUD677" s="613"/>
      <c r="TUE677" s="613"/>
      <c r="TUF677" s="613"/>
      <c r="TUG677" s="613"/>
      <c r="TUH677" s="613"/>
      <c r="TUI677" s="613"/>
      <c r="TUJ677" s="613"/>
      <c r="TUK677" s="613"/>
      <c r="TUL677" s="613"/>
      <c r="TUM677" s="613"/>
      <c r="TUN677" s="613"/>
      <c r="TUO677" s="613"/>
      <c r="TUP677" s="613"/>
      <c r="TUQ677" s="613"/>
      <c r="TUR677" s="613"/>
      <c r="TUS677" s="613"/>
      <c r="TUT677" s="613"/>
      <c r="TUU677" s="613"/>
      <c r="TUV677" s="613"/>
      <c r="TUW677" s="613"/>
      <c r="TUX677" s="613"/>
      <c r="TUY677" s="613"/>
      <c r="TUZ677" s="613"/>
      <c r="TVA677" s="613"/>
      <c r="TVB677" s="613"/>
      <c r="TVC677" s="613"/>
      <c r="TVD677" s="613"/>
      <c r="TVE677" s="613"/>
      <c r="TVF677" s="613"/>
      <c r="TVG677" s="613"/>
      <c r="TVH677" s="613"/>
      <c r="TVI677" s="613"/>
      <c r="TVJ677" s="613"/>
      <c r="TVK677" s="613"/>
      <c r="TVL677" s="613"/>
      <c r="TVM677" s="613"/>
      <c r="TVN677" s="613"/>
      <c r="TVO677" s="613"/>
      <c r="TVP677" s="613"/>
      <c r="TVQ677" s="613"/>
      <c r="TVR677" s="613"/>
      <c r="TVS677" s="613"/>
      <c r="TVT677" s="613"/>
      <c r="TVU677" s="613"/>
      <c r="TVV677" s="613"/>
      <c r="TVW677" s="613"/>
      <c r="TVX677" s="613"/>
      <c r="TVY677" s="613"/>
      <c r="TVZ677" s="613"/>
      <c r="TWA677" s="613"/>
      <c r="TWB677" s="613"/>
      <c r="TWC677" s="613"/>
      <c r="TWD677" s="613"/>
      <c r="TWE677" s="613"/>
      <c r="TWF677" s="613"/>
      <c r="TWG677" s="613"/>
      <c r="TWH677" s="613"/>
      <c r="TWI677" s="613"/>
      <c r="TWJ677" s="613"/>
      <c r="TWK677" s="613"/>
      <c r="TWL677" s="613"/>
      <c r="TWM677" s="613"/>
      <c r="TWN677" s="613"/>
      <c r="TWO677" s="613"/>
      <c r="TWP677" s="613"/>
      <c r="TWQ677" s="613"/>
      <c r="TWR677" s="613"/>
      <c r="TWS677" s="613"/>
      <c r="TWT677" s="613"/>
      <c r="TWU677" s="613"/>
      <c r="TWV677" s="613"/>
      <c r="TWW677" s="613"/>
      <c r="TWX677" s="613"/>
      <c r="TWY677" s="613"/>
      <c r="TWZ677" s="613"/>
      <c r="TXA677" s="613"/>
      <c r="TXB677" s="613"/>
      <c r="TXC677" s="613"/>
      <c r="TXD677" s="613"/>
      <c r="TXE677" s="613"/>
      <c r="TXF677" s="613"/>
      <c r="TXG677" s="613"/>
      <c r="TXH677" s="613"/>
      <c r="TXI677" s="613"/>
      <c r="TXJ677" s="613"/>
      <c r="TXK677" s="613"/>
      <c r="TXL677" s="613"/>
      <c r="TXM677" s="613"/>
      <c r="TXN677" s="613"/>
      <c r="TXO677" s="613"/>
      <c r="TXP677" s="613"/>
      <c r="TXQ677" s="613"/>
      <c r="TXR677" s="613"/>
      <c r="TXS677" s="613"/>
      <c r="TXT677" s="613"/>
      <c r="TXU677" s="613"/>
      <c r="TXV677" s="613"/>
      <c r="TXW677" s="613"/>
      <c r="TXX677" s="613"/>
      <c r="TXY677" s="613"/>
      <c r="TXZ677" s="613"/>
      <c r="TYA677" s="613"/>
      <c r="TYB677" s="613"/>
      <c r="TYC677" s="613"/>
      <c r="TYD677" s="613"/>
      <c r="TYE677" s="613"/>
      <c r="TYF677" s="613"/>
      <c r="TYG677" s="613"/>
      <c r="TYH677" s="613"/>
      <c r="TYI677" s="613"/>
      <c r="TYJ677" s="613"/>
      <c r="TYK677" s="613"/>
      <c r="TYL677" s="613"/>
      <c r="TYM677" s="613"/>
      <c r="TYN677" s="613"/>
      <c r="TYO677" s="613"/>
      <c r="TYP677" s="613"/>
      <c r="TYQ677" s="613"/>
      <c r="TYR677" s="613"/>
      <c r="TYS677" s="613"/>
      <c r="TYT677" s="613"/>
      <c r="TYU677" s="613"/>
      <c r="TYV677" s="613"/>
      <c r="TYW677" s="613"/>
      <c r="TYX677" s="613"/>
      <c r="TYY677" s="613"/>
      <c r="TYZ677" s="613"/>
      <c r="TZA677" s="613"/>
      <c r="TZB677" s="613"/>
      <c r="TZC677" s="613"/>
      <c r="TZD677" s="613"/>
      <c r="TZE677" s="613"/>
      <c r="TZF677" s="613"/>
      <c r="TZG677" s="613"/>
      <c r="TZH677" s="613"/>
      <c r="TZI677" s="613"/>
      <c r="TZJ677" s="613"/>
      <c r="TZK677" s="613"/>
      <c r="TZL677" s="613"/>
      <c r="TZM677" s="613"/>
      <c r="TZN677" s="613"/>
      <c r="TZO677" s="613"/>
      <c r="TZP677" s="613"/>
      <c r="TZQ677" s="613"/>
      <c r="TZR677" s="613"/>
      <c r="TZS677" s="613"/>
      <c r="TZT677" s="613"/>
      <c r="TZU677" s="613"/>
      <c r="TZV677" s="613"/>
      <c r="TZW677" s="613"/>
      <c r="TZX677" s="613"/>
      <c r="TZY677" s="613"/>
      <c r="TZZ677" s="613"/>
      <c r="UAA677" s="613"/>
      <c r="UAB677" s="613"/>
      <c r="UAC677" s="613"/>
      <c r="UAD677" s="613"/>
      <c r="UAE677" s="613"/>
      <c r="UAF677" s="613"/>
      <c r="UAG677" s="613"/>
      <c r="UAH677" s="613"/>
      <c r="UAI677" s="613"/>
      <c r="UAJ677" s="613"/>
      <c r="UAK677" s="613"/>
      <c r="UAL677" s="613"/>
      <c r="UAM677" s="613"/>
      <c r="UAN677" s="613"/>
      <c r="UAO677" s="613"/>
      <c r="UAP677" s="613"/>
      <c r="UAQ677" s="613"/>
      <c r="UAR677" s="613"/>
      <c r="UAS677" s="613"/>
      <c r="UAT677" s="613"/>
      <c r="UAU677" s="613"/>
      <c r="UAV677" s="613"/>
      <c r="UAW677" s="613"/>
      <c r="UAX677" s="613"/>
      <c r="UAY677" s="613"/>
      <c r="UAZ677" s="613"/>
      <c r="UBA677" s="613"/>
      <c r="UBB677" s="613"/>
      <c r="UBC677" s="613"/>
      <c r="UBD677" s="613"/>
      <c r="UBE677" s="613"/>
      <c r="UBF677" s="613"/>
      <c r="UBG677" s="613"/>
      <c r="UBH677" s="613"/>
      <c r="UBI677" s="613"/>
      <c r="UBJ677" s="613"/>
      <c r="UBK677" s="613"/>
      <c r="UBL677" s="613"/>
      <c r="UBM677" s="613"/>
      <c r="UBN677" s="613"/>
      <c r="UBO677" s="613"/>
      <c r="UBP677" s="613"/>
      <c r="UBQ677" s="613"/>
      <c r="UBR677" s="613"/>
      <c r="UBS677" s="613"/>
      <c r="UBT677" s="613"/>
      <c r="UBU677" s="613"/>
      <c r="UBV677" s="613"/>
      <c r="UBW677" s="613"/>
      <c r="UBX677" s="613"/>
      <c r="UBY677" s="613"/>
      <c r="UBZ677" s="613"/>
      <c r="UCA677" s="613"/>
      <c r="UCB677" s="613"/>
      <c r="UCC677" s="613"/>
      <c r="UCD677" s="613"/>
      <c r="UCE677" s="613"/>
      <c r="UCF677" s="613"/>
      <c r="UCG677" s="613"/>
      <c r="UCH677" s="613"/>
      <c r="UCI677" s="613"/>
      <c r="UCJ677" s="613"/>
      <c r="UCK677" s="613"/>
      <c r="UCL677" s="613"/>
      <c r="UCM677" s="613"/>
      <c r="UCN677" s="613"/>
      <c r="UCO677" s="613"/>
      <c r="UCP677" s="613"/>
      <c r="UCQ677" s="613"/>
      <c r="UCR677" s="613"/>
      <c r="UCS677" s="613"/>
      <c r="UCT677" s="613"/>
      <c r="UCU677" s="613"/>
      <c r="UCV677" s="613"/>
      <c r="UCW677" s="613"/>
      <c r="UCX677" s="613"/>
      <c r="UCY677" s="613"/>
      <c r="UCZ677" s="613"/>
      <c r="UDA677" s="613"/>
      <c r="UDB677" s="613"/>
      <c r="UDC677" s="613"/>
      <c r="UDD677" s="613"/>
      <c r="UDE677" s="613"/>
      <c r="UDF677" s="613"/>
      <c r="UDG677" s="613"/>
      <c r="UDH677" s="613"/>
      <c r="UDI677" s="613"/>
      <c r="UDJ677" s="613"/>
      <c r="UDK677" s="613"/>
      <c r="UDL677" s="613"/>
      <c r="UDM677" s="613"/>
      <c r="UDN677" s="613"/>
      <c r="UDO677" s="613"/>
      <c r="UDP677" s="613"/>
      <c r="UDQ677" s="613"/>
      <c r="UDR677" s="613"/>
      <c r="UDS677" s="613"/>
      <c r="UDT677" s="613"/>
      <c r="UDU677" s="613"/>
      <c r="UDV677" s="613"/>
      <c r="UDW677" s="613"/>
      <c r="UDX677" s="613"/>
      <c r="UDY677" s="613"/>
      <c r="UDZ677" s="613"/>
      <c r="UEA677" s="613"/>
      <c r="UEB677" s="613"/>
      <c r="UEC677" s="613"/>
      <c r="UED677" s="613"/>
      <c r="UEE677" s="613"/>
      <c r="UEF677" s="613"/>
      <c r="UEG677" s="613"/>
      <c r="UEH677" s="613"/>
      <c r="UEI677" s="613"/>
      <c r="UEJ677" s="613"/>
      <c r="UEK677" s="613"/>
      <c r="UEL677" s="613"/>
      <c r="UEM677" s="613"/>
      <c r="UEN677" s="613"/>
      <c r="UEO677" s="613"/>
      <c r="UEP677" s="613"/>
      <c r="UEQ677" s="613"/>
      <c r="UER677" s="613"/>
      <c r="UES677" s="613"/>
      <c r="UET677" s="613"/>
      <c r="UEU677" s="613"/>
      <c r="UEV677" s="613"/>
      <c r="UEW677" s="613"/>
      <c r="UEX677" s="613"/>
      <c r="UEY677" s="613"/>
      <c r="UEZ677" s="613"/>
      <c r="UFA677" s="613"/>
      <c r="UFB677" s="613"/>
      <c r="UFC677" s="613"/>
      <c r="UFD677" s="613"/>
      <c r="UFE677" s="613"/>
      <c r="UFF677" s="613"/>
      <c r="UFG677" s="613"/>
      <c r="UFH677" s="613"/>
      <c r="UFI677" s="613"/>
      <c r="UFJ677" s="613"/>
      <c r="UFK677" s="613"/>
      <c r="UFL677" s="613"/>
      <c r="UFM677" s="613"/>
      <c r="UFN677" s="613"/>
      <c r="UFO677" s="613"/>
      <c r="UFP677" s="613"/>
      <c r="UFQ677" s="613"/>
      <c r="UFR677" s="613"/>
      <c r="UFS677" s="613"/>
      <c r="UFT677" s="613"/>
      <c r="UFU677" s="613"/>
      <c r="UFV677" s="613"/>
      <c r="UFW677" s="613"/>
      <c r="UFX677" s="613"/>
      <c r="UFY677" s="613"/>
      <c r="UFZ677" s="613"/>
      <c r="UGA677" s="613"/>
      <c r="UGB677" s="613"/>
      <c r="UGC677" s="613"/>
      <c r="UGD677" s="613"/>
      <c r="UGE677" s="613"/>
      <c r="UGF677" s="613"/>
      <c r="UGG677" s="613"/>
      <c r="UGH677" s="613"/>
      <c r="UGI677" s="613"/>
      <c r="UGJ677" s="613"/>
      <c r="UGK677" s="613"/>
      <c r="UGL677" s="613"/>
      <c r="UGM677" s="613"/>
      <c r="UGN677" s="613"/>
      <c r="UGO677" s="613"/>
      <c r="UGP677" s="613"/>
      <c r="UGQ677" s="613"/>
      <c r="UGR677" s="613"/>
      <c r="UGS677" s="613"/>
      <c r="UGT677" s="613"/>
      <c r="UGU677" s="613"/>
      <c r="UGV677" s="613"/>
      <c r="UGW677" s="613"/>
      <c r="UGX677" s="613"/>
      <c r="UGY677" s="613"/>
      <c r="UGZ677" s="613"/>
      <c r="UHA677" s="613"/>
      <c r="UHB677" s="613"/>
      <c r="UHC677" s="613"/>
      <c r="UHD677" s="613"/>
      <c r="UHE677" s="613"/>
      <c r="UHF677" s="613"/>
      <c r="UHG677" s="613"/>
      <c r="UHH677" s="613"/>
      <c r="UHI677" s="613"/>
      <c r="UHJ677" s="613"/>
      <c r="UHK677" s="613"/>
      <c r="UHL677" s="613"/>
      <c r="UHM677" s="613"/>
      <c r="UHN677" s="613"/>
      <c r="UHO677" s="613"/>
      <c r="UHP677" s="613"/>
      <c r="UHQ677" s="613"/>
      <c r="UHR677" s="613"/>
      <c r="UHS677" s="613"/>
      <c r="UHT677" s="613"/>
      <c r="UHU677" s="613"/>
      <c r="UHV677" s="613"/>
      <c r="UHW677" s="613"/>
      <c r="UHX677" s="613"/>
      <c r="UHY677" s="613"/>
      <c r="UHZ677" s="613"/>
      <c r="UIA677" s="613"/>
      <c r="UIB677" s="613"/>
      <c r="UIC677" s="613"/>
      <c r="UID677" s="613"/>
      <c r="UIE677" s="613"/>
      <c r="UIF677" s="613"/>
      <c r="UIG677" s="613"/>
      <c r="UIH677" s="613"/>
      <c r="UII677" s="613"/>
      <c r="UIJ677" s="613"/>
      <c r="UIK677" s="613"/>
      <c r="UIL677" s="613"/>
      <c r="UIM677" s="613"/>
      <c r="UIN677" s="613"/>
      <c r="UIO677" s="613"/>
      <c r="UIP677" s="613"/>
      <c r="UIQ677" s="613"/>
      <c r="UIR677" s="613"/>
      <c r="UIS677" s="613"/>
      <c r="UIT677" s="613"/>
      <c r="UIU677" s="613"/>
      <c r="UIV677" s="613"/>
      <c r="UIW677" s="613"/>
      <c r="UIX677" s="613"/>
      <c r="UIY677" s="613"/>
      <c r="UIZ677" s="613"/>
      <c r="UJA677" s="613"/>
      <c r="UJB677" s="613"/>
      <c r="UJC677" s="613"/>
      <c r="UJD677" s="613"/>
      <c r="UJE677" s="613"/>
      <c r="UJF677" s="613"/>
      <c r="UJG677" s="613"/>
      <c r="UJH677" s="613"/>
      <c r="UJI677" s="613"/>
      <c r="UJJ677" s="613"/>
      <c r="UJK677" s="613"/>
      <c r="UJL677" s="613"/>
      <c r="UJM677" s="613"/>
      <c r="UJN677" s="613"/>
      <c r="UJO677" s="613"/>
      <c r="UJP677" s="613"/>
      <c r="UJQ677" s="613"/>
      <c r="UJR677" s="613"/>
      <c r="UJS677" s="613"/>
      <c r="UJT677" s="613"/>
      <c r="UJU677" s="613"/>
      <c r="UJV677" s="613"/>
      <c r="UJW677" s="613"/>
      <c r="UJX677" s="613"/>
      <c r="UJY677" s="613"/>
      <c r="UJZ677" s="613"/>
      <c r="UKA677" s="613"/>
      <c r="UKB677" s="613"/>
      <c r="UKC677" s="613"/>
      <c r="UKD677" s="613"/>
      <c r="UKE677" s="613"/>
      <c r="UKF677" s="613"/>
      <c r="UKG677" s="613"/>
      <c r="UKH677" s="613"/>
      <c r="UKI677" s="613"/>
      <c r="UKJ677" s="613"/>
      <c r="UKK677" s="613"/>
      <c r="UKL677" s="613"/>
      <c r="UKM677" s="613"/>
      <c r="UKN677" s="613"/>
      <c r="UKO677" s="613"/>
      <c r="UKP677" s="613"/>
      <c r="UKQ677" s="613"/>
      <c r="UKR677" s="613"/>
      <c r="UKS677" s="613"/>
      <c r="UKT677" s="613"/>
      <c r="UKU677" s="613"/>
      <c r="UKV677" s="613"/>
      <c r="UKW677" s="613"/>
      <c r="UKX677" s="613"/>
      <c r="UKY677" s="613"/>
      <c r="UKZ677" s="613"/>
      <c r="ULA677" s="613"/>
      <c r="ULB677" s="613"/>
      <c r="ULC677" s="613"/>
      <c r="ULD677" s="613"/>
      <c r="ULE677" s="613"/>
      <c r="ULF677" s="613"/>
      <c r="ULG677" s="613"/>
      <c r="ULH677" s="613"/>
      <c r="ULI677" s="613"/>
      <c r="ULJ677" s="613"/>
      <c r="ULK677" s="613"/>
      <c r="ULL677" s="613"/>
      <c r="ULM677" s="613"/>
      <c r="ULN677" s="613"/>
      <c r="ULO677" s="613"/>
      <c r="ULP677" s="613"/>
      <c r="ULQ677" s="613"/>
      <c r="ULR677" s="613"/>
      <c r="ULS677" s="613"/>
      <c r="ULT677" s="613"/>
      <c r="ULU677" s="613"/>
      <c r="ULV677" s="613"/>
      <c r="ULW677" s="613"/>
      <c r="ULX677" s="613"/>
      <c r="ULY677" s="613"/>
      <c r="ULZ677" s="613"/>
      <c r="UMA677" s="613"/>
      <c r="UMB677" s="613"/>
      <c r="UMC677" s="613"/>
      <c r="UMD677" s="613"/>
      <c r="UME677" s="613"/>
      <c r="UMF677" s="613"/>
      <c r="UMG677" s="613"/>
      <c r="UMH677" s="613"/>
      <c r="UMI677" s="613"/>
      <c r="UMJ677" s="613"/>
      <c r="UMK677" s="613"/>
      <c r="UML677" s="613"/>
      <c r="UMM677" s="613"/>
      <c r="UMN677" s="613"/>
      <c r="UMO677" s="613"/>
      <c r="UMP677" s="613"/>
      <c r="UMQ677" s="613"/>
      <c r="UMR677" s="613"/>
      <c r="UMS677" s="613"/>
      <c r="UMT677" s="613"/>
      <c r="UMU677" s="613"/>
      <c r="UMV677" s="613"/>
      <c r="UMW677" s="613"/>
      <c r="UMX677" s="613"/>
      <c r="UMY677" s="613"/>
      <c r="UMZ677" s="613"/>
      <c r="UNA677" s="613"/>
      <c r="UNB677" s="613"/>
      <c r="UNC677" s="613"/>
      <c r="UND677" s="613"/>
      <c r="UNE677" s="613"/>
      <c r="UNF677" s="613"/>
      <c r="UNG677" s="613"/>
      <c r="UNH677" s="613"/>
      <c r="UNI677" s="613"/>
      <c r="UNJ677" s="613"/>
      <c r="UNK677" s="613"/>
      <c r="UNL677" s="613"/>
      <c r="UNM677" s="613"/>
      <c r="UNN677" s="613"/>
      <c r="UNO677" s="613"/>
      <c r="UNP677" s="613"/>
      <c r="UNQ677" s="613"/>
      <c r="UNR677" s="613"/>
      <c r="UNS677" s="613"/>
      <c r="UNT677" s="613"/>
      <c r="UNU677" s="613"/>
      <c r="UNV677" s="613"/>
      <c r="UNW677" s="613"/>
      <c r="UNX677" s="613"/>
      <c r="UNY677" s="613"/>
      <c r="UNZ677" s="613"/>
      <c r="UOA677" s="613"/>
      <c r="UOB677" s="613"/>
      <c r="UOC677" s="613"/>
      <c r="UOD677" s="613"/>
      <c r="UOE677" s="613"/>
      <c r="UOF677" s="613"/>
      <c r="UOG677" s="613"/>
      <c r="UOH677" s="613"/>
      <c r="UOI677" s="613"/>
      <c r="UOJ677" s="613"/>
      <c r="UOK677" s="613"/>
      <c r="UOL677" s="613"/>
      <c r="UOM677" s="613"/>
      <c r="UON677" s="613"/>
      <c r="UOO677" s="613"/>
      <c r="UOP677" s="613"/>
      <c r="UOQ677" s="613"/>
      <c r="UOR677" s="613"/>
      <c r="UOS677" s="613"/>
      <c r="UOT677" s="613"/>
      <c r="UOU677" s="613"/>
      <c r="UOV677" s="613"/>
      <c r="UOW677" s="613"/>
      <c r="UOX677" s="613"/>
      <c r="UOY677" s="613"/>
      <c r="UOZ677" s="613"/>
      <c r="UPA677" s="613"/>
      <c r="UPB677" s="613"/>
      <c r="UPC677" s="613"/>
      <c r="UPD677" s="613"/>
      <c r="UPE677" s="613"/>
      <c r="UPF677" s="613"/>
      <c r="UPG677" s="613"/>
      <c r="UPH677" s="613"/>
      <c r="UPI677" s="613"/>
      <c r="UPJ677" s="613"/>
      <c r="UPK677" s="613"/>
      <c r="UPL677" s="613"/>
      <c r="UPM677" s="613"/>
      <c r="UPN677" s="613"/>
      <c r="UPO677" s="613"/>
      <c r="UPP677" s="613"/>
      <c r="UPQ677" s="613"/>
      <c r="UPR677" s="613"/>
      <c r="UPS677" s="613"/>
      <c r="UPT677" s="613"/>
      <c r="UPU677" s="613"/>
      <c r="UPV677" s="613"/>
      <c r="UPW677" s="613"/>
      <c r="UPX677" s="613"/>
      <c r="UPY677" s="613"/>
      <c r="UPZ677" s="613"/>
      <c r="UQA677" s="613"/>
      <c r="UQB677" s="613"/>
      <c r="UQC677" s="613"/>
      <c r="UQD677" s="613"/>
      <c r="UQE677" s="613"/>
      <c r="UQF677" s="613"/>
      <c r="UQG677" s="613"/>
      <c r="UQH677" s="613"/>
      <c r="UQI677" s="613"/>
      <c r="UQJ677" s="613"/>
      <c r="UQK677" s="613"/>
      <c r="UQL677" s="613"/>
      <c r="UQM677" s="613"/>
      <c r="UQN677" s="613"/>
      <c r="UQO677" s="613"/>
      <c r="UQP677" s="613"/>
      <c r="UQQ677" s="613"/>
      <c r="UQR677" s="613"/>
      <c r="UQS677" s="613"/>
      <c r="UQT677" s="613"/>
      <c r="UQU677" s="613"/>
      <c r="UQV677" s="613"/>
      <c r="UQW677" s="613"/>
      <c r="UQX677" s="613"/>
      <c r="UQY677" s="613"/>
      <c r="UQZ677" s="613"/>
      <c r="URA677" s="613"/>
      <c r="URB677" s="613"/>
      <c r="URC677" s="613"/>
      <c r="URD677" s="613"/>
      <c r="URE677" s="613"/>
      <c r="URF677" s="613"/>
      <c r="URG677" s="613"/>
      <c r="URH677" s="613"/>
      <c r="URI677" s="613"/>
      <c r="URJ677" s="613"/>
      <c r="URK677" s="613"/>
      <c r="URL677" s="613"/>
      <c r="URM677" s="613"/>
      <c r="URN677" s="613"/>
      <c r="URO677" s="613"/>
      <c r="URP677" s="613"/>
      <c r="URQ677" s="613"/>
      <c r="URR677" s="613"/>
      <c r="URS677" s="613"/>
      <c r="URT677" s="613"/>
      <c r="URU677" s="613"/>
      <c r="URV677" s="613"/>
      <c r="URW677" s="613"/>
      <c r="URX677" s="613"/>
      <c r="URY677" s="613"/>
      <c r="URZ677" s="613"/>
      <c r="USA677" s="613"/>
      <c r="USB677" s="613"/>
      <c r="USC677" s="613"/>
      <c r="USD677" s="613"/>
      <c r="USE677" s="613"/>
      <c r="USF677" s="613"/>
      <c r="USG677" s="613"/>
      <c r="USH677" s="613"/>
      <c r="USI677" s="613"/>
      <c r="USJ677" s="613"/>
      <c r="USK677" s="613"/>
      <c r="USL677" s="613"/>
      <c r="USM677" s="613"/>
      <c r="USN677" s="613"/>
      <c r="USO677" s="613"/>
      <c r="USP677" s="613"/>
      <c r="USQ677" s="613"/>
      <c r="USR677" s="613"/>
      <c r="USS677" s="613"/>
      <c r="UST677" s="613"/>
      <c r="USU677" s="613"/>
      <c r="USV677" s="613"/>
      <c r="USW677" s="613"/>
      <c r="USX677" s="613"/>
      <c r="USY677" s="613"/>
      <c r="USZ677" s="613"/>
      <c r="UTA677" s="613"/>
      <c r="UTB677" s="613"/>
      <c r="UTC677" s="613"/>
      <c r="UTD677" s="613"/>
      <c r="UTE677" s="613"/>
      <c r="UTF677" s="613"/>
      <c r="UTG677" s="613"/>
      <c r="UTH677" s="613"/>
      <c r="UTI677" s="613"/>
      <c r="UTJ677" s="613"/>
      <c r="UTK677" s="613"/>
      <c r="UTL677" s="613"/>
      <c r="UTM677" s="613"/>
      <c r="UTN677" s="613"/>
      <c r="UTO677" s="613"/>
      <c r="UTP677" s="613"/>
      <c r="UTQ677" s="613"/>
      <c r="UTR677" s="613"/>
      <c r="UTS677" s="613"/>
      <c r="UTT677" s="613"/>
      <c r="UTU677" s="613"/>
      <c r="UTV677" s="613"/>
      <c r="UTW677" s="613"/>
      <c r="UTX677" s="613"/>
      <c r="UTY677" s="613"/>
      <c r="UTZ677" s="613"/>
      <c r="UUA677" s="613"/>
      <c r="UUB677" s="613"/>
      <c r="UUC677" s="613"/>
      <c r="UUD677" s="613"/>
      <c r="UUE677" s="613"/>
      <c r="UUF677" s="613"/>
      <c r="UUG677" s="613"/>
      <c r="UUH677" s="613"/>
      <c r="UUI677" s="613"/>
      <c r="UUJ677" s="613"/>
      <c r="UUK677" s="613"/>
      <c r="UUL677" s="613"/>
      <c r="UUM677" s="613"/>
      <c r="UUN677" s="613"/>
      <c r="UUO677" s="613"/>
      <c r="UUP677" s="613"/>
      <c r="UUQ677" s="613"/>
      <c r="UUR677" s="613"/>
      <c r="UUS677" s="613"/>
      <c r="UUT677" s="613"/>
      <c r="UUU677" s="613"/>
      <c r="UUV677" s="613"/>
      <c r="UUW677" s="613"/>
      <c r="UUX677" s="613"/>
      <c r="UUY677" s="613"/>
      <c r="UUZ677" s="613"/>
      <c r="UVA677" s="613"/>
      <c r="UVB677" s="613"/>
      <c r="UVC677" s="613"/>
      <c r="UVD677" s="613"/>
      <c r="UVE677" s="613"/>
      <c r="UVF677" s="613"/>
      <c r="UVG677" s="613"/>
      <c r="UVH677" s="613"/>
      <c r="UVI677" s="613"/>
      <c r="UVJ677" s="613"/>
      <c r="UVK677" s="613"/>
      <c r="UVL677" s="613"/>
      <c r="UVM677" s="613"/>
      <c r="UVN677" s="613"/>
      <c r="UVO677" s="613"/>
      <c r="UVP677" s="613"/>
      <c r="UVQ677" s="613"/>
      <c r="UVR677" s="613"/>
      <c r="UVS677" s="613"/>
      <c r="UVT677" s="613"/>
      <c r="UVU677" s="613"/>
      <c r="UVV677" s="613"/>
      <c r="UVW677" s="613"/>
      <c r="UVX677" s="613"/>
      <c r="UVY677" s="613"/>
      <c r="UVZ677" s="613"/>
      <c r="UWA677" s="613"/>
      <c r="UWB677" s="613"/>
      <c r="UWC677" s="613"/>
      <c r="UWD677" s="613"/>
      <c r="UWE677" s="613"/>
      <c r="UWF677" s="613"/>
      <c r="UWG677" s="613"/>
      <c r="UWH677" s="613"/>
      <c r="UWI677" s="613"/>
      <c r="UWJ677" s="613"/>
      <c r="UWK677" s="613"/>
      <c r="UWL677" s="613"/>
      <c r="UWM677" s="613"/>
      <c r="UWN677" s="613"/>
      <c r="UWO677" s="613"/>
      <c r="UWP677" s="613"/>
      <c r="UWQ677" s="613"/>
      <c r="UWR677" s="613"/>
      <c r="UWS677" s="613"/>
      <c r="UWT677" s="613"/>
      <c r="UWU677" s="613"/>
      <c r="UWV677" s="613"/>
      <c r="UWW677" s="613"/>
      <c r="UWX677" s="613"/>
      <c r="UWY677" s="613"/>
      <c r="UWZ677" s="613"/>
      <c r="UXA677" s="613"/>
      <c r="UXB677" s="613"/>
      <c r="UXC677" s="613"/>
      <c r="UXD677" s="613"/>
      <c r="UXE677" s="613"/>
      <c r="UXF677" s="613"/>
      <c r="UXG677" s="613"/>
      <c r="UXH677" s="613"/>
      <c r="UXI677" s="613"/>
      <c r="UXJ677" s="613"/>
      <c r="UXK677" s="613"/>
      <c r="UXL677" s="613"/>
      <c r="UXM677" s="613"/>
      <c r="UXN677" s="613"/>
      <c r="UXO677" s="613"/>
      <c r="UXP677" s="613"/>
      <c r="UXQ677" s="613"/>
      <c r="UXR677" s="613"/>
      <c r="UXS677" s="613"/>
      <c r="UXT677" s="613"/>
      <c r="UXU677" s="613"/>
      <c r="UXV677" s="613"/>
      <c r="UXW677" s="613"/>
      <c r="UXX677" s="613"/>
      <c r="UXY677" s="613"/>
      <c r="UXZ677" s="613"/>
      <c r="UYA677" s="613"/>
      <c r="UYB677" s="613"/>
      <c r="UYC677" s="613"/>
      <c r="UYD677" s="613"/>
      <c r="UYE677" s="613"/>
      <c r="UYF677" s="613"/>
      <c r="UYG677" s="613"/>
      <c r="UYH677" s="613"/>
      <c r="UYI677" s="613"/>
      <c r="UYJ677" s="613"/>
      <c r="UYK677" s="613"/>
      <c r="UYL677" s="613"/>
      <c r="UYM677" s="613"/>
      <c r="UYN677" s="613"/>
      <c r="UYO677" s="613"/>
      <c r="UYP677" s="613"/>
      <c r="UYQ677" s="613"/>
      <c r="UYR677" s="613"/>
      <c r="UYS677" s="613"/>
      <c r="UYT677" s="613"/>
      <c r="UYU677" s="613"/>
      <c r="UYV677" s="613"/>
      <c r="UYW677" s="613"/>
      <c r="UYX677" s="613"/>
      <c r="UYY677" s="613"/>
      <c r="UYZ677" s="613"/>
      <c r="UZA677" s="613"/>
      <c r="UZB677" s="613"/>
      <c r="UZC677" s="613"/>
      <c r="UZD677" s="613"/>
      <c r="UZE677" s="613"/>
      <c r="UZF677" s="613"/>
      <c r="UZG677" s="613"/>
      <c r="UZH677" s="613"/>
      <c r="UZI677" s="613"/>
      <c r="UZJ677" s="613"/>
      <c r="UZK677" s="613"/>
      <c r="UZL677" s="613"/>
      <c r="UZM677" s="613"/>
      <c r="UZN677" s="613"/>
      <c r="UZO677" s="613"/>
      <c r="UZP677" s="613"/>
      <c r="UZQ677" s="613"/>
      <c r="UZR677" s="613"/>
      <c r="UZS677" s="613"/>
      <c r="UZT677" s="613"/>
      <c r="UZU677" s="613"/>
      <c r="UZV677" s="613"/>
      <c r="UZW677" s="613"/>
      <c r="UZX677" s="613"/>
      <c r="UZY677" s="613"/>
      <c r="UZZ677" s="613"/>
      <c r="VAA677" s="613"/>
      <c r="VAB677" s="613"/>
      <c r="VAC677" s="613"/>
      <c r="VAD677" s="613"/>
      <c r="VAE677" s="613"/>
      <c r="VAF677" s="613"/>
      <c r="VAG677" s="613"/>
      <c r="VAH677" s="613"/>
      <c r="VAI677" s="613"/>
      <c r="VAJ677" s="613"/>
      <c r="VAK677" s="613"/>
      <c r="VAL677" s="613"/>
      <c r="VAM677" s="613"/>
      <c r="VAN677" s="613"/>
      <c r="VAO677" s="613"/>
      <c r="VAP677" s="613"/>
      <c r="VAQ677" s="613"/>
      <c r="VAR677" s="613"/>
      <c r="VAS677" s="613"/>
      <c r="VAT677" s="613"/>
      <c r="VAU677" s="613"/>
      <c r="VAV677" s="613"/>
      <c r="VAW677" s="613"/>
      <c r="VAX677" s="613"/>
      <c r="VAY677" s="613"/>
      <c r="VAZ677" s="613"/>
      <c r="VBA677" s="613"/>
      <c r="VBB677" s="613"/>
      <c r="VBC677" s="613"/>
      <c r="VBD677" s="613"/>
      <c r="VBE677" s="613"/>
      <c r="VBF677" s="613"/>
      <c r="VBG677" s="613"/>
      <c r="VBH677" s="613"/>
      <c r="VBI677" s="613"/>
      <c r="VBJ677" s="613"/>
      <c r="VBK677" s="613"/>
      <c r="VBL677" s="613"/>
      <c r="VBM677" s="613"/>
      <c r="VBN677" s="613"/>
      <c r="VBO677" s="613"/>
      <c r="VBP677" s="613"/>
      <c r="VBQ677" s="613"/>
      <c r="VBR677" s="613"/>
      <c r="VBS677" s="613"/>
      <c r="VBT677" s="613"/>
      <c r="VBU677" s="613"/>
      <c r="VBV677" s="613"/>
      <c r="VBW677" s="613"/>
      <c r="VBX677" s="613"/>
      <c r="VBY677" s="613"/>
      <c r="VBZ677" s="613"/>
      <c r="VCA677" s="613"/>
      <c r="VCB677" s="613"/>
      <c r="VCC677" s="613"/>
      <c r="VCD677" s="613"/>
      <c r="VCE677" s="613"/>
      <c r="VCF677" s="613"/>
      <c r="VCG677" s="613"/>
      <c r="VCH677" s="613"/>
      <c r="VCI677" s="613"/>
      <c r="VCJ677" s="613"/>
      <c r="VCK677" s="613"/>
      <c r="VCL677" s="613"/>
      <c r="VCM677" s="613"/>
      <c r="VCN677" s="613"/>
      <c r="VCO677" s="613"/>
      <c r="VCP677" s="613"/>
      <c r="VCQ677" s="613"/>
      <c r="VCR677" s="613"/>
      <c r="VCS677" s="613"/>
      <c r="VCT677" s="613"/>
      <c r="VCU677" s="613"/>
      <c r="VCV677" s="613"/>
      <c r="VCW677" s="613"/>
      <c r="VCX677" s="613"/>
      <c r="VCY677" s="613"/>
      <c r="VCZ677" s="613"/>
      <c r="VDA677" s="613"/>
      <c r="VDB677" s="613"/>
      <c r="VDC677" s="613"/>
      <c r="VDD677" s="613"/>
      <c r="VDE677" s="613"/>
      <c r="VDF677" s="613"/>
      <c r="VDG677" s="613"/>
      <c r="VDH677" s="613"/>
      <c r="VDI677" s="613"/>
      <c r="VDJ677" s="613"/>
      <c r="VDK677" s="613"/>
      <c r="VDL677" s="613"/>
      <c r="VDM677" s="613"/>
      <c r="VDN677" s="613"/>
      <c r="VDO677" s="613"/>
      <c r="VDP677" s="613"/>
      <c r="VDQ677" s="613"/>
      <c r="VDR677" s="613"/>
      <c r="VDS677" s="613"/>
      <c r="VDT677" s="613"/>
      <c r="VDU677" s="613"/>
      <c r="VDV677" s="613"/>
      <c r="VDW677" s="613"/>
      <c r="VDX677" s="613"/>
      <c r="VDY677" s="613"/>
      <c r="VDZ677" s="613"/>
      <c r="VEA677" s="613"/>
      <c r="VEB677" s="613"/>
      <c r="VEC677" s="613"/>
      <c r="VED677" s="613"/>
      <c r="VEE677" s="613"/>
      <c r="VEF677" s="613"/>
      <c r="VEG677" s="613"/>
      <c r="VEH677" s="613"/>
      <c r="VEI677" s="613"/>
      <c r="VEJ677" s="613"/>
      <c r="VEK677" s="613"/>
      <c r="VEL677" s="613"/>
      <c r="VEM677" s="613"/>
      <c r="VEN677" s="613"/>
      <c r="VEO677" s="613"/>
      <c r="VEP677" s="613"/>
      <c r="VEQ677" s="613"/>
      <c r="VER677" s="613"/>
      <c r="VES677" s="613"/>
      <c r="VET677" s="613"/>
      <c r="VEU677" s="613"/>
      <c r="VEV677" s="613"/>
      <c r="VEW677" s="613"/>
      <c r="VEX677" s="613"/>
      <c r="VEY677" s="613"/>
      <c r="VEZ677" s="613"/>
      <c r="VFA677" s="613"/>
      <c r="VFB677" s="613"/>
      <c r="VFC677" s="613"/>
      <c r="VFD677" s="613"/>
      <c r="VFE677" s="613"/>
      <c r="VFF677" s="613"/>
      <c r="VFG677" s="613"/>
      <c r="VFH677" s="613"/>
      <c r="VFI677" s="613"/>
      <c r="VFJ677" s="613"/>
      <c r="VFK677" s="613"/>
      <c r="VFL677" s="613"/>
      <c r="VFM677" s="613"/>
      <c r="VFN677" s="613"/>
      <c r="VFO677" s="613"/>
      <c r="VFP677" s="613"/>
      <c r="VFQ677" s="613"/>
      <c r="VFR677" s="613"/>
      <c r="VFS677" s="613"/>
      <c r="VFT677" s="613"/>
      <c r="VFU677" s="613"/>
      <c r="VFV677" s="613"/>
      <c r="VFW677" s="613"/>
      <c r="VFX677" s="613"/>
      <c r="VFY677" s="613"/>
      <c r="VFZ677" s="613"/>
      <c r="VGA677" s="613"/>
      <c r="VGB677" s="613"/>
      <c r="VGC677" s="613"/>
      <c r="VGD677" s="613"/>
      <c r="VGE677" s="613"/>
      <c r="VGF677" s="613"/>
      <c r="VGG677" s="613"/>
      <c r="VGH677" s="613"/>
      <c r="VGI677" s="613"/>
      <c r="VGJ677" s="613"/>
      <c r="VGK677" s="613"/>
      <c r="VGL677" s="613"/>
      <c r="VGM677" s="613"/>
      <c r="VGN677" s="613"/>
      <c r="VGO677" s="613"/>
      <c r="VGP677" s="613"/>
      <c r="VGQ677" s="613"/>
      <c r="VGR677" s="613"/>
      <c r="VGS677" s="613"/>
      <c r="VGT677" s="613"/>
      <c r="VGU677" s="613"/>
      <c r="VGV677" s="613"/>
      <c r="VGW677" s="613"/>
      <c r="VGX677" s="613"/>
      <c r="VGY677" s="613"/>
      <c r="VGZ677" s="613"/>
      <c r="VHA677" s="613"/>
      <c r="VHB677" s="613"/>
      <c r="VHC677" s="613"/>
      <c r="VHD677" s="613"/>
      <c r="VHE677" s="613"/>
      <c r="VHF677" s="613"/>
      <c r="VHG677" s="613"/>
      <c r="VHH677" s="613"/>
      <c r="VHI677" s="613"/>
      <c r="VHJ677" s="613"/>
      <c r="VHK677" s="613"/>
      <c r="VHL677" s="613"/>
      <c r="VHM677" s="613"/>
      <c r="VHN677" s="613"/>
      <c r="VHO677" s="613"/>
      <c r="VHP677" s="613"/>
      <c r="VHQ677" s="613"/>
      <c r="VHR677" s="613"/>
      <c r="VHS677" s="613"/>
      <c r="VHT677" s="613"/>
      <c r="VHU677" s="613"/>
      <c r="VHV677" s="613"/>
      <c r="VHW677" s="613"/>
      <c r="VHX677" s="613"/>
      <c r="VHY677" s="613"/>
      <c r="VHZ677" s="613"/>
      <c r="VIA677" s="613"/>
      <c r="VIB677" s="613"/>
      <c r="VIC677" s="613"/>
      <c r="VID677" s="613"/>
      <c r="VIE677" s="613"/>
      <c r="VIF677" s="613"/>
      <c r="VIG677" s="613"/>
      <c r="VIH677" s="613"/>
      <c r="VII677" s="613"/>
      <c r="VIJ677" s="613"/>
      <c r="VIK677" s="613"/>
      <c r="VIL677" s="613"/>
      <c r="VIM677" s="613"/>
      <c r="VIN677" s="613"/>
      <c r="VIO677" s="613"/>
      <c r="VIP677" s="613"/>
      <c r="VIQ677" s="613"/>
      <c r="VIR677" s="613"/>
      <c r="VIS677" s="613"/>
      <c r="VIT677" s="613"/>
      <c r="VIU677" s="613"/>
      <c r="VIV677" s="613"/>
      <c r="VIW677" s="613"/>
      <c r="VIX677" s="613"/>
      <c r="VIY677" s="613"/>
      <c r="VIZ677" s="613"/>
      <c r="VJA677" s="613"/>
      <c r="VJB677" s="613"/>
      <c r="VJC677" s="613"/>
      <c r="VJD677" s="613"/>
      <c r="VJE677" s="613"/>
      <c r="VJF677" s="613"/>
      <c r="VJG677" s="613"/>
      <c r="VJH677" s="613"/>
      <c r="VJI677" s="613"/>
      <c r="VJJ677" s="613"/>
      <c r="VJK677" s="613"/>
      <c r="VJL677" s="613"/>
      <c r="VJM677" s="613"/>
      <c r="VJN677" s="613"/>
      <c r="VJO677" s="613"/>
      <c r="VJP677" s="613"/>
      <c r="VJQ677" s="613"/>
      <c r="VJR677" s="613"/>
      <c r="VJS677" s="613"/>
      <c r="VJT677" s="613"/>
      <c r="VJU677" s="613"/>
      <c r="VJV677" s="613"/>
      <c r="VJW677" s="613"/>
      <c r="VJX677" s="613"/>
      <c r="VJY677" s="613"/>
      <c r="VJZ677" s="613"/>
      <c r="VKA677" s="613"/>
      <c r="VKB677" s="613"/>
      <c r="VKC677" s="613"/>
      <c r="VKD677" s="613"/>
      <c r="VKE677" s="613"/>
      <c r="VKF677" s="613"/>
      <c r="VKG677" s="613"/>
      <c r="VKH677" s="613"/>
      <c r="VKI677" s="613"/>
      <c r="VKJ677" s="613"/>
      <c r="VKK677" s="613"/>
      <c r="VKL677" s="613"/>
      <c r="VKM677" s="613"/>
      <c r="VKN677" s="613"/>
      <c r="VKO677" s="613"/>
      <c r="VKP677" s="613"/>
      <c r="VKQ677" s="613"/>
      <c r="VKR677" s="613"/>
      <c r="VKS677" s="613"/>
      <c r="VKT677" s="613"/>
      <c r="VKU677" s="613"/>
      <c r="VKV677" s="613"/>
      <c r="VKW677" s="613"/>
      <c r="VKX677" s="613"/>
      <c r="VKY677" s="613"/>
      <c r="VKZ677" s="613"/>
      <c r="VLA677" s="613"/>
      <c r="VLB677" s="613"/>
      <c r="VLC677" s="613"/>
      <c r="VLD677" s="613"/>
      <c r="VLE677" s="613"/>
      <c r="VLF677" s="613"/>
      <c r="VLG677" s="613"/>
      <c r="VLH677" s="613"/>
      <c r="VLI677" s="613"/>
      <c r="VLJ677" s="613"/>
      <c r="VLK677" s="613"/>
      <c r="VLL677" s="613"/>
      <c r="VLM677" s="613"/>
      <c r="VLN677" s="613"/>
      <c r="VLO677" s="613"/>
      <c r="VLP677" s="613"/>
      <c r="VLQ677" s="613"/>
      <c r="VLR677" s="613"/>
      <c r="VLS677" s="613"/>
      <c r="VLT677" s="613"/>
      <c r="VLU677" s="613"/>
      <c r="VLV677" s="613"/>
      <c r="VLW677" s="613"/>
      <c r="VLX677" s="613"/>
      <c r="VLY677" s="613"/>
      <c r="VLZ677" s="613"/>
      <c r="VMA677" s="613"/>
      <c r="VMB677" s="613"/>
      <c r="VMC677" s="613"/>
      <c r="VMD677" s="613"/>
      <c r="VME677" s="613"/>
      <c r="VMF677" s="613"/>
      <c r="VMG677" s="613"/>
      <c r="VMH677" s="613"/>
      <c r="VMI677" s="613"/>
      <c r="VMJ677" s="613"/>
      <c r="VMK677" s="613"/>
      <c r="VML677" s="613"/>
      <c r="VMM677" s="613"/>
      <c r="VMN677" s="613"/>
      <c r="VMO677" s="613"/>
      <c r="VMP677" s="613"/>
      <c r="VMQ677" s="613"/>
      <c r="VMR677" s="613"/>
      <c r="VMS677" s="613"/>
      <c r="VMT677" s="613"/>
      <c r="VMU677" s="613"/>
      <c r="VMV677" s="613"/>
      <c r="VMW677" s="613"/>
      <c r="VMX677" s="613"/>
      <c r="VMY677" s="613"/>
      <c r="VMZ677" s="613"/>
      <c r="VNA677" s="613"/>
      <c r="VNB677" s="613"/>
      <c r="VNC677" s="613"/>
      <c r="VND677" s="613"/>
      <c r="VNE677" s="613"/>
      <c r="VNF677" s="613"/>
      <c r="VNG677" s="613"/>
      <c r="VNH677" s="613"/>
      <c r="VNI677" s="613"/>
      <c r="VNJ677" s="613"/>
      <c r="VNK677" s="613"/>
      <c r="VNL677" s="613"/>
      <c r="VNM677" s="613"/>
      <c r="VNN677" s="613"/>
      <c r="VNO677" s="613"/>
      <c r="VNP677" s="613"/>
      <c r="VNQ677" s="613"/>
      <c r="VNR677" s="613"/>
      <c r="VNS677" s="613"/>
      <c r="VNT677" s="613"/>
      <c r="VNU677" s="613"/>
      <c r="VNV677" s="613"/>
      <c r="VNW677" s="613"/>
      <c r="VNX677" s="613"/>
      <c r="VNY677" s="613"/>
      <c r="VNZ677" s="613"/>
      <c r="VOA677" s="613"/>
      <c r="VOB677" s="613"/>
      <c r="VOC677" s="613"/>
      <c r="VOD677" s="613"/>
      <c r="VOE677" s="613"/>
      <c r="VOF677" s="613"/>
      <c r="VOG677" s="613"/>
      <c r="VOH677" s="613"/>
      <c r="VOI677" s="613"/>
      <c r="VOJ677" s="613"/>
      <c r="VOK677" s="613"/>
      <c r="VOL677" s="613"/>
      <c r="VOM677" s="613"/>
      <c r="VON677" s="613"/>
      <c r="VOO677" s="613"/>
      <c r="VOP677" s="613"/>
      <c r="VOQ677" s="613"/>
      <c r="VOR677" s="613"/>
      <c r="VOS677" s="613"/>
      <c r="VOT677" s="613"/>
      <c r="VOU677" s="613"/>
      <c r="VOV677" s="613"/>
      <c r="VOW677" s="613"/>
      <c r="VOX677" s="613"/>
      <c r="VOY677" s="613"/>
      <c r="VOZ677" s="613"/>
      <c r="VPA677" s="613"/>
      <c r="VPB677" s="613"/>
      <c r="VPC677" s="613"/>
      <c r="VPD677" s="613"/>
      <c r="VPE677" s="613"/>
      <c r="VPF677" s="613"/>
      <c r="VPG677" s="613"/>
      <c r="VPH677" s="613"/>
      <c r="VPI677" s="613"/>
      <c r="VPJ677" s="613"/>
      <c r="VPK677" s="613"/>
      <c r="VPL677" s="613"/>
      <c r="VPM677" s="613"/>
      <c r="VPN677" s="613"/>
      <c r="VPO677" s="613"/>
      <c r="VPP677" s="613"/>
      <c r="VPQ677" s="613"/>
      <c r="VPR677" s="613"/>
      <c r="VPS677" s="613"/>
      <c r="VPT677" s="613"/>
      <c r="VPU677" s="613"/>
      <c r="VPV677" s="613"/>
      <c r="VPW677" s="613"/>
      <c r="VPX677" s="613"/>
      <c r="VPY677" s="613"/>
      <c r="VPZ677" s="613"/>
      <c r="VQA677" s="613"/>
      <c r="VQB677" s="613"/>
      <c r="VQC677" s="613"/>
      <c r="VQD677" s="613"/>
      <c r="VQE677" s="613"/>
      <c r="VQF677" s="613"/>
      <c r="VQG677" s="613"/>
      <c r="VQH677" s="613"/>
      <c r="VQI677" s="613"/>
      <c r="VQJ677" s="613"/>
      <c r="VQK677" s="613"/>
      <c r="VQL677" s="613"/>
      <c r="VQM677" s="613"/>
      <c r="VQN677" s="613"/>
      <c r="VQO677" s="613"/>
      <c r="VQP677" s="613"/>
      <c r="VQQ677" s="613"/>
      <c r="VQR677" s="613"/>
      <c r="VQS677" s="613"/>
      <c r="VQT677" s="613"/>
      <c r="VQU677" s="613"/>
      <c r="VQV677" s="613"/>
      <c r="VQW677" s="613"/>
      <c r="VQX677" s="613"/>
      <c r="VQY677" s="613"/>
      <c r="VQZ677" s="613"/>
      <c r="VRA677" s="613"/>
      <c r="VRB677" s="613"/>
      <c r="VRC677" s="613"/>
      <c r="VRD677" s="613"/>
      <c r="VRE677" s="613"/>
      <c r="VRF677" s="613"/>
      <c r="VRG677" s="613"/>
      <c r="VRH677" s="613"/>
      <c r="VRI677" s="613"/>
      <c r="VRJ677" s="613"/>
      <c r="VRK677" s="613"/>
      <c r="VRL677" s="613"/>
      <c r="VRM677" s="613"/>
      <c r="VRN677" s="613"/>
      <c r="VRO677" s="613"/>
      <c r="VRP677" s="613"/>
      <c r="VRQ677" s="613"/>
      <c r="VRR677" s="613"/>
      <c r="VRS677" s="613"/>
      <c r="VRT677" s="613"/>
      <c r="VRU677" s="613"/>
      <c r="VRV677" s="613"/>
      <c r="VRW677" s="613"/>
      <c r="VRX677" s="613"/>
      <c r="VRY677" s="613"/>
      <c r="VRZ677" s="613"/>
      <c r="VSA677" s="613"/>
      <c r="VSB677" s="613"/>
      <c r="VSC677" s="613"/>
      <c r="VSD677" s="613"/>
      <c r="VSE677" s="613"/>
      <c r="VSF677" s="613"/>
      <c r="VSG677" s="613"/>
      <c r="VSH677" s="613"/>
      <c r="VSI677" s="613"/>
      <c r="VSJ677" s="613"/>
      <c r="VSK677" s="613"/>
      <c r="VSL677" s="613"/>
      <c r="VSM677" s="613"/>
      <c r="VSN677" s="613"/>
      <c r="VSO677" s="613"/>
      <c r="VSP677" s="613"/>
      <c r="VSQ677" s="613"/>
      <c r="VSR677" s="613"/>
      <c r="VSS677" s="613"/>
      <c r="VST677" s="613"/>
      <c r="VSU677" s="613"/>
      <c r="VSV677" s="613"/>
      <c r="VSW677" s="613"/>
      <c r="VSX677" s="613"/>
      <c r="VSY677" s="613"/>
      <c r="VSZ677" s="613"/>
      <c r="VTA677" s="613"/>
      <c r="VTB677" s="613"/>
      <c r="VTC677" s="613"/>
      <c r="VTD677" s="613"/>
      <c r="VTE677" s="613"/>
      <c r="VTF677" s="613"/>
      <c r="VTG677" s="613"/>
      <c r="VTH677" s="613"/>
      <c r="VTI677" s="613"/>
      <c r="VTJ677" s="613"/>
      <c r="VTK677" s="613"/>
      <c r="VTL677" s="613"/>
      <c r="VTM677" s="613"/>
      <c r="VTN677" s="613"/>
      <c r="VTO677" s="613"/>
      <c r="VTP677" s="613"/>
      <c r="VTQ677" s="613"/>
      <c r="VTR677" s="613"/>
      <c r="VTS677" s="613"/>
      <c r="VTT677" s="613"/>
      <c r="VTU677" s="613"/>
      <c r="VTV677" s="613"/>
      <c r="VTW677" s="613"/>
      <c r="VTX677" s="613"/>
      <c r="VTY677" s="613"/>
      <c r="VTZ677" s="613"/>
      <c r="VUA677" s="613"/>
      <c r="VUB677" s="613"/>
      <c r="VUC677" s="613"/>
      <c r="VUD677" s="613"/>
      <c r="VUE677" s="613"/>
      <c r="VUF677" s="613"/>
      <c r="VUG677" s="613"/>
      <c r="VUH677" s="613"/>
      <c r="VUI677" s="613"/>
      <c r="VUJ677" s="613"/>
      <c r="VUK677" s="613"/>
      <c r="VUL677" s="613"/>
      <c r="VUM677" s="613"/>
      <c r="VUN677" s="613"/>
      <c r="VUO677" s="613"/>
      <c r="VUP677" s="613"/>
      <c r="VUQ677" s="613"/>
      <c r="VUR677" s="613"/>
      <c r="VUS677" s="613"/>
      <c r="VUT677" s="613"/>
      <c r="VUU677" s="613"/>
      <c r="VUV677" s="613"/>
      <c r="VUW677" s="613"/>
      <c r="VUX677" s="613"/>
      <c r="VUY677" s="613"/>
      <c r="VUZ677" s="613"/>
      <c r="VVA677" s="613"/>
      <c r="VVB677" s="613"/>
      <c r="VVC677" s="613"/>
      <c r="VVD677" s="613"/>
      <c r="VVE677" s="613"/>
      <c r="VVF677" s="613"/>
      <c r="VVG677" s="613"/>
      <c r="VVH677" s="613"/>
      <c r="VVI677" s="613"/>
      <c r="VVJ677" s="613"/>
      <c r="VVK677" s="613"/>
      <c r="VVL677" s="613"/>
      <c r="VVM677" s="613"/>
      <c r="VVN677" s="613"/>
      <c r="VVO677" s="613"/>
      <c r="VVP677" s="613"/>
      <c r="VVQ677" s="613"/>
      <c r="VVR677" s="613"/>
      <c r="VVS677" s="613"/>
      <c r="VVT677" s="613"/>
      <c r="VVU677" s="613"/>
      <c r="VVV677" s="613"/>
      <c r="VVW677" s="613"/>
      <c r="VVX677" s="613"/>
      <c r="VVY677" s="613"/>
      <c r="VVZ677" s="613"/>
      <c r="VWA677" s="613"/>
      <c r="VWB677" s="613"/>
      <c r="VWC677" s="613"/>
      <c r="VWD677" s="613"/>
      <c r="VWE677" s="613"/>
      <c r="VWF677" s="613"/>
      <c r="VWG677" s="613"/>
      <c r="VWH677" s="613"/>
      <c r="VWI677" s="613"/>
      <c r="VWJ677" s="613"/>
      <c r="VWK677" s="613"/>
      <c r="VWL677" s="613"/>
      <c r="VWM677" s="613"/>
      <c r="VWN677" s="613"/>
      <c r="VWO677" s="613"/>
      <c r="VWP677" s="613"/>
      <c r="VWQ677" s="613"/>
      <c r="VWR677" s="613"/>
      <c r="VWS677" s="613"/>
      <c r="VWT677" s="613"/>
      <c r="VWU677" s="613"/>
      <c r="VWV677" s="613"/>
      <c r="VWW677" s="613"/>
      <c r="VWX677" s="613"/>
      <c r="VWY677" s="613"/>
      <c r="VWZ677" s="613"/>
      <c r="VXA677" s="613"/>
      <c r="VXB677" s="613"/>
      <c r="VXC677" s="613"/>
      <c r="VXD677" s="613"/>
      <c r="VXE677" s="613"/>
      <c r="VXF677" s="613"/>
      <c r="VXG677" s="613"/>
      <c r="VXH677" s="613"/>
      <c r="VXI677" s="613"/>
      <c r="VXJ677" s="613"/>
      <c r="VXK677" s="613"/>
      <c r="VXL677" s="613"/>
      <c r="VXM677" s="613"/>
      <c r="VXN677" s="613"/>
      <c r="VXO677" s="613"/>
      <c r="VXP677" s="613"/>
      <c r="VXQ677" s="613"/>
      <c r="VXR677" s="613"/>
      <c r="VXS677" s="613"/>
      <c r="VXT677" s="613"/>
      <c r="VXU677" s="613"/>
      <c r="VXV677" s="613"/>
      <c r="VXW677" s="613"/>
      <c r="VXX677" s="613"/>
      <c r="VXY677" s="613"/>
      <c r="VXZ677" s="613"/>
      <c r="VYA677" s="613"/>
      <c r="VYB677" s="613"/>
      <c r="VYC677" s="613"/>
      <c r="VYD677" s="613"/>
      <c r="VYE677" s="613"/>
      <c r="VYF677" s="613"/>
      <c r="VYG677" s="613"/>
      <c r="VYH677" s="613"/>
      <c r="VYI677" s="613"/>
      <c r="VYJ677" s="613"/>
      <c r="VYK677" s="613"/>
      <c r="VYL677" s="613"/>
      <c r="VYM677" s="613"/>
      <c r="VYN677" s="613"/>
      <c r="VYO677" s="613"/>
      <c r="VYP677" s="613"/>
      <c r="VYQ677" s="613"/>
      <c r="VYR677" s="613"/>
      <c r="VYS677" s="613"/>
      <c r="VYT677" s="613"/>
      <c r="VYU677" s="613"/>
      <c r="VYV677" s="613"/>
      <c r="VYW677" s="613"/>
      <c r="VYX677" s="613"/>
      <c r="VYY677" s="613"/>
      <c r="VYZ677" s="613"/>
      <c r="VZA677" s="613"/>
      <c r="VZB677" s="613"/>
      <c r="VZC677" s="613"/>
      <c r="VZD677" s="613"/>
      <c r="VZE677" s="613"/>
      <c r="VZF677" s="613"/>
      <c r="VZG677" s="613"/>
      <c r="VZH677" s="613"/>
      <c r="VZI677" s="613"/>
      <c r="VZJ677" s="613"/>
      <c r="VZK677" s="613"/>
      <c r="VZL677" s="613"/>
      <c r="VZM677" s="613"/>
      <c r="VZN677" s="613"/>
      <c r="VZO677" s="613"/>
      <c r="VZP677" s="613"/>
      <c r="VZQ677" s="613"/>
      <c r="VZR677" s="613"/>
      <c r="VZS677" s="613"/>
      <c r="VZT677" s="613"/>
      <c r="VZU677" s="613"/>
      <c r="VZV677" s="613"/>
      <c r="VZW677" s="613"/>
      <c r="VZX677" s="613"/>
      <c r="VZY677" s="613"/>
      <c r="VZZ677" s="613"/>
      <c r="WAA677" s="613"/>
      <c r="WAB677" s="613"/>
      <c r="WAC677" s="613"/>
      <c r="WAD677" s="613"/>
      <c r="WAE677" s="613"/>
      <c r="WAF677" s="613"/>
      <c r="WAG677" s="613"/>
      <c r="WAH677" s="613"/>
      <c r="WAI677" s="613"/>
      <c r="WAJ677" s="613"/>
      <c r="WAK677" s="613"/>
      <c r="WAL677" s="613"/>
      <c r="WAM677" s="613"/>
      <c r="WAN677" s="613"/>
      <c r="WAO677" s="613"/>
      <c r="WAP677" s="613"/>
      <c r="WAQ677" s="613"/>
      <c r="WAR677" s="613"/>
      <c r="WAS677" s="613"/>
      <c r="WAT677" s="613"/>
      <c r="WAU677" s="613"/>
      <c r="WAV677" s="613"/>
      <c r="WAW677" s="613"/>
      <c r="WAX677" s="613"/>
      <c r="WAY677" s="613"/>
      <c r="WAZ677" s="613"/>
      <c r="WBA677" s="613"/>
      <c r="WBB677" s="613"/>
      <c r="WBC677" s="613"/>
      <c r="WBD677" s="613"/>
      <c r="WBE677" s="613"/>
      <c r="WBF677" s="613"/>
      <c r="WBG677" s="613"/>
      <c r="WBH677" s="613"/>
      <c r="WBI677" s="613"/>
      <c r="WBJ677" s="613"/>
      <c r="WBK677" s="613"/>
      <c r="WBL677" s="613"/>
      <c r="WBM677" s="613"/>
      <c r="WBN677" s="613"/>
      <c r="WBO677" s="613"/>
      <c r="WBP677" s="613"/>
      <c r="WBQ677" s="613"/>
      <c r="WBR677" s="613"/>
      <c r="WBS677" s="613"/>
      <c r="WBT677" s="613"/>
      <c r="WBU677" s="613"/>
      <c r="WBV677" s="613"/>
      <c r="WBW677" s="613"/>
      <c r="WBX677" s="613"/>
      <c r="WBY677" s="613"/>
      <c r="WBZ677" s="613"/>
      <c r="WCA677" s="613"/>
      <c r="WCB677" s="613"/>
      <c r="WCC677" s="613"/>
      <c r="WCD677" s="613"/>
      <c r="WCE677" s="613"/>
      <c r="WCF677" s="613"/>
      <c r="WCG677" s="613"/>
      <c r="WCH677" s="613"/>
      <c r="WCI677" s="613"/>
      <c r="WCJ677" s="613"/>
      <c r="WCK677" s="613"/>
      <c r="WCL677" s="613"/>
      <c r="WCM677" s="613"/>
      <c r="WCN677" s="613"/>
      <c r="WCO677" s="613"/>
      <c r="WCP677" s="613"/>
      <c r="WCQ677" s="613"/>
      <c r="WCR677" s="613"/>
      <c r="WCS677" s="613"/>
      <c r="WCT677" s="613"/>
      <c r="WCU677" s="613"/>
      <c r="WCV677" s="613"/>
      <c r="WCW677" s="613"/>
      <c r="WCX677" s="613"/>
      <c r="WCY677" s="613"/>
      <c r="WCZ677" s="613"/>
      <c r="WDA677" s="613"/>
      <c r="WDB677" s="613"/>
      <c r="WDC677" s="613"/>
      <c r="WDD677" s="613"/>
      <c r="WDE677" s="613"/>
      <c r="WDF677" s="613"/>
      <c r="WDG677" s="613"/>
      <c r="WDH677" s="613"/>
      <c r="WDI677" s="613"/>
      <c r="WDJ677" s="613"/>
      <c r="WDK677" s="613"/>
      <c r="WDL677" s="613"/>
      <c r="WDM677" s="613"/>
      <c r="WDN677" s="613"/>
      <c r="WDO677" s="613"/>
      <c r="WDP677" s="613"/>
      <c r="WDQ677" s="613"/>
      <c r="WDR677" s="613"/>
      <c r="WDS677" s="613"/>
      <c r="WDT677" s="613"/>
      <c r="WDU677" s="613"/>
      <c r="WDV677" s="613"/>
      <c r="WDW677" s="613"/>
      <c r="WDX677" s="613"/>
      <c r="WDY677" s="613"/>
      <c r="WDZ677" s="613"/>
      <c r="WEA677" s="613"/>
      <c r="WEB677" s="613"/>
      <c r="WEC677" s="613"/>
      <c r="WED677" s="613"/>
      <c r="WEE677" s="613"/>
      <c r="WEF677" s="613"/>
      <c r="WEG677" s="613"/>
      <c r="WEH677" s="613"/>
      <c r="WEI677" s="613"/>
      <c r="WEJ677" s="613"/>
      <c r="WEK677" s="613"/>
      <c r="WEL677" s="613"/>
      <c r="WEM677" s="613"/>
      <c r="WEN677" s="613"/>
      <c r="WEO677" s="613"/>
      <c r="WEP677" s="613"/>
      <c r="WEQ677" s="613"/>
      <c r="WER677" s="613"/>
      <c r="WES677" s="613"/>
      <c r="WET677" s="613"/>
      <c r="WEU677" s="613"/>
      <c r="WEV677" s="613"/>
      <c r="WEW677" s="613"/>
      <c r="WEX677" s="613"/>
      <c r="WEY677" s="613"/>
      <c r="WEZ677" s="613"/>
      <c r="WFA677" s="613"/>
      <c r="WFB677" s="613"/>
      <c r="WFC677" s="613"/>
      <c r="WFD677" s="613"/>
      <c r="WFE677" s="613"/>
      <c r="WFF677" s="613"/>
      <c r="WFG677" s="613"/>
      <c r="WFH677" s="613"/>
      <c r="WFI677" s="613"/>
      <c r="WFJ677" s="613"/>
      <c r="WFK677" s="613"/>
      <c r="WFL677" s="613"/>
      <c r="WFM677" s="613"/>
      <c r="WFN677" s="613"/>
      <c r="WFO677" s="613"/>
      <c r="WFP677" s="613"/>
      <c r="WFQ677" s="613"/>
      <c r="WFR677" s="613"/>
      <c r="WFS677" s="613"/>
      <c r="WFT677" s="613"/>
      <c r="WFU677" s="613"/>
      <c r="WFV677" s="613"/>
      <c r="WFW677" s="613"/>
      <c r="WFX677" s="613"/>
      <c r="WFY677" s="613"/>
      <c r="WFZ677" s="613"/>
      <c r="WGA677" s="613"/>
      <c r="WGB677" s="613"/>
      <c r="WGC677" s="613"/>
      <c r="WGD677" s="613"/>
      <c r="WGE677" s="613"/>
      <c r="WGF677" s="613"/>
      <c r="WGG677" s="613"/>
      <c r="WGH677" s="613"/>
      <c r="WGI677" s="613"/>
      <c r="WGJ677" s="613"/>
      <c r="WGK677" s="613"/>
      <c r="WGL677" s="613"/>
      <c r="WGM677" s="613"/>
      <c r="WGN677" s="613"/>
      <c r="WGO677" s="613"/>
      <c r="WGP677" s="613"/>
      <c r="WGQ677" s="613"/>
      <c r="WGR677" s="613"/>
      <c r="WGS677" s="613"/>
      <c r="WGT677" s="613"/>
      <c r="WGU677" s="613"/>
      <c r="WGV677" s="613"/>
      <c r="WGW677" s="613"/>
      <c r="WGX677" s="613"/>
      <c r="WGY677" s="613"/>
      <c r="WGZ677" s="613"/>
      <c r="WHA677" s="613"/>
      <c r="WHB677" s="613"/>
      <c r="WHC677" s="613"/>
      <c r="WHD677" s="613"/>
      <c r="WHE677" s="613"/>
      <c r="WHF677" s="613"/>
      <c r="WHG677" s="613"/>
      <c r="WHH677" s="613"/>
      <c r="WHI677" s="613"/>
      <c r="WHJ677" s="613"/>
      <c r="WHK677" s="613"/>
      <c r="WHL677" s="613"/>
      <c r="WHM677" s="613"/>
      <c r="WHN677" s="613"/>
      <c r="WHO677" s="613"/>
      <c r="WHP677" s="613"/>
      <c r="WHQ677" s="613"/>
      <c r="WHR677" s="613"/>
      <c r="WHS677" s="613"/>
      <c r="WHT677" s="613"/>
      <c r="WHU677" s="613"/>
      <c r="WHV677" s="613"/>
      <c r="WHW677" s="613"/>
      <c r="WHX677" s="613"/>
      <c r="WHY677" s="613"/>
      <c r="WHZ677" s="613"/>
      <c r="WIA677" s="613"/>
      <c r="WIB677" s="613"/>
      <c r="WIC677" s="613"/>
      <c r="WID677" s="613"/>
      <c r="WIE677" s="613"/>
      <c r="WIF677" s="613"/>
      <c r="WIG677" s="613"/>
      <c r="WIH677" s="613"/>
      <c r="WII677" s="613"/>
      <c r="WIJ677" s="613"/>
      <c r="WIK677" s="613"/>
      <c r="WIL677" s="613"/>
      <c r="WIM677" s="613"/>
      <c r="WIN677" s="613"/>
      <c r="WIO677" s="613"/>
      <c r="WIP677" s="613"/>
      <c r="WIQ677" s="613"/>
      <c r="WIR677" s="613"/>
      <c r="WIS677" s="613"/>
      <c r="WIT677" s="613"/>
      <c r="WIU677" s="613"/>
      <c r="WIV677" s="613"/>
      <c r="WIW677" s="613"/>
      <c r="WIX677" s="613"/>
      <c r="WIY677" s="613"/>
      <c r="WIZ677" s="613"/>
      <c r="WJA677" s="613"/>
      <c r="WJB677" s="613"/>
      <c r="WJC677" s="613"/>
      <c r="WJD677" s="613"/>
      <c r="WJE677" s="613"/>
      <c r="WJF677" s="613"/>
      <c r="WJG677" s="613"/>
      <c r="WJH677" s="613"/>
      <c r="WJI677" s="613"/>
      <c r="WJJ677" s="613"/>
      <c r="WJK677" s="613"/>
      <c r="WJL677" s="613"/>
      <c r="WJM677" s="613"/>
      <c r="WJN677" s="613"/>
      <c r="WJO677" s="613"/>
      <c r="WJP677" s="613"/>
      <c r="WJQ677" s="613"/>
      <c r="WJR677" s="613"/>
      <c r="WJS677" s="613"/>
      <c r="WJT677" s="613"/>
      <c r="WJU677" s="613"/>
      <c r="WJV677" s="613"/>
      <c r="WJW677" s="613"/>
      <c r="WJX677" s="613"/>
      <c r="WJY677" s="613"/>
      <c r="WJZ677" s="613"/>
      <c r="WKA677" s="613"/>
      <c r="WKB677" s="613"/>
      <c r="WKC677" s="613"/>
      <c r="WKD677" s="613"/>
      <c r="WKE677" s="613"/>
      <c r="WKF677" s="613"/>
      <c r="WKG677" s="613"/>
      <c r="WKH677" s="613"/>
      <c r="WKI677" s="613"/>
      <c r="WKJ677" s="613"/>
      <c r="WKK677" s="613"/>
      <c r="WKL677" s="613"/>
      <c r="WKM677" s="613"/>
      <c r="WKN677" s="613"/>
      <c r="WKO677" s="613"/>
      <c r="WKP677" s="613"/>
      <c r="WKQ677" s="613"/>
      <c r="WKR677" s="613"/>
      <c r="WKS677" s="613"/>
      <c r="WKT677" s="613"/>
      <c r="WKU677" s="613"/>
      <c r="WKV677" s="613"/>
      <c r="WKW677" s="613"/>
      <c r="WKX677" s="613"/>
      <c r="WKY677" s="613"/>
      <c r="WKZ677" s="613"/>
      <c r="WLA677" s="613"/>
      <c r="WLB677" s="613"/>
      <c r="WLC677" s="613"/>
      <c r="WLD677" s="613"/>
      <c r="WLE677" s="613"/>
      <c r="WLF677" s="613"/>
      <c r="WLG677" s="613"/>
      <c r="WLH677" s="613"/>
      <c r="WLI677" s="613"/>
      <c r="WLJ677" s="613"/>
      <c r="WLK677" s="613"/>
      <c r="WLL677" s="613"/>
      <c r="WLM677" s="613"/>
      <c r="WLN677" s="613"/>
      <c r="WLO677" s="613"/>
      <c r="WLP677" s="613"/>
      <c r="WLQ677" s="613"/>
      <c r="WLR677" s="613"/>
      <c r="WLS677" s="613"/>
      <c r="WLT677" s="613"/>
      <c r="WLU677" s="613"/>
      <c r="WLV677" s="613"/>
      <c r="WLW677" s="613"/>
      <c r="WLX677" s="613"/>
      <c r="WLY677" s="613"/>
      <c r="WLZ677" s="613"/>
      <c r="WMA677" s="613"/>
      <c r="WMB677" s="613"/>
      <c r="WMC677" s="613"/>
      <c r="WMD677" s="613"/>
      <c r="WME677" s="613"/>
      <c r="WMF677" s="613"/>
      <c r="WMG677" s="613"/>
      <c r="WMH677" s="613"/>
      <c r="WMI677" s="613"/>
      <c r="WMJ677" s="613"/>
      <c r="WMK677" s="613"/>
      <c r="WML677" s="613"/>
      <c r="WMM677" s="613"/>
      <c r="WMN677" s="613"/>
      <c r="WMO677" s="613"/>
      <c r="WMP677" s="613"/>
      <c r="WMQ677" s="613"/>
      <c r="WMR677" s="613"/>
      <c r="WMS677" s="613"/>
      <c r="WMT677" s="613"/>
      <c r="WMU677" s="613"/>
      <c r="WMV677" s="613"/>
      <c r="WMW677" s="613"/>
      <c r="WMX677" s="613"/>
      <c r="WMY677" s="613"/>
      <c r="WMZ677" s="613"/>
      <c r="WNA677" s="613"/>
      <c r="WNB677" s="613"/>
      <c r="WNC677" s="613"/>
      <c r="WND677" s="613"/>
      <c r="WNE677" s="613"/>
      <c r="WNF677" s="613"/>
      <c r="WNG677" s="613"/>
      <c r="WNH677" s="613"/>
      <c r="WNI677" s="613"/>
      <c r="WNJ677" s="613"/>
      <c r="WNK677" s="613"/>
      <c r="WNL677" s="613"/>
      <c r="WNM677" s="613"/>
      <c r="WNN677" s="613"/>
      <c r="WNO677" s="613"/>
      <c r="WNP677" s="613"/>
      <c r="WNQ677" s="613"/>
      <c r="WNR677" s="613"/>
      <c r="WNS677" s="613"/>
      <c r="WNT677" s="613"/>
      <c r="WNU677" s="613"/>
      <c r="WNV677" s="613"/>
      <c r="WNW677" s="613"/>
      <c r="WNX677" s="613"/>
      <c r="WNY677" s="613"/>
      <c r="WNZ677" s="613"/>
      <c r="WOA677" s="613"/>
      <c r="WOB677" s="613"/>
      <c r="WOC677" s="613"/>
      <c r="WOD677" s="613"/>
      <c r="WOE677" s="613"/>
      <c r="WOF677" s="613"/>
      <c r="WOG677" s="613"/>
      <c r="WOH677" s="613"/>
      <c r="WOI677" s="613"/>
      <c r="WOJ677" s="613"/>
      <c r="WOK677" s="613"/>
      <c r="WOL677" s="613"/>
      <c r="WOM677" s="613"/>
      <c r="WON677" s="613"/>
      <c r="WOO677" s="613"/>
      <c r="WOP677" s="613"/>
      <c r="WOQ677" s="613"/>
      <c r="WOR677" s="613"/>
      <c r="WOS677" s="613"/>
      <c r="WOT677" s="613"/>
      <c r="WOU677" s="613"/>
      <c r="WOV677" s="613"/>
      <c r="WOW677" s="613"/>
      <c r="WOX677" s="613"/>
      <c r="WOY677" s="613"/>
      <c r="WOZ677" s="613"/>
      <c r="WPA677" s="613"/>
      <c r="WPB677" s="613"/>
      <c r="WPC677" s="613"/>
      <c r="WPD677" s="613"/>
      <c r="WPE677" s="613"/>
      <c r="WPF677" s="613"/>
      <c r="WPG677" s="613"/>
      <c r="WPH677" s="613"/>
      <c r="WPI677" s="613"/>
      <c r="WPJ677" s="613"/>
      <c r="WPK677" s="613"/>
      <c r="WPL677" s="613"/>
      <c r="WPM677" s="613"/>
      <c r="WPN677" s="613"/>
      <c r="WPO677" s="613"/>
      <c r="WPP677" s="613"/>
      <c r="WPQ677" s="613"/>
      <c r="WPR677" s="613"/>
      <c r="WPS677" s="613"/>
      <c r="WPT677" s="613"/>
      <c r="WPU677" s="613"/>
      <c r="WPV677" s="613"/>
      <c r="WPW677" s="613"/>
      <c r="WPX677" s="613"/>
      <c r="WPY677" s="613"/>
      <c r="WPZ677" s="613"/>
      <c r="WQA677" s="613"/>
      <c r="WQB677" s="613"/>
      <c r="WQC677" s="613"/>
      <c r="WQD677" s="613"/>
      <c r="WQE677" s="613"/>
      <c r="WQF677" s="613"/>
      <c r="WQG677" s="613"/>
      <c r="WQH677" s="613"/>
      <c r="WQI677" s="613"/>
      <c r="WQJ677" s="613"/>
      <c r="WQK677" s="613"/>
      <c r="WQL677" s="613"/>
      <c r="WQM677" s="613"/>
      <c r="WQN677" s="613"/>
      <c r="WQO677" s="613"/>
      <c r="WQP677" s="613"/>
      <c r="WQQ677" s="613"/>
      <c r="WQR677" s="613"/>
      <c r="WQS677" s="613"/>
      <c r="WQT677" s="613"/>
      <c r="WQU677" s="613"/>
      <c r="WQV677" s="613"/>
      <c r="WQW677" s="613"/>
      <c r="WQX677" s="613"/>
      <c r="WQY677" s="613"/>
      <c r="WQZ677" s="613"/>
      <c r="WRA677" s="613"/>
      <c r="WRB677" s="613"/>
      <c r="WRC677" s="613"/>
      <c r="WRD677" s="613"/>
      <c r="WRE677" s="613"/>
      <c r="WRF677" s="613"/>
      <c r="WRG677" s="613"/>
      <c r="WRH677" s="613"/>
      <c r="WRI677" s="613"/>
      <c r="WRJ677" s="613"/>
      <c r="WRK677" s="613"/>
      <c r="WRL677" s="613"/>
      <c r="WRM677" s="613"/>
      <c r="WRN677" s="613"/>
      <c r="WRO677" s="613"/>
      <c r="WRP677" s="613"/>
      <c r="WRQ677" s="613"/>
      <c r="WRR677" s="613"/>
      <c r="WRS677" s="613"/>
      <c r="WRT677" s="613"/>
      <c r="WRU677" s="613"/>
      <c r="WRV677" s="613"/>
      <c r="WRW677" s="613"/>
      <c r="WRX677" s="613"/>
      <c r="WRY677" s="613"/>
      <c r="WRZ677" s="613"/>
      <c r="WSA677" s="613"/>
      <c r="WSB677" s="613"/>
      <c r="WSC677" s="613"/>
      <c r="WSD677" s="613"/>
      <c r="WSE677" s="613"/>
      <c r="WSF677" s="613"/>
      <c r="WSG677" s="613"/>
      <c r="WSH677" s="613"/>
      <c r="WSI677" s="613"/>
      <c r="WSJ677" s="613"/>
      <c r="WSK677" s="613"/>
      <c r="WSL677" s="613"/>
      <c r="WSM677" s="613"/>
      <c r="WSN677" s="613"/>
      <c r="WSO677" s="613"/>
      <c r="WSP677" s="613"/>
      <c r="WSQ677" s="613"/>
      <c r="WSR677" s="613"/>
      <c r="WSS677" s="613"/>
      <c r="WST677" s="613"/>
      <c r="WSU677" s="613"/>
      <c r="WSV677" s="613"/>
      <c r="WSW677" s="613"/>
      <c r="WSX677" s="613"/>
      <c r="WSY677" s="613"/>
      <c r="WSZ677" s="613"/>
      <c r="WTA677" s="613"/>
      <c r="WTB677" s="613"/>
      <c r="WTC677" s="613"/>
      <c r="WTD677" s="613"/>
      <c r="WTE677" s="613"/>
      <c r="WTF677" s="613"/>
      <c r="WTG677" s="613"/>
      <c r="WTH677" s="613"/>
      <c r="WTI677" s="613"/>
      <c r="WTJ677" s="613"/>
      <c r="WTK677" s="613"/>
      <c r="WTL677" s="613"/>
      <c r="WTM677" s="613"/>
      <c r="WTN677" s="613"/>
      <c r="WTO677" s="613"/>
      <c r="WTP677" s="613"/>
      <c r="WTQ677" s="613"/>
      <c r="WTR677" s="613"/>
      <c r="WTS677" s="613"/>
      <c r="WTT677" s="613"/>
      <c r="WTU677" s="613"/>
      <c r="WTV677" s="613"/>
      <c r="WTW677" s="613"/>
      <c r="WTX677" s="613"/>
      <c r="WTY677" s="613"/>
      <c r="WTZ677" s="613"/>
      <c r="WUA677" s="613"/>
      <c r="WUB677" s="613"/>
      <c r="WUC677" s="613"/>
      <c r="WUD677" s="613"/>
      <c r="WUE677" s="613"/>
      <c r="WUF677" s="613"/>
      <c r="WUG677" s="613"/>
      <c r="WUH677" s="613"/>
      <c r="WUI677" s="613"/>
      <c r="WUJ677" s="613"/>
      <c r="WUK677" s="613"/>
      <c r="WUL677" s="613"/>
      <c r="WUM677" s="613"/>
      <c r="WUN677" s="613"/>
      <c r="WUO677" s="613"/>
      <c r="WUP677" s="613"/>
      <c r="WUQ677" s="613"/>
      <c r="WUR677" s="613"/>
      <c r="WUS677" s="613"/>
      <c r="WUT677" s="613"/>
      <c r="WUU677" s="613"/>
      <c r="WUV677" s="613"/>
      <c r="WUW677" s="613"/>
      <c r="WUX677" s="613"/>
      <c r="WUY677" s="613"/>
      <c r="WUZ677" s="613"/>
      <c r="WVA677" s="613"/>
      <c r="WVB677" s="613"/>
      <c r="WVC677" s="613"/>
      <c r="WVD677" s="613"/>
      <c r="WVE677" s="613"/>
      <c r="WVF677" s="613"/>
      <c r="WVG677" s="613"/>
      <c r="WVH677" s="613"/>
      <c r="WVI677" s="613"/>
      <c r="WVJ677" s="613"/>
      <c r="WVK677" s="613"/>
      <c r="WVL677" s="613"/>
      <c r="WVM677" s="613"/>
      <c r="WVN677" s="613"/>
      <c r="WVO677" s="613"/>
      <c r="WVP677" s="613"/>
      <c r="WVQ677" s="613"/>
      <c r="WVR677" s="613"/>
      <c r="WVS677" s="613"/>
      <c r="WVT677" s="613"/>
      <c r="WVU677" s="613"/>
      <c r="WVV677" s="613"/>
      <c r="WVW677" s="613"/>
      <c r="WVX677" s="613"/>
      <c r="WVY677" s="613"/>
      <c r="WVZ677" s="613"/>
      <c r="WWA677" s="613"/>
      <c r="WWB677" s="613"/>
      <c r="WWC677" s="613"/>
      <c r="WWD677" s="613"/>
      <c r="WWE677" s="613"/>
      <c r="WWF677" s="613"/>
      <c r="WWG677" s="613"/>
      <c r="WWH677" s="613"/>
      <c r="WWI677" s="613"/>
      <c r="WWJ677" s="613"/>
      <c r="WWK677" s="613"/>
      <c r="WWL677" s="613"/>
      <c r="WWM677" s="613"/>
      <c r="WWN677" s="613"/>
      <c r="WWO677" s="613"/>
      <c r="WWP677" s="613"/>
      <c r="WWQ677" s="613"/>
      <c r="WWR677" s="613"/>
      <c r="WWS677" s="613"/>
      <c r="WWT677" s="613"/>
      <c r="WWU677" s="613"/>
      <c r="WWV677" s="613"/>
      <c r="WWW677" s="613"/>
      <c r="WWX677" s="613"/>
      <c r="WWY677" s="613"/>
      <c r="WWZ677" s="613"/>
      <c r="WXA677" s="613"/>
      <c r="WXB677" s="613"/>
      <c r="WXC677" s="613"/>
      <c r="WXD677" s="613"/>
      <c r="WXE677" s="613"/>
      <c r="WXF677" s="613"/>
      <c r="WXG677" s="613"/>
      <c r="WXH677" s="613"/>
      <c r="WXI677" s="613"/>
      <c r="WXJ677" s="613"/>
      <c r="WXK677" s="613"/>
      <c r="WXL677" s="613"/>
      <c r="WXM677" s="613"/>
      <c r="WXN677" s="613"/>
      <c r="WXO677" s="613"/>
      <c r="WXP677" s="613"/>
      <c r="WXQ677" s="613"/>
      <c r="WXR677" s="613"/>
      <c r="WXS677" s="613"/>
      <c r="WXT677" s="613"/>
      <c r="WXU677" s="613"/>
      <c r="WXV677" s="613"/>
      <c r="WXW677" s="613"/>
      <c r="WXX677" s="613"/>
      <c r="WXY677" s="613"/>
      <c r="WXZ677" s="613"/>
      <c r="WYA677" s="613"/>
      <c r="WYB677" s="613"/>
      <c r="WYC677" s="613"/>
      <c r="WYD677" s="613"/>
      <c r="WYE677" s="613"/>
      <c r="WYF677" s="613"/>
      <c r="WYG677" s="613"/>
      <c r="WYH677" s="613"/>
      <c r="WYI677" s="613"/>
      <c r="WYJ677" s="613"/>
      <c r="WYK677" s="613"/>
      <c r="WYL677" s="613"/>
      <c r="WYM677" s="613"/>
      <c r="WYN677" s="613"/>
      <c r="WYO677" s="613"/>
      <c r="WYP677" s="613"/>
      <c r="WYQ677" s="613"/>
      <c r="WYR677" s="613"/>
      <c r="WYS677" s="613"/>
      <c r="WYT677" s="613"/>
      <c r="WYU677" s="613"/>
      <c r="WYV677" s="613"/>
      <c r="WYW677" s="613"/>
      <c r="WYX677" s="613"/>
      <c r="WYY677" s="613"/>
      <c r="WYZ677" s="613"/>
      <c r="WZA677" s="613"/>
      <c r="WZB677" s="613"/>
      <c r="WZC677" s="613"/>
      <c r="WZD677" s="613"/>
      <c r="WZE677" s="613"/>
      <c r="WZF677" s="613"/>
      <c r="WZG677" s="613"/>
      <c r="WZH677" s="613"/>
      <c r="WZI677" s="613"/>
      <c r="WZJ677" s="613"/>
      <c r="WZK677" s="613"/>
      <c r="WZL677" s="613"/>
      <c r="WZM677" s="613"/>
      <c r="WZN677" s="613"/>
      <c r="WZO677" s="613"/>
      <c r="WZP677" s="613"/>
      <c r="WZQ677" s="613"/>
      <c r="WZR677" s="613"/>
      <c r="WZS677" s="613"/>
      <c r="WZT677" s="613"/>
      <c r="WZU677" s="613"/>
      <c r="WZV677" s="613"/>
      <c r="WZW677" s="613"/>
      <c r="WZX677" s="613"/>
      <c r="WZY677" s="613"/>
      <c r="WZZ677" s="613"/>
      <c r="XAA677" s="613"/>
      <c r="XAB677" s="613"/>
      <c r="XAC677" s="613"/>
      <c r="XAD677" s="613"/>
      <c r="XAE677" s="613"/>
      <c r="XAF677" s="613"/>
      <c r="XAG677" s="613"/>
      <c r="XAH677" s="613"/>
      <c r="XAI677" s="613"/>
      <c r="XAJ677" s="613"/>
      <c r="XAK677" s="613"/>
      <c r="XAL677" s="613"/>
      <c r="XAM677" s="613"/>
      <c r="XAN677" s="613"/>
      <c r="XAO677" s="613"/>
      <c r="XAP677" s="613"/>
      <c r="XAQ677" s="613"/>
      <c r="XAR677" s="613"/>
      <c r="XAS677" s="613"/>
      <c r="XAT677" s="613"/>
      <c r="XAU677" s="613"/>
      <c r="XAV677" s="613"/>
      <c r="XAW677" s="613"/>
      <c r="XAX677" s="613"/>
      <c r="XAY677" s="613"/>
      <c r="XAZ677" s="613"/>
      <c r="XBA677" s="613"/>
      <c r="XBB677" s="613"/>
      <c r="XBC677" s="613"/>
      <c r="XBD677" s="613"/>
      <c r="XBE677" s="613"/>
      <c r="XBF677" s="613"/>
      <c r="XBG677" s="613"/>
      <c r="XBH677" s="613"/>
      <c r="XBI677" s="613"/>
      <c r="XBJ677" s="613"/>
      <c r="XBK677" s="613"/>
      <c r="XBL677" s="613"/>
      <c r="XBM677" s="613"/>
      <c r="XBN677" s="613"/>
      <c r="XBO677" s="613"/>
      <c r="XBP677" s="613"/>
      <c r="XBQ677" s="613"/>
      <c r="XBR677" s="613"/>
      <c r="XBS677" s="613"/>
      <c r="XBT677" s="613"/>
      <c r="XBU677" s="613"/>
      <c r="XBV677" s="613"/>
      <c r="XBW677" s="613"/>
      <c r="XBX677" s="613"/>
      <c r="XBY677" s="613"/>
      <c r="XBZ677" s="613"/>
      <c r="XCA677" s="613"/>
      <c r="XCB677" s="613"/>
      <c r="XCC677" s="613"/>
      <c r="XCD677" s="613"/>
      <c r="XCE677" s="613"/>
      <c r="XCF677" s="613"/>
      <c r="XCG677" s="613"/>
      <c r="XCH677" s="613"/>
      <c r="XCI677" s="613"/>
      <c r="XCJ677" s="613"/>
      <c r="XCK677" s="613"/>
      <c r="XCL677" s="613"/>
      <c r="XCM677" s="613"/>
      <c r="XCN677" s="613"/>
      <c r="XCO677" s="613"/>
      <c r="XCP677" s="613"/>
      <c r="XCQ677" s="613"/>
    </row>
    <row r="678" spans="1:16319" ht="56.1" customHeight="1" x14ac:dyDescent="0.2">
      <c r="A678" s="494"/>
      <c r="B678" s="77"/>
      <c r="C678" s="494"/>
      <c r="D678" s="481">
        <v>163</v>
      </c>
      <c r="E678" s="481"/>
      <c r="F678" s="481" t="s">
        <v>2481</v>
      </c>
      <c r="G678" s="482" t="s">
        <v>53</v>
      </c>
      <c r="H678" s="481" t="s">
        <v>329</v>
      </c>
      <c r="I678" s="654" t="s">
        <v>396</v>
      </c>
      <c r="J678" s="654" t="s">
        <v>369</v>
      </c>
      <c r="K678" s="495" t="s">
        <v>426</v>
      </c>
      <c r="L678" s="621"/>
      <c r="M678" s="484" t="s">
        <v>58</v>
      </c>
      <c r="N678" s="327" t="s">
        <v>2601</v>
      </c>
      <c r="O678" s="484" t="s">
        <v>2996</v>
      </c>
      <c r="P678" s="484" t="s">
        <v>81</v>
      </c>
      <c r="Q678" s="667" t="s">
        <v>334</v>
      </c>
      <c r="R678" s="484" t="s">
        <v>334</v>
      </c>
      <c r="S678" s="484" t="s">
        <v>392</v>
      </c>
      <c r="T678" s="484"/>
      <c r="U678" s="620" t="s">
        <v>63</v>
      </c>
      <c r="V678" s="620" t="s">
        <v>63</v>
      </c>
      <c r="W678" s="723">
        <v>76869.108639504266</v>
      </c>
      <c r="X678" s="723"/>
      <c r="Y678" s="654" t="s">
        <v>226</v>
      </c>
      <c r="Z678" s="654"/>
      <c r="AA678" s="723">
        <v>76869.108639504266</v>
      </c>
      <c r="AB678" s="652" t="s">
        <v>82</v>
      </c>
      <c r="AC678" s="652"/>
      <c r="AD678" s="496"/>
      <c r="AE678" s="496"/>
      <c r="AF678" s="496"/>
      <c r="AG678" s="496"/>
      <c r="AH678" s="496"/>
      <c r="AI678" s="487"/>
      <c r="AJ678" s="496"/>
      <c r="AK678" s="496"/>
      <c r="AL678" s="496"/>
      <c r="AM678" s="496"/>
      <c r="AN678" s="496"/>
      <c r="AO678" s="496"/>
      <c r="AP678" s="496"/>
      <c r="AQ678" s="496"/>
      <c r="AR678" s="496" t="s">
        <v>66</v>
      </c>
      <c r="AS678" s="496"/>
      <c r="AT678" s="496"/>
      <c r="AU678" s="487"/>
      <c r="AV678" s="487"/>
      <c r="AW678" s="487"/>
      <c r="AX678" s="487"/>
      <c r="AY678" s="487"/>
      <c r="AZ678" s="487"/>
      <c r="BA678" s="484"/>
      <c r="BB678" s="484"/>
      <c r="BC678" s="484"/>
      <c r="BD678" s="494"/>
      <c r="BE678" s="494"/>
      <c r="BF678" s="613"/>
      <c r="BG678" s="613"/>
      <c r="BH678" s="613"/>
      <c r="BI678" s="613"/>
      <c r="BJ678" s="613"/>
      <c r="BK678" s="613"/>
      <c r="BL678" s="613"/>
      <c r="BM678" s="613"/>
      <c r="BN678" s="613"/>
      <c r="BO678" s="613"/>
      <c r="BP678" s="613"/>
      <c r="BQ678" s="613"/>
      <c r="BR678" s="613"/>
      <c r="BS678" s="613"/>
      <c r="BT678" s="613"/>
      <c r="BU678" s="613"/>
      <c r="BV678" s="613"/>
      <c r="BW678" s="613"/>
      <c r="BX678" s="613"/>
      <c r="BY678" s="613"/>
      <c r="BZ678" s="613"/>
      <c r="CA678" s="613"/>
      <c r="CB678" s="613"/>
      <c r="CC678" s="613"/>
      <c r="CD678" s="613"/>
      <c r="CE678" s="613"/>
      <c r="CF678" s="613"/>
      <c r="CG678" s="613"/>
      <c r="CH678" s="613"/>
      <c r="CI678" s="613"/>
      <c r="CJ678" s="613"/>
      <c r="CK678" s="613"/>
      <c r="CL678" s="613"/>
      <c r="CM678" s="613"/>
      <c r="CN678" s="613"/>
      <c r="CO678" s="613"/>
      <c r="CP678" s="613"/>
      <c r="CQ678" s="613"/>
      <c r="CR678" s="613"/>
      <c r="CS678" s="613"/>
      <c r="CT678" s="613"/>
      <c r="CU678" s="613"/>
      <c r="CV678" s="613"/>
      <c r="CW678" s="613"/>
      <c r="CX678" s="613"/>
      <c r="CY678" s="613"/>
      <c r="CZ678" s="613"/>
      <c r="DA678" s="613"/>
      <c r="DB678" s="613"/>
      <c r="DC678" s="613"/>
      <c r="DD678" s="613"/>
      <c r="DE678" s="613"/>
      <c r="DF678" s="613"/>
      <c r="DG678" s="613"/>
      <c r="DH678" s="613"/>
      <c r="DI678" s="613"/>
      <c r="DJ678" s="613"/>
      <c r="DK678" s="613"/>
      <c r="DL678" s="613"/>
      <c r="DM678" s="613"/>
      <c r="DN678" s="613"/>
      <c r="DO678" s="613"/>
      <c r="DP678" s="613"/>
      <c r="DQ678" s="613"/>
      <c r="DR678" s="613"/>
      <c r="DS678" s="613"/>
      <c r="DT678" s="613"/>
      <c r="DU678" s="613"/>
      <c r="DV678" s="613"/>
      <c r="DW678" s="613"/>
      <c r="DX678" s="613"/>
      <c r="DY678" s="613"/>
      <c r="DZ678" s="613"/>
      <c r="EA678" s="613"/>
      <c r="EB678" s="613"/>
      <c r="EC678" s="613"/>
      <c r="ED678" s="613"/>
      <c r="EE678" s="613"/>
      <c r="EF678" s="613"/>
      <c r="EG678" s="613"/>
      <c r="EH678" s="613"/>
      <c r="EI678" s="613"/>
      <c r="EJ678" s="613"/>
      <c r="EK678" s="613"/>
      <c r="EL678" s="613"/>
      <c r="EM678" s="613"/>
      <c r="EN678" s="613"/>
      <c r="EO678" s="613"/>
      <c r="EP678" s="613"/>
      <c r="EQ678" s="613"/>
      <c r="ER678" s="613"/>
      <c r="ES678" s="613"/>
      <c r="ET678" s="613"/>
      <c r="EU678" s="613"/>
      <c r="EV678" s="613"/>
      <c r="EW678" s="613"/>
      <c r="EX678" s="613"/>
      <c r="EY678" s="613"/>
      <c r="EZ678" s="613"/>
      <c r="FA678" s="613"/>
      <c r="FB678" s="613"/>
      <c r="FC678" s="613"/>
      <c r="FD678" s="613"/>
      <c r="FE678" s="613"/>
      <c r="FF678" s="613"/>
      <c r="FG678" s="613"/>
      <c r="FH678" s="613"/>
      <c r="FI678" s="613"/>
      <c r="FJ678" s="613"/>
      <c r="FK678" s="613"/>
      <c r="FL678" s="613"/>
      <c r="FM678" s="613"/>
      <c r="FN678" s="613"/>
      <c r="FO678" s="613"/>
      <c r="FP678" s="613"/>
      <c r="FQ678" s="613"/>
      <c r="FR678" s="613"/>
      <c r="FS678" s="613"/>
      <c r="FT678" s="613"/>
      <c r="FU678" s="613"/>
      <c r="FV678" s="613"/>
      <c r="FW678" s="613"/>
      <c r="FX678" s="613"/>
      <c r="FY678" s="613"/>
      <c r="FZ678" s="613"/>
      <c r="GA678" s="613"/>
      <c r="GB678" s="613"/>
      <c r="GC678" s="613"/>
      <c r="GD678" s="613"/>
      <c r="GE678" s="613"/>
      <c r="GF678" s="613"/>
      <c r="GG678" s="613"/>
      <c r="GH678" s="613"/>
      <c r="GI678" s="613"/>
      <c r="GJ678" s="613"/>
      <c r="GK678" s="613"/>
      <c r="GL678" s="613"/>
      <c r="GM678" s="613"/>
      <c r="GN678" s="613"/>
      <c r="GO678" s="613"/>
      <c r="GP678" s="613"/>
      <c r="GQ678" s="613"/>
      <c r="GR678" s="613"/>
      <c r="GS678" s="613"/>
      <c r="GT678" s="613"/>
      <c r="GU678" s="613"/>
      <c r="GV678" s="613"/>
      <c r="GW678" s="613"/>
      <c r="GX678" s="613"/>
      <c r="GY678" s="613"/>
      <c r="GZ678" s="613"/>
      <c r="HA678" s="613"/>
      <c r="HB678" s="613"/>
      <c r="HC678" s="613"/>
      <c r="HD678" s="613"/>
      <c r="HE678" s="613"/>
      <c r="HF678" s="613"/>
      <c r="HG678" s="613"/>
      <c r="HH678" s="613"/>
      <c r="HI678" s="613"/>
      <c r="HJ678" s="613"/>
      <c r="HK678" s="613"/>
      <c r="HL678" s="613"/>
      <c r="HM678" s="613"/>
      <c r="HN678" s="613"/>
      <c r="HO678" s="613"/>
      <c r="HP678" s="613"/>
      <c r="HQ678" s="613"/>
      <c r="HR678" s="613"/>
      <c r="HS678" s="613"/>
      <c r="HT678" s="613"/>
      <c r="HU678" s="613"/>
      <c r="HV678" s="613"/>
      <c r="HW678" s="613"/>
      <c r="HX678" s="613"/>
      <c r="HY678" s="613"/>
      <c r="HZ678" s="613"/>
      <c r="IA678" s="613"/>
      <c r="IB678" s="613"/>
      <c r="IC678" s="613"/>
      <c r="ID678" s="613"/>
      <c r="IE678" s="613"/>
      <c r="IF678" s="613"/>
      <c r="IG678" s="613"/>
      <c r="IH678" s="613"/>
      <c r="II678" s="613"/>
      <c r="IJ678" s="613"/>
      <c r="IK678" s="613"/>
      <c r="IL678" s="613"/>
      <c r="IM678" s="613"/>
      <c r="IN678" s="613"/>
      <c r="IO678" s="613"/>
      <c r="IP678" s="613"/>
      <c r="IQ678" s="613"/>
      <c r="IR678" s="613"/>
      <c r="IS678" s="613"/>
      <c r="IT678" s="613"/>
      <c r="IU678" s="613"/>
      <c r="IV678" s="613"/>
      <c r="IW678" s="613"/>
      <c r="IX678" s="613"/>
      <c r="IY678" s="613"/>
      <c r="IZ678" s="613"/>
      <c r="JA678" s="613"/>
      <c r="JB678" s="613"/>
      <c r="JC678" s="613"/>
      <c r="JD678" s="613"/>
      <c r="JE678" s="613"/>
      <c r="JF678" s="613"/>
      <c r="JG678" s="613"/>
      <c r="JH678" s="613"/>
      <c r="JI678" s="613"/>
      <c r="JJ678" s="613"/>
      <c r="JK678" s="613"/>
      <c r="JL678" s="613"/>
      <c r="JM678" s="613"/>
      <c r="JN678" s="613"/>
      <c r="JO678" s="613"/>
      <c r="JP678" s="613"/>
      <c r="JQ678" s="613"/>
      <c r="JR678" s="613"/>
      <c r="JS678" s="613"/>
      <c r="JT678" s="613"/>
      <c r="JU678" s="613"/>
      <c r="JV678" s="613"/>
      <c r="JW678" s="613"/>
      <c r="JX678" s="613"/>
      <c r="JY678" s="613"/>
      <c r="JZ678" s="613"/>
      <c r="KA678" s="613"/>
      <c r="KB678" s="613"/>
      <c r="KC678" s="613"/>
      <c r="KD678" s="613"/>
      <c r="KE678" s="613"/>
      <c r="KF678" s="613"/>
      <c r="KG678" s="613"/>
      <c r="KH678" s="613"/>
      <c r="KI678" s="613"/>
      <c r="KJ678" s="613"/>
      <c r="KK678" s="613"/>
      <c r="KL678" s="613"/>
      <c r="KM678" s="613"/>
      <c r="KN678" s="613"/>
      <c r="KO678" s="613"/>
      <c r="KP678" s="613"/>
      <c r="KQ678" s="613"/>
      <c r="KR678" s="613"/>
      <c r="KS678" s="613"/>
      <c r="KT678" s="613"/>
      <c r="KU678" s="613"/>
      <c r="KV678" s="613"/>
      <c r="KW678" s="613"/>
      <c r="KX678" s="613"/>
      <c r="KY678" s="613"/>
      <c r="KZ678" s="613"/>
      <c r="LA678" s="613"/>
      <c r="LB678" s="613"/>
      <c r="LC678" s="613"/>
      <c r="LD678" s="613"/>
      <c r="LE678" s="613"/>
      <c r="LF678" s="613"/>
      <c r="LG678" s="613"/>
      <c r="LH678" s="613"/>
      <c r="LI678" s="613"/>
      <c r="LJ678" s="613"/>
      <c r="LK678" s="613"/>
      <c r="LL678" s="613"/>
      <c r="LM678" s="613"/>
      <c r="LN678" s="613"/>
      <c r="LO678" s="613"/>
      <c r="LP678" s="613"/>
      <c r="LQ678" s="613"/>
      <c r="LR678" s="613"/>
      <c r="LS678" s="613"/>
      <c r="LT678" s="613"/>
      <c r="LU678" s="613"/>
      <c r="LV678" s="613"/>
      <c r="LW678" s="613"/>
      <c r="LX678" s="613"/>
      <c r="LY678" s="613"/>
      <c r="LZ678" s="613"/>
      <c r="MA678" s="613"/>
      <c r="MB678" s="613"/>
      <c r="MC678" s="613"/>
      <c r="MD678" s="613"/>
      <c r="ME678" s="613"/>
      <c r="MF678" s="613"/>
      <c r="MG678" s="613"/>
      <c r="MH678" s="613"/>
      <c r="MI678" s="613"/>
      <c r="MJ678" s="613"/>
      <c r="MK678" s="613"/>
      <c r="ML678" s="613"/>
      <c r="MM678" s="613"/>
      <c r="MN678" s="613"/>
      <c r="MO678" s="613"/>
      <c r="MP678" s="613"/>
      <c r="MQ678" s="613"/>
      <c r="MR678" s="613"/>
      <c r="MS678" s="613"/>
      <c r="MT678" s="613"/>
      <c r="MU678" s="613"/>
      <c r="MV678" s="613"/>
      <c r="MW678" s="613"/>
      <c r="MX678" s="613"/>
      <c r="MY678" s="613"/>
      <c r="MZ678" s="613"/>
      <c r="NA678" s="613"/>
      <c r="NB678" s="613"/>
      <c r="NC678" s="613"/>
      <c r="ND678" s="613"/>
      <c r="NE678" s="613"/>
      <c r="NF678" s="613"/>
      <c r="NG678" s="613"/>
      <c r="NH678" s="613"/>
      <c r="NI678" s="613"/>
      <c r="NJ678" s="613"/>
      <c r="NK678" s="613"/>
      <c r="NL678" s="613"/>
      <c r="NM678" s="613"/>
      <c r="NN678" s="613"/>
      <c r="NO678" s="613"/>
      <c r="NP678" s="613"/>
      <c r="NQ678" s="613"/>
      <c r="NR678" s="613"/>
      <c r="NS678" s="613"/>
      <c r="NT678" s="613"/>
      <c r="NU678" s="613"/>
      <c r="NV678" s="613"/>
      <c r="NW678" s="613"/>
      <c r="NX678" s="613"/>
      <c r="NY678" s="613"/>
      <c r="NZ678" s="613"/>
      <c r="OA678" s="613"/>
      <c r="OB678" s="613"/>
      <c r="OC678" s="613"/>
      <c r="OD678" s="613"/>
      <c r="OE678" s="613"/>
      <c r="OF678" s="613"/>
      <c r="OG678" s="613"/>
      <c r="OH678" s="613"/>
      <c r="OI678" s="613"/>
      <c r="OJ678" s="613"/>
      <c r="OK678" s="613"/>
      <c r="OL678" s="613"/>
      <c r="OM678" s="613"/>
      <c r="ON678" s="613"/>
      <c r="OO678" s="613"/>
      <c r="OP678" s="613"/>
      <c r="OQ678" s="613"/>
      <c r="OR678" s="613"/>
      <c r="OS678" s="613"/>
      <c r="OT678" s="613"/>
      <c r="OU678" s="613"/>
      <c r="OV678" s="613"/>
      <c r="OW678" s="613"/>
      <c r="OX678" s="613"/>
      <c r="OY678" s="613"/>
      <c r="OZ678" s="613"/>
      <c r="PA678" s="613"/>
      <c r="PB678" s="613"/>
      <c r="PC678" s="613"/>
      <c r="PD678" s="613"/>
      <c r="PE678" s="613"/>
      <c r="PF678" s="613"/>
      <c r="PG678" s="613"/>
      <c r="PH678" s="613"/>
      <c r="PI678" s="613"/>
      <c r="PJ678" s="613"/>
      <c r="PK678" s="613"/>
      <c r="PL678" s="613"/>
      <c r="PM678" s="613"/>
      <c r="PN678" s="613"/>
      <c r="PO678" s="613"/>
      <c r="PP678" s="613"/>
      <c r="PQ678" s="613"/>
      <c r="PR678" s="613"/>
      <c r="PS678" s="613"/>
      <c r="PT678" s="613"/>
      <c r="PU678" s="613"/>
      <c r="PV678" s="613"/>
      <c r="PW678" s="613"/>
      <c r="PX678" s="613"/>
      <c r="PY678" s="613"/>
      <c r="PZ678" s="613"/>
      <c r="QA678" s="613"/>
      <c r="QB678" s="613"/>
      <c r="QC678" s="613"/>
      <c r="QD678" s="613"/>
      <c r="QE678" s="613"/>
      <c r="QF678" s="613"/>
      <c r="QG678" s="613"/>
      <c r="QH678" s="613"/>
      <c r="QI678" s="613"/>
      <c r="QJ678" s="613"/>
      <c r="QK678" s="613"/>
      <c r="QL678" s="613"/>
      <c r="QM678" s="613"/>
      <c r="QN678" s="613"/>
      <c r="QO678" s="613"/>
      <c r="QP678" s="613"/>
      <c r="QQ678" s="613"/>
      <c r="QR678" s="613"/>
      <c r="QS678" s="613"/>
      <c r="QT678" s="613"/>
      <c r="QU678" s="613"/>
      <c r="QV678" s="613"/>
      <c r="QW678" s="613"/>
      <c r="QX678" s="613"/>
      <c r="QY678" s="613"/>
      <c r="QZ678" s="613"/>
      <c r="RA678" s="613"/>
      <c r="RB678" s="613"/>
      <c r="RC678" s="613"/>
      <c r="RD678" s="613"/>
      <c r="RE678" s="613"/>
      <c r="RF678" s="613"/>
      <c r="RG678" s="613"/>
      <c r="RH678" s="613"/>
      <c r="RI678" s="613"/>
      <c r="RJ678" s="613"/>
      <c r="RK678" s="613"/>
      <c r="RL678" s="613"/>
      <c r="RM678" s="613"/>
      <c r="RN678" s="613"/>
      <c r="RO678" s="613"/>
      <c r="RP678" s="613"/>
      <c r="RQ678" s="613"/>
      <c r="RR678" s="613"/>
      <c r="RS678" s="613"/>
      <c r="RT678" s="613"/>
      <c r="RU678" s="613"/>
      <c r="RV678" s="613"/>
      <c r="RW678" s="613"/>
      <c r="RX678" s="613"/>
      <c r="RY678" s="613"/>
      <c r="RZ678" s="613"/>
      <c r="SA678" s="613"/>
      <c r="SB678" s="613"/>
      <c r="SC678" s="613"/>
      <c r="SD678" s="613"/>
      <c r="SE678" s="613"/>
      <c r="SF678" s="613"/>
      <c r="SG678" s="613"/>
      <c r="SH678" s="613"/>
      <c r="SI678" s="613"/>
      <c r="SJ678" s="613"/>
      <c r="SK678" s="613"/>
      <c r="SL678" s="613"/>
      <c r="SM678" s="613"/>
      <c r="SN678" s="613"/>
      <c r="SO678" s="613"/>
      <c r="SP678" s="613"/>
      <c r="SQ678" s="613"/>
      <c r="SR678" s="613"/>
      <c r="SS678" s="613"/>
      <c r="ST678" s="613"/>
      <c r="SU678" s="613"/>
      <c r="SV678" s="613"/>
      <c r="SW678" s="613"/>
      <c r="SX678" s="613"/>
      <c r="SY678" s="613"/>
      <c r="SZ678" s="613"/>
      <c r="TA678" s="613"/>
      <c r="TB678" s="613"/>
      <c r="TC678" s="613"/>
      <c r="TD678" s="613"/>
      <c r="TE678" s="613"/>
      <c r="TF678" s="613"/>
      <c r="TG678" s="613"/>
      <c r="TH678" s="613"/>
      <c r="TI678" s="613"/>
      <c r="TJ678" s="613"/>
      <c r="TK678" s="613"/>
      <c r="TL678" s="613"/>
      <c r="TM678" s="613"/>
      <c r="TN678" s="613"/>
      <c r="TO678" s="613"/>
      <c r="TP678" s="613"/>
      <c r="TQ678" s="613"/>
      <c r="TR678" s="613"/>
      <c r="TS678" s="613"/>
      <c r="TT678" s="613"/>
      <c r="TU678" s="613"/>
      <c r="TV678" s="613"/>
      <c r="TW678" s="613"/>
      <c r="TX678" s="613"/>
      <c r="TY678" s="613"/>
      <c r="TZ678" s="613"/>
      <c r="UA678" s="613"/>
      <c r="UB678" s="613"/>
      <c r="UC678" s="613"/>
      <c r="UD678" s="613"/>
      <c r="UE678" s="613"/>
      <c r="UF678" s="613"/>
      <c r="UG678" s="613"/>
      <c r="UH678" s="613"/>
      <c r="UI678" s="613"/>
      <c r="UJ678" s="613"/>
      <c r="UK678" s="613"/>
      <c r="UL678" s="613"/>
      <c r="UM678" s="613"/>
      <c r="UN678" s="613"/>
      <c r="UO678" s="613"/>
      <c r="UP678" s="613"/>
      <c r="UQ678" s="613"/>
      <c r="UR678" s="613"/>
      <c r="US678" s="613"/>
      <c r="UT678" s="613"/>
      <c r="UU678" s="613"/>
      <c r="UV678" s="613"/>
      <c r="UW678" s="613"/>
      <c r="UX678" s="613"/>
      <c r="UY678" s="613"/>
      <c r="UZ678" s="613"/>
      <c r="VA678" s="613"/>
      <c r="VB678" s="613"/>
      <c r="VC678" s="613"/>
      <c r="VD678" s="613"/>
      <c r="VE678" s="613"/>
      <c r="VF678" s="613"/>
      <c r="VG678" s="613"/>
      <c r="VH678" s="613"/>
      <c r="VI678" s="613"/>
      <c r="VJ678" s="613"/>
      <c r="VK678" s="613"/>
      <c r="VL678" s="613"/>
      <c r="VM678" s="613"/>
      <c r="VN678" s="613"/>
      <c r="VO678" s="613"/>
      <c r="VP678" s="613"/>
      <c r="VQ678" s="613"/>
      <c r="VR678" s="613"/>
      <c r="VS678" s="613"/>
      <c r="VT678" s="613"/>
      <c r="VU678" s="613"/>
      <c r="VV678" s="613"/>
      <c r="VW678" s="613"/>
      <c r="VX678" s="613"/>
      <c r="VY678" s="613"/>
      <c r="VZ678" s="613"/>
      <c r="WA678" s="613"/>
      <c r="WB678" s="613"/>
      <c r="WC678" s="613"/>
      <c r="WD678" s="613"/>
      <c r="WE678" s="613"/>
      <c r="WF678" s="613"/>
      <c r="WG678" s="613"/>
      <c r="WH678" s="613"/>
      <c r="WI678" s="613"/>
      <c r="WJ678" s="613"/>
      <c r="WK678" s="613"/>
      <c r="WL678" s="613"/>
      <c r="WM678" s="613"/>
      <c r="WN678" s="613"/>
      <c r="WO678" s="613"/>
      <c r="WP678" s="613"/>
      <c r="WQ678" s="613"/>
      <c r="WR678" s="613"/>
      <c r="WS678" s="613"/>
      <c r="WT678" s="613"/>
      <c r="WU678" s="613"/>
      <c r="WV678" s="613"/>
      <c r="WW678" s="613"/>
      <c r="WX678" s="613"/>
      <c r="WY678" s="613"/>
      <c r="WZ678" s="613"/>
      <c r="XA678" s="613"/>
      <c r="XB678" s="613"/>
      <c r="XC678" s="613"/>
      <c r="XD678" s="613"/>
      <c r="XE678" s="613"/>
      <c r="XF678" s="613"/>
      <c r="XG678" s="613"/>
      <c r="XH678" s="613"/>
      <c r="XI678" s="613"/>
      <c r="XJ678" s="613"/>
      <c r="XK678" s="613"/>
      <c r="XL678" s="613"/>
      <c r="XM678" s="613"/>
      <c r="XN678" s="613"/>
      <c r="XO678" s="613"/>
      <c r="XP678" s="613"/>
      <c r="XQ678" s="613"/>
      <c r="XR678" s="613"/>
      <c r="XS678" s="613"/>
      <c r="XT678" s="613"/>
      <c r="XU678" s="613"/>
      <c r="XV678" s="613"/>
      <c r="XW678" s="613"/>
      <c r="XX678" s="613"/>
      <c r="XY678" s="613"/>
      <c r="XZ678" s="613"/>
      <c r="YA678" s="613"/>
      <c r="YB678" s="613"/>
      <c r="YC678" s="613"/>
      <c r="YD678" s="613"/>
      <c r="YE678" s="613"/>
      <c r="YF678" s="613"/>
      <c r="YG678" s="613"/>
      <c r="YH678" s="613"/>
      <c r="YI678" s="613"/>
      <c r="YJ678" s="613"/>
      <c r="YK678" s="613"/>
      <c r="YL678" s="613"/>
      <c r="YM678" s="613"/>
      <c r="YN678" s="613"/>
      <c r="YO678" s="613"/>
      <c r="YP678" s="613"/>
      <c r="YQ678" s="613"/>
      <c r="YR678" s="613"/>
      <c r="YS678" s="613"/>
      <c r="YT678" s="613"/>
      <c r="YU678" s="613"/>
      <c r="YV678" s="613"/>
      <c r="YW678" s="613"/>
      <c r="YX678" s="613"/>
      <c r="YY678" s="613"/>
      <c r="YZ678" s="613"/>
      <c r="ZA678" s="613"/>
      <c r="ZB678" s="613"/>
      <c r="ZC678" s="613"/>
      <c r="ZD678" s="613"/>
      <c r="ZE678" s="613"/>
      <c r="ZF678" s="613"/>
      <c r="ZG678" s="613"/>
      <c r="ZH678" s="613"/>
      <c r="ZI678" s="613"/>
      <c r="ZJ678" s="613"/>
      <c r="ZK678" s="613"/>
      <c r="ZL678" s="613"/>
      <c r="ZM678" s="613"/>
      <c r="ZN678" s="613"/>
      <c r="ZO678" s="613"/>
      <c r="ZP678" s="613"/>
      <c r="ZQ678" s="613"/>
      <c r="ZR678" s="613"/>
      <c r="ZS678" s="613"/>
      <c r="ZT678" s="613"/>
      <c r="ZU678" s="613"/>
      <c r="ZV678" s="613"/>
      <c r="ZW678" s="613"/>
      <c r="ZX678" s="613"/>
      <c r="ZY678" s="613"/>
      <c r="ZZ678" s="613"/>
      <c r="AAA678" s="613"/>
      <c r="AAB678" s="613"/>
      <c r="AAC678" s="613"/>
      <c r="AAD678" s="613"/>
      <c r="AAE678" s="613"/>
      <c r="AAF678" s="613"/>
      <c r="AAG678" s="613"/>
      <c r="AAH678" s="613"/>
      <c r="AAI678" s="613"/>
      <c r="AAJ678" s="613"/>
      <c r="AAK678" s="613"/>
      <c r="AAL678" s="613"/>
      <c r="AAM678" s="613"/>
      <c r="AAN678" s="613"/>
      <c r="AAO678" s="613"/>
      <c r="AAP678" s="613"/>
      <c r="AAQ678" s="613"/>
      <c r="AAR678" s="613"/>
      <c r="AAS678" s="613"/>
      <c r="AAT678" s="613"/>
      <c r="AAU678" s="613"/>
      <c r="AAV678" s="613"/>
      <c r="AAW678" s="613"/>
      <c r="AAX678" s="613"/>
      <c r="AAY678" s="613"/>
      <c r="AAZ678" s="613"/>
      <c r="ABA678" s="613"/>
      <c r="ABB678" s="613"/>
      <c r="ABC678" s="613"/>
      <c r="ABD678" s="613"/>
      <c r="ABE678" s="613"/>
      <c r="ABF678" s="613"/>
      <c r="ABG678" s="613"/>
      <c r="ABH678" s="613"/>
      <c r="ABI678" s="613"/>
      <c r="ABJ678" s="613"/>
      <c r="ABK678" s="613"/>
      <c r="ABL678" s="613"/>
      <c r="ABM678" s="613"/>
      <c r="ABN678" s="613"/>
      <c r="ABO678" s="613"/>
      <c r="ABP678" s="613"/>
      <c r="ABQ678" s="613"/>
      <c r="ABR678" s="613"/>
      <c r="ABS678" s="613"/>
      <c r="ABT678" s="613"/>
      <c r="ABU678" s="613"/>
      <c r="ABV678" s="613"/>
      <c r="ABW678" s="613"/>
      <c r="ABX678" s="613"/>
      <c r="ABY678" s="613"/>
      <c r="ABZ678" s="613"/>
      <c r="ACA678" s="613"/>
      <c r="ACB678" s="613"/>
      <c r="ACC678" s="613"/>
      <c r="ACD678" s="613"/>
      <c r="ACE678" s="613"/>
      <c r="ACF678" s="613"/>
      <c r="ACG678" s="613"/>
      <c r="ACH678" s="613"/>
      <c r="ACI678" s="613"/>
      <c r="ACJ678" s="613"/>
      <c r="ACK678" s="613"/>
      <c r="ACL678" s="613"/>
      <c r="ACM678" s="613"/>
      <c r="ACN678" s="613"/>
      <c r="ACO678" s="613"/>
      <c r="ACP678" s="613"/>
      <c r="ACQ678" s="613"/>
      <c r="ACR678" s="613"/>
      <c r="ACS678" s="613"/>
      <c r="ACT678" s="613"/>
      <c r="ACU678" s="613"/>
      <c r="ACV678" s="613"/>
      <c r="ACW678" s="613"/>
      <c r="ACX678" s="613"/>
      <c r="ACY678" s="613"/>
      <c r="ACZ678" s="613"/>
      <c r="ADA678" s="613"/>
      <c r="ADB678" s="613"/>
      <c r="ADC678" s="613"/>
      <c r="ADD678" s="613"/>
      <c r="ADE678" s="613"/>
      <c r="ADF678" s="613"/>
      <c r="ADG678" s="613"/>
      <c r="ADH678" s="613"/>
      <c r="ADI678" s="613"/>
      <c r="ADJ678" s="613"/>
      <c r="ADK678" s="613"/>
      <c r="ADL678" s="613"/>
      <c r="ADM678" s="613"/>
      <c r="ADN678" s="613"/>
      <c r="ADO678" s="613"/>
      <c r="ADP678" s="613"/>
      <c r="ADQ678" s="613"/>
      <c r="ADR678" s="613"/>
      <c r="ADS678" s="613"/>
      <c r="ADT678" s="613"/>
      <c r="ADU678" s="613"/>
      <c r="ADV678" s="613"/>
      <c r="ADW678" s="613"/>
      <c r="ADX678" s="613"/>
      <c r="ADY678" s="613"/>
      <c r="ADZ678" s="613"/>
      <c r="AEA678" s="613"/>
      <c r="AEB678" s="613"/>
      <c r="AEC678" s="613"/>
      <c r="AED678" s="613"/>
      <c r="AEE678" s="613"/>
      <c r="AEF678" s="613"/>
      <c r="AEG678" s="613"/>
      <c r="AEH678" s="613"/>
      <c r="AEI678" s="613"/>
      <c r="AEJ678" s="613"/>
      <c r="AEK678" s="613"/>
      <c r="AEL678" s="613"/>
      <c r="AEM678" s="613"/>
      <c r="AEN678" s="613"/>
      <c r="AEO678" s="613"/>
      <c r="AEP678" s="613"/>
      <c r="AEQ678" s="613"/>
      <c r="AER678" s="613"/>
      <c r="AES678" s="613"/>
      <c r="AET678" s="613"/>
      <c r="AEU678" s="613"/>
      <c r="AEV678" s="613"/>
      <c r="AEW678" s="613"/>
      <c r="AEX678" s="613"/>
      <c r="AEY678" s="613"/>
      <c r="AEZ678" s="613"/>
      <c r="AFA678" s="613"/>
      <c r="AFB678" s="613"/>
      <c r="AFC678" s="613"/>
      <c r="AFD678" s="613"/>
      <c r="AFE678" s="613"/>
      <c r="AFF678" s="613"/>
      <c r="AFG678" s="613"/>
      <c r="AFH678" s="613"/>
      <c r="AFI678" s="613"/>
      <c r="AFJ678" s="613"/>
      <c r="AFK678" s="613"/>
      <c r="AFL678" s="613"/>
      <c r="AFM678" s="613"/>
      <c r="AFN678" s="613"/>
      <c r="AFO678" s="613"/>
      <c r="AFP678" s="613"/>
      <c r="AFQ678" s="613"/>
      <c r="AFR678" s="613"/>
      <c r="AFS678" s="613"/>
      <c r="AFT678" s="613"/>
      <c r="AFU678" s="613"/>
      <c r="AFV678" s="613"/>
      <c r="AFW678" s="613"/>
      <c r="AFX678" s="613"/>
      <c r="AFY678" s="613"/>
      <c r="AFZ678" s="613"/>
      <c r="AGA678" s="613"/>
      <c r="AGB678" s="613"/>
      <c r="AGC678" s="613"/>
      <c r="AGD678" s="613"/>
      <c r="AGE678" s="613"/>
      <c r="AGF678" s="613"/>
      <c r="AGG678" s="613"/>
      <c r="AGH678" s="613"/>
      <c r="AGI678" s="613"/>
      <c r="AGJ678" s="613"/>
      <c r="AGK678" s="613"/>
      <c r="AGL678" s="613"/>
      <c r="AGM678" s="613"/>
      <c r="AGN678" s="613"/>
      <c r="AGO678" s="613"/>
      <c r="AGP678" s="613"/>
      <c r="AGQ678" s="613"/>
      <c r="AGR678" s="613"/>
      <c r="AGS678" s="613"/>
      <c r="AGT678" s="613"/>
      <c r="AGU678" s="613"/>
      <c r="AGV678" s="613"/>
      <c r="AGW678" s="613"/>
      <c r="AGX678" s="613"/>
      <c r="AGY678" s="613"/>
      <c r="AGZ678" s="613"/>
      <c r="AHA678" s="613"/>
      <c r="AHB678" s="613"/>
      <c r="AHC678" s="613"/>
      <c r="AHD678" s="613"/>
      <c r="AHE678" s="613"/>
      <c r="AHF678" s="613"/>
      <c r="AHG678" s="613"/>
      <c r="AHH678" s="613"/>
      <c r="AHI678" s="613"/>
      <c r="AHJ678" s="613"/>
      <c r="AHK678" s="613"/>
      <c r="AHL678" s="613"/>
      <c r="AHM678" s="613"/>
      <c r="AHN678" s="613"/>
      <c r="AHO678" s="613"/>
      <c r="AHP678" s="613"/>
      <c r="AHQ678" s="613"/>
      <c r="AHR678" s="613"/>
      <c r="AHS678" s="613"/>
      <c r="AHT678" s="613"/>
      <c r="AHU678" s="613"/>
      <c r="AHV678" s="613"/>
      <c r="AHW678" s="613"/>
      <c r="AHX678" s="613"/>
      <c r="AHY678" s="613"/>
      <c r="AHZ678" s="613"/>
      <c r="AIA678" s="613"/>
      <c r="AIB678" s="613"/>
      <c r="AIC678" s="613"/>
      <c r="AID678" s="613"/>
      <c r="AIE678" s="613"/>
      <c r="AIF678" s="613"/>
      <c r="AIG678" s="613"/>
      <c r="AIH678" s="613"/>
      <c r="AII678" s="613"/>
      <c r="AIJ678" s="613"/>
      <c r="AIK678" s="613"/>
      <c r="AIL678" s="613"/>
      <c r="AIM678" s="613"/>
      <c r="AIN678" s="613"/>
      <c r="AIO678" s="613"/>
      <c r="AIP678" s="613"/>
      <c r="AIQ678" s="613"/>
      <c r="AIR678" s="613"/>
      <c r="AIS678" s="613"/>
      <c r="AIT678" s="613"/>
      <c r="AIU678" s="613"/>
      <c r="AIV678" s="613"/>
      <c r="AIW678" s="613"/>
      <c r="AIX678" s="613"/>
      <c r="AIY678" s="613"/>
      <c r="AIZ678" s="613"/>
      <c r="AJA678" s="613"/>
      <c r="AJB678" s="613"/>
      <c r="AJC678" s="613"/>
      <c r="AJD678" s="613"/>
      <c r="AJE678" s="613"/>
      <c r="AJF678" s="613"/>
      <c r="AJG678" s="613"/>
      <c r="AJH678" s="613"/>
      <c r="AJI678" s="613"/>
      <c r="AJJ678" s="613"/>
      <c r="AJK678" s="613"/>
      <c r="AJL678" s="613"/>
      <c r="AJM678" s="613"/>
      <c r="AJN678" s="613"/>
      <c r="AJO678" s="613"/>
      <c r="AJP678" s="613"/>
      <c r="AJQ678" s="613"/>
      <c r="AJR678" s="613"/>
      <c r="AJS678" s="613"/>
      <c r="AJT678" s="613"/>
      <c r="AJU678" s="613"/>
      <c r="AJV678" s="613"/>
      <c r="AJW678" s="613"/>
      <c r="AJX678" s="613"/>
      <c r="AJY678" s="613"/>
      <c r="AJZ678" s="613"/>
      <c r="AKA678" s="613"/>
      <c r="AKB678" s="613"/>
      <c r="AKC678" s="613"/>
      <c r="AKD678" s="613"/>
      <c r="AKE678" s="613"/>
      <c r="AKF678" s="613"/>
      <c r="AKG678" s="613"/>
      <c r="AKH678" s="613"/>
      <c r="AKI678" s="613"/>
      <c r="AKJ678" s="613"/>
      <c r="AKK678" s="613"/>
      <c r="AKL678" s="613"/>
      <c r="AKM678" s="613"/>
      <c r="AKN678" s="613"/>
      <c r="AKO678" s="613"/>
      <c r="AKP678" s="613"/>
      <c r="AKQ678" s="613"/>
      <c r="AKR678" s="613"/>
      <c r="AKS678" s="613"/>
      <c r="AKT678" s="613"/>
      <c r="AKU678" s="613"/>
      <c r="AKV678" s="613"/>
      <c r="AKW678" s="613"/>
      <c r="AKX678" s="613"/>
      <c r="AKY678" s="613"/>
      <c r="AKZ678" s="613"/>
      <c r="ALA678" s="613"/>
      <c r="ALB678" s="613"/>
      <c r="ALC678" s="613"/>
      <c r="ALD678" s="613"/>
      <c r="ALE678" s="613"/>
      <c r="ALF678" s="613"/>
      <c r="ALG678" s="613"/>
      <c r="ALH678" s="613"/>
      <c r="ALI678" s="613"/>
      <c r="ALJ678" s="613"/>
      <c r="ALK678" s="613"/>
      <c r="ALL678" s="613"/>
      <c r="ALM678" s="613"/>
      <c r="ALN678" s="613"/>
      <c r="ALO678" s="613"/>
      <c r="ALP678" s="613"/>
      <c r="ALQ678" s="613"/>
      <c r="ALR678" s="613"/>
      <c r="ALS678" s="613"/>
      <c r="ALT678" s="613"/>
      <c r="ALU678" s="613"/>
      <c r="ALV678" s="613"/>
      <c r="ALW678" s="613"/>
      <c r="ALX678" s="613"/>
      <c r="ALY678" s="613"/>
      <c r="ALZ678" s="613"/>
      <c r="AMA678" s="613"/>
      <c r="AMB678" s="613"/>
      <c r="AMC678" s="613"/>
      <c r="AMD678" s="613"/>
      <c r="AME678" s="613"/>
      <c r="AMF678" s="613"/>
      <c r="AMG678" s="613"/>
      <c r="AMH678" s="613"/>
      <c r="AMI678" s="613"/>
      <c r="AMJ678" s="613"/>
      <c r="AMK678" s="613"/>
      <c r="AML678" s="613"/>
      <c r="AMM678" s="613"/>
      <c r="AMN678" s="613"/>
      <c r="AMO678" s="613"/>
      <c r="AMP678" s="613"/>
      <c r="AMQ678" s="613"/>
      <c r="AMR678" s="613"/>
      <c r="AMS678" s="613"/>
      <c r="AMT678" s="613"/>
      <c r="AMU678" s="613"/>
      <c r="AMV678" s="613"/>
      <c r="AMW678" s="613"/>
      <c r="AMX678" s="613"/>
      <c r="AMY678" s="613"/>
      <c r="AMZ678" s="613"/>
      <c r="ANA678" s="613"/>
      <c r="ANB678" s="613"/>
      <c r="ANC678" s="613"/>
      <c r="AND678" s="613"/>
      <c r="ANE678" s="613"/>
      <c r="ANF678" s="613"/>
      <c r="ANG678" s="613"/>
      <c r="ANH678" s="613"/>
      <c r="ANI678" s="613"/>
      <c r="ANJ678" s="613"/>
      <c r="ANK678" s="613"/>
      <c r="ANL678" s="613"/>
      <c r="ANM678" s="613"/>
      <c r="ANN678" s="613"/>
      <c r="ANO678" s="613"/>
      <c r="ANP678" s="613"/>
      <c r="ANQ678" s="613"/>
      <c r="ANR678" s="613"/>
      <c r="ANS678" s="613"/>
      <c r="ANT678" s="613"/>
      <c r="ANU678" s="613"/>
      <c r="ANV678" s="613"/>
      <c r="ANW678" s="613"/>
      <c r="ANX678" s="613"/>
      <c r="ANY678" s="613"/>
      <c r="ANZ678" s="613"/>
      <c r="AOA678" s="613"/>
      <c r="AOB678" s="613"/>
      <c r="AOC678" s="613"/>
      <c r="AOD678" s="613"/>
      <c r="AOE678" s="613"/>
      <c r="AOF678" s="613"/>
      <c r="AOG678" s="613"/>
      <c r="AOH678" s="613"/>
      <c r="AOI678" s="613"/>
      <c r="AOJ678" s="613"/>
      <c r="AOK678" s="613"/>
      <c r="AOL678" s="613"/>
      <c r="AOM678" s="613"/>
      <c r="AON678" s="613"/>
      <c r="AOO678" s="613"/>
      <c r="AOP678" s="613"/>
      <c r="AOQ678" s="613"/>
      <c r="AOR678" s="613"/>
      <c r="AOS678" s="613"/>
      <c r="AOT678" s="613"/>
      <c r="AOU678" s="613"/>
      <c r="AOV678" s="613"/>
      <c r="AOW678" s="613"/>
      <c r="AOX678" s="613"/>
      <c r="AOY678" s="613"/>
      <c r="AOZ678" s="613"/>
      <c r="APA678" s="613"/>
      <c r="APB678" s="613"/>
      <c r="APC678" s="613"/>
      <c r="APD678" s="613"/>
      <c r="APE678" s="613"/>
      <c r="APF678" s="613"/>
      <c r="APG678" s="613"/>
      <c r="APH678" s="613"/>
      <c r="API678" s="613"/>
      <c r="APJ678" s="613"/>
      <c r="APK678" s="613"/>
      <c r="APL678" s="613"/>
      <c r="APM678" s="613"/>
      <c r="APN678" s="613"/>
      <c r="APO678" s="613"/>
      <c r="APP678" s="613"/>
      <c r="APQ678" s="613"/>
      <c r="APR678" s="613"/>
      <c r="APS678" s="613"/>
      <c r="APT678" s="613"/>
      <c r="APU678" s="613"/>
      <c r="APV678" s="613"/>
      <c r="APW678" s="613"/>
      <c r="APX678" s="613"/>
      <c r="APY678" s="613"/>
      <c r="APZ678" s="613"/>
      <c r="AQA678" s="613"/>
      <c r="AQB678" s="613"/>
      <c r="AQC678" s="613"/>
      <c r="AQD678" s="613"/>
      <c r="AQE678" s="613"/>
      <c r="AQF678" s="613"/>
      <c r="AQG678" s="613"/>
      <c r="AQH678" s="613"/>
      <c r="AQI678" s="613"/>
      <c r="AQJ678" s="613"/>
      <c r="AQK678" s="613"/>
      <c r="AQL678" s="613"/>
      <c r="AQM678" s="613"/>
      <c r="AQN678" s="613"/>
      <c r="AQO678" s="613"/>
      <c r="AQP678" s="613"/>
      <c r="AQQ678" s="613"/>
      <c r="AQR678" s="613"/>
      <c r="AQS678" s="613"/>
      <c r="AQT678" s="613"/>
      <c r="AQU678" s="613"/>
      <c r="AQV678" s="613"/>
      <c r="AQW678" s="613"/>
      <c r="AQX678" s="613"/>
      <c r="AQY678" s="613"/>
      <c r="AQZ678" s="613"/>
      <c r="ARA678" s="613"/>
      <c r="ARB678" s="613"/>
      <c r="ARC678" s="613"/>
      <c r="ARD678" s="613"/>
      <c r="ARE678" s="613"/>
      <c r="ARF678" s="613"/>
      <c r="ARG678" s="613"/>
      <c r="ARH678" s="613"/>
      <c r="ARI678" s="613"/>
      <c r="ARJ678" s="613"/>
      <c r="ARK678" s="613"/>
      <c r="ARL678" s="613"/>
      <c r="ARM678" s="613"/>
      <c r="ARN678" s="613"/>
      <c r="ARO678" s="613"/>
      <c r="ARP678" s="613"/>
      <c r="ARQ678" s="613"/>
      <c r="ARR678" s="613"/>
      <c r="ARS678" s="613"/>
      <c r="ART678" s="613"/>
      <c r="ARU678" s="613"/>
      <c r="ARV678" s="613"/>
      <c r="ARW678" s="613"/>
      <c r="ARX678" s="613"/>
      <c r="ARY678" s="613"/>
      <c r="ARZ678" s="613"/>
      <c r="ASA678" s="613"/>
      <c r="ASB678" s="613"/>
      <c r="ASC678" s="613"/>
      <c r="ASD678" s="613"/>
      <c r="ASE678" s="613"/>
      <c r="ASF678" s="613"/>
      <c r="ASG678" s="613"/>
      <c r="ASH678" s="613"/>
      <c r="ASI678" s="613"/>
      <c r="ASJ678" s="613"/>
      <c r="ASK678" s="613"/>
      <c r="ASL678" s="613"/>
      <c r="ASM678" s="613"/>
      <c r="ASN678" s="613"/>
      <c r="ASO678" s="613"/>
      <c r="ASP678" s="613"/>
      <c r="ASQ678" s="613"/>
      <c r="ASR678" s="613"/>
      <c r="ASS678" s="613"/>
      <c r="AST678" s="613"/>
      <c r="ASU678" s="613"/>
      <c r="ASV678" s="613"/>
      <c r="ASW678" s="613"/>
      <c r="ASX678" s="613"/>
      <c r="ASY678" s="613"/>
      <c r="ASZ678" s="613"/>
      <c r="ATA678" s="613"/>
      <c r="ATB678" s="613"/>
      <c r="ATC678" s="613"/>
      <c r="ATD678" s="613"/>
      <c r="ATE678" s="613"/>
      <c r="ATF678" s="613"/>
      <c r="ATG678" s="613"/>
      <c r="ATH678" s="613"/>
      <c r="ATI678" s="613"/>
      <c r="ATJ678" s="613"/>
      <c r="ATK678" s="613"/>
      <c r="ATL678" s="613"/>
      <c r="ATM678" s="613"/>
      <c r="ATN678" s="613"/>
      <c r="ATO678" s="613"/>
      <c r="ATP678" s="613"/>
      <c r="ATQ678" s="613"/>
      <c r="ATR678" s="613"/>
      <c r="ATS678" s="613"/>
      <c r="ATT678" s="613"/>
      <c r="ATU678" s="613"/>
      <c r="ATV678" s="613"/>
      <c r="ATW678" s="613"/>
      <c r="ATX678" s="613"/>
      <c r="ATY678" s="613"/>
      <c r="ATZ678" s="613"/>
      <c r="AUA678" s="613"/>
      <c r="AUB678" s="613"/>
      <c r="AUC678" s="613"/>
      <c r="AUD678" s="613"/>
      <c r="AUE678" s="613"/>
      <c r="AUF678" s="613"/>
      <c r="AUG678" s="613"/>
      <c r="AUH678" s="613"/>
      <c r="AUI678" s="613"/>
      <c r="AUJ678" s="613"/>
      <c r="AUK678" s="613"/>
      <c r="AUL678" s="613"/>
      <c r="AUM678" s="613"/>
      <c r="AUN678" s="613"/>
      <c r="AUO678" s="613"/>
      <c r="AUP678" s="613"/>
      <c r="AUQ678" s="613"/>
      <c r="AUR678" s="613"/>
      <c r="AUS678" s="613"/>
      <c r="AUT678" s="613"/>
      <c r="AUU678" s="613"/>
      <c r="AUV678" s="613"/>
      <c r="AUW678" s="613"/>
      <c r="AUX678" s="613"/>
      <c r="AUY678" s="613"/>
      <c r="AUZ678" s="613"/>
      <c r="AVA678" s="613"/>
      <c r="AVB678" s="613"/>
      <c r="AVC678" s="613"/>
      <c r="AVD678" s="613"/>
      <c r="AVE678" s="613"/>
      <c r="AVF678" s="613"/>
      <c r="AVG678" s="613"/>
      <c r="AVH678" s="613"/>
      <c r="AVI678" s="613"/>
      <c r="AVJ678" s="613"/>
      <c r="AVK678" s="613"/>
      <c r="AVL678" s="613"/>
      <c r="AVM678" s="613"/>
      <c r="AVN678" s="613"/>
      <c r="AVO678" s="613"/>
      <c r="AVP678" s="613"/>
      <c r="AVQ678" s="613"/>
      <c r="AVR678" s="613"/>
      <c r="AVS678" s="613"/>
      <c r="AVT678" s="613"/>
      <c r="AVU678" s="613"/>
      <c r="AVV678" s="613"/>
      <c r="AVW678" s="613"/>
      <c r="AVX678" s="613"/>
      <c r="AVY678" s="613"/>
      <c r="AVZ678" s="613"/>
      <c r="AWA678" s="613"/>
      <c r="AWB678" s="613"/>
      <c r="AWC678" s="613"/>
      <c r="AWD678" s="613"/>
      <c r="AWE678" s="613"/>
      <c r="AWF678" s="613"/>
      <c r="AWG678" s="613"/>
      <c r="AWH678" s="613"/>
      <c r="AWI678" s="613"/>
      <c r="AWJ678" s="613"/>
      <c r="AWK678" s="613"/>
      <c r="AWL678" s="613"/>
      <c r="AWM678" s="613"/>
      <c r="AWN678" s="613"/>
      <c r="AWO678" s="613"/>
      <c r="AWP678" s="613"/>
      <c r="AWQ678" s="613"/>
      <c r="AWR678" s="613"/>
      <c r="AWS678" s="613"/>
      <c r="AWT678" s="613"/>
      <c r="AWU678" s="613"/>
      <c r="AWV678" s="613"/>
      <c r="AWW678" s="613"/>
      <c r="AWX678" s="613"/>
      <c r="AWY678" s="613"/>
      <c r="AWZ678" s="613"/>
      <c r="AXA678" s="613"/>
      <c r="AXB678" s="613"/>
      <c r="AXC678" s="613"/>
      <c r="AXD678" s="613"/>
      <c r="AXE678" s="613"/>
      <c r="AXF678" s="613"/>
      <c r="AXG678" s="613"/>
      <c r="AXH678" s="613"/>
      <c r="AXI678" s="613"/>
      <c r="AXJ678" s="613"/>
      <c r="AXK678" s="613"/>
      <c r="AXL678" s="613"/>
      <c r="AXM678" s="613"/>
      <c r="AXN678" s="613"/>
      <c r="AXO678" s="613"/>
      <c r="AXP678" s="613"/>
      <c r="AXQ678" s="613"/>
      <c r="AXR678" s="613"/>
      <c r="AXS678" s="613"/>
      <c r="AXT678" s="613"/>
      <c r="AXU678" s="613"/>
      <c r="AXV678" s="613"/>
      <c r="AXW678" s="613"/>
      <c r="AXX678" s="613"/>
      <c r="AXY678" s="613"/>
      <c r="AXZ678" s="613"/>
      <c r="AYA678" s="613"/>
      <c r="AYB678" s="613"/>
      <c r="AYC678" s="613"/>
      <c r="AYD678" s="613"/>
      <c r="AYE678" s="613"/>
      <c r="AYF678" s="613"/>
      <c r="AYG678" s="613"/>
      <c r="AYH678" s="613"/>
      <c r="AYI678" s="613"/>
      <c r="AYJ678" s="613"/>
      <c r="AYK678" s="613"/>
      <c r="AYL678" s="613"/>
      <c r="AYM678" s="613"/>
      <c r="AYN678" s="613"/>
      <c r="AYO678" s="613"/>
      <c r="AYP678" s="613"/>
      <c r="AYQ678" s="613"/>
      <c r="AYR678" s="613"/>
      <c r="AYS678" s="613"/>
      <c r="AYT678" s="613"/>
      <c r="AYU678" s="613"/>
      <c r="AYV678" s="613"/>
      <c r="AYW678" s="613"/>
      <c r="AYX678" s="613"/>
      <c r="AYY678" s="613"/>
      <c r="AYZ678" s="613"/>
      <c r="AZA678" s="613"/>
      <c r="AZB678" s="613"/>
      <c r="AZC678" s="613"/>
      <c r="AZD678" s="613"/>
      <c r="AZE678" s="613"/>
      <c r="AZF678" s="613"/>
      <c r="AZG678" s="613"/>
      <c r="AZH678" s="613"/>
      <c r="AZI678" s="613"/>
      <c r="AZJ678" s="613"/>
      <c r="AZK678" s="613"/>
      <c r="AZL678" s="613"/>
      <c r="AZM678" s="613"/>
      <c r="AZN678" s="613"/>
      <c r="AZO678" s="613"/>
      <c r="AZP678" s="613"/>
      <c r="AZQ678" s="613"/>
      <c r="AZR678" s="613"/>
      <c r="AZS678" s="613"/>
      <c r="AZT678" s="613"/>
      <c r="AZU678" s="613"/>
      <c r="AZV678" s="613"/>
      <c r="AZW678" s="613"/>
      <c r="AZX678" s="613"/>
      <c r="AZY678" s="613"/>
      <c r="AZZ678" s="613"/>
      <c r="BAA678" s="613"/>
      <c r="BAB678" s="613"/>
      <c r="BAC678" s="613"/>
      <c r="BAD678" s="613"/>
      <c r="BAE678" s="613"/>
      <c r="BAF678" s="613"/>
      <c r="BAG678" s="613"/>
      <c r="BAH678" s="613"/>
      <c r="BAI678" s="613"/>
      <c r="BAJ678" s="613"/>
      <c r="BAK678" s="613"/>
      <c r="BAL678" s="613"/>
      <c r="BAM678" s="613"/>
      <c r="BAN678" s="613"/>
      <c r="BAO678" s="613"/>
      <c r="BAP678" s="613"/>
      <c r="BAQ678" s="613"/>
      <c r="BAR678" s="613"/>
      <c r="BAS678" s="613"/>
      <c r="BAT678" s="613"/>
      <c r="BAU678" s="613"/>
      <c r="BAV678" s="613"/>
      <c r="BAW678" s="613"/>
      <c r="BAX678" s="613"/>
      <c r="BAY678" s="613"/>
      <c r="BAZ678" s="613"/>
      <c r="BBA678" s="613"/>
      <c r="BBB678" s="613"/>
      <c r="BBC678" s="613"/>
      <c r="BBD678" s="613"/>
      <c r="BBE678" s="613"/>
      <c r="BBF678" s="613"/>
      <c r="BBG678" s="613"/>
      <c r="BBH678" s="613"/>
      <c r="BBI678" s="613"/>
      <c r="BBJ678" s="613"/>
      <c r="BBK678" s="613"/>
      <c r="BBL678" s="613"/>
      <c r="BBM678" s="613"/>
      <c r="BBN678" s="613"/>
      <c r="BBO678" s="613"/>
      <c r="BBP678" s="613"/>
      <c r="BBQ678" s="613"/>
      <c r="BBR678" s="613"/>
      <c r="BBS678" s="613"/>
      <c r="BBT678" s="613"/>
      <c r="BBU678" s="613"/>
      <c r="BBV678" s="613"/>
      <c r="BBW678" s="613"/>
      <c r="BBX678" s="613"/>
      <c r="BBY678" s="613"/>
      <c r="BBZ678" s="613"/>
      <c r="BCA678" s="613"/>
      <c r="BCB678" s="613"/>
      <c r="BCC678" s="613"/>
      <c r="BCD678" s="613"/>
      <c r="BCE678" s="613"/>
      <c r="BCF678" s="613"/>
      <c r="BCG678" s="613"/>
      <c r="BCH678" s="613"/>
      <c r="BCI678" s="613"/>
      <c r="BCJ678" s="613"/>
      <c r="BCK678" s="613"/>
      <c r="BCL678" s="613"/>
      <c r="BCM678" s="613"/>
      <c r="BCN678" s="613"/>
      <c r="BCO678" s="613"/>
      <c r="BCP678" s="613"/>
      <c r="BCQ678" s="613"/>
      <c r="BCR678" s="613"/>
      <c r="BCS678" s="613"/>
      <c r="BCT678" s="613"/>
      <c r="BCU678" s="613"/>
      <c r="BCV678" s="613"/>
      <c r="BCW678" s="613"/>
      <c r="BCX678" s="613"/>
      <c r="BCY678" s="613"/>
      <c r="BCZ678" s="613"/>
      <c r="BDA678" s="613"/>
      <c r="BDB678" s="613"/>
      <c r="BDC678" s="613"/>
      <c r="BDD678" s="613"/>
      <c r="BDE678" s="613"/>
      <c r="BDF678" s="613"/>
      <c r="BDG678" s="613"/>
      <c r="BDH678" s="613"/>
      <c r="BDI678" s="613"/>
      <c r="BDJ678" s="613"/>
      <c r="BDK678" s="613"/>
      <c r="BDL678" s="613"/>
      <c r="BDM678" s="613"/>
      <c r="BDN678" s="613"/>
      <c r="BDO678" s="613"/>
      <c r="BDP678" s="613"/>
      <c r="BDQ678" s="613"/>
      <c r="BDR678" s="613"/>
      <c r="BDS678" s="613"/>
      <c r="BDT678" s="613"/>
      <c r="BDU678" s="613"/>
      <c r="BDV678" s="613"/>
      <c r="BDW678" s="613"/>
      <c r="BDX678" s="613"/>
      <c r="BDY678" s="613"/>
      <c r="BDZ678" s="613"/>
      <c r="BEA678" s="613"/>
      <c r="BEB678" s="613"/>
      <c r="BEC678" s="613"/>
      <c r="BED678" s="613"/>
      <c r="BEE678" s="613"/>
      <c r="BEF678" s="613"/>
      <c r="BEG678" s="613"/>
      <c r="BEH678" s="613"/>
      <c r="BEI678" s="613"/>
      <c r="BEJ678" s="613"/>
      <c r="BEK678" s="613"/>
      <c r="BEL678" s="613"/>
      <c r="BEM678" s="613"/>
      <c r="BEN678" s="613"/>
      <c r="BEO678" s="613"/>
      <c r="BEP678" s="613"/>
      <c r="BEQ678" s="613"/>
      <c r="BER678" s="613"/>
      <c r="BES678" s="613"/>
      <c r="BET678" s="613"/>
      <c r="BEU678" s="613"/>
      <c r="BEV678" s="613"/>
      <c r="BEW678" s="613"/>
      <c r="BEX678" s="613"/>
      <c r="BEY678" s="613"/>
      <c r="BEZ678" s="613"/>
      <c r="BFA678" s="613"/>
      <c r="BFB678" s="613"/>
      <c r="BFC678" s="613"/>
      <c r="BFD678" s="613"/>
      <c r="BFE678" s="613"/>
      <c r="BFF678" s="613"/>
      <c r="BFG678" s="613"/>
      <c r="BFH678" s="613"/>
      <c r="BFI678" s="613"/>
      <c r="BFJ678" s="613"/>
      <c r="BFK678" s="613"/>
      <c r="BFL678" s="613"/>
      <c r="BFM678" s="613"/>
      <c r="BFN678" s="613"/>
      <c r="BFO678" s="613"/>
      <c r="BFP678" s="613"/>
      <c r="BFQ678" s="613"/>
      <c r="BFR678" s="613"/>
      <c r="BFS678" s="613"/>
      <c r="BFT678" s="613"/>
      <c r="BFU678" s="613"/>
      <c r="BFV678" s="613"/>
      <c r="BFW678" s="613"/>
      <c r="BFX678" s="613"/>
      <c r="BFY678" s="613"/>
      <c r="BFZ678" s="613"/>
      <c r="BGA678" s="613"/>
      <c r="BGB678" s="613"/>
      <c r="BGC678" s="613"/>
      <c r="BGD678" s="613"/>
      <c r="BGE678" s="613"/>
      <c r="BGF678" s="613"/>
      <c r="BGG678" s="613"/>
      <c r="BGH678" s="613"/>
      <c r="BGI678" s="613"/>
      <c r="BGJ678" s="613"/>
      <c r="BGK678" s="613"/>
      <c r="BGL678" s="613"/>
      <c r="BGM678" s="613"/>
      <c r="BGN678" s="613"/>
      <c r="BGO678" s="613"/>
      <c r="BGP678" s="613"/>
      <c r="BGQ678" s="613"/>
      <c r="BGR678" s="613"/>
      <c r="BGS678" s="613"/>
      <c r="BGT678" s="613"/>
      <c r="BGU678" s="613"/>
      <c r="BGV678" s="613"/>
      <c r="BGW678" s="613"/>
      <c r="BGX678" s="613"/>
      <c r="BGY678" s="613"/>
      <c r="BGZ678" s="613"/>
      <c r="BHA678" s="613"/>
      <c r="BHB678" s="613"/>
      <c r="BHC678" s="613"/>
      <c r="BHD678" s="613"/>
      <c r="BHE678" s="613"/>
      <c r="BHF678" s="613"/>
      <c r="BHG678" s="613"/>
      <c r="BHH678" s="613"/>
      <c r="BHI678" s="613"/>
      <c r="BHJ678" s="613"/>
      <c r="BHK678" s="613"/>
      <c r="BHL678" s="613"/>
      <c r="BHM678" s="613"/>
      <c r="BHN678" s="613"/>
      <c r="BHO678" s="613"/>
      <c r="BHP678" s="613"/>
      <c r="BHQ678" s="613"/>
      <c r="BHR678" s="613"/>
      <c r="BHS678" s="613"/>
      <c r="BHT678" s="613"/>
      <c r="BHU678" s="613"/>
      <c r="BHV678" s="613"/>
      <c r="BHW678" s="613"/>
      <c r="BHX678" s="613"/>
      <c r="BHY678" s="613"/>
      <c r="BHZ678" s="613"/>
      <c r="BIA678" s="613"/>
      <c r="BIB678" s="613"/>
      <c r="BIC678" s="613"/>
      <c r="BID678" s="613"/>
      <c r="BIE678" s="613"/>
      <c r="BIF678" s="613"/>
      <c r="BIG678" s="613"/>
      <c r="BIH678" s="613"/>
      <c r="BII678" s="613"/>
      <c r="BIJ678" s="613"/>
      <c r="BIK678" s="613"/>
      <c r="BIL678" s="613"/>
      <c r="BIM678" s="613"/>
      <c r="BIN678" s="613"/>
      <c r="BIO678" s="613"/>
      <c r="BIP678" s="613"/>
      <c r="BIQ678" s="613"/>
      <c r="BIR678" s="613"/>
      <c r="BIS678" s="613"/>
      <c r="BIT678" s="613"/>
      <c r="BIU678" s="613"/>
      <c r="BIV678" s="613"/>
      <c r="BIW678" s="613"/>
      <c r="BIX678" s="613"/>
      <c r="BIY678" s="613"/>
      <c r="BIZ678" s="613"/>
      <c r="BJA678" s="613"/>
      <c r="BJB678" s="613"/>
      <c r="BJC678" s="613"/>
      <c r="BJD678" s="613"/>
      <c r="BJE678" s="613"/>
      <c r="BJF678" s="613"/>
      <c r="BJG678" s="613"/>
      <c r="BJH678" s="613"/>
      <c r="BJI678" s="613"/>
      <c r="BJJ678" s="613"/>
      <c r="BJK678" s="613"/>
      <c r="BJL678" s="613"/>
      <c r="BJM678" s="613"/>
      <c r="BJN678" s="613"/>
      <c r="BJO678" s="613"/>
      <c r="BJP678" s="613"/>
      <c r="BJQ678" s="613"/>
      <c r="BJR678" s="613"/>
      <c r="BJS678" s="613"/>
      <c r="BJT678" s="613"/>
      <c r="BJU678" s="613"/>
      <c r="BJV678" s="613"/>
      <c r="BJW678" s="613"/>
      <c r="BJX678" s="613"/>
      <c r="BJY678" s="613"/>
      <c r="BJZ678" s="613"/>
      <c r="BKA678" s="613"/>
      <c r="BKB678" s="613"/>
      <c r="BKC678" s="613"/>
      <c r="BKD678" s="613"/>
      <c r="BKE678" s="613"/>
      <c r="BKF678" s="613"/>
      <c r="BKG678" s="613"/>
      <c r="BKH678" s="613"/>
      <c r="BKI678" s="613"/>
      <c r="BKJ678" s="613"/>
      <c r="BKK678" s="613"/>
      <c r="BKL678" s="613"/>
      <c r="BKM678" s="613"/>
      <c r="BKN678" s="613"/>
      <c r="BKO678" s="613"/>
      <c r="BKP678" s="613"/>
      <c r="BKQ678" s="613"/>
      <c r="BKR678" s="613"/>
      <c r="BKS678" s="613"/>
      <c r="BKT678" s="613"/>
      <c r="BKU678" s="613"/>
      <c r="BKV678" s="613"/>
      <c r="BKW678" s="613"/>
      <c r="BKX678" s="613"/>
      <c r="BKY678" s="613"/>
      <c r="BKZ678" s="613"/>
      <c r="BLA678" s="613"/>
      <c r="BLB678" s="613"/>
      <c r="BLC678" s="613"/>
      <c r="BLD678" s="613"/>
      <c r="BLE678" s="613"/>
      <c r="BLF678" s="613"/>
      <c r="BLG678" s="613"/>
      <c r="BLH678" s="613"/>
      <c r="BLI678" s="613"/>
      <c r="BLJ678" s="613"/>
      <c r="BLK678" s="613"/>
      <c r="BLL678" s="613"/>
      <c r="BLM678" s="613"/>
      <c r="BLN678" s="613"/>
      <c r="BLO678" s="613"/>
      <c r="BLP678" s="613"/>
      <c r="BLQ678" s="613"/>
      <c r="BLR678" s="613"/>
      <c r="BLS678" s="613"/>
      <c r="BLT678" s="613"/>
      <c r="BLU678" s="613"/>
      <c r="BLV678" s="613"/>
      <c r="BLW678" s="613"/>
      <c r="BLX678" s="613"/>
      <c r="BLY678" s="613"/>
      <c r="BLZ678" s="613"/>
      <c r="BMA678" s="613"/>
      <c r="BMB678" s="613"/>
      <c r="BMC678" s="613"/>
      <c r="BMD678" s="613"/>
      <c r="BME678" s="613"/>
      <c r="BMF678" s="613"/>
      <c r="BMG678" s="613"/>
      <c r="BMH678" s="613"/>
      <c r="BMI678" s="613"/>
      <c r="BMJ678" s="613"/>
      <c r="BMK678" s="613"/>
      <c r="BML678" s="613"/>
      <c r="BMM678" s="613"/>
      <c r="BMN678" s="613"/>
      <c r="BMO678" s="613"/>
      <c r="BMP678" s="613"/>
      <c r="BMQ678" s="613"/>
      <c r="BMR678" s="613"/>
      <c r="BMS678" s="613"/>
      <c r="BMT678" s="613"/>
      <c r="BMU678" s="613"/>
      <c r="BMV678" s="613"/>
      <c r="BMW678" s="613"/>
      <c r="BMX678" s="613"/>
      <c r="BMY678" s="613"/>
      <c r="BMZ678" s="613"/>
      <c r="BNA678" s="613"/>
      <c r="BNB678" s="613"/>
      <c r="BNC678" s="613"/>
      <c r="BND678" s="613"/>
      <c r="BNE678" s="613"/>
      <c r="BNF678" s="613"/>
      <c r="BNG678" s="613"/>
      <c r="BNH678" s="613"/>
      <c r="BNI678" s="613"/>
      <c r="BNJ678" s="613"/>
      <c r="BNK678" s="613"/>
      <c r="BNL678" s="613"/>
      <c r="BNM678" s="613"/>
      <c r="BNN678" s="613"/>
      <c r="BNO678" s="613"/>
      <c r="BNP678" s="613"/>
      <c r="BNQ678" s="613"/>
      <c r="BNR678" s="613"/>
      <c r="BNS678" s="613"/>
      <c r="BNT678" s="613"/>
      <c r="BNU678" s="613"/>
      <c r="BNV678" s="613"/>
      <c r="BNW678" s="613"/>
      <c r="BNX678" s="613"/>
      <c r="BNY678" s="613"/>
      <c r="BNZ678" s="613"/>
      <c r="BOA678" s="613"/>
      <c r="BOB678" s="613"/>
      <c r="BOC678" s="613"/>
      <c r="BOD678" s="613"/>
      <c r="BOE678" s="613"/>
      <c r="BOF678" s="613"/>
      <c r="BOG678" s="613"/>
      <c r="BOH678" s="613"/>
      <c r="BOI678" s="613"/>
      <c r="BOJ678" s="613"/>
      <c r="BOK678" s="613"/>
      <c r="BOL678" s="613"/>
      <c r="BOM678" s="613"/>
      <c r="BON678" s="613"/>
      <c r="BOO678" s="613"/>
      <c r="BOP678" s="613"/>
      <c r="BOQ678" s="613"/>
      <c r="BOR678" s="613"/>
      <c r="BOS678" s="613"/>
      <c r="BOT678" s="613"/>
      <c r="BOU678" s="613"/>
      <c r="BOV678" s="613"/>
      <c r="BOW678" s="613"/>
      <c r="BOX678" s="613"/>
      <c r="BOY678" s="613"/>
      <c r="BOZ678" s="613"/>
      <c r="BPA678" s="613"/>
      <c r="BPB678" s="613"/>
      <c r="BPC678" s="613"/>
      <c r="BPD678" s="613"/>
      <c r="BPE678" s="613"/>
      <c r="BPF678" s="613"/>
      <c r="BPG678" s="613"/>
      <c r="BPH678" s="613"/>
      <c r="BPI678" s="613"/>
      <c r="BPJ678" s="613"/>
      <c r="BPK678" s="613"/>
      <c r="BPL678" s="613"/>
      <c r="BPM678" s="613"/>
      <c r="BPN678" s="613"/>
      <c r="BPO678" s="613"/>
      <c r="BPP678" s="613"/>
      <c r="BPQ678" s="613"/>
      <c r="BPR678" s="613"/>
      <c r="BPS678" s="613"/>
      <c r="BPT678" s="613"/>
      <c r="BPU678" s="613"/>
      <c r="BPV678" s="613"/>
      <c r="BPW678" s="613"/>
      <c r="BPX678" s="613"/>
      <c r="BPY678" s="613"/>
      <c r="BPZ678" s="613"/>
      <c r="BQA678" s="613"/>
      <c r="BQB678" s="613"/>
      <c r="BQC678" s="613"/>
      <c r="BQD678" s="613"/>
      <c r="BQE678" s="613"/>
      <c r="BQF678" s="613"/>
      <c r="BQG678" s="613"/>
      <c r="BQH678" s="613"/>
      <c r="BQI678" s="613"/>
      <c r="BQJ678" s="613"/>
      <c r="BQK678" s="613"/>
      <c r="BQL678" s="613"/>
      <c r="BQM678" s="613"/>
      <c r="BQN678" s="613"/>
      <c r="BQO678" s="613"/>
      <c r="BQP678" s="613"/>
      <c r="BQQ678" s="613"/>
      <c r="BQR678" s="613"/>
      <c r="BQS678" s="613"/>
      <c r="BQT678" s="613"/>
      <c r="BQU678" s="613"/>
      <c r="BQV678" s="613"/>
      <c r="BQW678" s="613"/>
      <c r="BQX678" s="613"/>
      <c r="BQY678" s="613"/>
      <c r="BQZ678" s="613"/>
      <c r="BRA678" s="613"/>
      <c r="BRB678" s="613"/>
      <c r="BRC678" s="613"/>
      <c r="BRD678" s="613"/>
      <c r="BRE678" s="613"/>
      <c r="BRF678" s="613"/>
      <c r="BRG678" s="613"/>
      <c r="BRH678" s="613"/>
      <c r="BRI678" s="613"/>
      <c r="BRJ678" s="613"/>
      <c r="BRK678" s="613"/>
      <c r="BRL678" s="613"/>
      <c r="BRM678" s="613"/>
      <c r="BRN678" s="613"/>
      <c r="BRO678" s="613"/>
      <c r="BRP678" s="613"/>
      <c r="BRQ678" s="613"/>
      <c r="BRR678" s="613"/>
      <c r="BRS678" s="613"/>
      <c r="BRT678" s="613"/>
      <c r="BRU678" s="613"/>
      <c r="BRV678" s="613"/>
      <c r="BRW678" s="613"/>
      <c r="BRX678" s="613"/>
      <c r="BRY678" s="613"/>
      <c r="BRZ678" s="613"/>
      <c r="BSA678" s="613"/>
      <c r="BSB678" s="613"/>
      <c r="BSC678" s="613"/>
      <c r="BSD678" s="613"/>
      <c r="BSE678" s="613"/>
      <c r="BSF678" s="613"/>
      <c r="BSG678" s="613"/>
      <c r="BSH678" s="613"/>
      <c r="BSI678" s="613"/>
      <c r="BSJ678" s="613"/>
      <c r="BSK678" s="613"/>
      <c r="BSL678" s="613"/>
      <c r="BSM678" s="613"/>
      <c r="BSN678" s="613"/>
      <c r="BSO678" s="613"/>
      <c r="BSP678" s="613"/>
      <c r="BSQ678" s="613"/>
      <c r="BSR678" s="613"/>
      <c r="BSS678" s="613"/>
      <c r="BST678" s="613"/>
      <c r="BSU678" s="613"/>
      <c r="BSV678" s="613"/>
      <c r="BSW678" s="613"/>
      <c r="BSX678" s="613"/>
      <c r="BSY678" s="613"/>
      <c r="BSZ678" s="613"/>
      <c r="BTA678" s="613"/>
      <c r="BTB678" s="613"/>
      <c r="BTC678" s="613"/>
      <c r="BTD678" s="613"/>
      <c r="BTE678" s="613"/>
      <c r="BTF678" s="613"/>
      <c r="BTG678" s="613"/>
      <c r="BTH678" s="613"/>
      <c r="BTI678" s="613"/>
      <c r="BTJ678" s="613"/>
      <c r="BTK678" s="613"/>
      <c r="BTL678" s="613"/>
      <c r="BTM678" s="613"/>
      <c r="BTN678" s="613"/>
      <c r="BTO678" s="613"/>
      <c r="BTP678" s="613"/>
      <c r="BTQ678" s="613"/>
      <c r="BTR678" s="613"/>
      <c r="BTS678" s="613"/>
      <c r="BTT678" s="613"/>
      <c r="BTU678" s="613"/>
      <c r="BTV678" s="613"/>
      <c r="BTW678" s="613"/>
      <c r="BTX678" s="613"/>
      <c r="BTY678" s="613"/>
      <c r="BTZ678" s="613"/>
      <c r="BUA678" s="613"/>
      <c r="BUB678" s="613"/>
      <c r="BUC678" s="613"/>
      <c r="BUD678" s="613"/>
      <c r="BUE678" s="613"/>
      <c r="BUF678" s="613"/>
      <c r="BUG678" s="613"/>
      <c r="BUH678" s="613"/>
      <c r="BUI678" s="613"/>
      <c r="BUJ678" s="613"/>
      <c r="BUK678" s="613"/>
      <c r="BUL678" s="613"/>
      <c r="BUM678" s="613"/>
      <c r="BUN678" s="613"/>
      <c r="BUO678" s="613"/>
      <c r="BUP678" s="613"/>
      <c r="BUQ678" s="613"/>
      <c r="BUR678" s="613"/>
      <c r="BUS678" s="613"/>
      <c r="BUT678" s="613"/>
      <c r="BUU678" s="613"/>
      <c r="BUV678" s="613"/>
      <c r="BUW678" s="613"/>
      <c r="BUX678" s="613"/>
      <c r="BUY678" s="613"/>
      <c r="BUZ678" s="613"/>
      <c r="BVA678" s="613"/>
      <c r="BVB678" s="613"/>
      <c r="BVC678" s="613"/>
      <c r="BVD678" s="613"/>
      <c r="BVE678" s="613"/>
      <c r="BVF678" s="613"/>
      <c r="BVG678" s="613"/>
      <c r="BVH678" s="613"/>
      <c r="BVI678" s="613"/>
      <c r="BVJ678" s="613"/>
      <c r="BVK678" s="613"/>
      <c r="BVL678" s="613"/>
      <c r="BVM678" s="613"/>
      <c r="BVN678" s="613"/>
      <c r="BVO678" s="613"/>
      <c r="BVP678" s="613"/>
      <c r="BVQ678" s="613"/>
      <c r="BVR678" s="613"/>
      <c r="BVS678" s="613"/>
      <c r="BVT678" s="613"/>
      <c r="BVU678" s="613"/>
      <c r="BVV678" s="613"/>
      <c r="BVW678" s="613"/>
      <c r="BVX678" s="613"/>
      <c r="BVY678" s="613"/>
      <c r="BVZ678" s="613"/>
      <c r="BWA678" s="613"/>
      <c r="BWB678" s="613"/>
      <c r="BWC678" s="613"/>
      <c r="BWD678" s="613"/>
      <c r="BWE678" s="613"/>
      <c r="BWF678" s="613"/>
      <c r="BWG678" s="613"/>
      <c r="BWH678" s="613"/>
      <c r="BWI678" s="613"/>
      <c r="BWJ678" s="613"/>
      <c r="BWK678" s="613"/>
      <c r="BWL678" s="613"/>
      <c r="BWM678" s="613"/>
      <c r="BWN678" s="613"/>
      <c r="BWO678" s="613"/>
      <c r="BWP678" s="613"/>
      <c r="BWQ678" s="613"/>
      <c r="BWR678" s="613"/>
      <c r="BWS678" s="613"/>
      <c r="BWT678" s="613"/>
      <c r="BWU678" s="613"/>
      <c r="BWV678" s="613"/>
      <c r="BWW678" s="613"/>
      <c r="BWX678" s="613"/>
      <c r="BWY678" s="613"/>
      <c r="BWZ678" s="613"/>
      <c r="BXA678" s="613"/>
      <c r="BXB678" s="613"/>
      <c r="BXC678" s="613"/>
      <c r="BXD678" s="613"/>
      <c r="BXE678" s="613"/>
      <c r="BXF678" s="613"/>
      <c r="BXG678" s="613"/>
      <c r="BXH678" s="613"/>
      <c r="BXI678" s="613"/>
      <c r="BXJ678" s="613"/>
      <c r="BXK678" s="613"/>
      <c r="BXL678" s="613"/>
      <c r="BXM678" s="613"/>
      <c r="BXN678" s="613"/>
      <c r="BXO678" s="613"/>
      <c r="BXP678" s="613"/>
      <c r="BXQ678" s="613"/>
      <c r="BXR678" s="613"/>
      <c r="BXS678" s="613"/>
      <c r="BXT678" s="613"/>
      <c r="BXU678" s="613"/>
      <c r="BXV678" s="613"/>
      <c r="BXW678" s="613"/>
      <c r="BXX678" s="613"/>
      <c r="BXY678" s="613"/>
      <c r="BXZ678" s="613"/>
      <c r="BYA678" s="613"/>
      <c r="BYB678" s="613"/>
      <c r="BYC678" s="613"/>
      <c r="BYD678" s="613"/>
      <c r="BYE678" s="613"/>
      <c r="BYF678" s="613"/>
      <c r="BYG678" s="613"/>
      <c r="BYH678" s="613"/>
      <c r="BYI678" s="613"/>
      <c r="BYJ678" s="613"/>
      <c r="BYK678" s="613"/>
      <c r="BYL678" s="613"/>
      <c r="BYM678" s="613"/>
      <c r="BYN678" s="613"/>
      <c r="BYO678" s="613"/>
      <c r="BYP678" s="613"/>
      <c r="BYQ678" s="613"/>
      <c r="BYR678" s="613"/>
      <c r="BYS678" s="613"/>
      <c r="BYT678" s="613"/>
      <c r="BYU678" s="613"/>
      <c r="BYV678" s="613"/>
      <c r="BYW678" s="613"/>
      <c r="BYX678" s="613"/>
      <c r="BYY678" s="613"/>
      <c r="BYZ678" s="613"/>
      <c r="BZA678" s="613"/>
      <c r="BZB678" s="613"/>
      <c r="BZC678" s="613"/>
      <c r="BZD678" s="613"/>
      <c r="BZE678" s="613"/>
      <c r="BZF678" s="613"/>
      <c r="BZG678" s="613"/>
      <c r="BZH678" s="613"/>
      <c r="BZI678" s="613"/>
      <c r="BZJ678" s="613"/>
      <c r="BZK678" s="613"/>
      <c r="BZL678" s="613"/>
      <c r="BZM678" s="613"/>
      <c r="BZN678" s="613"/>
      <c r="BZO678" s="613"/>
      <c r="BZP678" s="613"/>
      <c r="BZQ678" s="613"/>
      <c r="BZR678" s="613"/>
      <c r="BZS678" s="613"/>
      <c r="BZT678" s="613"/>
      <c r="BZU678" s="613"/>
      <c r="BZV678" s="613"/>
      <c r="BZW678" s="613"/>
      <c r="BZX678" s="613"/>
      <c r="BZY678" s="613"/>
      <c r="BZZ678" s="613"/>
      <c r="CAA678" s="613"/>
      <c r="CAB678" s="613"/>
      <c r="CAC678" s="613"/>
      <c r="CAD678" s="613"/>
      <c r="CAE678" s="613"/>
      <c r="CAF678" s="613"/>
      <c r="CAG678" s="613"/>
      <c r="CAH678" s="613"/>
      <c r="CAI678" s="613"/>
      <c r="CAJ678" s="613"/>
      <c r="CAK678" s="613"/>
      <c r="CAL678" s="613"/>
      <c r="CAM678" s="613"/>
      <c r="CAN678" s="613"/>
      <c r="CAO678" s="613"/>
      <c r="CAP678" s="613"/>
      <c r="CAQ678" s="613"/>
      <c r="CAR678" s="613"/>
      <c r="CAS678" s="613"/>
      <c r="CAT678" s="613"/>
      <c r="CAU678" s="613"/>
      <c r="CAV678" s="613"/>
      <c r="CAW678" s="613"/>
      <c r="CAX678" s="613"/>
      <c r="CAY678" s="613"/>
      <c r="CAZ678" s="613"/>
      <c r="CBA678" s="613"/>
      <c r="CBB678" s="613"/>
      <c r="CBC678" s="613"/>
      <c r="CBD678" s="613"/>
      <c r="CBE678" s="613"/>
      <c r="CBF678" s="613"/>
      <c r="CBG678" s="613"/>
      <c r="CBH678" s="613"/>
      <c r="CBI678" s="613"/>
      <c r="CBJ678" s="613"/>
      <c r="CBK678" s="613"/>
      <c r="CBL678" s="613"/>
      <c r="CBM678" s="613"/>
      <c r="CBN678" s="613"/>
      <c r="CBO678" s="613"/>
      <c r="CBP678" s="613"/>
      <c r="CBQ678" s="613"/>
      <c r="CBR678" s="613"/>
      <c r="CBS678" s="613"/>
      <c r="CBT678" s="613"/>
      <c r="CBU678" s="613"/>
      <c r="CBV678" s="613"/>
      <c r="CBW678" s="613"/>
      <c r="CBX678" s="613"/>
      <c r="CBY678" s="613"/>
      <c r="CBZ678" s="613"/>
      <c r="CCA678" s="613"/>
      <c r="CCB678" s="613"/>
      <c r="CCC678" s="613"/>
      <c r="CCD678" s="613"/>
      <c r="CCE678" s="613"/>
      <c r="CCF678" s="613"/>
      <c r="CCG678" s="613"/>
      <c r="CCH678" s="613"/>
      <c r="CCI678" s="613"/>
      <c r="CCJ678" s="613"/>
      <c r="CCK678" s="613"/>
      <c r="CCL678" s="613"/>
      <c r="CCM678" s="613"/>
      <c r="CCN678" s="613"/>
      <c r="CCO678" s="613"/>
      <c r="CCP678" s="613"/>
      <c r="CCQ678" s="613"/>
      <c r="CCR678" s="613"/>
      <c r="CCS678" s="613"/>
      <c r="CCT678" s="613"/>
      <c r="CCU678" s="613"/>
      <c r="CCV678" s="613"/>
      <c r="CCW678" s="613"/>
      <c r="CCX678" s="613"/>
      <c r="CCY678" s="613"/>
      <c r="CCZ678" s="613"/>
      <c r="CDA678" s="613"/>
      <c r="CDB678" s="613"/>
      <c r="CDC678" s="613"/>
      <c r="CDD678" s="613"/>
      <c r="CDE678" s="613"/>
      <c r="CDF678" s="613"/>
      <c r="CDG678" s="613"/>
      <c r="CDH678" s="613"/>
      <c r="CDI678" s="613"/>
      <c r="CDJ678" s="613"/>
      <c r="CDK678" s="613"/>
      <c r="CDL678" s="613"/>
      <c r="CDM678" s="613"/>
      <c r="CDN678" s="613"/>
      <c r="CDO678" s="613"/>
      <c r="CDP678" s="613"/>
      <c r="CDQ678" s="613"/>
      <c r="CDR678" s="613"/>
      <c r="CDS678" s="613"/>
      <c r="CDT678" s="613"/>
      <c r="CDU678" s="613"/>
      <c r="CDV678" s="613"/>
      <c r="CDW678" s="613"/>
      <c r="CDX678" s="613"/>
      <c r="CDY678" s="613"/>
      <c r="CDZ678" s="613"/>
      <c r="CEA678" s="613"/>
      <c r="CEB678" s="613"/>
      <c r="CEC678" s="613"/>
      <c r="CED678" s="613"/>
      <c r="CEE678" s="613"/>
      <c r="CEF678" s="613"/>
      <c r="CEG678" s="613"/>
      <c r="CEH678" s="613"/>
      <c r="CEI678" s="613"/>
      <c r="CEJ678" s="613"/>
      <c r="CEK678" s="613"/>
      <c r="CEL678" s="613"/>
      <c r="CEM678" s="613"/>
      <c r="CEN678" s="613"/>
      <c r="CEO678" s="613"/>
      <c r="CEP678" s="613"/>
      <c r="CEQ678" s="613"/>
      <c r="CER678" s="613"/>
      <c r="CES678" s="613"/>
      <c r="CET678" s="613"/>
      <c r="CEU678" s="613"/>
      <c r="CEV678" s="613"/>
      <c r="CEW678" s="613"/>
      <c r="CEX678" s="613"/>
      <c r="CEY678" s="613"/>
      <c r="CEZ678" s="613"/>
      <c r="CFA678" s="613"/>
      <c r="CFB678" s="613"/>
      <c r="CFC678" s="613"/>
      <c r="CFD678" s="613"/>
      <c r="CFE678" s="613"/>
      <c r="CFF678" s="613"/>
      <c r="CFG678" s="613"/>
      <c r="CFH678" s="613"/>
      <c r="CFI678" s="613"/>
      <c r="CFJ678" s="613"/>
      <c r="CFK678" s="613"/>
      <c r="CFL678" s="613"/>
      <c r="CFM678" s="613"/>
      <c r="CFN678" s="613"/>
      <c r="CFO678" s="613"/>
      <c r="CFP678" s="613"/>
      <c r="CFQ678" s="613"/>
      <c r="CFR678" s="613"/>
      <c r="CFS678" s="613"/>
      <c r="CFT678" s="613"/>
      <c r="CFU678" s="613"/>
      <c r="CFV678" s="613"/>
      <c r="CFW678" s="613"/>
      <c r="CFX678" s="613"/>
      <c r="CFY678" s="613"/>
      <c r="CFZ678" s="613"/>
      <c r="CGA678" s="613"/>
      <c r="CGB678" s="613"/>
      <c r="CGC678" s="613"/>
      <c r="CGD678" s="613"/>
      <c r="CGE678" s="613"/>
      <c r="CGF678" s="613"/>
      <c r="CGG678" s="613"/>
      <c r="CGH678" s="613"/>
      <c r="CGI678" s="613"/>
      <c r="CGJ678" s="613"/>
      <c r="CGK678" s="613"/>
      <c r="CGL678" s="613"/>
      <c r="CGM678" s="613"/>
      <c r="CGN678" s="613"/>
      <c r="CGO678" s="613"/>
      <c r="CGP678" s="613"/>
      <c r="CGQ678" s="613"/>
      <c r="CGR678" s="613"/>
      <c r="CGS678" s="613"/>
      <c r="CGT678" s="613"/>
      <c r="CGU678" s="613"/>
      <c r="CGV678" s="613"/>
      <c r="CGW678" s="613"/>
      <c r="CGX678" s="613"/>
      <c r="CGY678" s="613"/>
      <c r="CGZ678" s="613"/>
      <c r="CHA678" s="613"/>
      <c r="CHB678" s="613"/>
      <c r="CHC678" s="613"/>
      <c r="CHD678" s="613"/>
      <c r="CHE678" s="613"/>
      <c r="CHF678" s="613"/>
      <c r="CHG678" s="613"/>
      <c r="CHH678" s="613"/>
      <c r="CHI678" s="613"/>
      <c r="CHJ678" s="613"/>
      <c r="CHK678" s="613"/>
      <c r="CHL678" s="613"/>
      <c r="CHM678" s="613"/>
      <c r="CHN678" s="613"/>
      <c r="CHO678" s="613"/>
      <c r="CHP678" s="613"/>
      <c r="CHQ678" s="613"/>
      <c r="CHR678" s="613"/>
      <c r="CHS678" s="613"/>
      <c r="CHT678" s="613"/>
      <c r="CHU678" s="613"/>
      <c r="CHV678" s="613"/>
      <c r="CHW678" s="613"/>
      <c r="CHX678" s="613"/>
      <c r="CHY678" s="613"/>
      <c r="CHZ678" s="613"/>
      <c r="CIA678" s="613"/>
      <c r="CIB678" s="613"/>
      <c r="CIC678" s="613"/>
      <c r="CID678" s="613"/>
      <c r="CIE678" s="613"/>
      <c r="CIF678" s="613"/>
      <c r="CIG678" s="613"/>
      <c r="CIH678" s="613"/>
      <c r="CII678" s="613"/>
      <c r="CIJ678" s="613"/>
      <c r="CIK678" s="613"/>
      <c r="CIL678" s="613"/>
      <c r="CIM678" s="613"/>
      <c r="CIN678" s="613"/>
      <c r="CIO678" s="613"/>
      <c r="CIP678" s="613"/>
      <c r="CIQ678" s="613"/>
      <c r="CIR678" s="613"/>
      <c r="CIS678" s="613"/>
      <c r="CIT678" s="613"/>
      <c r="CIU678" s="613"/>
      <c r="CIV678" s="613"/>
      <c r="CIW678" s="613"/>
      <c r="CIX678" s="613"/>
      <c r="CIY678" s="613"/>
      <c r="CIZ678" s="613"/>
      <c r="CJA678" s="613"/>
      <c r="CJB678" s="613"/>
      <c r="CJC678" s="613"/>
      <c r="CJD678" s="613"/>
      <c r="CJE678" s="613"/>
      <c r="CJF678" s="613"/>
      <c r="CJG678" s="613"/>
      <c r="CJH678" s="613"/>
      <c r="CJI678" s="613"/>
      <c r="CJJ678" s="613"/>
      <c r="CJK678" s="613"/>
      <c r="CJL678" s="613"/>
      <c r="CJM678" s="613"/>
      <c r="CJN678" s="613"/>
      <c r="CJO678" s="613"/>
      <c r="CJP678" s="613"/>
      <c r="CJQ678" s="613"/>
      <c r="CJR678" s="613"/>
      <c r="CJS678" s="613"/>
      <c r="CJT678" s="613"/>
      <c r="CJU678" s="613"/>
      <c r="CJV678" s="613"/>
      <c r="CJW678" s="613"/>
      <c r="CJX678" s="613"/>
      <c r="CJY678" s="613"/>
      <c r="CJZ678" s="613"/>
      <c r="CKA678" s="613"/>
      <c r="CKB678" s="613"/>
      <c r="CKC678" s="613"/>
      <c r="CKD678" s="613"/>
      <c r="CKE678" s="613"/>
      <c r="CKF678" s="613"/>
      <c r="CKG678" s="613"/>
      <c r="CKH678" s="613"/>
      <c r="CKI678" s="613"/>
      <c r="CKJ678" s="613"/>
      <c r="CKK678" s="613"/>
      <c r="CKL678" s="613"/>
      <c r="CKM678" s="613"/>
      <c r="CKN678" s="613"/>
      <c r="CKO678" s="613"/>
      <c r="CKP678" s="613"/>
      <c r="CKQ678" s="613"/>
      <c r="CKR678" s="613"/>
      <c r="CKS678" s="613"/>
      <c r="CKT678" s="613"/>
      <c r="CKU678" s="613"/>
      <c r="CKV678" s="613"/>
      <c r="CKW678" s="613"/>
      <c r="CKX678" s="613"/>
      <c r="CKY678" s="613"/>
      <c r="CKZ678" s="613"/>
      <c r="CLA678" s="613"/>
      <c r="CLB678" s="613"/>
      <c r="CLC678" s="613"/>
      <c r="CLD678" s="613"/>
      <c r="CLE678" s="613"/>
      <c r="CLF678" s="613"/>
      <c r="CLG678" s="613"/>
      <c r="CLH678" s="613"/>
      <c r="CLI678" s="613"/>
      <c r="CLJ678" s="613"/>
      <c r="CLK678" s="613"/>
      <c r="CLL678" s="613"/>
      <c r="CLM678" s="613"/>
      <c r="CLN678" s="613"/>
      <c r="CLO678" s="613"/>
      <c r="CLP678" s="613"/>
      <c r="CLQ678" s="613"/>
      <c r="CLR678" s="613"/>
      <c r="CLS678" s="613"/>
      <c r="CLT678" s="613"/>
      <c r="CLU678" s="613"/>
      <c r="CLV678" s="613"/>
      <c r="CLW678" s="613"/>
      <c r="CLX678" s="613"/>
      <c r="CLY678" s="613"/>
      <c r="CLZ678" s="613"/>
      <c r="CMA678" s="613"/>
      <c r="CMB678" s="613"/>
      <c r="CMC678" s="613"/>
      <c r="CMD678" s="613"/>
      <c r="CME678" s="613"/>
      <c r="CMF678" s="613"/>
      <c r="CMG678" s="613"/>
      <c r="CMH678" s="613"/>
      <c r="CMI678" s="613"/>
      <c r="CMJ678" s="613"/>
      <c r="CMK678" s="613"/>
      <c r="CML678" s="613"/>
      <c r="CMM678" s="613"/>
      <c r="CMN678" s="613"/>
      <c r="CMO678" s="613"/>
      <c r="CMP678" s="613"/>
      <c r="CMQ678" s="613"/>
      <c r="CMR678" s="613"/>
      <c r="CMS678" s="613"/>
      <c r="CMT678" s="613"/>
      <c r="CMU678" s="613"/>
      <c r="CMV678" s="613"/>
      <c r="CMW678" s="613"/>
      <c r="CMX678" s="613"/>
      <c r="CMY678" s="613"/>
      <c r="CMZ678" s="613"/>
      <c r="CNA678" s="613"/>
      <c r="CNB678" s="613"/>
      <c r="CNC678" s="613"/>
      <c r="CND678" s="613"/>
      <c r="CNE678" s="613"/>
      <c r="CNF678" s="613"/>
      <c r="CNG678" s="613"/>
      <c r="CNH678" s="613"/>
      <c r="CNI678" s="613"/>
      <c r="CNJ678" s="613"/>
      <c r="CNK678" s="613"/>
      <c r="CNL678" s="613"/>
      <c r="CNM678" s="613"/>
      <c r="CNN678" s="613"/>
      <c r="CNO678" s="613"/>
      <c r="CNP678" s="613"/>
      <c r="CNQ678" s="613"/>
      <c r="CNR678" s="613"/>
      <c r="CNS678" s="613"/>
      <c r="CNT678" s="613"/>
      <c r="CNU678" s="613"/>
      <c r="CNV678" s="613"/>
      <c r="CNW678" s="613"/>
      <c r="CNX678" s="613"/>
      <c r="CNY678" s="613"/>
      <c r="CNZ678" s="613"/>
      <c r="COA678" s="613"/>
      <c r="COB678" s="613"/>
      <c r="COC678" s="613"/>
      <c r="COD678" s="613"/>
      <c r="COE678" s="613"/>
      <c r="COF678" s="613"/>
      <c r="COG678" s="613"/>
      <c r="COH678" s="613"/>
      <c r="COI678" s="613"/>
      <c r="COJ678" s="613"/>
      <c r="COK678" s="613"/>
      <c r="COL678" s="613"/>
      <c r="COM678" s="613"/>
      <c r="CON678" s="613"/>
      <c r="COO678" s="613"/>
      <c r="COP678" s="613"/>
      <c r="COQ678" s="613"/>
      <c r="COR678" s="613"/>
      <c r="COS678" s="613"/>
      <c r="COT678" s="613"/>
      <c r="COU678" s="613"/>
      <c r="COV678" s="613"/>
      <c r="COW678" s="613"/>
      <c r="COX678" s="613"/>
      <c r="COY678" s="613"/>
      <c r="COZ678" s="613"/>
      <c r="CPA678" s="613"/>
      <c r="CPB678" s="613"/>
      <c r="CPC678" s="613"/>
      <c r="CPD678" s="613"/>
      <c r="CPE678" s="613"/>
      <c r="CPF678" s="613"/>
      <c r="CPG678" s="613"/>
      <c r="CPH678" s="613"/>
      <c r="CPI678" s="613"/>
      <c r="CPJ678" s="613"/>
      <c r="CPK678" s="613"/>
      <c r="CPL678" s="613"/>
      <c r="CPM678" s="613"/>
      <c r="CPN678" s="613"/>
      <c r="CPO678" s="613"/>
      <c r="CPP678" s="613"/>
      <c r="CPQ678" s="613"/>
      <c r="CPR678" s="613"/>
      <c r="CPS678" s="613"/>
      <c r="CPT678" s="613"/>
      <c r="CPU678" s="613"/>
      <c r="CPV678" s="613"/>
      <c r="CPW678" s="613"/>
      <c r="CPX678" s="613"/>
      <c r="CPY678" s="613"/>
      <c r="CPZ678" s="613"/>
      <c r="CQA678" s="613"/>
      <c r="CQB678" s="613"/>
      <c r="CQC678" s="613"/>
      <c r="CQD678" s="613"/>
      <c r="CQE678" s="613"/>
      <c r="CQF678" s="613"/>
      <c r="CQG678" s="613"/>
      <c r="CQH678" s="613"/>
      <c r="CQI678" s="613"/>
      <c r="CQJ678" s="613"/>
      <c r="CQK678" s="613"/>
      <c r="CQL678" s="613"/>
      <c r="CQM678" s="613"/>
      <c r="CQN678" s="613"/>
      <c r="CQO678" s="613"/>
      <c r="CQP678" s="613"/>
      <c r="CQQ678" s="613"/>
      <c r="CQR678" s="613"/>
      <c r="CQS678" s="613"/>
      <c r="CQT678" s="613"/>
      <c r="CQU678" s="613"/>
      <c r="CQV678" s="613"/>
      <c r="CQW678" s="613"/>
      <c r="CQX678" s="613"/>
      <c r="CQY678" s="613"/>
      <c r="CQZ678" s="613"/>
      <c r="CRA678" s="613"/>
      <c r="CRB678" s="613"/>
      <c r="CRC678" s="613"/>
      <c r="CRD678" s="613"/>
      <c r="CRE678" s="613"/>
      <c r="CRF678" s="613"/>
      <c r="CRG678" s="613"/>
      <c r="CRH678" s="613"/>
      <c r="CRI678" s="613"/>
      <c r="CRJ678" s="613"/>
      <c r="CRK678" s="613"/>
      <c r="CRL678" s="613"/>
      <c r="CRM678" s="613"/>
      <c r="CRN678" s="613"/>
      <c r="CRO678" s="613"/>
      <c r="CRP678" s="613"/>
      <c r="CRQ678" s="613"/>
      <c r="CRR678" s="613"/>
      <c r="CRS678" s="613"/>
      <c r="CRT678" s="613"/>
      <c r="CRU678" s="613"/>
      <c r="CRV678" s="613"/>
      <c r="CRW678" s="613"/>
      <c r="CRX678" s="613"/>
      <c r="CRY678" s="613"/>
      <c r="CRZ678" s="613"/>
      <c r="CSA678" s="613"/>
      <c r="CSB678" s="613"/>
      <c r="CSC678" s="613"/>
      <c r="CSD678" s="613"/>
      <c r="CSE678" s="613"/>
      <c r="CSF678" s="613"/>
      <c r="CSG678" s="613"/>
      <c r="CSH678" s="613"/>
      <c r="CSI678" s="613"/>
      <c r="CSJ678" s="613"/>
      <c r="CSK678" s="613"/>
      <c r="CSL678" s="613"/>
      <c r="CSM678" s="613"/>
      <c r="CSN678" s="613"/>
      <c r="CSO678" s="613"/>
      <c r="CSP678" s="613"/>
      <c r="CSQ678" s="613"/>
      <c r="CSR678" s="613"/>
      <c r="CSS678" s="613"/>
      <c r="CST678" s="613"/>
      <c r="CSU678" s="613"/>
      <c r="CSV678" s="613"/>
      <c r="CSW678" s="613"/>
      <c r="CSX678" s="613"/>
      <c r="CSY678" s="613"/>
      <c r="CSZ678" s="613"/>
      <c r="CTA678" s="613"/>
      <c r="CTB678" s="613"/>
      <c r="CTC678" s="613"/>
      <c r="CTD678" s="613"/>
      <c r="CTE678" s="613"/>
      <c r="CTF678" s="613"/>
      <c r="CTG678" s="613"/>
      <c r="CTH678" s="613"/>
      <c r="CTI678" s="613"/>
      <c r="CTJ678" s="613"/>
      <c r="CTK678" s="613"/>
      <c r="CTL678" s="613"/>
      <c r="CTM678" s="613"/>
      <c r="CTN678" s="613"/>
      <c r="CTO678" s="613"/>
      <c r="CTP678" s="613"/>
      <c r="CTQ678" s="613"/>
      <c r="CTR678" s="613"/>
      <c r="CTS678" s="613"/>
      <c r="CTT678" s="613"/>
      <c r="CTU678" s="613"/>
      <c r="CTV678" s="613"/>
      <c r="CTW678" s="613"/>
      <c r="CTX678" s="613"/>
      <c r="CTY678" s="613"/>
      <c r="CTZ678" s="613"/>
      <c r="CUA678" s="613"/>
      <c r="CUB678" s="613"/>
      <c r="CUC678" s="613"/>
      <c r="CUD678" s="613"/>
      <c r="CUE678" s="613"/>
      <c r="CUF678" s="613"/>
      <c r="CUG678" s="613"/>
      <c r="CUH678" s="613"/>
      <c r="CUI678" s="613"/>
      <c r="CUJ678" s="613"/>
      <c r="CUK678" s="613"/>
      <c r="CUL678" s="613"/>
      <c r="CUM678" s="613"/>
      <c r="CUN678" s="613"/>
      <c r="CUO678" s="613"/>
      <c r="CUP678" s="613"/>
      <c r="CUQ678" s="613"/>
      <c r="CUR678" s="613"/>
      <c r="CUS678" s="613"/>
      <c r="CUT678" s="613"/>
      <c r="CUU678" s="613"/>
      <c r="CUV678" s="613"/>
      <c r="CUW678" s="613"/>
      <c r="CUX678" s="613"/>
      <c r="CUY678" s="613"/>
      <c r="CUZ678" s="613"/>
      <c r="CVA678" s="613"/>
      <c r="CVB678" s="613"/>
      <c r="CVC678" s="613"/>
      <c r="CVD678" s="613"/>
      <c r="CVE678" s="613"/>
      <c r="CVF678" s="613"/>
      <c r="CVG678" s="613"/>
      <c r="CVH678" s="613"/>
      <c r="CVI678" s="613"/>
      <c r="CVJ678" s="613"/>
      <c r="CVK678" s="613"/>
      <c r="CVL678" s="613"/>
      <c r="CVM678" s="613"/>
      <c r="CVN678" s="613"/>
      <c r="CVO678" s="613"/>
      <c r="CVP678" s="613"/>
      <c r="CVQ678" s="613"/>
      <c r="CVR678" s="613"/>
      <c r="CVS678" s="613"/>
      <c r="CVT678" s="613"/>
      <c r="CVU678" s="613"/>
      <c r="CVV678" s="613"/>
      <c r="CVW678" s="613"/>
      <c r="CVX678" s="613"/>
      <c r="CVY678" s="613"/>
      <c r="CVZ678" s="613"/>
      <c r="CWA678" s="613"/>
      <c r="CWB678" s="613"/>
      <c r="CWC678" s="613"/>
      <c r="CWD678" s="613"/>
      <c r="CWE678" s="613"/>
      <c r="CWF678" s="613"/>
      <c r="CWG678" s="613"/>
      <c r="CWH678" s="613"/>
      <c r="CWI678" s="613"/>
      <c r="CWJ678" s="613"/>
      <c r="CWK678" s="613"/>
      <c r="CWL678" s="613"/>
      <c r="CWM678" s="613"/>
      <c r="CWN678" s="613"/>
      <c r="CWO678" s="613"/>
      <c r="CWP678" s="613"/>
      <c r="CWQ678" s="613"/>
      <c r="CWR678" s="613"/>
      <c r="CWS678" s="613"/>
      <c r="CWT678" s="613"/>
      <c r="CWU678" s="613"/>
      <c r="CWV678" s="613"/>
      <c r="CWW678" s="613"/>
      <c r="CWX678" s="613"/>
      <c r="CWY678" s="613"/>
      <c r="CWZ678" s="613"/>
      <c r="CXA678" s="613"/>
      <c r="CXB678" s="613"/>
      <c r="CXC678" s="613"/>
      <c r="CXD678" s="613"/>
      <c r="CXE678" s="613"/>
      <c r="CXF678" s="613"/>
      <c r="CXG678" s="613"/>
      <c r="CXH678" s="613"/>
      <c r="CXI678" s="613"/>
      <c r="CXJ678" s="613"/>
      <c r="CXK678" s="613"/>
      <c r="CXL678" s="613"/>
      <c r="CXM678" s="613"/>
      <c r="CXN678" s="613"/>
      <c r="CXO678" s="613"/>
      <c r="CXP678" s="613"/>
      <c r="CXQ678" s="613"/>
      <c r="CXR678" s="613"/>
      <c r="CXS678" s="613"/>
      <c r="CXT678" s="613"/>
      <c r="CXU678" s="613"/>
      <c r="CXV678" s="613"/>
      <c r="CXW678" s="613"/>
      <c r="CXX678" s="613"/>
      <c r="CXY678" s="613"/>
      <c r="CXZ678" s="613"/>
      <c r="CYA678" s="613"/>
      <c r="CYB678" s="613"/>
      <c r="CYC678" s="613"/>
      <c r="CYD678" s="613"/>
      <c r="CYE678" s="613"/>
      <c r="CYF678" s="613"/>
      <c r="CYG678" s="613"/>
      <c r="CYH678" s="613"/>
      <c r="CYI678" s="613"/>
      <c r="CYJ678" s="613"/>
      <c r="CYK678" s="613"/>
      <c r="CYL678" s="613"/>
      <c r="CYM678" s="613"/>
      <c r="CYN678" s="613"/>
      <c r="CYO678" s="613"/>
      <c r="CYP678" s="613"/>
      <c r="CYQ678" s="613"/>
      <c r="CYR678" s="613"/>
      <c r="CYS678" s="613"/>
      <c r="CYT678" s="613"/>
      <c r="CYU678" s="613"/>
      <c r="CYV678" s="613"/>
      <c r="CYW678" s="613"/>
      <c r="CYX678" s="613"/>
      <c r="CYY678" s="613"/>
      <c r="CYZ678" s="613"/>
      <c r="CZA678" s="613"/>
      <c r="CZB678" s="613"/>
      <c r="CZC678" s="613"/>
      <c r="CZD678" s="613"/>
      <c r="CZE678" s="613"/>
      <c r="CZF678" s="613"/>
      <c r="CZG678" s="613"/>
      <c r="CZH678" s="613"/>
      <c r="CZI678" s="613"/>
      <c r="CZJ678" s="613"/>
      <c r="CZK678" s="613"/>
      <c r="CZL678" s="613"/>
      <c r="CZM678" s="613"/>
      <c r="CZN678" s="613"/>
      <c r="CZO678" s="613"/>
      <c r="CZP678" s="613"/>
      <c r="CZQ678" s="613"/>
      <c r="CZR678" s="613"/>
      <c r="CZS678" s="613"/>
      <c r="CZT678" s="613"/>
      <c r="CZU678" s="613"/>
      <c r="CZV678" s="613"/>
      <c r="CZW678" s="613"/>
      <c r="CZX678" s="613"/>
      <c r="CZY678" s="613"/>
      <c r="CZZ678" s="613"/>
      <c r="DAA678" s="613"/>
      <c r="DAB678" s="613"/>
      <c r="DAC678" s="613"/>
      <c r="DAD678" s="613"/>
      <c r="DAE678" s="613"/>
      <c r="DAF678" s="613"/>
      <c r="DAG678" s="613"/>
      <c r="DAH678" s="613"/>
      <c r="DAI678" s="613"/>
      <c r="DAJ678" s="613"/>
      <c r="DAK678" s="613"/>
      <c r="DAL678" s="613"/>
      <c r="DAM678" s="613"/>
      <c r="DAN678" s="613"/>
      <c r="DAO678" s="613"/>
      <c r="DAP678" s="613"/>
      <c r="DAQ678" s="613"/>
      <c r="DAR678" s="613"/>
      <c r="DAS678" s="613"/>
      <c r="DAT678" s="613"/>
      <c r="DAU678" s="613"/>
      <c r="DAV678" s="613"/>
      <c r="DAW678" s="613"/>
      <c r="DAX678" s="613"/>
      <c r="DAY678" s="613"/>
      <c r="DAZ678" s="613"/>
      <c r="DBA678" s="613"/>
      <c r="DBB678" s="613"/>
      <c r="DBC678" s="613"/>
      <c r="DBD678" s="613"/>
      <c r="DBE678" s="613"/>
      <c r="DBF678" s="613"/>
      <c r="DBG678" s="613"/>
      <c r="DBH678" s="613"/>
      <c r="DBI678" s="613"/>
      <c r="DBJ678" s="613"/>
      <c r="DBK678" s="613"/>
      <c r="DBL678" s="613"/>
      <c r="DBM678" s="613"/>
      <c r="DBN678" s="613"/>
      <c r="DBO678" s="613"/>
      <c r="DBP678" s="613"/>
      <c r="DBQ678" s="613"/>
      <c r="DBR678" s="613"/>
      <c r="DBS678" s="613"/>
      <c r="DBT678" s="613"/>
      <c r="DBU678" s="613"/>
      <c r="DBV678" s="613"/>
      <c r="DBW678" s="613"/>
      <c r="DBX678" s="613"/>
      <c r="DBY678" s="613"/>
      <c r="DBZ678" s="613"/>
      <c r="DCA678" s="613"/>
      <c r="DCB678" s="613"/>
      <c r="DCC678" s="613"/>
      <c r="DCD678" s="613"/>
      <c r="DCE678" s="613"/>
      <c r="DCF678" s="613"/>
      <c r="DCG678" s="613"/>
      <c r="DCH678" s="613"/>
      <c r="DCI678" s="613"/>
      <c r="DCJ678" s="613"/>
      <c r="DCK678" s="613"/>
      <c r="DCL678" s="613"/>
      <c r="DCM678" s="613"/>
      <c r="DCN678" s="613"/>
      <c r="DCO678" s="613"/>
      <c r="DCP678" s="613"/>
      <c r="DCQ678" s="613"/>
      <c r="DCR678" s="613"/>
      <c r="DCS678" s="613"/>
      <c r="DCT678" s="613"/>
      <c r="DCU678" s="613"/>
      <c r="DCV678" s="613"/>
      <c r="DCW678" s="613"/>
      <c r="DCX678" s="613"/>
      <c r="DCY678" s="613"/>
      <c r="DCZ678" s="613"/>
      <c r="DDA678" s="613"/>
      <c r="DDB678" s="613"/>
      <c r="DDC678" s="613"/>
      <c r="DDD678" s="613"/>
      <c r="DDE678" s="613"/>
      <c r="DDF678" s="613"/>
      <c r="DDG678" s="613"/>
      <c r="DDH678" s="613"/>
      <c r="DDI678" s="613"/>
      <c r="DDJ678" s="613"/>
      <c r="DDK678" s="613"/>
      <c r="DDL678" s="613"/>
      <c r="DDM678" s="613"/>
      <c r="DDN678" s="613"/>
      <c r="DDO678" s="613"/>
      <c r="DDP678" s="613"/>
      <c r="DDQ678" s="613"/>
      <c r="DDR678" s="613"/>
      <c r="DDS678" s="613"/>
      <c r="DDT678" s="613"/>
      <c r="DDU678" s="613"/>
      <c r="DDV678" s="613"/>
      <c r="DDW678" s="613"/>
      <c r="DDX678" s="613"/>
      <c r="DDY678" s="613"/>
      <c r="DDZ678" s="613"/>
      <c r="DEA678" s="613"/>
      <c r="DEB678" s="613"/>
      <c r="DEC678" s="613"/>
      <c r="DED678" s="613"/>
      <c r="DEE678" s="613"/>
      <c r="DEF678" s="613"/>
      <c r="DEG678" s="613"/>
      <c r="DEH678" s="613"/>
      <c r="DEI678" s="613"/>
      <c r="DEJ678" s="613"/>
      <c r="DEK678" s="613"/>
      <c r="DEL678" s="613"/>
      <c r="DEM678" s="613"/>
      <c r="DEN678" s="613"/>
      <c r="DEO678" s="613"/>
      <c r="DEP678" s="613"/>
      <c r="DEQ678" s="613"/>
      <c r="DER678" s="613"/>
      <c r="DES678" s="613"/>
      <c r="DET678" s="613"/>
      <c r="DEU678" s="613"/>
      <c r="DEV678" s="613"/>
      <c r="DEW678" s="613"/>
      <c r="DEX678" s="613"/>
      <c r="DEY678" s="613"/>
      <c r="DEZ678" s="613"/>
      <c r="DFA678" s="613"/>
      <c r="DFB678" s="613"/>
      <c r="DFC678" s="613"/>
      <c r="DFD678" s="613"/>
      <c r="DFE678" s="613"/>
      <c r="DFF678" s="613"/>
      <c r="DFG678" s="613"/>
      <c r="DFH678" s="613"/>
      <c r="DFI678" s="613"/>
      <c r="DFJ678" s="613"/>
      <c r="DFK678" s="613"/>
      <c r="DFL678" s="613"/>
      <c r="DFM678" s="613"/>
      <c r="DFN678" s="613"/>
      <c r="DFO678" s="613"/>
      <c r="DFP678" s="613"/>
      <c r="DFQ678" s="613"/>
      <c r="DFR678" s="613"/>
      <c r="DFS678" s="613"/>
      <c r="DFT678" s="613"/>
      <c r="DFU678" s="613"/>
      <c r="DFV678" s="613"/>
      <c r="DFW678" s="613"/>
      <c r="DFX678" s="613"/>
      <c r="DFY678" s="613"/>
      <c r="DFZ678" s="613"/>
      <c r="DGA678" s="613"/>
      <c r="DGB678" s="613"/>
      <c r="DGC678" s="613"/>
      <c r="DGD678" s="613"/>
      <c r="DGE678" s="613"/>
      <c r="DGF678" s="613"/>
      <c r="DGG678" s="613"/>
      <c r="DGH678" s="613"/>
      <c r="DGI678" s="613"/>
      <c r="DGJ678" s="613"/>
      <c r="DGK678" s="613"/>
      <c r="DGL678" s="613"/>
      <c r="DGM678" s="613"/>
      <c r="DGN678" s="613"/>
      <c r="DGO678" s="613"/>
      <c r="DGP678" s="613"/>
      <c r="DGQ678" s="613"/>
      <c r="DGR678" s="613"/>
      <c r="DGS678" s="613"/>
      <c r="DGT678" s="613"/>
      <c r="DGU678" s="613"/>
      <c r="DGV678" s="613"/>
      <c r="DGW678" s="613"/>
      <c r="DGX678" s="613"/>
      <c r="DGY678" s="613"/>
      <c r="DGZ678" s="613"/>
      <c r="DHA678" s="613"/>
      <c r="DHB678" s="613"/>
      <c r="DHC678" s="613"/>
      <c r="DHD678" s="613"/>
      <c r="DHE678" s="613"/>
      <c r="DHF678" s="613"/>
      <c r="DHG678" s="613"/>
      <c r="DHH678" s="613"/>
      <c r="DHI678" s="613"/>
      <c r="DHJ678" s="613"/>
      <c r="DHK678" s="613"/>
      <c r="DHL678" s="613"/>
      <c r="DHM678" s="613"/>
      <c r="DHN678" s="613"/>
      <c r="DHO678" s="613"/>
      <c r="DHP678" s="613"/>
      <c r="DHQ678" s="613"/>
      <c r="DHR678" s="613"/>
      <c r="DHS678" s="613"/>
      <c r="DHT678" s="613"/>
      <c r="DHU678" s="613"/>
      <c r="DHV678" s="613"/>
      <c r="DHW678" s="613"/>
      <c r="DHX678" s="613"/>
      <c r="DHY678" s="613"/>
      <c r="DHZ678" s="613"/>
      <c r="DIA678" s="613"/>
      <c r="DIB678" s="613"/>
      <c r="DIC678" s="613"/>
      <c r="DID678" s="613"/>
      <c r="DIE678" s="613"/>
      <c r="DIF678" s="613"/>
      <c r="DIG678" s="613"/>
      <c r="DIH678" s="613"/>
      <c r="DII678" s="613"/>
      <c r="DIJ678" s="613"/>
      <c r="DIK678" s="613"/>
      <c r="DIL678" s="613"/>
      <c r="DIM678" s="613"/>
      <c r="DIN678" s="613"/>
      <c r="DIO678" s="613"/>
      <c r="DIP678" s="613"/>
      <c r="DIQ678" s="613"/>
      <c r="DIR678" s="613"/>
      <c r="DIS678" s="613"/>
      <c r="DIT678" s="613"/>
      <c r="DIU678" s="613"/>
      <c r="DIV678" s="613"/>
      <c r="DIW678" s="613"/>
      <c r="DIX678" s="613"/>
      <c r="DIY678" s="613"/>
      <c r="DIZ678" s="613"/>
      <c r="DJA678" s="613"/>
      <c r="DJB678" s="613"/>
      <c r="DJC678" s="613"/>
      <c r="DJD678" s="613"/>
      <c r="DJE678" s="613"/>
      <c r="DJF678" s="613"/>
      <c r="DJG678" s="613"/>
      <c r="DJH678" s="613"/>
      <c r="DJI678" s="613"/>
      <c r="DJJ678" s="613"/>
      <c r="DJK678" s="613"/>
      <c r="DJL678" s="613"/>
      <c r="DJM678" s="613"/>
      <c r="DJN678" s="613"/>
      <c r="DJO678" s="613"/>
      <c r="DJP678" s="613"/>
      <c r="DJQ678" s="613"/>
      <c r="DJR678" s="613"/>
      <c r="DJS678" s="613"/>
      <c r="DJT678" s="613"/>
      <c r="DJU678" s="613"/>
      <c r="DJV678" s="613"/>
      <c r="DJW678" s="613"/>
      <c r="DJX678" s="613"/>
      <c r="DJY678" s="613"/>
      <c r="DJZ678" s="613"/>
      <c r="DKA678" s="613"/>
      <c r="DKB678" s="613"/>
      <c r="DKC678" s="613"/>
      <c r="DKD678" s="613"/>
      <c r="DKE678" s="613"/>
      <c r="DKF678" s="613"/>
      <c r="DKG678" s="613"/>
      <c r="DKH678" s="613"/>
      <c r="DKI678" s="613"/>
      <c r="DKJ678" s="613"/>
      <c r="DKK678" s="613"/>
      <c r="DKL678" s="613"/>
      <c r="DKM678" s="613"/>
      <c r="DKN678" s="613"/>
      <c r="DKO678" s="613"/>
      <c r="DKP678" s="613"/>
      <c r="DKQ678" s="613"/>
      <c r="DKR678" s="613"/>
      <c r="DKS678" s="613"/>
      <c r="DKT678" s="613"/>
      <c r="DKU678" s="613"/>
      <c r="DKV678" s="613"/>
      <c r="DKW678" s="613"/>
      <c r="DKX678" s="613"/>
      <c r="DKY678" s="613"/>
      <c r="DKZ678" s="613"/>
      <c r="DLA678" s="613"/>
      <c r="DLB678" s="613"/>
      <c r="DLC678" s="613"/>
      <c r="DLD678" s="613"/>
      <c r="DLE678" s="613"/>
      <c r="DLF678" s="613"/>
      <c r="DLG678" s="613"/>
      <c r="DLH678" s="613"/>
      <c r="DLI678" s="613"/>
      <c r="DLJ678" s="613"/>
      <c r="DLK678" s="613"/>
      <c r="DLL678" s="613"/>
      <c r="DLM678" s="613"/>
      <c r="DLN678" s="613"/>
      <c r="DLO678" s="613"/>
      <c r="DLP678" s="613"/>
      <c r="DLQ678" s="613"/>
      <c r="DLR678" s="613"/>
      <c r="DLS678" s="613"/>
      <c r="DLT678" s="613"/>
      <c r="DLU678" s="613"/>
      <c r="DLV678" s="613"/>
      <c r="DLW678" s="613"/>
      <c r="DLX678" s="613"/>
      <c r="DLY678" s="613"/>
      <c r="DLZ678" s="613"/>
      <c r="DMA678" s="613"/>
      <c r="DMB678" s="613"/>
      <c r="DMC678" s="613"/>
      <c r="DMD678" s="613"/>
      <c r="DME678" s="613"/>
      <c r="DMF678" s="613"/>
      <c r="DMG678" s="613"/>
      <c r="DMH678" s="613"/>
      <c r="DMI678" s="613"/>
      <c r="DMJ678" s="613"/>
      <c r="DMK678" s="613"/>
      <c r="DML678" s="613"/>
      <c r="DMM678" s="613"/>
      <c r="DMN678" s="613"/>
      <c r="DMO678" s="613"/>
      <c r="DMP678" s="613"/>
      <c r="DMQ678" s="613"/>
      <c r="DMR678" s="613"/>
      <c r="DMS678" s="613"/>
      <c r="DMT678" s="613"/>
      <c r="DMU678" s="613"/>
      <c r="DMV678" s="613"/>
      <c r="DMW678" s="613"/>
      <c r="DMX678" s="613"/>
      <c r="DMY678" s="613"/>
      <c r="DMZ678" s="613"/>
      <c r="DNA678" s="613"/>
      <c r="DNB678" s="613"/>
      <c r="DNC678" s="613"/>
      <c r="DND678" s="613"/>
      <c r="DNE678" s="613"/>
      <c r="DNF678" s="613"/>
      <c r="DNG678" s="613"/>
      <c r="DNH678" s="613"/>
      <c r="DNI678" s="613"/>
      <c r="DNJ678" s="613"/>
      <c r="DNK678" s="613"/>
      <c r="DNL678" s="613"/>
      <c r="DNM678" s="613"/>
      <c r="DNN678" s="613"/>
      <c r="DNO678" s="613"/>
      <c r="DNP678" s="613"/>
      <c r="DNQ678" s="613"/>
      <c r="DNR678" s="613"/>
      <c r="DNS678" s="613"/>
      <c r="DNT678" s="613"/>
      <c r="DNU678" s="613"/>
      <c r="DNV678" s="613"/>
      <c r="DNW678" s="613"/>
      <c r="DNX678" s="613"/>
      <c r="DNY678" s="613"/>
      <c r="DNZ678" s="613"/>
      <c r="DOA678" s="613"/>
      <c r="DOB678" s="613"/>
      <c r="DOC678" s="613"/>
      <c r="DOD678" s="613"/>
      <c r="DOE678" s="613"/>
      <c r="DOF678" s="613"/>
      <c r="DOG678" s="613"/>
      <c r="DOH678" s="613"/>
      <c r="DOI678" s="613"/>
      <c r="DOJ678" s="613"/>
      <c r="DOK678" s="613"/>
      <c r="DOL678" s="613"/>
      <c r="DOM678" s="613"/>
      <c r="DON678" s="613"/>
      <c r="DOO678" s="613"/>
      <c r="DOP678" s="613"/>
      <c r="DOQ678" s="613"/>
      <c r="DOR678" s="613"/>
      <c r="DOS678" s="613"/>
      <c r="DOT678" s="613"/>
      <c r="DOU678" s="613"/>
      <c r="DOV678" s="613"/>
      <c r="DOW678" s="613"/>
      <c r="DOX678" s="613"/>
      <c r="DOY678" s="613"/>
      <c r="DOZ678" s="613"/>
      <c r="DPA678" s="613"/>
      <c r="DPB678" s="613"/>
      <c r="DPC678" s="613"/>
      <c r="DPD678" s="613"/>
      <c r="DPE678" s="613"/>
      <c r="DPF678" s="613"/>
      <c r="DPG678" s="613"/>
      <c r="DPH678" s="613"/>
      <c r="DPI678" s="613"/>
      <c r="DPJ678" s="613"/>
      <c r="DPK678" s="613"/>
      <c r="DPL678" s="613"/>
      <c r="DPM678" s="613"/>
      <c r="DPN678" s="613"/>
      <c r="DPO678" s="613"/>
      <c r="DPP678" s="613"/>
      <c r="DPQ678" s="613"/>
      <c r="DPR678" s="613"/>
      <c r="DPS678" s="613"/>
      <c r="DPT678" s="613"/>
      <c r="DPU678" s="613"/>
      <c r="DPV678" s="613"/>
      <c r="DPW678" s="613"/>
      <c r="DPX678" s="613"/>
      <c r="DPY678" s="613"/>
      <c r="DPZ678" s="613"/>
      <c r="DQA678" s="613"/>
      <c r="DQB678" s="613"/>
      <c r="DQC678" s="613"/>
      <c r="DQD678" s="613"/>
      <c r="DQE678" s="613"/>
      <c r="DQF678" s="613"/>
      <c r="DQG678" s="613"/>
      <c r="DQH678" s="613"/>
      <c r="DQI678" s="613"/>
      <c r="DQJ678" s="613"/>
      <c r="DQK678" s="613"/>
      <c r="DQL678" s="613"/>
      <c r="DQM678" s="613"/>
      <c r="DQN678" s="613"/>
      <c r="DQO678" s="613"/>
      <c r="DQP678" s="613"/>
      <c r="DQQ678" s="613"/>
      <c r="DQR678" s="613"/>
      <c r="DQS678" s="613"/>
      <c r="DQT678" s="613"/>
      <c r="DQU678" s="613"/>
      <c r="DQV678" s="613"/>
      <c r="DQW678" s="613"/>
      <c r="DQX678" s="613"/>
      <c r="DQY678" s="613"/>
      <c r="DQZ678" s="613"/>
      <c r="DRA678" s="613"/>
      <c r="DRB678" s="613"/>
      <c r="DRC678" s="613"/>
      <c r="DRD678" s="613"/>
      <c r="DRE678" s="613"/>
      <c r="DRF678" s="613"/>
      <c r="DRG678" s="613"/>
      <c r="DRH678" s="613"/>
      <c r="DRI678" s="613"/>
      <c r="DRJ678" s="613"/>
      <c r="DRK678" s="613"/>
      <c r="DRL678" s="613"/>
      <c r="DRM678" s="613"/>
      <c r="DRN678" s="613"/>
      <c r="DRO678" s="613"/>
      <c r="DRP678" s="613"/>
      <c r="DRQ678" s="613"/>
      <c r="DRR678" s="613"/>
      <c r="DRS678" s="613"/>
      <c r="DRT678" s="613"/>
      <c r="DRU678" s="613"/>
      <c r="DRV678" s="613"/>
      <c r="DRW678" s="613"/>
      <c r="DRX678" s="613"/>
      <c r="DRY678" s="613"/>
      <c r="DRZ678" s="613"/>
      <c r="DSA678" s="613"/>
      <c r="DSB678" s="613"/>
      <c r="DSC678" s="613"/>
      <c r="DSD678" s="613"/>
      <c r="DSE678" s="613"/>
      <c r="DSF678" s="613"/>
      <c r="DSG678" s="613"/>
      <c r="DSH678" s="613"/>
      <c r="DSI678" s="613"/>
      <c r="DSJ678" s="613"/>
      <c r="DSK678" s="613"/>
      <c r="DSL678" s="613"/>
      <c r="DSM678" s="613"/>
      <c r="DSN678" s="613"/>
      <c r="DSO678" s="613"/>
      <c r="DSP678" s="613"/>
      <c r="DSQ678" s="613"/>
      <c r="DSR678" s="613"/>
      <c r="DSS678" s="613"/>
      <c r="DST678" s="613"/>
      <c r="DSU678" s="613"/>
      <c r="DSV678" s="613"/>
      <c r="DSW678" s="613"/>
      <c r="DSX678" s="613"/>
      <c r="DSY678" s="613"/>
      <c r="DSZ678" s="613"/>
      <c r="DTA678" s="613"/>
      <c r="DTB678" s="613"/>
      <c r="DTC678" s="613"/>
      <c r="DTD678" s="613"/>
      <c r="DTE678" s="613"/>
      <c r="DTF678" s="613"/>
      <c r="DTG678" s="613"/>
      <c r="DTH678" s="613"/>
      <c r="DTI678" s="613"/>
      <c r="DTJ678" s="613"/>
      <c r="DTK678" s="613"/>
      <c r="DTL678" s="613"/>
      <c r="DTM678" s="613"/>
      <c r="DTN678" s="613"/>
      <c r="DTO678" s="613"/>
      <c r="DTP678" s="613"/>
      <c r="DTQ678" s="613"/>
      <c r="DTR678" s="613"/>
      <c r="DTS678" s="613"/>
      <c r="DTT678" s="613"/>
      <c r="DTU678" s="613"/>
      <c r="DTV678" s="613"/>
      <c r="DTW678" s="613"/>
      <c r="DTX678" s="613"/>
      <c r="DTY678" s="613"/>
      <c r="DTZ678" s="613"/>
      <c r="DUA678" s="613"/>
      <c r="DUB678" s="613"/>
      <c r="DUC678" s="613"/>
      <c r="DUD678" s="613"/>
      <c r="DUE678" s="613"/>
      <c r="DUF678" s="613"/>
      <c r="DUG678" s="613"/>
      <c r="DUH678" s="613"/>
      <c r="DUI678" s="613"/>
      <c r="DUJ678" s="613"/>
      <c r="DUK678" s="613"/>
      <c r="DUL678" s="613"/>
      <c r="DUM678" s="613"/>
      <c r="DUN678" s="613"/>
      <c r="DUO678" s="613"/>
      <c r="DUP678" s="613"/>
      <c r="DUQ678" s="613"/>
      <c r="DUR678" s="613"/>
      <c r="DUS678" s="613"/>
      <c r="DUT678" s="613"/>
      <c r="DUU678" s="613"/>
      <c r="DUV678" s="613"/>
      <c r="DUW678" s="613"/>
      <c r="DUX678" s="613"/>
      <c r="DUY678" s="613"/>
      <c r="DUZ678" s="613"/>
      <c r="DVA678" s="613"/>
      <c r="DVB678" s="613"/>
      <c r="DVC678" s="613"/>
      <c r="DVD678" s="613"/>
      <c r="DVE678" s="613"/>
      <c r="DVF678" s="613"/>
      <c r="DVG678" s="613"/>
      <c r="DVH678" s="613"/>
      <c r="DVI678" s="613"/>
      <c r="DVJ678" s="613"/>
      <c r="DVK678" s="613"/>
      <c r="DVL678" s="613"/>
      <c r="DVM678" s="613"/>
      <c r="DVN678" s="613"/>
      <c r="DVO678" s="613"/>
      <c r="DVP678" s="613"/>
      <c r="DVQ678" s="613"/>
      <c r="DVR678" s="613"/>
      <c r="DVS678" s="613"/>
      <c r="DVT678" s="613"/>
      <c r="DVU678" s="613"/>
      <c r="DVV678" s="613"/>
      <c r="DVW678" s="613"/>
      <c r="DVX678" s="613"/>
      <c r="DVY678" s="613"/>
      <c r="DVZ678" s="613"/>
      <c r="DWA678" s="613"/>
      <c r="DWB678" s="613"/>
      <c r="DWC678" s="613"/>
      <c r="DWD678" s="613"/>
      <c r="DWE678" s="613"/>
      <c r="DWF678" s="613"/>
      <c r="DWG678" s="613"/>
      <c r="DWH678" s="613"/>
      <c r="DWI678" s="613"/>
      <c r="DWJ678" s="613"/>
      <c r="DWK678" s="613"/>
      <c r="DWL678" s="613"/>
      <c r="DWM678" s="613"/>
      <c r="DWN678" s="613"/>
      <c r="DWO678" s="613"/>
      <c r="DWP678" s="613"/>
      <c r="DWQ678" s="613"/>
      <c r="DWR678" s="613"/>
      <c r="DWS678" s="613"/>
      <c r="DWT678" s="613"/>
      <c r="DWU678" s="613"/>
      <c r="DWV678" s="613"/>
      <c r="DWW678" s="613"/>
      <c r="DWX678" s="613"/>
      <c r="DWY678" s="613"/>
      <c r="DWZ678" s="613"/>
      <c r="DXA678" s="613"/>
      <c r="DXB678" s="613"/>
      <c r="DXC678" s="613"/>
      <c r="DXD678" s="613"/>
      <c r="DXE678" s="613"/>
      <c r="DXF678" s="613"/>
      <c r="DXG678" s="613"/>
      <c r="DXH678" s="613"/>
      <c r="DXI678" s="613"/>
      <c r="DXJ678" s="613"/>
      <c r="DXK678" s="613"/>
      <c r="DXL678" s="613"/>
      <c r="DXM678" s="613"/>
      <c r="DXN678" s="613"/>
      <c r="DXO678" s="613"/>
      <c r="DXP678" s="613"/>
      <c r="DXQ678" s="613"/>
      <c r="DXR678" s="613"/>
      <c r="DXS678" s="613"/>
      <c r="DXT678" s="613"/>
      <c r="DXU678" s="613"/>
      <c r="DXV678" s="613"/>
      <c r="DXW678" s="613"/>
      <c r="DXX678" s="613"/>
      <c r="DXY678" s="613"/>
      <c r="DXZ678" s="613"/>
      <c r="DYA678" s="613"/>
      <c r="DYB678" s="613"/>
      <c r="DYC678" s="613"/>
      <c r="DYD678" s="613"/>
      <c r="DYE678" s="613"/>
      <c r="DYF678" s="613"/>
      <c r="DYG678" s="613"/>
      <c r="DYH678" s="613"/>
      <c r="DYI678" s="613"/>
      <c r="DYJ678" s="613"/>
      <c r="DYK678" s="613"/>
      <c r="DYL678" s="613"/>
      <c r="DYM678" s="613"/>
      <c r="DYN678" s="613"/>
      <c r="DYO678" s="613"/>
      <c r="DYP678" s="613"/>
      <c r="DYQ678" s="613"/>
      <c r="DYR678" s="613"/>
      <c r="DYS678" s="613"/>
      <c r="DYT678" s="613"/>
      <c r="DYU678" s="613"/>
      <c r="DYV678" s="613"/>
      <c r="DYW678" s="613"/>
      <c r="DYX678" s="613"/>
      <c r="DYY678" s="613"/>
      <c r="DYZ678" s="613"/>
      <c r="DZA678" s="613"/>
      <c r="DZB678" s="613"/>
      <c r="DZC678" s="613"/>
      <c r="DZD678" s="613"/>
      <c r="DZE678" s="613"/>
      <c r="DZF678" s="613"/>
      <c r="DZG678" s="613"/>
      <c r="DZH678" s="613"/>
      <c r="DZI678" s="613"/>
      <c r="DZJ678" s="613"/>
      <c r="DZK678" s="613"/>
      <c r="DZL678" s="613"/>
      <c r="DZM678" s="613"/>
      <c r="DZN678" s="613"/>
      <c r="DZO678" s="613"/>
      <c r="DZP678" s="613"/>
      <c r="DZQ678" s="613"/>
      <c r="DZR678" s="613"/>
      <c r="DZS678" s="613"/>
      <c r="DZT678" s="613"/>
      <c r="DZU678" s="613"/>
      <c r="DZV678" s="613"/>
      <c r="DZW678" s="613"/>
      <c r="DZX678" s="613"/>
      <c r="DZY678" s="613"/>
      <c r="DZZ678" s="613"/>
      <c r="EAA678" s="613"/>
      <c r="EAB678" s="613"/>
      <c r="EAC678" s="613"/>
      <c r="EAD678" s="613"/>
      <c r="EAE678" s="613"/>
      <c r="EAF678" s="613"/>
      <c r="EAG678" s="613"/>
      <c r="EAH678" s="613"/>
      <c r="EAI678" s="613"/>
      <c r="EAJ678" s="613"/>
      <c r="EAK678" s="613"/>
      <c r="EAL678" s="613"/>
      <c r="EAM678" s="613"/>
      <c r="EAN678" s="613"/>
      <c r="EAO678" s="613"/>
      <c r="EAP678" s="613"/>
      <c r="EAQ678" s="613"/>
      <c r="EAR678" s="613"/>
      <c r="EAS678" s="613"/>
      <c r="EAT678" s="613"/>
      <c r="EAU678" s="613"/>
      <c r="EAV678" s="613"/>
      <c r="EAW678" s="613"/>
      <c r="EAX678" s="613"/>
      <c r="EAY678" s="613"/>
      <c r="EAZ678" s="613"/>
      <c r="EBA678" s="613"/>
      <c r="EBB678" s="613"/>
      <c r="EBC678" s="613"/>
      <c r="EBD678" s="613"/>
      <c r="EBE678" s="613"/>
      <c r="EBF678" s="613"/>
      <c r="EBG678" s="613"/>
      <c r="EBH678" s="613"/>
      <c r="EBI678" s="613"/>
      <c r="EBJ678" s="613"/>
      <c r="EBK678" s="613"/>
      <c r="EBL678" s="613"/>
      <c r="EBM678" s="613"/>
      <c r="EBN678" s="613"/>
      <c r="EBO678" s="613"/>
      <c r="EBP678" s="613"/>
      <c r="EBQ678" s="613"/>
      <c r="EBR678" s="613"/>
      <c r="EBS678" s="613"/>
      <c r="EBT678" s="613"/>
      <c r="EBU678" s="613"/>
      <c r="EBV678" s="613"/>
      <c r="EBW678" s="613"/>
      <c r="EBX678" s="613"/>
      <c r="EBY678" s="613"/>
      <c r="EBZ678" s="613"/>
      <c r="ECA678" s="613"/>
      <c r="ECB678" s="613"/>
      <c r="ECC678" s="613"/>
      <c r="ECD678" s="613"/>
      <c r="ECE678" s="613"/>
      <c r="ECF678" s="613"/>
      <c r="ECG678" s="613"/>
      <c r="ECH678" s="613"/>
      <c r="ECI678" s="613"/>
      <c r="ECJ678" s="613"/>
      <c r="ECK678" s="613"/>
      <c r="ECL678" s="613"/>
      <c r="ECM678" s="613"/>
      <c r="ECN678" s="613"/>
      <c r="ECO678" s="613"/>
      <c r="ECP678" s="613"/>
      <c r="ECQ678" s="613"/>
      <c r="ECR678" s="613"/>
      <c r="ECS678" s="613"/>
      <c r="ECT678" s="613"/>
      <c r="ECU678" s="613"/>
      <c r="ECV678" s="613"/>
      <c r="ECW678" s="613"/>
      <c r="ECX678" s="613"/>
      <c r="ECY678" s="613"/>
      <c r="ECZ678" s="613"/>
      <c r="EDA678" s="613"/>
      <c r="EDB678" s="613"/>
      <c r="EDC678" s="613"/>
      <c r="EDD678" s="613"/>
      <c r="EDE678" s="613"/>
      <c r="EDF678" s="613"/>
      <c r="EDG678" s="613"/>
      <c r="EDH678" s="613"/>
      <c r="EDI678" s="613"/>
      <c r="EDJ678" s="613"/>
      <c r="EDK678" s="613"/>
      <c r="EDL678" s="613"/>
      <c r="EDM678" s="613"/>
      <c r="EDN678" s="613"/>
      <c r="EDO678" s="613"/>
      <c r="EDP678" s="613"/>
      <c r="EDQ678" s="613"/>
      <c r="EDR678" s="613"/>
      <c r="EDS678" s="613"/>
      <c r="EDT678" s="613"/>
      <c r="EDU678" s="613"/>
      <c r="EDV678" s="613"/>
      <c r="EDW678" s="613"/>
      <c r="EDX678" s="613"/>
      <c r="EDY678" s="613"/>
      <c r="EDZ678" s="613"/>
      <c r="EEA678" s="613"/>
      <c r="EEB678" s="613"/>
      <c r="EEC678" s="613"/>
      <c r="EED678" s="613"/>
      <c r="EEE678" s="613"/>
      <c r="EEF678" s="613"/>
      <c r="EEG678" s="613"/>
      <c r="EEH678" s="613"/>
      <c r="EEI678" s="613"/>
      <c r="EEJ678" s="613"/>
      <c r="EEK678" s="613"/>
      <c r="EEL678" s="613"/>
      <c r="EEM678" s="613"/>
      <c r="EEN678" s="613"/>
      <c r="EEO678" s="613"/>
      <c r="EEP678" s="613"/>
      <c r="EEQ678" s="613"/>
      <c r="EER678" s="613"/>
      <c r="EES678" s="613"/>
      <c r="EET678" s="613"/>
      <c r="EEU678" s="613"/>
      <c r="EEV678" s="613"/>
      <c r="EEW678" s="613"/>
      <c r="EEX678" s="613"/>
      <c r="EEY678" s="613"/>
      <c r="EEZ678" s="613"/>
      <c r="EFA678" s="613"/>
      <c r="EFB678" s="613"/>
      <c r="EFC678" s="613"/>
      <c r="EFD678" s="613"/>
      <c r="EFE678" s="613"/>
      <c r="EFF678" s="613"/>
      <c r="EFG678" s="613"/>
      <c r="EFH678" s="613"/>
      <c r="EFI678" s="613"/>
      <c r="EFJ678" s="613"/>
      <c r="EFK678" s="613"/>
      <c r="EFL678" s="613"/>
      <c r="EFM678" s="613"/>
      <c r="EFN678" s="613"/>
      <c r="EFO678" s="613"/>
      <c r="EFP678" s="613"/>
      <c r="EFQ678" s="613"/>
      <c r="EFR678" s="613"/>
      <c r="EFS678" s="613"/>
      <c r="EFT678" s="613"/>
      <c r="EFU678" s="613"/>
      <c r="EFV678" s="613"/>
      <c r="EFW678" s="613"/>
      <c r="EFX678" s="613"/>
      <c r="EFY678" s="613"/>
      <c r="EFZ678" s="613"/>
      <c r="EGA678" s="613"/>
      <c r="EGB678" s="613"/>
      <c r="EGC678" s="613"/>
      <c r="EGD678" s="613"/>
      <c r="EGE678" s="613"/>
      <c r="EGF678" s="613"/>
      <c r="EGG678" s="613"/>
      <c r="EGH678" s="613"/>
      <c r="EGI678" s="613"/>
      <c r="EGJ678" s="613"/>
      <c r="EGK678" s="613"/>
      <c r="EGL678" s="613"/>
      <c r="EGM678" s="613"/>
      <c r="EGN678" s="613"/>
      <c r="EGO678" s="613"/>
      <c r="EGP678" s="613"/>
      <c r="EGQ678" s="613"/>
      <c r="EGR678" s="613"/>
      <c r="EGS678" s="613"/>
      <c r="EGT678" s="613"/>
      <c r="EGU678" s="613"/>
      <c r="EGV678" s="613"/>
      <c r="EGW678" s="613"/>
      <c r="EGX678" s="613"/>
      <c r="EGY678" s="613"/>
      <c r="EGZ678" s="613"/>
      <c r="EHA678" s="613"/>
      <c r="EHB678" s="613"/>
      <c r="EHC678" s="613"/>
      <c r="EHD678" s="613"/>
      <c r="EHE678" s="613"/>
      <c r="EHF678" s="613"/>
      <c r="EHG678" s="613"/>
      <c r="EHH678" s="613"/>
      <c r="EHI678" s="613"/>
      <c r="EHJ678" s="613"/>
      <c r="EHK678" s="613"/>
      <c r="EHL678" s="613"/>
      <c r="EHM678" s="613"/>
      <c r="EHN678" s="613"/>
      <c r="EHO678" s="613"/>
      <c r="EHP678" s="613"/>
      <c r="EHQ678" s="613"/>
      <c r="EHR678" s="613"/>
      <c r="EHS678" s="613"/>
      <c r="EHT678" s="613"/>
      <c r="EHU678" s="613"/>
      <c r="EHV678" s="613"/>
      <c r="EHW678" s="613"/>
      <c r="EHX678" s="613"/>
      <c r="EHY678" s="613"/>
      <c r="EHZ678" s="613"/>
      <c r="EIA678" s="613"/>
      <c r="EIB678" s="613"/>
      <c r="EIC678" s="613"/>
      <c r="EID678" s="613"/>
      <c r="EIE678" s="613"/>
      <c r="EIF678" s="613"/>
      <c r="EIG678" s="613"/>
      <c r="EIH678" s="613"/>
      <c r="EII678" s="613"/>
      <c r="EIJ678" s="613"/>
      <c r="EIK678" s="613"/>
      <c r="EIL678" s="613"/>
      <c r="EIM678" s="613"/>
      <c r="EIN678" s="613"/>
      <c r="EIO678" s="613"/>
      <c r="EIP678" s="613"/>
      <c r="EIQ678" s="613"/>
      <c r="EIR678" s="613"/>
      <c r="EIS678" s="613"/>
      <c r="EIT678" s="613"/>
      <c r="EIU678" s="613"/>
      <c r="EIV678" s="613"/>
      <c r="EIW678" s="613"/>
      <c r="EIX678" s="613"/>
      <c r="EIY678" s="613"/>
      <c r="EIZ678" s="613"/>
      <c r="EJA678" s="613"/>
      <c r="EJB678" s="613"/>
      <c r="EJC678" s="613"/>
      <c r="EJD678" s="613"/>
      <c r="EJE678" s="613"/>
      <c r="EJF678" s="613"/>
      <c r="EJG678" s="613"/>
      <c r="EJH678" s="613"/>
      <c r="EJI678" s="613"/>
      <c r="EJJ678" s="613"/>
      <c r="EJK678" s="613"/>
      <c r="EJL678" s="613"/>
      <c r="EJM678" s="613"/>
      <c r="EJN678" s="613"/>
      <c r="EJO678" s="613"/>
      <c r="EJP678" s="613"/>
      <c r="EJQ678" s="613"/>
      <c r="EJR678" s="613"/>
      <c r="EJS678" s="613"/>
      <c r="EJT678" s="613"/>
      <c r="EJU678" s="613"/>
      <c r="EJV678" s="613"/>
      <c r="EJW678" s="613"/>
      <c r="EJX678" s="613"/>
      <c r="EJY678" s="613"/>
      <c r="EJZ678" s="613"/>
      <c r="EKA678" s="613"/>
      <c r="EKB678" s="613"/>
      <c r="EKC678" s="613"/>
      <c r="EKD678" s="613"/>
      <c r="EKE678" s="613"/>
      <c r="EKF678" s="613"/>
      <c r="EKG678" s="613"/>
      <c r="EKH678" s="613"/>
      <c r="EKI678" s="613"/>
      <c r="EKJ678" s="613"/>
      <c r="EKK678" s="613"/>
      <c r="EKL678" s="613"/>
      <c r="EKM678" s="613"/>
      <c r="EKN678" s="613"/>
      <c r="EKO678" s="613"/>
      <c r="EKP678" s="613"/>
      <c r="EKQ678" s="613"/>
      <c r="EKR678" s="613"/>
      <c r="EKS678" s="613"/>
      <c r="EKT678" s="613"/>
      <c r="EKU678" s="613"/>
      <c r="EKV678" s="613"/>
      <c r="EKW678" s="613"/>
      <c r="EKX678" s="613"/>
      <c r="EKY678" s="613"/>
      <c r="EKZ678" s="613"/>
      <c r="ELA678" s="613"/>
      <c r="ELB678" s="613"/>
      <c r="ELC678" s="613"/>
      <c r="ELD678" s="613"/>
      <c r="ELE678" s="613"/>
      <c r="ELF678" s="613"/>
      <c r="ELG678" s="613"/>
      <c r="ELH678" s="613"/>
      <c r="ELI678" s="613"/>
      <c r="ELJ678" s="613"/>
      <c r="ELK678" s="613"/>
      <c r="ELL678" s="613"/>
      <c r="ELM678" s="613"/>
      <c r="ELN678" s="613"/>
      <c r="ELO678" s="613"/>
      <c r="ELP678" s="613"/>
      <c r="ELQ678" s="613"/>
      <c r="ELR678" s="613"/>
      <c r="ELS678" s="613"/>
      <c r="ELT678" s="613"/>
      <c r="ELU678" s="613"/>
      <c r="ELV678" s="613"/>
      <c r="ELW678" s="613"/>
      <c r="ELX678" s="613"/>
      <c r="ELY678" s="613"/>
      <c r="ELZ678" s="613"/>
      <c r="EMA678" s="613"/>
      <c r="EMB678" s="613"/>
      <c r="EMC678" s="613"/>
      <c r="EMD678" s="613"/>
      <c r="EME678" s="613"/>
      <c r="EMF678" s="613"/>
      <c r="EMG678" s="613"/>
      <c r="EMH678" s="613"/>
      <c r="EMI678" s="613"/>
      <c r="EMJ678" s="613"/>
      <c r="EMK678" s="613"/>
      <c r="EML678" s="613"/>
      <c r="EMM678" s="613"/>
      <c r="EMN678" s="613"/>
      <c r="EMO678" s="613"/>
      <c r="EMP678" s="613"/>
      <c r="EMQ678" s="613"/>
      <c r="EMR678" s="613"/>
      <c r="EMS678" s="613"/>
      <c r="EMT678" s="613"/>
      <c r="EMU678" s="613"/>
      <c r="EMV678" s="613"/>
      <c r="EMW678" s="613"/>
      <c r="EMX678" s="613"/>
      <c r="EMY678" s="613"/>
      <c r="EMZ678" s="613"/>
      <c r="ENA678" s="613"/>
      <c r="ENB678" s="613"/>
      <c r="ENC678" s="613"/>
      <c r="END678" s="613"/>
      <c r="ENE678" s="613"/>
      <c r="ENF678" s="613"/>
      <c r="ENG678" s="613"/>
      <c r="ENH678" s="613"/>
      <c r="ENI678" s="613"/>
      <c r="ENJ678" s="613"/>
      <c r="ENK678" s="613"/>
      <c r="ENL678" s="613"/>
      <c r="ENM678" s="613"/>
      <c r="ENN678" s="613"/>
      <c r="ENO678" s="613"/>
      <c r="ENP678" s="613"/>
      <c r="ENQ678" s="613"/>
      <c r="ENR678" s="613"/>
      <c r="ENS678" s="613"/>
      <c r="ENT678" s="613"/>
      <c r="ENU678" s="613"/>
      <c r="ENV678" s="613"/>
      <c r="ENW678" s="613"/>
      <c r="ENX678" s="613"/>
      <c r="ENY678" s="613"/>
      <c r="ENZ678" s="613"/>
      <c r="EOA678" s="613"/>
      <c r="EOB678" s="613"/>
      <c r="EOC678" s="613"/>
      <c r="EOD678" s="613"/>
      <c r="EOE678" s="613"/>
      <c r="EOF678" s="613"/>
      <c r="EOG678" s="613"/>
      <c r="EOH678" s="613"/>
      <c r="EOI678" s="613"/>
      <c r="EOJ678" s="613"/>
      <c r="EOK678" s="613"/>
      <c r="EOL678" s="613"/>
      <c r="EOM678" s="613"/>
      <c r="EON678" s="613"/>
      <c r="EOO678" s="613"/>
      <c r="EOP678" s="613"/>
      <c r="EOQ678" s="613"/>
      <c r="EOR678" s="613"/>
      <c r="EOS678" s="613"/>
      <c r="EOT678" s="613"/>
      <c r="EOU678" s="613"/>
      <c r="EOV678" s="613"/>
      <c r="EOW678" s="613"/>
      <c r="EOX678" s="613"/>
      <c r="EOY678" s="613"/>
      <c r="EOZ678" s="613"/>
      <c r="EPA678" s="613"/>
      <c r="EPB678" s="613"/>
      <c r="EPC678" s="613"/>
      <c r="EPD678" s="613"/>
      <c r="EPE678" s="613"/>
      <c r="EPF678" s="613"/>
      <c r="EPG678" s="613"/>
      <c r="EPH678" s="613"/>
      <c r="EPI678" s="613"/>
      <c r="EPJ678" s="613"/>
      <c r="EPK678" s="613"/>
      <c r="EPL678" s="613"/>
      <c r="EPM678" s="613"/>
      <c r="EPN678" s="613"/>
      <c r="EPO678" s="613"/>
      <c r="EPP678" s="613"/>
      <c r="EPQ678" s="613"/>
      <c r="EPR678" s="613"/>
      <c r="EPS678" s="613"/>
      <c r="EPT678" s="613"/>
      <c r="EPU678" s="613"/>
      <c r="EPV678" s="613"/>
      <c r="EPW678" s="613"/>
      <c r="EPX678" s="613"/>
      <c r="EPY678" s="613"/>
      <c r="EPZ678" s="613"/>
      <c r="EQA678" s="613"/>
      <c r="EQB678" s="613"/>
      <c r="EQC678" s="613"/>
      <c r="EQD678" s="613"/>
      <c r="EQE678" s="613"/>
      <c r="EQF678" s="613"/>
      <c r="EQG678" s="613"/>
      <c r="EQH678" s="613"/>
      <c r="EQI678" s="613"/>
      <c r="EQJ678" s="613"/>
      <c r="EQK678" s="613"/>
      <c r="EQL678" s="613"/>
      <c r="EQM678" s="613"/>
      <c r="EQN678" s="613"/>
      <c r="EQO678" s="613"/>
      <c r="EQP678" s="613"/>
      <c r="EQQ678" s="613"/>
      <c r="EQR678" s="613"/>
      <c r="EQS678" s="613"/>
      <c r="EQT678" s="613"/>
      <c r="EQU678" s="613"/>
      <c r="EQV678" s="613"/>
      <c r="EQW678" s="613"/>
      <c r="EQX678" s="613"/>
      <c r="EQY678" s="613"/>
      <c r="EQZ678" s="613"/>
      <c r="ERA678" s="613"/>
      <c r="ERB678" s="613"/>
      <c r="ERC678" s="613"/>
      <c r="ERD678" s="613"/>
      <c r="ERE678" s="613"/>
      <c r="ERF678" s="613"/>
      <c r="ERG678" s="613"/>
      <c r="ERH678" s="613"/>
      <c r="ERI678" s="613"/>
      <c r="ERJ678" s="613"/>
      <c r="ERK678" s="613"/>
      <c r="ERL678" s="613"/>
      <c r="ERM678" s="613"/>
      <c r="ERN678" s="613"/>
      <c r="ERO678" s="613"/>
      <c r="ERP678" s="613"/>
      <c r="ERQ678" s="613"/>
      <c r="ERR678" s="613"/>
      <c r="ERS678" s="613"/>
      <c r="ERT678" s="613"/>
      <c r="ERU678" s="613"/>
      <c r="ERV678" s="613"/>
      <c r="ERW678" s="613"/>
      <c r="ERX678" s="613"/>
      <c r="ERY678" s="613"/>
      <c r="ERZ678" s="613"/>
      <c r="ESA678" s="613"/>
      <c r="ESB678" s="613"/>
      <c r="ESC678" s="613"/>
      <c r="ESD678" s="613"/>
      <c r="ESE678" s="613"/>
      <c r="ESF678" s="613"/>
      <c r="ESG678" s="613"/>
      <c r="ESH678" s="613"/>
      <c r="ESI678" s="613"/>
      <c r="ESJ678" s="613"/>
      <c r="ESK678" s="613"/>
      <c r="ESL678" s="613"/>
      <c r="ESM678" s="613"/>
      <c r="ESN678" s="613"/>
      <c r="ESO678" s="613"/>
      <c r="ESP678" s="613"/>
      <c r="ESQ678" s="613"/>
      <c r="ESR678" s="613"/>
      <c r="ESS678" s="613"/>
      <c r="EST678" s="613"/>
      <c r="ESU678" s="613"/>
      <c r="ESV678" s="613"/>
      <c r="ESW678" s="613"/>
      <c r="ESX678" s="613"/>
      <c r="ESY678" s="613"/>
      <c r="ESZ678" s="613"/>
      <c r="ETA678" s="613"/>
      <c r="ETB678" s="613"/>
      <c r="ETC678" s="613"/>
      <c r="ETD678" s="613"/>
      <c r="ETE678" s="613"/>
      <c r="ETF678" s="613"/>
      <c r="ETG678" s="613"/>
      <c r="ETH678" s="613"/>
      <c r="ETI678" s="613"/>
      <c r="ETJ678" s="613"/>
      <c r="ETK678" s="613"/>
      <c r="ETL678" s="613"/>
      <c r="ETM678" s="613"/>
      <c r="ETN678" s="613"/>
      <c r="ETO678" s="613"/>
      <c r="ETP678" s="613"/>
      <c r="ETQ678" s="613"/>
      <c r="ETR678" s="613"/>
      <c r="ETS678" s="613"/>
      <c r="ETT678" s="613"/>
      <c r="ETU678" s="613"/>
      <c r="ETV678" s="613"/>
      <c r="ETW678" s="613"/>
      <c r="ETX678" s="613"/>
      <c r="ETY678" s="613"/>
      <c r="ETZ678" s="613"/>
      <c r="EUA678" s="613"/>
      <c r="EUB678" s="613"/>
      <c r="EUC678" s="613"/>
      <c r="EUD678" s="613"/>
      <c r="EUE678" s="613"/>
      <c r="EUF678" s="613"/>
      <c r="EUG678" s="613"/>
      <c r="EUH678" s="613"/>
      <c r="EUI678" s="613"/>
      <c r="EUJ678" s="613"/>
      <c r="EUK678" s="613"/>
      <c r="EUL678" s="613"/>
      <c r="EUM678" s="613"/>
      <c r="EUN678" s="613"/>
      <c r="EUO678" s="613"/>
      <c r="EUP678" s="613"/>
      <c r="EUQ678" s="613"/>
      <c r="EUR678" s="613"/>
      <c r="EUS678" s="613"/>
      <c r="EUT678" s="613"/>
      <c r="EUU678" s="613"/>
      <c r="EUV678" s="613"/>
      <c r="EUW678" s="613"/>
      <c r="EUX678" s="613"/>
      <c r="EUY678" s="613"/>
      <c r="EUZ678" s="613"/>
      <c r="EVA678" s="613"/>
      <c r="EVB678" s="613"/>
      <c r="EVC678" s="613"/>
      <c r="EVD678" s="613"/>
      <c r="EVE678" s="613"/>
      <c r="EVF678" s="613"/>
      <c r="EVG678" s="613"/>
      <c r="EVH678" s="613"/>
      <c r="EVI678" s="613"/>
      <c r="EVJ678" s="613"/>
      <c r="EVK678" s="613"/>
      <c r="EVL678" s="613"/>
      <c r="EVM678" s="613"/>
      <c r="EVN678" s="613"/>
      <c r="EVO678" s="613"/>
      <c r="EVP678" s="613"/>
      <c r="EVQ678" s="613"/>
      <c r="EVR678" s="613"/>
      <c r="EVS678" s="613"/>
      <c r="EVT678" s="613"/>
      <c r="EVU678" s="613"/>
      <c r="EVV678" s="613"/>
      <c r="EVW678" s="613"/>
      <c r="EVX678" s="613"/>
      <c r="EVY678" s="613"/>
      <c r="EVZ678" s="613"/>
      <c r="EWA678" s="613"/>
      <c r="EWB678" s="613"/>
      <c r="EWC678" s="613"/>
      <c r="EWD678" s="613"/>
      <c r="EWE678" s="613"/>
      <c r="EWF678" s="613"/>
      <c r="EWG678" s="613"/>
      <c r="EWH678" s="613"/>
      <c r="EWI678" s="613"/>
      <c r="EWJ678" s="613"/>
      <c r="EWK678" s="613"/>
      <c r="EWL678" s="613"/>
      <c r="EWM678" s="613"/>
      <c r="EWN678" s="613"/>
      <c r="EWO678" s="613"/>
      <c r="EWP678" s="613"/>
      <c r="EWQ678" s="613"/>
      <c r="EWR678" s="613"/>
      <c r="EWS678" s="613"/>
      <c r="EWT678" s="613"/>
      <c r="EWU678" s="613"/>
      <c r="EWV678" s="613"/>
      <c r="EWW678" s="613"/>
      <c r="EWX678" s="613"/>
      <c r="EWY678" s="613"/>
      <c r="EWZ678" s="613"/>
      <c r="EXA678" s="613"/>
      <c r="EXB678" s="613"/>
      <c r="EXC678" s="613"/>
      <c r="EXD678" s="613"/>
      <c r="EXE678" s="613"/>
      <c r="EXF678" s="613"/>
      <c r="EXG678" s="613"/>
      <c r="EXH678" s="613"/>
      <c r="EXI678" s="613"/>
      <c r="EXJ678" s="613"/>
      <c r="EXK678" s="613"/>
      <c r="EXL678" s="613"/>
      <c r="EXM678" s="613"/>
      <c r="EXN678" s="613"/>
      <c r="EXO678" s="613"/>
      <c r="EXP678" s="613"/>
      <c r="EXQ678" s="613"/>
      <c r="EXR678" s="613"/>
      <c r="EXS678" s="613"/>
      <c r="EXT678" s="613"/>
      <c r="EXU678" s="613"/>
      <c r="EXV678" s="613"/>
      <c r="EXW678" s="613"/>
      <c r="EXX678" s="613"/>
      <c r="EXY678" s="613"/>
      <c r="EXZ678" s="613"/>
      <c r="EYA678" s="613"/>
      <c r="EYB678" s="613"/>
      <c r="EYC678" s="613"/>
      <c r="EYD678" s="613"/>
      <c r="EYE678" s="613"/>
      <c r="EYF678" s="613"/>
      <c r="EYG678" s="613"/>
      <c r="EYH678" s="613"/>
      <c r="EYI678" s="613"/>
      <c r="EYJ678" s="613"/>
      <c r="EYK678" s="613"/>
      <c r="EYL678" s="613"/>
      <c r="EYM678" s="613"/>
      <c r="EYN678" s="613"/>
      <c r="EYO678" s="613"/>
      <c r="EYP678" s="613"/>
      <c r="EYQ678" s="613"/>
      <c r="EYR678" s="613"/>
      <c r="EYS678" s="613"/>
      <c r="EYT678" s="613"/>
      <c r="EYU678" s="613"/>
      <c r="EYV678" s="613"/>
      <c r="EYW678" s="613"/>
      <c r="EYX678" s="613"/>
      <c r="EYY678" s="613"/>
      <c r="EYZ678" s="613"/>
      <c r="EZA678" s="613"/>
      <c r="EZB678" s="613"/>
      <c r="EZC678" s="613"/>
      <c r="EZD678" s="613"/>
      <c r="EZE678" s="613"/>
      <c r="EZF678" s="613"/>
      <c r="EZG678" s="613"/>
      <c r="EZH678" s="613"/>
      <c r="EZI678" s="613"/>
      <c r="EZJ678" s="613"/>
      <c r="EZK678" s="613"/>
      <c r="EZL678" s="613"/>
      <c r="EZM678" s="613"/>
      <c r="EZN678" s="613"/>
      <c r="EZO678" s="613"/>
      <c r="EZP678" s="613"/>
      <c r="EZQ678" s="613"/>
      <c r="EZR678" s="613"/>
      <c r="EZS678" s="613"/>
      <c r="EZT678" s="613"/>
      <c r="EZU678" s="613"/>
      <c r="EZV678" s="613"/>
      <c r="EZW678" s="613"/>
      <c r="EZX678" s="613"/>
      <c r="EZY678" s="613"/>
      <c r="EZZ678" s="613"/>
      <c r="FAA678" s="613"/>
      <c r="FAB678" s="613"/>
      <c r="FAC678" s="613"/>
      <c r="FAD678" s="613"/>
      <c r="FAE678" s="613"/>
      <c r="FAF678" s="613"/>
      <c r="FAG678" s="613"/>
      <c r="FAH678" s="613"/>
      <c r="FAI678" s="613"/>
      <c r="FAJ678" s="613"/>
      <c r="FAK678" s="613"/>
      <c r="FAL678" s="613"/>
      <c r="FAM678" s="613"/>
      <c r="FAN678" s="613"/>
      <c r="FAO678" s="613"/>
      <c r="FAP678" s="613"/>
      <c r="FAQ678" s="613"/>
      <c r="FAR678" s="613"/>
      <c r="FAS678" s="613"/>
      <c r="FAT678" s="613"/>
      <c r="FAU678" s="613"/>
      <c r="FAV678" s="613"/>
      <c r="FAW678" s="613"/>
      <c r="FAX678" s="613"/>
      <c r="FAY678" s="613"/>
      <c r="FAZ678" s="613"/>
      <c r="FBA678" s="613"/>
      <c r="FBB678" s="613"/>
      <c r="FBC678" s="613"/>
      <c r="FBD678" s="613"/>
      <c r="FBE678" s="613"/>
      <c r="FBF678" s="613"/>
      <c r="FBG678" s="613"/>
      <c r="FBH678" s="613"/>
      <c r="FBI678" s="613"/>
      <c r="FBJ678" s="613"/>
      <c r="FBK678" s="613"/>
      <c r="FBL678" s="613"/>
      <c r="FBM678" s="613"/>
      <c r="FBN678" s="613"/>
      <c r="FBO678" s="613"/>
      <c r="FBP678" s="613"/>
      <c r="FBQ678" s="613"/>
      <c r="FBR678" s="613"/>
      <c r="FBS678" s="613"/>
      <c r="FBT678" s="613"/>
      <c r="FBU678" s="613"/>
      <c r="FBV678" s="613"/>
      <c r="FBW678" s="613"/>
      <c r="FBX678" s="613"/>
      <c r="FBY678" s="613"/>
      <c r="FBZ678" s="613"/>
      <c r="FCA678" s="613"/>
      <c r="FCB678" s="613"/>
      <c r="FCC678" s="613"/>
      <c r="FCD678" s="613"/>
      <c r="FCE678" s="613"/>
      <c r="FCF678" s="613"/>
      <c r="FCG678" s="613"/>
      <c r="FCH678" s="613"/>
      <c r="FCI678" s="613"/>
      <c r="FCJ678" s="613"/>
      <c r="FCK678" s="613"/>
      <c r="FCL678" s="613"/>
      <c r="FCM678" s="613"/>
      <c r="FCN678" s="613"/>
      <c r="FCO678" s="613"/>
      <c r="FCP678" s="613"/>
      <c r="FCQ678" s="613"/>
      <c r="FCR678" s="613"/>
      <c r="FCS678" s="613"/>
      <c r="FCT678" s="613"/>
      <c r="FCU678" s="613"/>
      <c r="FCV678" s="613"/>
      <c r="FCW678" s="613"/>
      <c r="FCX678" s="613"/>
      <c r="FCY678" s="613"/>
      <c r="FCZ678" s="613"/>
      <c r="FDA678" s="613"/>
      <c r="FDB678" s="613"/>
      <c r="FDC678" s="613"/>
      <c r="FDD678" s="613"/>
      <c r="FDE678" s="613"/>
      <c r="FDF678" s="613"/>
      <c r="FDG678" s="613"/>
      <c r="FDH678" s="613"/>
      <c r="FDI678" s="613"/>
      <c r="FDJ678" s="613"/>
      <c r="FDK678" s="613"/>
      <c r="FDL678" s="613"/>
      <c r="FDM678" s="613"/>
      <c r="FDN678" s="613"/>
      <c r="FDO678" s="613"/>
      <c r="FDP678" s="613"/>
      <c r="FDQ678" s="613"/>
      <c r="FDR678" s="613"/>
      <c r="FDS678" s="613"/>
      <c r="FDT678" s="613"/>
      <c r="FDU678" s="613"/>
      <c r="FDV678" s="613"/>
      <c r="FDW678" s="613"/>
      <c r="FDX678" s="613"/>
      <c r="FDY678" s="613"/>
      <c r="FDZ678" s="613"/>
      <c r="FEA678" s="613"/>
      <c r="FEB678" s="613"/>
      <c r="FEC678" s="613"/>
      <c r="FED678" s="613"/>
      <c r="FEE678" s="613"/>
      <c r="FEF678" s="613"/>
      <c r="FEG678" s="613"/>
      <c r="FEH678" s="613"/>
      <c r="FEI678" s="613"/>
      <c r="FEJ678" s="613"/>
      <c r="FEK678" s="613"/>
      <c r="FEL678" s="613"/>
      <c r="FEM678" s="613"/>
      <c r="FEN678" s="613"/>
      <c r="FEO678" s="613"/>
      <c r="FEP678" s="613"/>
      <c r="FEQ678" s="613"/>
      <c r="FER678" s="613"/>
      <c r="FES678" s="613"/>
      <c r="FET678" s="613"/>
      <c r="FEU678" s="613"/>
      <c r="FEV678" s="613"/>
      <c r="FEW678" s="613"/>
      <c r="FEX678" s="613"/>
      <c r="FEY678" s="613"/>
      <c r="FEZ678" s="613"/>
      <c r="FFA678" s="613"/>
      <c r="FFB678" s="613"/>
      <c r="FFC678" s="613"/>
      <c r="FFD678" s="613"/>
      <c r="FFE678" s="613"/>
      <c r="FFF678" s="613"/>
      <c r="FFG678" s="613"/>
      <c r="FFH678" s="613"/>
      <c r="FFI678" s="613"/>
      <c r="FFJ678" s="613"/>
      <c r="FFK678" s="613"/>
      <c r="FFL678" s="613"/>
      <c r="FFM678" s="613"/>
      <c r="FFN678" s="613"/>
      <c r="FFO678" s="613"/>
      <c r="FFP678" s="613"/>
      <c r="FFQ678" s="613"/>
      <c r="FFR678" s="613"/>
      <c r="FFS678" s="613"/>
      <c r="FFT678" s="613"/>
      <c r="FFU678" s="613"/>
      <c r="FFV678" s="613"/>
      <c r="FFW678" s="613"/>
      <c r="FFX678" s="613"/>
      <c r="FFY678" s="613"/>
      <c r="FFZ678" s="613"/>
      <c r="FGA678" s="613"/>
      <c r="FGB678" s="613"/>
      <c r="FGC678" s="613"/>
      <c r="FGD678" s="613"/>
      <c r="FGE678" s="613"/>
      <c r="FGF678" s="613"/>
      <c r="FGG678" s="613"/>
      <c r="FGH678" s="613"/>
      <c r="FGI678" s="613"/>
      <c r="FGJ678" s="613"/>
      <c r="FGK678" s="613"/>
      <c r="FGL678" s="613"/>
      <c r="FGM678" s="613"/>
      <c r="FGN678" s="613"/>
      <c r="FGO678" s="613"/>
      <c r="FGP678" s="613"/>
      <c r="FGQ678" s="613"/>
      <c r="FGR678" s="613"/>
      <c r="FGS678" s="613"/>
      <c r="FGT678" s="613"/>
      <c r="FGU678" s="613"/>
      <c r="FGV678" s="613"/>
      <c r="FGW678" s="613"/>
      <c r="FGX678" s="613"/>
      <c r="FGY678" s="613"/>
      <c r="FGZ678" s="613"/>
      <c r="FHA678" s="613"/>
      <c r="FHB678" s="613"/>
      <c r="FHC678" s="613"/>
      <c r="FHD678" s="613"/>
      <c r="FHE678" s="613"/>
      <c r="FHF678" s="613"/>
      <c r="FHG678" s="613"/>
      <c r="FHH678" s="613"/>
      <c r="FHI678" s="613"/>
      <c r="FHJ678" s="613"/>
      <c r="FHK678" s="613"/>
      <c r="FHL678" s="613"/>
      <c r="FHM678" s="613"/>
      <c r="FHN678" s="613"/>
      <c r="FHO678" s="613"/>
      <c r="FHP678" s="613"/>
      <c r="FHQ678" s="613"/>
      <c r="FHR678" s="613"/>
      <c r="FHS678" s="613"/>
      <c r="FHT678" s="613"/>
      <c r="FHU678" s="613"/>
      <c r="FHV678" s="613"/>
      <c r="FHW678" s="613"/>
      <c r="FHX678" s="613"/>
      <c r="FHY678" s="613"/>
      <c r="FHZ678" s="613"/>
      <c r="FIA678" s="613"/>
      <c r="FIB678" s="613"/>
      <c r="FIC678" s="613"/>
      <c r="FID678" s="613"/>
      <c r="FIE678" s="613"/>
      <c r="FIF678" s="613"/>
      <c r="FIG678" s="613"/>
      <c r="FIH678" s="613"/>
      <c r="FII678" s="613"/>
      <c r="FIJ678" s="613"/>
      <c r="FIK678" s="613"/>
      <c r="FIL678" s="613"/>
      <c r="FIM678" s="613"/>
      <c r="FIN678" s="613"/>
      <c r="FIO678" s="613"/>
      <c r="FIP678" s="613"/>
      <c r="FIQ678" s="613"/>
      <c r="FIR678" s="613"/>
      <c r="FIS678" s="613"/>
      <c r="FIT678" s="613"/>
      <c r="FIU678" s="613"/>
      <c r="FIV678" s="613"/>
      <c r="FIW678" s="613"/>
      <c r="FIX678" s="613"/>
      <c r="FIY678" s="613"/>
      <c r="FIZ678" s="613"/>
      <c r="FJA678" s="613"/>
      <c r="FJB678" s="613"/>
      <c r="FJC678" s="613"/>
      <c r="FJD678" s="613"/>
      <c r="FJE678" s="613"/>
      <c r="FJF678" s="613"/>
      <c r="FJG678" s="613"/>
      <c r="FJH678" s="613"/>
      <c r="FJI678" s="613"/>
      <c r="FJJ678" s="613"/>
      <c r="FJK678" s="613"/>
      <c r="FJL678" s="613"/>
      <c r="FJM678" s="613"/>
      <c r="FJN678" s="613"/>
      <c r="FJO678" s="613"/>
      <c r="FJP678" s="613"/>
      <c r="FJQ678" s="613"/>
      <c r="FJR678" s="613"/>
      <c r="FJS678" s="613"/>
      <c r="FJT678" s="613"/>
      <c r="FJU678" s="613"/>
      <c r="FJV678" s="613"/>
      <c r="FJW678" s="613"/>
      <c r="FJX678" s="613"/>
      <c r="FJY678" s="613"/>
      <c r="FJZ678" s="613"/>
      <c r="FKA678" s="613"/>
      <c r="FKB678" s="613"/>
      <c r="FKC678" s="613"/>
      <c r="FKD678" s="613"/>
      <c r="FKE678" s="613"/>
      <c r="FKF678" s="613"/>
      <c r="FKG678" s="613"/>
      <c r="FKH678" s="613"/>
      <c r="FKI678" s="613"/>
      <c r="FKJ678" s="613"/>
      <c r="FKK678" s="613"/>
      <c r="FKL678" s="613"/>
      <c r="FKM678" s="613"/>
      <c r="FKN678" s="613"/>
      <c r="FKO678" s="613"/>
      <c r="FKP678" s="613"/>
      <c r="FKQ678" s="613"/>
      <c r="FKR678" s="613"/>
      <c r="FKS678" s="613"/>
      <c r="FKT678" s="613"/>
      <c r="FKU678" s="613"/>
      <c r="FKV678" s="613"/>
      <c r="FKW678" s="613"/>
      <c r="FKX678" s="613"/>
      <c r="FKY678" s="613"/>
      <c r="FKZ678" s="613"/>
      <c r="FLA678" s="613"/>
      <c r="FLB678" s="613"/>
      <c r="FLC678" s="613"/>
      <c r="FLD678" s="613"/>
      <c r="FLE678" s="613"/>
      <c r="FLF678" s="613"/>
      <c r="FLG678" s="613"/>
      <c r="FLH678" s="613"/>
      <c r="FLI678" s="613"/>
      <c r="FLJ678" s="613"/>
      <c r="FLK678" s="613"/>
      <c r="FLL678" s="613"/>
      <c r="FLM678" s="613"/>
      <c r="FLN678" s="613"/>
      <c r="FLO678" s="613"/>
      <c r="FLP678" s="613"/>
      <c r="FLQ678" s="613"/>
      <c r="FLR678" s="613"/>
      <c r="FLS678" s="613"/>
      <c r="FLT678" s="613"/>
      <c r="FLU678" s="613"/>
      <c r="FLV678" s="613"/>
      <c r="FLW678" s="613"/>
      <c r="FLX678" s="613"/>
      <c r="FLY678" s="613"/>
      <c r="FLZ678" s="613"/>
      <c r="FMA678" s="613"/>
      <c r="FMB678" s="613"/>
      <c r="FMC678" s="613"/>
      <c r="FMD678" s="613"/>
      <c r="FME678" s="613"/>
      <c r="FMF678" s="613"/>
      <c r="FMG678" s="613"/>
      <c r="FMH678" s="613"/>
      <c r="FMI678" s="613"/>
      <c r="FMJ678" s="613"/>
      <c r="FMK678" s="613"/>
      <c r="FML678" s="613"/>
      <c r="FMM678" s="613"/>
      <c r="FMN678" s="613"/>
      <c r="FMO678" s="613"/>
      <c r="FMP678" s="613"/>
      <c r="FMQ678" s="613"/>
      <c r="FMR678" s="613"/>
      <c r="FMS678" s="613"/>
      <c r="FMT678" s="613"/>
      <c r="FMU678" s="613"/>
      <c r="FMV678" s="613"/>
      <c r="FMW678" s="613"/>
      <c r="FMX678" s="613"/>
      <c r="FMY678" s="613"/>
      <c r="FMZ678" s="613"/>
      <c r="FNA678" s="613"/>
      <c r="FNB678" s="613"/>
      <c r="FNC678" s="613"/>
      <c r="FND678" s="613"/>
      <c r="FNE678" s="613"/>
      <c r="FNF678" s="613"/>
      <c r="FNG678" s="613"/>
      <c r="FNH678" s="613"/>
      <c r="FNI678" s="613"/>
      <c r="FNJ678" s="613"/>
      <c r="FNK678" s="613"/>
      <c r="FNL678" s="613"/>
      <c r="FNM678" s="613"/>
      <c r="FNN678" s="613"/>
      <c r="FNO678" s="613"/>
      <c r="FNP678" s="613"/>
      <c r="FNQ678" s="613"/>
      <c r="FNR678" s="613"/>
      <c r="FNS678" s="613"/>
      <c r="FNT678" s="613"/>
      <c r="FNU678" s="613"/>
      <c r="FNV678" s="613"/>
      <c r="FNW678" s="613"/>
      <c r="FNX678" s="613"/>
      <c r="FNY678" s="613"/>
      <c r="FNZ678" s="613"/>
      <c r="FOA678" s="613"/>
      <c r="FOB678" s="613"/>
      <c r="FOC678" s="613"/>
      <c r="FOD678" s="613"/>
      <c r="FOE678" s="613"/>
      <c r="FOF678" s="613"/>
      <c r="FOG678" s="613"/>
      <c r="FOH678" s="613"/>
      <c r="FOI678" s="613"/>
      <c r="FOJ678" s="613"/>
      <c r="FOK678" s="613"/>
      <c r="FOL678" s="613"/>
      <c r="FOM678" s="613"/>
      <c r="FON678" s="613"/>
      <c r="FOO678" s="613"/>
      <c r="FOP678" s="613"/>
      <c r="FOQ678" s="613"/>
      <c r="FOR678" s="613"/>
      <c r="FOS678" s="613"/>
      <c r="FOT678" s="613"/>
      <c r="FOU678" s="613"/>
      <c r="FOV678" s="613"/>
      <c r="FOW678" s="613"/>
      <c r="FOX678" s="613"/>
      <c r="FOY678" s="613"/>
      <c r="FOZ678" s="613"/>
      <c r="FPA678" s="613"/>
      <c r="FPB678" s="613"/>
      <c r="FPC678" s="613"/>
      <c r="FPD678" s="613"/>
      <c r="FPE678" s="613"/>
      <c r="FPF678" s="613"/>
      <c r="FPG678" s="613"/>
      <c r="FPH678" s="613"/>
      <c r="FPI678" s="613"/>
      <c r="FPJ678" s="613"/>
      <c r="FPK678" s="613"/>
      <c r="FPL678" s="613"/>
      <c r="FPM678" s="613"/>
      <c r="FPN678" s="613"/>
      <c r="FPO678" s="613"/>
      <c r="FPP678" s="613"/>
      <c r="FPQ678" s="613"/>
      <c r="FPR678" s="613"/>
      <c r="FPS678" s="613"/>
      <c r="FPT678" s="613"/>
      <c r="FPU678" s="613"/>
      <c r="FPV678" s="613"/>
      <c r="FPW678" s="613"/>
      <c r="FPX678" s="613"/>
      <c r="FPY678" s="613"/>
      <c r="FPZ678" s="613"/>
      <c r="FQA678" s="613"/>
      <c r="FQB678" s="613"/>
      <c r="FQC678" s="613"/>
      <c r="FQD678" s="613"/>
      <c r="FQE678" s="613"/>
      <c r="FQF678" s="613"/>
      <c r="FQG678" s="613"/>
      <c r="FQH678" s="613"/>
      <c r="FQI678" s="613"/>
      <c r="FQJ678" s="613"/>
      <c r="FQK678" s="613"/>
      <c r="FQL678" s="613"/>
      <c r="FQM678" s="613"/>
      <c r="FQN678" s="613"/>
      <c r="FQO678" s="613"/>
      <c r="FQP678" s="613"/>
      <c r="FQQ678" s="613"/>
      <c r="FQR678" s="613"/>
      <c r="FQS678" s="613"/>
      <c r="FQT678" s="613"/>
      <c r="FQU678" s="613"/>
      <c r="FQV678" s="613"/>
      <c r="FQW678" s="613"/>
      <c r="FQX678" s="613"/>
      <c r="FQY678" s="613"/>
      <c r="FQZ678" s="613"/>
      <c r="FRA678" s="613"/>
      <c r="FRB678" s="613"/>
      <c r="FRC678" s="613"/>
      <c r="FRD678" s="613"/>
      <c r="FRE678" s="613"/>
      <c r="FRF678" s="613"/>
      <c r="FRG678" s="613"/>
      <c r="FRH678" s="613"/>
      <c r="FRI678" s="613"/>
      <c r="FRJ678" s="613"/>
      <c r="FRK678" s="613"/>
      <c r="FRL678" s="613"/>
      <c r="FRM678" s="613"/>
      <c r="FRN678" s="613"/>
      <c r="FRO678" s="613"/>
      <c r="FRP678" s="613"/>
      <c r="FRQ678" s="613"/>
      <c r="FRR678" s="613"/>
      <c r="FRS678" s="613"/>
      <c r="FRT678" s="613"/>
      <c r="FRU678" s="613"/>
      <c r="FRV678" s="613"/>
      <c r="FRW678" s="613"/>
      <c r="FRX678" s="613"/>
      <c r="FRY678" s="613"/>
      <c r="FRZ678" s="613"/>
      <c r="FSA678" s="613"/>
      <c r="FSB678" s="613"/>
      <c r="FSC678" s="613"/>
      <c r="FSD678" s="613"/>
      <c r="FSE678" s="613"/>
      <c r="FSF678" s="613"/>
      <c r="FSG678" s="613"/>
      <c r="FSH678" s="613"/>
      <c r="FSI678" s="613"/>
      <c r="FSJ678" s="613"/>
      <c r="FSK678" s="613"/>
      <c r="FSL678" s="613"/>
      <c r="FSM678" s="613"/>
      <c r="FSN678" s="613"/>
      <c r="FSO678" s="613"/>
      <c r="FSP678" s="613"/>
      <c r="FSQ678" s="613"/>
      <c r="FSR678" s="613"/>
      <c r="FSS678" s="613"/>
      <c r="FST678" s="613"/>
      <c r="FSU678" s="613"/>
      <c r="FSV678" s="613"/>
      <c r="FSW678" s="613"/>
      <c r="FSX678" s="613"/>
      <c r="FSY678" s="613"/>
      <c r="FSZ678" s="613"/>
      <c r="FTA678" s="613"/>
      <c r="FTB678" s="613"/>
      <c r="FTC678" s="613"/>
      <c r="FTD678" s="613"/>
      <c r="FTE678" s="613"/>
      <c r="FTF678" s="613"/>
      <c r="FTG678" s="613"/>
      <c r="FTH678" s="613"/>
      <c r="FTI678" s="613"/>
      <c r="FTJ678" s="613"/>
      <c r="FTK678" s="613"/>
      <c r="FTL678" s="613"/>
      <c r="FTM678" s="613"/>
      <c r="FTN678" s="613"/>
      <c r="FTO678" s="613"/>
      <c r="FTP678" s="613"/>
      <c r="FTQ678" s="613"/>
      <c r="FTR678" s="613"/>
      <c r="FTS678" s="613"/>
      <c r="FTT678" s="613"/>
      <c r="FTU678" s="613"/>
      <c r="FTV678" s="613"/>
      <c r="FTW678" s="613"/>
      <c r="FTX678" s="613"/>
      <c r="FTY678" s="613"/>
      <c r="FTZ678" s="613"/>
      <c r="FUA678" s="613"/>
      <c r="FUB678" s="613"/>
      <c r="FUC678" s="613"/>
      <c r="FUD678" s="613"/>
      <c r="FUE678" s="613"/>
      <c r="FUF678" s="613"/>
      <c r="FUG678" s="613"/>
      <c r="FUH678" s="613"/>
      <c r="FUI678" s="613"/>
      <c r="FUJ678" s="613"/>
      <c r="FUK678" s="613"/>
      <c r="FUL678" s="613"/>
      <c r="FUM678" s="613"/>
      <c r="FUN678" s="613"/>
      <c r="FUO678" s="613"/>
      <c r="FUP678" s="613"/>
      <c r="FUQ678" s="613"/>
      <c r="FUR678" s="613"/>
      <c r="FUS678" s="613"/>
      <c r="FUT678" s="613"/>
      <c r="FUU678" s="613"/>
      <c r="FUV678" s="613"/>
      <c r="FUW678" s="613"/>
      <c r="FUX678" s="613"/>
      <c r="FUY678" s="613"/>
      <c r="FUZ678" s="613"/>
      <c r="FVA678" s="613"/>
      <c r="FVB678" s="613"/>
      <c r="FVC678" s="613"/>
      <c r="FVD678" s="613"/>
      <c r="FVE678" s="613"/>
      <c r="FVF678" s="613"/>
      <c r="FVG678" s="613"/>
      <c r="FVH678" s="613"/>
      <c r="FVI678" s="613"/>
      <c r="FVJ678" s="613"/>
      <c r="FVK678" s="613"/>
      <c r="FVL678" s="613"/>
      <c r="FVM678" s="613"/>
      <c r="FVN678" s="613"/>
      <c r="FVO678" s="613"/>
      <c r="FVP678" s="613"/>
      <c r="FVQ678" s="613"/>
      <c r="FVR678" s="613"/>
      <c r="FVS678" s="613"/>
      <c r="FVT678" s="613"/>
      <c r="FVU678" s="613"/>
      <c r="FVV678" s="613"/>
      <c r="FVW678" s="613"/>
      <c r="FVX678" s="613"/>
      <c r="FVY678" s="613"/>
      <c r="FVZ678" s="613"/>
      <c r="FWA678" s="613"/>
      <c r="FWB678" s="613"/>
      <c r="FWC678" s="613"/>
      <c r="FWD678" s="613"/>
      <c r="FWE678" s="613"/>
      <c r="FWF678" s="613"/>
      <c r="FWG678" s="613"/>
      <c r="FWH678" s="613"/>
      <c r="FWI678" s="613"/>
      <c r="FWJ678" s="613"/>
      <c r="FWK678" s="613"/>
      <c r="FWL678" s="613"/>
      <c r="FWM678" s="613"/>
      <c r="FWN678" s="613"/>
      <c r="FWO678" s="613"/>
      <c r="FWP678" s="613"/>
      <c r="FWQ678" s="613"/>
      <c r="FWR678" s="613"/>
      <c r="FWS678" s="613"/>
      <c r="FWT678" s="613"/>
      <c r="FWU678" s="613"/>
      <c r="FWV678" s="613"/>
      <c r="FWW678" s="613"/>
      <c r="FWX678" s="613"/>
      <c r="FWY678" s="613"/>
      <c r="FWZ678" s="613"/>
      <c r="FXA678" s="613"/>
      <c r="FXB678" s="613"/>
      <c r="FXC678" s="613"/>
      <c r="FXD678" s="613"/>
      <c r="FXE678" s="613"/>
      <c r="FXF678" s="613"/>
      <c r="FXG678" s="613"/>
      <c r="FXH678" s="613"/>
      <c r="FXI678" s="613"/>
      <c r="FXJ678" s="613"/>
      <c r="FXK678" s="613"/>
      <c r="FXL678" s="613"/>
      <c r="FXM678" s="613"/>
      <c r="FXN678" s="613"/>
      <c r="FXO678" s="613"/>
      <c r="FXP678" s="613"/>
      <c r="FXQ678" s="613"/>
      <c r="FXR678" s="613"/>
      <c r="FXS678" s="613"/>
      <c r="FXT678" s="613"/>
      <c r="FXU678" s="613"/>
      <c r="FXV678" s="613"/>
      <c r="FXW678" s="613"/>
      <c r="FXX678" s="613"/>
      <c r="FXY678" s="613"/>
      <c r="FXZ678" s="613"/>
      <c r="FYA678" s="613"/>
      <c r="FYB678" s="613"/>
      <c r="FYC678" s="613"/>
      <c r="FYD678" s="613"/>
      <c r="FYE678" s="613"/>
      <c r="FYF678" s="613"/>
      <c r="FYG678" s="613"/>
      <c r="FYH678" s="613"/>
      <c r="FYI678" s="613"/>
      <c r="FYJ678" s="613"/>
      <c r="FYK678" s="613"/>
      <c r="FYL678" s="613"/>
      <c r="FYM678" s="613"/>
      <c r="FYN678" s="613"/>
      <c r="FYO678" s="613"/>
      <c r="FYP678" s="613"/>
      <c r="FYQ678" s="613"/>
      <c r="FYR678" s="613"/>
      <c r="FYS678" s="613"/>
      <c r="FYT678" s="613"/>
      <c r="FYU678" s="613"/>
      <c r="FYV678" s="613"/>
      <c r="FYW678" s="613"/>
      <c r="FYX678" s="613"/>
      <c r="FYY678" s="613"/>
      <c r="FYZ678" s="613"/>
      <c r="FZA678" s="613"/>
      <c r="FZB678" s="613"/>
      <c r="FZC678" s="613"/>
      <c r="FZD678" s="613"/>
      <c r="FZE678" s="613"/>
      <c r="FZF678" s="613"/>
      <c r="FZG678" s="613"/>
      <c r="FZH678" s="613"/>
      <c r="FZI678" s="613"/>
      <c r="FZJ678" s="613"/>
      <c r="FZK678" s="613"/>
      <c r="FZL678" s="613"/>
      <c r="FZM678" s="613"/>
      <c r="FZN678" s="613"/>
      <c r="FZO678" s="613"/>
      <c r="FZP678" s="613"/>
      <c r="FZQ678" s="613"/>
      <c r="FZR678" s="613"/>
      <c r="FZS678" s="613"/>
      <c r="FZT678" s="613"/>
      <c r="FZU678" s="613"/>
      <c r="FZV678" s="613"/>
      <c r="FZW678" s="613"/>
      <c r="FZX678" s="613"/>
      <c r="FZY678" s="613"/>
      <c r="FZZ678" s="613"/>
      <c r="GAA678" s="613"/>
      <c r="GAB678" s="613"/>
      <c r="GAC678" s="613"/>
      <c r="GAD678" s="613"/>
      <c r="GAE678" s="613"/>
      <c r="GAF678" s="613"/>
      <c r="GAG678" s="613"/>
      <c r="GAH678" s="613"/>
      <c r="GAI678" s="613"/>
      <c r="GAJ678" s="613"/>
      <c r="GAK678" s="613"/>
      <c r="GAL678" s="613"/>
      <c r="GAM678" s="613"/>
      <c r="GAN678" s="613"/>
      <c r="GAO678" s="613"/>
      <c r="GAP678" s="613"/>
      <c r="GAQ678" s="613"/>
      <c r="GAR678" s="613"/>
      <c r="GAS678" s="613"/>
      <c r="GAT678" s="613"/>
      <c r="GAU678" s="613"/>
      <c r="GAV678" s="613"/>
      <c r="GAW678" s="613"/>
      <c r="GAX678" s="613"/>
      <c r="GAY678" s="613"/>
      <c r="GAZ678" s="613"/>
      <c r="GBA678" s="613"/>
      <c r="GBB678" s="613"/>
      <c r="GBC678" s="613"/>
      <c r="GBD678" s="613"/>
      <c r="GBE678" s="613"/>
      <c r="GBF678" s="613"/>
      <c r="GBG678" s="613"/>
      <c r="GBH678" s="613"/>
      <c r="GBI678" s="613"/>
      <c r="GBJ678" s="613"/>
      <c r="GBK678" s="613"/>
      <c r="GBL678" s="613"/>
      <c r="GBM678" s="613"/>
      <c r="GBN678" s="613"/>
      <c r="GBO678" s="613"/>
      <c r="GBP678" s="613"/>
      <c r="GBQ678" s="613"/>
      <c r="GBR678" s="613"/>
      <c r="GBS678" s="613"/>
      <c r="GBT678" s="613"/>
      <c r="GBU678" s="613"/>
      <c r="GBV678" s="613"/>
      <c r="GBW678" s="613"/>
      <c r="GBX678" s="613"/>
      <c r="GBY678" s="613"/>
      <c r="GBZ678" s="613"/>
      <c r="GCA678" s="613"/>
      <c r="GCB678" s="613"/>
      <c r="GCC678" s="613"/>
      <c r="GCD678" s="613"/>
      <c r="GCE678" s="613"/>
      <c r="GCF678" s="613"/>
      <c r="GCG678" s="613"/>
      <c r="GCH678" s="613"/>
      <c r="GCI678" s="613"/>
      <c r="GCJ678" s="613"/>
      <c r="GCK678" s="613"/>
      <c r="GCL678" s="613"/>
      <c r="GCM678" s="613"/>
      <c r="GCN678" s="613"/>
      <c r="GCO678" s="613"/>
      <c r="GCP678" s="613"/>
      <c r="GCQ678" s="613"/>
      <c r="GCR678" s="613"/>
      <c r="GCS678" s="613"/>
      <c r="GCT678" s="613"/>
      <c r="GCU678" s="613"/>
      <c r="GCV678" s="613"/>
      <c r="GCW678" s="613"/>
      <c r="GCX678" s="613"/>
      <c r="GCY678" s="613"/>
      <c r="GCZ678" s="613"/>
      <c r="GDA678" s="613"/>
      <c r="GDB678" s="613"/>
      <c r="GDC678" s="613"/>
      <c r="GDD678" s="613"/>
      <c r="GDE678" s="613"/>
      <c r="GDF678" s="613"/>
      <c r="GDG678" s="613"/>
      <c r="GDH678" s="613"/>
      <c r="GDI678" s="613"/>
      <c r="GDJ678" s="613"/>
      <c r="GDK678" s="613"/>
      <c r="GDL678" s="613"/>
      <c r="GDM678" s="613"/>
      <c r="GDN678" s="613"/>
      <c r="GDO678" s="613"/>
      <c r="GDP678" s="613"/>
      <c r="GDQ678" s="613"/>
      <c r="GDR678" s="613"/>
      <c r="GDS678" s="613"/>
      <c r="GDT678" s="613"/>
      <c r="GDU678" s="613"/>
      <c r="GDV678" s="613"/>
      <c r="GDW678" s="613"/>
      <c r="GDX678" s="613"/>
      <c r="GDY678" s="613"/>
      <c r="GDZ678" s="613"/>
      <c r="GEA678" s="613"/>
      <c r="GEB678" s="613"/>
      <c r="GEC678" s="613"/>
      <c r="GED678" s="613"/>
      <c r="GEE678" s="613"/>
      <c r="GEF678" s="613"/>
      <c r="GEG678" s="613"/>
      <c r="GEH678" s="613"/>
      <c r="GEI678" s="613"/>
      <c r="GEJ678" s="613"/>
      <c r="GEK678" s="613"/>
      <c r="GEL678" s="613"/>
      <c r="GEM678" s="613"/>
      <c r="GEN678" s="613"/>
      <c r="GEO678" s="613"/>
      <c r="GEP678" s="613"/>
      <c r="GEQ678" s="613"/>
      <c r="GER678" s="613"/>
      <c r="GES678" s="613"/>
      <c r="GET678" s="613"/>
      <c r="GEU678" s="613"/>
      <c r="GEV678" s="613"/>
      <c r="GEW678" s="613"/>
      <c r="GEX678" s="613"/>
      <c r="GEY678" s="613"/>
      <c r="GEZ678" s="613"/>
      <c r="GFA678" s="613"/>
      <c r="GFB678" s="613"/>
      <c r="GFC678" s="613"/>
      <c r="GFD678" s="613"/>
      <c r="GFE678" s="613"/>
      <c r="GFF678" s="613"/>
      <c r="GFG678" s="613"/>
      <c r="GFH678" s="613"/>
      <c r="GFI678" s="613"/>
      <c r="GFJ678" s="613"/>
      <c r="GFK678" s="613"/>
      <c r="GFL678" s="613"/>
      <c r="GFM678" s="613"/>
      <c r="GFN678" s="613"/>
      <c r="GFO678" s="613"/>
      <c r="GFP678" s="613"/>
      <c r="GFQ678" s="613"/>
      <c r="GFR678" s="613"/>
      <c r="GFS678" s="613"/>
      <c r="GFT678" s="613"/>
      <c r="GFU678" s="613"/>
      <c r="GFV678" s="613"/>
      <c r="GFW678" s="613"/>
      <c r="GFX678" s="613"/>
      <c r="GFY678" s="613"/>
      <c r="GFZ678" s="613"/>
      <c r="GGA678" s="613"/>
      <c r="GGB678" s="613"/>
      <c r="GGC678" s="613"/>
      <c r="GGD678" s="613"/>
      <c r="GGE678" s="613"/>
      <c r="GGF678" s="613"/>
      <c r="GGG678" s="613"/>
      <c r="GGH678" s="613"/>
      <c r="GGI678" s="613"/>
      <c r="GGJ678" s="613"/>
      <c r="GGK678" s="613"/>
      <c r="GGL678" s="613"/>
      <c r="GGM678" s="613"/>
      <c r="GGN678" s="613"/>
      <c r="GGO678" s="613"/>
      <c r="GGP678" s="613"/>
      <c r="GGQ678" s="613"/>
      <c r="GGR678" s="613"/>
      <c r="GGS678" s="613"/>
      <c r="GGT678" s="613"/>
      <c r="GGU678" s="613"/>
      <c r="GGV678" s="613"/>
      <c r="GGW678" s="613"/>
      <c r="GGX678" s="613"/>
      <c r="GGY678" s="613"/>
      <c r="GGZ678" s="613"/>
      <c r="GHA678" s="613"/>
      <c r="GHB678" s="613"/>
      <c r="GHC678" s="613"/>
      <c r="GHD678" s="613"/>
      <c r="GHE678" s="613"/>
      <c r="GHF678" s="613"/>
      <c r="GHG678" s="613"/>
      <c r="GHH678" s="613"/>
      <c r="GHI678" s="613"/>
      <c r="GHJ678" s="613"/>
      <c r="GHK678" s="613"/>
      <c r="GHL678" s="613"/>
      <c r="GHM678" s="613"/>
      <c r="GHN678" s="613"/>
      <c r="GHO678" s="613"/>
      <c r="GHP678" s="613"/>
      <c r="GHQ678" s="613"/>
      <c r="GHR678" s="613"/>
      <c r="GHS678" s="613"/>
      <c r="GHT678" s="613"/>
      <c r="GHU678" s="613"/>
      <c r="GHV678" s="613"/>
      <c r="GHW678" s="613"/>
      <c r="GHX678" s="613"/>
      <c r="GHY678" s="613"/>
      <c r="GHZ678" s="613"/>
      <c r="GIA678" s="613"/>
      <c r="GIB678" s="613"/>
      <c r="GIC678" s="613"/>
      <c r="GID678" s="613"/>
      <c r="GIE678" s="613"/>
      <c r="GIF678" s="613"/>
      <c r="GIG678" s="613"/>
      <c r="GIH678" s="613"/>
      <c r="GII678" s="613"/>
      <c r="GIJ678" s="613"/>
      <c r="GIK678" s="613"/>
      <c r="GIL678" s="613"/>
      <c r="GIM678" s="613"/>
      <c r="GIN678" s="613"/>
      <c r="GIO678" s="613"/>
      <c r="GIP678" s="613"/>
      <c r="GIQ678" s="613"/>
      <c r="GIR678" s="613"/>
      <c r="GIS678" s="613"/>
      <c r="GIT678" s="613"/>
      <c r="GIU678" s="613"/>
      <c r="GIV678" s="613"/>
      <c r="GIW678" s="613"/>
      <c r="GIX678" s="613"/>
      <c r="GIY678" s="613"/>
      <c r="GIZ678" s="613"/>
      <c r="GJA678" s="613"/>
      <c r="GJB678" s="613"/>
      <c r="GJC678" s="613"/>
      <c r="GJD678" s="613"/>
      <c r="GJE678" s="613"/>
      <c r="GJF678" s="613"/>
      <c r="GJG678" s="613"/>
      <c r="GJH678" s="613"/>
      <c r="GJI678" s="613"/>
      <c r="GJJ678" s="613"/>
      <c r="GJK678" s="613"/>
      <c r="GJL678" s="613"/>
      <c r="GJM678" s="613"/>
      <c r="GJN678" s="613"/>
      <c r="GJO678" s="613"/>
      <c r="GJP678" s="613"/>
      <c r="GJQ678" s="613"/>
      <c r="GJR678" s="613"/>
      <c r="GJS678" s="613"/>
      <c r="GJT678" s="613"/>
      <c r="GJU678" s="613"/>
      <c r="GJV678" s="613"/>
      <c r="GJW678" s="613"/>
      <c r="GJX678" s="613"/>
      <c r="GJY678" s="613"/>
      <c r="GJZ678" s="613"/>
      <c r="GKA678" s="613"/>
      <c r="GKB678" s="613"/>
      <c r="GKC678" s="613"/>
      <c r="GKD678" s="613"/>
      <c r="GKE678" s="613"/>
      <c r="GKF678" s="613"/>
      <c r="GKG678" s="613"/>
      <c r="GKH678" s="613"/>
      <c r="GKI678" s="613"/>
      <c r="GKJ678" s="613"/>
      <c r="GKK678" s="613"/>
      <c r="GKL678" s="613"/>
      <c r="GKM678" s="613"/>
      <c r="GKN678" s="613"/>
      <c r="GKO678" s="613"/>
      <c r="GKP678" s="613"/>
      <c r="GKQ678" s="613"/>
      <c r="GKR678" s="613"/>
      <c r="GKS678" s="613"/>
      <c r="GKT678" s="613"/>
      <c r="GKU678" s="613"/>
      <c r="GKV678" s="613"/>
      <c r="GKW678" s="613"/>
      <c r="GKX678" s="613"/>
      <c r="GKY678" s="613"/>
      <c r="GKZ678" s="613"/>
      <c r="GLA678" s="613"/>
      <c r="GLB678" s="613"/>
      <c r="GLC678" s="613"/>
      <c r="GLD678" s="613"/>
      <c r="GLE678" s="613"/>
      <c r="GLF678" s="613"/>
      <c r="GLG678" s="613"/>
      <c r="GLH678" s="613"/>
      <c r="GLI678" s="613"/>
      <c r="GLJ678" s="613"/>
      <c r="GLK678" s="613"/>
      <c r="GLL678" s="613"/>
      <c r="GLM678" s="613"/>
      <c r="GLN678" s="613"/>
      <c r="GLO678" s="613"/>
      <c r="GLP678" s="613"/>
      <c r="GLQ678" s="613"/>
      <c r="GLR678" s="613"/>
      <c r="GLS678" s="613"/>
      <c r="GLT678" s="613"/>
      <c r="GLU678" s="613"/>
      <c r="GLV678" s="613"/>
      <c r="GLW678" s="613"/>
      <c r="GLX678" s="613"/>
      <c r="GLY678" s="613"/>
      <c r="GLZ678" s="613"/>
      <c r="GMA678" s="613"/>
      <c r="GMB678" s="613"/>
      <c r="GMC678" s="613"/>
      <c r="GMD678" s="613"/>
      <c r="GME678" s="613"/>
      <c r="GMF678" s="613"/>
      <c r="GMG678" s="613"/>
      <c r="GMH678" s="613"/>
      <c r="GMI678" s="613"/>
      <c r="GMJ678" s="613"/>
      <c r="GMK678" s="613"/>
      <c r="GML678" s="613"/>
      <c r="GMM678" s="613"/>
      <c r="GMN678" s="613"/>
      <c r="GMO678" s="613"/>
      <c r="GMP678" s="613"/>
      <c r="GMQ678" s="613"/>
      <c r="GMR678" s="613"/>
      <c r="GMS678" s="613"/>
      <c r="GMT678" s="613"/>
      <c r="GMU678" s="613"/>
      <c r="GMV678" s="613"/>
      <c r="GMW678" s="613"/>
      <c r="GMX678" s="613"/>
      <c r="GMY678" s="613"/>
      <c r="GMZ678" s="613"/>
      <c r="GNA678" s="613"/>
      <c r="GNB678" s="613"/>
      <c r="GNC678" s="613"/>
      <c r="GND678" s="613"/>
      <c r="GNE678" s="613"/>
      <c r="GNF678" s="613"/>
      <c r="GNG678" s="613"/>
      <c r="GNH678" s="613"/>
      <c r="GNI678" s="613"/>
      <c r="GNJ678" s="613"/>
      <c r="GNK678" s="613"/>
      <c r="GNL678" s="613"/>
      <c r="GNM678" s="613"/>
      <c r="GNN678" s="613"/>
      <c r="GNO678" s="613"/>
      <c r="GNP678" s="613"/>
      <c r="GNQ678" s="613"/>
      <c r="GNR678" s="613"/>
      <c r="GNS678" s="613"/>
      <c r="GNT678" s="613"/>
      <c r="GNU678" s="613"/>
      <c r="GNV678" s="613"/>
      <c r="GNW678" s="613"/>
      <c r="GNX678" s="613"/>
      <c r="GNY678" s="613"/>
      <c r="GNZ678" s="613"/>
      <c r="GOA678" s="613"/>
      <c r="GOB678" s="613"/>
      <c r="GOC678" s="613"/>
      <c r="GOD678" s="613"/>
      <c r="GOE678" s="613"/>
      <c r="GOF678" s="613"/>
      <c r="GOG678" s="613"/>
      <c r="GOH678" s="613"/>
      <c r="GOI678" s="613"/>
      <c r="GOJ678" s="613"/>
      <c r="GOK678" s="613"/>
      <c r="GOL678" s="613"/>
      <c r="GOM678" s="613"/>
      <c r="GON678" s="613"/>
      <c r="GOO678" s="613"/>
      <c r="GOP678" s="613"/>
      <c r="GOQ678" s="613"/>
      <c r="GOR678" s="613"/>
      <c r="GOS678" s="613"/>
      <c r="GOT678" s="613"/>
      <c r="GOU678" s="613"/>
      <c r="GOV678" s="613"/>
      <c r="GOW678" s="613"/>
      <c r="GOX678" s="613"/>
      <c r="GOY678" s="613"/>
      <c r="GOZ678" s="613"/>
      <c r="GPA678" s="613"/>
      <c r="GPB678" s="613"/>
      <c r="GPC678" s="613"/>
      <c r="GPD678" s="613"/>
      <c r="GPE678" s="613"/>
      <c r="GPF678" s="613"/>
      <c r="GPG678" s="613"/>
      <c r="GPH678" s="613"/>
      <c r="GPI678" s="613"/>
      <c r="GPJ678" s="613"/>
      <c r="GPK678" s="613"/>
      <c r="GPL678" s="613"/>
      <c r="GPM678" s="613"/>
      <c r="GPN678" s="613"/>
      <c r="GPO678" s="613"/>
      <c r="GPP678" s="613"/>
      <c r="GPQ678" s="613"/>
      <c r="GPR678" s="613"/>
      <c r="GPS678" s="613"/>
      <c r="GPT678" s="613"/>
      <c r="GPU678" s="613"/>
      <c r="GPV678" s="613"/>
      <c r="GPW678" s="613"/>
      <c r="GPX678" s="613"/>
      <c r="GPY678" s="613"/>
      <c r="GPZ678" s="613"/>
      <c r="GQA678" s="613"/>
      <c r="GQB678" s="613"/>
      <c r="GQC678" s="613"/>
      <c r="GQD678" s="613"/>
      <c r="GQE678" s="613"/>
      <c r="GQF678" s="613"/>
      <c r="GQG678" s="613"/>
      <c r="GQH678" s="613"/>
      <c r="GQI678" s="613"/>
      <c r="GQJ678" s="613"/>
      <c r="GQK678" s="613"/>
      <c r="GQL678" s="613"/>
      <c r="GQM678" s="613"/>
      <c r="GQN678" s="613"/>
      <c r="GQO678" s="613"/>
      <c r="GQP678" s="613"/>
      <c r="GQQ678" s="613"/>
      <c r="GQR678" s="613"/>
      <c r="GQS678" s="613"/>
      <c r="GQT678" s="613"/>
      <c r="GQU678" s="613"/>
      <c r="GQV678" s="613"/>
      <c r="GQW678" s="613"/>
      <c r="GQX678" s="613"/>
      <c r="GQY678" s="613"/>
      <c r="GQZ678" s="613"/>
      <c r="GRA678" s="613"/>
      <c r="GRB678" s="613"/>
      <c r="GRC678" s="613"/>
      <c r="GRD678" s="613"/>
      <c r="GRE678" s="613"/>
      <c r="GRF678" s="613"/>
      <c r="GRG678" s="613"/>
      <c r="GRH678" s="613"/>
      <c r="GRI678" s="613"/>
      <c r="GRJ678" s="613"/>
      <c r="GRK678" s="613"/>
      <c r="GRL678" s="613"/>
      <c r="GRM678" s="613"/>
      <c r="GRN678" s="613"/>
      <c r="GRO678" s="613"/>
      <c r="GRP678" s="613"/>
      <c r="GRQ678" s="613"/>
      <c r="GRR678" s="613"/>
      <c r="GRS678" s="613"/>
      <c r="GRT678" s="613"/>
      <c r="GRU678" s="613"/>
      <c r="GRV678" s="613"/>
      <c r="GRW678" s="613"/>
      <c r="GRX678" s="613"/>
      <c r="GRY678" s="613"/>
      <c r="GRZ678" s="613"/>
      <c r="GSA678" s="613"/>
      <c r="GSB678" s="613"/>
      <c r="GSC678" s="613"/>
      <c r="GSD678" s="613"/>
      <c r="GSE678" s="613"/>
      <c r="GSF678" s="613"/>
      <c r="GSG678" s="613"/>
      <c r="GSH678" s="613"/>
      <c r="GSI678" s="613"/>
      <c r="GSJ678" s="613"/>
      <c r="GSK678" s="613"/>
      <c r="GSL678" s="613"/>
      <c r="GSM678" s="613"/>
      <c r="GSN678" s="613"/>
      <c r="GSO678" s="613"/>
      <c r="GSP678" s="613"/>
      <c r="GSQ678" s="613"/>
      <c r="GSR678" s="613"/>
      <c r="GSS678" s="613"/>
      <c r="GST678" s="613"/>
      <c r="GSU678" s="613"/>
      <c r="GSV678" s="613"/>
      <c r="GSW678" s="613"/>
      <c r="GSX678" s="613"/>
      <c r="GSY678" s="613"/>
      <c r="GSZ678" s="613"/>
      <c r="GTA678" s="613"/>
      <c r="GTB678" s="613"/>
      <c r="GTC678" s="613"/>
      <c r="GTD678" s="613"/>
      <c r="GTE678" s="613"/>
      <c r="GTF678" s="613"/>
      <c r="GTG678" s="613"/>
      <c r="GTH678" s="613"/>
      <c r="GTI678" s="613"/>
      <c r="GTJ678" s="613"/>
      <c r="GTK678" s="613"/>
      <c r="GTL678" s="613"/>
      <c r="GTM678" s="613"/>
      <c r="GTN678" s="613"/>
      <c r="GTO678" s="613"/>
      <c r="GTP678" s="613"/>
      <c r="GTQ678" s="613"/>
      <c r="GTR678" s="613"/>
      <c r="GTS678" s="613"/>
      <c r="GTT678" s="613"/>
      <c r="GTU678" s="613"/>
      <c r="GTV678" s="613"/>
      <c r="GTW678" s="613"/>
      <c r="GTX678" s="613"/>
      <c r="GTY678" s="613"/>
      <c r="GTZ678" s="613"/>
      <c r="GUA678" s="613"/>
      <c r="GUB678" s="613"/>
      <c r="GUC678" s="613"/>
      <c r="GUD678" s="613"/>
      <c r="GUE678" s="613"/>
      <c r="GUF678" s="613"/>
      <c r="GUG678" s="613"/>
      <c r="GUH678" s="613"/>
      <c r="GUI678" s="613"/>
      <c r="GUJ678" s="613"/>
      <c r="GUK678" s="613"/>
      <c r="GUL678" s="613"/>
      <c r="GUM678" s="613"/>
      <c r="GUN678" s="613"/>
      <c r="GUO678" s="613"/>
      <c r="GUP678" s="613"/>
      <c r="GUQ678" s="613"/>
      <c r="GUR678" s="613"/>
      <c r="GUS678" s="613"/>
      <c r="GUT678" s="613"/>
      <c r="GUU678" s="613"/>
      <c r="GUV678" s="613"/>
      <c r="GUW678" s="613"/>
      <c r="GUX678" s="613"/>
      <c r="GUY678" s="613"/>
      <c r="GUZ678" s="613"/>
      <c r="GVA678" s="613"/>
      <c r="GVB678" s="613"/>
      <c r="GVC678" s="613"/>
      <c r="GVD678" s="613"/>
      <c r="GVE678" s="613"/>
      <c r="GVF678" s="613"/>
      <c r="GVG678" s="613"/>
      <c r="GVH678" s="613"/>
      <c r="GVI678" s="613"/>
      <c r="GVJ678" s="613"/>
      <c r="GVK678" s="613"/>
      <c r="GVL678" s="613"/>
      <c r="GVM678" s="613"/>
      <c r="GVN678" s="613"/>
      <c r="GVO678" s="613"/>
      <c r="GVP678" s="613"/>
      <c r="GVQ678" s="613"/>
      <c r="GVR678" s="613"/>
      <c r="GVS678" s="613"/>
      <c r="GVT678" s="613"/>
      <c r="GVU678" s="613"/>
      <c r="GVV678" s="613"/>
      <c r="GVW678" s="613"/>
      <c r="GVX678" s="613"/>
      <c r="GVY678" s="613"/>
      <c r="GVZ678" s="613"/>
      <c r="GWA678" s="613"/>
      <c r="GWB678" s="613"/>
      <c r="GWC678" s="613"/>
      <c r="GWD678" s="613"/>
      <c r="GWE678" s="613"/>
      <c r="GWF678" s="613"/>
      <c r="GWG678" s="613"/>
      <c r="GWH678" s="613"/>
      <c r="GWI678" s="613"/>
      <c r="GWJ678" s="613"/>
      <c r="GWK678" s="613"/>
      <c r="GWL678" s="613"/>
      <c r="GWM678" s="613"/>
      <c r="GWN678" s="613"/>
      <c r="GWO678" s="613"/>
      <c r="GWP678" s="613"/>
      <c r="GWQ678" s="613"/>
      <c r="GWR678" s="613"/>
      <c r="GWS678" s="613"/>
      <c r="GWT678" s="613"/>
      <c r="GWU678" s="613"/>
      <c r="GWV678" s="613"/>
      <c r="GWW678" s="613"/>
      <c r="GWX678" s="613"/>
      <c r="GWY678" s="613"/>
      <c r="GWZ678" s="613"/>
      <c r="GXA678" s="613"/>
      <c r="GXB678" s="613"/>
      <c r="GXC678" s="613"/>
      <c r="GXD678" s="613"/>
      <c r="GXE678" s="613"/>
      <c r="GXF678" s="613"/>
      <c r="GXG678" s="613"/>
      <c r="GXH678" s="613"/>
      <c r="GXI678" s="613"/>
      <c r="GXJ678" s="613"/>
      <c r="GXK678" s="613"/>
      <c r="GXL678" s="613"/>
      <c r="GXM678" s="613"/>
      <c r="GXN678" s="613"/>
      <c r="GXO678" s="613"/>
      <c r="GXP678" s="613"/>
      <c r="GXQ678" s="613"/>
      <c r="GXR678" s="613"/>
      <c r="GXS678" s="613"/>
      <c r="GXT678" s="613"/>
      <c r="GXU678" s="613"/>
      <c r="GXV678" s="613"/>
      <c r="GXW678" s="613"/>
      <c r="GXX678" s="613"/>
      <c r="GXY678" s="613"/>
      <c r="GXZ678" s="613"/>
      <c r="GYA678" s="613"/>
      <c r="GYB678" s="613"/>
      <c r="GYC678" s="613"/>
      <c r="GYD678" s="613"/>
      <c r="GYE678" s="613"/>
      <c r="GYF678" s="613"/>
      <c r="GYG678" s="613"/>
      <c r="GYH678" s="613"/>
      <c r="GYI678" s="613"/>
      <c r="GYJ678" s="613"/>
      <c r="GYK678" s="613"/>
      <c r="GYL678" s="613"/>
      <c r="GYM678" s="613"/>
      <c r="GYN678" s="613"/>
      <c r="GYO678" s="613"/>
      <c r="GYP678" s="613"/>
      <c r="GYQ678" s="613"/>
      <c r="GYR678" s="613"/>
      <c r="GYS678" s="613"/>
      <c r="GYT678" s="613"/>
      <c r="GYU678" s="613"/>
      <c r="GYV678" s="613"/>
      <c r="GYW678" s="613"/>
      <c r="GYX678" s="613"/>
      <c r="GYY678" s="613"/>
      <c r="GYZ678" s="613"/>
      <c r="GZA678" s="613"/>
      <c r="GZB678" s="613"/>
      <c r="GZC678" s="613"/>
      <c r="GZD678" s="613"/>
      <c r="GZE678" s="613"/>
      <c r="GZF678" s="613"/>
      <c r="GZG678" s="613"/>
      <c r="GZH678" s="613"/>
      <c r="GZI678" s="613"/>
      <c r="GZJ678" s="613"/>
      <c r="GZK678" s="613"/>
      <c r="GZL678" s="613"/>
      <c r="GZM678" s="613"/>
      <c r="GZN678" s="613"/>
      <c r="GZO678" s="613"/>
      <c r="GZP678" s="613"/>
      <c r="GZQ678" s="613"/>
      <c r="GZR678" s="613"/>
      <c r="GZS678" s="613"/>
      <c r="GZT678" s="613"/>
      <c r="GZU678" s="613"/>
      <c r="GZV678" s="613"/>
      <c r="GZW678" s="613"/>
      <c r="GZX678" s="613"/>
      <c r="GZY678" s="613"/>
      <c r="GZZ678" s="613"/>
      <c r="HAA678" s="613"/>
      <c r="HAB678" s="613"/>
      <c r="HAC678" s="613"/>
      <c r="HAD678" s="613"/>
      <c r="HAE678" s="613"/>
      <c r="HAF678" s="613"/>
      <c r="HAG678" s="613"/>
      <c r="HAH678" s="613"/>
      <c r="HAI678" s="613"/>
      <c r="HAJ678" s="613"/>
      <c r="HAK678" s="613"/>
      <c r="HAL678" s="613"/>
      <c r="HAM678" s="613"/>
      <c r="HAN678" s="613"/>
      <c r="HAO678" s="613"/>
      <c r="HAP678" s="613"/>
      <c r="HAQ678" s="613"/>
      <c r="HAR678" s="613"/>
      <c r="HAS678" s="613"/>
      <c r="HAT678" s="613"/>
      <c r="HAU678" s="613"/>
      <c r="HAV678" s="613"/>
      <c r="HAW678" s="613"/>
      <c r="HAX678" s="613"/>
      <c r="HAY678" s="613"/>
      <c r="HAZ678" s="613"/>
      <c r="HBA678" s="613"/>
      <c r="HBB678" s="613"/>
      <c r="HBC678" s="613"/>
      <c r="HBD678" s="613"/>
      <c r="HBE678" s="613"/>
      <c r="HBF678" s="613"/>
      <c r="HBG678" s="613"/>
      <c r="HBH678" s="613"/>
      <c r="HBI678" s="613"/>
      <c r="HBJ678" s="613"/>
      <c r="HBK678" s="613"/>
      <c r="HBL678" s="613"/>
      <c r="HBM678" s="613"/>
      <c r="HBN678" s="613"/>
      <c r="HBO678" s="613"/>
      <c r="HBP678" s="613"/>
      <c r="HBQ678" s="613"/>
      <c r="HBR678" s="613"/>
      <c r="HBS678" s="613"/>
      <c r="HBT678" s="613"/>
      <c r="HBU678" s="613"/>
      <c r="HBV678" s="613"/>
      <c r="HBW678" s="613"/>
      <c r="HBX678" s="613"/>
      <c r="HBY678" s="613"/>
      <c r="HBZ678" s="613"/>
      <c r="HCA678" s="613"/>
      <c r="HCB678" s="613"/>
      <c r="HCC678" s="613"/>
      <c r="HCD678" s="613"/>
      <c r="HCE678" s="613"/>
      <c r="HCF678" s="613"/>
      <c r="HCG678" s="613"/>
      <c r="HCH678" s="613"/>
      <c r="HCI678" s="613"/>
      <c r="HCJ678" s="613"/>
      <c r="HCK678" s="613"/>
      <c r="HCL678" s="613"/>
      <c r="HCM678" s="613"/>
      <c r="HCN678" s="613"/>
      <c r="HCO678" s="613"/>
      <c r="HCP678" s="613"/>
      <c r="HCQ678" s="613"/>
      <c r="HCR678" s="613"/>
      <c r="HCS678" s="613"/>
      <c r="HCT678" s="613"/>
      <c r="HCU678" s="613"/>
      <c r="HCV678" s="613"/>
      <c r="HCW678" s="613"/>
      <c r="HCX678" s="613"/>
      <c r="HCY678" s="613"/>
      <c r="HCZ678" s="613"/>
      <c r="HDA678" s="613"/>
      <c r="HDB678" s="613"/>
      <c r="HDC678" s="613"/>
      <c r="HDD678" s="613"/>
      <c r="HDE678" s="613"/>
      <c r="HDF678" s="613"/>
      <c r="HDG678" s="613"/>
      <c r="HDH678" s="613"/>
      <c r="HDI678" s="613"/>
      <c r="HDJ678" s="613"/>
      <c r="HDK678" s="613"/>
      <c r="HDL678" s="613"/>
      <c r="HDM678" s="613"/>
      <c r="HDN678" s="613"/>
      <c r="HDO678" s="613"/>
      <c r="HDP678" s="613"/>
      <c r="HDQ678" s="613"/>
      <c r="HDR678" s="613"/>
      <c r="HDS678" s="613"/>
      <c r="HDT678" s="613"/>
      <c r="HDU678" s="613"/>
      <c r="HDV678" s="613"/>
      <c r="HDW678" s="613"/>
      <c r="HDX678" s="613"/>
      <c r="HDY678" s="613"/>
      <c r="HDZ678" s="613"/>
      <c r="HEA678" s="613"/>
      <c r="HEB678" s="613"/>
      <c r="HEC678" s="613"/>
      <c r="HED678" s="613"/>
      <c r="HEE678" s="613"/>
      <c r="HEF678" s="613"/>
      <c r="HEG678" s="613"/>
      <c r="HEH678" s="613"/>
      <c r="HEI678" s="613"/>
      <c r="HEJ678" s="613"/>
      <c r="HEK678" s="613"/>
      <c r="HEL678" s="613"/>
      <c r="HEM678" s="613"/>
      <c r="HEN678" s="613"/>
      <c r="HEO678" s="613"/>
      <c r="HEP678" s="613"/>
      <c r="HEQ678" s="613"/>
      <c r="HER678" s="613"/>
      <c r="HES678" s="613"/>
      <c r="HET678" s="613"/>
      <c r="HEU678" s="613"/>
      <c r="HEV678" s="613"/>
      <c r="HEW678" s="613"/>
      <c r="HEX678" s="613"/>
      <c r="HEY678" s="613"/>
      <c r="HEZ678" s="613"/>
      <c r="HFA678" s="613"/>
      <c r="HFB678" s="613"/>
      <c r="HFC678" s="613"/>
      <c r="HFD678" s="613"/>
      <c r="HFE678" s="613"/>
      <c r="HFF678" s="613"/>
      <c r="HFG678" s="613"/>
      <c r="HFH678" s="613"/>
      <c r="HFI678" s="613"/>
      <c r="HFJ678" s="613"/>
      <c r="HFK678" s="613"/>
      <c r="HFL678" s="613"/>
      <c r="HFM678" s="613"/>
      <c r="HFN678" s="613"/>
      <c r="HFO678" s="613"/>
      <c r="HFP678" s="613"/>
      <c r="HFQ678" s="613"/>
      <c r="HFR678" s="613"/>
      <c r="HFS678" s="613"/>
      <c r="HFT678" s="613"/>
      <c r="HFU678" s="613"/>
      <c r="HFV678" s="613"/>
      <c r="HFW678" s="613"/>
      <c r="HFX678" s="613"/>
      <c r="HFY678" s="613"/>
      <c r="HFZ678" s="613"/>
      <c r="HGA678" s="613"/>
      <c r="HGB678" s="613"/>
      <c r="HGC678" s="613"/>
      <c r="HGD678" s="613"/>
      <c r="HGE678" s="613"/>
      <c r="HGF678" s="613"/>
      <c r="HGG678" s="613"/>
      <c r="HGH678" s="613"/>
      <c r="HGI678" s="613"/>
      <c r="HGJ678" s="613"/>
      <c r="HGK678" s="613"/>
      <c r="HGL678" s="613"/>
      <c r="HGM678" s="613"/>
      <c r="HGN678" s="613"/>
      <c r="HGO678" s="613"/>
      <c r="HGP678" s="613"/>
      <c r="HGQ678" s="613"/>
      <c r="HGR678" s="613"/>
      <c r="HGS678" s="613"/>
      <c r="HGT678" s="613"/>
      <c r="HGU678" s="613"/>
      <c r="HGV678" s="613"/>
      <c r="HGW678" s="613"/>
      <c r="HGX678" s="613"/>
      <c r="HGY678" s="613"/>
      <c r="HGZ678" s="613"/>
      <c r="HHA678" s="613"/>
      <c r="HHB678" s="613"/>
      <c r="HHC678" s="613"/>
      <c r="HHD678" s="613"/>
      <c r="HHE678" s="613"/>
      <c r="HHF678" s="613"/>
      <c r="HHG678" s="613"/>
      <c r="HHH678" s="613"/>
      <c r="HHI678" s="613"/>
      <c r="HHJ678" s="613"/>
      <c r="HHK678" s="613"/>
      <c r="HHL678" s="613"/>
      <c r="HHM678" s="613"/>
      <c r="HHN678" s="613"/>
      <c r="HHO678" s="613"/>
      <c r="HHP678" s="613"/>
      <c r="HHQ678" s="613"/>
      <c r="HHR678" s="613"/>
      <c r="HHS678" s="613"/>
      <c r="HHT678" s="613"/>
      <c r="HHU678" s="613"/>
      <c r="HHV678" s="613"/>
      <c r="HHW678" s="613"/>
      <c r="HHX678" s="613"/>
      <c r="HHY678" s="613"/>
      <c r="HHZ678" s="613"/>
      <c r="HIA678" s="613"/>
      <c r="HIB678" s="613"/>
      <c r="HIC678" s="613"/>
      <c r="HID678" s="613"/>
      <c r="HIE678" s="613"/>
      <c r="HIF678" s="613"/>
      <c r="HIG678" s="613"/>
      <c r="HIH678" s="613"/>
      <c r="HII678" s="613"/>
      <c r="HIJ678" s="613"/>
      <c r="HIK678" s="613"/>
      <c r="HIL678" s="613"/>
      <c r="HIM678" s="613"/>
      <c r="HIN678" s="613"/>
      <c r="HIO678" s="613"/>
      <c r="HIP678" s="613"/>
      <c r="HIQ678" s="613"/>
      <c r="HIR678" s="613"/>
      <c r="HIS678" s="613"/>
      <c r="HIT678" s="613"/>
      <c r="HIU678" s="613"/>
      <c r="HIV678" s="613"/>
      <c r="HIW678" s="613"/>
      <c r="HIX678" s="613"/>
      <c r="HIY678" s="613"/>
      <c r="HIZ678" s="613"/>
      <c r="HJA678" s="613"/>
      <c r="HJB678" s="613"/>
      <c r="HJC678" s="613"/>
      <c r="HJD678" s="613"/>
      <c r="HJE678" s="613"/>
      <c r="HJF678" s="613"/>
      <c r="HJG678" s="613"/>
      <c r="HJH678" s="613"/>
      <c r="HJI678" s="613"/>
      <c r="HJJ678" s="613"/>
      <c r="HJK678" s="613"/>
      <c r="HJL678" s="613"/>
      <c r="HJM678" s="613"/>
      <c r="HJN678" s="613"/>
      <c r="HJO678" s="613"/>
      <c r="HJP678" s="613"/>
      <c r="HJQ678" s="613"/>
      <c r="HJR678" s="613"/>
      <c r="HJS678" s="613"/>
      <c r="HJT678" s="613"/>
      <c r="HJU678" s="613"/>
      <c r="HJV678" s="613"/>
      <c r="HJW678" s="613"/>
      <c r="HJX678" s="613"/>
      <c r="HJY678" s="613"/>
      <c r="HJZ678" s="613"/>
      <c r="HKA678" s="613"/>
      <c r="HKB678" s="613"/>
      <c r="HKC678" s="613"/>
      <c r="HKD678" s="613"/>
      <c r="HKE678" s="613"/>
      <c r="HKF678" s="613"/>
      <c r="HKG678" s="613"/>
      <c r="HKH678" s="613"/>
      <c r="HKI678" s="613"/>
      <c r="HKJ678" s="613"/>
      <c r="HKK678" s="613"/>
      <c r="HKL678" s="613"/>
      <c r="HKM678" s="613"/>
      <c r="HKN678" s="613"/>
      <c r="HKO678" s="613"/>
      <c r="HKP678" s="613"/>
      <c r="HKQ678" s="613"/>
      <c r="HKR678" s="613"/>
      <c r="HKS678" s="613"/>
      <c r="HKT678" s="613"/>
      <c r="HKU678" s="613"/>
      <c r="HKV678" s="613"/>
      <c r="HKW678" s="613"/>
      <c r="HKX678" s="613"/>
      <c r="HKY678" s="613"/>
      <c r="HKZ678" s="613"/>
      <c r="HLA678" s="613"/>
      <c r="HLB678" s="613"/>
      <c r="HLC678" s="613"/>
      <c r="HLD678" s="613"/>
      <c r="HLE678" s="613"/>
      <c r="HLF678" s="613"/>
      <c r="HLG678" s="613"/>
      <c r="HLH678" s="613"/>
      <c r="HLI678" s="613"/>
      <c r="HLJ678" s="613"/>
      <c r="HLK678" s="613"/>
      <c r="HLL678" s="613"/>
      <c r="HLM678" s="613"/>
      <c r="HLN678" s="613"/>
      <c r="HLO678" s="613"/>
      <c r="HLP678" s="613"/>
      <c r="HLQ678" s="613"/>
      <c r="HLR678" s="613"/>
      <c r="HLS678" s="613"/>
      <c r="HLT678" s="613"/>
      <c r="HLU678" s="613"/>
      <c r="HLV678" s="613"/>
      <c r="HLW678" s="613"/>
      <c r="HLX678" s="613"/>
      <c r="HLY678" s="613"/>
      <c r="HLZ678" s="613"/>
      <c r="HMA678" s="613"/>
      <c r="HMB678" s="613"/>
      <c r="HMC678" s="613"/>
      <c r="HMD678" s="613"/>
      <c r="HME678" s="613"/>
      <c r="HMF678" s="613"/>
      <c r="HMG678" s="613"/>
      <c r="HMH678" s="613"/>
      <c r="HMI678" s="613"/>
      <c r="HMJ678" s="613"/>
      <c r="HMK678" s="613"/>
      <c r="HML678" s="613"/>
      <c r="HMM678" s="613"/>
      <c r="HMN678" s="613"/>
      <c r="HMO678" s="613"/>
      <c r="HMP678" s="613"/>
      <c r="HMQ678" s="613"/>
      <c r="HMR678" s="613"/>
      <c r="HMS678" s="613"/>
      <c r="HMT678" s="613"/>
      <c r="HMU678" s="613"/>
      <c r="HMV678" s="613"/>
      <c r="HMW678" s="613"/>
      <c r="HMX678" s="613"/>
      <c r="HMY678" s="613"/>
      <c r="HMZ678" s="613"/>
      <c r="HNA678" s="613"/>
      <c r="HNB678" s="613"/>
      <c r="HNC678" s="613"/>
      <c r="HND678" s="613"/>
      <c r="HNE678" s="613"/>
      <c r="HNF678" s="613"/>
      <c r="HNG678" s="613"/>
      <c r="HNH678" s="613"/>
      <c r="HNI678" s="613"/>
      <c r="HNJ678" s="613"/>
      <c r="HNK678" s="613"/>
      <c r="HNL678" s="613"/>
      <c r="HNM678" s="613"/>
      <c r="HNN678" s="613"/>
      <c r="HNO678" s="613"/>
      <c r="HNP678" s="613"/>
      <c r="HNQ678" s="613"/>
      <c r="HNR678" s="613"/>
      <c r="HNS678" s="613"/>
      <c r="HNT678" s="613"/>
      <c r="HNU678" s="613"/>
      <c r="HNV678" s="613"/>
      <c r="HNW678" s="613"/>
      <c r="HNX678" s="613"/>
      <c r="HNY678" s="613"/>
      <c r="HNZ678" s="613"/>
      <c r="HOA678" s="613"/>
      <c r="HOB678" s="613"/>
      <c r="HOC678" s="613"/>
      <c r="HOD678" s="613"/>
      <c r="HOE678" s="613"/>
      <c r="HOF678" s="613"/>
      <c r="HOG678" s="613"/>
      <c r="HOH678" s="613"/>
      <c r="HOI678" s="613"/>
      <c r="HOJ678" s="613"/>
      <c r="HOK678" s="613"/>
      <c r="HOL678" s="613"/>
      <c r="HOM678" s="613"/>
      <c r="HON678" s="613"/>
      <c r="HOO678" s="613"/>
      <c r="HOP678" s="613"/>
      <c r="HOQ678" s="613"/>
      <c r="HOR678" s="613"/>
      <c r="HOS678" s="613"/>
      <c r="HOT678" s="613"/>
      <c r="HOU678" s="613"/>
      <c r="HOV678" s="613"/>
      <c r="HOW678" s="613"/>
      <c r="HOX678" s="613"/>
      <c r="HOY678" s="613"/>
      <c r="HOZ678" s="613"/>
      <c r="HPA678" s="613"/>
      <c r="HPB678" s="613"/>
      <c r="HPC678" s="613"/>
      <c r="HPD678" s="613"/>
      <c r="HPE678" s="613"/>
      <c r="HPF678" s="613"/>
      <c r="HPG678" s="613"/>
      <c r="HPH678" s="613"/>
      <c r="HPI678" s="613"/>
      <c r="HPJ678" s="613"/>
      <c r="HPK678" s="613"/>
      <c r="HPL678" s="613"/>
      <c r="HPM678" s="613"/>
      <c r="HPN678" s="613"/>
      <c r="HPO678" s="613"/>
      <c r="HPP678" s="613"/>
      <c r="HPQ678" s="613"/>
      <c r="HPR678" s="613"/>
      <c r="HPS678" s="613"/>
      <c r="HPT678" s="613"/>
      <c r="HPU678" s="613"/>
      <c r="HPV678" s="613"/>
      <c r="HPW678" s="613"/>
      <c r="HPX678" s="613"/>
      <c r="HPY678" s="613"/>
      <c r="HPZ678" s="613"/>
      <c r="HQA678" s="613"/>
      <c r="HQB678" s="613"/>
      <c r="HQC678" s="613"/>
      <c r="HQD678" s="613"/>
      <c r="HQE678" s="613"/>
      <c r="HQF678" s="613"/>
      <c r="HQG678" s="613"/>
      <c r="HQH678" s="613"/>
      <c r="HQI678" s="613"/>
      <c r="HQJ678" s="613"/>
      <c r="HQK678" s="613"/>
      <c r="HQL678" s="613"/>
      <c r="HQM678" s="613"/>
      <c r="HQN678" s="613"/>
      <c r="HQO678" s="613"/>
      <c r="HQP678" s="613"/>
      <c r="HQQ678" s="613"/>
      <c r="HQR678" s="613"/>
      <c r="HQS678" s="613"/>
      <c r="HQT678" s="613"/>
      <c r="HQU678" s="613"/>
      <c r="HQV678" s="613"/>
      <c r="HQW678" s="613"/>
      <c r="HQX678" s="613"/>
      <c r="HQY678" s="613"/>
      <c r="HQZ678" s="613"/>
      <c r="HRA678" s="613"/>
      <c r="HRB678" s="613"/>
      <c r="HRC678" s="613"/>
      <c r="HRD678" s="613"/>
      <c r="HRE678" s="613"/>
      <c r="HRF678" s="613"/>
      <c r="HRG678" s="613"/>
      <c r="HRH678" s="613"/>
      <c r="HRI678" s="613"/>
      <c r="HRJ678" s="613"/>
      <c r="HRK678" s="613"/>
      <c r="HRL678" s="613"/>
      <c r="HRM678" s="613"/>
      <c r="HRN678" s="613"/>
      <c r="HRO678" s="613"/>
      <c r="HRP678" s="613"/>
      <c r="HRQ678" s="613"/>
      <c r="HRR678" s="613"/>
      <c r="HRS678" s="613"/>
      <c r="HRT678" s="613"/>
      <c r="HRU678" s="613"/>
      <c r="HRV678" s="613"/>
      <c r="HRW678" s="613"/>
      <c r="HRX678" s="613"/>
      <c r="HRY678" s="613"/>
      <c r="HRZ678" s="613"/>
      <c r="HSA678" s="613"/>
      <c r="HSB678" s="613"/>
      <c r="HSC678" s="613"/>
      <c r="HSD678" s="613"/>
      <c r="HSE678" s="613"/>
      <c r="HSF678" s="613"/>
      <c r="HSG678" s="613"/>
      <c r="HSH678" s="613"/>
      <c r="HSI678" s="613"/>
      <c r="HSJ678" s="613"/>
      <c r="HSK678" s="613"/>
      <c r="HSL678" s="613"/>
      <c r="HSM678" s="613"/>
      <c r="HSN678" s="613"/>
      <c r="HSO678" s="613"/>
      <c r="HSP678" s="613"/>
      <c r="HSQ678" s="613"/>
      <c r="HSR678" s="613"/>
      <c r="HSS678" s="613"/>
      <c r="HST678" s="613"/>
      <c r="HSU678" s="613"/>
      <c r="HSV678" s="613"/>
      <c r="HSW678" s="613"/>
      <c r="HSX678" s="613"/>
      <c r="HSY678" s="613"/>
      <c r="HSZ678" s="613"/>
      <c r="HTA678" s="613"/>
      <c r="HTB678" s="613"/>
      <c r="HTC678" s="613"/>
      <c r="HTD678" s="613"/>
      <c r="HTE678" s="613"/>
      <c r="HTF678" s="613"/>
      <c r="HTG678" s="613"/>
      <c r="HTH678" s="613"/>
      <c r="HTI678" s="613"/>
      <c r="HTJ678" s="613"/>
      <c r="HTK678" s="613"/>
      <c r="HTL678" s="613"/>
      <c r="HTM678" s="613"/>
      <c r="HTN678" s="613"/>
      <c r="HTO678" s="613"/>
      <c r="HTP678" s="613"/>
      <c r="HTQ678" s="613"/>
      <c r="HTR678" s="613"/>
      <c r="HTS678" s="613"/>
      <c r="HTT678" s="613"/>
      <c r="HTU678" s="613"/>
      <c r="HTV678" s="613"/>
      <c r="HTW678" s="613"/>
      <c r="HTX678" s="613"/>
      <c r="HTY678" s="613"/>
      <c r="HTZ678" s="613"/>
      <c r="HUA678" s="613"/>
      <c r="HUB678" s="613"/>
      <c r="HUC678" s="613"/>
      <c r="HUD678" s="613"/>
      <c r="HUE678" s="613"/>
      <c r="HUF678" s="613"/>
      <c r="HUG678" s="613"/>
      <c r="HUH678" s="613"/>
      <c r="HUI678" s="613"/>
      <c r="HUJ678" s="613"/>
      <c r="HUK678" s="613"/>
      <c r="HUL678" s="613"/>
      <c r="HUM678" s="613"/>
      <c r="HUN678" s="613"/>
      <c r="HUO678" s="613"/>
      <c r="HUP678" s="613"/>
      <c r="HUQ678" s="613"/>
      <c r="HUR678" s="613"/>
      <c r="HUS678" s="613"/>
      <c r="HUT678" s="613"/>
      <c r="HUU678" s="613"/>
      <c r="HUV678" s="613"/>
      <c r="HUW678" s="613"/>
      <c r="HUX678" s="613"/>
      <c r="HUY678" s="613"/>
      <c r="HUZ678" s="613"/>
      <c r="HVA678" s="613"/>
      <c r="HVB678" s="613"/>
      <c r="HVC678" s="613"/>
      <c r="HVD678" s="613"/>
      <c r="HVE678" s="613"/>
      <c r="HVF678" s="613"/>
      <c r="HVG678" s="613"/>
      <c r="HVH678" s="613"/>
      <c r="HVI678" s="613"/>
      <c r="HVJ678" s="613"/>
      <c r="HVK678" s="613"/>
      <c r="HVL678" s="613"/>
      <c r="HVM678" s="613"/>
      <c r="HVN678" s="613"/>
      <c r="HVO678" s="613"/>
      <c r="HVP678" s="613"/>
      <c r="HVQ678" s="613"/>
      <c r="HVR678" s="613"/>
      <c r="HVS678" s="613"/>
      <c r="HVT678" s="613"/>
      <c r="HVU678" s="613"/>
      <c r="HVV678" s="613"/>
      <c r="HVW678" s="613"/>
      <c r="HVX678" s="613"/>
      <c r="HVY678" s="613"/>
      <c r="HVZ678" s="613"/>
      <c r="HWA678" s="613"/>
      <c r="HWB678" s="613"/>
      <c r="HWC678" s="613"/>
      <c r="HWD678" s="613"/>
      <c r="HWE678" s="613"/>
      <c r="HWF678" s="613"/>
      <c r="HWG678" s="613"/>
      <c r="HWH678" s="613"/>
      <c r="HWI678" s="613"/>
      <c r="HWJ678" s="613"/>
      <c r="HWK678" s="613"/>
      <c r="HWL678" s="613"/>
      <c r="HWM678" s="613"/>
      <c r="HWN678" s="613"/>
      <c r="HWO678" s="613"/>
      <c r="HWP678" s="613"/>
      <c r="HWQ678" s="613"/>
      <c r="HWR678" s="613"/>
      <c r="HWS678" s="613"/>
      <c r="HWT678" s="613"/>
      <c r="HWU678" s="613"/>
      <c r="HWV678" s="613"/>
      <c r="HWW678" s="613"/>
      <c r="HWX678" s="613"/>
      <c r="HWY678" s="613"/>
      <c r="HWZ678" s="613"/>
      <c r="HXA678" s="613"/>
      <c r="HXB678" s="613"/>
      <c r="HXC678" s="613"/>
      <c r="HXD678" s="613"/>
      <c r="HXE678" s="613"/>
      <c r="HXF678" s="613"/>
      <c r="HXG678" s="613"/>
      <c r="HXH678" s="613"/>
      <c r="HXI678" s="613"/>
      <c r="HXJ678" s="613"/>
      <c r="HXK678" s="613"/>
      <c r="HXL678" s="613"/>
      <c r="HXM678" s="613"/>
      <c r="HXN678" s="613"/>
      <c r="HXO678" s="613"/>
      <c r="HXP678" s="613"/>
      <c r="HXQ678" s="613"/>
      <c r="HXR678" s="613"/>
      <c r="HXS678" s="613"/>
      <c r="HXT678" s="613"/>
      <c r="HXU678" s="613"/>
      <c r="HXV678" s="613"/>
      <c r="HXW678" s="613"/>
      <c r="HXX678" s="613"/>
      <c r="HXY678" s="613"/>
      <c r="HXZ678" s="613"/>
      <c r="HYA678" s="613"/>
      <c r="HYB678" s="613"/>
      <c r="HYC678" s="613"/>
      <c r="HYD678" s="613"/>
      <c r="HYE678" s="613"/>
      <c r="HYF678" s="613"/>
      <c r="HYG678" s="613"/>
      <c r="HYH678" s="613"/>
      <c r="HYI678" s="613"/>
      <c r="HYJ678" s="613"/>
      <c r="HYK678" s="613"/>
      <c r="HYL678" s="613"/>
      <c r="HYM678" s="613"/>
      <c r="HYN678" s="613"/>
      <c r="HYO678" s="613"/>
      <c r="HYP678" s="613"/>
      <c r="HYQ678" s="613"/>
      <c r="HYR678" s="613"/>
      <c r="HYS678" s="613"/>
      <c r="HYT678" s="613"/>
      <c r="HYU678" s="613"/>
      <c r="HYV678" s="613"/>
      <c r="HYW678" s="613"/>
      <c r="HYX678" s="613"/>
      <c r="HYY678" s="613"/>
      <c r="HYZ678" s="613"/>
      <c r="HZA678" s="613"/>
      <c r="HZB678" s="613"/>
      <c r="HZC678" s="613"/>
      <c r="HZD678" s="613"/>
      <c r="HZE678" s="613"/>
      <c r="HZF678" s="613"/>
      <c r="HZG678" s="613"/>
      <c r="HZH678" s="613"/>
      <c r="HZI678" s="613"/>
      <c r="HZJ678" s="613"/>
      <c r="HZK678" s="613"/>
      <c r="HZL678" s="613"/>
      <c r="HZM678" s="613"/>
      <c r="HZN678" s="613"/>
      <c r="HZO678" s="613"/>
      <c r="HZP678" s="613"/>
      <c r="HZQ678" s="613"/>
      <c r="HZR678" s="613"/>
      <c r="HZS678" s="613"/>
      <c r="HZT678" s="613"/>
      <c r="HZU678" s="613"/>
      <c r="HZV678" s="613"/>
      <c r="HZW678" s="613"/>
      <c r="HZX678" s="613"/>
      <c r="HZY678" s="613"/>
      <c r="HZZ678" s="613"/>
      <c r="IAA678" s="613"/>
      <c r="IAB678" s="613"/>
      <c r="IAC678" s="613"/>
      <c r="IAD678" s="613"/>
      <c r="IAE678" s="613"/>
      <c r="IAF678" s="613"/>
      <c r="IAG678" s="613"/>
      <c r="IAH678" s="613"/>
      <c r="IAI678" s="613"/>
      <c r="IAJ678" s="613"/>
      <c r="IAK678" s="613"/>
      <c r="IAL678" s="613"/>
      <c r="IAM678" s="613"/>
      <c r="IAN678" s="613"/>
      <c r="IAO678" s="613"/>
      <c r="IAP678" s="613"/>
      <c r="IAQ678" s="613"/>
      <c r="IAR678" s="613"/>
      <c r="IAS678" s="613"/>
      <c r="IAT678" s="613"/>
      <c r="IAU678" s="613"/>
      <c r="IAV678" s="613"/>
      <c r="IAW678" s="613"/>
      <c r="IAX678" s="613"/>
      <c r="IAY678" s="613"/>
      <c r="IAZ678" s="613"/>
      <c r="IBA678" s="613"/>
      <c r="IBB678" s="613"/>
      <c r="IBC678" s="613"/>
      <c r="IBD678" s="613"/>
      <c r="IBE678" s="613"/>
      <c r="IBF678" s="613"/>
      <c r="IBG678" s="613"/>
      <c r="IBH678" s="613"/>
      <c r="IBI678" s="613"/>
      <c r="IBJ678" s="613"/>
      <c r="IBK678" s="613"/>
      <c r="IBL678" s="613"/>
      <c r="IBM678" s="613"/>
      <c r="IBN678" s="613"/>
      <c r="IBO678" s="613"/>
      <c r="IBP678" s="613"/>
      <c r="IBQ678" s="613"/>
      <c r="IBR678" s="613"/>
      <c r="IBS678" s="613"/>
      <c r="IBT678" s="613"/>
      <c r="IBU678" s="613"/>
      <c r="IBV678" s="613"/>
      <c r="IBW678" s="613"/>
      <c r="IBX678" s="613"/>
      <c r="IBY678" s="613"/>
      <c r="IBZ678" s="613"/>
      <c r="ICA678" s="613"/>
      <c r="ICB678" s="613"/>
      <c r="ICC678" s="613"/>
      <c r="ICD678" s="613"/>
      <c r="ICE678" s="613"/>
      <c r="ICF678" s="613"/>
      <c r="ICG678" s="613"/>
      <c r="ICH678" s="613"/>
      <c r="ICI678" s="613"/>
      <c r="ICJ678" s="613"/>
      <c r="ICK678" s="613"/>
      <c r="ICL678" s="613"/>
      <c r="ICM678" s="613"/>
      <c r="ICN678" s="613"/>
      <c r="ICO678" s="613"/>
      <c r="ICP678" s="613"/>
      <c r="ICQ678" s="613"/>
      <c r="ICR678" s="613"/>
      <c r="ICS678" s="613"/>
      <c r="ICT678" s="613"/>
      <c r="ICU678" s="613"/>
      <c r="ICV678" s="613"/>
      <c r="ICW678" s="613"/>
      <c r="ICX678" s="613"/>
      <c r="ICY678" s="613"/>
      <c r="ICZ678" s="613"/>
      <c r="IDA678" s="613"/>
      <c r="IDB678" s="613"/>
      <c r="IDC678" s="613"/>
      <c r="IDD678" s="613"/>
      <c r="IDE678" s="613"/>
      <c r="IDF678" s="613"/>
      <c r="IDG678" s="613"/>
      <c r="IDH678" s="613"/>
      <c r="IDI678" s="613"/>
      <c r="IDJ678" s="613"/>
      <c r="IDK678" s="613"/>
      <c r="IDL678" s="613"/>
      <c r="IDM678" s="613"/>
      <c r="IDN678" s="613"/>
      <c r="IDO678" s="613"/>
      <c r="IDP678" s="613"/>
      <c r="IDQ678" s="613"/>
      <c r="IDR678" s="613"/>
      <c r="IDS678" s="613"/>
      <c r="IDT678" s="613"/>
      <c r="IDU678" s="613"/>
      <c r="IDV678" s="613"/>
      <c r="IDW678" s="613"/>
      <c r="IDX678" s="613"/>
      <c r="IDY678" s="613"/>
      <c r="IDZ678" s="613"/>
      <c r="IEA678" s="613"/>
      <c r="IEB678" s="613"/>
      <c r="IEC678" s="613"/>
      <c r="IED678" s="613"/>
      <c r="IEE678" s="613"/>
      <c r="IEF678" s="613"/>
      <c r="IEG678" s="613"/>
      <c r="IEH678" s="613"/>
      <c r="IEI678" s="613"/>
      <c r="IEJ678" s="613"/>
      <c r="IEK678" s="613"/>
      <c r="IEL678" s="613"/>
      <c r="IEM678" s="613"/>
      <c r="IEN678" s="613"/>
      <c r="IEO678" s="613"/>
      <c r="IEP678" s="613"/>
      <c r="IEQ678" s="613"/>
      <c r="IER678" s="613"/>
      <c r="IES678" s="613"/>
      <c r="IET678" s="613"/>
      <c r="IEU678" s="613"/>
      <c r="IEV678" s="613"/>
      <c r="IEW678" s="613"/>
      <c r="IEX678" s="613"/>
      <c r="IEY678" s="613"/>
      <c r="IEZ678" s="613"/>
      <c r="IFA678" s="613"/>
      <c r="IFB678" s="613"/>
      <c r="IFC678" s="613"/>
      <c r="IFD678" s="613"/>
      <c r="IFE678" s="613"/>
      <c r="IFF678" s="613"/>
      <c r="IFG678" s="613"/>
      <c r="IFH678" s="613"/>
      <c r="IFI678" s="613"/>
      <c r="IFJ678" s="613"/>
      <c r="IFK678" s="613"/>
      <c r="IFL678" s="613"/>
      <c r="IFM678" s="613"/>
      <c r="IFN678" s="613"/>
      <c r="IFO678" s="613"/>
      <c r="IFP678" s="613"/>
      <c r="IFQ678" s="613"/>
      <c r="IFR678" s="613"/>
      <c r="IFS678" s="613"/>
      <c r="IFT678" s="613"/>
      <c r="IFU678" s="613"/>
      <c r="IFV678" s="613"/>
      <c r="IFW678" s="613"/>
      <c r="IFX678" s="613"/>
      <c r="IFY678" s="613"/>
      <c r="IFZ678" s="613"/>
      <c r="IGA678" s="613"/>
      <c r="IGB678" s="613"/>
      <c r="IGC678" s="613"/>
      <c r="IGD678" s="613"/>
      <c r="IGE678" s="613"/>
      <c r="IGF678" s="613"/>
      <c r="IGG678" s="613"/>
      <c r="IGH678" s="613"/>
      <c r="IGI678" s="613"/>
      <c r="IGJ678" s="613"/>
      <c r="IGK678" s="613"/>
      <c r="IGL678" s="613"/>
      <c r="IGM678" s="613"/>
      <c r="IGN678" s="613"/>
      <c r="IGO678" s="613"/>
      <c r="IGP678" s="613"/>
      <c r="IGQ678" s="613"/>
      <c r="IGR678" s="613"/>
      <c r="IGS678" s="613"/>
      <c r="IGT678" s="613"/>
      <c r="IGU678" s="613"/>
      <c r="IGV678" s="613"/>
      <c r="IGW678" s="613"/>
      <c r="IGX678" s="613"/>
      <c r="IGY678" s="613"/>
      <c r="IGZ678" s="613"/>
      <c r="IHA678" s="613"/>
      <c r="IHB678" s="613"/>
      <c r="IHC678" s="613"/>
      <c r="IHD678" s="613"/>
      <c r="IHE678" s="613"/>
      <c r="IHF678" s="613"/>
      <c r="IHG678" s="613"/>
      <c r="IHH678" s="613"/>
      <c r="IHI678" s="613"/>
      <c r="IHJ678" s="613"/>
      <c r="IHK678" s="613"/>
      <c r="IHL678" s="613"/>
      <c r="IHM678" s="613"/>
      <c r="IHN678" s="613"/>
      <c r="IHO678" s="613"/>
      <c r="IHP678" s="613"/>
      <c r="IHQ678" s="613"/>
      <c r="IHR678" s="613"/>
      <c r="IHS678" s="613"/>
      <c r="IHT678" s="613"/>
      <c r="IHU678" s="613"/>
      <c r="IHV678" s="613"/>
      <c r="IHW678" s="613"/>
      <c r="IHX678" s="613"/>
      <c r="IHY678" s="613"/>
      <c r="IHZ678" s="613"/>
      <c r="IIA678" s="613"/>
      <c r="IIB678" s="613"/>
      <c r="IIC678" s="613"/>
      <c r="IID678" s="613"/>
      <c r="IIE678" s="613"/>
      <c r="IIF678" s="613"/>
      <c r="IIG678" s="613"/>
      <c r="IIH678" s="613"/>
      <c r="III678" s="613"/>
      <c r="IIJ678" s="613"/>
      <c r="IIK678" s="613"/>
      <c r="IIL678" s="613"/>
      <c r="IIM678" s="613"/>
      <c r="IIN678" s="613"/>
      <c r="IIO678" s="613"/>
      <c r="IIP678" s="613"/>
      <c r="IIQ678" s="613"/>
      <c r="IIR678" s="613"/>
      <c r="IIS678" s="613"/>
      <c r="IIT678" s="613"/>
      <c r="IIU678" s="613"/>
      <c r="IIV678" s="613"/>
      <c r="IIW678" s="613"/>
      <c r="IIX678" s="613"/>
      <c r="IIY678" s="613"/>
      <c r="IIZ678" s="613"/>
      <c r="IJA678" s="613"/>
      <c r="IJB678" s="613"/>
      <c r="IJC678" s="613"/>
      <c r="IJD678" s="613"/>
      <c r="IJE678" s="613"/>
      <c r="IJF678" s="613"/>
      <c r="IJG678" s="613"/>
      <c r="IJH678" s="613"/>
      <c r="IJI678" s="613"/>
      <c r="IJJ678" s="613"/>
      <c r="IJK678" s="613"/>
      <c r="IJL678" s="613"/>
      <c r="IJM678" s="613"/>
      <c r="IJN678" s="613"/>
      <c r="IJO678" s="613"/>
      <c r="IJP678" s="613"/>
      <c r="IJQ678" s="613"/>
      <c r="IJR678" s="613"/>
      <c r="IJS678" s="613"/>
      <c r="IJT678" s="613"/>
      <c r="IJU678" s="613"/>
      <c r="IJV678" s="613"/>
      <c r="IJW678" s="613"/>
      <c r="IJX678" s="613"/>
      <c r="IJY678" s="613"/>
      <c r="IJZ678" s="613"/>
      <c r="IKA678" s="613"/>
      <c r="IKB678" s="613"/>
      <c r="IKC678" s="613"/>
      <c r="IKD678" s="613"/>
      <c r="IKE678" s="613"/>
      <c r="IKF678" s="613"/>
      <c r="IKG678" s="613"/>
      <c r="IKH678" s="613"/>
      <c r="IKI678" s="613"/>
      <c r="IKJ678" s="613"/>
      <c r="IKK678" s="613"/>
      <c r="IKL678" s="613"/>
      <c r="IKM678" s="613"/>
      <c r="IKN678" s="613"/>
      <c r="IKO678" s="613"/>
      <c r="IKP678" s="613"/>
      <c r="IKQ678" s="613"/>
      <c r="IKR678" s="613"/>
      <c r="IKS678" s="613"/>
      <c r="IKT678" s="613"/>
      <c r="IKU678" s="613"/>
      <c r="IKV678" s="613"/>
      <c r="IKW678" s="613"/>
      <c r="IKX678" s="613"/>
      <c r="IKY678" s="613"/>
      <c r="IKZ678" s="613"/>
      <c r="ILA678" s="613"/>
      <c r="ILB678" s="613"/>
      <c r="ILC678" s="613"/>
      <c r="ILD678" s="613"/>
      <c r="ILE678" s="613"/>
      <c r="ILF678" s="613"/>
      <c r="ILG678" s="613"/>
      <c r="ILH678" s="613"/>
      <c r="ILI678" s="613"/>
      <c r="ILJ678" s="613"/>
      <c r="ILK678" s="613"/>
      <c r="ILL678" s="613"/>
      <c r="ILM678" s="613"/>
      <c r="ILN678" s="613"/>
      <c r="ILO678" s="613"/>
      <c r="ILP678" s="613"/>
      <c r="ILQ678" s="613"/>
      <c r="ILR678" s="613"/>
      <c r="ILS678" s="613"/>
      <c r="ILT678" s="613"/>
      <c r="ILU678" s="613"/>
      <c r="ILV678" s="613"/>
      <c r="ILW678" s="613"/>
      <c r="ILX678" s="613"/>
      <c r="ILY678" s="613"/>
      <c r="ILZ678" s="613"/>
      <c r="IMA678" s="613"/>
      <c r="IMB678" s="613"/>
      <c r="IMC678" s="613"/>
      <c r="IMD678" s="613"/>
      <c r="IME678" s="613"/>
      <c r="IMF678" s="613"/>
      <c r="IMG678" s="613"/>
      <c r="IMH678" s="613"/>
      <c r="IMI678" s="613"/>
      <c r="IMJ678" s="613"/>
      <c r="IMK678" s="613"/>
      <c r="IML678" s="613"/>
      <c r="IMM678" s="613"/>
      <c r="IMN678" s="613"/>
      <c r="IMO678" s="613"/>
      <c r="IMP678" s="613"/>
      <c r="IMQ678" s="613"/>
      <c r="IMR678" s="613"/>
      <c r="IMS678" s="613"/>
      <c r="IMT678" s="613"/>
      <c r="IMU678" s="613"/>
      <c r="IMV678" s="613"/>
      <c r="IMW678" s="613"/>
      <c r="IMX678" s="613"/>
      <c r="IMY678" s="613"/>
      <c r="IMZ678" s="613"/>
      <c r="INA678" s="613"/>
      <c r="INB678" s="613"/>
      <c r="INC678" s="613"/>
      <c r="IND678" s="613"/>
      <c r="INE678" s="613"/>
      <c r="INF678" s="613"/>
      <c r="ING678" s="613"/>
      <c r="INH678" s="613"/>
      <c r="INI678" s="613"/>
      <c r="INJ678" s="613"/>
      <c r="INK678" s="613"/>
      <c r="INL678" s="613"/>
      <c r="INM678" s="613"/>
      <c r="INN678" s="613"/>
      <c r="INO678" s="613"/>
      <c r="INP678" s="613"/>
      <c r="INQ678" s="613"/>
      <c r="INR678" s="613"/>
      <c r="INS678" s="613"/>
      <c r="INT678" s="613"/>
      <c r="INU678" s="613"/>
      <c r="INV678" s="613"/>
      <c r="INW678" s="613"/>
      <c r="INX678" s="613"/>
      <c r="INY678" s="613"/>
      <c r="INZ678" s="613"/>
      <c r="IOA678" s="613"/>
      <c r="IOB678" s="613"/>
      <c r="IOC678" s="613"/>
      <c r="IOD678" s="613"/>
      <c r="IOE678" s="613"/>
      <c r="IOF678" s="613"/>
      <c r="IOG678" s="613"/>
      <c r="IOH678" s="613"/>
      <c r="IOI678" s="613"/>
      <c r="IOJ678" s="613"/>
      <c r="IOK678" s="613"/>
      <c r="IOL678" s="613"/>
      <c r="IOM678" s="613"/>
      <c r="ION678" s="613"/>
      <c r="IOO678" s="613"/>
      <c r="IOP678" s="613"/>
      <c r="IOQ678" s="613"/>
      <c r="IOR678" s="613"/>
      <c r="IOS678" s="613"/>
      <c r="IOT678" s="613"/>
      <c r="IOU678" s="613"/>
      <c r="IOV678" s="613"/>
      <c r="IOW678" s="613"/>
      <c r="IOX678" s="613"/>
      <c r="IOY678" s="613"/>
      <c r="IOZ678" s="613"/>
      <c r="IPA678" s="613"/>
      <c r="IPB678" s="613"/>
      <c r="IPC678" s="613"/>
      <c r="IPD678" s="613"/>
      <c r="IPE678" s="613"/>
      <c r="IPF678" s="613"/>
      <c r="IPG678" s="613"/>
      <c r="IPH678" s="613"/>
      <c r="IPI678" s="613"/>
      <c r="IPJ678" s="613"/>
      <c r="IPK678" s="613"/>
      <c r="IPL678" s="613"/>
      <c r="IPM678" s="613"/>
      <c r="IPN678" s="613"/>
      <c r="IPO678" s="613"/>
      <c r="IPP678" s="613"/>
      <c r="IPQ678" s="613"/>
      <c r="IPR678" s="613"/>
      <c r="IPS678" s="613"/>
      <c r="IPT678" s="613"/>
      <c r="IPU678" s="613"/>
      <c r="IPV678" s="613"/>
      <c r="IPW678" s="613"/>
      <c r="IPX678" s="613"/>
      <c r="IPY678" s="613"/>
      <c r="IPZ678" s="613"/>
      <c r="IQA678" s="613"/>
      <c r="IQB678" s="613"/>
      <c r="IQC678" s="613"/>
      <c r="IQD678" s="613"/>
      <c r="IQE678" s="613"/>
      <c r="IQF678" s="613"/>
      <c r="IQG678" s="613"/>
      <c r="IQH678" s="613"/>
      <c r="IQI678" s="613"/>
      <c r="IQJ678" s="613"/>
      <c r="IQK678" s="613"/>
      <c r="IQL678" s="613"/>
      <c r="IQM678" s="613"/>
      <c r="IQN678" s="613"/>
      <c r="IQO678" s="613"/>
      <c r="IQP678" s="613"/>
      <c r="IQQ678" s="613"/>
      <c r="IQR678" s="613"/>
      <c r="IQS678" s="613"/>
      <c r="IQT678" s="613"/>
      <c r="IQU678" s="613"/>
      <c r="IQV678" s="613"/>
      <c r="IQW678" s="613"/>
      <c r="IQX678" s="613"/>
      <c r="IQY678" s="613"/>
      <c r="IQZ678" s="613"/>
      <c r="IRA678" s="613"/>
      <c r="IRB678" s="613"/>
      <c r="IRC678" s="613"/>
      <c r="IRD678" s="613"/>
      <c r="IRE678" s="613"/>
      <c r="IRF678" s="613"/>
      <c r="IRG678" s="613"/>
      <c r="IRH678" s="613"/>
      <c r="IRI678" s="613"/>
      <c r="IRJ678" s="613"/>
      <c r="IRK678" s="613"/>
      <c r="IRL678" s="613"/>
      <c r="IRM678" s="613"/>
      <c r="IRN678" s="613"/>
      <c r="IRO678" s="613"/>
      <c r="IRP678" s="613"/>
      <c r="IRQ678" s="613"/>
      <c r="IRR678" s="613"/>
      <c r="IRS678" s="613"/>
      <c r="IRT678" s="613"/>
      <c r="IRU678" s="613"/>
      <c r="IRV678" s="613"/>
      <c r="IRW678" s="613"/>
      <c r="IRX678" s="613"/>
      <c r="IRY678" s="613"/>
      <c r="IRZ678" s="613"/>
      <c r="ISA678" s="613"/>
      <c r="ISB678" s="613"/>
      <c r="ISC678" s="613"/>
      <c r="ISD678" s="613"/>
      <c r="ISE678" s="613"/>
      <c r="ISF678" s="613"/>
      <c r="ISG678" s="613"/>
      <c r="ISH678" s="613"/>
      <c r="ISI678" s="613"/>
      <c r="ISJ678" s="613"/>
      <c r="ISK678" s="613"/>
      <c r="ISL678" s="613"/>
      <c r="ISM678" s="613"/>
      <c r="ISN678" s="613"/>
      <c r="ISO678" s="613"/>
      <c r="ISP678" s="613"/>
      <c r="ISQ678" s="613"/>
      <c r="ISR678" s="613"/>
      <c r="ISS678" s="613"/>
      <c r="IST678" s="613"/>
      <c r="ISU678" s="613"/>
      <c r="ISV678" s="613"/>
      <c r="ISW678" s="613"/>
      <c r="ISX678" s="613"/>
      <c r="ISY678" s="613"/>
      <c r="ISZ678" s="613"/>
      <c r="ITA678" s="613"/>
      <c r="ITB678" s="613"/>
      <c r="ITC678" s="613"/>
      <c r="ITD678" s="613"/>
      <c r="ITE678" s="613"/>
      <c r="ITF678" s="613"/>
      <c r="ITG678" s="613"/>
      <c r="ITH678" s="613"/>
      <c r="ITI678" s="613"/>
      <c r="ITJ678" s="613"/>
      <c r="ITK678" s="613"/>
      <c r="ITL678" s="613"/>
      <c r="ITM678" s="613"/>
      <c r="ITN678" s="613"/>
      <c r="ITO678" s="613"/>
      <c r="ITP678" s="613"/>
      <c r="ITQ678" s="613"/>
      <c r="ITR678" s="613"/>
      <c r="ITS678" s="613"/>
      <c r="ITT678" s="613"/>
      <c r="ITU678" s="613"/>
      <c r="ITV678" s="613"/>
      <c r="ITW678" s="613"/>
      <c r="ITX678" s="613"/>
      <c r="ITY678" s="613"/>
      <c r="ITZ678" s="613"/>
      <c r="IUA678" s="613"/>
      <c r="IUB678" s="613"/>
      <c r="IUC678" s="613"/>
      <c r="IUD678" s="613"/>
      <c r="IUE678" s="613"/>
      <c r="IUF678" s="613"/>
      <c r="IUG678" s="613"/>
      <c r="IUH678" s="613"/>
      <c r="IUI678" s="613"/>
      <c r="IUJ678" s="613"/>
      <c r="IUK678" s="613"/>
      <c r="IUL678" s="613"/>
      <c r="IUM678" s="613"/>
      <c r="IUN678" s="613"/>
      <c r="IUO678" s="613"/>
      <c r="IUP678" s="613"/>
      <c r="IUQ678" s="613"/>
      <c r="IUR678" s="613"/>
      <c r="IUS678" s="613"/>
      <c r="IUT678" s="613"/>
      <c r="IUU678" s="613"/>
      <c r="IUV678" s="613"/>
      <c r="IUW678" s="613"/>
      <c r="IUX678" s="613"/>
      <c r="IUY678" s="613"/>
      <c r="IUZ678" s="613"/>
      <c r="IVA678" s="613"/>
      <c r="IVB678" s="613"/>
      <c r="IVC678" s="613"/>
      <c r="IVD678" s="613"/>
      <c r="IVE678" s="613"/>
      <c r="IVF678" s="613"/>
      <c r="IVG678" s="613"/>
      <c r="IVH678" s="613"/>
      <c r="IVI678" s="613"/>
      <c r="IVJ678" s="613"/>
      <c r="IVK678" s="613"/>
      <c r="IVL678" s="613"/>
      <c r="IVM678" s="613"/>
      <c r="IVN678" s="613"/>
      <c r="IVO678" s="613"/>
      <c r="IVP678" s="613"/>
      <c r="IVQ678" s="613"/>
      <c r="IVR678" s="613"/>
      <c r="IVS678" s="613"/>
      <c r="IVT678" s="613"/>
      <c r="IVU678" s="613"/>
      <c r="IVV678" s="613"/>
      <c r="IVW678" s="613"/>
      <c r="IVX678" s="613"/>
      <c r="IVY678" s="613"/>
      <c r="IVZ678" s="613"/>
      <c r="IWA678" s="613"/>
      <c r="IWB678" s="613"/>
      <c r="IWC678" s="613"/>
      <c r="IWD678" s="613"/>
      <c r="IWE678" s="613"/>
      <c r="IWF678" s="613"/>
      <c r="IWG678" s="613"/>
      <c r="IWH678" s="613"/>
      <c r="IWI678" s="613"/>
      <c r="IWJ678" s="613"/>
      <c r="IWK678" s="613"/>
      <c r="IWL678" s="613"/>
      <c r="IWM678" s="613"/>
      <c r="IWN678" s="613"/>
      <c r="IWO678" s="613"/>
      <c r="IWP678" s="613"/>
      <c r="IWQ678" s="613"/>
      <c r="IWR678" s="613"/>
      <c r="IWS678" s="613"/>
      <c r="IWT678" s="613"/>
      <c r="IWU678" s="613"/>
      <c r="IWV678" s="613"/>
      <c r="IWW678" s="613"/>
      <c r="IWX678" s="613"/>
      <c r="IWY678" s="613"/>
      <c r="IWZ678" s="613"/>
      <c r="IXA678" s="613"/>
      <c r="IXB678" s="613"/>
      <c r="IXC678" s="613"/>
      <c r="IXD678" s="613"/>
      <c r="IXE678" s="613"/>
      <c r="IXF678" s="613"/>
      <c r="IXG678" s="613"/>
      <c r="IXH678" s="613"/>
      <c r="IXI678" s="613"/>
      <c r="IXJ678" s="613"/>
      <c r="IXK678" s="613"/>
      <c r="IXL678" s="613"/>
      <c r="IXM678" s="613"/>
      <c r="IXN678" s="613"/>
      <c r="IXO678" s="613"/>
      <c r="IXP678" s="613"/>
      <c r="IXQ678" s="613"/>
      <c r="IXR678" s="613"/>
      <c r="IXS678" s="613"/>
      <c r="IXT678" s="613"/>
      <c r="IXU678" s="613"/>
      <c r="IXV678" s="613"/>
      <c r="IXW678" s="613"/>
      <c r="IXX678" s="613"/>
      <c r="IXY678" s="613"/>
      <c r="IXZ678" s="613"/>
      <c r="IYA678" s="613"/>
      <c r="IYB678" s="613"/>
      <c r="IYC678" s="613"/>
      <c r="IYD678" s="613"/>
      <c r="IYE678" s="613"/>
      <c r="IYF678" s="613"/>
      <c r="IYG678" s="613"/>
      <c r="IYH678" s="613"/>
      <c r="IYI678" s="613"/>
      <c r="IYJ678" s="613"/>
      <c r="IYK678" s="613"/>
      <c r="IYL678" s="613"/>
      <c r="IYM678" s="613"/>
      <c r="IYN678" s="613"/>
      <c r="IYO678" s="613"/>
      <c r="IYP678" s="613"/>
      <c r="IYQ678" s="613"/>
      <c r="IYR678" s="613"/>
      <c r="IYS678" s="613"/>
      <c r="IYT678" s="613"/>
      <c r="IYU678" s="613"/>
      <c r="IYV678" s="613"/>
      <c r="IYW678" s="613"/>
      <c r="IYX678" s="613"/>
      <c r="IYY678" s="613"/>
      <c r="IYZ678" s="613"/>
      <c r="IZA678" s="613"/>
      <c r="IZB678" s="613"/>
      <c r="IZC678" s="613"/>
      <c r="IZD678" s="613"/>
      <c r="IZE678" s="613"/>
      <c r="IZF678" s="613"/>
      <c r="IZG678" s="613"/>
      <c r="IZH678" s="613"/>
      <c r="IZI678" s="613"/>
      <c r="IZJ678" s="613"/>
      <c r="IZK678" s="613"/>
      <c r="IZL678" s="613"/>
      <c r="IZM678" s="613"/>
      <c r="IZN678" s="613"/>
      <c r="IZO678" s="613"/>
      <c r="IZP678" s="613"/>
      <c r="IZQ678" s="613"/>
      <c r="IZR678" s="613"/>
      <c r="IZS678" s="613"/>
      <c r="IZT678" s="613"/>
      <c r="IZU678" s="613"/>
      <c r="IZV678" s="613"/>
      <c r="IZW678" s="613"/>
      <c r="IZX678" s="613"/>
      <c r="IZY678" s="613"/>
      <c r="IZZ678" s="613"/>
      <c r="JAA678" s="613"/>
      <c r="JAB678" s="613"/>
      <c r="JAC678" s="613"/>
      <c r="JAD678" s="613"/>
      <c r="JAE678" s="613"/>
      <c r="JAF678" s="613"/>
      <c r="JAG678" s="613"/>
      <c r="JAH678" s="613"/>
      <c r="JAI678" s="613"/>
      <c r="JAJ678" s="613"/>
      <c r="JAK678" s="613"/>
      <c r="JAL678" s="613"/>
      <c r="JAM678" s="613"/>
      <c r="JAN678" s="613"/>
      <c r="JAO678" s="613"/>
      <c r="JAP678" s="613"/>
      <c r="JAQ678" s="613"/>
      <c r="JAR678" s="613"/>
      <c r="JAS678" s="613"/>
      <c r="JAT678" s="613"/>
      <c r="JAU678" s="613"/>
      <c r="JAV678" s="613"/>
      <c r="JAW678" s="613"/>
      <c r="JAX678" s="613"/>
      <c r="JAY678" s="613"/>
      <c r="JAZ678" s="613"/>
      <c r="JBA678" s="613"/>
      <c r="JBB678" s="613"/>
      <c r="JBC678" s="613"/>
      <c r="JBD678" s="613"/>
      <c r="JBE678" s="613"/>
      <c r="JBF678" s="613"/>
      <c r="JBG678" s="613"/>
      <c r="JBH678" s="613"/>
      <c r="JBI678" s="613"/>
      <c r="JBJ678" s="613"/>
      <c r="JBK678" s="613"/>
      <c r="JBL678" s="613"/>
      <c r="JBM678" s="613"/>
      <c r="JBN678" s="613"/>
      <c r="JBO678" s="613"/>
      <c r="JBP678" s="613"/>
      <c r="JBQ678" s="613"/>
      <c r="JBR678" s="613"/>
      <c r="JBS678" s="613"/>
      <c r="JBT678" s="613"/>
      <c r="JBU678" s="613"/>
      <c r="JBV678" s="613"/>
      <c r="JBW678" s="613"/>
      <c r="JBX678" s="613"/>
      <c r="JBY678" s="613"/>
      <c r="JBZ678" s="613"/>
      <c r="JCA678" s="613"/>
      <c r="JCB678" s="613"/>
      <c r="JCC678" s="613"/>
      <c r="JCD678" s="613"/>
      <c r="JCE678" s="613"/>
      <c r="JCF678" s="613"/>
      <c r="JCG678" s="613"/>
      <c r="JCH678" s="613"/>
      <c r="JCI678" s="613"/>
      <c r="JCJ678" s="613"/>
      <c r="JCK678" s="613"/>
      <c r="JCL678" s="613"/>
      <c r="JCM678" s="613"/>
      <c r="JCN678" s="613"/>
      <c r="JCO678" s="613"/>
      <c r="JCP678" s="613"/>
      <c r="JCQ678" s="613"/>
      <c r="JCR678" s="613"/>
      <c r="JCS678" s="613"/>
      <c r="JCT678" s="613"/>
      <c r="JCU678" s="613"/>
      <c r="JCV678" s="613"/>
      <c r="JCW678" s="613"/>
      <c r="JCX678" s="613"/>
      <c r="JCY678" s="613"/>
      <c r="JCZ678" s="613"/>
      <c r="JDA678" s="613"/>
      <c r="JDB678" s="613"/>
      <c r="JDC678" s="613"/>
      <c r="JDD678" s="613"/>
      <c r="JDE678" s="613"/>
      <c r="JDF678" s="613"/>
      <c r="JDG678" s="613"/>
      <c r="JDH678" s="613"/>
      <c r="JDI678" s="613"/>
      <c r="JDJ678" s="613"/>
      <c r="JDK678" s="613"/>
      <c r="JDL678" s="613"/>
      <c r="JDM678" s="613"/>
      <c r="JDN678" s="613"/>
      <c r="JDO678" s="613"/>
      <c r="JDP678" s="613"/>
      <c r="JDQ678" s="613"/>
      <c r="JDR678" s="613"/>
      <c r="JDS678" s="613"/>
      <c r="JDT678" s="613"/>
      <c r="JDU678" s="613"/>
      <c r="JDV678" s="613"/>
      <c r="JDW678" s="613"/>
      <c r="JDX678" s="613"/>
      <c r="JDY678" s="613"/>
      <c r="JDZ678" s="613"/>
      <c r="JEA678" s="613"/>
      <c r="JEB678" s="613"/>
      <c r="JEC678" s="613"/>
      <c r="JED678" s="613"/>
      <c r="JEE678" s="613"/>
      <c r="JEF678" s="613"/>
      <c r="JEG678" s="613"/>
      <c r="JEH678" s="613"/>
      <c r="JEI678" s="613"/>
      <c r="JEJ678" s="613"/>
      <c r="JEK678" s="613"/>
      <c r="JEL678" s="613"/>
      <c r="JEM678" s="613"/>
      <c r="JEN678" s="613"/>
      <c r="JEO678" s="613"/>
      <c r="JEP678" s="613"/>
      <c r="JEQ678" s="613"/>
      <c r="JER678" s="613"/>
      <c r="JES678" s="613"/>
      <c r="JET678" s="613"/>
      <c r="JEU678" s="613"/>
      <c r="JEV678" s="613"/>
      <c r="JEW678" s="613"/>
      <c r="JEX678" s="613"/>
      <c r="JEY678" s="613"/>
      <c r="JEZ678" s="613"/>
      <c r="JFA678" s="613"/>
      <c r="JFB678" s="613"/>
      <c r="JFC678" s="613"/>
      <c r="JFD678" s="613"/>
      <c r="JFE678" s="613"/>
      <c r="JFF678" s="613"/>
      <c r="JFG678" s="613"/>
      <c r="JFH678" s="613"/>
      <c r="JFI678" s="613"/>
      <c r="JFJ678" s="613"/>
      <c r="JFK678" s="613"/>
      <c r="JFL678" s="613"/>
      <c r="JFM678" s="613"/>
      <c r="JFN678" s="613"/>
      <c r="JFO678" s="613"/>
      <c r="JFP678" s="613"/>
      <c r="JFQ678" s="613"/>
      <c r="JFR678" s="613"/>
      <c r="JFS678" s="613"/>
      <c r="JFT678" s="613"/>
      <c r="JFU678" s="613"/>
      <c r="JFV678" s="613"/>
      <c r="JFW678" s="613"/>
      <c r="JFX678" s="613"/>
      <c r="JFY678" s="613"/>
      <c r="JFZ678" s="613"/>
      <c r="JGA678" s="613"/>
      <c r="JGB678" s="613"/>
      <c r="JGC678" s="613"/>
      <c r="JGD678" s="613"/>
      <c r="JGE678" s="613"/>
      <c r="JGF678" s="613"/>
      <c r="JGG678" s="613"/>
      <c r="JGH678" s="613"/>
      <c r="JGI678" s="613"/>
      <c r="JGJ678" s="613"/>
      <c r="JGK678" s="613"/>
      <c r="JGL678" s="613"/>
      <c r="JGM678" s="613"/>
      <c r="JGN678" s="613"/>
      <c r="JGO678" s="613"/>
      <c r="JGP678" s="613"/>
      <c r="JGQ678" s="613"/>
      <c r="JGR678" s="613"/>
      <c r="JGS678" s="613"/>
      <c r="JGT678" s="613"/>
      <c r="JGU678" s="613"/>
      <c r="JGV678" s="613"/>
      <c r="JGW678" s="613"/>
      <c r="JGX678" s="613"/>
      <c r="JGY678" s="613"/>
      <c r="JGZ678" s="613"/>
      <c r="JHA678" s="613"/>
      <c r="JHB678" s="613"/>
      <c r="JHC678" s="613"/>
      <c r="JHD678" s="613"/>
      <c r="JHE678" s="613"/>
      <c r="JHF678" s="613"/>
      <c r="JHG678" s="613"/>
      <c r="JHH678" s="613"/>
      <c r="JHI678" s="613"/>
      <c r="JHJ678" s="613"/>
      <c r="JHK678" s="613"/>
      <c r="JHL678" s="613"/>
      <c r="JHM678" s="613"/>
      <c r="JHN678" s="613"/>
      <c r="JHO678" s="613"/>
      <c r="JHP678" s="613"/>
      <c r="JHQ678" s="613"/>
      <c r="JHR678" s="613"/>
      <c r="JHS678" s="613"/>
      <c r="JHT678" s="613"/>
      <c r="JHU678" s="613"/>
      <c r="JHV678" s="613"/>
      <c r="JHW678" s="613"/>
      <c r="JHX678" s="613"/>
      <c r="JHY678" s="613"/>
      <c r="JHZ678" s="613"/>
      <c r="JIA678" s="613"/>
      <c r="JIB678" s="613"/>
      <c r="JIC678" s="613"/>
      <c r="JID678" s="613"/>
      <c r="JIE678" s="613"/>
      <c r="JIF678" s="613"/>
      <c r="JIG678" s="613"/>
      <c r="JIH678" s="613"/>
      <c r="JII678" s="613"/>
      <c r="JIJ678" s="613"/>
      <c r="JIK678" s="613"/>
      <c r="JIL678" s="613"/>
      <c r="JIM678" s="613"/>
      <c r="JIN678" s="613"/>
      <c r="JIO678" s="613"/>
      <c r="JIP678" s="613"/>
      <c r="JIQ678" s="613"/>
      <c r="JIR678" s="613"/>
      <c r="JIS678" s="613"/>
      <c r="JIT678" s="613"/>
      <c r="JIU678" s="613"/>
      <c r="JIV678" s="613"/>
      <c r="JIW678" s="613"/>
      <c r="JIX678" s="613"/>
      <c r="JIY678" s="613"/>
      <c r="JIZ678" s="613"/>
      <c r="JJA678" s="613"/>
      <c r="JJB678" s="613"/>
      <c r="JJC678" s="613"/>
      <c r="JJD678" s="613"/>
      <c r="JJE678" s="613"/>
      <c r="JJF678" s="613"/>
      <c r="JJG678" s="613"/>
      <c r="JJH678" s="613"/>
      <c r="JJI678" s="613"/>
      <c r="JJJ678" s="613"/>
      <c r="JJK678" s="613"/>
      <c r="JJL678" s="613"/>
      <c r="JJM678" s="613"/>
      <c r="JJN678" s="613"/>
      <c r="JJO678" s="613"/>
      <c r="JJP678" s="613"/>
      <c r="JJQ678" s="613"/>
      <c r="JJR678" s="613"/>
      <c r="JJS678" s="613"/>
      <c r="JJT678" s="613"/>
      <c r="JJU678" s="613"/>
      <c r="JJV678" s="613"/>
      <c r="JJW678" s="613"/>
      <c r="JJX678" s="613"/>
      <c r="JJY678" s="613"/>
      <c r="JJZ678" s="613"/>
      <c r="JKA678" s="613"/>
      <c r="JKB678" s="613"/>
      <c r="JKC678" s="613"/>
      <c r="JKD678" s="613"/>
      <c r="JKE678" s="613"/>
      <c r="JKF678" s="613"/>
      <c r="JKG678" s="613"/>
      <c r="JKH678" s="613"/>
      <c r="JKI678" s="613"/>
      <c r="JKJ678" s="613"/>
      <c r="JKK678" s="613"/>
      <c r="JKL678" s="613"/>
      <c r="JKM678" s="613"/>
      <c r="JKN678" s="613"/>
      <c r="JKO678" s="613"/>
      <c r="JKP678" s="613"/>
      <c r="JKQ678" s="613"/>
      <c r="JKR678" s="613"/>
      <c r="JKS678" s="613"/>
      <c r="JKT678" s="613"/>
      <c r="JKU678" s="613"/>
      <c r="JKV678" s="613"/>
      <c r="JKW678" s="613"/>
      <c r="JKX678" s="613"/>
      <c r="JKY678" s="613"/>
      <c r="JKZ678" s="613"/>
      <c r="JLA678" s="613"/>
      <c r="JLB678" s="613"/>
      <c r="JLC678" s="613"/>
      <c r="JLD678" s="613"/>
      <c r="JLE678" s="613"/>
      <c r="JLF678" s="613"/>
      <c r="JLG678" s="613"/>
      <c r="JLH678" s="613"/>
      <c r="JLI678" s="613"/>
      <c r="JLJ678" s="613"/>
      <c r="JLK678" s="613"/>
      <c r="JLL678" s="613"/>
      <c r="JLM678" s="613"/>
      <c r="JLN678" s="613"/>
      <c r="JLO678" s="613"/>
      <c r="JLP678" s="613"/>
      <c r="JLQ678" s="613"/>
      <c r="JLR678" s="613"/>
      <c r="JLS678" s="613"/>
      <c r="JLT678" s="613"/>
      <c r="JLU678" s="613"/>
      <c r="JLV678" s="613"/>
      <c r="JLW678" s="613"/>
      <c r="JLX678" s="613"/>
      <c r="JLY678" s="613"/>
      <c r="JLZ678" s="613"/>
      <c r="JMA678" s="613"/>
      <c r="JMB678" s="613"/>
      <c r="JMC678" s="613"/>
      <c r="JMD678" s="613"/>
      <c r="JME678" s="613"/>
      <c r="JMF678" s="613"/>
      <c r="JMG678" s="613"/>
      <c r="JMH678" s="613"/>
      <c r="JMI678" s="613"/>
      <c r="JMJ678" s="613"/>
      <c r="JMK678" s="613"/>
      <c r="JML678" s="613"/>
      <c r="JMM678" s="613"/>
      <c r="JMN678" s="613"/>
      <c r="JMO678" s="613"/>
      <c r="JMP678" s="613"/>
      <c r="JMQ678" s="613"/>
      <c r="JMR678" s="613"/>
      <c r="JMS678" s="613"/>
      <c r="JMT678" s="613"/>
      <c r="JMU678" s="613"/>
      <c r="JMV678" s="613"/>
      <c r="JMW678" s="613"/>
      <c r="JMX678" s="613"/>
      <c r="JMY678" s="613"/>
      <c r="JMZ678" s="613"/>
      <c r="JNA678" s="613"/>
      <c r="JNB678" s="613"/>
      <c r="JNC678" s="613"/>
      <c r="JND678" s="613"/>
      <c r="JNE678" s="613"/>
      <c r="JNF678" s="613"/>
      <c r="JNG678" s="613"/>
      <c r="JNH678" s="613"/>
      <c r="JNI678" s="613"/>
      <c r="JNJ678" s="613"/>
      <c r="JNK678" s="613"/>
      <c r="JNL678" s="613"/>
      <c r="JNM678" s="613"/>
      <c r="JNN678" s="613"/>
      <c r="JNO678" s="613"/>
      <c r="JNP678" s="613"/>
      <c r="JNQ678" s="613"/>
      <c r="JNR678" s="613"/>
      <c r="JNS678" s="613"/>
      <c r="JNT678" s="613"/>
      <c r="JNU678" s="613"/>
      <c r="JNV678" s="613"/>
      <c r="JNW678" s="613"/>
      <c r="JNX678" s="613"/>
      <c r="JNY678" s="613"/>
      <c r="JNZ678" s="613"/>
      <c r="JOA678" s="613"/>
      <c r="JOB678" s="613"/>
      <c r="JOC678" s="613"/>
      <c r="JOD678" s="613"/>
      <c r="JOE678" s="613"/>
      <c r="JOF678" s="613"/>
      <c r="JOG678" s="613"/>
      <c r="JOH678" s="613"/>
      <c r="JOI678" s="613"/>
      <c r="JOJ678" s="613"/>
      <c r="JOK678" s="613"/>
      <c r="JOL678" s="613"/>
      <c r="JOM678" s="613"/>
      <c r="JON678" s="613"/>
      <c r="JOO678" s="613"/>
      <c r="JOP678" s="613"/>
      <c r="JOQ678" s="613"/>
      <c r="JOR678" s="613"/>
      <c r="JOS678" s="613"/>
      <c r="JOT678" s="613"/>
      <c r="JOU678" s="613"/>
      <c r="JOV678" s="613"/>
      <c r="JOW678" s="613"/>
      <c r="JOX678" s="613"/>
      <c r="JOY678" s="613"/>
      <c r="JOZ678" s="613"/>
      <c r="JPA678" s="613"/>
      <c r="JPB678" s="613"/>
      <c r="JPC678" s="613"/>
      <c r="JPD678" s="613"/>
      <c r="JPE678" s="613"/>
      <c r="JPF678" s="613"/>
      <c r="JPG678" s="613"/>
      <c r="JPH678" s="613"/>
      <c r="JPI678" s="613"/>
      <c r="JPJ678" s="613"/>
      <c r="JPK678" s="613"/>
      <c r="JPL678" s="613"/>
      <c r="JPM678" s="613"/>
      <c r="JPN678" s="613"/>
      <c r="JPO678" s="613"/>
      <c r="JPP678" s="613"/>
      <c r="JPQ678" s="613"/>
      <c r="JPR678" s="613"/>
      <c r="JPS678" s="613"/>
      <c r="JPT678" s="613"/>
      <c r="JPU678" s="613"/>
      <c r="JPV678" s="613"/>
      <c r="JPW678" s="613"/>
      <c r="JPX678" s="613"/>
      <c r="JPY678" s="613"/>
      <c r="JPZ678" s="613"/>
      <c r="JQA678" s="613"/>
      <c r="JQB678" s="613"/>
      <c r="JQC678" s="613"/>
      <c r="JQD678" s="613"/>
      <c r="JQE678" s="613"/>
      <c r="JQF678" s="613"/>
      <c r="JQG678" s="613"/>
      <c r="JQH678" s="613"/>
      <c r="JQI678" s="613"/>
      <c r="JQJ678" s="613"/>
      <c r="JQK678" s="613"/>
      <c r="JQL678" s="613"/>
      <c r="JQM678" s="613"/>
      <c r="JQN678" s="613"/>
      <c r="JQO678" s="613"/>
      <c r="JQP678" s="613"/>
      <c r="JQQ678" s="613"/>
      <c r="JQR678" s="613"/>
      <c r="JQS678" s="613"/>
      <c r="JQT678" s="613"/>
      <c r="JQU678" s="613"/>
      <c r="JQV678" s="613"/>
      <c r="JQW678" s="613"/>
      <c r="JQX678" s="613"/>
      <c r="JQY678" s="613"/>
      <c r="JQZ678" s="613"/>
      <c r="JRA678" s="613"/>
      <c r="JRB678" s="613"/>
      <c r="JRC678" s="613"/>
      <c r="JRD678" s="613"/>
      <c r="JRE678" s="613"/>
      <c r="JRF678" s="613"/>
      <c r="JRG678" s="613"/>
      <c r="JRH678" s="613"/>
      <c r="JRI678" s="613"/>
      <c r="JRJ678" s="613"/>
      <c r="JRK678" s="613"/>
      <c r="JRL678" s="613"/>
      <c r="JRM678" s="613"/>
      <c r="JRN678" s="613"/>
      <c r="JRO678" s="613"/>
      <c r="JRP678" s="613"/>
      <c r="JRQ678" s="613"/>
      <c r="JRR678" s="613"/>
      <c r="JRS678" s="613"/>
      <c r="JRT678" s="613"/>
      <c r="JRU678" s="613"/>
      <c r="JRV678" s="613"/>
      <c r="JRW678" s="613"/>
      <c r="JRX678" s="613"/>
      <c r="JRY678" s="613"/>
      <c r="JRZ678" s="613"/>
      <c r="JSA678" s="613"/>
      <c r="JSB678" s="613"/>
      <c r="JSC678" s="613"/>
      <c r="JSD678" s="613"/>
      <c r="JSE678" s="613"/>
      <c r="JSF678" s="613"/>
      <c r="JSG678" s="613"/>
      <c r="JSH678" s="613"/>
      <c r="JSI678" s="613"/>
      <c r="JSJ678" s="613"/>
      <c r="JSK678" s="613"/>
      <c r="JSL678" s="613"/>
      <c r="JSM678" s="613"/>
      <c r="JSN678" s="613"/>
      <c r="JSO678" s="613"/>
      <c r="JSP678" s="613"/>
      <c r="JSQ678" s="613"/>
      <c r="JSR678" s="613"/>
      <c r="JSS678" s="613"/>
      <c r="JST678" s="613"/>
      <c r="JSU678" s="613"/>
      <c r="JSV678" s="613"/>
      <c r="JSW678" s="613"/>
      <c r="JSX678" s="613"/>
      <c r="JSY678" s="613"/>
      <c r="JSZ678" s="613"/>
      <c r="JTA678" s="613"/>
      <c r="JTB678" s="613"/>
      <c r="JTC678" s="613"/>
      <c r="JTD678" s="613"/>
      <c r="JTE678" s="613"/>
      <c r="JTF678" s="613"/>
      <c r="JTG678" s="613"/>
      <c r="JTH678" s="613"/>
      <c r="JTI678" s="613"/>
      <c r="JTJ678" s="613"/>
      <c r="JTK678" s="613"/>
      <c r="JTL678" s="613"/>
      <c r="JTM678" s="613"/>
      <c r="JTN678" s="613"/>
      <c r="JTO678" s="613"/>
      <c r="JTP678" s="613"/>
      <c r="JTQ678" s="613"/>
      <c r="JTR678" s="613"/>
      <c r="JTS678" s="613"/>
      <c r="JTT678" s="613"/>
      <c r="JTU678" s="613"/>
      <c r="JTV678" s="613"/>
      <c r="JTW678" s="613"/>
      <c r="JTX678" s="613"/>
      <c r="JTY678" s="613"/>
      <c r="JTZ678" s="613"/>
      <c r="JUA678" s="613"/>
      <c r="JUB678" s="613"/>
      <c r="JUC678" s="613"/>
      <c r="JUD678" s="613"/>
      <c r="JUE678" s="613"/>
      <c r="JUF678" s="613"/>
      <c r="JUG678" s="613"/>
      <c r="JUH678" s="613"/>
      <c r="JUI678" s="613"/>
      <c r="JUJ678" s="613"/>
      <c r="JUK678" s="613"/>
      <c r="JUL678" s="613"/>
      <c r="JUM678" s="613"/>
      <c r="JUN678" s="613"/>
      <c r="JUO678" s="613"/>
      <c r="JUP678" s="613"/>
      <c r="JUQ678" s="613"/>
      <c r="JUR678" s="613"/>
      <c r="JUS678" s="613"/>
      <c r="JUT678" s="613"/>
      <c r="JUU678" s="613"/>
      <c r="JUV678" s="613"/>
      <c r="JUW678" s="613"/>
      <c r="JUX678" s="613"/>
      <c r="JUY678" s="613"/>
      <c r="JUZ678" s="613"/>
      <c r="JVA678" s="613"/>
      <c r="JVB678" s="613"/>
      <c r="JVC678" s="613"/>
      <c r="JVD678" s="613"/>
      <c r="JVE678" s="613"/>
      <c r="JVF678" s="613"/>
      <c r="JVG678" s="613"/>
      <c r="JVH678" s="613"/>
      <c r="JVI678" s="613"/>
      <c r="JVJ678" s="613"/>
      <c r="JVK678" s="613"/>
      <c r="JVL678" s="613"/>
      <c r="JVM678" s="613"/>
      <c r="JVN678" s="613"/>
      <c r="JVO678" s="613"/>
      <c r="JVP678" s="613"/>
      <c r="JVQ678" s="613"/>
      <c r="JVR678" s="613"/>
      <c r="JVS678" s="613"/>
      <c r="JVT678" s="613"/>
      <c r="JVU678" s="613"/>
      <c r="JVV678" s="613"/>
      <c r="JVW678" s="613"/>
      <c r="JVX678" s="613"/>
      <c r="JVY678" s="613"/>
      <c r="JVZ678" s="613"/>
      <c r="JWA678" s="613"/>
      <c r="JWB678" s="613"/>
      <c r="JWC678" s="613"/>
      <c r="JWD678" s="613"/>
      <c r="JWE678" s="613"/>
      <c r="JWF678" s="613"/>
      <c r="JWG678" s="613"/>
      <c r="JWH678" s="613"/>
      <c r="JWI678" s="613"/>
      <c r="JWJ678" s="613"/>
      <c r="JWK678" s="613"/>
      <c r="JWL678" s="613"/>
      <c r="JWM678" s="613"/>
      <c r="JWN678" s="613"/>
      <c r="JWO678" s="613"/>
      <c r="JWP678" s="613"/>
      <c r="JWQ678" s="613"/>
      <c r="JWR678" s="613"/>
      <c r="JWS678" s="613"/>
      <c r="JWT678" s="613"/>
      <c r="JWU678" s="613"/>
      <c r="JWV678" s="613"/>
      <c r="JWW678" s="613"/>
      <c r="JWX678" s="613"/>
      <c r="JWY678" s="613"/>
      <c r="JWZ678" s="613"/>
      <c r="JXA678" s="613"/>
      <c r="JXB678" s="613"/>
      <c r="JXC678" s="613"/>
      <c r="JXD678" s="613"/>
      <c r="JXE678" s="613"/>
      <c r="JXF678" s="613"/>
      <c r="JXG678" s="613"/>
      <c r="JXH678" s="613"/>
      <c r="JXI678" s="613"/>
      <c r="JXJ678" s="613"/>
      <c r="JXK678" s="613"/>
      <c r="JXL678" s="613"/>
      <c r="JXM678" s="613"/>
      <c r="JXN678" s="613"/>
      <c r="JXO678" s="613"/>
      <c r="JXP678" s="613"/>
      <c r="JXQ678" s="613"/>
      <c r="JXR678" s="613"/>
      <c r="JXS678" s="613"/>
      <c r="JXT678" s="613"/>
      <c r="JXU678" s="613"/>
      <c r="JXV678" s="613"/>
      <c r="JXW678" s="613"/>
      <c r="JXX678" s="613"/>
      <c r="JXY678" s="613"/>
      <c r="JXZ678" s="613"/>
      <c r="JYA678" s="613"/>
      <c r="JYB678" s="613"/>
      <c r="JYC678" s="613"/>
      <c r="JYD678" s="613"/>
      <c r="JYE678" s="613"/>
      <c r="JYF678" s="613"/>
      <c r="JYG678" s="613"/>
      <c r="JYH678" s="613"/>
      <c r="JYI678" s="613"/>
      <c r="JYJ678" s="613"/>
      <c r="JYK678" s="613"/>
      <c r="JYL678" s="613"/>
      <c r="JYM678" s="613"/>
      <c r="JYN678" s="613"/>
      <c r="JYO678" s="613"/>
      <c r="JYP678" s="613"/>
      <c r="JYQ678" s="613"/>
      <c r="JYR678" s="613"/>
      <c r="JYS678" s="613"/>
      <c r="JYT678" s="613"/>
      <c r="JYU678" s="613"/>
      <c r="JYV678" s="613"/>
      <c r="JYW678" s="613"/>
      <c r="JYX678" s="613"/>
      <c r="JYY678" s="613"/>
      <c r="JYZ678" s="613"/>
      <c r="JZA678" s="613"/>
      <c r="JZB678" s="613"/>
      <c r="JZC678" s="613"/>
      <c r="JZD678" s="613"/>
      <c r="JZE678" s="613"/>
      <c r="JZF678" s="613"/>
      <c r="JZG678" s="613"/>
      <c r="JZH678" s="613"/>
      <c r="JZI678" s="613"/>
      <c r="JZJ678" s="613"/>
      <c r="JZK678" s="613"/>
      <c r="JZL678" s="613"/>
      <c r="JZM678" s="613"/>
      <c r="JZN678" s="613"/>
      <c r="JZO678" s="613"/>
      <c r="JZP678" s="613"/>
      <c r="JZQ678" s="613"/>
      <c r="JZR678" s="613"/>
      <c r="JZS678" s="613"/>
      <c r="JZT678" s="613"/>
      <c r="JZU678" s="613"/>
      <c r="JZV678" s="613"/>
      <c r="JZW678" s="613"/>
      <c r="JZX678" s="613"/>
      <c r="JZY678" s="613"/>
      <c r="JZZ678" s="613"/>
      <c r="KAA678" s="613"/>
      <c r="KAB678" s="613"/>
      <c r="KAC678" s="613"/>
      <c r="KAD678" s="613"/>
      <c r="KAE678" s="613"/>
      <c r="KAF678" s="613"/>
      <c r="KAG678" s="613"/>
      <c r="KAH678" s="613"/>
      <c r="KAI678" s="613"/>
      <c r="KAJ678" s="613"/>
      <c r="KAK678" s="613"/>
      <c r="KAL678" s="613"/>
      <c r="KAM678" s="613"/>
      <c r="KAN678" s="613"/>
      <c r="KAO678" s="613"/>
      <c r="KAP678" s="613"/>
      <c r="KAQ678" s="613"/>
      <c r="KAR678" s="613"/>
      <c r="KAS678" s="613"/>
      <c r="KAT678" s="613"/>
      <c r="KAU678" s="613"/>
      <c r="KAV678" s="613"/>
      <c r="KAW678" s="613"/>
      <c r="KAX678" s="613"/>
      <c r="KAY678" s="613"/>
      <c r="KAZ678" s="613"/>
      <c r="KBA678" s="613"/>
      <c r="KBB678" s="613"/>
      <c r="KBC678" s="613"/>
      <c r="KBD678" s="613"/>
      <c r="KBE678" s="613"/>
      <c r="KBF678" s="613"/>
      <c r="KBG678" s="613"/>
      <c r="KBH678" s="613"/>
      <c r="KBI678" s="613"/>
      <c r="KBJ678" s="613"/>
      <c r="KBK678" s="613"/>
      <c r="KBL678" s="613"/>
      <c r="KBM678" s="613"/>
      <c r="KBN678" s="613"/>
      <c r="KBO678" s="613"/>
      <c r="KBP678" s="613"/>
      <c r="KBQ678" s="613"/>
      <c r="KBR678" s="613"/>
      <c r="KBS678" s="613"/>
      <c r="KBT678" s="613"/>
      <c r="KBU678" s="613"/>
      <c r="KBV678" s="613"/>
      <c r="KBW678" s="613"/>
      <c r="KBX678" s="613"/>
      <c r="KBY678" s="613"/>
      <c r="KBZ678" s="613"/>
      <c r="KCA678" s="613"/>
      <c r="KCB678" s="613"/>
      <c r="KCC678" s="613"/>
      <c r="KCD678" s="613"/>
      <c r="KCE678" s="613"/>
      <c r="KCF678" s="613"/>
      <c r="KCG678" s="613"/>
      <c r="KCH678" s="613"/>
      <c r="KCI678" s="613"/>
      <c r="KCJ678" s="613"/>
      <c r="KCK678" s="613"/>
      <c r="KCL678" s="613"/>
      <c r="KCM678" s="613"/>
      <c r="KCN678" s="613"/>
      <c r="KCO678" s="613"/>
      <c r="KCP678" s="613"/>
      <c r="KCQ678" s="613"/>
      <c r="KCR678" s="613"/>
      <c r="KCS678" s="613"/>
      <c r="KCT678" s="613"/>
      <c r="KCU678" s="613"/>
      <c r="KCV678" s="613"/>
      <c r="KCW678" s="613"/>
      <c r="KCX678" s="613"/>
      <c r="KCY678" s="613"/>
      <c r="KCZ678" s="613"/>
      <c r="KDA678" s="613"/>
      <c r="KDB678" s="613"/>
      <c r="KDC678" s="613"/>
      <c r="KDD678" s="613"/>
      <c r="KDE678" s="613"/>
      <c r="KDF678" s="613"/>
      <c r="KDG678" s="613"/>
      <c r="KDH678" s="613"/>
      <c r="KDI678" s="613"/>
      <c r="KDJ678" s="613"/>
      <c r="KDK678" s="613"/>
      <c r="KDL678" s="613"/>
      <c r="KDM678" s="613"/>
      <c r="KDN678" s="613"/>
      <c r="KDO678" s="613"/>
      <c r="KDP678" s="613"/>
      <c r="KDQ678" s="613"/>
      <c r="KDR678" s="613"/>
      <c r="KDS678" s="613"/>
      <c r="KDT678" s="613"/>
      <c r="KDU678" s="613"/>
      <c r="KDV678" s="613"/>
      <c r="KDW678" s="613"/>
      <c r="KDX678" s="613"/>
      <c r="KDY678" s="613"/>
      <c r="KDZ678" s="613"/>
      <c r="KEA678" s="613"/>
      <c r="KEB678" s="613"/>
      <c r="KEC678" s="613"/>
      <c r="KED678" s="613"/>
      <c r="KEE678" s="613"/>
      <c r="KEF678" s="613"/>
      <c r="KEG678" s="613"/>
      <c r="KEH678" s="613"/>
      <c r="KEI678" s="613"/>
      <c r="KEJ678" s="613"/>
      <c r="KEK678" s="613"/>
      <c r="KEL678" s="613"/>
      <c r="KEM678" s="613"/>
      <c r="KEN678" s="613"/>
      <c r="KEO678" s="613"/>
      <c r="KEP678" s="613"/>
      <c r="KEQ678" s="613"/>
      <c r="KER678" s="613"/>
      <c r="KES678" s="613"/>
      <c r="KET678" s="613"/>
      <c r="KEU678" s="613"/>
      <c r="KEV678" s="613"/>
      <c r="KEW678" s="613"/>
      <c r="KEX678" s="613"/>
      <c r="KEY678" s="613"/>
      <c r="KEZ678" s="613"/>
      <c r="KFA678" s="613"/>
      <c r="KFB678" s="613"/>
      <c r="KFC678" s="613"/>
      <c r="KFD678" s="613"/>
      <c r="KFE678" s="613"/>
      <c r="KFF678" s="613"/>
      <c r="KFG678" s="613"/>
      <c r="KFH678" s="613"/>
      <c r="KFI678" s="613"/>
      <c r="KFJ678" s="613"/>
      <c r="KFK678" s="613"/>
      <c r="KFL678" s="613"/>
      <c r="KFM678" s="613"/>
      <c r="KFN678" s="613"/>
      <c r="KFO678" s="613"/>
      <c r="KFP678" s="613"/>
      <c r="KFQ678" s="613"/>
      <c r="KFR678" s="613"/>
      <c r="KFS678" s="613"/>
      <c r="KFT678" s="613"/>
      <c r="KFU678" s="613"/>
      <c r="KFV678" s="613"/>
      <c r="KFW678" s="613"/>
      <c r="KFX678" s="613"/>
      <c r="KFY678" s="613"/>
      <c r="KFZ678" s="613"/>
      <c r="KGA678" s="613"/>
      <c r="KGB678" s="613"/>
      <c r="KGC678" s="613"/>
      <c r="KGD678" s="613"/>
      <c r="KGE678" s="613"/>
      <c r="KGF678" s="613"/>
      <c r="KGG678" s="613"/>
      <c r="KGH678" s="613"/>
      <c r="KGI678" s="613"/>
      <c r="KGJ678" s="613"/>
      <c r="KGK678" s="613"/>
      <c r="KGL678" s="613"/>
      <c r="KGM678" s="613"/>
      <c r="KGN678" s="613"/>
      <c r="KGO678" s="613"/>
      <c r="KGP678" s="613"/>
      <c r="KGQ678" s="613"/>
      <c r="KGR678" s="613"/>
      <c r="KGS678" s="613"/>
      <c r="KGT678" s="613"/>
      <c r="KGU678" s="613"/>
      <c r="KGV678" s="613"/>
      <c r="KGW678" s="613"/>
      <c r="KGX678" s="613"/>
      <c r="KGY678" s="613"/>
      <c r="KGZ678" s="613"/>
      <c r="KHA678" s="613"/>
      <c r="KHB678" s="613"/>
      <c r="KHC678" s="613"/>
      <c r="KHD678" s="613"/>
      <c r="KHE678" s="613"/>
      <c r="KHF678" s="613"/>
      <c r="KHG678" s="613"/>
      <c r="KHH678" s="613"/>
      <c r="KHI678" s="613"/>
      <c r="KHJ678" s="613"/>
      <c r="KHK678" s="613"/>
      <c r="KHL678" s="613"/>
      <c r="KHM678" s="613"/>
      <c r="KHN678" s="613"/>
      <c r="KHO678" s="613"/>
      <c r="KHP678" s="613"/>
      <c r="KHQ678" s="613"/>
      <c r="KHR678" s="613"/>
      <c r="KHS678" s="613"/>
      <c r="KHT678" s="613"/>
      <c r="KHU678" s="613"/>
      <c r="KHV678" s="613"/>
      <c r="KHW678" s="613"/>
      <c r="KHX678" s="613"/>
      <c r="KHY678" s="613"/>
      <c r="KHZ678" s="613"/>
      <c r="KIA678" s="613"/>
      <c r="KIB678" s="613"/>
      <c r="KIC678" s="613"/>
      <c r="KID678" s="613"/>
      <c r="KIE678" s="613"/>
      <c r="KIF678" s="613"/>
      <c r="KIG678" s="613"/>
      <c r="KIH678" s="613"/>
      <c r="KII678" s="613"/>
      <c r="KIJ678" s="613"/>
      <c r="KIK678" s="613"/>
      <c r="KIL678" s="613"/>
      <c r="KIM678" s="613"/>
      <c r="KIN678" s="613"/>
      <c r="KIO678" s="613"/>
      <c r="KIP678" s="613"/>
      <c r="KIQ678" s="613"/>
      <c r="KIR678" s="613"/>
      <c r="KIS678" s="613"/>
      <c r="KIT678" s="613"/>
      <c r="KIU678" s="613"/>
      <c r="KIV678" s="613"/>
      <c r="KIW678" s="613"/>
      <c r="KIX678" s="613"/>
      <c r="KIY678" s="613"/>
      <c r="KIZ678" s="613"/>
      <c r="KJA678" s="613"/>
      <c r="KJB678" s="613"/>
      <c r="KJC678" s="613"/>
      <c r="KJD678" s="613"/>
      <c r="KJE678" s="613"/>
      <c r="KJF678" s="613"/>
      <c r="KJG678" s="613"/>
      <c r="KJH678" s="613"/>
      <c r="KJI678" s="613"/>
      <c r="KJJ678" s="613"/>
      <c r="KJK678" s="613"/>
      <c r="KJL678" s="613"/>
      <c r="KJM678" s="613"/>
      <c r="KJN678" s="613"/>
      <c r="KJO678" s="613"/>
      <c r="KJP678" s="613"/>
      <c r="KJQ678" s="613"/>
      <c r="KJR678" s="613"/>
      <c r="KJS678" s="613"/>
      <c r="KJT678" s="613"/>
      <c r="KJU678" s="613"/>
      <c r="KJV678" s="613"/>
      <c r="KJW678" s="613"/>
      <c r="KJX678" s="613"/>
      <c r="KJY678" s="613"/>
      <c r="KJZ678" s="613"/>
      <c r="KKA678" s="613"/>
      <c r="KKB678" s="613"/>
      <c r="KKC678" s="613"/>
      <c r="KKD678" s="613"/>
      <c r="KKE678" s="613"/>
      <c r="KKF678" s="613"/>
      <c r="KKG678" s="613"/>
      <c r="KKH678" s="613"/>
      <c r="KKI678" s="613"/>
      <c r="KKJ678" s="613"/>
      <c r="KKK678" s="613"/>
      <c r="KKL678" s="613"/>
      <c r="KKM678" s="613"/>
      <c r="KKN678" s="613"/>
      <c r="KKO678" s="613"/>
      <c r="KKP678" s="613"/>
      <c r="KKQ678" s="613"/>
      <c r="KKR678" s="613"/>
      <c r="KKS678" s="613"/>
      <c r="KKT678" s="613"/>
      <c r="KKU678" s="613"/>
      <c r="KKV678" s="613"/>
      <c r="KKW678" s="613"/>
      <c r="KKX678" s="613"/>
      <c r="KKY678" s="613"/>
      <c r="KKZ678" s="613"/>
      <c r="KLA678" s="613"/>
      <c r="KLB678" s="613"/>
      <c r="KLC678" s="613"/>
      <c r="KLD678" s="613"/>
      <c r="KLE678" s="613"/>
      <c r="KLF678" s="613"/>
      <c r="KLG678" s="613"/>
      <c r="KLH678" s="613"/>
      <c r="KLI678" s="613"/>
      <c r="KLJ678" s="613"/>
      <c r="KLK678" s="613"/>
      <c r="KLL678" s="613"/>
      <c r="KLM678" s="613"/>
      <c r="KLN678" s="613"/>
      <c r="KLO678" s="613"/>
      <c r="KLP678" s="613"/>
      <c r="KLQ678" s="613"/>
      <c r="KLR678" s="613"/>
      <c r="KLS678" s="613"/>
      <c r="KLT678" s="613"/>
      <c r="KLU678" s="613"/>
      <c r="KLV678" s="613"/>
      <c r="KLW678" s="613"/>
      <c r="KLX678" s="613"/>
      <c r="KLY678" s="613"/>
      <c r="KLZ678" s="613"/>
      <c r="KMA678" s="613"/>
      <c r="KMB678" s="613"/>
      <c r="KMC678" s="613"/>
      <c r="KMD678" s="613"/>
      <c r="KME678" s="613"/>
      <c r="KMF678" s="613"/>
      <c r="KMG678" s="613"/>
      <c r="KMH678" s="613"/>
      <c r="KMI678" s="613"/>
      <c r="KMJ678" s="613"/>
      <c r="KMK678" s="613"/>
      <c r="KML678" s="613"/>
      <c r="KMM678" s="613"/>
      <c r="KMN678" s="613"/>
      <c r="KMO678" s="613"/>
      <c r="KMP678" s="613"/>
      <c r="KMQ678" s="613"/>
      <c r="KMR678" s="613"/>
      <c r="KMS678" s="613"/>
      <c r="KMT678" s="613"/>
      <c r="KMU678" s="613"/>
      <c r="KMV678" s="613"/>
      <c r="KMW678" s="613"/>
      <c r="KMX678" s="613"/>
      <c r="KMY678" s="613"/>
      <c r="KMZ678" s="613"/>
      <c r="KNA678" s="613"/>
      <c r="KNB678" s="613"/>
      <c r="KNC678" s="613"/>
      <c r="KND678" s="613"/>
      <c r="KNE678" s="613"/>
      <c r="KNF678" s="613"/>
      <c r="KNG678" s="613"/>
      <c r="KNH678" s="613"/>
      <c r="KNI678" s="613"/>
      <c r="KNJ678" s="613"/>
      <c r="KNK678" s="613"/>
      <c r="KNL678" s="613"/>
      <c r="KNM678" s="613"/>
      <c r="KNN678" s="613"/>
      <c r="KNO678" s="613"/>
      <c r="KNP678" s="613"/>
      <c r="KNQ678" s="613"/>
      <c r="KNR678" s="613"/>
      <c r="KNS678" s="613"/>
      <c r="KNT678" s="613"/>
      <c r="KNU678" s="613"/>
      <c r="KNV678" s="613"/>
      <c r="KNW678" s="613"/>
      <c r="KNX678" s="613"/>
      <c r="KNY678" s="613"/>
      <c r="KNZ678" s="613"/>
      <c r="KOA678" s="613"/>
      <c r="KOB678" s="613"/>
      <c r="KOC678" s="613"/>
      <c r="KOD678" s="613"/>
      <c r="KOE678" s="613"/>
      <c r="KOF678" s="613"/>
      <c r="KOG678" s="613"/>
      <c r="KOH678" s="613"/>
      <c r="KOI678" s="613"/>
      <c r="KOJ678" s="613"/>
      <c r="KOK678" s="613"/>
      <c r="KOL678" s="613"/>
      <c r="KOM678" s="613"/>
      <c r="KON678" s="613"/>
      <c r="KOO678" s="613"/>
      <c r="KOP678" s="613"/>
      <c r="KOQ678" s="613"/>
      <c r="KOR678" s="613"/>
      <c r="KOS678" s="613"/>
      <c r="KOT678" s="613"/>
      <c r="KOU678" s="613"/>
      <c r="KOV678" s="613"/>
      <c r="KOW678" s="613"/>
      <c r="KOX678" s="613"/>
      <c r="KOY678" s="613"/>
      <c r="KOZ678" s="613"/>
      <c r="KPA678" s="613"/>
      <c r="KPB678" s="613"/>
      <c r="KPC678" s="613"/>
      <c r="KPD678" s="613"/>
      <c r="KPE678" s="613"/>
      <c r="KPF678" s="613"/>
      <c r="KPG678" s="613"/>
      <c r="KPH678" s="613"/>
      <c r="KPI678" s="613"/>
      <c r="KPJ678" s="613"/>
      <c r="KPK678" s="613"/>
      <c r="KPL678" s="613"/>
      <c r="KPM678" s="613"/>
      <c r="KPN678" s="613"/>
      <c r="KPO678" s="613"/>
      <c r="KPP678" s="613"/>
      <c r="KPQ678" s="613"/>
      <c r="KPR678" s="613"/>
      <c r="KPS678" s="613"/>
      <c r="KPT678" s="613"/>
      <c r="KPU678" s="613"/>
      <c r="KPV678" s="613"/>
      <c r="KPW678" s="613"/>
      <c r="KPX678" s="613"/>
      <c r="KPY678" s="613"/>
      <c r="KPZ678" s="613"/>
      <c r="KQA678" s="613"/>
      <c r="KQB678" s="613"/>
      <c r="KQC678" s="613"/>
      <c r="KQD678" s="613"/>
      <c r="KQE678" s="613"/>
      <c r="KQF678" s="613"/>
      <c r="KQG678" s="613"/>
      <c r="KQH678" s="613"/>
      <c r="KQI678" s="613"/>
      <c r="KQJ678" s="613"/>
      <c r="KQK678" s="613"/>
      <c r="KQL678" s="613"/>
      <c r="KQM678" s="613"/>
      <c r="KQN678" s="613"/>
      <c r="KQO678" s="613"/>
      <c r="KQP678" s="613"/>
      <c r="KQQ678" s="613"/>
      <c r="KQR678" s="613"/>
      <c r="KQS678" s="613"/>
      <c r="KQT678" s="613"/>
      <c r="KQU678" s="613"/>
      <c r="KQV678" s="613"/>
      <c r="KQW678" s="613"/>
      <c r="KQX678" s="613"/>
      <c r="KQY678" s="613"/>
      <c r="KQZ678" s="613"/>
      <c r="KRA678" s="613"/>
      <c r="KRB678" s="613"/>
      <c r="KRC678" s="613"/>
      <c r="KRD678" s="613"/>
      <c r="KRE678" s="613"/>
      <c r="KRF678" s="613"/>
      <c r="KRG678" s="613"/>
      <c r="KRH678" s="613"/>
      <c r="KRI678" s="613"/>
      <c r="KRJ678" s="613"/>
      <c r="KRK678" s="613"/>
      <c r="KRL678" s="613"/>
      <c r="KRM678" s="613"/>
      <c r="KRN678" s="613"/>
      <c r="KRO678" s="613"/>
      <c r="KRP678" s="613"/>
      <c r="KRQ678" s="613"/>
      <c r="KRR678" s="613"/>
      <c r="KRS678" s="613"/>
      <c r="KRT678" s="613"/>
      <c r="KRU678" s="613"/>
      <c r="KRV678" s="613"/>
      <c r="KRW678" s="613"/>
      <c r="KRX678" s="613"/>
      <c r="KRY678" s="613"/>
      <c r="KRZ678" s="613"/>
      <c r="KSA678" s="613"/>
      <c r="KSB678" s="613"/>
      <c r="KSC678" s="613"/>
      <c r="KSD678" s="613"/>
      <c r="KSE678" s="613"/>
      <c r="KSF678" s="613"/>
      <c r="KSG678" s="613"/>
      <c r="KSH678" s="613"/>
      <c r="KSI678" s="613"/>
      <c r="KSJ678" s="613"/>
      <c r="KSK678" s="613"/>
      <c r="KSL678" s="613"/>
      <c r="KSM678" s="613"/>
      <c r="KSN678" s="613"/>
      <c r="KSO678" s="613"/>
      <c r="KSP678" s="613"/>
      <c r="KSQ678" s="613"/>
      <c r="KSR678" s="613"/>
      <c r="KSS678" s="613"/>
      <c r="KST678" s="613"/>
      <c r="KSU678" s="613"/>
      <c r="KSV678" s="613"/>
      <c r="KSW678" s="613"/>
      <c r="KSX678" s="613"/>
      <c r="KSY678" s="613"/>
      <c r="KSZ678" s="613"/>
      <c r="KTA678" s="613"/>
      <c r="KTB678" s="613"/>
      <c r="KTC678" s="613"/>
      <c r="KTD678" s="613"/>
      <c r="KTE678" s="613"/>
      <c r="KTF678" s="613"/>
      <c r="KTG678" s="613"/>
      <c r="KTH678" s="613"/>
      <c r="KTI678" s="613"/>
      <c r="KTJ678" s="613"/>
      <c r="KTK678" s="613"/>
      <c r="KTL678" s="613"/>
      <c r="KTM678" s="613"/>
      <c r="KTN678" s="613"/>
      <c r="KTO678" s="613"/>
      <c r="KTP678" s="613"/>
      <c r="KTQ678" s="613"/>
      <c r="KTR678" s="613"/>
      <c r="KTS678" s="613"/>
      <c r="KTT678" s="613"/>
      <c r="KTU678" s="613"/>
      <c r="KTV678" s="613"/>
      <c r="KTW678" s="613"/>
      <c r="KTX678" s="613"/>
      <c r="KTY678" s="613"/>
      <c r="KTZ678" s="613"/>
      <c r="KUA678" s="613"/>
      <c r="KUB678" s="613"/>
      <c r="KUC678" s="613"/>
      <c r="KUD678" s="613"/>
      <c r="KUE678" s="613"/>
      <c r="KUF678" s="613"/>
      <c r="KUG678" s="613"/>
      <c r="KUH678" s="613"/>
      <c r="KUI678" s="613"/>
      <c r="KUJ678" s="613"/>
      <c r="KUK678" s="613"/>
      <c r="KUL678" s="613"/>
      <c r="KUM678" s="613"/>
      <c r="KUN678" s="613"/>
      <c r="KUO678" s="613"/>
      <c r="KUP678" s="613"/>
      <c r="KUQ678" s="613"/>
      <c r="KUR678" s="613"/>
      <c r="KUS678" s="613"/>
      <c r="KUT678" s="613"/>
      <c r="KUU678" s="613"/>
      <c r="KUV678" s="613"/>
      <c r="KUW678" s="613"/>
      <c r="KUX678" s="613"/>
      <c r="KUY678" s="613"/>
      <c r="KUZ678" s="613"/>
      <c r="KVA678" s="613"/>
      <c r="KVB678" s="613"/>
      <c r="KVC678" s="613"/>
      <c r="KVD678" s="613"/>
      <c r="KVE678" s="613"/>
      <c r="KVF678" s="613"/>
      <c r="KVG678" s="613"/>
      <c r="KVH678" s="613"/>
      <c r="KVI678" s="613"/>
      <c r="KVJ678" s="613"/>
      <c r="KVK678" s="613"/>
      <c r="KVL678" s="613"/>
      <c r="KVM678" s="613"/>
      <c r="KVN678" s="613"/>
      <c r="KVO678" s="613"/>
      <c r="KVP678" s="613"/>
      <c r="KVQ678" s="613"/>
      <c r="KVR678" s="613"/>
      <c r="KVS678" s="613"/>
      <c r="KVT678" s="613"/>
      <c r="KVU678" s="613"/>
      <c r="KVV678" s="613"/>
      <c r="KVW678" s="613"/>
      <c r="KVX678" s="613"/>
      <c r="KVY678" s="613"/>
      <c r="KVZ678" s="613"/>
      <c r="KWA678" s="613"/>
      <c r="KWB678" s="613"/>
      <c r="KWC678" s="613"/>
      <c r="KWD678" s="613"/>
      <c r="KWE678" s="613"/>
      <c r="KWF678" s="613"/>
      <c r="KWG678" s="613"/>
      <c r="KWH678" s="613"/>
      <c r="KWI678" s="613"/>
      <c r="KWJ678" s="613"/>
      <c r="KWK678" s="613"/>
      <c r="KWL678" s="613"/>
      <c r="KWM678" s="613"/>
      <c r="KWN678" s="613"/>
      <c r="KWO678" s="613"/>
      <c r="KWP678" s="613"/>
      <c r="KWQ678" s="613"/>
      <c r="KWR678" s="613"/>
      <c r="KWS678" s="613"/>
      <c r="KWT678" s="613"/>
      <c r="KWU678" s="613"/>
      <c r="KWV678" s="613"/>
      <c r="KWW678" s="613"/>
      <c r="KWX678" s="613"/>
      <c r="KWY678" s="613"/>
      <c r="KWZ678" s="613"/>
      <c r="KXA678" s="613"/>
      <c r="KXB678" s="613"/>
      <c r="KXC678" s="613"/>
      <c r="KXD678" s="613"/>
      <c r="KXE678" s="613"/>
      <c r="KXF678" s="613"/>
      <c r="KXG678" s="613"/>
      <c r="KXH678" s="613"/>
      <c r="KXI678" s="613"/>
      <c r="KXJ678" s="613"/>
      <c r="KXK678" s="613"/>
      <c r="KXL678" s="613"/>
      <c r="KXM678" s="613"/>
      <c r="KXN678" s="613"/>
      <c r="KXO678" s="613"/>
      <c r="KXP678" s="613"/>
      <c r="KXQ678" s="613"/>
      <c r="KXR678" s="613"/>
      <c r="KXS678" s="613"/>
      <c r="KXT678" s="613"/>
      <c r="KXU678" s="613"/>
      <c r="KXV678" s="613"/>
      <c r="KXW678" s="613"/>
      <c r="KXX678" s="613"/>
      <c r="KXY678" s="613"/>
      <c r="KXZ678" s="613"/>
      <c r="KYA678" s="613"/>
      <c r="KYB678" s="613"/>
      <c r="KYC678" s="613"/>
      <c r="KYD678" s="613"/>
      <c r="KYE678" s="613"/>
      <c r="KYF678" s="613"/>
      <c r="KYG678" s="613"/>
      <c r="KYH678" s="613"/>
      <c r="KYI678" s="613"/>
      <c r="KYJ678" s="613"/>
      <c r="KYK678" s="613"/>
      <c r="KYL678" s="613"/>
      <c r="KYM678" s="613"/>
      <c r="KYN678" s="613"/>
      <c r="KYO678" s="613"/>
      <c r="KYP678" s="613"/>
      <c r="KYQ678" s="613"/>
      <c r="KYR678" s="613"/>
      <c r="KYS678" s="613"/>
      <c r="KYT678" s="613"/>
      <c r="KYU678" s="613"/>
      <c r="KYV678" s="613"/>
      <c r="KYW678" s="613"/>
      <c r="KYX678" s="613"/>
      <c r="KYY678" s="613"/>
      <c r="KYZ678" s="613"/>
      <c r="KZA678" s="613"/>
      <c r="KZB678" s="613"/>
      <c r="KZC678" s="613"/>
      <c r="KZD678" s="613"/>
      <c r="KZE678" s="613"/>
      <c r="KZF678" s="613"/>
      <c r="KZG678" s="613"/>
      <c r="KZH678" s="613"/>
      <c r="KZI678" s="613"/>
      <c r="KZJ678" s="613"/>
      <c r="KZK678" s="613"/>
      <c r="KZL678" s="613"/>
      <c r="KZM678" s="613"/>
      <c r="KZN678" s="613"/>
      <c r="KZO678" s="613"/>
      <c r="KZP678" s="613"/>
      <c r="KZQ678" s="613"/>
      <c r="KZR678" s="613"/>
      <c r="KZS678" s="613"/>
      <c r="KZT678" s="613"/>
      <c r="KZU678" s="613"/>
      <c r="KZV678" s="613"/>
      <c r="KZW678" s="613"/>
      <c r="KZX678" s="613"/>
      <c r="KZY678" s="613"/>
      <c r="KZZ678" s="613"/>
      <c r="LAA678" s="613"/>
      <c r="LAB678" s="613"/>
      <c r="LAC678" s="613"/>
      <c r="LAD678" s="613"/>
      <c r="LAE678" s="613"/>
      <c r="LAF678" s="613"/>
      <c r="LAG678" s="613"/>
      <c r="LAH678" s="613"/>
      <c r="LAI678" s="613"/>
      <c r="LAJ678" s="613"/>
      <c r="LAK678" s="613"/>
      <c r="LAL678" s="613"/>
      <c r="LAM678" s="613"/>
      <c r="LAN678" s="613"/>
      <c r="LAO678" s="613"/>
      <c r="LAP678" s="613"/>
      <c r="LAQ678" s="613"/>
      <c r="LAR678" s="613"/>
      <c r="LAS678" s="613"/>
      <c r="LAT678" s="613"/>
      <c r="LAU678" s="613"/>
      <c r="LAV678" s="613"/>
      <c r="LAW678" s="613"/>
      <c r="LAX678" s="613"/>
      <c r="LAY678" s="613"/>
      <c r="LAZ678" s="613"/>
      <c r="LBA678" s="613"/>
      <c r="LBB678" s="613"/>
      <c r="LBC678" s="613"/>
      <c r="LBD678" s="613"/>
      <c r="LBE678" s="613"/>
      <c r="LBF678" s="613"/>
      <c r="LBG678" s="613"/>
      <c r="LBH678" s="613"/>
      <c r="LBI678" s="613"/>
      <c r="LBJ678" s="613"/>
      <c r="LBK678" s="613"/>
      <c r="LBL678" s="613"/>
      <c r="LBM678" s="613"/>
      <c r="LBN678" s="613"/>
      <c r="LBO678" s="613"/>
      <c r="LBP678" s="613"/>
      <c r="LBQ678" s="613"/>
      <c r="LBR678" s="613"/>
      <c r="LBS678" s="613"/>
      <c r="LBT678" s="613"/>
      <c r="LBU678" s="613"/>
      <c r="LBV678" s="613"/>
      <c r="LBW678" s="613"/>
      <c r="LBX678" s="613"/>
      <c r="LBY678" s="613"/>
      <c r="LBZ678" s="613"/>
      <c r="LCA678" s="613"/>
      <c r="LCB678" s="613"/>
      <c r="LCC678" s="613"/>
      <c r="LCD678" s="613"/>
      <c r="LCE678" s="613"/>
      <c r="LCF678" s="613"/>
      <c r="LCG678" s="613"/>
      <c r="LCH678" s="613"/>
      <c r="LCI678" s="613"/>
      <c r="LCJ678" s="613"/>
      <c r="LCK678" s="613"/>
      <c r="LCL678" s="613"/>
      <c r="LCM678" s="613"/>
      <c r="LCN678" s="613"/>
      <c r="LCO678" s="613"/>
      <c r="LCP678" s="613"/>
      <c r="LCQ678" s="613"/>
      <c r="LCR678" s="613"/>
      <c r="LCS678" s="613"/>
      <c r="LCT678" s="613"/>
      <c r="LCU678" s="613"/>
      <c r="LCV678" s="613"/>
      <c r="LCW678" s="613"/>
      <c r="LCX678" s="613"/>
      <c r="LCY678" s="613"/>
      <c r="LCZ678" s="613"/>
      <c r="LDA678" s="613"/>
      <c r="LDB678" s="613"/>
      <c r="LDC678" s="613"/>
      <c r="LDD678" s="613"/>
      <c r="LDE678" s="613"/>
      <c r="LDF678" s="613"/>
      <c r="LDG678" s="613"/>
      <c r="LDH678" s="613"/>
      <c r="LDI678" s="613"/>
      <c r="LDJ678" s="613"/>
      <c r="LDK678" s="613"/>
      <c r="LDL678" s="613"/>
      <c r="LDM678" s="613"/>
      <c r="LDN678" s="613"/>
      <c r="LDO678" s="613"/>
      <c r="LDP678" s="613"/>
      <c r="LDQ678" s="613"/>
      <c r="LDR678" s="613"/>
      <c r="LDS678" s="613"/>
      <c r="LDT678" s="613"/>
      <c r="LDU678" s="613"/>
      <c r="LDV678" s="613"/>
      <c r="LDW678" s="613"/>
      <c r="LDX678" s="613"/>
      <c r="LDY678" s="613"/>
      <c r="LDZ678" s="613"/>
      <c r="LEA678" s="613"/>
      <c r="LEB678" s="613"/>
      <c r="LEC678" s="613"/>
      <c r="LED678" s="613"/>
      <c r="LEE678" s="613"/>
      <c r="LEF678" s="613"/>
      <c r="LEG678" s="613"/>
      <c r="LEH678" s="613"/>
      <c r="LEI678" s="613"/>
      <c r="LEJ678" s="613"/>
      <c r="LEK678" s="613"/>
      <c r="LEL678" s="613"/>
      <c r="LEM678" s="613"/>
      <c r="LEN678" s="613"/>
      <c r="LEO678" s="613"/>
      <c r="LEP678" s="613"/>
      <c r="LEQ678" s="613"/>
      <c r="LER678" s="613"/>
      <c r="LES678" s="613"/>
      <c r="LET678" s="613"/>
      <c r="LEU678" s="613"/>
      <c r="LEV678" s="613"/>
      <c r="LEW678" s="613"/>
      <c r="LEX678" s="613"/>
      <c r="LEY678" s="613"/>
      <c r="LEZ678" s="613"/>
      <c r="LFA678" s="613"/>
      <c r="LFB678" s="613"/>
      <c r="LFC678" s="613"/>
      <c r="LFD678" s="613"/>
      <c r="LFE678" s="613"/>
      <c r="LFF678" s="613"/>
      <c r="LFG678" s="613"/>
      <c r="LFH678" s="613"/>
      <c r="LFI678" s="613"/>
      <c r="LFJ678" s="613"/>
      <c r="LFK678" s="613"/>
      <c r="LFL678" s="613"/>
      <c r="LFM678" s="613"/>
      <c r="LFN678" s="613"/>
      <c r="LFO678" s="613"/>
      <c r="LFP678" s="613"/>
      <c r="LFQ678" s="613"/>
      <c r="LFR678" s="613"/>
      <c r="LFS678" s="613"/>
      <c r="LFT678" s="613"/>
      <c r="LFU678" s="613"/>
      <c r="LFV678" s="613"/>
      <c r="LFW678" s="613"/>
      <c r="LFX678" s="613"/>
      <c r="LFY678" s="613"/>
      <c r="LFZ678" s="613"/>
      <c r="LGA678" s="613"/>
      <c r="LGB678" s="613"/>
      <c r="LGC678" s="613"/>
      <c r="LGD678" s="613"/>
      <c r="LGE678" s="613"/>
      <c r="LGF678" s="613"/>
      <c r="LGG678" s="613"/>
      <c r="LGH678" s="613"/>
      <c r="LGI678" s="613"/>
      <c r="LGJ678" s="613"/>
      <c r="LGK678" s="613"/>
      <c r="LGL678" s="613"/>
      <c r="LGM678" s="613"/>
      <c r="LGN678" s="613"/>
      <c r="LGO678" s="613"/>
      <c r="LGP678" s="613"/>
      <c r="LGQ678" s="613"/>
      <c r="LGR678" s="613"/>
      <c r="LGS678" s="613"/>
      <c r="LGT678" s="613"/>
      <c r="LGU678" s="613"/>
      <c r="LGV678" s="613"/>
      <c r="LGW678" s="613"/>
      <c r="LGX678" s="613"/>
      <c r="LGY678" s="613"/>
      <c r="LGZ678" s="613"/>
      <c r="LHA678" s="613"/>
      <c r="LHB678" s="613"/>
      <c r="LHC678" s="613"/>
      <c r="LHD678" s="613"/>
      <c r="LHE678" s="613"/>
      <c r="LHF678" s="613"/>
      <c r="LHG678" s="613"/>
      <c r="LHH678" s="613"/>
      <c r="LHI678" s="613"/>
      <c r="LHJ678" s="613"/>
      <c r="LHK678" s="613"/>
      <c r="LHL678" s="613"/>
      <c r="LHM678" s="613"/>
      <c r="LHN678" s="613"/>
      <c r="LHO678" s="613"/>
      <c r="LHP678" s="613"/>
      <c r="LHQ678" s="613"/>
      <c r="LHR678" s="613"/>
      <c r="LHS678" s="613"/>
      <c r="LHT678" s="613"/>
      <c r="LHU678" s="613"/>
      <c r="LHV678" s="613"/>
      <c r="LHW678" s="613"/>
      <c r="LHX678" s="613"/>
      <c r="LHY678" s="613"/>
      <c r="LHZ678" s="613"/>
      <c r="LIA678" s="613"/>
      <c r="LIB678" s="613"/>
      <c r="LIC678" s="613"/>
      <c r="LID678" s="613"/>
      <c r="LIE678" s="613"/>
      <c r="LIF678" s="613"/>
      <c r="LIG678" s="613"/>
      <c r="LIH678" s="613"/>
      <c r="LII678" s="613"/>
      <c r="LIJ678" s="613"/>
      <c r="LIK678" s="613"/>
      <c r="LIL678" s="613"/>
      <c r="LIM678" s="613"/>
      <c r="LIN678" s="613"/>
      <c r="LIO678" s="613"/>
      <c r="LIP678" s="613"/>
      <c r="LIQ678" s="613"/>
      <c r="LIR678" s="613"/>
      <c r="LIS678" s="613"/>
      <c r="LIT678" s="613"/>
      <c r="LIU678" s="613"/>
      <c r="LIV678" s="613"/>
      <c r="LIW678" s="613"/>
      <c r="LIX678" s="613"/>
      <c r="LIY678" s="613"/>
      <c r="LIZ678" s="613"/>
      <c r="LJA678" s="613"/>
      <c r="LJB678" s="613"/>
      <c r="LJC678" s="613"/>
      <c r="LJD678" s="613"/>
      <c r="LJE678" s="613"/>
      <c r="LJF678" s="613"/>
      <c r="LJG678" s="613"/>
      <c r="LJH678" s="613"/>
      <c r="LJI678" s="613"/>
      <c r="LJJ678" s="613"/>
      <c r="LJK678" s="613"/>
      <c r="LJL678" s="613"/>
      <c r="LJM678" s="613"/>
      <c r="LJN678" s="613"/>
      <c r="LJO678" s="613"/>
      <c r="LJP678" s="613"/>
      <c r="LJQ678" s="613"/>
      <c r="LJR678" s="613"/>
      <c r="LJS678" s="613"/>
      <c r="LJT678" s="613"/>
      <c r="LJU678" s="613"/>
      <c r="LJV678" s="613"/>
      <c r="LJW678" s="613"/>
      <c r="LJX678" s="613"/>
      <c r="LJY678" s="613"/>
      <c r="LJZ678" s="613"/>
      <c r="LKA678" s="613"/>
      <c r="LKB678" s="613"/>
      <c r="LKC678" s="613"/>
      <c r="LKD678" s="613"/>
      <c r="LKE678" s="613"/>
      <c r="LKF678" s="613"/>
      <c r="LKG678" s="613"/>
      <c r="LKH678" s="613"/>
      <c r="LKI678" s="613"/>
      <c r="LKJ678" s="613"/>
      <c r="LKK678" s="613"/>
      <c r="LKL678" s="613"/>
      <c r="LKM678" s="613"/>
      <c r="LKN678" s="613"/>
      <c r="LKO678" s="613"/>
      <c r="LKP678" s="613"/>
      <c r="LKQ678" s="613"/>
      <c r="LKR678" s="613"/>
      <c r="LKS678" s="613"/>
      <c r="LKT678" s="613"/>
      <c r="LKU678" s="613"/>
      <c r="LKV678" s="613"/>
      <c r="LKW678" s="613"/>
      <c r="LKX678" s="613"/>
      <c r="LKY678" s="613"/>
      <c r="LKZ678" s="613"/>
      <c r="LLA678" s="613"/>
      <c r="LLB678" s="613"/>
      <c r="LLC678" s="613"/>
      <c r="LLD678" s="613"/>
      <c r="LLE678" s="613"/>
      <c r="LLF678" s="613"/>
      <c r="LLG678" s="613"/>
      <c r="LLH678" s="613"/>
      <c r="LLI678" s="613"/>
      <c r="LLJ678" s="613"/>
      <c r="LLK678" s="613"/>
      <c r="LLL678" s="613"/>
      <c r="LLM678" s="613"/>
      <c r="LLN678" s="613"/>
      <c r="LLO678" s="613"/>
      <c r="LLP678" s="613"/>
      <c r="LLQ678" s="613"/>
      <c r="LLR678" s="613"/>
      <c r="LLS678" s="613"/>
      <c r="LLT678" s="613"/>
      <c r="LLU678" s="613"/>
      <c r="LLV678" s="613"/>
      <c r="LLW678" s="613"/>
      <c r="LLX678" s="613"/>
      <c r="LLY678" s="613"/>
      <c r="LLZ678" s="613"/>
      <c r="LMA678" s="613"/>
      <c r="LMB678" s="613"/>
      <c r="LMC678" s="613"/>
      <c r="LMD678" s="613"/>
      <c r="LME678" s="613"/>
      <c r="LMF678" s="613"/>
      <c r="LMG678" s="613"/>
      <c r="LMH678" s="613"/>
      <c r="LMI678" s="613"/>
      <c r="LMJ678" s="613"/>
      <c r="LMK678" s="613"/>
      <c r="LML678" s="613"/>
      <c r="LMM678" s="613"/>
      <c r="LMN678" s="613"/>
      <c r="LMO678" s="613"/>
      <c r="LMP678" s="613"/>
      <c r="LMQ678" s="613"/>
      <c r="LMR678" s="613"/>
      <c r="LMS678" s="613"/>
      <c r="LMT678" s="613"/>
      <c r="LMU678" s="613"/>
      <c r="LMV678" s="613"/>
      <c r="LMW678" s="613"/>
      <c r="LMX678" s="613"/>
      <c r="LMY678" s="613"/>
      <c r="LMZ678" s="613"/>
      <c r="LNA678" s="613"/>
      <c r="LNB678" s="613"/>
      <c r="LNC678" s="613"/>
      <c r="LND678" s="613"/>
      <c r="LNE678" s="613"/>
      <c r="LNF678" s="613"/>
      <c r="LNG678" s="613"/>
      <c r="LNH678" s="613"/>
      <c r="LNI678" s="613"/>
      <c r="LNJ678" s="613"/>
      <c r="LNK678" s="613"/>
      <c r="LNL678" s="613"/>
      <c r="LNM678" s="613"/>
      <c r="LNN678" s="613"/>
      <c r="LNO678" s="613"/>
      <c r="LNP678" s="613"/>
      <c r="LNQ678" s="613"/>
      <c r="LNR678" s="613"/>
      <c r="LNS678" s="613"/>
      <c r="LNT678" s="613"/>
      <c r="LNU678" s="613"/>
      <c r="LNV678" s="613"/>
      <c r="LNW678" s="613"/>
      <c r="LNX678" s="613"/>
      <c r="LNY678" s="613"/>
      <c r="LNZ678" s="613"/>
      <c r="LOA678" s="613"/>
      <c r="LOB678" s="613"/>
      <c r="LOC678" s="613"/>
      <c r="LOD678" s="613"/>
      <c r="LOE678" s="613"/>
      <c r="LOF678" s="613"/>
      <c r="LOG678" s="613"/>
      <c r="LOH678" s="613"/>
      <c r="LOI678" s="613"/>
      <c r="LOJ678" s="613"/>
      <c r="LOK678" s="613"/>
      <c r="LOL678" s="613"/>
      <c r="LOM678" s="613"/>
      <c r="LON678" s="613"/>
      <c r="LOO678" s="613"/>
      <c r="LOP678" s="613"/>
      <c r="LOQ678" s="613"/>
      <c r="LOR678" s="613"/>
      <c r="LOS678" s="613"/>
      <c r="LOT678" s="613"/>
      <c r="LOU678" s="613"/>
      <c r="LOV678" s="613"/>
      <c r="LOW678" s="613"/>
      <c r="LOX678" s="613"/>
      <c r="LOY678" s="613"/>
      <c r="LOZ678" s="613"/>
      <c r="LPA678" s="613"/>
      <c r="LPB678" s="613"/>
      <c r="LPC678" s="613"/>
      <c r="LPD678" s="613"/>
      <c r="LPE678" s="613"/>
      <c r="LPF678" s="613"/>
      <c r="LPG678" s="613"/>
      <c r="LPH678" s="613"/>
      <c r="LPI678" s="613"/>
      <c r="LPJ678" s="613"/>
      <c r="LPK678" s="613"/>
      <c r="LPL678" s="613"/>
      <c r="LPM678" s="613"/>
      <c r="LPN678" s="613"/>
      <c r="LPO678" s="613"/>
      <c r="LPP678" s="613"/>
      <c r="LPQ678" s="613"/>
      <c r="LPR678" s="613"/>
      <c r="LPS678" s="613"/>
      <c r="LPT678" s="613"/>
      <c r="LPU678" s="613"/>
      <c r="LPV678" s="613"/>
      <c r="LPW678" s="613"/>
      <c r="LPX678" s="613"/>
      <c r="LPY678" s="613"/>
      <c r="LPZ678" s="613"/>
      <c r="LQA678" s="613"/>
      <c r="LQB678" s="613"/>
      <c r="LQC678" s="613"/>
      <c r="LQD678" s="613"/>
      <c r="LQE678" s="613"/>
      <c r="LQF678" s="613"/>
      <c r="LQG678" s="613"/>
      <c r="LQH678" s="613"/>
      <c r="LQI678" s="613"/>
      <c r="LQJ678" s="613"/>
      <c r="LQK678" s="613"/>
      <c r="LQL678" s="613"/>
      <c r="LQM678" s="613"/>
      <c r="LQN678" s="613"/>
      <c r="LQO678" s="613"/>
      <c r="LQP678" s="613"/>
      <c r="LQQ678" s="613"/>
      <c r="LQR678" s="613"/>
      <c r="LQS678" s="613"/>
      <c r="LQT678" s="613"/>
      <c r="LQU678" s="613"/>
      <c r="LQV678" s="613"/>
      <c r="LQW678" s="613"/>
      <c r="LQX678" s="613"/>
      <c r="LQY678" s="613"/>
      <c r="LQZ678" s="613"/>
      <c r="LRA678" s="613"/>
      <c r="LRB678" s="613"/>
      <c r="LRC678" s="613"/>
      <c r="LRD678" s="613"/>
      <c r="LRE678" s="613"/>
      <c r="LRF678" s="613"/>
      <c r="LRG678" s="613"/>
      <c r="LRH678" s="613"/>
      <c r="LRI678" s="613"/>
      <c r="LRJ678" s="613"/>
      <c r="LRK678" s="613"/>
      <c r="LRL678" s="613"/>
      <c r="LRM678" s="613"/>
      <c r="LRN678" s="613"/>
      <c r="LRO678" s="613"/>
      <c r="LRP678" s="613"/>
      <c r="LRQ678" s="613"/>
      <c r="LRR678" s="613"/>
      <c r="LRS678" s="613"/>
      <c r="LRT678" s="613"/>
      <c r="LRU678" s="613"/>
      <c r="LRV678" s="613"/>
      <c r="LRW678" s="613"/>
      <c r="LRX678" s="613"/>
      <c r="LRY678" s="613"/>
      <c r="LRZ678" s="613"/>
      <c r="LSA678" s="613"/>
      <c r="LSB678" s="613"/>
      <c r="LSC678" s="613"/>
      <c r="LSD678" s="613"/>
      <c r="LSE678" s="613"/>
      <c r="LSF678" s="613"/>
      <c r="LSG678" s="613"/>
      <c r="LSH678" s="613"/>
      <c r="LSI678" s="613"/>
      <c r="LSJ678" s="613"/>
      <c r="LSK678" s="613"/>
      <c r="LSL678" s="613"/>
      <c r="LSM678" s="613"/>
      <c r="LSN678" s="613"/>
      <c r="LSO678" s="613"/>
      <c r="LSP678" s="613"/>
      <c r="LSQ678" s="613"/>
      <c r="LSR678" s="613"/>
      <c r="LSS678" s="613"/>
      <c r="LST678" s="613"/>
      <c r="LSU678" s="613"/>
      <c r="LSV678" s="613"/>
      <c r="LSW678" s="613"/>
      <c r="LSX678" s="613"/>
      <c r="LSY678" s="613"/>
      <c r="LSZ678" s="613"/>
      <c r="LTA678" s="613"/>
      <c r="LTB678" s="613"/>
      <c r="LTC678" s="613"/>
      <c r="LTD678" s="613"/>
      <c r="LTE678" s="613"/>
      <c r="LTF678" s="613"/>
      <c r="LTG678" s="613"/>
      <c r="LTH678" s="613"/>
      <c r="LTI678" s="613"/>
      <c r="LTJ678" s="613"/>
      <c r="LTK678" s="613"/>
      <c r="LTL678" s="613"/>
      <c r="LTM678" s="613"/>
      <c r="LTN678" s="613"/>
      <c r="LTO678" s="613"/>
      <c r="LTP678" s="613"/>
      <c r="LTQ678" s="613"/>
      <c r="LTR678" s="613"/>
      <c r="LTS678" s="613"/>
      <c r="LTT678" s="613"/>
      <c r="LTU678" s="613"/>
      <c r="LTV678" s="613"/>
      <c r="LTW678" s="613"/>
      <c r="LTX678" s="613"/>
      <c r="LTY678" s="613"/>
      <c r="LTZ678" s="613"/>
      <c r="LUA678" s="613"/>
      <c r="LUB678" s="613"/>
      <c r="LUC678" s="613"/>
      <c r="LUD678" s="613"/>
      <c r="LUE678" s="613"/>
      <c r="LUF678" s="613"/>
      <c r="LUG678" s="613"/>
      <c r="LUH678" s="613"/>
      <c r="LUI678" s="613"/>
      <c r="LUJ678" s="613"/>
      <c r="LUK678" s="613"/>
      <c r="LUL678" s="613"/>
      <c r="LUM678" s="613"/>
      <c r="LUN678" s="613"/>
      <c r="LUO678" s="613"/>
      <c r="LUP678" s="613"/>
      <c r="LUQ678" s="613"/>
      <c r="LUR678" s="613"/>
      <c r="LUS678" s="613"/>
      <c r="LUT678" s="613"/>
      <c r="LUU678" s="613"/>
      <c r="LUV678" s="613"/>
      <c r="LUW678" s="613"/>
      <c r="LUX678" s="613"/>
      <c r="LUY678" s="613"/>
      <c r="LUZ678" s="613"/>
      <c r="LVA678" s="613"/>
      <c r="LVB678" s="613"/>
      <c r="LVC678" s="613"/>
      <c r="LVD678" s="613"/>
      <c r="LVE678" s="613"/>
      <c r="LVF678" s="613"/>
      <c r="LVG678" s="613"/>
      <c r="LVH678" s="613"/>
      <c r="LVI678" s="613"/>
      <c r="LVJ678" s="613"/>
      <c r="LVK678" s="613"/>
      <c r="LVL678" s="613"/>
      <c r="LVM678" s="613"/>
      <c r="LVN678" s="613"/>
      <c r="LVO678" s="613"/>
      <c r="LVP678" s="613"/>
      <c r="LVQ678" s="613"/>
      <c r="LVR678" s="613"/>
      <c r="LVS678" s="613"/>
      <c r="LVT678" s="613"/>
      <c r="LVU678" s="613"/>
      <c r="LVV678" s="613"/>
      <c r="LVW678" s="613"/>
      <c r="LVX678" s="613"/>
      <c r="LVY678" s="613"/>
      <c r="LVZ678" s="613"/>
      <c r="LWA678" s="613"/>
      <c r="LWB678" s="613"/>
      <c r="LWC678" s="613"/>
      <c r="LWD678" s="613"/>
      <c r="LWE678" s="613"/>
      <c r="LWF678" s="613"/>
      <c r="LWG678" s="613"/>
      <c r="LWH678" s="613"/>
      <c r="LWI678" s="613"/>
      <c r="LWJ678" s="613"/>
      <c r="LWK678" s="613"/>
      <c r="LWL678" s="613"/>
      <c r="LWM678" s="613"/>
      <c r="LWN678" s="613"/>
      <c r="LWO678" s="613"/>
      <c r="LWP678" s="613"/>
      <c r="LWQ678" s="613"/>
      <c r="LWR678" s="613"/>
      <c r="LWS678" s="613"/>
      <c r="LWT678" s="613"/>
      <c r="LWU678" s="613"/>
      <c r="LWV678" s="613"/>
      <c r="LWW678" s="613"/>
      <c r="LWX678" s="613"/>
      <c r="LWY678" s="613"/>
      <c r="LWZ678" s="613"/>
      <c r="LXA678" s="613"/>
      <c r="LXB678" s="613"/>
      <c r="LXC678" s="613"/>
      <c r="LXD678" s="613"/>
      <c r="LXE678" s="613"/>
      <c r="LXF678" s="613"/>
      <c r="LXG678" s="613"/>
      <c r="LXH678" s="613"/>
      <c r="LXI678" s="613"/>
      <c r="LXJ678" s="613"/>
      <c r="LXK678" s="613"/>
      <c r="LXL678" s="613"/>
      <c r="LXM678" s="613"/>
      <c r="LXN678" s="613"/>
      <c r="LXO678" s="613"/>
      <c r="LXP678" s="613"/>
      <c r="LXQ678" s="613"/>
      <c r="LXR678" s="613"/>
      <c r="LXS678" s="613"/>
      <c r="LXT678" s="613"/>
      <c r="LXU678" s="613"/>
      <c r="LXV678" s="613"/>
      <c r="LXW678" s="613"/>
      <c r="LXX678" s="613"/>
      <c r="LXY678" s="613"/>
      <c r="LXZ678" s="613"/>
      <c r="LYA678" s="613"/>
      <c r="LYB678" s="613"/>
      <c r="LYC678" s="613"/>
      <c r="LYD678" s="613"/>
      <c r="LYE678" s="613"/>
      <c r="LYF678" s="613"/>
      <c r="LYG678" s="613"/>
      <c r="LYH678" s="613"/>
      <c r="LYI678" s="613"/>
      <c r="LYJ678" s="613"/>
      <c r="LYK678" s="613"/>
      <c r="LYL678" s="613"/>
      <c r="LYM678" s="613"/>
      <c r="LYN678" s="613"/>
      <c r="LYO678" s="613"/>
      <c r="LYP678" s="613"/>
      <c r="LYQ678" s="613"/>
      <c r="LYR678" s="613"/>
      <c r="LYS678" s="613"/>
      <c r="LYT678" s="613"/>
      <c r="LYU678" s="613"/>
      <c r="LYV678" s="613"/>
      <c r="LYW678" s="613"/>
      <c r="LYX678" s="613"/>
      <c r="LYY678" s="613"/>
      <c r="LYZ678" s="613"/>
      <c r="LZA678" s="613"/>
      <c r="LZB678" s="613"/>
      <c r="LZC678" s="613"/>
      <c r="LZD678" s="613"/>
      <c r="LZE678" s="613"/>
      <c r="LZF678" s="613"/>
      <c r="LZG678" s="613"/>
      <c r="LZH678" s="613"/>
      <c r="LZI678" s="613"/>
      <c r="LZJ678" s="613"/>
      <c r="LZK678" s="613"/>
      <c r="LZL678" s="613"/>
      <c r="LZM678" s="613"/>
      <c r="LZN678" s="613"/>
      <c r="LZO678" s="613"/>
      <c r="LZP678" s="613"/>
      <c r="LZQ678" s="613"/>
      <c r="LZR678" s="613"/>
      <c r="LZS678" s="613"/>
      <c r="LZT678" s="613"/>
      <c r="LZU678" s="613"/>
      <c r="LZV678" s="613"/>
      <c r="LZW678" s="613"/>
      <c r="LZX678" s="613"/>
      <c r="LZY678" s="613"/>
      <c r="LZZ678" s="613"/>
      <c r="MAA678" s="613"/>
      <c r="MAB678" s="613"/>
      <c r="MAC678" s="613"/>
      <c r="MAD678" s="613"/>
      <c r="MAE678" s="613"/>
      <c r="MAF678" s="613"/>
      <c r="MAG678" s="613"/>
      <c r="MAH678" s="613"/>
      <c r="MAI678" s="613"/>
      <c r="MAJ678" s="613"/>
      <c r="MAK678" s="613"/>
      <c r="MAL678" s="613"/>
      <c r="MAM678" s="613"/>
      <c r="MAN678" s="613"/>
      <c r="MAO678" s="613"/>
      <c r="MAP678" s="613"/>
      <c r="MAQ678" s="613"/>
      <c r="MAR678" s="613"/>
      <c r="MAS678" s="613"/>
      <c r="MAT678" s="613"/>
      <c r="MAU678" s="613"/>
      <c r="MAV678" s="613"/>
      <c r="MAW678" s="613"/>
      <c r="MAX678" s="613"/>
      <c r="MAY678" s="613"/>
      <c r="MAZ678" s="613"/>
      <c r="MBA678" s="613"/>
      <c r="MBB678" s="613"/>
      <c r="MBC678" s="613"/>
      <c r="MBD678" s="613"/>
      <c r="MBE678" s="613"/>
      <c r="MBF678" s="613"/>
      <c r="MBG678" s="613"/>
      <c r="MBH678" s="613"/>
      <c r="MBI678" s="613"/>
      <c r="MBJ678" s="613"/>
      <c r="MBK678" s="613"/>
      <c r="MBL678" s="613"/>
      <c r="MBM678" s="613"/>
      <c r="MBN678" s="613"/>
      <c r="MBO678" s="613"/>
      <c r="MBP678" s="613"/>
      <c r="MBQ678" s="613"/>
      <c r="MBR678" s="613"/>
      <c r="MBS678" s="613"/>
      <c r="MBT678" s="613"/>
      <c r="MBU678" s="613"/>
      <c r="MBV678" s="613"/>
      <c r="MBW678" s="613"/>
      <c r="MBX678" s="613"/>
      <c r="MBY678" s="613"/>
      <c r="MBZ678" s="613"/>
      <c r="MCA678" s="613"/>
      <c r="MCB678" s="613"/>
      <c r="MCC678" s="613"/>
      <c r="MCD678" s="613"/>
      <c r="MCE678" s="613"/>
      <c r="MCF678" s="613"/>
      <c r="MCG678" s="613"/>
      <c r="MCH678" s="613"/>
      <c r="MCI678" s="613"/>
      <c r="MCJ678" s="613"/>
      <c r="MCK678" s="613"/>
      <c r="MCL678" s="613"/>
      <c r="MCM678" s="613"/>
      <c r="MCN678" s="613"/>
      <c r="MCO678" s="613"/>
      <c r="MCP678" s="613"/>
      <c r="MCQ678" s="613"/>
      <c r="MCR678" s="613"/>
      <c r="MCS678" s="613"/>
      <c r="MCT678" s="613"/>
      <c r="MCU678" s="613"/>
      <c r="MCV678" s="613"/>
      <c r="MCW678" s="613"/>
      <c r="MCX678" s="613"/>
      <c r="MCY678" s="613"/>
      <c r="MCZ678" s="613"/>
      <c r="MDA678" s="613"/>
      <c r="MDB678" s="613"/>
      <c r="MDC678" s="613"/>
      <c r="MDD678" s="613"/>
      <c r="MDE678" s="613"/>
      <c r="MDF678" s="613"/>
      <c r="MDG678" s="613"/>
      <c r="MDH678" s="613"/>
      <c r="MDI678" s="613"/>
      <c r="MDJ678" s="613"/>
      <c r="MDK678" s="613"/>
      <c r="MDL678" s="613"/>
      <c r="MDM678" s="613"/>
      <c r="MDN678" s="613"/>
      <c r="MDO678" s="613"/>
      <c r="MDP678" s="613"/>
      <c r="MDQ678" s="613"/>
      <c r="MDR678" s="613"/>
      <c r="MDS678" s="613"/>
      <c r="MDT678" s="613"/>
      <c r="MDU678" s="613"/>
      <c r="MDV678" s="613"/>
      <c r="MDW678" s="613"/>
      <c r="MDX678" s="613"/>
      <c r="MDY678" s="613"/>
      <c r="MDZ678" s="613"/>
      <c r="MEA678" s="613"/>
      <c r="MEB678" s="613"/>
      <c r="MEC678" s="613"/>
      <c r="MED678" s="613"/>
      <c r="MEE678" s="613"/>
      <c r="MEF678" s="613"/>
      <c r="MEG678" s="613"/>
      <c r="MEH678" s="613"/>
      <c r="MEI678" s="613"/>
      <c r="MEJ678" s="613"/>
      <c r="MEK678" s="613"/>
      <c r="MEL678" s="613"/>
      <c r="MEM678" s="613"/>
      <c r="MEN678" s="613"/>
      <c r="MEO678" s="613"/>
      <c r="MEP678" s="613"/>
      <c r="MEQ678" s="613"/>
      <c r="MER678" s="613"/>
      <c r="MES678" s="613"/>
      <c r="MET678" s="613"/>
      <c r="MEU678" s="613"/>
      <c r="MEV678" s="613"/>
      <c r="MEW678" s="613"/>
      <c r="MEX678" s="613"/>
      <c r="MEY678" s="613"/>
      <c r="MEZ678" s="613"/>
      <c r="MFA678" s="613"/>
      <c r="MFB678" s="613"/>
      <c r="MFC678" s="613"/>
      <c r="MFD678" s="613"/>
      <c r="MFE678" s="613"/>
      <c r="MFF678" s="613"/>
      <c r="MFG678" s="613"/>
      <c r="MFH678" s="613"/>
      <c r="MFI678" s="613"/>
      <c r="MFJ678" s="613"/>
      <c r="MFK678" s="613"/>
      <c r="MFL678" s="613"/>
      <c r="MFM678" s="613"/>
      <c r="MFN678" s="613"/>
      <c r="MFO678" s="613"/>
      <c r="MFP678" s="613"/>
      <c r="MFQ678" s="613"/>
      <c r="MFR678" s="613"/>
      <c r="MFS678" s="613"/>
      <c r="MFT678" s="613"/>
      <c r="MFU678" s="613"/>
      <c r="MFV678" s="613"/>
      <c r="MFW678" s="613"/>
      <c r="MFX678" s="613"/>
      <c r="MFY678" s="613"/>
      <c r="MFZ678" s="613"/>
      <c r="MGA678" s="613"/>
      <c r="MGB678" s="613"/>
      <c r="MGC678" s="613"/>
      <c r="MGD678" s="613"/>
      <c r="MGE678" s="613"/>
      <c r="MGF678" s="613"/>
      <c r="MGG678" s="613"/>
      <c r="MGH678" s="613"/>
      <c r="MGI678" s="613"/>
      <c r="MGJ678" s="613"/>
      <c r="MGK678" s="613"/>
      <c r="MGL678" s="613"/>
      <c r="MGM678" s="613"/>
      <c r="MGN678" s="613"/>
      <c r="MGO678" s="613"/>
      <c r="MGP678" s="613"/>
      <c r="MGQ678" s="613"/>
      <c r="MGR678" s="613"/>
      <c r="MGS678" s="613"/>
      <c r="MGT678" s="613"/>
      <c r="MGU678" s="613"/>
      <c r="MGV678" s="613"/>
      <c r="MGW678" s="613"/>
      <c r="MGX678" s="613"/>
      <c r="MGY678" s="613"/>
      <c r="MGZ678" s="613"/>
      <c r="MHA678" s="613"/>
      <c r="MHB678" s="613"/>
      <c r="MHC678" s="613"/>
      <c r="MHD678" s="613"/>
      <c r="MHE678" s="613"/>
      <c r="MHF678" s="613"/>
      <c r="MHG678" s="613"/>
      <c r="MHH678" s="613"/>
      <c r="MHI678" s="613"/>
      <c r="MHJ678" s="613"/>
      <c r="MHK678" s="613"/>
      <c r="MHL678" s="613"/>
      <c r="MHM678" s="613"/>
      <c r="MHN678" s="613"/>
      <c r="MHO678" s="613"/>
      <c r="MHP678" s="613"/>
      <c r="MHQ678" s="613"/>
      <c r="MHR678" s="613"/>
      <c r="MHS678" s="613"/>
      <c r="MHT678" s="613"/>
      <c r="MHU678" s="613"/>
      <c r="MHV678" s="613"/>
      <c r="MHW678" s="613"/>
      <c r="MHX678" s="613"/>
      <c r="MHY678" s="613"/>
      <c r="MHZ678" s="613"/>
      <c r="MIA678" s="613"/>
      <c r="MIB678" s="613"/>
      <c r="MIC678" s="613"/>
      <c r="MID678" s="613"/>
      <c r="MIE678" s="613"/>
      <c r="MIF678" s="613"/>
      <c r="MIG678" s="613"/>
      <c r="MIH678" s="613"/>
      <c r="MII678" s="613"/>
      <c r="MIJ678" s="613"/>
      <c r="MIK678" s="613"/>
      <c r="MIL678" s="613"/>
      <c r="MIM678" s="613"/>
      <c r="MIN678" s="613"/>
      <c r="MIO678" s="613"/>
      <c r="MIP678" s="613"/>
      <c r="MIQ678" s="613"/>
      <c r="MIR678" s="613"/>
      <c r="MIS678" s="613"/>
      <c r="MIT678" s="613"/>
      <c r="MIU678" s="613"/>
      <c r="MIV678" s="613"/>
      <c r="MIW678" s="613"/>
      <c r="MIX678" s="613"/>
      <c r="MIY678" s="613"/>
      <c r="MIZ678" s="613"/>
      <c r="MJA678" s="613"/>
      <c r="MJB678" s="613"/>
      <c r="MJC678" s="613"/>
      <c r="MJD678" s="613"/>
      <c r="MJE678" s="613"/>
      <c r="MJF678" s="613"/>
      <c r="MJG678" s="613"/>
      <c r="MJH678" s="613"/>
      <c r="MJI678" s="613"/>
      <c r="MJJ678" s="613"/>
      <c r="MJK678" s="613"/>
      <c r="MJL678" s="613"/>
      <c r="MJM678" s="613"/>
      <c r="MJN678" s="613"/>
      <c r="MJO678" s="613"/>
      <c r="MJP678" s="613"/>
      <c r="MJQ678" s="613"/>
      <c r="MJR678" s="613"/>
      <c r="MJS678" s="613"/>
      <c r="MJT678" s="613"/>
      <c r="MJU678" s="613"/>
      <c r="MJV678" s="613"/>
      <c r="MJW678" s="613"/>
      <c r="MJX678" s="613"/>
      <c r="MJY678" s="613"/>
      <c r="MJZ678" s="613"/>
      <c r="MKA678" s="613"/>
      <c r="MKB678" s="613"/>
      <c r="MKC678" s="613"/>
      <c r="MKD678" s="613"/>
      <c r="MKE678" s="613"/>
      <c r="MKF678" s="613"/>
      <c r="MKG678" s="613"/>
      <c r="MKH678" s="613"/>
      <c r="MKI678" s="613"/>
      <c r="MKJ678" s="613"/>
      <c r="MKK678" s="613"/>
      <c r="MKL678" s="613"/>
      <c r="MKM678" s="613"/>
      <c r="MKN678" s="613"/>
      <c r="MKO678" s="613"/>
      <c r="MKP678" s="613"/>
      <c r="MKQ678" s="613"/>
      <c r="MKR678" s="613"/>
      <c r="MKS678" s="613"/>
      <c r="MKT678" s="613"/>
      <c r="MKU678" s="613"/>
      <c r="MKV678" s="613"/>
      <c r="MKW678" s="613"/>
      <c r="MKX678" s="613"/>
      <c r="MKY678" s="613"/>
      <c r="MKZ678" s="613"/>
      <c r="MLA678" s="613"/>
      <c r="MLB678" s="613"/>
      <c r="MLC678" s="613"/>
      <c r="MLD678" s="613"/>
      <c r="MLE678" s="613"/>
      <c r="MLF678" s="613"/>
      <c r="MLG678" s="613"/>
      <c r="MLH678" s="613"/>
      <c r="MLI678" s="613"/>
      <c r="MLJ678" s="613"/>
      <c r="MLK678" s="613"/>
      <c r="MLL678" s="613"/>
      <c r="MLM678" s="613"/>
      <c r="MLN678" s="613"/>
      <c r="MLO678" s="613"/>
      <c r="MLP678" s="613"/>
      <c r="MLQ678" s="613"/>
      <c r="MLR678" s="613"/>
      <c r="MLS678" s="613"/>
      <c r="MLT678" s="613"/>
      <c r="MLU678" s="613"/>
      <c r="MLV678" s="613"/>
      <c r="MLW678" s="613"/>
      <c r="MLX678" s="613"/>
      <c r="MLY678" s="613"/>
      <c r="MLZ678" s="613"/>
      <c r="MMA678" s="613"/>
      <c r="MMB678" s="613"/>
      <c r="MMC678" s="613"/>
      <c r="MMD678" s="613"/>
      <c r="MME678" s="613"/>
      <c r="MMF678" s="613"/>
      <c r="MMG678" s="613"/>
      <c r="MMH678" s="613"/>
      <c r="MMI678" s="613"/>
      <c r="MMJ678" s="613"/>
      <c r="MMK678" s="613"/>
      <c r="MML678" s="613"/>
      <c r="MMM678" s="613"/>
      <c r="MMN678" s="613"/>
      <c r="MMO678" s="613"/>
      <c r="MMP678" s="613"/>
      <c r="MMQ678" s="613"/>
      <c r="MMR678" s="613"/>
      <c r="MMS678" s="613"/>
      <c r="MMT678" s="613"/>
      <c r="MMU678" s="613"/>
      <c r="MMV678" s="613"/>
      <c r="MMW678" s="613"/>
      <c r="MMX678" s="613"/>
      <c r="MMY678" s="613"/>
      <c r="MMZ678" s="613"/>
      <c r="MNA678" s="613"/>
      <c r="MNB678" s="613"/>
      <c r="MNC678" s="613"/>
      <c r="MND678" s="613"/>
      <c r="MNE678" s="613"/>
      <c r="MNF678" s="613"/>
      <c r="MNG678" s="613"/>
      <c r="MNH678" s="613"/>
      <c r="MNI678" s="613"/>
      <c r="MNJ678" s="613"/>
      <c r="MNK678" s="613"/>
      <c r="MNL678" s="613"/>
      <c r="MNM678" s="613"/>
      <c r="MNN678" s="613"/>
      <c r="MNO678" s="613"/>
      <c r="MNP678" s="613"/>
      <c r="MNQ678" s="613"/>
      <c r="MNR678" s="613"/>
      <c r="MNS678" s="613"/>
      <c r="MNT678" s="613"/>
      <c r="MNU678" s="613"/>
      <c r="MNV678" s="613"/>
      <c r="MNW678" s="613"/>
      <c r="MNX678" s="613"/>
      <c r="MNY678" s="613"/>
      <c r="MNZ678" s="613"/>
      <c r="MOA678" s="613"/>
      <c r="MOB678" s="613"/>
      <c r="MOC678" s="613"/>
      <c r="MOD678" s="613"/>
      <c r="MOE678" s="613"/>
      <c r="MOF678" s="613"/>
      <c r="MOG678" s="613"/>
      <c r="MOH678" s="613"/>
      <c r="MOI678" s="613"/>
      <c r="MOJ678" s="613"/>
      <c r="MOK678" s="613"/>
      <c r="MOL678" s="613"/>
      <c r="MOM678" s="613"/>
      <c r="MON678" s="613"/>
      <c r="MOO678" s="613"/>
      <c r="MOP678" s="613"/>
      <c r="MOQ678" s="613"/>
      <c r="MOR678" s="613"/>
      <c r="MOS678" s="613"/>
      <c r="MOT678" s="613"/>
      <c r="MOU678" s="613"/>
      <c r="MOV678" s="613"/>
      <c r="MOW678" s="613"/>
      <c r="MOX678" s="613"/>
      <c r="MOY678" s="613"/>
      <c r="MOZ678" s="613"/>
      <c r="MPA678" s="613"/>
      <c r="MPB678" s="613"/>
      <c r="MPC678" s="613"/>
      <c r="MPD678" s="613"/>
      <c r="MPE678" s="613"/>
      <c r="MPF678" s="613"/>
      <c r="MPG678" s="613"/>
      <c r="MPH678" s="613"/>
      <c r="MPI678" s="613"/>
      <c r="MPJ678" s="613"/>
      <c r="MPK678" s="613"/>
      <c r="MPL678" s="613"/>
      <c r="MPM678" s="613"/>
      <c r="MPN678" s="613"/>
      <c r="MPO678" s="613"/>
      <c r="MPP678" s="613"/>
      <c r="MPQ678" s="613"/>
      <c r="MPR678" s="613"/>
      <c r="MPS678" s="613"/>
      <c r="MPT678" s="613"/>
      <c r="MPU678" s="613"/>
      <c r="MPV678" s="613"/>
      <c r="MPW678" s="613"/>
      <c r="MPX678" s="613"/>
      <c r="MPY678" s="613"/>
      <c r="MPZ678" s="613"/>
      <c r="MQA678" s="613"/>
      <c r="MQB678" s="613"/>
      <c r="MQC678" s="613"/>
      <c r="MQD678" s="613"/>
      <c r="MQE678" s="613"/>
      <c r="MQF678" s="613"/>
      <c r="MQG678" s="613"/>
      <c r="MQH678" s="613"/>
      <c r="MQI678" s="613"/>
      <c r="MQJ678" s="613"/>
      <c r="MQK678" s="613"/>
      <c r="MQL678" s="613"/>
      <c r="MQM678" s="613"/>
      <c r="MQN678" s="613"/>
      <c r="MQO678" s="613"/>
      <c r="MQP678" s="613"/>
      <c r="MQQ678" s="613"/>
      <c r="MQR678" s="613"/>
      <c r="MQS678" s="613"/>
      <c r="MQT678" s="613"/>
      <c r="MQU678" s="613"/>
      <c r="MQV678" s="613"/>
      <c r="MQW678" s="613"/>
      <c r="MQX678" s="613"/>
      <c r="MQY678" s="613"/>
      <c r="MQZ678" s="613"/>
      <c r="MRA678" s="613"/>
      <c r="MRB678" s="613"/>
      <c r="MRC678" s="613"/>
      <c r="MRD678" s="613"/>
      <c r="MRE678" s="613"/>
      <c r="MRF678" s="613"/>
      <c r="MRG678" s="613"/>
      <c r="MRH678" s="613"/>
      <c r="MRI678" s="613"/>
      <c r="MRJ678" s="613"/>
      <c r="MRK678" s="613"/>
      <c r="MRL678" s="613"/>
      <c r="MRM678" s="613"/>
      <c r="MRN678" s="613"/>
      <c r="MRO678" s="613"/>
      <c r="MRP678" s="613"/>
      <c r="MRQ678" s="613"/>
      <c r="MRR678" s="613"/>
      <c r="MRS678" s="613"/>
      <c r="MRT678" s="613"/>
      <c r="MRU678" s="613"/>
      <c r="MRV678" s="613"/>
      <c r="MRW678" s="613"/>
      <c r="MRX678" s="613"/>
      <c r="MRY678" s="613"/>
      <c r="MRZ678" s="613"/>
      <c r="MSA678" s="613"/>
      <c r="MSB678" s="613"/>
      <c r="MSC678" s="613"/>
      <c r="MSD678" s="613"/>
      <c r="MSE678" s="613"/>
      <c r="MSF678" s="613"/>
      <c r="MSG678" s="613"/>
      <c r="MSH678" s="613"/>
      <c r="MSI678" s="613"/>
      <c r="MSJ678" s="613"/>
      <c r="MSK678" s="613"/>
      <c r="MSL678" s="613"/>
      <c r="MSM678" s="613"/>
      <c r="MSN678" s="613"/>
      <c r="MSO678" s="613"/>
      <c r="MSP678" s="613"/>
      <c r="MSQ678" s="613"/>
      <c r="MSR678" s="613"/>
      <c r="MSS678" s="613"/>
      <c r="MST678" s="613"/>
      <c r="MSU678" s="613"/>
      <c r="MSV678" s="613"/>
      <c r="MSW678" s="613"/>
      <c r="MSX678" s="613"/>
      <c r="MSY678" s="613"/>
      <c r="MSZ678" s="613"/>
      <c r="MTA678" s="613"/>
      <c r="MTB678" s="613"/>
      <c r="MTC678" s="613"/>
      <c r="MTD678" s="613"/>
      <c r="MTE678" s="613"/>
      <c r="MTF678" s="613"/>
      <c r="MTG678" s="613"/>
      <c r="MTH678" s="613"/>
      <c r="MTI678" s="613"/>
      <c r="MTJ678" s="613"/>
      <c r="MTK678" s="613"/>
      <c r="MTL678" s="613"/>
      <c r="MTM678" s="613"/>
      <c r="MTN678" s="613"/>
      <c r="MTO678" s="613"/>
      <c r="MTP678" s="613"/>
      <c r="MTQ678" s="613"/>
      <c r="MTR678" s="613"/>
      <c r="MTS678" s="613"/>
      <c r="MTT678" s="613"/>
      <c r="MTU678" s="613"/>
      <c r="MTV678" s="613"/>
      <c r="MTW678" s="613"/>
      <c r="MTX678" s="613"/>
      <c r="MTY678" s="613"/>
      <c r="MTZ678" s="613"/>
      <c r="MUA678" s="613"/>
      <c r="MUB678" s="613"/>
      <c r="MUC678" s="613"/>
      <c r="MUD678" s="613"/>
      <c r="MUE678" s="613"/>
      <c r="MUF678" s="613"/>
      <c r="MUG678" s="613"/>
      <c r="MUH678" s="613"/>
      <c r="MUI678" s="613"/>
      <c r="MUJ678" s="613"/>
      <c r="MUK678" s="613"/>
      <c r="MUL678" s="613"/>
      <c r="MUM678" s="613"/>
      <c r="MUN678" s="613"/>
      <c r="MUO678" s="613"/>
      <c r="MUP678" s="613"/>
      <c r="MUQ678" s="613"/>
      <c r="MUR678" s="613"/>
      <c r="MUS678" s="613"/>
      <c r="MUT678" s="613"/>
      <c r="MUU678" s="613"/>
      <c r="MUV678" s="613"/>
      <c r="MUW678" s="613"/>
      <c r="MUX678" s="613"/>
      <c r="MUY678" s="613"/>
      <c r="MUZ678" s="613"/>
      <c r="MVA678" s="613"/>
      <c r="MVB678" s="613"/>
      <c r="MVC678" s="613"/>
      <c r="MVD678" s="613"/>
      <c r="MVE678" s="613"/>
      <c r="MVF678" s="613"/>
      <c r="MVG678" s="613"/>
      <c r="MVH678" s="613"/>
      <c r="MVI678" s="613"/>
      <c r="MVJ678" s="613"/>
      <c r="MVK678" s="613"/>
      <c r="MVL678" s="613"/>
      <c r="MVM678" s="613"/>
      <c r="MVN678" s="613"/>
      <c r="MVO678" s="613"/>
      <c r="MVP678" s="613"/>
      <c r="MVQ678" s="613"/>
      <c r="MVR678" s="613"/>
      <c r="MVS678" s="613"/>
      <c r="MVT678" s="613"/>
      <c r="MVU678" s="613"/>
      <c r="MVV678" s="613"/>
      <c r="MVW678" s="613"/>
      <c r="MVX678" s="613"/>
      <c r="MVY678" s="613"/>
      <c r="MVZ678" s="613"/>
      <c r="MWA678" s="613"/>
      <c r="MWB678" s="613"/>
      <c r="MWC678" s="613"/>
      <c r="MWD678" s="613"/>
      <c r="MWE678" s="613"/>
      <c r="MWF678" s="613"/>
      <c r="MWG678" s="613"/>
      <c r="MWH678" s="613"/>
      <c r="MWI678" s="613"/>
      <c r="MWJ678" s="613"/>
      <c r="MWK678" s="613"/>
      <c r="MWL678" s="613"/>
      <c r="MWM678" s="613"/>
      <c r="MWN678" s="613"/>
      <c r="MWO678" s="613"/>
      <c r="MWP678" s="613"/>
      <c r="MWQ678" s="613"/>
      <c r="MWR678" s="613"/>
      <c r="MWS678" s="613"/>
      <c r="MWT678" s="613"/>
      <c r="MWU678" s="613"/>
      <c r="MWV678" s="613"/>
      <c r="MWW678" s="613"/>
      <c r="MWX678" s="613"/>
      <c r="MWY678" s="613"/>
      <c r="MWZ678" s="613"/>
      <c r="MXA678" s="613"/>
      <c r="MXB678" s="613"/>
      <c r="MXC678" s="613"/>
      <c r="MXD678" s="613"/>
      <c r="MXE678" s="613"/>
      <c r="MXF678" s="613"/>
      <c r="MXG678" s="613"/>
      <c r="MXH678" s="613"/>
      <c r="MXI678" s="613"/>
      <c r="MXJ678" s="613"/>
      <c r="MXK678" s="613"/>
      <c r="MXL678" s="613"/>
      <c r="MXM678" s="613"/>
      <c r="MXN678" s="613"/>
      <c r="MXO678" s="613"/>
      <c r="MXP678" s="613"/>
      <c r="MXQ678" s="613"/>
      <c r="MXR678" s="613"/>
      <c r="MXS678" s="613"/>
      <c r="MXT678" s="613"/>
      <c r="MXU678" s="613"/>
      <c r="MXV678" s="613"/>
      <c r="MXW678" s="613"/>
      <c r="MXX678" s="613"/>
      <c r="MXY678" s="613"/>
      <c r="MXZ678" s="613"/>
      <c r="MYA678" s="613"/>
      <c r="MYB678" s="613"/>
      <c r="MYC678" s="613"/>
      <c r="MYD678" s="613"/>
      <c r="MYE678" s="613"/>
      <c r="MYF678" s="613"/>
      <c r="MYG678" s="613"/>
      <c r="MYH678" s="613"/>
      <c r="MYI678" s="613"/>
      <c r="MYJ678" s="613"/>
      <c r="MYK678" s="613"/>
      <c r="MYL678" s="613"/>
      <c r="MYM678" s="613"/>
      <c r="MYN678" s="613"/>
      <c r="MYO678" s="613"/>
      <c r="MYP678" s="613"/>
      <c r="MYQ678" s="613"/>
      <c r="MYR678" s="613"/>
      <c r="MYS678" s="613"/>
      <c r="MYT678" s="613"/>
      <c r="MYU678" s="613"/>
      <c r="MYV678" s="613"/>
      <c r="MYW678" s="613"/>
      <c r="MYX678" s="613"/>
      <c r="MYY678" s="613"/>
      <c r="MYZ678" s="613"/>
      <c r="MZA678" s="613"/>
      <c r="MZB678" s="613"/>
      <c r="MZC678" s="613"/>
      <c r="MZD678" s="613"/>
      <c r="MZE678" s="613"/>
      <c r="MZF678" s="613"/>
      <c r="MZG678" s="613"/>
      <c r="MZH678" s="613"/>
      <c r="MZI678" s="613"/>
      <c r="MZJ678" s="613"/>
      <c r="MZK678" s="613"/>
      <c r="MZL678" s="613"/>
      <c r="MZM678" s="613"/>
      <c r="MZN678" s="613"/>
      <c r="MZO678" s="613"/>
      <c r="MZP678" s="613"/>
      <c r="MZQ678" s="613"/>
      <c r="MZR678" s="613"/>
      <c r="MZS678" s="613"/>
      <c r="MZT678" s="613"/>
      <c r="MZU678" s="613"/>
      <c r="MZV678" s="613"/>
      <c r="MZW678" s="613"/>
      <c r="MZX678" s="613"/>
      <c r="MZY678" s="613"/>
      <c r="MZZ678" s="613"/>
      <c r="NAA678" s="613"/>
      <c r="NAB678" s="613"/>
      <c r="NAC678" s="613"/>
      <c r="NAD678" s="613"/>
      <c r="NAE678" s="613"/>
      <c r="NAF678" s="613"/>
      <c r="NAG678" s="613"/>
      <c r="NAH678" s="613"/>
      <c r="NAI678" s="613"/>
      <c r="NAJ678" s="613"/>
      <c r="NAK678" s="613"/>
      <c r="NAL678" s="613"/>
      <c r="NAM678" s="613"/>
      <c r="NAN678" s="613"/>
      <c r="NAO678" s="613"/>
      <c r="NAP678" s="613"/>
      <c r="NAQ678" s="613"/>
      <c r="NAR678" s="613"/>
      <c r="NAS678" s="613"/>
      <c r="NAT678" s="613"/>
      <c r="NAU678" s="613"/>
      <c r="NAV678" s="613"/>
      <c r="NAW678" s="613"/>
      <c r="NAX678" s="613"/>
      <c r="NAY678" s="613"/>
      <c r="NAZ678" s="613"/>
      <c r="NBA678" s="613"/>
      <c r="NBB678" s="613"/>
      <c r="NBC678" s="613"/>
      <c r="NBD678" s="613"/>
      <c r="NBE678" s="613"/>
      <c r="NBF678" s="613"/>
      <c r="NBG678" s="613"/>
      <c r="NBH678" s="613"/>
      <c r="NBI678" s="613"/>
      <c r="NBJ678" s="613"/>
      <c r="NBK678" s="613"/>
      <c r="NBL678" s="613"/>
      <c r="NBM678" s="613"/>
      <c r="NBN678" s="613"/>
      <c r="NBO678" s="613"/>
      <c r="NBP678" s="613"/>
      <c r="NBQ678" s="613"/>
      <c r="NBR678" s="613"/>
      <c r="NBS678" s="613"/>
      <c r="NBT678" s="613"/>
      <c r="NBU678" s="613"/>
      <c r="NBV678" s="613"/>
      <c r="NBW678" s="613"/>
      <c r="NBX678" s="613"/>
      <c r="NBY678" s="613"/>
      <c r="NBZ678" s="613"/>
      <c r="NCA678" s="613"/>
      <c r="NCB678" s="613"/>
      <c r="NCC678" s="613"/>
      <c r="NCD678" s="613"/>
      <c r="NCE678" s="613"/>
      <c r="NCF678" s="613"/>
      <c r="NCG678" s="613"/>
      <c r="NCH678" s="613"/>
      <c r="NCI678" s="613"/>
      <c r="NCJ678" s="613"/>
      <c r="NCK678" s="613"/>
      <c r="NCL678" s="613"/>
      <c r="NCM678" s="613"/>
      <c r="NCN678" s="613"/>
      <c r="NCO678" s="613"/>
      <c r="NCP678" s="613"/>
      <c r="NCQ678" s="613"/>
      <c r="NCR678" s="613"/>
      <c r="NCS678" s="613"/>
      <c r="NCT678" s="613"/>
      <c r="NCU678" s="613"/>
      <c r="NCV678" s="613"/>
      <c r="NCW678" s="613"/>
      <c r="NCX678" s="613"/>
      <c r="NCY678" s="613"/>
      <c r="NCZ678" s="613"/>
      <c r="NDA678" s="613"/>
      <c r="NDB678" s="613"/>
      <c r="NDC678" s="613"/>
      <c r="NDD678" s="613"/>
      <c r="NDE678" s="613"/>
      <c r="NDF678" s="613"/>
      <c r="NDG678" s="613"/>
      <c r="NDH678" s="613"/>
      <c r="NDI678" s="613"/>
      <c r="NDJ678" s="613"/>
      <c r="NDK678" s="613"/>
      <c r="NDL678" s="613"/>
      <c r="NDM678" s="613"/>
      <c r="NDN678" s="613"/>
      <c r="NDO678" s="613"/>
      <c r="NDP678" s="613"/>
      <c r="NDQ678" s="613"/>
      <c r="NDR678" s="613"/>
      <c r="NDS678" s="613"/>
      <c r="NDT678" s="613"/>
      <c r="NDU678" s="613"/>
      <c r="NDV678" s="613"/>
      <c r="NDW678" s="613"/>
      <c r="NDX678" s="613"/>
      <c r="NDY678" s="613"/>
      <c r="NDZ678" s="613"/>
      <c r="NEA678" s="613"/>
      <c r="NEB678" s="613"/>
      <c r="NEC678" s="613"/>
      <c r="NED678" s="613"/>
      <c r="NEE678" s="613"/>
      <c r="NEF678" s="613"/>
      <c r="NEG678" s="613"/>
      <c r="NEH678" s="613"/>
      <c r="NEI678" s="613"/>
      <c r="NEJ678" s="613"/>
      <c r="NEK678" s="613"/>
      <c r="NEL678" s="613"/>
      <c r="NEM678" s="613"/>
      <c r="NEN678" s="613"/>
      <c r="NEO678" s="613"/>
      <c r="NEP678" s="613"/>
      <c r="NEQ678" s="613"/>
      <c r="NER678" s="613"/>
      <c r="NES678" s="613"/>
      <c r="NET678" s="613"/>
      <c r="NEU678" s="613"/>
      <c r="NEV678" s="613"/>
      <c r="NEW678" s="613"/>
      <c r="NEX678" s="613"/>
      <c r="NEY678" s="613"/>
      <c r="NEZ678" s="613"/>
      <c r="NFA678" s="613"/>
      <c r="NFB678" s="613"/>
      <c r="NFC678" s="613"/>
      <c r="NFD678" s="613"/>
      <c r="NFE678" s="613"/>
      <c r="NFF678" s="613"/>
      <c r="NFG678" s="613"/>
      <c r="NFH678" s="613"/>
      <c r="NFI678" s="613"/>
      <c r="NFJ678" s="613"/>
      <c r="NFK678" s="613"/>
      <c r="NFL678" s="613"/>
      <c r="NFM678" s="613"/>
      <c r="NFN678" s="613"/>
      <c r="NFO678" s="613"/>
      <c r="NFP678" s="613"/>
      <c r="NFQ678" s="613"/>
      <c r="NFR678" s="613"/>
      <c r="NFS678" s="613"/>
      <c r="NFT678" s="613"/>
      <c r="NFU678" s="613"/>
      <c r="NFV678" s="613"/>
      <c r="NFW678" s="613"/>
      <c r="NFX678" s="613"/>
      <c r="NFY678" s="613"/>
      <c r="NFZ678" s="613"/>
      <c r="NGA678" s="613"/>
      <c r="NGB678" s="613"/>
      <c r="NGC678" s="613"/>
      <c r="NGD678" s="613"/>
      <c r="NGE678" s="613"/>
      <c r="NGF678" s="613"/>
      <c r="NGG678" s="613"/>
      <c r="NGH678" s="613"/>
      <c r="NGI678" s="613"/>
      <c r="NGJ678" s="613"/>
      <c r="NGK678" s="613"/>
      <c r="NGL678" s="613"/>
      <c r="NGM678" s="613"/>
      <c r="NGN678" s="613"/>
      <c r="NGO678" s="613"/>
      <c r="NGP678" s="613"/>
      <c r="NGQ678" s="613"/>
      <c r="NGR678" s="613"/>
      <c r="NGS678" s="613"/>
      <c r="NGT678" s="613"/>
      <c r="NGU678" s="613"/>
      <c r="NGV678" s="613"/>
      <c r="NGW678" s="613"/>
      <c r="NGX678" s="613"/>
      <c r="NGY678" s="613"/>
      <c r="NGZ678" s="613"/>
      <c r="NHA678" s="613"/>
      <c r="NHB678" s="613"/>
      <c r="NHC678" s="613"/>
      <c r="NHD678" s="613"/>
      <c r="NHE678" s="613"/>
      <c r="NHF678" s="613"/>
      <c r="NHG678" s="613"/>
      <c r="NHH678" s="613"/>
      <c r="NHI678" s="613"/>
      <c r="NHJ678" s="613"/>
      <c r="NHK678" s="613"/>
      <c r="NHL678" s="613"/>
      <c r="NHM678" s="613"/>
      <c r="NHN678" s="613"/>
      <c r="NHO678" s="613"/>
      <c r="NHP678" s="613"/>
      <c r="NHQ678" s="613"/>
      <c r="NHR678" s="613"/>
      <c r="NHS678" s="613"/>
      <c r="NHT678" s="613"/>
      <c r="NHU678" s="613"/>
      <c r="NHV678" s="613"/>
      <c r="NHW678" s="613"/>
      <c r="NHX678" s="613"/>
      <c r="NHY678" s="613"/>
      <c r="NHZ678" s="613"/>
      <c r="NIA678" s="613"/>
      <c r="NIB678" s="613"/>
      <c r="NIC678" s="613"/>
      <c r="NID678" s="613"/>
      <c r="NIE678" s="613"/>
      <c r="NIF678" s="613"/>
      <c r="NIG678" s="613"/>
      <c r="NIH678" s="613"/>
      <c r="NII678" s="613"/>
      <c r="NIJ678" s="613"/>
      <c r="NIK678" s="613"/>
      <c r="NIL678" s="613"/>
      <c r="NIM678" s="613"/>
      <c r="NIN678" s="613"/>
      <c r="NIO678" s="613"/>
      <c r="NIP678" s="613"/>
      <c r="NIQ678" s="613"/>
      <c r="NIR678" s="613"/>
      <c r="NIS678" s="613"/>
      <c r="NIT678" s="613"/>
      <c r="NIU678" s="613"/>
      <c r="NIV678" s="613"/>
      <c r="NIW678" s="613"/>
      <c r="NIX678" s="613"/>
      <c r="NIY678" s="613"/>
      <c r="NIZ678" s="613"/>
      <c r="NJA678" s="613"/>
      <c r="NJB678" s="613"/>
      <c r="NJC678" s="613"/>
      <c r="NJD678" s="613"/>
      <c r="NJE678" s="613"/>
      <c r="NJF678" s="613"/>
      <c r="NJG678" s="613"/>
      <c r="NJH678" s="613"/>
      <c r="NJI678" s="613"/>
      <c r="NJJ678" s="613"/>
      <c r="NJK678" s="613"/>
      <c r="NJL678" s="613"/>
      <c r="NJM678" s="613"/>
      <c r="NJN678" s="613"/>
      <c r="NJO678" s="613"/>
      <c r="NJP678" s="613"/>
      <c r="NJQ678" s="613"/>
      <c r="NJR678" s="613"/>
      <c r="NJS678" s="613"/>
      <c r="NJT678" s="613"/>
      <c r="NJU678" s="613"/>
      <c r="NJV678" s="613"/>
      <c r="NJW678" s="613"/>
      <c r="NJX678" s="613"/>
      <c r="NJY678" s="613"/>
      <c r="NJZ678" s="613"/>
      <c r="NKA678" s="613"/>
      <c r="NKB678" s="613"/>
      <c r="NKC678" s="613"/>
      <c r="NKD678" s="613"/>
      <c r="NKE678" s="613"/>
      <c r="NKF678" s="613"/>
      <c r="NKG678" s="613"/>
      <c r="NKH678" s="613"/>
      <c r="NKI678" s="613"/>
      <c r="NKJ678" s="613"/>
      <c r="NKK678" s="613"/>
      <c r="NKL678" s="613"/>
      <c r="NKM678" s="613"/>
      <c r="NKN678" s="613"/>
      <c r="NKO678" s="613"/>
      <c r="NKP678" s="613"/>
      <c r="NKQ678" s="613"/>
      <c r="NKR678" s="613"/>
      <c r="NKS678" s="613"/>
      <c r="NKT678" s="613"/>
      <c r="NKU678" s="613"/>
      <c r="NKV678" s="613"/>
      <c r="NKW678" s="613"/>
      <c r="NKX678" s="613"/>
      <c r="NKY678" s="613"/>
      <c r="NKZ678" s="613"/>
      <c r="NLA678" s="613"/>
      <c r="NLB678" s="613"/>
      <c r="NLC678" s="613"/>
      <c r="NLD678" s="613"/>
      <c r="NLE678" s="613"/>
      <c r="NLF678" s="613"/>
      <c r="NLG678" s="613"/>
      <c r="NLH678" s="613"/>
      <c r="NLI678" s="613"/>
      <c r="NLJ678" s="613"/>
      <c r="NLK678" s="613"/>
      <c r="NLL678" s="613"/>
      <c r="NLM678" s="613"/>
      <c r="NLN678" s="613"/>
      <c r="NLO678" s="613"/>
      <c r="NLP678" s="613"/>
      <c r="NLQ678" s="613"/>
      <c r="NLR678" s="613"/>
      <c r="NLS678" s="613"/>
      <c r="NLT678" s="613"/>
      <c r="NLU678" s="613"/>
      <c r="NLV678" s="613"/>
      <c r="NLW678" s="613"/>
      <c r="NLX678" s="613"/>
      <c r="NLY678" s="613"/>
      <c r="NLZ678" s="613"/>
      <c r="NMA678" s="613"/>
      <c r="NMB678" s="613"/>
      <c r="NMC678" s="613"/>
      <c r="NMD678" s="613"/>
      <c r="NME678" s="613"/>
      <c r="NMF678" s="613"/>
      <c r="NMG678" s="613"/>
      <c r="NMH678" s="613"/>
      <c r="NMI678" s="613"/>
      <c r="NMJ678" s="613"/>
      <c r="NMK678" s="613"/>
      <c r="NML678" s="613"/>
      <c r="NMM678" s="613"/>
      <c r="NMN678" s="613"/>
      <c r="NMO678" s="613"/>
      <c r="NMP678" s="613"/>
      <c r="NMQ678" s="613"/>
      <c r="NMR678" s="613"/>
      <c r="NMS678" s="613"/>
      <c r="NMT678" s="613"/>
      <c r="NMU678" s="613"/>
      <c r="NMV678" s="613"/>
      <c r="NMW678" s="613"/>
      <c r="NMX678" s="613"/>
      <c r="NMY678" s="613"/>
      <c r="NMZ678" s="613"/>
      <c r="NNA678" s="613"/>
      <c r="NNB678" s="613"/>
      <c r="NNC678" s="613"/>
      <c r="NND678" s="613"/>
      <c r="NNE678" s="613"/>
      <c r="NNF678" s="613"/>
      <c r="NNG678" s="613"/>
      <c r="NNH678" s="613"/>
      <c r="NNI678" s="613"/>
      <c r="NNJ678" s="613"/>
      <c r="NNK678" s="613"/>
      <c r="NNL678" s="613"/>
      <c r="NNM678" s="613"/>
      <c r="NNN678" s="613"/>
      <c r="NNO678" s="613"/>
      <c r="NNP678" s="613"/>
      <c r="NNQ678" s="613"/>
      <c r="NNR678" s="613"/>
      <c r="NNS678" s="613"/>
      <c r="NNT678" s="613"/>
      <c r="NNU678" s="613"/>
      <c r="NNV678" s="613"/>
      <c r="NNW678" s="613"/>
      <c r="NNX678" s="613"/>
      <c r="NNY678" s="613"/>
      <c r="NNZ678" s="613"/>
      <c r="NOA678" s="613"/>
      <c r="NOB678" s="613"/>
      <c r="NOC678" s="613"/>
      <c r="NOD678" s="613"/>
      <c r="NOE678" s="613"/>
      <c r="NOF678" s="613"/>
      <c r="NOG678" s="613"/>
      <c r="NOH678" s="613"/>
      <c r="NOI678" s="613"/>
      <c r="NOJ678" s="613"/>
      <c r="NOK678" s="613"/>
      <c r="NOL678" s="613"/>
      <c r="NOM678" s="613"/>
      <c r="NON678" s="613"/>
      <c r="NOO678" s="613"/>
      <c r="NOP678" s="613"/>
      <c r="NOQ678" s="613"/>
      <c r="NOR678" s="613"/>
      <c r="NOS678" s="613"/>
      <c r="NOT678" s="613"/>
      <c r="NOU678" s="613"/>
      <c r="NOV678" s="613"/>
      <c r="NOW678" s="613"/>
      <c r="NOX678" s="613"/>
      <c r="NOY678" s="613"/>
      <c r="NOZ678" s="613"/>
      <c r="NPA678" s="613"/>
      <c r="NPB678" s="613"/>
      <c r="NPC678" s="613"/>
      <c r="NPD678" s="613"/>
      <c r="NPE678" s="613"/>
      <c r="NPF678" s="613"/>
      <c r="NPG678" s="613"/>
      <c r="NPH678" s="613"/>
      <c r="NPI678" s="613"/>
      <c r="NPJ678" s="613"/>
      <c r="NPK678" s="613"/>
      <c r="NPL678" s="613"/>
      <c r="NPM678" s="613"/>
      <c r="NPN678" s="613"/>
      <c r="NPO678" s="613"/>
      <c r="NPP678" s="613"/>
      <c r="NPQ678" s="613"/>
      <c r="NPR678" s="613"/>
      <c r="NPS678" s="613"/>
      <c r="NPT678" s="613"/>
      <c r="NPU678" s="613"/>
      <c r="NPV678" s="613"/>
      <c r="NPW678" s="613"/>
      <c r="NPX678" s="613"/>
      <c r="NPY678" s="613"/>
      <c r="NPZ678" s="613"/>
      <c r="NQA678" s="613"/>
      <c r="NQB678" s="613"/>
      <c r="NQC678" s="613"/>
      <c r="NQD678" s="613"/>
      <c r="NQE678" s="613"/>
      <c r="NQF678" s="613"/>
      <c r="NQG678" s="613"/>
      <c r="NQH678" s="613"/>
      <c r="NQI678" s="613"/>
      <c r="NQJ678" s="613"/>
      <c r="NQK678" s="613"/>
      <c r="NQL678" s="613"/>
      <c r="NQM678" s="613"/>
      <c r="NQN678" s="613"/>
      <c r="NQO678" s="613"/>
      <c r="NQP678" s="613"/>
      <c r="NQQ678" s="613"/>
      <c r="NQR678" s="613"/>
      <c r="NQS678" s="613"/>
      <c r="NQT678" s="613"/>
      <c r="NQU678" s="613"/>
      <c r="NQV678" s="613"/>
      <c r="NQW678" s="613"/>
      <c r="NQX678" s="613"/>
      <c r="NQY678" s="613"/>
      <c r="NQZ678" s="613"/>
      <c r="NRA678" s="613"/>
      <c r="NRB678" s="613"/>
      <c r="NRC678" s="613"/>
      <c r="NRD678" s="613"/>
      <c r="NRE678" s="613"/>
      <c r="NRF678" s="613"/>
      <c r="NRG678" s="613"/>
      <c r="NRH678" s="613"/>
      <c r="NRI678" s="613"/>
      <c r="NRJ678" s="613"/>
      <c r="NRK678" s="613"/>
      <c r="NRL678" s="613"/>
      <c r="NRM678" s="613"/>
      <c r="NRN678" s="613"/>
      <c r="NRO678" s="613"/>
      <c r="NRP678" s="613"/>
      <c r="NRQ678" s="613"/>
      <c r="NRR678" s="613"/>
      <c r="NRS678" s="613"/>
      <c r="NRT678" s="613"/>
      <c r="NRU678" s="613"/>
      <c r="NRV678" s="613"/>
      <c r="NRW678" s="613"/>
      <c r="NRX678" s="613"/>
      <c r="NRY678" s="613"/>
      <c r="NRZ678" s="613"/>
      <c r="NSA678" s="613"/>
      <c r="NSB678" s="613"/>
      <c r="NSC678" s="613"/>
      <c r="NSD678" s="613"/>
      <c r="NSE678" s="613"/>
      <c r="NSF678" s="613"/>
      <c r="NSG678" s="613"/>
      <c r="NSH678" s="613"/>
      <c r="NSI678" s="613"/>
      <c r="NSJ678" s="613"/>
      <c r="NSK678" s="613"/>
      <c r="NSL678" s="613"/>
      <c r="NSM678" s="613"/>
      <c r="NSN678" s="613"/>
      <c r="NSO678" s="613"/>
      <c r="NSP678" s="613"/>
      <c r="NSQ678" s="613"/>
      <c r="NSR678" s="613"/>
      <c r="NSS678" s="613"/>
      <c r="NST678" s="613"/>
      <c r="NSU678" s="613"/>
      <c r="NSV678" s="613"/>
      <c r="NSW678" s="613"/>
      <c r="NSX678" s="613"/>
      <c r="NSY678" s="613"/>
      <c r="NSZ678" s="613"/>
      <c r="NTA678" s="613"/>
      <c r="NTB678" s="613"/>
      <c r="NTC678" s="613"/>
      <c r="NTD678" s="613"/>
      <c r="NTE678" s="613"/>
      <c r="NTF678" s="613"/>
      <c r="NTG678" s="613"/>
      <c r="NTH678" s="613"/>
      <c r="NTI678" s="613"/>
      <c r="NTJ678" s="613"/>
      <c r="NTK678" s="613"/>
      <c r="NTL678" s="613"/>
      <c r="NTM678" s="613"/>
      <c r="NTN678" s="613"/>
      <c r="NTO678" s="613"/>
      <c r="NTP678" s="613"/>
      <c r="NTQ678" s="613"/>
      <c r="NTR678" s="613"/>
      <c r="NTS678" s="613"/>
      <c r="NTT678" s="613"/>
      <c r="NTU678" s="613"/>
      <c r="NTV678" s="613"/>
      <c r="NTW678" s="613"/>
      <c r="NTX678" s="613"/>
      <c r="NTY678" s="613"/>
      <c r="NTZ678" s="613"/>
      <c r="NUA678" s="613"/>
      <c r="NUB678" s="613"/>
      <c r="NUC678" s="613"/>
      <c r="NUD678" s="613"/>
      <c r="NUE678" s="613"/>
      <c r="NUF678" s="613"/>
      <c r="NUG678" s="613"/>
      <c r="NUH678" s="613"/>
      <c r="NUI678" s="613"/>
      <c r="NUJ678" s="613"/>
      <c r="NUK678" s="613"/>
      <c r="NUL678" s="613"/>
      <c r="NUM678" s="613"/>
      <c r="NUN678" s="613"/>
      <c r="NUO678" s="613"/>
      <c r="NUP678" s="613"/>
      <c r="NUQ678" s="613"/>
      <c r="NUR678" s="613"/>
      <c r="NUS678" s="613"/>
      <c r="NUT678" s="613"/>
      <c r="NUU678" s="613"/>
      <c r="NUV678" s="613"/>
      <c r="NUW678" s="613"/>
      <c r="NUX678" s="613"/>
      <c r="NUY678" s="613"/>
      <c r="NUZ678" s="613"/>
      <c r="NVA678" s="613"/>
      <c r="NVB678" s="613"/>
      <c r="NVC678" s="613"/>
      <c r="NVD678" s="613"/>
      <c r="NVE678" s="613"/>
      <c r="NVF678" s="613"/>
      <c r="NVG678" s="613"/>
      <c r="NVH678" s="613"/>
      <c r="NVI678" s="613"/>
      <c r="NVJ678" s="613"/>
      <c r="NVK678" s="613"/>
      <c r="NVL678" s="613"/>
      <c r="NVM678" s="613"/>
      <c r="NVN678" s="613"/>
      <c r="NVO678" s="613"/>
      <c r="NVP678" s="613"/>
      <c r="NVQ678" s="613"/>
      <c r="NVR678" s="613"/>
      <c r="NVS678" s="613"/>
      <c r="NVT678" s="613"/>
      <c r="NVU678" s="613"/>
      <c r="NVV678" s="613"/>
      <c r="NVW678" s="613"/>
      <c r="NVX678" s="613"/>
      <c r="NVY678" s="613"/>
      <c r="NVZ678" s="613"/>
      <c r="NWA678" s="613"/>
      <c r="NWB678" s="613"/>
      <c r="NWC678" s="613"/>
      <c r="NWD678" s="613"/>
      <c r="NWE678" s="613"/>
      <c r="NWF678" s="613"/>
      <c r="NWG678" s="613"/>
      <c r="NWH678" s="613"/>
      <c r="NWI678" s="613"/>
      <c r="NWJ678" s="613"/>
      <c r="NWK678" s="613"/>
      <c r="NWL678" s="613"/>
      <c r="NWM678" s="613"/>
      <c r="NWN678" s="613"/>
      <c r="NWO678" s="613"/>
      <c r="NWP678" s="613"/>
      <c r="NWQ678" s="613"/>
      <c r="NWR678" s="613"/>
      <c r="NWS678" s="613"/>
      <c r="NWT678" s="613"/>
      <c r="NWU678" s="613"/>
      <c r="NWV678" s="613"/>
      <c r="NWW678" s="613"/>
      <c r="NWX678" s="613"/>
      <c r="NWY678" s="613"/>
      <c r="NWZ678" s="613"/>
      <c r="NXA678" s="613"/>
      <c r="NXB678" s="613"/>
      <c r="NXC678" s="613"/>
      <c r="NXD678" s="613"/>
      <c r="NXE678" s="613"/>
      <c r="NXF678" s="613"/>
      <c r="NXG678" s="613"/>
      <c r="NXH678" s="613"/>
      <c r="NXI678" s="613"/>
      <c r="NXJ678" s="613"/>
      <c r="NXK678" s="613"/>
      <c r="NXL678" s="613"/>
      <c r="NXM678" s="613"/>
      <c r="NXN678" s="613"/>
      <c r="NXO678" s="613"/>
      <c r="NXP678" s="613"/>
      <c r="NXQ678" s="613"/>
      <c r="NXR678" s="613"/>
      <c r="NXS678" s="613"/>
      <c r="NXT678" s="613"/>
      <c r="NXU678" s="613"/>
      <c r="NXV678" s="613"/>
      <c r="NXW678" s="613"/>
      <c r="NXX678" s="613"/>
      <c r="NXY678" s="613"/>
      <c r="NXZ678" s="613"/>
      <c r="NYA678" s="613"/>
      <c r="NYB678" s="613"/>
      <c r="NYC678" s="613"/>
      <c r="NYD678" s="613"/>
      <c r="NYE678" s="613"/>
      <c r="NYF678" s="613"/>
      <c r="NYG678" s="613"/>
      <c r="NYH678" s="613"/>
      <c r="NYI678" s="613"/>
      <c r="NYJ678" s="613"/>
      <c r="NYK678" s="613"/>
      <c r="NYL678" s="613"/>
      <c r="NYM678" s="613"/>
      <c r="NYN678" s="613"/>
      <c r="NYO678" s="613"/>
      <c r="NYP678" s="613"/>
      <c r="NYQ678" s="613"/>
      <c r="NYR678" s="613"/>
      <c r="NYS678" s="613"/>
      <c r="NYT678" s="613"/>
      <c r="NYU678" s="613"/>
      <c r="NYV678" s="613"/>
      <c r="NYW678" s="613"/>
      <c r="NYX678" s="613"/>
      <c r="NYY678" s="613"/>
      <c r="NYZ678" s="613"/>
      <c r="NZA678" s="613"/>
      <c r="NZB678" s="613"/>
      <c r="NZC678" s="613"/>
      <c r="NZD678" s="613"/>
      <c r="NZE678" s="613"/>
      <c r="NZF678" s="613"/>
      <c r="NZG678" s="613"/>
      <c r="NZH678" s="613"/>
      <c r="NZI678" s="613"/>
      <c r="NZJ678" s="613"/>
      <c r="NZK678" s="613"/>
      <c r="NZL678" s="613"/>
      <c r="NZM678" s="613"/>
      <c r="NZN678" s="613"/>
      <c r="NZO678" s="613"/>
      <c r="NZP678" s="613"/>
      <c r="NZQ678" s="613"/>
      <c r="NZR678" s="613"/>
      <c r="NZS678" s="613"/>
      <c r="NZT678" s="613"/>
      <c r="NZU678" s="613"/>
      <c r="NZV678" s="613"/>
      <c r="NZW678" s="613"/>
      <c r="NZX678" s="613"/>
      <c r="NZY678" s="613"/>
      <c r="NZZ678" s="613"/>
      <c r="OAA678" s="613"/>
      <c r="OAB678" s="613"/>
      <c r="OAC678" s="613"/>
      <c r="OAD678" s="613"/>
      <c r="OAE678" s="613"/>
      <c r="OAF678" s="613"/>
      <c r="OAG678" s="613"/>
      <c r="OAH678" s="613"/>
      <c r="OAI678" s="613"/>
      <c r="OAJ678" s="613"/>
      <c r="OAK678" s="613"/>
      <c r="OAL678" s="613"/>
      <c r="OAM678" s="613"/>
      <c r="OAN678" s="613"/>
      <c r="OAO678" s="613"/>
      <c r="OAP678" s="613"/>
      <c r="OAQ678" s="613"/>
      <c r="OAR678" s="613"/>
      <c r="OAS678" s="613"/>
      <c r="OAT678" s="613"/>
      <c r="OAU678" s="613"/>
      <c r="OAV678" s="613"/>
      <c r="OAW678" s="613"/>
      <c r="OAX678" s="613"/>
      <c r="OAY678" s="613"/>
      <c r="OAZ678" s="613"/>
      <c r="OBA678" s="613"/>
      <c r="OBB678" s="613"/>
      <c r="OBC678" s="613"/>
      <c r="OBD678" s="613"/>
      <c r="OBE678" s="613"/>
      <c r="OBF678" s="613"/>
      <c r="OBG678" s="613"/>
      <c r="OBH678" s="613"/>
      <c r="OBI678" s="613"/>
      <c r="OBJ678" s="613"/>
      <c r="OBK678" s="613"/>
      <c r="OBL678" s="613"/>
      <c r="OBM678" s="613"/>
      <c r="OBN678" s="613"/>
      <c r="OBO678" s="613"/>
      <c r="OBP678" s="613"/>
      <c r="OBQ678" s="613"/>
      <c r="OBR678" s="613"/>
      <c r="OBS678" s="613"/>
      <c r="OBT678" s="613"/>
      <c r="OBU678" s="613"/>
      <c r="OBV678" s="613"/>
      <c r="OBW678" s="613"/>
      <c r="OBX678" s="613"/>
      <c r="OBY678" s="613"/>
      <c r="OBZ678" s="613"/>
      <c r="OCA678" s="613"/>
      <c r="OCB678" s="613"/>
      <c r="OCC678" s="613"/>
      <c r="OCD678" s="613"/>
      <c r="OCE678" s="613"/>
      <c r="OCF678" s="613"/>
      <c r="OCG678" s="613"/>
      <c r="OCH678" s="613"/>
      <c r="OCI678" s="613"/>
      <c r="OCJ678" s="613"/>
      <c r="OCK678" s="613"/>
      <c r="OCL678" s="613"/>
      <c r="OCM678" s="613"/>
      <c r="OCN678" s="613"/>
      <c r="OCO678" s="613"/>
      <c r="OCP678" s="613"/>
      <c r="OCQ678" s="613"/>
      <c r="OCR678" s="613"/>
      <c r="OCS678" s="613"/>
      <c r="OCT678" s="613"/>
      <c r="OCU678" s="613"/>
      <c r="OCV678" s="613"/>
      <c r="OCW678" s="613"/>
      <c r="OCX678" s="613"/>
      <c r="OCY678" s="613"/>
      <c r="OCZ678" s="613"/>
      <c r="ODA678" s="613"/>
      <c r="ODB678" s="613"/>
      <c r="ODC678" s="613"/>
      <c r="ODD678" s="613"/>
      <c r="ODE678" s="613"/>
      <c r="ODF678" s="613"/>
      <c r="ODG678" s="613"/>
      <c r="ODH678" s="613"/>
      <c r="ODI678" s="613"/>
      <c r="ODJ678" s="613"/>
      <c r="ODK678" s="613"/>
      <c r="ODL678" s="613"/>
      <c r="ODM678" s="613"/>
      <c r="ODN678" s="613"/>
      <c r="ODO678" s="613"/>
      <c r="ODP678" s="613"/>
      <c r="ODQ678" s="613"/>
      <c r="ODR678" s="613"/>
      <c r="ODS678" s="613"/>
      <c r="ODT678" s="613"/>
      <c r="ODU678" s="613"/>
      <c r="ODV678" s="613"/>
      <c r="ODW678" s="613"/>
      <c r="ODX678" s="613"/>
      <c r="ODY678" s="613"/>
      <c r="ODZ678" s="613"/>
      <c r="OEA678" s="613"/>
      <c r="OEB678" s="613"/>
      <c r="OEC678" s="613"/>
      <c r="OED678" s="613"/>
      <c r="OEE678" s="613"/>
      <c r="OEF678" s="613"/>
      <c r="OEG678" s="613"/>
      <c r="OEH678" s="613"/>
      <c r="OEI678" s="613"/>
      <c r="OEJ678" s="613"/>
      <c r="OEK678" s="613"/>
      <c r="OEL678" s="613"/>
      <c r="OEM678" s="613"/>
      <c r="OEN678" s="613"/>
      <c r="OEO678" s="613"/>
      <c r="OEP678" s="613"/>
      <c r="OEQ678" s="613"/>
      <c r="OER678" s="613"/>
      <c r="OES678" s="613"/>
      <c r="OET678" s="613"/>
      <c r="OEU678" s="613"/>
      <c r="OEV678" s="613"/>
      <c r="OEW678" s="613"/>
      <c r="OEX678" s="613"/>
      <c r="OEY678" s="613"/>
      <c r="OEZ678" s="613"/>
      <c r="OFA678" s="613"/>
      <c r="OFB678" s="613"/>
      <c r="OFC678" s="613"/>
      <c r="OFD678" s="613"/>
      <c r="OFE678" s="613"/>
      <c r="OFF678" s="613"/>
      <c r="OFG678" s="613"/>
      <c r="OFH678" s="613"/>
      <c r="OFI678" s="613"/>
      <c r="OFJ678" s="613"/>
      <c r="OFK678" s="613"/>
      <c r="OFL678" s="613"/>
      <c r="OFM678" s="613"/>
      <c r="OFN678" s="613"/>
      <c r="OFO678" s="613"/>
      <c r="OFP678" s="613"/>
      <c r="OFQ678" s="613"/>
      <c r="OFR678" s="613"/>
      <c r="OFS678" s="613"/>
      <c r="OFT678" s="613"/>
      <c r="OFU678" s="613"/>
      <c r="OFV678" s="613"/>
      <c r="OFW678" s="613"/>
      <c r="OFX678" s="613"/>
      <c r="OFY678" s="613"/>
      <c r="OFZ678" s="613"/>
      <c r="OGA678" s="613"/>
      <c r="OGB678" s="613"/>
      <c r="OGC678" s="613"/>
      <c r="OGD678" s="613"/>
      <c r="OGE678" s="613"/>
      <c r="OGF678" s="613"/>
      <c r="OGG678" s="613"/>
      <c r="OGH678" s="613"/>
      <c r="OGI678" s="613"/>
      <c r="OGJ678" s="613"/>
      <c r="OGK678" s="613"/>
      <c r="OGL678" s="613"/>
      <c r="OGM678" s="613"/>
      <c r="OGN678" s="613"/>
      <c r="OGO678" s="613"/>
      <c r="OGP678" s="613"/>
      <c r="OGQ678" s="613"/>
      <c r="OGR678" s="613"/>
      <c r="OGS678" s="613"/>
      <c r="OGT678" s="613"/>
      <c r="OGU678" s="613"/>
      <c r="OGV678" s="613"/>
      <c r="OGW678" s="613"/>
      <c r="OGX678" s="613"/>
      <c r="OGY678" s="613"/>
      <c r="OGZ678" s="613"/>
      <c r="OHA678" s="613"/>
      <c r="OHB678" s="613"/>
      <c r="OHC678" s="613"/>
      <c r="OHD678" s="613"/>
      <c r="OHE678" s="613"/>
      <c r="OHF678" s="613"/>
      <c r="OHG678" s="613"/>
      <c r="OHH678" s="613"/>
      <c r="OHI678" s="613"/>
      <c r="OHJ678" s="613"/>
      <c r="OHK678" s="613"/>
      <c r="OHL678" s="613"/>
      <c r="OHM678" s="613"/>
      <c r="OHN678" s="613"/>
      <c r="OHO678" s="613"/>
      <c r="OHP678" s="613"/>
      <c r="OHQ678" s="613"/>
      <c r="OHR678" s="613"/>
      <c r="OHS678" s="613"/>
      <c r="OHT678" s="613"/>
      <c r="OHU678" s="613"/>
      <c r="OHV678" s="613"/>
      <c r="OHW678" s="613"/>
      <c r="OHX678" s="613"/>
      <c r="OHY678" s="613"/>
      <c r="OHZ678" s="613"/>
      <c r="OIA678" s="613"/>
      <c r="OIB678" s="613"/>
      <c r="OIC678" s="613"/>
      <c r="OID678" s="613"/>
      <c r="OIE678" s="613"/>
      <c r="OIF678" s="613"/>
      <c r="OIG678" s="613"/>
      <c r="OIH678" s="613"/>
      <c r="OII678" s="613"/>
      <c r="OIJ678" s="613"/>
      <c r="OIK678" s="613"/>
      <c r="OIL678" s="613"/>
      <c r="OIM678" s="613"/>
      <c r="OIN678" s="613"/>
      <c r="OIO678" s="613"/>
      <c r="OIP678" s="613"/>
      <c r="OIQ678" s="613"/>
      <c r="OIR678" s="613"/>
      <c r="OIS678" s="613"/>
      <c r="OIT678" s="613"/>
      <c r="OIU678" s="613"/>
      <c r="OIV678" s="613"/>
      <c r="OIW678" s="613"/>
      <c r="OIX678" s="613"/>
      <c r="OIY678" s="613"/>
      <c r="OIZ678" s="613"/>
      <c r="OJA678" s="613"/>
      <c r="OJB678" s="613"/>
      <c r="OJC678" s="613"/>
      <c r="OJD678" s="613"/>
      <c r="OJE678" s="613"/>
      <c r="OJF678" s="613"/>
      <c r="OJG678" s="613"/>
      <c r="OJH678" s="613"/>
      <c r="OJI678" s="613"/>
      <c r="OJJ678" s="613"/>
      <c r="OJK678" s="613"/>
      <c r="OJL678" s="613"/>
      <c r="OJM678" s="613"/>
      <c r="OJN678" s="613"/>
      <c r="OJO678" s="613"/>
      <c r="OJP678" s="613"/>
      <c r="OJQ678" s="613"/>
      <c r="OJR678" s="613"/>
      <c r="OJS678" s="613"/>
      <c r="OJT678" s="613"/>
      <c r="OJU678" s="613"/>
      <c r="OJV678" s="613"/>
      <c r="OJW678" s="613"/>
      <c r="OJX678" s="613"/>
      <c r="OJY678" s="613"/>
      <c r="OJZ678" s="613"/>
      <c r="OKA678" s="613"/>
      <c r="OKB678" s="613"/>
      <c r="OKC678" s="613"/>
      <c r="OKD678" s="613"/>
      <c r="OKE678" s="613"/>
      <c r="OKF678" s="613"/>
      <c r="OKG678" s="613"/>
      <c r="OKH678" s="613"/>
      <c r="OKI678" s="613"/>
      <c r="OKJ678" s="613"/>
      <c r="OKK678" s="613"/>
      <c r="OKL678" s="613"/>
      <c r="OKM678" s="613"/>
      <c r="OKN678" s="613"/>
      <c r="OKO678" s="613"/>
      <c r="OKP678" s="613"/>
      <c r="OKQ678" s="613"/>
      <c r="OKR678" s="613"/>
      <c r="OKS678" s="613"/>
      <c r="OKT678" s="613"/>
      <c r="OKU678" s="613"/>
      <c r="OKV678" s="613"/>
      <c r="OKW678" s="613"/>
      <c r="OKX678" s="613"/>
      <c r="OKY678" s="613"/>
      <c r="OKZ678" s="613"/>
      <c r="OLA678" s="613"/>
      <c r="OLB678" s="613"/>
      <c r="OLC678" s="613"/>
      <c r="OLD678" s="613"/>
      <c r="OLE678" s="613"/>
      <c r="OLF678" s="613"/>
      <c r="OLG678" s="613"/>
      <c r="OLH678" s="613"/>
      <c r="OLI678" s="613"/>
      <c r="OLJ678" s="613"/>
      <c r="OLK678" s="613"/>
      <c r="OLL678" s="613"/>
      <c r="OLM678" s="613"/>
      <c r="OLN678" s="613"/>
      <c r="OLO678" s="613"/>
      <c r="OLP678" s="613"/>
      <c r="OLQ678" s="613"/>
      <c r="OLR678" s="613"/>
      <c r="OLS678" s="613"/>
      <c r="OLT678" s="613"/>
      <c r="OLU678" s="613"/>
      <c r="OLV678" s="613"/>
      <c r="OLW678" s="613"/>
      <c r="OLX678" s="613"/>
      <c r="OLY678" s="613"/>
      <c r="OLZ678" s="613"/>
      <c r="OMA678" s="613"/>
      <c r="OMB678" s="613"/>
      <c r="OMC678" s="613"/>
      <c r="OMD678" s="613"/>
      <c r="OME678" s="613"/>
      <c r="OMF678" s="613"/>
      <c r="OMG678" s="613"/>
      <c r="OMH678" s="613"/>
      <c r="OMI678" s="613"/>
      <c r="OMJ678" s="613"/>
      <c r="OMK678" s="613"/>
      <c r="OML678" s="613"/>
      <c r="OMM678" s="613"/>
      <c r="OMN678" s="613"/>
      <c r="OMO678" s="613"/>
      <c r="OMP678" s="613"/>
      <c r="OMQ678" s="613"/>
      <c r="OMR678" s="613"/>
      <c r="OMS678" s="613"/>
      <c r="OMT678" s="613"/>
      <c r="OMU678" s="613"/>
      <c r="OMV678" s="613"/>
      <c r="OMW678" s="613"/>
      <c r="OMX678" s="613"/>
      <c r="OMY678" s="613"/>
      <c r="OMZ678" s="613"/>
      <c r="ONA678" s="613"/>
      <c r="ONB678" s="613"/>
      <c r="ONC678" s="613"/>
      <c r="OND678" s="613"/>
      <c r="ONE678" s="613"/>
      <c r="ONF678" s="613"/>
      <c r="ONG678" s="613"/>
      <c r="ONH678" s="613"/>
      <c r="ONI678" s="613"/>
      <c r="ONJ678" s="613"/>
      <c r="ONK678" s="613"/>
      <c r="ONL678" s="613"/>
      <c r="ONM678" s="613"/>
      <c r="ONN678" s="613"/>
      <c r="ONO678" s="613"/>
      <c r="ONP678" s="613"/>
      <c r="ONQ678" s="613"/>
      <c r="ONR678" s="613"/>
      <c r="ONS678" s="613"/>
      <c r="ONT678" s="613"/>
      <c r="ONU678" s="613"/>
      <c r="ONV678" s="613"/>
      <c r="ONW678" s="613"/>
      <c r="ONX678" s="613"/>
      <c r="ONY678" s="613"/>
      <c r="ONZ678" s="613"/>
      <c r="OOA678" s="613"/>
      <c r="OOB678" s="613"/>
      <c r="OOC678" s="613"/>
      <c r="OOD678" s="613"/>
      <c r="OOE678" s="613"/>
      <c r="OOF678" s="613"/>
      <c r="OOG678" s="613"/>
      <c r="OOH678" s="613"/>
      <c r="OOI678" s="613"/>
      <c r="OOJ678" s="613"/>
      <c r="OOK678" s="613"/>
      <c r="OOL678" s="613"/>
      <c r="OOM678" s="613"/>
      <c r="OON678" s="613"/>
      <c r="OOO678" s="613"/>
      <c r="OOP678" s="613"/>
      <c r="OOQ678" s="613"/>
      <c r="OOR678" s="613"/>
      <c r="OOS678" s="613"/>
      <c r="OOT678" s="613"/>
      <c r="OOU678" s="613"/>
      <c r="OOV678" s="613"/>
      <c r="OOW678" s="613"/>
      <c r="OOX678" s="613"/>
      <c r="OOY678" s="613"/>
      <c r="OOZ678" s="613"/>
      <c r="OPA678" s="613"/>
      <c r="OPB678" s="613"/>
      <c r="OPC678" s="613"/>
      <c r="OPD678" s="613"/>
      <c r="OPE678" s="613"/>
      <c r="OPF678" s="613"/>
      <c r="OPG678" s="613"/>
      <c r="OPH678" s="613"/>
      <c r="OPI678" s="613"/>
      <c r="OPJ678" s="613"/>
      <c r="OPK678" s="613"/>
      <c r="OPL678" s="613"/>
      <c r="OPM678" s="613"/>
      <c r="OPN678" s="613"/>
      <c r="OPO678" s="613"/>
      <c r="OPP678" s="613"/>
      <c r="OPQ678" s="613"/>
      <c r="OPR678" s="613"/>
      <c r="OPS678" s="613"/>
      <c r="OPT678" s="613"/>
      <c r="OPU678" s="613"/>
      <c r="OPV678" s="613"/>
      <c r="OPW678" s="613"/>
      <c r="OPX678" s="613"/>
      <c r="OPY678" s="613"/>
      <c r="OPZ678" s="613"/>
      <c r="OQA678" s="613"/>
      <c r="OQB678" s="613"/>
      <c r="OQC678" s="613"/>
      <c r="OQD678" s="613"/>
      <c r="OQE678" s="613"/>
      <c r="OQF678" s="613"/>
      <c r="OQG678" s="613"/>
      <c r="OQH678" s="613"/>
      <c r="OQI678" s="613"/>
      <c r="OQJ678" s="613"/>
      <c r="OQK678" s="613"/>
      <c r="OQL678" s="613"/>
      <c r="OQM678" s="613"/>
      <c r="OQN678" s="613"/>
      <c r="OQO678" s="613"/>
      <c r="OQP678" s="613"/>
      <c r="OQQ678" s="613"/>
      <c r="OQR678" s="613"/>
      <c r="OQS678" s="613"/>
      <c r="OQT678" s="613"/>
      <c r="OQU678" s="613"/>
      <c r="OQV678" s="613"/>
      <c r="OQW678" s="613"/>
      <c r="OQX678" s="613"/>
      <c r="OQY678" s="613"/>
      <c r="OQZ678" s="613"/>
      <c r="ORA678" s="613"/>
      <c r="ORB678" s="613"/>
      <c r="ORC678" s="613"/>
      <c r="ORD678" s="613"/>
      <c r="ORE678" s="613"/>
      <c r="ORF678" s="613"/>
      <c r="ORG678" s="613"/>
      <c r="ORH678" s="613"/>
      <c r="ORI678" s="613"/>
      <c r="ORJ678" s="613"/>
      <c r="ORK678" s="613"/>
      <c r="ORL678" s="613"/>
      <c r="ORM678" s="613"/>
      <c r="ORN678" s="613"/>
      <c r="ORO678" s="613"/>
      <c r="ORP678" s="613"/>
      <c r="ORQ678" s="613"/>
      <c r="ORR678" s="613"/>
      <c r="ORS678" s="613"/>
      <c r="ORT678" s="613"/>
      <c r="ORU678" s="613"/>
      <c r="ORV678" s="613"/>
      <c r="ORW678" s="613"/>
      <c r="ORX678" s="613"/>
      <c r="ORY678" s="613"/>
      <c r="ORZ678" s="613"/>
      <c r="OSA678" s="613"/>
      <c r="OSB678" s="613"/>
      <c r="OSC678" s="613"/>
      <c r="OSD678" s="613"/>
      <c r="OSE678" s="613"/>
      <c r="OSF678" s="613"/>
      <c r="OSG678" s="613"/>
      <c r="OSH678" s="613"/>
      <c r="OSI678" s="613"/>
      <c r="OSJ678" s="613"/>
      <c r="OSK678" s="613"/>
      <c r="OSL678" s="613"/>
      <c r="OSM678" s="613"/>
      <c r="OSN678" s="613"/>
      <c r="OSO678" s="613"/>
      <c r="OSP678" s="613"/>
      <c r="OSQ678" s="613"/>
      <c r="OSR678" s="613"/>
      <c r="OSS678" s="613"/>
      <c r="OST678" s="613"/>
      <c r="OSU678" s="613"/>
      <c r="OSV678" s="613"/>
      <c r="OSW678" s="613"/>
      <c r="OSX678" s="613"/>
      <c r="OSY678" s="613"/>
      <c r="OSZ678" s="613"/>
      <c r="OTA678" s="613"/>
      <c r="OTB678" s="613"/>
      <c r="OTC678" s="613"/>
      <c r="OTD678" s="613"/>
      <c r="OTE678" s="613"/>
      <c r="OTF678" s="613"/>
      <c r="OTG678" s="613"/>
      <c r="OTH678" s="613"/>
      <c r="OTI678" s="613"/>
      <c r="OTJ678" s="613"/>
      <c r="OTK678" s="613"/>
      <c r="OTL678" s="613"/>
      <c r="OTM678" s="613"/>
      <c r="OTN678" s="613"/>
      <c r="OTO678" s="613"/>
      <c r="OTP678" s="613"/>
      <c r="OTQ678" s="613"/>
      <c r="OTR678" s="613"/>
      <c r="OTS678" s="613"/>
      <c r="OTT678" s="613"/>
      <c r="OTU678" s="613"/>
      <c r="OTV678" s="613"/>
      <c r="OTW678" s="613"/>
      <c r="OTX678" s="613"/>
      <c r="OTY678" s="613"/>
      <c r="OTZ678" s="613"/>
      <c r="OUA678" s="613"/>
      <c r="OUB678" s="613"/>
      <c r="OUC678" s="613"/>
      <c r="OUD678" s="613"/>
      <c r="OUE678" s="613"/>
      <c r="OUF678" s="613"/>
      <c r="OUG678" s="613"/>
      <c r="OUH678" s="613"/>
      <c r="OUI678" s="613"/>
      <c r="OUJ678" s="613"/>
      <c r="OUK678" s="613"/>
      <c r="OUL678" s="613"/>
      <c r="OUM678" s="613"/>
      <c r="OUN678" s="613"/>
      <c r="OUO678" s="613"/>
      <c r="OUP678" s="613"/>
      <c r="OUQ678" s="613"/>
      <c r="OUR678" s="613"/>
      <c r="OUS678" s="613"/>
      <c r="OUT678" s="613"/>
      <c r="OUU678" s="613"/>
      <c r="OUV678" s="613"/>
      <c r="OUW678" s="613"/>
      <c r="OUX678" s="613"/>
      <c r="OUY678" s="613"/>
      <c r="OUZ678" s="613"/>
      <c r="OVA678" s="613"/>
      <c r="OVB678" s="613"/>
      <c r="OVC678" s="613"/>
      <c r="OVD678" s="613"/>
      <c r="OVE678" s="613"/>
      <c r="OVF678" s="613"/>
      <c r="OVG678" s="613"/>
      <c r="OVH678" s="613"/>
      <c r="OVI678" s="613"/>
      <c r="OVJ678" s="613"/>
      <c r="OVK678" s="613"/>
      <c r="OVL678" s="613"/>
      <c r="OVM678" s="613"/>
      <c r="OVN678" s="613"/>
      <c r="OVO678" s="613"/>
      <c r="OVP678" s="613"/>
      <c r="OVQ678" s="613"/>
      <c r="OVR678" s="613"/>
      <c r="OVS678" s="613"/>
      <c r="OVT678" s="613"/>
      <c r="OVU678" s="613"/>
      <c r="OVV678" s="613"/>
      <c r="OVW678" s="613"/>
      <c r="OVX678" s="613"/>
      <c r="OVY678" s="613"/>
      <c r="OVZ678" s="613"/>
      <c r="OWA678" s="613"/>
      <c r="OWB678" s="613"/>
      <c r="OWC678" s="613"/>
      <c r="OWD678" s="613"/>
      <c r="OWE678" s="613"/>
      <c r="OWF678" s="613"/>
      <c r="OWG678" s="613"/>
      <c r="OWH678" s="613"/>
      <c r="OWI678" s="613"/>
      <c r="OWJ678" s="613"/>
      <c r="OWK678" s="613"/>
      <c r="OWL678" s="613"/>
      <c r="OWM678" s="613"/>
      <c r="OWN678" s="613"/>
      <c r="OWO678" s="613"/>
      <c r="OWP678" s="613"/>
      <c r="OWQ678" s="613"/>
      <c r="OWR678" s="613"/>
      <c r="OWS678" s="613"/>
      <c r="OWT678" s="613"/>
      <c r="OWU678" s="613"/>
      <c r="OWV678" s="613"/>
      <c r="OWW678" s="613"/>
      <c r="OWX678" s="613"/>
      <c r="OWY678" s="613"/>
      <c r="OWZ678" s="613"/>
      <c r="OXA678" s="613"/>
      <c r="OXB678" s="613"/>
      <c r="OXC678" s="613"/>
      <c r="OXD678" s="613"/>
      <c r="OXE678" s="613"/>
      <c r="OXF678" s="613"/>
      <c r="OXG678" s="613"/>
      <c r="OXH678" s="613"/>
      <c r="OXI678" s="613"/>
      <c r="OXJ678" s="613"/>
      <c r="OXK678" s="613"/>
      <c r="OXL678" s="613"/>
      <c r="OXM678" s="613"/>
      <c r="OXN678" s="613"/>
      <c r="OXO678" s="613"/>
      <c r="OXP678" s="613"/>
      <c r="OXQ678" s="613"/>
      <c r="OXR678" s="613"/>
      <c r="OXS678" s="613"/>
      <c r="OXT678" s="613"/>
      <c r="OXU678" s="613"/>
      <c r="OXV678" s="613"/>
      <c r="OXW678" s="613"/>
      <c r="OXX678" s="613"/>
      <c r="OXY678" s="613"/>
      <c r="OXZ678" s="613"/>
      <c r="OYA678" s="613"/>
      <c r="OYB678" s="613"/>
      <c r="OYC678" s="613"/>
      <c r="OYD678" s="613"/>
      <c r="OYE678" s="613"/>
      <c r="OYF678" s="613"/>
      <c r="OYG678" s="613"/>
      <c r="OYH678" s="613"/>
      <c r="OYI678" s="613"/>
      <c r="OYJ678" s="613"/>
      <c r="OYK678" s="613"/>
      <c r="OYL678" s="613"/>
      <c r="OYM678" s="613"/>
      <c r="OYN678" s="613"/>
      <c r="OYO678" s="613"/>
      <c r="OYP678" s="613"/>
      <c r="OYQ678" s="613"/>
      <c r="OYR678" s="613"/>
      <c r="OYS678" s="613"/>
      <c r="OYT678" s="613"/>
      <c r="OYU678" s="613"/>
      <c r="OYV678" s="613"/>
      <c r="OYW678" s="613"/>
      <c r="OYX678" s="613"/>
      <c r="OYY678" s="613"/>
      <c r="OYZ678" s="613"/>
      <c r="OZA678" s="613"/>
      <c r="OZB678" s="613"/>
      <c r="OZC678" s="613"/>
      <c r="OZD678" s="613"/>
      <c r="OZE678" s="613"/>
      <c r="OZF678" s="613"/>
      <c r="OZG678" s="613"/>
      <c r="OZH678" s="613"/>
      <c r="OZI678" s="613"/>
      <c r="OZJ678" s="613"/>
      <c r="OZK678" s="613"/>
      <c r="OZL678" s="613"/>
      <c r="OZM678" s="613"/>
      <c r="OZN678" s="613"/>
      <c r="OZO678" s="613"/>
      <c r="OZP678" s="613"/>
      <c r="OZQ678" s="613"/>
      <c r="OZR678" s="613"/>
      <c r="OZS678" s="613"/>
      <c r="OZT678" s="613"/>
      <c r="OZU678" s="613"/>
      <c r="OZV678" s="613"/>
      <c r="OZW678" s="613"/>
      <c r="OZX678" s="613"/>
      <c r="OZY678" s="613"/>
      <c r="OZZ678" s="613"/>
      <c r="PAA678" s="613"/>
      <c r="PAB678" s="613"/>
      <c r="PAC678" s="613"/>
      <c r="PAD678" s="613"/>
      <c r="PAE678" s="613"/>
      <c r="PAF678" s="613"/>
      <c r="PAG678" s="613"/>
      <c r="PAH678" s="613"/>
      <c r="PAI678" s="613"/>
      <c r="PAJ678" s="613"/>
      <c r="PAK678" s="613"/>
      <c r="PAL678" s="613"/>
      <c r="PAM678" s="613"/>
      <c r="PAN678" s="613"/>
      <c r="PAO678" s="613"/>
      <c r="PAP678" s="613"/>
      <c r="PAQ678" s="613"/>
      <c r="PAR678" s="613"/>
      <c r="PAS678" s="613"/>
      <c r="PAT678" s="613"/>
      <c r="PAU678" s="613"/>
      <c r="PAV678" s="613"/>
      <c r="PAW678" s="613"/>
      <c r="PAX678" s="613"/>
      <c r="PAY678" s="613"/>
      <c r="PAZ678" s="613"/>
      <c r="PBA678" s="613"/>
      <c r="PBB678" s="613"/>
      <c r="PBC678" s="613"/>
      <c r="PBD678" s="613"/>
      <c r="PBE678" s="613"/>
      <c r="PBF678" s="613"/>
      <c r="PBG678" s="613"/>
      <c r="PBH678" s="613"/>
      <c r="PBI678" s="613"/>
      <c r="PBJ678" s="613"/>
      <c r="PBK678" s="613"/>
      <c r="PBL678" s="613"/>
      <c r="PBM678" s="613"/>
      <c r="PBN678" s="613"/>
      <c r="PBO678" s="613"/>
      <c r="PBP678" s="613"/>
      <c r="PBQ678" s="613"/>
      <c r="PBR678" s="613"/>
      <c r="PBS678" s="613"/>
      <c r="PBT678" s="613"/>
      <c r="PBU678" s="613"/>
      <c r="PBV678" s="613"/>
      <c r="PBW678" s="613"/>
      <c r="PBX678" s="613"/>
      <c r="PBY678" s="613"/>
      <c r="PBZ678" s="613"/>
      <c r="PCA678" s="613"/>
      <c r="PCB678" s="613"/>
      <c r="PCC678" s="613"/>
      <c r="PCD678" s="613"/>
      <c r="PCE678" s="613"/>
      <c r="PCF678" s="613"/>
      <c r="PCG678" s="613"/>
      <c r="PCH678" s="613"/>
      <c r="PCI678" s="613"/>
      <c r="PCJ678" s="613"/>
      <c r="PCK678" s="613"/>
      <c r="PCL678" s="613"/>
      <c r="PCM678" s="613"/>
      <c r="PCN678" s="613"/>
      <c r="PCO678" s="613"/>
      <c r="PCP678" s="613"/>
      <c r="PCQ678" s="613"/>
      <c r="PCR678" s="613"/>
      <c r="PCS678" s="613"/>
      <c r="PCT678" s="613"/>
      <c r="PCU678" s="613"/>
      <c r="PCV678" s="613"/>
      <c r="PCW678" s="613"/>
      <c r="PCX678" s="613"/>
      <c r="PCY678" s="613"/>
      <c r="PCZ678" s="613"/>
      <c r="PDA678" s="613"/>
      <c r="PDB678" s="613"/>
      <c r="PDC678" s="613"/>
      <c r="PDD678" s="613"/>
      <c r="PDE678" s="613"/>
      <c r="PDF678" s="613"/>
      <c r="PDG678" s="613"/>
      <c r="PDH678" s="613"/>
      <c r="PDI678" s="613"/>
      <c r="PDJ678" s="613"/>
      <c r="PDK678" s="613"/>
      <c r="PDL678" s="613"/>
      <c r="PDM678" s="613"/>
      <c r="PDN678" s="613"/>
      <c r="PDO678" s="613"/>
      <c r="PDP678" s="613"/>
      <c r="PDQ678" s="613"/>
      <c r="PDR678" s="613"/>
      <c r="PDS678" s="613"/>
      <c r="PDT678" s="613"/>
      <c r="PDU678" s="613"/>
      <c r="PDV678" s="613"/>
      <c r="PDW678" s="613"/>
      <c r="PDX678" s="613"/>
      <c r="PDY678" s="613"/>
      <c r="PDZ678" s="613"/>
      <c r="PEA678" s="613"/>
      <c r="PEB678" s="613"/>
      <c r="PEC678" s="613"/>
      <c r="PED678" s="613"/>
      <c r="PEE678" s="613"/>
      <c r="PEF678" s="613"/>
      <c r="PEG678" s="613"/>
      <c r="PEH678" s="613"/>
      <c r="PEI678" s="613"/>
      <c r="PEJ678" s="613"/>
      <c r="PEK678" s="613"/>
      <c r="PEL678" s="613"/>
      <c r="PEM678" s="613"/>
      <c r="PEN678" s="613"/>
      <c r="PEO678" s="613"/>
      <c r="PEP678" s="613"/>
      <c r="PEQ678" s="613"/>
      <c r="PER678" s="613"/>
      <c r="PES678" s="613"/>
      <c r="PET678" s="613"/>
      <c r="PEU678" s="613"/>
      <c r="PEV678" s="613"/>
      <c r="PEW678" s="613"/>
      <c r="PEX678" s="613"/>
      <c r="PEY678" s="613"/>
      <c r="PEZ678" s="613"/>
      <c r="PFA678" s="613"/>
      <c r="PFB678" s="613"/>
      <c r="PFC678" s="613"/>
      <c r="PFD678" s="613"/>
      <c r="PFE678" s="613"/>
      <c r="PFF678" s="613"/>
      <c r="PFG678" s="613"/>
      <c r="PFH678" s="613"/>
      <c r="PFI678" s="613"/>
      <c r="PFJ678" s="613"/>
      <c r="PFK678" s="613"/>
      <c r="PFL678" s="613"/>
      <c r="PFM678" s="613"/>
      <c r="PFN678" s="613"/>
      <c r="PFO678" s="613"/>
      <c r="PFP678" s="613"/>
      <c r="PFQ678" s="613"/>
      <c r="PFR678" s="613"/>
      <c r="PFS678" s="613"/>
      <c r="PFT678" s="613"/>
      <c r="PFU678" s="613"/>
      <c r="PFV678" s="613"/>
      <c r="PFW678" s="613"/>
      <c r="PFX678" s="613"/>
      <c r="PFY678" s="613"/>
      <c r="PFZ678" s="613"/>
      <c r="PGA678" s="613"/>
      <c r="PGB678" s="613"/>
      <c r="PGC678" s="613"/>
      <c r="PGD678" s="613"/>
      <c r="PGE678" s="613"/>
      <c r="PGF678" s="613"/>
      <c r="PGG678" s="613"/>
      <c r="PGH678" s="613"/>
      <c r="PGI678" s="613"/>
      <c r="PGJ678" s="613"/>
      <c r="PGK678" s="613"/>
      <c r="PGL678" s="613"/>
      <c r="PGM678" s="613"/>
      <c r="PGN678" s="613"/>
      <c r="PGO678" s="613"/>
      <c r="PGP678" s="613"/>
      <c r="PGQ678" s="613"/>
      <c r="PGR678" s="613"/>
      <c r="PGS678" s="613"/>
      <c r="PGT678" s="613"/>
      <c r="PGU678" s="613"/>
      <c r="PGV678" s="613"/>
      <c r="PGW678" s="613"/>
      <c r="PGX678" s="613"/>
      <c r="PGY678" s="613"/>
      <c r="PGZ678" s="613"/>
      <c r="PHA678" s="613"/>
      <c r="PHB678" s="613"/>
      <c r="PHC678" s="613"/>
      <c r="PHD678" s="613"/>
      <c r="PHE678" s="613"/>
      <c r="PHF678" s="613"/>
      <c r="PHG678" s="613"/>
      <c r="PHH678" s="613"/>
      <c r="PHI678" s="613"/>
      <c r="PHJ678" s="613"/>
      <c r="PHK678" s="613"/>
      <c r="PHL678" s="613"/>
      <c r="PHM678" s="613"/>
      <c r="PHN678" s="613"/>
      <c r="PHO678" s="613"/>
      <c r="PHP678" s="613"/>
      <c r="PHQ678" s="613"/>
      <c r="PHR678" s="613"/>
      <c r="PHS678" s="613"/>
      <c r="PHT678" s="613"/>
      <c r="PHU678" s="613"/>
      <c r="PHV678" s="613"/>
      <c r="PHW678" s="613"/>
      <c r="PHX678" s="613"/>
      <c r="PHY678" s="613"/>
      <c r="PHZ678" s="613"/>
      <c r="PIA678" s="613"/>
      <c r="PIB678" s="613"/>
      <c r="PIC678" s="613"/>
      <c r="PID678" s="613"/>
      <c r="PIE678" s="613"/>
      <c r="PIF678" s="613"/>
      <c r="PIG678" s="613"/>
      <c r="PIH678" s="613"/>
      <c r="PII678" s="613"/>
      <c r="PIJ678" s="613"/>
      <c r="PIK678" s="613"/>
      <c r="PIL678" s="613"/>
      <c r="PIM678" s="613"/>
      <c r="PIN678" s="613"/>
      <c r="PIO678" s="613"/>
      <c r="PIP678" s="613"/>
      <c r="PIQ678" s="613"/>
      <c r="PIR678" s="613"/>
      <c r="PIS678" s="613"/>
      <c r="PIT678" s="613"/>
      <c r="PIU678" s="613"/>
      <c r="PIV678" s="613"/>
      <c r="PIW678" s="613"/>
      <c r="PIX678" s="613"/>
      <c r="PIY678" s="613"/>
      <c r="PIZ678" s="613"/>
      <c r="PJA678" s="613"/>
      <c r="PJB678" s="613"/>
      <c r="PJC678" s="613"/>
      <c r="PJD678" s="613"/>
      <c r="PJE678" s="613"/>
      <c r="PJF678" s="613"/>
      <c r="PJG678" s="613"/>
      <c r="PJH678" s="613"/>
      <c r="PJI678" s="613"/>
      <c r="PJJ678" s="613"/>
      <c r="PJK678" s="613"/>
      <c r="PJL678" s="613"/>
      <c r="PJM678" s="613"/>
      <c r="PJN678" s="613"/>
      <c r="PJO678" s="613"/>
      <c r="PJP678" s="613"/>
      <c r="PJQ678" s="613"/>
      <c r="PJR678" s="613"/>
      <c r="PJS678" s="613"/>
      <c r="PJT678" s="613"/>
      <c r="PJU678" s="613"/>
      <c r="PJV678" s="613"/>
      <c r="PJW678" s="613"/>
      <c r="PJX678" s="613"/>
      <c r="PJY678" s="613"/>
      <c r="PJZ678" s="613"/>
      <c r="PKA678" s="613"/>
      <c r="PKB678" s="613"/>
      <c r="PKC678" s="613"/>
      <c r="PKD678" s="613"/>
      <c r="PKE678" s="613"/>
      <c r="PKF678" s="613"/>
      <c r="PKG678" s="613"/>
      <c r="PKH678" s="613"/>
      <c r="PKI678" s="613"/>
      <c r="PKJ678" s="613"/>
      <c r="PKK678" s="613"/>
      <c r="PKL678" s="613"/>
      <c r="PKM678" s="613"/>
      <c r="PKN678" s="613"/>
      <c r="PKO678" s="613"/>
      <c r="PKP678" s="613"/>
      <c r="PKQ678" s="613"/>
      <c r="PKR678" s="613"/>
      <c r="PKS678" s="613"/>
      <c r="PKT678" s="613"/>
      <c r="PKU678" s="613"/>
      <c r="PKV678" s="613"/>
      <c r="PKW678" s="613"/>
      <c r="PKX678" s="613"/>
      <c r="PKY678" s="613"/>
      <c r="PKZ678" s="613"/>
      <c r="PLA678" s="613"/>
      <c r="PLB678" s="613"/>
      <c r="PLC678" s="613"/>
      <c r="PLD678" s="613"/>
      <c r="PLE678" s="613"/>
      <c r="PLF678" s="613"/>
      <c r="PLG678" s="613"/>
      <c r="PLH678" s="613"/>
      <c r="PLI678" s="613"/>
      <c r="PLJ678" s="613"/>
      <c r="PLK678" s="613"/>
      <c r="PLL678" s="613"/>
      <c r="PLM678" s="613"/>
      <c r="PLN678" s="613"/>
      <c r="PLO678" s="613"/>
      <c r="PLP678" s="613"/>
      <c r="PLQ678" s="613"/>
      <c r="PLR678" s="613"/>
      <c r="PLS678" s="613"/>
      <c r="PLT678" s="613"/>
      <c r="PLU678" s="613"/>
      <c r="PLV678" s="613"/>
      <c r="PLW678" s="613"/>
      <c r="PLX678" s="613"/>
      <c r="PLY678" s="613"/>
      <c r="PLZ678" s="613"/>
      <c r="PMA678" s="613"/>
      <c r="PMB678" s="613"/>
      <c r="PMC678" s="613"/>
      <c r="PMD678" s="613"/>
      <c r="PME678" s="613"/>
      <c r="PMF678" s="613"/>
      <c r="PMG678" s="613"/>
      <c r="PMH678" s="613"/>
      <c r="PMI678" s="613"/>
      <c r="PMJ678" s="613"/>
      <c r="PMK678" s="613"/>
      <c r="PML678" s="613"/>
      <c r="PMM678" s="613"/>
      <c r="PMN678" s="613"/>
      <c r="PMO678" s="613"/>
      <c r="PMP678" s="613"/>
      <c r="PMQ678" s="613"/>
      <c r="PMR678" s="613"/>
      <c r="PMS678" s="613"/>
      <c r="PMT678" s="613"/>
      <c r="PMU678" s="613"/>
      <c r="PMV678" s="613"/>
      <c r="PMW678" s="613"/>
      <c r="PMX678" s="613"/>
      <c r="PMY678" s="613"/>
      <c r="PMZ678" s="613"/>
      <c r="PNA678" s="613"/>
      <c r="PNB678" s="613"/>
      <c r="PNC678" s="613"/>
      <c r="PND678" s="613"/>
      <c r="PNE678" s="613"/>
      <c r="PNF678" s="613"/>
      <c r="PNG678" s="613"/>
      <c r="PNH678" s="613"/>
      <c r="PNI678" s="613"/>
      <c r="PNJ678" s="613"/>
      <c r="PNK678" s="613"/>
      <c r="PNL678" s="613"/>
      <c r="PNM678" s="613"/>
      <c r="PNN678" s="613"/>
      <c r="PNO678" s="613"/>
      <c r="PNP678" s="613"/>
      <c r="PNQ678" s="613"/>
      <c r="PNR678" s="613"/>
      <c r="PNS678" s="613"/>
      <c r="PNT678" s="613"/>
      <c r="PNU678" s="613"/>
      <c r="PNV678" s="613"/>
      <c r="PNW678" s="613"/>
      <c r="PNX678" s="613"/>
      <c r="PNY678" s="613"/>
      <c r="PNZ678" s="613"/>
      <c r="POA678" s="613"/>
      <c r="POB678" s="613"/>
      <c r="POC678" s="613"/>
      <c r="POD678" s="613"/>
      <c r="POE678" s="613"/>
      <c r="POF678" s="613"/>
      <c r="POG678" s="613"/>
      <c r="POH678" s="613"/>
      <c r="POI678" s="613"/>
      <c r="POJ678" s="613"/>
      <c r="POK678" s="613"/>
      <c r="POL678" s="613"/>
      <c r="POM678" s="613"/>
      <c r="PON678" s="613"/>
      <c r="POO678" s="613"/>
      <c r="POP678" s="613"/>
      <c r="POQ678" s="613"/>
      <c r="POR678" s="613"/>
      <c r="POS678" s="613"/>
      <c r="POT678" s="613"/>
      <c r="POU678" s="613"/>
      <c r="POV678" s="613"/>
      <c r="POW678" s="613"/>
      <c r="POX678" s="613"/>
      <c r="POY678" s="613"/>
      <c r="POZ678" s="613"/>
      <c r="PPA678" s="613"/>
      <c r="PPB678" s="613"/>
      <c r="PPC678" s="613"/>
      <c r="PPD678" s="613"/>
      <c r="PPE678" s="613"/>
      <c r="PPF678" s="613"/>
      <c r="PPG678" s="613"/>
      <c r="PPH678" s="613"/>
      <c r="PPI678" s="613"/>
      <c r="PPJ678" s="613"/>
      <c r="PPK678" s="613"/>
      <c r="PPL678" s="613"/>
      <c r="PPM678" s="613"/>
      <c r="PPN678" s="613"/>
      <c r="PPO678" s="613"/>
      <c r="PPP678" s="613"/>
      <c r="PPQ678" s="613"/>
      <c r="PPR678" s="613"/>
      <c r="PPS678" s="613"/>
      <c r="PPT678" s="613"/>
      <c r="PPU678" s="613"/>
      <c r="PPV678" s="613"/>
      <c r="PPW678" s="613"/>
      <c r="PPX678" s="613"/>
      <c r="PPY678" s="613"/>
      <c r="PPZ678" s="613"/>
      <c r="PQA678" s="613"/>
      <c r="PQB678" s="613"/>
      <c r="PQC678" s="613"/>
      <c r="PQD678" s="613"/>
      <c r="PQE678" s="613"/>
      <c r="PQF678" s="613"/>
      <c r="PQG678" s="613"/>
      <c r="PQH678" s="613"/>
      <c r="PQI678" s="613"/>
      <c r="PQJ678" s="613"/>
      <c r="PQK678" s="613"/>
      <c r="PQL678" s="613"/>
      <c r="PQM678" s="613"/>
      <c r="PQN678" s="613"/>
      <c r="PQO678" s="613"/>
      <c r="PQP678" s="613"/>
      <c r="PQQ678" s="613"/>
      <c r="PQR678" s="613"/>
      <c r="PQS678" s="613"/>
      <c r="PQT678" s="613"/>
      <c r="PQU678" s="613"/>
      <c r="PQV678" s="613"/>
      <c r="PQW678" s="613"/>
      <c r="PQX678" s="613"/>
      <c r="PQY678" s="613"/>
      <c r="PQZ678" s="613"/>
      <c r="PRA678" s="613"/>
      <c r="PRB678" s="613"/>
      <c r="PRC678" s="613"/>
      <c r="PRD678" s="613"/>
      <c r="PRE678" s="613"/>
      <c r="PRF678" s="613"/>
      <c r="PRG678" s="613"/>
      <c r="PRH678" s="613"/>
      <c r="PRI678" s="613"/>
      <c r="PRJ678" s="613"/>
      <c r="PRK678" s="613"/>
      <c r="PRL678" s="613"/>
      <c r="PRM678" s="613"/>
      <c r="PRN678" s="613"/>
      <c r="PRO678" s="613"/>
      <c r="PRP678" s="613"/>
      <c r="PRQ678" s="613"/>
      <c r="PRR678" s="613"/>
      <c r="PRS678" s="613"/>
      <c r="PRT678" s="613"/>
      <c r="PRU678" s="613"/>
      <c r="PRV678" s="613"/>
      <c r="PRW678" s="613"/>
      <c r="PRX678" s="613"/>
      <c r="PRY678" s="613"/>
      <c r="PRZ678" s="613"/>
      <c r="PSA678" s="613"/>
      <c r="PSB678" s="613"/>
      <c r="PSC678" s="613"/>
      <c r="PSD678" s="613"/>
      <c r="PSE678" s="613"/>
      <c r="PSF678" s="613"/>
      <c r="PSG678" s="613"/>
      <c r="PSH678" s="613"/>
      <c r="PSI678" s="613"/>
      <c r="PSJ678" s="613"/>
      <c r="PSK678" s="613"/>
      <c r="PSL678" s="613"/>
      <c r="PSM678" s="613"/>
      <c r="PSN678" s="613"/>
      <c r="PSO678" s="613"/>
      <c r="PSP678" s="613"/>
      <c r="PSQ678" s="613"/>
      <c r="PSR678" s="613"/>
      <c r="PSS678" s="613"/>
      <c r="PST678" s="613"/>
      <c r="PSU678" s="613"/>
      <c r="PSV678" s="613"/>
      <c r="PSW678" s="613"/>
      <c r="PSX678" s="613"/>
      <c r="PSY678" s="613"/>
      <c r="PSZ678" s="613"/>
      <c r="PTA678" s="613"/>
      <c r="PTB678" s="613"/>
      <c r="PTC678" s="613"/>
      <c r="PTD678" s="613"/>
      <c r="PTE678" s="613"/>
      <c r="PTF678" s="613"/>
      <c r="PTG678" s="613"/>
      <c r="PTH678" s="613"/>
      <c r="PTI678" s="613"/>
      <c r="PTJ678" s="613"/>
      <c r="PTK678" s="613"/>
      <c r="PTL678" s="613"/>
      <c r="PTM678" s="613"/>
      <c r="PTN678" s="613"/>
      <c r="PTO678" s="613"/>
      <c r="PTP678" s="613"/>
      <c r="PTQ678" s="613"/>
      <c r="PTR678" s="613"/>
      <c r="PTS678" s="613"/>
      <c r="PTT678" s="613"/>
      <c r="PTU678" s="613"/>
      <c r="PTV678" s="613"/>
      <c r="PTW678" s="613"/>
      <c r="PTX678" s="613"/>
      <c r="PTY678" s="613"/>
      <c r="PTZ678" s="613"/>
      <c r="PUA678" s="613"/>
      <c r="PUB678" s="613"/>
      <c r="PUC678" s="613"/>
      <c r="PUD678" s="613"/>
      <c r="PUE678" s="613"/>
      <c r="PUF678" s="613"/>
      <c r="PUG678" s="613"/>
      <c r="PUH678" s="613"/>
      <c r="PUI678" s="613"/>
      <c r="PUJ678" s="613"/>
      <c r="PUK678" s="613"/>
      <c r="PUL678" s="613"/>
      <c r="PUM678" s="613"/>
      <c r="PUN678" s="613"/>
      <c r="PUO678" s="613"/>
      <c r="PUP678" s="613"/>
      <c r="PUQ678" s="613"/>
      <c r="PUR678" s="613"/>
      <c r="PUS678" s="613"/>
      <c r="PUT678" s="613"/>
      <c r="PUU678" s="613"/>
      <c r="PUV678" s="613"/>
      <c r="PUW678" s="613"/>
      <c r="PUX678" s="613"/>
      <c r="PUY678" s="613"/>
      <c r="PUZ678" s="613"/>
      <c r="PVA678" s="613"/>
      <c r="PVB678" s="613"/>
      <c r="PVC678" s="613"/>
      <c r="PVD678" s="613"/>
      <c r="PVE678" s="613"/>
      <c r="PVF678" s="613"/>
      <c r="PVG678" s="613"/>
      <c r="PVH678" s="613"/>
      <c r="PVI678" s="613"/>
      <c r="PVJ678" s="613"/>
      <c r="PVK678" s="613"/>
      <c r="PVL678" s="613"/>
      <c r="PVM678" s="613"/>
      <c r="PVN678" s="613"/>
      <c r="PVO678" s="613"/>
      <c r="PVP678" s="613"/>
      <c r="PVQ678" s="613"/>
      <c r="PVR678" s="613"/>
      <c r="PVS678" s="613"/>
      <c r="PVT678" s="613"/>
      <c r="PVU678" s="613"/>
      <c r="PVV678" s="613"/>
      <c r="PVW678" s="613"/>
      <c r="PVX678" s="613"/>
      <c r="PVY678" s="613"/>
      <c r="PVZ678" s="613"/>
      <c r="PWA678" s="613"/>
      <c r="PWB678" s="613"/>
      <c r="PWC678" s="613"/>
      <c r="PWD678" s="613"/>
      <c r="PWE678" s="613"/>
      <c r="PWF678" s="613"/>
      <c r="PWG678" s="613"/>
      <c r="PWH678" s="613"/>
      <c r="PWI678" s="613"/>
      <c r="PWJ678" s="613"/>
      <c r="PWK678" s="613"/>
      <c r="PWL678" s="613"/>
      <c r="PWM678" s="613"/>
      <c r="PWN678" s="613"/>
      <c r="PWO678" s="613"/>
      <c r="PWP678" s="613"/>
      <c r="PWQ678" s="613"/>
      <c r="PWR678" s="613"/>
      <c r="PWS678" s="613"/>
      <c r="PWT678" s="613"/>
      <c r="PWU678" s="613"/>
      <c r="PWV678" s="613"/>
      <c r="PWW678" s="613"/>
      <c r="PWX678" s="613"/>
      <c r="PWY678" s="613"/>
      <c r="PWZ678" s="613"/>
      <c r="PXA678" s="613"/>
      <c r="PXB678" s="613"/>
      <c r="PXC678" s="613"/>
      <c r="PXD678" s="613"/>
      <c r="PXE678" s="613"/>
      <c r="PXF678" s="613"/>
      <c r="PXG678" s="613"/>
      <c r="PXH678" s="613"/>
      <c r="PXI678" s="613"/>
      <c r="PXJ678" s="613"/>
      <c r="PXK678" s="613"/>
      <c r="PXL678" s="613"/>
      <c r="PXM678" s="613"/>
      <c r="PXN678" s="613"/>
      <c r="PXO678" s="613"/>
      <c r="PXP678" s="613"/>
      <c r="PXQ678" s="613"/>
      <c r="PXR678" s="613"/>
      <c r="PXS678" s="613"/>
      <c r="PXT678" s="613"/>
      <c r="PXU678" s="613"/>
      <c r="PXV678" s="613"/>
      <c r="PXW678" s="613"/>
      <c r="PXX678" s="613"/>
      <c r="PXY678" s="613"/>
      <c r="PXZ678" s="613"/>
      <c r="PYA678" s="613"/>
      <c r="PYB678" s="613"/>
      <c r="PYC678" s="613"/>
      <c r="PYD678" s="613"/>
      <c r="PYE678" s="613"/>
      <c r="PYF678" s="613"/>
      <c r="PYG678" s="613"/>
      <c r="PYH678" s="613"/>
      <c r="PYI678" s="613"/>
      <c r="PYJ678" s="613"/>
      <c r="PYK678" s="613"/>
      <c r="PYL678" s="613"/>
      <c r="PYM678" s="613"/>
      <c r="PYN678" s="613"/>
      <c r="PYO678" s="613"/>
      <c r="PYP678" s="613"/>
      <c r="PYQ678" s="613"/>
      <c r="PYR678" s="613"/>
      <c r="PYS678" s="613"/>
      <c r="PYT678" s="613"/>
      <c r="PYU678" s="613"/>
      <c r="PYV678" s="613"/>
      <c r="PYW678" s="613"/>
      <c r="PYX678" s="613"/>
      <c r="PYY678" s="613"/>
      <c r="PYZ678" s="613"/>
      <c r="PZA678" s="613"/>
      <c r="PZB678" s="613"/>
      <c r="PZC678" s="613"/>
      <c r="PZD678" s="613"/>
      <c r="PZE678" s="613"/>
      <c r="PZF678" s="613"/>
      <c r="PZG678" s="613"/>
      <c r="PZH678" s="613"/>
      <c r="PZI678" s="613"/>
      <c r="PZJ678" s="613"/>
      <c r="PZK678" s="613"/>
      <c r="PZL678" s="613"/>
      <c r="PZM678" s="613"/>
      <c r="PZN678" s="613"/>
      <c r="PZO678" s="613"/>
      <c r="PZP678" s="613"/>
      <c r="PZQ678" s="613"/>
      <c r="PZR678" s="613"/>
      <c r="PZS678" s="613"/>
      <c r="PZT678" s="613"/>
      <c r="PZU678" s="613"/>
      <c r="PZV678" s="613"/>
      <c r="PZW678" s="613"/>
      <c r="PZX678" s="613"/>
      <c r="PZY678" s="613"/>
      <c r="PZZ678" s="613"/>
      <c r="QAA678" s="613"/>
      <c r="QAB678" s="613"/>
      <c r="QAC678" s="613"/>
      <c r="QAD678" s="613"/>
      <c r="QAE678" s="613"/>
      <c r="QAF678" s="613"/>
      <c r="QAG678" s="613"/>
      <c r="QAH678" s="613"/>
      <c r="QAI678" s="613"/>
      <c r="QAJ678" s="613"/>
      <c r="QAK678" s="613"/>
      <c r="QAL678" s="613"/>
      <c r="QAM678" s="613"/>
      <c r="QAN678" s="613"/>
      <c r="QAO678" s="613"/>
      <c r="QAP678" s="613"/>
      <c r="QAQ678" s="613"/>
      <c r="QAR678" s="613"/>
      <c r="QAS678" s="613"/>
      <c r="QAT678" s="613"/>
      <c r="QAU678" s="613"/>
      <c r="QAV678" s="613"/>
      <c r="QAW678" s="613"/>
      <c r="QAX678" s="613"/>
      <c r="QAY678" s="613"/>
      <c r="QAZ678" s="613"/>
      <c r="QBA678" s="613"/>
      <c r="QBB678" s="613"/>
      <c r="QBC678" s="613"/>
      <c r="QBD678" s="613"/>
      <c r="QBE678" s="613"/>
      <c r="QBF678" s="613"/>
      <c r="QBG678" s="613"/>
      <c r="QBH678" s="613"/>
      <c r="QBI678" s="613"/>
      <c r="QBJ678" s="613"/>
      <c r="QBK678" s="613"/>
      <c r="QBL678" s="613"/>
      <c r="QBM678" s="613"/>
      <c r="QBN678" s="613"/>
      <c r="QBO678" s="613"/>
      <c r="QBP678" s="613"/>
      <c r="QBQ678" s="613"/>
      <c r="QBR678" s="613"/>
      <c r="QBS678" s="613"/>
      <c r="QBT678" s="613"/>
      <c r="QBU678" s="613"/>
      <c r="QBV678" s="613"/>
      <c r="QBW678" s="613"/>
      <c r="QBX678" s="613"/>
      <c r="QBY678" s="613"/>
      <c r="QBZ678" s="613"/>
      <c r="QCA678" s="613"/>
      <c r="QCB678" s="613"/>
      <c r="QCC678" s="613"/>
      <c r="QCD678" s="613"/>
      <c r="QCE678" s="613"/>
      <c r="QCF678" s="613"/>
      <c r="QCG678" s="613"/>
      <c r="QCH678" s="613"/>
      <c r="QCI678" s="613"/>
      <c r="QCJ678" s="613"/>
      <c r="QCK678" s="613"/>
      <c r="QCL678" s="613"/>
      <c r="QCM678" s="613"/>
      <c r="QCN678" s="613"/>
      <c r="QCO678" s="613"/>
      <c r="QCP678" s="613"/>
      <c r="QCQ678" s="613"/>
      <c r="QCR678" s="613"/>
      <c r="QCS678" s="613"/>
      <c r="QCT678" s="613"/>
      <c r="QCU678" s="613"/>
      <c r="QCV678" s="613"/>
      <c r="QCW678" s="613"/>
      <c r="QCX678" s="613"/>
      <c r="QCY678" s="613"/>
      <c r="QCZ678" s="613"/>
      <c r="QDA678" s="613"/>
      <c r="QDB678" s="613"/>
      <c r="QDC678" s="613"/>
      <c r="QDD678" s="613"/>
      <c r="QDE678" s="613"/>
      <c r="QDF678" s="613"/>
      <c r="QDG678" s="613"/>
      <c r="QDH678" s="613"/>
      <c r="QDI678" s="613"/>
      <c r="QDJ678" s="613"/>
      <c r="QDK678" s="613"/>
      <c r="QDL678" s="613"/>
      <c r="QDM678" s="613"/>
      <c r="QDN678" s="613"/>
      <c r="QDO678" s="613"/>
      <c r="QDP678" s="613"/>
      <c r="QDQ678" s="613"/>
      <c r="QDR678" s="613"/>
      <c r="QDS678" s="613"/>
      <c r="QDT678" s="613"/>
      <c r="QDU678" s="613"/>
      <c r="QDV678" s="613"/>
      <c r="QDW678" s="613"/>
      <c r="QDX678" s="613"/>
      <c r="QDY678" s="613"/>
      <c r="QDZ678" s="613"/>
      <c r="QEA678" s="613"/>
      <c r="QEB678" s="613"/>
      <c r="QEC678" s="613"/>
      <c r="QED678" s="613"/>
      <c r="QEE678" s="613"/>
      <c r="QEF678" s="613"/>
      <c r="QEG678" s="613"/>
      <c r="QEH678" s="613"/>
      <c r="QEI678" s="613"/>
      <c r="QEJ678" s="613"/>
      <c r="QEK678" s="613"/>
      <c r="QEL678" s="613"/>
      <c r="QEM678" s="613"/>
      <c r="QEN678" s="613"/>
      <c r="QEO678" s="613"/>
      <c r="QEP678" s="613"/>
      <c r="QEQ678" s="613"/>
      <c r="QER678" s="613"/>
      <c r="QES678" s="613"/>
      <c r="QET678" s="613"/>
      <c r="QEU678" s="613"/>
      <c r="QEV678" s="613"/>
      <c r="QEW678" s="613"/>
      <c r="QEX678" s="613"/>
      <c r="QEY678" s="613"/>
      <c r="QEZ678" s="613"/>
      <c r="QFA678" s="613"/>
      <c r="QFB678" s="613"/>
      <c r="QFC678" s="613"/>
      <c r="QFD678" s="613"/>
      <c r="QFE678" s="613"/>
      <c r="QFF678" s="613"/>
      <c r="QFG678" s="613"/>
      <c r="QFH678" s="613"/>
      <c r="QFI678" s="613"/>
      <c r="QFJ678" s="613"/>
      <c r="QFK678" s="613"/>
      <c r="QFL678" s="613"/>
      <c r="QFM678" s="613"/>
      <c r="QFN678" s="613"/>
      <c r="QFO678" s="613"/>
      <c r="QFP678" s="613"/>
      <c r="QFQ678" s="613"/>
      <c r="QFR678" s="613"/>
      <c r="QFS678" s="613"/>
      <c r="QFT678" s="613"/>
      <c r="QFU678" s="613"/>
      <c r="QFV678" s="613"/>
      <c r="QFW678" s="613"/>
      <c r="QFX678" s="613"/>
      <c r="QFY678" s="613"/>
      <c r="QFZ678" s="613"/>
      <c r="QGA678" s="613"/>
      <c r="QGB678" s="613"/>
      <c r="QGC678" s="613"/>
      <c r="QGD678" s="613"/>
      <c r="QGE678" s="613"/>
      <c r="QGF678" s="613"/>
      <c r="QGG678" s="613"/>
      <c r="QGH678" s="613"/>
      <c r="QGI678" s="613"/>
      <c r="QGJ678" s="613"/>
      <c r="QGK678" s="613"/>
      <c r="QGL678" s="613"/>
      <c r="QGM678" s="613"/>
      <c r="QGN678" s="613"/>
      <c r="QGO678" s="613"/>
      <c r="QGP678" s="613"/>
      <c r="QGQ678" s="613"/>
      <c r="QGR678" s="613"/>
      <c r="QGS678" s="613"/>
      <c r="QGT678" s="613"/>
      <c r="QGU678" s="613"/>
      <c r="QGV678" s="613"/>
      <c r="QGW678" s="613"/>
      <c r="QGX678" s="613"/>
      <c r="QGY678" s="613"/>
      <c r="QGZ678" s="613"/>
      <c r="QHA678" s="613"/>
      <c r="QHB678" s="613"/>
      <c r="QHC678" s="613"/>
      <c r="QHD678" s="613"/>
      <c r="QHE678" s="613"/>
      <c r="QHF678" s="613"/>
      <c r="QHG678" s="613"/>
      <c r="QHH678" s="613"/>
      <c r="QHI678" s="613"/>
      <c r="QHJ678" s="613"/>
      <c r="QHK678" s="613"/>
      <c r="QHL678" s="613"/>
      <c r="QHM678" s="613"/>
      <c r="QHN678" s="613"/>
      <c r="QHO678" s="613"/>
      <c r="QHP678" s="613"/>
      <c r="QHQ678" s="613"/>
      <c r="QHR678" s="613"/>
      <c r="QHS678" s="613"/>
      <c r="QHT678" s="613"/>
      <c r="QHU678" s="613"/>
      <c r="QHV678" s="613"/>
      <c r="QHW678" s="613"/>
      <c r="QHX678" s="613"/>
      <c r="QHY678" s="613"/>
      <c r="QHZ678" s="613"/>
      <c r="QIA678" s="613"/>
      <c r="QIB678" s="613"/>
      <c r="QIC678" s="613"/>
      <c r="QID678" s="613"/>
      <c r="QIE678" s="613"/>
      <c r="QIF678" s="613"/>
      <c r="QIG678" s="613"/>
      <c r="QIH678" s="613"/>
      <c r="QII678" s="613"/>
      <c r="QIJ678" s="613"/>
      <c r="QIK678" s="613"/>
      <c r="QIL678" s="613"/>
      <c r="QIM678" s="613"/>
      <c r="QIN678" s="613"/>
      <c r="QIO678" s="613"/>
      <c r="QIP678" s="613"/>
      <c r="QIQ678" s="613"/>
      <c r="QIR678" s="613"/>
      <c r="QIS678" s="613"/>
      <c r="QIT678" s="613"/>
      <c r="QIU678" s="613"/>
      <c r="QIV678" s="613"/>
      <c r="QIW678" s="613"/>
      <c r="QIX678" s="613"/>
      <c r="QIY678" s="613"/>
      <c r="QIZ678" s="613"/>
      <c r="QJA678" s="613"/>
      <c r="QJB678" s="613"/>
      <c r="QJC678" s="613"/>
      <c r="QJD678" s="613"/>
      <c r="QJE678" s="613"/>
      <c r="QJF678" s="613"/>
      <c r="QJG678" s="613"/>
      <c r="QJH678" s="613"/>
      <c r="QJI678" s="613"/>
      <c r="QJJ678" s="613"/>
      <c r="QJK678" s="613"/>
      <c r="QJL678" s="613"/>
      <c r="QJM678" s="613"/>
      <c r="QJN678" s="613"/>
      <c r="QJO678" s="613"/>
      <c r="QJP678" s="613"/>
      <c r="QJQ678" s="613"/>
      <c r="QJR678" s="613"/>
      <c r="QJS678" s="613"/>
      <c r="QJT678" s="613"/>
      <c r="QJU678" s="613"/>
      <c r="QJV678" s="613"/>
      <c r="QJW678" s="613"/>
      <c r="QJX678" s="613"/>
      <c r="QJY678" s="613"/>
      <c r="QJZ678" s="613"/>
      <c r="QKA678" s="613"/>
      <c r="QKB678" s="613"/>
      <c r="QKC678" s="613"/>
      <c r="QKD678" s="613"/>
      <c r="QKE678" s="613"/>
      <c r="QKF678" s="613"/>
      <c r="QKG678" s="613"/>
      <c r="QKH678" s="613"/>
      <c r="QKI678" s="613"/>
      <c r="QKJ678" s="613"/>
      <c r="QKK678" s="613"/>
      <c r="QKL678" s="613"/>
      <c r="QKM678" s="613"/>
      <c r="QKN678" s="613"/>
      <c r="QKO678" s="613"/>
      <c r="QKP678" s="613"/>
      <c r="QKQ678" s="613"/>
      <c r="QKR678" s="613"/>
      <c r="QKS678" s="613"/>
      <c r="QKT678" s="613"/>
      <c r="QKU678" s="613"/>
      <c r="QKV678" s="613"/>
      <c r="QKW678" s="613"/>
      <c r="QKX678" s="613"/>
      <c r="QKY678" s="613"/>
      <c r="QKZ678" s="613"/>
      <c r="QLA678" s="613"/>
      <c r="QLB678" s="613"/>
      <c r="QLC678" s="613"/>
      <c r="QLD678" s="613"/>
      <c r="QLE678" s="613"/>
      <c r="QLF678" s="613"/>
      <c r="QLG678" s="613"/>
      <c r="QLH678" s="613"/>
      <c r="QLI678" s="613"/>
      <c r="QLJ678" s="613"/>
      <c r="QLK678" s="613"/>
      <c r="QLL678" s="613"/>
      <c r="QLM678" s="613"/>
      <c r="QLN678" s="613"/>
      <c r="QLO678" s="613"/>
      <c r="QLP678" s="613"/>
      <c r="QLQ678" s="613"/>
      <c r="QLR678" s="613"/>
      <c r="QLS678" s="613"/>
      <c r="QLT678" s="613"/>
      <c r="QLU678" s="613"/>
      <c r="QLV678" s="613"/>
      <c r="QLW678" s="613"/>
      <c r="QLX678" s="613"/>
      <c r="QLY678" s="613"/>
      <c r="QLZ678" s="613"/>
      <c r="QMA678" s="613"/>
      <c r="QMB678" s="613"/>
      <c r="QMC678" s="613"/>
      <c r="QMD678" s="613"/>
      <c r="QME678" s="613"/>
      <c r="QMF678" s="613"/>
      <c r="QMG678" s="613"/>
      <c r="QMH678" s="613"/>
      <c r="QMI678" s="613"/>
      <c r="QMJ678" s="613"/>
      <c r="QMK678" s="613"/>
      <c r="QML678" s="613"/>
      <c r="QMM678" s="613"/>
      <c r="QMN678" s="613"/>
      <c r="QMO678" s="613"/>
      <c r="QMP678" s="613"/>
      <c r="QMQ678" s="613"/>
      <c r="QMR678" s="613"/>
      <c r="QMS678" s="613"/>
      <c r="QMT678" s="613"/>
      <c r="QMU678" s="613"/>
      <c r="QMV678" s="613"/>
      <c r="QMW678" s="613"/>
      <c r="QMX678" s="613"/>
      <c r="QMY678" s="613"/>
      <c r="QMZ678" s="613"/>
      <c r="QNA678" s="613"/>
      <c r="QNB678" s="613"/>
      <c r="QNC678" s="613"/>
      <c r="QND678" s="613"/>
      <c r="QNE678" s="613"/>
      <c r="QNF678" s="613"/>
      <c r="QNG678" s="613"/>
      <c r="QNH678" s="613"/>
      <c r="QNI678" s="613"/>
      <c r="QNJ678" s="613"/>
      <c r="QNK678" s="613"/>
      <c r="QNL678" s="613"/>
      <c r="QNM678" s="613"/>
      <c r="QNN678" s="613"/>
      <c r="QNO678" s="613"/>
      <c r="QNP678" s="613"/>
      <c r="QNQ678" s="613"/>
      <c r="QNR678" s="613"/>
      <c r="QNS678" s="613"/>
      <c r="QNT678" s="613"/>
      <c r="QNU678" s="613"/>
      <c r="QNV678" s="613"/>
      <c r="QNW678" s="613"/>
      <c r="QNX678" s="613"/>
      <c r="QNY678" s="613"/>
      <c r="QNZ678" s="613"/>
      <c r="QOA678" s="613"/>
      <c r="QOB678" s="613"/>
      <c r="QOC678" s="613"/>
      <c r="QOD678" s="613"/>
      <c r="QOE678" s="613"/>
      <c r="QOF678" s="613"/>
      <c r="QOG678" s="613"/>
      <c r="QOH678" s="613"/>
      <c r="QOI678" s="613"/>
      <c r="QOJ678" s="613"/>
      <c r="QOK678" s="613"/>
      <c r="QOL678" s="613"/>
      <c r="QOM678" s="613"/>
      <c r="QON678" s="613"/>
      <c r="QOO678" s="613"/>
      <c r="QOP678" s="613"/>
      <c r="QOQ678" s="613"/>
      <c r="QOR678" s="613"/>
      <c r="QOS678" s="613"/>
      <c r="QOT678" s="613"/>
      <c r="QOU678" s="613"/>
      <c r="QOV678" s="613"/>
      <c r="QOW678" s="613"/>
      <c r="QOX678" s="613"/>
      <c r="QOY678" s="613"/>
      <c r="QOZ678" s="613"/>
      <c r="QPA678" s="613"/>
      <c r="QPB678" s="613"/>
      <c r="QPC678" s="613"/>
      <c r="QPD678" s="613"/>
      <c r="QPE678" s="613"/>
      <c r="QPF678" s="613"/>
      <c r="QPG678" s="613"/>
      <c r="QPH678" s="613"/>
      <c r="QPI678" s="613"/>
      <c r="QPJ678" s="613"/>
      <c r="QPK678" s="613"/>
      <c r="QPL678" s="613"/>
      <c r="QPM678" s="613"/>
      <c r="QPN678" s="613"/>
      <c r="QPO678" s="613"/>
      <c r="QPP678" s="613"/>
      <c r="QPQ678" s="613"/>
      <c r="QPR678" s="613"/>
      <c r="QPS678" s="613"/>
      <c r="QPT678" s="613"/>
      <c r="QPU678" s="613"/>
      <c r="QPV678" s="613"/>
      <c r="QPW678" s="613"/>
      <c r="QPX678" s="613"/>
      <c r="QPY678" s="613"/>
      <c r="QPZ678" s="613"/>
      <c r="QQA678" s="613"/>
      <c r="QQB678" s="613"/>
      <c r="QQC678" s="613"/>
      <c r="QQD678" s="613"/>
      <c r="QQE678" s="613"/>
      <c r="QQF678" s="613"/>
      <c r="QQG678" s="613"/>
      <c r="QQH678" s="613"/>
      <c r="QQI678" s="613"/>
      <c r="QQJ678" s="613"/>
      <c r="QQK678" s="613"/>
      <c r="QQL678" s="613"/>
      <c r="QQM678" s="613"/>
      <c r="QQN678" s="613"/>
      <c r="QQO678" s="613"/>
      <c r="QQP678" s="613"/>
      <c r="QQQ678" s="613"/>
      <c r="QQR678" s="613"/>
      <c r="QQS678" s="613"/>
      <c r="QQT678" s="613"/>
      <c r="QQU678" s="613"/>
      <c r="QQV678" s="613"/>
      <c r="QQW678" s="613"/>
      <c r="QQX678" s="613"/>
      <c r="QQY678" s="613"/>
      <c r="QQZ678" s="613"/>
      <c r="QRA678" s="613"/>
      <c r="QRB678" s="613"/>
      <c r="QRC678" s="613"/>
      <c r="QRD678" s="613"/>
      <c r="QRE678" s="613"/>
      <c r="QRF678" s="613"/>
      <c r="QRG678" s="613"/>
      <c r="QRH678" s="613"/>
      <c r="QRI678" s="613"/>
      <c r="QRJ678" s="613"/>
      <c r="QRK678" s="613"/>
      <c r="QRL678" s="613"/>
      <c r="QRM678" s="613"/>
      <c r="QRN678" s="613"/>
      <c r="QRO678" s="613"/>
      <c r="QRP678" s="613"/>
      <c r="QRQ678" s="613"/>
      <c r="QRR678" s="613"/>
      <c r="QRS678" s="613"/>
      <c r="QRT678" s="613"/>
      <c r="QRU678" s="613"/>
      <c r="QRV678" s="613"/>
      <c r="QRW678" s="613"/>
      <c r="QRX678" s="613"/>
      <c r="QRY678" s="613"/>
      <c r="QRZ678" s="613"/>
      <c r="QSA678" s="613"/>
      <c r="QSB678" s="613"/>
      <c r="QSC678" s="613"/>
      <c r="QSD678" s="613"/>
      <c r="QSE678" s="613"/>
      <c r="QSF678" s="613"/>
      <c r="QSG678" s="613"/>
      <c r="QSH678" s="613"/>
      <c r="QSI678" s="613"/>
      <c r="QSJ678" s="613"/>
      <c r="QSK678" s="613"/>
      <c r="QSL678" s="613"/>
      <c r="QSM678" s="613"/>
      <c r="QSN678" s="613"/>
      <c r="QSO678" s="613"/>
      <c r="QSP678" s="613"/>
      <c r="QSQ678" s="613"/>
      <c r="QSR678" s="613"/>
      <c r="QSS678" s="613"/>
      <c r="QST678" s="613"/>
      <c r="QSU678" s="613"/>
      <c r="QSV678" s="613"/>
      <c r="QSW678" s="613"/>
      <c r="QSX678" s="613"/>
      <c r="QSY678" s="613"/>
      <c r="QSZ678" s="613"/>
      <c r="QTA678" s="613"/>
      <c r="QTB678" s="613"/>
      <c r="QTC678" s="613"/>
      <c r="QTD678" s="613"/>
      <c r="QTE678" s="613"/>
      <c r="QTF678" s="613"/>
      <c r="QTG678" s="613"/>
      <c r="QTH678" s="613"/>
      <c r="QTI678" s="613"/>
      <c r="QTJ678" s="613"/>
      <c r="QTK678" s="613"/>
      <c r="QTL678" s="613"/>
      <c r="QTM678" s="613"/>
      <c r="QTN678" s="613"/>
      <c r="QTO678" s="613"/>
      <c r="QTP678" s="613"/>
      <c r="QTQ678" s="613"/>
      <c r="QTR678" s="613"/>
      <c r="QTS678" s="613"/>
      <c r="QTT678" s="613"/>
      <c r="QTU678" s="613"/>
      <c r="QTV678" s="613"/>
      <c r="QTW678" s="613"/>
      <c r="QTX678" s="613"/>
      <c r="QTY678" s="613"/>
      <c r="QTZ678" s="613"/>
      <c r="QUA678" s="613"/>
      <c r="QUB678" s="613"/>
      <c r="QUC678" s="613"/>
      <c r="QUD678" s="613"/>
      <c r="QUE678" s="613"/>
      <c r="QUF678" s="613"/>
      <c r="QUG678" s="613"/>
      <c r="QUH678" s="613"/>
      <c r="QUI678" s="613"/>
      <c r="QUJ678" s="613"/>
      <c r="QUK678" s="613"/>
      <c r="QUL678" s="613"/>
      <c r="QUM678" s="613"/>
      <c r="QUN678" s="613"/>
      <c r="QUO678" s="613"/>
      <c r="QUP678" s="613"/>
      <c r="QUQ678" s="613"/>
      <c r="QUR678" s="613"/>
      <c r="QUS678" s="613"/>
      <c r="QUT678" s="613"/>
      <c r="QUU678" s="613"/>
      <c r="QUV678" s="613"/>
      <c r="QUW678" s="613"/>
      <c r="QUX678" s="613"/>
      <c r="QUY678" s="613"/>
      <c r="QUZ678" s="613"/>
      <c r="QVA678" s="613"/>
      <c r="QVB678" s="613"/>
      <c r="QVC678" s="613"/>
      <c r="QVD678" s="613"/>
      <c r="QVE678" s="613"/>
      <c r="QVF678" s="613"/>
      <c r="QVG678" s="613"/>
      <c r="QVH678" s="613"/>
      <c r="QVI678" s="613"/>
      <c r="QVJ678" s="613"/>
      <c r="QVK678" s="613"/>
      <c r="QVL678" s="613"/>
      <c r="QVM678" s="613"/>
      <c r="QVN678" s="613"/>
      <c r="QVO678" s="613"/>
      <c r="QVP678" s="613"/>
      <c r="QVQ678" s="613"/>
      <c r="QVR678" s="613"/>
      <c r="QVS678" s="613"/>
      <c r="QVT678" s="613"/>
      <c r="QVU678" s="613"/>
      <c r="QVV678" s="613"/>
      <c r="QVW678" s="613"/>
      <c r="QVX678" s="613"/>
      <c r="QVY678" s="613"/>
      <c r="QVZ678" s="613"/>
      <c r="QWA678" s="613"/>
      <c r="QWB678" s="613"/>
      <c r="QWC678" s="613"/>
      <c r="QWD678" s="613"/>
      <c r="QWE678" s="613"/>
      <c r="QWF678" s="613"/>
      <c r="QWG678" s="613"/>
      <c r="QWH678" s="613"/>
      <c r="QWI678" s="613"/>
      <c r="QWJ678" s="613"/>
      <c r="QWK678" s="613"/>
      <c r="QWL678" s="613"/>
      <c r="QWM678" s="613"/>
      <c r="QWN678" s="613"/>
      <c r="QWO678" s="613"/>
      <c r="QWP678" s="613"/>
      <c r="QWQ678" s="613"/>
      <c r="QWR678" s="613"/>
      <c r="QWS678" s="613"/>
      <c r="QWT678" s="613"/>
      <c r="QWU678" s="613"/>
      <c r="QWV678" s="613"/>
      <c r="QWW678" s="613"/>
      <c r="QWX678" s="613"/>
      <c r="QWY678" s="613"/>
      <c r="QWZ678" s="613"/>
      <c r="QXA678" s="613"/>
      <c r="QXB678" s="613"/>
      <c r="QXC678" s="613"/>
      <c r="QXD678" s="613"/>
      <c r="QXE678" s="613"/>
      <c r="QXF678" s="613"/>
      <c r="QXG678" s="613"/>
      <c r="QXH678" s="613"/>
      <c r="QXI678" s="613"/>
      <c r="QXJ678" s="613"/>
      <c r="QXK678" s="613"/>
      <c r="QXL678" s="613"/>
      <c r="QXM678" s="613"/>
      <c r="QXN678" s="613"/>
      <c r="QXO678" s="613"/>
      <c r="QXP678" s="613"/>
      <c r="QXQ678" s="613"/>
      <c r="QXR678" s="613"/>
      <c r="QXS678" s="613"/>
      <c r="QXT678" s="613"/>
      <c r="QXU678" s="613"/>
      <c r="QXV678" s="613"/>
      <c r="QXW678" s="613"/>
      <c r="QXX678" s="613"/>
      <c r="QXY678" s="613"/>
      <c r="QXZ678" s="613"/>
      <c r="QYA678" s="613"/>
      <c r="QYB678" s="613"/>
      <c r="QYC678" s="613"/>
      <c r="QYD678" s="613"/>
      <c r="QYE678" s="613"/>
      <c r="QYF678" s="613"/>
      <c r="QYG678" s="613"/>
      <c r="QYH678" s="613"/>
      <c r="QYI678" s="613"/>
      <c r="QYJ678" s="613"/>
      <c r="QYK678" s="613"/>
      <c r="QYL678" s="613"/>
      <c r="QYM678" s="613"/>
      <c r="QYN678" s="613"/>
      <c r="QYO678" s="613"/>
      <c r="QYP678" s="613"/>
      <c r="QYQ678" s="613"/>
      <c r="QYR678" s="613"/>
      <c r="QYS678" s="613"/>
      <c r="QYT678" s="613"/>
      <c r="QYU678" s="613"/>
      <c r="QYV678" s="613"/>
      <c r="QYW678" s="613"/>
      <c r="QYX678" s="613"/>
      <c r="QYY678" s="613"/>
      <c r="QYZ678" s="613"/>
      <c r="QZA678" s="613"/>
      <c r="QZB678" s="613"/>
      <c r="QZC678" s="613"/>
      <c r="QZD678" s="613"/>
      <c r="QZE678" s="613"/>
      <c r="QZF678" s="613"/>
      <c r="QZG678" s="613"/>
      <c r="QZH678" s="613"/>
      <c r="QZI678" s="613"/>
      <c r="QZJ678" s="613"/>
      <c r="QZK678" s="613"/>
      <c r="QZL678" s="613"/>
      <c r="QZM678" s="613"/>
      <c r="QZN678" s="613"/>
      <c r="QZO678" s="613"/>
      <c r="QZP678" s="613"/>
      <c r="QZQ678" s="613"/>
      <c r="QZR678" s="613"/>
      <c r="QZS678" s="613"/>
      <c r="QZT678" s="613"/>
      <c r="QZU678" s="613"/>
      <c r="QZV678" s="613"/>
      <c r="QZW678" s="613"/>
      <c r="QZX678" s="613"/>
      <c r="QZY678" s="613"/>
      <c r="QZZ678" s="613"/>
      <c r="RAA678" s="613"/>
      <c r="RAB678" s="613"/>
      <c r="RAC678" s="613"/>
      <c r="RAD678" s="613"/>
      <c r="RAE678" s="613"/>
      <c r="RAF678" s="613"/>
      <c r="RAG678" s="613"/>
      <c r="RAH678" s="613"/>
      <c r="RAI678" s="613"/>
      <c r="RAJ678" s="613"/>
      <c r="RAK678" s="613"/>
      <c r="RAL678" s="613"/>
      <c r="RAM678" s="613"/>
      <c r="RAN678" s="613"/>
      <c r="RAO678" s="613"/>
      <c r="RAP678" s="613"/>
      <c r="RAQ678" s="613"/>
      <c r="RAR678" s="613"/>
      <c r="RAS678" s="613"/>
      <c r="RAT678" s="613"/>
      <c r="RAU678" s="613"/>
      <c r="RAV678" s="613"/>
      <c r="RAW678" s="613"/>
      <c r="RAX678" s="613"/>
      <c r="RAY678" s="613"/>
      <c r="RAZ678" s="613"/>
      <c r="RBA678" s="613"/>
      <c r="RBB678" s="613"/>
      <c r="RBC678" s="613"/>
      <c r="RBD678" s="613"/>
      <c r="RBE678" s="613"/>
      <c r="RBF678" s="613"/>
      <c r="RBG678" s="613"/>
      <c r="RBH678" s="613"/>
      <c r="RBI678" s="613"/>
      <c r="RBJ678" s="613"/>
      <c r="RBK678" s="613"/>
      <c r="RBL678" s="613"/>
      <c r="RBM678" s="613"/>
      <c r="RBN678" s="613"/>
      <c r="RBO678" s="613"/>
      <c r="RBP678" s="613"/>
      <c r="RBQ678" s="613"/>
      <c r="RBR678" s="613"/>
      <c r="RBS678" s="613"/>
      <c r="RBT678" s="613"/>
      <c r="RBU678" s="613"/>
      <c r="RBV678" s="613"/>
      <c r="RBW678" s="613"/>
      <c r="RBX678" s="613"/>
      <c r="RBY678" s="613"/>
      <c r="RBZ678" s="613"/>
      <c r="RCA678" s="613"/>
      <c r="RCB678" s="613"/>
      <c r="RCC678" s="613"/>
      <c r="RCD678" s="613"/>
      <c r="RCE678" s="613"/>
      <c r="RCF678" s="613"/>
      <c r="RCG678" s="613"/>
      <c r="RCH678" s="613"/>
      <c r="RCI678" s="613"/>
      <c r="RCJ678" s="613"/>
      <c r="RCK678" s="613"/>
      <c r="RCL678" s="613"/>
      <c r="RCM678" s="613"/>
      <c r="RCN678" s="613"/>
      <c r="RCO678" s="613"/>
      <c r="RCP678" s="613"/>
      <c r="RCQ678" s="613"/>
      <c r="RCR678" s="613"/>
      <c r="RCS678" s="613"/>
      <c r="RCT678" s="613"/>
      <c r="RCU678" s="613"/>
      <c r="RCV678" s="613"/>
      <c r="RCW678" s="613"/>
      <c r="RCX678" s="613"/>
      <c r="RCY678" s="613"/>
      <c r="RCZ678" s="613"/>
      <c r="RDA678" s="613"/>
      <c r="RDB678" s="613"/>
      <c r="RDC678" s="613"/>
      <c r="RDD678" s="613"/>
      <c r="RDE678" s="613"/>
      <c r="RDF678" s="613"/>
      <c r="RDG678" s="613"/>
      <c r="RDH678" s="613"/>
      <c r="RDI678" s="613"/>
      <c r="RDJ678" s="613"/>
      <c r="RDK678" s="613"/>
      <c r="RDL678" s="613"/>
      <c r="RDM678" s="613"/>
      <c r="RDN678" s="613"/>
      <c r="RDO678" s="613"/>
      <c r="RDP678" s="613"/>
      <c r="RDQ678" s="613"/>
      <c r="RDR678" s="613"/>
      <c r="RDS678" s="613"/>
      <c r="RDT678" s="613"/>
      <c r="RDU678" s="613"/>
      <c r="RDV678" s="613"/>
      <c r="RDW678" s="613"/>
      <c r="RDX678" s="613"/>
      <c r="RDY678" s="613"/>
      <c r="RDZ678" s="613"/>
      <c r="REA678" s="613"/>
      <c r="REB678" s="613"/>
      <c r="REC678" s="613"/>
      <c r="RED678" s="613"/>
      <c r="REE678" s="613"/>
      <c r="REF678" s="613"/>
      <c r="REG678" s="613"/>
      <c r="REH678" s="613"/>
      <c r="REI678" s="613"/>
      <c r="REJ678" s="613"/>
      <c r="REK678" s="613"/>
      <c r="REL678" s="613"/>
      <c r="REM678" s="613"/>
      <c r="REN678" s="613"/>
      <c r="REO678" s="613"/>
      <c r="REP678" s="613"/>
      <c r="REQ678" s="613"/>
      <c r="RER678" s="613"/>
      <c r="RES678" s="613"/>
      <c r="RET678" s="613"/>
      <c r="REU678" s="613"/>
      <c r="REV678" s="613"/>
      <c r="REW678" s="613"/>
      <c r="REX678" s="613"/>
      <c r="REY678" s="613"/>
      <c r="REZ678" s="613"/>
      <c r="RFA678" s="613"/>
      <c r="RFB678" s="613"/>
      <c r="RFC678" s="613"/>
      <c r="RFD678" s="613"/>
      <c r="RFE678" s="613"/>
      <c r="RFF678" s="613"/>
      <c r="RFG678" s="613"/>
      <c r="RFH678" s="613"/>
      <c r="RFI678" s="613"/>
      <c r="RFJ678" s="613"/>
      <c r="RFK678" s="613"/>
      <c r="RFL678" s="613"/>
      <c r="RFM678" s="613"/>
      <c r="RFN678" s="613"/>
      <c r="RFO678" s="613"/>
      <c r="RFP678" s="613"/>
      <c r="RFQ678" s="613"/>
      <c r="RFR678" s="613"/>
      <c r="RFS678" s="613"/>
      <c r="RFT678" s="613"/>
      <c r="RFU678" s="613"/>
      <c r="RFV678" s="613"/>
      <c r="RFW678" s="613"/>
      <c r="RFX678" s="613"/>
      <c r="RFY678" s="613"/>
      <c r="RFZ678" s="613"/>
      <c r="RGA678" s="613"/>
      <c r="RGB678" s="613"/>
      <c r="RGC678" s="613"/>
      <c r="RGD678" s="613"/>
      <c r="RGE678" s="613"/>
      <c r="RGF678" s="613"/>
      <c r="RGG678" s="613"/>
      <c r="RGH678" s="613"/>
      <c r="RGI678" s="613"/>
      <c r="RGJ678" s="613"/>
      <c r="RGK678" s="613"/>
      <c r="RGL678" s="613"/>
      <c r="RGM678" s="613"/>
      <c r="RGN678" s="613"/>
      <c r="RGO678" s="613"/>
      <c r="RGP678" s="613"/>
      <c r="RGQ678" s="613"/>
      <c r="RGR678" s="613"/>
      <c r="RGS678" s="613"/>
      <c r="RGT678" s="613"/>
      <c r="RGU678" s="613"/>
      <c r="RGV678" s="613"/>
      <c r="RGW678" s="613"/>
      <c r="RGX678" s="613"/>
      <c r="RGY678" s="613"/>
      <c r="RGZ678" s="613"/>
      <c r="RHA678" s="613"/>
      <c r="RHB678" s="613"/>
      <c r="RHC678" s="613"/>
      <c r="RHD678" s="613"/>
      <c r="RHE678" s="613"/>
      <c r="RHF678" s="613"/>
      <c r="RHG678" s="613"/>
      <c r="RHH678" s="613"/>
      <c r="RHI678" s="613"/>
      <c r="RHJ678" s="613"/>
      <c r="RHK678" s="613"/>
      <c r="RHL678" s="613"/>
      <c r="RHM678" s="613"/>
      <c r="RHN678" s="613"/>
      <c r="RHO678" s="613"/>
      <c r="RHP678" s="613"/>
      <c r="RHQ678" s="613"/>
      <c r="RHR678" s="613"/>
      <c r="RHS678" s="613"/>
      <c r="RHT678" s="613"/>
      <c r="RHU678" s="613"/>
      <c r="RHV678" s="613"/>
      <c r="RHW678" s="613"/>
      <c r="RHX678" s="613"/>
      <c r="RHY678" s="613"/>
      <c r="RHZ678" s="613"/>
      <c r="RIA678" s="613"/>
      <c r="RIB678" s="613"/>
      <c r="RIC678" s="613"/>
      <c r="RID678" s="613"/>
      <c r="RIE678" s="613"/>
      <c r="RIF678" s="613"/>
      <c r="RIG678" s="613"/>
      <c r="RIH678" s="613"/>
      <c r="RII678" s="613"/>
      <c r="RIJ678" s="613"/>
      <c r="RIK678" s="613"/>
      <c r="RIL678" s="613"/>
      <c r="RIM678" s="613"/>
      <c r="RIN678" s="613"/>
      <c r="RIO678" s="613"/>
      <c r="RIP678" s="613"/>
      <c r="RIQ678" s="613"/>
      <c r="RIR678" s="613"/>
      <c r="RIS678" s="613"/>
      <c r="RIT678" s="613"/>
      <c r="RIU678" s="613"/>
      <c r="RIV678" s="613"/>
      <c r="RIW678" s="613"/>
      <c r="RIX678" s="613"/>
      <c r="RIY678" s="613"/>
      <c r="RIZ678" s="613"/>
      <c r="RJA678" s="613"/>
      <c r="RJB678" s="613"/>
      <c r="RJC678" s="613"/>
      <c r="RJD678" s="613"/>
      <c r="RJE678" s="613"/>
      <c r="RJF678" s="613"/>
      <c r="RJG678" s="613"/>
      <c r="RJH678" s="613"/>
      <c r="RJI678" s="613"/>
      <c r="RJJ678" s="613"/>
      <c r="RJK678" s="613"/>
      <c r="RJL678" s="613"/>
      <c r="RJM678" s="613"/>
      <c r="RJN678" s="613"/>
      <c r="RJO678" s="613"/>
      <c r="RJP678" s="613"/>
      <c r="RJQ678" s="613"/>
      <c r="RJR678" s="613"/>
      <c r="RJS678" s="613"/>
      <c r="RJT678" s="613"/>
      <c r="RJU678" s="613"/>
      <c r="RJV678" s="613"/>
      <c r="RJW678" s="613"/>
      <c r="RJX678" s="613"/>
      <c r="RJY678" s="613"/>
      <c r="RJZ678" s="613"/>
      <c r="RKA678" s="613"/>
      <c r="RKB678" s="613"/>
      <c r="RKC678" s="613"/>
      <c r="RKD678" s="613"/>
      <c r="RKE678" s="613"/>
      <c r="RKF678" s="613"/>
      <c r="RKG678" s="613"/>
      <c r="RKH678" s="613"/>
      <c r="RKI678" s="613"/>
      <c r="RKJ678" s="613"/>
      <c r="RKK678" s="613"/>
      <c r="RKL678" s="613"/>
      <c r="RKM678" s="613"/>
      <c r="RKN678" s="613"/>
      <c r="RKO678" s="613"/>
      <c r="RKP678" s="613"/>
      <c r="RKQ678" s="613"/>
      <c r="RKR678" s="613"/>
      <c r="RKS678" s="613"/>
      <c r="RKT678" s="613"/>
      <c r="RKU678" s="613"/>
      <c r="RKV678" s="613"/>
      <c r="RKW678" s="613"/>
      <c r="RKX678" s="613"/>
      <c r="RKY678" s="613"/>
      <c r="RKZ678" s="613"/>
      <c r="RLA678" s="613"/>
      <c r="RLB678" s="613"/>
      <c r="RLC678" s="613"/>
      <c r="RLD678" s="613"/>
      <c r="RLE678" s="613"/>
      <c r="RLF678" s="613"/>
      <c r="RLG678" s="613"/>
      <c r="RLH678" s="613"/>
      <c r="RLI678" s="613"/>
      <c r="RLJ678" s="613"/>
      <c r="RLK678" s="613"/>
      <c r="RLL678" s="613"/>
      <c r="RLM678" s="613"/>
      <c r="RLN678" s="613"/>
      <c r="RLO678" s="613"/>
      <c r="RLP678" s="613"/>
      <c r="RLQ678" s="613"/>
      <c r="RLR678" s="613"/>
      <c r="RLS678" s="613"/>
      <c r="RLT678" s="613"/>
      <c r="RLU678" s="613"/>
      <c r="RLV678" s="613"/>
      <c r="RLW678" s="613"/>
      <c r="RLX678" s="613"/>
      <c r="RLY678" s="613"/>
      <c r="RLZ678" s="613"/>
      <c r="RMA678" s="613"/>
      <c r="RMB678" s="613"/>
      <c r="RMC678" s="613"/>
      <c r="RMD678" s="613"/>
      <c r="RME678" s="613"/>
      <c r="RMF678" s="613"/>
      <c r="RMG678" s="613"/>
      <c r="RMH678" s="613"/>
      <c r="RMI678" s="613"/>
      <c r="RMJ678" s="613"/>
      <c r="RMK678" s="613"/>
      <c r="RML678" s="613"/>
      <c r="RMM678" s="613"/>
      <c r="RMN678" s="613"/>
      <c r="RMO678" s="613"/>
      <c r="RMP678" s="613"/>
      <c r="RMQ678" s="613"/>
      <c r="RMR678" s="613"/>
      <c r="RMS678" s="613"/>
      <c r="RMT678" s="613"/>
      <c r="RMU678" s="613"/>
      <c r="RMV678" s="613"/>
      <c r="RMW678" s="613"/>
      <c r="RMX678" s="613"/>
      <c r="RMY678" s="613"/>
      <c r="RMZ678" s="613"/>
      <c r="RNA678" s="613"/>
      <c r="RNB678" s="613"/>
      <c r="RNC678" s="613"/>
      <c r="RND678" s="613"/>
      <c r="RNE678" s="613"/>
      <c r="RNF678" s="613"/>
      <c r="RNG678" s="613"/>
      <c r="RNH678" s="613"/>
      <c r="RNI678" s="613"/>
      <c r="RNJ678" s="613"/>
      <c r="RNK678" s="613"/>
      <c r="RNL678" s="613"/>
      <c r="RNM678" s="613"/>
      <c r="RNN678" s="613"/>
      <c r="RNO678" s="613"/>
      <c r="RNP678" s="613"/>
      <c r="RNQ678" s="613"/>
      <c r="RNR678" s="613"/>
      <c r="RNS678" s="613"/>
      <c r="RNT678" s="613"/>
      <c r="RNU678" s="613"/>
      <c r="RNV678" s="613"/>
      <c r="RNW678" s="613"/>
      <c r="RNX678" s="613"/>
      <c r="RNY678" s="613"/>
      <c r="RNZ678" s="613"/>
      <c r="ROA678" s="613"/>
      <c r="ROB678" s="613"/>
      <c r="ROC678" s="613"/>
      <c r="ROD678" s="613"/>
      <c r="ROE678" s="613"/>
      <c r="ROF678" s="613"/>
      <c r="ROG678" s="613"/>
      <c r="ROH678" s="613"/>
      <c r="ROI678" s="613"/>
      <c r="ROJ678" s="613"/>
      <c r="ROK678" s="613"/>
      <c r="ROL678" s="613"/>
      <c r="ROM678" s="613"/>
      <c r="RON678" s="613"/>
      <c r="ROO678" s="613"/>
      <c r="ROP678" s="613"/>
      <c r="ROQ678" s="613"/>
      <c r="ROR678" s="613"/>
      <c r="ROS678" s="613"/>
      <c r="ROT678" s="613"/>
      <c r="ROU678" s="613"/>
      <c r="ROV678" s="613"/>
      <c r="ROW678" s="613"/>
      <c r="ROX678" s="613"/>
      <c r="ROY678" s="613"/>
      <c r="ROZ678" s="613"/>
      <c r="RPA678" s="613"/>
      <c r="RPB678" s="613"/>
      <c r="RPC678" s="613"/>
      <c r="RPD678" s="613"/>
      <c r="RPE678" s="613"/>
      <c r="RPF678" s="613"/>
      <c r="RPG678" s="613"/>
      <c r="RPH678" s="613"/>
      <c r="RPI678" s="613"/>
      <c r="RPJ678" s="613"/>
      <c r="RPK678" s="613"/>
      <c r="RPL678" s="613"/>
      <c r="RPM678" s="613"/>
      <c r="RPN678" s="613"/>
      <c r="RPO678" s="613"/>
      <c r="RPP678" s="613"/>
      <c r="RPQ678" s="613"/>
      <c r="RPR678" s="613"/>
      <c r="RPS678" s="613"/>
      <c r="RPT678" s="613"/>
      <c r="RPU678" s="613"/>
      <c r="RPV678" s="613"/>
      <c r="RPW678" s="613"/>
      <c r="RPX678" s="613"/>
      <c r="RPY678" s="613"/>
      <c r="RPZ678" s="613"/>
      <c r="RQA678" s="613"/>
      <c r="RQB678" s="613"/>
      <c r="RQC678" s="613"/>
      <c r="RQD678" s="613"/>
      <c r="RQE678" s="613"/>
      <c r="RQF678" s="613"/>
      <c r="RQG678" s="613"/>
      <c r="RQH678" s="613"/>
      <c r="RQI678" s="613"/>
      <c r="RQJ678" s="613"/>
      <c r="RQK678" s="613"/>
      <c r="RQL678" s="613"/>
      <c r="RQM678" s="613"/>
      <c r="RQN678" s="613"/>
      <c r="RQO678" s="613"/>
      <c r="RQP678" s="613"/>
      <c r="RQQ678" s="613"/>
      <c r="RQR678" s="613"/>
      <c r="RQS678" s="613"/>
      <c r="RQT678" s="613"/>
      <c r="RQU678" s="613"/>
      <c r="RQV678" s="613"/>
      <c r="RQW678" s="613"/>
      <c r="RQX678" s="613"/>
      <c r="RQY678" s="613"/>
      <c r="RQZ678" s="613"/>
      <c r="RRA678" s="613"/>
      <c r="RRB678" s="613"/>
      <c r="RRC678" s="613"/>
      <c r="RRD678" s="613"/>
      <c r="RRE678" s="613"/>
      <c r="RRF678" s="613"/>
      <c r="RRG678" s="613"/>
      <c r="RRH678" s="613"/>
      <c r="RRI678" s="613"/>
      <c r="RRJ678" s="613"/>
      <c r="RRK678" s="613"/>
      <c r="RRL678" s="613"/>
      <c r="RRM678" s="613"/>
      <c r="RRN678" s="613"/>
      <c r="RRO678" s="613"/>
      <c r="RRP678" s="613"/>
      <c r="RRQ678" s="613"/>
      <c r="RRR678" s="613"/>
      <c r="RRS678" s="613"/>
      <c r="RRT678" s="613"/>
      <c r="RRU678" s="613"/>
      <c r="RRV678" s="613"/>
      <c r="RRW678" s="613"/>
      <c r="RRX678" s="613"/>
      <c r="RRY678" s="613"/>
      <c r="RRZ678" s="613"/>
      <c r="RSA678" s="613"/>
      <c r="RSB678" s="613"/>
      <c r="RSC678" s="613"/>
      <c r="RSD678" s="613"/>
      <c r="RSE678" s="613"/>
      <c r="RSF678" s="613"/>
      <c r="RSG678" s="613"/>
      <c r="RSH678" s="613"/>
      <c r="RSI678" s="613"/>
      <c r="RSJ678" s="613"/>
      <c r="RSK678" s="613"/>
      <c r="RSL678" s="613"/>
      <c r="RSM678" s="613"/>
      <c r="RSN678" s="613"/>
      <c r="RSO678" s="613"/>
      <c r="RSP678" s="613"/>
      <c r="RSQ678" s="613"/>
      <c r="RSR678" s="613"/>
      <c r="RSS678" s="613"/>
      <c r="RST678" s="613"/>
      <c r="RSU678" s="613"/>
      <c r="RSV678" s="613"/>
      <c r="RSW678" s="613"/>
      <c r="RSX678" s="613"/>
      <c r="RSY678" s="613"/>
      <c r="RSZ678" s="613"/>
      <c r="RTA678" s="613"/>
      <c r="RTB678" s="613"/>
      <c r="RTC678" s="613"/>
      <c r="RTD678" s="613"/>
      <c r="RTE678" s="613"/>
      <c r="RTF678" s="613"/>
      <c r="RTG678" s="613"/>
      <c r="RTH678" s="613"/>
      <c r="RTI678" s="613"/>
      <c r="RTJ678" s="613"/>
      <c r="RTK678" s="613"/>
      <c r="RTL678" s="613"/>
      <c r="RTM678" s="613"/>
      <c r="RTN678" s="613"/>
      <c r="RTO678" s="613"/>
      <c r="RTP678" s="613"/>
      <c r="RTQ678" s="613"/>
      <c r="RTR678" s="613"/>
      <c r="RTS678" s="613"/>
      <c r="RTT678" s="613"/>
      <c r="RTU678" s="613"/>
      <c r="RTV678" s="613"/>
      <c r="RTW678" s="613"/>
      <c r="RTX678" s="613"/>
      <c r="RTY678" s="613"/>
      <c r="RTZ678" s="613"/>
      <c r="RUA678" s="613"/>
      <c r="RUB678" s="613"/>
      <c r="RUC678" s="613"/>
      <c r="RUD678" s="613"/>
      <c r="RUE678" s="613"/>
      <c r="RUF678" s="613"/>
      <c r="RUG678" s="613"/>
      <c r="RUH678" s="613"/>
      <c r="RUI678" s="613"/>
      <c r="RUJ678" s="613"/>
      <c r="RUK678" s="613"/>
      <c r="RUL678" s="613"/>
      <c r="RUM678" s="613"/>
      <c r="RUN678" s="613"/>
      <c r="RUO678" s="613"/>
      <c r="RUP678" s="613"/>
      <c r="RUQ678" s="613"/>
      <c r="RUR678" s="613"/>
      <c r="RUS678" s="613"/>
      <c r="RUT678" s="613"/>
      <c r="RUU678" s="613"/>
      <c r="RUV678" s="613"/>
      <c r="RUW678" s="613"/>
      <c r="RUX678" s="613"/>
      <c r="RUY678" s="613"/>
      <c r="RUZ678" s="613"/>
      <c r="RVA678" s="613"/>
      <c r="RVB678" s="613"/>
      <c r="RVC678" s="613"/>
      <c r="RVD678" s="613"/>
      <c r="RVE678" s="613"/>
      <c r="RVF678" s="613"/>
      <c r="RVG678" s="613"/>
      <c r="RVH678" s="613"/>
      <c r="RVI678" s="613"/>
      <c r="RVJ678" s="613"/>
      <c r="RVK678" s="613"/>
      <c r="RVL678" s="613"/>
      <c r="RVM678" s="613"/>
      <c r="RVN678" s="613"/>
      <c r="RVO678" s="613"/>
      <c r="RVP678" s="613"/>
      <c r="RVQ678" s="613"/>
      <c r="RVR678" s="613"/>
      <c r="RVS678" s="613"/>
      <c r="RVT678" s="613"/>
      <c r="RVU678" s="613"/>
      <c r="RVV678" s="613"/>
      <c r="RVW678" s="613"/>
      <c r="RVX678" s="613"/>
      <c r="RVY678" s="613"/>
      <c r="RVZ678" s="613"/>
      <c r="RWA678" s="613"/>
      <c r="RWB678" s="613"/>
      <c r="RWC678" s="613"/>
      <c r="RWD678" s="613"/>
      <c r="RWE678" s="613"/>
      <c r="RWF678" s="613"/>
      <c r="RWG678" s="613"/>
      <c r="RWH678" s="613"/>
      <c r="RWI678" s="613"/>
      <c r="RWJ678" s="613"/>
      <c r="RWK678" s="613"/>
      <c r="RWL678" s="613"/>
      <c r="RWM678" s="613"/>
      <c r="RWN678" s="613"/>
      <c r="RWO678" s="613"/>
      <c r="RWP678" s="613"/>
      <c r="RWQ678" s="613"/>
      <c r="RWR678" s="613"/>
      <c r="RWS678" s="613"/>
      <c r="RWT678" s="613"/>
      <c r="RWU678" s="613"/>
      <c r="RWV678" s="613"/>
      <c r="RWW678" s="613"/>
      <c r="RWX678" s="613"/>
      <c r="RWY678" s="613"/>
      <c r="RWZ678" s="613"/>
      <c r="RXA678" s="613"/>
      <c r="RXB678" s="613"/>
      <c r="RXC678" s="613"/>
      <c r="RXD678" s="613"/>
      <c r="RXE678" s="613"/>
      <c r="RXF678" s="613"/>
      <c r="RXG678" s="613"/>
      <c r="RXH678" s="613"/>
      <c r="RXI678" s="613"/>
      <c r="RXJ678" s="613"/>
      <c r="RXK678" s="613"/>
      <c r="RXL678" s="613"/>
      <c r="RXM678" s="613"/>
      <c r="RXN678" s="613"/>
      <c r="RXO678" s="613"/>
      <c r="RXP678" s="613"/>
      <c r="RXQ678" s="613"/>
      <c r="RXR678" s="613"/>
      <c r="RXS678" s="613"/>
      <c r="RXT678" s="613"/>
      <c r="RXU678" s="613"/>
      <c r="RXV678" s="613"/>
      <c r="RXW678" s="613"/>
      <c r="RXX678" s="613"/>
      <c r="RXY678" s="613"/>
      <c r="RXZ678" s="613"/>
      <c r="RYA678" s="613"/>
      <c r="RYB678" s="613"/>
      <c r="RYC678" s="613"/>
      <c r="RYD678" s="613"/>
      <c r="RYE678" s="613"/>
      <c r="RYF678" s="613"/>
      <c r="RYG678" s="613"/>
      <c r="RYH678" s="613"/>
      <c r="RYI678" s="613"/>
      <c r="RYJ678" s="613"/>
      <c r="RYK678" s="613"/>
      <c r="RYL678" s="613"/>
      <c r="RYM678" s="613"/>
      <c r="RYN678" s="613"/>
      <c r="RYO678" s="613"/>
      <c r="RYP678" s="613"/>
      <c r="RYQ678" s="613"/>
      <c r="RYR678" s="613"/>
      <c r="RYS678" s="613"/>
      <c r="RYT678" s="613"/>
      <c r="RYU678" s="613"/>
      <c r="RYV678" s="613"/>
      <c r="RYW678" s="613"/>
      <c r="RYX678" s="613"/>
      <c r="RYY678" s="613"/>
      <c r="RYZ678" s="613"/>
      <c r="RZA678" s="613"/>
      <c r="RZB678" s="613"/>
      <c r="RZC678" s="613"/>
      <c r="RZD678" s="613"/>
      <c r="RZE678" s="613"/>
      <c r="RZF678" s="613"/>
      <c r="RZG678" s="613"/>
      <c r="RZH678" s="613"/>
      <c r="RZI678" s="613"/>
      <c r="RZJ678" s="613"/>
      <c r="RZK678" s="613"/>
      <c r="RZL678" s="613"/>
      <c r="RZM678" s="613"/>
      <c r="RZN678" s="613"/>
      <c r="RZO678" s="613"/>
      <c r="RZP678" s="613"/>
      <c r="RZQ678" s="613"/>
      <c r="RZR678" s="613"/>
      <c r="RZS678" s="613"/>
      <c r="RZT678" s="613"/>
      <c r="RZU678" s="613"/>
      <c r="RZV678" s="613"/>
      <c r="RZW678" s="613"/>
      <c r="RZX678" s="613"/>
      <c r="RZY678" s="613"/>
      <c r="RZZ678" s="613"/>
      <c r="SAA678" s="613"/>
      <c r="SAB678" s="613"/>
      <c r="SAC678" s="613"/>
      <c r="SAD678" s="613"/>
      <c r="SAE678" s="613"/>
      <c r="SAF678" s="613"/>
      <c r="SAG678" s="613"/>
      <c r="SAH678" s="613"/>
      <c r="SAI678" s="613"/>
      <c r="SAJ678" s="613"/>
      <c r="SAK678" s="613"/>
      <c r="SAL678" s="613"/>
      <c r="SAM678" s="613"/>
      <c r="SAN678" s="613"/>
      <c r="SAO678" s="613"/>
      <c r="SAP678" s="613"/>
      <c r="SAQ678" s="613"/>
      <c r="SAR678" s="613"/>
      <c r="SAS678" s="613"/>
      <c r="SAT678" s="613"/>
      <c r="SAU678" s="613"/>
      <c r="SAV678" s="613"/>
      <c r="SAW678" s="613"/>
      <c r="SAX678" s="613"/>
      <c r="SAY678" s="613"/>
      <c r="SAZ678" s="613"/>
      <c r="SBA678" s="613"/>
      <c r="SBB678" s="613"/>
      <c r="SBC678" s="613"/>
      <c r="SBD678" s="613"/>
      <c r="SBE678" s="613"/>
      <c r="SBF678" s="613"/>
      <c r="SBG678" s="613"/>
      <c r="SBH678" s="613"/>
      <c r="SBI678" s="613"/>
      <c r="SBJ678" s="613"/>
      <c r="SBK678" s="613"/>
      <c r="SBL678" s="613"/>
      <c r="SBM678" s="613"/>
      <c r="SBN678" s="613"/>
      <c r="SBO678" s="613"/>
      <c r="SBP678" s="613"/>
      <c r="SBQ678" s="613"/>
      <c r="SBR678" s="613"/>
      <c r="SBS678" s="613"/>
      <c r="SBT678" s="613"/>
      <c r="SBU678" s="613"/>
      <c r="SBV678" s="613"/>
      <c r="SBW678" s="613"/>
      <c r="SBX678" s="613"/>
      <c r="SBY678" s="613"/>
      <c r="SBZ678" s="613"/>
      <c r="SCA678" s="613"/>
      <c r="SCB678" s="613"/>
      <c r="SCC678" s="613"/>
      <c r="SCD678" s="613"/>
      <c r="SCE678" s="613"/>
      <c r="SCF678" s="613"/>
      <c r="SCG678" s="613"/>
      <c r="SCH678" s="613"/>
      <c r="SCI678" s="613"/>
      <c r="SCJ678" s="613"/>
      <c r="SCK678" s="613"/>
      <c r="SCL678" s="613"/>
      <c r="SCM678" s="613"/>
      <c r="SCN678" s="613"/>
      <c r="SCO678" s="613"/>
      <c r="SCP678" s="613"/>
      <c r="SCQ678" s="613"/>
      <c r="SCR678" s="613"/>
      <c r="SCS678" s="613"/>
      <c r="SCT678" s="613"/>
      <c r="SCU678" s="613"/>
      <c r="SCV678" s="613"/>
      <c r="SCW678" s="613"/>
      <c r="SCX678" s="613"/>
      <c r="SCY678" s="613"/>
      <c r="SCZ678" s="613"/>
      <c r="SDA678" s="613"/>
      <c r="SDB678" s="613"/>
      <c r="SDC678" s="613"/>
      <c r="SDD678" s="613"/>
      <c r="SDE678" s="613"/>
      <c r="SDF678" s="613"/>
      <c r="SDG678" s="613"/>
      <c r="SDH678" s="613"/>
      <c r="SDI678" s="613"/>
      <c r="SDJ678" s="613"/>
      <c r="SDK678" s="613"/>
      <c r="SDL678" s="613"/>
      <c r="SDM678" s="613"/>
      <c r="SDN678" s="613"/>
      <c r="SDO678" s="613"/>
      <c r="SDP678" s="613"/>
      <c r="SDQ678" s="613"/>
      <c r="SDR678" s="613"/>
      <c r="SDS678" s="613"/>
      <c r="SDT678" s="613"/>
      <c r="SDU678" s="613"/>
      <c r="SDV678" s="613"/>
      <c r="SDW678" s="613"/>
      <c r="SDX678" s="613"/>
      <c r="SDY678" s="613"/>
      <c r="SDZ678" s="613"/>
      <c r="SEA678" s="613"/>
      <c r="SEB678" s="613"/>
      <c r="SEC678" s="613"/>
      <c r="SED678" s="613"/>
      <c r="SEE678" s="613"/>
      <c r="SEF678" s="613"/>
      <c r="SEG678" s="613"/>
      <c r="SEH678" s="613"/>
      <c r="SEI678" s="613"/>
      <c r="SEJ678" s="613"/>
      <c r="SEK678" s="613"/>
      <c r="SEL678" s="613"/>
      <c r="SEM678" s="613"/>
      <c r="SEN678" s="613"/>
      <c r="SEO678" s="613"/>
      <c r="SEP678" s="613"/>
      <c r="SEQ678" s="613"/>
      <c r="SER678" s="613"/>
      <c r="SES678" s="613"/>
      <c r="SET678" s="613"/>
      <c r="SEU678" s="613"/>
      <c r="SEV678" s="613"/>
      <c r="SEW678" s="613"/>
      <c r="SEX678" s="613"/>
      <c r="SEY678" s="613"/>
      <c r="SEZ678" s="613"/>
      <c r="SFA678" s="613"/>
      <c r="SFB678" s="613"/>
      <c r="SFC678" s="613"/>
      <c r="SFD678" s="613"/>
      <c r="SFE678" s="613"/>
      <c r="SFF678" s="613"/>
      <c r="SFG678" s="613"/>
      <c r="SFH678" s="613"/>
      <c r="SFI678" s="613"/>
      <c r="SFJ678" s="613"/>
      <c r="SFK678" s="613"/>
      <c r="SFL678" s="613"/>
      <c r="SFM678" s="613"/>
      <c r="SFN678" s="613"/>
      <c r="SFO678" s="613"/>
      <c r="SFP678" s="613"/>
      <c r="SFQ678" s="613"/>
      <c r="SFR678" s="613"/>
      <c r="SFS678" s="613"/>
      <c r="SFT678" s="613"/>
      <c r="SFU678" s="613"/>
      <c r="SFV678" s="613"/>
      <c r="SFW678" s="613"/>
      <c r="SFX678" s="613"/>
      <c r="SFY678" s="613"/>
      <c r="SFZ678" s="613"/>
      <c r="SGA678" s="613"/>
      <c r="SGB678" s="613"/>
      <c r="SGC678" s="613"/>
      <c r="SGD678" s="613"/>
      <c r="SGE678" s="613"/>
      <c r="SGF678" s="613"/>
      <c r="SGG678" s="613"/>
      <c r="SGH678" s="613"/>
      <c r="SGI678" s="613"/>
      <c r="SGJ678" s="613"/>
      <c r="SGK678" s="613"/>
      <c r="SGL678" s="613"/>
      <c r="SGM678" s="613"/>
      <c r="SGN678" s="613"/>
      <c r="SGO678" s="613"/>
      <c r="SGP678" s="613"/>
      <c r="SGQ678" s="613"/>
      <c r="SGR678" s="613"/>
      <c r="SGS678" s="613"/>
      <c r="SGT678" s="613"/>
      <c r="SGU678" s="613"/>
      <c r="SGV678" s="613"/>
      <c r="SGW678" s="613"/>
      <c r="SGX678" s="613"/>
      <c r="SGY678" s="613"/>
      <c r="SGZ678" s="613"/>
      <c r="SHA678" s="613"/>
      <c r="SHB678" s="613"/>
      <c r="SHC678" s="613"/>
      <c r="SHD678" s="613"/>
      <c r="SHE678" s="613"/>
      <c r="SHF678" s="613"/>
      <c r="SHG678" s="613"/>
      <c r="SHH678" s="613"/>
      <c r="SHI678" s="613"/>
      <c r="SHJ678" s="613"/>
      <c r="SHK678" s="613"/>
      <c r="SHL678" s="613"/>
      <c r="SHM678" s="613"/>
      <c r="SHN678" s="613"/>
      <c r="SHO678" s="613"/>
      <c r="SHP678" s="613"/>
      <c r="SHQ678" s="613"/>
      <c r="SHR678" s="613"/>
      <c r="SHS678" s="613"/>
      <c r="SHT678" s="613"/>
      <c r="SHU678" s="613"/>
      <c r="SHV678" s="613"/>
      <c r="SHW678" s="613"/>
      <c r="SHX678" s="613"/>
      <c r="SHY678" s="613"/>
      <c r="SHZ678" s="613"/>
      <c r="SIA678" s="613"/>
      <c r="SIB678" s="613"/>
      <c r="SIC678" s="613"/>
      <c r="SID678" s="613"/>
      <c r="SIE678" s="613"/>
      <c r="SIF678" s="613"/>
      <c r="SIG678" s="613"/>
      <c r="SIH678" s="613"/>
      <c r="SII678" s="613"/>
      <c r="SIJ678" s="613"/>
      <c r="SIK678" s="613"/>
      <c r="SIL678" s="613"/>
      <c r="SIM678" s="613"/>
      <c r="SIN678" s="613"/>
      <c r="SIO678" s="613"/>
      <c r="SIP678" s="613"/>
      <c r="SIQ678" s="613"/>
      <c r="SIR678" s="613"/>
      <c r="SIS678" s="613"/>
      <c r="SIT678" s="613"/>
      <c r="SIU678" s="613"/>
      <c r="SIV678" s="613"/>
      <c r="SIW678" s="613"/>
      <c r="SIX678" s="613"/>
      <c r="SIY678" s="613"/>
      <c r="SIZ678" s="613"/>
      <c r="SJA678" s="613"/>
      <c r="SJB678" s="613"/>
      <c r="SJC678" s="613"/>
      <c r="SJD678" s="613"/>
      <c r="SJE678" s="613"/>
      <c r="SJF678" s="613"/>
      <c r="SJG678" s="613"/>
      <c r="SJH678" s="613"/>
      <c r="SJI678" s="613"/>
      <c r="SJJ678" s="613"/>
      <c r="SJK678" s="613"/>
      <c r="SJL678" s="613"/>
      <c r="SJM678" s="613"/>
      <c r="SJN678" s="613"/>
      <c r="SJO678" s="613"/>
      <c r="SJP678" s="613"/>
      <c r="SJQ678" s="613"/>
      <c r="SJR678" s="613"/>
      <c r="SJS678" s="613"/>
      <c r="SJT678" s="613"/>
      <c r="SJU678" s="613"/>
      <c r="SJV678" s="613"/>
      <c r="SJW678" s="613"/>
      <c r="SJX678" s="613"/>
      <c r="SJY678" s="613"/>
      <c r="SJZ678" s="613"/>
      <c r="SKA678" s="613"/>
      <c r="SKB678" s="613"/>
      <c r="SKC678" s="613"/>
      <c r="SKD678" s="613"/>
      <c r="SKE678" s="613"/>
      <c r="SKF678" s="613"/>
      <c r="SKG678" s="613"/>
      <c r="SKH678" s="613"/>
      <c r="SKI678" s="613"/>
      <c r="SKJ678" s="613"/>
      <c r="SKK678" s="613"/>
      <c r="SKL678" s="613"/>
      <c r="SKM678" s="613"/>
      <c r="SKN678" s="613"/>
      <c r="SKO678" s="613"/>
      <c r="SKP678" s="613"/>
      <c r="SKQ678" s="613"/>
      <c r="SKR678" s="613"/>
      <c r="SKS678" s="613"/>
      <c r="SKT678" s="613"/>
      <c r="SKU678" s="613"/>
      <c r="SKV678" s="613"/>
      <c r="SKW678" s="613"/>
      <c r="SKX678" s="613"/>
      <c r="SKY678" s="613"/>
      <c r="SKZ678" s="613"/>
      <c r="SLA678" s="613"/>
      <c r="SLB678" s="613"/>
      <c r="SLC678" s="613"/>
      <c r="SLD678" s="613"/>
      <c r="SLE678" s="613"/>
      <c r="SLF678" s="613"/>
      <c r="SLG678" s="613"/>
      <c r="SLH678" s="613"/>
      <c r="SLI678" s="613"/>
      <c r="SLJ678" s="613"/>
      <c r="SLK678" s="613"/>
      <c r="SLL678" s="613"/>
      <c r="SLM678" s="613"/>
      <c r="SLN678" s="613"/>
      <c r="SLO678" s="613"/>
      <c r="SLP678" s="613"/>
      <c r="SLQ678" s="613"/>
      <c r="SLR678" s="613"/>
      <c r="SLS678" s="613"/>
      <c r="SLT678" s="613"/>
      <c r="SLU678" s="613"/>
      <c r="SLV678" s="613"/>
      <c r="SLW678" s="613"/>
      <c r="SLX678" s="613"/>
      <c r="SLY678" s="613"/>
      <c r="SLZ678" s="613"/>
      <c r="SMA678" s="613"/>
      <c r="SMB678" s="613"/>
      <c r="SMC678" s="613"/>
      <c r="SMD678" s="613"/>
      <c r="SME678" s="613"/>
      <c r="SMF678" s="613"/>
      <c r="SMG678" s="613"/>
      <c r="SMH678" s="613"/>
      <c r="SMI678" s="613"/>
      <c r="SMJ678" s="613"/>
      <c r="SMK678" s="613"/>
      <c r="SML678" s="613"/>
      <c r="SMM678" s="613"/>
      <c r="SMN678" s="613"/>
      <c r="SMO678" s="613"/>
      <c r="SMP678" s="613"/>
      <c r="SMQ678" s="613"/>
      <c r="SMR678" s="613"/>
      <c r="SMS678" s="613"/>
      <c r="SMT678" s="613"/>
      <c r="SMU678" s="613"/>
      <c r="SMV678" s="613"/>
      <c r="SMW678" s="613"/>
      <c r="SMX678" s="613"/>
      <c r="SMY678" s="613"/>
      <c r="SMZ678" s="613"/>
      <c r="SNA678" s="613"/>
      <c r="SNB678" s="613"/>
      <c r="SNC678" s="613"/>
      <c r="SND678" s="613"/>
      <c r="SNE678" s="613"/>
      <c r="SNF678" s="613"/>
      <c r="SNG678" s="613"/>
      <c r="SNH678" s="613"/>
      <c r="SNI678" s="613"/>
      <c r="SNJ678" s="613"/>
      <c r="SNK678" s="613"/>
      <c r="SNL678" s="613"/>
      <c r="SNM678" s="613"/>
      <c r="SNN678" s="613"/>
      <c r="SNO678" s="613"/>
      <c r="SNP678" s="613"/>
      <c r="SNQ678" s="613"/>
      <c r="SNR678" s="613"/>
      <c r="SNS678" s="613"/>
      <c r="SNT678" s="613"/>
      <c r="SNU678" s="613"/>
      <c r="SNV678" s="613"/>
      <c r="SNW678" s="613"/>
      <c r="SNX678" s="613"/>
      <c r="SNY678" s="613"/>
      <c r="SNZ678" s="613"/>
      <c r="SOA678" s="613"/>
      <c r="SOB678" s="613"/>
      <c r="SOC678" s="613"/>
      <c r="SOD678" s="613"/>
      <c r="SOE678" s="613"/>
      <c r="SOF678" s="613"/>
      <c r="SOG678" s="613"/>
      <c r="SOH678" s="613"/>
      <c r="SOI678" s="613"/>
      <c r="SOJ678" s="613"/>
      <c r="SOK678" s="613"/>
      <c r="SOL678" s="613"/>
      <c r="SOM678" s="613"/>
      <c r="SON678" s="613"/>
      <c r="SOO678" s="613"/>
      <c r="SOP678" s="613"/>
      <c r="SOQ678" s="613"/>
      <c r="SOR678" s="613"/>
      <c r="SOS678" s="613"/>
      <c r="SOT678" s="613"/>
      <c r="SOU678" s="613"/>
      <c r="SOV678" s="613"/>
      <c r="SOW678" s="613"/>
      <c r="SOX678" s="613"/>
      <c r="SOY678" s="613"/>
      <c r="SOZ678" s="613"/>
      <c r="SPA678" s="613"/>
      <c r="SPB678" s="613"/>
      <c r="SPC678" s="613"/>
      <c r="SPD678" s="613"/>
      <c r="SPE678" s="613"/>
      <c r="SPF678" s="613"/>
      <c r="SPG678" s="613"/>
      <c r="SPH678" s="613"/>
      <c r="SPI678" s="613"/>
      <c r="SPJ678" s="613"/>
      <c r="SPK678" s="613"/>
      <c r="SPL678" s="613"/>
      <c r="SPM678" s="613"/>
      <c r="SPN678" s="613"/>
      <c r="SPO678" s="613"/>
      <c r="SPP678" s="613"/>
      <c r="SPQ678" s="613"/>
      <c r="SPR678" s="613"/>
      <c r="SPS678" s="613"/>
      <c r="SPT678" s="613"/>
      <c r="SPU678" s="613"/>
      <c r="SPV678" s="613"/>
      <c r="SPW678" s="613"/>
      <c r="SPX678" s="613"/>
      <c r="SPY678" s="613"/>
      <c r="SPZ678" s="613"/>
      <c r="SQA678" s="613"/>
      <c r="SQB678" s="613"/>
      <c r="SQC678" s="613"/>
      <c r="SQD678" s="613"/>
      <c r="SQE678" s="613"/>
      <c r="SQF678" s="613"/>
      <c r="SQG678" s="613"/>
      <c r="SQH678" s="613"/>
      <c r="SQI678" s="613"/>
      <c r="SQJ678" s="613"/>
      <c r="SQK678" s="613"/>
      <c r="SQL678" s="613"/>
      <c r="SQM678" s="613"/>
      <c r="SQN678" s="613"/>
      <c r="SQO678" s="613"/>
      <c r="SQP678" s="613"/>
      <c r="SQQ678" s="613"/>
      <c r="SQR678" s="613"/>
      <c r="SQS678" s="613"/>
      <c r="SQT678" s="613"/>
      <c r="SQU678" s="613"/>
      <c r="SQV678" s="613"/>
      <c r="SQW678" s="613"/>
      <c r="SQX678" s="613"/>
      <c r="SQY678" s="613"/>
      <c r="SQZ678" s="613"/>
      <c r="SRA678" s="613"/>
      <c r="SRB678" s="613"/>
      <c r="SRC678" s="613"/>
      <c r="SRD678" s="613"/>
      <c r="SRE678" s="613"/>
      <c r="SRF678" s="613"/>
      <c r="SRG678" s="613"/>
      <c r="SRH678" s="613"/>
      <c r="SRI678" s="613"/>
      <c r="SRJ678" s="613"/>
      <c r="SRK678" s="613"/>
      <c r="SRL678" s="613"/>
      <c r="SRM678" s="613"/>
      <c r="SRN678" s="613"/>
      <c r="SRO678" s="613"/>
      <c r="SRP678" s="613"/>
      <c r="SRQ678" s="613"/>
      <c r="SRR678" s="613"/>
      <c r="SRS678" s="613"/>
      <c r="SRT678" s="613"/>
      <c r="SRU678" s="613"/>
      <c r="SRV678" s="613"/>
      <c r="SRW678" s="613"/>
      <c r="SRX678" s="613"/>
      <c r="SRY678" s="613"/>
      <c r="SRZ678" s="613"/>
      <c r="SSA678" s="613"/>
      <c r="SSB678" s="613"/>
      <c r="SSC678" s="613"/>
      <c r="SSD678" s="613"/>
      <c r="SSE678" s="613"/>
      <c r="SSF678" s="613"/>
      <c r="SSG678" s="613"/>
      <c r="SSH678" s="613"/>
      <c r="SSI678" s="613"/>
      <c r="SSJ678" s="613"/>
      <c r="SSK678" s="613"/>
      <c r="SSL678" s="613"/>
      <c r="SSM678" s="613"/>
      <c r="SSN678" s="613"/>
      <c r="SSO678" s="613"/>
      <c r="SSP678" s="613"/>
      <c r="SSQ678" s="613"/>
      <c r="SSR678" s="613"/>
      <c r="SSS678" s="613"/>
      <c r="SST678" s="613"/>
      <c r="SSU678" s="613"/>
      <c r="SSV678" s="613"/>
      <c r="SSW678" s="613"/>
      <c r="SSX678" s="613"/>
      <c r="SSY678" s="613"/>
      <c r="SSZ678" s="613"/>
      <c r="STA678" s="613"/>
      <c r="STB678" s="613"/>
      <c r="STC678" s="613"/>
      <c r="STD678" s="613"/>
      <c r="STE678" s="613"/>
      <c r="STF678" s="613"/>
      <c r="STG678" s="613"/>
      <c r="STH678" s="613"/>
      <c r="STI678" s="613"/>
      <c r="STJ678" s="613"/>
      <c r="STK678" s="613"/>
      <c r="STL678" s="613"/>
      <c r="STM678" s="613"/>
      <c r="STN678" s="613"/>
      <c r="STO678" s="613"/>
      <c r="STP678" s="613"/>
      <c r="STQ678" s="613"/>
      <c r="STR678" s="613"/>
      <c r="STS678" s="613"/>
      <c r="STT678" s="613"/>
      <c r="STU678" s="613"/>
      <c r="STV678" s="613"/>
      <c r="STW678" s="613"/>
      <c r="STX678" s="613"/>
      <c r="STY678" s="613"/>
      <c r="STZ678" s="613"/>
      <c r="SUA678" s="613"/>
      <c r="SUB678" s="613"/>
      <c r="SUC678" s="613"/>
      <c r="SUD678" s="613"/>
      <c r="SUE678" s="613"/>
      <c r="SUF678" s="613"/>
      <c r="SUG678" s="613"/>
      <c r="SUH678" s="613"/>
      <c r="SUI678" s="613"/>
      <c r="SUJ678" s="613"/>
      <c r="SUK678" s="613"/>
      <c r="SUL678" s="613"/>
      <c r="SUM678" s="613"/>
      <c r="SUN678" s="613"/>
      <c r="SUO678" s="613"/>
      <c r="SUP678" s="613"/>
      <c r="SUQ678" s="613"/>
      <c r="SUR678" s="613"/>
      <c r="SUS678" s="613"/>
      <c r="SUT678" s="613"/>
      <c r="SUU678" s="613"/>
      <c r="SUV678" s="613"/>
      <c r="SUW678" s="613"/>
      <c r="SUX678" s="613"/>
      <c r="SUY678" s="613"/>
      <c r="SUZ678" s="613"/>
      <c r="SVA678" s="613"/>
      <c r="SVB678" s="613"/>
      <c r="SVC678" s="613"/>
      <c r="SVD678" s="613"/>
      <c r="SVE678" s="613"/>
      <c r="SVF678" s="613"/>
      <c r="SVG678" s="613"/>
      <c r="SVH678" s="613"/>
      <c r="SVI678" s="613"/>
      <c r="SVJ678" s="613"/>
      <c r="SVK678" s="613"/>
      <c r="SVL678" s="613"/>
      <c r="SVM678" s="613"/>
      <c r="SVN678" s="613"/>
      <c r="SVO678" s="613"/>
      <c r="SVP678" s="613"/>
      <c r="SVQ678" s="613"/>
      <c r="SVR678" s="613"/>
      <c r="SVS678" s="613"/>
      <c r="SVT678" s="613"/>
      <c r="SVU678" s="613"/>
      <c r="SVV678" s="613"/>
      <c r="SVW678" s="613"/>
      <c r="SVX678" s="613"/>
      <c r="SVY678" s="613"/>
      <c r="SVZ678" s="613"/>
      <c r="SWA678" s="613"/>
      <c r="SWB678" s="613"/>
      <c r="SWC678" s="613"/>
      <c r="SWD678" s="613"/>
      <c r="SWE678" s="613"/>
      <c r="SWF678" s="613"/>
      <c r="SWG678" s="613"/>
      <c r="SWH678" s="613"/>
      <c r="SWI678" s="613"/>
      <c r="SWJ678" s="613"/>
      <c r="SWK678" s="613"/>
      <c r="SWL678" s="613"/>
      <c r="SWM678" s="613"/>
      <c r="SWN678" s="613"/>
      <c r="SWO678" s="613"/>
      <c r="SWP678" s="613"/>
      <c r="SWQ678" s="613"/>
      <c r="SWR678" s="613"/>
      <c r="SWS678" s="613"/>
      <c r="SWT678" s="613"/>
      <c r="SWU678" s="613"/>
      <c r="SWV678" s="613"/>
      <c r="SWW678" s="613"/>
      <c r="SWX678" s="613"/>
      <c r="SWY678" s="613"/>
      <c r="SWZ678" s="613"/>
      <c r="SXA678" s="613"/>
      <c r="SXB678" s="613"/>
      <c r="SXC678" s="613"/>
      <c r="SXD678" s="613"/>
      <c r="SXE678" s="613"/>
      <c r="SXF678" s="613"/>
      <c r="SXG678" s="613"/>
      <c r="SXH678" s="613"/>
      <c r="SXI678" s="613"/>
      <c r="SXJ678" s="613"/>
      <c r="SXK678" s="613"/>
      <c r="SXL678" s="613"/>
      <c r="SXM678" s="613"/>
      <c r="SXN678" s="613"/>
      <c r="SXO678" s="613"/>
      <c r="SXP678" s="613"/>
      <c r="SXQ678" s="613"/>
      <c r="SXR678" s="613"/>
      <c r="SXS678" s="613"/>
      <c r="SXT678" s="613"/>
      <c r="SXU678" s="613"/>
      <c r="SXV678" s="613"/>
      <c r="SXW678" s="613"/>
      <c r="SXX678" s="613"/>
      <c r="SXY678" s="613"/>
      <c r="SXZ678" s="613"/>
      <c r="SYA678" s="613"/>
      <c r="SYB678" s="613"/>
      <c r="SYC678" s="613"/>
      <c r="SYD678" s="613"/>
      <c r="SYE678" s="613"/>
      <c r="SYF678" s="613"/>
      <c r="SYG678" s="613"/>
      <c r="SYH678" s="613"/>
      <c r="SYI678" s="613"/>
      <c r="SYJ678" s="613"/>
      <c r="SYK678" s="613"/>
      <c r="SYL678" s="613"/>
      <c r="SYM678" s="613"/>
      <c r="SYN678" s="613"/>
      <c r="SYO678" s="613"/>
      <c r="SYP678" s="613"/>
      <c r="SYQ678" s="613"/>
      <c r="SYR678" s="613"/>
      <c r="SYS678" s="613"/>
      <c r="SYT678" s="613"/>
      <c r="SYU678" s="613"/>
      <c r="SYV678" s="613"/>
      <c r="SYW678" s="613"/>
      <c r="SYX678" s="613"/>
      <c r="SYY678" s="613"/>
      <c r="SYZ678" s="613"/>
      <c r="SZA678" s="613"/>
      <c r="SZB678" s="613"/>
      <c r="SZC678" s="613"/>
      <c r="SZD678" s="613"/>
      <c r="SZE678" s="613"/>
      <c r="SZF678" s="613"/>
      <c r="SZG678" s="613"/>
      <c r="SZH678" s="613"/>
      <c r="SZI678" s="613"/>
      <c r="SZJ678" s="613"/>
      <c r="SZK678" s="613"/>
      <c r="SZL678" s="613"/>
      <c r="SZM678" s="613"/>
      <c r="SZN678" s="613"/>
      <c r="SZO678" s="613"/>
      <c r="SZP678" s="613"/>
      <c r="SZQ678" s="613"/>
      <c r="SZR678" s="613"/>
      <c r="SZS678" s="613"/>
      <c r="SZT678" s="613"/>
      <c r="SZU678" s="613"/>
      <c r="SZV678" s="613"/>
      <c r="SZW678" s="613"/>
      <c r="SZX678" s="613"/>
      <c r="SZY678" s="613"/>
      <c r="SZZ678" s="613"/>
      <c r="TAA678" s="613"/>
      <c r="TAB678" s="613"/>
      <c r="TAC678" s="613"/>
      <c r="TAD678" s="613"/>
      <c r="TAE678" s="613"/>
      <c r="TAF678" s="613"/>
      <c r="TAG678" s="613"/>
      <c r="TAH678" s="613"/>
      <c r="TAI678" s="613"/>
      <c r="TAJ678" s="613"/>
      <c r="TAK678" s="613"/>
      <c r="TAL678" s="613"/>
      <c r="TAM678" s="613"/>
      <c r="TAN678" s="613"/>
      <c r="TAO678" s="613"/>
      <c r="TAP678" s="613"/>
      <c r="TAQ678" s="613"/>
      <c r="TAR678" s="613"/>
      <c r="TAS678" s="613"/>
      <c r="TAT678" s="613"/>
      <c r="TAU678" s="613"/>
      <c r="TAV678" s="613"/>
      <c r="TAW678" s="613"/>
      <c r="TAX678" s="613"/>
      <c r="TAY678" s="613"/>
      <c r="TAZ678" s="613"/>
      <c r="TBA678" s="613"/>
      <c r="TBB678" s="613"/>
      <c r="TBC678" s="613"/>
      <c r="TBD678" s="613"/>
      <c r="TBE678" s="613"/>
      <c r="TBF678" s="613"/>
      <c r="TBG678" s="613"/>
      <c r="TBH678" s="613"/>
      <c r="TBI678" s="613"/>
      <c r="TBJ678" s="613"/>
      <c r="TBK678" s="613"/>
      <c r="TBL678" s="613"/>
      <c r="TBM678" s="613"/>
      <c r="TBN678" s="613"/>
      <c r="TBO678" s="613"/>
      <c r="TBP678" s="613"/>
      <c r="TBQ678" s="613"/>
      <c r="TBR678" s="613"/>
      <c r="TBS678" s="613"/>
      <c r="TBT678" s="613"/>
      <c r="TBU678" s="613"/>
      <c r="TBV678" s="613"/>
      <c r="TBW678" s="613"/>
      <c r="TBX678" s="613"/>
      <c r="TBY678" s="613"/>
      <c r="TBZ678" s="613"/>
      <c r="TCA678" s="613"/>
      <c r="TCB678" s="613"/>
      <c r="TCC678" s="613"/>
      <c r="TCD678" s="613"/>
      <c r="TCE678" s="613"/>
      <c r="TCF678" s="613"/>
      <c r="TCG678" s="613"/>
      <c r="TCH678" s="613"/>
      <c r="TCI678" s="613"/>
      <c r="TCJ678" s="613"/>
      <c r="TCK678" s="613"/>
      <c r="TCL678" s="613"/>
      <c r="TCM678" s="613"/>
      <c r="TCN678" s="613"/>
      <c r="TCO678" s="613"/>
      <c r="TCP678" s="613"/>
      <c r="TCQ678" s="613"/>
      <c r="TCR678" s="613"/>
      <c r="TCS678" s="613"/>
      <c r="TCT678" s="613"/>
      <c r="TCU678" s="613"/>
      <c r="TCV678" s="613"/>
      <c r="TCW678" s="613"/>
      <c r="TCX678" s="613"/>
      <c r="TCY678" s="613"/>
      <c r="TCZ678" s="613"/>
      <c r="TDA678" s="613"/>
      <c r="TDB678" s="613"/>
      <c r="TDC678" s="613"/>
      <c r="TDD678" s="613"/>
      <c r="TDE678" s="613"/>
      <c r="TDF678" s="613"/>
      <c r="TDG678" s="613"/>
      <c r="TDH678" s="613"/>
      <c r="TDI678" s="613"/>
      <c r="TDJ678" s="613"/>
      <c r="TDK678" s="613"/>
      <c r="TDL678" s="613"/>
      <c r="TDM678" s="613"/>
      <c r="TDN678" s="613"/>
      <c r="TDO678" s="613"/>
      <c r="TDP678" s="613"/>
      <c r="TDQ678" s="613"/>
      <c r="TDR678" s="613"/>
      <c r="TDS678" s="613"/>
      <c r="TDT678" s="613"/>
      <c r="TDU678" s="613"/>
      <c r="TDV678" s="613"/>
      <c r="TDW678" s="613"/>
      <c r="TDX678" s="613"/>
      <c r="TDY678" s="613"/>
      <c r="TDZ678" s="613"/>
      <c r="TEA678" s="613"/>
      <c r="TEB678" s="613"/>
      <c r="TEC678" s="613"/>
      <c r="TED678" s="613"/>
      <c r="TEE678" s="613"/>
      <c r="TEF678" s="613"/>
      <c r="TEG678" s="613"/>
      <c r="TEH678" s="613"/>
      <c r="TEI678" s="613"/>
      <c r="TEJ678" s="613"/>
      <c r="TEK678" s="613"/>
      <c r="TEL678" s="613"/>
      <c r="TEM678" s="613"/>
      <c r="TEN678" s="613"/>
      <c r="TEO678" s="613"/>
      <c r="TEP678" s="613"/>
      <c r="TEQ678" s="613"/>
      <c r="TER678" s="613"/>
      <c r="TES678" s="613"/>
      <c r="TET678" s="613"/>
      <c r="TEU678" s="613"/>
      <c r="TEV678" s="613"/>
      <c r="TEW678" s="613"/>
      <c r="TEX678" s="613"/>
      <c r="TEY678" s="613"/>
      <c r="TEZ678" s="613"/>
      <c r="TFA678" s="613"/>
      <c r="TFB678" s="613"/>
      <c r="TFC678" s="613"/>
      <c r="TFD678" s="613"/>
      <c r="TFE678" s="613"/>
      <c r="TFF678" s="613"/>
      <c r="TFG678" s="613"/>
      <c r="TFH678" s="613"/>
      <c r="TFI678" s="613"/>
      <c r="TFJ678" s="613"/>
      <c r="TFK678" s="613"/>
      <c r="TFL678" s="613"/>
      <c r="TFM678" s="613"/>
      <c r="TFN678" s="613"/>
      <c r="TFO678" s="613"/>
      <c r="TFP678" s="613"/>
      <c r="TFQ678" s="613"/>
      <c r="TFR678" s="613"/>
      <c r="TFS678" s="613"/>
      <c r="TFT678" s="613"/>
      <c r="TFU678" s="613"/>
      <c r="TFV678" s="613"/>
      <c r="TFW678" s="613"/>
      <c r="TFX678" s="613"/>
      <c r="TFY678" s="613"/>
      <c r="TFZ678" s="613"/>
      <c r="TGA678" s="613"/>
      <c r="TGB678" s="613"/>
      <c r="TGC678" s="613"/>
      <c r="TGD678" s="613"/>
      <c r="TGE678" s="613"/>
      <c r="TGF678" s="613"/>
      <c r="TGG678" s="613"/>
      <c r="TGH678" s="613"/>
      <c r="TGI678" s="613"/>
      <c r="TGJ678" s="613"/>
      <c r="TGK678" s="613"/>
      <c r="TGL678" s="613"/>
      <c r="TGM678" s="613"/>
      <c r="TGN678" s="613"/>
      <c r="TGO678" s="613"/>
      <c r="TGP678" s="613"/>
      <c r="TGQ678" s="613"/>
      <c r="TGR678" s="613"/>
      <c r="TGS678" s="613"/>
      <c r="TGT678" s="613"/>
      <c r="TGU678" s="613"/>
      <c r="TGV678" s="613"/>
      <c r="TGW678" s="613"/>
      <c r="TGX678" s="613"/>
      <c r="TGY678" s="613"/>
      <c r="TGZ678" s="613"/>
      <c r="THA678" s="613"/>
      <c r="THB678" s="613"/>
      <c r="THC678" s="613"/>
      <c r="THD678" s="613"/>
      <c r="THE678" s="613"/>
      <c r="THF678" s="613"/>
      <c r="THG678" s="613"/>
      <c r="THH678" s="613"/>
      <c r="THI678" s="613"/>
      <c r="THJ678" s="613"/>
      <c r="THK678" s="613"/>
      <c r="THL678" s="613"/>
      <c r="THM678" s="613"/>
      <c r="THN678" s="613"/>
      <c r="THO678" s="613"/>
      <c r="THP678" s="613"/>
      <c r="THQ678" s="613"/>
      <c r="THR678" s="613"/>
      <c r="THS678" s="613"/>
      <c r="THT678" s="613"/>
      <c r="THU678" s="613"/>
      <c r="THV678" s="613"/>
      <c r="THW678" s="613"/>
      <c r="THX678" s="613"/>
      <c r="THY678" s="613"/>
      <c r="THZ678" s="613"/>
      <c r="TIA678" s="613"/>
      <c r="TIB678" s="613"/>
      <c r="TIC678" s="613"/>
      <c r="TID678" s="613"/>
      <c r="TIE678" s="613"/>
      <c r="TIF678" s="613"/>
      <c r="TIG678" s="613"/>
      <c r="TIH678" s="613"/>
      <c r="TII678" s="613"/>
      <c r="TIJ678" s="613"/>
      <c r="TIK678" s="613"/>
      <c r="TIL678" s="613"/>
      <c r="TIM678" s="613"/>
      <c r="TIN678" s="613"/>
      <c r="TIO678" s="613"/>
      <c r="TIP678" s="613"/>
      <c r="TIQ678" s="613"/>
      <c r="TIR678" s="613"/>
      <c r="TIS678" s="613"/>
      <c r="TIT678" s="613"/>
      <c r="TIU678" s="613"/>
      <c r="TIV678" s="613"/>
      <c r="TIW678" s="613"/>
      <c r="TIX678" s="613"/>
      <c r="TIY678" s="613"/>
      <c r="TIZ678" s="613"/>
      <c r="TJA678" s="613"/>
      <c r="TJB678" s="613"/>
      <c r="TJC678" s="613"/>
      <c r="TJD678" s="613"/>
      <c r="TJE678" s="613"/>
      <c r="TJF678" s="613"/>
      <c r="TJG678" s="613"/>
      <c r="TJH678" s="613"/>
      <c r="TJI678" s="613"/>
      <c r="TJJ678" s="613"/>
      <c r="TJK678" s="613"/>
      <c r="TJL678" s="613"/>
      <c r="TJM678" s="613"/>
      <c r="TJN678" s="613"/>
      <c r="TJO678" s="613"/>
      <c r="TJP678" s="613"/>
      <c r="TJQ678" s="613"/>
      <c r="TJR678" s="613"/>
      <c r="TJS678" s="613"/>
      <c r="TJT678" s="613"/>
      <c r="TJU678" s="613"/>
      <c r="TJV678" s="613"/>
      <c r="TJW678" s="613"/>
      <c r="TJX678" s="613"/>
      <c r="TJY678" s="613"/>
      <c r="TJZ678" s="613"/>
      <c r="TKA678" s="613"/>
      <c r="TKB678" s="613"/>
      <c r="TKC678" s="613"/>
      <c r="TKD678" s="613"/>
      <c r="TKE678" s="613"/>
      <c r="TKF678" s="613"/>
      <c r="TKG678" s="613"/>
      <c r="TKH678" s="613"/>
      <c r="TKI678" s="613"/>
      <c r="TKJ678" s="613"/>
      <c r="TKK678" s="613"/>
      <c r="TKL678" s="613"/>
      <c r="TKM678" s="613"/>
      <c r="TKN678" s="613"/>
      <c r="TKO678" s="613"/>
      <c r="TKP678" s="613"/>
      <c r="TKQ678" s="613"/>
      <c r="TKR678" s="613"/>
      <c r="TKS678" s="613"/>
      <c r="TKT678" s="613"/>
      <c r="TKU678" s="613"/>
      <c r="TKV678" s="613"/>
      <c r="TKW678" s="613"/>
      <c r="TKX678" s="613"/>
      <c r="TKY678" s="613"/>
      <c r="TKZ678" s="613"/>
      <c r="TLA678" s="613"/>
      <c r="TLB678" s="613"/>
      <c r="TLC678" s="613"/>
      <c r="TLD678" s="613"/>
      <c r="TLE678" s="613"/>
      <c r="TLF678" s="613"/>
      <c r="TLG678" s="613"/>
      <c r="TLH678" s="613"/>
      <c r="TLI678" s="613"/>
      <c r="TLJ678" s="613"/>
      <c r="TLK678" s="613"/>
      <c r="TLL678" s="613"/>
      <c r="TLM678" s="613"/>
      <c r="TLN678" s="613"/>
      <c r="TLO678" s="613"/>
      <c r="TLP678" s="613"/>
      <c r="TLQ678" s="613"/>
      <c r="TLR678" s="613"/>
      <c r="TLS678" s="613"/>
      <c r="TLT678" s="613"/>
      <c r="TLU678" s="613"/>
      <c r="TLV678" s="613"/>
      <c r="TLW678" s="613"/>
      <c r="TLX678" s="613"/>
      <c r="TLY678" s="613"/>
      <c r="TLZ678" s="613"/>
      <c r="TMA678" s="613"/>
      <c r="TMB678" s="613"/>
      <c r="TMC678" s="613"/>
      <c r="TMD678" s="613"/>
      <c r="TME678" s="613"/>
      <c r="TMF678" s="613"/>
      <c r="TMG678" s="613"/>
      <c r="TMH678" s="613"/>
      <c r="TMI678" s="613"/>
      <c r="TMJ678" s="613"/>
      <c r="TMK678" s="613"/>
      <c r="TML678" s="613"/>
      <c r="TMM678" s="613"/>
      <c r="TMN678" s="613"/>
      <c r="TMO678" s="613"/>
      <c r="TMP678" s="613"/>
      <c r="TMQ678" s="613"/>
      <c r="TMR678" s="613"/>
      <c r="TMS678" s="613"/>
      <c r="TMT678" s="613"/>
      <c r="TMU678" s="613"/>
      <c r="TMV678" s="613"/>
      <c r="TMW678" s="613"/>
      <c r="TMX678" s="613"/>
      <c r="TMY678" s="613"/>
      <c r="TMZ678" s="613"/>
      <c r="TNA678" s="613"/>
      <c r="TNB678" s="613"/>
      <c r="TNC678" s="613"/>
      <c r="TND678" s="613"/>
      <c r="TNE678" s="613"/>
      <c r="TNF678" s="613"/>
      <c r="TNG678" s="613"/>
      <c r="TNH678" s="613"/>
      <c r="TNI678" s="613"/>
      <c r="TNJ678" s="613"/>
      <c r="TNK678" s="613"/>
      <c r="TNL678" s="613"/>
      <c r="TNM678" s="613"/>
      <c r="TNN678" s="613"/>
      <c r="TNO678" s="613"/>
      <c r="TNP678" s="613"/>
      <c r="TNQ678" s="613"/>
      <c r="TNR678" s="613"/>
      <c r="TNS678" s="613"/>
      <c r="TNT678" s="613"/>
      <c r="TNU678" s="613"/>
      <c r="TNV678" s="613"/>
      <c r="TNW678" s="613"/>
      <c r="TNX678" s="613"/>
      <c r="TNY678" s="613"/>
      <c r="TNZ678" s="613"/>
      <c r="TOA678" s="613"/>
      <c r="TOB678" s="613"/>
      <c r="TOC678" s="613"/>
      <c r="TOD678" s="613"/>
      <c r="TOE678" s="613"/>
      <c r="TOF678" s="613"/>
      <c r="TOG678" s="613"/>
      <c r="TOH678" s="613"/>
      <c r="TOI678" s="613"/>
      <c r="TOJ678" s="613"/>
      <c r="TOK678" s="613"/>
      <c r="TOL678" s="613"/>
      <c r="TOM678" s="613"/>
      <c r="TON678" s="613"/>
      <c r="TOO678" s="613"/>
      <c r="TOP678" s="613"/>
      <c r="TOQ678" s="613"/>
      <c r="TOR678" s="613"/>
      <c r="TOS678" s="613"/>
      <c r="TOT678" s="613"/>
      <c r="TOU678" s="613"/>
      <c r="TOV678" s="613"/>
      <c r="TOW678" s="613"/>
      <c r="TOX678" s="613"/>
      <c r="TOY678" s="613"/>
      <c r="TOZ678" s="613"/>
      <c r="TPA678" s="613"/>
      <c r="TPB678" s="613"/>
      <c r="TPC678" s="613"/>
      <c r="TPD678" s="613"/>
      <c r="TPE678" s="613"/>
      <c r="TPF678" s="613"/>
      <c r="TPG678" s="613"/>
      <c r="TPH678" s="613"/>
      <c r="TPI678" s="613"/>
      <c r="TPJ678" s="613"/>
      <c r="TPK678" s="613"/>
      <c r="TPL678" s="613"/>
      <c r="TPM678" s="613"/>
      <c r="TPN678" s="613"/>
      <c r="TPO678" s="613"/>
      <c r="TPP678" s="613"/>
      <c r="TPQ678" s="613"/>
      <c r="TPR678" s="613"/>
      <c r="TPS678" s="613"/>
      <c r="TPT678" s="613"/>
      <c r="TPU678" s="613"/>
      <c r="TPV678" s="613"/>
      <c r="TPW678" s="613"/>
      <c r="TPX678" s="613"/>
      <c r="TPY678" s="613"/>
      <c r="TPZ678" s="613"/>
      <c r="TQA678" s="613"/>
      <c r="TQB678" s="613"/>
      <c r="TQC678" s="613"/>
      <c r="TQD678" s="613"/>
      <c r="TQE678" s="613"/>
      <c r="TQF678" s="613"/>
      <c r="TQG678" s="613"/>
      <c r="TQH678" s="613"/>
      <c r="TQI678" s="613"/>
      <c r="TQJ678" s="613"/>
      <c r="TQK678" s="613"/>
      <c r="TQL678" s="613"/>
      <c r="TQM678" s="613"/>
      <c r="TQN678" s="613"/>
      <c r="TQO678" s="613"/>
      <c r="TQP678" s="613"/>
      <c r="TQQ678" s="613"/>
      <c r="TQR678" s="613"/>
      <c r="TQS678" s="613"/>
      <c r="TQT678" s="613"/>
      <c r="TQU678" s="613"/>
      <c r="TQV678" s="613"/>
      <c r="TQW678" s="613"/>
      <c r="TQX678" s="613"/>
      <c r="TQY678" s="613"/>
      <c r="TQZ678" s="613"/>
      <c r="TRA678" s="613"/>
      <c r="TRB678" s="613"/>
      <c r="TRC678" s="613"/>
      <c r="TRD678" s="613"/>
      <c r="TRE678" s="613"/>
      <c r="TRF678" s="613"/>
      <c r="TRG678" s="613"/>
      <c r="TRH678" s="613"/>
      <c r="TRI678" s="613"/>
      <c r="TRJ678" s="613"/>
      <c r="TRK678" s="613"/>
      <c r="TRL678" s="613"/>
      <c r="TRM678" s="613"/>
      <c r="TRN678" s="613"/>
      <c r="TRO678" s="613"/>
      <c r="TRP678" s="613"/>
      <c r="TRQ678" s="613"/>
      <c r="TRR678" s="613"/>
      <c r="TRS678" s="613"/>
      <c r="TRT678" s="613"/>
      <c r="TRU678" s="613"/>
      <c r="TRV678" s="613"/>
      <c r="TRW678" s="613"/>
      <c r="TRX678" s="613"/>
      <c r="TRY678" s="613"/>
      <c r="TRZ678" s="613"/>
      <c r="TSA678" s="613"/>
      <c r="TSB678" s="613"/>
      <c r="TSC678" s="613"/>
      <c r="TSD678" s="613"/>
      <c r="TSE678" s="613"/>
      <c r="TSF678" s="613"/>
      <c r="TSG678" s="613"/>
      <c r="TSH678" s="613"/>
      <c r="TSI678" s="613"/>
      <c r="TSJ678" s="613"/>
      <c r="TSK678" s="613"/>
      <c r="TSL678" s="613"/>
      <c r="TSM678" s="613"/>
      <c r="TSN678" s="613"/>
      <c r="TSO678" s="613"/>
      <c r="TSP678" s="613"/>
      <c r="TSQ678" s="613"/>
      <c r="TSR678" s="613"/>
      <c r="TSS678" s="613"/>
      <c r="TST678" s="613"/>
      <c r="TSU678" s="613"/>
      <c r="TSV678" s="613"/>
      <c r="TSW678" s="613"/>
      <c r="TSX678" s="613"/>
      <c r="TSY678" s="613"/>
      <c r="TSZ678" s="613"/>
      <c r="TTA678" s="613"/>
      <c r="TTB678" s="613"/>
      <c r="TTC678" s="613"/>
      <c r="TTD678" s="613"/>
      <c r="TTE678" s="613"/>
      <c r="TTF678" s="613"/>
      <c r="TTG678" s="613"/>
      <c r="TTH678" s="613"/>
      <c r="TTI678" s="613"/>
      <c r="TTJ678" s="613"/>
      <c r="TTK678" s="613"/>
      <c r="TTL678" s="613"/>
      <c r="TTM678" s="613"/>
      <c r="TTN678" s="613"/>
      <c r="TTO678" s="613"/>
      <c r="TTP678" s="613"/>
      <c r="TTQ678" s="613"/>
      <c r="TTR678" s="613"/>
      <c r="TTS678" s="613"/>
      <c r="TTT678" s="613"/>
      <c r="TTU678" s="613"/>
      <c r="TTV678" s="613"/>
      <c r="TTW678" s="613"/>
      <c r="TTX678" s="613"/>
      <c r="TTY678" s="613"/>
      <c r="TTZ678" s="613"/>
      <c r="TUA678" s="613"/>
      <c r="TUB678" s="613"/>
      <c r="TUC678" s="613"/>
      <c r="TUD678" s="613"/>
      <c r="TUE678" s="613"/>
      <c r="TUF678" s="613"/>
      <c r="TUG678" s="613"/>
      <c r="TUH678" s="613"/>
      <c r="TUI678" s="613"/>
      <c r="TUJ678" s="613"/>
      <c r="TUK678" s="613"/>
      <c r="TUL678" s="613"/>
      <c r="TUM678" s="613"/>
      <c r="TUN678" s="613"/>
      <c r="TUO678" s="613"/>
      <c r="TUP678" s="613"/>
      <c r="TUQ678" s="613"/>
      <c r="TUR678" s="613"/>
      <c r="TUS678" s="613"/>
      <c r="TUT678" s="613"/>
      <c r="TUU678" s="613"/>
      <c r="TUV678" s="613"/>
      <c r="TUW678" s="613"/>
      <c r="TUX678" s="613"/>
      <c r="TUY678" s="613"/>
      <c r="TUZ678" s="613"/>
      <c r="TVA678" s="613"/>
      <c r="TVB678" s="613"/>
      <c r="TVC678" s="613"/>
      <c r="TVD678" s="613"/>
      <c r="TVE678" s="613"/>
      <c r="TVF678" s="613"/>
      <c r="TVG678" s="613"/>
      <c r="TVH678" s="613"/>
      <c r="TVI678" s="613"/>
      <c r="TVJ678" s="613"/>
      <c r="TVK678" s="613"/>
      <c r="TVL678" s="613"/>
      <c r="TVM678" s="613"/>
      <c r="TVN678" s="613"/>
      <c r="TVO678" s="613"/>
      <c r="TVP678" s="613"/>
      <c r="TVQ678" s="613"/>
      <c r="TVR678" s="613"/>
      <c r="TVS678" s="613"/>
      <c r="TVT678" s="613"/>
      <c r="TVU678" s="613"/>
      <c r="TVV678" s="613"/>
      <c r="TVW678" s="613"/>
      <c r="TVX678" s="613"/>
      <c r="TVY678" s="613"/>
      <c r="TVZ678" s="613"/>
      <c r="TWA678" s="613"/>
      <c r="TWB678" s="613"/>
      <c r="TWC678" s="613"/>
      <c r="TWD678" s="613"/>
      <c r="TWE678" s="613"/>
      <c r="TWF678" s="613"/>
      <c r="TWG678" s="613"/>
      <c r="TWH678" s="613"/>
      <c r="TWI678" s="613"/>
      <c r="TWJ678" s="613"/>
      <c r="TWK678" s="613"/>
      <c r="TWL678" s="613"/>
      <c r="TWM678" s="613"/>
      <c r="TWN678" s="613"/>
      <c r="TWO678" s="613"/>
      <c r="TWP678" s="613"/>
      <c r="TWQ678" s="613"/>
      <c r="TWR678" s="613"/>
      <c r="TWS678" s="613"/>
      <c r="TWT678" s="613"/>
      <c r="TWU678" s="613"/>
      <c r="TWV678" s="613"/>
      <c r="TWW678" s="613"/>
      <c r="TWX678" s="613"/>
      <c r="TWY678" s="613"/>
      <c r="TWZ678" s="613"/>
      <c r="TXA678" s="613"/>
      <c r="TXB678" s="613"/>
      <c r="TXC678" s="613"/>
      <c r="TXD678" s="613"/>
      <c r="TXE678" s="613"/>
      <c r="TXF678" s="613"/>
      <c r="TXG678" s="613"/>
      <c r="TXH678" s="613"/>
      <c r="TXI678" s="613"/>
      <c r="TXJ678" s="613"/>
      <c r="TXK678" s="613"/>
      <c r="TXL678" s="613"/>
      <c r="TXM678" s="613"/>
      <c r="TXN678" s="613"/>
      <c r="TXO678" s="613"/>
      <c r="TXP678" s="613"/>
      <c r="TXQ678" s="613"/>
      <c r="TXR678" s="613"/>
      <c r="TXS678" s="613"/>
      <c r="TXT678" s="613"/>
      <c r="TXU678" s="613"/>
      <c r="TXV678" s="613"/>
      <c r="TXW678" s="613"/>
      <c r="TXX678" s="613"/>
      <c r="TXY678" s="613"/>
      <c r="TXZ678" s="613"/>
      <c r="TYA678" s="613"/>
      <c r="TYB678" s="613"/>
      <c r="TYC678" s="613"/>
      <c r="TYD678" s="613"/>
      <c r="TYE678" s="613"/>
      <c r="TYF678" s="613"/>
      <c r="TYG678" s="613"/>
      <c r="TYH678" s="613"/>
      <c r="TYI678" s="613"/>
      <c r="TYJ678" s="613"/>
      <c r="TYK678" s="613"/>
      <c r="TYL678" s="613"/>
      <c r="TYM678" s="613"/>
      <c r="TYN678" s="613"/>
      <c r="TYO678" s="613"/>
      <c r="TYP678" s="613"/>
      <c r="TYQ678" s="613"/>
      <c r="TYR678" s="613"/>
      <c r="TYS678" s="613"/>
      <c r="TYT678" s="613"/>
      <c r="TYU678" s="613"/>
      <c r="TYV678" s="613"/>
      <c r="TYW678" s="613"/>
      <c r="TYX678" s="613"/>
      <c r="TYY678" s="613"/>
      <c r="TYZ678" s="613"/>
      <c r="TZA678" s="613"/>
      <c r="TZB678" s="613"/>
      <c r="TZC678" s="613"/>
      <c r="TZD678" s="613"/>
      <c r="TZE678" s="613"/>
      <c r="TZF678" s="613"/>
      <c r="TZG678" s="613"/>
      <c r="TZH678" s="613"/>
      <c r="TZI678" s="613"/>
      <c r="TZJ678" s="613"/>
      <c r="TZK678" s="613"/>
      <c r="TZL678" s="613"/>
      <c r="TZM678" s="613"/>
      <c r="TZN678" s="613"/>
      <c r="TZO678" s="613"/>
      <c r="TZP678" s="613"/>
      <c r="TZQ678" s="613"/>
      <c r="TZR678" s="613"/>
      <c r="TZS678" s="613"/>
      <c r="TZT678" s="613"/>
      <c r="TZU678" s="613"/>
      <c r="TZV678" s="613"/>
      <c r="TZW678" s="613"/>
      <c r="TZX678" s="613"/>
      <c r="TZY678" s="613"/>
      <c r="TZZ678" s="613"/>
      <c r="UAA678" s="613"/>
      <c r="UAB678" s="613"/>
      <c r="UAC678" s="613"/>
      <c r="UAD678" s="613"/>
      <c r="UAE678" s="613"/>
      <c r="UAF678" s="613"/>
      <c r="UAG678" s="613"/>
      <c r="UAH678" s="613"/>
      <c r="UAI678" s="613"/>
      <c r="UAJ678" s="613"/>
      <c r="UAK678" s="613"/>
      <c r="UAL678" s="613"/>
      <c r="UAM678" s="613"/>
      <c r="UAN678" s="613"/>
      <c r="UAO678" s="613"/>
      <c r="UAP678" s="613"/>
      <c r="UAQ678" s="613"/>
      <c r="UAR678" s="613"/>
      <c r="UAS678" s="613"/>
      <c r="UAT678" s="613"/>
      <c r="UAU678" s="613"/>
      <c r="UAV678" s="613"/>
      <c r="UAW678" s="613"/>
      <c r="UAX678" s="613"/>
      <c r="UAY678" s="613"/>
      <c r="UAZ678" s="613"/>
      <c r="UBA678" s="613"/>
      <c r="UBB678" s="613"/>
      <c r="UBC678" s="613"/>
      <c r="UBD678" s="613"/>
      <c r="UBE678" s="613"/>
      <c r="UBF678" s="613"/>
      <c r="UBG678" s="613"/>
      <c r="UBH678" s="613"/>
      <c r="UBI678" s="613"/>
      <c r="UBJ678" s="613"/>
      <c r="UBK678" s="613"/>
      <c r="UBL678" s="613"/>
      <c r="UBM678" s="613"/>
      <c r="UBN678" s="613"/>
      <c r="UBO678" s="613"/>
      <c r="UBP678" s="613"/>
      <c r="UBQ678" s="613"/>
      <c r="UBR678" s="613"/>
      <c r="UBS678" s="613"/>
      <c r="UBT678" s="613"/>
      <c r="UBU678" s="613"/>
      <c r="UBV678" s="613"/>
      <c r="UBW678" s="613"/>
      <c r="UBX678" s="613"/>
      <c r="UBY678" s="613"/>
      <c r="UBZ678" s="613"/>
      <c r="UCA678" s="613"/>
      <c r="UCB678" s="613"/>
      <c r="UCC678" s="613"/>
      <c r="UCD678" s="613"/>
      <c r="UCE678" s="613"/>
      <c r="UCF678" s="613"/>
      <c r="UCG678" s="613"/>
      <c r="UCH678" s="613"/>
      <c r="UCI678" s="613"/>
      <c r="UCJ678" s="613"/>
      <c r="UCK678" s="613"/>
      <c r="UCL678" s="613"/>
      <c r="UCM678" s="613"/>
      <c r="UCN678" s="613"/>
      <c r="UCO678" s="613"/>
      <c r="UCP678" s="613"/>
      <c r="UCQ678" s="613"/>
      <c r="UCR678" s="613"/>
      <c r="UCS678" s="613"/>
      <c r="UCT678" s="613"/>
      <c r="UCU678" s="613"/>
      <c r="UCV678" s="613"/>
      <c r="UCW678" s="613"/>
      <c r="UCX678" s="613"/>
      <c r="UCY678" s="613"/>
      <c r="UCZ678" s="613"/>
      <c r="UDA678" s="613"/>
      <c r="UDB678" s="613"/>
      <c r="UDC678" s="613"/>
      <c r="UDD678" s="613"/>
      <c r="UDE678" s="613"/>
      <c r="UDF678" s="613"/>
      <c r="UDG678" s="613"/>
      <c r="UDH678" s="613"/>
      <c r="UDI678" s="613"/>
      <c r="UDJ678" s="613"/>
      <c r="UDK678" s="613"/>
      <c r="UDL678" s="613"/>
      <c r="UDM678" s="613"/>
      <c r="UDN678" s="613"/>
      <c r="UDO678" s="613"/>
      <c r="UDP678" s="613"/>
      <c r="UDQ678" s="613"/>
      <c r="UDR678" s="613"/>
      <c r="UDS678" s="613"/>
      <c r="UDT678" s="613"/>
      <c r="UDU678" s="613"/>
      <c r="UDV678" s="613"/>
      <c r="UDW678" s="613"/>
      <c r="UDX678" s="613"/>
      <c r="UDY678" s="613"/>
      <c r="UDZ678" s="613"/>
      <c r="UEA678" s="613"/>
      <c r="UEB678" s="613"/>
      <c r="UEC678" s="613"/>
      <c r="UED678" s="613"/>
      <c r="UEE678" s="613"/>
      <c r="UEF678" s="613"/>
      <c r="UEG678" s="613"/>
      <c r="UEH678" s="613"/>
      <c r="UEI678" s="613"/>
      <c r="UEJ678" s="613"/>
      <c r="UEK678" s="613"/>
      <c r="UEL678" s="613"/>
      <c r="UEM678" s="613"/>
      <c r="UEN678" s="613"/>
      <c r="UEO678" s="613"/>
      <c r="UEP678" s="613"/>
      <c r="UEQ678" s="613"/>
      <c r="UER678" s="613"/>
      <c r="UES678" s="613"/>
      <c r="UET678" s="613"/>
      <c r="UEU678" s="613"/>
      <c r="UEV678" s="613"/>
      <c r="UEW678" s="613"/>
      <c r="UEX678" s="613"/>
      <c r="UEY678" s="613"/>
      <c r="UEZ678" s="613"/>
      <c r="UFA678" s="613"/>
      <c r="UFB678" s="613"/>
      <c r="UFC678" s="613"/>
      <c r="UFD678" s="613"/>
      <c r="UFE678" s="613"/>
      <c r="UFF678" s="613"/>
      <c r="UFG678" s="613"/>
      <c r="UFH678" s="613"/>
      <c r="UFI678" s="613"/>
      <c r="UFJ678" s="613"/>
      <c r="UFK678" s="613"/>
      <c r="UFL678" s="613"/>
      <c r="UFM678" s="613"/>
      <c r="UFN678" s="613"/>
      <c r="UFO678" s="613"/>
      <c r="UFP678" s="613"/>
      <c r="UFQ678" s="613"/>
      <c r="UFR678" s="613"/>
      <c r="UFS678" s="613"/>
      <c r="UFT678" s="613"/>
      <c r="UFU678" s="613"/>
      <c r="UFV678" s="613"/>
      <c r="UFW678" s="613"/>
      <c r="UFX678" s="613"/>
      <c r="UFY678" s="613"/>
      <c r="UFZ678" s="613"/>
      <c r="UGA678" s="613"/>
      <c r="UGB678" s="613"/>
      <c r="UGC678" s="613"/>
      <c r="UGD678" s="613"/>
      <c r="UGE678" s="613"/>
      <c r="UGF678" s="613"/>
      <c r="UGG678" s="613"/>
      <c r="UGH678" s="613"/>
      <c r="UGI678" s="613"/>
      <c r="UGJ678" s="613"/>
      <c r="UGK678" s="613"/>
      <c r="UGL678" s="613"/>
      <c r="UGM678" s="613"/>
      <c r="UGN678" s="613"/>
      <c r="UGO678" s="613"/>
      <c r="UGP678" s="613"/>
      <c r="UGQ678" s="613"/>
      <c r="UGR678" s="613"/>
      <c r="UGS678" s="613"/>
      <c r="UGT678" s="613"/>
      <c r="UGU678" s="613"/>
      <c r="UGV678" s="613"/>
      <c r="UGW678" s="613"/>
      <c r="UGX678" s="613"/>
      <c r="UGY678" s="613"/>
      <c r="UGZ678" s="613"/>
      <c r="UHA678" s="613"/>
      <c r="UHB678" s="613"/>
      <c r="UHC678" s="613"/>
      <c r="UHD678" s="613"/>
      <c r="UHE678" s="613"/>
      <c r="UHF678" s="613"/>
      <c r="UHG678" s="613"/>
      <c r="UHH678" s="613"/>
      <c r="UHI678" s="613"/>
      <c r="UHJ678" s="613"/>
      <c r="UHK678" s="613"/>
      <c r="UHL678" s="613"/>
      <c r="UHM678" s="613"/>
      <c r="UHN678" s="613"/>
      <c r="UHO678" s="613"/>
      <c r="UHP678" s="613"/>
      <c r="UHQ678" s="613"/>
      <c r="UHR678" s="613"/>
      <c r="UHS678" s="613"/>
      <c r="UHT678" s="613"/>
      <c r="UHU678" s="613"/>
      <c r="UHV678" s="613"/>
      <c r="UHW678" s="613"/>
      <c r="UHX678" s="613"/>
      <c r="UHY678" s="613"/>
      <c r="UHZ678" s="613"/>
      <c r="UIA678" s="613"/>
      <c r="UIB678" s="613"/>
      <c r="UIC678" s="613"/>
      <c r="UID678" s="613"/>
      <c r="UIE678" s="613"/>
      <c r="UIF678" s="613"/>
      <c r="UIG678" s="613"/>
      <c r="UIH678" s="613"/>
      <c r="UII678" s="613"/>
      <c r="UIJ678" s="613"/>
      <c r="UIK678" s="613"/>
      <c r="UIL678" s="613"/>
      <c r="UIM678" s="613"/>
      <c r="UIN678" s="613"/>
      <c r="UIO678" s="613"/>
      <c r="UIP678" s="613"/>
      <c r="UIQ678" s="613"/>
      <c r="UIR678" s="613"/>
      <c r="UIS678" s="613"/>
      <c r="UIT678" s="613"/>
      <c r="UIU678" s="613"/>
      <c r="UIV678" s="613"/>
      <c r="UIW678" s="613"/>
      <c r="UIX678" s="613"/>
      <c r="UIY678" s="613"/>
      <c r="UIZ678" s="613"/>
      <c r="UJA678" s="613"/>
      <c r="UJB678" s="613"/>
      <c r="UJC678" s="613"/>
      <c r="UJD678" s="613"/>
      <c r="UJE678" s="613"/>
      <c r="UJF678" s="613"/>
      <c r="UJG678" s="613"/>
      <c r="UJH678" s="613"/>
      <c r="UJI678" s="613"/>
      <c r="UJJ678" s="613"/>
      <c r="UJK678" s="613"/>
      <c r="UJL678" s="613"/>
      <c r="UJM678" s="613"/>
      <c r="UJN678" s="613"/>
      <c r="UJO678" s="613"/>
      <c r="UJP678" s="613"/>
      <c r="UJQ678" s="613"/>
      <c r="UJR678" s="613"/>
      <c r="UJS678" s="613"/>
      <c r="UJT678" s="613"/>
      <c r="UJU678" s="613"/>
      <c r="UJV678" s="613"/>
      <c r="UJW678" s="613"/>
      <c r="UJX678" s="613"/>
      <c r="UJY678" s="613"/>
      <c r="UJZ678" s="613"/>
      <c r="UKA678" s="613"/>
      <c r="UKB678" s="613"/>
      <c r="UKC678" s="613"/>
      <c r="UKD678" s="613"/>
      <c r="UKE678" s="613"/>
      <c r="UKF678" s="613"/>
      <c r="UKG678" s="613"/>
      <c r="UKH678" s="613"/>
      <c r="UKI678" s="613"/>
      <c r="UKJ678" s="613"/>
      <c r="UKK678" s="613"/>
      <c r="UKL678" s="613"/>
      <c r="UKM678" s="613"/>
      <c r="UKN678" s="613"/>
      <c r="UKO678" s="613"/>
      <c r="UKP678" s="613"/>
      <c r="UKQ678" s="613"/>
      <c r="UKR678" s="613"/>
      <c r="UKS678" s="613"/>
      <c r="UKT678" s="613"/>
      <c r="UKU678" s="613"/>
      <c r="UKV678" s="613"/>
      <c r="UKW678" s="613"/>
      <c r="UKX678" s="613"/>
      <c r="UKY678" s="613"/>
      <c r="UKZ678" s="613"/>
      <c r="ULA678" s="613"/>
      <c r="ULB678" s="613"/>
      <c r="ULC678" s="613"/>
      <c r="ULD678" s="613"/>
      <c r="ULE678" s="613"/>
      <c r="ULF678" s="613"/>
      <c r="ULG678" s="613"/>
      <c r="ULH678" s="613"/>
      <c r="ULI678" s="613"/>
      <c r="ULJ678" s="613"/>
      <c r="ULK678" s="613"/>
      <c r="ULL678" s="613"/>
      <c r="ULM678" s="613"/>
      <c r="ULN678" s="613"/>
      <c r="ULO678" s="613"/>
      <c r="ULP678" s="613"/>
      <c r="ULQ678" s="613"/>
      <c r="ULR678" s="613"/>
      <c r="ULS678" s="613"/>
      <c r="ULT678" s="613"/>
      <c r="ULU678" s="613"/>
      <c r="ULV678" s="613"/>
      <c r="ULW678" s="613"/>
      <c r="ULX678" s="613"/>
      <c r="ULY678" s="613"/>
      <c r="ULZ678" s="613"/>
      <c r="UMA678" s="613"/>
      <c r="UMB678" s="613"/>
      <c r="UMC678" s="613"/>
      <c r="UMD678" s="613"/>
      <c r="UME678" s="613"/>
      <c r="UMF678" s="613"/>
      <c r="UMG678" s="613"/>
      <c r="UMH678" s="613"/>
      <c r="UMI678" s="613"/>
      <c r="UMJ678" s="613"/>
      <c r="UMK678" s="613"/>
      <c r="UML678" s="613"/>
      <c r="UMM678" s="613"/>
      <c r="UMN678" s="613"/>
      <c r="UMO678" s="613"/>
      <c r="UMP678" s="613"/>
      <c r="UMQ678" s="613"/>
      <c r="UMR678" s="613"/>
      <c r="UMS678" s="613"/>
      <c r="UMT678" s="613"/>
      <c r="UMU678" s="613"/>
      <c r="UMV678" s="613"/>
      <c r="UMW678" s="613"/>
      <c r="UMX678" s="613"/>
      <c r="UMY678" s="613"/>
      <c r="UMZ678" s="613"/>
      <c r="UNA678" s="613"/>
      <c r="UNB678" s="613"/>
      <c r="UNC678" s="613"/>
      <c r="UND678" s="613"/>
      <c r="UNE678" s="613"/>
      <c r="UNF678" s="613"/>
      <c r="UNG678" s="613"/>
      <c r="UNH678" s="613"/>
      <c r="UNI678" s="613"/>
      <c r="UNJ678" s="613"/>
      <c r="UNK678" s="613"/>
      <c r="UNL678" s="613"/>
      <c r="UNM678" s="613"/>
      <c r="UNN678" s="613"/>
      <c r="UNO678" s="613"/>
      <c r="UNP678" s="613"/>
      <c r="UNQ678" s="613"/>
      <c r="UNR678" s="613"/>
      <c r="UNS678" s="613"/>
      <c r="UNT678" s="613"/>
      <c r="UNU678" s="613"/>
      <c r="UNV678" s="613"/>
      <c r="UNW678" s="613"/>
      <c r="UNX678" s="613"/>
      <c r="UNY678" s="613"/>
      <c r="UNZ678" s="613"/>
      <c r="UOA678" s="613"/>
      <c r="UOB678" s="613"/>
      <c r="UOC678" s="613"/>
      <c r="UOD678" s="613"/>
      <c r="UOE678" s="613"/>
      <c r="UOF678" s="613"/>
      <c r="UOG678" s="613"/>
      <c r="UOH678" s="613"/>
      <c r="UOI678" s="613"/>
      <c r="UOJ678" s="613"/>
      <c r="UOK678" s="613"/>
      <c r="UOL678" s="613"/>
      <c r="UOM678" s="613"/>
      <c r="UON678" s="613"/>
      <c r="UOO678" s="613"/>
      <c r="UOP678" s="613"/>
      <c r="UOQ678" s="613"/>
      <c r="UOR678" s="613"/>
      <c r="UOS678" s="613"/>
      <c r="UOT678" s="613"/>
      <c r="UOU678" s="613"/>
      <c r="UOV678" s="613"/>
      <c r="UOW678" s="613"/>
      <c r="UOX678" s="613"/>
      <c r="UOY678" s="613"/>
      <c r="UOZ678" s="613"/>
      <c r="UPA678" s="613"/>
      <c r="UPB678" s="613"/>
      <c r="UPC678" s="613"/>
      <c r="UPD678" s="613"/>
      <c r="UPE678" s="613"/>
      <c r="UPF678" s="613"/>
      <c r="UPG678" s="613"/>
      <c r="UPH678" s="613"/>
      <c r="UPI678" s="613"/>
      <c r="UPJ678" s="613"/>
      <c r="UPK678" s="613"/>
      <c r="UPL678" s="613"/>
      <c r="UPM678" s="613"/>
      <c r="UPN678" s="613"/>
      <c r="UPO678" s="613"/>
      <c r="UPP678" s="613"/>
      <c r="UPQ678" s="613"/>
      <c r="UPR678" s="613"/>
      <c r="UPS678" s="613"/>
      <c r="UPT678" s="613"/>
      <c r="UPU678" s="613"/>
      <c r="UPV678" s="613"/>
      <c r="UPW678" s="613"/>
      <c r="UPX678" s="613"/>
      <c r="UPY678" s="613"/>
      <c r="UPZ678" s="613"/>
      <c r="UQA678" s="613"/>
      <c r="UQB678" s="613"/>
      <c r="UQC678" s="613"/>
      <c r="UQD678" s="613"/>
      <c r="UQE678" s="613"/>
      <c r="UQF678" s="613"/>
      <c r="UQG678" s="613"/>
      <c r="UQH678" s="613"/>
      <c r="UQI678" s="613"/>
      <c r="UQJ678" s="613"/>
      <c r="UQK678" s="613"/>
      <c r="UQL678" s="613"/>
      <c r="UQM678" s="613"/>
      <c r="UQN678" s="613"/>
      <c r="UQO678" s="613"/>
      <c r="UQP678" s="613"/>
      <c r="UQQ678" s="613"/>
      <c r="UQR678" s="613"/>
      <c r="UQS678" s="613"/>
      <c r="UQT678" s="613"/>
      <c r="UQU678" s="613"/>
      <c r="UQV678" s="613"/>
      <c r="UQW678" s="613"/>
      <c r="UQX678" s="613"/>
      <c r="UQY678" s="613"/>
      <c r="UQZ678" s="613"/>
      <c r="URA678" s="613"/>
      <c r="URB678" s="613"/>
      <c r="URC678" s="613"/>
      <c r="URD678" s="613"/>
      <c r="URE678" s="613"/>
      <c r="URF678" s="613"/>
      <c r="URG678" s="613"/>
      <c r="URH678" s="613"/>
      <c r="URI678" s="613"/>
      <c r="URJ678" s="613"/>
      <c r="URK678" s="613"/>
      <c r="URL678" s="613"/>
      <c r="URM678" s="613"/>
      <c r="URN678" s="613"/>
      <c r="URO678" s="613"/>
      <c r="URP678" s="613"/>
      <c r="URQ678" s="613"/>
      <c r="URR678" s="613"/>
      <c r="URS678" s="613"/>
      <c r="URT678" s="613"/>
      <c r="URU678" s="613"/>
      <c r="URV678" s="613"/>
      <c r="URW678" s="613"/>
      <c r="URX678" s="613"/>
      <c r="URY678" s="613"/>
      <c r="URZ678" s="613"/>
      <c r="USA678" s="613"/>
      <c r="USB678" s="613"/>
      <c r="USC678" s="613"/>
      <c r="USD678" s="613"/>
      <c r="USE678" s="613"/>
      <c r="USF678" s="613"/>
      <c r="USG678" s="613"/>
      <c r="USH678" s="613"/>
      <c r="USI678" s="613"/>
      <c r="USJ678" s="613"/>
      <c r="USK678" s="613"/>
      <c r="USL678" s="613"/>
      <c r="USM678" s="613"/>
      <c r="USN678" s="613"/>
      <c r="USO678" s="613"/>
      <c r="USP678" s="613"/>
      <c r="USQ678" s="613"/>
      <c r="USR678" s="613"/>
      <c r="USS678" s="613"/>
      <c r="UST678" s="613"/>
      <c r="USU678" s="613"/>
      <c r="USV678" s="613"/>
      <c r="USW678" s="613"/>
      <c r="USX678" s="613"/>
      <c r="USY678" s="613"/>
      <c r="USZ678" s="613"/>
      <c r="UTA678" s="613"/>
      <c r="UTB678" s="613"/>
      <c r="UTC678" s="613"/>
      <c r="UTD678" s="613"/>
      <c r="UTE678" s="613"/>
      <c r="UTF678" s="613"/>
      <c r="UTG678" s="613"/>
      <c r="UTH678" s="613"/>
      <c r="UTI678" s="613"/>
      <c r="UTJ678" s="613"/>
      <c r="UTK678" s="613"/>
      <c r="UTL678" s="613"/>
      <c r="UTM678" s="613"/>
      <c r="UTN678" s="613"/>
      <c r="UTO678" s="613"/>
      <c r="UTP678" s="613"/>
      <c r="UTQ678" s="613"/>
      <c r="UTR678" s="613"/>
      <c r="UTS678" s="613"/>
      <c r="UTT678" s="613"/>
      <c r="UTU678" s="613"/>
      <c r="UTV678" s="613"/>
      <c r="UTW678" s="613"/>
      <c r="UTX678" s="613"/>
      <c r="UTY678" s="613"/>
      <c r="UTZ678" s="613"/>
      <c r="UUA678" s="613"/>
      <c r="UUB678" s="613"/>
      <c r="UUC678" s="613"/>
      <c r="UUD678" s="613"/>
      <c r="UUE678" s="613"/>
      <c r="UUF678" s="613"/>
      <c r="UUG678" s="613"/>
      <c r="UUH678" s="613"/>
      <c r="UUI678" s="613"/>
      <c r="UUJ678" s="613"/>
      <c r="UUK678" s="613"/>
      <c r="UUL678" s="613"/>
      <c r="UUM678" s="613"/>
      <c r="UUN678" s="613"/>
      <c r="UUO678" s="613"/>
      <c r="UUP678" s="613"/>
      <c r="UUQ678" s="613"/>
      <c r="UUR678" s="613"/>
      <c r="UUS678" s="613"/>
      <c r="UUT678" s="613"/>
      <c r="UUU678" s="613"/>
      <c r="UUV678" s="613"/>
      <c r="UUW678" s="613"/>
      <c r="UUX678" s="613"/>
      <c r="UUY678" s="613"/>
      <c r="UUZ678" s="613"/>
      <c r="UVA678" s="613"/>
      <c r="UVB678" s="613"/>
      <c r="UVC678" s="613"/>
      <c r="UVD678" s="613"/>
      <c r="UVE678" s="613"/>
      <c r="UVF678" s="613"/>
      <c r="UVG678" s="613"/>
      <c r="UVH678" s="613"/>
      <c r="UVI678" s="613"/>
      <c r="UVJ678" s="613"/>
      <c r="UVK678" s="613"/>
      <c r="UVL678" s="613"/>
      <c r="UVM678" s="613"/>
      <c r="UVN678" s="613"/>
      <c r="UVO678" s="613"/>
      <c r="UVP678" s="613"/>
      <c r="UVQ678" s="613"/>
      <c r="UVR678" s="613"/>
      <c r="UVS678" s="613"/>
      <c r="UVT678" s="613"/>
      <c r="UVU678" s="613"/>
      <c r="UVV678" s="613"/>
      <c r="UVW678" s="613"/>
      <c r="UVX678" s="613"/>
      <c r="UVY678" s="613"/>
      <c r="UVZ678" s="613"/>
      <c r="UWA678" s="613"/>
      <c r="UWB678" s="613"/>
      <c r="UWC678" s="613"/>
      <c r="UWD678" s="613"/>
      <c r="UWE678" s="613"/>
      <c r="UWF678" s="613"/>
      <c r="UWG678" s="613"/>
      <c r="UWH678" s="613"/>
      <c r="UWI678" s="613"/>
      <c r="UWJ678" s="613"/>
      <c r="UWK678" s="613"/>
      <c r="UWL678" s="613"/>
      <c r="UWM678" s="613"/>
      <c r="UWN678" s="613"/>
      <c r="UWO678" s="613"/>
      <c r="UWP678" s="613"/>
      <c r="UWQ678" s="613"/>
      <c r="UWR678" s="613"/>
      <c r="UWS678" s="613"/>
      <c r="UWT678" s="613"/>
      <c r="UWU678" s="613"/>
      <c r="UWV678" s="613"/>
      <c r="UWW678" s="613"/>
      <c r="UWX678" s="613"/>
      <c r="UWY678" s="613"/>
      <c r="UWZ678" s="613"/>
      <c r="UXA678" s="613"/>
      <c r="UXB678" s="613"/>
      <c r="UXC678" s="613"/>
      <c r="UXD678" s="613"/>
      <c r="UXE678" s="613"/>
      <c r="UXF678" s="613"/>
      <c r="UXG678" s="613"/>
      <c r="UXH678" s="613"/>
      <c r="UXI678" s="613"/>
      <c r="UXJ678" s="613"/>
      <c r="UXK678" s="613"/>
      <c r="UXL678" s="613"/>
      <c r="UXM678" s="613"/>
      <c r="UXN678" s="613"/>
      <c r="UXO678" s="613"/>
      <c r="UXP678" s="613"/>
      <c r="UXQ678" s="613"/>
      <c r="UXR678" s="613"/>
      <c r="UXS678" s="613"/>
      <c r="UXT678" s="613"/>
      <c r="UXU678" s="613"/>
      <c r="UXV678" s="613"/>
      <c r="UXW678" s="613"/>
      <c r="UXX678" s="613"/>
      <c r="UXY678" s="613"/>
      <c r="UXZ678" s="613"/>
      <c r="UYA678" s="613"/>
      <c r="UYB678" s="613"/>
      <c r="UYC678" s="613"/>
      <c r="UYD678" s="613"/>
      <c r="UYE678" s="613"/>
      <c r="UYF678" s="613"/>
      <c r="UYG678" s="613"/>
      <c r="UYH678" s="613"/>
      <c r="UYI678" s="613"/>
      <c r="UYJ678" s="613"/>
      <c r="UYK678" s="613"/>
      <c r="UYL678" s="613"/>
      <c r="UYM678" s="613"/>
      <c r="UYN678" s="613"/>
      <c r="UYO678" s="613"/>
      <c r="UYP678" s="613"/>
      <c r="UYQ678" s="613"/>
      <c r="UYR678" s="613"/>
      <c r="UYS678" s="613"/>
      <c r="UYT678" s="613"/>
      <c r="UYU678" s="613"/>
      <c r="UYV678" s="613"/>
      <c r="UYW678" s="613"/>
      <c r="UYX678" s="613"/>
      <c r="UYY678" s="613"/>
      <c r="UYZ678" s="613"/>
      <c r="UZA678" s="613"/>
      <c r="UZB678" s="613"/>
      <c r="UZC678" s="613"/>
      <c r="UZD678" s="613"/>
      <c r="UZE678" s="613"/>
      <c r="UZF678" s="613"/>
      <c r="UZG678" s="613"/>
      <c r="UZH678" s="613"/>
      <c r="UZI678" s="613"/>
      <c r="UZJ678" s="613"/>
      <c r="UZK678" s="613"/>
      <c r="UZL678" s="613"/>
      <c r="UZM678" s="613"/>
      <c r="UZN678" s="613"/>
      <c r="UZO678" s="613"/>
      <c r="UZP678" s="613"/>
      <c r="UZQ678" s="613"/>
      <c r="UZR678" s="613"/>
      <c r="UZS678" s="613"/>
      <c r="UZT678" s="613"/>
      <c r="UZU678" s="613"/>
      <c r="UZV678" s="613"/>
      <c r="UZW678" s="613"/>
      <c r="UZX678" s="613"/>
      <c r="UZY678" s="613"/>
      <c r="UZZ678" s="613"/>
      <c r="VAA678" s="613"/>
      <c r="VAB678" s="613"/>
      <c r="VAC678" s="613"/>
      <c r="VAD678" s="613"/>
      <c r="VAE678" s="613"/>
      <c r="VAF678" s="613"/>
      <c r="VAG678" s="613"/>
      <c r="VAH678" s="613"/>
      <c r="VAI678" s="613"/>
      <c r="VAJ678" s="613"/>
      <c r="VAK678" s="613"/>
      <c r="VAL678" s="613"/>
      <c r="VAM678" s="613"/>
      <c r="VAN678" s="613"/>
      <c r="VAO678" s="613"/>
      <c r="VAP678" s="613"/>
      <c r="VAQ678" s="613"/>
      <c r="VAR678" s="613"/>
      <c r="VAS678" s="613"/>
      <c r="VAT678" s="613"/>
      <c r="VAU678" s="613"/>
      <c r="VAV678" s="613"/>
      <c r="VAW678" s="613"/>
      <c r="VAX678" s="613"/>
      <c r="VAY678" s="613"/>
      <c r="VAZ678" s="613"/>
      <c r="VBA678" s="613"/>
      <c r="VBB678" s="613"/>
      <c r="VBC678" s="613"/>
      <c r="VBD678" s="613"/>
      <c r="VBE678" s="613"/>
      <c r="VBF678" s="613"/>
      <c r="VBG678" s="613"/>
      <c r="VBH678" s="613"/>
      <c r="VBI678" s="613"/>
      <c r="VBJ678" s="613"/>
      <c r="VBK678" s="613"/>
      <c r="VBL678" s="613"/>
      <c r="VBM678" s="613"/>
      <c r="VBN678" s="613"/>
      <c r="VBO678" s="613"/>
      <c r="VBP678" s="613"/>
      <c r="VBQ678" s="613"/>
      <c r="VBR678" s="613"/>
      <c r="VBS678" s="613"/>
      <c r="VBT678" s="613"/>
      <c r="VBU678" s="613"/>
      <c r="VBV678" s="613"/>
      <c r="VBW678" s="613"/>
      <c r="VBX678" s="613"/>
      <c r="VBY678" s="613"/>
      <c r="VBZ678" s="613"/>
      <c r="VCA678" s="613"/>
      <c r="VCB678" s="613"/>
      <c r="VCC678" s="613"/>
      <c r="VCD678" s="613"/>
      <c r="VCE678" s="613"/>
      <c r="VCF678" s="613"/>
      <c r="VCG678" s="613"/>
      <c r="VCH678" s="613"/>
      <c r="VCI678" s="613"/>
      <c r="VCJ678" s="613"/>
      <c r="VCK678" s="613"/>
      <c r="VCL678" s="613"/>
      <c r="VCM678" s="613"/>
      <c r="VCN678" s="613"/>
      <c r="VCO678" s="613"/>
      <c r="VCP678" s="613"/>
      <c r="VCQ678" s="613"/>
      <c r="VCR678" s="613"/>
      <c r="VCS678" s="613"/>
      <c r="VCT678" s="613"/>
      <c r="VCU678" s="613"/>
      <c r="VCV678" s="613"/>
      <c r="VCW678" s="613"/>
      <c r="VCX678" s="613"/>
      <c r="VCY678" s="613"/>
      <c r="VCZ678" s="613"/>
      <c r="VDA678" s="613"/>
      <c r="VDB678" s="613"/>
      <c r="VDC678" s="613"/>
      <c r="VDD678" s="613"/>
      <c r="VDE678" s="613"/>
      <c r="VDF678" s="613"/>
      <c r="VDG678" s="613"/>
      <c r="VDH678" s="613"/>
      <c r="VDI678" s="613"/>
      <c r="VDJ678" s="613"/>
      <c r="VDK678" s="613"/>
      <c r="VDL678" s="613"/>
      <c r="VDM678" s="613"/>
      <c r="VDN678" s="613"/>
      <c r="VDO678" s="613"/>
      <c r="VDP678" s="613"/>
      <c r="VDQ678" s="613"/>
      <c r="VDR678" s="613"/>
      <c r="VDS678" s="613"/>
      <c r="VDT678" s="613"/>
      <c r="VDU678" s="613"/>
      <c r="VDV678" s="613"/>
      <c r="VDW678" s="613"/>
      <c r="VDX678" s="613"/>
      <c r="VDY678" s="613"/>
      <c r="VDZ678" s="613"/>
      <c r="VEA678" s="613"/>
      <c r="VEB678" s="613"/>
      <c r="VEC678" s="613"/>
      <c r="VED678" s="613"/>
      <c r="VEE678" s="613"/>
      <c r="VEF678" s="613"/>
      <c r="VEG678" s="613"/>
      <c r="VEH678" s="613"/>
      <c r="VEI678" s="613"/>
      <c r="VEJ678" s="613"/>
      <c r="VEK678" s="613"/>
      <c r="VEL678" s="613"/>
      <c r="VEM678" s="613"/>
      <c r="VEN678" s="613"/>
      <c r="VEO678" s="613"/>
      <c r="VEP678" s="613"/>
      <c r="VEQ678" s="613"/>
      <c r="VER678" s="613"/>
      <c r="VES678" s="613"/>
      <c r="VET678" s="613"/>
      <c r="VEU678" s="613"/>
      <c r="VEV678" s="613"/>
      <c r="VEW678" s="613"/>
      <c r="VEX678" s="613"/>
      <c r="VEY678" s="613"/>
      <c r="VEZ678" s="613"/>
      <c r="VFA678" s="613"/>
      <c r="VFB678" s="613"/>
      <c r="VFC678" s="613"/>
      <c r="VFD678" s="613"/>
      <c r="VFE678" s="613"/>
      <c r="VFF678" s="613"/>
      <c r="VFG678" s="613"/>
      <c r="VFH678" s="613"/>
      <c r="VFI678" s="613"/>
      <c r="VFJ678" s="613"/>
      <c r="VFK678" s="613"/>
      <c r="VFL678" s="613"/>
      <c r="VFM678" s="613"/>
      <c r="VFN678" s="613"/>
      <c r="VFO678" s="613"/>
      <c r="VFP678" s="613"/>
      <c r="VFQ678" s="613"/>
      <c r="VFR678" s="613"/>
      <c r="VFS678" s="613"/>
      <c r="VFT678" s="613"/>
      <c r="VFU678" s="613"/>
      <c r="VFV678" s="613"/>
      <c r="VFW678" s="613"/>
      <c r="VFX678" s="613"/>
      <c r="VFY678" s="613"/>
      <c r="VFZ678" s="613"/>
      <c r="VGA678" s="613"/>
      <c r="VGB678" s="613"/>
      <c r="VGC678" s="613"/>
      <c r="VGD678" s="613"/>
      <c r="VGE678" s="613"/>
      <c r="VGF678" s="613"/>
      <c r="VGG678" s="613"/>
      <c r="VGH678" s="613"/>
      <c r="VGI678" s="613"/>
      <c r="VGJ678" s="613"/>
      <c r="VGK678" s="613"/>
      <c r="VGL678" s="613"/>
      <c r="VGM678" s="613"/>
      <c r="VGN678" s="613"/>
      <c r="VGO678" s="613"/>
      <c r="VGP678" s="613"/>
      <c r="VGQ678" s="613"/>
      <c r="VGR678" s="613"/>
      <c r="VGS678" s="613"/>
      <c r="VGT678" s="613"/>
      <c r="VGU678" s="613"/>
      <c r="VGV678" s="613"/>
      <c r="VGW678" s="613"/>
      <c r="VGX678" s="613"/>
      <c r="VGY678" s="613"/>
      <c r="VGZ678" s="613"/>
      <c r="VHA678" s="613"/>
      <c r="VHB678" s="613"/>
      <c r="VHC678" s="613"/>
      <c r="VHD678" s="613"/>
      <c r="VHE678" s="613"/>
      <c r="VHF678" s="613"/>
      <c r="VHG678" s="613"/>
      <c r="VHH678" s="613"/>
      <c r="VHI678" s="613"/>
      <c r="VHJ678" s="613"/>
      <c r="VHK678" s="613"/>
      <c r="VHL678" s="613"/>
      <c r="VHM678" s="613"/>
      <c r="VHN678" s="613"/>
      <c r="VHO678" s="613"/>
      <c r="VHP678" s="613"/>
      <c r="VHQ678" s="613"/>
      <c r="VHR678" s="613"/>
      <c r="VHS678" s="613"/>
      <c r="VHT678" s="613"/>
      <c r="VHU678" s="613"/>
      <c r="VHV678" s="613"/>
      <c r="VHW678" s="613"/>
      <c r="VHX678" s="613"/>
      <c r="VHY678" s="613"/>
      <c r="VHZ678" s="613"/>
      <c r="VIA678" s="613"/>
      <c r="VIB678" s="613"/>
      <c r="VIC678" s="613"/>
      <c r="VID678" s="613"/>
      <c r="VIE678" s="613"/>
      <c r="VIF678" s="613"/>
      <c r="VIG678" s="613"/>
      <c r="VIH678" s="613"/>
      <c r="VII678" s="613"/>
      <c r="VIJ678" s="613"/>
      <c r="VIK678" s="613"/>
      <c r="VIL678" s="613"/>
      <c r="VIM678" s="613"/>
      <c r="VIN678" s="613"/>
      <c r="VIO678" s="613"/>
      <c r="VIP678" s="613"/>
      <c r="VIQ678" s="613"/>
      <c r="VIR678" s="613"/>
      <c r="VIS678" s="613"/>
      <c r="VIT678" s="613"/>
      <c r="VIU678" s="613"/>
      <c r="VIV678" s="613"/>
      <c r="VIW678" s="613"/>
      <c r="VIX678" s="613"/>
      <c r="VIY678" s="613"/>
      <c r="VIZ678" s="613"/>
      <c r="VJA678" s="613"/>
      <c r="VJB678" s="613"/>
      <c r="VJC678" s="613"/>
      <c r="VJD678" s="613"/>
      <c r="VJE678" s="613"/>
      <c r="VJF678" s="613"/>
      <c r="VJG678" s="613"/>
      <c r="VJH678" s="613"/>
      <c r="VJI678" s="613"/>
      <c r="VJJ678" s="613"/>
      <c r="VJK678" s="613"/>
      <c r="VJL678" s="613"/>
      <c r="VJM678" s="613"/>
      <c r="VJN678" s="613"/>
      <c r="VJO678" s="613"/>
      <c r="VJP678" s="613"/>
      <c r="VJQ678" s="613"/>
      <c r="VJR678" s="613"/>
      <c r="VJS678" s="613"/>
      <c r="VJT678" s="613"/>
      <c r="VJU678" s="613"/>
      <c r="VJV678" s="613"/>
      <c r="VJW678" s="613"/>
      <c r="VJX678" s="613"/>
      <c r="VJY678" s="613"/>
      <c r="VJZ678" s="613"/>
      <c r="VKA678" s="613"/>
      <c r="VKB678" s="613"/>
      <c r="VKC678" s="613"/>
      <c r="VKD678" s="613"/>
      <c r="VKE678" s="613"/>
      <c r="VKF678" s="613"/>
      <c r="VKG678" s="613"/>
      <c r="VKH678" s="613"/>
      <c r="VKI678" s="613"/>
      <c r="VKJ678" s="613"/>
      <c r="VKK678" s="613"/>
      <c r="VKL678" s="613"/>
      <c r="VKM678" s="613"/>
      <c r="VKN678" s="613"/>
      <c r="VKO678" s="613"/>
      <c r="VKP678" s="613"/>
      <c r="VKQ678" s="613"/>
      <c r="VKR678" s="613"/>
      <c r="VKS678" s="613"/>
      <c r="VKT678" s="613"/>
      <c r="VKU678" s="613"/>
      <c r="VKV678" s="613"/>
      <c r="VKW678" s="613"/>
      <c r="VKX678" s="613"/>
      <c r="VKY678" s="613"/>
      <c r="VKZ678" s="613"/>
      <c r="VLA678" s="613"/>
      <c r="VLB678" s="613"/>
      <c r="VLC678" s="613"/>
      <c r="VLD678" s="613"/>
      <c r="VLE678" s="613"/>
      <c r="VLF678" s="613"/>
      <c r="VLG678" s="613"/>
      <c r="VLH678" s="613"/>
      <c r="VLI678" s="613"/>
      <c r="VLJ678" s="613"/>
      <c r="VLK678" s="613"/>
      <c r="VLL678" s="613"/>
      <c r="VLM678" s="613"/>
      <c r="VLN678" s="613"/>
      <c r="VLO678" s="613"/>
      <c r="VLP678" s="613"/>
      <c r="VLQ678" s="613"/>
      <c r="VLR678" s="613"/>
      <c r="VLS678" s="613"/>
      <c r="VLT678" s="613"/>
      <c r="VLU678" s="613"/>
      <c r="VLV678" s="613"/>
      <c r="VLW678" s="613"/>
      <c r="VLX678" s="613"/>
      <c r="VLY678" s="613"/>
      <c r="VLZ678" s="613"/>
      <c r="VMA678" s="613"/>
      <c r="VMB678" s="613"/>
      <c r="VMC678" s="613"/>
      <c r="VMD678" s="613"/>
      <c r="VME678" s="613"/>
      <c r="VMF678" s="613"/>
      <c r="VMG678" s="613"/>
      <c r="VMH678" s="613"/>
      <c r="VMI678" s="613"/>
      <c r="VMJ678" s="613"/>
      <c r="VMK678" s="613"/>
      <c r="VML678" s="613"/>
      <c r="VMM678" s="613"/>
      <c r="VMN678" s="613"/>
      <c r="VMO678" s="613"/>
      <c r="VMP678" s="613"/>
      <c r="VMQ678" s="613"/>
      <c r="VMR678" s="613"/>
      <c r="VMS678" s="613"/>
      <c r="VMT678" s="613"/>
      <c r="VMU678" s="613"/>
      <c r="VMV678" s="613"/>
      <c r="VMW678" s="613"/>
      <c r="VMX678" s="613"/>
      <c r="VMY678" s="613"/>
      <c r="VMZ678" s="613"/>
      <c r="VNA678" s="613"/>
      <c r="VNB678" s="613"/>
      <c r="VNC678" s="613"/>
      <c r="VND678" s="613"/>
      <c r="VNE678" s="613"/>
      <c r="VNF678" s="613"/>
      <c r="VNG678" s="613"/>
      <c r="VNH678" s="613"/>
      <c r="VNI678" s="613"/>
      <c r="VNJ678" s="613"/>
      <c r="VNK678" s="613"/>
      <c r="VNL678" s="613"/>
      <c r="VNM678" s="613"/>
      <c r="VNN678" s="613"/>
      <c r="VNO678" s="613"/>
      <c r="VNP678" s="613"/>
      <c r="VNQ678" s="613"/>
      <c r="VNR678" s="613"/>
      <c r="VNS678" s="613"/>
      <c r="VNT678" s="613"/>
      <c r="VNU678" s="613"/>
      <c r="VNV678" s="613"/>
      <c r="VNW678" s="613"/>
      <c r="VNX678" s="613"/>
      <c r="VNY678" s="613"/>
      <c r="VNZ678" s="613"/>
      <c r="VOA678" s="613"/>
      <c r="VOB678" s="613"/>
      <c r="VOC678" s="613"/>
      <c r="VOD678" s="613"/>
      <c r="VOE678" s="613"/>
      <c r="VOF678" s="613"/>
      <c r="VOG678" s="613"/>
      <c r="VOH678" s="613"/>
      <c r="VOI678" s="613"/>
      <c r="VOJ678" s="613"/>
      <c r="VOK678" s="613"/>
      <c r="VOL678" s="613"/>
      <c r="VOM678" s="613"/>
      <c r="VON678" s="613"/>
      <c r="VOO678" s="613"/>
      <c r="VOP678" s="613"/>
      <c r="VOQ678" s="613"/>
      <c r="VOR678" s="613"/>
      <c r="VOS678" s="613"/>
      <c r="VOT678" s="613"/>
      <c r="VOU678" s="613"/>
      <c r="VOV678" s="613"/>
      <c r="VOW678" s="613"/>
      <c r="VOX678" s="613"/>
      <c r="VOY678" s="613"/>
      <c r="VOZ678" s="613"/>
      <c r="VPA678" s="613"/>
      <c r="VPB678" s="613"/>
      <c r="VPC678" s="613"/>
      <c r="VPD678" s="613"/>
      <c r="VPE678" s="613"/>
      <c r="VPF678" s="613"/>
      <c r="VPG678" s="613"/>
      <c r="VPH678" s="613"/>
      <c r="VPI678" s="613"/>
      <c r="VPJ678" s="613"/>
      <c r="VPK678" s="613"/>
      <c r="VPL678" s="613"/>
      <c r="VPM678" s="613"/>
      <c r="VPN678" s="613"/>
      <c r="VPO678" s="613"/>
      <c r="VPP678" s="613"/>
      <c r="VPQ678" s="613"/>
      <c r="VPR678" s="613"/>
      <c r="VPS678" s="613"/>
      <c r="VPT678" s="613"/>
      <c r="VPU678" s="613"/>
      <c r="VPV678" s="613"/>
      <c r="VPW678" s="613"/>
      <c r="VPX678" s="613"/>
      <c r="VPY678" s="613"/>
      <c r="VPZ678" s="613"/>
      <c r="VQA678" s="613"/>
      <c r="VQB678" s="613"/>
      <c r="VQC678" s="613"/>
      <c r="VQD678" s="613"/>
      <c r="VQE678" s="613"/>
      <c r="VQF678" s="613"/>
      <c r="VQG678" s="613"/>
      <c r="VQH678" s="613"/>
      <c r="VQI678" s="613"/>
      <c r="VQJ678" s="613"/>
      <c r="VQK678" s="613"/>
      <c r="VQL678" s="613"/>
      <c r="VQM678" s="613"/>
      <c r="VQN678" s="613"/>
      <c r="VQO678" s="613"/>
      <c r="VQP678" s="613"/>
      <c r="VQQ678" s="613"/>
      <c r="VQR678" s="613"/>
      <c r="VQS678" s="613"/>
      <c r="VQT678" s="613"/>
      <c r="VQU678" s="613"/>
      <c r="VQV678" s="613"/>
      <c r="VQW678" s="613"/>
      <c r="VQX678" s="613"/>
      <c r="VQY678" s="613"/>
      <c r="VQZ678" s="613"/>
      <c r="VRA678" s="613"/>
      <c r="VRB678" s="613"/>
      <c r="VRC678" s="613"/>
      <c r="VRD678" s="613"/>
      <c r="VRE678" s="613"/>
      <c r="VRF678" s="613"/>
      <c r="VRG678" s="613"/>
      <c r="VRH678" s="613"/>
      <c r="VRI678" s="613"/>
      <c r="VRJ678" s="613"/>
      <c r="VRK678" s="613"/>
      <c r="VRL678" s="613"/>
      <c r="VRM678" s="613"/>
      <c r="VRN678" s="613"/>
      <c r="VRO678" s="613"/>
      <c r="VRP678" s="613"/>
      <c r="VRQ678" s="613"/>
      <c r="VRR678" s="613"/>
      <c r="VRS678" s="613"/>
      <c r="VRT678" s="613"/>
      <c r="VRU678" s="613"/>
      <c r="VRV678" s="613"/>
      <c r="VRW678" s="613"/>
      <c r="VRX678" s="613"/>
      <c r="VRY678" s="613"/>
      <c r="VRZ678" s="613"/>
      <c r="VSA678" s="613"/>
      <c r="VSB678" s="613"/>
      <c r="VSC678" s="613"/>
      <c r="VSD678" s="613"/>
      <c r="VSE678" s="613"/>
      <c r="VSF678" s="613"/>
      <c r="VSG678" s="613"/>
      <c r="VSH678" s="613"/>
      <c r="VSI678" s="613"/>
      <c r="VSJ678" s="613"/>
      <c r="VSK678" s="613"/>
      <c r="VSL678" s="613"/>
      <c r="VSM678" s="613"/>
      <c r="VSN678" s="613"/>
      <c r="VSO678" s="613"/>
      <c r="VSP678" s="613"/>
      <c r="VSQ678" s="613"/>
      <c r="VSR678" s="613"/>
      <c r="VSS678" s="613"/>
      <c r="VST678" s="613"/>
      <c r="VSU678" s="613"/>
      <c r="VSV678" s="613"/>
      <c r="VSW678" s="613"/>
      <c r="VSX678" s="613"/>
      <c r="VSY678" s="613"/>
      <c r="VSZ678" s="613"/>
      <c r="VTA678" s="613"/>
      <c r="VTB678" s="613"/>
      <c r="VTC678" s="613"/>
      <c r="VTD678" s="613"/>
      <c r="VTE678" s="613"/>
      <c r="VTF678" s="613"/>
      <c r="VTG678" s="613"/>
      <c r="VTH678" s="613"/>
      <c r="VTI678" s="613"/>
      <c r="VTJ678" s="613"/>
      <c r="VTK678" s="613"/>
      <c r="VTL678" s="613"/>
      <c r="VTM678" s="613"/>
      <c r="VTN678" s="613"/>
      <c r="VTO678" s="613"/>
      <c r="VTP678" s="613"/>
      <c r="VTQ678" s="613"/>
      <c r="VTR678" s="613"/>
      <c r="VTS678" s="613"/>
      <c r="VTT678" s="613"/>
      <c r="VTU678" s="613"/>
      <c r="VTV678" s="613"/>
      <c r="VTW678" s="613"/>
      <c r="VTX678" s="613"/>
      <c r="VTY678" s="613"/>
      <c r="VTZ678" s="613"/>
      <c r="VUA678" s="613"/>
      <c r="VUB678" s="613"/>
      <c r="VUC678" s="613"/>
      <c r="VUD678" s="613"/>
      <c r="VUE678" s="613"/>
      <c r="VUF678" s="613"/>
      <c r="VUG678" s="613"/>
      <c r="VUH678" s="613"/>
      <c r="VUI678" s="613"/>
      <c r="VUJ678" s="613"/>
      <c r="VUK678" s="613"/>
      <c r="VUL678" s="613"/>
      <c r="VUM678" s="613"/>
      <c r="VUN678" s="613"/>
      <c r="VUO678" s="613"/>
      <c r="VUP678" s="613"/>
      <c r="VUQ678" s="613"/>
      <c r="VUR678" s="613"/>
      <c r="VUS678" s="613"/>
      <c r="VUT678" s="613"/>
      <c r="VUU678" s="613"/>
      <c r="VUV678" s="613"/>
      <c r="VUW678" s="613"/>
      <c r="VUX678" s="613"/>
      <c r="VUY678" s="613"/>
      <c r="VUZ678" s="613"/>
      <c r="VVA678" s="613"/>
      <c r="VVB678" s="613"/>
      <c r="VVC678" s="613"/>
      <c r="VVD678" s="613"/>
      <c r="VVE678" s="613"/>
      <c r="VVF678" s="613"/>
      <c r="VVG678" s="613"/>
      <c r="VVH678" s="613"/>
      <c r="VVI678" s="613"/>
      <c r="VVJ678" s="613"/>
      <c r="VVK678" s="613"/>
      <c r="VVL678" s="613"/>
      <c r="VVM678" s="613"/>
      <c r="VVN678" s="613"/>
      <c r="VVO678" s="613"/>
      <c r="VVP678" s="613"/>
      <c r="VVQ678" s="613"/>
      <c r="VVR678" s="613"/>
      <c r="VVS678" s="613"/>
      <c r="VVT678" s="613"/>
      <c r="VVU678" s="613"/>
      <c r="VVV678" s="613"/>
      <c r="VVW678" s="613"/>
      <c r="VVX678" s="613"/>
      <c r="VVY678" s="613"/>
      <c r="VVZ678" s="613"/>
      <c r="VWA678" s="613"/>
      <c r="VWB678" s="613"/>
      <c r="VWC678" s="613"/>
      <c r="VWD678" s="613"/>
      <c r="VWE678" s="613"/>
      <c r="VWF678" s="613"/>
      <c r="VWG678" s="613"/>
      <c r="VWH678" s="613"/>
      <c r="VWI678" s="613"/>
      <c r="VWJ678" s="613"/>
      <c r="VWK678" s="613"/>
      <c r="VWL678" s="613"/>
      <c r="VWM678" s="613"/>
      <c r="VWN678" s="613"/>
      <c r="VWO678" s="613"/>
      <c r="VWP678" s="613"/>
      <c r="VWQ678" s="613"/>
      <c r="VWR678" s="613"/>
      <c r="VWS678" s="613"/>
      <c r="VWT678" s="613"/>
      <c r="VWU678" s="613"/>
      <c r="VWV678" s="613"/>
      <c r="VWW678" s="613"/>
      <c r="VWX678" s="613"/>
      <c r="VWY678" s="613"/>
      <c r="VWZ678" s="613"/>
      <c r="VXA678" s="613"/>
      <c r="VXB678" s="613"/>
      <c r="VXC678" s="613"/>
      <c r="VXD678" s="613"/>
      <c r="VXE678" s="613"/>
      <c r="VXF678" s="613"/>
      <c r="VXG678" s="613"/>
      <c r="VXH678" s="613"/>
      <c r="VXI678" s="613"/>
      <c r="VXJ678" s="613"/>
      <c r="VXK678" s="613"/>
      <c r="VXL678" s="613"/>
      <c r="VXM678" s="613"/>
      <c r="VXN678" s="613"/>
      <c r="VXO678" s="613"/>
      <c r="VXP678" s="613"/>
      <c r="VXQ678" s="613"/>
      <c r="VXR678" s="613"/>
      <c r="VXS678" s="613"/>
      <c r="VXT678" s="613"/>
      <c r="VXU678" s="613"/>
      <c r="VXV678" s="613"/>
      <c r="VXW678" s="613"/>
      <c r="VXX678" s="613"/>
      <c r="VXY678" s="613"/>
      <c r="VXZ678" s="613"/>
      <c r="VYA678" s="613"/>
      <c r="VYB678" s="613"/>
      <c r="VYC678" s="613"/>
      <c r="VYD678" s="613"/>
      <c r="VYE678" s="613"/>
      <c r="VYF678" s="613"/>
      <c r="VYG678" s="613"/>
      <c r="VYH678" s="613"/>
      <c r="VYI678" s="613"/>
      <c r="VYJ678" s="613"/>
      <c r="VYK678" s="613"/>
      <c r="VYL678" s="613"/>
      <c r="VYM678" s="613"/>
      <c r="VYN678" s="613"/>
      <c r="VYO678" s="613"/>
      <c r="VYP678" s="613"/>
      <c r="VYQ678" s="613"/>
      <c r="VYR678" s="613"/>
      <c r="VYS678" s="613"/>
      <c r="VYT678" s="613"/>
      <c r="VYU678" s="613"/>
      <c r="VYV678" s="613"/>
      <c r="VYW678" s="613"/>
      <c r="VYX678" s="613"/>
      <c r="VYY678" s="613"/>
      <c r="VYZ678" s="613"/>
      <c r="VZA678" s="613"/>
      <c r="VZB678" s="613"/>
      <c r="VZC678" s="613"/>
      <c r="VZD678" s="613"/>
      <c r="VZE678" s="613"/>
      <c r="VZF678" s="613"/>
      <c r="VZG678" s="613"/>
      <c r="VZH678" s="613"/>
      <c r="VZI678" s="613"/>
      <c r="VZJ678" s="613"/>
      <c r="VZK678" s="613"/>
      <c r="VZL678" s="613"/>
      <c r="VZM678" s="613"/>
      <c r="VZN678" s="613"/>
      <c r="VZO678" s="613"/>
      <c r="VZP678" s="613"/>
      <c r="VZQ678" s="613"/>
      <c r="VZR678" s="613"/>
      <c r="VZS678" s="613"/>
      <c r="VZT678" s="613"/>
      <c r="VZU678" s="613"/>
      <c r="VZV678" s="613"/>
      <c r="VZW678" s="613"/>
      <c r="VZX678" s="613"/>
      <c r="VZY678" s="613"/>
      <c r="VZZ678" s="613"/>
      <c r="WAA678" s="613"/>
      <c r="WAB678" s="613"/>
      <c r="WAC678" s="613"/>
      <c r="WAD678" s="613"/>
      <c r="WAE678" s="613"/>
      <c r="WAF678" s="613"/>
      <c r="WAG678" s="613"/>
      <c r="WAH678" s="613"/>
      <c r="WAI678" s="613"/>
      <c r="WAJ678" s="613"/>
      <c r="WAK678" s="613"/>
      <c r="WAL678" s="613"/>
      <c r="WAM678" s="613"/>
      <c r="WAN678" s="613"/>
      <c r="WAO678" s="613"/>
      <c r="WAP678" s="613"/>
      <c r="WAQ678" s="613"/>
      <c r="WAR678" s="613"/>
      <c r="WAS678" s="613"/>
      <c r="WAT678" s="613"/>
      <c r="WAU678" s="613"/>
      <c r="WAV678" s="613"/>
      <c r="WAW678" s="613"/>
      <c r="WAX678" s="613"/>
      <c r="WAY678" s="613"/>
      <c r="WAZ678" s="613"/>
      <c r="WBA678" s="613"/>
      <c r="WBB678" s="613"/>
      <c r="WBC678" s="613"/>
      <c r="WBD678" s="613"/>
      <c r="WBE678" s="613"/>
      <c r="WBF678" s="613"/>
      <c r="WBG678" s="613"/>
      <c r="WBH678" s="613"/>
      <c r="WBI678" s="613"/>
      <c r="WBJ678" s="613"/>
      <c r="WBK678" s="613"/>
      <c r="WBL678" s="613"/>
      <c r="WBM678" s="613"/>
      <c r="WBN678" s="613"/>
      <c r="WBO678" s="613"/>
      <c r="WBP678" s="613"/>
      <c r="WBQ678" s="613"/>
      <c r="WBR678" s="613"/>
      <c r="WBS678" s="613"/>
      <c r="WBT678" s="613"/>
      <c r="WBU678" s="613"/>
      <c r="WBV678" s="613"/>
      <c r="WBW678" s="613"/>
      <c r="WBX678" s="613"/>
      <c r="WBY678" s="613"/>
      <c r="WBZ678" s="613"/>
      <c r="WCA678" s="613"/>
      <c r="WCB678" s="613"/>
      <c r="WCC678" s="613"/>
      <c r="WCD678" s="613"/>
      <c r="WCE678" s="613"/>
      <c r="WCF678" s="613"/>
      <c r="WCG678" s="613"/>
      <c r="WCH678" s="613"/>
      <c r="WCI678" s="613"/>
      <c r="WCJ678" s="613"/>
      <c r="WCK678" s="613"/>
      <c r="WCL678" s="613"/>
      <c r="WCM678" s="613"/>
      <c r="WCN678" s="613"/>
      <c r="WCO678" s="613"/>
      <c r="WCP678" s="613"/>
      <c r="WCQ678" s="613"/>
      <c r="WCR678" s="613"/>
      <c r="WCS678" s="613"/>
      <c r="WCT678" s="613"/>
      <c r="WCU678" s="613"/>
      <c r="WCV678" s="613"/>
      <c r="WCW678" s="613"/>
      <c r="WCX678" s="613"/>
      <c r="WCY678" s="613"/>
      <c r="WCZ678" s="613"/>
      <c r="WDA678" s="613"/>
      <c r="WDB678" s="613"/>
      <c r="WDC678" s="613"/>
      <c r="WDD678" s="613"/>
      <c r="WDE678" s="613"/>
      <c r="WDF678" s="613"/>
      <c r="WDG678" s="613"/>
      <c r="WDH678" s="613"/>
      <c r="WDI678" s="613"/>
      <c r="WDJ678" s="613"/>
      <c r="WDK678" s="613"/>
      <c r="WDL678" s="613"/>
      <c r="WDM678" s="613"/>
      <c r="WDN678" s="613"/>
      <c r="WDO678" s="613"/>
      <c r="WDP678" s="613"/>
      <c r="WDQ678" s="613"/>
      <c r="WDR678" s="613"/>
      <c r="WDS678" s="613"/>
      <c r="WDT678" s="613"/>
      <c r="WDU678" s="613"/>
      <c r="WDV678" s="613"/>
      <c r="WDW678" s="613"/>
      <c r="WDX678" s="613"/>
      <c r="WDY678" s="613"/>
      <c r="WDZ678" s="613"/>
      <c r="WEA678" s="613"/>
      <c r="WEB678" s="613"/>
      <c r="WEC678" s="613"/>
      <c r="WED678" s="613"/>
      <c r="WEE678" s="613"/>
      <c r="WEF678" s="613"/>
      <c r="WEG678" s="613"/>
      <c r="WEH678" s="613"/>
      <c r="WEI678" s="613"/>
      <c r="WEJ678" s="613"/>
      <c r="WEK678" s="613"/>
      <c r="WEL678" s="613"/>
      <c r="WEM678" s="613"/>
      <c r="WEN678" s="613"/>
      <c r="WEO678" s="613"/>
      <c r="WEP678" s="613"/>
      <c r="WEQ678" s="613"/>
      <c r="WER678" s="613"/>
      <c r="WES678" s="613"/>
      <c r="WET678" s="613"/>
      <c r="WEU678" s="613"/>
      <c r="WEV678" s="613"/>
      <c r="WEW678" s="613"/>
      <c r="WEX678" s="613"/>
      <c r="WEY678" s="613"/>
      <c r="WEZ678" s="613"/>
      <c r="WFA678" s="613"/>
      <c r="WFB678" s="613"/>
      <c r="WFC678" s="613"/>
      <c r="WFD678" s="613"/>
      <c r="WFE678" s="613"/>
      <c r="WFF678" s="613"/>
      <c r="WFG678" s="613"/>
      <c r="WFH678" s="613"/>
      <c r="WFI678" s="613"/>
      <c r="WFJ678" s="613"/>
      <c r="WFK678" s="613"/>
      <c r="WFL678" s="613"/>
      <c r="WFM678" s="613"/>
      <c r="WFN678" s="613"/>
      <c r="WFO678" s="613"/>
      <c r="WFP678" s="613"/>
      <c r="WFQ678" s="613"/>
      <c r="WFR678" s="613"/>
      <c r="WFS678" s="613"/>
      <c r="WFT678" s="613"/>
      <c r="WFU678" s="613"/>
      <c r="WFV678" s="613"/>
      <c r="WFW678" s="613"/>
      <c r="WFX678" s="613"/>
      <c r="WFY678" s="613"/>
      <c r="WFZ678" s="613"/>
      <c r="WGA678" s="613"/>
      <c r="WGB678" s="613"/>
      <c r="WGC678" s="613"/>
      <c r="WGD678" s="613"/>
      <c r="WGE678" s="613"/>
      <c r="WGF678" s="613"/>
      <c r="WGG678" s="613"/>
      <c r="WGH678" s="613"/>
      <c r="WGI678" s="613"/>
      <c r="WGJ678" s="613"/>
      <c r="WGK678" s="613"/>
      <c r="WGL678" s="613"/>
      <c r="WGM678" s="613"/>
      <c r="WGN678" s="613"/>
      <c r="WGO678" s="613"/>
      <c r="WGP678" s="613"/>
      <c r="WGQ678" s="613"/>
      <c r="WGR678" s="613"/>
      <c r="WGS678" s="613"/>
      <c r="WGT678" s="613"/>
      <c r="WGU678" s="613"/>
      <c r="WGV678" s="613"/>
      <c r="WGW678" s="613"/>
      <c r="WGX678" s="613"/>
      <c r="WGY678" s="613"/>
      <c r="WGZ678" s="613"/>
      <c r="WHA678" s="613"/>
      <c r="WHB678" s="613"/>
      <c r="WHC678" s="613"/>
      <c r="WHD678" s="613"/>
      <c r="WHE678" s="613"/>
      <c r="WHF678" s="613"/>
      <c r="WHG678" s="613"/>
      <c r="WHH678" s="613"/>
      <c r="WHI678" s="613"/>
      <c r="WHJ678" s="613"/>
      <c r="WHK678" s="613"/>
      <c r="WHL678" s="613"/>
      <c r="WHM678" s="613"/>
      <c r="WHN678" s="613"/>
      <c r="WHO678" s="613"/>
      <c r="WHP678" s="613"/>
      <c r="WHQ678" s="613"/>
      <c r="WHR678" s="613"/>
      <c r="WHS678" s="613"/>
      <c r="WHT678" s="613"/>
      <c r="WHU678" s="613"/>
      <c r="WHV678" s="613"/>
      <c r="WHW678" s="613"/>
      <c r="WHX678" s="613"/>
      <c r="WHY678" s="613"/>
      <c r="WHZ678" s="613"/>
      <c r="WIA678" s="613"/>
      <c r="WIB678" s="613"/>
      <c r="WIC678" s="613"/>
      <c r="WID678" s="613"/>
      <c r="WIE678" s="613"/>
      <c r="WIF678" s="613"/>
      <c r="WIG678" s="613"/>
      <c r="WIH678" s="613"/>
      <c r="WII678" s="613"/>
      <c r="WIJ678" s="613"/>
      <c r="WIK678" s="613"/>
      <c r="WIL678" s="613"/>
      <c r="WIM678" s="613"/>
      <c r="WIN678" s="613"/>
      <c r="WIO678" s="613"/>
      <c r="WIP678" s="613"/>
      <c r="WIQ678" s="613"/>
      <c r="WIR678" s="613"/>
      <c r="WIS678" s="613"/>
      <c r="WIT678" s="613"/>
      <c r="WIU678" s="613"/>
      <c r="WIV678" s="613"/>
      <c r="WIW678" s="613"/>
      <c r="WIX678" s="613"/>
      <c r="WIY678" s="613"/>
      <c r="WIZ678" s="613"/>
      <c r="WJA678" s="613"/>
      <c r="WJB678" s="613"/>
      <c r="WJC678" s="613"/>
      <c r="WJD678" s="613"/>
      <c r="WJE678" s="613"/>
      <c r="WJF678" s="613"/>
      <c r="WJG678" s="613"/>
      <c r="WJH678" s="613"/>
      <c r="WJI678" s="613"/>
      <c r="WJJ678" s="613"/>
      <c r="WJK678" s="613"/>
      <c r="WJL678" s="613"/>
      <c r="WJM678" s="613"/>
      <c r="WJN678" s="613"/>
      <c r="WJO678" s="613"/>
      <c r="WJP678" s="613"/>
      <c r="WJQ678" s="613"/>
      <c r="WJR678" s="613"/>
      <c r="WJS678" s="613"/>
      <c r="WJT678" s="613"/>
      <c r="WJU678" s="613"/>
      <c r="WJV678" s="613"/>
      <c r="WJW678" s="613"/>
      <c r="WJX678" s="613"/>
      <c r="WJY678" s="613"/>
      <c r="WJZ678" s="613"/>
      <c r="WKA678" s="613"/>
      <c r="WKB678" s="613"/>
      <c r="WKC678" s="613"/>
      <c r="WKD678" s="613"/>
      <c r="WKE678" s="613"/>
      <c r="WKF678" s="613"/>
      <c r="WKG678" s="613"/>
      <c r="WKH678" s="613"/>
      <c r="WKI678" s="613"/>
      <c r="WKJ678" s="613"/>
      <c r="WKK678" s="613"/>
      <c r="WKL678" s="613"/>
      <c r="WKM678" s="613"/>
      <c r="WKN678" s="613"/>
      <c r="WKO678" s="613"/>
      <c r="WKP678" s="613"/>
      <c r="WKQ678" s="613"/>
      <c r="WKR678" s="613"/>
      <c r="WKS678" s="613"/>
      <c r="WKT678" s="613"/>
      <c r="WKU678" s="613"/>
      <c r="WKV678" s="613"/>
      <c r="WKW678" s="613"/>
      <c r="WKX678" s="613"/>
      <c r="WKY678" s="613"/>
      <c r="WKZ678" s="613"/>
      <c r="WLA678" s="613"/>
      <c r="WLB678" s="613"/>
      <c r="WLC678" s="613"/>
      <c r="WLD678" s="613"/>
      <c r="WLE678" s="613"/>
      <c r="WLF678" s="613"/>
      <c r="WLG678" s="613"/>
      <c r="WLH678" s="613"/>
      <c r="WLI678" s="613"/>
      <c r="WLJ678" s="613"/>
      <c r="WLK678" s="613"/>
      <c r="WLL678" s="613"/>
      <c r="WLM678" s="613"/>
      <c r="WLN678" s="613"/>
      <c r="WLO678" s="613"/>
      <c r="WLP678" s="613"/>
      <c r="WLQ678" s="613"/>
      <c r="WLR678" s="613"/>
      <c r="WLS678" s="613"/>
      <c r="WLT678" s="613"/>
      <c r="WLU678" s="613"/>
      <c r="WLV678" s="613"/>
      <c r="WLW678" s="613"/>
      <c r="WLX678" s="613"/>
      <c r="WLY678" s="613"/>
      <c r="WLZ678" s="613"/>
      <c r="WMA678" s="613"/>
      <c r="WMB678" s="613"/>
      <c r="WMC678" s="613"/>
      <c r="WMD678" s="613"/>
      <c r="WME678" s="613"/>
      <c r="WMF678" s="613"/>
      <c r="WMG678" s="613"/>
      <c r="WMH678" s="613"/>
      <c r="WMI678" s="613"/>
      <c r="WMJ678" s="613"/>
      <c r="WMK678" s="613"/>
      <c r="WML678" s="613"/>
      <c r="WMM678" s="613"/>
      <c r="WMN678" s="613"/>
      <c r="WMO678" s="613"/>
      <c r="WMP678" s="613"/>
      <c r="WMQ678" s="613"/>
      <c r="WMR678" s="613"/>
      <c r="WMS678" s="613"/>
      <c r="WMT678" s="613"/>
      <c r="WMU678" s="613"/>
      <c r="WMV678" s="613"/>
      <c r="WMW678" s="613"/>
      <c r="WMX678" s="613"/>
      <c r="WMY678" s="613"/>
      <c r="WMZ678" s="613"/>
      <c r="WNA678" s="613"/>
      <c r="WNB678" s="613"/>
      <c r="WNC678" s="613"/>
      <c r="WND678" s="613"/>
      <c r="WNE678" s="613"/>
      <c r="WNF678" s="613"/>
      <c r="WNG678" s="613"/>
      <c r="WNH678" s="613"/>
      <c r="WNI678" s="613"/>
      <c r="WNJ678" s="613"/>
      <c r="WNK678" s="613"/>
      <c r="WNL678" s="613"/>
      <c r="WNM678" s="613"/>
      <c r="WNN678" s="613"/>
      <c r="WNO678" s="613"/>
      <c r="WNP678" s="613"/>
      <c r="WNQ678" s="613"/>
      <c r="WNR678" s="613"/>
      <c r="WNS678" s="613"/>
      <c r="WNT678" s="613"/>
      <c r="WNU678" s="613"/>
      <c r="WNV678" s="613"/>
      <c r="WNW678" s="613"/>
      <c r="WNX678" s="613"/>
      <c r="WNY678" s="613"/>
      <c r="WNZ678" s="613"/>
      <c r="WOA678" s="613"/>
      <c r="WOB678" s="613"/>
      <c r="WOC678" s="613"/>
      <c r="WOD678" s="613"/>
      <c r="WOE678" s="613"/>
      <c r="WOF678" s="613"/>
      <c r="WOG678" s="613"/>
      <c r="WOH678" s="613"/>
      <c r="WOI678" s="613"/>
      <c r="WOJ678" s="613"/>
      <c r="WOK678" s="613"/>
      <c r="WOL678" s="613"/>
      <c r="WOM678" s="613"/>
      <c r="WON678" s="613"/>
      <c r="WOO678" s="613"/>
      <c r="WOP678" s="613"/>
      <c r="WOQ678" s="613"/>
      <c r="WOR678" s="613"/>
      <c r="WOS678" s="613"/>
      <c r="WOT678" s="613"/>
      <c r="WOU678" s="613"/>
      <c r="WOV678" s="613"/>
      <c r="WOW678" s="613"/>
      <c r="WOX678" s="613"/>
      <c r="WOY678" s="613"/>
      <c r="WOZ678" s="613"/>
      <c r="WPA678" s="613"/>
      <c r="WPB678" s="613"/>
      <c r="WPC678" s="613"/>
      <c r="WPD678" s="613"/>
      <c r="WPE678" s="613"/>
      <c r="WPF678" s="613"/>
      <c r="WPG678" s="613"/>
      <c r="WPH678" s="613"/>
      <c r="WPI678" s="613"/>
      <c r="WPJ678" s="613"/>
      <c r="WPK678" s="613"/>
      <c r="WPL678" s="613"/>
      <c r="WPM678" s="613"/>
      <c r="WPN678" s="613"/>
      <c r="WPO678" s="613"/>
      <c r="WPP678" s="613"/>
      <c r="WPQ678" s="613"/>
      <c r="WPR678" s="613"/>
      <c r="WPS678" s="613"/>
      <c r="WPT678" s="613"/>
      <c r="WPU678" s="613"/>
      <c r="WPV678" s="613"/>
      <c r="WPW678" s="613"/>
      <c r="WPX678" s="613"/>
      <c r="WPY678" s="613"/>
      <c r="WPZ678" s="613"/>
      <c r="WQA678" s="613"/>
      <c r="WQB678" s="613"/>
      <c r="WQC678" s="613"/>
      <c r="WQD678" s="613"/>
      <c r="WQE678" s="613"/>
      <c r="WQF678" s="613"/>
      <c r="WQG678" s="613"/>
      <c r="WQH678" s="613"/>
      <c r="WQI678" s="613"/>
      <c r="WQJ678" s="613"/>
      <c r="WQK678" s="613"/>
      <c r="WQL678" s="613"/>
      <c r="WQM678" s="613"/>
      <c r="WQN678" s="613"/>
      <c r="WQO678" s="613"/>
      <c r="WQP678" s="613"/>
      <c r="WQQ678" s="613"/>
      <c r="WQR678" s="613"/>
      <c r="WQS678" s="613"/>
      <c r="WQT678" s="613"/>
      <c r="WQU678" s="613"/>
      <c r="WQV678" s="613"/>
      <c r="WQW678" s="613"/>
      <c r="WQX678" s="613"/>
      <c r="WQY678" s="613"/>
      <c r="WQZ678" s="613"/>
      <c r="WRA678" s="613"/>
      <c r="WRB678" s="613"/>
      <c r="WRC678" s="613"/>
      <c r="WRD678" s="613"/>
      <c r="WRE678" s="613"/>
      <c r="WRF678" s="613"/>
      <c r="WRG678" s="613"/>
      <c r="WRH678" s="613"/>
      <c r="WRI678" s="613"/>
      <c r="WRJ678" s="613"/>
      <c r="WRK678" s="613"/>
      <c r="WRL678" s="613"/>
      <c r="WRM678" s="613"/>
      <c r="WRN678" s="613"/>
      <c r="WRO678" s="613"/>
      <c r="WRP678" s="613"/>
      <c r="WRQ678" s="613"/>
      <c r="WRR678" s="613"/>
      <c r="WRS678" s="613"/>
      <c r="WRT678" s="613"/>
      <c r="WRU678" s="613"/>
      <c r="WRV678" s="613"/>
      <c r="WRW678" s="613"/>
      <c r="WRX678" s="613"/>
      <c r="WRY678" s="613"/>
      <c r="WRZ678" s="613"/>
      <c r="WSA678" s="613"/>
      <c r="WSB678" s="613"/>
      <c r="WSC678" s="613"/>
      <c r="WSD678" s="613"/>
      <c r="WSE678" s="613"/>
      <c r="WSF678" s="613"/>
      <c r="WSG678" s="613"/>
      <c r="WSH678" s="613"/>
      <c r="WSI678" s="613"/>
      <c r="WSJ678" s="613"/>
      <c r="WSK678" s="613"/>
      <c r="WSL678" s="613"/>
      <c r="WSM678" s="613"/>
      <c r="WSN678" s="613"/>
      <c r="WSO678" s="613"/>
      <c r="WSP678" s="613"/>
      <c r="WSQ678" s="613"/>
      <c r="WSR678" s="613"/>
      <c r="WSS678" s="613"/>
      <c r="WST678" s="613"/>
      <c r="WSU678" s="613"/>
      <c r="WSV678" s="613"/>
      <c r="WSW678" s="613"/>
      <c r="WSX678" s="613"/>
      <c r="WSY678" s="613"/>
      <c r="WSZ678" s="613"/>
      <c r="WTA678" s="613"/>
      <c r="WTB678" s="613"/>
      <c r="WTC678" s="613"/>
      <c r="WTD678" s="613"/>
      <c r="WTE678" s="613"/>
      <c r="WTF678" s="613"/>
      <c r="WTG678" s="613"/>
      <c r="WTH678" s="613"/>
      <c r="WTI678" s="613"/>
      <c r="WTJ678" s="613"/>
      <c r="WTK678" s="613"/>
      <c r="WTL678" s="613"/>
      <c r="WTM678" s="613"/>
      <c r="WTN678" s="613"/>
      <c r="WTO678" s="613"/>
      <c r="WTP678" s="613"/>
      <c r="WTQ678" s="613"/>
      <c r="WTR678" s="613"/>
      <c r="WTS678" s="613"/>
      <c r="WTT678" s="613"/>
      <c r="WTU678" s="613"/>
      <c r="WTV678" s="613"/>
      <c r="WTW678" s="613"/>
      <c r="WTX678" s="613"/>
      <c r="WTY678" s="613"/>
      <c r="WTZ678" s="613"/>
      <c r="WUA678" s="613"/>
      <c r="WUB678" s="613"/>
      <c r="WUC678" s="613"/>
      <c r="WUD678" s="613"/>
      <c r="WUE678" s="613"/>
      <c r="WUF678" s="613"/>
      <c r="WUG678" s="613"/>
      <c r="WUH678" s="613"/>
      <c r="WUI678" s="613"/>
      <c r="WUJ678" s="613"/>
      <c r="WUK678" s="613"/>
      <c r="WUL678" s="613"/>
      <c r="WUM678" s="613"/>
      <c r="WUN678" s="613"/>
      <c r="WUO678" s="613"/>
      <c r="WUP678" s="613"/>
      <c r="WUQ678" s="613"/>
      <c r="WUR678" s="613"/>
      <c r="WUS678" s="613"/>
      <c r="WUT678" s="613"/>
      <c r="WUU678" s="613"/>
      <c r="WUV678" s="613"/>
      <c r="WUW678" s="613"/>
      <c r="WUX678" s="613"/>
      <c r="WUY678" s="613"/>
      <c r="WUZ678" s="613"/>
      <c r="WVA678" s="613"/>
      <c r="WVB678" s="613"/>
      <c r="WVC678" s="613"/>
      <c r="WVD678" s="613"/>
      <c r="WVE678" s="613"/>
      <c r="WVF678" s="613"/>
      <c r="WVG678" s="613"/>
      <c r="WVH678" s="613"/>
      <c r="WVI678" s="613"/>
      <c r="WVJ678" s="613"/>
      <c r="WVK678" s="613"/>
      <c r="WVL678" s="613"/>
      <c r="WVM678" s="613"/>
      <c r="WVN678" s="613"/>
      <c r="WVO678" s="613"/>
      <c r="WVP678" s="613"/>
      <c r="WVQ678" s="613"/>
      <c r="WVR678" s="613"/>
      <c r="WVS678" s="613"/>
      <c r="WVT678" s="613"/>
      <c r="WVU678" s="613"/>
      <c r="WVV678" s="613"/>
      <c r="WVW678" s="613"/>
      <c r="WVX678" s="613"/>
      <c r="WVY678" s="613"/>
      <c r="WVZ678" s="613"/>
      <c r="WWA678" s="613"/>
      <c r="WWB678" s="613"/>
      <c r="WWC678" s="613"/>
      <c r="WWD678" s="613"/>
      <c r="WWE678" s="613"/>
      <c r="WWF678" s="613"/>
      <c r="WWG678" s="613"/>
      <c r="WWH678" s="613"/>
      <c r="WWI678" s="613"/>
      <c r="WWJ678" s="613"/>
      <c r="WWK678" s="613"/>
      <c r="WWL678" s="613"/>
      <c r="WWM678" s="613"/>
      <c r="WWN678" s="613"/>
      <c r="WWO678" s="613"/>
      <c r="WWP678" s="613"/>
      <c r="WWQ678" s="613"/>
      <c r="WWR678" s="613"/>
      <c r="WWS678" s="613"/>
      <c r="WWT678" s="613"/>
      <c r="WWU678" s="613"/>
      <c r="WWV678" s="613"/>
      <c r="WWW678" s="613"/>
      <c r="WWX678" s="613"/>
      <c r="WWY678" s="613"/>
      <c r="WWZ678" s="613"/>
      <c r="WXA678" s="613"/>
      <c r="WXB678" s="613"/>
      <c r="WXC678" s="613"/>
      <c r="WXD678" s="613"/>
      <c r="WXE678" s="613"/>
      <c r="WXF678" s="613"/>
      <c r="WXG678" s="613"/>
      <c r="WXH678" s="613"/>
      <c r="WXI678" s="613"/>
      <c r="WXJ678" s="613"/>
      <c r="WXK678" s="613"/>
      <c r="WXL678" s="613"/>
      <c r="WXM678" s="613"/>
      <c r="WXN678" s="613"/>
      <c r="WXO678" s="613"/>
      <c r="WXP678" s="613"/>
      <c r="WXQ678" s="613"/>
      <c r="WXR678" s="613"/>
      <c r="WXS678" s="613"/>
      <c r="WXT678" s="613"/>
      <c r="WXU678" s="613"/>
      <c r="WXV678" s="613"/>
      <c r="WXW678" s="613"/>
      <c r="WXX678" s="613"/>
      <c r="WXY678" s="613"/>
      <c r="WXZ678" s="613"/>
      <c r="WYA678" s="613"/>
      <c r="WYB678" s="613"/>
      <c r="WYC678" s="613"/>
      <c r="WYD678" s="613"/>
      <c r="WYE678" s="613"/>
      <c r="WYF678" s="613"/>
      <c r="WYG678" s="613"/>
      <c r="WYH678" s="613"/>
      <c r="WYI678" s="613"/>
      <c r="WYJ678" s="613"/>
      <c r="WYK678" s="613"/>
      <c r="WYL678" s="613"/>
      <c r="WYM678" s="613"/>
      <c r="WYN678" s="613"/>
      <c r="WYO678" s="613"/>
      <c r="WYP678" s="613"/>
      <c r="WYQ678" s="613"/>
      <c r="WYR678" s="613"/>
      <c r="WYS678" s="613"/>
      <c r="WYT678" s="613"/>
      <c r="WYU678" s="613"/>
      <c r="WYV678" s="613"/>
      <c r="WYW678" s="613"/>
      <c r="WYX678" s="613"/>
      <c r="WYY678" s="613"/>
      <c r="WYZ678" s="613"/>
      <c r="WZA678" s="613"/>
      <c r="WZB678" s="613"/>
      <c r="WZC678" s="613"/>
      <c r="WZD678" s="613"/>
      <c r="WZE678" s="613"/>
      <c r="WZF678" s="613"/>
      <c r="WZG678" s="613"/>
      <c r="WZH678" s="613"/>
      <c r="WZI678" s="613"/>
      <c r="WZJ678" s="613"/>
      <c r="WZK678" s="613"/>
      <c r="WZL678" s="613"/>
      <c r="WZM678" s="613"/>
      <c r="WZN678" s="613"/>
      <c r="WZO678" s="613"/>
      <c r="WZP678" s="613"/>
      <c r="WZQ678" s="613"/>
      <c r="WZR678" s="613"/>
      <c r="WZS678" s="613"/>
      <c r="WZT678" s="613"/>
      <c r="WZU678" s="613"/>
      <c r="WZV678" s="613"/>
      <c r="WZW678" s="613"/>
      <c r="WZX678" s="613"/>
      <c r="WZY678" s="613"/>
      <c r="WZZ678" s="613"/>
      <c r="XAA678" s="613"/>
      <c r="XAB678" s="613"/>
      <c r="XAC678" s="613"/>
      <c r="XAD678" s="613"/>
      <c r="XAE678" s="613"/>
      <c r="XAF678" s="613"/>
      <c r="XAG678" s="613"/>
      <c r="XAH678" s="613"/>
      <c r="XAI678" s="613"/>
      <c r="XAJ678" s="613"/>
      <c r="XAK678" s="613"/>
      <c r="XAL678" s="613"/>
      <c r="XAM678" s="613"/>
      <c r="XAN678" s="613"/>
      <c r="XAO678" s="613"/>
      <c r="XAP678" s="613"/>
      <c r="XAQ678" s="613"/>
      <c r="XAR678" s="613"/>
      <c r="XAS678" s="613"/>
      <c r="XAT678" s="613"/>
      <c r="XAU678" s="613"/>
      <c r="XAV678" s="613"/>
      <c r="XAW678" s="613"/>
      <c r="XAX678" s="613"/>
      <c r="XAY678" s="613"/>
      <c r="XAZ678" s="613"/>
      <c r="XBA678" s="613"/>
      <c r="XBB678" s="613"/>
      <c r="XBC678" s="613"/>
      <c r="XBD678" s="613"/>
      <c r="XBE678" s="613"/>
      <c r="XBF678" s="613"/>
      <c r="XBG678" s="613"/>
      <c r="XBH678" s="613"/>
      <c r="XBI678" s="613"/>
      <c r="XBJ678" s="613"/>
      <c r="XBK678" s="613"/>
      <c r="XBL678" s="613"/>
      <c r="XBM678" s="613"/>
      <c r="XBN678" s="613"/>
      <c r="XBO678" s="613"/>
      <c r="XBP678" s="613"/>
      <c r="XBQ678" s="613"/>
      <c r="XBR678" s="613"/>
      <c r="XBS678" s="613"/>
      <c r="XBT678" s="613"/>
      <c r="XBU678" s="613"/>
      <c r="XBV678" s="613"/>
      <c r="XBW678" s="613"/>
      <c r="XBX678" s="613"/>
      <c r="XBY678" s="613"/>
      <c r="XBZ678" s="613"/>
      <c r="XCA678" s="613"/>
      <c r="XCB678" s="613"/>
      <c r="XCC678" s="613"/>
      <c r="XCD678" s="613"/>
      <c r="XCE678" s="613"/>
      <c r="XCF678" s="613"/>
      <c r="XCG678" s="613"/>
      <c r="XCH678" s="613"/>
      <c r="XCI678" s="613"/>
      <c r="XCJ678" s="613"/>
      <c r="XCK678" s="613"/>
      <c r="XCL678" s="613"/>
      <c r="XCM678" s="613"/>
      <c r="XCN678" s="613"/>
      <c r="XCO678" s="613"/>
      <c r="XCP678" s="613"/>
      <c r="XCQ678" s="613"/>
    </row>
    <row r="679" spans="1:16319" ht="56.1" customHeight="1" x14ac:dyDescent="0.2">
      <c r="A679" s="494"/>
      <c r="B679" s="489"/>
      <c r="C679" s="494"/>
      <c r="D679" s="481">
        <v>151</v>
      </c>
      <c r="E679" s="481"/>
      <c r="F679" s="481" t="s">
        <v>2481</v>
      </c>
      <c r="G679" s="482" t="s">
        <v>53</v>
      </c>
      <c r="H679" s="481" t="s">
        <v>329</v>
      </c>
      <c r="I679" s="654" t="s">
        <v>396</v>
      </c>
      <c r="J679" s="654" t="s">
        <v>369</v>
      </c>
      <c r="K679" s="495" t="s">
        <v>418</v>
      </c>
      <c r="L679" s="621"/>
      <c r="M679" s="484" t="s">
        <v>58</v>
      </c>
      <c r="N679" s="327" t="s">
        <v>1363</v>
      </c>
      <c r="O679" s="484" t="s">
        <v>2996</v>
      </c>
      <c r="P679" s="484" t="s">
        <v>81</v>
      </c>
      <c r="Q679" s="667" t="s">
        <v>334</v>
      </c>
      <c r="R679" s="484" t="s">
        <v>334</v>
      </c>
      <c r="S679" s="484" t="s">
        <v>375</v>
      </c>
      <c r="T679" s="484"/>
      <c r="U679" s="620" t="s">
        <v>63</v>
      </c>
      <c r="V679" s="620" t="s">
        <v>63</v>
      </c>
      <c r="W679" s="723">
        <v>384096</v>
      </c>
      <c r="X679" s="723"/>
      <c r="Y679" s="654" t="s">
        <v>226</v>
      </c>
      <c r="Z679" s="654"/>
      <c r="AA679" s="723">
        <v>384096</v>
      </c>
      <c r="AB679" s="652" t="s">
        <v>82</v>
      </c>
      <c r="AC679" s="652"/>
      <c r="AD679" s="496"/>
      <c r="AE679" s="496"/>
      <c r="AF679" s="487" t="s">
        <v>66</v>
      </c>
      <c r="AG679" s="496"/>
      <c r="AH679" s="496"/>
      <c r="AI679" s="496"/>
      <c r="AJ679" s="496"/>
      <c r="AK679" s="496"/>
      <c r="AL679" s="496"/>
      <c r="AM679" s="496"/>
      <c r="AN679" s="496"/>
      <c r="AO679" s="496"/>
      <c r="AP679" s="496"/>
      <c r="AQ679" s="496"/>
      <c r="AR679" s="496"/>
      <c r="AS679" s="496"/>
      <c r="AT679" s="496"/>
      <c r="AU679" s="487"/>
      <c r="AV679" s="487"/>
      <c r="AW679" s="487"/>
      <c r="AX679" s="487"/>
      <c r="AY679" s="487"/>
      <c r="AZ679" s="487"/>
      <c r="BA679" s="484"/>
      <c r="BB679" s="484" t="s">
        <v>399</v>
      </c>
      <c r="BC679" s="484" t="s">
        <v>3041</v>
      </c>
      <c r="BD679" s="494"/>
      <c r="BE679" s="494"/>
      <c r="BF679" s="613"/>
      <c r="BG679" s="613"/>
      <c r="BH679" s="613"/>
      <c r="BI679" s="613"/>
      <c r="BJ679" s="613"/>
      <c r="BK679" s="613"/>
      <c r="BL679" s="613"/>
      <c r="BM679" s="613"/>
      <c r="BN679" s="613"/>
      <c r="BO679" s="613"/>
      <c r="BP679" s="613"/>
      <c r="BQ679" s="613"/>
      <c r="BR679" s="613"/>
      <c r="BS679" s="613"/>
      <c r="BT679" s="613"/>
      <c r="BU679" s="613"/>
      <c r="BV679" s="613"/>
      <c r="BW679" s="613"/>
      <c r="BX679" s="613"/>
      <c r="BY679" s="613"/>
      <c r="BZ679" s="613"/>
      <c r="CA679" s="613"/>
      <c r="CB679" s="613"/>
      <c r="CC679" s="613"/>
      <c r="CD679" s="613"/>
      <c r="CE679" s="613"/>
      <c r="CF679" s="613"/>
      <c r="CG679" s="613"/>
      <c r="CH679" s="613"/>
      <c r="CI679" s="613"/>
      <c r="CJ679" s="613"/>
      <c r="CK679" s="613"/>
      <c r="CL679" s="613"/>
      <c r="CM679" s="613"/>
      <c r="CN679" s="613"/>
      <c r="CO679" s="613"/>
      <c r="CP679" s="613"/>
      <c r="CQ679" s="613"/>
      <c r="CR679" s="613"/>
      <c r="CS679" s="613"/>
      <c r="CT679" s="613"/>
      <c r="CU679" s="613"/>
      <c r="CV679" s="613"/>
      <c r="CW679" s="613"/>
      <c r="CX679" s="613"/>
      <c r="CY679" s="613"/>
      <c r="CZ679" s="613"/>
      <c r="DA679" s="613"/>
      <c r="DB679" s="613"/>
      <c r="DC679" s="613"/>
      <c r="DD679" s="613"/>
      <c r="DE679" s="613"/>
      <c r="DF679" s="613"/>
      <c r="DG679" s="613"/>
      <c r="DH679" s="613"/>
      <c r="DI679" s="613"/>
      <c r="DJ679" s="613"/>
      <c r="DK679" s="613"/>
      <c r="DL679" s="613"/>
      <c r="DM679" s="613"/>
      <c r="DN679" s="613"/>
      <c r="DO679" s="613"/>
      <c r="DP679" s="613"/>
      <c r="DQ679" s="613"/>
      <c r="DR679" s="613"/>
      <c r="DS679" s="613"/>
      <c r="DT679" s="613"/>
      <c r="DU679" s="613"/>
      <c r="DV679" s="613"/>
      <c r="DW679" s="613"/>
      <c r="DX679" s="613"/>
      <c r="DY679" s="613"/>
      <c r="DZ679" s="613"/>
      <c r="EA679" s="613"/>
      <c r="EB679" s="613"/>
      <c r="EC679" s="613"/>
      <c r="ED679" s="613"/>
      <c r="EE679" s="613"/>
      <c r="EF679" s="613"/>
      <c r="EG679" s="613"/>
      <c r="EH679" s="613"/>
      <c r="EI679" s="613"/>
      <c r="EJ679" s="613"/>
      <c r="EK679" s="613"/>
      <c r="EL679" s="613"/>
      <c r="EM679" s="613"/>
      <c r="EN679" s="613"/>
      <c r="EO679" s="613"/>
      <c r="EP679" s="613"/>
      <c r="EQ679" s="613"/>
      <c r="ER679" s="613"/>
      <c r="ES679" s="613"/>
      <c r="ET679" s="613"/>
      <c r="EU679" s="613"/>
      <c r="EV679" s="613"/>
      <c r="EW679" s="613"/>
      <c r="EX679" s="613"/>
      <c r="EY679" s="613"/>
      <c r="EZ679" s="613"/>
      <c r="FA679" s="613"/>
      <c r="FB679" s="613"/>
      <c r="FC679" s="613"/>
      <c r="FD679" s="613"/>
      <c r="FE679" s="613"/>
      <c r="FF679" s="613"/>
      <c r="FG679" s="613"/>
      <c r="FH679" s="613"/>
      <c r="FI679" s="613"/>
      <c r="FJ679" s="613"/>
      <c r="FK679" s="613"/>
      <c r="FL679" s="613"/>
      <c r="FM679" s="613"/>
      <c r="FN679" s="613"/>
      <c r="FO679" s="613"/>
      <c r="FP679" s="613"/>
      <c r="FQ679" s="613"/>
      <c r="FR679" s="613"/>
      <c r="FS679" s="613"/>
      <c r="FT679" s="613"/>
      <c r="FU679" s="613"/>
      <c r="FV679" s="613"/>
      <c r="FW679" s="613"/>
      <c r="FX679" s="613"/>
      <c r="FY679" s="613"/>
      <c r="FZ679" s="613"/>
      <c r="GA679" s="613"/>
      <c r="GB679" s="613"/>
      <c r="GC679" s="613"/>
      <c r="GD679" s="613"/>
      <c r="GE679" s="613"/>
      <c r="GF679" s="613"/>
      <c r="GG679" s="613"/>
      <c r="GH679" s="613"/>
      <c r="GI679" s="613"/>
      <c r="GJ679" s="613"/>
      <c r="GK679" s="613"/>
      <c r="GL679" s="613"/>
      <c r="GM679" s="613"/>
      <c r="GN679" s="613"/>
      <c r="GO679" s="613"/>
      <c r="GP679" s="613"/>
      <c r="GQ679" s="613"/>
      <c r="GR679" s="613"/>
      <c r="GS679" s="613"/>
      <c r="GT679" s="613"/>
      <c r="GU679" s="613"/>
      <c r="GV679" s="613"/>
      <c r="GW679" s="613"/>
      <c r="GX679" s="613"/>
      <c r="GY679" s="613"/>
      <c r="GZ679" s="613"/>
      <c r="HA679" s="613"/>
      <c r="HB679" s="613"/>
      <c r="HC679" s="613"/>
      <c r="HD679" s="613"/>
      <c r="HE679" s="613"/>
      <c r="HF679" s="613"/>
      <c r="HG679" s="613"/>
      <c r="HH679" s="613"/>
      <c r="HI679" s="613"/>
      <c r="HJ679" s="613"/>
      <c r="HK679" s="613"/>
      <c r="HL679" s="613"/>
      <c r="HM679" s="613"/>
      <c r="HN679" s="613"/>
      <c r="HO679" s="613"/>
      <c r="HP679" s="613"/>
      <c r="HQ679" s="613"/>
      <c r="HR679" s="613"/>
      <c r="HS679" s="613"/>
      <c r="HT679" s="613"/>
      <c r="HU679" s="613"/>
      <c r="HV679" s="613"/>
      <c r="HW679" s="613"/>
      <c r="HX679" s="613"/>
      <c r="HY679" s="613"/>
      <c r="HZ679" s="613"/>
      <c r="IA679" s="613"/>
      <c r="IB679" s="613"/>
      <c r="IC679" s="613"/>
      <c r="ID679" s="613"/>
      <c r="IE679" s="613"/>
      <c r="IF679" s="613"/>
      <c r="IG679" s="613"/>
      <c r="IH679" s="613"/>
      <c r="II679" s="613"/>
      <c r="IJ679" s="613"/>
      <c r="IK679" s="613"/>
      <c r="IL679" s="613"/>
      <c r="IM679" s="613"/>
      <c r="IN679" s="613"/>
      <c r="IO679" s="613"/>
      <c r="IP679" s="613"/>
      <c r="IQ679" s="613"/>
      <c r="IR679" s="613"/>
      <c r="IS679" s="613"/>
      <c r="IT679" s="613"/>
      <c r="IU679" s="613"/>
      <c r="IV679" s="613"/>
      <c r="IW679" s="613"/>
      <c r="IX679" s="613"/>
      <c r="IY679" s="613"/>
      <c r="IZ679" s="613"/>
      <c r="JA679" s="613"/>
      <c r="JB679" s="613"/>
      <c r="JC679" s="613"/>
      <c r="JD679" s="613"/>
      <c r="JE679" s="613"/>
      <c r="JF679" s="613"/>
      <c r="JG679" s="613"/>
      <c r="JH679" s="613"/>
      <c r="JI679" s="613"/>
      <c r="JJ679" s="613"/>
      <c r="JK679" s="613"/>
      <c r="JL679" s="613"/>
      <c r="JM679" s="613"/>
      <c r="JN679" s="613"/>
      <c r="JO679" s="613"/>
      <c r="JP679" s="613"/>
      <c r="JQ679" s="613"/>
      <c r="JR679" s="613"/>
      <c r="JS679" s="613"/>
      <c r="JT679" s="613"/>
      <c r="JU679" s="613"/>
      <c r="JV679" s="613"/>
      <c r="JW679" s="613"/>
      <c r="JX679" s="613"/>
      <c r="JY679" s="613"/>
      <c r="JZ679" s="613"/>
      <c r="KA679" s="613"/>
      <c r="KB679" s="613"/>
      <c r="KC679" s="613"/>
      <c r="KD679" s="613"/>
      <c r="KE679" s="613"/>
      <c r="KF679" s="613"/>
      <c r="KG679" s="613"/>
      <c r="KH679" s="613"/>
      <c r="KI679" s="613"/>
      <c r="KJ679" s="613"/>
      <c r="KK679" s="613"/>
      <c r="KL679" s="613"/>
      <c r="KM679" s="613"/>
      <c r="KN679" s="613"/>
      <c r="KO679" s="613"/>
      <c r="KP679" s="613"/>
      <c r="KQ679" s="613"/>
      <c r="KR679" s="613"/>
      <c r="KS679" s="613"/>
      <c r="KT679" s="613"/>
      <c r="KU679" s="613"/>
      <c r="KV679" s="613"/>
      <c r="KW679" s="613"/>
      <c r="KX679" s="613"/>
      <c r="KY679" s="613"/>
      <c r="KZ679" s="613"/>
      <c r="LA679" s="613"/>
      <c r="LB679" s="613"/>
      <c r="LC679" s="613"/>
      <c r="LD679" s="613"/>
      <c r="LE679" s="613"/>
      <c r="LF679" s="613"/>
      <c r="LG679" s="613"/>
      <c r="LH679" s="613"/>
      <c r="LI679" s="613"/>
      <c r="LJ679" s="613"/>
      <c r="LK679" s="613"/>
      <c r="LL679" s="613"/>
      <c r="LM679" s="613"/>
      <c r="LN679" s="613"/>
      <c r="LO679" s="613"/>
      <c r="LP679" s="613"/>
      <c r="LQ679" s="613"/>
      <c r="LR679" s="613"/>
      <c r="LS679" s="613"/>
      <c r="LT679" s="613"/>
      <c r="LU679" s="613"/>
      <c r="LV679" s="613"/>
      <c r="LW679" s="613"/>
      <c r="LX679" s="613"/>
      <c r="LY679" s="613"/>
      <c r="LZ679" s="613"/>
      <c r="MA679" s="613"/>
      <c r="MB679" s="613"/>
      <c r="MC679" s="613"/>
      <c r="MD679" s="613"/>
      <c r="ME679" s="613"/>
      <c r="MF679" s="613"/>
      <c r="MG679" s="613"/>
      <c r="MH679" s="613"/>
      <c r="MI679" s="613"/>
      <c r="MJ679" s="613"/>
      <c r="MK679" s="613"/>
      <c r="ML679" s="613"/>
      <c r="MM679" s="613"/>
      <c r="MN679" s="613"/>
      <c r="MO679" s="613"/>
      <c r="MP679" s="613"/>
      <c r="MQ679" s="613"/>
      <c r="MR679" s="613"/>
      <c r="MS679" s="613"/>
      <c r="MT679" s="613"/>
      <c r="MU679" s="613"/>
      <c r="MV679" s="613"/>
      <c r="MW679" s="613"/>
      <c r="MX679" s="613"/>
      <c r="MY679" s="613"/>
      <c r="MZ679" s="613"/>
      <c r="NA679" s="613"/>
      <c r="NB679" s="613"/>
      <c r="NC679" s="613"/>
      <c r="ND679" s="613"/>
      <c r="NE679" s="613"/>
      <c r="NF679" s="613"/>
      <c r="NG679" s="613"/>
      <c r="NH679" s="613"/>
      <c r="NI679" s="613"/>
      <c r="NJ679" s="613"/>
      <c r="NK679" s="613"/>
      <c r="NL679" s="613"/>
      <c r="NM679" s="613"/>
      <c r="NN679" s="613"/>
      <c r="NO679" s="613"/>
      <c r="NP679" s="613"/>
      <c r="NQ679" s="613"/>
      <c r="NR679" s="613"/>
      <c r="NS679" s="613"/>
      <c r="NT679" s="613"/>
      <c r="NU679" s="613"/>
      <c r="NV679" s="613"/>
      <c r="NW679" s="613"/>
      <c r="NX679" s="613"/>
      <c r="NY679" s="613"/>
      <c r="NZ679" s="613"/>
      <c r="OA679" s="613"/>
      <c r="OB679" s="613"/>
      <c r="OC679" s="613"/>
      <c r="OD679" s="613"/>
      <c r="OE679" s="613"/>
      <c r="OF679" s="613"/>
      <c r="OG679" s="613"/>
      <c r="OH679" s="613"/>
      <c r="OI679" s="613"/>
      <c r="OJ679" s="613"/>
      <c r="OK679" s="613"/>
      <c r="OL679" s="613"/>
      <c r="OM679" s="613"/>
      <c r="ON679" s="613"/>
      <c r="OO679" s="613"/>
      <c r="OP679" s="613"/>
      <c r="OQ679" s="613"/>
      <c r="OR679" s="613"/>
      <c r="OS679" s="613"/>
      <c r="OT679" s="613"/>
      <c r="OU679" s="613"/>
      <c r="OV679" s="613"/>
      <c r="OW679" s="613"/>
      <c r="OX679" s="613"/>
      <c r="OY679" s="613"/>
      <c r="OZ679" s="613"/>
      <c r="PA679" s="613"/>
      <c r="PB679" s="613"/>
      <c r="PC679" s="613"/>
      <c r="PD679" s="613"/>
      <c r="PE679" s="613"/>
      <c r="PF679" s="613"/>
      <c r="PG679" s="613"/>
      <c r="PH679" s="613"/>
      <c r="PI679" s="613"/>
      <c r="PJ679" s="613"/>
      <c r="PK679" s="613"/>
      <c r="PL679" s="613"/>
      <c r="PM679" s="613"/>
      <c r="PN679" s="613"/>
      <c r="PO679" s="613"/>
      <c r="PP679" s="613"/>
      <c r="PQ679" s="613"/>
      <c r="PR679" s="613"/>
      <c r="PS679" s="613"/>
      <c r="PT679" s="613"/>
      <c r="PU679" s="613"/>
      <c r="PV679" s="613"/>
      <c r="PW679" s="613"/>
      <c r="PX679" s="613"/>
      <c r="PY679" s="613"/>
      <c r="PZ679" s="613"/>
      <c r="QA679" s="613"/>
      <c r="QB679" s="613"/>
      <c r="QC679" s="613"/>
      <c r="QD679" s="613"/>
      <c r="QE679" s="613"/>
      <c r="QF679" s="613"/>
      <c r="QG679" s="613"/>
      <c r="QH679" s="613"/>
      <c r="QI679" s="613"/>
      <c r="QJ679" s="613"/>
      <c r="QK679" s="613"/>
      <c r="QL679" s="613"/>
      <c r="QM679" s="613"/>
      <c r="QN679" s="613"/>
      <c r="QO679" s="613"/>
      <c r="QP679" s="613"/>
      <c r="QQ679" s="613"/>
      <c r="QR679" s="613"/>
      <c r="QS679" s="613"/>
      <c r="QT679" s="613"/>
      <c r="QU679" s="613"/>
      <c r="QV679" s="613"/>
      <c r="QW679" s="613"/>
      <c r="QX679" s="613"/>
      <c r="QY679" s="613"/>
      <c r="QZ679" s="613"/>
      <c r="RA679" s="613"/>
      <c r="RB679" s="613"/>
      <c r="RC679" s="613"/>
      <c r="RD679" s="613"/>
      <c r="RE679" s="613"/>
      <c r="RF679" s="613"/>
      <c r="RG679" s="613"/>
      <c r="RH679" s="613"/>
      <c r="RI679" s="613"/>
      <c r="RJ679" s="613"/>
      <c r="RK679" s="613"/>
      <c r="RL679" s="613"/>
      <c r="RM679" s="613"/>
      <c r="RN679" s="613"/>
      <c r="RO679" s="613"/>
      <c r="RP679" s="613"/>
      <c r="RQ679" s="613"/>
      <c r="RR679" s="613"/>
      <c r="RS679" s="613"/>
      <c r="RT679" s="613"/>
      <c r="RU679" s="613"/>
      <c r="RV679" s="613"/>
      <c r="RW679" s="613"/>
      <c r="RX679" s="613"/>
      <c r="RY679" s="613"/>
      <c r="RZ679" s="613"/>
      <c r="SA679" s="613"/>
      <c r="SB679" s="613"/>
      <c r="SC679" s="613"/>
      <c r="SD679" s="613"/>
      <c r="SE679" s="613"/>
      <c r="SF679" s="613"/>
      <c r="SG679" s="613"/>
      <c r="SH679" s="613"/>
      <c r="SI679" s="613"/>
      <c r="SJ679" s="613"/>
      <c r="SK679" s="613"/>
      <c r="SL679" s="613"/>
      <c r="SM679" s="613"/>
      <c r="SN679" s="613"/>
      <c r="SO679" s="613"/>
      <c r="SP679" s="613"/>
      <c r="SQ679" s="613"/>
      <c r="SR679" s="613"/>
      <c r="SS679" s="613"/>
      <c r="ST679" s="613"/>
      <c r="SU679" s="613"/>
      <c r="SV679" s="613"/>
      <c r="SW679" s="613"/>
      <c r="SX679" s="613"/>
      <c r="SY679" s="613"/>
      <c r="SZ679" s="613"/>
      <c r="TA679" s="613"/>
      <c r="TB679" s="613"/>
      <c r="TC679" s="613"/>
      <c r="TD679" s="613"/>
      <c r="TE679" s="613"/>
      <c r="TF679" s="613"/>
      <c r="TG679" s="613"/>
      <c r="TH679" s="613"/>
      <c r="TI679" s="613"/>
      <c r="TJ679" s="613"/>
      <c r="TK679" s="613"/>
      <c r="TL679" s="613"/>
      <c r="TM679" s="613"/>
      <c r="TN679" s="613"/>
      <c r="TO679" s="613"/>
      <c r="TP679" s="613"/>
      <c r="TQ679" s="613"/>
      <c r="TR679" s="613"/>
      <c r="TS679" s="613"/>
      <c r="TT679" s="613"/>
      <c r="TU679" s="613"/>
      <c r="TV679" s="613"/>
      <c r="TW679" s="613"/>
      <c r="TX679" s="613"/>
      <c r="TY679" s="613"/>
      <c r="TZ679" s="613"/>
      <c r="UA679" s="613"/>
      <c r="UB679" s="613"/>
      <c r="UC679" s="613"/>
      <c r="UD679" s="613"/>
      <c r="UE679" s="613"/>
      <c r="UF679" s="613"/>
      <c r="UG679" s="613"/>
      <c r="UH679" s="613"/>
      <c r="UI679" s="613"/>
      <c r="UJ679" s="613"/>
      <c r="UK679" s="613"/>
      <c r="UL679" s="613"/>
      <c r="UM679" s="613"/>
      <c r="UN679" s="613"/>
      <c r="UO679" s="613"/>
      <c r="UP679" s="613"/>
      <c r="UQ679" s="613"/>
      <c r="UR679" s="613"/>
      <c r="US679" s="613"/>
      <c r="UT679" s="613"/>
      <c r="UU679" s="613"/>
      <c r="UV679" s="613"/>
      <c r="UW679" s="613"/>
      <c r="UX679" s="613"/>
      <c r="UY679" s="613"/>
      <c r="UZ679" s="613"/>
      <c r="VA679" s="613"/>
      <c r="VB679" s="613"/>
      <c r="VC679" s="613"/>
      <c r="VD679" s="613"/>
      <c r="VE679" s="613"/>
      <c r="VF679" s="613"/>
      <c r="VG679" s="613"/>
      <c r="VH679" s="613"/>
      <c r="VI679" s="613"/>
      <c r="VJ679" s="613"/>
      <c r="VK679" s="613"/>
      <c r="VL679" s="613"/>
      <c r="VM679" s="613"/>
      <c r="VN679" s="613"/>
      <c r="VO679" s="613"/>
      <c r="VP679" s="613"/>
      <c r="VQ679" s="613"/>
      <c r="VR679" s="613"/>
      <c r="VS679" s="613"/>
      <c r="VT679" s="613"/>
      <c r="VU679" s="613"/>
      <c r="VV679" s="613"/>
      <c r="VW679" s="613"/>
      <c r="VX679" s="613"/>
      <c r="VY679" s="613"/>
      <c r="VZ679" s="613"/>
      <c r="WA679" s="613"/>
      <c r="WB679" s="613"/>
      <c r="WC679" s="613"/>
      <c r="WD679" s="613"/>
      <c r="WE679" s="613"/>
      <c r="WF679" s="613"/>
      <c r="WG679" s="613"/>
      <c r="WH679" s="613"/>
      <c r="WI679" s="613"/>
      <c r="WJ679" s="613"/>
      <c r="WK679" s="613"/>
      <c r="WL679" s="613"/>
      <c r="WM679" s="613"/>
      <c r="WN679" s="613"/>
      <c r="WO679" s="613"/>
      <c r="WP679" s="613"/>
      <c r="WQ679" s="613"/>
      <c r="WR679" s="613"/>
      <c r="WS679" s="613"/>
      <c r="WT679" s="613"/>
      <c r="WU679" s="613"/>
      <c r="WV679" s="613"/>
      <c r="WW679" s="613"/>
      <c r="WX679" s="613"/>
      <c r="WY679" s="613"/>
      <c r="WZ679" s="613"/>
      <c r="XA679" s="613"/>
      <c r="XB679" s="613"/>
      <c r="XC679" s="613"/>
      <c r="XD679" s="613"/>
      <c r="XE679" s="613"/>
      <c r="XF679" s="613"/>
      <c r="XG679" s="613"/>
      <c r="XH679" s="613"/>
      <c r="XI679" s="613"/>
      <c r="XJ679" s="613"/>
      <c r="XK679" s="613"/>
      <c r="XL679" s="613"/>
      <c r="XM679" s="613"/>
      <c r="XN679" s="613"/>
      <c r="XO679" s="613"/>
      <c r="XP679" s="613"/>
      <c r="XQ679" s="613"/>
      <c r="XR679" s="613"/>
      <c r="XS679" s="613"/>
      <c r="XT679" s="613"/>
      <c r="XU679" s="613"/>
      <c r="XV679" s="613"/>
      <c r="XW679" s="613"/>
      <c r="XX679" s="613"/>
      <c r="XY679" s="613"/>
      <c r="XZ679" s="613"/>
      <c r="YA679" s="613"/>
      <c r="YB679" s="613"/>
      <c r="YC679" s="613"/>
      <c r="YD679" s="613"/>
      <c r="YE679" s="613"/>
      <c r="YF679" s="613"/>
      <c r="YG679" s="613"/>
      <c r="YH679" s="613"/>
      <c r="YI679" s="613"/>
      <c r="YJ679" s="613"/>
      <c r="YK679" s="613"/>
      <c r="YL679" s="613"/>
      <c r="YM679" s="613"/>
      <c r="YN679" s="613"/>
      <c r="YO679" s="613"/>
      <c r="YP679" s="613"/>
      <c r="YQ679" s="613"/>
      <c r="YR679" s="613"/>
      <c r="YS679" s="613"/>
      <c r="YT679" s="613"/>
      <c r="YU679" s="613"/>
      <c r="YV679" s="613"/>
      <c r="YW679" s="613"/>
      <c r="YX679" s="613"/>
      <c r="YY679" s="613"/>
      <c r="YZ679" s="613"/>
      <c r="ZA679" s="613"/>
      <c r="ZB679" s="613"/>
      <c r="ZC679" s="613"/>
      <c r="ZD679" s="613"/>
      <c r="ZE679" s="613"/>
      <c r="ZF679" s="613"/>
      <c r="ZG679" s="613"/>
      <c r="ZH679" s="613"/>
      <c r="ZI679" s="613"/>
      <c r="ZJ679" s="613"/>
      <c r="ZK679" s="613"/>
      <c r="ZL679" s="613"/>
      <c r="ZM679" s="613"/>
      <c r="ZN679" s="613"/>
      <c r="ZO679" s="613"/>
      <c r="ZP679" s="613"/>
      <c r="ZQ679" s="613"/>
      <c r="ZR679" s="613"/>
      <c r="ZS679" s="613"/>
      <c r="ZT679" s="613"/>
      <c r="ZU679" s="613"/>
      <c r="ZV679" s="613"/>
      <c r="ZW679" s="613"/>
      <c r="ZX679" s="613"/>
      <c r="ZY679" s="613"/>
      <c r="ZZ679" s="613"/>
      <c r="AAA679" s="613"/>
      <c r="AAB679" s="613"/>
      <c r="AAC679" s="613"/>
      <c r="AAD679" s="613"/>
      <c r="AAE679" s="613"/>
      <c r="AAF679" s="613"/>
      <c r="AAG679" s="613"/>
      <c r="AAH679" s="613"/>
      <c r="AAI679" s="613"/>
      <c r="AAJ679" s="613"/>
      <c r="AAK679" s="613"/>
      <c r="AAL679" s="613"/>
      <c r="AAM679" s="613"/>
      <c r="AAN679" s="613"/>
      <c r="AAO679" s="613"/>
      <c r="AAP679" s="613"/>
      <c r="AAQ679" s="613"/>
      <c r="AAR679" s="613"/>
      <c r="AAS679" s="613"/>
      <c r="AAT679" s="613"/>
      <c r="AAU679" s="613"/>
      <c r="AAV679" s="613"/>
      <c r="AAW679" s="613"/>
      <c r="AAX679" s="613"/>
      <c r="AAY679" s="613"/>
      <c r="AAZ679" s="613"/>
      <c r="ABA679" s="613"/>
      <c r="ABB679" s="613"/>
      <c r="ABC679" s="613"/>
      <c r="ABD679" s="613"/>
      <c r="ABE679" s="613"/>
      <c r="ABF679" s="613"/>
      <c r="ABG679" s="613"/>
      <c r="ABH679" s="613"/>
      <c r="ABI679" s="613"/>
      <c r="ABJ679" s="613"/>
      <c r="ABK679" s="613"/>
      <c r="ABL679" s="613"/>
      <c r="ABM679" s="613"/>
      <c r="ABN679" s="613"/>
      <c r="ABO679" s="613"/>
      <c r="ABP679" s="613"/>
      <c r="ABQ679" s="613"/>
      <c r="ABR679" s="613"/>
      <c r="ABS679" s="613"/>
      <c r="ABT679" s="613"/>
      <c r="ABU679" s="613"/>
      <c r="ABV679" s="613"/>
      <c r="ABW679" s="613"/>
      <c r="ABX679" s="613"/>
      <c r="ABY679" s="613"/>
      <c r="ABZ679" s="613"/>
      <c r="ACA679" s="613"/>
      <c r="ACB679" s="613"/>
      <c r="ACC679" s="613"/>
      <c r="ACD679" s="613"/>
      <c r="ACE679" s="613"/>
      <c r="ACF679" s="613"/>
      <c r="ACG679" s="613"/>
      <c r="ACH679" s="613"/>
      <c r="ACI679" s="613"/>
      <c r="ACJ679" s="613"/>
      <c r="ACK679" s="613"/>
      <c r="ACL679" s="613"/>
      <c r="ACM679" s="613"/>
      <c r="ACN679" s="613"/>
      <c r="ACO679" s="613"/>
      <c r="ACP679" s="613"/>
      <c r="ACQ679" s="613"/>
      <c r="ACR679" s="613"/>
      <c r="ACS679" s="613"/>
      <c r="ACT679" s="613"/>
      <c r="ACU679" s="613"/>
      <c r="ACV679" s="613"/>
      <c r="ACW679" s="613"/>
      <c r="ACX679" s="613"/>
      <c r="ACY679" s="613"/>
      <c r="ACZ679" s="613"/>
      <c r="ADA679" s="613"/>
      <c r="ADB679" s="613"/>
      <c r="ADC679" s="613"/>
      <c r="ADD679" s="613"/>
      <c r="ADE679" s="613"/>
      <c r="ADF679" s="613"/>
      <c r="ADG679" s="613"/>
      <c r="ADH679" s="613"/>
      <c r="ADI679" s="613"/>
      <c r="ADJ679" s="613"/>
      <c r="ADK679" s="613"/>
      <c r="ADL679" s="613"/>
      <c r="ADM679" s="613"/>
      <c r="ADN679" s="613"/>
      <c r="ADO679" s="613"/>
      <c r="ADP679" s="613"/>
      <c r="ADQ679" s="613"/>
      <c r="ADR679" s="613"/>
      <c r="ADS679" s="613"/>
      <c r="ADT679" s="613"/>
      <c r="ADU679" s="613"/>
      <c r="ADV679" s="613"/>
      <c r="ADW679" s="613"/>
      <c r="ADX679" s="613"/>
      <c r="ADY679" s="613"/>
      <c r="ADZ679" s="613"/>
      <c r="AEA679" s="613"/>
      <c r="AEB679" s="613"/>
      <c r="AEC679" s="613"/>
      <c r="AED679" s="613"/>
      <c r="AEE679" s="613"/>
      <c r="AEF679" s="613"/>
      <c r="AEG679" s="613"/>
      <c r="AEH679" s="613"/>
      <c r="AEI679" s="613"/>
      <c r="AEJ679" s="613"/>
      <c r="AEK679" s="613"/>
      <c r="AEL679" s="613"/>
      <c r="AEM679" s="613"/>
      <c r="AEN679" s="613"/>
      <c r="AEO679" s="613"/>
      <c r="AEP679" s="613"/>
      <c r="AEQ679" s="613"/>
      <c r="AER679" s="613"/>
      <c r="AES679" s="613"/>
      <c r="AET679" s="613"/>
      <c r="AEU679" s="613"/>
      <c r="AEV679" s="613"/>
      <c r="AEW679" s="613"/>
      <c r="AEX679" s="613"/>
      <c r="AEY679" s="613"/>
      <c r="AEZ679" s="613"/>
      <c r="AFA679" s="613"/>
      <c r="AFB679" s="613"/>
      <c r="AFC679" s="613"/>
      <c r="AFD679" s="613"/>
      <c r="AFE679" s="613"/>
      <c r="AFF679" s="613"/>
      <c r="AFG679" s="613"/>
      <c r="AFH679" s="613"/>
      <c r="AFI679" s="613"/>
      <c r="AFJ679" s="613"/>
      <c r="AFK679" s="613"/>
      <c r="AFL679" s="613"/>
      <c r="AFM679" s="613"/>
      <c r="AFN679" s="613"/>
      <c r="AFO679" s="613"/>
      <c r="AFP679" s="613"/>
      <c r="AFQ679" s="613"/>
      <c r="AFR679" s="613"/>
      <c r="AFS679" s="613"/>
      <c r="AFT679" s="613"/>
      <c r="AFU679" s="613"/>
      <c r="AFV679" s="613"/>
      <c r="AFW679" s="613"/>
      <c r="AFX679" s="613"/>
      <c r="AFY679" s="613"/>
      <c r="AFZ679" s="613"/>
      <c r="AGA679" s="613"/>
      <c r="AGB679" s="613"/>
      <c r="AGC679" s="613"/>
      <c r="AGD679" s="613"/>
      <c r="AGE679" s="613"/>
      <c r="AGF679" s="613"/>
      <c r="AGG679" s="613"/>
      <c r="AGH679" s="613"/>
      <c r="AGI679" s="613"/>
      <c r="AGJ679" s="613"/>
      <c r="AGK679" s="613"/>
      <c r="AGL679" s="613"/>
      <c r="AGM679" s="613"/>
      <c r="AGN679" s="613"/>
      <c r="AGO679" s="613"/>
      <c r="AGP679" s="613"/>
      <c r="AGQ679" s="613"/>
      <c r="AGR679" s="613"/>
      <c r="AGS679" s="613"/>
      <c r="AGT679" s="613"/>
      <c r="AGU679" s="613"/>
      <c r="AGV679" s="613"/>
      <c r="AGW679" s="613"/>
      <c r="AGX679" s="613"/>
      <c r="AGY679" s="613"/>
      <c r="AGZ679" s="613"/>
      <c r="AHA679" s="613"/>
      <c r="AHB679" s="613"/>
      <c r="AHC679" s="613"/>
      <c r="AHD679" s="613"/>
      <c r="AHE679" s="613"/>
      <c r="AHF679" s="613"/>
      <c r="AHG679" s="613"/>
      <c r="AHH679" s="613"/>
      <c r="AHI679" s="613"/>
      <c r="AHJ679" s="613"/>
      <c r="AHK679" s="613"/>
      <c r="AHL679" s="613"/>
      <c r="AHM679" s="613"/>
      <c r="AHN679" s="613"/>
      <c r="AHO679" s="613"/>
      <c r="AHP679" s="613"/>
      <c r="AHQ679" s="613"/>
      <c r="AHR679" s="613"/>
      <c r="AHS679" s="613"/>
      <c r="AHT679" s="613"/>
      <c r="AHU679" s="613"/>
      <c r="AHV679" s="613"/>
      <c r="AHW679" s="613"/>
      <c r="AHX679" s="613"/>
      <c r="AHY679" s="613"/>
      <c r="AHZ679" s="613"/>
      <c r="AIA679" s="613"/>
      <c r="AIB679" s="613"/>
      <c r="AIC679" s="613"/>
      <c r="AID679" s="613"/>
      <c r="AIE679" s="613"/>
      <c r="AIF679" s="613"/>
      <c r="AIG679" s="613"/>
      <c r="AIH679" s="613"/>
      <c r="AII679" s="613"/>
      <c r="AIJ679" s="613"/>
      <c r="AIK679" s="613"/>
      <c r="AIL679" s="613"/>
      <c r="AIM679" s="613"/>
      <c r="AIN679" s="613"/>
      <c r="AIO679" s="613"/>
      <c r="AIP679" s="613"/>
      <c r="AIQ679" s="613"/>
      <c r="AIR679" s="613"/>
      <c r="AIS679" s="613"/>
      <c r="AIT679" s="613"/>
      <c r="AIU679" s="613"/>
      <c r="AIV679" s="613"/>
      <c r="AIW679" s="613"/>
      <c r="AIX679" s="613"/>
      <c r="AIY679" s="613"/>
      <c r="AIZ679" s="613"/>
      <c r="AJA679" s="613"/>
      <c r="AJB679" s="613"/>
      <c r="AJC679" s="613"/>
      <c r="AJD679" s="613"/>
      <c r="AJE679" s="613"/>
      <c r="AJF679" s="613"/>
      <c r="AJG679" s="613"/>
      <c r="AJH679" s="613"/>
      <c r="AJI679" s="613"/>
      <c r="AJJ679" s="613"/>
      <c r="AJK679" s="613"/>
      <c r="AJL679" s="613"/>
      <c r="AJM679" s="613"/>
      <c r="AJN679" s="613"/>
      <c r="AJO679" s="613"/>
      <c r="AJP679" s="613"/>
      <c r="AJQ679" s="613"/>
      <c r="AJR679" s="613"/>
      <c r="AJS679" s="613"/>
      <c r="AJT679" s="613"/>
      <c r="AJU679" s="613"/>
      <c r="AJV679" s="613"/>
      <c r="AJW679" s="613"/>
      <c r="AJX679" s="613"/>
      <c r="AJY679" s="613"/>
      <c r="AJZ679" s="613"/>
      <c r="AKA679" s="613"/>
      <c r="AKB679" s="613"/>
      <c r="AKC679" s="613"/>
      <c r="AKD679" s="613"/>
      <c r="AKE679" s="613"/>
      <c r="AKF679" s="613"/>
      <c r="AKG679" s="613"/>
      <c r="AKH679" s="613"/>
      <c r="AKI679" s="613"/>
      <c r="AKJ679" s="613"/>
      <c r="AKK679" s="613"/>
      <c r="AKL679" s="613"/>
      <c r="AKM679" s="613"/>
      <c r="AKN679" s="613"/>
      <c r="AKO679" s="613"/>
      <c r="AKP679" s="613"/>
      <c r="AKQ679" s="613"/>
      <c r="AKR679" s="613"/>
      <c r="AKS679" s="613"/>
      <c r="AKT679" s="613"/>
      <c r="AKU679" s="613"/>
      <c r="AKV679" s="613"/>
      <c r="AKW679" s="613"/>
      <c r="AKX679" s="613"/>
      <c r="AKY679" s="613"/>
      <c r="AKZ679" s="613"/>
      <c r="ALA679" s="613"/>
      <c r="ALB679" s="613"/>
      <c r="ALC679" s="613"/>
      <c r="ALD679" s="613"/>
      <c r="ALE679" s="613"/>
      <c r="ALF679" s="613"/>
      <c r="ALG679" s="613"/>
      <c r="ALH679" s="613"/>
      <c r="ALI679" s="613"/>
      <c r="ALJ679" s="613"/>
      <c r="ALK679" s="613"/>
      <c r="ALL679" s="613"/>
      <c r="ALM679" s="613"/>
      <c r="ALN679" s="613"/>
      <c r="ALO679" s="613"/>
      <c r="ALP679" s="613"/>
      <c r="ALQ679" s="613"/>
      <c r="ALR679" s="613"/>
      <c r="ALS679" s="613"/>
      <c r="ALT679" s="613"/>
      <c r="ALU679" s="613"/>
      <c r="ALV679" s="613"/>
      <c r="ALW679" s="613"/>
      <c r="ALX679" s="613"/>
      <c r="ALY679" s="613"/>
      <c r="ALZ679" s="613"/>
      <c r="AMA679" s="613"/>
      <c r="AMB679" s="613"/>
      <c r="AMC679" s="613"/>
      <c r="AMD679" s="613"/>
      <c r="AME679" s="613"/>
      <c r="AMF679" s="613"/>
      <c r="AMG679" s="613"/>
      <c r="AMH679" s="613"/>
      <c r="AMI679" s="613"/>
      <c r="AMJ679" s="613"/>
      <c r="AMK679" s="613"/>
      <c r="AML679" s="613"/>
      <c r="AMM679" s="613"/>
      <c r="AMN679" s="613"/>
      <c r="AMO679" s="613"/>
      <c r="AMP679" s="613"/>
      <c r="AMQ679" s="613"/>
      <c r="AMR679" s="613"/>
      <c r="AMS679" s="613"/>
      <c r="AMT679" s="613"/>
      <c r="AMU679" s="613"/>
      <c r="AMV679" s="613"/>
      <c r="AMW679" s="613"/>
      <c r="AMX679" s="613"/>
      <c r="AMY679" s="613"/>
      <c r="AMZ679" s="613"/>
      <c r="ANA679" s="613"/>
      <c r="ANB679" s="613"/>
      <c r="ANC679" s="613"/>
      <c r="AND679" s="613"/>
      <c r="ANE679" s="613"/>
      <c r="ANF679" s="613"/>
      <c r="ANG679" s="613"/>
      <c r="ANH679" s="613"/>
      <c r="ANI679" s="613"/>
      <c r="ANJ679" s="613"/>
      <c r="ANK679" s="613"/>
      <c r="ANL679" s="613"/>
      <c r="ANM679" s="613"/>
      <c r="ANN679" s="613"/>
      <c r="ANO679" s="613"/>
      <c r="ANP679" s="613"/>
      <c r="ANQ679" s="613"/>
      <c r="ANR679" s="613"/>
      <c r="ANS679" s="613"/>
      <c r="ANT679" s="613"/>
      <c r="ANU679" s="613"/>
      <c r="ANV679" s="613"/>
      <c r="ANW679" s="613"/>
      <c r="ANX679" s="613"/>
      <c r="ANY679" s="613"/>
      <c r="ANZ679" s="613"/>
      <c r="AOA679" s="613"/>
      <c r="AOB679" s="613"/>
      <c r="AOC679" s="613"/>
      <c r="AOD679" s="613"/>
      <c r="AOE679" s="613"/>
      <c r="AOF679" s="613"/>
      <c r="AOG679" s="613"/>
      <c r="AOH679" s="613"/>
      <c r="AOI679" s="613"/>
      <c r="AOJ679" s="613"/>
      <c r="AOK679" s="613"/>
      <c r="AOL679" s="613"/>
      <c r="AOM679" s="613"/>
      <c r="AON679" s="613"/>
      <c r="AOO679" s="613"/>
      <c r="AOP679" s="613"/>
      <c r="AOQ679" s="613"/>
      <c r="AOR679" s="613"/>
      <c r="AOS679" s="613"/>
      <c r="AOT679" s="613"/>
      <c r="AOU679" s="613"/>
      <c r="AOV679" s="613"/>
      <c r="AOW679" s="613"/>
      <c r="AOX679" s="613"/>
      <c r="AOY679" s="613"/>
      <c r="AOZ679" s="613"/>
      <c r="APA679" s="613"/>
      <c r="APB679" s="613"/>
      <c r="APC679" s="613"/>
      <c r="APD679" s="613"/>
      <c r="APE679" s="613"/>
      <c r="APF679" s="613"/>
      <c r="APG679" s="613"/>
      <c r="APH679" s="613"/>
      <c r="API679" s="613"/>
      <c r="APJ679" s="613"/>
      <c r="APK679" s="613"/>
      <c r="APL679" s="613"/>
      <c r="APM679" s="613"/>
      <c r="APN679" s="613"/>
      <c r="APO679" s="613"/>
      <c r="APP679" s="613"/>
      <c r="APQ679" s="613"/>
      <c r="APR679" s="613"/>
      <c r="APS679" s="613"/>
      <c r="APT679" s="613"/>
      <c r="APU679" s="613"/>
      <c r="APV679" s="613"/>
      <c r="APW679" s="613"/>
      <c r="APX679" s="613"/>
      <c r="APY679" s="613"/>
      <c r="APZ679" s="613"/>
      <c r="AQA679" s="613"/>
      <c r="AQB679" s="613"/>
      <c r="AQC679" s="613"/>
      <c r="AQD679" s="613"/>
      <c r="AQE679" s="613"/>
      <c r="AQF679" s="613"/>
      <c r="AQG679" s="613"/>
      <c r="AQH679" s="613"/>
      <c r="AQI679" s="613"/>
      <c r="AQJ679" s="613"/>
      <c r="AQK679" s="613"/>
      <c r="AQL679" s="613"/>
      <c r="AQM679" s="613"/>
      <c r="AQN679" s="613"/>
      <c r="AQO679" s="613"/>
      <c r="AQP679" s="613"/>
      <c r="AQQ679" s="613"/>
      <c r="AQR679" s="613"/>
      <c r="AQS679" s="613"/>
      <c r="AQT679" s="613"/>
      <c r="AQU679" s="613"/>
      <c r="AQV679" s="613"/>
      <c r="AQW679" s="613"/>
      <c r="AQX679" s="613"/>
      <c r="AQY679" s="613"/>
      <c r="AQZ679" s="613"/>
      <c r="ARA679" s="613"/>
      <c r="ARB679" s="613"/>
      <c r="ARC679" s="613"/>
      <c r="ARD679" s="613"/>
      <c r="ARE679" s="613"/>
      <c r="ARF679" s="613"/>
      <c r="ARG679" s="613"/>
      <c r="ARH679" s="613"/>
      <c r="ARI679" s="613"/>
      <c r="ARJ679" s="613"/>
      <c r="ARK679" s="613"/>
      <c r="ARL679" s="613"/>
      <c r="ARM679" s="613"/>
      <c r="ARN679" s="613"/>
      <c r="ARO679" s="613"/>
      <c r="ARP679" s="613"/>
      <c r="ARQ679" s="613"/>
      <c r="ARR679" s="613"/>
      <c r="ARS679" s="613"/>
      <c r="ART679" s="613"/>
      <c r="ARU679" s="613"/>
      <c r="ARV679" s="613"/>
      <c r="ARW679" s="613"/>
      <c r="ARX679" s="613"/>
      <c r="ARY679" s="613"/>
      <c r="ARZ679" s="613"/>
      <c r="ASA679" s="613"/>
      <c r="ASB679" s="613"/>
      <c r="ASC679" s="613"/>
      <c r="ASD679" s="613"/>
      <c r="ASE679" s="613"/>
      <c r="ASF679" s="613"/>
      <c r="ASG679" s="613"/>
      <c r="ASH679" s="613"/>
      <c r="ASI679" s="613"/>
      <c r="ASJ679" s="613"/>
      <c r="ASK679" s="613"/>
      <c r="ASL679" s="613"/>
      <c r="ASM679" s="613"/>
      <c r="ASN679" s="613"/>
      <c r="ASO679" s="613"/>
      <c r="ASP679" s="613"/>
      <c r="ASQ679" s="613"/>
      <c r="ASR679" s="613"/>
      <c r="ASS679" s="613"/>
      <c r="AST679" s="613"/>
      <c r="ASU679" s="613"/>
      <c r="ASV679" s="613"/>
      <c r="ASW679" s="613"/>
      <c r="ASX679" s="613"/>
      <c r="ASY679" s="613"/>
      <c r="ASZ679" s="613"/>
      <c r="ATA679" s="613"/>
      <c r="ATB679" s="613"/>
      <c r="ATC679" s="613"/>
      <c r="ATD679" s="613"/>
      <c r="ATE679" s="613"/>
      <c r="ATF679" s="613"/>
      <c r="ATG679" s="613"/>
      <c r="ATH679" s="613"/>
      <c r="ATI679" s="613"/>
      <c r="ATJ679" s="613"/>
      <c r="ATK679" s="613"/>
      <c r="ATL679" s="613"/>
      <c r="ATM679" s="613"/>
      <c r="ATN679" s="613"/>
      <c r="ATO679" s="613"/>
      <c r="ATP679" s="613"/>
      <c r="ATQ679" s="613"/>
      <c r="ATR679" s="613"/>
      <c r="ATS679" s="613"/>
      <c r="ATT679" s="613"/>
      <c r="ATU679" s="613"/>
      <c r="ATV679" s="613"/>
      <c r="ATW679" s="613"/>
      <c r="ATX679" s="613"/>
      <c r="ATY679" s="613"/>
      <c r="ATZ679" s="613"/>
      <c r="AUA679" s="613"/>
      <c r="AUB679" s="613"/>
      <c r="AUC679" s="613"/>
      <c r="AUD679" s="613"/>
      <c r="AUE679" s="613"/>
      <c r="AUF679" s="613"/>
      <c r="AUG679" s="613"/>
      <c r="AUH679" s="613"/>
      <c r="AUI679" s="613"/>
      <c r="AUJ679" s="613"/>
      <c r="AUK679" s="613"/>
      <c r="AUL679" s="613"/>
      <c r="AUM679" s="613"/>
      <c r="AUN679" s="613"/>
      <c r="AUO679" s="613"/>
      <c r="AUP679" s="613"/>
      <c r="AUQ679" s="613"/>
      <c r="AUR679" s="613"/>
      <c r="AUS679" s="613"/>
      <c r="AUT679" s="613"/>
      <c r="AUU679" s="613"/>
      <c r="AUV679" s="613"/>
      <c r="AUW679" s="613"/>
      <c r="AUX679" s="613"/>
      <c r="AUY679" s="613"/>
      <c r="AUZ679" s="613"/>
      <c r="AVA679" s="613"/>
      <c r="AVB679" s="613"/>
      <c r="AVC679" s="613"/>
      <c r="AVD679" s="613"/>
      <c r="AVE679" s="613"/>
      <c r="AVF679" s="613"/>
      <c r="AVG679" s="613"/>
      <c r="AVH679" s="613"/>
      <c r="AVI679" s="613"/>
      <c r="AVJ679" s="613"/>
      <c r="AVK679" s="613"/>
      <c r="AVL679" s="613"/>
      <c r="AVM679" s="613"/>
      <c r="AVN679" s="613"/>
      <c r="AVO679" s="613"/>
      <c r="AVP679" s="613"/>
      <c r="AVQ679" s="613"/>
      <c r="AVR679" s="613"/>
      <c r="AVS679" s="613"/>
      <c r="AVT679" s="613"/>
      <c r="AVU679" s="613"/>
      <c r="AVV679" s="613"/>
      <c r="AVW679" s="613"/>
      <c r="AVX679" s="613"/>
      <c r="AVY679" s="613"/>
      <c r="AVZ679" s="613"/>
      <c r="AWA679" s="613"/>
      <c r="AWB679" s="613"/>
      <c r="AWC679" s="613"/>
      <c r="AWD679" s="613"/>
      <c r="AWE679" s="613"/>
      <c r="AWF679" s="613"/>
      <c r="AWG679" s="613"/>
      <c r="AWH679" s="613"/>
      <c r="AWI679" s="613"/>
      <c r="AWJ679" s="613"/>
      <c r="AWK679" s="613"/>
      <c r="AWL679" s="613"/>
      <c r="AWM679" s="613"/>
      <c r="AWN679" s="613"/>
      <c r="AWO679" s="613"/>
      <c r="AWP679" s="613"/>
      <c r="AWQ679" s="613"/>
      <c r="AWR679" s="613"/>
      <c r="AWS679" s="613"/>
      <c r="AWT679" s="613"/>
      <c r="AWU679" s="613"/>
      <c r="AWV679" s="613"/>
      <c r="AWW679" s="613"/>
      <c r="AWX679" s="613"/>
      <c r="AWY679" s="613"/>
      <c r="AWZ679" s="613"/>
      <c r="AXA679" s="613"/>
      <c r="AXB679" s="613"/>
      <c r="AXC679" s="613"/>
      <c r="AXD679" s="613"/>
      <c r="AXE679" s="613"/>
      <c r="AXF679" s="613"/>
      <c r="AXG679" s="613"/>
      <c r="AXH679" s="613"/>
      <c r="AXI679" s="613"/>
      <c r="AXJ679" s="613"/>
      <c r="AXK679" s="613"/>
      <c r="AXL679" s="613"/>
      <c r="AXM679" s="613"/>
      <c r="AXN679" s="613"/>
      <c r="AXO679" s="613"/>
      <c r="AXP679" s="613"/>
      <c r="AXQ679" s="613"/>
      <c r="AXR679" s="613"/>
      <c r="AXS679" s="613"/>
      <c r="AXT679" s="613"/>
      <c r="AXU679" s="613"/>
      <c r="AXV679" s="613"/>
      <c r="AXW679" s="613"/>
      <c r="AXX679" s="613"/>
      <c r="AXY679" s="613"/>
      <c r="AXZ679" s="613"/>
      <c r="AYA679" s="613"/>
      <c r="AYB679" s="613"/>
      <c r="AYC679" s="613"/>
      <c r="AYD679" s="613"/>
      <c r="AYE679" s="613"/>
      <c r="AYF679" s="613"/>
      <c r="AYG679" s="613"/>
      <c r="AYH679" s="613"/>
      <c r="AYI679" s="613"/>
      <c r="AYJ679" s="613"/>
      <c r="AYK679" s="613"/>
      <c r="AYL679" s="613"/>
      <c r="AYM679" s="613"/>
      <c r="AYN679" s="613"/>
      <c r="AYO679" s="613"/>
      <c r="AYP679" s="613"/>
      <c r="AYQ679" s="613"/>
      <c r="AYR679" s="613"/>
      <c r="AYS679" s="613"/>
      <c r="AYT679" s="613"/>
      <c r="AYU679" s="613"/>
      <c r="AYV679" s="613"/>
      <c r="AYW679" s="613"/>
      <c r="AYX679" s="613"/>
      <c r="AYY679" s="613"/>
      <c r="AYZ679" s="613"/>
      <c r="AZA679" s="613"/>
      <c r="AZB679" s="613"/>
      <c r="AZC679" s="613"/>
      <c r="AZD679" s="613"/>
      <c r="AZE679" s="613"/>
      <c r="AZF679" s="613"/>
      <c r="AZG679" s="613"/>
      <c r="AZH679" s="613"/>
      <c r="AZI679" s="613"/>
      <c r="AZJ679" s="613"/>
      <c r="AZK679" s="613"/>
      <c r="AZL679" s="613"/>
      <c r="AZM679" s="613"/>
      <c r="AZN679" s="613"/>
      <c r="AZO679" s="613"/>
      <c r="AZP679" s="613"/>
      <c r="AZQ679" s="613"/>
      <c r="AZR679" s="613"/>
      <c r="AZS679" s="613"/>
      <c r="AZT679" s="613"/>
      <c r="AZU679" s="613"/>
      <c r="AZV679" s="613"/>
      <c r="AZW679" s="613"/>
      <c r="AZX679" s="613"/>
      <c r="AZY679" s="613"/>
      <c r="AZZ679" s="613"/>
      <c r="BAA679" s="613"/>
      <c r="BAB679" s="613"/>
      <c r="BAC679" s="613"/>
      <c r="BAD679" s="613"/>
      <c r="BAE679" s="613"/>
      <c r="BAF679" s="613"/>
      <c r="BAG679" s="613"/>
      <c r="BAH679" s="613"/>
      <c r="BAI679" s="613"/>
      <c r="BAJ679" s="613"/>
      <c r="BAK679" s="613"/>
      <c r="BAL679" s="613"/>
      <c r="BAM679" s="613"/>
      <c r="BAN679" s="613"/>
      <c r="BAO679" s="613"/>
      <c r="BAP679" s="613"/>
      <c r="BAQ679" s="613"/>
      <c r="BAR679" s="613"/>
      <c r="BAS679" s="613"/>
      <c r="BAT679" s="613"/>
      <c r="BAU679" s="613"/>
      <c r="BAV679" s="613"/>
      <c r="BAW679" s="613"/>
      <c r="BAX679" s="613"/>
      <c r="BAY679" s="613"/>
      <c r="BAZ679" s="613"/>
      <c r="BBA679" s="613"/>
      <c r="BBB679" s="613"/>
      <c r="BBC679" s="613"/>
      <c r="BBD679" s="613"/>
      <c r="BBE679" s="613"/>
      <c r="BBF679" s="613"/>
      <c r="BBG679" s="613"/>
      <c r="BBH679" s="613"/>
      <c r="BBI679" s="613"/>
      <c r="BBJ679" s="613"/>
      <c r="BBK679" s="613"/>
      <c r="BBL679" s="613"/>
      <c r="BBM679" s="613"/>
      <c r="BBN679" s="613"/>
      <c r="BBO679" s="613"/>
      <c r="BBP679" s="613"/>
      <c r="BBQ679" s="613"/>
      <c r="BBR679" s="613"/>
      <c r="BBS679" s="613"/>
      <c r="BBT679" s="613"/>
      <c r="BBU679" s="613"/>
      <c r="BBV679" s="613"/>
      <c r="BBW679" s="613"/>
      <c r="BBX679" s="613"/>
      <c r="BBY679" s="613"/>
      <c r="BBZ679" s="613"/>
      <c r="BCA679" s="613"/>
      <c r="BCB679" s="613"/>
      <c r="BCC679" s="613"/>
      <c r="BCD679" s="613"/>
      <c r="BCE679" s="613"/>
      <c r="BCF679" s="613"/>
      <c r="BCG679" s="613"/>
      <c r="BCH679" s="613"/>
      <c r="BCI679" s="613"/>
      <c r="BCJ679" s="613"/>
      <c r="BCK679" s="613"/>
      <c r="BCL679" s="613"/>
      <c r="BCM679" s="613"/>
      <c r="BCN679" s="613"/>
      <c r="BCO679" s="613"/>
      <c r="BCP679" s="613"/>
      <c r="BCQ679" s="613"/>
      <c r="BCR679" s="613"/>
      <c r="BCS679" s="613"/>
      <c r="BCT679" s="613"/>
      <c r="BCU679" s="613"/>
      <c r="BCV679" s="613"/>
      <c r="BCW679" s="613"/>
      <c r="BCX679" s="613"/>
      <c r="BCY679" s="613"/>
      <c r="BCZ679" s="613"/>
      <c r="BDA679" s="613"/>
      <c r="BDB679" s="613"/>
      <c r="BDC679" s="613"/>
      <c r="BDD679" s="613"/>
      <c r="BDE679" s="613"/>
      <c r="BDF679" s="613"/>
      <c r="BDG679" s="613"/>
      <c r="BDH679" s="613"/>
      <c r="BDI679" s="613"/>
      <c r="BDJ679" s="613"/>
      <c r="BDK679" s="613"/>
      <c r="BDL679" s="613"/>
      <c r="BDM679" s="613"/>
      <c r="BDN679" s="613"/>
      <c r="BDO679" s="613"/>
      <c r="BDP679" s="613"/>
      <c r="BDQ679" s="613"/>
      <c r="BDR679" s="613"/>
      <c r="BDS679" s="613"/>
      <c r="BDT679" s="613"/>
      <c r="BDU679" s="613"/>
      <c r="BDV679" s="613"/>
      <c r="BDW679" s="613"/>
      <c r="BDX679" s="613"/>
      <c r="BDY679" s="613"/>
      <c r="BDZ679" s="613"/>
      <c r="BEA679" s="613"/>
      <c r="BEB679" s="613"/>
      <c r="BEC679" s="613"/>
      <c r="BED679" s="613"/>
      <c r="BEE679" s="613"/>
      <c r="BEF679" s="613"/>
      <c r="BEG679" s="613"/>
      <c r="BEH679" s="613"/>
      <c r="BEI679" s="613"/>
      <c r="BEJ679" s="613"/>
      <c r="BEK679" s="613"/>
      <c r="BEL679" s="613"/>
      <c r="BEM679" s="613"/>
      <c r="BEN679" s="613"/>
      <c r="BEO679" s="613"/>
      <c r="BEP679" s="613"/>
      <c r="BEQ679" s="613"/>
      <c r="BER679" s="613"/>
      <c r="BES679" s="613"/>
      <c r="BET679" s="613"/>
      <c r="BEU679" s="613"/>
      <c r="BEV679" s="613"/>
      <c r="BEW679" s="613"/>
      <c r="BEX679" s="613"/>
      <c r="BEY679" s="613"/>
      <c r="BEZ679" s="613"/>
      <c r="BFA679" s="613"/>
      <c r="BFB679" s="613"/>
      <c r="BFC679" s="613"/>
      <c r="BFD679" s="613"/>
      <c r="BFE679" s="613"/>
      <c r="BFF679" s="613"/>
      <c r="BFG679" s="613"/>
      <c r="BFH679" s="613"/>
      <c r="BFI679" s="613"/>
      <c r="BFJ679" s="613"/>
      <c r="BFK679" s="613"/>
      <c r="BFL679" s="613"/>
      <c r="BFM679" s="613"/>
      <c r="BFN679" s="613"/>
      <c r="BFO679" s="613"/>
      <c r="BFP679" s="613"/>
      <c r="BFQ679" s="613"/>
      <c r="BFR679" s="613"/>
      <c r="BFS679" s="613"/>
      <c r="BFT679" s="613"/>
      <c r="BFU679" s="613"/>
      <c r="BFV679" s="613"/>
      <c r="BFW679" s="613"/>
      <c r="BFX679" s="613"/>
      <c r="BFY679" s="613"/>
      <c r="BFZ679" s="613"/>
      <c r="BGA679" s="613"/>
      <c r="BGB679" s="613"/>
      <c r="BGC679" s="613"/>
      <c r="BGD679" s="613"/>
      <c r="BGE679" s="613"/>
      <c r="BGF679" s="613"/>
      <c r="BGG679" s="613"/>
      <c r="BGH679" s="613"/>
      <c r="BGI679" s="613"/>
      <c r="BGJ679" s="613"/>
      <c r="BGK679" s="613"/>
      <c r="BGL679" s="613"/>
      <c r="BGM679" s="613"/>
      <c r="BGN679" s="613"/>
      <c r="BGO679" s="613"/>
      <c r="BGP679" s="613"/>
      <c r="BGQ679" s="613"/>
      <c r="BGR679" s="613"/>
      <c r="BGS679" s="613"/>
      <c r="BGT679" s="613"/>
      <c r="BGU679" s="613"/>
      <c r="BGV679" s="613"/>
      <c r="BGW679" s="613"/>
      <c r="BGX679" s="613"/>
      <c r="BGY679" s="613"/>
      <c r="BGZ679" s="613"/>
      <c r="BHA679" s="613"/>
      <c r="BHB679" s="613"/>
      <c r="BHC679" s="613"/>
      <c r="BHD679" s="613"/>
      <c r="BHE679" s="613"/>
      <c r="BHF679" s="613"/>
      <c r="BHG679" s="613"/>
      <c r="BHH679" s="613"/>
      <c r="BHI679" s="613"/>
      <c r="BHJ679" s="613"/>
      <c r="BHK679" s="613"/>
      <c r="BHL679" s="613"/>
      <c r="BHM679" s="613"/>
      <c r="BHN679" s="613"/>
      <c r="BHO679" s="613"/>
      <c r="BHP679" s="613"/>
      <c r="BHQ679" s="613"/>
      <c r="BHR679" s="613"/>
      <c r="BHS679" s="613"/>
      <c r="BHT679" s="613"/>
      <c r="BHU679" s="613"/>
      <c r="BHV679" s="613"/>
      <c r="BHW679" s="613"/>
      <c r="BHX679" s="613"/>
      <c r="BHY679" s="613"/>
      <c r="BHZ679" s="613"/>
      <c r="BIA679" s="613"/>
      <c r="BIB679" s="613"/>
      <c r="BIC679" s="613"/>
      <c r="BID679" s="613"/>
      <c r="BIE679" s="613"/>
      <c r="BIF679" s="613"/>
      <c r="BIG679" s="613"/>
      <c r="BIH679" s="613"/>
      <c r="BII679" s="613"/>
      <c r="BIJ679" s="613"/>
      <c r="BIK679" s="613"/>
      <c r="BIL679" s="613"/>
      <c r="BIM679" s="613"/>
      <c r="BIN679" s="613"/>
      <c r="BIO679" s="613"/>
      <c r="BIP679" s="613"/>
      <c r="BIQ679" s="613"/>
      <c r="BIR679" s="613"/>
      <c r="BIS679" s="613"/>
      <c r="BIT679" s="613"/>
      <c r="BIU679" s="613"/>
      <c r="BIV679" s="613"/>
      <c r="BIW679" s="613"/>
      <c r="BIX679" s="613"/>
      <c r="BIY679" s="613"/>
      <c r="BIZ679" s="613"/>
      <c r="BJA679" s="613"/>
      <c r="BJB679" s="613"/>
      <c r="BJC679" s="613"/>
      <c r="BJD679" s="613"/>
      <c r="BJE679" s="613"/>
      <c r="BJF679" s="613"/>
      <c r="BJG679" s="613"/>
      <c r="BJH679" s="613"/>
      <c r="BJI679" s="613"/>
      <c r="BJJ679" s="613"/>
      <c r="BJK679" s="613"/>
      <c r="BJL679" s="613"/>
      <c r="BJM679" s="613"/>
      <c r="BJN679" s="613"/>
      <c r="BJO679" s="613"/>
      <c r="BJP679" s="613"/>
      <c r="BJQ679" s="613"/>
      <c r="BJR679" s="613"/>
      <c r="BJS679" s="613"/>
      <c r="BJT679" s="613"/>
      <c r="BJU679" s="613"/>
      <c r="BJV679" s="613"/>
      <c r="BJW679" s="613"/>
      <c r="BJX679" s="613"/>
      <c r="BJY679" s="613"/>
      <c r="BJZ679" s="613"/>
      <c r="BKA679" s="613"/>
      <c r="BKB679" s="613"/>
      <c r="BKC679" s="613"/>
      <c r="BKD679" s="613"/>
      <c r="BKE679" s="613"/>
      <c r="BKF679" s="613"/>
      <c r="BKG679" s="613"/>
      <c r="BKH679" s="613"/>
      <c r="BKI679" s="613"/>
      <c r="BKJ679" s="613"/>
      <c r="BKK679" s="613"/>
      <c r="BKL679" s="613"/>
      <c r="BKM679" s="613"/>
      <c r="BKN679" s="613"/>
      <c r="BKO679" s="613"/>
      <c r="BKP679" s="613"/>
      <c r="BKQ679" s="613"/>
      <c r="BKR679" s="613"/>
      <c r="BKS679" s="613"/>
      <c r="BKT679" s="613"/>
      <c r="BKU679" s="613"/>
      <c r="BKV679" s="613"/>
      <c r="BKW679" s="613"/>
      <c r="BKX679" s="613"/>
      <c r="BKY679" s="613"/>
      <c r="BKZ679" s="613"/>
      <c r="BLA679" s="613"/>
      <c r="BLB679" s="613"/>
      <c r="BLC679" s="613"/>
      <c r="BLD679" s="613"/>
      <c r="BLE679" s="613"/>
      <c r="BLF679" s="613"/>
      <c r="BLG679" s="613"/>
      <c r="BLH679" s="613"/>
      <c r="BLI679" s="613"/>
      <c r="BLJ679" s="613"/>
      <c r="BLK679" s="613"/>
      <c r="BLL679" s="613"/>
      <c r="BLM679" s="613"/>
      <c r="BLN679" s="613"/>
      <c r="BLO679" s="613"/>
      <c r="BLP679" s="613"/>
      <c r="BLQ679" s="613"/>
      <c r="BLR679" s="613"/>
      <c r="BLS679" s="613"/>
      <c r="BLT679" s="613"/>
      <c r="BLU679" s="613"/>
      <c r="BLV679" s="613"/>
      <c r="BLW679" s="613"/>
      <c r="BLX679" s="613"/>
      <c r="BLY679" s="613"/>
      <c r="BLZ679" s="613"/>
      <c r="BMA679" s="613"/>
      <c r="BMB679" s="613"/>
      <c r="BMC679" s="613"/>
      <c r="BMD679" s="613"/>
      <c r="BME679" s="613"/>
      <c r="BMF679" s="613"/>
      <c r="BMG679" s="613"/>
      <c r="BMH679" s="613"/>
      <c r="BMI679" s="613"/>
      <c r="BMJ679" s="613"/>
      <c r="BMK679" s="613"/>
      <c r="BML679" s="613"/>
      <c r="BMM679" s="613"/>
      <c r="BMN679" s="613"/>
      <c r="BMO679" s="613"/>
      <c r="BMP679" s="613"/>
      <c r="BMQ679" s="613"/>
      <c r="BMR679" s="613"/>
      <c r="BMS679" s="613"/>
      <c r="BMT679" s="613"/>
      <c r="BMU679" s="613"/>
      <c r="BMV679" s="613"/>
      <c r="BMW679" s="613"/>
      <c r="BMX679" s="613"/>
      <c r="BMY679" s="613"/>
      <c r="BMZ679" s="613"/>
      <c r="BNA679" s="613"/>
      <c r="BNB679" s="613"/>
      <c r="BNC679" s="613"/>
      <c r="BND679" s="613"/>
      <c r="BNE679" s="613"/>
      <c r="BNF679" s="613"/>
      <c r="BNG679" s="613"/>
      <c r="BNH679" s="613"/>
      <c r="BNI679" s="613"/>
      <c r="BNJ679" s="613"/>
      <c r="BNK679" s="613"/>
      <c r="BNL679" s="613"/>
      <c r="BNM679" s="613"/>
      <c r="BNN679" s="613"/>
      <c r="BNO679" s="613"/>
      <c r="BNP679" s="613"/>
      <c r="BNQ679" s="613"/>
      <c r="BNR679" s="613"/>
      <c r="BNS679" s="613"/>
      <c r="BNT679" s="613"/>
      <c r="BNU679" s="613"/>
      <c r="BNV679" s="613"/>
      <c r="BNW679" s="613"/>
      <c r="BNX679" s="613"/>
      <c r="BNY679" s="613"/>
      <c r="BNZ679" s="613"/>
      <c r="BOA679" s="613"/>
      <c r="BOB679" s="613"/>
      <c r="BOC679" s="613"/>
      <c r="BOD679" s="613"/>
      <c r="BOE679" s="613"/>
      <c r="BOF679" s="613"/>
      <c r="BOG679" s="613"/>
      <c r="BOH679" s="613"/>
      <c r="BOI679" s="613"/>
      <c r="BOJ679" s="613"/>
      <c r="BOK679" s="613"/>
      <c r="BOL679" s="613"/>
      <c r="BOM679" s="613"/>
      <c r="BON679" s="613"/>
      <c r="BOO679" s="613"/>
      <c r="BOP679" s="613"/>
      <c r="BOQ679" s="613"/>
      <c r="BOR679" s="613"/>
      <c r="BOS679" s="613"/>
      <c r="BOT679" s="613"/>
      <c r="BOU679" s="613"/>
      <c r="BOV679" s="613"/>
      <c r="BOW679" s="613"/>
      <c r="BOX679" s="613"/>
      <c r="BOY679" s="613"/>
      <c r="BOZ679" s="613"/>
      <c r="BPA679" s="613"/>
      <c r="BPB679" s="613"/>
      <c r="BPC679" s="613"/>
      <c r="BPD679" s="613"/>
      <c r="BPE679" s="613"/>
      <c r="BPF679" s="613"/>
      <c r="BPG679" s="613"/>
      <c r="BPH679" s="613"/>
      <c r="BPI679" s="613"/>
      <c r="BPJ679" s="613"/>
      <c r="BPK679" s="613"/>
      <c r="BPL679" s="613"/>
      <c r="BPM679" s="613"/>
      <c r="BPN679" s="613"/>
      <c r="BPO679" s="613"/>
      <c r="BPP679" s="613"/>
      <c r="BPQ679" s="613"/>
      <c r="BPR679" s="613"/>
      <c r="BPS679" s="613"/>
      <c r="BPT679" s="613"/>
      <c r="BPU679" s="613"/>
      <c r="BPV679" s="613"/>
      <c r="BPW679" s="613"/>
      <c r="BPX679" s="613"/>
      <c r="BPY679" s="613"/>
      <c r="BPZ679" s="613"/>
      <c r="BQA679" s="613"/>
      <c r="BQB679" s="613"/>
      <c r="BQC679" s="613"/>
      <c r="BQD679" s="613"/>
      <c r="BQE679" s="613"/>
      <c r="BQF679" s="613"/>
      <c r="BQG679" s="613"/>
      <c r="BQH679" s="613"/>
      <c r="BQI679" s="613"/>
      <c r="BQJ679" s="613"/>
      <c r="BQK679" s="613"/>
      <c r="BQL679" s="613"/>
      <c r="BQM679" s="613"/>
      <c r="BQN679" s="613"/>
      <c r="BQO679" s="613"/>
      <c r="BQP679" s="613"/>
      <c r="BQQ679" s="613"/>
      <c r="BQR679" s="613"/>
      <c r="BQS679" s="613"/>
      <c r="BQT679" s="613"/>
      <c r="BQU679" s="613"/>
      <c r="BQV679" s="613"/>
      <c r="BQW679" s="613"/>
      <c r="BQX679" s="613"/>
      <c r="BQY679" s="613"/>
      <c r="BQZ679" s="613"/>
      <c r="BRA679" s="613"/>
      <c r="BRB679" s="613"/>
      <c r="BRC679" s="613"/>
      <c r="BRD679" s="613"/>
      <c r="BRE679" s="613"/>
      <c r="BRF679" s="613"/>
      <c r="BRG679" s="613"/>
      <c r="BRH679" s="613"/>
      <c r="BRI679" s="613"/>
      <c r="BRJ679" s="613"/>
      <c r="BRK679" s="613"/>
      <c r="BRL679" s="613"/>
      <c r="BRM679" s="613"/>
      <c r="BRN679" s="613"/>
      <c r="BRO679" s="613"/>
      <c r="BRP679" s="613"/>
      <c r="BRQ679" s="613"/>
      <c r="BRR679" s="613"/>
      <c r="BRS679" s="613"/>
      <c r="BRT679" s="613"/>
      <c r="BRU679" s="613"/>
      <c r="BRV679" s="613"/>
      <c r="BRW679" s="613"/>
      <c r="BRX679" s="613"/>
      <c r="BRY679" s="613"/>
      <c r="BRZ679" s="613"/>
      <c r="BSA679" s="613"/>
      <c r="BSB679" s="613"/>
      <c r="BSC679" s="613"/>
      <c r="BSD679" s="613"/>
      <c r="BSE679" s="613"/>
      <c r="BSF679" s="613"/>
      <c r="BSG679" s="613"/>
      <c r="BSH679" s="613"/>
      <c r="BSI679" s="613"/>
      <c r="BSJ679" s="613"/>
      <c r="BSK679" s="613"/>
      <c r="BSL679" s="613"/>
      <c r="BSM679" s="613"/>
      <c r="BSN679" s="613"/>
      <c r="BSO679" s="613"/>
      <c r="BSP679" s="613"/>
      <c r="BSQ679" s="613"/>
      <c r="BSR679" s="613"/>
      <c r="BSS679" s="613"/>
      <c r="BST679" s="613"/>
      <c r="BSU679" s="613"/>
      <c r="BSV679" s="613"/>
      <c r="BSW679" s="613"/>
      <c r="BSX679" s="613"/>
      <c r="BSY679" s="613"/>
      <c r="BSZ679" s="613"/>
      <c r="BTA679" s="613"/>
      <c r="BTB679" s="613"/>
      <c r="BTC679" s="613"/>
      <c r="BTD679" s="613"/>
      <c r="BTE679" s="613"/>
      <c r="BTF679" s="613"/>
      <c r="BTG679" s="613"/>
      <c r="BTH679" s="613"/>
      <c r="BTI679" s="613"/>
      <c r="BTJ679" s="613"/>
      <c r="BTK679" s="613"/>
      <c r="BTL679" s="613"/>
      <c r="BTM679" s="613"/>
      <c r="BTN679" s="613"/>
      <c r="BTO679" s="613"/>
      <c r="BTP679" s="613"/>
      <c r="BTQ679" s="613"/>
      <c r="BTR679" s="613"/>
      <c r="BTS679" s="613"/>
      <c r="BTT679" s="613"/>
      <c r="BTU679" s="613"/>
      <c r="BTV679" s="613"/>
      <c r="BTW679" s="613"/>
      <c r="BTX679" s="613"/>
      <c r="BTY679" s="613"/>
      <c r="BTZ679" s="613"/>
      <c r="BUA679" s="613"/>
      <c r="BUB679" s="613"/>
      <c r="BUC679" s="613"/>
      <c r="BUD679" s="613"/>
      <c r="BUE679" s="613"/>
      <c r="BUF679" s="613"/>
      <c r="BUG679" s="613"/>
      <c r="BUH679" s="613"/>
      <c r="BUI679" s="613"/>
      <c r="BUJ679" s="613"/>
      <c r="BUK679" s="613"/>
      <c r="BUL679" s="613"/>
      <c r="BUM679" s="613"/>
      <c r="BUN679" s="613"/>
      <c r="BUO679" s="613"/>
      <c r="BUP679" s="613"/>
      <c r="BUQ679" s="613"/>
      <c r="BUR679" s="613"/>
      <c r="BUS679" s="613"/>
      <c r="BUT679" s="613"/>
      <c r="BUU679" s="613"/>
      <c r="BUV679" s="613"/>
      <c r="BUW679" s="613"/>
      <c r="BUX679" s="613"/>
      <c r="BUY679" s="613"/>
      <c r="BUZ679" s="613"/>
      <c r="BVA679" s="613"/>
      <c r="BVB679" s="613"/>
      <c r="BVC679" s="613"/>
      <c r="BVD679" s="613"/>
      <c r="BVE679" s="613"/>
      <c r="BVF679" s="613"/>
      <c r="BVG679" s="613"/>
      <c r="BVH679" s="613"/>
      <c r="BVI679" s="613"/>
      <c r="BVJ679" s="613"/>
      <c r="BVK679" s="613"/>
      <c r="BVL679" s="613"/>
      <c r="BVM679" s="613"/>
      <c r="BVN679" s="613"/>
      <c r="BVO679" s="613"/>
      <c r="BVP679" s="613"/>
      <c r="BVQ679" s="613"/>
      <c r="BVR679" s="613"/>
      <c r="BVS679" s="613"/>
      <c r="BVT679" s="613"/>
      <c r="BVU679" s="613"/>
      <c r="BVV679" s="613"/>
      <c r="BVW679" s="613"/>
      <c r="BVX679" s="613"/>
      <c r="BVY679" s="613"/>
      <c r="BVZ679" s="613"/>
      <c r="BWA679" s="613"/>
      <c r="BWB679" s="613"/>
      <c r="BWC679" s="613"/>
      <c r="BWD679" s="613"/>
      <c r="BWE679" s="613"/>
      <c r="BWF679" s="613"/>
      <c r="BWG679" s="613"/>
      <c r="BWH679" s="613"/>
      <c r="BWI679" s="613"/>
      <c r="BWJ679" s="613"/>
      <c r="BWK679" s="613"/>
      <c r="BWL679" s="613"/>
      <c r="BWM679" s="613"/>
      <c r="BWN679" s="613"/>
      <c r="BWO679" s="613"/>
      <c r="BWP679" s="613"/>
      <c r="BWQ679" s="613"/>
      <c r="BWR679" s="613"/>
      <c r="BWS679" s="613"/>
      <c r="BWT679" s="613"/>
      <c r="BWU679" s="613"/>
      <c r="BWV679" s="613"/>
      <c r="BWW679" s="613"/>
      <c r="BWX679" s="613"/>
      <c r="BWY679" s="613"/>
      <c r="BWZ679" s="613"/>
      <c r="BXA679" s="613"/>
      <c r="BXB679" s="613"/>
      <c r="BXC679" s="613"/>
      <c r="BXD679" s="613"/>
      <c r="BXE679" s="613"/>
      <c r="BXF679" s="613"/>
      <c r="BXG679" s="613"/>
      <c r="BXH679" s="613"/>
      <c r="BXI679" s="613"/>
      <c r="BXJ679" s="613"/>
      <c r="BXK679" s="613"/>
      <c r="BXL679" s="613"/>
      <c r="BXM679" s="613"/>
      <c r="BXN679" s="613"/>
      <c r="BXO679" s="613"/>
      <c r="BXP679" s="613"/>
      <c r="BXQ679" s="613"/>
      <c r="BXR679" s="613"/>
      <c r="BXS679" s="613"/>
      <c r="BXT679" s="613"/>
      <c r="BXU679" s="613"/>
      <c r="BXV679" s="613"/>
      <c r="BXW679" s="613"/>
      <c r="BXX679" s="613"/>
      <c r="BXY679" s="613"/>
      <c r="BXZ679" s="613"/>
      <c r="BYA679" s="613"/>
      <c r="BYB679" s="613"/>
      <c r="BYC679" s="613"/>
      <c r="BYD679" s="613"/>
      <c r="BYE679" s="613"/>
      <c r="BYF679" s="613"/>
      <c r="BYG679" s="613"/>
      <c r="BYH679" s="613"/>
      <c r="BYI679" s="613"/>
      <c r="BYJ679" s="613"/>
      <c r="BYK679" s="613"/>
      <c r="BYL679" s="613"/>
      <c r="BYM679" s="613"/>
      <c r="BYN679" s="613"/>
      <c r="BYO679" s="613"/>
      <c r="BYP679" s="613"/>
      <c r="BYQ679" s="613"/>
      <c r="BYR679" s="613"/>
      <c r="BYS679" s="613"/>
      <c r="BYT679" s="613"/>
      <c r="BYU679" s="613"/>
      <c r="BYV679" s="613"/>
      <c r="BYW679" s="613"/>
      <c r="BYX679" s="613"/>
      <c r="BYY679" s="613"/>
      <c r="BYZ679" s="613"/>
      <c r="BZA679" s="613"/>
      <c r="BZB679" s="613"/>
      <c r="BZC679" s="613"/>
      <c r="BZD679" s="613"/>
      <c r="BZE679" s="613"/>
      <c r="BZF679" s="613"/>
      <c r="BZG679" s="613"/>
      <c r="BZH679" s="613"/>
      <c r="BZI679" s="613"/>
      <c r="BZJ679" s="613"/>
      <c r="BZK679" s="613"/>
      <c r="BZL679" s="613"/>
      <c r="BZM679" s="613"/>
      <c r="BZN679" s="613"/>
      <c r="BZO679" s="613"/>
      <c r="BZP679" s="613"/>
      <c r="BZQ679" s="613"/>
      <c r="BZR679" s="613"/>
      <c r="BZS679" s="613"/>
      <c r="BZT679" s="613"/>
      <c r="BZU679" s="613"/>
      <c r="BZV679" s="613"/>
      <c r="BZW679" s="613"/>
      <c r="BZX679" s="613"/>
      <c r="BZY679" s="613"/>
      <c r="BZZ679" s="613"/>
      <c r="CAA679" s="613"/>
      <c r="CAB679" s="613"/>
      <c r="CAC679" s="613"/>
      <c r="CAD679" s="613"/>
      <c r="CAE679" s="613"/>
      <c r="CAF679" s="613"/>
      <c r="CAG679" s="613"/>
      <c r="CAH679" s="613"/>
      <c r="CAI679" s="613"/>
      <c r="CAJ679" s="613"/>
      <c r="CAK679" s="613"/>
      <c r="CAL679" s="613"/>
      <c r="CAM679" s="613"/>
      <c r="CAN679" s="613"/>
      <c r="CAO679" s="613"/>
      <c r="CAP679" s="613"/>
      <c r="CAQ679" s="613"/>
      <c r="CAR679" s="613"/>
      <c r="CAS679" s="613"/>
      <c r="CAT679" s="613"/>
      <c r="CAU679" s="613"/>
      <c r="CAV679" s="613"/>
      <c r="CAW679" s="613"/>
      <c r="CAX679" s="613"/>
      <c r="CAY679" s="613"/>
      <c r="CAZ679" s="613"/>
      <c r="CBA679" s="613"/>
      <c r="CBB679" s="613"/>
      <c r="CBC679" s="613"/>
      <c r="CBD679" s="613"/>
      <c r="CBE679" s="613"/>
      <c r="CBF679" s="613"/>
      <c r="CBG679" s="613"/>
      <c r="CBH679" s="613"/>
      <c r="CBI679" s="613"/>
      <c r="CBJ679" s="613"/>
      <c r="CBK679" s="613"/>
      <c r="CBL679" s="613"/>
      <c r="CBM679" s="613"/>
      <c r="CBN679" s="613"/>
      <c r="CBO679" s="613"/>
      <c r="CBP679" s="613"/>
      <c r="CBQ679" s="613"/>
      <c r="CBR679" s="613"/>
      <c r="CBS679" s="613"/>
      <c r="CBT679" s="613"/>
      <c r="CBU679" s="613"/>
      <c r="CBV679" s="613"/>
      <c r="CBW679" s="613"/>
      <c r="CBX679" s="613"/>
      <c r="CBY679" s="613"/>
      <c r="CBZ679" s="613"/>
      <c r="CCA679" s="613"/>
      <c r="CCB679" s="613"/>
      <c r="CCC679" s="613"/>
      <c r="CCD679" s="613"/>
      <c r="CCE679" s="613"/>
      <c r="CCF679" s="613"/>
      <c r="CCG679" s="613"/>
      <c r="CCH679" s="613"/>
      <c r="CCI679" s="613"/>
      <c r="CCJ679" s="613"/>
      <c r="CCK679" s="613"/>
      <c r="CCL679" s="613"/>
      <c r="CCM679" s="613"/>
      <c r="CCN679" s="613"/>
      <c r="CCO679" s="613"/>
      <c r="CCP679" s="613"/>
      <c r="CCQ679" s="613"/>
      <c r="CCR679" s="613"/>
      <c r="CCS679" s="613"/>
      <c r="CCT679" s="613"/>
      <c r="CCU679" s="613"/>
      <c r="CCV679" s="613"/>
      <c r="CCW679" s="613"/>
      <c r="CCX679" s="613"/>
      <c r="CCY679" s="613"/>
      <c r="CCZ679" s="613"/>
      <c r="CDA679" s="613"/>
      <c r="CDB679" s="613"/>
      <c r="CDC679" s="613"/>
      <c r="CDD679" s="613"/>
      <c r="CDE679" s="613"/>
      <c r="CDF679" s="613"/>
      <c r="CDG679" s="613"/>
      <c r="CDH679" s="613"/>
      <c r="CDI679" s="613"/>
      <c r="CDJ679" s="613"/>
      <c r="CDK679" s="613"/>
      <c r="CDL679" s="613"/>
      <c r="CDM679" s="613"/>
      <c r="CDN679" s="613"/>
      <c r="CDO679" s="613"/>
      <c r="CDP679" s="613"/>
      <c r="CDQ679" s="613"/>
      <c r="CDR679" s="613"/>
      <c r="CDS679" s="613"/>
      <c r="CDT679" s="613"/>
      <c r="CDU679" s="613"/>
      <c r="CDV679" s="613"/>
      <c r="CDW679" s="613"/>
      <c r="CDX679" s="613"/>
      <c r="CDY679" s="613"/>
      <c r="CDZ679" s="613"/>
      <c r="CEA679" s="613"/>
      <c r="CEB679" s="613"/>
      <c r="CEC679" s="613"/>
      <c r="CED679" s="613"/>
      <c r="CEE679" s="613"/>
      <c r="CEF679" s="613"/>
      <c r="CEG679" s="613"/>
      <c r="CEH679" s="613"/>
      <c r="CEI679" s="613"/>
      <c r="CEJ679" s="613"/>
      <c r="CEK679" s="613"/>
      <c r="CEL679" s="613"/>
      <c r="CEM679" s="613"/>
      <c r="CEN679" s="613"/>
      <c r="CEO679" s="613"/>
      <c r="CEP679" s="613"/>
      <c r="CEQ679" s="613"/>
      <c r="CER679" s="613"/>
      <c r="CES679" s="613"/>
      <c r="CET679" s="613"/>
      <c r="CEU679" s="613"/>
      <c r="CEV679" s="613"/>
      <c r="CEW679" s="613"/>
      <c r="CEX679" s="613"/>
      <c r="CEY679" s="613"/>
      <c r="CEZ679" s="613"/>
      <c r="CFA679" s="613"/>
      <c r="CFB679" s="613"/>
      <c r="CFC679" s="613"/>
      <c r="CFD679" s="613"/>
      <c r="CFE679" s="613"/>
      <c r="CFF679" s="613"/>
      <c r="CFG679" s="613"/>
      <c r="CFH679" s="613"/>
      <c r="CFI679" s="613"/>
      <c r="CFJ679" s="613"/>
      <c r="CFK679" s="613"/>
      <c r="CFL679" s="613"/>
      <c r="CFM679" s="613"/>
      <c r="CFN679" s="613"/>
      <c r="CFO679" s="613"/>
      <c r="CFP679" s="613"/>
      <c r="CFQ679" s="613"/>
      <c r="CFR679" s="613"/>
      <c r="CFS679" s="613"/>
      <c r="CFT679" s="613"/>
      <c r="CFU679" s="613"/>
      <c r="CFV679" s="613"/>
      <c r="CFW679" s="613"/>
      <c r="CFX679" s="613"/>
      <c r="CFY679" s="613"/>
      <c r="CFZ679" s="613"/>
      <c r="CGA679" s="613"/>
      <c r="CGB679" s="613"/>
      <c r="CGC679" s="613"/>
      <c r="CGD679" s="613"/>
      <c r="CGE679" s="613"/>
      <c r="CGF679" s="613"/>
      <c r="CGG679" s="613"/>
      <c r="CGH679" s="613"/>
      <c r="CGI679" s="613"/>
      <c r="CGJ679" s="613"/>
      <c r="CGK679" s="613"/>
      <c r="CGL679" s="613"/>
      <c r="CGM679" s="613"/>
      <c r="CGN679" s="613"/>
      <c r="CGO679" s="613"/>
      <c r="CGP679" s="613"/>
      <c r="CGQ679" s="613"/>
      <c r="CGR679" s="613"/>
      <c r="CGS679" s="613"/>
      <c r="CGT679" s="613"/>
      <c r="CGU679" s="613"/>
      <c r="CGV679" s="613"/>
      <c r="CGW679" s="613"/>
      <c r="CGX679" s="613"/>
      <c r="CGY679" s="613"/>
      <c r="CGZ679" s="613"/>
      <c r="CHA679" s="613"/>
      <c r="CHB679" s="613"/>
      <c r="CHC679" s="613"/>
      <c r="CHD679" s="613"/>
      <c r="CHE679" s="613"/>
      <c r="CHF679" s="613"/>
      <c r="CHG679" s="613"/>
      <c r="CHH679" s="613"/>
      <c r="CHI679" s="613"/>
      <c r="CHJ679" s="613"/>
      <c r="CHK679" s="613"/>
      <c r="CHL679" s="613"/>
      <c r="CHM679" s="613"/>
      <c r="CHN679" s="613"/>
      <c r="CHO679" s="613"/>
      <c r="CHP679" s="613"/>
      <c r="CHQ679" s="613"/>
      <c r="CHR679" s="613"/>
      <c r="CHS679" s="613"/>
      <c r="CHT679" s="613"/>
      <c r="CHU679" s="613"/>
      <c r="CHV679" s="613"/>
      <c r="CHW679" s="613"/>
      <c r="CHX679" s="613"/>
      <c r="CHY679" s="613"/>
      <c r="CHZ679" s="613"/>
      <c r="CIA679" s="613"/>
      <c r="CIB679" s="613"/>
      <c r="CIC679" s="613"/>
      <c r="CID679" s="613"/>
      <c r="CIE679" s="613"/>
      <c r="CIF679" s="613"/>
      <c r="CIG679" s="613"/>
      <c r="CIH679" s="613"/>
      <c r="CII679" s="613"/>
      <c r="CIJ679" s="613"/>
      <c r="CIK679" s="613"/>
      <c r="CIL679" s="613"/>
      <c r="CIM679" s="613"/>
      <c r="CIN679" s="613"/>
      <c r="CIO679" s="613"/>
      <c r="CIP679" s="613"/>
      <c r="CIQ679" s="613"/>
      <c r="CIR679" s="613"/>
      <c r="CIS679" s="613"/>
      <c r="CIT679" s="613"/>
      <c r="CIU679" s="613"/>
      <c r="CIV679" s="613"/>
      <c r="CIW679" s="613"/>
      <c r="CIX679" s="613"/>
      <c r="CIY679" s="613"/>
      <c r="CIZ679" s="613"/>
      <c r="CJA679" s="613"/>
      <c r="CJB679" s="613"/>
      <c r="CJC679" s="613"/>
      <c r="CJD679" s="613"/>
      <c r="CJE679" s="613"/>
      <c r="CJF679" s="613"/>
      <c r="CJG679" s="613"/>
      <c r="CJH679" s="613"/>
      <c r="CJI679" s="613"/>
      <c r="CJJ679" s="613"/>
      <c r="CJK679" s="613"/>
      <c r="CJL679" s="613"/>
      <c r="CJM679" s="613"/>
      <c r="CJN679" s="613"/>
      <c r="CJO679" s="613"/>
      <c r="CJP679" s="613"/>
      <c r="CJQ679" s="613"/>
      <c r="CJR679" s="613"/>
      <c r="CJS679" s="613"/>
      <c r="CJT679" s="613"/>
      <c r="CJU679" s="613"/>
      <c r="CJV679" s="613"/>
      <c r="CJW679" s="613"/>
      <c r="CJX679" s="613"/>
      <c r="CJY679" s="613"/>
      <c r="CJZ679" s="613"/>
      <c r="CKA679" s="613"/>
      <c r="CKB679" s="613"/>
      <c r="CKC679" s="613"/>
      <c r="CKD679" s="613"/>
      <c r="CKE679" s="613"/>
      <c r="CKF679" s="613"/>
      <c r="CKG679" s="613"/>
      <c r="CKH679" s="613"/>
      <c r="CKI679" s="613"/>
      <c r="CKJ679" s="613"/>
      <c r="CKK679" s="613"/>
      <c r="CKL679" s="613"/>
      <c r="CKM679" s="613"/>
      <c r="CKN679" s="613"/>
      <c r="CKO679" s="613"/>
      <c r="CKP679" s="613"/>
      <c r="CKQ679" s="613"/>
      <c r="CKR679" s="613"/>
      <c r="CKS679" s="613"/>
      <c r="CKT679" s="613"/>
      <c r="CKU679" s="613"/>
      <c r="CKV679" s="613"/>
      <c r="CKW679" s="613"/>
      <c r="CKX679" s="613"/>
      <c r="CKY679" s="613"/>
      <c r="CKZ679" s="613"/>
      <c r="CLA679" s="613"/>
      <c r="CLB679" s="613"/>
      <c r="CLC679" s="613"/>
      <c r="CLD679" s="613"/>
      <c r="CLE679" s="613"/>
      <c r="CLF679" s="613"/>
      <c r="CLG679" s="613"/>
      <c r="CLH679" s="613"/>
      <c r="CLI679" s="613"/>
      <c r="CLJ679" s="613"/>
      <c r="CLK679" s="613"/>
      <c r="CLL679" s="613"/>
      <c r="CLM679" s="613"/>
      <c r="CLN679" s="613"/>
      <c r="CLO679" s="613"/>
      <c r="CLP679" s="613"/>
      <c r="CLQ679" s="613"/>
      <c r="CLR679" s="613"/>
      <c r="CLS679" s="613"/>
      <c r="CLT679" s="613"/>
      <c r="CLU679" s="613"/>
      <c r="CLV679" s="613"/>
      <c r="CLW679" s="613"/>
      <c r="CLX679" s="613"/>
      <c r="CLY679" s="613"/>
      <c r="CLZ679" s="613"/>
      <c r="CMA679" s="613"/>
      <c r="CMB679" s="613"/>
      <c r="CMC679" s="613"/>
      <c r="CMD679" s="613"/>
      <c r="CME679" s="613"/>
      <c r="CMF679" s="613"/>
      <c r="CMG679" s="613"/>
      <c r="CMH679" s="613"/>
      <c r="CMI679" s="613"/>
      <c r="CMJ679" s="613"/>
      <c r="CMK679" s="613"/>
      <c r="CML679" s="613"/>
      <c r="CMM679" s="613"/>
      <c r="CMN679" s="613"/>
      <c r="CMO679" s="613"/>
      <c r="CMP679" s="613"/>
      <c r="CMQ679" s="613"/>
      <c r="CMR679" s="613"/>
      <c r="CMS679" s="613"/>
      <c r="CMT679" s="613"/>
      <c r="CMU679" s="613"/>
      <c r="CMV679" s="613"/>
      <c r="CMW679" s="613"/>
      <c r="CMX679" s="613"/>
      <c r="CMY679" s="613"/>
      <c r="CMZ679" s="613"/>
      <c r="CNA679" s="613"/>
      <c r="CNB679" s="613"/>
      <c r="CNC679" s="613"/>
      <c r="CND679" s="613"/>
      <c r="CNE679" s="613"/>
      <c r="CNF679" s="613"/>
      <c r="CNG679" s="613"/>
      <c r="CNH679" s="613"/>
      <c r="CNI679" s="613"/>
      <c r="CNJ679" s="613"/>
      <c r="CNK679" s="613"/>
      <c r="CNL679" s="613"/>
      <c r="CNM679" s="613"/>
      <c r="CNN679" s="613"/>
      <c r="CNO679" s="613"/>
      <c r="CNP679" s="613"/>
      <c r="CNQ679" s="613"/>
      <c r="CNR679" s="613"/>
      <c r="CNS679" s="613"/>
      <c r="CNT679" s="613"/>
      <c r="CNU679" s="613"/>
      <c r="CNV679" s="613"/>
      <c r="CNW679" s="613"/>
      <c r="CNX679" s="613"/>
      <c r="CNY679" s="613"/>
      <c r="CNZ679" s="613"/>
      <c r="COA679" s="613"/>
      <c r="COB679" s="613"/>
      <c r="COC679" s="613"/>
      <c r="COD679" s="613"/>
      <c r="COE679" s="613"/>
      <c r="COF679" s="613"/>
      <c r="COG679" s="613"/>
      <c r="COH679" s="613"/>
      <c r="COI679" s="613"/>
      <c r="COJ679" s="613"/>
      <c r="COK679" s="613"/>
      <c r="COL679" s="613"/>
      <c r="COM679" s="613"/>
      <c r="CON679" s="613"/>
      <c r="COO679" s="613"/>
      <c r="COP679" s="613"/>
      <c r="COQ679" s="613"/>
      <c r="COR679" s="613"/>
      <c r="COS679" s="613"/>
      <c r="COT679" s="613"/>
      <c r="COU679" s="613"/>
      <c r="COV679" s="613"/>
      <c r="COW679" s="613"/>
      <c r="COX679" s="613"/>
      <c r="COY679" s="613"/>
      <c r="COZ679" s="613"/>
      <c r="CPA679" s="613"/>
      <c r="CPB679" s="613"/>
      <c r="CPC679" s="613"/>
      <c r="CPD679" s="613"/>
      <c r="CPE679" s="613"/>
      <c r="CPF679" s="613"/>
      <c r="CPG679" s="613"/>
      <c r="CPH679" s="613"/>
      <c r="CPI679" s="613"/>
      <c r="CPJ679" s="613"/>
      <c r="CPK679" s="613"/>
      <c r="CPL679" s="613"/>
      <c r="CPM679" s="613"/>
      <c r="CPN679" s="613"/>
      <c r="CPO679" s="613"/>
      <c r="CPP679" s="613"/>
      <c r="CPQ679" s="613"/>
      <c r="CPR679" s="613"/>
      <c r="CPS679" s="613"/>
      <c r="CPT679" s="613"/>
      <c r="CPU679" s="613"/>
      <c r="CPV679" s="613"/>
      <c r="CPW679" s="613"/>
      <c r="CPX679" s="613"/>
      <c r="CPY679" s="613"/>
      <c r="CPZ679" s="613"/>
      <c r="CQA679" s="613"/>
      <c r="CQB679" s="613"/>
      <c r="CQC679" s="613"/>
      <c r="CQD679" s="613"/>
      <c r="CQE679" s="613"/>
      <c r="CQF679" s="613"/>
      <c r="CQG679" s="613"/>
      <c r="CQH679" s="613"/>
      <c r="CQI679" s="613"/>
      <c r="CQJ679" s="613"/>
      <c r="CQK679" s="613"/>
      <c r="CQL679" s="613"/>
      <c r="CQM679" s="613"/>
      <c r="CQN679" s="613"/>
      <c r="CQO679" s="613"/>
      <c r="CQP679" s="613"/>
      <c r="CQQ679" s="613"/>
      <c r="CQR679" s="613"/>
      <c r="CQS679" s="613"/>
      <c r="CQT679" s="613"/>
      <c r="CQU679" s="613"/>
      <c r="CQV679" s="613"/>
      <c r="CQW679" s="613"/>
      <c r="CQX679" s="613"/>
      <c r="CQY679" s="613"/>
      <c r="CQZ679" s="613"/>
      <c r="CRA679" s="613"/>
      <c r="CRB679" s="613"/>
      <c r="CRC679" s="613"/>
      <c r="CRD679" s="613"/>
      <c r="CRE679" s="613"/>
      <c r="CRF679" s="613"/>
      <c r="CRG679" s="613"/>
      <c r="CRH679" s="613"/>
      <c r="CRI679" s="613"/>
      <c r="CRJ679" s="613"/>
      <c r="CRK679" s="613"/>
      <c r="CRL679" s="613"/>
      <c r="CRM679" s="613"/>
      <c r="CRN679" s="613"/>
      <c r="CRO679" s="613"/>
      <c r="CRP679" s="613"/>
      <c r="CRQ679" s="613"/>
      <c r="CRR679" s="613"/>
      <c r="CRS679" s="613"/>
      <c r="CRT679" s="613"/>
      <c r="CRU679" s="613"/>
      <c r="CRV679" s="613"/>
      <c r="CRW679" s="613"/>
      <c r="CRX679" s="613"/>
      <c r="CRY679" s="613"/>
      <c r="CRZ679" s="613"/>
      <c r="CSA679" s="613"/>
      <c r="CSB679" s="613"/>
      <c r="CSC679" s="613"/>
      <c r="CSD679" s="613"/>
      <c r="CSE679" s="613"/>
      <c r="CSF679" s="613"/>
      <c r="CSG679" s="613"/>
      <c r="CSH679" s="613"/>
      <c r="CSI679" s="613"/>
      <c r="CSJ679" s="613"/>
      <c r="CSK679" s="613"/>
      <c r="CSL679" s="613"/>
      <c r="CSM679" s="613"/>
      <c r="CSN679" s="613"/>
      <c r="CSO679" s="613"/>
      <c r="CSP679" s="613"/>
      <c r="CSQ679" s="613"/>
      <c r="CSR679" s="613"/>
      <c r="CSS679" s="613"/>
      <c r="CST679" s="613"/>
      <c r="CSU679" s="613"/>
      <c r="CSV679" s="613"/>
      <c r="CSW679" s="613"/>
      <c r="CSX679" s="613"/>
      <c r="CSY679" s="613"/>
      <c r="CSZ679" s="613"/>
      <c r="CTA679" s="613"/>
      <c r="CTB679" s="613"/>
      <c r="CTC679" s="613"/>
      <c r="CTD679" s="613"/>
      <c r="CTE679" s="613"/>
      <c r="CTF679" s="613"/>
      <c r="CTG679" s="613"/>
      <c r="CTH679" s="613"/>
      <c r="CTI679" s="613"/>
      <c r="CTJ679" s="613"/>
      <c r="CTK679" s="613"/>
      <c r="CTL679" s="613"/>
      <c r="CTM679" s="613"/>
      <c r="CTN679" s="613"/>
      <c r="CTO679" s="613"/>
      <c r="CTP679" s="613"/>
      <c r="CTQ679" s="613"/>
      <c r="CTR679" s="613"/>
      <c r="CTS679" s="613"/>
      <c r="CTT679" s="613"/>
      <c r="CTU679" s="613"/>
      <c r="CTV679" s="613"/>
      <c r="CTW679" s="613"/>
      <c r="CTX679" s="613"/>
      <c r="CTY679" s="613"/>
      <c r="CTZ679" s="613"/>
      <c r="CUA679" s="613"/>
      <c r="CUB679" s="613"/>
      <c r="CUC679" s="613"/>
      <c r="CUD679" s="613"/>
      <c r="CUE679" s="613"/>
      <c r="CUF679" s="613"/>
      <c r="CUG679" s="613"/>
      <c r="CUH679" s="613"/>
      <c r="CUI679" s="613"/>
      <c r="CUJ679" s="613"/>
      <c r="CUK679" s="613"/>
      <c r="CUL679" s="613"/>
      <c r="CUM679" s="613"/>
      <c r="CUN679" s="613"/>
      <c r="CUO679" s="613"/>
      <c r="CUP679" s="613"/>
      <c r="CUQ679" s="613"/>
      <c r="CUR679" s="613"/>
      <c r="CUS679" s="613"/>
      <c r="CUT679" s="613"/>
      <c r="CUU679" s="613"/>
      <c r="CUV679" s="613"/>
      <c r="CUW679" s="613"/>
      <c r="CUX679" s="613"/>
      <c r="CUY679" s="613"/>
      <c r="CUZ679" s="613"/>
      <c r="CVA679" s="613"/>
      <c r="CVB679" s="613"/>
      <c r="CVC679" s="613"/>
      <c r="CVD679" s="613"/>
      <c r="CVE679" s="613"/>
      <c r="CVF679" s="613"/>
      <c r="CVG679" s="613"/>
      <c r="CVH679" s="613"/>
      <c r="CVI679" s="613"/>
      <c r="CVJ679" s="613"/>
      <c r="CVK679" s="613"/>
      <c r="CVL679" s="613"/>
      <c r="CVM679" s="613"/>
      <c r="CVN679" s="613"/>
      <c r="CVO679" s="613"/>
      <c r="CVP679" s="613"/>
      <c r="CVQ679" s="613"/>
      <c r="CVR679" s="613"/>
      <c r="CVS679" s="613"/>
      <c r="CVT679" s="613"/>
      <c r="CVU679" s="613"/>
      <c r="CVV679" s="613"/>
      <c r="CVW679" s="613"/>
      <c r="CVX679" s="613"/>
      <c r="CVY679" s="613"/>
      <c r="CVZ679" s="613"/>
      <c r="CWA679" s="613"/>
      <c r="CWB679" s="613"/>
      <c r="CWC679" s="613"/>
      <c r="CWD679" s="613"/>
      <c r="CWE679" s="613"/>
      <c r="CWF679" s="613"/>
      <c r="CWG679" s="613"/>
      <c r="CWH679" s="613"/>
      <c r="CWI679" s="613"/>
      <c r="CWJ679" s="613"/>
      <c r="CWK679" s="613"/>
      <c r="CWL679" s="613"/>
      <c r="CWM679" s="613"/>
      <c r="CWN679" s="613"/>
      <c r="CWO679" s="613"/>
      <c r="CWP679" s="613"/>
      <c r="CWQ679" s="613"/>
      <c r="CWR679" s="613"/>
      <c r="CWS679" s="613"/>
      <c r="CWT679" s="613"/>
      <c r="CWU679" s="613"/>
      <c r="CWV679" s="613"/>
      <c r="CWW679" s="613"/>
      <c r="CWX679" s="613"/>
      <c r="CWY679" s="613"/>
      <c r="CWZ679" s="613"/>
      <c r="CXA679" s="613"/>
      <c r="CXB679" s="613"/>
      <c r="CXC679" s="613"/>
      <c r="CXD679" s="613"/>
      <c r="CXE679" s="613"/>
      <c r="CXF679" s="613"/>
      <c r="CXG679" s="613"/>
      <c r="CXH679" s="613"/>
      <c r="CXI679" s="613"/>
      <c r="CXJ679" s="613"/>
      <c r="CXK679" s="613"/>
      <c r="CXL679" s="613"/>
      <c r="CXM679" s="613"/>
      <c r="CXN679" s="613"/>
      <c r="CXO679" s="613"/>
      <c r="CXP679" s="613"/>
      <c r="CXQ679" s="613"/>
      <c r="CXR679" s="613"/>
      <c r="CXS679" s="613"/>
      <c r="CXT679" s="613"/>
      <c r="CXU679" s="613"/>
      <c r="CXV679" s="613"/>
      <c r="CXW679" s="613"/>
      <c r="CXX679" s="613"/>
      <c r="CXY679" s="613"/>
      <c r="CXZ679" s="613"/>
      <c r="CYA679" s="613"/>
      <c r="CYB679" s="613"/>
      <c r="CYC679" s="613"/>
      <c r="CYD679" s="613"/>
      <c r="CYE679" s="613"/>
      <c r="CYF679" s="613"/>
      <c r="CYG679" s="613"/>
      <c r="CYH679" s="613"/>
      <c r="CYI679" s="613"/>
      <c r="CYJ679" s="613"/>
      <c r="CYK679" s="613"/>
      <c r="CYL679" s="613"/>
      <c r="CYM679" s="613"/>
      <c r="CYN679" s="613"/>
      <c r="CYO679" s="613"/>
      <c r="CYP679" s="613"/>
      <c r="CYQ679" s="613"/>
      <c r="CYR679" s="613"/>
      <c r="CYS679" s="613"/>
      <c r="CYT679" s="613"/>
      <c r="CYU679" s="613"/>
      <c r="CYV679" s="613"/>
      <c r="CYW679" s="613"/>
      <c r="CYX679" s="613"/>
      <c r="CYY679" s="613"/>
      <c r="CYZ679" s="613"/>
      <c r="CZA679" s="613"/>
      <c r="CZB679" s="613"/>
      <c r="CZC679" s="613"/>
      <c r="CZD679" s="613"/>
      <c r="CZE679" s="613"/>
      <c r="CZF679" s="613"/>
      <c r="CZG679" s="613"/>
      <c r="CZH679" s="613"/>
      <c r="CZI679" s="613"/>
      <c r="CZJ679" s="613"/>
      <c r="CZK679" s="613"/>
      <c r="CZL679" s="613"/>
      <c r="CZM679" s="613"/>
      <c r="CZN679" s="613"/>
      <c r="CZO679" s="613"/>
      <c r="CZP679" s="613"/>
      <c r="CZQ679" s="613"/>
      <c r="CZR679" s="613"/>
      <c r="CZS679" s="613"/>
      <c r="CZT679" s="613"/>
      <c r="CZU679" s="613"/>
      <c r="CZV679" s="613"/>
      <c r="CZW679" s="613"/>
      <c r="CZX679" s="613"/>
      <c r="CZY679" s="613"/>
      <c r="CZZ679" s="613"/>
      <c r="DAA679" s="613"/>
      <c r="DAB679" s="613"/>
      <c r="DAC679" s="613"/>
      <c r="DAD679" s="613"/>
      <c r="DAE679" s="613"/>
      <c r="DAF679" s="613"/>
      <c r="DAG679" s="613"/>
      <c r="DAH679" s="613"/>
      <c r="DAI679" s="613"/>
      <c r="DAJ679" s="613"/>
      <c r="DAK679" s="613"/>
      <c r="DAL679" s="613"/>
      <c r="DAM679" s="613"/>
      <c r="DAN679" s="613"/>
      <c r="DAO679" s="613"/>
      <c r="DAP679" s="613"/>
      <c r="DAQ679" s="613"/>
      <c r="DAR679" s="613"/>
      <c r="DAS679" s="613"/>
      <c r="DAT679" s="613"/>
      <c r="DAU679" s="613"/>
      <c r="DAV679" s="613"/>
      <c r="DAW679" s="613"/>
      <c r="DAX679" s="613"/>
      <c r="DAY679" s="613"/>
      <c r="DAZ679" s="613"/>
      <c r="DBA679" s="613"/>
      <c r="DBB679" s="613"/>
      <c r="DBC679" s="613"/>
      <c r="DBD679" s="613"/>
      <c r="DBE679" s="613"/>
      <c r="DBF679" s="613"/>
      <c r="DBG679" s="613"/>
      <c r="DBH679" s="613"/>
      <c r="DBI679" s="613"/>
      <c r="DBJ679" s="613"/>
      <c r="DBK679" s="613"/>
      <c r="DBL679" s="613"/>
      <c r="DBM679" s="613"/>
      <c r="DBN679" s="613"/>
      <c r="DBO679" s="613"/>
      <c r="DBP679" s="613"/>
      <c r="DBQ679" s="613"/>
      <c r="DBR679" s="613"/>
      <c r="DBS679" s="613"/>
      <c r="DBT679" s="613"/>
      <c r="DBU679" s="613"/>
      <c r="DBV679" s="613"/>
      <c r="DBW679" s="613"/>
      <c r="DBX679" s="613"/>
      <c r="DBY679" s="613"/>
      <c r="DBZ679" s="613"/>
      <c r="DCA679" s="613"/>
      <c r="DCB679" s="613"/>
      <c r="DCC679" s="613"/>
      <c r="DCD679" s="613"/>
      <c r="DCE679" s="613"/>
      <c r="DCF679" s="613"/>
      <c r="DCG679" s="613"/>
      <c r="DCH679" s="613"/>
      <c r="DCI679" s="613"/>
      <c r="DCJ679" s="613"/>
      <c r="DCK679" s="613"/>
      <c r="DCL679" s="613"/>
      <c r="DCM679" s="613"/>
      <c r="DCN679" s="613"/>
      <c r="DCO679" s="613"/>
      <c r="DCP679" s="613"/>
      <c r="DCQ679" s="613"/>
      <c r="DCR679" s="613"/>
      <c r="DCS679" s="613"/>
      <c r="DCT679" s="613"/>
      <c r="DCU679" s="613"/>
      <c r="DCV679" s="613"/>
      <c r="DCW679" s="613"/>
      <c r="DCX679" s="613"/>
      <c r="DCY679" s="613"/>
      <c r="DCZ679" s="613"/>
      <c r="DDA679" s="613"/>
      <c r="DDB679" s="613"/>
      <c r="DDC679" s="613"/>
      <c r="DDD679" s="613"/>
      <c r="DDE679" s="613"/>
      <c r="DDF679" s="613"/>
      <c r="DDG679" s="613"/>
      <c r="DDH679" s="613"/>
      <c r="DDI679" s="613"/>
      <c r="DDJ679" s="613"/>
      <c r="DDK679" s="613"/>
      <c r="DDL679" s="613"/>
      <c r="DDM679" s="613"/>
      <c r="DDN679" s="613"/>
      <c r="DDO679" s="613"/>
      <c r="DDP679" s="613"/>
      <c r="DDQ679" s="613"/>
      <c r="DDR679" s="613"/>
      <c r="DDS679" s="613"/>
      <c r="DDT679" s="613"/>
      <c r="DDU679" s="613"/>
      <c r="DDV679" s="613"/>
      <c r="DDW679" s="613"/>
      <c r="DDX679" s="613"/>
      <c r="DDY679" s="613"/>
      <c r="DDZ679" s="613"/>
      <c r="DEA679" s="613"/>
      <c r="DEB679" s="613"/>
      <c r="DEC679" s="613"/>
      <c r="DED679" s="613"/>
      <c r="DEE679" s="613"/>
      <c r="DEF679" s="613"/>
      <c r="DEG679" s="613"/>
      <c r="DEH679" s="613"/>
      <c r="DEI679" s="613"/>
      <c r="DEJ679" s="613"/>
      <c r="DEK679" s="613"/>
      <c r="DEL679" s="613"/>
      <c r="DEM679" s="613"/>
      <c r="DEN679" s="613"/>
      <c r="DEO679" s="613"/>
      <c r="DEP679" s="613"/>
      <c r="DEQ679" s="613"/>
      <c r="DER679" s="613"/>
      <c r="DES679" s="613"/>
      <c r="DET679" s="613"/>
      <c r="DEU679" s="613"/>
      <c r="DEV679" s="613"/>
      <c r="DEW679" s="613"/>
      <c r="DEX679" s="613"/>
      <c r="DEY679" s="613"/>
      <c r="DEZ679" s="613"/>
      <c r="DFA679" s="613"/>
      <c r="DFB679" s="613"/>
      <c r="DFC679" s="613"/>
      <c r="DFD679" s="613"/>
      <c r="DFE679" s="613"/>
      <c r="DFF679" s="613"/>
      <c r="DFG679" s="613"/>
      <c r="DFH679" s="613"/>
      <c r="DFI679" s="613"/>
      <c r="DFJ679" s="613"/>
      <c r="DFK679" s="613"/>
      <c r="DFL679" s="613"/>
      <c r="DFM679" s="613"/>
      <c r="DFN679" s="613"/>
      <c r="DFO679" s="613"/>
      <c r="DFP679" s="613"/>
      <c r="DFQ679" s="613"/>
      <c r="DFR679" s="613"/>
      <c r="DFS679" s="613"/>
      <c r="DFT679" s="613"/>
      <c r="DFU679" s="613"/>
      <c r="DFV679" s="613"/>
      <c r="DFW679" s="613"/>
      <c r="DFX679" s="613"/>
      <c r="DFY679" s="613"/>
      <c r="DFZ679" s="613"/>
      <c r="DGA679" s="613"/>
      <c r="DGB679" s="613"/>
      <c r="DGC679" s="613"/>
      <c r="DGD679" s="613"/>
      <c r="DGE679" s="613"/>
      <c r="DGF679" s="613"/>
      <c r="DGG679" s="613"/>
      <c r="DGH679" s="613"/>
      <c r="DGI679" s="613"/>
      <c r="DGJ679" s="613"/>
      <c r="DGK679" s="613"/>
      <c r="DGL679" s="613"/>
      <c r="DGM679" s="613"/>
      <c r="DGN679" s="613"/>
      <c r="DGO679" s="613"/>
      <c r="DGP679" s="613"/>
      <c r="DGQ679" s="613"/>
      <c r="DGR679" s="613"/>
      <c r="DGS679" s="613"/>
      <c r="DGT679" s="613"/>
      <c r="DGU679" s="613"/>
      <c r="DGV679" s="613"/>
      <c r="DGW679" s="613"/>
      <c r="DGX679" s="613"/>
      <c r="DGY679" s="613"/>
      <c r="DGZ679" s="613"/>
      <c r="DHA679" s="613"/>
      <c r="DHB679" s="613"/>
      <c r="DHC679" s="613"/>
      <c r="DHD679" s="613"/>
      <c r="DHE679" s="613"/>
      <c r="DHF679" s="613"/>
      <c r="DHG679" s="613"/>
      <c r="DHH679" s="613"/>
      <c r="DHI679" s="613"/>
      <c r="DHJ679" s="613"/>
      <c r="DHK679" s="613"/>
      <c r="DHL679" s="613"/>
      <c r="DHM679" s="613"/>
      <c r="DHN679" s="613"/>
      <c r="DHO679" s="613"/>
      <c r="DHP679" s="613"/>
      <c r="DHQ679" s="613"/>
      <c r="DHR679" s="613"/>
      <c r="DHS679" s="613"/>
      <c r="DHT679" s="613"/>
      <c r="DHU679" s="613"/>
      <c r="DHV679" s="613"/>
      <c r="DHW679" s="613"/>
      <c r="DHX679" s="613"/>
      <c r="DHY679" s="613"/>
      <c r="DHZ679" s="613"/>
      <c r="DIA679" s="613"/>
      <c r="DIB679" s="613"/>
      <c r="DIC679" s="613"/>
      <c r="DID679" s="613"/>
      <c r="DIE679" s="613"/>
      <c r="DIF679" s="613"/>
      <c r="DIG679" s="613"/>
      <c r="DIH679" s="613"/>
      <c r="DII679" s="613"/>
      <c r="DIJ679" s="613"/>
      <c r="DIK679" s="613"/>
      <c r="DIL679" s="613"/>
      <c r="DIM679" s="613"/>
      <c r="DIN679" s="613"/>
      <c r="DIO679" s="613"/>
      <c r="DIP679" s="613"/>
      <c r="DIQ679" s="613"/>
      <c r="DIR679" s="613"/>
      <c r="DIS679" s="613"/>
      <c r="DIT679" s="613"/>
      <c r="DIU679" s="613"/>
      <c r="DIV679" s="613"/>
      <c r="DIW679" s="613"/>
      <c r="DIX679" s="613"/>
      <c r="DIY679" s="613"/>
      <c r="DIZ679" s="613"/>
      <c r="DJA679" s="613"/>
      <c r="DJB679" s="613"/>
      <c r="DJC679" s="613"/>
      <c r="DJD679" s="613"/>
      <c r="DJE679" s="613"/>
      <c r="DJF679" s="613"/>
      <c r="DJG679" s="613"/>
      <c r="DJH679" s="613"/>
      <c r="DJI679" s="613"/>
      <c r="DJJ679" s="613"/>
      <c r="DJK679" s="613"/>
      <c r="DJL679" s="613"/>
      <c r="DJM679" s="613"/>
      <c r="DJN679" s="613"/>
      <c r="DJO679" s="613"/>
      <c r="DJP679" s="613"/>
      <c r="DJQ679" s="613"/>
      <c r="DJR679" s="613"/>
      <c r="DJS679" s="613"/>
      <c r="DJT679" s="613"/>
      <c r="DJU679" s="613"/>
      <c r="DJV679" s="613"/>
      <c r="DJW679" s="613"/>
      <c r="DJX679" s="613"/>
      <c r="DJY679" s="613"/>
      <c r="DJZ679" s="613"/>
      <c r="DKA679" s="613"/>
      <c r="DKB679" s="613"/>
      <c r="DKC679" s="613"/>
      <c r="DKD679" s="613"/>
      <c r="DKE679" s="613"/>
      <c r="DKF679" s="613"/>
      <c r="DKG679" s="613"/>
      <c r="DKH679" s="613"/>
      <c r="DKI679" s="613"/>
      <c r="DKJ679" s="613"/>
      <c r="DKK679" s="613"/>
      <c r="DKL679" s="613"/>
      <c r="DKM679" s="613"/>
      <c r="DKN679" s="613"/>
      <c r="DKO679" s="613"/>
      <c r="DKP679" s="613"/>
      <c r="DKQ679" s="613"/>
      <c r="DKR679" s="613"/>
      <c r="DKS679" s="613"/>
      <c r="DKT679" s="613"/>
      <c r="DKU679" s="613"/>
      <c r="DKV679" s="613"/>
      <c r="DKW679" s="613"/>
      <c r="DKX679" s="613"/>
      <c r="DKY679" s="613"/>
      <c r="DKZ679" s="613"/>
      <c r="DLA679" s="613"/>
      <c r="DLB679" s="613"/>
      <c r="DLC679" s="613"/>
      <c r="DLD679" s="613"/>
      <c r="DLE679" s="613"/>
      <c r="DLF679" s="613"/>
      <c r="DLG679" s="613"/>
      <c r="DLH679" s="613"/>
      <c r="DLI679" s="613"/>
      <c r="DLJ679" s="613"/>
      <c r="DLK679" s="613"/>
      <c r="DLL679" s="613"/>
      <c r="DLM679" s="613"/>
      <c r="DLN679" s="613"/>
      <c r="DLO679" s="613"/>
      <c r="DLP679" s="613"/>
      <c r="DLQ679" s="613"/>
      <c r="DLR679" s="613"/>
      <c r="DLS679" s="613"/>
      <c r="DLT679" s="613"/>
      <c r="DLU679" s="613"/>
      <c r="DLV679" s="613"/>
      <c r="DLW679" s="613"/>
      <c r="DLX679" s="613"/>
      <c r="DLY679" s="613"/>
      <c r="DLZ679" s="613"/>
      <c r="DMA679" s="613"/>
      <c r="DMB679" s="613"/>
      <c r="DMC679" s="613"/>
      <c r="DMD679" s="613"/>
      <c r="DME679" s="613"/>
      <c r="DMF679" s="613"/>
      <c r="DMG679" s="613"/>
      <c r="DMH679" s="613"/>
      <c r="DMI679" s="613"/>
      <c r="DMJ679" s="613"/>
      <c r="DMK679" s="613"/>
      <c r="DML679" s="613"/>
      <c r="DMM679" s="613"/>
      <c r="DMN679" s="613"/>
      <c r="DMO679" s="613"/>
      <c r="DMP679" s="613"/>
      <c r="DMQ679" s="613"/>
      <c r="DMR679" s="613"/>
      <c r="DMS679" s="613"/>
      <c r="DMT679" s="613"/>
      <c r="DMU679" s="613"/>
      <c r="DMV679" s="613"/>
      <c r="DMW679" s="613"/>
      <c r="DMX679" s="613"/>
      <c r="DMY679" s="613"/>
      <c r="DMZ679" s="613"/>
      <c r="DNA679" s="613"/>
      <c r="DNB679" s="613"/>
      <c r="DNC679" s="613"/>
      <c r="DND679" s="613"/>
      <c r="DNE679" s="613"/>
      <c r="DNF679" s="613"/>
      <c r="DNG679" s="613"/>
      <c r="DNH679" s="613"/>
      <c r="DNI679" s="613"/>
      <c r="DNJ679" s="613"/>
      <c r="DNK679" s="613"/>
      <c r="DNL679" s="613"/>
      <c r="DNM679" s="613"/>
      <c r="DNN679" s="613"/>
      <c r="DNO679" s="613"/>
      <c r="DNP679" s="613"/>
      <c r="DNQ679" s="613"/>
      <c r="DNR679" s="613"/>
      <c r="DNS679" s="613"/>
      <c r="DNT679" s="613"/>
      <c r="DNU679" s="613"/>
      <c r="DNV679" s="613"/>
      <c r="DNW679" s="613"/>
      <c r="DNX679" s="613"/>
      <c r="DNY679" s="613"/>
      <c r="DNZ679" s="613"/>
      <c r="DOA679" s="613"/>
      <c r="DOB679" s="613"/>
      <c r="DOC679" s="613"/>
      <c r="DOD679" s="613"/>
      <c r="DOE679" s="613"/>
      <c r="DOF679" s="613"/>
      <c r="DOG679" s="613"/>
      <c r="DOH679" s="613"/>
      <c r="DOI679" s="613"/>
      <c r="DOJ679" s="613"/>
      <c r="DOK679" s="613"/>
      <c r="DOL679" s="613"/>
      <c r="DOM679" s="613"/>
      <c r="DON679" s="613"/>
      <c r="DOO679" s="613"/>
      <c r="DOP679" s="613"/>
      <c r="DOQ679" s="613"/>
      <c r="DOR679" s="613"/>
      <c r="DOS679" s="613"/>
      <c r="DOT679" s="613"/>
      <c r="DOU679" s="613"/>
      <c r="DOV679" s="613"/>
      <c r="DOW679" s="613"/>
      <c r="DOX679" s="613"/>
      <c r="DOY679" s="613"/>
      <c r="DOZ679" s="613"/>
      <c r="DPA679" s="613"/>
      <c r="DPB679" s="613"/>
      <c r="DPC679" s="613"/>
      <c r="DPD679" s="613"/>
      <c r="DPE679" s="613"/>
      <c r="DPF679" s="613"/>
      <c r="DPG679" s="613"/>
      <c r="DPH679" s="613"/>
      <c r="DPI679" s="613"/>
      <c r="DPJ679" s="613"/>
      <c r="DPK679" s="613"/>
      <c r="DPL679" s="613"/>
      <c r="DPM679" s="613"/>
      <c r="DPN679" s="613"/>
      <c r="DPO679" s="613"/>
      <c r="DPP679" s="613"/>
      <c r="DPQ679" s="613"/>
      <c r="DPR679" s="613"/>
      <c r="DPS679" s="613"/>
      <c r="DPT679" s="613"/>
      <c r="DPU679" s="613"/>
      <c r="DPV679" s="613"/>
      <c r="DPW679" s="613"/>
      <c r="DPX679" s="613"/>
      <c r="DPY679" s="613"/>
      <c r="DPZ679" s="613"/>
      <c r="DQA679" s="613"/>
      <c r="DQB679" s="613"/>
      <c r="DQC679" s="613"/>
      <c r="DQD679" s="613"/>
      <c r="DQE679" s="613"/>
      <c r="DQF679" s="613"/>
      <c r="DQG679" s="613"/>
      <c r="DQH679" s="613"/>
      <c r="DQI679" s="613"/>
      <c r="DQJ679" s="613"/>
      <c r="DQK679" s="613"/>
      <c r="DQL679" s="613"/>
      <c r="DQM679" s="613"/>
      <c r="DQN679" s="613"/>
      <c r="DQO679" s="613"/>
      <c r="DQP679" s="613"/>
      <c r="DQQ679" s="613"/>
      <c r="DQR679" s="613"/>
      <c r="DQS679" s="613"/>
      <c r="DQT679" s="613"/>
      <c r="DQU679" s="613"/>
      <c r="DQV679" s="613"/>
      <c r="DQW679" s="613"/>
      <c r="DQX679" s="613"/>
      <c r="DQY679" s="613"/>
      <c r="DQZ679" s="613"/>
      <c r="DRA679" s="613"/>
      <c r="DRB679" s="613"/>
      <c r="DRC679" s="613"/>
      <c r="DRD679" s="613"/>
      <c r="DRE679" s="613"/>
      <c r="DRF679" s="613"/>
      <c r="DRG679" s="613"/>
      <c r="DRH679" s="613"/>
      <c r="DRI679" s="613"/>
      <c r="DRJ679" s="613"/>
      <c r="DRK679" s="613"/>
      <c r="DRL679" s="613"/>
      <c r="DRM679" s="613"/>
      <c r="DRN679" s="613"/>
      <c r="DRO679" s="613"/>
      <c r="DRP679" s="613"/>
      <c r="DRQ679" s="613"/>
      <c r="DRR679" s="613"/>
      <c r="DRS679" s="613"/>
      <c r="DRT679" s="613"/>
      <c r="DRU679" s="613"/>
      <c r="DRV679" s="613"/>
      <c r="DRW679" s="613"/>
      <c r="DRX679" s="613"/>
      <c r="DRY679" s="613"/>
      <c r="DRZ679" s="613"/>
      <c r="DSA679" s="613"/>
      <c r="DSB679" s="613"/>
      <c r="DSC679" s="613"/>
      <c r="DSD679" s="613"/>
      <c r="DSE679" s="613"/>
      <c r="DSF679" s="613"/>
      <c r="DSG679" s="613"/>
      <c r="DSH679" s="613"/>
      <c r="DSI679" s="613"/>
      <c r="DSJ679" s="613"/>
      <c r="DSK679" s="613"/>
      <c r="DSL679" s="613"/>
      <c r="DSM679" s="613"/>
      <c r="DSN679" s="613"/>
      <c r="DSO679" s="613"/>
      <c r="DSP679" s="613"/>
      <c r="DSQ679" s="613"/>
      <c r="DSR679" s="613"/>
      <c r="DSS679" s="613"/>
      <c r="DST679" s="613"/>
      <c r="DSU679" s="613"/>
      <c r="DSV679" s="613"/>
      <c r="DSW679" s="613"/>
      <c r="DSX679" s="613"/>
      <c r="DSY679" s="613"/>
      <c r="DSZ679" s="613"/>
      <c r="DTA679" s="613"/>
      <c r="DTB679" s="613"/>
      <c r="DTC679" s="613"/>
      <c r="DTD679" s="613"/>
      <c r="DTE679" s="613"/>
      <c r="DTF679" s="613"/>
      <c r="DTG679" s="613"/>
      <c r="DTH679" s="613"/>
      <c r="DTI679" s="613"/>
      <c r="DTJ679" s="613"/>
      <c r="DTK679" s="613"/>
      <c r="DTL679" s="613"/>
      <c r="DTM679" s="613"/>
      <c r="DTN679" s="613"/>
      <c r="DTO679" s="613"/>
      <c r="DTP679" s="613"/>
      <c r="DTQ679" s="613"/>
      <c r="DTR679" s="613"/>
      <c r="DTS679" s="613"/>
      <c r="DTT679" s="613"/>
      <c r="DTU679" s="613"/>
      <c r="DTV679" s="613"/>
      <c r="DTW679" s="613"/>
      <c r="DTX679" s="613"/>
      <c r="DTY679" s="613"/>
      <c r="DTZ679" s="613"/>
      <c r="DUA679" s="613"/>
      <c r="DUB679" s="613"/>
      <c r="DUC679" s="613"/>
      <c r="DUD679" s="613"/>
      <c r="DUE679" s="613"/>
      <c r="DUF679" s="613"/>
      <c r="DUG679" s="613"/>
      <c r="DUH679" s="613"/>
      <c r="DUI679" s="613"/>
      <c r="DUJ679" s="613"/>
      <c r="DUK679" s="613"/>
      <c r="DUL679" s="613"/>
      <c r="DUM679" s="613"/>
      <c r="DUN679" s="613"/>
      <c r="DUO679" s="613"/>
      <c r="DUP679" s="613"/>
      <c r="DUQ679" s="613"/>
      <c r="DUR679" s="613"/>
      <c r="DUS679" s="613"/>
      <c r="DUT679" s="613"/>
      <c r="DUU679" s="613"/>
      <c r="DUV679" s="613"/>
      <c r="DUW679" s="613"/>
      <c r="DUX679" s="613"/>
      <c r="DUY679" s="613"/>
      <c r="DUZ679" s="613"/>
      <c r="DVA679" s="613"/>
      <c r="DVB679" s="613"/>
      <c r="DVC679" s="613"/>
      <c r="DVD679" s="613"/>
      <c r="DVE679" s="613"/>
      <c r="DVF679" s="613"/>
      <c r="DVG679" s="613"/>
      <c r="DVH679" s="613"/>
      <c r="DVI679" s="613"/>
      <c r="DVJ679" s="613"/>
      <c r="DVK679" s="613"/>
      <c r="DVL679" s="613"/>
      <c r="DVM679" s="613"/>
      <c r="DVN679" s="613"/>
      <c r="DVO679" s="613"/>
      <c r="DVP679" s="613"/>
      <c r="DVQ679" s="613"/>
      <c r="DVR679" s="613"/>
      <c r="DVS679" s="613"/>
      <c r="DVT679" s="613"/>
      <c r="DVU679" s="613"/>
      <c r="DVV679" s="613"/>
      <c r="DVW679" s="613"/>
      <c r="DVX679" s="613"/>
      <c r="DVY679" s="613"/>
      <c r="DVZ679" s="613"/>
      <c r="DWA679" s="613"/>
      <c r="DWB679" s="613"/>
      <c r="DWC679" s="613"/>
      <c r="DWD679" s="613"/>
      <c r="DWE679" s="613"/>
      <c r="DWF679" s="613"/>
      <c r="DWG679" s="613"/>
      <c r="DWH679" s="613"/>
      <c r="DWI679" s="613"/>
      <c r="DWJ679" s="613"/>
      <c r="DWK679" s="613"/>
      <c r="DWL679" s="613"/>
      <c r="DWM679" s="613"/>
      <c r="DWN679" s="613"/>
      <c r="DWO679" s="613"/>
      <c r="DWP679" s="613"/>
      <c r="DWQ679" s="613"/>
      <c r="DWR679" s="613"/>
      <c r="DWS679" s="613"/>
      <c r="DWT679" s="613"/>
      <c r="DWU679" s="613"/>
      <c r="DWV679" s="613"/>
      <c r="DWW679" s="613"/>
      <c r="DWX679" s="613"/>
      <c r="DWY679" s="613"/>
      <c r="DWZ679" s="613"/>
      <c r="DXA679" s="613"/>
      <c r="DXB679" s="613"/>
      <c r="DXC679" s="613"/>
      <c r="DXD679" s="613"/>
      <c r="DXE679" s="613"/>
      <c r="DXF679" s="613"/>
      <c r="DXG679" s="613"/>
      <c r="DXH679" s="613"/>
      <c r="DXI679" s="613"/>
      <c r="DXJ679" s="613"/>
      <c r="DXK679" s="613"/>
      <c r="DXL679" s="613"/>
      <c r="DXM679" s="613"/>
      <c r="DXN679" s="613"/>
      <c r="DXO679" s="613"/>
      <c r="DXP679" s="613"/>
      <c r="DXQ679" s="613"/>
      <c r="DXR679" s="613"/>
      <c r="DXS679" s="613"/>
      <c r="DXT679" s="613"/>
      <c r="DXU679" s="613"/>
      <c r="DXV679" s="613"/>
      <c r="DXW679" s="613"/>
      <c r="DXX679" s="613"/>
      <c r="DXY679" s="613"/>
      <c r="DXZ679" s="613"/>
      <c r="DYA679" s="613"/>
      <c r="DYB679" s="613"/>
      <c r="DYC679" s="613"/>
      <c r="DYD679" s="613"/>
      <c r="DYE679" s="613"/>
      <c r="DYF679" s="613"/>
      <c r="DYG679" s="613"/>
      <c r="DYH679" s="613"/>
      <c r="DYI679" s="613"/>
      <c r="DYJ679" s="613"/>
      <c r="DYK679" s="613"/>
      <c r="DYL679" s="613"/>
      <c r="DYM679" s="613"/>
      <c r="DYN679" s="613"/>
      <c r="DYO679" s="613"/>
      <c r="DYP679" s="613"/>
      <c r="DYQ679" s="613"/>
      <c r="DYR679" s="613"/>
      <c r="DYS679" s="613"/>
      <c r="DYT679" s="613"/>
      <c r="DYU679" s="613"/>
      <c r="DYV679" s="613"/>
      <c r="DYW679" s="613"/>
      <c r="DYX679" s="613"/>
      <c r="DYY679" s="613"/>
      <c r="DYZ679" s="613"/>
      <c r="DZA679" s="613"/>
      <c r="DZB679" s="613"/>
      <c r="DZC679" s="613"/>
      <c r="DZD679" s="613"/>
      <c r="DZE679" s="613"/>
      <c r="DZF679" s="613"/>
      <c r="DZG679" s="613"/>
      <c r="DZH679" s="613"/>
      <c r="DZI679" s="613"/>
      <c r="DZJ679" s="613"/>
      <c r="DZK679" s="613"/>
      <c r="DZL679" s="613"/>
      <c r="DZM679" s="613"/>
      <c r="DZN679" s="613"/>
      <c r="DZO679" s="613"/>
      <c r="DZP679" s="613"/>
      <c r="DZQ679" s="613"/>
      <c r="DZR679" s="613"/>
      <c r="DZS679" s="613"/>
      <c r="DZT679" s="613"/>
      <c r="DZU679" s="613"/>
      <c r="DZV679" s="613"/>
      <c r="DZW679" s="613"/>
      <c r="DZX679" s="613"/>
      <c r="DZY679" s="613"/>
      <c r="DZZ679" s="613"/>
      <c r="EAA679" s="613"/>
      <c r="EAB679" s="613"/>
      <c r="EAC679" s="613"/>
      <c r="EAD679" s="613"/>
      <c r="EAE679" s="613"/>
      <c r="EAF679" s="613"/>
      <c r="EAG679" s="613"/>
      <c r="EAH679" s="613"/>
      <c r="EAI679" s="613"/>
      <c r="EAJ679" s="613"/>
      <c r="EAK679" s="613"/>
      <c r="EAL679" s="613"/>
      <c r="EAM679" s="613"/>
      <c r="EAN679" s="613"/>
      <c r="EAO679" s="613"/>
      <c r="EAP679" s="613"/>
      <c r="EAQ679" s="613"/>
      <c r="EAR679" s="613"/>
      <c r="EAS679" s="613"/>
      <c r="EAT679" s="613"/>
      <c r="EAU679" s="613"/>
      <c r="EAV679" s="613"/>
      <c r="EAW679" s="613"/>
      <c r="EAX679" s="613"/>
      <c r="EAY679" s="613"/>
      <c r="EAZ679" s="613"/>
      <c r="EBA679" s="613"/>
      <c r="EBB679" s="613"/>
      <c r="EBC679" s="613"/>
      <c r="EBD679" s="613"/>
      <c r="EBE679" s="613"/>
      <c r="EBF679" s="613"/>
      <c r="EBG679" s="613"/>
      <c r="EBH679" s="613"/>
      <c r="EBI679" s="613"/>
      <c r="EBJ679" s="613"/>
      <c r="EBK679" s="613"/>
      <c r="EBL679" s="613"/>
      <c r="EBM679" s="613"/>
      <c r="EBN679" s="613"/>
      <c r="EBO679" s="613"/>
      <c r="EBP679" s="613"/>
      <c r="EBQ679" s="613"/>
      <c r="EBR679" s="613"/>
      <c r="EBS679" s="613"/>
      <c r="EBT679" s="613"/>
      <c r="EBU679" s="613"/>
      <c r="EBV679" s="613"/>
      <c r="EBW679" s="613"/>
      <c r="EBX679" s="613"/>
      <c r="EBY679" s="613"/>
      <c r="EBZ679" s="613"/>
      <c r="ECA679" s="613"/>
      <c r="ECB679" s="613"/>
      <c r="ECC679" s="613"/>
      <c r="ECD679" s="613"/>
      <c r="ECE679" s="613"/>
      <c r="ECF679" s="613"/>
      <c r="ECG679" s="613"/>
      <c r="ECH679" s="613"/>
      <c r="ECI679" s="613"/>
      <c r="ECJ679" s="613"/>
      <c r="ECK679" s="613"/>
      <c r="ECL679" s="613"/>
      <c r="ECM679" s="613"/>
      <c r="ECN679" s="613"/>
      <c r="ECO679" s="613"/>
      <c r="ECP679" s="613"/>
      <c r="ECQ679" s="613"/>
      <c r="ECR679" s="613"/>
      <c r="ECS679" s="613"/>
      <c r="ECT679" s="613"/>
      <c r="ECU679" s="613"/>
      <c r="ECV679" s="613"/>
      <c r="ECW679" s="613"/>
      <c r="ECX679" s="613"/>
      <c r="ECY679" s="613"/>
      <c r="ECZ679" s="613"/>
      <c r="EDA679" s="613"/>
      <c r="EDB679" s="613"/>
      <c r="EDC679" s="613"/>
      <c r="EDD679" s="613"/>
      <c r="EDE679" s="613"/>
      <c r="EDF679" s="613"/>
      <c r="EDG679" s="613"/>
      <c r="EDH679" s="613"/>
      <c r="EDI679" s="613"/>
      <c r="EDJ679" s="613"/>
      <c r="EDK679" s="613"/>
      <c r="EDL679" s="613"/>
      <c r="EDM679" s="613"/>
      <c r="EDN679" s="613"/>
      <c r="EDO679" s="613"/>
      <c r="EDP679" s="613"/>
      <c r="EDQ679" s="613"/>
      <c r="EDR679" s="613"/>
      <c r="EDS679" s="613"/>
      <c r="EDT679" s="613"/>
      <c r="EDU679" s="613"/>
      <c r="EDV679" s="613"/>
      <c r="EDW679" s="613"/>
      <c r="EDX679" s="613"/>
      <c r="EDY679" s="613"/>
      <c r="EDZ679" s="613"/>
      <c r="EEA679" s="613"/>
      <c r="EEB679" s="613"/>
      <c r="EEC679" s="613"/>
      <c r="EED679" s="613"/>
      <c r="EEE679" s="613"/>
      <c r="EEF679" s="613"/>
      <c r="EEG679" s="613"/>
      <c r="EEH679" s="613"/>
      <c r="EEI679" s="613"/>
      <c r="EEJ679" s="613"/>
      <c r="EEK679" s="613"/>
      <c r="EEL679" s="613"/>
      <c r="EEM679" s="613"/>
      <c r="EEN679" s="613"/>
      <c r="EEO679" s="613"/>
      <c r="EEP679" s="613"/>
      <c r="EEQ679" s="613"/>
      <c r="EER679" s="613"/>
      <c r="EES679" s="613"/>
      <c r="EET679" s="613"/>
      <c r="EEU679" s="613"/>
      <c r="EEV679" s="613"/>
      <c r="EEW679" s="613"/>
      <c r="EEX679" s="613"/>
      <c r="EEY679" s="613"/>
      <c r="EEZ679" s="613"/>
      <c r="EFA679" s="613"/>
      <c r="EFB679" s="613"/>
      <c r="EFC679" s="613"/>
      <c r="EFD679" s="613"/>
      <c r="EFE679" s="613"/>
      <c r="EFF679" s="613"/>
      <c r="EFG679" s="613"/>
      <c r="EFH679" s="613"/>
      <c r="EFI679" s="613"/>
      <c r="EFJ679" s="613"/>
      <c r="EFK679" s="613"/>
      <c r="EFL679" s="613"/>
      <c r="EFM679" s="613"/>
      <c r="EFN679" s="613"/>
      <c r="EFO679" s="613"/>
      <c r="EFP679" s="613"/>
      <c r="EFQ679" s="613"/>
      <c r="EFR679" s="613"/>
      <c r="EFS679" s="613"/>
      <c r="EFT679" s="613"/>
      <c r="EFU679" s="613"/>
      <c r="EFV679" s="613"/>
      <c r="EFW679" s="613"/>
      <c r="EFX679" s="613"/>
      <c r="EFY679" s="613"/>
      <c r="EFZ679" s="613"/>
      <c r="EGA679" s="613"/>
      <c r="EGB679" s="613"/>
      <c r="EGC679" s="613"/>
      <c r="EGD679" s="613"/>
      <c r="EGE679" s="613"/>
      <c r="EGF679" s="613"/>
      <c r="EGG679" s="613"/>
      <c r="EGH679" s="613"/>
      <c r="EGI679" s="613"/>
      <c r="EGJ679" s="613"/>
      <c r="EGK679" s="613"/>
      <c r="EGL679" s="613"/>
      <c r="EGM679" s="613"/>
      <c r="EGN679" s="613"/>
      <c r="EGO679" s="613"/>
      <c r="EGP679" s="613"/>
      <c r="EGQ679" s="613"/>
      <c r="EGR679" s="613"/>
      <c r="EGS679" s="613"/>
      <c r="EGT679" s="613"/>
      <c r="EGU679" s="613"/>
      <c r="EGV679" s="613"/>
      <c r="EGW679" s="613"/>
      <c r="EGX679" s="613"/>
      <c r="EGY679" s="613"/>
      <c r="EGZ679" s="613"/>
      <c r="EHA679" s="613"/>
      <c r="EHB679" s="613"/>
      <c r="EHC679" s="613"/>
      <c r="EHD679" s="613"/>
      <c r="EHE679" s="613"/>
      <c r="EHF679" s="613"/>
      <c r="EHG679" s="613"/>
      <c r="EHH679" s="613"/>
      <c r="EHI679" s="613"/>
      <c r="EHJ679" s="613"/>
      <c r="EHK679" s="613"/>
      <c r="EHL679" s="613"/>
      <c r="EHM679" s="613"/>
      <c r="EHN679" s="613"/>
      <c r="EHO679" s="613"/>
      <c r="EHP679" s="613"/>
      <c r="EHQ679" s="613"/>
      <c r="EHR679" s="613"/>
      <c r="EHS679" s="613"/>
      <c r="EHT679" s="613"/>
      <c r="EHU679" s="613"/>
      <c r="EHV679" s="613"/>
      <c r="EHW679" s="613"/>
      <c r="EHX679" s="613"/>
      <c r="EHY679" s="613"/>
      <c r="EHZ679" s="613"/>
      <c r="EIA679" s="613"/>
      <c r="EIB679" s="613"/>
      <c r="EIC679" s="613"/>
      <c r="EID679" s="613"/>
      <c r="EIE679" s="613"/>
      <c r="EIF679" s="613"/>
      <c r="EIG679" s="613"/>
      <c r="EIH679" s="613"/>
      <c r="EII679" s="613"/>
      <c r="EIJ679" s="613"/>
      <c r="EIK679" s="613"/>
      <c r="EIL679" s="613"/>
      <c r="EIM679" s="613"/>
      <c r="EIN679" s="613"/>
      <c r="EIO679" s="613"/>
      <c r="EIP679" s="613"/>
      <c r="EIQ679" s="613"/>
      <c r="EIR679" s="613"/>
      <c r="EIS679" s="613"/>
      <c r="EIT679" s="613"/>
      <c r="EIU679" s="613"/>
      <c r="EIV679" s="613"/>
      <c r="EIW679" s="613"/>
      <c r="EIX679" s="613"/>
      <c r="EIY679" s="613"/>
      <c r="EIZ679" s="613"/>
      <c r="EJA679" s="613"/>
      <c r="EJB679" s="613"/>
      <c r="EJC679" s="613"/>
      <c r="EJD679" s="613"/>
      <c r="EJE679" s="613"/>
      <c r="EJF679" s="613"/>
      <c r="EJG679" s="613"/>
      <c r="EJH679" s="613"/>
      <c r="EJI679" s="613"/>
      <c r="EJJ679" s="613"/>
      <c r="EJK679" s="613"/>
      <c r="EJL679" s="613"/>
      <c r="EJM679" s="613"/>
      <c r="EJN679" s="613"/>
      <c r="EJO679" s="613"/>
      <c r="EJP679" s="613"/>
      <c r="EJQ679" s="613"/>
      <c r="EJR679" s="613"/>
      <c r="EJS679" s="613"/>
      <c r="EJT679" s="613"/>
      <c r="EJU679" s="613"/>
      <c r="EJV679" s="613"/>
      <c r="EJW679" s="613"/>
      <c r="EJX679" s="613"/>
      <c r="EJY679" s="613"/>
      <c r="EJZ679" s="613"/>
      <c r="EKA679" s="613"/>
      <c r="EKB679" s="613"/>
      <c r="EKC679" s="613"/>
      <c r="EKD679" s="613"/>
      <c r="EKE679" s="613"/>
      <c r="EKF679" s="613"/>
      <c r="EKG679" s="613"/>
      <c r="EKH679" s="613"/>
      <c r="EKI679" s="613"/>
      <c r="EKJ679" s="613"/>
      <c r="EKK679" s="613"/>
      <c r="EKL679" s="613"/>
      <c r="EKM679" s="613"/>
      <c r="EKN679" s="613"/>
      <c r="EKO679" s="613"/>
      <c r="EKP679" s="613"/>
      <c r="EKQ679" s="613"/>
      <c r="EKR679" s="613"/>
      <c r="EKS679" s="613"/>
      <c r="EKT679" s="613"/>
      <c r="EKU679" s="613"/>
      <c r="EKV679" s="613"/>
      <c r="EKW679" s="613"/>
      <c r="EKX679" s="613"/>
      <c r="EKY679" s="613"/>
      <c r="EKZ679" s="613"/>
      <c r="ELA679" s="613"/>
      <c r="ELB679" s="613"/>
      <c r="ELC679" s="613"/>
      <c r="ELD679" s="613"/>
      <c r="ELE679" s="613"/>
      <c r="ELF679" s="613"/>
      <c r="ELG679" s="613"/>
      <c r="ELH679" s="613"/>
      <c r="ELI679" s="613"/>
      <c r="ELJ679" s="613"/>
      <c r="ELK679" s="613"/>
      <c r="ELL679" s="613"/>
      <c r="ELM679" s="613"/>
      <c r="ELN679" s="613"/>
      <c r="ELO679" s="613"/>
      <c r="ELP679" s="613"/>
      <c r="ELQ679" s="613"/>
      <c r="ELR679" s="613"/>
      <c r="ELS679" s="613"/>
      <c r="ELT679" s="613"/>
      <c r="ELU679" s="613"/>
      <c r="ELV679" s="613"/>
      <c r="ELW679" s="613"/>
      <c r="ELX679" s="613"/>
      <c r="ELY679" s="613"/>
      <c r="ELZ679" s="613"/>
      <c r="EMA679" s="613"/>
      <c r="EMB679" s="613"/>
      <c r="EMC679" s="613"/>
      <c r="EMD679" s="613"/>
      <c r="EME679" s="613"/>
      <c r="EMF679" s="613"/>
      <c r="EMG679" s="613"/>
      <c r="EMH679" s="613"/>
      <c r="EMI679" s="613"/>
      <c r="EMJ679" s="613"/>
      <c r="EMK679" s="613"/>
      <c r="EML679" s="613"/>
      <c r="EMM679" s="613"/>
      <c r="EMN679" s="613"/>
      <c r="EMO679" s="613"/>
      <c r="EMP679" s="613"/>
      <c r="EMQ679" s="613"/>
      <c r="EMR679" s="613"/>
      <c r="EMS679" s="613"/>
      <c r="EMT679" s="613"/>
      <c r="EMU679" s="613"/>
      <c r="EMV679" s="613"/>
      <c r="EMW679" s="613"/>
      <c r="EMX679" s="613"/>
      <c r="EMY679" s="613"/>
      <c r="EMZ679" s="613"/>
      <c r="ENA679" s="613"/>
      <c r="ENB679" s="613"/>
      <c r="ENC679" s="613"/>
      <c r="END679" s="613"/>
      <c r="ENE679" s="613"/>
      <c r="ENF679" s="613"/>
      <c r="ENG679" s="613"/>
      <c r="ENH679" s="613"/>
      <c r="ENI679" s="613"/>
      <c r="ENJ679" s="613"/>
      <c r="ENK679" s="613"/>
      <c r="ENL679" s="613"/>
      <c r="ENM679" s="613"/>
      <c r="ENN679" s="613"/>
      <c r="ENO679" s="613"/>
      <c r="ENP679" s="613"/>
      <c r="ENQ679" s="613"/>
      <c r="ENR679" s="613"/>
      <c r="ENS679" s="613"/>
      <c r="ENT679" s="613"/>
      <c r="ENU679" s="613"/>
      <c r="ENV679" s="613"/>
      <c r="ENW679" s="613"/>
      <c r="ENX679" s="613"/>
      <c r="ENY679" s="613"/>
      <c r="ENZ679" s="613"/>
      <c r="EOA679" s="613"/>
      <c r="EOB679" s="613"/>
      <c r="EOC679" s="613"/>
      <c r="EOD679" s="613"/>
      <c r="EOE679" s="613"/>
      <c r="EOF679" s="613"/>
      <c r="EOG679" s="613"/>
      <c r="EOH679" s="613"/>
      <c r="EOI679" s="613"/>
      <c r="EOJ679" s="613"/>
      <c r="EOK679" s="613"/>
      <c r="EOL679" s="613"/>
      <c r="EOM679" s="613"/>
      <c r="EON679" s="613"/>
      <c r="EOO679" s="613"/>
      <c r="EOP679" s="613"/>
      <c r="EOQ679" s="613"/>
      <c r="EOR679" s="613"/>
      <c r="EOS679" s="613"/>
      <c r="EOT679" s="613"/>
      <c r="EOU679" s="613"/>
      <c r="EOV679" s="613"/>
      <c r="EOW679" s="613"/>
      <c r="EOX679" s="613"/>
      <c r="EOY679" s="613"/>
      <c r="EOZ679" s="613"/>
      <c r="EPA679" s="613"/>
      <c r="EPB679" s="613"/>
      <c r="EPC679" s="613"/>
      <c r="EPD679" s="613"/>
      <c r="EPE679" s="613"/>
      <c r="EPF679" s="613"/>
      <c r="EPG679" s="613"/>
      <c r="EPH679" s="613"/>
      <c r="EPI679" s="613"/>
      <c r="EPJ679" s="613"/>
      <c r="EPK679" s="613"/>
      <c r="EPL679" s="613"/>
      <c r="EPM679" s="613"/>
      <c r="EPN679" s="613"/>
      <c r="EPO679" s="613"/>
      <c r="EPP679" s="613"/>
      <c r="EPQ679" s="613"/>
      <c r="EPR679" s="613"/>
      <c r="EPS679" s="613"/>
      <c r="EPT679" s="613"/>
      <c r="EPU679" s="613"/>
      <c r="EPV679" s="613"/>
      <c r="EPW679" s="613"/>
      <c r="EPX679" s="613"/>
      <c r="EPY679" s="613"/>
      <c r="EPZ679" s="613"/>
      <c r="EQA679" s="613"/>
      <c r="EQB679" s="613"/>
      <c r="EQC679" s="613"/>
      <c r="EQD679" s="613"/>
      <c r="EQE679" s="613"/>
      <c r="EQF679" s="613"/>
      <c r="EQG679" s="613"/>
      <c r="EQH679" s="613"/>
      <c r="EQI679" s="613"/>
      <c r="EQJ679" s="613"/>
      <c r="EQK679" s="613"/>
      <c r="EQL679" s="613"/>
      <c r="EQM679" s="613"/>
      <c r="EQN679" s="613"/>
      <c r="EQO679" s="613"/>
      <c r="EQP679" s="613"/>
      <c r="EQQ679" s="613"/>
      <c r="EQR679" s="613"/>
      <c r="EQS679" s="613"/>
      <c r="EQT679" s="613"/>
      <c r="EQU679" s="613"/>
      <c r="EQV679" s="613"/>
      <c r="EQW679" s="613"/>
      <c r="EQX679" s="613"/>
      <c r="EQY679" s="613"/>
      <c r="EQZ679" s="613"/>
      <c r="ERA679" s="613"/>
      <c r="ERB679" s="613"/>
      <c r="ERC679" s="613"/>
      <c r="ERD679" s="613"/>
      <c r="ERE679" s="613"/>
      <c r="ERF679" s="613"/>
      <c r="ERG679" s="613"/>
      <c r="ERH679" s="613"/>
      <c r="ERI679" s="613"/>
      <c r="ERJ679" s="613"/>
      <c r="ERK679" s="613"/>
      <c r="ERL679" s="613"/>
      <c r="ERM679" s="613"/>
      <c r="ERN679" s="613"/>
      <c r="ERO679" s="613"/>
      <c r="ERP679" s="613"/>
      <c r="ERQ679" s="613"/>
      <c r="ERR679" s="613"/>
      <c r="ERS679" s="613"/>
      <c r="ERT679" s="613"/>
      <c r="ERU679" s="613"/>
      <c r="ERV679" s="613"/>
      <c r="ERW679" s="613"/>
      <c r="ERX679" s="613"/>
      <c r="ERY679" s="613"/>
      <c r="ERZ679" s="613"/>
      <c r="ESA679" s="613"/>
      <c r="ESB679" s="613"/>
      <c r="ESC679" s="613"/>
      <c r="ESD679" s="613"/>
      <c r="ESE679" s="613"/>
      <c r="ESF679" s="613"/>
      <c r="ESG679" s="613"/>
      <c r="ESH679" s="613"/>
      <c r="ESI679" s="613"/>
      <c r="ESJ679" s="613"/>
      <c r="ESK679" s="613"/>
      <c r="ESL679" s="613"/>
      <c r="ESM679" s="613"/>
      <c r="ESN679" s="613"/>
      <c r="ESO679" s="613"/>
      <c r="ESP679" s="613"/>
      <c r="ESQ679" s="613"/>
      <c r="ESR679" s="613"/>
      <c r="ESS679" s="613"/>
      <c r="EST679" s="613"/>
      <c r="ESU679" s="613"/>
      <c r="ESV679" s="613"/>
      <c r="ESW679" s="613"/>
      <c r="ESX679" s="613"/>
      <c r="ESY679" s="613"/>
      <c r="ESZ679" s="613"/>
      <c r="ETA679" s="613"/>
      <c r="ETB679" s="613"/>
      <c r="ETC679" s="613"/>
      <c r="ETD679" s="613"/>
      <c r="ETE679" s="613"/>
      <c r="ETF679" s="613"/>
      <c r="ETG679" s="613"/>
      <c r="ETH679" s="613"/>
      <c r="ETI679" s="613"/>
      <c r="ETJ679" s="613"/>
      <c r="ETK679" s="613"/>
      <c r="ETL679" s="613"/>
      <c r="ETM679" s="613"/>
      <c r="ETN679" s="613"/>
      <c r="ETO679" s="613"/>
      <c r="ETP679" s="613"/>
      <c r="ETQ679" s="613"/>
      <c r="ETR679" s="613"/>
      <c r="ETS679" s="613"/>
      <c r="ETT679" s="613"/>
      <c r="ETU679" s="613"/>
      <c r="ETV679" s="613"/>
      <c r="ETW679" s="613"/>
      <c r="ETX679" s="613"/>
      <c r="ETY679" s="613"/>
      <c r="ETZ679" s="613"/>
      <c r="EUA679" s="613"/>
      <c r="EUB679" s="613"/>
      <c r="EUC679" s="613"/>
      <c r="EUD679" s="613"/>
      <c r="EUE679" s="613"/>
      <c r="EUF679" s="613"/>
      <c r="EUG679" s="613"/>
      <c r="EUH679" s="613"/>
      <c r="EUI679" s="613"/>
      <c r="EUJ679" s="613"/>
      <c r="EUK679" s="613"/>
      <c r="EUL679" s="613"/>
      <c r="EUM679" s="613"/>
      <c r="EUN679" s="613"/>
      <c r="EUO679" s="613"/>
      <c r="EUP679" s="613"/>
      <c r="EUQ679" s="613"/>
      <c r="EUR679" s="613"/>
      <c r="EUS679" s="613"/>
      <c r="EUT679" s="613"/>
      <c r="EUU679" s="613"/>
      <c r="EUV679" s="613"/>
      <c r="EUW679" s="613"/>
      <c r="EUX679" s="613"/>
      <c r="EUY679" s="613"/>
      <c r="EUZ679" s="613"/>
      <c r="EVA679" s="613"/>
      <c r="EVB679" s="613"/>
      <c r="EVC679" s="613"/>
      <c r="EVD679" s="613"/>
      <c r="EVE679" s="613"/>
      <c r="EVF679" s="613"/>
      <c r="EVG679" s="613"/>
      <c r="EVH679" s="613"/>
      <c r="EVI679" s="613"/>
      <c r="EVJ679" s="613"/>
      <c r="EVK679" s="613"/>
      <c r="EVL679" s="613"/>
      <c r="EVM679" s="613"/>
      <c r="EVN679" s="613"/>
      <c r="EVO679" s="613"/>
      <c r="EVP679" s="613"/>
      <c r="EVQ679" s="613"/>
      <c r="EVR679" s="613"/>
      <c r="EVS679" s="613"/>
      <c r="EVT679" s="613"/>
      <c r="EVU679" s="613"/>
      <c r="EVV679" s="613"/>
      <c r="EVW679" s="613"/>
      <c r="EVX679" s="613"/>
      <c r="EVY679" s="613"/>
      <c r="EVZ679" s="613"/>
      <c r="EWA679" s="613"/>
      <c r="EWB679" s="613"/>
      <c r="EWC679" s="613"/>
      <c r="EWD679" s="613"/>
      <c r="EWE679" s="613"/>
      <c r="EWF679" s="613"/>
      <c r="EWG679" s="613"/>
      <c r="EWH679" s="613"/>
      <c r="EWI679" s="613"/>
      <c r="EWJ679" s="613"/>
      <c r="EWK679" s="613"/>
      <c r="EWL679" s="613"/>
      <c r="EWM679" s="613"/>
      <c r="EWN679" s="613"/>
      <c r="EWO679" s="613"/>
      <c r="EWP679" s="613"/>
      <c r="EWQ679" s="613"/>
      <c r="EWR679" s="613"/>
      <c r="EWS679" s="613"/>
      <c r="EWT679" s="613"/>
      <c r="EWU679" s="613"/>
      <c r="EWV679" s="613"/>
      <c r="EWW679" s="613"/>
      <c r="EWX679" s="613"/>
      <c r="EWY679" s="613"/>
      <c r="EWZ679" s="613"/>
      <c r="EXA679" s="613"/>
      <c r="EXB679" s="613"/>
      <c r="EXC679" s="613"/>
      <c r="EXD679" s="613"/>
      <c r="EXE679" s="613"/>
      <c r="EXF679" s="613"/>
      <c r="EXG679" s="613"/>
      <c r="EXH679" s="613"/>
      <c r="EXI679" s="613"/>
      <c r="EXJ679" s="613"/>
      <c r="EXK679" s="613"/>
      <c r="EXL679" s="613"/>
      <c r="EXM679" s="613"/>
      <c r="EXN679" s="613"/>
      <c r="EXO679" s="613"/>
      <c r="EXP679" s="613"/>
      <c r="EXQ679" s="613"/>
      <c r="EXR679" s="613"/>
      <c r="EXS679" s="613"/>
      <c r="EXT679" s="613"/>
      <c r="EXU679" s="613"/>
      <c r="EXV679" s="613"/>
      <c r="EXW679" s="613"/>
      <c r="EXX679" s="613"/>
      <c r="EXY679" s="613"/>
      <c r="EXZ679" s="613"/>
      <c r="EYA679" s="613"/>
      <c r="EYB679" s="613"/>
      <c r="EYC679" s="613"/>
      <c r="EYD679" s="613"/>
      <c r="EYE679" s="613"/>
      <c r="EYF679" s="613"/>
      <c r="EYG679" s="613"/>
      <c r="EYH679" s="613"/>
      <c r="EYI679" s="613"/>
      <c r="EYJ679" s="613"/>
      <c r="EYK679" s="613"/>
      <c r="EYL679" s="613"/>
      <c r="EYM679" s="613"/>
      <c r="EYN679" s="613"/>
      <c r="EYO679" s="613"/>
      <c r="EYP679" s="613"/>
      <c r="EYQ679" s="613"/>
      <c r="EYR679" s="613"/>
      <c r="EYS679" s="613"/>
      <c r="EYT679" s="613"/>
      <c r="EYU679" s="613"/>
      <c r="EYV679" s="613"/>
      <c r="EYW679" s="613"/>
      <c r="EYX679" s="613"/>
      <c r="EYY679" s="613"/>
      <c r="EYZ679" s="613"/>
      <c r="EZA679" s="613"/>
      <c r="EZB679" s="613"/>
      <c r="EZC679" s="613"/>
      <c r="EZD679" s="613"/>
      <c r="EZE679" s="613"/>
      <c r="EZF679" s="613"/>
      <c r="EZG679" s="613"/>
      <c r="EZH679" s="613"/>
      <c r="EZI679" s="613"/>
      <c r="EZJ679" s="613"/>
      <c r="EZK679" s="613"/>
      <c r="EZL679" s="613"/>
      <c r="EZM679" s="613"/>
      <c r="EZN679" s="613"/>
      <c r="EZO679" s="613"/>
      <c r="EZP679" s="613"/>
      <c r="EZQ679" s="613"/>
      <c r="EZR679" s="613"/>
      <c r="EZS679" s="613"/>
      <c r="EZT679" s="613"/>
      <c r="EZU679" s="613"/>
      <c r="EZV679" s="613"/>
      <c r="EZW679" s="613"/>
      <c r="EZX679" s="613"/>
      <c r="EZY679" s="613"/>
      <c r="EZZ679" s="613"/>
      <c r="FAA679" s="613"/>
      <c r="FAB679" s="613"/>
      <c r="FAC679" s="613"/>
      <c r="FAD679" s="613"/>
      <c r="FAE679" s="613"/>
      <c r="FAF679" s="613"/>
      <c r="FAG679" s="613"/>
      <c r="FAH679" s="613"/>
      <c r="FAI679" s="613"/>
      <c r="FAJ679" s="613"/>
      <c r="FAK679" s="613"/>
      <c r="FAL679" s="613"/>
      <c r="FAM679" s="613"/>
      <c r="FAN679" s="613"/>
      <c r="FAO679" s="613"/>
      <c r="FAP679" s="613"/>
      <c r="FAQ679" s="613"/>
      <c r="FAR679" s="613"/>
      <c r="FAS679" s="613"/>
      <c r="FAT679" s="613"/>
      <c r="FAU679" s="613"/>
      <c r="FAV679" s="613"/>
      <c r="FAW679" s="613"/>
      <c r="FAX679" s="613"/>
      <c r="FAY679" s="613"/>
      <c r="FAZ679" s="613"/>
      <c r="FBA679" s="613"/>
      <c r="FBB679" s="613"/>
      <c r="FBC679" s="613"/>
      <c r="FBD679" s="613"/>
      <c r="FBE679" s="613"/>
      <c r="FBF679" s="613"/>
      <c r="FBG679" s="613"/>
      <c r="FBH679" s="613"/>
      <c r="FBI679" s="613"/>
      <c r="FBJ679" s="613"/>
      <c r="FBK679" s="613"/>
      <c r="FBL679" s="613"/>
      <c r="FBM679" s="613"/>
      <c r="FBN679" s="613"/>
      <c r="FBO679" s="613"/>
      <c r="FBP679" s="613"/>
      <c r="FBQ679" s="613"/>
      <c r="FBR679" s="613"/>
      <c r="FBS679" s="613"/>
      <c r="FBT679" s="613"/>
      <c r="FBU679" s="613"/>
      <c r="FBV679" s="613"/>
      <c r="FBW679" s="613"/>
      <c r="FBX679" s="613"/>
      <c r="FBY679" s="613"/>
      <c r="FBZ679" s="613"/>
      <c r="FCA679" s="613"/>
      <c r="FCB679" s="613"/>
      <c r="FCC679" s="613"/>
      <c r="FCD679" s="613"/>
      <c r="FCE679" s="613"/>
      <c r="FCF679" s="613"/>
      <c r="FCG679" s="613"/>
      <c r="FCH679" s="613"/>
      <c r="FCI679" s="613"/>
      <c r="FCJ679" s="613"/>
      <c r="FCK679" s="613"/>
      <c r="FCL679" s="613"/>
      <c r="FCM679" s="613"/>
      <c r="FCN679" s="613"/>
      <c r="FCO679" s="613"/>
      <c r="FCP679" s="613"/>
      <c r="FCQ679" s="613"/>
      <c r="FCR679" s="613"/>
      <c r="FCS679" s="613"/>
      <c r="FCT679" s="613"/>
      <c r="FCU679" s="613"/>
      <c r="FCV679" s="613"/>
      <c r="FCW679" s="613"/>
      <c r="FCX679" s="613"/>
      <c r="FCY679" s="613"/>
      <c r="FCZ679" s="613"/>
      <c r="FDA679" s="613"/>
      <c r="FDB679" s="613"/>
      <c r="FDC679" s="613"/>
      <c r="FDD679" s="613"/>
      <c r="FDE679" s="613"/>
      <c r="FDF679" s="613"/>
      <c r="FDG679" s="613"/>
      <c r="FDH679" s="613"/>
      <c r="FDI679" s="613"/>
      <c r="FDJ679" s="613"/>
      <c r="FDK679" s="613"/>
      <c r="FDL679" s="613"/>
      <c r="FDM679" s="613"/>
      <c r="FDN679" s="613"/>
      <c r="FDO679" s="613"/>
      <c r="FDP679" s="613"/>
      <c r="FDQ679" s="613"/>
      <c r="FDR679" s="613"/>
      <c r="FDS679" s="613"/>
      <c r="FDT679" s="613"/>
      <c r="FDU679" s="613"/>
      <c r="FDV679" s="613"/>
      <c r="FDW679" s="613"/>
      <c r="FDX679" s="613"/>
      <c r="FDY679" s="613"/>
      <c r="FDZ679" s="613"/>
      <c r="FEA679" s="613"/>
      <c r="FEB679" s="613"/>
      <c r="FEC679" s="613"/>
      <c r="FED679" s="613"/>
      <c r="FEE679" s="613"/>
      <c r="FEF679" s="613"/>
      <c r="FEG679" s="613"/>
      <c r="FEH679" s="613"/>
      <c r="FEI679" s="613"/>
      <c r="FEJ679" s="613"/>
      <c r="FEK679" s="613"/>
      <c r="FEL679" s="613"/>
      <c r="FEM679" s="613"/>
      <c r="FEN679" s="613"/>
      <c r="FEO679" s="613"/>
      <c r="FEP679" s="613"/>
      <c r="FEQ679" s="613"/>
      <c r="FER679" s="613"/>
      <c r="FES679" s="613"/>
      <c r="FET679" s="613"/>
      <c r="FEU679" s="613"/>
      <c r="FEV679" s="613"/>
      <c r="FEW679" s="613"/>
      <c r="FEX679" s="613"/>
      <c r="FEY679" s="613"/>
      <c r="FEZ679" s="613"/>
      <c r="FFA679" s="613"/>
      <c r="FFB679" s="613"/>
      <c r="FFC679" s="613"/>
      <c r="FFD679" s="613"/>
      <c r="FFE679" s="613"/>
      <c r="FFF679" s="613"/>
      <c r="FFG679" s="613"/>
      <c r="FFH679" s="613"/>
      <c r="FFI679" s="613"/>
      <c r="FFJ679" s="613"/>
      <c r="FFK679" s="613"/>
      <c r="FFL679" s="613"/>
      <c r="FFM679" s="613"/>
      <c r="FFN679" s="613"/>
      <c r="FFO679" s="613"/>
      <c r="FFP679" s="613"/>
      <c r="FFQ679" s="613"/>
      <c r="FFR679" s="613"/>
      <c r="FFS679" s="613"/>
      <c r="FFT679" s="613"/>
      <c r="FFU679" s="613"/>
      <c r="FFV679" s="613"/>
      <c r="FFW679" s="613"/>
      <c r="FFX679" s="613"/>
      <c r="FFY679" s="613"/>
      <c r="FFZ679" s="613"/>
      <c r="FGA679" s="613"/>
      <c r="FGB679" s="613"/>
      <c r="FGC679" s="613"/>
      <c r="FGD679" s="613"/>
      <c r="FGE679" s="613"/>
      <c r="FGF679" s="613"/>
      <c r="FGG679" s="613"/>
      <c r="FGH679" s="613"/>
      <c r="FGI679" s="613"/>
      <c r="FGJ679" s="613"/>
      <c r="FGK679" s="613"/>
      <c r="FGL679" s="613"/>
      <c r="FGM679" s="613"/>
      <c r="FGN679" s="613"/>
      <c r="FGO679" s="613"/>
      <c r="FGP679" s="613"/>
      <c r="FGQ679" s="613"/>
      <c r="FGR679" s="613"/>
      <c r="FGS679" s="613"/>
      <c r="FGT679" s="613"/>
      <c r="FGU679" s="613"/>
      <c r="FGV679" s="613"/>
      <c r="FGW679" s="613"/>
      <c r="FGX679" s="613"/>
      <c r="FGY679" s="613"/>
      <c r="FGZ679" s="613"/>
      <c r="FHA679" s="613"/>
      <c r="FHB679" s="613"/>
      <c r="FHC679" s="613"/>
      <c r="FHD679" s="613"/>
      <c r="FHE679" s="613"/>
      <c r="FHF679" s="613"/>
      <c r="FHG679" s="613"/>
      <c r="FHH679" s="613"/>
      <c r="FHI679" s="613"/>
      <c r="FHJ679" s="613"/>
      <c r="FHK679" s="613"/>
      <c r="FHL679" s="613"/>
      <c r="FHM679" s="613"/>
      <c r="FHN679" s="613"/>
      <c r="FHO679" s="613"/>
      <c r="FHP679" s="613"/>
      <c r="FHQ679" s="613"/>
      <c r="FHR679" s="613"/>
      <c r="FHS679" s="613"/>
      <c r="FHT679" s="613"/>
      <c r="FHU679" s="613"/>
      <c r="FHV679" s="613"/>
      <c r="FHW679" s="613"/>
      <c r="FHX679" s="613"/>
      <c r="FHY679" s="613"/>
      <c r="FHZ679" s="613"/>
      <c r="FIA679" s="613"/>
      <c r="FIB679" s="613"/>
      <c r="FIC679" s="613"/>
      <c r="FID679" s="613"/>
      <c r="FIE679" s="613"/>
      <c r="FIF679" s="613"/>
      <c r="FIG679" s="613"/>
      <c r="FIH679" s="613"/>
      <c r="FII679" s="613"/>
      <c r="FIJ679" s="613"/>
      <c r="FIK679" s="613"/>
      <c r="FIL679" s="613"/>
      <c r="FIM679" s="613"/>
      <c r="FIN679" s="613"/>
      <c r="FIO679" s="613"/>
      <c r="FIP679" s="613"/>
      <c r="FIQ679" s="613"/>
      <c r="FIR679" s="613"/>
      <c r="FIS679" s="613"/>
      <c r="FIT679" s="613"/>
      <c r="FIU679" s="613"/>
      <c r="FIV679" s="613"/>
      <c r="FIW679" s="613"/>
      <c r="FIX679" s="613"/>
      <c r="FIY679" s="613"/>
      <c r="FIZ679" s="613"/>
      <c r="FJA679" s="613"/>
      <c r="FJB679" s="613"/>
      <c r="FJC679" s="613"/>
      <c r="FJD679" s="613"/>
      <c r="FJE679" s="613"/>
      <c r="FJF679" s="613"/>
      <c r="FJG679" s="613"/>
      <c r="FJH679" s="613"/>
      <c r="FJI679" s="613"/>
      <c r="FJJ679" s="613"/>
      <c r="FJK679" s="613"/>
      <c r="FJL679" s="613"/>
      <c r="FJM679" s="613"/>
      <c r="FJN679" s="613"/>
      <c r="FJO679" s="613"/>
      <c r="FJP679" s="613"/>
      <c r="FJQ679" s="613"/>
      <c r="FJR679" s="613"/>
      <c r="FJS679" s="613"/>
      <c r="FJT679" s="613"/>
      <c r="FJU679" s="613"/>
      <c r="FJV679" s="613"/>
      <c r="FJW679" s="613"/>
      <c r="FJX679" s="613"/>
      <c r="FJY679" s="613"/>
      <c r="FJZ679" s="613"/>
      <c r="FKA679" s="613"/>
      <c r="FKB679" s="613"/>
      <c r="FKC679" s="613"/>
      <c r="FKD679" s="613"/>
      <c r="FKE679" s="613"/>
      <c r="FKF679" s="613"/>
      <c r="FKG679" s="613"/>
      <c r="FKH679" s="613"/>
      <c r="FKI679" s="613"/>
      <c r="FKJ679" s="613"/>
      <c r="FKK679" s="613"/>
      <c r="FKL679" s="613"/>
      <c r="FKM679" s="613"/>
      <c r="FKN679" s="613"/>
      <c r="FKO679" s="613"/>
      <c r="FKP679" s="613"/>
      <c r="FKQ679" s="613"/>
      <c r="FKR679" s="613"/>
      <c r="FKS679" s="613"/>
      <c r="FKT679" s="613"/>
      <c r="FKU679" s="613"/>
      <c r="FKV679" s="613"/>
      <c r="FKW679" s="613"/>
      <c r="FKX679" s="613"/>
      <c r="FKY679" s="613"/>
      <c r="FKZ679" s="613"/>
      <c r="FLA679" s="613"/>
      <c r="FLB679" s="613"/>
      <c r="FLC679" s="613"/>
      <c r="FLD679" s="613"/>
      <c r="FLE679" s="613"/>
      <c r="FLF679" s="613"/>
      <c r="FLG679" s="613"/>
      <c r="FLH679" s="613"/>
      <c r="FLI679" s="613"/>
      <c r="FLJ679" s="613"/>
      <c r="FLK679" s="613"/>
      <c r="FLL679" s="613"/>
      <c r="FLM679" s="613"/>
      <c r="FLN679" s="613"/>
      <c r="FLO679" s="613"/>
      <c r="FLP679" s="613"/>
      <c r="FLQ679" s="613"/>
      <c r="FLR679" s="613"/>
      <c r="FLS679" s="613"/>
      <c r="FLT679" s="613"/>
      <c r="FLU679" s="613"/>
      <c r="FLV679" s="613"/>
      <c r="FLW679" s="613"/>
      <c r="FLX679" s="613"/>
      <c r="FLY679" s="613"/>
      <c r="FLZ679" s="613"/>
      <c r="FMA679" s="613"/>
      <c r="FMB679" s="613"/>
      <c r="FMC679" s="613"/>
      <c r="FMD679" s="613"/>
      <c r="FME679" s="613"/>
      <c r="FMF679" s="613"/>
      <c r="FMG679" s="613"/>
      <c r="FMH679" s="613"/>
      <c r="FMI679" s="613"/>
      <c r="FMJ679" s="613"/>
      <c r="FMK679" s="613"/>
      <c r="FML679" s="613"/>
      <c r="FMM679" s="613"/>
      <c r="FMN679" s="613"/>
      <c r="FMO679" s="613"/>
      <c r="FMP679" s="613"/>
      <c r="FMQ679" s="613"/>
      <c r="FMR679" s="613"/>
      <c r="FMS679" s="613"/>
      <c r="FMT679" s="613"/>
      <c r="FMU679" s="613"/>
      <c r="FMV679" s="613"/>
      <c r="FMW679" s="613"/>
      <c r="FMX679" s="613"/>
      <c r="FMY679" s="613"/>
      <c r="FMZ679" s="613"/>
      <c r="FNA679" s="613"/>
      <c r="FNB679" s="613"/>
      <c r="FNC679" s="613"/>
      <c r="FND679" s="613"/>
      <c r="FNE679" s="613"/>
      <c r="FNF679" s="613"/>
      <c r="FNG679" s="613"/>
      <c r="FNH679" s="613"/>
      <c r="FNI679" s="613"/>
      <c r="FNJ679" s="613"/>
      <c r="FNK679" s="613"/>
      <c r="FNL679" s="613"/>
      <c r="FNM679" s="613"/>
      <c r="FNN679" s="613"/>
      <c r="FNO679" s="613"/>
      <c r="FNP679" s="613"/>
      <c r="FNQ679" s="613"/>
      <c r="FNR679" s="613"/>
      <c r="FNS679" s="613"/>
      <c r="FNT679" s="613"/>
      <c r="FNU679" s="613"/>
      <c r="FNV679" s="613"/>
      <c r="FNW679" s="613"/>
      <c r="FNX679" s="613"/>
      <c r="FNY679" s="613"/>
      <c r="FNZ679" s="613"/>
      <c r="FOA679" s="613"/>
      <c r="FOB679" s="613"/>
      <c r="FOC679" s="613"/>
      <c r="FOD679" s="613"/>
      <c r="FOE679" s="613"/>
      <c r="FOF679" s="613"/>
      <c r="FOG679" s="613"/>
      <c r="FOH679" s="613"/>
      <c r="FOI679" s="613"/>
      <c r="FOJ679" s="613"/>
      <c r="FOK679" s="613"/>
      <c r="FOL679" s="613"/>
      <c r="FOM679" s="613"/>
      <c r="FON679" s="613"/>
      <c r="FOO679" s="613"/>
      <c r="FOP679" s="613"/>
      <c r="FOQ679" s="613"/>
      <c r="FOR679" s="613"/>
      <c r="FOS679" s="613"/>
      <c r="FOT679" s="613"/>
      <c r="FOU679" s="613"/>
      <c r="FOV679" s="613"/>
      <c r="FOW679" s="613"/>
      <c r="FOX679" s="613"/>
      <c r="FOY679" s="613"/>
      <c r="FOZ679" s="613"/>
      <c r="FPA679" s="613"/>
      <c r="FPB679" s="613"/>
      <c r="FPC679" s="613"/>
      <c r="FPD679" s="613"/>
      <c r="FPE679" s="613"/>
      <c r="FPF679" s="613"/>
      <c r="FPG679" s="613"/>
      <c r="FPH679" s="613"/>
      <c r="FPI679" s="613"/>
      <c r="FPJ679" s="613"/>
      <c r="FPK679" s="613"/>
      <c r="FPL679" s="613"/>
      <c r="FPM679" s="613"/>
      <c r="FPN679" s="613"/>
      <c r="FPO679" s="613"/>
      <c r="FPP679" s="613"/>
      <c r="FPQ679" s="613"/>
      <c r="FPR679" s="613"/>
      <c r="FPS679" s="613"/>
      <c r="FPT679" s="613"/>
      <c r="FPU679" s="613"/>
      <c r="FPV679" s="613"/>
      <c r="FPW679" s="613"/>
      <c r="FPX679" s="613"/>
      <c r="FPY679" s="613"/>
      <c r="FPZ679" s="613"/>
      <c r="FQA679" s="613"/>
      <c r="FQB679" s="613"/>
      <c r="FQC679" s="613"/>
      <c r="FQD679" s="613"/>
      <c r="FQE679" s="613"/>
      <c r="FQF679" s="613"/>
      <c r="FQG679" s="613"/>
      <c r="FQH679" s="613"/>
      <c r="FQI679" s="613"/>
      <c r="FQJ679" s="613"/>
      <c r="FQK679" s="613"/>
      <c r="FQL679" s="613"/>
      <c r="FQM679" s="613"/>
      <c r="FQN679" s="613"/>
      <c r="FQO679" s="613"/>
      <c r="FQP679" s="613"/>
      <c r="FQQ679" s="613"/>
      <c r="FQR679" s="613"/>
      <c r="FQS679" s="613"/>
      <c r="FQT679" s="613"/>
      <c r="FQU679" s="613"/>
      <c r="FQV679" s="613"/>
      <c r="FQW679" s="613"/>
      <c r="FQX679" s="613"/>
      <c r="FQY679" s="613"/>
      <c r="FQZ679" s="613"/>
      <c r="FRA679" s="613"/>
      <c r="FRB679" s="613"/>
      <c r="FRC679" s="613"/>
      <c r="FRD679" s="613"/>
      <c r="FRE679" s="613"/>
      <c r="FRF679" s="613"/>
      <c r="FRG679" s="613"/>
      <c r="FRH679" s="613"/>
      <c r="FRI679" s="613"/>
      <c r="FRJ679" s="613"/>
      <c r="FRK679" s="613"/>
      <c r="FRL679" s="613"/>
      <c r="FRM679" s="613"/>
      <c r="FRN679" s="613"/>
      <c r="FRO679" s="613"/>
      <c r="FRP679" s="613"/>
      <c r="FRQ679" s="613"/>
      <c r="FRR679" s="613"/>
      <c r="FRS679" s="613"/>
      <c r="FRT679" s="613"/>
      <c r="FRU679" s="613"/>
      <c r="FRV679" s="613"/>
      <c r="FRW679" s="613"/>
      <c r="FRX679" s="613"/>
      <c r="FRY679" s="613"/>
      <c r="FRZ679" s="613"/>
      <c r="FSA679" s="613"/>
      <c r="FSB679" s="613"/>
      <c r="FSC679" s="613"/>
      <c r="FSD679" s="613"/>
      <c r="FSE679" s="613"/>
      <c r="FSF679" s="613"/>
      <c r="FSG679" s="613"/>
      <c r="FSH679" s="613"/>
      <c r="FSI679" s="613"/>
      <c r="FSJ679" s="613"/>
      <c r="FSK679" s="613"/>
      <c r="FSL679" s="613"/>
      <c r="FSM679" s="613"/>
      <c r="FSN679" s="613"/>
      <c r="FSO679" s="613"/>
      <c r="FSP679" s="613"/>
      <c r="FSQ679" s="613"/>
      <c r="FSR679" s="613"/>
      <c r="FSS679" s="613"/>
      <c r="FST679" s="613"/>
      <c r="FSU679" s="613"/>
      <c r="FSV679" s="613"/>
      <c r="FSW679" s="613"/>
      <c r="FSX679" s="613"/>
      <c r="FSY679" s="613"/>
      <c r="FSZ679" s="613"/>
      <c r="FTA679" s="613"/>
      <c r="FTB679" s="613"/>
      <c r="FTC679" s="613"/>
      <c r="FTD679" s="613"/>
      <c r="FTE679" s="613"/>
      <c r="FTF679" s="613"/>
      <c r="FTG679" s="613"/>
      <c r="FTH679" s="613"/>
      <c r="FTI679" s="613"/>
      <c r="FTJ679" s="613"/>
      <c r="FTK679" s="613"/>
      <c r="FTL679" s="613"/>
      <c r="FTM679" s="613"/>
      <c r="FTN679" s="613"/>
      <c r="FTO679" s="613"/>
      <c r="FTP679" s="613"/>
      <c r="FTQ679" s="613"/>
      <c r="FTR679" s="613"/>
      <c r="FTS679" s="613"/>
      <c r="FTT679" s="613"/>
      <c r="FTU679" s="613"/>
      <c r="FTV679" s="613"/>
      <c r="FTW679" s="613"/>
      <c r="FTX679" s="613"/>
      <c r="FTY679" s="613"/>
      <c r="FTZ679" s="613"/>
      <c r="FUA679" s="613"/>
      <c r="FUB679" s="613"/>
      <c r="FUC679" s="613"/>
      <c r="FUD679" s="613"/>
      <c r="FUE679" s="613"/>
      <c r="FUF679" s="613"/>
      <c r="FUG679" s="613"/>
      <c r="FUH679" s="613"/>
      <c r="FUI679" s="613"/>
      <c r="FUJ679" s="613"/>
      <c r="FUK679" s="613"/>
      <c r="FUL679" s="613"/>
      <c r="FUM679" s="613"/>
      <c r="FUN679" s="613"/>
      <c r="FUO679" s="613"/>
      <c r="FUP679" s="613"/>
      <c r="FUQ679" s="613"/>
      <c r="FUR679" s="613"/>
      <c r="FUS679" s="613"/>
      <c r="FUT679" s="613"/>
      <c r="FUU679" s="613"/>
      <c r="FUV679" s="613"/>
      <c r="FUW679" s="613"/>
      <c r="FUX679" s="613"/>
      <c r="FUY679" s="613"/>
      <c r="FUZ679" s="613"/>
      <c r="FVA679" s="613"/>
      <c r="FVB679" s="613"/>
      <c r="FVC679" s="613"/>
      <c r="FVD679" s="613"/>
      <c r="FVE679" s="613"/>
      <c r="FVF679" s="613"/>
      <c r="FVG679" s="613"/>
      <c r="FVH679" s="613"/>
      <c r="FVI679" s="613"/>
      <c r="FVJ679" s="613"/>
      <c r="FVK679" s="613"/>
      <c r="FVL679" s="613"/>
      <c r="FVM679" s="613"/>
      <c r="FVN679" s="613"/>
      <c r="FVO679" s="613"/>
      <c r="FVP679" s="613"/>
      <c r="FVQ679" s="613"/>
      <c r="FVR679" s="613"/>
      <c r="FVS679" s="613"/>
      <c r="FVT679" s="613"/>
      <c r="FVU679" s="613"/>
      <c r="FVV679" s="613"/>
      <c r="FVW679" s="613"/>
      <c r="FVX679" s="613"/>
      <c r="FVY679" s="613"/>
      <c r="FVZ679" s="613"/>
      <c r="FWA679" s="613"/>
      <c r="FWB679" s="613"/>
      <c r="FWC679" s="613"/>
      <c r="FWD679" s="613"/>
      <c r="FWE679" s="613"/>
      <c r="FWF679" s="613"/>
      <c r="FWG679" s="613"/>
      <c r="FWH679" s="613"/>
      <c r="FWI679" s="613"/>
      <c r="FWJ679" s="613"/>
      <c r="FWK679" s="613"/>
      <c r="FWL679" s="613"/>
      <c r="FWM679" s="613"/>
      <c r="FWN679" s="613"/>
      <c r="FWO679" s="613"/>
      <c r="FWP679" s="613"/>
      <c r="FWQ679" s="613"/>
      <c r="FWR679" s="613"/>
      <c r="FWS679" s="613"/>
      <c r="FWT679" s="613"/>
      <c r="FWU679" s="613"/>
      <c r="FWV679" s="613"/>
      <c r="FWW679" s="613"/>
      <c r="FWX679" s="613"/>
      <c r="FWY679" s="613"/>
      <c r="FWZ679" s="613"/>
      <c r="FXA679" s="613"/>
      <c r="FXB679" s="613"/>
      <c r="FXC679" s="613"/>
      <c r="FXD679" s="613"/>
      <c r="FXE679" s="613"/>
      <c r="FXF679" s="613"/>
      <c r="FXG679" s="613"/>
      <c r="FXH679" s="613"/>
      <c r="FXI679" s="613"/>
      <c r="FXJ679" s="613"/>
      <c r="FXK679" s="613"/>
      <c r="FXL679" s="613"/>
      <c r="FXM679" s="613"/>
      <c r="FXN679" s="613"/>
      <c r="FXO679" s="613"/>
      <c r="FXP679" s="613"/>
      <c r="FXQ679" s="613"/>
      <c r="FXR679" s="613"/>
      <c r="FXS679" s="613"/>
      <c r="FXT679" s="613"/>
      <c r="FXU679" s="613"/>
      <c r="FXV679" s="613"/>
      <c r="FXW679" s="613"/>
      <c r="FXX679" s="613"/>
      <c r="FXY679" s="613"/>
      <c r="FXZ679" s="613"/>
      <c r="FYA679" s="613"/>
      <c r="FYB679" s="613"/>
      <c r="FYC679" s="613"/>
      <c r="FYD679" s="613"/>
      <c r="FYE679" s="613"/>
      <c r="FYF679" s="613"/>
      <c r="FYG679" s="613"/>
      <c r="FYH679" s="613"/>
      <c r="FYI679" s="613"/>
      <c r="FYJ679" s="613"/>
      <c r="FYK679" s="613"/>
      <c r="FYL679" s="613"/>
      <c r="FYM679" s="613"/>
      <c r="FYN679" s="613"/>
      <c r="FYO679" s="613"/>
      <c r="FYP679" s="613"/>
      <c r="FYQ679" s="613"/>
      <c r="FYR679" s="613"/>
      <c r="FYS679" s="613"/>
      <c r="FYT679" s="613"/>
      <c r="FYU679" s="613"/>
      <c r="FYV679" s="613"/>
      <c r="FYW679" s="613"/>
      <c r="FYX679" s="613"/>
      <c r="FYY679" s="613"/>
      <c r="FYZ679" s="613"/>
      <c r="FZA679" s="613"/>
      <c r="FZB679" s="613"/>
      <c r="FZC679" s="613"/>
      <c r="FZD679" s="613"/>
      <c r="FZE679" s="613"/>
      <c r="FZF679" s="613"/>
      <c r="FZG679" s="613"/>
      <c r="FZH679" s="613"/>
      <c r="FZI679" s="613"/>
      <c r="FZJ679" s="613"/>
      <c r="FZK679" s="613"/>
      <c r="FZL679" s="613"/>
      <c r="FZM679" s="613"/>
      <c r="FZN679" s="613"/>
      <c r="FZO679" s="613"/>
      <c r="FZP679" s="613"/>
      <c r="FZQ679" s="613"/>
      <c r="FZR679" s="613"/>
      <c r="FZS679" s="613"/>
      <c r="FZT679" s="613"/>
      <c r="FZU679" s="613"/>
      <c r="FZV679" s="613"/>
      <c r="FZW679" s="613"/>
      <c r="FZX679" s="613"/>
      <c r="FZY679" s="613"/>
      <c r="FZZ679" s="613"/>
      <c r="GAA679" s="613"/>
      <c r="GAB679" s="613"/>
      <c r="GAC679" s="613"/>
      <c r="GAD679" s="613"/>
      <c r="GAE679" s="613"/>
      <c r="GAF679" s="613"/>
      <c r="GAG679" s="613"/>
      <c r="GAH679" s="613"/>
      <c r="GAI679" s="613"/>
      <c r="GAJ679" s="613"/>
      <c r="GAK679" s="613"/>
      <c r="GAL679" s="613"/>
      <c r="GAM679" s="613"/>
      <c r="GAN679" s="613"/>
      <c r="GAO679" s="613"/>
      <c r="GAP679" s="613"/>
      <c r="GAQ679" s="613"/>
      <c r="GAR679" s="613"/>
      <c r="GAS679" s="613"/>
      <c r="GAT679" s="613"/>
      <c r="GAU679" s="613"/>
      <c r="GAV679" s="613"/>
      <c r="GAW679" s="613"/>
      <c r="GAX679" s="613"/>
      <c r="GAY679" s="613"/>
      <c r="GAZ679" s="613"/>
      <c r="GBA679" s="613"/>
      <c r="GBB679" s="613"/>
      <c r="GBC679" s="613"/>
      <c r="GBD679" s="613"/>
      <c r="GBE679" s="613"/>
      <c r="GBF679" s="613"/>
      <c r="GBG679" s="613"/>
      <c r="GBH679" s="613"/>
      <c r="GBI679" s="613"/>
      <c r="GBJ679" s="613"/>
      <c r="GBK679" s="613"/>
      <c r="GBL679" s="613"/>
      <c r="GBM679" s="613"/>
      <c r="GBN679" s="613"/>
      <c r="GBO679" s="613"/>
      <c r="GBP679" s="613"/>
      <c r="GBQ679" s="613"/>
      <c r="GBR679" s="613"/>
      <c r="GBS679" s="613"/>
      <c r="GBT679" s="613"/>
      <c r="GBU679" s="613"/>
      <c r="GBV679" s="613"/>
      <c r="GBW679" s="613"/>
      <c r="GBX679" s="613"/>
      <c r="GBY679" s="613"/>
      <c r="GBZ679" s="613"/>
      <c r="GCA679" s="613"/>
      <c r="GCB679" s="613"/>
      <c r="GCC679" s="613"/>
      <c r="GCD679" s="613"/>
      <c r="GCE679" s="613"/>
      <c r="GCF679" s="613"/>
      <c r="GCG679" s="613"/>
      <c r="GCH679" s="613"/>
      <c r="GCI679" s="613"/>
      <c r="GCJ679" s="613"/>
      <c r="GCK679" s="613"/>
      <c r="GCL679" s="613"/>
      <c r="GCM679" s="613"/>
      <c r="GCN679" s="613"/>
      <c r="GCO679" s="613"/>
      <c r="GCP679" s="613"/>
      <c r="GCQ679" s="613"/>
      <c r="GCR679" s="613"/>
      <c r="GCS679" s="613"/>
      <c r="GCT679" s="613"/>
      <c r="GCU679" s="613"/>
      <c r="GCV679" s="613"/>
      <c r="GCW679" s="613"/>
      <c r="GCX679" s="613"/>
      <c r="GCY679" s="613"/>
      <c r="GCZ679" s="613"/>
      <c r="GDA679" s="613"/>
      <c r="GDB679" s="613"/>
      <c r="GDC679" s="613"/>
      <c r="GDD679" s="613"/>
      <c r="GDE679" s="613"/>
      <c r="GDF679" s="613"/>
      <c r="GDG679" s="613"/>
      <c r="GDH679" s="613"/>
      <c r="GDI679" s="613"/>
      <c r="GDJ679" s="613"/>
      <c r="GDK679" s="613"/>
      <c r="GDL679" s="613"/>
      <c r="GDM679" s="613"/>
      <c r="GDN679" s="613"/>
      <c r="GDO679" s="613"/>
      <c r="GDP679" s="613"/>
      <c r="GDQ679" s="613"/>
      <c r="GDR679" s="613"/>
      <c r="GDS679" s="613"/>
      <c r="GDT679" s="613"/>
      <c r="GDU679" s="613"/>
      <c r="GDV679" s="613"/>
      <c r="GDW679" s="613"/>
      <c r="GDX679" s="613"/>
      <c r="GDY679" s="613"/>
      <c r="GDZ679" s="613"/>
      <c r="GEA679" s="613"/>
      <c r="GEB679" s="613"/>
      <c r="GEC679" s="613"/>
      <c r="GED679" s="613"/>
      <c r="GEE679" s="613"/>
      <c r="GEF679" s="613"/>
      <c r="GEG679" s="613"/>
      <c r="GEH679" s="613"/>
      <c r="GEI679" s="613"/>
      <c r="GEJ679" s="613"/>
      <c r="GEK679" s="613"/>
      <c r="GEL679" s="613"/>
      <c r="GEM679" s="613"/>
      <c r="GEN679" s="613"/>
      <c r="GEO679" s="613"/>
      <c r="GEP679" s="613"/>
      <c r="GEQ679" s="613"/>
      <c r="GER679" s="613"/>
      <c r="GES679" s="613"/>
      <c r="GET679" s="613"/>
      <c r="GEU679" s="613"/>
      <c r="GEV679" s="613"/>
      <c r="GEW679" s="613"/>
      <c r="GEX679" s="613"/>
      <c r="GEY679" s="613"/>
      <c r="GEZ679" s="613"/>
      <c r="GFA679" s="613"/>
      <c r="GFB679" s="613"/>
      <c r="GFC679" s="613"/>
      <c r="GFD679" s="613"/>
      <c r="GFE679" s="613"/>
      <c r="GFF679" s="613"/>
      <c r="GFG679" s="613"/>
      <c r="GFH679" s="613"/>
      <c r="GFI679" s="613"/>
      <c r="GFJ679" s="613"/>
      <c r="GFK679" s="613"/>
      <c r="GFL679" s="613"/>
      <c r="GFM679" s="613"/>
      <c r="GFN679" s="613"/>
      <c r="GFO679" s="613"/>
      <c r="GFP679" s="613"/>
      <c r="GFQ679" s="613"/>
      <c r="GFR679" s="613"/>
      <c r="GFS679" s="613"/>
      <c r="GFT679" s="613"/>
      <c r="GFU679" s="613"/>
      <c r="GFV679" s="613"/>
      <c r="GFW679" s="613"/>
      <c r="GFX679" s="613"/>
      <c r="GFY679" s="613"/>
      <c r="GFZ679" s="613"/>
      <c r="GGA679" s="613"/>
      <c r="GGB679" s="613"/>
      <c r="GGC679" s="613"/>
      <c r="GGD679" s="613"/>
      <c r="GGE679" s="613"/>
      <c r="GGF679" s="613"/>
      <c r="GGG679" s="613"/>
      <c r="GGH679" s="613"/>
      <c r="GGI679" s="613"/>
      <c r="GGJ679" s="613"/>
      <c r="GGK679" s="613"/>
      <c r="GGL679" s="613"/>
      <c r="GGM679" s="613"/>
      <c r="GGN679" s="613"/>
      <c r="GGO679" s="613"/>
      <c r="GGP679" s="613"/>
      <c r="GGQ679" s="613"/>
      <c r="GGR679" s="613"/>
      <c r="GGS679" s="613"/>
      <c r="GGT679" s="613"/>
      <c r="GGU679" s="613"/>
      <c r="GGV679" s="613"/>
      <c r="GGW679" s="613"/>
      <c r="GGX679" s="613"/>
      <c r="GGY679" s="613"/>
      <c r="GGZ679" s="613"/>
      <c r="GHA679" s="613"/>
      <c r="GHB679" s="613"/>
      <c r="GHC679" s="613"/>
      <c r="GHD679" s="613"/>
      <c r="GHE679" s="613"/>
      <c r="GHF679" s="613"/>
      <c r="GHG679" s="613"/>
      <c r="GHH679" s="613"/>
      <c r="GHI679" s="613"/>
      <c r="GHJ679" s="613"/>
      <c r="GHK679" s="613"/>
      <c r="GHL679" s="613"/>
      <c r="GHM679" s="613"/>
      <c r="GHN679" s="613"/>
      <c r="GHO679" s="613"/>
      <c r="GHP679" s="613"/>
      <c r="GHQ679" s="613"/>
      <c r="GHR679" s="613"/>
      <c r="GHS679" s="613"/>
      <c r="GHT679" s="613"/>
      <c r="GHU679" s="613"/>
      <c r="GHV679" s="613"/>
      <c r="GHW679" s="613"/>
      <c r="GHX679" s="613"/>
      <c r="GHY679" s="613"/>
      <c r="GHZ679" s="613"/>
      <c r="GIA679" s="613"/>
      <c r="GIB679" s="613"/>
      <c r="GIC679" s="613"/>
      <c r="GID679" s="613"/>
      <c r="GIE679" s="613"/>
      <c r="GIF679" s="613"/>
      <c r="GIG679" s="613"/>
      <c r="GIH679" s="613"/>
      <c r="GII679" s="613"/>
      <c r="GIJ679" s="613"/>
      <c r="GIK679" s="613"/>
      <c r="GIL679" s="613"/>
      <c r="GIM679" s="613"/>
      <c r="GIN679" s="613"/>
      <c r="GIO679" s="613"/>
      <c r="GIP679" s="613"/>
      <c r="GIQ679" s="613"/>
      <c r="GIR679" s="613"/>
      <c r="GIS679" s="613"/>
      <c r="GIT679" s="613"/>
      <c r="GIU679" s="613"/>
      <c r="GIV679" s="613"/>
      <c r="GIW679" s="613"/>
      <c r="GIX679" s="613"/>
      <c r="GIY679" s="613"/>
      <c r="GIZ679" s="613"/>
      <c r="GJA679" s="613"/>
      <c r="GJB679" s="613"/>
      <c r="GJC679" s="613"/>
      <c r="GJD679" s="613"/>
      <c r="GJE679" s="613"/>
      <c r="GJF679" s="613"/>
      <c r="GJG679" s="613"/>
      <c r="GJH679" s="613"/>
      <c r="GJI679" s="613"/>
      <c r="GJJ679" s="613"/>
      <c r="GJK679" s="613"/>
      <c r="GJL679" s="613"/>
      <c r="GJM679" s="613"/>
      <c r="GJN679" s="613"/>
      <c r="GJO679" s="613"/>
      <c r="GJP679" s="613"/>
      <c r="GJQ679" s="613"/>
      <c r="GJR679" s="613"/>
      <c r="GJS679" s="613"/>
      <c r="GJT679" s="613"/>
      <c r="GJU679" s="613"/>
      <c r="GJV679" s="613"/>
      <c r="GJW679" s="613"/>
      <c r="GJX679" s="613"/>
      <c r="GJY679" s="613"/>
      <c r="GJZ679" s="613"/>
      <c r="GKA679" s="613"/>
      <c r="GKB679" s="613"/>
      <c r="GKC679" s="613"/>
      <c r="GKD679" s="613"/>
      <c r="GKE679" s="613"/>
      <c r="GKF679" s="613"/>
      <c r="GKG679" s="613"/>
      <c r="GKH679" s="613"/>
      <c r="GKI679" s="613"/>
      <c r="GKJ679" s="613"/>
      <c r="GKK679" s="613"/>
      <c r="GKL679" s="613"/>
      <c r="GKM679" s="613"/>
      <c r="GKN679" s="613"/>
      <c r="GKO679" s="613"/>
      <c r="GKP679" s="613"/>
      <c r="GKQ679" s="613"/>
      <c r="GKR679" s="613"/>
      <c r="GKS679" s="613"/>
      <c r="GKT679" s="613"/>
      <c r="GKU679" s="613"/>
      <c r="GKV679" s="613"/>
      <c r="GKW679" s="613"/>
      <c r="GKX679" s="613"/>
      <c r="GKY679" s="613"/>
      <c r="GKZ679" s="613"/>
      <c r="GLA679" s="613"/>
      <c r="GLB679" s="613"/>
      <c r="GLC679" s="613"/>
      <c r="GLD679" s="613"/>
      <c r="GLE679" s="613"/>
      <c r="GLF679" s="613"/>
      <c r="GLG679" s="613"/>
      <c r="GLH679" s="613"/>
      <c r="GLI679" s="613"/>
      <c r="GLJ679" s="613"/>
      <c r="GLK679" s="613"/>
      <c r="GLL679" s="613"/>
      <c r="GLM679" s="613"/>
      <c r="GLN679" s="613"/>
      <c r="GLO679" s="613"/>
      <c r="GLP679" s="613"/>
      <c r="GLQ679" s="613"/>
      <c r="GLR679" s="613"/>
      <c r="GLS679" s="613"/>
      <c r="GLT679" s="613"/>
      <c r="GLU679" s="613"/>
      <c r="GLV679" s="613"/>
      <c r="GLW679" s="613"/>
      <c r="GLX679" s="613"/>
      <c r="GLY679" s="613"/>
      <c r="GLZ679" s="613"/>
      <c r="GMA679" s="613"/>
      <c r="GMB679" s="613"/>
      <c r="GMC679" s="613"/>
      <c r="GMD679" s="613"/>
      <c r="GME679" s="613"/>
      <c r="GMF679" s="613"/>
      <c r="GMG679" s="613"/>
      <c r="GMH679" s="613"/>
      <c r="GMI679" s="613"/>
      <c r="GMJ679" s="613"/>
      <c r="GMK679" s="613"/>
      <c r="GML679" s="613"/>
      <c r="GMM679" s="613"/>
      <c r="GMN679" s="613"/>
      <c r="GMO679" s="613"/>
      <c r="GMP679" s="613"/>
      <c r="GMQ679" s="613"/>
      <c r="GMR679" s="613"/>
      <c r="GMS679" s="613"/>
      <c r="GMT679" s="613"/>
      <c r="GMU679" s="613"/>
      <c r="GMV679" s="613"/>
      <c r="GMW679" s="613"/>
      <c r="GMX679" s="613"/>
      <c r="GMY679" s="613"/>
      <c r="GMZ679" s="613"/>
      <c r="GNA679" s="613"/>
      <c r="GNB679" s="613"/>
      <c r="GNC679" s="613"/>
      <c r="GND679" s="613"/>
      <c r="GNE679" s="613"/>
      <c r="GNF679" s="613"/>
      <c r="GNG679" s="613"/>
      <c r="GNH679" s="613"/>
      <c r="GNI679" s="613"/>
      <c r="GNJ679" s="613"/>
      <c r="GNK679" s="613"/>
      <c r="GNL679" s="613"/>
      <c r="GNM679" s="613"/>
      <c r="GNN679" s="613"/>
      <c r="GNO679" s="613"/>
      <c r="GNP679" s="613"/>
      <c r="GNQ679" s="613"/>
      <c r="GNR679" s="613"/>
      <c r="GNS679" s="613"/>
      <c r="GNT679" s="613"/>
      <c r="GNU679" s="613"/>
      <c r="GNV679" s="613"/>
      <c r="GNW679" s="613"/>
      <c r="GNX679" s="613"/>
      <c r="GNY679" s="613"/>
      <c r="GNZ679" s="613"/>
      <c r="GOA679" s="613"/>
      <c r="GOB679" s="613"/>
      <c r="GOC679" s="613"/>
      <c r="GOD679" s="613"/>
      <c r="GOE679" s="613"/>
      <c r="GOF679" s="613"/>
      <c r="GOG679" s="613"/>
      <c r="GOH679" s="613"/>
      <c r="GOI679" s="613"/>
      <c r="GOJ679" s="613"/>
      <c r="GOK679" s="613"/>
      <c r="GOL679" s="613"/>
      <c r="GOM679" s="613"/>
      <c r="GON679" s="613"/>
      <c r="GOO679" s="613"/>
      <c r="GOP679" s="613"/>
      <c r="GOQ679" s="613"/>
      <c r="GOR679" s="613"/>
      <c r="GOS679" s="613"/>
      <c r="GOT679" s="613"/>
      <c r="GOU679" s="613"/>
      <c r="GOV679" s="613"/>
      <c r="GOW679" s="613"/>
      <c r="GOX679" s="613"/>
      <c r="GOY679" s="613"/>
      <c r="GOZ679" s="613"/>
      <c r="GPA679" s="613"/>
      <c r="GPB679" s="613"/>
      <c r="GPC679" s="613"/>
      <c r="GPD679" s="613"/>
      <c r="GPE679" s="613"/>
      <c r="GPF679" s="613"/>
      <c r="GPG679" s="613"/>
      <c r="GPH679" s="613"/>
      <c r="GPI679" s="613"/>
      <c r="GPJ679" s="613"/>
      <c r="GPK679" s="613"/>
      <c r="GPL679" s="613"/>
      <c r="GPM679" s="613"/>
      <c r="GPN679" s="613"/>
      <c r="GPO679" s="613"/>
      <c r="GPP679" s="613"/>
      <c r="GPQ679" s="613"/>
      <c r="GPR679" s="613"/>
      <c r="GPS679" s="613"/>
      <c r="GPT679" s="613"/>
      <c r="GPU679" s="613"/>
      <c r="GPV679" s="613"/>
      <c r="GPW679" s="613"/>
      <c r="GPX679" s="613"/>
      <c r="GPY679" s="613"/>
      <c r="GPZ679" s="613"/>
      <c r="GQA679" s="613"/>
      <c r="GQB679" s="613"/>
      <c r="GQC679" s="613"/>
      <c r="GQD679" s="613"/>
      <c r="GQE679" s="613"/>
      <c r="GQF679" s="613"/>
      <c r="GQG679" s="613"/>
      <c r="GQH679" s="613"/>
      <c r="GQI679" s="613"/>
      <c r="GQJ679" s="613"/>
      <c r="GQK679" s="613"/>
      <c r="GQL679" s="613"/>
      <c r="GQM679" s="613"/>
      <c r="GQN679" s="613"/>
      <c r="GQO679" s="613"/>
      <c r="GQP679" s="613"/>
      <c r="GQQ679" s="613"/>
      <c r="GQR679" s="613"/>
      <c r="GQS679" s="613"/>
      <c r="GQT679" s="613"/>
      <c r="GQU679" s="613"/>
      <c r="GQV679" s="613"/>
      <c r="GQW679" s="613"/>
      <c r="GQX679" s="613"/>
      <c r="GQY679" s="613"/>
      <c r="GQZ679" s="613"/>
      <c r="GRA679" s="613"/>
      <c r="GRB679" s="613"/>
      <c r="GRC679" s="613"/>
      <c r="GRD679" s="613"/>
      <c r="GRE679" s="613"/>
      <c r="GRF679" s="613"/>
      <c r="GRG679" s="613"/>
      <c r="GRH679" s="613"/>
      <c r="GRI679" s="613"/>
      <c r="GRJ679" s="613"/>
      <c r="GRK679" s="613"/>
      <c r="GRL679" s="613"/>
      <c r="GRM679" s="613"/>
      <c r="GRN679" s="613"/>
      <c r="GRO679" s="613"/>
      <c r="GRP679" s="613"/>
      <c r="GRQ679" s="613"/>
      <c r="GRR679" s="613"/>
      <c r="GRS679" s="613"/>
      <c r="GRT679" s="613"/>
      <c r="GRU679" s="613"/>
      <c r="GRV679" s="613"/>
      <c r="GRW679" s="613"/>
      <c r="GRX679" s="613"/>
      <c r="GRY679" s="613"/>
      <c r="GRZ679" s="613"/>
      <c r="GSA679" s="613"/>
      <c r="GSB679" s="613"/>
      <c r="GSC679" s="613"/>
      <c r="GSD679" s="613"/>
      <c r="GSE679" s="613"/>
      <c r="GSF679" s="613"/>
      <c r="GSG679" s="613"/>
      <c r="GSH679" s="613"/>
      <c r="GSI679" s="613"/>
      <c r="GSJ679" s="613"/>
      <c r="GSK679" s="613"/>
      <c r="GSL679" s="613"/>
      <c r="GSM679" s="613"/>
      <c r="GSN679" s="613"/>
      <c r="GSO679" s="613"/>
      <c r="GSP679" s="613"/>
      <c r="GSQ679" s="613"/>
      <c r="GSR679" s="613"/>
      <c r="GSS679" s="613"/>
      <c r="GST679" s="613"/>
      <c r="GSU679" s="613"/>
      <c r="GSV679" s="613"/>
      <c r="GSW679" s="613"/>
      <c r="GSX679" s="613"/>
      <c r="GSY679" s="613"/>
      <c r="GSZ679" s="613"/>
      <c r="GTA679" s="613"/>
      <c r="GTB679" s="613"/>
      <c r="GTC679" s="613"/>
      <c r="GTD679" s="613"/>
      <c r="GTE679" s="613"/>
      <c r="GTF679" s="613"/>
      <c r="GTG679" s="613"/>
      <c r="GTH679" s="613"/>
      <c r="GTI679" s="613"/>
      <c r="GTJ679" s="613"/>
      <c r="GTK679" s="613"/>
      <c r="GTL679" s="613"/>
      <c r="GTM679" s="613"/>
      <c r="GTN679" s="613"/>
      <c r="GTO679" s="613"/>
      <c r="GTP679" s="613"/>
      <c r="GTQ679" s="613"/>
      <c r="GTR679" s="613"/>
      <c r="GTS679" s="613"/>
      <c r="GTT679" s="613"/>
      <c r="GTU679" s="613"/>
      <c r="GTV679" s="613"/>
      <c r="GTW679" s="613"/>
      <c r="GTX679" s="613"/>
      <c r="GTY679" s="613"/>
      <c r="GTZ679" s="613"/>
      <c r="GUA679" s="613"/>
      <c r="GUB679" s="613"/>
      <c r="GUC679" s="613"/>
      <c r="GUD679" s="613"/>
      <c r="GUE679" s="613"/>
      <c r="GUF679" s="613"/>
      <c r="GUG679" s="613"/>
      <c r="GUH679" s="613"/>
      <c r="GUI679" s="613"/>
      <c r="GUJ679" s="613"/>
      <c r="GUK679" s="613"/>
      <c r="GUL679" s="613"/>
      <c r="GUM679" s="613"/>
      <c r="GUN679" s="613"/>
      <c r="GUO679" s="613"/>
      <c r="GUP679" s="613"/>
      <c r="GUQ679" s="613"/>
      <c r="GUR679" s="613"/>
      <c r="GUS679" s="613"/>
      <c r="GUT679" s="613"/>
      <c r="GUU679" s="613"/>
      <c r="GUV679" s="613"/>
      <c r="GUW679" s="613"/>
      <c r="GUX679" s="613"/>
      <c r="GUY679" s="613"/>
      <c r="GUZ679" s="613"/>
      <c r="GVA679" s="613"/>
      <c r="GVB679" s="613"/>
      <c r="GVC679" s="613"/>
      <c r="GVD679" s="613"/>
      <c r="GVE679" s="613"/>
      <c r="GVF679" s="613"/>
      <c r="GVG679" s="613"/>
      <c r="GVH679" s="613"/>
      <c r="GVI679" s="613"/>
      <c r="GVJ679" s="613"/>
      <c r="GVK679" s="613"/>
      <c r="GVL679" s="613"/>
      <c r="GVM679" s="613"/>
      <c r="GVN679" s="613"/>
      <c r="GVO679" s="613"/>
      <c r="GVP679" s="613"/>
      <c r="GVQ679" s="613"/>
      <c r="GVR679" s="613"/>
      <c r="GVS679" s="613"/>
      <c r="GVT679" s="613"/>
      <c r="GVU679" s="613"/>
      <c r="GVV679" s="613"/>
      <c r="GVW679" s="613"/>
      <c r="GVX679" s="613"/>
      <c r="GVY679" s="613"/>
      <c r="GVZ679" s="613"/>
      <c r="GWA679" s="613"/>
      <c r="GWB679" s="613"/>
      <c r="GWC679" s="613"/>
      <c r="GWD679" s="613"/>
      <c r="GWE679" s="613"/>
      <c r="GWF679" s="613"/>
      <c r="GWG679" s="613"/>
      <c r="GWH679" s="613"/>
      <c r="GWI679" s="613"/>
      <c r="GWJ679" s="613"/>
      <c r="GWK679" s="613"/>
      <c r="GWL679" s="613"/>
      <c r="GWM679" s="613"/>
      <c r="GWN679" s="613"/>
      <c r="GWO679" s="613"/>
      <c r="GWP679" s="613"/>
      <c r="GWQ679" s="613"/>
      <c r="GWR679" s="613"/>
      <c r="GWS679" s="613"/>
      <c r="GWT679" s="613"/>
      <c r="GWU679" s="613"/>
      <c r="GWV679" s="613"/>
      <c r="GWW679" s="613"/>
      <c r="GWX679" s="613"/>
      <c r="GWY679" s="613"/>
      <c r="GWZ679" s="613"/>
      <c r="GXA679" s="613"/>
      <c r="GXB679" s="613"/>
      <c r="GXC679" s="613"/>
      <c r="GXD679" s="613"/>
      <c r="GXE679" s="613"/>
      <c r="GXF679" s="613"/>
      <c r="GXG679" s="613"/>
      <c r="GXH679" s="613"/>
      <c r="GXI679" s="613"/>
      <c r="GXJ679" s="613"/>
      <c r="GXK679" s="613"/>
      <c r="GXL679" s="613"/>
      <c r="GXM679" s="613"/>
      <c r="GXN679" s="613"/>
      <c r="GXO679" s="613"/>
      <c r="GXP679" s="613"/>
      <c r="GXQ679" s="613"/>
      <c r="GXR679" s="613"/>
      <c r="GXS679" s="613"/>
      <c r="GXT679" s="613"/>
      <c r="GXU679" s="613"/>
      <c r="GXV679" s="613"/>
      <c r="GXW679" s="613"/>
      <c r="GXX679" s="613"/>
      <c r="GXY679" s="613"/>
      <c r="GXZ679" s="613"/>
      <c r="GYA679" s="613"/>
      <c r="GYB679" s="613"/>
      <c r="GYC679" s="613"/>
      <c r="GYD679" s="613"/>
      <c r="GYE679" s="613"/>
      <c r="GYF679" s="613"/>
      <c r="GYG679" s="613"/>
      <c r="GYH679" s="613"/>
      <c r="GYI679" s="613"/>
      <c r="GYJ679" s="613"/>
      <c r="GYK679" s="613"/>
      <c r="GYL679" s="613"/>
      <c r="GYM679" s="613"/>
      <c r="GYN679" s="613"/>
      <c r="GYO679" s="613"/>
      <c r="GYP679" s="613"/>
      <c r="GYQ679" s="613"/>
      <c r="GYR679" s="613"/>
      <c r="GYS679" s="613"/>
      <c r="GYT679" s="613"/>
      <c r="GYU679" s="613"/>
      <c r="GYV679" s="613"/>
      <c r="GYW679" s="613"/>
      <c r="GYX679" s="613"/>
      <c r="GYY679" s="613"/>
      <c r="GYZ679" s="613"/>
      <c r="GZA679" s="613"/>
      <c r="GZB679" s="613"/>
      <c r="GZC679" s="613"/>
      <c r="GZD679" s="613"/>
      <c r="GZE679" s="613"/>
      <c r="GZF679" s="613"/>
      <c r="GZG679" s="613"/>
      <c r="GZH679" s="613"/>
      <c r="GZI679" s="613"/>
      <c r="GZJ679" s="613"/>
      <c r="GZK679" s="613"/>
      <c r="GZL679" s="613"/>
      <c r="GZM679" s="613"/>
      <c r="GZN679" s="613"/>
      <c r="GZO679" s="613"/>
      <c r="GZP679" s="613"/>
      <c r="GZQ679" s="613"/>
      <c r="GZR679" s="613"/>
      <c r="GZS679" s="613"/>
      <c r="GZT679" s="613"/>
      <c r="GZU679" s="613"/>
      <c r="GZV679" s="613"/>
      <c r="GZW679" s="613"/>
      <c r="GZX679" s="613"/>
      <c r="GZY679" s="613"/>
      <c r="GZZ679" s="613"/>
      <c r="HAA679" s="613"/>
      <c r="HAB679" s="613"/>
      <c r="HAC679" s="613"/>
      <c r="HAD679" s="613"/>
      <c r="HAE679" s="613"/>
      <c r="HAF679" s="613"/>
      <c r="HAG679" s="613"/>
      <c r="HAH679" s="613"/>
      <c r="HAI679" s="613"/>
      <c r="HAJ679" s="613"/>
      <c r="HAK679" s="613"/>
      <c r="HAL679" s="613"/>
      <c r="HAM679" s="613"/>
      <c r="HAN679" s="613"/>
      <c r="HAO679" s="613"/>
      <c r="HAP679" s="613"/>
      <c r="HAQ679" s="613"/>
      <c r="HAR679" s="613"/>
      <c r="HAS679" s="613"/>
      <c r="HAT679" s="613"/>
      <c r="HAU679" s="613"/>
      <c r="HAV679" s="613"/>
      <c r="HAW679" s="613"/>
      <c r="HAX679" s="613"/>
      <c r="HAY679" s="613"/>
      <c r="HAZ679" s="613"/>
      <c r="HBA679" s="613"/>
      <c r="HBB679" s="613"/>
      <c r="HBC679" s="613"/>
      <c r="HBD679" s="613"/>
      <c r="HBE679" s="613"/>
      <c r="HBF679" s="613"/>
      <c r="HBG679" s="613"/>
      <c r="HBH679" s="613"/>
      <c r="HBI679" s="613"/>
      <c r="HBJ679" s="613"/>
      <c r="HBK679" s="613"/>
      <c r="HBL679" s="613"/>
      <c r="HBM679" s="613"/>
      <c r="HBN679" s="613"/>
      <c r="HBO679" s="613"/>
      <c r="HBP679" s="613"/>
      <c r="HBQ679" s="613"/>
      <c r="HBR679" s="613"/>
      <c r="HBS679" s="613"/>
      <c r="HBT679" s="613"/>
      <c r="HBU679" s="613"/>
      <c r="HBV679" s="613"/>
      <c r="HBW679" s="613"/>
      <c r="HBX679" s="613"/>
      <c r="HBY679" s="613"/>
      <c r="HBZ679" s="613"/>
      <c r="HCA679" s="613"/>
      <c r="HCB679" s="613"/>
      <c r="HCC679" s="613"/>
      <c r="HCD679" s="613"/>
      <c r="HCE679" s="613"/>
      <c r="HCF679" s="613"/>
      <c r="HCG679" s="613"/>
      <c r="HCH679" s="613"/>
      <c r="HCI679" s="613"/>
      <c r="HCJ679" s="613"/>
      <c r="HCK679" s="613"/>
      <c r="HCL679" s="613"/>
      <c r="HCM679" s="613"/>
      <c r="HCN679" s="613"/>
      <c r="HCO679" s="613"/>
      <c r="HCP679" s="613"/>
      <c r="HCQ679" s="613"/>
      <c r="HCR679" s="613"/>
      <c r="HCS679" s="613"/>
      <c r="HCT679" s="613"/>
      <c r="HCU679" s="613"/>
      <c r="HCV679" s="613"/>
      <c r="HCW679" s="613"/>
      <c r="HCX679" s="613"/>
      <c r="HCY679" s="613"/>
      <c r="HCZ679" s="613"/>
      <c r="HDA679" s="613"/>
      <c r="HDB679" s="613"/>
      <c r="HDC679" s="613"/>
      <c r="HDD679" s="613"/>
      <c r="HDE679" s="613"/>
      <c r="HDF679" s="613"/>
      <c r="HDG679" s="613"/>
      <c r="HDH679" s="613"/>
      <c r="HDI679" s="613"/>
      <c r="HDJ679" s="613"/>
      <c r="HDK679" s="613"/>
      <c r="HDL679" s="613"/>
      <c r="HDM679" s="613"/>
      <c r="HDN679" s="613"/>
      <c r="HDO679" s="613"/>
      <c r="HDP679" s="613"/>
      <c r="HDQ679" s="613"/>
      <c r="HDR679" s="613"/>
      <c r="HDS679" s="613"/>
      <c r="HDT679" s="613"/>
      <c r="HDU679" s="613"/>
      <c r="HDV679" s="613"/>
      <c r="HDW679" s="613"/>
      <c r="HDX679" s="613"/>
      <c r="HDY679" s="613"/>
      <c r="HDZ679" s="613"/>
      <c r="HEA679" s="613"/>
      <c r="HEB679" s="613"/>
      <c r="HEC679" s="613"/>
      <c r="HED679" s="613"/>
      <c r="HEE679" s="613"/>
      <c r="HEF679" s="613"/>
      <c r="HEG679" s="613"/>
      <c r="HEH679" s="613"/>
      <c r="HEI679" s="613"/>
      <c r="HEJ679" s="613"/>
      <c r="HEK679" s="613"/>
      <c r="HEL679" s="613"/>
      <c r="HEM679" s="613"/>
      <c r="HEN679" s="613"/>
      <c r="HEO679" s="613"/>
      <c r="HEP679" s="613"/>
      <c r="HEQ679" s="613"/>
      <c r="HER679" s="613"/>
      <c r="HES679" s="613"/>
      <c r="HET679" s="613"/>
      <c r="HEU679" s="613"/>
      <c r="HEV679" s="613"/>
      <c r="HEW679" s="613"/>
      <c r="HEX679" s="613"/>
      <c r="HEY679" s="613"/>
      <c r="HEZ679" s="613"/>
      <c r="HFA679" s="613"/>
      <c r="HFB679" s="613"/>
      <c r="HFC679" s="613"/>
      <c r="HFD679" s="613"/>
      <c r="HFE679" s="613"/>
      <c r="HFF679" s="613"/>
      <c r="HFG679" s="613"/>
      <c r="HFH679" s="613"/>
      <c r="HFI679" s="613"/>
      <c r="HFJ679" s="613"/>
      <c r="HFK679" s="613"/>
      <c r="HFL679" s="613"/>
      <c r="HFM679" s="613"/>
      <c r="HFN679" s="613"/>
      <c r="HFO679" s="613"/>
      <c r="HFP679" s="613"/>
      <c r="HFQ679" s="613"/>
      <c r="HFR679" s="613"/>
      <c r="HFS679" s="613"/>
      <c r="HFT679" s="613"/>
      <c r="HFU679" s="613"/>
      <c r="HFV679" s="613"/>
      <c r="HFW679" s="613"/>
      <c r="HFX679" s="613"/>
      <c r="HFY679" s="613"/>
      <c r="HFZ679" s="613"/>
      <c r="HGA679" s="613"/>
      <c r="HGB679" s="613"/>
      <c r="HGC679" s="613"/>
      <c r="HGD679" s="613"/>
      <c r="HGE679" s="613"/>
      <c r="HGF679" s="613"/>
      <c r="HGG679" s="613"/>
      <c r="HGH679" s="613"/>
      <c r="HGI679" s="613"/>
      <c r="HGJ679" s="613"/>
      <c r="HGK679" s="613"/>
      <c r="HGL679" s="613"/>
      <c r="HGM679" s="613"/>
      <c r="HGN679" s="613"/>
      <c r="HGO679" s="613"/>
      <c r="HGP679" s="613"/>
      <c r="HGQ679" s="613"/>
      <c r="HGR679" s="613"/>
      <c r="HGS679" s="613"/>
      <c r="HGT679" s="613"/>
      <c r="HGU679" s="613"/>
      <c r="HGV679" s="613"/>
      <c r="HGW679" s="613"/>
      <c r="HGX679" s="613"/>
      <c r="HGY679" s="613"/>
      <c r="HGZ679" s="613"/>
      <c r="HHA679" s="613"/>
      <c r="HHB679" s="613"/>
      <c r="HHC679" s="613"/>
      <c r="HHD679" s="613"/>
      <c r="HHE679" s="613"/>
      <c r="HHF679" s="613"/>
      <c r="HHG679" s="613"/>
      <c r="HHH679" s="613"/>
      <c r="HHI679" s="613"/>
      <c r="HHJ679" s="613"/>
      <c r="HHK679" s="613"/>
      <c r="HHL679" s="613"/>
      <c r="HHM679" s="613"/>
      <c r="HHN679" s="613"/>
      <c r="HHO679" s="613"/>
      <c r="HHP679" s="613"/>
      <c r="HHQ679" s="613"/>
      <c r="HHR679" s="613"/>
      <c r="HHS679" s="613"/>
      <c r="HHT679" s="613"/>
      <c r="HHU679" s="613"/>
      <c r="HHV679" s="613"/>
      <c r="HHW679" s="613"/>
      <c r="HHX679" s="613"/>
      <c r="HHY679" s="613"/>
      <c r="HHZ679" s="613"/>
      <c r="HIA679" s="613"/>
      <c r="HIB679" s="613"/>
      <c r="HIC679" s="613"/>
      <c r="HID679" s="613"/>
      <c r="HIE679" s="613"/>
      <c r="HIF679" s="613"/>
      <c r="HIG679" s="613"/>
      <c r="HIH679" s="613"/>
      <c r="HII679" s="613"/>
      <c r="HIJ679" s="613"/>
      <c r="HIK679" s="613"/>
      <c r="HIL679" s="613"/>
      <c r="HIM679" s="613"/>
      <c r="HIN679" s="613"/>
      <c r="HIO679" s="613"/>
      <c r="HIP679" s="613"/>
      <c r="HIQ679" s="613"/>
      <c r="HIR679" s="613"/>
      <c r="HIS679" s="613"/>
      <c r="HIT679" s="613"/>
      <c r="HIU679" s="613"/>
      <c r="HIV679" s="613"/>
      <c r="HIW679" s="613"/>
      <c r="HIX679" s="613"/>
      <c r="HIY679" s="613"/>
      <c r="HIZ679" s="613"/>
      <c r="HJA679" s="613"/>
      <c r="HJB679" s="613"/>
      <c r="HJC679" s="613"/>
      <c r="HJD679" s="613"/>
      <c r="HJE679" s="613"/>
      <c r="HJF679" s="613"/>
      <c r="HJG679" s="613"/>
      <c r="HJH679" s="613"/>
      <c r="HJI679" s="613"/>
      <c r="HJJ679" s="613"/>
      <c r="HJK679" s="613"/>
      <c r="HJL679" s="613"/>
      <c r="HJM679" s="613"/>
      <c r="HJN679" s="613"/>
      <c r="HJO679" s="613"/>
      <c r="HJP679" s="613"/>
      <c r="HJQ679" s="613"/>
      <c r="HJR679" s="613"/>
      <c r="HJS679" s="613"/>
      <c r="HJT679" s="613"/>
      <c r="HJU679" s="613"/>
      <c r="HJV679" s="613"/>
      <c r="HJW679" s="613"/>
      <c r="HJX679" s="613"/>
      <c r="HJY679" s="613"/>
      <c r="HJZ679" s="613"/>
      <c r="HKA679" s="613"/>
      <c r="HKB679" s="613"/>
      <c r="HKC679" s="613"/>
      <c r="HKD679" s="613"/>
      <c r="HKE679" s="613"/>
      <c r="HKF679" s="613"/>
      <c r="HKG679" s="613"/>
      <c r="HKH679" s="613"/>
      <c r="HKI679" s="613"/>
      <c r="HKJ679" s="613"/>
      <c r="HKK679" s="613"/>
      <c r="HKL679" s="613"/>
      <c r="HKM679" s="613"/>
      <c r="HKN679" s="613"/>
      <c r="HKO679" s="613"/>
      <c r="HKP679" s="613"/>
      <c r="HKQ679" s="613"/>
      <c r="HKR679" s="613"/>
      <c r="HKS679" s="613"/>
      <c r="HKT679" s="613"/>
      <c r="HKU679" s="613"/>
      <c r="HKV679" s="613"/>
      <c r="HKW679" s="613"/>
      <c r="HKX679" s="613"/>
      <c r="HKY679" s="613"/>
      <c r="HKZ679" s="613"/>
      <c r="HLA679" s="613"/>
      <c r="HLB679" s="613"/>
      <c r="HLC679" s="613"/>
      <c r="HLD679" s="613"/>
      <c r="HLE679" s="613"/>
      <c r="HLF679" s="613"/>
      <c r="HLG679" s="613"/>
      <c r="HLH679" s="613"/>
      <c r="HLI679" s="613"/>
      <c r="HLJ679" s="613"/>
      <c r="HLK679" s="613"/>
      <c r="HLL679" s="613"/>
      <c r="HLM679" s="613"/>
      <c r="HLN679" s="613"/>
      <c r="HLO679" s="613"/>
      <c r="HLP679" s="613"/>
      <c r="HLQ679" s="613"/>
      <c r="HLR679" s="613"/>
      <c r="HLS679" s="613"/>
      <c r="HLT679" s="613"/>
      <c r="HLU679" s="613"/>
      <c r="HLV679" s="613"/>
      <c r="HLW679" s="613"/>
      <c r="HLX679" s="613"/>
      <c r="HLY679" s="613"/>
      <c r="HLZ679" s="613"/>
      <c r="HMA679" s="613"/>
      <c r="HMB679" s="613"/>
      <c r="HMC679" s="613"/>
      <c r="HMD679" s="613"/>
      <c r="HME679" s="613"/>
      <c r="HMF679" s="613"/>
      <c r="HMG679" s="613"/>
      <c r="HMH679" s="613"/>
      <c r="HMI679" s="613"/>
      <c r="HMJ679" s="613"/>
      <c r="HMK679" s="613"/>
      <c r="HML679" s="613"/>
      <c r="HMM679" s="613"/>
      <c r="HMN679" s="613"/>
      <c r="HMO679" s="613"/>
      <c r="HMP679" s="613"/>
      <c r="HMQ679" s="613"/>
      <c r="HMR679" s="613"/>
      <c r="HMS679" s="613"/>
      <c r="HMT679" s="613"/>
      <c r="HMU679" s="613"/>
      <c r="HMV679" s="613"/>
      <c r="HMW679" s="613"/>
      <c r="HMX679" s="613"/>
      <c r="HMY679" s="613"/>
      <c r="HMZ679" s="613"/>
      <c r="HNA679" s="613"/>
      <c r="HNB679" s="613"/>
      <c r="HNC679" s="613"/>
      <c r="HND679" s="613"/>
      <c r="HNE679" s="613"/>
      <c r="HNF679" s="613"/>
      <c r="HNG679" s="613"/>
      <c r="HNH679" s="613"/>
      <c r="HNI679" s="613"/>
      <c r="HNJ679" s="613"/>
      <c r="HNK679" s="613"/>
      <c r="HNL679" s="613"/>
      <c r="HNM679" s="613"/>
      <c r="HNN679" s="613"/>
      <c r="HNO679" s="613"/>
      <c r="HNP679" s="613"/>
      <c r="HNQ679" s="613"/>
      <c r="HNR679" s="613"/>
      <c r="HNS679" s="613"/>
      <c r="HNT679" s="613"/>
      <c r="HNU679" s="613"/>
      <c r="HNV679" s="613"/>
      <c r="HNW679" s="613"/>
      <c r="HNX679" s="613"/>
      <c r="HNY679" s="613"/>
      <c r="HNZ679" s="613"/>
      <c r="HOA679" s="613"/>
      <c r="HOB679" s="613"/>
      <c r="HOC679" s="613"/>
      <c r="HOD679" s="613"/>
      <c r="HOE679" s="613"/>
      <c r="HOF679" s="613"/>
      <c r="HOG679" s="613"/>
      <c r="HOH679" s="613"/>
      <c r="HOI679" s="613"/>
      <c r="HOJ679" s="613"/>
      <c r="HOK679" s="613"/>
      <c r="HOL679" s="613"/>
      <c r="HOM679" s="613"/>
      <c r="HON679" s="613"/>
      <c r="HOO679" s="613"/>
      <c r="HOP679" s="613"/>
      <c r="HOQ679" s="613"/>
      <c r="HOR679" s="613"/>
      <c r="HOS679" s="613"/>
      <c r="HOT679" s="613"/>
      <c r="HOU679" s="613"/>
      <c r="HOV679" s="613"/>
      <c r="HOW679" s="613"/>
      <c r="HOX679" s="613"/>
      <c r="HOY679" s="613"/>
      <c r="HOZ679" s="613"/>
      <c r="HPA679" s="613"/>
      <c r="HPB679" s="613"/>
      <c r="HPC679" s="613"/>
      <c r="HPD679" s="613"/>
      <c r="HPE679" s="613"/>
      <c r="HPF679" s="613"/>
      <c r="HPG679" s="613"/>
      <c r="HPH679" s="613"/>
      <c r="HPI679" s="613"/>
      <c r="HPJ679" s="613"/>
      <c r="HPK679" s="613"/>
      <c r="HPL679" s="613"/>
      <c r="HPM679" s="613"/>
      <c r="HPN679" s="613"/>
      <c r="HPO679" s="613"/>
      <c r="HPP679" s="613"/>
      <c r="HPQ679" s="613"/>
      <c r="HPR679" s="613"/>
      <c r="HPS679" s="613"/>
      <c r="HPT679" s="613"/>
      <c r="HPU679" s="613"/>
      <c r="HPV679" s="613"/>
      <c r="HPW679" s="613"/>
      <c r="HPX679" s="613"/>
      <c r="HPY679" s="613"/>
      <c r="HPZ679" s="613"/>
      <c r="HQA679" s="613"/>
      <c r="HQB679" s="613"/>
      <c r="HQC679" s="613"/>
      <c r="HQD679" s="613"/>
      <c r="HQE679" s="613"/>
      <c r="HQF679" s="613"/>
      <c r="HQG679" s="613"/>
      <c r="HQH679" s="613"/>
      <c r="HQI679" s="613"/>
      <c r="HQJ679" s="613"/>
      <c r="HQK679" s="613"/>
      <c r="HQL679" s="613"/>
      <c r="HQM679" s="613"/>
      <c r="HQN679" s="613"/>
      <c r="HQO679" s="613"/>
      <c r="HQP679" s="613"/>
      <c r="HQQ679" s="613"/>
      <c r="HQR679" s="613"/>
      <c r="HQS679" s="613"/>
      <c r="HQT679" s="613"/>
      <c r="HQU679" s="613"/>
      <c r="HQV679" s="613"/>
      <c r="HQW679" s="613"/>
      <c r="HQX679" s="613"/>
      <c r="HQY679" s="613"/>
      <c r="HQZ679" s="613"/>
      <c r="HRA679" s="613"/>
      <c r="HRB679" s="613"/>
      <c r="HRC679" s="613"/>
      <c r="HRD679" s="613"/>
      <c r="HRE679" s="613"/>
      <c r="HRF679" s="613"/>
      <c r="HRG679" s="613"/>
      <c r="HRH679" s="613"/>
      <c r="HRI679" s="613"/>
      <c r="HRJ679" s="613"/>
      <c r="HRK679" s="613"/>
      <c r="HRL679" s="613"/>
      <c r="HRM679" s="613"/>
      <c r="HRN679" s="613"/>
      <c r="HRO679" s="613"/>
      <c r="HRP679" s="613"/>
      <c r="HRQ679" s="613"/>
      <c r="HRR679" s="613"/>
      <c r="HRS679" s="613"/>
      <c r="HRT679" s="613"/>
      <c r="HRU679" s="613"/>
      <c r="HRV679" s="613"/>
      <c r="HRW679" s="613"/>
      <c r="HRX679" s="613"/>
      <c r="HRY679" s="613"/>
      <c r="HRZ679" s="613"/>
      <c r="HSA679" s="613"/>
      <c r="HSB679" s="613"/>
      <c r="HSC679" s="613"/>
      <c r="HSD679" s="613"/>
      <c r="HSE679" s="613"/>
      <c r="HSF679" s="613"/>
      <c r="HSG679" s="613"/>
      <c r="HSH679" s="613"/>
      <c r="HSI679" s="613"/>
      <c r="HSJ679" s="613"/>
      <c r="HSK679" s="613"/>
      <c r="HSL679" s="613"/>
      <c r="HSM679" s="613"/>
      <c r="HSN679" s="613"/>
      <c r="HSO679" s="613"/>
      <c r="HSP679" s="613"/>
      <c r="HSQ679" s="613"/>
      <c r="HSR679" s="613"/>
      <c r="HSS679" s="613"/>
      <c r="HST679" s="613"/>
      <c r="HSU679" s="613"/>
      <c r="HSV679" s="613"/>
      <c r="HSW679" s="613"/>
      <c r="HSX679" s="613"/>
      <c r="HSY679" s="613"/>
      <c r="HSZ679" s="613"/>
      <c r="HTA679" s="613"/>
      <c r="HTB679" s="613"/>
      <c r="HTC679" s="613"/>
      <c r="HTD679" s="613"/>
      <c r="HTE679" s="613"/>
      <c r="HTF679" s="613"/>
      <c r="HTG679" s="613"/>
      <c r="HTH679" s="613"/>
      <c r="HTI679" s="613"/>
      <c r="HTJ679" s="613"/>
      <c r="HTK679" s="613"/>
      <c r="HTL679" s="613"/>
      <c r="HTM679" s="613"/>
      <c r="HTN679" s="613"/>
      <c r="HTO679" s="613"/>
      <c r="HTP679" s="613"/>
      <c r="HTQ679" s="613"/>
      <c r="HTR679" s="613"/>
      <c r="HTS679" s="613"/>
      <c r="HTT679" s="613"/>
      <c r="HTU679" s="613"/>
      <c r="HTV679" s="613"/>
      <c r="HTW679" s="613"/>
      <c r="HTX679" s="613"/>
      <c r="HTY679" s="613"/>
      <c r="HTZ679" s="613"/>
      <c r="HUA679" s="613"/>
      <c r="HUB679" s="613"/>
      <c r="HUC679" s="613"/>
      <c r="HUD679" s="613"/>
      <c r="HUE679" s="613"/>
      <c r="HUF679" s="613"/>
      <c r="HUG679" s="613"/>
      <c r="HUH679" s="613"/>
      <c r="HUI679" s="613"/>
      <c r="HUJ679" s="613"/>
      <c r="HUK679" s="613"/>
      <c r="HUL679" s="613"/>
      <c r="HUM679" s="613"/>
      <c r="HUN679" s="613"/>
      <c r="HUO679" s="613"/>
      <c r="HUP679" s="613"/>
      <c r="HUQ679" s="613"/>
      <c r="HUR679" s="613"/>
      <c r="HUS679" s="613"/>
      <c r="HUT679" s="613"/>
      <c r="HUU679" s="613"/>
      <c r="HUV679" s="613"/>
      <c r="HUW679" s="613"/>
      <c r="HUX679" s="613"/>
      <c r="HUY679" s="613"/>
      <c r="HUZ679" s="613"/>
      <c r="HVA679" s="613"/>
      <c r="HVB679" s="613"/>
      <c r="HVC679" s="613"/>
      <c r="HVD679" s="613"/>
      <c r="HVE679" s="613"/>
      <c r="HVF679" s="613"/>
      <c r="HVG679" s="613"/>
      <c r="HVH679" s="613"/>
      <c r="HVI679" s="613"/>
      <c r="HVJ679" s="613"/>
      <c r="HVK679" s="613"/>
      <c r="HVL679" s="613"/>
      <c r="HVM679" s="613"/>
      <c r="HVN679" s="613"/>
      <c r="HVO679" s="613"/>
      <c r="HVP679" s="613"/>
      <c r="HVQ679" s="613"/>
      <c r="HVR679" s="613"/>
      <c r="HVS679" s="613"/>
      <c r="HVT679" s="613"/>
      <c r="HVU679" s="613"/>
      <c r="HVV679" s="613"/>
      <c r="HVW679" s="613"/>
      <c r="HVX679" s="613"/>
      <c r="HVY679" s="613"/>
      <c r="HVZ679" s="613"/>
      <c r="HWA679" s="613"/>
      <c r="HWB679" s="613"/>
      <c r="HWC679" s="613"/>
      <c r="HWD679" s="613"/>
      <c r="HWE679" s="613"/>
      <c r="HWF679" s="613"/>
      <c r="HWG679" s="613"/>
      <c r="HWH679" s="613"/>
      <c r="HWI679" s="613"/>
      <c r="HWJ679" s="613"/>
      <c r="HWK679" s="613"/>
      <c r="HWL679" s="613"/>
      <c r="HWM679" s="613"/>
      <c r="HWN679" s="613"/>
      <c r="HWO679" s="613"/>
      <c r="HWP679" s="613"/>
      <c r="HWQ679" s="613"/>
      <c r="HWR679" s="613"/>
      <c r="HWS679" s="613"/>
      <c r="HWT679" s="613"/>
      <c r="HWU679" s="613"/>
      <c r="HWV679" s="613"/>
      <c r="HWW679" s="613"/>
      <c r="HWX679" s="613"/>
      <c r="HWY679" s="613"/>
      <c r="HWZ679" s="613"/>
      <c r="HXA679" s="613"/>
      <c r="HXB679" s="613"/>
      <c r="HXC679" s="613"/>
      <c r="HXD679" s="613"/>
      <c r="HXE679" s="613"/>
      <c r="HXF679" s="613"/>
      <c r="HXG679" s="613"/>
      <c r="HXH679" s="613"/>
      <c r="HXI679" s="613"/>
      <c r="HXJ679" s="613"/>
      <c r="HXK679" s="613"/>
      <c r="HXL679" s="613"/>
      <c r="HXM679" s="613"/>
      <c r="HXN679" s="613"/>
      <c r="HXO679" s="613"/>
      <c r="HXP679" s="613"/>
      <c r="HXQ679" s="613"/>
      <c r="HXR679" s="613"/>
      <c r="HXS679" s="613"/>
      <c r="HXT679" s="613"/>
      <c r="HXU679" s="613"/>
      <c r="HXV679" s="613"/>
      <c r="HXW679" s="613"/>
      <c r="HXX679" s="613"/>
      <c r="HXY679" s="613"/>
      <c r="HXZ679" s="613"/>
      <c r="HYA679" s="613"/>
      <c r="HYB679" s="613"/>
      <c r="HYC679" s="613"/>
      <c r="HYD679" s="613"/>
      <c r="HYE679" s="613"/>
      <c r="HYF679" s="613"/>
      <c r="HYG679" s="613"/>
      <c r="HYH679" s="613"/>
      <c r="HYI679" s="613"/>
      <c r="HYJ679" s="613"/>
      <c r="HYK679" s="613"/>
      <c r="HYL679" s="613"/>
      <c r="HYM679" s="613"/>
      <c r="HYN679" s="613"/>
      <c r="HYO679" s="613"/>
      <c r="HYP679" s="613"/>
      <c r="HYQ679" s="613"/>
      <c r="HYR679" s="613"/>
      <c r="HYS679" s="613"/>
      <c r="HYT679" s="613"/>
      <c r="HYU679" s="613"/>
      <c r="HYV679" s="613"/>
      <c r="HYW679" s="613"/>
      <c r="HYX679" s="613"/>
      <c r="HYY679" s="613"/>
      <c r="HYZ679" s="613"/>
      <c r="HZA679" s="613"/>
      <c r="HZB679" s="613"/>
      <c r="HZC679" s="613"/>
      <c r="HZD679" s="613"/>
      <c r="HZE679" s="613"/>
      <c r="HZF679" s="613"/>
      <c r="HZG679" s="613"/>
      <c r="HZH679" s="613"/>
      <c r="HZI679" s="613"/>
      <c r="HZJ679" s="613"/>
      <c r="HZK679" s="613"/>
      <c r="HZL679" s="613"/>
      <c r="HZM679" s="613"/>
      <c r="HZN679" s="613"/>
      <c r="HZO679" s="613"/>
      <c r="HZP679" s="613"/>
      <c r="HZQ679" s="613"/>
      <c r="HZR679" s="613"/>
      <c r="HZS679" s="613"/>
      <c r="HZT679" s="613"/>
      <c r="HZU679" s="613"/>
      <c r="HZV679" s="613"/>
      <c r="HZW679" s="613"/>
      <c r="HZX679" s="613"/>
      <c r="HZY679" s="613"/>
      <c r="HZZ679" s="613"/>
      <c r="IAA679" s="613"/>
      <c r="IAB679" s="613"/>
      <c r="IAC679" s="613"/>
      <c r="IAD679" s="613"/>
      <c r="IAE679" s="613"/>
      <c r="IAF679" s="613"/>
      <c r="IAG679" s="613"/>
      <c r="IAH679" s="613"/>
      <c r="IAI679" s="613"/>
      <c r="IAJ679" s="613"/>
      <c r="IAK679" s="613"/>
      <c r="IAL679" s="613"/>
      <c r="IAM679" s="613"/>
      <c r="IAN679" s="613"/>
      <c r="IAO679" s="613"/>
      <c r="IAP679" s="613"/>
      <c r="IAQ679" s="613"/>
      <c r="IAR679" s="613"/>
      <c r="IAS679" s="613"/>
      <c r="IAT679" s="613"/>
      <c r="IAU679" s="613"/>
      <c r="IAV679" s="613"/>
      <c r="IAW679" s="613"/>
      <c r="IAX679" s="613"/>
      <c r="IAY679" s="613"/>
      <c r="IAZ679" s="613"/>
      <c r="IBA679" s="613"/>
      <c r="IBB679" s="613"/>
      <c r="IBC679" s="613"/>
      <c r="IBD679" s="613"/>
      <c r="IBE679" s="613"/>
      <c r="IBF679" s="613"/>
      <c r="IBG679" s="613"/>
      <c r="IBH679" s="613"/>
      <c r="IBI679" s="613"/>
      <c r="IBJ679" s="613"/>
      <c r="IBK679" s="613"/>
      <c r="IBL679" s="613"/>
      <c r="IBM679" s="613"/>
      <c r="IBN679" s="613"/>
      <c r="IBO679" s="613"/>
      <c r="IBP679" s="613"/>
      <c r="IBQ679" s="613"/>
      <c r="IBR679" s="613"/>
      <c r="IBS679" s="613"/>
      <c r="IBT679" s="613"/>
      <c r="IBU679" s="613"/>
      <c r="IBV679" s="613"/>
      <c r="IBW679" s="613"/>
      <c r="IBX679" s="613"/>
      <c r="IBY679" s="613"/>
      <c r="IBZ679" s="613"/>
      <c r="ICA679" s="613"/>
      <c r="ICB679" s="613"/>
      <c r="ICC679" s="613"/>
      <c r="ICD679" s="613"/>
      <c r="ICE679" s="613"/>
      <c r="ICF679" s="613"/>
      <c r="ICG679" s="613"/>
      <c r="ICH679" s="613"/>
      <c r="ICI679" s="613"/>
      <c r="ICJ679" s="613"/>
      <c r="ICK679" s="613"/>
      <c r="ICL679" s="613"/>
      <c r="ICM679" s="613"/>
      <c r="ICN679" s="613"/>
      <c r="ICO679" s="613"/>
      <c r="ICP679" s="613"/>
      <c r="ICQ679" s="613"/>
      <c r="ICR679" s="613"/>
      <c r="ICS679" s="613"/>
      <c r="ICT679" s="613"/>
      <c r="ICU679" s="613"/>
      <c r="ICV679" s="613"/>
      <c r="ICW679" s="613"/>
      <c r="ICX679" s="613"/>
      <c r="ICY679" s="613"/>
      <c r="ICZ679" s="613"/>
      <c r="IDA679" s="613"/>
      <c r="IDB679" s="613"/>
      <c r="IDC679" s="613"/>
      <c r="IDD679" s="613"/>
      <c r="IDE679" s="613"/>
      <c r="IDF679" s="613"/>
      <c r="IDG679" s="613"/>
      <c r="IDH679" s="613"/>
      <c r="IDI679" s="613"/>
      <c r="IDJ679" s="613"/>
      <c r="IDK679" s="613"/>
      <c r="IDL679" s="613"/>
      <c r="IDM679" s="613"/>
      <c r="IDN679" s="613"/>
      <c r="IDO679" s="613"/>
      <c r="IDP679" s="613"/>
      <c r="IDQ679" s="613"/>
      <c r="IDR679" s="613"/>
      <c r="IDS679" s="613"/>
      <c r="IDT679" s="613"/>
      <c r="IDU679" s="613"/>
      <c r="IDV679" s="613"/>
      <c r="IDW679" s="613"/>
      <c r="IDX679" s="613"/>
      <c r="IDY679" s="613"/>
      <c r="IDZ679" s="613"/>
      <c r="IEA679" s="613"/>
      <c r="IEB679" s="613"/>
      <c r="IEC679" s="613"/>
      <c r="IED679" s="613"/>
      <c r="IEE679" s="613"/>
      <c r="IEF679" s="613"/>
      <c r="IEG679" s="613"/>
      <c r="IEH679" s="613"/>
      <c r="IEI679" s="613"/>
      <c r="IEJ679" s="613"/>
      <c r="IEK679" s="613"/>
      <c r="IEL679" s="613"/>
      <c r="IEM679" s="613"/>
      <c r="IEN679" s="613"/>
      <c r="IEO679" s="613"/>
      <c r="IEP679" s="613"/>
      <c r="IEQ679" s="613"/>
      <c r="IER679" s="613"/>
      <c r="IES679" s="613"/>
      <c r="IET679" s="613"/>
      <c r="IEU679" s="613"/>
      <c r="IEV679" s="613"/>
      <c r="IEW679" s="613"/>
      <c r="IEX679" s="613"/>
      <c r="IEY679" s="613"/>
      <c r="IEZ679" s="613"/>
      <c r="IFA679" s="613"/>
      <c r="IFB679" s="613"/>
      <c r="IFC679" s="613"/>
      <c r="IFD679" s="613"/>
      <c r="IFE679" s="613"/>
      <c r="IFF679" s="613"/>
      <c r="IFG679" s="613"/>
      <c r="IFH679" s="613"/>
      <c r="IFI679" s="613"/>
      <c r="IFJ679" s="613"/>
      <c r="IFK679" s="613"/>
      <c r="IFL679" s="613"/>
      <c r="IFM679" s="613"/>
      <c r="IFN679" s="613"/>
      <c r="IFO679" s="613"/>
      <c r="IFP679" s="613"/>
      <c r="IFQ679" s="613"/>
      <c r="IFR679" s="613"/>
      <c r="IFS679" s="613"/>
      <c r="IFT679" s="613"/>
      <c r="IFU679" s="613"/>
      <c r="IFV679" s="613"/>
      <c r="IFW679" s="613"/>
      <c r="IFX679" s="613"/>
      <c r="IFY679" s="613"/>
      <c r="IFZ679" s="613"/>
      <c r="IGA679" s="613"/>
      <c r="IGB679" s="613"/>
      <c r="IGC679" s="613"/>
      <c r="IGD679" s="613"/>
      <c r="IGE679" s="613"/>
      <c r="IGF679" s="613"/>
      <c r="IGG679" s="613"/>
      <c r="IGH679" s="613"/>
      <c r="IGI679" s="613"/>
      <c r="IGJ679" s="613"/>
      <c r="IGK679" s="613"/>
      <c r="IGL679" s="613"/>
      <c r="IGM679" s="613"/>
      <c r="IGN679" s="613"/>
      <c r="IGO679" s="613"/>
      <c r="IGP679" s="613"/>
      <c r="IGQ679" s="613"/>
      <c r="IGR679" s="613"/>
      <c r="IGS679" s="613"/>
      <c r="IGT679" s="613"/>
      <c r="IGU679" s="613"/>
      <c r="IGV679" s="613"/>
      <c r="IGW679" s="613"/>
      <c r="IGX679" s="613"/>
      <c r="IGY679" s="613"/>
      <c r="IGZ679" s="613"/>
      <c r="IHA679" s="613"/>
      <c r="IHB679" s="613"/>
      <c r="IHC679" s="613"/>
      <c r="IHD679" s="613"/>
      <c r="IHE679" s="613"/>
      <c r="IHF679" s="613"/>
      <c r="IHG679" s="613"/>
      <c r="IHH679" s="613"/>
      <c r="IHI679" s="613"/>
      <c r="IHJ679" s="613"/>
      <c r="IHK679" s="613"/>
      <c r="IHL679" s="613"/>
      <c r="IHM679" s="613"/>
      <c r="IHN679" s="613"/>
      <c r="IHO679" s="613"/>
      <c r="IHP679" s="613"/>
      <c r="IHQ679" s="613"/>
      <c r="IHR679" s="613"/>
      <c r="IHS679" s="613"/>
      <c r="IHT679" s="613"/>
      <c r="IHU679" s="613"/>
      <c r="IHV679" s="613"/>
      <c r="IHW679" s="613"/>
      <c r="IHX679" s="613"/>
      <c r="IHY679" s="613"/>
      <c r="IHZ679" s="613"/>
      <c r="IIA679" s="613"/>
      <c r="IIB679" s="613"/>
      <c r="IIC679" s="613"/>
      <c r="IID679" s="613"/>
      <c r="IIE679" s="613"/>
      <c r="IIF679" s="613"/>
      <c r="IIG679" s="613"/>
      <c r="IIH679" s="613"/>
      <c r="III679" s="613"/>
      <c r="IIJ679" s="613"/>
      <c r="IIK679" s="613"/>
      <c r="IIL679" s="613"/>
      <c r="IIM679" s="613"/>
      <c r="IIN679" s="613"/>
      <c r="IIO679" s="613"/>
      <c r="IIP679" s="613"/>
      <c r="IIQ679" s="613"/>
      <c r="IIR679" s="613"/>
      <c r="IIS679" s="613"/>
      <c r="IIT679" s="613"/>
      <c r="IIU679" s="613"/>
      <c r="IIV679" s="613"/>
      <c r="IIW679" s="613"/>
      <c r="IIX679" s="613"/>
      <c r="IIY679" s="613"/>
      <c r="IIZ679" s="613"/>
      <c r="IJA679" s="613"/>
      <c r="IJB679" s="613"/>
      <c r="IJC679" s="613"/>
      <c r="IJD679" s="613"/>
      <c r="IJE679" s="613"/>
      <c r="IJF679" s="613"/>
      <c r="IJG679" s="613"/>
      <c r="IJH679" s="613"/>
      <c r="IJI679" s="613"/>
      <c r="IJJ679" s="613"/>
      <c r="IJK679" s="613"/>
      <c r="IJL679" s="613"/>
      <c r="IJM679" s="613"/>
      <c r="IJN679" s="613"/>
      <c r="IJO679" s="613"/>
      <c r="IJP679" s="613"/>
      <c r="IJQ679" s="613"/>
      <c r="IJR679" s="613"/>
      <c r="IJS679" s="613"/>
      <c r="IJT679" s="613"/>
      <c r="IJU679" s="613"/>
      <c r="IJV679" s="613"/>
      <c r="IJW679" s="613"/>
      <c r="IJX679" s="613"/>
      <c r="IJY679" s="613"/>
      <c r="IJZ679" s="613"/>
      <c r="IKA679" s="613"/>
      <c r="IKB679" s="613"/>
      <c r="IKC679" s="613"/>
      <c r="IKD679" s="613"/>
      <c r="IKE679" s="613"/>
      <c r="IKF679" s="613"/>
      <c r="IKG679" s="613"/>
      <c r="IKH679" s="613"/>
      <c r="IKI679" s="613"/>
      <c r="IKJ679" s="613"/>
      <c r="IKK679" s="613"/>
      <c r="IKL679" s="613"/>
      <c r="IKM679" s="613"/>
      <c r="IKN679" s="613"/>
      <c r="IKO679" s="613"/>
      <c r="IKP679" s="613"/>
      <c r="IKQ679" s="613"/>
      <c r="IKR679" s="613"/>
      <c r="IKS679" s="613"/>
      <c r="IKT679" s="613"/>
      <c r="IKU679" s="613"/>
      <c r="IKV679" s="613"/>
      <c r="IKW679" s="613"/>
      <c r="IKX679" s="613"/>
      <c r="IKY679" s="613"/>
      <c r="IKZ679" s="613"/>
      <c r="ILA679" s="613"/>
      <c r="ILB679" s="613"/>
      <c r="ILC679" s="613"/>
      <c r="ILD679" s="613"/>
      <c r="ILE679" s="613"/>
      <c r="ILF679" s="613"/>
      <c r="ILG679" s="613"/>
      <c r="ILH679" s="613"/>
      <c r="ILI679" s="613"/>
      <c r="ILJ679" s="613"/>
      <c r="ILK679" s="613"/>
      <c r="ILL679" s="613"/>
      <c r="ILM679" s="613"/>
      <c r="ILN679" s="613"/>
      <c r="ILO679" s="613"/>
      <c r="ILP679" s="613"/>
      <c r="ILQ679" s="613"/>
      <c r="ILR679" s="613"/>
      <c r="ILS679" s="613"/>
      <c r="ILT679" s="613"/>
      <c r="ILU679" s="613"/>
      <c r="ILV679" s="613"/>
      <c r="ILW679" s="613"/>
      <c r="ILX679" s="613"/>
      <c r="ILY679" s="613"/>
      <c r="ILZ679" s="613"/>
      <c r="IMA679" s="613"/>
      <c r="IMB679" s="613"/>
      <c r="IMC679" s="613"/>
      <c r="IMD679" s="613"/>
      <c r="IME679" s="613"/>
      <c r="IMF679" s="613"/>
      <c r="IMG679" s="613"/>
      <c r="IMH679" s="613"/>
      <c r="IMI679" s="613"/>
      <c r="IMJ679" s="613"/>
      <c r="IMK679" s="613"/>
      <c r="IML679" s="613"/>
      <c r="IMM679" s="613"/>
      <c r="IMN679" s="613"/>
      <c r="IMO679" s="613"/>
      <c r="IMP679" s="613"/>
      <c r="IMQ679" s="613"/>
      <c r="IMR679" s="613"/>
      <c r="IMS679" s="613"/>
      <c r="IMT679" s="613"/>
      <c r="IMU679" s="613"/>
      <c r="IMV679" s="613"/>
      <c r="IMW679" s="613"/>
      <c r="IMX679" s="613"/>
      <c r="IMY679" s="613"/>
      <c r="IMZ679" s="613"/>
      <c r="INA679" s="613"/>
      <c r="INB679" s="613"/>
      <c r="INC679" s="613"/>
      <c r="IND679" s="613"/>
      <c r="INE679" s="613"/>
      <c r="INF679" s="613"/>
      <c r="ING679" s="613"/>
      <c r="INH679" s="613"/>
      <c r="INI679" s="613"/>
      <c r="INJ679" s="613"/>
      <c r="INK679" s="613"/>
      <c r="INL679" s="613"/>
      <c r="INM679" s="613"/>
      <c r="INN679" s="613"/>
      <c r="INO679" s="613"/>
      <c r="INP679" s="613"/>
      <c r="INQ679" s="613"/>
      <c r="INR679" s="613"/>
      <c r="INS679" s="613"/>
      <c r="INT679" s="613"/>
      <c r="INU679" s="613"/>
      <c r="INV679" s="613"/>
      <c r="INW679" s="613"/>
      <c r="INX679" s="613"/>
      <c r="INY679" s="613"/>
      <c r="INZ679" s="613"/>
      <c r="IOA679" s="613"/>
      <c r="IOB679" s="613"/>
      <c r="IOC679" s="613"/>
      <c r="IOD679" s="613"/>
      <c r="IOE679" s="613"/>
      <c r="IOF679" s="613"/>
      <c r="IOG679" s="613"/>
      <c r="IOH679" s="613"/>
      <c r="IOI679" s="613"/>
      <c r="IOJ679" s="613"/>
      <c r="IOK679" s="613"/>
      <c r="IOL679" s="613"/>
      <c r="IOM679" s="613"/>
      <c r="ION679" s="613"/>
      <c r="IOO679" s="613"/>
      <c r="IOP679" s="613"/>
      <c r="IOQ679" s="613"/>
      <c r="IOR679" s="613"/>
      <c r="IOS679" s="613"/>
      <c r="IOT679" s="613"/>
      <c r="IOU679" s="613"/>
      <c r="IOV679" s="613"/>
      <c r="IOW679" s="613"/>
      <c r="IOX679" s="613"/>
      <c r="IOY679" s="613"/>
      <c r="IOZ679" s="613"/>
      <c r="IPA679" s="613"/>
      <c r="IPB679" s="613"/>
      <c r="IPC679" s="613"/>
      <c r="IPD679" s="613"/>
      <c r="IPE679" s="613"/>
      <c r="IPF679" s="613"/>
      <c r="IPG679" s="613"/>
      <c r="IPH679" s="613"/>
      <c r="IPI679" s="613"/>
      <c r="IPJ679" s="613"/>
      <c r="IPK679" s="613"/>
      <c r="IPL679" s="613"/>
      <c r="IPM679" s="613"/>
      <c r="IPN679" s="613"/>
      <c r="IPO679" s="613"/>
      <c r="IPP679" s="613"/>
      <c r="IPQ679" s="613"/>
      <c r="IPR679" s="613"/>
      <c r="IPS679" s="613"/>
      <c r="IPT679" s="613"/>
      <c r="IPU679" s="613"/>
      <c r="IPV679" s="613"/>
      <c r="IPW679" s="613"/>
      <c r="IPX679" s="613"/>
      <c r="IPY679" s="613"/>
      <c r="IPZ679" s="613"/>
      <c r="IQA679" s="613"/>
      <c r="IQB679" s="613"/>
      <c r="IQC679" s="613"/>
      <c r="IQD679" s="613"/>
      <c r="IQE679" s="613"/>
      <c r="IQF679" s="613"/>
      <c r="IQG679" s="613"/>
      <c r="IQH679" s="613"/>
      <c r="IQI679" s="613"/>
      <c r="IQJ679" s="613"/>
      <c r="IQK679" s="613"/>
      <c r="IQL679" s="613"/>
      <c r="IQM679" s="613"/>
      <c r="IQN679" s="613"/>
      <c r="IQO679" s="613"/>
      <c r="IQP679" s="613"/>
      <c r="IQQ679" s="613"/>
      <c r="IQR679" s="613"/>
      <c r="IQS679" s="613"/>
      <c r="IQT679" s="613"/>
      <c r="IQU679" s="613"/>
      <c r="IQV679" s="613"/>
      <c r="IQW679" s="613"/>
      <c r="IQX679" s="613"/>
      <c r="IQY679" s="613"/>
      <c r="IQZ679" s="613"/>
      <c r="IRA679" s="613"/>
      <c r="IRB679" s="613"/>
      <c r="IRC679" s="613"/>
      <c r="IRD679" s="613"/>
      <c r="IRE679" s="613"/>
      <c r="IRF679" s="613"/>
      <c r="IRG679" s="613"/>
      <c r="IRH679" s="613"/>
      <c r="IRI679" s="613"/>
      <c r="IRJ679" s="613"/>
      <c r="IRK679" s="613"/>
      <c r="IRL679" s="613"/>
      <c r="IRM679" s="613"/>
      <c r="IRN679" s="613"/>
      <c r="IRO679" s="613"/>
      <c r="IRP679" s="613"/>
      <c r="IRQ679" s="613"/>
      <c r="IRR679" s="613"/>
      <c r="IRS679" s="613"/>
      <c r="IRT679" s="613"/>
      <c r="IRU679" s="613"/>
      <c r="IRV679" s="613"/>
      <c r="IRW679" s="613"/>
      <c r="IRX679" s="613"/>
      <c r="IRY679" s="613"/>
      <c r="IRZ679" s="613"/>
      <c r="ISA679" s="613"/>
      <c r="ISB679" s="613"/>
      <c r="ISC679" s="613"/>
      <c r="ISD679" s="613"/>
      <c r="ISE679" s="613"/>
      <c r="ISF679" s="613"/>
      <c r="ISG679" s="613"/>
      <c r="ISH679" s="613"/>
      <c r="ISI679" s="613"/>
      <c r="ISJ679" s="613"/>
      <c r="ISK679" s="613"/>
      <c r="ISL679" s="613"/>
      <c r="ISM679" s="613"/>
      <c r="ISN679" s="613"/>
      <c r="ISO679" s="613"/>
      <c r="ISP679" s="613"/>
      <c r="ISQ679" s="613"/>
      <c r="ISR679" s="613"/>
      <c r="ISS679" s="613"/>
      <c r="IST679" s="613"/>
      <c r="ISU679" s="613"/>
      <c r="ISV679" s="613"/>
      <c r="ISW679" s="613"/>
      <c r="ISX679" s="613"/>
      <c r="ISY679" s="613"/>
      <c r="ISZ679" s="613"/>
      <c r="ITA679" s="613"/>
      <c r="ITB679" s="613"/>
      <c r="ITC679" s="613"/>
      <c r="ITD679" s="613"/>
      <c r="ITE679" s="613"/>
      <c r="ITF679" s="613"/>
      <c r="ITG679" s="613"/>
      <c r="ITH679" s="613"/>
      <c r="ITI679" s="613"/>
      <c r="ITJ679" s="613"/>
      <c r="ITK679" s="613"/>
      <c r="ITL679" s="613"/>
      <c r="ITM679" s="613"/>
      <c r="ITN679" s="613"/>
      <c r="ITO679" s="613"/>
      <c r="ITP679" s="613"/>
      <c r="ITQ679" s="613"/>
      <c r="ITR679" s="613"/>
      <c r="ITS679" s="613"/>
      <c r="ITT679" s="613"/>
      <c r="ITU679" s="613"/>
      <c r="ITV679" s="613"/>
      <c r="ITW679" s="613"/>
      <c r="ITX679" s="613"/>
      <c r="ITY679" s="613"/>
      <c r="ITZ679" s="613"/>
      <c r="IUA679" s="613"/>
      <c r="IUB679" s="613"/>
      <c r="IUC679" s="613"/>
      <c r="IUD679" s="613"/>
      <c r="IUE679" s="613"/>
      <c r="IUF679" s="613"/>
      <c r="IUG679" s="613"/>
      <c r="IUH679" s="613"/>
      <c r="IUI679" s="613"/>
      <c r="IUJ679" s="613"/>
      <c r="IUK679" s="613"/>
      <c r="IUL679" s="613"/>
      <c r="IUM679" s="613"/>
      <c r="IUN679" s="613"/>
      <c r="IUO679" s="613"/>
      <c r="IUP679" s="613"/>
      <c r="IUQ679" s="613"/>
      <c r="IUR679" s="613"/>
      <c r="IUS679" s="613"/>
      <c r="IUT679" s="613"/>
      <c r="IUU679" s="613"/>
      <c r="IUV679" s="613"/>
      <c r="IUW679" s="613"/>
      <c r="IUX679" s="613"/>
      <c r="IUY679" s="613"/>
      <c r="IUZ679" s="613"/>
      <c r="IVA679" s="613"/>
      <c r="IVB679" s="613"/>
      <c r="IVC679" s="613"/>
      <c r="IVD679" s="613"/>
      <c r="IVE679" s="613"/>
      <c r="IVF679" s="613"/>
      <c r="IVG679" s="613"/>
      <c r="IVH679" s="613"/>
      <c r="IVI679" s="613"/>
      <c r="IVJ679" s="613"/>
      <c r="IVK679" s="613"/>
      <c r="IVL679" s="613"/>
      <c r="IVM679" s="613"/>
      <c r="IVN679" s="613"/>
      <c r="IVO679" s="613"/>
      <c r="IVP679" s="613"/>
      <c r="IVQ679" s="613"/>
      <c r="IVR679" s="613"/>
      <c r="IVS679" s="613"/>
      <c r="IVT679" s="613"/>
      <c r="IVU679" s="613"/>
      <c r="IVV679" s="613"/>
      <c r="IVW679" s="613"/>
      <c r="IVX679" s="613"/>
      <c r="IVY679" s="613"/>
      <c r="IVZ679" s="613"/>
      <c r="IWA679" s="613"/>
      <c r="IWB679" s="613"/>
      <c r="IWC679" s="613"/>
      <c r="IWD679" s="613"/>
      <c r="IWE679" s="613"/>
      <c r="IWF679" s="613"/>
      <c r="IWG679" s="613"/>
      <c r="IWH679" s="613"/>
      <c r="IWI679" s="613"/>
      <c r="IWJ679" s="613"/>
      <c r="IWK679" s="613"/>
      <c r="IWL679" s="613"/>
      <c r="IWM679" s="613"/>
      <c r="IWN679" s="613"/>
      <c r="IWO679" s="613"/>
      <c r="IWP679" s="613"/>
      <c r="IWQ679" s="613"/>
      <c r="IWR679" s="613"/>
      <c r="IWS679" s="613"/>
      <c r="IWT679" s="613"/>
      <c r="IWU679" s="613"/>
      <c r="IWV679" s="613"/>
      <c r="IWW679" s="613"/>
      <c r="IWX679" s="613"/>
      <c r="IWY679" s="613"/>
      <c r="IWZ679" s="613"/>
      <c r="IXA679" s="613"/>
      <c r="IXB679" s="613"/>
      <c r="IXC679" s="613"/>
      <c r="IXD679" s="613"/>
      <c r="IXE679" s="613"/>
      <c r="IXF679" s="613"/>
      <c r="IXG679" s="613"/>
      <c r="IXH679" s="613"/>
      <c r="IXI679" s="613"/>
      <c r="IXJ679" s="613"/>
      <c r="IXK679" s="613"/>
      <c r="IXL679" s="613"/>
      <c r="IXM679" s="613"/>
      <c r="IXN679" s="613"/>
      <c r="IXO679" s="613"/>
      <c r="IXP679" s="613"/>
      <c r="IXQ679" s="613"/>
      <c r="IXR679" s="613"/>
      <c r="IXS679" s="613"/>
      <c r="IXT679" s="613"/>
      <c r="IXU679" s="613"/>
      <c r="IXV679" s="613"/>
      <c r="IXW679" s="613"/>
      <c r="IXX679" s="613"/>
      <c r="IXY679" s="613"/>
      <c r="IXZ679" s="613"/>
      <c r="IYA679" s="613"/>
      <c r="IYB679" s="613"/>
      <c r="IYC679" s="613"/>
      <c r="IYD679" s="613"/>
      <c r="IYE679" s="613"/>
      <c r="IYF679" s="613"/>
      <c r="IYG679" s="613"/>
      <c r="IYH679" s="613"/>
      <c r="IYI679" s="613"/>
      <c r="IYJ679" s="613"/>
      <c r="IYK679" s="613"/>
      <c r="IYL679" s="613"/>
      <c r="IYM679" s="613"/>
      <c r="IYN679" s="613"/>
      <c r="IYO679" s="613"/>
      <c r="IYP679" s="613"/>
      <c r="IYQ679" s="613"/>
      <c r="IYR679" s="613"/>
      <c r="IYS679" s="613"/>
      <c r="IYT679" s="613"/>
      <c r="IYU679" s="613"/>
      <c r="IYV679" s="613"/>
      <c r="IYW679" s="613"/>
      <c r="IYX679" s="613"/>
      <c r="IYY679" s="613"/>
      <c r="IYZ679" s="613"/>
      <c r="IZA679" s="613"/>
      <c r="IZB679" s="613"/>
      <c r="IZC679" s="613"/>
      <c r="IZD679" s="613"/>
      <c r="IZE679" s="613"/>
      <c r="IZF679" s="613"/>
      <c r="IZG679" s="613"/>
      <c r="IZH679" s="613"/>
      <c r="IZI679" s="613"/>
      <c r="IZJ679" s="613"/>
      <c r="IZK679" s="613"/>
      <c r="IZL679" s="613"/>
      <c r="IZM679" s="613"/>
      <c r="IZN679" s="613"/>
      <c r="IZO679" s="613"/>
      <c r="IZP679" s="613"/>
      <c r="IZQ679" s="613"/>
      <c r="IZR679" s="613"/>
      <c r="IZS679" s="613"/>
      <c r="IZT679" s="613"/>
      <c r="IZU679" s="613"/>
      <c r="IZV679" s="613"/>
      <c r="IZW679" s="613"/>
      <c r="IZX679" s="613"/>
      <c r="IZY679" s="613"/>
      <c r="IZZ679" s="613"/>
      <c r="JAA679" s="613"/>
      <c r="JAB679" s="613"/>
      <c r="JAC679" s="613"/>
      <c r="JAD679" s="613"/>
      <c r="JAE679" s="613"/>
      <c r="JAF679" s="613"/>
      <c r="JAG679" s="613"/>
      <c r="JAH679" s="613"/>
      <c r="JAI679" s="613"/>
      <c r="JAJ679" s="613"/>
      <c r="JAK679" s="613"/>
      <c r="JAL679" s="613"/>
      <c r="JAM679" s="613"/>
      <c r="JAN679" s="613"/>
      <c r="JAO679" s="613"/>
      <c r="JAP679" s="613"/>
      <c r="JAQ679" s="613"/>
      <c r="JAR679" s="613"/>
      <c r="JAS679" s="613"/>
      <c r="JAT679" s="613"/>
      <c r="JAU679" s="613"/>
      <c r="JAV679" s="613"/>
      <c r="JAW679" s="613"/>
      <c r="JAX679" s="613"/>
      <c r="JAY679" s="613"/>
      <c r="JAZ679" s="613"/>
      <c r="JBA679" s="613"/>
      <c r="JBB679" s="613"/>
      <c r="JBC679" s="613"/>
      <c r="JBD679" s="613"/>
      <c r="JBE679" s="613"/>
      <c r="JBF679" s="613"/>
      <c r="JBG679" s="613"/>
      <c r="JBH679" s="613"/>
      <c r="JBI679" s="613"/>
      <c r="JBJ679" s="613"/>
      <c r="JBK679" s="613"/>
      <c r="JBL679" s="613"/>
      <c r="JBM679" s="613"/>
      <c r="JBN679" s="613"/>
      <c r="JBO679" s="613"/>
      <c r="JBP679" s="613"/>
      <c r="JBQ679" s="613"/>
      <c r="JBR679" s="613"/>
      <c r="JBS679" s="613"/>
      <c r="JBT679" s="613"/>
      <c r="JBU679" s="613"/>
      <c r="JBV679" s="613"/>
      <c r="JBW679" s="613"/>
      <c r="JBX679" s="613"/>
      <c r="JBY679" s="613"/>
      <c r="JBZ679" s="613"/>
      <c r="JCA679" s="613"/>
      <c r="JCB679" s="613"/>
      <c r="JCC679" s="613"/>
      <c r="JCD679" s="613"/>
      <c r="JCE679" s="613"/>
      <c r="JCF679" s="613"/>
      <c r="JCG679" s="613"/>
      <c r="JCH679" s="613"/>
      <c r="JCI679" s="613"/>
      <c r="JCJ679" s="613"/>
      <c r="JCK679" s="613"/>
      <c r="JCL679" s="613"/>
      <c r="JCM679" s="613"/>
      <c r="JCN679" s="613"/>
      <c r="JCO679" s="613"/>
      <c r="JCP679" s="613"/>
      <c r="JCQ679" s="613"/>
      <c r="JCR679" s="613"/>
      <c r="JCS679" s="613"/>
      <c r="JCT679" s="613"/>
      <c r="JCU679" s="613"/>
      <c r="JCV679" s="613"/>
      <c r="JCW679" s="613"/>
      <c r="JCX679" s="613"/>
      <c r="JCY679" s="613"/>
      <c r="JCZ679" s="613"/>
      <c r="JDA679" s="613"/>
      <c r="JDB679" s="613"/>
      <c r="JDC679" s="613"/>
      <c r="JDD679" s="613"/>
      <c r="JDE679" s="613"/>
      <c r="JDF679" s="613"/>
      <c r="JDG679" s="613"/>
      <c r="JDH679" s="613"/>
      <c r="JDI679" s="613"/>
      <c r="JDJ679" s="613"/>
      <c r="JDK679" s="613"/>
      <c r="JDL679" s="613"/>
      <c r="JDM679" s="613"/>
      <c r="JDN679" s="613"/>
      <c r="JDO679" s="613"/>
      <c r="JDP679" s="613"/>
      <c r="JDQ679" s="613"/>
      <c r="JDR679" s="613"/>
      <c r="JDS679" s="613"/>
      <c r="JDT679" s="613"/>
      <c r="JDU679" s="613"/>
      <c r="JDV679" s="613"/>
      <c r="JDW679" s="613"/>
      <c r="JDX679" s="613"/>
      <c r="JDY679" s="613"/>
      <c r="JDZ679" s="613"/>
      <c r="JEA679" s="613"/>
      <c r="JEB679" s="613"/>
      <c r="JEC679" s="613"/>
      <c r="JED679" s="613"/>
      <c r="JEE679" s="613"/>
      <c r="JEF679" s="613"/>
      <c r="JEG679" s="613"/>
      <c r="JEH679" s="613"/>
      <c r="JEI679" s="613"/>
      <c r="JEJ679" s="613"/>
      <c r="JEK679" s="613"/>
      <c r="JEL679" s="613"/>
      <c r="JEM679" s="613"/>
      <c r="JEN679" s="613"/>
      <c r="JEO679" s="613"/>
      <c r="JEP679" s="613"/>
      <c r="JEQ679" s="613"/>
      <c r="JER679" s="613"/>
      <c r="JES679" s="613"/>
      <c r="JET679" s="613"/>
      <c r="JEU679" s="613"/>
      <c r="JEV679" s="613"/>
      <c r="JEW679" s="613"/>
      <c r="JEX679" s="613"/>
      <c r="JEY679" s="613"/>
      <c r="JEZ679" s="613"/>
      <c r="JFA679" s="613"/>
      <c r="JFB679" s="613"/>
      <c r="JFC679" s="613"/>
      <c r="JFD679" s="613"/>
      <c r="JFE679" s="613"/>
      <c r="JFF679" s="613"/>
      <c r="JFG679" s="613"/>
      <c r="JFH679" s="613"/>
      <c r="JFI679" s="613"/>
      <c r="JFJ679" s="613"/>
      <c r="JFK679" s="613"/>
      <c r="JFL679" s="613"/>
      <c r="JFM679" s="613"/>
      <c r="JFN679" s="613"/>
      <c r="JFO679" s="613"/>
      <c r="JFP679" s="613"/>
      <c r="JFQ679" s="613"/>
      <c r="JFR679" s="613"/>
      <c r="JFS679" s="613"/>
      <c r="JFT679" s="613"/>
      <c r="JFU679" s="613"/>
      <c r="JFV679" s="613"/>
      <c r="JFW679" s="613"/>
      <c r="JFX679" s="613"/>
      <c r="JFY679" s="613"/>
      <c r="JFZ679" s="613"/>
      <c r="JGA679" s="613"/>
      <c r="JGB679" s="613"/>
      <c r="JGC679" s="613"/>
      <c r="JGD679" s="613"/>
      <c r="JGE679" s="613"/>
      <c r="JGF679" s="613"/>
      <c r="JGG679" s="613"/>
      <c r="JGH679" s="613"/>
      <c r="JGI679" s="613"/>
      <c r="JGJ679" s="613"/>
      <c r="JGK679" s="613"/>
      <c r="JGL679" s="613"/>
      <c r="JGM679" s="613"/>
      <c r="JGN679" s="613"/>
      <c r="JGO679" s="613"/>
      <c r="JGP679" s="613"/>
      <c r="JGQ679" s="613"/>
      <c r="JGR679" s="613"/>
      <c r="JGS679" s="613"/>
      <c r="JGT679" s="613"/>
      <c r="JGU679" s="613"/>
      <c r="JGV679" s="613"/>
      <c r="JGW679" s="613"/>
      <c r="JGX679" s="613"/>
      <c r="JGY679" s="613"/>
      <c r="JGZ679" s="613"/>
      <c r="JHA679" s="613"/>
      <c r="JHB679" s="613"/>
      <c r="JHC679" s="613"/>
      <c r="JHD679" s="613"/>
      <c r="JHE679" s="613"/>
      <c r="JHF679" s="613"/>
      <c r="JHG679" s="613"/>
      <c r="JHH679" s="613"/>
      <c r="JHI679" s="613"/>
      <c r="JHJ679" s="613"/>
      <c r="JHK679" s="613"/>
      <c r="JHL679" s="613"/>
      <c r="JHM679" s="613"/>
      <c r="JHN679" s="613"/>
      <c r="JHO679" s="613"/>
      <c r="JHP679" s="613"/>
      <c r="JHQ679" s="613"/>
      <c r="JHR679" s="613"/>
      <c r="JHS679" s="613"/>
      <c r="JHT679" s="613"/>
      <c r="JHU679" s="613"/>
      <c r="JHV679" s="613"/>
      <c r="JHW679" s="613"/>
      <c r="JHX679" s="613"/>
      <c r="JHY679" s="613"/>
      <c r="JHZ679" s="613"/>
      <c r="JIA679" s="613"/>
      <c r="JIB679" s="613"/>
      <c r="JIC679" s="613"/>
      <c r="JID679" s="613"/>
      <c r="JIE679" s="613"/>
      <c r="JIF679" s="613"/>
      <c r="JIG679" s="613"/>
      <c r="JIH679" s="613"/>
      <c r="JII679" s="613"/>
      <c r="JIJ679" s="613"/>
      <c r="JIK679" s="613"/>
      <c r="JIL679" s="613"/>
      <c r="JIM679" s="613"/>
      <c r="JIN679" s="613"/>
      <c r="JIO679" s="613"/>
      <c r="JIP679" s="613"/>
      <c r="JIQ679" s="613"/>
      <c r="JIR679" s="613"/>
      <c r="JIS679" s="613"/>
      <c r="JIT679" s="613"/>
      <c r="JIU679" s="613"/>
      <c r="JIV679" s="613"/>
      <c r="JIW679" s="613"/>
      <c r="JIX679" s="613"/>
      <c r="JIY679" s="613"/>
      <c r="JIZ679" s="613"/>
      <c r="JJA679" s="613"/>
      <c r="JJB679" s="613"/>
      <c r="JJC679" s="613"/>
      <c r="JJD679" s="613"/>
      <c r="JJE679" s="613"/>
      <c r="JJF679" s="613"/>
      <c r="JJG679" s="613"/>
      <c r="JJH679" s="613"/>
      <c r="JJI679" s="613"/>
      <c r="JJJ679" s="613"/>
      <c r="JJK679" s="613"/>
      <c r="JJL679" s="613"/>
      <c r="JJM679" s="613"/>
      <c r="JJN679" s="613"/>
      <c r="JJO679" s="613"/>
      <c r="JJP679" s="613"/>
      <c r="JJQ679" s="613"/>
      <c r="JJR679" s="613"/>
      <c r="JJS679" s="613"/>
      <c r="JJT679" s="613"/>
      <c r="JJU679" s="613"/>
      <c r="JJV679" s="613"/>
      <c r="JJW679" s="613"/>
      <c r="JJX679" s="613"/>
      <c r="JJY679" s="613"/>
      <c r="JJZ679" s="613"/>
      <c r="JKA679" s="613"/>
      <c r="JKB679" s="613"/>
      <c r="JKC679" s="613"/>
      <c r="JKD679" s="613"/>
      <c r="JKE679" s="613"/>
      <c r="JKF679" s="613"/>
      <c r="JKG679" s="613"/>
      <c r="JKH679" s="613"/>
      <c r="JKI679" s="613"/>
      <c r="JKJ679" s="613"/>
      <c r="JKK679" s="613"/>
      <c r="JKL679" s="613"/>
      <c r="JKM679" s="613"/>
      <c r="JKN679" s="613"/>
      <c r="JKO679" s="613"/>
      <c r="JKP679" s="613"/>
      <c r="JKQ679" s="613"/>
      <c r="JKR679" s="613"/>
      <c r="JKS679" s="613"/>
      <c r="JKT679" s="613"/>
      <c r="JKU679" s="613"/>
      <c r="JKV679" s="613"/>
      <c r="JKW679" s="613"/>
      <c r="JKX679" s="613"/>
      <c r="JKY679" s="613"/>
      <c r="JKZ679" s="613"/>
      <c r="JLA679" s="613"/>
      <c r="JLB679" s="613"/>
      <c r="JLC679" s="613"/>
      <c r="JLD679" s="613"/>
      <c r="JLE679" s="613"/>
      <c r="JLF679" s="613"/>
      <c r="JLG679" s="613"/>
      <c r="JLH679" s="613"/>
      <c r="JLI679" s="613"/>
      <c r="JLJ679" s="613"/>
      <c r="JLK679" s="613"/>
      <c r="JLL679" s="613"/>
      <c r="JLM679" s="613"/>
      <c r="JLN679" s="613"/>
      <c r="JLO679" s="613"/>
      <c r="JLP679" s="613"/>
      <c r="JLQ679" s="613"/>
      <c r="JLR679" s="613"/>
      <c r="JLS679" s="613"/>
      <c r="JLT679" s="613"/>
      <c r="JLU679" s="613"/>
      <c r="JLV679" s="613"/>
      <c r="JLW679" s="613"/>
      <c r="JLX679" s="613"/>
      <c r="JLY679" s="613"/>
      <c r="JLZ679" s="613"/>
      <c r="JMA679" s="613"/>
      <c r="JMB679" s="613"/>
      <c r="JMC679" s="613"/>
      <c r="JMD679" s="613"/>
      <c r="JME679" s="613"/>
      <c r="JMF679" s="613"/>
      <c r="JMG679" s="613"/>
      <c r="JMH679" s="613"/>
      <c r="JMI679" s="613"/>
      <c r="JMJ679" s="613"/>
      <c r="JMK679" s="613"/>
      <c r="JML679" s="613"/>
      <c r="JMM679" s="613"/>
      <c r="JMN679" s="613"/>
      <c r="JMO679" s="613"/>
      <c r="JMP679" s="613"/>
      <c r="JMQ679" s="613"/>
      <c r="JMR679" s="613"/>
      <c r="JMS679" s="613"/>
      <c r="JMT679" s="613"/>
      <c r="JMU679" s="613"/>
      <c r="JMV679" s="613"/>
      <c r="JMW679" s="613"/>
      <c r="JMX679" s="613"/>
      <c r="JMY679" s="613"/>
      <c r="JMZ679" s="613"/>
      <c r="JNA679" s="613"/>
      <c r="JNB679" s="613"/>
      <c r="JNC679" s="613"/>
      <c r="JND679" s="613"/>
      <c r="JNE679" s="613"/>
      <c r="JNF679" s="613"/>
      <c r="JNG679" s="613"/>
      <c r="JNH679" s="613"/>
      <c r="JNI679" s="613"/>
      <c r="JNJ679" s="613"/>
      <c r="JNK679" s="613"/>
      <c r="JNL679" s="613"/>
      <c r="JNM679" s="613"/>
      <c r="JNN679" s="613"/>
      <c r="JNO679" s="613"/>
      <c r="JNP679" s="613"/>
      <c r="JNQ679" s="613"/>
      <c r="JNR679" s="613"/>
      <c r="JNS679" s="613"/>
      <c r="JNT679" s="613"/>
      <c r="JNU679" s="613"/>
      <c r="JNV679" s="613"/>
      <c r="JNW679" s="613"/>
      <c r="JNX679" s="613"/>
      <c r="JNY679" s="613"/>
      <c r="JNZ679" s="613"/>
      <c r="JOA679" s="613"/>
      <c r="JOB679" s="613"/>
      <c r="JOC679" s="613"/>
      <c r="JOD679" s="613"/>
      <c r="JOE679" s="613"/>
      <c r="JOF679" s="613"/>
      <c r="JOG679" s="613"/>
      <c r="JOH679" s="613"/>
      <c r="JOI679" s="613"/>
      <c r="JOJ679" s="613"/>
      <c r="JOK679" s="613"/>
      <c r="JOL679" s="613"/>
      <c r="JOM679" s="613"/>
      <c r="JON679" s="613"/>
      <c r="JOO679" s="613"/>
      <c r="JOP679" s="613"/>
      <c r="JOQ679" s="613"/>
      <c r="JOR679" s="613"/>
      <c r="JOS679" s="613"/>
      <c r="JOT679" s="613"/>
      <c r="JOU679" s="613"/>
      <c r="JOV679" s="613"/>
      <c r="JOW679" s="613"/>
      <c r="JOX679" s="613"/>
      <c r="JOY679" s="613"/>
      <c r="JOZ679" s="613"/>
      <c r="JPA679" s="613"/>
      <c r="JPB679" s="613"/>
      <c r="JPC679" s="613"/>
      <c r="JPD679" s="613"/>
      <c r="JPE679" s="613"/>
      <c r="JPF679" s="613"/>
      <c r="JPG679" s="613"/>
      <c r="JPH679" s="613"/>
      <c r="JPI679" s="613"/>
      <c r="JPJ679" s="613"/>
      <c r="JPK679" s="613"/>
      <c r="JPL679" s="613"/>
      <c r="JPM679" s="613"/>
      <c r="JPN679" s="613"/>
      <c r="JPO679" s="613"/>
      <c r="JPP679" s="613"/>
      <c r="JPQ679" s="613"/>
      <c r="JPR679" s="613"/>
      <c r="JPS679" s="613"/>
      <c r="JPT679" s="613"/>
      <c r="JPU679" s="613"/>
      <c r="JPV679" s="613"/>
      <c r="JPW679" s="613"/>
      <c r="JPX679" s="613"/>
      <c r="JPY679" s="613"/>
      <c r="JPZ679" s="613"/>
      <c r="JQA679" s="613"/>
      <c r="JQB679" s="613"/>
      <c r="JQC679" s="613"/>
      <c r="JQD679" s="613"/>
      <c r="JQE679" s="613"/>
      <c r="JQF679" s="613"/>
      <c r="JQG679" s="613"/>
      <c r="JQH679" s="613"/>
      <c r="JQI679" s="613"/>
      <c r="JQJ679" s="613"/>
      <c r="JQK679" s="613"/>
      <c r="JQL679" s="613"/>
      <c r="JQM679" s="613"/>
      <c r="JQN679" s="613"/>
      <c r="JQO679" s="613"/>
      <c r="JQP679" s="613"/>
      <c r="JQQ679" s="613"/>
      <c r="JQR679" s="613"/>
      <c r="JQS679" s="613"/>
      <c r="JQT679" s="613"/>
      <c r="JQU679" s="613"/>
      <c r="JQV679" s="613"/>
      <c r="JQW679" s="613"/>
      <c r="JQX679" s="613"/>
      <c r="JQY679" s="613"/>
      <c r="JQZ679" s="613"/>
      <c r="JRA679" s="613"/>
      <c r="JRB679" s="613"/>
      <c r="JRC679" s="613"/>
      <c r="JRD679" s="613"/>
      <c r="JRE679" s="613"/>
      <c r="JRF679" s="613"/>
      <c r="JRG679" s="613"/>
      <c r="JRH679" s="613"/>
      <c r="JRI679" s="613"/>
      <c r="JRJ679" s="613"/>
      <c r="JRK679" s="613"/>
      <c r="JRL679" s="613"/>
      <c r="JRM679" s="613"/>
      <c r="JRN679" s="613"/>
      <c r="JRO679" s="613"/>
      <c r="JRP679" s="613"/>
      <c r="JRQ679" s="613"/>
      <c r="JRR679" s="613"/>
      <c r="JRS679" s="613"/>
      <c r="JRT679" s="613"/>
      <c r="JRU679" s="613"/>
      <c r="JRV679" s="613"/>
      <c r="JRW679" s="613"/>
      <c r="JRX679" s="613"/>
      <c r="JRY679" s="613"/>
      <c r="JRZ679" s="613"/>
      <c r="JSA679" s="613"/>
      <c r="JSB679" s="613"/>
      <c r="JSC679" s="613"/>
      <c r="JSD679" s="613"/>
      <c r="JSE679" s="613"/>
      <c r="JSF679" s="613"/>
      <c r="JSG679" s="613"/>
      <c r="JSH679" s="613"/>
      <c r="JSI679" s="613"/>
      <c r="JSJ679" s="613"/>
      <c r="JSK679" s="613"/>
      <c r="JSL679" s="613"/>
      <c r="JSM679" s="613"/>
      <c r="JSN679" s="613"/>
      <c r="JSO679" s="613"/>
      <c r="JSP679" s="613"/>
      <c r="JSQ679" s="613"/>
      <c r="JSR679" s="613"/>
      <c r="JSS679" s="613"/>
      <c r="JST679" s="613"/>
      <c r="JSU679" s="613"/>
      <c r="JSV679" s="613"/>
      <c r="JSW679" s="613"/>
      <c r="JSX679" s="613"/>
      <c r="JSY679" s="613"/>
      <c r="JSZ679" s="613"/>
      <c r="JTA679" s="613"/>
      <c r="JTB679" s="613"/>
      <c r="JTC679" s="613"/>
      <c r="JTD679" s="613"/>
      <c r="JTE679" s="613"/>
      <c r="JTF679" s="613"/>
      <c r="JTG679" s="613"/>
      <c r="JTH679" s="613"/>
      <c r="JTI679" s="613"/>
      <c r="JTJ679" s="613"/>
      <c r="JTK679" s="613"/>
      <c r="JTL679" s="613"/>
      <c r="JTM679" s="613"/>
      <c r="JTN679" s="613"/>
      <c r="JTO679" s="613"/>
      <c r="JTP679" s="613"/>
      <c r="JTQ679" s="613"/>
      <c r="JTR679" s="613"/>
      <c r="JTS679" s="613"/>
      <c r="JTT679" s="613"/>
      <c r="JTU679" s="613"/>
      <c r="JTV679" s="613"/>
      <c r="JTW679" s="613"/>
      <c r="JTX679" s="613"/>
      <c r="JTY679" s="613"/>
      <c r="JTZ679" s="613"/>
      <c r="JUA679" s="613"/>
      <c r="JUB679" s="613"/>
      <c r="JUC679" s="613"/>
      <c r="JUD679" s="613"/>
      <c r="JUE679" s="613"/>
      <c r="JUF679" s="613"/>
      <c r="JUG679" s="613"/>
      <c r="JUH679" s="613"/>
      <c r="JUI679" s="613"/>
      <c r="JUJ679" s="613"/>
      <c r="JUK679" s="613"/>
      <c r="JUL679" s="613"/>
      <c r="JUM679" s="613"/>
      <c r="JUN679" s="613"/>
      <c r="JUO679" s="613"/>
      <c r="JUP679" s="613"/>
      <c r="JUQ679" s="613"/>
      <c r="JUR679" s="613"/>
      <c r="JUS679" s="613"/>
      <c r="JUT679" s="613"/>
      <c r="JUU679" s="613"/>
      <c r="JUV679" s="613"/>
      <c r="JUW679" s="613"/>
      <c r="JUX679" s="613"/>
      <c r="JUY679" s="613"/>
      <c r="JUZ679" s="613"/>
      <c r="JVA679" s="613"/>
      <c r="JVB679" s="613"/>
      <c r="JVC679" s="613"/>
      <c r="JVD679" s="613"/>
      <c r="JVE679" s="613"/>
      <c r="JVF679" s="613"/>
      <c r="JVG679" s="613"/>
      <c r="JVH679" s="613"/>
      <c r="JVI679" s="613"/>
      <c r="JVJ679" s="613"/>
      <c r="JVK679" s="613"/>
      <c r="JVL679" s="613"/>
      <c r="JVM679" s="613"/>
      <c r="JVN679" s="613"/>
      <c r="JVO679" s="613"/>
      <c r="JVP679" s="613"/>
      <c r="JVQ679" s="613"/>
      <c r="JVR679" s="613"/>
      <c r="JVS679" s="613"/>
      <c r="JVT679" s="613"/>
      <c r="JVU679" s="613"/>
      <c r="JVV679" s="613"/>
      <c r="JVW679" s="613"/>
      <c r="JVX679" s="613"/>
      <c r="JVY679" s="613"/>
      <c r="JVZ679" s="613"/>
      <c r="JWA679" s="613"/>
      <c r="JWB679" s="613"/>
      <c r="JWC679" s="613"/>
      <c r="JWD679" s="613"/>
      <c r="JWE679" s="613"/>
      <c r="JWF679" s="613"/>
      <c r="JWG679" s="613"/>
      <c r="JWH679" s="613"/>
      <c r="JWI679" s="613"/>
      <c r="JWJ679" s="613"/>
      <c r="JWK679" s="613"/>
      <c r="JWL679" s="613"/>
      <c r="JWM679" s="613"/>
      <c r="JWN679" s="613"/>
      <c r="JWO679" s="613"/>
      <c r="JWP679" s="613"/>
      <c r="JWQ679" s="613"/>
      <c r="JWR679" s="613"/>
      <c r="JWS679" s="613"/>
      <c r="JWT679" s="613"/>
      <c r="JWU679" s="613"/>
      <c r="JWV679" s="613"/>
      <c r="JWW679" s="613"/>
      <c r="JWX679" s="613"/>
      <c r="JWY679" s="613"/>
      <c r="JWZ679" s="613"/>
      <c r="JXA679" s="613"/>
      <c r="JXB679" s="613"/>
      <c r="JXC679" s="613"/>
      <c r="JXD679" s="613"/>
      <c r="JXE679" s="613"/>
      <c r="JXF679" s="613"/>
      <c r="JXG679" s="613"/>
      <c r="JXH679" s="613"/>
      <c r="JXI679" s="613"/>
      <c r="JXJ679" s="613"/>
      <c r="JXK679" s="613"/>
      <c r="JXL679" s="613"/>
      <c r="JXM679" s="613"/>
      <c r="JXN679" s="613"/>
      <c r="JXO679" s="613"/>
      <c r="JXP679" s="613"/>
      <c r="JXQ679" s="613"/>
      <c r="JXR679" s="613"/>
      <c r="JXS679" s="613"/>
      <c r="JXT679" s="613"/>
      <c r="JXU679" s="613"/>
      <c r="JXV679" s="613"/>
      <c r="JXW679" s="613"/>
      <c r="JXX679" s="613"/>
      <c r="JXY679" s="613"/>
      <c r="JXZ679" s="613"/>
      <c r="JYA679" s="613"/>
      <c r="JYB679" s="613"/>
      <c r="JYC679" s="613"/>
      <c r="JYD679" s="613"/>
      <c r="JYE679" s="613"/>
      <c r="JYF679" s="613"/>
      <c r="JYG679" s="613"/>
      <c r="JYH679" s="613"/>
      <c r="JYI679" s="613"/>
      <c r="JYJ679" s="613"/>
      <c r="JYK679" s="613"/>
      <c r="JYL679" s="613"/>
      <c r="JYM679" s="613"/>
      <c r="JYN679" s="613"/>
      <c r="JYO679" s="613"/>
      <c r="JYP679" s="613"/>
      <c r="JYQ679" s="613"/>
      <c r="JYR679" s="613"/>
      <c r="JYS679" s="613"/>
      <c r="JYT679" s="613"/>
      <c r="JYU679" s="613"/>
      <c r="JYV679" s="613"/>
      <c r="JYW679" s="613"/>
      <c r="JYX679" s="613"/>
      <c r="JYY679" s="613"/>
      <c r="JYZ679" s="613"/>
      <c r="JZA679" s="613"/>
      <c r="JZB679" s="613"/>
      <c r="JZC679" s="613"/>
      <c r="JZD679" s="613"/>
      <c r="JZE679" s="613"/>
      <c r="JZF679" s="613"/>
      <c r="JZG679" s="613"/>
      <c r="JZH679" s="613"/>
      <c r="JZI679" s="613"/>
      <c r="JZJ679" s="613"/>
      <c r="JZK679" s="613"/>
      <c r="JZL679" s="613"/>
      <c r="JZM679" s="613"/>
      <c r="JZN679" s="613"/>
      <c r="JZO679" s="613"/>
      <c r="JZP679" s="613"/>
      <c r="JZQ679" s="613"/>
      <c r="JZR679" s="613"/>
      <c r="JZS679" s="613"/>
      <c r="JZT679" s="613"/>
      <c r="JZU679" s="613"/>
      <c r="JZV679" s="613"/>
      <c r="JZW679" s="613"/>
      <c r="JZX679" s="613"/>
      <c r="JZY679" s="613"/>
      <c r="JZZ679" s="613"/>
      <c r="KAA679" s="613"/>
      <c r="KAB679" s="613"/>
      <c r="KAC679" s="613"/>
      <c r="KAD679" s="613"/>
      <c r="KAE679" s="613"/>
      <c r="KAF679" s="613"/>
      <c r="KAG679" s="613"/>
      <c r="KAH679" s="613"/>
      <c r="KAI679" s="613"/>
      <c r="KAJ679" s="613"/>
      <c r="KAK679" s="613"/>
      <c r="KAL679" s="613"/>
      <c r="KAM679" s="613"/>
      <c r="KAN679" s="613"/>
      <c r="KAO679" s="613"/>
      <c r="KAP679" s="613"/>
      <c r="KAQ679" s="613"/>
      <c r="KAR679" s="613"/>
      <c r="KAS679" s="613"/>
      <c r="KAT679" s="613"/>
      <c r="KAU679" s="613"/>
      <c r="KAV679" s="613"/>
      <c r="KAW679" s="613"/>
      <c r="KAX679" s="613"/>
      <c r="KAY679" s="613"/>
      <c r="KAZ679" s="613"/>
      <c r="KBA679" s="613"/>
      <c r="KBB679" s="613"/>
      <c r="KBC679" s="613"/>
      <c r="KBD679" s="613"/>
      <c r="KBE679" s="613"/>
      <c r="KBF679" s="613"/>
      <c r="KBG679" s="613"/>
      <c r="KBH679" s="613"/>
      <c r="KBI679" s="613"/>
      <c r="KBJ679" s="613"/>
      <c r="KBK679" s="613"/>
      <c r="KBL679" s="613"/>
      <c r="KBM679" s="613"/>
      <c r="KBN679" s="613"/>
      <c r="KBO679" s="613"/>
      <c r="KBP679" s="613"/>
      <c r="KBQ679" s="613"/>
      <c r="KBR679" s="613"/>
      <c r="KBS679" s="613"/>
      <c r="KBT679" s="613"/>
      <c r="KBU679" s="613"/>
      <c r="KBV679" s="613"/>
      <c r="KBW679" s="613"/>
      <c r="KBX679" s="613"/>
      <c r="KBY679" s="613"/>
      <c r="KBZ679" s="613"/>
      <c r="KCA679" s="613"/>
      <c r="KCB679" s="613"/>
      <c r="KCC679" s="613"/>
      <c r="KCD679" s="613"/>
      <c r="KCE679" s="613"/>
      <c r="KCF679" s="613"/>
      <c r="KCG679" s="613"/>
      <c r="KCH679" s="613"/>
      <c r="KCI679" s="613"/>
      <c r="KCJ679" s="613"/>
      <c r="KCK679" s="613"/>
      <c r="KCL679" s="613"/>
      <c r="KCM679" s="613"/>
      <c r="KCN679" s="613"/>
      <c r="KCO679" s="613"/>
      <c r="KCP679" s="613"/>
      <c r="KCQ679" s="613"/>
      <c r="KCR679" s="613"/>
      <c r="KCS679" s="613"/>
      <c r="KCT679" s="613"/>
      <c r="KCU679" s="613"/>
      <c r="KCV679" s="613"/>
      <c r="KCW679" s="613"/>
      <c r="KCX679" s="613"/>
      <c r="KCY679" s="613"/>
      <c r="KCZ679" s="613"/>
      <c r="KDA679" s="613"/>
      <c r="KDB679" s="613"/>
      <c r="KDC679" s="613"/>
      <c r="KDD679" s="613"/>
      <c r="KDE679" s="613"/>
      <c r="KDF679" s="613"/>
      <c r="KDG679" s="613"/>
      <c r="KDH679" s="613"/>
      <c r="KDI679" s="613"/>
      <c r="KDJ679" s="613"/>
      <c r="KDK679" s="613"/>
      <c r="KDL679" s="613"/>
      <c r="KDM679" s="613"/>
      <c r="KDN679" s="613"/>
      <c r="KDO679" s="613"/>
      <c r="KDP679" s="613"/>
      <c r="KDQ679" s="613"/>
      <c r="KDR679" s="613"/>
      <c r="KDS679" s="613"/>
      <c r="KDT679" s="613"/>
      <c r="KDU679" s="613"/>
      <c r="KDV679" s="613"/>
      <c r="KDW679" s="613"/>
      <c r="KDX679" s="613"/>
      <c r="KDY679" s="613"/>
      <c r="KDZ679" s="613"/>
      <c r="KEA679" s="613"/>
      <c r="KEB679" s="613"/>
      <c r="KEC679" s="613"/>
      <c r="KED679" s="613"/>
      <c r="KEE679" s="613"/>
      <c r="KEF679" s="613"/>
      <c r="KEG679" s="613"/>
      <c r="KEH679" s="613"/>
      <c r="KEI679" s="613"/>
      <c r="KEJ679" s="613"/>
      <c r="KEK679" s="613"/>
      <c r="KEL679" s="613"/>
      <c r="KEM679" s="613"/>
      <c r="KEN679" s="613"/>
      <c r="KEO679" s="613"/>
      <c r="KEP679" s="613"/>
      <c r="KEQ679" s="613"/>
      <c r="KER679" s="613"/>
      <c r="KES679" s="613"/>
      <c r="KET679" s="613"/>
      <c r="KEU679" s="613"/>
      <c r="KEV679" s="613"/>
      <c r="KEW679" s="613"/>
      <c r="KEX679" s="613"/>
      <c r="KEY679" s="613"/>
      <c r="KEZ679" s="613"/>
      <c r="KFA679" s="613"/>
      <c r="KFB679" s="613"/>
      <c r="KFC679" s="613"/>
      <c r="KFD679" s="613"/>
      <c r="KFE679" s="613"/>
      <c r="KFF679" s="613"/>
      <c r="KFG679" s="613"/>
      <c r="KFH679" s="613"/>
      <c r="KFI679" s="613"/>
      <c r="KFJ679" s="613"/>
      <c r="KFK679" s="613"/>
      <c r="KFL679" s="613"/>
      <c r="KFM679" s="613"/>
      <c r="KFN679" s="613"/>
      <c r="KFO679" s="613"/>
      <c r="KFP679" s="613"/>
      <c r="KFQ679" s="613"/>
      <c r="KFR679" s="613"/>
      <c r="KFS679" s="613"/>
      <c r="KFT679" s="613"/>
      <c r="KFU679" s="613"/>
      <c r="KFV679" s="613"/>
      <c r="KFW679" s="613"/>
      <c r="KFX679" s="613"/>
      <c r="KFY679" s="613"/>
      <c r="KFZ679" s="613"/>
      <c r="KGA679" s="613"/>
      <c r="KGB679" s="613"/>
      <c r="KGC679" s="613"/>
      <c r="KGD679" s="613"/>
      <c r="KGE679" s="613"/>
      <c r="KGF679" s="613"/>
      <c r="KGG679" s="613"/>
      <c r="KGH679" s="613"/>
      <c r="KGI679" s="613"/>
      <c r="KGJ679" s="613"/>
      <c r="KGK679" s="613"/>
      <c r="KGL679" s="613"/>
      <c r="KGM679" s="613"/>
      <c r="KGN679" s="613"/>
      <c r="KGO679" s="613"/>
      <c r="KGP679" s="613"/>
      <c r="KGQ679" s="613"/>
      <c r="KGR679" s="613"/>
      <c r="KGS679" s="613"/>
      <c r="KGT679" s="613"/>
      <c r="KGU679" s="613"/>
      <c r="KGV679" s="613"/>
      <c r="KGW679" s="613"/>
      <c r="KGX679" s="613"/>
      <c r="KGY679" s="613"/>
      <c r="KGZ679" s="613"/>
      <c r="KHA679" s="613"/>
      <c r="KHB679" s="613"/>
      <c r="KHC679" s="613"/>
      <c r="KHD679" s="613"/>
      <c r="KHE679" s="613"/>
      <c r="KHF679" s="613"/>
      <c r="KHG679" s="613"/>
      <c r="KHH679" s="613"/>
      <c r="KHI679" s="613"/>
      <c r="KHJ679" s="613"/>
      <c r="KHK679" s="613"/>
      <c r="KHL679" s="613"/>
      <c r="KHM679" s="613"/>
      <c r="KHN679" s="613"/>
      <c r="KHO679" s="613"/>
      <c r="KHP679" s="613"/>
      <c r="KHQ679" s="613"/>
      <c r="KHR679" s="613"/>
      <c r="KHS679" s="613"/>
      <c r="KHT679" s="613"/>
      <c r="KHU679" s="613"/>
      <c r="KHV679" s="613"/>
      <c r="KHW679" s="613"/>
      <c r="KHX679" s="613"/>
      <c r="KHY679" s="613"/>
      <c r="KHZ679" s="613"/>
      <c r="KIA679" s="613"/>
      <c r="KIB679" s="613"/>
      <c r="KIC679" s="613"/>
      <c r="KID679" s="613"/>
      <c r="KIE679" s="613"/>
      <c r="KIF679" s="613"/>
      <c r="KIG679" s="613"/>
      <c r="KIH679" s="613"/>
      <c r="KII679" s="613"/>
      <c r="KIJ679" s="613"/>
      <c r="KIK679" s="613"/>
      <c r="KIL679" s="613"/>
      <c r="KIM679" s="613"/>
      <c r="KIN679" s="613"/>
      <c r="KIO679" s="613"/>
      <c r="KIP679" s="613"/>
      <c r="KIQ679" s="613"/>
      <c r="KIR679" s="613"/>
      <c r="KIS679" s="613"/>
      <c r="KIT679" s="613"/>
      <c r="KIU679" s="613"/>
      <c r="KIV679" s="613"/>
      <c r="KIW679" s="613"/>
      <c r="KIX679" s="613"/>
      <c r="KIY679" s="613"/>
      <c r="KIZ679" s="613"/>
      <c r="KJA679" s="613"/>
      <c r="KJB679" s="613"/>
      <c r="KJC679" s="613"/>
      <c r="KJD679" s="613"/>
      <c r="KJE679" s="613"/>
      <c r="KJF679" s="613"/>
      <c r="KJG679" s="613"/>
      <c r="KJH679" s="613"/>
      <c r="KJI679" s="613"/>
      <c r="KJJ679" s="613"/>
      <c r="KJK679" s="613"/>
      <c r="KJL679" s="613"/>
      <c r="KJM679" s="613"/>
      <c r="KJN679" s="613"/>
      <c r="KJO679" s="613"/>
      <c r="KJP679" s="613"/>
      <c r="KJQ679" s="613"/>
      <c r="KJR679" s="613"/>
      <c r="KJS679" s="613"/>
      <c r="KJT679" s="613"/>
      <c r="KJU679" s="613"/>
      <c r="KJV679" s="613"/>
      <c r="KJW679" s="613"/>
      <c r="KJX679" s="613"/>
      <c r="KJY679" s="613"/>
      <c r="KJZ679" s="613"/>
      <c r="KKA679" s="613"/>
      <c r="KKB679" s="613"/>
      <c r="KKC679" s="613"/>
      <c r="KKD679" s="613"/>
      <c r="KKE679" s="613"/>
      <c r="KKF679" s="613"/>
      <c r="KKG679" s="613"/>
      <c r="KKH679" s="613"/>
      <c r="KKI679" s="613"/>
      <c r="KKJ679" s="613"/>
      <c r="KKK679" s="613"/>
      <c r="KKL679" s="613"/>
      <c r="KKM679" s="613"/>
      <c r="KKN679" s="613"/>
      <c r="KKO679" s="613"/>
      <c r="KKP679" s="613"/>
      <c r="KKQ679" s="613"/>
      <c r="KKR679" s="613"/>
      <c r="KKS679" s="613"/>
      <c r="KKT679" s="613"/>
      <c r="KKU679" s="613"/>
      <c r="KKV679" s="613"/>
      <c r="KKW679" s="613"/>
      <c r="KKX679" s="613"/>
      <c r="KKY679" s="613"/>
      <c r="KKZ679" s="613"/>
      <c r="KLA679" s="613"/>
      <c r="KLB679" s="613"/>
      <c r="KLC679" s="613"/>
      <c r="KLD679" s="613"/>
      <c r="KLE679" s="613"/>
      <c r="KLF679" s="613"/>
      <c r="KLG679" s="613"/>
      <c r="KLH679" s="613"/>
      <c r="KLI679" s="613"/>
      <c r="KLJ679" s="613"/>
      <c r="KLK679" s="613"/>
      <c r="KLL679" s="613"/>
      <c r="KLM679" s="613"/>
      <c r="KLN679" s="613"/>
      <c r="KLO679" s="613"/>
      <c r="KLP679" s="613"/>
      <c r="KLQ679" s="613"/>
      <c r="KLR679" s="613"/>
      <c r="KLS679" s="613"/>
      <c r="KLT679" s="613"/>
      <c r="KLU679" s="613"/>
      <c r="KLV679" s="613"/>
      <c r="KLW679" s="613"/>
      <c r="KLX679" s="613"/>
      <c r="KLY679" s="613"/>
      <c r="KLZ679" s="613"/>
      <c r="KMA679" s="613"/>
      <c r="KMB679" s="613"/>
      <c r="KMC679" s="613"/>
      <c r="KMD679" s="613"/>
      <c r="KME679" s="613"/>
      <c r="KMF679" s="613"/>
      <c r="KMG679" s="613"/>
      <c r="KMH679" s="613"/>
      <c r="KMI679" s="613"/>
      <c r="KMJ679" s="613"/>
      <c r="KMK679" s="613"/>
      <c r="KML679" s="613"/>
      <c r="KMM679" s="613"/>
      <c r="KMN679" s="613"/>
      <c r="KMO679" s="613"/>
      <c r="KMP679" s="613"/>
      <c r="KMQ679" s="613"/>
      <c r="KMR679" s="613"/>
      <c r="KMS679" s="613"/>
      <c r="KMT679" s="613"/>
      <c r="KMU679" s="613"/>
      <c r="KMV679" s="613"/>
      <c r="KMW679" s="613"/>
      <c r="KMX679" s="613"/>
      <c r="KMY679" s="613"/>
      <c r="KMZ679" s="613"/>
      <c r="KNA679" s="613"/>
      <c r="KNB679" s="613"/>
      <c r="KNC679" s="613"/>
      <c r="KND679" s="613"/>
      <c r="KNE679" s="613"/>
      <c r="KNF679" s="613"/>
      <c r="KNG679" s="613"/>
      <c r="KNH679" s="613"/>
      <c r="KNI679" s="613"/>
      <c r="KNJ679" s="613"/>
      <c r="KNK679" s="613"/>
      <c r="KNL679" s="613"/>
      <c r="KNM679" s="613"/>
      <c r="KNN679" s="613"/>
      <c r="KNO679" s="613"/>
      <c r="KNP679" s="613"/>
      <c r="KNQ679" s="613"/>
      <c r="KNR679" s="613"/>
      <c r="KNS679" s="613"/>
      <c r="KNT679" s="613"/>
      <c r="KNU679" s="613"/>
      <c r="KNV679" s="613"/>
      <c r="KNW679" s="613"/>
      <c r="KNX679" s="613"/>
      <c r="KNY679" s="613"/>
      <c r="KNZ679" s="613"/>
      <c r="KOA679" s="613"/>
      <c r="KOB679" s="613"/>
      <c r="KOC679" s="613"/>
      <c r="KOD679" s="613"/>
      <c r="KOE679" s="613"/>
      <c r="KOF679" s="613"/>
      <c r="KOG679" s="613"/>
      <c r="KOH679" s="613"/>
      <c r="KOI679" s="613"/>
      <c r="KOJ679" s="613"/>
      <c r="KOK679" s="613"/>
      <c r="KOL679" s="613"/>
      <c r="KOM679" s="613"/>
      <c r="KON679" s="613"/>
      <c r="KOO679" s="613"/>
      <c r="KOP679" s="613"/>
      <c r="KOQ679" s="613"/>
      <c r="KOR679" s="613"/>
      <c r="KOS679" s="613"/>
      <c r="KOT679" s="613"/>
      <c r="KOU679" s="613"/>
      <c r="KOV679" s="613"/>
      <c r="KOW679" s="613"/>
      <c r="KOX679" s="613"/>
      <c r="KOY679" s="613"/>
      <c r="KOZ679" s="613"/>
      <c r="KPA679" s="613"/>
      <c r="KPB679" s="613"/>
      <c r="KPC679" s="613"/>
      <c r="KPD679" s="613"/>
      <c r="KPE679" s="613"/>
      <c r="KPF679" s="613"/>
      <c r="KPG679" s="613"/>
      <c r="KPH679" s="613"/>
      <c r="KPI679" s="613"/>
      <c r="KPJ679" s="613"/>
      <c r="KPK679" s="613"/>
      <c r="KPL679" s="613"/>
      <c r="KPM679" s="613"/>
      <c r="KPN679" s="613"/>
      <c r="KPO679" s="613"/>
      <c r="KPP679" s="613"/>
      <c r="KPQ679" s="613"/>
      <c r="KPR679" s="613"/>
      <c r="KPS679" s="613"/>
      <c r="KPT679" s="613"/>
      <c r="KPU679" s="613"/>
      <c r="KPV679" s="613"/>
      <c r="KPW679" s="613"/>
      <c r="KPX679" s="613"/>
      <c r="KPY679" s="613"/>
      <c r="KPZ679" s="613"/>
      <c r="KQA679" s="613"/>
      <c r="KQB679" s="613"/>
      <c r="KQC679" s="613"/>
      <c r="KQD679" s="613"/>
      <c r="KQE679" s="613"/>
      <c r="KQF679" s="613"/>
      <c r="KQG679" s="613"/>
      <c r="KQH679" s="613"/>
      <c r="KQI679" s="613"/>
      <c r="KQJ679" s="613"/>
      <c r="KQK679" s="613"/>
      <c r="KQL679" s="613"/>
      <c r="KQM679" s="613"/>
      <c r="KQN679" s="613"/>
      <c r="KQO679" s="613"/>
      <c r="KQP679" s="613"/>
      <c r="KQQ679" s="613"/>
      <c r="KQR679" s="613"/>
      <c r="KQS679" s="613"/>
      <c r="KQT679" s="613"/>
      <c r="KQU679" s="613"/>
      <c r="KQV679" s="613"/>
      <c r="KQW679" s="613"/>
      <c r="KQX679" s="613"/>
      <c r="KQY679" s="613"/>
      <c r="KQZ679" s="613"/>
      <c r="KRA679" s="613"/>
      <c r="KRB679" s="613"/>
      <c r="KRC679" s="613"/>
      <c r="KRD679" s="613"/>
      <c r="KRE679" s="613"/>
      <c r="KRF679" s="613"/>
      <c r="KRG679" s="613"/>
      <c r="KRH679" s="613"/>
      <c r="KRI679" s="613"/>
      <c r="KRJ679" s="613"/>
      <c r="KRK679" s="613"/>
      <c r="KRL679" s="613"/>
      <c r="KRM679" s="613"/>
      <c r="KRN679" s="613"/>
      <c r="KRO679" s="613"/>
      <c r="KRP679" s="613"/>
      <c r="KRQ679" s="613"/>
      <c r="KRR679" s="613"/>
      <c r="KRS679" s="613"/>
      <c r="KRT679" s="613"/>
      <c r="KRU679" s="613"/>
      <c r="KRV679" s="613"/>
      <c r="KRW679" s="613"/>
      <c r="KRX679" s="613"/>
      <c r="KRY679" s="613"/>
      <c r="KRZ679" s="613"/>
      <c r="KSA679" s="613"/>
      <c r="KSB679" s="613"/>
      <c r="KSC679" s="613"/>
      <c r="KSD679" s="613"/>
      <c r="KSE679" s="613"/>
      <c r="KSF679" s="613"/>
      <c r="KSG679" s="613"/>
      <c r="KSH679" s="613"/>
      <c r="KSI679" s="613"/>
      <c r="KSJ679" s="613"/>
      <c r="KSK679" s="613"/>
      <c r="KSL679" s="613"/>
      <c r="KSM679" s="613"/>
      <c r="KSN679" s="613"/>
      <c r="KSO679" s="613"/>
      <c r="KSP679" s="613"/>
      <c r="KSQ679" s="613"/>
      <c r="KSR679" s="613"/>
      <c r="KSS679" s="613"/>
      <c r="KST679" s="613"/>
      <c r="KSU679" s="613"/>
      <c r="KSV679" s="613"/>
      <c r="KSW679" s="613"/>
      <c r="KSX679" s="613"/>
      <c r="KSY679" s="613"/>
      <c r="KSZ679" s="613"/>
      <c r="KTA679" s="613"/>
      <c r="KTB679" s="613"/>
      <c r="KTC679" s="613"/>
      <c r="KTD679" s="613"/>
      <c r="KTE679" s="613"/>
      <c r="KTF679" s="613"/>
      <c r="KTG679" s="613"/>
      <c r="KTH679" s="613"/>
      <c r="KTI679" s="613"/>
      <c r="KTJ679" s="613"/>
      <c r="KTK679" s="613"/>
      <c r="KTL679" s="613"/>
      <c r="KTM679" s="613"/>
      <c r="KTN679" s="613"/>
      <c r="KTO679" s="613"/>
      <c r="KTP679" s="613"/>
      <c r="KTQ679" s="613"/>
      <c r="KTR679" s="613"/>
      <c r="KTS679" s="613"/>
      <c r="KTT679" s="613"/>
      <c r="KTU679" s="613"/>
      <c r="KTV679" s="613"/>
      <c r="KTW679" s="613"/>
      <c r="KTX679" s="613"/>
      <c r="KTY679" s="613"/>
      <c r="KTZ679" s="613"/>
      <c r="KUA679" s="613"/>
      <c r="KUB679" s="613"/>
      <c r="KUC679" s="613"/>
      <c r="KUD679" s="613"/>
      <c r="KUE679" s="613"/>
      <c r="KUF679" s="613"/>
      <c r="KUG679" s="613"/>
      <c r="KUH679" s="613"/>
      <c r="KUI679" s="613"/>
      <c r="KUJ679" s="613"/>
      <c r="KUK679" s="613"/>
      <c r="KUL679" s="613"/>
      <c r="KUM679" s="613"/>
      <c r="KUN679" s="613"/>
      <c r="KUO679" s="613"/>
      <c r="KUP679" s="613"/>
      <c r="KUQ679" s="613"/>
      <c r="KUR679" s="613"/>
      <c r="KUS679" s="613"/>
      <c r="KUT679" s="613"/>
      <c r="KUU679" s="613"/>
      <c r="KUV679" s="613"/>
      <c r="KUW679" s="613"/>
      <c r="KUX679" s="613"/>
      <c r="KUY679" s="613"/>
      <c r="KUZ679" s="613"/>
      <c r="KVA679" s="613"/>
      <c r="KVB679" s="613"/>
      <c r="KVC679" s="613"/>
      <c r="KVD679" s="613"/>
      <c r="KVE679" s="613"/>
      <c r="KVF679" s="613"/>
      <c r="KVG679" s="613"/>
      <c r="KVH679" s="613"/>
      <c r="KVI679" s="613"/>
      <c r="KVJ679" s="613"/>
      <c r="KVK679" s="613"/>
      <c r="KVL679" s="613"/>
      <c r="KVM679" s="613"/>
      <c r="KVN679" s="613"/>
      <c r="KVO679" s="613"/>
      <c r="KVP679" s="613"/>
      <c r="KVQ679" s="613"/>
      <c r="KVR679" s="613"/>
      <c r="KVS679" s="613"/>
      <c r="KVT679" s="613"/>
      <c r="KVU679" s="613"/>
      <c r="KVV679" s="613"/>
      <c r="KVW679" s="613"/>
      <c r="KVX679" s="613"/>
      <c r="KVY679" s="613"/>
      <c r="KVZ679" s="613"/>
      <c r="KWA679" s="613"/>
      <c r="KWB679" s="613"/>
      <c r="KWC679" s="613"/>
      <c r="KWD679" s="613"/>
      <c r="KWE679" s="613"/>
      <c r="KWF679" s="613"/>
      <c r="KWG679" s="613"/>
      <c r="KWH679" s="613"/>
      <c r="KWI679" s="613"/>
      <c r="KWJ679" s="613"/>
      <c r="KWK679" s="613"/>
      <c r="KWL679" s="613"/>
      <c r="KWM679" s="613"/>
      <c r="KWN679" s="613"/>
      <c r="KWO679" s="613"/>
      <c r="KWP679" s="613"/>
      <c r="KWQ679" s="613"/>
      <c r="KWR679" s="613"/>
      <c r="KWS679" s="613"/>
      <c r="KWT679" s="613"/>
      <c r="KWU679" s="613"/>
      <c r="KWV679" s="613"/>
      <c r="KWW679" s="613"/>
      <c r="KWX679" s="613"/>
      <c r="KWY679" s="613"/>
      <c r="KWZ679" s="613"/>
      <c r="KXA679" s="613"/>
      <c r="KXB679" s="613"/>
      <c r="KXC679" s="613"/>
      <c r="KXD679" s="613"/>
      <c r="KXE679" s="613"/>
      <c r="KXF679" s="613"/>
      <c r="KXG679" s="613"/>
      <c r="KXH679" s="613"/>
      <c r="KXI679" s="613"/>
      <c r="KXJ679" s="613"/>
      <c r="KXK679" s="613"/>
      <c r="KXL679" s="613"/>
      <c r="KXM679" s="613"/>
      <c r="KXN679" s="613"/>
      <c r="KXO679" s="613"/>
      <c r="KXP679" s="613"/>
      <c r="KXQ679" s="613"/>
      <c r="KXR679" s="613"/>
      <c r="KXS679" s="613"/>
      <c r="KXT679" s="613"/>
      <c r="KXU679" s="613"/>
      <c r="KXV679" s="613"/>
      <c r="KXW679" s="613"/>
      <c r="KXX679" s="613"/>
      <c r="KXY679" s="613"/>
      <c r="KXZ679" s="613"/>
      <c r="KYA679" s="613"/>
      <c r="KYB679" s="613"/>
      <c r="KYC679" s="613"/>
      <c r="KYD679" s="613"/>
      <c r="KYE679" s="613"/>
      <c r="KYF679" s="613"/>
      <c r="KYG679" s="613"/>
      <c r="KYH679" s="613"/>
      <c r="KYI679" s="613"/>
      <c r="KYJ679" s="613"/>
      <c r="KYK679" s="613"/>
      <c r="KYL679" s="613"/>
      <c r="KYM679" s="613"/>
      <c r="KYN679" s="613"/>
      <c r="KYO679" s="613"/>
      <c r="KYP679" s="613"/>
      <c r="KYQ679" s="613"/>
      <c r="KYR679" s="613"/>
      <c r="KYS679" s="613"/>
      <c r="KYT679" s="613"/>
      <c r="KYU679" s="613"/>
      <c r="KYV679" s="613"/>
      <c r="KYW679" s="613"/>
      <c r="KYX679" s="613"/>
      <c r="KYY679" s="613"/>
      <c r="KYZ679" s="613"/>
      <c r="KZA679" s="613"/>
      <c r="KZB679" s="613"/>
      <c r="KZC679" s="613"/>
      <c r="KZD679" s="613"/>
      <c r="KZE679" s="613"/>
      <c r="KZF679" s="613"/>
      <c r="KZG679" s="613"/>
      <c r="KZH679" s="613"/>
      <c r="KZI679" s="613"/>
      <c r="KZJ679" s="613"/>
      <c r="KZK679" s="613"/>
      <c r="KZL679" s="613"/>
      <c r="KZM679" s="613"/>
      <c r="KZN679" s="613"/>
      <c r="KZO679" s="613"/>
      <c r="KZP679" s="613"/>
      <c r="KZQ679" s="613"/>
      <c r="KZR679" s="613"/>
      <c r="KZS679" s="613"/>
      <c r="KZT679" s="613"/>
      <c r="KZU679" s="613"/>
      <c r="KZV679" s="613"/>
      <c r="KZW679" s="613"/>
      <c r="KZX679" s="613"/>
      <c r="KZY679" s="613"/>
      <c r="KZZ679" s="613"/>
      <c r="LAA679" s="613"/>
      <c r="LAB679" s="613"/>
      <c r="LAC679" s="613"/>
      <c r="LAD679" s="613"/>
      <c r="LAE679" s="613"/>
      <c r="LAF679" s="613"/>
      <c r="LAG679" s="613"/>
      <c r="LAH679" s="613"/>
      <c r="LAI679" s="613"/>
      <c r="LAJ679" s="613"/>
      <c r="LAK679" s="613"/>
      <c r="LAL679" s="613"/>
      <c r="LAM679" s="613"/>
      <c r="LAN679" s="613"/>
      <c r="LAO679" s="613"/>
      <c r="LAP679" s="613"/>
      <c r="LAQ679" s="613"/>
      <c r="LAR679" s="613"/>
      <c r="LAS679" s="613"/>
      <c r="LAT679" s="613"/>
      <c r="LAU679" s="613"/>
      <c r="LAV679" s="613"/>
      <c r="LAW679" s="613"/>
      <c r="LAX679" s="613"/>
      <c r="LAY679" s="613"/>
      <c r="LAZ679" s="613"/>
      <c r="LBA679" s="613"/>
      <c r="LBB679" s="613"/>
      <c r="LBC679" s="613"/>
      <c r="LBD679" s="613"/>
      <c r="LBE679" s="613"/>
      <c r="LBF679" s="613"/>
      <c r="LBG679" s="613"/>
      <c r="LBH679" s="613"/>
      <c r="LBI679" s="613"/>
      <c r="LBJ679" s="613"/>
      <c r="LBK679" s="613"/>
      <c r="LBL679" s="613"/>
      <c r="LBM679" s="613"/>
      <c r="LBN679" s="613"/>
      <c r="LBO679" s="613"/>
      <c r="LBP679" s="613"/>
      <c r="LBQ679" s="613"/>
      <c r="LBR679" s="613"/>
      <c r="LBS679" s="613"/>
      <c r="LBT679" s="613"/>
      <c r="LBU679" s="613"/>
      <c r="LBV679" s="613"/>
      <c r="LBW679" s="613"/>
      <c r="LBX679" s="613"/>
      <c r="LBY679" s="613"/>
      <c r="LBZ679" s="613"/>
      <c r="LCA679" s="613"/>
      <c r="LCB679" s="613"/>
      <c r="LCC679" s="613"/>
      <c r="LCD679" s="613"/>
      <c r="LCE679" s="613"/>
      <c r="LCF679" s="613"/>
      <c r="LCG679" s="613"/>
      <c r="LCH679" s="613"/>
      <c r="LCI679" s="613"/>
      <c r="LCJ679" s="613"/>
      <c r="LCK679" s="613"/>
      <c r="LCL679" s="613"/>
      <c r="LCM679" s="613"/>
      <c r="LCN679" s="613"/>
      <c r="LCO679" s="613"/>
      <c r="LCP679" s="613"/>
      <c r="LCQ679" s="613"/>
      <c r="LCR679" s="613"/>
      <c r="LCS679" s="613"/>
      <c r="LCT679" s="613"/>
      <c r="LCU679" s="613"/>
      <c r="LCV679" s="613"/>
      <c r="LCW679" s="613"/>
      <c r="LCX679" s="613"/>
      <c r="LCY679" s="613"/>
      <c r="LCZ679" s="613"/>
      <c r="LDA679" s="613"/>
      <c r="LDB679" s="613"/>
      <c r="LDC679" s="613"/>
      <c r="LDD679" s="613"/>
      <c r="LDE679" s="613"/>
      <c r="LDF679" s="613"/>
      <c r="LDG679" s="613"/>
      <c r="LDH679" s="613"/>
      <c r="LDI679" s="613"/>
      <c r="LDJ679" s="613"/>
      <c r="LDK679" s="613"/>
      <c r="LDL679" s="613"/>
      <c r="LDM679" s="613"/>
      <c r="LDN679" s="613"/>
      <c r="LDO679" s="613"/>
      <c r="LDP679" s="613"/>
      <c r="LDQ679" s="613"/>
      <c r="LDR679" s="613"/>
      <c r="LDS679" s="613"/>
      <c r="LDT679" s="613"/>
      <c r="LDU679" s="613"/>
      <c r="LDV679" s="613"/>
      <c r="LDW679" s="613"/>
      <c r="LDX679" s="613"/>
      <c r="LDY679" s="613"/>
      <c r="LDZ679" s="613"/>
      <c r="LEA679" s="613"/>
      <c r="LEB679" s="613"/>
      <c r="LEC679" s="613"/>
      <c r="LED679" s="613"/>
      <c r="LEE679" s="613"/>
      <c r="LEF679" s="613"/>
      <c r="LEG679" s="613"/>
      <c r="LEH679" s="613"/>
      <c r="LEI679" s="613"/>
      <c r="LEJ679" s="613"/>
      <c r="LEK679" s="613"/>
      <c r="LEL679" s="613"/>
      <c r="LEM679" s="613"/>
      <c r="LEN679" s="613"/>
      <c r="LEO679" s="613"/>
      <c r="LEP679" s="613"/>
      <c r="LEQ679" s="613"/>
      <c r="LER679" s="613"/>
      <c r="LES679" s="613"/>
      <c r="LET679" s="613"/>
      <c r="LEU679" s="613"/>
      <c r="LEV679" s="613"/>
      <c r="LEW679" s="613"/>
      <c r="LEX679" s="613"/>
      <c r="LEY679" s="613"/>
      <c r="LEZ679" s="613"/>
      <c r="LFA679" s="613"/>
      <c r="LFB679" s="613"/>
      <c r="LFC679" s="613"/>
      <c r="LFD679" s="613"/>
      <c r="LFE679" s="613"/>
      <c r="LFF679" s="613"/>
      <c r="LFG679" s="613"/>
      <c r="LFH679" s="613"/>
      <c r="LFI679" s="613"/>
      <c r="LFJ679" s="613"/>
      <c r="LFK679" s="613"/>
      <c r="LFL679" s="613"/>
      <c r="LFM679" s="613"/>
      <c r="LFN679" s="613"/>
      <c r="LFO679" s="613"/>
      <c r="LFP679" s="613"/>
      <c r="LFQ679" s="613"/>
      <c r="LFR679" s="613"/>
      <c r="LFS679" s="613"/>
      <c r="LFT679" s="613"/>
      <c r="LFU679" s="613"/>
      <c r="LFV679" s="613"/>
      <c r="LFW679" s="613"/>
      <c r="LFX679" s="613"/>
      <c r="LFY679" s="613"/>
      <c r="LFZ679" s="613"/>
      <c r="LGA679" s="613"/>
      <c r="LGB679" s="613"/>
      <c r="LGC679" s="613"/>
      <c r="LGD679" s="613"/>
      <c r="LGE679" s="613"/>
      <c r="LGF679" s="613"/>
      <c r="LGG679" s="613"/>
      <c r="LGH679" s="613"/>
      <c r="LGI679" s="613"/>
      <c r="LGJ679" s="613"/>
      <c r="LGK679" s="613"/>
      <c r="LGL679" s="613"/>
      <c r="LGM679" s="613"/>
      <c r="LGN679" s="613"/>
      <c r="LGO679" s="613"/>
      <c r="LGP679" s="613"/>
      <c r="LGQ679" s="613"/>
      <c r="LGR679" s="613"/>
      <c r="LGS679" s="613"/>
      <c r="LGT679" s="613"/>
      <c r="LGU679" s="613"/>
      <c r="LGV679" s="613"/>
      <c r="LGW679" s="613"/>
      <c r="LGX679" s="613"/>
      <c r="LGY679" s="613"/>
      <c r="LGZ679" s="613"/>
      <c r="LHA679" s="613"/>
      <c r="LHB679" s="613"/>
      <c r="LHC679" s="613"/>
      <c r="LHD679" s="613"/>
      <c r="LHE679" s="613"/>
      <c r="LHF679" s="613"/>
      <c r="LHG679" s="613"/>
      <c r="LHH679" s="613"/>
      <c r="LHI679" s="613"/>
      <c r="LHJ679" s="613"/>
      <c r="LHK679" s="613"/>
      <c r="LHL679" s="613"/>
      <c r="LHM679" s="613"/>
      <c r="LHN679" s="613"/>
      <c r="LHO679" s="613"/>
      <c r="LHP679" s="613"/>
      <c r="LHQ679" s="613"/>
      <c r="LHR679" s="613"/>
      <c r="LHS679" s="613"/>
      <c r="LHT679" s="613"/>
      <c r="LHU679" s="613"/>
      <c r="LHV679" s="613"/>
      <c r="LHW679" s="613"/>
      <c r="LHX679" s="613"/>
      <c r="LHY679" s="613"/>
      <c r="LHZ679" s="613"/>
      <c r="LIA679" s="613"/>
      <c r="LIB679" s="613"/>
      <c r="LIC679" s="613"/>
      <c r="LID679" s="613"/>
      <c r="LIE679" s="613"/>
      <c r="LIF679" s="613"/>
      <c r="LIG679" s="613"/>
      <c r="LIH679" s="613"/>
      <c r="LII679" s="613"/>
      <c r="LIJ679" s="613"/>
      <c r="LIK679" s="613"/>
      <c r="LIL679" s="613"/>
      <c r="LIM679" s="613"/>
      <c r="LIN679" s="613"/>
      <c r="LIO679" s="613"/>
      <c r="LIP679" s="613"/>
      <c r="LIQ679" s="613"/>
      <c r="LIR679" s="613"/>
      <c r="LIS679" s="613"/>
      <c r="LIT679" s="613"/>
      <c r="LIU679" s="613"/>
      <c r="LIV679" s="613"/>
      <c r="LIW679" s="613"/>
      <c r="LIX679" s="613"/>
      <c r="LIY679" s="613"/>
      <c r="LIZ679" s="613"/>
      <c r="LJA679" s="613"/>
      <c r="LJB679" s="613"/>
      <c r="LJC679" s="613"/>
      <c r="LJD679" s="613"/>
      <c r="LJE679" s="613"/>
      <c r="LJF679" s="613"/>
      <c r="LJG679" s="613"/>
      <c r="LJH679" s="613"/>
      <c r="LJI679" s="613"/>
      <c r="LJJ679" s="613"/>
      <c r="LJK679" s="613"/>
      <c r="LJL679" s="613"/>
      <c r="LJM679" s="613"/>
      <c r="LJN679" s="613"/>
      <c r="LJO679" s="613"/>
      <c r="LJP679" s="613"/>
      <c r="LJQ679" s="613"/>
      <c r="LJR679" s="613"/>
      <c r="LJS679" s="613"/>
      <c r="LJT679" s="613"/>
      <c r="LJU679" s="613"/>
      <c r="LJV679" s="613"/>
      <c r="LJW679" s="613"/>
      <c r="LJX679" s="613"/>
      <c r="LJY679" s="613"/>
      <c r="LJZ679" s="613"/>
      <c r="LKA679" s="613"/>
      <c r="LKB679" s="613"/>
      <c r="LKC679" s="613"/>
      <c r="LKD679" s="613"/>
      <c r="LKE679" s="613"/>
      <c r="LKF679" s="613"/>
      <c r="LKG679" s="613"/>
      <c r="LKH679" s="613"/>
      <c r="LKI679" s="613"/>
      <c r="LKJ679" s="613"/>
      <c r="LKK679" s="613"/>
      <c r="LKL679" s="613"/>
      <c r="LKM679" s="613"/>
      <c r="LKN679" s="613"/>
      <c r="LKO679" s="613"/>
      <c r="LKP679" s="613"/>
      <c r="LKQ679" s="613"/>
      <c r="LKR679" s="613"/>
      <c r="LKS679" s="613"/>
      <c r="LKT679" s="613"/>
      <c r="LKU679" s="613"/>
      <c r="LKV679" s="613"/>
      <c r="LKW679" s="613"/>
      <c r="LKX679" s="613"/>
      <c r="LKY679" s="613"/>
      <c r="LKZ679" s="613"/>
      <c r="LLA679" s="613"/>
      <c r="LLB679" s="613"/>
      <c r="LLC679" s="613"/>
      <c r="LLD679" s="613"/>
      <c r="LLE679" s="613"/>
      <c r="LLF679" s="613"/>
      <c r="LLG679" s="613"/>
      <c r="LLH679" s="613"/>
      <c r="LLI679" s="613"/>
      <c r="LLJ679" s="613"/>
      <c r="LLK679" s="613"/>
      <c r="LLL679" s="613"/>
      <c r="LLM679" s="613"/>
      <c r="LLN679" s="613"/>
      <c r="LLO679" s="613"/>
      <c r="LLP679" s="613"/>
      <c r="LLQ679" s="613"/>
      <c r="LLR679" s="613"/>
      <c r="LLS679" s="613"/>
      <c r="LLT679" s="613"/>
      <c r="LLU679" s="613"/>
      <c r="LLV679" s="613"/>
      <c r="LLW679" s="613"/>
      <c r="LLX679" s="613"/>
      <c r="LLY679" s="613"/>
      <c r="LLZ679" s="613"/>
      <c r="LMA679" s="613"/>
      <c r="LMB679" s="613"/>
      <c r="LMC679" s="613"/>
      <c r="LMD679" s="613"/>
      <c r="LME679" s="613"/>
      <c r="LMF679" s="613"/>
      <c r="LMG679" s="613"/>
      <c r="LMH679" s="613"/>
      <c r="LMI679" s="613"/>
      <c r="LMJ679" s="613"/>
      <c r="LMK679" s="613"/>
      <c r="LML679" s="613"/>
      <c r="LMM679" s="613"/>
      <c r="LMN679" s="613"/>
      <c r="LMO679" s="613"/>
      <c r="LMP679" s="613"/>
      <c r="LMQ679" s="613"/>
      <c r="LMR679" s="613"/>
      <c r="LMS679" s="613"/>
      <c r="LMT679" s="613"/>
      <c r="LMU679" s="613"/>
      <c r="LMV679" s="613"/>
      <c r="LMW679" s="613"/>
      <c r="LMX679" s="613"/>
      <c r="LMY679" s="613"/>
      <c r="LMZ679" s="613"/>
      <c r="LNA679" s="613"/>
      <c r="LNB679" s="613"/>
      <c r="LNC679" s="613"/>
      <c r="LND679" s="613"/>
      <c r="LNE679" s="613"/>
      <c r="LNF679" s="613"/>
      <c r="LNG679" s="613"/>
      <c r="LNH679" s="613"/>
      <c r="LNI679" s="613"/>
      <c r="LNJ679" s="613"/>
      <c r="LNK679" s="613"/>
      <c r="LNL679" s="613"/>
      <c r="LNM679" s="613"/>
      <c r="LNN679" s="613"/>
      <c r="LNO679" s="613"/>
      <c r="LNP679" s="613"/>
      <c r="LNQ679" s="613"/>
      <c r="LNR679" s="613"/>
      <c r="LNS679" s="613"/>
      <c r="LNT679" s="613"/>
      <c r="LNU679" s="613"/>
      <c r="LNV679" s="613"/>
      <c r="LNW679" s="613"/>
      <c r="LNX679" s="613"/>
      <c r="LNY679" s="613"/>
      <c r="LNZ679" s="613"/>
      <c r="LOA679" s="613"/>
      <c r="LOB679" s="613"/>
      <c r="LOC679" s="613"/>
      <c r="LOD679" s="613"/>
      <c r="LOE679" s="613"/>
      <c r="LOF679" s="613"/>
      <c r="LOG679" s="613"/>
      <c r="LOH679" s="613"/>
      <c r="LOI679" s="613"/>
      <c r="LOJ679" s="613"/>
      <c r="LOK679" s="613"/>
      <c r="LOL679" s="613"/>
      <c r="LOM679" s="613"/>
      <c r="LON679" s="613"/>
      <c r="LOO679" s="613"/>
      <c r="LOP679" s="613"/>
      <c r="LOQ679" s="613"/>
      <c r="LOR679" s="613"/>
      <c r="LOS679" s="613"/>
      <c r="LOT679" s="613"/>
      <c r="LOU679" s="613"/>
      <c r="LOV679" s="613"/>
      <c r="LOW679" s="613"/>
      <c r="LOX679" s="613"/>
      <c r="LOY679" s="613"/>
      <c r="LOZ679" s="613"/>
      <c r="LPA679" s="613"/>
      <c r="LPB679" s="613"/>
      <c r="LPC679" s="613"/>
      <c r="LPD679" s="613"/>
      <c r="LPE679" s="613"/>
      <c r="LPF679" s="613"/>
      <c r="LPG679" s="613"/>
      <c r="LPH679" s="613"/>
      <c r="LPI679" s="613"/>
      <c r="LPJ679" s="613"/>
      <c r="LPK679" s="613"/>
      <c r="LPL679" s="613"/>
      <c r="LPM679" s="613"/>
      <c r="LPN679" s="613"/>
      <c r="LPO679" s="613"/>
      <c r="LPP679" s="613"/>
      <c r="LPQ679" s="613"/>
      <c r="LPR679" s="613"/>
      <c r="LPS679" s="613"/>
      <c r="LPT679" s="613"/>
      <c r="LPU679" s="613"/>
      <c r="LPV679" s="613"/>
      <c r="LPW679" s="613"/>
      <c r="LPX679" s="613"/>
      <c r="LPY679" s="613"/>
      <c r="LPZ679" s="613"/>
      <c r="LQA679" s="613"/>
      <c r="LQB679" s="613"/>
      <c r="LQC679" s="613"/>
      <c r="LQD679" s="613"/>
      <c r="LQE679" s="613"/>
      <c r="LQF679" s="613"/>
      <c r="LQG679" s="613"/>
      <c r="LQH679" s="613"/>
      <c r="LQI679" s="613"/>
      <c r="LQJ679" s="613"/>
      <c r="LQK679" s="613"/>
      <c r="LQL679" s="613"/>
      <c r="LQM679" s="613"/>
      <c r="LQN679" s="613"/>
      <c r="LQO679" s="613"/>
      <c r="LQP679" s="613"/>
      <c r="LQQ679" s="613"/>
      <c r="LQR679" s="613"/>
      <c r="LQS679" s="613"/>
      <c r="LQT679" s="613"/>
      <c r="LQU679" s="613"/>
      <c r="LQV679" s="613"/>
      <c r="LQW679" s="613"/>
      <c r="LQX679" s="613"/>
      <c r="LQY679" s="613"/>
      <c r="LQZ679" s="613"/>
      <c r="LRA679" s="613"/>
      <c r="LRB679" s="613"/>
      <c r="LRC679" s="613"/>
      <c r="LRD679" s="613"/>
      <c r="LRE679" s="613"/>
      <c r="LRF679" s="613"/>
      <c r="LRG679" s="613"/>
      <c r="LRH679" s="613"/>
      <c r="LRI679" s="613"/>
      <c r="LRJ679" s="613"/>
      <c r="LRK679" s="613"/>
      <c r="LRL679" s="613"/>
      <c r="LRM679" s="613"/>
      <c r="LRN679" s="613"/>
      <c r="LRO679" s="613"/>
      <c r="LRP679" s="613"/>
      <c r="LRQ679" s="613"/>
      <c r="LRR679" s="613"/>
      <c r="LRS679" s="613"/>
      <c r="LRT679" s="613"/>
      <c r="LRU679" s="613"/>
      <c r="LRV679" s="613"/>
      <c r="LRW679" s="613"/>
      <c r="LRX679" s="613"/>
      <c r="LRY679" s="613"/>
      <c r="LRZ679" s="613"/>
      <c r="LSA679" s="613"/>
      <c r="LSB679" s="613"/>
      <c r="LSC679" s="613"/>
      <c r="LSD679" s="613"/>
      <c r="LSE679" s="613"/>
      <c r="LSF679" s="613"/>
      <c r="LSG679" s="613"/>
      <c r="LSH679" s="613"/>
      <c r="LSI679" s="613"/>
      <c r="LSJ679" s="613"/>
      <c r="LSK679" s="613"/>
      <c r="LSL679" s="613"/>
      <c r="LSM679" s="613"/>
      <c r="LSN679" s="613"/>
      <c r="LSO679" s="613"/>
      <c r="LSP679" s="613"/>
      <c r="LSQ679" s="613"/>
      <c r="LSR679" s="613"/>
      <c r="LSS679" s="613"/>
      <c r="LST679" s="613"/>
      <c r="LSU679" s="613"/>
      <c r="LSV679" s="613"/>
      <c r="LSW679" s="613"/>
      <c r="LSX679" s="613"/>
      <c r="LSY679" s="613"/>
      <c r="LSZ679" s="613"/>
      <c r="LTA679" s="613"/>
      <c r="LTB679" s="613"/>
      <c r="LTC679" s="613"/>
      <c r="LTD679" s="613"/>
      <c r="LTE679" s="613"/>
      <c r="LTF679" s="613"/>
      <c r="LTG679" s="613"/>
      <c r="LTH679" s="613"/>
      <c r="LTI679" s="613"/>
      <c r="LTJ679" s="613"/>
      <c r="LTK679" s="613"/>
      <c r="LTL679" s="613"/>
      <c r="LTM679" s="613"/>
      <c r="LTN679" s="613"/>
      <c r="LTO679" s="613"/>
      <c r="LTP679" s="613"/>
      <c r="LTQ679" s="613"/>
      <c r="LTR679" s="613"/>
      <c r="LTS679" s="613"/>
      <c r="LTT679" s="613"/>
      <c r="LTU679" s="613"/>
      <c r="LTV679" s="613"/>
      <c r="LTW679" s="613"/>
      <c r="LTX679" s="613"/>
      <c r="LTY679" s="613"/>
      <c r="LTZ679" s="613"/>
      <c r="LUA679" s="613"/>
      <c r="LUB679" s="613"/>
      <c r="LUC679" s="613"/>
      <c r="LUD679" s="613"/>
      <c r="LUE679" s="613"/>
      <c r="LUF679" s="613"/>
      <c r="LUG679" s="613"/>
      <c r="LUH679" s="613"/>
      <c r="LUI679" s="613"/>
      <c r="LUJ679" s="613"/>
      <c r="LUK679" s="613"/>
      <c r="LUL679" s="613"/>
      <c r="LUM679" s="613"/>
      <c r="LUN679" s="613"/>
      <c r="LUO679" s="613"/>
      <c r="LUP679" s="613"/>
      <c r="LUQ679" s="613"/>
      <c r="LUR679" s="613"/>
      <c r="LUS679" s="613"/>
      <c r="LUT679" s="613"/>
      <c r="LUU679" s="613"/>
      <c r="LUV679" s="613"/>
      <c r="LUW679" s="613"/>
      <c r="LUX679" s="613"/>
      <c r="LUY679" s="613"/>
      <c r="LUZ679" s="613"/>
      <c r="LVA679" s="613"/>
      <c r="LVB679" s="613"/>
      <c r="LVC679" s="613"/>
      <c r="LVD679" s="613"/>
      <c r="LVE679" s="613"/>
      <c r="LVF679" s="613"/>
      <c r="LVG679" s="613"/>
      <c r="LVH679" s="613"/>
      <c r="LVI679" s="613"/>
      <c r="LVJ679" s="613"/>
      <c r="LVK679" s="613"/>
      <c r="LVL679" s="613"/>
      <c r="LVM679" s="613"/>
      <c r="LVN679" s="613"/>
      <c r="LVO679" s="613"/>
      <c r="LVP679" s="613"/>
      <c r="LVQ679" s="613"/>
      <c r="LVR679" s="613"/>
      <c r="LVS679" s="613"/>
      <c r="LVT679" s="613"/>
      <c r="LVU679" s="613"/>
      <c r="LVV679" s="613"/>
      <c r="LVW679" s="613"/>
      <c r="LVX679" s="613"/>
      <c r="LVY679" s="613"/>
      <c r="LVZ679" s="613"/>
      <c r="LWA679" s="613"/>
      <c r="LWB679" s="613"/>
      <c r="LWC679" s="613"/>
      <c r="LWD679" s="613"/>
      <c r="LWE679" s="613"/>
      <c r="LWF679" s="613"/>
      <c r="LWG679" s="613"/>
      <c r="LWH679" s="613"/>
      <c r="LWI679" s="613"/>
      <c r="LWJ679" s="613"/>
      <c r="LWK679" s="613"/>
      <c r="LWL679" s="613"/>
      <c r="LWM679" s="613"/>
      <c r="LWN679" s="613"/>
      <c r="LWO679" s="613"/>
      <c r="LWP679" s="613"/>
      <c r="LWQ679" s="613"/>
      <c r="LWR679" s="613"/>
      <c r="LWS679" s="613"/>
      <c r="LWT679" s="613"/>
      <c r="LWU679" s="613"/>
      <c r="LWV679" s="613"/>
      <c r="LWW679" s="613"/>
      <c r="LWX679" s="613"/>
      <c r="LWY679" s="613"/>
      <c r="LWZ679" s="613"/>
      <c r="LXA679" s="613"/>
      <c r="LXB679" s="613"/>
      <c r="LXC679" s="613"/>
      <c r="LXD679" s="613"/>
      <c r="LXE679" s="613"/>
      <c r="LXF679" s="613"/>
      <c r="LXG679" s="613"/>
      <c r="LXH679" s="613"/>
      <c r="LXI679" s="613"/>
      <c r="LXJ679" s="613"/>
      <c r="LXK679" s="613"/>
      <c r="LXL679" s="613"/>
      <c r="LXM679" s="613"/>
      <c r="LXN679" s="613"/>
      <c r="LXO679" s="613"/>
      <c r="LXP679" s="613"/>
      <c r="LXQ679" s="613"/>
      <c r="LXR679" s="613"/>
      <c r="LXS679" s="613"/>
      <c r="LXT679" s="613"/>
      <c r="LXU679" s="613"/>
      <c r="LXV679" s="613"/>
      <c r="LXW679" s="613"/>
      <c r="LXX679" s="613"/>
      <c r="LXY679" s="613"/>
      <c r="LXZ679" s="613"/>
      <c r="LYA679" s="613"/>
      <c r="LYB679" s="613"/>
      <c r="LYC679" s="613"/>
      <c r="LYD679" s="613"/>
      <c r="LYE679" s="613"/>
      <c r="LYF679" s="613"/>
      <c r="LYG679" s="613"/>
      <c r="LYH679" s="613"/>
      <c r="LYI679" s="613"/>
      <c r="LYJ679" s="613"/>
      <c r="LYK679" s="613"/>
      <c r="LYL679" s="613"/>
      <c r="LYM679" s="613"/>
      <c r="LYN679" s="613"/>
      <c r="LYO679" s="613"/>
      <c r="LYP679" s="613"/>
      <c r="LYQ679" s="613"/>
      <c r="LYR679" s="613"/>
      <c r="LYS679" s="613"/>
      <c r="LYT679" s="613"/>
      <c r="LYU679" s="613"/>
      <c r="LYV679" s="613"/>
      <c r="LYW679" s="613"/>
      <c r="LYX679" s="613"/>
      <c r="LYY679" s="613"/>
      <c r="LYZ679" s="613"/>
      <c r="LZA679" s="613"/>
      <c r="LZB679" s="613"/>
      <c r="LZC679" s="613"/>
      <c r="LZD679" s="613"/>
      <c r="LZE679" s="613"/>
      <c r="LZF679" s="613"/>
      <c r="LZG679" s="613"/>
      <c r="LZH679" s="613"/>
      <c r="LZI679" s="613"/>
      <c r="LZJ679" s="613"/>
      <c r="LZK679" s="613"/>
      <c r="LZL679" s="613"/>
      <c r="LZM679" s="613"/>
      <c r="LZN679" s="613"/>
      <c r="LZO679" s="613"/>
      <c r="LZP679" s="613"/>
      <c r="LZQ679" s="613"/>
      <c r="LZR679" s="613"/>
      <c r="LZS679" s="613"/>
      <c r="LZT679" s="613"/>
      <c r="LZU679" s="613"/>
      <c r="LZV679" s="613"/>
      <c r="LZW679" s="613"/>
      <c r="LZX679" s="613"/>
      <c r="LZY679" s="613"/>
      <c r="LZZ679" s="613"/>
      <c r="MAA679" s="613"/>
      <c r="MAB679" s="613"/>
      <c r="MAC679" s="613"/>
      <c r="MAD679" s="613"/>
      <c r="MAE679" s="613"/>
      <c r="MAF679" s="613"/>
      <c r="MAG679" s="613"/>
      <c r="MAH679" s="613"/>
      <c r="MAI679" s="613"/>
      <c r="MAJ679" s="613"/>
      <c r="MAK679" s="613"/>
      <c r="MAL679" s="613"/>
      <c r="MAM679" s="613"/>
      <c r="MAN679" s="613"/>
      <c r="MAO679" s="613"/>
      <c r="MAP679" s="613"/>
      <c r="MAQ679" s="613"/>
      <c r="MAR679" s="613"/>
      <c r="MAS679" s="613"/>
      <c r="MAT679" s="613"/>
      <c r="MAU679" s="613"/>
      <c r="MAV679" s="613"/>
      <c r="MAW679" s="613"/>
      <c r="MAX679" s="613"/>
      <c r="MAY679" s="613"/>
      <c r="MAZ679" s="613"/>
      <c r="MBA679" s="613"/>
      <c r="MBB679" s="613"/>
      <c r="MBC679" s="613"/>
      <c r="MBD679" s="613"/>
      <c r="MBE679" s="613"/>
      <c r="MBF679" s="613"/>
      <c r="MBG679" s="613"/>
      <c r="MBH679" s="613"/>
      <c r="MBI679" s="613"/>
      <c r="MBJ679" s="613"/>
      <c r="MBK679" s="613"/>
      <c r="MBL679" s="613"/>
      <c r="MBM679" s="613"/>
      <c r="MBN679" s="613"/>
      <c r="MBO679" s="613"/>
      <c r="MBP679" s="613"/>
      <c r="MBQ679" s="613"/>
      <c r="MBR679" s="613"/>
      <c r="MBS679" s="613"/>
      <c r="MBT679" s="613"/>
      <c r="MBU679" s="613"/>
      <c r="MBV679" s="613"/>
      <c r="MBW679" s="613"/>
      <c r="MBX679" s="613"/>
      <c r="MBY679" s="613"/>
      <c r="MBZ679" s="613"/>
      <c r="MCA679" s="613"/>
      <c r="MCB679" s="613"/>
      <c r="MCC679" s="613"/>
      <c r="MCD679" s="613"/>
      <c r="MCE679" s="613"/>
      <c r="MCF679" s="613"/>
      <c r="MCG679" s="613"/>
      <c r="MCH679" s="613"/>
      <c r="MCI679" s="613"/>
      <c r="MCJ679" s="613"/>
      <c r="MCK679" s="613"/>
      <c r="MCL679" s="613"/>
      <c r="MCM679" s="613"/>
      <c r="MCN679" s="613"/>
      <c r="MCO679" s="613"/>
      <c r="MCP679" s="613"/>
      <c r="MCQ679" s="613"/>
      <c r="MCR679" s="613"/>
      <c r="MCS679" s="613"/>
      <c r="MCT679" s="613"/>
      <c r="MCU679" s="613"/>
      <c r="MCV679" s="613"/>
      <c r="MCW679" s="613"/>
      <c r="MCX679" s="613"/>
      <c r="MCY679" s="613"/>
      <c r="MCZ679" s="613"/>
      <c r="MDA679" s="613"/>
      <c r="MDB679" s="613"/>
      <c r="MDC679" s="613"/>
      <c r="MDD679" s="613"/>
      <c r="MDE679" s="613"/>
      <c r="MDF679" s="613"/>
      <c r="MDG679" s="613"/>
      <c r="MDH679" s="613"/>
      <c r="MDI679" s="613"/>
      <c r="MDJ679" s="613"/>
      <c r="MDK679" s="613"/>
      <c r="MDL679" s="613"/>
      <c r="MDM679" s="613"/>
      <c r="MDN679" s="613"/>
      <c r="MDO679" s="613"/>
      <c r="MDP679" s="613"/>
      <c r="MDQ679" s="613"/>
      <c r="MDR679" s="613"/>
      <c r="MDS679" s="613"/>
      <c r="MDT679" s="613"/>
      <c r="MDU679" s="613"/>
      <c r="MDV679" s="613"/>
      <c r="MDW679" s="613"/>
      <c r="MDX679" s="613"/>
      <c r="MDY679" s="613"/>
      <c r="MDZ679" s="613"/>
      <c r="MEA679" s="613"/>
      <c r="MEB679" s="613"/>
      <c r="MEC679" s="613"/>
      <c r="MED679" s="613"/>
      <c r="MEE679" s="613"/>
      <c r="MEF679" s="613"/>
      <c r="MEG679" s="613"/>
      <c r="MEH679" s="613"/>
      <c r="MEI679" s="613"/>
      <c r="MEJ679" s="613"/>
      <c r="MEK679" s="613"/>
      <c r="MEL679" s="613"/>
      <c r="MEM679" s="613"/>
      <c r="MEN679" s="613"/>
      <c r="MEO679" s="613"/>
      <c r="MEP679" s="613"/>
      <c r="MEQ679" s="613"/>
      <c r="MER679" s="613"/>
      <c r="MES679" s="613"/>
      <c r="MET679" s="613"/>
      <c r="MEU679" s="613"/>
      <c r="MEV679" s="613"/>
      <c r="MEW679" s="613"/>
      <c r="MEX679" s="613"/>
      <c r="MEY679" s="613"/>
      <c r="MEZ679" s="613"/>
      <c r="MFA679" s="613"/>
      <c r="MFB679" s="613"/>
      <c r="MFC679" s="613"/>
      <c r="MFD679" s="613"/>
      <c r="MFE679" s="613"/>
      <c r="MFF679" s="613"/>
      <c r="MFG679" s="613"/>
      <c r="MFH679" s="613"/>
      <c r="MFI679" s="613"/>
      <c r="MFJ679" s="613"/>
      <c r="MFK679" s="613"/>
      <c r="MFL679" s="613"/>
      <c r="MFM679" s="613"/>
      <c r="MFN679" s="613"/>
      <c r="MFO679" s="613"/>
      <c r="MFP679" s="613"/>
      <c r="MFQ679" s="613"/>
      <c r="MFR679" s="613"/>
      <c r="MFS679" s="613"/>
      <c r="MFT679" s="613"/>
      <c r="MFU679" s="613"/>
      <c r="MFV679" s="613"/>
      <c r="MFW679" s="613"/>
      <c r="MFX679" s="613"/>
      <c r="MFY679" s="613"/>
      <c r="MFZ679" s="613"/>
      <c r="MGA679" s="613"/>
      <c r="MGB679" s="613"/>
      <c r="MGC679" s="613"/>
      <c r="MGD679" s="613"/>
      <c r="MGE679" s="613"/>
      <c r="MGF679" s="613"/>
      <c r="MGG679" s="613"/>
      <c r="MGH679" s="613"/>
      <c r="MGI679" s="613"/>
      <c r="MGJ679" s="613"/>
      <c r="MGK679" s="613"/>
      <c r="MGL679" s="613"/>
      <c r="MGM679" s="613"/>
      <c r="MGN679" s="613"/>
      <c r="MGO679" s="613"/>
      <c r="MGP679" s="613"/>
      <c r="MGQ679" s="613"/>
      <c r="MGR679" s="613"/>
      <c r="MGS679" s="613"/>
      <c r="MGT679" s="613"/>
      <c r="MGU679" s="613"/>
      <c r="MGV679" s="613"/>
      <c r="MGW679" s="613"/>
      <c r="MGX679" s="613"/>
      <c r="MGY679" s="613"/>
      <c r="MGZ679" s="613"/>
      <c r="MHA679" s="613"/>
      <c r="MHB679" s="613"/>
      <c r="MHC679" s="613"/>
      <c r="MHD679" s="613"/>
      <c r="MHE679" s="613"/>
      <c r="MHF679" s="613"/>
      <c r="MHG679" s="613"/>
      <c r="MHH679" s="613"/>
      <c r="MHI679" s="613"/>
      <c r="MHJ679" s="613"/>
      <c r="MHK679" s="613"/>
      <c r="MHL679" s="613"/>
      <c r="MHM679" s="613"/>
      <c r="MHN679" s="613"/>
      <c r="MHO679" s="613"/>
      <c r="MHP679" s="613"/>
      <c r="MHQ679" s="613"/>
      <c r="MHR679" s="613"/>
      <c r="MHS679" s="613"/>
      <c r="MHT679" s="613"/>
      <c r="MHU679" s="613"/>
      <c r="MHV679" s="613"/>
      <c r="MHW679" s="613"/>
      <c r="MHX679" s="613"/>
      <c r="MHY679" s="613"/>
      <c r="MHZ679" s="613"/>
      <c r="MIA679" s="613"/>
      <c r="MIB679" s="613"/>
      <c r="MIC679" s="613"/>
      <c r="MID679" s="613"/>
      <c r="MIE679" s="613"/>
      <c r="MIF679" s="613"/>
      <c r="MIG679" s="613"/>
      <c r="MIH679" s="613"/>
      <c r="MII679" s="613"/>
      <c r="MIJ679" s="613"/>
      <c r="MIK679" s="613"/>
      <c r="MIL679" s="613"/>
      <c r="MIM679" s="613"/>
      <c r="MIN679" s="613"/>
      <c r="MIO679" s="613"/>
      <c r="MIP679" s="613"/>
      <c r="MIQ679" s="613"/>
      <c r="MIR679" s="613"/>
      <c r="MIS679" s="613"/>
      <c r="MIT679" s="613"/>
      <c r="MIU679" s="613"/>
      <c r="MIV679" s="613"/>
      <c r="MIW679" s="613"/>
      <c r="MIX679" s="613"/>
      <c r="MIY679" s="613"/>
      <c r="MIZ679" s="613"/>
      <c r="MJA679" s="613"/>
      <c r="MJB679" s="613"/>
      <c r="MJC679" s="613"/>
      <c r="MJD679" s="613"/>
      <c r="MJE679" s="613"/>
      <c r="MJF679" s="613"/>
      <c r="MJG679" s="613"/>
      <c r="MJH679" s="613"/>
      <c r="MJI679" s="613"/>
      <c r="MJJ679" s="613"/>
      <c r="MJK679" s="613"/>
      <c r="MJL679" s="613"/>
      <c r="MJM679" s="613"/>
      <c r="MJN679" s="613"/>
      <c r="MJO679" s="613"/>
      <c r="MJP679" s="613"/>
      <c r="MJQ679" s="613"/>
      <c r="MJR679" s="613"/>
      <c r="MJS679" s="613"/>
      <c r="MJT679" s="613"/>
      <c r="MJU679" s="613"/>
      <c r="MJV679" s="613"/>
      <c r="MJW679" s="613"/>
      <c r="MJX679" s="613"/>
      <c r="MJY679" s="613"/>
      <c r="MJZ679" s="613"/>
      <c r="MKA679" s="613"/>
      <c r="MKB679" s="613"/>
      <c r="MKC679" s="613"/>
      <c r="MKD679" s="613"/>
      <c r="MKE679" s="613"/>
      <c r="MKF679" s="613"/>
      <c r="MKG679" s="613"/>
      <c r="MKH679" s="613"/>
      <c r="MKI679" s="613"/>
      <c r="MKJ679" s="613"/>
      <c r="MKK679" s="613"/>
      <c r="MKL679" s="613"/>
      <c r="MKM679" s="613"/>
      <c r="MKN679" s="613"/>
      <c r="MKO679" s="613"/>
      <c r="MKP679" s="613"/>
      <c r="MKQ679" s="613"/>
      <c r="MKR679" s="613"/>
      <c r="MKS679" s="613"/>
      <c r="MKT679" s="613"/>
      <c r="MKU679" s="613"/>
      <c r="MKV679" s="613"/>
      <c r="MKW679" s="613"/>
      <c r="MKX679" s="613"/>
      <c r="MKY679" s="613"/>
      <c r="MKZ679" s="613"/>
      <c r="MLA679" s="613"/>
      <c r="MLB679" s="613"/>
      <c r="MLC679" s="613"/>
      <c r="MLD679" s="613"/>
      <c r="MLE679" s="613"/>
      <c r="MLF679" s="613"/>
      <c r="MLG679" s="613"/>
      <c r="MLH679" s="613"/>
      <c r="MLI679" s="613"/>
      <c r="MLJ679" s="613"/>
      <c r="MLK679" s="613"/>
      <c r="MLL679" s="613"/>
      <c r="MLM679" s="613"/>
      <c r="MLN679" s="613"/>
      <c r="MLO679" s="613"/>
      <c r="MLP679" s="613"/>
      <c r="MLQ679" s="613"/>
      <c r="MLR679" s="613"/>
      <c r="MLS679" s="613"/>
      <c r="MLT679" s="613"/>
      <c r="MLU679" s="613"/>
      <c r="MLV679" s="613"/>
      <c r="MLW679" s="613"/>
      <c r="MLX679" s="613"/>
      <c r="MLY679" s="613"/>
      <c r="MLZ679" s="613"/>
      <c r="MMA679" s="613"/>
      <c r="MMB679" s="613"/>
      <c r="MMC679" s="613"/>
      <c r="MMD679" s="613"/>
      <c r="MME679" s="613"/>
      <c r="MMF679" s="613"/>
      <c r="MMG679" s="613"/>
      <c r="MMH679" s="613"/>
      <c r="MMI679" s="613"/>
      <c r="MMJ679" s="613"/>
      <c r="MMK679" s="613"/>
      <c r="MML679" s="613"/>
      <c r="MMM679" s="613"/>
      <c r="MMN679" s="613"/>
      <c r="MMO679" s="613"/>
      <c r="MMP679" s="613"/>
      <c r="MMQ679" s="613"/>
      <c r="MMR679" s="613"/>
      <c r="MMS679" s="613"/>
      <c r="MMT679" s="613"/>
      <c r="MMU679" s="613"/>
      <c r="MMV679" s="613"/>
      <c r="MMW679" s="613"/>
      <c r="MMX679" s="613"/>
      <c r="MMY679" s="613"/>
      <c r="MMZ679" s="613"/>
      <c r="MNA679" s="613"/>
      <c r="MNB679" s="613"/>
      <c r="MNC679" s="613"/>
      <c r="MND679" s="613"/>
      <c r="MNE679" s="613"/>
      <c r="MNF679" s="613"/>
      <c r="MNG679" s="613"/>
      <c r="MNH679" s="613"/>
      <c r="MNI679" s="613"/>
      <c r="MNJ679" s="613"/>
      <c r="MNK679" s="613"/>
      <c r="MNL679" s="613"/>
      <c r="MNM679" s="613"/>
      <c r="MNN679" s="613"/>
      <c r="MNO679" s="613"/>
      <c r="MNP679" s="613"/>
      <c r="MNQ679" s="613"/>
      <c r="MNR679" s="613"/>
      <c r="MNS679" s="613"/>
      <c r="MNT679" s="613"/>
      <c r="MNU679" s="613"/>
      <c r="MNV679" s="613"/>
      <c r="MNW679" s="613"/>
      <c r="MNX679" s="613"/>
      <c r="MNY679" s="613"/>
      <c r="MNZ679" s="613"/>
      <c r="MOA679" s="613"/>
      <c r="MOB679" s="613"/>
      <c r="MOC679" s="613"/>
      <c r="MOD679" s="613"/>
      <c r="MOE679" s="613"/>
      <c r="MOF679" s="613"/>
      <c r="MOG679" s="613"/>
      <c r="MOH679" s="613"/>
      <c r="MOI679" s="613"/>
      <c r="MOJ679" s="613"/>
      <c r="MOK679" s="613"/>
      <c r="MOL679" s="613"/>
      <c r="MOM679" s="613"/>
      <c r="MON679" s="613"/>
      <c r="MOO679" s="613"/>
      <c r="MOP679" s="613"/>
      <c r="MOQ679" s="613"/>
      <c r="MOR679" s="613"/>
      <c r="MOS679" s="613"/>
      <c r="MOT679" s="613"/>
      <c r="MOU679" s="613"/>
      <c r="MOV679" s="613"/>
      <c r="MOW679" s="613"/>
      <c r="MOX679" s="613"/>
      <c r="MOY679" s="613"/>
      <c r="MOZ679" s="613"/>
      <c r="MPA679" s="613"/>
      <c r="MPB679" s="613"/>
      <c r="MPC679" s="613"/>
      <c r="MPD679" s="613"/>
      <c r="MPE679" s="613"/>
      <c r="MPF679" s="613"/>
      <c r="MPG679" s="613"/>
      <c r="MPH679" s="613"/>
      <c r="MPI679" s="613"/>
      <c r="MPJ679" s="613"/>
      <c r="MPK679" s="613"/>
      <c r="MPL679" s="613"/>
      <c r="MPM679" s="613"/>
      <c r="MPN679" s="613"/>
      <c r="MPO679" s="613"/>
      <c r="MPP679" s="613"/>
      <c r="MPQ679" s="613"/>
      <c r="MPR679" s="613"/>
      <c r="MPS679" s="613"/>
      <c r="MPT679" s="613"/>
      <c r="MPU679" s="613"/>
      <c r="MPV679" s="613"/>
      <c r="MPW679" s="613"/>
      <c r="MPX679" s="613"/>
      <c r="MPY679" s="613"/>
      <c r="MPZ679" s="613"/>
      <c r="MQA679" s="613"/>
      <c r="MQB679" s="613"/>
      <c r="MQC679" s="613"/>
      <c r="MQD679" s="613"/>
      <c r="MQE679" s="613"/>
      <c r="MQF679" s="613"/>
      <c r="MQG679" s="613"/>
      <c r="MQH679" s="613"/>
      <c r="MQI679" s="613"/>
      <c r="MQJ679" s="613"/>
      <c r="MQK679" s="613"/>
      <c r="MQL679" s="613"/>
      <c r="MQM679" s="613"/>
      <c r="MQN679" s="613"/>
      <c r="MQO679" s="613"/>
      <c r="MQP679" s="613"/>
      <c r="MQQ679" s="613"/>
      <c r="MQR679" s="613"/>
      <c r="MQS679" s="613"/>
      <c r="MQT679" s="613"/>
      <c r="MQU679" s="613"/>
      <c r="MQV679" s="613"/>
      <c r="MQW679" s="613"/>
      <c r="MQX679" s="613"/>
      <c r="MQY679" s="613"/>
      <c r="MQZ679" s="613"/>
      <c r="MRA679" s="613"/>
      <c r="MRB679" s="613"/>
      <c r="MRC679" s="613"/>
      <c r="MRD679" s="613"/>
      <c r="MRE679" s="613"/>
      <c r="MRF679" s="613"/>
      <c r="MRG679" s="613"/>
      <c r="MRH679" s="613"/>
      <c r="MRI679" s="613"/>
      <c r="MRJ679" s="613"/>
      <c r="MRK679" s="613"/>
      <c r="MRL679" s="613"/>
      <c r="MRM679" s="613"/>
      <c r="MRN679" s="613"/>
      <c r="MRO679" s="613"/>
      <c r="MRP679" s="613"/>
      <c r="MRQ679" s="613"/>
      <c r="MRR679" s="613"/>
      <c r="MRS679" s="613"/>
      <c r="MRT679" s="613"/>
      <c r="MRU679" s="613"/>
      <c r="MRV679" s="613"/>
      <c r="MRW679" s="613"/>
      <c r="MRX679" s="613"/>
      <c r="MRY679" s="613"/>
      <c r="MRZ679" s="613"/>
      <c r="MSA679" s="613"/>
      <c r="MSB679" s="613"/>
      <c r="MSC679" s="613"/>
      <c r="MSD679" s="613"/>
      <c r="MSE679" s="613"/>
      <c r="MSF679" s="613"/>
      <c r="MSG679" s="613"/>
      <c r="MSH679" s="613"/>
      <c r="MSI679" s="613"/>
      <c r="MSJ679" s="613"/>
      <c r="MSK679" s="613"/>
      <c r="MSL679" s="613"/>
      <c r="MSM679" s="613"/>
      <c r="MSN679" s="613"/>
      <c r="MSO679" s="613"/>
      <c r="MSP679" s="613"/>
      <c r="MSQ679" s="613"/>
      <c r="MSR679" s="613"/>
      <c r="MSS679" s="613"/>
      <c r="MST679" s="613"/>
      <c r="MSU679" s="613"/>
      <c r="MSV679" s="613"/>
      <c r="MSW679" s="613"/>
      <c r="MSX679" s="613"/>
      <c r="MSY679" s="613"/>
      <c r="MSZ679" s="613"/>
      <c r="MTA679" s="613"/>
      <c r="MTB679" s="613"/>
      <c r="MTC679" s="613"/>
      <c r="MTD679" s="613"/>
      <c r="MTE679" s="613"/>
      <c r="MTF679" s="613"/>
      <c r="MTG679" s="613"/>
      <c r="MTH679" s="613"/>
      <c r="MTI679" s="613"/>
      <c r="MTJ679" s="613"/>
      <c r="MTK679" s="613"/>
      <c r="MTL679" s="613"/>
      <c r="MTM679" s="613"/>
      <c r="MTN679" s="613"/>
      <c r="MTO679" s="613"/>
      <c r="MTP679" s="613"/>
      <c r="MTQ679" s="613"/>
      <c r="MTR679" s="613"/>
      <c r="MTS679" s="613"/>
      <c r="MTT679" s="613"/>
      <c r="MTU679" s="613"/>
      <c r="MTV679" s="613"/>
      <c r="MTW679" s="613"/>
      <c r="MTX679" s="613"/>
      <c r="MTY679" s="613"/>
      <c r="MTZ679" s="613"/>
      <c r="MUA679" s="613"/>
      <c r="MUB679" s="613"/>
      <c r="MUC679" s="613"/>
      <c r="MUD679" s="613"/>
      <c r="MUE679" s="613"/>
      <c r="MUF679" s="613"/>
      <c r="MUG679" s="613"/>
      <c r="MUH679" s="613"/>
      <c r="MUI679" s="613"/>
      <c r="MUJ679" s="613"/>
      <c r="MUK679" s="613"/>
      <c r="MUL679" s="613"/>
      <c r="MUM679" s="613"/>
      <c r="MUN679" s="613"/>
      <c r="MUO679" s="613"/>
      <c r="MUP679" s="613"/>
      <c r="MUQ679" s="613"/>
      <c r="MUR679" s="613"/>
      <c r="MUS679" s="613"/>
      <c r="MUT679" s="613"/>
      <c r="MUU679" s="613"/>
      <c r="MUV679" s="613"/>
      <c r="MUW679" s="613"/>
      <c r="MUX679" s="613"/>
      <c r="MUY679" s="613"/>
      <c r="MUZ679" s="613"/>
      <c r="MVA679" s="613"/>
      <c r="MVB679" s="613"/>
      <c r="MVC679" s="613"/>
      <c r="MVD679" s="613"/>
      <c r="MVE679" s="613"/>
      <c r="MVF679" s="613"/>
      <c r="MVG679" s="613"/>
      <c r="MVH679" s="613"/>
      <c r="MVI679" s="613"/>
      <c r="MVJ679" s="613"/>
      <c r="MVK679" s="613"/>
      <c r="MVL679" s="613"/>
      <c r="MVM679" s="613"/>
      <c r="MVN679" s="613"/>
      <c r="MVO679" s="613"/>
      <c r="MVP679" s="613"/>
      <c r="MVQ679" s="613"/>
      <c r="MVR679" s="613"/>
      <c r="MVS679" s="613"/>
      <c r="MVT679" s="613"/>
      <c r="MVU679" s="613"/>
      <c r="MVV679" s="613"/>
      <c r="MVW679" s="613"/>
      <c r="MVX679" s="613"/>
      <c r="MVY679" s="613"/>
      <c r="MVZ679" s="613"/>
      <c r="MWA679" s="613"/>
      <c r="MWB679" s="613"/>
      <c r="MWC679" s="613"/>
      <c r="MWD679" s="613"/>
      <c r="MWE679" s="613"/>
      <c r="MWF679" s="613"/>
      <c r="MWG679" s="613"/>
      <c r="MWH679" s="613"/>
      <c r="MWI679" s="613"/>
      <c r="MWJ679" s="613"/>
      <c r="MWK679" s="613"/>
      <c r="MWL679" s="613"/>
      <c r="MWM679" s="613"/>
      <c r="MWN679" s="613"/>
      <c r="MWO679" s="613"/>
      <c r="MWP679" s="613"/>
      <c r="MWQ679" s="613"/>
      <c r="MWR679" s="613"/>
      <c r="MWS679" s="613"/>
      <c r="MWT679" s="613"/>
      <c r="MWU679" s="613"/>
      <c r="MWV679" s="613"/>
      <c r="MWW679" s="613"/>
      <c r="MWX679" s="613"/>
      <c r="MWY679" s="613"/>
      <c r="MWZ679" s="613"/>
      <c r="MXA679" s="613"/>
      <c r="MXB679" s="613"/>
      <c r="MXC679" s="613"/>
      <c r="MXD679" s="613"/>
      <c r="MXE679" s="613"/>
      <c r="MXF679" s="613"/>
      <c r="MXG679" s="613"/>
      <c r="MXH679" s="613"/>
      <c r="MXI679" s="613"/>
      <c r="MXJ679" s="613"/>
      <c r="MXK679" s="613"/>
      <c r="MXL679" s="613"/>
      <c r="MXM679" s="613"/>
      <c r="MXN679" s="613"/>
      <c r="MXO679" s="613"/>
      <c r="MXP679" s="613"/>
      <c r="MXQ679" s="613"/>
      <c r="MXR679" s="613"/>
      <c r="MXS679" s="613"/>
      <c r="MXT679" s="613"/>
      <c r="MXU679" s="613"/>
      <c r="MXV679" s="613"/>
      <c r="MXW679" s="613"/>
      <c r="MXX679" s="613"/>
      <c r="MXY679" s="613"/>
      <c r="MXZ679" s="613"/>
      <c r="MYA679" s="613"/>
      <c r="MYB679" s="613"/>
      <c r="MYC679" s="613"/>
      <c r="MYD679" s="613"/>
      <c r="MYE679" s="613"/>
      <c r="MYF679" s="613"/>
      <c r="MYG679" s="613"/>
      <c r="MYH679" s="613"/>
      <c r="MYI679" s="613"/>
      <c r="MYJ679" s="613"/>
      <c r="MYK679" s="613"/>
      <c r="MYL679" s="613"/>
      <c r="MYM679" s="613"/>
      <c r="MYN679" s="613"/>
      <c r="MYO679" s="613"/>
      <c r="MYP679" s="613"/>
      <c r="MYQ679" s="613"/>
      <c r="MYR679" s="613"/>
      <c r="MYS679" s="613"/>
      <c r="MYT679" s="613"/>
      <c r="MYU679" s="613"/>
      <c r="MYV679" s="613"/>
      <c r="MYW679" s="613"/>
      <c r="MYX679" s="613"/>
      <c r="MYY679" s="613"/>
      <c r="MYZ679" s="613"/>
      <c r="MZA679" s="613"/>
      <c r="MZB679" s="613"/>
      <c r="MZC679" s="613"/>
      <c r="MZD679" s="613"/>
      <c r="MZE679" s="613"/>
      <c r="MZF679" s="613"/>
      <c r="MZG679" s="613"/>
      <c r="MZH679" s="613"/>
      <c r="MZI679" s="613"/>
      <c r="MZJ679" s="613"/>
      <c r="MZK679" s="613"/>
      <c r="MZL679" s="613"/>
      <c r="MZM679" s="613"/>
      <c r="MZN679" s="613"/>
      <c r="MZO679" s="613"/>
      <c r="MZP679" s="613"/>
      <c r="MZQ679" s="613"/>
      <c r="MZR679" s="613"/>
      <c r="MZS679" s="613"/>
      <c r="MZT679" s="613"/>
      <c r="MZU679" s="613"/>
      <c r="MZV679" s="613"/>
      <c r="MZW679" s="613"/>
      <c r="MZX679" s="613"/>
      <c r="MZY679" s="613"/>
      <c r="MZZ679" s="613"/>
      <c r="NAA679" s="613"/>
      <c r="NAB679" s="613"/>
      <c r="NAC679" s="613"/>
      <c r="NAD679" s="613"/>
      <c r="NAE679" s="613"/>
      <c r="NAF679" s="613"/>
      <c r="NAG679" s="613"/>
      <c r="NAH679" s="613"/>
      <c r="NAI679" s="613"/>
      <c r="NAJ679" s="613"/>
      <c r="NAK679" s="613"/>
      <c r="NAL679" s="613"/>
      <c r="NAM679" s="613"/>
      <c r="NAN679" s="613"/>
      <c r="NAO679" s="613"/>
      <c r="NAP679" s="613"/>
      <c r="NAQ679" s="613"/>
      <c r="NAR679" s="613"/>
      <c r="NAS679" s="613"/>
      <c r="NAT679" s="613"/>
      <c r="NAU679" s="613"/>
      <c r="NAV679" s="613"/>
      <c r="NAW679" s="613"/>
      <c r="NAX679" s="613"/>
      <c r="NAY679" s="613"/>
      <c r="NAZ679" s="613"/>
      <c r="NBA679" s="613"/>
      <c r="NBB679" s="613"/>
      <c r="NBC679" s="613"/>
      <c r="NBD679" s="613"/>
      <c r="NBE679" s="613"/>
      <c r="NBF679" s="613"/>
      <c r="NBG679" s="613"/>
      <c r="NBH679" s="613"/>
      <c r="NBI679" s="613"/>
      <c r="NBJ679" s="613"/>
      <c r="NBK679" s="613"/>
      <c r="NBL679" s="613"/>
      <c r="NBM679" s="613"/>
      <c r="NBN679" s="613"/>
      <c r="NBO679" s="613"/>
      <c r="NBP679" s="613"/>
      <c r="NBQ679" s="613"/>
      <c r="NBR679" s="613"/>
      <c r="NBS679" s="613"/>
      <c r="NBT679" s="613"/>
      <c r="NBU679" s="613"/>
      <c r="NBV679" s="613"/>
      <c r="NBW679" s="613"/>
      <c r="NBX679" s="613"/>
      <c r="NBY679" s="613"/>
      <c r="NBZ679" s="613"/>
      <c r="NCA679" s="613"/>
      <c r="NCB679" s="613"/>
      <c r="NCC679" s="613"/>
      <c r="NCD679" s="613"/>
      <c r="NCE679" s="613"/>
      <c r="NCF679" s="613"/>
      <c r="NCG679" s="613"/>
      <c r="NCH679" s="613"/>
      <c r="NCI679" s="613"/>
      <c r="NCJ679" s="613"/>
      <c r="NCK679" s="613"/>
      <c r="NCL679" s="613"/>
      <c r="NCM679" s="613"/>
      <c r="NCN679" s="613"/>
      <c r="NCO679" s="613"/>
      <c r="NCP679" s="613"/>
      <c r="NCQ679" s="613"/>
      <c r="NCR679" s="613"/>
      <c r="NCS679" s="613"/>
      <c r="NCT679" s="613"/>
      <c r="NCU679" s="613"/>
      <c r="NCV679" s="613"/>
      <c r="NCW679" s="613"/>
      <c r="NCX679" s="613"/>
      <c r="NCY679" s="613"/>
      <c r="NCZ679" s="613"/>
      <c r="NDA679" s="613"/>
      <c r="NDB679" s="613"/>
      <c r="NDC679" s="613"/>
      <c r="NDD679" s="613"/>
      <c r="NDE679" s="613"/>
      <c r="NDF679" s="613"/>
      <c r="NDG679" s="613"/>
      <c r="NDH679" s="613"/>
      <c r="NDI679" s="613"/>
      <c r="NDJ679" s="613"/>
      <c r="NDK679" s="613"/>
      <c r="NDL679" s="613"/>
      <c r="NDM679" s="613"/>
      <c r="NDN679" s="613"/>
      <c r="NDO679" s="613"/>
      <c r="NDP679" s="613"/>
      <c r="NDQ679" s="613"/>
      <c r="NDR679" s="613"/>
      <c r="NDS679" s="613"/>
      <c r="NDT679" s="613"/>
      <c r="NDU679" s="613"/>
      <c r="NDV679" s="613"/>
      <c r="NDW679" s="613"/>
      <c r="NDX679" s="613"/>
      <c r="NDY679" s="613"/>
      <c r="NDZ679" s="613"/>
      <c r="NEA679" s="613"/>
      <c r="NEB679" s="613"/>
      <c r="NEC679" s="613"/>
      <c r="NED679" s="613"/>
      <c r="NEE679" s="613"/>
      <c r="NEF679" s="613"/>
      <c r="NEG679" s="613"/>
      <c r="NEH679" s="613"/>
      <c r="NEI679" s="613"/>
      <c r="NEJ679" s="613"/>
      <c r="NEK679" s="613"/>
      <c r="NEL679" s="613"/>
      <c r="NEM679" s="613"/>
      <c r="NEN679" s="613"/>
      <c r="NEO679" s="613"/>
      <c r="NEP679" s="613"/>
      <c r="NEQ679" s="613"/>
      <c r="NER679" s="613"/>
      <c r="NES679" s="613"/>
      <c r="NET679" s="613"/>
      <c r="NEU679" s="613"/>
      <c r="NEV679" s="613"/>
      <c r="NEW679" s="613"/>
      <c r="NEX679" s="613"/>
      <c r="NEY679" s="613"/>
      <c r="NEZ679" s="613"/>
      <c r="NFA679" s="613"/>
      <c r="NFB679" s="613"/>
      <c r="NFC679" s="613"/>
      <c r="NFD679" s="613"/>
      <c r="NFE679" s="613"/>
      <c r="NFF679" s="613"/>
      <c r="NFG679" s="613"/>
      <c r="NFH679" s="613"/>
      <c r="NFI679" s="613"/>
      <c r="NFJ679" s="613"/>
      <c r="NFK679" s="613"/>
      <c r="NFL679" s="613"/>
      <c r="NFM679" s="613"/>
      <c r="NFN679" s="613"/>
      <c r="NFO679" s="613"/>
      <c r="NFP679" s="613"/>
      <c r="NFQ679" s="613"/>
      <c r="NFR679" s="613"/>
      <c r="NFS679" s="613"/>
      <c r="NFT679" s="613"/>
      <c r="NFU679" s="613"/>
      <c r="NFV679" s="613"/>
      <c r="NFW679" s="613"/>
      <c r="NFX679" s="613"/>
      <c r="NFY679" s="613"/>
      <c r="NFZ679" s="613"/>
      <c r="NGA679" s="613"/>
      <c r="NGB679" s="613"/>
      <c r="NGC679" s="613"/>
      <c r="NGD679" s="613"/>
      <c r="NGE679" s="613"/>
      <c r="NGF679" s="613"/>
      <c r="NGG679" s="613"/>
      <c r="NGH679" s="613"/>
      <c r="NGI679" s="613"/>
      <c r="NGJ679" s="613"/>
      <c r="NGK679" s="613"/>
      <c r="NGL679" s="613"/>
      <c r="NGM679" s="613"/>
      <c r="NGN679" s="613"/>
      <c r="NGO679" s="613"/>
      <c r="NGP679" s="613"/>
      <c r="NGQ679" s="613"/>
      <c r="NGR679" s="613"/>
      <c r="NGS679" s="613"/>
      <c r="NGT679" s="613"/>
      <c r="NGU679" s="613"/>
      <c r="NGV679" s="613"/>
      <c r="NGW679" s="613"/>
      <c r="NGX679" s="613"/>
      <c r="NGY679" s="613"/>
      <c r="NGZ679" s="613"/>
      <c r="NHA679" s="613"/>
      <c r="NHB679" s="613"/>
      <c r="NHC679" s="613"/>
      <c r="NHD679" s="613"/>
      <c r="NHE679" s="613"/>
      <c r="NHF679" s="613"/>
      <c r="NHG679" s="613"/>
      <c r="NHH679" s="613"/>
      <c r="NHI679" s="613"/>
      <c r="NHJ679" s="613"/>
      <c r="NHK679" s="613"/>
      <c r="NHL679" s="613"/>
      <c r="NHM679" s="613"/>
      <c r="NHN679" s="613"/>
      <c r="NHO679" s="613"/>
      <c r="NHP679" s="613"/>
      <c r="NHQ679" s="613"/>
      <c r="NHR679" s="613"/>
      <c r="NHS679" s="613"/>
      <c r="NHT679" s="613"/>
      <c r="NHU679" s="613"/>
      <c r="NHV679" s="613"/>
      <c r="NHW679" s="613"/>
      <c r="NHX679" s="613"/>
      <c r="NHY679" s="613"/>
      <c r="NHZ679" s="613"/>
      <c r="NIA679" s="613"/>
      <c r="NIB679" s="613"/>
      <c r="NIC679" s="613"/>
      <c r="NID679" s="613"/>
      <c r="NIE679" s="613"/>
      <c r="NIF679" s="613"/>
      <c r="NIG679" s="613"/>
      <c r="NIH679" s="613"/>
      <c r="NII679" s="613"/>
      <c r="NIJ679" s="613"/>
      <c r="NIK679" s="613"/>
      <c r="NIL679" s="613"/>
      <c r="NIM679" s="613"/>
      <c r="NIN679" s="613"/>
      <c r="NIO679" s="613"/>
      <c r="NIP679" s="613"/>
      <c r="NIQ679" s="613"/>
      <c r="NIR679" s="613"/>
      <c r="NIS679" s="613"/>
      <c r="NIT679" s="613"/>
      <c r="NIU679" s="613"/>
      <c r="NIV679" s="613"/>
      <c r="NIW679" s="613"/>
      <c r="NIX679" s="613"/>
      <c r="NIY679" s="613"/>
      <c r="NIZ679" s="613"/>
      <c r="NJA679" s="613"/>
      <c r="NJB679" s="613"/>
      <c r="NJC679" s="613"/>
      <c r="NJD679" s="613"/>
      <c r="NJE679" s="613"/>
      <c r="NJF679" s="613"/>
      <c r="NJG679" s="613"/>
      <c r="NJH679" s="613"/>
      <c r="NJI679" s="613"/>
      <c r="NJJ679" s="613"/>
      <c r="NJK679" s="613"/>
      <c r="NJL679" s="613"/>
      <c r="NJM679" s="613"/>
      <c r="NJN679" s="613"/>
      <c r="NJO679" s="613"/>
      <c r="NJP679" s="613"/>
      <c r="NJQ679" s="613"/>
      <c r="NJR679" s="613"/>
      <c r="NJS679" s="613"/>
      <c r="NJT679" s="613"/>
      <c r="NJU679" s="613"/>
      <c r="NJV679" s="613"/>
      <c r="NJW679" s="613"/>
      <c r="NJX679" s="613"/>
      <c r="NJY679" s="613"/>
      <c r="NJZ679" s="613"/>
      <c r="NKA679" s="613"/>
      <c r="NKB679" s="613"/>
      <c r="NKC679" s="613"/>
      <c r="NKD679" s="613"/>
      <c r="NKE679" s="613"/>
      <c r="NKF679" s="613"/>
      <c r="NKG679" s="613"/>
      <c r="NKH679" s="613"/>
      <c r="NKI679" s="613"/>
      <c r="NKJ679" s="613"/>
      <c r="NKK679" s="613"/>
      <c r="NKL679" s="613"/>
      <c r="NKM679" s="613"/>
      <c r="NKN679" s="613"/>
      <c r="NKO679" s="613"/>
      <c r="NKP679" s="613"/>
      <c r="NKQ679" s="613"/>
      <c r="NKR679" s="613"/>
      <c r="NKS679" s="613"/>
      <c r="NKT679" s="613"/>
      <c r="NKU679" s="613"/>
      <c r="NKV679" s="613"/>
      <c r="NKW679" s="613"/>
      <c r="NKX679" s="613"/>
      <c r="NKY679" s="613"/>
      <c r="NKZ679" s="613"/>
      <c r="NLA679" s="613"/>
      <c r="NLB679" s="613"/>
      <c r="NLC679" s="613"/>
      <c r="NLD679" s="613"/>
      <c r="NLE679" s="613"/>
      <c r="NLF679" s="613"/>
      <c r="NLG679" s="613"/>
      <c r="NLH679" s="613"/>
      <c r="NLI679" s="613"/>
      <c r="NLJ679" s="613"/>
      <c r="NLK679" s="613"/>
      <c r="NLL679" s="613"/>
      <c r="NLM679" s="613"/>
      <c r="NLN679" s="613"/>
      <c r="NLO679" s="613"/>
      <c r="NLP679" s="613"/>
      <c r="NLQ679" s="613"/>
      <c r="NLR679" s="613"/>
      <c r="NLS679" s="613"/>
      <c r="NLT679" s="613"/>
      <c r="NLU679" s="613"/>
      <c r="NLV679" s="613"/>
      <c r="NLW679" s="613"/>
      <c r="NLX679" s="613"/>
      <c r="NLY679" s="613"/>
      <c r="NLZ679" s="613"/>
      <c r="NMA679" s="613"/>
      <c r="NMB679" s="613"/>
      <c r="NMC679" s="613"/>
      <c r="NMD679" s="613"/>
      <c r="NME679" s="613"/>
      <c r="NMF679" s="613"/>
      <c r="NMG679" s="613"/>
      <c r="NMH679" s="613"/>
      <c r="NMI679" s="613"/>
      <c r="NMJ679" s="613"/>
      <c r="NMK679" s="613"/>
      <c r="NML679" s="613"/>
      <c r="NMM679" s="613"/>
      <c r="NMN679" s="613"/>
      <c r="NMO679" s="613"/>
      <c r="NMP679" s="613"/>
      <c r="NMQ679" s="613"/>
      <c r="NMR679" s="613"/>
      <c r="NMS679" s="613"/>
      <c r="NMT679" s="613"/>
      <c r="NMU679" s="613"/>
      <c r="NMV679" s="613"/>
      <c r="NMW679" s="613"/>
      <c r="NMX679" s="613"/>
      <c r="NMY679" s="613"/>
      <c r="NMZ679" s="613"/>
      <c r="NNA679" s="613"/>
      <c r="NNB679" s="613"/>
      <c r="NNC679" s="613"/>
      <c r="NND679" s="613"/>
      <c r="NNE679" s="613"/>
      <c r="NNF679" s="613"/>
      <c r="NNG679" s="613"/>
      <c r="NNH679" s="613"/>
      <c r="NNI679" s="613"/>
      <c r="NNJ679" s="613"/>
      <c r="NNK679" s="613"/>
      <c r="NNL679" s="613"/>
      <c r="NNM679" s="613"/>
      <c r="NNN679" s="613"/>
      <c r="NNO679" s="613"/>
      <c r="NNP679" s="613"/>
      <c r="NNQ679" s="613"/>
      <c r="NNR679" s="613"/>
      <c r="NNS679" s="613"/>
      <c r="NNT679" s="613"/>
      <c r="NNU679" s="613"/>
      <c r="NNV679" s="613"/>
      <c r="NNW679" s="613"/>
      <c r="NNX679" s="613"/>
      <c r="NNY679" s="613"/>
      <c r="NNZ679" s="613"/>
      <c r="NOA679" s="613"/>
      <c r="NOB679" s="613"/>
      <c r="NOC679" s="613"/>
      <c r="NOD679" s="613"/>
      <c r="NOE679" s="613"/>
      <c r="NOF679" s="613"/>
      <c r="NOG679" s="613"/>
      <c r="NOH679" s="613"/>
      <c r="NOI679" s="613"/>
      <c r="NOJ679" s="613"/>
      <c r="NOK679" s="613"/>
      <c r="NOL679" s="613"/>
      <c r="NOM679" s="613"/>
      <c r="NON679" s="613"/>
      <c r="NOO679" s="613"/>
      <c r="NOP679" s="613"/>
      <c r="NOQ679" s="613"/>
      <c r="NOR679" s="613"/>
      <c r="NOS679" s="613"/>
      <c r="NOT679" s="613"/>
      <c r="NOU679" s="613"/>
      <c r="NOV679" s="613"/>
      <c r="NOW679" s="613"/>
      <c r="NOX679" s="613"/>
      <c r="NOY679" s="613"/>
      <c r="NOZ679" s="613"/>
      <c r="NPA679" s="613"/>
      <c r="NPB679" s="613"/>
      <c r="NPC679" s="613"/>
      <c r="NPD679" s="613"/>
      <c r="NPE679" s="613"/>
      <c r="NPF679" s="613"/>
      <c r="NPG679" s="613"/>
      <c r="NPH679" s="613"/>
      <c r="NPI679" s="613"/>
      <c r="NPJ679" s="613"/>
      <c r="NPK679" s="613"/>
      <c r="NPL679" s="613"/>
      <c r="NPM679" s="613"/>
      <c r="NPN679" s="613"/>
      <c r="NPO679" s="613"/>
      <c r="NPP679" s="613"/>
      <c r="NPQ679" s="613"/>
      <c r="NPR679" s="613"/>
      <c r="NPS679" s="613"/>
      <c r="NPT679" s="613"/>
      <c r="NPU679" s="613"/>
      <c r="NPV679" s="613"/>
      <c r="NPW679" s="613"/>
      <c r="NPX679" s="613"/>
      <c r="NPY679" s="613"/>
      <c r="NPZ679" s="613"/>
      <c r="NQA679" s="613"/>
      <c r="NQB679" s="613"/>
      <c r="NQC679" s="613"/>
      <c r="NQD679" s="613"/>
      <c r="NQE679" s="613"/>
      <c r="NQF679" s="613"/>
      <c r="NQG679" s="613"/>
      <c r="NQH679" s="613"/>
      <c r="NQI679" s="613"/>
      <c r="NQJ679" s="613"/>
      <c r="NQK679" s="613"/>
      <c r="NQL679" s="613"/>
      <c r="NQM679" s="613"/>
      <c r="NQN679" s="613"/>
      <c r="NQO679" s="613"/>
      <c r="NQP679" s="613"/>
      <c r="NQQ679" s="613"/>
      <c r="NQR679" s="613"/>
      <c r="NQS679" s="613"/>
      <c r="NQT679" s="613"/>
      <c r="NQU679" s="613"/>
      <c r="NQV679" s="613"/>
      <c r="NQW679" s="613"/>
      <c r="NQX679" s="613"/>
      <c r="NQY679" s="613"/>
      <c r="NQZ679" s="613"/>
      <c r="NRA679" s="613"/>
      <c r="NRB679" s="613"/>
      <c r="NRC679" s="613"/>
      <c r="NRD679" s="613"/>
      <c r="NRE679" s="613"/>
      <c r="NRF679" s="613"/>
      <c r="NRG679" s="613"/>
      <c r="NRH679" s="613"/>
      <c r="NRI679" s="613"/>
      <c r="NRJ679" s="613"/>
      <c r="NRK679" s="613"/>
      <c r="NRL679" s="613"/>
      <c r="NRM679" s="613"/>
      <c r="NRN679" s="613"/>
      <c r="NRO679" s="613"/>
      <c r="NRP679" s="613"/>
      <c r="NRQ679" s="613"/>
      <c r="NRR679" s="613"/>
      <c r="NRS679" s="613"/>
      <c r="NRT679" s="613"/>
      <c r="NRU679" s="613"/>
      <c r="NRV679" s="613"/>
      <c r="NRW679" s="613"/>
      <c r="NRX679" s="613"/>
      <c r="NRY679" s="613"/>
      <c r="NRZ679" s="613"/>
      <c r="NSA679" s="613"/>
      <c r="NSB679" s="613"/>
      <c r="NSC679" s="613"/>
      <c r="NSD679" s="613"/>
      <c r="NSE679" s="613"/>
      <c r="NSF679" s="613"/>
      <c r="NSG679" s="613"/>
      <c r="NSH679" s="613"/>
      <c r="NSI679" s="613"/>
      <c r="NSJ679" s="613"/>
      <c r="NSK679" s="613"/>
      <c r="NSL679" s="613"/>
      <c r="NSM679" s="613"/>
      <c r="NSN679" s="613"/>
      <c r="NSO679" s="613"/>
      <c r="NSP679" s="613"/>
      <c r="NSQ679" s="613"/>
      <c r="NSR679" s="613"/>
      <c r="NSS679" s="613"/>
      <c r="NST679" s="613"/>
      <c r="NSU679" s="613"/>
      <c r="NSV679" s="613"/>
      <c r="NSW679" s="613"/>
      <c r="NSX679" s="613"/>
      <c r="NSY679" s="613"/>
      <c r="NSZ679" s="613"/>
      <c r="NTA679" s="613"/>
      <c r="NTB679" s="613"/>
      <c r="NTC679" s="613"/>
      <c r="NTD679" s="613"/>
      <c r="NTE679" s="613"/>
      <c r="NTF679" s="613"/>
      <c r="NTG679" s="613"/>
      <c r="NTH679" s="613"/>
      <c r="NTI679" s="613"/>
      <c r="NTJ679" s="613"/>
      <c r="NTK679" s="613"/>
      <c r="NTL679" s="613"/>
      <c r="NTM679" s="613"/>
      <c r="NTN679" s="613"/>
      <c r="NTO679" s="613"/>
      <c r="NTP679" s="613"/>
      <c r="NTQ679" s="613"/>
      <c r="NTR679" s="613"/>
      <c r="NTS679" s="613"/>
      <c r="NTT679" s="613"/>
      <c r="NTU679" s="613"/>
      <c r="NTV679" s="613"/>
      <c r="NTW679" s="613"/>
      <c r="NTX679" s="613"/>
      <c r="NTY679" s="613"/>
      <c r="NTZ679" s="613"/>
      <c r="NUA679" s="613"/>
      <c r="NUB679" s="613"/>
      <c r="NUC679" s="613"/>
      <c r="NUD679" s="613"/>
      <c r="NUE679" s="613"/>
      <c r="NUF679" s="613"/>
      <c r="NUG679" s="613"/>
      <c r="NUH679" s="613"/>
      <c r="NUI679" s="613"/>
      <c r="NUJ679" s="613"/>
      <c r="NUK679" s="613"/>
      <c r="NUL679" s="613"/>
      <c r="NUM679" s="613"/>
      <c r="NUN679" s="613"/>
      <c r="NUO679" s="613"/>
      <c r="NUP679" s="613"/>
      <c r="NUQ679" s="613"/>
      <c r="NUR679" s="613"/>
      <c r="NUS679" s="613"/>
      <c r="NUT679" s="613"/>
      <c r="NUU679" s="613"/>
      <c r="NUV679" s="613"/>
      <c r="NUW679" s="613"/>
      <c r="NUX679" s="613"/>
      <c r="NUY679" s="613"/>
      <c r="NUZ679" s="613"/>
      <c r="NVA679" s="613"/>
      <c r="NVB679" s="613"/>
      <c r="NVC679" s="613"/>
      <c r="NVD679" s="613"/>
      <c r="NVE679" s="613"/>
      <c r="NVF679" s="613"/>
      <c r="NVG679" s="613"/>
      <c r="NVH679" s="613"/>
      <c r="NVI679" s="613"/>
      <c r="NVJ679" s="613"/>
      <c r="NVK679" s="613"/>
      <c r="NVL679" s="613"/>
      <c r="NVM679" s="613"/>
      <c r="NVN679" s="613"/>
      <c r="NVO679" s="613"/>
      <c r="NVP679" s="613"/>
      <c r="NVQ679" s="613"/>
      <c r="NVR679" s="613"/>
      <c r="NVS679" s="613"/>
      <c r="NVT679" s="613"/>
      <c r="NVU679" s="613"/>
      <c r="NVV679" s="613"/>
      <c r="NVW679" s="613"/>
      <c r="NVX679" s="613"/>
      <c r="NVY679" s="613"/>
      <c r="NVZ679" s="613"/>
      <c r="NWA679" s="613"/>
      <c r="NWB679" s="613"/>
      <c r="NWC679" s="613"/>
      <c r="NWD679" s="613"/>
      <c r="NWE679" s="613"/>
      <c r="NWF679" s="613"/>
      <c r="NWG679" s="613"/>
      <c r="NWH679" s="613"/>
      <c r="NWI679" s="613"/>
      <c r="NWJ679" s="613"/>
      <c r="NWK679" s="613"/>
      <c r="NWL679" s="613"/>
      <c r="NWM679" s="613"/>
      <c r="NWN679" s="613"/>
      <c r="NWO679" s="613"/>
      <c r="NWP679" s="613"/>
      <c r="NWQ679" s="613"/>
      <c r="NWR679" s="613"/>
      <c r="NWS679" s="613"/>
      <c r="NWT679" s="613"/>
      <c r="NWU679" s="613"/>
      <c r="NWV679" s="613"/>
      <c r="NWW679" s="613"/>
      <c r="NWX679" s="613"/>
      <c r="NWY679" s="613"/>
      <c r="NWZ679" s="613"/>
      <c r="NXA679" s="613"/>
      <c r="NXB679" s="613"/>
      <c r="NXC679" s="613"/>
      <c r="NXD679" s="613"/>
      <c r="NXE679" s="613"/>
      <c r="NXF679" s="613"/>
      <c r="NXG679" s="613"/>
      <c r="NXH679" s="613"/>
      <c r="NXI679" s="613"/>
      <c r="NXJ679" s="613"/>
      <c r="NXK679" s="613"/>
      <c r="NXL679" s="613"/>
      <c r="NXM679" s="613"/>
      <c r="NXN679" s="613"/>
      <c r="NXO679" s="613"/>
      <c r="NXP679" s="613"/>
      <c r="NXQ679" s="613"/>
      <c r="NXR679" s="613"/>
      <c r="NXS679" s="613"/>
      <c r="NXT679" s="613"/>
      <c r="NXU679" s="613"/>
      <c r="NXV679" s="613"/>
      <c r="NXW679" s="613"/>
      <c r="NXX679" s="613"/>
      <c r="NXY679" s="613"/>
      <c r="NXZ679" s="613"/>
      <c r="NYA679" s="613"/>
      <c r="NYB679" s="613"/>
      <c r="NYC679" s="613"/>
      <c r="NYD679" s="613"/>
      <c r="NYE679" s="613"/>
      <c r="NYF679" s="613"/>
      <c r="NYG679" s="613"/>
      <c r="NYH679" s="613"/>
      <c r="NYI679" s="613"/>
      <c r="NYJ679" s="613"/>
      <c r="NYK679" s="613"/>
      <c r="NYL679" s="613"/>
      <c r="NYM679" s="613"/>
      <c r="NYN679" s="613"/>
      <c r="NYO679" s="613"/>
      <c r="NYP679" s="613"/>
      <c r="NYQ679" s="613"/>
      <c r="NYR679" s="613"/>
      <c r="NYS679" s="613"/>
      <c r="NYT679" s="613"/>
      <c r="NYU679" s="613"/>
      <c r="NYV679" s="613"/>
      <c r="NYW679" s="613"/>
      <c r="NYX679" s="613"/>
      <c r="NYY679" s="613"/>
      <c r="NYZ679" s="613"/>
      <c r="NZA679" s="613"/>
      <c r="NZB679" s="613"/>
      <c r="NZC679" s="613"/>
      <c r="NZD679" s="613"/>
      <c r="NZE679" s="613"/>
      <c r="NZF679" s="613"/>
      <c r="NZG679" s="613"/>
      <c r="NZH679" s="613"/>
      <c r="NZI679" s="613"/>
      <c r="NZJ679" s="613"/>
      <c r="NZK679" s="613"/>
      <c r="NZL679" s="613"/>
      <c r="NZM679" s="613"/>
      <c r="NZN679" s="613"/>
      <c r="NZO679" s="613"/>
      <c r="NZP679" s="613"/>
      <c r="NZQ679" s="613"/>
      <c r="NZR679" s="613"/>
      <c r="NZS679" s="613"/>
      <c r="NZT679" s="613"/>
      <c r="NZU679" s="613"/>
      <c r="NZV679" s="613"/>
      <c r="NZW679" s="613"/>
      <c r="NZX679" s="613"/>
      <c r="NZY679" s="613"/>
      <c r="NZZ679" s="613"/>
      <c r="OAA679" s="613"/>
      <c r="OAB679" s="613"/>
      <c r="OAC679" s="613"/>
      <c r="OAD679" s="613"/>
      <c r="OAE679" s="613"/>
      <c r="OAF679" s="613"/>
      <c r="OAG679" s="613"/>
      <c r="OAH679" s="613"/>
      <c r="OAI679" s="613"/>
      <c r="OAJ679" s="613"/>
      <c r="OAK679" s="613"/>
      <c r="OAL679" s="613"/>
      <c r="OAM679" s="613"/>
      <c r="OAN679" s="613"/>
      <c r="OAO679" s="613"/>
      <c r="OAP679" s="613"/>
      <c r="OAQ679" s="613"/>
      <c r="OAR679" s="613"/>
      <c r="OAS679" s="613"/>
      <c r="OAT679" s="613"/>
      <c r="OAU679" s="613"/>
      <c r="OAV679" s="613"/>
      <c r="OAW679" s="613"/>
      <c r="OAX679" s="613"/>
      <c r="OAY679" s="613"/>
      <c r="OAZ679" s="613"/>
      <c r="OBA679" s="613"/>
      <c r="OBB679" s="613"/>
      <c r="OBC679" s="613"/>
      <c r="OBD679" s="613"/>
      <c r="OBE679" s="613"/>
      <c r="OBF679" s="613"/>
      <c r="OBG679" s="613"/>
      <c r="OBH679" s="613"/>
      <c r="OBI679" s="613"/>
      <c r="OBJ679" s="613"/>
      <c r="OBK679" s="613"/>
      <c r="OBL679" s="613"/>
      <c r="OBM679" s="613"/>
      <c r="OBN679" s="613"/>
      <c r="OBO679" s="613"/>
      <c r="OBP679" s="613"/>
      <c r="OBQ679" s="613"/>
      <c r="OBR679" s="613"/>
      <c r="OBS679" s="613"/>
      <c r="OBT679" s="613"/>
      <c r="OBU679" s="613"/>
      <c r="OBV679" s="613"/>
      <c r="OBW679" s="613"/>
      <c r="OBX679" s="613"/>
      <c r="OBY679" s="613"/>
      <c r="OBZ679" s="613"/>
      <c r="OCA679" s="613"/>
      <c r="OCB679" s="613"/>
      <c r="OCC679" s="613"/>
      <c r="OCD679" s="613"/>
      <c r="OCE679" s="613"/>
      <c r="OCF679" s="613"/>
      <c r="OCG679" s="613"/>
      <c r="OCH679" s="613"/>
      <c r="OCI679" s="613"/>
      <c r="OCJ679" s="613"/>
      <c r="OCK679" s="613"/>
      <c r="OCL679" s="613"/>
      <c r="OCM679" s="613"/>
      <c r="OCN679" s="613"/>
      <c r="OCO679" s="613"/>
      <c r="OCP679" s="613"/>
      <c r="OCQ679" s="613"/>
      <c r="OCR679" s="613"/>
      <c r="OCS679" s="613"/>
      <c r="OCT679" s="613"/>
      <c r="OCU679" s="613"/>
      <c r="OCV679" s="613"/>
      <c r="OCW679" s="613"/>
      <c r="OCX679" s="613"/>
      <c r="OCY679" s="613"/>
      <c r="OCZ679" s="613"/>
      <c r="ODA679" s="613"/>
      <c r="ODB679" s="613"/>
      <c r="ODC679" s="613"/>
      <c r="ODD679" s="613"/>
      <c r="ODE679" s="613"/>
      <c r="ODF679" s="613"/>
      <c r="ODG679" s="613"/>
      <c r="ODH679" s="613"/>
      <c r="ODI679" s="613"/>
      <c r="ODJ679" s="613"/>
      <c r="ODK679" s="613"/>
      <c r="ODL679" s="613"/>
      <c r="ODM679" s="613"/>
      <c r="ODN679" s="613"/>
      <c r="ODO679" s="613"/>
      <c r="ODP679" s="613"/>
      <c r="ODQ679" s="613"/>
      <c r="ODR679" s="613"/>
      <c r="ODS679" s="613"/>
      <c r="ODT679" s="613"/>
      <c r="ODU679" s="613"/>
      <c r="ODV679" s="613"/>
      <c r="ODW679" s="613"/>
      <c r="ODX679" s="613"/>
      <c r="ODY679" s="613"/>
      <c r="ODZ679" s="613"/>
      <c r="OEA679" s="613"/>
      <c r="OEB679" s="613"/>
      <c r="OEC679" s="613"/>
      <c r="OED679" s="613"/>
      <c r="OEE679" s="613"/>
      <c r="OEF679" s="613"/>
      <c r="OEG679" s="613"/>
      <c r="OEH679" s="613"/>
      <c r="OEI679" s="613"/>
      <c r="OEJ679" s="613"/>
      <c r="OEK679" s="613"/>
      <c r="OEL679" s="613"/>
      <c r="OEM679" s="613"/>
      <c r="OEN679" s="613"/>
      <c r="OEO679" s="613"/>
      <c r="OEP679" s="613"/>
      <c r="OEQ679" s="613"/>
      <c r="OER679" s="613"/>
      <c r="OES679" s="613"/>
      <c r="OET679" s="613"/>
      <c r="OEU679" s="613"/>
      <c r="OEV679" s="613"/>
      <c r="OEW679" s="613"/>
      <c r="OEX679" s="613"/>
      <c r="OEY679" s="613"/>
      <c r="OEZ679" s="613"/>
      <c r="OFA679" s="613"/>
      <c r="OFB679" s="613"/>
      <c r="OFC679" s="613"/>
      <c r="OFD679" s="613"/>
      <c r="OFE679" s="613"/>
      <c r="OFF679" s="613"/>
      <c r="OFG679" s="613"/>
      <c r="OFH679" s="613"/>
      <c r="OFI679" s="613"/>
      <c r="OFJ679" s="613"/>
      <c r="OFK679" s="613"/>
      <c r="OFL679" s="613"/>
      <c r="OFM679" s="613"/>
      <c r="OFN679" s="613"/>
      <c r="OFO679" s="613"/>
      <c r="OFP679" s="613"/>
      <c r="OFQ679" s="613"/>
      <c r="OFR679" s="613"/>
      <c r="OFS679" s="613"/>
      <c r="OFT679" s="613"/>
      <c r="OFU679" s="613"/>
      <c r="OFV679" s="613"/>
      <c r="OFW679" s="613"/>
      <c r="OFX679" s="613"/>
      <c r="OFY679" s="613"/>
      <c r="OFZ679" s="613"/>
      <c r="OGA679" s="613"/>
      <c r="OGB679" s="613"/>
      <c r="OGC679" s="613"/>
      <c r="OGD679" s="613"/>
      <c r="OGE679" s="613"/>
      <c r="OGF679" s="613"/>
      <c r="OGG679" s="613"/>
      <c r="OGH679" s="613"/>
      <c r="OGI679" s="613"/>
      <c r="OGJ679" s="613"/>
      <c r="OGK679" s="613"/>
      <c r="OGL679" s="613"/>
      <c r="OGM679" s="613"/>
      <c r="OGN679" s="613"/>
      <c r="OGO679" s="613"/>
      <c r="OGP679" s="613"/>
      <c r="OGQ679" s="613"/>
      <c r="OGR679" s="613"/>
      <c r="OGS679" s="613"/>
      <c r="OGT679" s="613"/>
      <c r="OGU679" s="613"/>
      <c r="OGV679" s="613"/>
      <c r="OGW679" s="613"/>
      <c r="OGX679" s="613"/>
      <c r="OGY679" s="613"/>
      <c r="OGZ679" s="613"/>
      <c r="OHA679" s="613"/>
      <c r="OHB679" s="613"/>
      <c r="OHC679" s="613"/>
      <c r="OHD679" s="613"/>
      <c r="OHE679" s="613"/>
      <c r="OHF679" s="613"/>
      <c r="OHG679" s="613"/>
      <c r="OHH679" s="613"/>
      <c r="OHI679" s="613"/>
      <c r="OHJ679" s="613"/>
      <c r="OHK679" s="613"/>
      <c r="OHL679" s="613"/>
      <c r="OHM679" s="613"/>
      <c r="OHN679" s="613"/>
      <c r="OHO679" s="613"/>
      <c r="OHP679" s="613"/>
      <c r="OHQ679" s="613"/>
      <c r="OHR679" s="613"/>
      <c r="OHS679" s="613"/>
      <c r="OHT679" s="613"/>
      <c r="OHU679" s="613"/>
      <c r="OHV679" s="613"/>
      <c r="OHW679" s="613"/>
      <c r="OHX679" s="613"/>
      <c r="OHY679" s="613"/>
      <c r="OHZ679" s="613"/>
      <c r="OIA679" s="613"/>
      <c r="OIB679" s="613"/>
      <c r="OIC679" s="613"/>
      <c r="OID679" s="613"/>
      <c r="OIE679" s="613"/>
      <c r="OIF679" s="613"/>
      <c r="OIG679" s="613"/>
      <c r="OIH679" s="613"/>
      <c r="OII679" s="613"/>
      <c r="OIJ679" s="613"/>
      <c r="OIK679" s="613"/>
      <c r="OIL679" s="613"/>
      <c r="OIM679" s="613"/>
      <c r="OIN679" s="613"/>
      <c r="OIO679" s="613"/>
      <c r="OIP679" s="613"/>
      <c r="OIQ679" s="613"/>
      <c r="OIR679" s="613"/>
      <c r="OIS679" s="613"/>
      <c r="OIT679" s="613"/>
      <c r="OIU679" s="613"/>
      <c r="OIV679" s="613"/>
      <c r="OIW679" s="613"/>
      <c r="OIX679" s="613"/>
      <c r="OIY679" s="613"/>
      <c r="OIZ679" s="613"/>
      <c r="OJA679" s="613"/>
      <c r="OJB679" s="613"/>
      <c r="OJC679" s="613"/>
      <c r="OJD679" s="613"/>
      <c r="OJE679" s="613"/>
      <c r="OJF679" s="613"/>
      <c r="OJG679" s="613"/>
      <c r="OJH679" s="613"/>
      <c r="OJI679" s="613"/>
      <c r="OJJ679" s="613"/>
      <c r="OJK679" s="613"/>
      <c r="OJL679" s="613"/>
      <c r="OJM679" s="613"/>
      <c r="OJN679" s="613"/>
      <c r="OJO679" s="613"/>
      <c r="OJP679" s="613"/>
      <c r="OJQ679" s="613"/>
      <c r="OJR679" s="613"/>
      <c r="OJS679" s="613"/>
      <c r="OJT679" s="613"/>
      <c r="OJU679" s="613"/>
      <c r="OJV679" s="613"/>
      <c r="OJW679" s="613"/>
      <c r="OJX679" s="613"/>
      <c r="OJY679" s="613"/>
      <c r="OJZ679" s="613"/>
      <c r="OKA679" s="613"/>
      <c r="OKB679" s="613"/>
      <c r="OKC679" s="613"/>
      <c r="OKD679" s="613"/>
      <c r="OKE679" s="613"/>
      <c r="OKF679" s="613"/>
      <c r="OKG679" s="613"/>
      <c r="OKH679" s="613"/>
      <c r="OKI679" s="613"/>
      <c r="OKJ679" s="613"/>
      <c r="OKK679" s="613"/>
      <c r="OKL679" s="613"/>
      <c r="OKM679" s="613"/>
      <c r="OKN679" s="613"/>
      <c r="OKO679" s="613"/>
      <c r="OKP679" s="613"/>
      <c r="OKQ679" s="613"/>
      <c r="OKR679" s="613"/>
      <c r="OKS679" s="613"/>
      <c r="OKT679" s="613"/>
      <c r="OKU679" s="613"/>
      <c r="OKV679" s="613"/>
      <c r="OKW679" s="613"/>
      <c r="OKX679" s="613"/>
      <c r="OKY679" s="613"/>
      <c r="OKZ679" s="613"/>
      <c r="OLA679" s="613"/>
      <c r="OLB679" s="613"/>
      <c r="OLC679" s="613"/>
      <c r="OLD679" s="613"/>
      <c r="OLE679" s="613"/>
      <c r="OLF679" s="613"/>
      <c r="OLG679" s="613"/>
      <c r="OLH679" s="613"/>
      <c r="OLI679" s="613"/>
      <c r="OLJ679" s="613"/>
      <c r="OLK679" s="613"/>
      <c r="OLL679" s="613"/>
      <c r="OLM679" s="613"/>
      <c r="OLN679" s="613"/>
      <c r="OLO679" s="613"/>
      <c r="OLP679" s="613"/>
      <c r="OLQ679" s="613"/>
      <c r="OLR679" s="613"/>
      <c r="OLS679" s="613"/>
      <c r="OLT679" s="613"/>
      <c r="OLU679" s="613"/>
      <c r="OLV679" s="613"/>
      <c r="OLW679" s="613"/>
      <c r="OLX679" s="613"/>
      <c r="OLY679" s="613"/>
      <c r="OLZ679" s="613"/>
      <c r="OMA679" s="613"/>
      <c r="OMB679" s="613"/>
      <c r="OMC679" s="613"/>
      <c r="OMD679" s="613"/>
      <c r="OME679" s="613"/>
      <c r="OMF679" s="613"/>
      <c r="OMG679" s="613"/>
      <c r="OMH679" s="613"/>
      <c r="OMI679" s="613"/>
      <c r="OMJ679" s="613"/>
      <c r="OMK679" s="613"/>
      <c r="OML679" s="613"/>
      <c r="OMM679" s="613"/>
      <c r="OMN679" s="613"/>
      <c r="OMO679" s="613"/>
      <c r="OMP679" s="613"/>
      <c r="OMQ679" s="613"/>
      <c r="OMR679" s="613"/>
      <c r="OMS679" s="613"/>
      <c r="OMT679" s="613"/>
      <c r="OMU679" s="613"/>
      <c r="OMV679" s="613"/>
      <c r="OMW679" s="613"/>
      <c r="OMX679" s="613"/>
      <c r="OMY679" s="613"/>
      <c r="OMZ679" s="613"/>
      <c r="ONA679" s="613"/>
      <c r="ONB679" s="613"/>
      <c r="ONC679" s="613"/>
      <c r="OND679" s="613"/>
      <c r="ONE679" s="613"/>
      <c r="ONF679" s="613"/>
      <c r="ONG679" s="613"/>
      <c r="ONH679" s="613"/>
      <c r="ONI679" s="613"/>
      <c r="ONJ679" s="613"/>
      <c r="ONK679" s="613"/>
      <c r="ONL679" s="613"/>
      <c r="ONM679" s="613"/>
      <c r="ONN679" s="613"/>
      <c r="ONO679" s="613"/>
      <c r="ONP679" s="613"/>
      <c r="ONQ679" s="613"/>
      <c r="ONR679" s="613"/>
      <c r="ONS679" s="613"/>
      <c r="ONT679" s="613"/>
      <c r="ONU679" s="613"/>
      <c r="ONV679" s="613"/>
      <c r="ONW679" s="613"/>
      <c r="ONX679" s="613"/>
      <c r="ONY679" s="613"/>
      <c r="ONZ679" s="613"/>
      <c r="OOA679" s="613"/>
      <c r="OOB679" s="613"/>
      <c r="OOC679" s="613"/>
      <c r="OOD679" s="613"/>
      <c r="OOE679" s="613"/>
      <c r="OOF679" s="613"/>
      <c r="OOG679" s="613"/>
      <c r="OOH679" s="613"/>
      <c r="OOI679" s="613"/>
      <c r="OOJ679" s="613"/>
      <c r="OOK679" s="613"/>
      <c r="OOL679" s="613"/>
      <c r="OOM679" s="613"/>
      <c r="OON679" s="613"/>
      <c r="OOO679" s="613"/>
      <c r="OOP679" s="613"/>
      <c r="OOQ679" s="613"/>
      <c r="OOR679" s="613"/>
      <c r="OOS679" s="613"/>
      <c r="OOT679" s="613"/>
      <c r="OOU679" s="613"/>
      <c r="OOV679" s="613"/>
      <c r="OOW679" s="613"/>
      <c r="OOX679" s="613"/>
      <c r="OOY679" s="613"/>
      <c r="OOZ679" s="613"/>
      <c r="OPA679" s="613"/>
      <c r="OPB679" s="613"/>
      <c r="OPC679" s="613"/>
      <c r="OPD679" s="613"/>
      <c r="OPE679" s="613"/>
      <c r="OPF679" s="613"/>
      <c r="OPG679" s="613"/>
      <c r="OPH679" s="613"/>
      <c r="OPI679" s="613"/>
      <c r="OPJ679" s="613"/>
      <c r="OPK679" s="613"/>
      <c r="OPL679" s="613"/>
      <c r="OPM679" s="613"/>
      <c r="OPN679" s="613"/>
      <c r="OPO679" s="613"/>
      <c r="OPP679" s="613"/>
      <c r="OPQ679" s="613"/>
      <c r="OPR679" s="613"/>
      <c r="OPS679" s="613"/>
      <c r="OPT679" s="613"/>
      <c r="OPU679" s="613"/>
      <c r="OPV679" s="613"/>
      <c r="OPW679" s="613"/>
      <c r="OPX679" s="613"/>
      <c r="OPY679" s="613"/>
      <c r="OPZ679" s="613"/>
      <c r="OQA679" s="613"/>
      <c r="OQB679" s="613"/>
      <c r="OQC679" s="613"/>
      <c r="OQD679" s="613"/>
      <c r="OQE679" s="613"/>
      <c r="OQF679" s="613"/>
      <c r="OQG679" s="613"/>
      <c r="OQH679" s="613"/>
      <c r="OQI679" s="613"/>
      <c r="OQJ679" s="613"/>
      <c r="OQK679" s="613"/>
      <c r="OQL679" s="613"/>
      <c r="OQM679" s="613"/>
      <c r="OQN679" s="613"/>
      <c r="OQO679" s="613"/>
      <c r="OQP679" s="613"/>
      <c r="OQQ679" s="613"/>
      <c r="OQR679" s="613"/>
      <c r="OQS679" s="613"/>
      <c r="OQT679" s="613"/>
      <c r="OQU679" s="613"/>
      <c r="OQV679" s="613"/>
      <c r="OQW679" s="613"/>
      <c r="OQX679" s="613"/>
      <c r="OQY679" s="613"/>
      <c r="OQZ679" s="613"/>
      <c r="ORA679" s="613"/>
      <c r="ORB679" s="613"/>
      <c r="ORC679" s="613"/>
      <c r="ORD679" s="613"/>
      <c r="ORE679" s="613"/>
      <c r="ORF679" s="613"/>
      <c r="ORG679" s="613"/>
      <c r="ORH679" s="613"/>
      <c r="ORI679" s="613"/>
      <c r="ORJ679" s="613"/>
      <c r="ORK679" s="613"/>
      <c r="ORL679" s="613"/>
      <c r="ORM679" s="613"/>
      <c r="ORN679" s="613"/>
      <c r="ORO679" s="613"/>
      <c r="ORP679" s="613"/>
      <c r="ORQ679" s="613"/>
      <c r="ORR679" s="613"/>
      <c r="ORS679" s="613"/>
      <c r="ORT679" s="613"/>
      <c r="ORU679" s="613"/>
      <c r="ORV679" s="613"/>
      <c r="ORW679" s="613"/>
      <c r="ORX679" s="613"/>
      <c r="ORY679" s="613"/>
      <c r="ORZ679" s="613"/>
      <c r="OSA679" s="613"/>
      <c r="OSB679" s="613"/>
      <c r="OSC679" s="613"/>
      <c r="OSD679" s="613"/>
      <c r="OSE679" s="613"/>
      <c r="OSF679" s="613"/>
      <c r="OSG679" s="613"/>
      <c r="OSH679" s="613"/>
      <c r="OSI679" s="613"/>
      <c r="OSJ679" s="613"/>
      <c r="OSK679" s="613"/>
      <c r="OSL679" s="613"/>
      <c r="OSM679" s="613"/>
      <c r="OSN679" s="613"/>
      <c r="OSO679" s="613"/>
      <c r="OSP679" s="613"/>
      <c r="OSQ679" s="613"/>
      <c r="OSR679" s="613"/>
      <c r="OSS679" s="613"/>
      <c r="OST679" s="613"/>
      <c r="OSU679" s="613"/>
      <c r="OSV679" s="613"/>
      <c r="OSW679" s="613"/>
      <c r="OSX679" s="613"/>
      <c r="OSY679" s="613"/>
      <c r="OSZ679" s="613"/>
      <c r="OTA679" s="613"/>
      <c r="OTB679" s="613"/>
      <c r="OTC679" s="613"/>
      <c r="OTD679" s="613"/>
      <c r="OTE679" s="613"/>
      <c r="OTF679" s="613"/>
      <c r="OTG679" s="613"/>
      <c r="OTH679" s="613"/>
      <c r="OTI679" s="613"/>
      <c r="OTJ679" s="613"/>
      <c r="OTK679" s="613"/>
      <c r="OTL679" s="613"/>
      <c r="OTM679" s="613"/>
      <c r="OTN679" s="613"/>
      <c r="OTO679" s="613"/>
      <c r="OTP679" s="613"/>
      <c r="OTQ679" s="613"/>
      <c r="OTR679" s="613"/>
      <c r="OTS679" s="613"/>
      <c r="OTT679" s="613"/>
      <c r="OTU679" s="613"/>
      <c r="OTV679" s="613"/>
      <c r="OTW679" s="613"/>
      <c r="OTX679" s="613"/>
      <c r="OTY679" s="613"/>
      <c r="OTZ679" s="613"/>
      <c r="OUA679" s="613"/>
      <c r="OUB679" s="613"/>
      <c r="OUC679" s="613"/>
      <c r="OUD679" s="613"/>
      <c r="OUE679" s="613"/>
      <c r="OUF679" s="613"/>
      <c r="OUG679" s="613"/>
      <c r="OUH679" s="613"/>
      <c r="OUI679" s="613"/>
      <c r="OUJ679" s="613"/>
      <c r="OUK679" s="613"/>
      <c r="OUL679" s="613"/>
      <c r="OUM679" s="613"/>
      <c r="OUN679" s="613"/>
      <c r="OUO679" s="613"/>
      <c r="OUP679" s="613"/>
      <c r="OUQ679" s="613"/>
      <c r="OUR679" s="613"/>
      <c r="OUS679" s="613"/>
      <c r="OUT679" s="613"/>
      <c r="OUU679" s="613"/>
      <c r="OUV679" s="613"/>
      <c r="OUW679" s="613"/>
      <c r="OUX679" s="613"/>
      <c r="OUY679" s="613"/>
      <c r="OUZ679" s="613"/>
      <c r="OVA679" s="613"/>
      <c r="OVB679" s="613"/>
      <c r="OVC679" s="613"/>
      <c r="OVD679" s="613"/>
      <c r="OVE679" s="613"/>
      <c r="OVF679" s="613"/>
      <c r="OVG679" s="613"/>
      <c r="OVH679" s="613"/>
      <c r="OVI679" s="613"/>
      <c r="OVJ679" s="613"/>
      <c r="OVK679" s="613"/>
      <c r="OVL679" s="613"/>
      <c r="OVM679" s="613"/>
      <c r="OVN679" s="613"/>
      <c r="OVO679" s="613"/>
      <c r="OVP679" s="613"/>
      <c r="OVQ679" s="613"/>
      <c r="OVR679" s="613"/>
      <c r="OVS679" s="613"/>
      <c r="OVT679" s="613"/>
      <c r="OVU679" s="613"/>
      <c r="OVV679" s="613"/>
      <c r="OVW679" s="613"/>
      <c r="OVX679" s="613"/>
      <c r="OVY679" s="613"/>
      <c r="OVZ679" s="613"/>
      <c r="OWA679" s="613"/>
      <c r="OWB679" s="613"/>
      <c r="OWC679" s="613"/>
      <c r="OWD679" s="613"/>
      <c r="OWE679" s="613"/>
      <c r="OWF679" s="613"/>
      <c r="OWG679" s="613"/>
      <c r="OWH679" s="613"/>
      <c r="OWI679" s="613"/>
      <c r="OWJ679" s="613"/>
      <c r="OWK679" s="613"/>
      <c r="OWL679" s="613"/>
      <c r="OWM679" s="613"/>
      <c r="OWN679" s="613"/>
      <c r="OWO679" s="613"/>
      <c r="OWP679" s="613"/>
      <c r="OWQ679" s="613"/>
      <c r="OWR679" s="613"/>
      <c r="OWS679" s="613"/>
      <c r="OWT679" s="613"/>
      <c r="OWU679" s="613"/>
      <c r="OWV679" s="613"/>
      <c r="OWW679" s="613"/>
      <c r="OWX679" s="613"/>
      <c r="OWY679" s="613"/>
      <c r="OWZ679" s="613"/>
      <c r="OXA679" s="613"/>
      <c r="OXB679" s="613"/>
      <c r="OXC679" s="613"/>
      <c r="OXD679" s="613"/>
      <c r="OXE679" s="613"/>
      <c r="OXF679" s="613"/>
      <c r="OXG679" s="613"/>
      <c r="OXH679" s="613"/>
      <c r="OXI679" s="613"/>
      <c r="OXJ679" s="613"/>
      <c r="OXK679" s="613"/>
      <c r="OXL679" s="613"/>
      <c r="OXM679" s="613"/>
      <c r="OXN679" s="613"/>
      <c r="OXO679" s="613"/>
      <c r="OXP679" s="613"/>
      <c r="OXQ679" s="613"/>
      <c r="OXR679" s="613"/>
      <c r="OXS679" s="613"/>
      <c r="OXT679" s="613"/>
      <c r="OXU679" s="613"/>
      <c r="OXV679" s="613"/>
      <c r="OXW679" s="613"/>
      <c r="OXX679" s="613"/>
      <c r="OXY679" s="613"/>
      <c r="OXZ679" s="613"/>
      <c r="OYA679" s="613"/>
      <c r="OYB679" s="613"/>
      <c r="OYC679" s="613"/>
      <c r="OYD679" s="613"/>
      <c r="OYE679" s="613"/>
      <c r="OYF679" s="613"/>
      <c r="OYG679" s="613"/>
      <c r="OYH679" s="613"/>
      <c r="OYI679" s="613"/>
      <c r="OYJ679" s="613"/>
      <c r="OYK679" s="613"/>
      <c r="OYL679" s="613"/>
      <c r="OYM679" s="613"/>
      <c r="OYN679" s="613"/>
      <c r="OYO679" s="613"/>
      <c r="OYP679" s="613"/>
      <c r="OYQ679" s="613"/>
      <c r="OYR679" s="613"/>
      <c r="OYS679" s="613"/>
      <c r="OYT679" s="613"/>
      <c r="OYU679" s="613"/>
      <c r="OYV679" s="613"/>
      <c r="OYW679" s="613"/>
      <c r="OYX679" s="613"/>
      <c r="OYY679" s="613"/>
      <c r="OYZ679" s="613"/>
      <c r="OZA679" s="613"/>
      <c r="OZB679" s="613"/>
      <c r="OZC679" s="613"/>
      <c r="OZD679" s="613"/>
      <c r="OZE679" s="613"/>
      <c r="OZF679" s="613"/>
      <c r="OZG679" s="613"/>
      <c r="OZH679" s="613"/>
      <c r="OZI679" s="613"/>
      <c r="OZJ679" s="613"/>
      <c r="OZK679" s="613"/>
      <c r="OZL679" s="613"/>
      <c r="OZM679" s="613"/>
      <c r="OZN679" s="613"/>
      <c r="OZO679" s="613"/>
      <c r="OZP679" s="613"/>
      <c r="OZQ679" s="613"/>
      <c r="OZR679" s="613"/>
      <c r="OZS679" s="613"/>
      <c r="OZT679" s="613"/>
      <c r="OZU679" s="613"/>
      <c r="OZV679" s="613"/>
      <c r="OZW679" s="613"/>
      <c r="OZX679" s="613"/>
      <c r="OZY679" s="613"/>
      <c r="OZZ679" s="613"/>
      <c r="PAA679" s="613"/>
      <c r="PAB679" s="613"/>
      <c r="PAC679" s="613"/>
      <c r="PAD679" s="613"/>
      <c r="PAE679" s="613"/>
      <c r="PAF679" s="613"/>
      <c r="PAG679" s="613"/>
      <c r="PAH679" s="613"/>
      <c r="PAI679" s="613"/>
      <c r="PAJ679" s="613"/>
      <c r="PAK679" s="613"/>
      <c r="PAL679" s="613"/>
      <c r="PAM679" s="613"/>
      <c r="PAN679" s="613"/>
      <c r="PAO679" s="613"/>
      <c r="PAP679" s="613"/>
      <c r="PAQ679" s="613"/>
      <c r="PAR679" s="613"/>
      <c r="PAS679" s="613"/>
      <c r="PAT679" s="613"/>
      <c r="PAU679" s="613"/>
      <c r="PAV679" s="613"/>
      <c r="PAW679" s="613"/>
      <c r="PAX679" s="613"/>
      <c r="PAY679" s="613"/>
      <c r="PAZ679" s="613"/>
      <c r="PBA679" s="613"/>
      <c r="PBB679" s="613"/>
      <c r="PBC679" s="613"/>
      <c r="PBD679" s="613"/>
      <c r="PBE679" s="613"/>
      <c r="PBF679" s="613"/>
      <c r="PBG679" s="613"/>
      <c r="PBH679" s="613"/>
      <c r="PBI679" s="613"/>
      <c r="PBJ679" s="613"/>
      <c r="PBK679" s="613"/>
      <c r="PBL679" s="613"/>
      <c r="PBM679" s="613"/>
      <c r="PBN679" s="613"/>
      <c r="PBO679" s="613"/>
      <c r="PBP679" s="613"/>
      <c r="PBQ679" s="613"/>
      <c r="PBR679" s="613"/>
      <c r="PBS679" s="613"/>
      <c r="PBT679" s="613"/>
      <c r="PBU679" s="613"/>
      <c r="PBV679" s="613"/>
      <c r="PBW679" s="613"/>
      <c r="PBX679" s="613"/>
      <c r="PBY679" s="613"/>
      <c r="PBZ679" s="613"/>
      <c r="PCA679" s="613"/>
      <c r="PCB679" s="613"/>
      <c r="PCC679" s="613"/>
      <c r="PCD679" s="613"/>
      <c r="PCE679" s="613"/>
      <c r="PCF679" s="613"/>
      <c r="PCG679" s="613"/>
      <c r="PCH679" s="613"/>
      <c r="PCI679" s="613"/>
      <c r="PCJ679" s="613"/>
      <c r="PCK679" s="613"/>
      <c r="PCL679" s="613"/>
      <c r="PCM679" s="613"/>
      <c r="PCN679" s="613"/>
      <c r="PCO679" s="613"/>
      <c r="PCP679" s="613"/>
      <c r="PCQ679" s="613"/>
      <c r="PCR679" s="613"/>
      <c r="PCS679" s="613"/>
      <c r="PCT679" s="613"/>
      <c r="PCU679" s="613"/>
      <c r="PCV679" s="613"/>
      <c r="PCW679" s="613"/>
      <c r="PCX679" s="613"/>
      <c r="PCY679" s="613"/>
      <c r="PCZ679" s="613"/>
      <c r="PDA679" s="613"/>
      <c r="PDB679" s="613"/>
      <c r="PDC679" s="613"/>
      <c r="PDD679" s="613"/>
      <c r="PDE679" s="613"/>
      <c r="PDF679" s="613"/>
      <c r="PDG679" s="613"/>
      <c r="PDH679" s="613"/>
      <c r="PDI679" s="613"/>
      <c r="PDJ679" s="613"/>
      <c r="PDK679" s="613"/>
      <c r="PDL679" s="613"/>
      <c r="PDM679" s="613"/>
      <c r="PDN679" s="613"/>
      <c r="PDO679" s="613"/>
      <c r="PDP679" s="613"/>
      <c r="PDQ679" s="613"/>
      <c r="PDR679" s="613"/>
      <c r="PDS679" s="613"/>
      <c r="PDT679" s="613"/>
      <c r="PDU679" s="613"/>
      <c r="PDV679" s="613"/>
      <c r="PDW679" s="613"/>
      <c r="PDX679" s="613"/>
      <c r="PDY679" s="613"/>
      <c r="PDZ679" s="613"/>
      <c r="PEA679" s="613"/>
      <c r="PEB679" s="613"/>
      <c r="PEC679" s="613"/>
      <c r="PED679" s="613"/>
      <c r="PEE679" s="613"/>
      <c r="PEF679" s="613"/>
      <c r="PEG679" s="613"/>
      <c r="PEH679" s="613"/>
      <c r="PEI679" s="613"/>
      <c r="PEJ679" s="613"/>
      <c r="PEK679" s="613"/>
      <c r="PEL679" s="613"/>
      <c r="PEM679" s="613"/>
      <c r="PEN679" s="613"/>
      <c r="PEO679" s="613"/>
      <c r="PEP679" s="613"/>
      <c r="PEQ679" s="613"/>
      <c r="PER679" s="613"/>
      <c r="PES679" s="613"/>
      <c r="PET679" s="613"/>
      <c r="PEU679" s="613"/>
      <c r="PEV679" s="613"/>
      <c r="PEW679" s="613"/>
      <c r="PEX679" s="613"/>
      <c r="PEY679" s="613"/>
      <c r="PEZ679" s="613"/>
      <c r="PFA679" s="613"/>
      <c r="PFB679" s="613"/>
      <c r="PFC679" s="613"/>
      <c r="PFD679" s="613"/>
      <c r="PFE679" s="613"/>
      <c r="PFF679" s="613"/>
      <c r="PFG679" s="613"/>
      <c r="PFH679" s="613"/>
      <c r="PFI679" s="613"/>
      <c r="PFJ679" s="613"/>
      <c r="PFK679" s="613"/>
      <c r="PFL679" s="613"/>
      <c r="PFM679" s="613"/>
      <c r="PFN679" s="613"/>
      <c r="PFO679" s="613"/>
      <c r="PFP679" s="613"/>
      <c r="PFQ679" s="613"/>
      <c r="PFR679" s="613"/>
      <c r="PFS679" s="613"/>
      <c r="PFT679" s="613"/>
      <c r="PFU679" s="613"/>
      <c r="PFV679" s="613"/>
      <c r="PFW679" s="613"/>
      <c r="PFX679" s="613"/>
      <c r="PFY679" s="613"/>
      <c r="PFZ679" s="613"/>
      <c r="PGA679" s="613"/>
      <c r="PGB679" s="613"/>
      <c r="PGC679" s="613"/>
      <c r="PGD679" s="613"/>
      <c r="PGE679" s="613"/>
      <c r="PGF679" s="613"/>
      <c r="PGG679" s="613"/>
      <c r="PGH679" s="613"/>
      <c r="PGI679" s="613"/>
      <c r="PGJ679" s="613"/>
      <c r="PGK679" s="613"/>
      <c r="PGL679" s="613"/>
      <c r="PGM679" s="613"/>
      <c r="PGN679" s="613"/>
      <c r="PGO679" s="613"/>
      <c r="PGP679" s="613"/>
      <c r="PGQ679" s="613"/>
      <c r="PGR679" s="613"/>
      <c r="PGS679" s="613"/>
      <c r="PGT679" s="613"/>
      <c r="PGU679" s="613"/>
      <c r="PGV679" s="613"/>
      <c r="PGW679" s="613"/>
      <c r="PGX679" s="613"/>
      <c r="PGY679" s="613"/>
      <c r="PGZ679" s="613"/>
      <c r="PHA679" s="613"/>
      <c r="PHB679" s="613"/>
      <c r="PHC679" s="613"/>
      <c r="PHD679" s="613"/>
      <c r="PHE679" s="613"/>
      <c r="PHF679" s="613"/>
      <c r="PHG679" s="613"/>
      <c r="PHH679" s="613"/>
      <c r="PHI679" s="613"/>
      <c r="PHJ679" s="613"/>
      <c r="PHK679" s="613"/>
      <c r="PHL679" s="613"/>
      <c r="PHM679" s="613"/>
      <c r="PHN679" s="613"/>
      <c r="PHO679" s="613"/>
      <c r="PHP679" s="613"/>
      <c r="PHQ679" s="613"/>
      <c r="PHR679" s="613"/>
      <c r="PHS679" s="613"/>
      <c r="PHT679" s="613"/>
      <c r="PHU679" s="613"/>
      <c r="PHV679" s="613"/>
      <c r="PHW679" s="613"/>
      <c r="PHX679" s="613"/>
      <c r="PHY679" s="613"/>
      <c r="PHZ679" s="613"/>
      <c r="PIA679" s="613"/>
      <c r="PIB679" s="613"/>
      <c r="PIC679" s="613"/>
      <c r="PID679" s="613"/>
      <c r="PIE679" s="613"/>
      <c r="PIF679" s="613"/>
      <c r="PIG679" s="613"/>
      <c r="PIH679" s="613"/>
      <c r="PII679" s="613"/>
      <c r="PIJ679" s="613"/>
      <c r="PIK679" s="613"/>
      <c r="PIL679" s="613"/>
      <c r="PIM679" s="613"/>
      <c r="PIN679" s="613"/>
      <c r="PIO679" s="613"/>
      <c r="PIP679" s="613"/>
      <c r="PIQ679" s="613"/>
      <c r="PIR679" s="613"/>
      <c r="PIS679" s="613"/>
      <c r="PIT679" s="613"/>
      <c r="PIU679" s="613"/>
      <c r="PIV679" s="613"/>
      <c r="PIW679" s="613"/>
      <c r="PIX679" s="613"/>
      <c r="PIY679" s="613"/>
      <c r="PIZ679" s="613"/>
      <c r="PJA679" s="613"/>
      <c r="PJB679" s="613"/>
      <c r="PJC679" s="613"/>
      <c r="PJD679" s="613"/>
      <c r="PJE679" s="613"/>
      <c r="PJF679" s="613"/>
      <c r="PJG679" s="613"/>
      <c r="PJH679" s="613"/>
      <c r="PJI679" s="613"/>
      <c r="PJJ679" s="613"/>
      <c r="PJK679" s="613"/>
      <c r="PJL679" s="613"/>
      <c r="PJM679" s="613"/>
      <c r="PJN679" s="613"/>
      <c r="PJO679" s="613"/>
      <c r="PJP679" s="613"/>
      <c r="PJQ679" s="613"/>
      <c r="PJR679" s="613"/>
      <c r="PJS679" s="613"/>
      <c r="PJT679" s="613"/>
      <c r="PJU679" s="613"/>
      <c r="PJV679" s="613"/>
      <c r="PJW679" s="613"/>
      <c r="PJX679" s="613"/>
      <c r="PJY679" s="613"/>
      <c r="PJZ679" s="613"/>
      <c r="PKA679" s="613"/>
      <c r="PKB679" s="613"/>
      <c r="PKC679" s="613"/>
      <c r="PKD679" s="613"/>
      <c r="PKE679" s="613"/>
      <c r="PKF679" s="613"/>
      <c r="PKG679" s="613"/>
      <c r="PKH679" s="613"/>
      <c r="PKI679" s="613"/>
      <c r="PKJ679" s="613"/>
      <c r="PKK679" s="613"/>
      <c r="PKL679" s="613"/>
      <c r="PKM679" s="613"/>
      <c r="PKN679" s="613"/>
      <c r="PKO679" s="613"/>
      <c r="PKP679" s="613"/>
      <c r="PKQ679" s="613"/>
      <c r="PKR679" s="613"/>
      <c r="PKS679" s="613"/>
      <c r="PKT679" s="613"/>
      <c r="PKU679" s="613"/>
      <c r="PKV679" s="613"/>
      <c r="PKW679" s="613"/>
      <c r="PKX679" s="613"/>
      <c r="PKY679" s="613"/>
      <c r="PKZ679" s="613"/>
      <c r="PLA679" s="613"/>
      <c r="PLB679" s="613"/>
      <c r="PLC679" s="613"/>
      <c r="PLD679" s="613"/>
      <c r="PLE679" s="613"/>
      <c r="PLF679" s="613"/>
      <c r="PLG679" s="613"/>
      <c r="PLH679" s="613"/>
      <c r="PLI679" s="613"/>
      <c r="PLJ679" s="613"/>
      <c r="PLK679" s="613"/>
      <c r="PLL679" s="613"/>
      <c r="PLM679" s="613"/>
      <c r="PLN679" s="613"/>
      <c r="PLO679" s="613"/>
      <c r="PLP679" s="613"/>
      <c r="PLQ679" s="613"/>
      <c r="PLR679" s="613"/>
      <c r="PLS679" s="613"/>
      <c r="PLT679" s="613"/>
      <c r="PLU679" s="613"/>
      <c r="PLV679" s="613"/>
      <c r="PLW679" s="613"/>
      <c r="PLX679" s="613"/>
      <c r="PLY679" s="613"/>
      <c r="PLZ679" s="613"/>
      <c r="PMA679" s="613"/>
      <c r="PMB679" s="613"/>
      <c r="PMC679" s="613"/>
      <c r="PMD679" s="613"/>
      <c r="PME679" s="613"/>
      <c r="PMF679" s="613"/>
      <c r="PMG679" s="613"/>
      <c r="PMH679" s="613"/>
      <c r="PMI679" s="613"/>
      <c r="PMJ679" s="613"/>
      <c r="PMK679" s="613"/>
      <c r="PML679" s="613"/>
      <c r="PMM679" s="613"/>
      <c r="PMN679" s="613"/>
      <c r="PMO679" s="613"/>
      <c r="PMP679" s="613"/>
      <c r="PMQ679" s="613"/>
      <c r="PMR679" s="613"/>
      <c r="PMS679" s="613"/>
      <c r="PMT679" s="613"/>
      <c r="PMU679" s="613"/>
      <c r="PMV679" s="613"/>
      <c r="PMW679" s="613"/>
      <c r="PMX679" s="613"/>
      <c r="PMY679" s="613"/>
      <c r="PMZ679" s="613"/>
      <c r="PNA679" s="613"/>
      <c r="PNB679" s="613"/>
      <c r="PNC679" s="613"/>
      <c r="PND679" s="613"/>
      <c r="PNE679" s="613"/>
      <c r="PNF679" s="613"/>
      <c r="PNG679" s="613"/>
      <c r="PNH679" s="613"/>
      <c r="PNI679" s="613"/>
      <c r="PNJ679" s="613"/>
      <c r="PNK679" s="613"/>
      <c r="PNL679" s="613"/>
      <c r="PNM679" s="613"/>
      <c r="PNN679" s="613"/>
      <c r="PNO679" s="613"/>
      <c r="PNP679" s="613"/>
      <c r="PNQ679" s="613"/>
      <c r="PNR679" s="613"/>
      <c r="PNS679" s="613"/>
      <c r="PNT679" s="613"/>
      <c r="PNU679" s="613"/>
      <c r="PNV679" s="613"/>
      <c r="PNW679" s="613"/>
      <c r="PNX679" s="613"/>
      <c r="PNY679" s="613"/>
      <c r="PNZ679" s="613"/>
      <c r="POA679" s="613"/>
      <c r="POB679" s="613"/>
      <c r="POC679" s="613"/>
      <c r="POD679" s="613"/>
      <c r="POE679" s="613"/>
      <c r="POF679" s="613"/>
      <c r="POG679" s="613"/>
      <c r="POH679" s="613"/>
      <c r="POI679" s="613"/>
      <c r="POJ679" s="613"/>
      <c r="POK679" s="613"/>
      <c r="POL679" s="613"/>
      <c r="POM679" s="613"/>
      <c r="PON679" s="613"/>
      <c r="POO679" s="613"/>
      <c r="POP679" s="613"/>
      <c r="POQ679" s="613"/>
      <c r="POR679" s="613"/>
      <c r="POS679" s="613"/>
      <c r="POT679" s="613"/>
      <c r="POU679" s="613"/>
      <c r="POV679" s="613"/>
      <c r="POW679" s="613"/>
      <c r="POX679" s="613"/>
      <c r="POY679" s="613"/>
      <c r="POZ679" s="613"/>
      <c r="PPA679" s="613"/>
      <c r="PPB679" s="613"/>
      <c r="PPC679" s="613"/>
      <c r="PPD679" s="613"/>
      <c r="PPE679" s="613"/>
      <c r="PPF679" s="613"/>
      <c r="PPG679" s="613"/>
      <c r="PPH679" s="613"/>
      <c r="PPI679" s="613"/>
      <c r="PPJ679" s="613"/>
      <c r="PPK679" s="613"/>
      <c r="PPL679" s="613"/>
      <c r="PPM679" s="613"/>
      <c r="PPN679" s="613"/>
      <c r="PPO679" s="613"/>
      <c r="PPP679" s="613"/>
      <c r="PPQ679" s="613"/>
      <c r="PPR679" s="613"/>
      <c r="PPS679" s="613"/>
      <c r="PPT679" s="613"/>
      <c r="PPU679" s="613"/>
      <c r="PPV679" s="613"/>
      <c r="PPW679" s="613"/>
      <c r="PPX679" s="613"/>
      <c r="PPY679" s="613"/>
      <c r="PPZ679" s="613"/>
      <c r="PQA679" s="613"/>
      <c r="PQB679" s="613"/>
      <c r="PQC679" s="613"/>
      <c r="PQD679" s="613"/>
      <c r="PQE679" s="613"/>
      <c r="PQF679" s="613"/>
      <c r="PQG679" s="613"/>
      <c r="PQH679" s="613"/>
      <c r="PQI679" s="613"/>
      <c r="PQJ679" s="613"/>
      <c r="PQK679" s="613"/>
      <c r="PQL679" s="613"/>
      <c r="PQM679" s="613"/>
      <c r="PQN679" s="613"/>
      <c r="PQO679" s="613"/>
      <c r="PQP679" s="613"/>
      <c r="PQQ679" s="613"/>
      <c r="PQR679" s="613"/>
      <c r="PQS679" s="613"/>
      <c r="PQT679" s="613"/>
      <c r="PQU679" s="613"/>
      <c r="PQV679" s="613"/>
      <c r="PQW679" s="613"/>
      <c r="PQX679" s="613"/>
      <c r="PQY679" s="613"/>
      <c r="PQZ679" s="613"/>
      <c r="PRA679" s="613"/>
      <c r="PRB679" s="613"/>
      <c r="PRC679" s="613"/>
      <c r="PRD679" s="613"/>
      <c r="PRE679" s="613"/>
      <c r="PRF679" s="613"/>
      <c r="PRG679" s="613"/>
      <c r="PRH679" s="613"/>
      <c r="PRI679" s="613"/>
      <c r="PRJ679" s="613"/>
      <c r="PRK679" s="613"/>
      <c r="PRL679" s="613"/>
      <c r="PRM679" s="613"/>
      <c r="PRN679" s="613"/>
      <c r="PRO679" s="613"/>
      <c r="PRP679" s="613"/>
      <c r="PRQ679" s="613"/>
      <c r="PRR679" s="613"/>
      <c r="PRS679" s="613"/>
      <c r="PRT679" s="613"/>
      <c r="PRU679" s="613"/>
      <c r="PRV679" s="613"/>
      <c r="PRW679" s="613"/>
      <c r="PRX679" s="613"/>
      <c r="PRY679" s="613"/>
      <c r="PRZ679" s="613"/>
      <c r="PSA679" s="613"/>
      <c r="PSB679" s="613"/>
      <c r="PSC679" s="613"/>
      <c r="PSD679" s="613"/>
      <c r="PSE679" s="613"/>
      <c r="PSF679" s="613"/>
      <c r="PSG679" s="613"/>
      <c r="PSH679" s="613"/>
      <c r="PSI679" s="613"/>
      <c r="PSJ679" s="613"/>
      <c r="PSK679" s="613"/>
      <c r="PSL679" s="613"/>
      <c r="PSM679" s="613"/>
      <c r="PSN679" s="613"/>
      <c r="PSO679" s="613"/>
      <c r="PSP679" s="613"/>
      <c r="PSQ679" s="613"/>
      <c r="PSR679" s="613"/>
      <c r="PSS679" s="613"/>
      <c r="PST679" s="613"/>
      <c r="PSU679" s="613"/>
      <c r="PSV679" s="613"/>
      <c r="PSW679" s="613"/>
      <c r="PSX679" s="613"/>
      <c r="PSY679" s="613"/>
      <c r="PSZ679" s="613"/>
      <c r="PTA679" s="613"/>
      <c r="PTB679" s="613"/>
      <c r="PTC679" s="613"/>
      <c r="PTD679" s="613"/>
      <c r="PTE679" s="613"/>
      <c r="PTF679" s="613"/>
      <c r="PTG679" s="613"/>
      <c r="PTH679" s="613"/>
      <c r="PTI679" s="613"/>
      <c r="PTJ679" s="613"/>
      <c r="PTK679" s="613"/>
      <c r="PTL679" s="613"/>
      <c r="PTM679" s="613"/>
      <c r="PTN679" s="613"/>
      <c r="PTO679" s="613"/>
      <c r="PTP679" s="613"/>
      <c r="PTQ679" s="613"/>
      <c r="PTR679" s="613"/>
      <c r="PTS679" s="613"/>
      <c r="PTT679" s="613"/>
      <c r="PTU679" s="613"/>
      <c r="PTV679" s="613"/>
      <c r="PTW679" s="613"/>
      <c r="PTX679" s="613"/>
      <c r="PTY679" s="613"/>
      <c r="PTZ679" s="613"/>
      <c r="PUA679" s="613"/>
      <c r="PUB679" s="613"/>
      <c r="PUC679" s="613"/>
      <c r="PUD679" s="613"/>
      <c r="PUE679" s="613"/>
      <c r="PUF679" s="613"/>
      <c r="PUG679" s="613"/>
      <c r="PUH679" s="613"/>
      <c r="PUI679" s="613"/>
      <c r="PUJ679" s="613"/>
      <c r="PUK679" s="613"/>
      <c r="PUL679" s="613"/>
      <c r="PUM679" s="613"/>
      <c r="PUN679" s="613"/>
      <c r="PUO679" s="613"/>
      <c r="PUP679" s="613"/>
      <c r="PUQ679" s="613"/>
      <c r="PUR679" s="613"/>
      <c r="PUS679" s="613"/>
      <c r="PUT679" s="613"/>
      <c r="PUU679" s="613"/>
      <c r="PUV679" s="613"/>
      <c r="PUW679" s="613"/>
      <c r="PUX679" s="613"/>
      <c r="PUY679" s="613"/>
      <c r="PUZ679" s="613"/>
      <c r="PVA679" s="613"/>
      <c r="PVB679" s="613"/>
      <c r="PVC679" s="613"/>
      <c r="PVD679" s="613"/>
      <c r="PVE679" s="613"/>
      <c r="PVF679" s="613"/>
      <c r="PVG679" s="613"/>
      <c r="PVH679" s="613"/>
      <c r="PVI679" s="613"/>
      <c r="PVJ679" s="613"/>
      <c r="PVK679" s="613"/>
      <c r="PVL679" s="613"/>
      <c r="PVM679" s="613"/>
      <c r="PVN679" s="613"/>
      <c r="PVO679" s="613"/>
      <c r="PVP679" s="613"/>
      <c r="PVQ679" s="613"/>
      <c r="PVR679" s="613"/>
      <c r="PVS679" s="613"/>
      <c r="PVT679" s="613"/>
      <c r="PVU679" s="613"/>
      <c r="PVV679" s="613"/>
      <c r="PVW679" s="613"/>
      <c r="PVX679" s="613"/>
      <c r="PVY679" s="613"/>
      <c r="PVZ679" s="613"/>
      <c r="PWA679" s="613"/>
      <c r="PWB679" s="613"/>
      <c r="PWC679" s="613"/>
      <c r="PWD679" s="613"/>
      <c r="PWE679" s="613"/>
      <c r="PWF679" s="613"/>
      <c r="PWG679" s="613"/>
      <c r="PWH679" s="613"/>
      <c r="PWI679" s="613"/>
      <c r="PWJ679" s="613"/>
      <c r="PWK679" s="613"/>
      <c r="PWL679" s="613"/>
      <c r="PWM679" s="613"/>
      <c r="PWN679" s="613"/>
      <c r="PWO679" s="613"/>
      <c r="PWP679" s="613"/>
      <c r="PWQ679" s="613"/>
      <c r="PWR679" s="613"/>
      <c r="PWS679" s="613"/>
      <c r="PWT679" s="613"/>
      <c r="PWU679" s="613"/>
      <c r="PWV679" s="613"/>
      <c r="PWW679" s="613"/>
      <c r="PWX679" s="613"/>
      <c r="PWY679" s="613"/>
      <c r="PWZ679" s="613"/>
      <c r="PXA679" s="613"/>
      <c r="PXB679" s="613"/>
      <c r="PXC679" s="613"/>
      <c r="PXD679" s="613"/>
      <c r="PXE679" s="613"/>
      <c r="PXF679" s="613"/>
      <c r="PXG679" s="613"/>
      <c r="PXH679" s="613"/>
      <c r="PXI679" s="613"/>
      <c r="PXJ679" s="613"/>
      <c r="PXK679" s="613"/>
      <c r="PXL679" s="613"/>
      <c r="PXM679" s="613"/>
      <c r="PXN679" s="613"/>
      <c r="PXO679" s="613"/>
      <c r="PXP679" s="613"/>
      <c r="PXQ679" s="613"/>
      <c r="PXR679" s="613"/>
      <c r="PXS679" s="613"/>
      <c r="PXT679" s="613"/>
      <c r="PXU679" s="613"/>
      <c r="PXV679" s="613"/>
      <c r="PXW679" s="613"/>
      <c r="PXX679" s="613"/>
      <c r="PXY679" s="613"/>
      <c r="PXZ679" s="613"/>
      <c r="PYA679" s="613"/>
      <c r="PYB679" s="613"/>
      <c r="PYC679" s="613"/>
      <c r="PYD679" s="613"/>
      <c r="PYE679" s="613"/>
      <c r="PYF679" s="613"/>
      <c r="PYG679" s="613"/>
      <c r="PYH679" s="613"/>
      <c r="PYI679" s="613"/>
      <c r="PYJ679" s="613"/>
      <c r="PYK679" s="613"/>
      <c r="PYL679" s="613"/>
      <c r="PYM679" s="613"/>
      <c r="PYN679" s="613"/>
      <c r="PYO679" s="613"/>
      <c r="PYP679" s="613"/>
      <c r="PYQ679" s="613"/>
      <c r="PYR679" s="613"/>
      <c r="PYS679" s="613"/>
      <c r="PYT679" s="613"/>
      <c r="PYU679" s="613"/>
      <c r="PYV679" s="613"/>
      <c r="PYW679" s="613"/>
      <c r="PYX679" s="613"/>
      <c r="PYY679" s="613"/>
      <c r="PYZ679" s="613"/>
      <c r="PZA679" s="613"/>
      <c r="PZB679" s="613"/>
      <c r="PZC679" s="613"/>
      <c r="PZD679" s="613"/>
      <c r="PZE679" s="613"/>
      <c r="PZF679" s="613"/>
      <c r="PZG679" s="613"/>
      <c r="PZH679" s="613"/>
      <c r="PZI679" s="613"/>
      <c r="PZJ679" s="613"/>
      <c r="PZK679" s="613"/>
      <c r="PZL679" s="613"/>
      <c r="PZM679" s="613"/>
      <c r="PZN679" s="613"/>
      <c r="PZO679" s="613"/>
      <c r="PZP679" s="613"/>
      <c r="PZQ679" s="613"/>
      <c r="PZR679" s="613"/>
      <c r="PZS679" s="613"/>
      <c r="PZT679" s="613"/>
      <c r="PZU679" s="613"/>
      <c r="PZV679" s="613"/>
      <c r="PZW679" s="613"/>
      <c r="PZX679" s="613"/>
      <c r="PZY679" s="613"/>
      <c r="PZZ679" s="613"/>
      <c r="QAA679" s="613"/>
      <c r="QAB679" s="613"/>
      <c r="QAC679" s="613"/>
      <c r="QAD679" s="613"/>
      <c r="QAE679" s="613"/>
      <c r="QAF679" s="613"/>
      <c r="QAG679" s="613"/>
      <c r="QAH679" s="613"/>
      <c r="QAI679" s="613"/>
      <c r="QAJ679" s="613"/>
      <c r="QAK679" s="613"/>
      <c r="QAL679" s="613"/>
      <c r="QAM679" s="613"/>
      <c r="QAN679" s="613"/>
      <c r="QAO679" s="613"/>
      <c r="QAP679" s="613"/>
      <c r="QAQ679" s="613"/>
      <c r="QAR679" s="613"/>
      <c r="QAS679" s="613"/>
      <c r="QAT679" s="613"/>
      <c r="QAU679" s="613"/>
      <c r="QAV679" s="613"/>
      <c r="QAW679" s="613"/>
      <c r="QAX679" s="613"/>
      <c r="QAY679" s="613"/>
      <c r="QAZ679" s="613"/>
      <c r="QBA679" s="613"/>
      <c r="QBB679" s="613"/>
      <c r="QBC679" s="613"/>
      <c r="QBD679" s="613"/>
      <c r="QBE679" s="613"/>
      <c r="QBF679" s="613"/>
      <c r="QBG679" s="613"/>
      <c r="QBH679" s="613"/>
      <c r="QBI679" s="613"/>
      <c r="QBJ679" s="613"/>
      <c r="QBK679" s="613"/>
      <c r="QBL679" s="613"/>
      <c r="QBM679" s="613"/>
      <c r="QBN679" s="613"/>
      <c r="QBO679" s="613"/>
      <c r="QBP679" s="613"/>
      <c r="QBQ679" s="613"/>
      <c r="QBR679" s="613"/>
      <c r="QBS679" s="613"/>
      <c r="QBT679" s="613"/>
      <c r="QBU679" s="613"/>
      <c r="QBV679" s="613"/>
      <c r="QBW679" s="613"/>
      <c r="QBX679" s="613"/>
      <c r="QBY679" s="613"/>
      <c r="QBZ679" s="613"/>
      <c r="QCA679" s="613"/>
      <c r="QCB679" s="613"/>
      <c r="QCC679" s="613"/>
      <c r="QCD679" s="613"/>
      <c r="QCE679" s="613"/>
      <c r="QCF679" s="613"/>
      <c r="QCG679" s="613"/>
      <c r="QCH679" s="613"/>
      <c r="QCI679" s="613"/>
      <c r="QCJ679" s="613"/>
      <c r="QCK679" s="613"/>
      <c r="QCL679" s="613"/>
      <c r="QCM679" s="613"/>
      <c r="QCN679" s="613"/>
      <c r="QCO679" s="613"/>
      <c r="QCP679" s="613"/>
      <c r="QCQ679" s="613"/>
      <c r="QCR679" s="613"/>
      <c r="QCS679" s="613"/>
      <c r="QCT679" s="613"/>
      <c r="QCU679" s="613"/>
      <c r="QCV679" s="613"/>
      <c r="QCW679" s="613"/>
      <c r="QCX679" s="613"/>
      <c r="QCY679" s="613"/>
      <c r="QCZ679" s="613"/>
      <c r="QDA679" s="613"/>
      <c r="QDB679" s="613"/>
      <c r="QDC679" s="613"/>
      <c r="QDD679" s="613"/>
      <c r="QDE679" s="613"/>
      <c r="QDF679" s="613"/>
      <c r="QDG679" s="613"/>
      <c r="QDH679" s="613"/>
      <c r="QDI679" s="613"/>
      <c r="QDJ679" s="613"/>
      <c r="QDK679" s="613"/>
      <c r="QDL679" s="613"/>
      <c r="QDM679" s="613"/>
      <c r="QDN679" s="613"/>
      <c r="QDO679" s="613"/>
      <c r="QDP679" s="613"/>
      <c r="QDQ679" s="613"/>
      <c r="QDR679" s="613"/>
      <c r="QDS679" s="613"/>
      <c r="QDT679" s="613"/>
      <c r="QDU679" s="613"/>
      <c r="QDV679" s="613"/>
      <c r="QDW679" s="613"/>
      <c r="QDX679" s="613"/>
      <c r="QDY679" s="613"/>
      <c r="QDZ679" s="613"/>
      <c r="QEA679" s="613"/>
      <c r="QEB679" s="613"/>
      <c r="QEC679" s="613"/>
      <c r="QED679" s="613"/>
      <c r="QEE679" s="613"/>
      <c r="QEF679" s="613"/>
      <c r="QEG679" s="613"/>
      <c r="QEH679" s="613"/>
      <c r="QEI679" s="613"/>
      <c r="QEJ679" s="613"/>
      <c r="QEK679" s="613"/>
      <c r="QEL679" s="613"/>
      <c r="QEM679" s="613"/>
      <c r="QEN679" s="613"/>
      <c r="QEO679" s="613"/>
      <c r="QEP679" s="613"/>
      <c r="QEQ679" s="613"/>
      <c r="QER679" s="613"/>
      <c r="QES679" s="613"/>
      <c r="QET679" s="613"/>
      <c r="QEU679" s="613"/>
      <c r="QEV679" s="613"/>
      <c r="QEW679" s="613"/>
      <c r="QEX679" s="613"/>
      <c r="QEY679" s="613"/>
      <c r="QEZ679" s="613"/>
      <c r="QFA679" s="613"/>
      <c r="QFB679" s="613"/>
      <c r="QFC679" s="613"/>
      <c r="QFD679" s="613"/>
      <c r="QFE679" s="613"/>
      <c r="QFF679" s="613"/>
      <c r="QFG679" s="613"/>
      <c r="QFH679" s="613"/>
      <c r="QFI679" s="613"/>
      <c r="QFJ679" s="613"/>
      <c r="QFK679" s="613"/>
      <c r="QFL679" s="613"/>
      <c r="QFM679" s="613"/>
      <c r="QFN679" s="613"/>
      <c r="QFO679" s="613"/>
      <c r="QFP679" s="613"/>
      <c r="QFQ679" s="613"/>
      <c r="QFR679" s="613"/>
      <c r="QFS679" s="613"/>
      <c r="QFT679" s="613"/>
      <c r="QFU679" s="613"/>
      <c r="QFV679" s="613"/>
      <c r="QFW679" s="613"/>
      <c r="QFX679" s="613"/>
      <c r="QFY679" s="613"/>
      <c r="QFZ679" s="613"/>
      <c r="QGA679" s="613"/>
      <c r="QGB679" s="613"/>
      <c r="QGC679" s="613"/>
      <c r="QGD679" s="613"/>
      <c r="QGE679" s="613"/>
      <c r="QGF679" s="613"/>
      <c r="QGG679" s="613"/>
      <c r="QGH679" s="613"/>
      <c r="QGI679" s="613"/>
      <c r="QGJ679" s="613"/>
      <c r="QGK679" s="613"/>
      <c r="QGL679" s="613"/>
      <c r="QGM679" s="613"/>
      <c r="QGN679" s="613"/>
      <c r="QGO679" s="613"/>
      <c r="QGP679" s="613"/>
      <c r="QGQ679" s="613"/>
      <c r="QGR679" s="613"/>
      <c r="QGS679" s="613"/>
      <c r="QGT679" s="613"/>
      <c r="QGU679" s="613"/>
      <c r="QGV679" s="613"/>
      <c r="QGW679" s="613"/>
      <c r="QGX679" s="613"/>
      <c r="QGY679" s="613"/>
      <c r="QGZ679" s="613"/>
      <c r="QHA679" s="613"/>
      <c r="QHB679" s="613"/>
      <c r="QHC679" s="613"/>
      <c r="QHD679" s="613"/>
      <c r="QHE679" s="613"/>
      <c r="QHF679" s="613"/>
      <c r="QHG679" s="613"/>
      <c r="QHH679" s="613"/>
      <c r="QHI679" s="613"/>
      <c r="QHJ679" s="613"/>
      <c r="QHK679" s="613"/>
      <c r="QHL679" s="613"/>
      <c r="QHM679" s="613"/>
      <c r="QHN679" s="613"/>
      <c r="QHO679" s="613"/>
      <c r="QHP679" s="613"/>
      <c r="QHQ679" s="613"/>
      <c r="QHR679" s="613"/>
      <c r="QHS679" s="613"/>
      <c r="QHT679" s="613"/>
      <c r="QHU679" s="613"/>
      <c r="QHV679" s="613"/>
      <c r="QHW679" s="613"/>
      <c r="QHX679" s="613"/>
      <c r="QHY679" s="613"/>
      <c r="QHZ679" s="613"/>
      <c r="QIA679" s="613"/>
      <c r="QIB679" s="613"/>
      <c r="QIC679" s="613"/>
      <c r="QID679" s="613"/>
      <c r="QIE679" s="613"/>
      <c r="QIF679" s="613"/>
      <c r="QIG679" s="613"/>
      <c r="QIH679" s="613"/>
      <c r="QII679" s="613"/>
      <c r="QIJ679" s="613"/>
      <c r="QIK679" s="613"/>
      <c r="QIL679" s="613"/>
      <c r="QIM679" s="613"/>
      <c r="QIN679" s="613"/>
      <c r="QIO679" s="613"/>
      <c r="QIP679" s="613"/>
      <c r="QIQ679" s="613"/>
      <c r="QIR679" s="613"/>
      <c r="QIS679" s="613"/>
      <c r="QIT679" s="613"/>
      <c r="QIU679" s="613"/>
      <c r="QIV679" s="613"/>
      <c r="QIW679" s="613"/>
      <c r="QIX679" s="613"/>
      <c r="QIY679" s="613"/>
      <c r="QIZ679" s="613"/>
      <c r="QJA679" s="613"/>
      <c r="QJB679" s="613"/>
      <c r="QJC679" s="613"/>
      <c r="QJD679" s="613"/>
      <c r="QJE679" s="613"/>
      <c r="QJF679" s="613"/>
      <c r="QJG679" s="613"/>
      <c r="QJH679" s="613"/>
      <c r="QJI679" s="613"/>
      <c r="QJJ679" s="613"/>
      <c r="QJK679" s="613"/>
      <c r="QJL679" s="613"/>
      <c r="QJM679" s="613"/>
      <c r="QJN679" s="613"/>
      <c r="QJO679" s="613"/>
      <c r="QJP679" s="613"/>
      <c r="QJQ679" s="613"/>
      <c r="QJR679" s="613"/>
      <c r="QJS679" s="613"/>
      <c r="QJT679" s="613"/>
      <c r="QJU679" s="613"/>
      <c r="QJV679" s="613"/>
      <c r="QJW679" s="613"/>
      <c r="QJX679" s="613"/>
      <c r="QJY679" s="613"/>
      <c r="QJZ679" s="613"/>
      <c r="QKA679" s="613"/>
      <c r="QKB679" s="613"/>
      <c r="QKC679" s="613"/>
      <c r="QKD679" s="613"/>
      <c r="QKE679" s="613"/>
      <c r="QKF679" s="613"/>
      <c r="QKG679" s="613"/>
      <c r="QKH679" s="613"/>
      <c r="QKI679" s="613"/>
      <c r="QKJ679" s="613"/>
      <c r="QKK679" s="613"/>
      <c r="QKL679" s="613"/>
      <c r="QKM679" s="613"/>
      <c r="QKN679" s="613"/>
      <c r="QKO679" s="613"/>
      <c r="QKP679" s="613"/>
      <c r="QKQ679" s="613"/>
      <c r="QKR679" s="613"/>
      <c r="QKS679" s="613"/>
      <c r="QKT679" s="613"/>
      <c r="QKU679" s="613"/>
      <c r="QKV679" s="613"/>
      <c r="QKW679" s="613"/>
      <c r="QKX679" s="613"/>
      <c r="QKY679" s="613"/>
      <c r="QKZ679" s="613"/>
      <c r="QLA679" s="613"/>
      <c r="QLB679" s="613"/>
      <c r="QLC679" s="613"/>
      <c r="QLD679" s="613"/>
      <c r="QLE679" s="613"/>
      <c r="QLF679" s="613"/>
      <c r="QLG679" s="613"/>
      <c r="QLH679" s="613"/>
      <c r="QLI679" s="613"/>
      <c r="QLJ679" s="613"/>
      <c r="QLK679" s="613"/>
      <c r="QLL679" s="613"/>
      <c r="QLM679" s="613"/>
      <c r="QLN679" s="613"/>
      <c r="QLO679" s="613"/>
      <c r="QLP679" s="613"/>
      <c r="QLQ679" s="613"/>
      <c r="QLR679" s="613"/>
      <c r="QLS679" s="613"/>
      <c r="QLT679" s="613"/>
      <c r="QLU679" s="613"/>
      <c r="QLV679" s="613"/>
      <c r="QLW679" s="613"/>
      <c r="QLX679" s="613"/>
      <c r="QLY679" s="613"/>
      <c r="QLZ679" s="613"/>
      <c r="QMA679" s="613"/>
      <c r="QMB679" s="613"/>
      <c r="QMC679" s="613"/>
      <c r="QMD679" s="613"/>
      <c r="QME679" s="613"/>
      <c r="QMF679" s="613"/>
      <c r="QMG679" s="613"/>
      <c r="QMH679" s="613"/>
      <c r="QMI679" s="613"/>
      <c r="QMJ679" s="613"/>
      <c r="QMK679" s="613"/>
      <c r="QML679" s="613"/>
      <c r="QMM679" s="613"/>
      <c r="QMN679" s="613"/>
      <c r="QMO679" s="613"/>
      <c r="QMP679" s="613"/>
      <c r="QMQ679" s="613"/>
      <c r="QMR679" s="613"/>
      <c r="QMS679" s="613"/>
      <c r="QMT679" s="613"/>
      <c r="QMU679" s="613"/>
      <c r="QMV679" s="613"/>
      <c r="QMW679" s="613"/>
      <c r="QMX679" s="613"/>
      <c r="QMY679" s="613"/>
      <c r="QMZ679" s="613"/>
      <c r="QNA679" s="613"/>
      <c r="QNB679" s="613"/>
      <c r="QNC679" s="613"/>
      <c r="QND679" s="613"/>
      <c r="QNE679" s="613"/>
      <c r="QNF679" s="613"/>
      <c r="QNG679" s="613"/>
      <c r="QNH679" s="613"/>
      <c r="QNI679" s="613"/>
      <c r="QNJ679" s="613"/>
      <c r="QNK679" s="613"/>
      <c r="QNL679" s="613"/>
      <c r="QNM679" s="613"/>
      <c r="QNN679" s="613"/>
      <c r="QNO679" s="613"/>
      <c r="QNP679" s="613"/>
      <c r="QNQ679" s="613"/>
      <c r="QNR679" s="613"/>
      <c r="QNS679" s="613"/>
      <c r="QNT679" s="613"/>
      <c r="QNU679" s="613"/>
      <c r="QNV679" s="613"/>
      <c r="QNW679" s="613"/>
      <c r="QNX679" s="613"/>
      <c r="QNY679" s="613"/>
      <c r="QNZ679" s="613"/>
      <c r="QOA679" s="613"/>
      <c r="QOB679" s="613"/>
      <c r="QOC679" s="613"/>
      <c r="QOD679" s="613"/>
      <c r="QOE679" s="613"/>
      <c r="QOF679" s="613"/>
      <c r="QOG679" s="613"/>
      <c r="QOH679" s="613"/>
      <c r="QOI679" s="613"/>
      <c r="QOJ679" s="613"/>
      <c r="QOK679" s="613"/>
      <c r="QOL679" s="613"/>
      <c r="QOM679" s="613"/>
      <c r="QON679" s="613"/>
      <c r="QOO679" s="613"/>
      <c r="QOP679" s="613"/>
      <c r="QOQ679" s="613"/>
      <c r="QOR679" s="613"/>
      <c r="QOS679" s="613"/>
      <c r="QOT679" s="613"/>
      <c r="QOU679" s="613"/>
      <c r="QOV679" s="613"/>
      <c r="QOW679" s="613"/>
      <c r="QOX679" s="613"/>
      <c r="QOY679" s="613"/>
      <c r="QOZ679" s="613"/>
      <c r="QPA679" s="613"/>
      <c r="QPB679" s="613"/>
      <c r="QPC679" s="613"/>
      <c r="QPD679" s="613"/>
      <c r="QPE679" s="613"/>
      <c r="QPF679" s="613"/>
      <c r="QPG679" s="613"/>
      <c r="QPH679" s="613"/>
      <c r="QPI679" s="613"/>
      <c r="QPJ679" s="613"/>
      <c r="QPK679" s="613"/>
      <c r="QPL679" s="613"/>
      <c r="QPM679" s="613"/>
      <c r="QPN679" s="613"/>
      <c r="QPO679" s="613"/>
      <c r="QPP679" s="613"/>
      <c r="QPQ679" s="613"/>
      <c r="QPR679" s="613"/>
      <c r="QPS679" s="613"/>
      <c r="QPT679" s="613"/>
      <c r="QPU679" s="613"/>
      <c r="QPV679" s="613"/>
      <c r="QPW679" s="613"/>
      <c r="QPX679" s="613"/>
      <c r="QPY679" s="613"/>
      <c r="QPZ679" s="613"/>
      <c r="QQA679" s="613"/>
      <c r="QQB679" s="613"/>
      <c r="QQC679" s="613"/>
      <c r="QQD679" s="613"/>
      <c r="QQE679" s="613"/>
      <c r="QQF679" s="613"/>
      <c r="QQG679" s="613"/>
      <c r="QQH679" s="613"/>
      <c r="QQI679" s="613"/>
      <c r="QQJ679" s="613"/>
      <c r="QQK679" s="613"/>
      <c r="QQL679" s="613"/>
      <c r="QQM679" s="613"/>
      <c r="QQN679" s="613"/>
      <c r="QQO679" s="613"/>
      <c r="QQP679" s="613"/>
      <c r="QQQ679" s="613"/>
      <c r="QQR679" s="613"/>
      <c r="QQS679" s="613"/>
      <c r="QQT679" s="613"/>
      <c r="QQU679" s="613"/>
      <c r="QQV679" s="613"/>
      <c r="QQW679" s="613"/>
      <c r="QQX679" s="613"/>
      <c r="QQY679" s="613"/>
      <c r="QQZ679" s="613"/>
      <c r="QRA679" s="613"/>
      <c r="QRB679" s="613"/>
      <c r="QRC679" s="613"/>
      <c r="QRD679" s="613"/>
      <c r="QRE679" s="613"/>
      <c r="QRF679" s="613"/>
      <c r="QRG679" s="613"/>
      <c r="QRH679" s="613"/>
      <c r="QRI679" s="613"/>
      <c r="QRJ679" s="613"/>
      <c r="QRK679" s="613"/>
      <c r="QRL679" s="613"/>
      <c r="QRM679" s="613"/>
      <c r="QRN679" s="613"/>
      <c r="QRO679" s="613"/>
      <c r="QRP679" s="613"/>
      <c r="QRQ679" s="613"/>
      <c r="QRR679" s="613"/>
      <c r="QRS679" s="613"/>
      <c r="QRT679" s="613"/>
      <c r="QRU679" s="613"/>
      <c r="QRV679" s="613"/>
      <c r="QRW679" s="613"/>
      <c r="QRX679" s="613"/>
      <c r="QRY679" s="613"/>
      <c r="QRZ679" s="613"/>
      <c r="QSA679" s="613"/>
      <c r="QSB679" s="613"/>
      <c r="QSC679" s="613"/>
      <c r="QSD679" s="613"/>
      <c r="QSE679" s="613"/>
      <c r="QSF679" s="613"/>
      <c r="QSG679" s="613"/>
      <c r="QSH679" s="613"/>
      <c r="QSI679" s="613"/>
      <c r="QSJ679" s="613"/>
      <c r="QSK679" s="613"/>
      <c r="QSL679" s="613"/>
      <c r="QSM679" s="613"/>
      <c r="QSN679" s="613"/>
      <c r="QSO679" s="613"/>
      <c r="QSP679" s="613"/>
      <c r="QSQ679" s="613"/>
      <c r="QSR679" s="613"/>
      <c r="QSS679" s="613"/>
      <c r="QST679" s="613"/>
      <c r="QSU679" s="613"/>
      <c r="QSV679" s="613"/>
      <c r="QSW679" s="613"/>
      <c r="QSX679" s="613"/>
      <c r="QSY679" s="613"/>
      <c r="QSZ679" s="613"/>
      <c r="QTA679" s="613"/>
      <c r="QTB679" s="613"/>
      <c r="QTC679" s="613"/>
      <c r="QTD679" s="613"/>
      <c r="QTE679" s="613"/>
      <c r="QTF679" s="613"/>
      <c r="QTG679" s="613"/>
      <c r="QTH679" s="613"/>
      <c r="QTI679" s="613"/>
      <c r="QTJ679" s="613"/>
      <c r="QTK679" s="613"/>
      <c r="QTL679" s="613"/>
      <c r="QTM679" s="613"/>
      <c r="QTN679" s="613"/>
      <c r="QTO679" s="613"/>
      <c r="QTP679" s="613"/>
      <c r="QTQ679" s="613"/>
      <c r="QTR679" s="613"/>
      <c r="QTS679" s="613"/>
      <c r="QTT679" s="613"/>
      <c r="QTU679" s="613"/>
      <c r="QTV679" s="613"/>
      <c r="QTW679" s="613"/>
      <c r="QTX679" s="613"/>
      <c r="QTY679" s="613"/>
      <c r="QTZ679" s="613"/>
      <c r="QUA679" s="613"/>
      <c r="QUB679" s="613"/>
      <c r="QUC679" s="613"/>
      <c r="QUD679" s="613"/>
      <c r="QUE679" s="613"/>
      <c r="QUF679" s="613"/>
      <c r="QUG679" s="613"/>
      <c r="QUH679" s="613"/>
      <c r="QUI679" s="613"/>
      <c r="QUJ679" s="613"/>
      <c r="QUK679" s="613"/>
      <c r="QUL679" s="613"/>
      <c r="QUM679" s="613"/>
      <c r="QUN679" s="613"/>
      <c r="QUO679" s="613"/>
      <c r="QUP679" s="613"/>
      <c r="QUQ679" s="613"/>
      <c r="QUR679" s="613"/>
      <c r="QUS679" s="613"/>
      <c r="QUT679" s="613"/>
      <c r="QUU679" s="613"/>
      <c r="QUV679" s="613"/>
      <c r="QUW679" s="613"/>
      <c r="QUX679" s="613"/>
      <c r="QUY679" s="613"/>
      <c r="QUZ679" s="613"/>
      <c r="QVA679" s="613"/>
      <c r="QVB679" s="613"/>
      <c r="QVC679" s="613"/>
      <c r="QVD679" s="613"/>
      <c r="QVE679" s="613"/>
      <c r="QVF679" s="613"/>
      <c r="QVG679" s="613"/>
      <c r="QVH679" s="613"/>
      <c r="QVI679" s="613"/>
      <c r="QVJ679" s="613"/>
      <c r="QVK679" s="613"/>
      <c r="QVL679" s="613"/>
      <c r="QVM679" s="613"/>
      <c r="QVN679" s="613"/>
      <c r="QVO679" s="613"/>
      <c r="QVP679" s="613"/>
      <c r="QVQ679" s="613"/>
      <c r="QVR679" s="613"/>
      <c r="QVS679" s="613"/>
      <c r="QVT679" s="613"/>
      <c r="QVU679" s="613"/>
      <c r="QVV679" s="613"/>
      <c r="QVW679" s="613"/>
      <c r="QVX679" s="613"/>
      <c r="QVY679" s="613"/>
      <c r="QVZ679" s="613"/>
      <c r="QWA679" s="613"/>
      <c r="QWB679" s="613"/>
      <c r="QWC679" s="613"/>
      <c r="QWD679" s="613"/>
      <c r="QWE679" s="613"/>
      <c r="QWF679" s="613"/>
      <c r="QWG679" s="613"/>
      <c r="QWH679" s="613"/>
      <c r="QWI679" s="613"/>
      <c r="QWJ679" s="613"/>
      <c r="QWK679" s="613"/>
      <c r="QWL679" s="613"/>
      <c r="QWM679" s="613"/>
      <c r="QWN679" s="613"/>
      <c r="QWO679" s="613"/>
      <c r="QWP679" s="613"/>
      <c r="QWQ679" s="613"/>
      <c r="QWR679" s="613"/>
      <c r="QWS679" s="613"/>
      <c r="QWT679" s="613"/>
      <c r="QWU679" s="613"/>
      <c r="QWV679" s="613"/>
      <c r="QWW679" s="613"/>
      <c r="QWX679" s="613"/>
      <c r="QWY679" s="613"/>
      <c r="QWZ679" s="613"/>
      <c r="QXA679" s="613"/>
      <c r="QXB679" s="613"/>
      <c r="QXC679" s="613"/>
      <c r="QXD679" s="613"/>
      <c r="QXE679" s="613"/>
      <c r="QXF679" s="613"/>
      <c r="QXG679" s="613"/>
      <c r="QXH679" s="613"/>
      <c r="QXI679" s="613"/>
      <c r="QXJ679" s="613"/>
      <c r="QXK679" s="613"/>
      <c r="QXL679" s="613"/>
      <c r="QXM679" s="613"/>
      <c r="QXN679" s="613"/>
      <c r="QXO679" s="613"/>
      <c r="QXP679" s="613"/>
      <c r="QXQ679" s="613"/>
      <c r="QXR679" s="613"/>
      <c r="QXS679" s="613"/>
      <c r="QXT679" s="613"/>
      <c r="QXU679" s="613"/>
      <c r="QXV679" s="613"/>
      <c r="QXW679" s="613"/>
      <c r="QXX679" s="613"/>
      <c r="QXY679" s="613"/>
      <c r="QXZ679" s="613"/>
      <c r="QYA679" s="613"/>
      <c r="QYB679" s="613"/>
      <c r="QYC679" s="613"/>
      <c r="QYD679" s="613"/>
      <c r="QYE679" s="613"/>
      <c r="QYF679" s="613"/>
      <c r="QYG679" s="613"/>
      <c r="QYH679" s="613"/>
      <c r="QYI679" s="613"/>
      <c r="QYJ679" s="613"/>
      <c r="QYK679" s="613"/>
      <c r="QYL679" s="613"/>
      <c r="QYM679" s="613"/>
      <c r="QYN679" s="613"/>
      <c r="QYO679" s="613"/>
      <c r="QYP679" s="613"/>
      <c r="QYQ679" s="613"/>
      <c r="QYR679" s="613"/>
      <c r="QYS679" s="613"/>
      <c r="QYT679" s="613"/>
      <c r="QYU679" s="613"/>
      <c r="QYV679" s="613"/>
      <c r="QYW679" s="613"/>
      <c r="QYX679" s="613"/>
      <c r="QYY679" s="613"/>
      <c r="QYZ679" s="613"/>
      <c r="QZA679" s="613"/>
      <c r="QZB679" s="613"/>
      <c r="QZC679" s="613"/>
      <c r="QZD679" s="613"/>
      <c r="QZE679" s="613"/>
      <c r="QZF679" s="613"/>
      <c r="QZG679" s="613"/>
      <c r="QZH679" s="613"/>
      <c r="QZI679" s="613"/>
      <c r="QZJ679" s="613"/>
      <c r="QZK679" s="613"/>
      <c r="QZL679" s="613"/>
      <c r="QZM679" s="613"/>
      <c r="QZN679" s="613"/>
      <c r="QZO679" s="613"/>
      <c r="QZP679" s="613"/>
      <c r="QZQ679" s="613"/>
      <c r="QZR679" s="613"/>
      <c r="QZS679" s="613"/>
      <c r="QZT679" s="613"/>
      <c r="QZU679" s="613"/>
      <c r="QZV679" s="613"/>
      <c r="QZW679" s="613"/>
      <c r="QZX679" s="613"/>
      <c r="QZY679" s="613"/>
      <c r="QZZ679" s="613"/>
      <c r="RAA679" s="613"/>
      <c r="RAB679" s="613"/>
      <c r="RAC679" s="613"/>
      <c r="RAD679" s="613"/>
      <c r="RAE679" s="613"/>
      <c r="RAF679" s="613"/>
      <c r="RAG679" s="613"/>
      <c r="RAH679" s="613"/>
      <c r="RAI679" s="613"/>
      <c r="RAJ679" s="613"/>
      <c r="RAK679" s="613"/>
      <c r="RAL679" s="613"/>
      <c r="RAM679" s="613"/>
      <c r="RAN679" s="613"/>
      <c r="RAO679" s="613"/>
      <c r="RAP679" s="613"/>
      <c r="RAQ679" s="613"/>
      <c r="RAR679" s="613"/>
      <c r="RAS679" s="613"/>
      <c r="RAT679" s="613"/>
      <c r="RAU679" s="613"/>
      <c r="RAV679" s="613"/>
      <c r="RAW679" s="613"/>
      <c r="RAX679" s="613"/>
      <c r="RAY679" s="613"/>
      <c r="RAZ679" s="613"/>
      <c r="RBA679" s="613"/>
      <c r="RBB679" s="613"/>
      <c r="RBC679" s="613"/>
      <c r="RBD679" s="613"/>
      <c r="RBE679" s="613"/>
      <c r="RBF679" s="613"/>
      <c r="RBG679" s="613"/>
      <c r="RBH679" s="613"/>
      <c r="RBI679" s="613"/>
      <c r="RBJ679" s="613"/>
      <c r="RBK679" s="613"/>
      <c r="RBL679" s="613"/>
      <c r="RBM679" s="613"/>
      <c r="RBN679" s="613"/>
      <c r="RBO679" s="613"/>
      <c r="RBP679" s="613"/>
      <c r="RBQ679" s="613"/>
      <c r="RBR679" s="613"/>
      <c r="RBS679" s="613"/>
      <c r="RBT679" s="613"/>
      <c r="RBU679" s="613"/>
      <c r="RBV679" s="613"/>
      <c r="RBW679" s="613"/>
      <c r="RBX679" s="613"/>
      <c r="RBY679" s="613"/>
      <c r="RBZ679" s="613"/>
      <c r="RCA679" s="613"/>
      <c r="RCB679" s="613"/>
      <c r="RCC679" s="613"/>
      <c r="RCD679" s="613"/>
      <c r="RCE679" s="613"/>
      <c r="RCF679" s="613"/>
      <c r="RCG679" s="613"/>
      <c r="RCH679" s="613"/>
      <c r="RCI679" s="613"/>
      <c r="RCJ679" s="613"/>
      <c r="RCK679" s="613"/>
      <c r="RCL679" s="613"/>
      <c r="RCM679" s="613"/>
      <c r="RCN679" s="613"/>
      <c r="RCO679" s="613"/>
      <c r="RCP679" s="613"/>
      <c r="RCQ679" s="613"/>
      <c r="RCR679" s="613"/>
      <c r="RCS679" s="613"/>
      <c r="RCT679" s="613"/>
      <c r="RCU679" s="613"/>
      <c r="RCV679" s="613"/>
      <c r="RCW679" s="613"/>
      <c r="RCX679" s="613"/>
      <c r="RCY679" s="613"/>
      <c r="RCZ679" s="613"/>
      <c r="RDA679" s="613"/>
      <c r="RDB679" s="613"/>
      <c r="RDC679" s="613"/>
      <c r="RDD679" s="613"/>
      <c r="RDE679" s="613"/>
      <c r="RDF679" s="613"/>
      <c r="RDG679" s="613"/>
      <c r="RDH679" s="613"/>
      <c r="RDI679" s="613"/>
      <c r="RDJ679" s="613"/>
      <c r="RDK679" s="613"/>
      <c r="RDL679" s="613"/>
      <c r="RDM679" s="613"/>
      <c r="RDN679" s="613"/>
      <c r="RDO679" s="613"/>
      <c r="RDP679" s="613"/>
      <c r="RDQ679" s="613"/>
      <c r="RDR679" s="613"/>
      <c r="RDS679" s="613"/>
      <c r="RDT679" s="613"/>
      <c r="RDU679" s="613"/>
      <c r="RDV679" s="613"/>
      <c r="RDW679" s="613"/>
      <c r="RDX679" s="613"/>
      <c r="RDY679" s="613"/>
      <c r="RDZ679" s="613"/>
      <c r="REA679" s="613"/>
      <c r="REB679" s="613"/>
      <c r="REC679" s="613"/>
      <c r="RED679" s="613"/>
      <c r="REE679" s="613"/>
      <c r="REF679" s="613"/>
      <c r="REG679" s="613"/>
      <c r="REH679" s="613"/>
      <c r="REI679" s="613"/>
      <c r="REJ679" s="613"/>
      <c r="REK679" s="613"/>
      <c r="REL679" s="613"/>
      <c r="REM679" s="613"/>
      <c r="REN679" s="613"/>
      <c r="REO679" s="613"/>
      <c r="REP679" s="613"/>
      <c r="REQ679" s="613"/>
      <c r="RER679" s="613"/>
      <c r="RES679" s="613"/>
      <c r="RET679" s="613"/>
      <c r="REU679" s="613"/>
      <c r="REV679" s="613"/>
      <c r="REW679" s="613"/>
      <c r="REX679" s="613"/>
      <c r="REY679" s="613"/>
      <c r="REZ679" s="613"/>
      <c r="RFA679" s="613"/>
      <c r="RFB679" s="613"/>
      <c r="RFC679" s="613"/>
      <c r="RFD679" s="613"/>
      <c r="RFE679" s="613"/>
      <c r="RFF679" s="613"/>
      <c r="RFG679" s="613"/>
      <c r="RFH679" s="613"/>
      <c r="RFI679" s="613"/>
      <c r="RFJ679" s="613"/>
      <c r="RFK679" s="613"/>
      <c r="RFL679" s="613"/>
      <c r="RFM679" s="613"/>
      <c r="RFN679" s="613"/>
      <c r="RFO679" s="613"/>
      <c r="RFP679" s="613"/>
      <c r="RFQ679" s="613"/>
      <c r="RFR679" s="613"/>
      <c r="RFS679" s="613"/>
      <c r="RFT679" s="613"/>
      <c r="RFU679" s="613"/>
      <c r="RFV679" s="613"/>
      <c r="RFW679" s="613"/>
      <c r="RFX679" s="613"/>
      <c r="RFY679" s="613"/>
      <c r="RFZ679" s="613"/>
      <c r="RGA679" s="613"/>
      <c r="RGB679" s="613"/>
      <c r="RGC679" s="613"/>
      <c r="RGD679" s="613"/>
      <c r="RGE679" s="613"/>
      <c r="RGF679" s="613"/>
      <c r="RGG679" s="613"/>
      <c r="RGH679" s="613"/>
      <c r="RGI679" s="613"/>
      <c r="RGJ679" s="613"/>
      <c r="RGK679" s="613"/>
      <c r="RGL679" s="613"/>
      <c r="RGM679" s="613"/>
      <c r="RGN679" s="613"/>
      <c r="RGO679" s="613"/>
      <c r="RGP679" s="613"/>
      <c r="RGQ679" s="613"/>
      <c r="RGR679" s="613"/>
      <c r="RGS679" s="613"/>
      <c r="RGT679" s="613"/>
      <c r="RGU679" s="613"/>
      <c r="RGV679" s="613"/>
      <c r="RGW679" s="613"/>
      <c r="RGX679" s="613"/>
      <c r="RGY679" s="613"/>
      <c r="RGZ679" s="613"/>
      <c r="RHA679" s="613"/>
      <c r="RHB679" s="613"/>
      <c r="RHC679" s="613"/>
      <c r="RHD679" s="613"/>
      <c r="RHE679" s="613"/>
      <c r="RHF679" s="613"/>
      <c r="RHG679" s="613"/>
      <c r="RHH679" s="613"/>
      <c r="RHI679" s="613"/>
      <c r="RHJ679" s="613"/>
      <c r="RHK679" s="613"/>
      <c r="RHL679" s="613"/>
      <c r="RHM679" s="613"/>
      <c r="RHN679" s="613"/>
      <c r="RHO679" s="613"/>
      <c r="RHP679" s="613"/>
      <c r="RHQ679" s="613"/>
      <c r="RHR679" s="613"/>
      <c r="RHS679" s="613"/>
      <c r="RHT679" s="613"/>
      <c r="RHU679" s="613"/>
      <c r="RHV679" s="613"/>
      <c r="RHW679" s="613"/>
      <c r="RHX679" s="613"/>
      <c r="RHY679" s="613"/>
      <c r="RHZ679" s="613"/>
      <c r="RIA679" s="613"/>
      <c r="RIB679" s="613"/>
      <c r="RIC679" s="613"/>
      <c r="RID679" s="613"/>
      <c r="RIE679" s="613"/>
      <c r="RIF679" s="613"/>
      <c r="RIG679" s="613"/>
      <c r="RIH679" s="613"/>
      <c r="RII679" s="613"/>
      <c r="RIJ679" s="613"/>
      <c r="RIK679" s="613"/>
      <c r="RIL679" s="613"/>
      <c r="RIM679" s="613"/>
      <c r="RIN679" s="613"/>
      <c r="RIO679" s="613"/>
      <c r="RIP679" s="613"/>
      <c r="RIQ679" s="613"/>
      <c r="RIR679" s="613"/>
      <c r="RIS679" s="613"/>
      <c r="RIT679" s="613"/>
      <c r="RIU679" s="613"/>
      <c r="RIV679" s="613"/>
      <c r="RIW679" s="613"/>
      <c r="RIX679" s="613"/>
      <c r="RIY679" s="613"/>
      <c r="RIZ679" s="613"/>
      <c r="RJA679" s="613"/>
      <c r="RJB679" s="613"/>
      <c r="RJC679" s="613"/>
      <c r="RJD679" s="613"/>
      <c r="RJE679" s="613"/>
      <c r="RJF679" s="613"/>
      <c r="RJG679" s="613"/>
      <c r="RJH679" s="613"/>
      <c r="RJI679" s="613"/>
      <c r="RJJ679" s="613"/>
      <c r="RJK679" s="613"/>
      <c r="RJL679" s="613"/>
      <c r="RJM679" s="613"/>
      <c r="RJN679" s="613"/>
      <c r="RJO679" s="613"/>
      <c r="RJP679" s="613"/>
      <c r="RJQ679" s="613"/>
      <c r="RJR679" s="613"/>
      <c r="RJS679" s="613"/>
      <c r="RJT679" s="613"/>
      <c r="RJU679" s="613"/>
      <c r="RJV679" s="613"/>
      <c r="RJW679" s="613"/>
      <c r="RJX679" s="613"/>
      <c r="RJY679" s="613"/>
      <c r="RJZ679" s="613"/>
      <c r="RKA679" s="613"/>
      <c r="RKB679" s="613"/>
      <c r="RKC679" s="613"/>
      <c r="RKD679" s="613"/>
      <c r="RKE679" s="613"/>
      <c r="RKF679" s="613"/>
      <c r="RKG679" s="613"/>
      <c r="RKH679" s="613"/>
      <c r="RKI679" s="613"/>
      <c r="RKJ679" s="613"/>
      <c r="RKK679" s="613"/>
      <c r="RKL679" s="613"/>
      <c r="RKM679" s="613"/>
      <c r="RKN679" s="613"/>
      <c r="RKO679" s="613"/>
      <c r="RKP679" s="613"/>
      <c r="RKQ679" s="613"/>
      <c r="RKR679" s="613"/>
      <c r="RKS679" s="613"/>
      <c r="RKT679" s="613"/>
      <c r="RKU679" s="613"/>
      <c r="RKV679" s="613"/>
      <c r="RKW679" s="613"/>
      <c r="RKX679" s="613"/>
      <c r="RKY679" s="613"/>
      <c r="RKZ679" s="613"/>
      <c r="RLA679" s="613"/>
      <c r="RLB679" s="613"/>
      <c r="RLC679" s="613"/>
      <c r="RLD679" s="613"/>
      <c r="RLE679" s="613"/>
      <c r="RLF679" s="613"/>
      <c r="RLG679" s="613"/>
      <c r="RLH679" s="613"/>
      <c r="RLI679" s="613"/>
      <c r="RLJ679" s="613"/>
      <c r="RLK679" s="613"/>
      <c r="RLL679" s="613"/>
      <c r="RLM679" s="613"/>
      <c r="RLN679" s="613"/>
      <c r="RLO679" s="613"/>
      <c r="RLP679" s="613"/>
      <c r="RLQ679" s="613"/>
      <c r="RLR679" s="613"/>
      <c r="RLS679" s="613"/>
      <c r="RLT679" s="613"/>
      <c r="RLU679" s="613"/>
      <c r="RLV679" s="613"/>
      <c r="RLW679" s="613"/>
      <c r="RLX679" s="613"/>
      <c r="RLY679" s="613"/>
      <c r="RLZ679" s="613"/>
      <c r="RMA679" s="613"/>
      <c r="RMB679" s="613"/>
      <c r="RMC679" s="613"/>
      <c r="RMD679" s="613"/>
      <c r="RME679" s="613"/>
      <c r="RMF679" s="613"/>
      <c r="RMG679" s="613"/>
      <c r="RMH679" s="613"/>
      <c r="RMI679" s="613"/>
      <c r="RMJ679" s="613"/>
      <c r="RMK679" s="613"/>
      <c r="RML679" s="613"/>
      <c r="RMM679" s="613"/>
      <c r="RMN679" s="613"/>
      <c r="RMO679" s="613"/>
      <c r="RMP679" s="613"/>
      <c r="RMQ679" s="613"/>
      <c r="RMR679" s="613"/>
      <c r="RMS679" s="613"/>
      <c r="RMT679" s="613"/>
      <c r="RMU679" s="613"/>
      <c r="RMV679" s="613"/>
      <c r="RMW679" s="613"/>
      <c r="RMX679" s="613"/>
      <c r="RMY679" s="613"/>
      <c r="RMZ679" s="613"/>
      <c r="RNA679" s="613"/>
      <c r="RNB679" s="613"/>
      <c r="RNC679" s="613"/>
      <c r="RND679" s="613"/>
      <c r="RNE679" s="613"/>
      <c r="RNF679" s="613"/>
      <c r="RNG679" s="613"/>
      <c r="RNH679" s="613"/>
      <c r="RNI679" s="613"/>
      <c r="RNJ679" s="613"/>
      <c r="RNK679" s="613"/>
      <c r="RNL679" s="613"/>
      <c r="RNM679" s="613"/>
      <c r="RNN679" s="613"/>
      <c r="RNO679" s="613"/>
      <c r="RNP679" s="613"/>
      <c r="RNQ679" s="613"/>
      <c r="RNR679" s="613"/>
      <c r="RNS679" s="613"/>
      <c r="RNT679" s="613"/>
      <c r="RNU679" s="613"/>
      <c r="RNV679" s="613"/>
      <c r="RNW679" s="613"/>
      <c r="RNX679" s="613"/>
      <c r="RNY679" s="613"/>
      <c r="RNZ679" s="613"/>
      <c r="ROA679" s="613"/>
      <c r="ROB679" s="613"/>
      <c r="ROC679" s="613"/>
      <c r="ROD679" s="613"/>
      <c r="ROE679" s="613"/>
      <c r="ROF679" s="613"/>
      <c r="ROG679" s="613"/>
      <c r="ROH679" s="613"/>
      <c r="ROI679" s="613"/>
      <c r="ROJ679" s="613"/>
      <c r="ROK679" s="613"/>
      <c r="ROL679" s="613"/>
      <c r="ROM679" s="613"/>
      <c r="RON679" s="613"/>
      <c r="ROO679" s="613"/>
      <c r="ROP679" s="613"/>
      <c r="ROQ679" s="613"/>
      <c r="ROR679" s="613"/>
      <c r="ROS679" s="613"/>
      <c r="ROT679" s="613"/>
      <c r="ROU679" s="613"/>
      <c r="ROV679" s="613"/>
      <c r="ROW679" s="613"/>
      <c r="ROX679" s="613"/>
      <c r="ROY679" s="613"/>
      <c r="ROZ679" s="613"/>
      <c r="RPA679" s="613"/>
      <c r="RPB679" s="613"/>
      <c r="RPC679" s="613"/>
      <c r="RPD679" s="613"/>
      <c r="RPE679" s="613"/>
      <c r="RPF679" s="613"/>
      <c r="RPG679" s="613"/>
      <c r="RPH679" s="613"/>
      <c r="RPI679" s="613"/>
      <c r="RPJ679" s="613"/>
      <c r="RPK679" s="613"/>
      <c r="RPL679" s="613"/>
      <c r="RPM679" s="613"/>
      <c r="RPN679" s="613"/>
      <c r="RPO679" s="613"/>
      <c r="RPP679" s="613"/>
      <c r="RPQ679" s="613"/>
      <c r="RPR679" s="613"/>
      <c r="RPS679" s="613"/>
      <c r="RPT679" s="613"/>
      <c r="RPU679" s="613"/>
      <c r="RPV679" s="613"/>
      <c r="RPW679" s="613"/>
      <c r="RPX679" s="613"/>
      <c r="RPY679" s="613"/>
      <c r="RPZ679" s="613"/>
      <c r="RQA679" s="613"/>
      <c r="RQB679" s="613"/>
      <c r="RQC679" s="613"/>
      <c r="RQD679" s="613"/>
      <c r="RQE679" s="613"/>
      <c r="RQF679" s="613"/>
      <c r="RQG679" s="613"/>
      <c r="RQH679" s="613"/>
      <c r="RQI679" s="613"/>
      <c r="RQJ679" s="613"/>
      <c r="RQK679" s="613"/>
      <c r="RQL679" s="613"/>
      <c r="RQM679" s="613"/>
      <c r="RQN679" s="613"/>
      <c r="RQO679" s="613"/>
      <c r="RQP679" s="613"/>
      <c r="RQQ679" s="613"/>
      <c r="RQR679" s="613"/>
      <c r="RQS679" s="613"/>
      <c r="RQT679" s="613"/>
      <c r="RQU679" s="613"/>
      <c r="RQV679" s="613"/>
      <c r="RQW679" s="613"/>
      <c r="RQX679" s="613"/>
      <c r="RQY679" s="613"/>
      <c r="RQZ679" s="613"/>
      <c r="RRA679" s="613"/>
      <c r="RRB679" s="613"/>
      <c r="RRC679" s="613"/>
      <c r="RRD679" s="613"/>
      <c r="RRE679" s="613"/>
      <c r="RRF679" s="613"/>
      <c r="RRG679" s="613"/>
      <c r="RRH679" s="613"/>
      <c r="RRI679" s="613"/>
      <c r="RRJ679" s="613"/>
      <c r="RRK679" s="613"/>
      <c r="RRL679" s="613"/>
      <c r="RRM679" s="613"/>
      <c r="RRN679" s="613"/>
      <c r="RRO679" s="613"/>
      <c r="RRP679" s="613"/>
      <c r="RRQ679" s="613"/>
      <c r="RRR679" s="613"/>
      <c r="RRS679" s="613"/>
      <c r="RRT679" s="613"/>
      <c r="RRU679" s="613"/>
      <c r="RRV679" s="613"/>
      <c r="RRW679" s="613"/>
      <c r="RRX679" s="613"/>
      <c r="RRY679" s="613"/>
      <c r="RRZ679" s="613"/>
      <c r="RSA679" s="613"/>
      <c r="RSB679" s="613"/>
      <c r="RSC679" s="613"/>
      <c r="RSD679" s="613"/>
      <c r="RSE679" s="613"/>
      <c r="RSF679" s="613"/>
      <c r="RSG679" s="613"/>
      <c r="RSH679" s="613"/>
      <c r="RSI679" s="613"/>
      <c r="RSJ679" s="613"/>
      <c r="RSK679" s="613"/>
      <c r="RSL679" s="613"/>
      <c r="RSM679" s="613"/>
      <c r="RSN679" s="613"/>
      <c r="RSO679" s="613"/>
      <c r="RSP679" s="613"/>
      <c r="RSQ679" s="613"/>
      <c r="RSR679" s="613"/>
      <c r="RSS679" s="613"/>
      <c r="RST679" s="613"/>
      <c r="RSU679" s="613"/>
      <c r="RSV679" s="613"/>
      <c r="RSW679" s="613"/>
      <c r="RSX679" s="613"/>
      <c r="RSY679" s="613"/>
      <c r="RSZ679" s="613"/>
      <c r="RTA679" s="613"/>
      <c r="RTB679" s="613"/>
      <c r="RTC679" s="613"/>
      <c r="RTD679" s="613"/>
      <c r="RTE679" s="613"/>
      <c r="RTF679" s="613"/>
      <c r="RTG679" s="613"/>
      <c r="RTH679" s="613"/>
      <c r="RTI679" s="613"/>
      <c r="RTJ679" s="613"/>
      <c r="RTK679" s="613"/>
      <c r="RTL679" s="613"/>
      <c r="RTM679" s="613"/>
      <c r="RTN679" s="613"/>
      <c r="RTO679" s="613"/>
      <c r="RTP679" s="613"/>
      <c r="RTQ679" s="613"/>
      <c r="RTR679" s="613"/>
      <c r="RTS679" s="613"/>
      <c r="RTT679" s="613"/>
      <c r="RTU679" s="613"/>
      <c r="RTV679" s="613"/>
      <c r="RTW679" s="613"/>
      <c r="RTX679" s="613"/>
      <c r="RTY679" s="613"/>
      <c r="RTZ679" s="613"/>
      <c r="RUA679" s="613"/>
      <c r="RUB679" s="613"/>
      <c r="RUC679" s="613"/>
      <c r="RUD679" s="613"/>
      <c r="RUE679" s="613"/>
      <c r="RUF679" s="613"/>
      <c r="RUG679" s="613"/>
      <c r="RUH679" s="613"/>
      <c r="RUI679" s="613"/>
      <c r="RUJ679" s="613"/>
      <c r="RUK679" s="613"/>
      <c r="RUL679" s="613"/>
      <c r="RUM679" s="613"/>
      <c r="RUN679" s="613"/>
      <c r="RUO679" s="613"/>
      <c r="RUP679" s="613"/>
      <c r="RUQ679" s="613"/>
      <c r="RUR679" s="613"/>
      <c r="RUS679" s="613"/>
      <c r="RUT679" s="613"/>
      <c r="RUU679" s="613"/>
      <c r="RUV679" s="613"/>
      <c r="RUW679" s="613"/>
      <c r="RUX679" s="613"/>
      <c r="RUY679" s="613"/>
      <c r="RUZ679" s="613"/>
      <c r="RVA679" s="613"/>
      <c r="RVB679" s="613"/>
      <c r="RVC679" s="613"/>
      <c r="RVD679" s="613"/>
      <c r="RVE679" s="613"/>
      <c r="RVF679" s="613"/>
      <c r="RVG679" s="613"/>
      <c r="RVH679" s="613"/>
      <c r="RVI679" s="613"/>
      <c r="RVJ679" s="613"/>
      <c r="RVK679" s="613"/>
      <c r="RVL679" s="613"/>
      <c r="RVM679" s="613"/>
      <c r="RVN679" s="613"/>
      <c r="RVO679" s="613"/>
      <c r="RVP679" s="613"/>
      <c r="RVQ679" s="613"/>
      <c r="RVR679" s="613"/>
      <c r="RVS679" s="613"/>
      <c r="RVT679" s="613"/>
      <c r="RVU679" s="613"/>
      <c r="RVV679" s="613"/>
      <c r="RVW679" s="613"/>
      <c r="RVX679" s="613"/>
      <c r="RVY679" s="613"/>
      <c r="RVZ679" s="613"/>
      <c r="RWA679" s="613"/>
      <c r="RWB679" s="613"/>
      <c r="RWC679" s="613"/>
      <c r="RWD679" s="613"/>
      <c r="RWE679" s="613"/>
      <c r="RWF679" s="613"/>
      <c r="RWG679" s="613"/>
      <c r="RWH679" s="613"/>
      <c r="RWI679" s="613"/>
      <c r="RWJ679" s="613"/>
      <c r="RWK679" s="613"/>
      <c r="RWL679" s="613"/>
      <c r="RWM679" s="613"/>
      <c r="RWN679" s="613"/>
      <c r="RWO679" s="613"/>
      <c r="RWP679" s="613"/>
      <c r="RWQ679" s="613"/>
      <c r="RWR679" s="613"/>
      <c r="RWS679" s="613"/>
      <c r="RWT679" s="613"/>
      <c r="RWU679" s="613"/>
      <c r="RWV679" s="613"/>
      <c r="RWW679" s="613"/>
      <c r="RWX679" s="613"/>
      <c r="RWY679" s="613"/>
      <c r="RWZ679" s="613"/>
      <c r="RXA679" s="613"/>
      <c r="RXB679" s="613"/>
      <c r="RXC679" s="613"/>
      <c r="RXD679" s="613"/>
      <c r="RXE679" s="613"/>
      <c r="RXF679" s="613"/>
      <c r="RXG679" s="613"/>
      <c r="RXH679" s="613"/>
      <c r="RXI679" s="613"/>
      <c r="RXJ679" s="613"/>
      <c r="RXK679" s="613"/>
      <c r="RXL679" s="613"/>
      <c r="RXM679" s="613"/>
      <c r="RXN679" s="613"/>
      <c r="RXO679" s="613"/>
      <c r="RXP679" s="613"/>
      <c r="RXQ679" s="613"/>
      <c r="RXR679" s="613"/>
      <c r="RXS679" s="613"/>
      <c r="RXT679" s="613"/>
      <c r="RXU679" s="613"/>
      <c r="RXV679" s="613"/>
      <c r="RXW679" s="613"/>
      <c r="RXX679" s="613"/>
      <c r="RXY679" s="613"/>
      <c r="RXZ679" s="613"/>
      <c r="RYA679" s="613"/>
      <c r="RYB679" s="613"/>
      <c r="RYC679" s="613"/>
      <c r="RYD679" s="613"/>
      <c r="RYE679" s="613"/>
      <c r="RYF679" s="613"/>
      <c r="RYG679" s="613"/>
      <c r="RYH679" s="613"/>
      <c r="RYI679" s="613"/>
      <c r="RYJ679" s="613"/>
      <c r="RYK679" s="613"/>
      <c r="RYL679" s="613"/>
      <c r="RYM679" s="613"/>
      <c r="RYN679" s="613"/>
      <c r="RYO679" s="613"/>
      <c r="RYP679" s="613"/>
      <c r="RYQ679" s="613"/>
      <c r="RYR679" s="613"/>
      <c r="RYS679" s="613"/>
      <c r="RYT679" s="613"/>
      <c r="RYU679" s="613"/>
      <c r="RYV679" s="613"/>
      <c r="RYW679" s="613"/>
      <c r="RYX679" s="613"/>
      <c r="RYY679" s="613"/>
      <c r="RYZ679" s="613"/>
      <c r="RZA679" s="613"/>
      <c r="RZB679" s="613"/>
      <c r="RZC679" s="613"/>
      <c r="RZD679" s="613"/>
      <c r="RZE679" s="613"/>
      <c r="RZF679" s="613"/>
      <c r="RZG679" s="613"/>
      <c r="RZH679" s="613"/>
      <c r="RZI679" s="613"/>
      <c r="RZJ679" s="613"/>
      <c r="RZK679" s="613"/>
      <c r="RZL679" s="613"/>
      <c r="RZM679" s="613"/>
      <c r="RZN679" s="613"/>
      <c r="RZO679" s="613"/>
      <c r="RZP679" s="613"/>
      <c r="RZQ679" s="613"/>
      <c r="RZR679" s="613"/>
      <c r="RZS679" s="613"/>
      <c r="RZT679" s="613"/>
      <c r="RZU679" s="613"/>
      <c r="RZV679" s="613"/>
      <c r="RZW679" s="613"/>
      <c r="RZX679" s="613"/>
      <c r="RZY679" s="613"/>
      <c r="RZZ679" s="613"/>
      <c r="SAA679" s="613"/>
      <c r="SAB679" s="613"/>
      <c r="SAC679" s="613"/>
      <c r="SAD679" s="613"/>
      <c r="SAE679" s="613"/>
      <c r="SAF679" s="613"/>
      <c r="SAG679" s="613"/>
      <c r="SAH679" s="613"/>
      <c r="SAI679" s="613"/>
      <c r="SAJ679" s="613"/>
      <c r="SAK679" s="613"/>
      <c r="SAL679" s="613"/>
      <c r="SAM679" s="613"/>
      <c r="SAN679" s="613"/>
      <c r="SAO679" s="613"/>
      <c r="SAP679" s="613"/>
      <c r="SAQ679" s="613"/>
      <c r="SAR679" s="613"/>
      <c r="SAS679" s="613"/>
      <c r="SAT679" s="613"/>
      <c r="SAU679" s="613"/>
      <c r="SAV679" s="613"/>
      <c r="SAW679" s="613"/>
      <c r="SAX679" s="613"/>
      <c r="SAY679" s="613"/>
      <c r="SAZ679" s="613"/>
      <c r="SBA679" s="613"/>
      <c r="SBB679" s="613"/>
      <c r="SBC679" s="613"/>
      <c r="SBD679" s="613"/>
      <c r="SBE679" s="613"/>
      <c r="SBF679" s="613"/>
      <c r="SBG679" s="613"/>
      <c r="SBH679" s="613"/>
      <c r="SBI679" s="613"/>
      <c r="SBJ679" s="613"/>
      <c r="SBK679" s="613"/>
      <c r="SBL679" s="613"/>
      <c r="SBM679" s="613"/>
      <c r="SBN679" s="613"/>
      <c r="SBO679" s="613"/>
      <c r="SBP679" s="613"/>
      <c r="SBQ679" s="613"/>
      <c r="SBR679" s="613"/>
      <c r="SBS679" s="613"/>
      <c r="SBT679" s="613"/>
      <c r="SBU679" s="613"/>
      <c r="SBV679" s="613"/>
      <c r="SBW679" s="613"/>
      <c r="SBX679" s="613"/>
      <c r="SBY679" s="613"/>
      <c r="SBZ679" s="613"/>
      <c r="SCA679" s="613"/>
      <c r="SCB679" s="613"/>
      <c r="SCC679" s="613"/>
      <c r="SCD679" s="613"/>
      <c r="SCE679" s="613"/>
      <c r="SCF679" s="613"/>
      <c r="SCG679" s="613"/>
      <c r="SCH679" s="613"/>
      <c r="SCI679" s="613"/>
      <c r="SCJ679" s="613"/>
      <c r="SCK679" s="613"/>
      <c r="SCL679" s="613"/>
      <c r="SCM679" s="613"/>
      <c r="SCN679" s="613"/>
      <c r="SCO679" s="613"/>
      <c r="SCP679" s="613"/>
      <c r="SCQ679" s="613"/>
      <c r="SCR679" s="613"/>
      <c r="SCS679" s="613"/>
      <c r="SCT679" s="613"/>
      <c r="SCU679" s="613"/>
      <c r="SCV679" s="613"/>
      <c r="SCW679" s="613"/>
      <c r="SCX679" s="613"/>
      <c r="SCY679" s="613"/>
      <c r="SCZ679" s="613"/>
      <c r="SDA679" s="613"/>
      <c r="SDB679" s="613"/>
      <c r="SDC679" s="613"/>
      <c r="SDD679" s="613"/>
      <c r="SDE679" s="613"/>
      <c r="SDF679" s="613"/>
      <c r="SDG679" s="613"/>
      <c r="SDH679" s="613"/>
      <c r="SDI679" s="613"/>
      <c r="SDJ679" s="613"/>
      <c r="SDK679" s="613"/>
      <c r="SDL679" s="613"/>
      <c r="SDM679" s="613"/>
      <c r="SDN679" s="613"/>
      <c r="SDO679" s="613"/>
      <c r="SDP679" s="613"/>
      <c r="SDQ679" s="613"/>
      <c r="SDR679" s="613"/>
      <c r="SDS679" s="613"/>
      <c r="SDT679" s="613"/>
      <c r="SDU679" s="613"/>
      <c r="SDV679" s="613"/>
      <c r="SDW679" s="613"/>
      <c r="SDX679" s="613"/>
      <c r="SDY679" s="613"/>
      <c r="SDZ679" s="613"/>
      <c r="SEA679" s="613"/>
      <c r="SEB679" s="613"/>
      <c r="SEC679" s="613"/>
      <c r="SED679" s="613"/>
      <c r="SEE679" s="613"/>
      <c r="SEF679" s="613"/>
      <c r="SEG679" s="613"/>
      <c r="SEH679" s="613"/>
      <c r="SEI679" s="613"/>
      <c r="SEJ679" s="613"/>
      <c r="SEK679" s="613"/>
      <c r="SEL679" s="613"/>
      <c r="SEM679" s="613"/>
      <c r="SEN679" s="613"/>
      <c r="SEO679" s="613"/>
      <c r="SEP679" s="613"/>
      <c r="SEQ679" s="613"/>
      <c r="SER679" s="613"/>
      <c r="SES679" s="613"/>
      <c r="SET679" s="613"/>
      <c r="SEU679" s="613"/>
      <c r="SEV679" s="613"/>
      <c r="SEW679" s="613"/>
      <c r="SEX679" s="613"/>
      <c r="SEY679" s="613"/>
      <c r="SEZ679" s="613"/>
      <c r="SFA679" s="613"/>
      <c r="SFB679" s="613"/>
      <c r="SFC679" s="613"/>
      <c r="SFD679" s="613"/>
      <c r="SFE679" s="613"/>
      <c r="SFF679" s="613"/>
      <c r="SFG679" s="613"/>
      <c r="SFH679" s="613"/>
      <c r="SFI679" s="613"/>
      <c r="SFJ679" s="613"/>
      <c r="SFK679" s="613"/>
      <c r="SFL679" s="613"/>
      <c r="SFM679" s="613"/>
      <c r="SFN679" s="613"/>
      <c r="SFO679" s="613"/>
      <c r="SFP679" s="613"/>
      <c r="SFQ679" s="613"/>
      <c r="SFR679" s="613"/>
      <c r="SFS679" s="613"/>
      <c r="SFT679" s="613"/>
      <c r="SFU679" s="613"/>
      <c r="SFV679" s="613"/>
      <c r="SFW679" s="613"/>
      <c r="SFX679" s="613"/>
      <c r="SFY679" s="613"/>
      <c r="SFZ679" s="613"/>
      <c r="SGA679" s="613"/>
      <c r="SGB679" s="613"/>
      <c r="SGC679" s="613"/>
      <c r="SGD679" s="613"/>
      <c r="SGE679" s="613"/>
      <c r="SGF679" s="613"/>
      <c r="SGG679" s="613"/>
      <c r="SGH679" s="613"/>
      <c r="SGI679" s="613"/>
      <c r="SGJ679" s="613"/>
      <c r="SGK679" s="613"/>
      <c r="SGL679" s="613"/>
      <c r="SGM679" s="613"/>
      <c r="SGN679" s="613"/>
      <c r="SGO679" s="613"/>
      <c r="SGP679" s="613"/>
      <c r="SGQ679" s="613"/>
      <c r="SGR679" s="613"/>
      <c r="SGS679" s="613"/>
      <c r="SGT679" s="613"/>
      <c r="SGU679" s="613"/>
      <c r="SGV679" s="613"/>
      <c r="SGW679" s="613"/>
      <c r="SGX679" s="613"/>
      <c r="SGY679" s="613"/>
      <c r="SGZ679" s="613"/>
      <c r="SHA679" s="613"/>
      <c r="SHB679" s="613"/>
      <c r="SHC679" s="613"/>
      <c r="SHD679" s="613"/>
      <c r="SHE679" s="613"/>
      <c r="SHF679" s="613"/>
      <c r="SHG679" s="613"/>
      <c r="SHH679" s="613"/>
      <c r="SHI679" s="613"/>
      <c r="SHJ679" s="613"/>
      <c r="SHK679" s="613"/>
      <c r="SHL679" s="613"/>
      <c r="SHM679" s="613"/>
      <c r="SHN679" s="613"/>
      <c r="SHO679" s="613"/>
      <c r="SHP679" s="613"/>
      <c r="SHQ679" s="613"/>
      <c r="SHR679" s="613"/>
      <c r="SHS679" s="613"/>
      <c r="SHT679" s="613"/>
      <c r="SHU679" s="613"/>
      <c r="SHV679" s="613"/>
      <c r="SHW679" s="613"/>
      <c r="SHX679" s="613"/>
      <c r="SHY679" s="613"/>
      <c r="SHZ679" s="613"/>
      <c r="SIA679" s="613"/>
      <c r="SIB679" s="613"/>
      <c r="SIC679" s="613"/>
      <c r="SID679" s="613"/>
      <c r="SIE679" s="613"/>
      <c r="SIF679" s="613"/>
      <c r="SIG679" s="613"/>
      <c r="SIH679" s="613"/>
      <c r="SII679" s="613"/>
      <c r="SIJ679" s="613"/>
      <c r="SIK679" s="613"/>
      <c r="SIL679" s="613"/>
      <c r="SIM679" s="613"/>
      <c r="SIN679" s="613"/>
      <c r="SIO679" s="613"/>
      <c r="SIP679" s="613"/>
      <c r="SIQ679" s="613"/>
      <c r="SIR679" s="613"/>
      <c r="SIS679" s="613"/>
      <c r="SIT679" s="613"/>
      <c r="SIU679" s="613"/>
      <c r="SIV679" s="613"/>
      <c r="SIW679" s="613"/>
      <c r="SIX679" s="613"/>
      <c r="SIY679" s="613"/>
      <c r="SIZ679" s="613"/>
      <c r="SJA679" s="613"/>
      <c r="SJB679" s="613"/>
      <c r="SJC679" s="613"/>
      <c r="SJD679" s="613"/>
      <c r="SJE679" s="613"/>
      <c r="SJF679" s="613"/>
      <c r="SJG679" s="613"/>
      <c r="SJH679" s="613"/>
      <c r="SJI679" s="613"/>
      <c r="SJJ679" s="613"/>
      <c r="SJK679" s="613"/>
      <c r="SJL679" s="613"/>
      <c r="SJM679" s="613"/>
      <c r="SJN679" s="613"/>
      <c r="SJO679" s="613"/>
      <c r="SJP679" s="613"/>
      <c r="SJQ679" s="613"/>
      <c r="SJR679" s="613"/>
      <c r="SJS679" s="613"/>
      <c r="SJT679" s="613"/>
      <c r="SJU679" s="613"/>
      <c r="SJV679" s="613"/>
      <c r="SJW679" s="613"/>
      <c r="SJX679" s="613"/>
      <c r="SJY679" s="613"/>
      <c r="SJZ679" s="613"/>
      <c r="SKA679" s="613"/>
      <c r="SKB679" s="613"/>
      <c r="SKC679" s="613"/>
      <c r="SKD679" s="613"/>
      <c r="SKE679" s="613"/>
      <c r="SKF679" s="613"/>
      <c r="SKG679" s="613"/>
      <c r="SKH679" s="613"/>
      <c r="SKI679" s="613"/>
      <c r="SKJ679" s="613"/>
      <c r="SKK679" s="613"/>
      <c r="SKL679" s="613"/>
      <c r="SKM679" s="613"/>
      <c r="SKN679" s="613"/>
      <c r="SKO679" s="613"/>
      <c r="SKP679" s="613"/>
      <c r="SKQ679" s="613"/>
      <c r="SKR679" s="613"/>
      <c r="SKS679" s="613"/>
      <c r="SKT679" s="613"/>
      <c r="SKU679" s="613"/>
      <c r="SKV679" s="613"/>
      <c r="SKW679" s="613"/>
      <c r="SKX679" s="613"/>
      <c r="SKY679" s="613"/>
      <c r="SKZ679" s="613"/>
      <c r="SLA679" s="613"/>
      <c r="SLB679" s="613"/>
      <c r="SLC679" s="613"/>
      <c r="SLD679" s="613"/>
      <c r="SLE679" s="613"/>
      <c r="SLF679" s="613"/>
      <c r="SLG679" s="613"/>
      <c r="SLH679" s="613"/>
      <c r="SLI679" s="613"/>
      <c r="SLJ679" s="613"/>
      <c r="SLK679" s="613"/>
      <c r="SLL679" s="613"/>
      <c r="SLM679" s="613"/>
      <c r="SLN679" s="613"/>
      <c r="SLO679" s="613"/>
      <c r="SLP679" s="613"/>
      <c r="SLQ679" s="613"/>
      <c r="SLR679" s="613"/>
      <c r="SLS679" s="613"/>
      <c r="SLT679" s="613"/>
      <c r="SLU679" s="613"/>
      <c r="SLV679" s="613"/>
      <c r="SLW679" s="613"/>
      <c r="SLX679" s="613"/>
      <c r="SLY679" s="613"/>
      <c r="SLZ679" s="613"/>
      <c r="SMA679" s="613"/>
      <c r="SMB679" s="613"/>
      <c r="SMC679" s="613"/>
      <c r="SMD679" s="613"/>
      <c r="SME679" s="613"/>
      <c r="SMF679" s="613"/>
      <c r="SMG679" s="613"/>
      <c r="SMH679" s="613"/>
      <c r="SMI679" s="613"/>
      <c r="SMJ679" s="613"/>
      <c r="SMK679" s="613"/>
      <c r="SML679" s="613"/>
      <c r="SMM679" s="613"/>
      <c r="SMN679" s="613"/>
      <c r="SMO679" s="613"/>
      <c r="SMP679" s="613"/>
      <c r="SMQ679" s="613"/>
      <c r="SMR679" s="613"/>
      <c r="SMS679" s="613"/>
      <c r="SMT679" s="613"/>
      <c r="SMU679" s="613"/>
      <c r="SMV679" s="613"/>
      <c r="SMW679" s="613"/>
      <c r="SMX679" s="613"/>
      <c r="SMY679" s="613"/>
      <c r="SMZ679" s="613"/>
      <c r="SNA679" s="613"/>
      <c r="SNB679" s="613"/>
      <c r="SNC679" s="613"/>
      <c r="SND679" s="613"/>
      <c r="SNE679" s="613"/>
      <c r="SNF679" s="613"/>
      <c r="SNG679" s="613"/>
      <c r="SNH679" s="613"/>
      <c r="SNI679" s="613"/>
      <c r="SNJ679" s="613"/>
      <c r="SNK679" s="613"/>
      <c r="SNL679" s="613"/>
      <c r="SNM679" s="613"/>
      <c r="SNN679" s="613"/>
      <c r="SNO679" s="613"/>
      <c r="SNP679" s="613"/>
      <c r="SNQ679" s="613"/>
      <c r="SNR679" s="613"/>
      <c r="SNS679" s="613"/>
      <c r="SNT679" s="613"/>
      <c r="SNU679" s="613"/>
      <c r="SNV679" s="613"/>
      <c r="SNW679" s="613"/>
      <c r="SNX679" s="613"/>
      <c r="SNY679" s="613"/>
      <c r="SNZ679" s="613"/>
      <c r="SOA679" s="613"/>
      <c r="SOB679" s="613"/>
      <c r="SOC679" s="613"/>
      <c r="SOD679" s="613"/>
      <c r="SOE679" s="613"/>
      <c r="SOF679" s="613"/>
      <c r="SOG679" s="613"/>
      <c r="SOH679" s="613"/>
      <c r="SOI679" s="613"/>
      <c r="SOJ679" s="613"/>
      <c r="SOK679" s="613"/>
      <c r="SOL679" s="613"/>
      <c r="SOM679" s="613"/>
      <c r="SON679" s="613"/>
      <c r="SOO679" s="613"/>
      <c r="SOP679" s="613"/>
      <c r="SOQ679" s="613"/>
      <c r="SOR679" s="613"/>
      <c r="SOS679" s="613"/>
      <c r="SOT679" s="613"/>
      <c r="SOU679" s="613"/>
      <c r="SOV679" s="613"/>
      <c r="SOW679" s="613"/>
      <c r="SOX679" s="613"/>
      <c r="SOY679" s="613"/>
      <c r="SOZ679" s="613"/>
      <c r="SPA679" s="613"/>
      <c r="SPB679" s="613"/>
      <c r="SPC679" s="613"/>
      <c r="SPD679" s="613"/>
      <c r="SPE679" s="613"/>
      <c r="SPF679" s="613"/>
      <c r="SPG679" s="613"/>
      <c r="SPH679" s="613"/>
      <c r="SPI679" s="613"/>
      <c r="SPJ679" s="613"/>
      <c r="SPK679" s="613"/>
      <c r="SPL679" s="613"/>
      <c r="SPM679" s="613"/>
      <c r="SPN679" s="613"/>
      <c r="SPO679" s="613"/>
      <c r="SPP679" s="613"/>
      <c r="SPQ679" s="613"/>
      <c r="SPR679" s="613"/>
      <c r="SPS679" s="613"/>
      <c r="SPT679" s="613"/>
      <c r="SPU679" s="613"/>
      <c r="SPV679" s="613"/>
      <c r="SPW679" s="613"/>
      <c r="SPX679" s="613"/>
      <c r="SPY679" s="613"/>
      <c r="SPZ679" s="613"/>
      <c r="SQA679" s="613"/>
      <c r="SQB679" s="613"/>
      <c r="SQC679" s="613"/>
      <c r="SQD679" s="613"/>
      <c r="SQE679" s="613"/>
      <c r="SQF679" s="613"/>
      <c r="SQG679" s="613"/>
      <c r="SQH679" s="613"/>
      <c r="SQI679" s="613"/>
      <c r="SQJ679" s="613"/>
      <c r="SQK679" s="613"/>
      <c r="SQL679" s="613"/>
      <c r="SQM679" s="613"/>
      <c r="SQN679" s="613"/>
      <c r="SQO679" s="613"/>
      <c r="SQP679" s="613"/>
      <c r="SQQ679" s="613"/>
      <c r="SQR679" s="613"/>
      <c r="SQS679" s="613"/>
      <c r="SQT679" s="613"/>
      <c r="SQU679" s="613"/>
      <c r="SQV679" s="613"/>
      <c r="SQW679" s="613"/>
      <c r="SQX679" s="613"/>
      <c r="SQY679" s="613"/>
      <c r="SQZ679" s="613"/>
      <c r="SRA679" s="613"/>
      <c r="SRB679" s="613"/>
      <c r="SRC679" s="613"/>
      <c r="SRD679" s="613"/>
      <c r="SRE679" s="613"/>
      <c r="SRF679" s="613"/>
      <c r="SRG679" s="613"/>
      <c r="SRH679" s="613"/>
      <c r="SRI679" s="613"/>
      <c r="SRJ679" s="613"/>
      <c r="SRK679" s="613"/>
      <c r="SRL679" s="613"/>
      <c r="SRM679" s="613"/>
      <c r="SRN679" s="613"/>
      <c r="SRO679" s="613"/>
      <c r="SRP679" s="613"/>
      <c r="SRQ679" s="613"/>
      <c r="SRR679" s="613"/>
      <c r="SRS679" s="613"/>
      <c r="SRT679" s="613"/>
      <c r="SRU679" s="613"/>
      <c r="SRV679" s="613"/>
      <c r="SRW679" s="613"/>
      <c r="SRX679" s="613"/>
      <c r="SRY679" s="613"/>
      <c r="SRZ679" s="613"/>
      <c r="SSA679" s="613"/>
      <c r="SSB679" s="613"/>
      <c r="SSC679" s="613"/>
      <c r="SSD679" s="613"/>
      <c r="SSE679" s="613"/>
      <c r="SSF679" s="613"/>
      <c r="SSG679" s="613"/>
      <c r="SSH679" s="613"/>
      <c r="SSI679" s="613"/>
      <c r="SSJ679" s="613"/>
      <c r="SSK679" s="613"/>
      <c r="SSL679" s="613"/>
      <c r="SSM679" s="613"/>
      <c r="SSN679" s="613"/>
      <c r="SSO679" s="613"/>
      <c r="SSP679" s="613"/>
      <c r="SSQ679" s="613"/>
      <c r="SSR679" s="613"/>
      <c r="SSS679" s="613"/>
      <c r="SST679" s="613"/>
      <c r="SSU679" s="613"/>
      <c r="SSV679" s="613"/>
      <c r="SSW679" s="613"/>
      <c r="SSX679" s="613"/>
      <c r="SSY679" s="613"/>
      <c r="SSZ679" s="613"/>
      <c r="STA679" s="613"/>
      <c r="STB679" s="613"/>
      <c r="STC679" s="613"/>
      <c r="STD679" s="613"/>
      <c r="STE679" s="613"/>
      <c r="STF679" s="613"/>
      <c r="STG679" s="613"/>
      <c r="STH679" s="613"/>
      <c r="STI679" s="613"/>
      <c r="STJ679" s="613"/>
      <c r="STK679" s="613"/>
      <c r="STL679" s="613"/>
      <c r="STM679" s="613"/>
      <c r="STN679" s="613"/>
      <c r="STO679" s="613"/>
      <c r="STP679" s="613"/>
      <c r="STQ679" s="613"/>
      <c r="STR679" s="613"/>
      <c r="STS679" s="613"/>
      <c r="STT679" s="613"/>
      <c r="STU679" s="613"/>
      <c r="STV679" s="613"/>
      <c r="STW679" s="613"/>
      <c r="STX679" s="613"/>
      <c r="STY679" s="613"/>
      <c r="STZ679" s="613"/>
      <c r="SUA679" s="613"/>
      <c r="SUB679" s="613"/>
      <c r="SUC679" s="613"/>
      <c r="SUD679" s="613"/>
      <c r="SUE679" s="613"/>
      <c r="SUF679" s="613"/>
      <c r="SUG679" s="613"/>
      <c r="SUH679" s="613"/>
      <c r="SUI679" s="613"/>
      <c r="SUJ679" s="613"/>
      <c r="SUK679" s="613"/>
      <c r="SUL679" s="613"/>
      <c r="SUM679" s="613"/>
      <c r="SUN679" s="613"/>
      <c r="SUO679" s="613"/>
      <c r="SUP679" s="613"/>
      <c r="SUQ679" s="613"/>
      <c r="SUR679" s="613"/>
      <c r="SUS679" s="613"/>
      <c r="SUT679" s="613"/>
      <c r="SUU679" s="613"/>
      <c r="SUV679" s="613"/>
      <c r="SUW679" s="613"/>
      <c r="SUX679" s="613"/>
      <c r="SUY679" s="613"/>
      <c r="SUZ679" s="613"/>
      <c r="SVA679" s="613"/>
      <c r="SVB679" s="613"/>
      <c r="SVC679" s="613"/>
      <c r="SVD679" s="613"/>
      <c r="SVE679" s="613"/>
      <c r="SVF679" s="613"/>
      <c r="SVG679" s="613"/>
      <c r="SVH679" s="613"/>
      <c r="SVI679" s="613"/>
      <c r="SVJ679" s="613"/>
      <c r="SVK679" s="613"/>
      <c r="SVL679" s="613"/>
      <c r="SVM679" s="613"/>
      <c r="SVN679" s="613"/>
      <c r="SVO679" s="613"/>
      <c r="SVP679" s="613"/>
      <c r="SVQ679" s="613"/>
      <c r="SVR679" s="613"/>
      <c r="SVS679" s="613"/>
      <c r="SVT679" s="613"/>
      <c r="SVU679" s="613"/>
      <c r="SVV679" s="613"/>
      <c r="SVW679" s="613"/>
      <c r="SVX679" s="613"/>
      <c r="SVY679" s="613"/>
      <c r="SVZ679" s="613"/>
      <c r="SWA679" s="613"/>
      <c r="SWB679" s="613"/>
      <c r="SWC679" s="613"/>
      <c r="SWD679" s="613"/>
      <c r="SWE679" s="613"/>
      <c r="SWF679" s="613"/>
      <c r="SWG679" s="613"/>
      <c r="SWH679" s="613"/>
      <c r="SWI679" s="613"/>
      <c r="SWJ679" s="613"/>
      <c r="SWK679" s="613"/>
      <c r="SWL679" s="613"/>
      <c r="SWM679" s="613"/>
      <c r="SWN679" s="613"/>
      <c r="SWO679" s="613"/>
      <c r="SWP679" s="613"/>
      <c r="SWQ679" s="613"/>
      <c r="SWR679" s="613"/>
      <c r="SWS679" s="613"/>
      <c r="SWT679" s="613"/>
      <c r="SWU679" s="613"/>
      <c r="SWV679" s="613"/>
      <c r="SWW679" s="613"/>
      <c r="SWX679" s="613"/>
      <c r="SWY679" s="613"/>
      <c r="SWZ679" s="613"/>
      <c r="SXA679" s="613"/>
      <c r="SXB679" s="613"/>
      <c r="SXC679" s="613"/>
      <c r="SXD679" s="613"/>
      <c r="SXE679" s="613"/>
      <c r="SXF679" s="613"/>
      <c r="SXG679" s="613"/>
      <c r="SXH679" s="613"/>
      <c r="SXI679" s="613"/>
      <c r="SXJ679" s="613"/>
      <c r="SXK679" s="613"/>
      <c r="SXL679" s="613"/>
      <c r="SXM679" s="613"/>
      <c r="SXN679" s="613"/>
      <c r="SXO679" s="613"/>
      <c r="SXP679" s="613"/>
      <c r="SXQ679" s="613"/>
      <c r="SXR679" s="613"/>
      <c r="SXS679" s="613"/>
      <c r="SXT679" s="613"/>
      <c r="SXU679" s="613"/>
      <c r="SXV679" s="613"/>
      <c r="SXW679" s="613"/>
      <c r="SXX679" s="613"/>
      <c r="SXY679" s="613"/>
      <c r="SXZ679" s="613"/>
      <c r="SYA679" s="613"/>
      <c r="SYB679" s="613"/>
      <c r="SYC679" s="613"/>
      <c r="SYD679" s="613"/>
      <c r="SYE679" s="613"/>
      <c r="SYF679" s="613"/>
      <c r="SYG679" s="613"/>
      <c r="SYH679" s="613"/>
      <c r="SYI679" s="613"/>
      <c r="SYJ679" s="613"/>
      <c r="SYK679" s="613"/>
      <c r="SYL679" s="613"/>
      <c r="SYM679" s="613"/>
      <c r="SYN679" s="613"/>
      <c r="SYO679" s="613"/>
      <c r="SYP679" s="613"/>
      <c r="SYQ679" s="613"/>
      <c r="SYR679" s="613"/>
      <c r="SYS679" s="613"/>
      <c r="SYT679" s="613"/>
      <c r="SYU679" s="613"/>
      <c r="SYV679" s="613"/>
      <c r="SYW679" s="613"/>
      <c r="SYX679" s="613"/>
      <c r="SYY679" s="613"/>
      <c r="SYZ679" s="613"/>
      <c r="SZA679" s="613"/>
      <c r="SZB679" s="613"/>
      <c r="SZC679" s="613"/>
      <c r="SZD679" s="613"/>
      <c r="SZE679" s="613"/>
      <c r="SZF679" s="613"/>
      <c r="SZG679" s="613"/>
      <c r="SZH679" s="613"/>
      <c r="SZI679" s="613"/>
      <c r="SZJ679" s="613"/>
      <c r="SZK679" s="613"/>
      <c r="SZL679" s="613"/>
      <c r="SZM679" s="613"/>
      <c r="SZN679" s="613"/>
      <c r="SZO679" s="613"/>
      <c r="SZP679" s="613"/>
      <c r="SZQ679" s="613"/>
      <c r="SZR679" s="613"/>
      <c r="SZS679" s="613"/>
      <c r="SZT679" s="613"/>
      <c r="SZU679" s="613"/>
      <c r="SZV679" s="613"/>
      <c r="SZW679" s="613"/>
      <c r="SZX679" s="613"/>
      <c r="SZY679" s="613"/>
      <c r="SZZ679" s="613"/>
      <c r="TAA679" s="613"/>
      <c r="TAB679" s="613"/>
      <c r="TAC679" s="613"/>
      <c r="TAD679" s="613"/>
      <c r="TAE679" s="613"/>
      <c r="TAF679" s="613"/>
      <c r="TAG679" s="613"/>
      <c r="TAH679" s="613"/>
      <c r="TAI679" s="613"/>
      <c r="TAJ679" s="613"/>
      <c r="TAK679" s="613"/>
      <c r="TAL679" s="613"/>
      <c r="TAM679" s="613"/>
      <c r="TAN679" s="613"/>
      <c r="TAO679" s="613"/>
      <c r="TAP679" s="613"/>
      <c r="TAQ679" s="613"/>
      <c r="TAR679" s="613"/>
      <c r="TAS679" s="613"/>
      <c r="TAT679" s="613"/>
      <c r="TAU679" s="613"/>
      <c r="TAV679" s="613"/>
      <c r="TAW679" s="613"/>
      <c r="TAX679" s="613"/>
      <c r="TAY679" s="613"/>
      <c r="TAZ679" s="613"/>
      <c r="TBA679" s="613"/>
      <c r="TBB679" s="613"/>
      <c r="TBC679" s="613"/>
      <c r="TBD679" s="613"/>
      <c r="TBE679" s="613"/>
      <c r="TBF679" s="613"/>
      <c r="TBG679" s="613"/>
      <c r="TBH679" s="613"/>
      <c r="TBI679" s="613"/>
      <c r="TBJ679" s="613"/>
      <c r="TBK679" s="613"/>
      <c r="TBL679" s="613"/>
      <c r="TBM679" s="613"/>
      <c r="TBN679" s="613"/>
      <c r="TBO679" s="613"/>
      <c r="TBP679" s="613"/>
      <c r="TBQ679" s="613"/>
      <c r="TBR679" s="613"/>
      <c r="TBS679" s="613"/>
      <c r="TBT679" s="613"/>
      <c r="TBU679" s="613"/>
      <c r="TBV679" s="613"/>
      <c r="TBW679" s="613"/>
      <c r="TBX679" s="613"/>
      <c r="TBY679" s="613"/>
      <c r="TBZ679" s="613"/>
      <c r="TCA679" s="613"/>
      <c r="TCB679" s="613"/>
      <c r="TCC679" s="613"/>
      <c r="TCD679" s="613"/>
      <c r="TCE679" s="613"/>
      <c r="TCF679" s="613"/>
      <c r="TCG679" s="613"/>
      <c r="TCH679" s="613"/>
      <c r="TCI679" s="613"/>
      <c r="TCJ679" s="613"/>
      <c r="TCK679" s="613"/>
      <c r="TCL679" s="613"/>
      <c r="TCM679" s="613"/>
      <c r="TCN679" s="613"/>
      <c r="TCO679" s="613"/>
      <c r="TCP679" s="613"/>
      <c r="TCQ679" s="613"/>
      <c r="TCR679" s="613"/>
      <c r="TCS679" s="613"/>
      <c r="TCT679" s="613"/>
      <c r="TCU679" s="613"/>
      <c r="TCV679" s="613"/>
      <c r="TCW679" s="613"/>
      <c r="TCX679" s="613"/>
      <c r="TCY679" s="613"/>
      <c r="TCZ679" s="613"/>
      <c r="TDA679" s="613"/>
      <c r="TDB679" s="613"/>
      <c r="TDC679" s="613"/>
      <c r="TDD679" s="613"/>
      <c r="TDE679" s="613"/>
      <c r="TDF679" s="613"/>
      <c r="TDG679" s="613"/>
      <c r="TDH679" s="613"/>
      <c r="TDI679" s="613"/>
      <c r="TDJ679" s="613"/>
      <c r="TDK679" s="613"/>
      <c r="TDL679" s="613"/>
      <c r="TDM679" s="613"/>
      <c r="TDN679" s="613"/>
      <c r="TDO679" s="613"/>
      <c r="TDP679" s="613"/>
      <c r="TDQ679" s="613"/>
      <c r="TDR679" s="613"/>
      <c r="TDS679" s="613"/>
      <c r="TDT679" s="613"/>
      <c r="TDU679" s="613"/>
      <c r="TDV679" s="613"/>
      <c r="TDW679" s="613"/>
      <c r="TDX679" s="613"/>
      <c r="TDY679" s="613"/>
      <c r="TDZ679" s="613"/>
      <c r="TEA679" s="613"/>
      <c r="TEB679" s="613"/>
      <c r="TEC679" s="613"/>
      <c r="TED679" s="613"/>
      <c r="TEE679" s="613"/>
      <c r="TEF679" s="613"/>
      <c r="TEG679" s="613"/>
      <c r="TEH679" s="613"/>
      <c r="TEI679" s="613"/>
      <c r="TEJ679" s="613"/>
      <c r="TEK679" s="613"/>
      <c r="TEL679" s="613"/>
      <c r="TEM679" s="613"/>
      <c r="TEN679" s="613"/>
      <c r="TEO679" s="613"/>
      <c r="TEP679" s="613"/>
      <c r="TEQ679" s="613"/>
      <c r="TER679" s="613"/>
      <c r="TES679" s="613"/>
      <c r="TET679" s="613"/>
      <c r="TEU679" s="613"/>
      <c r="TEV679" s="613"/>
      <c r="TEW679" s="613"/>
      <c r="TEX679" s="613"/>
      <c r="TEY679" s="613"/>
      <c r="TEZ679" s="613"/>
      <c r="TFA679" s="613"/>
      <c r="TFB679" s="613"/>
      <c r="TFC679" s="613"/>
      <c r="TFD679" s="613"/>
      <c r="TFE679" s="613"/>
      <c r="TFF679" s="613"/>
      <c r="TFG679" s="613"/>
      <c r="TFH679" s="613"/>
      <c r="TFI679" s="613"/>
      <c r="TFJ679" s="613"/>
      <c r="TFK679" s="613"/>
      <c r="TFL679" s="613"/>
      <c r="TFM679" s="613"/>
      <c r="TFN679" s="613"/>
      <c r="TFO679" s="613"/>
      <c r="TFP679" s="613"/>
      <c r="TFQ679" s="613"/>
      <c r="TFR679" s="613"/>
      <c r="TFS679" s="613"/>
      <c r="TFT679" s="613"/>
      <c r="TFU679" s="613"/>
      <c r="TFV679" s="613"/>
      <c r="TFW679" s="613"/>
      <c r="TFX679" s="613"/>
      <c r="TFY679" s="613"/>
      <c r="TFZ679" s="613"/>
      <c r="TGA679" s="613"/>
      <c r="TGB679" s="613"/>
      <c r="TGC679" s="613"/>
      <c r="TGD679" s="613"/>
      <c r="TGE679" s="613"/>
      <c r="TGF679" s="613"/>
      <c r="TGG679" s="613"/>
      <c r="TGH679" s="613"/>
      <c r="TGI679" s="613"/>
      <c r="TGJ679" s="613"/>
      <c r="TGK679" s="613"/>
      <c r="TGL679" s="613"/>
      <c r="TGM679" s="613"/>
      <c r="TGN679" s="613"/>
      <c r="TGO679" s="613"/>
      <c r="TGP679" s="613"/>
      <c r="TGQ679" s="613"/>
      <c r="TGR679" s="613"/>
      <c r="TGS679" s="613"/>
      <c r="TGT679" s="613"/>
      <c r="TGU679" s="613"/>
      <c r="TGV679" s="613"/>
      <c r="TGW679" s="613"/>
      <c r="TGX679" s="613"/>
      <c r="TGY679" s="613"/>
      <c r="TGZ679" s="613"/>
      <c r="THA679" s="613"/>
      <c r="THB679" s="613"/>
      <c r="THC679" s="613"/>
      <c r="THD679" s="613"/>
      <c r="THE679" s="613"/>
      <c r="THF679" s="613"/>
      <c r="THG679" s="613"/>
      <c r="THH679" s="613"/>
      <c r="THI679" s="613"/>
      <c r="THJ679" s="613"/>
      <c r="THK679" s="613"/>
      <c r="THL679" s="613"/>
      <c r="THM679" s="613"/>
      <c r="THN679" s="613"/>
      <c r="THO679" s="613"/>
      <c r="THP679" s="613"/>
      <c r="THQ679" s="613"/>
      <c r="THR679" s="613"/>
      <c r="THS679" s="613"/>
      <c r="THT679" s="613"/>
      <c r="THU679" s="613"/>
      <c r="THV679" s="613"/>
      <c r="THW679" s="613"/>
      <c r="THX679" s="613"/>
      <c r="THY679" s="613"/>
      <c r="THZ679" s="613"/>
      <c r="TIA679" s="613"/>
      <c r="TIB679" s="613"/>
      <c r="TIC679" s="613"/>
      <c r="TID679" s="613"/>
      <c r="TIE679" s="613"/>
      <c r="TIF679" s="613"/>
      <c r="TIG679" s="613"/>
      <c r="TIH679" s="613"/>
      <c r="TII679" s="613"/>
      <c r="TIJ679" s="613"/>
      <c r="TIK679" s="613"/>
      <c r="TIL679" s="613"/>
      <c r="TIM679" s="613"/>
      <c r="TIN679" s="613"/>
      <c r="TIO679" s="613"/>
      <c r="TIP679" s="613"/>
      <c r="TIQ679" s="613"/>
      <c r="TIR679" s="613"/>
      <c r="TIS679" s="613"/>
      <c r="TIT679" s="613"/>
      <c r="TIU679" s="613"/>
      <c r="TIV679" s="613"/>
      <c r="TIW679" s="613"/>
      <c r="TIX679" s="613"/>
      <c r="TIY679" s="613"/>
      <c r="TIZ679" s="613"/>
      <c r="TJA679" s="613"/>
      <c r="TJB679" s="613"/>
      <c r="TJC679" s="613"/>
      <c r="TJD679" s="613"/>
      <c r="TJE679" s="613"/>
      <c r="TJF679" s="613"/>
      <c r="TJG679" s="613"/>
      <c r="TJH679" s="613"/>
      <c r="TJI679" s="613"/>
      <c r="TJJ679" s="613"/>
      <c r="TJK679" s="613"/>
      <c r="TJL679" s="613"/>
      <c r="TJM679" s="613"/>
      <c r="TJN679" s="613"/>
      <c r="TJO679" s="613"/>
      <c r="TJP679" s="613"/>
      <c r="TJQ679" s="613"/>
      <c r="TJR679" s="613"/>
      <c r="TJS679" s="613"/>
      <c r="TJT679" s="613"/>
      <c r="TJU679" s="613"/>
      <c r="TJV679" s="613"/>
      <c r="TJW679" s="613"/>
      <c r="TJX679" s="613"/>
      <c r="TJY679" s="613"/>
      <c r="TJZ679" s="613"/>
      <c r="TKA679" s="613"/>
      <c r="TKB679" s="613"/>
      <c r="TKC679" s="613"/>
      <c r="TKD679" s="613"/>
      <c r="TKE679" s="613"/>
      <c r="TKF679" s="613"/>
      <c r="TKG679" s="613"/>
      <c r="TKH679" s="613"/>
      <c r="TKI679" s="613"/>
      <c r="TKJ679" s="613"/>
      <c r="TKK679" s="613"/>
      <c r="TKL679" s="613"/>
      <c r="TKM679" s="613"/>
      <c r="TKN679" s="613"/>
      <c r="TKO679" s="613"/>
      <c r="TKP679" s="613"/>
      <c r="TKQ679" s="613"/>
      <c r="TKR679" s="613"/>
      <c r="TKS679" s="613"/>
      <c r="TKT679" s="613"/>
      <c r="TKU679" s="613"/>
      <c r="TKV679" s="613"/>
      <c r="TKW679" s="613"/>
      <c r="TKX679" s="613"/>
      <c r="TKY679" s="613"/>
      <c r="TKZ679" s="613"/>
      <c r="TLA679" s="613"/>
      <c r="TLB679" s="613"/>
      <c r="TLC679" s="613"/>
      <c r="TLD679" s="613"/>
      <c r="TLE679" s="613"/>
      <c r="TLF679" s="613"/>
      <c r="TLG679" s="613"/>
      <c r="TLH679" s="613"/>
      <c r="TLI679" s="613"/>
      <c r="TLJ679" s="613"/>
      <c r="TLK679" s="613"/>
      <c r="TLL679" s="613"/>
      <c r="TLM679" s="613"/>
      <c r="TLN679" s="613"/>
      <c r="TLO679" s="613"/>
      <c r="TLP679" s="613"/>
      <c r="TLQ679" s="613"/>
      <c r="TLR679" s="613"/>
      <c r="TLS679" s="613"/>
      <c r="TLT679" s="613"/>
      <c r="TLU679" s="613"/>
      <c r="TLV679" s="613"/>
      <c r="TLW679" s="613"/>
      <c r="TLX679" s="613"/>
      <c r="TLY679" s="613"/>
      <c r="TLZ679" s="613"/>
      <c r="TMA679" s="613"/>
      <c r="TMB679" s="613"/>
      <c r="TMC679" s="613"/>
      <c r="TMD679" s="613"/>
      <c r="TME679" s="613"/>
      <c r="TMF679" s="613"/>
      <c r="TMG679" s="613"/>
      <c r="TMH679" s="613"/>
      <c r="TMI679" s="613"/>
      <c r="TMJ679" s="613"/>
      <c r="TMK679" s="613"/>
      <c r="TML679" s="613"/>
      <c r="TMM679" s="613"/>
      <c r="TMN679" s="613"/>
      <c r="TMO679" s="613"/>
      <c r="TMP679" s="613"/>
      <c r="TMQ679" s="613"/>
      <c r="TMR679" s="613"/>
      <c r="TMS679" s="613"/>
      <c r="TMT679" s="613"/>
      <c r="TMU679" s="613"/>
      <c r="TMV679" s="613"/>
      <c r="TMW679" s="613"/>
      <c r="TMX679" s="613"/>
      <c r="TMY679" s="613"/>
      <c r="TMZ679" s="613"/>
      <c r="TNA679" s="613"/>
      <c r="TNB679" s="613"/>
      <c r="TNC679" s="613"/>
      <c r="TND679" s="613"/>
      <c r="TNE679" s="613"/>
      <c r="TNF679" s="613"/>
      <c r="TNG679" s="613"/>
      <c r="TNH679" s="613"/>
      <c r="TNI679" s="613"/>
      <c r="TNJ679" s="613"/>
      <c r="TNK679" s="613"/>
      <c r="TNL679" s="613"/>
      <c r="TNM679" s="613"/>
      <c r="TNN679" s="613"/>
      <c r="TNO679" s="613"/>
      <c r="TNP679" s="613"/>
      <c r="TNQ679" s="613"/>
      <c r="TNR679" s="613"/>
      <c r="TNS679" s="613"/>
      <c r="TNT679" s="613"/>
      <c r="TNU679" s="613"/>
      <c r="TNV679" s="613"/>
      <c r="TNW679" s="613"/>
      <c r="TNX679" s="613"/>
      <c r="TNY679" s="613"/>
      <c r="TNZ679" s="613"/>
      <c r="TOA679" s="613"/>
      <c r="TOB679" s="613"/>
      <c r="TOC679" s="613"/>
      <c r="TOD679" s="613"/>
      <c r="TOE679" s="613"/>
      <c r="TOF679" s="613"/>
      <c r="TOG679" s="613"/>
      <c r="TOH679" s="613"/>
      <c r="TOI679" s="613"/>
      <c r="TOJ679" s="613"/>
      <c r="TOK679" s="613"/>
      <c r="TOL679" s="613"/>
      <c r="TOM679" s="613"/>
      <c r="TON679" s="613"/>
      <c r="TOO679" s="613"/>
      <c r="TOP679" s="613"/>
      <c r="TOQ679" s="613"/>
      <c r="TOR679" s="613"/>
      <c r="TOS679" s="613"/>
      <c r="TOT679" s="613"/>
      <c r="TOU679" s="613"/>
      <c r="TOV679" s="613"/>
      <c r="TOW679" s="613"/>
      <c r="TOX679" s="613"/>
      <c r="TOY679" s="613"/>
      <c r="TOZ679" s="613"/>
      <c r="TPA679" s="613"/>
      <c r="TPB679" s="613"/>
      <c r="TPC679" s="613"/>
      <c r="TPD679" s="613"/>
      <c r="TPE679" s="613"/>
      <c r="TPF679" s="613"/>
      <c r="TPG679" s="613"/>
      <c r="TPH679" s="613"/>
      <c r="TPI679" s="613"/>
      <c r="TPJ679" s="613"/>
      <c r="TPK679" s="613"/>
      <c r="TPL679" s="613"/>
      <c r="TPM679" s="613"/>
      <c r="TPN679" s="613"/>
      <c r="TPO679" s="613"/>
      <c r="TPP679" s="613"/>
      <c r="TPQ679" s="613"/>
      <c r="TPR679" s="613"/>
      <c r="TPS679" s="613"/>
      <c r="TPT679" s="613"/>
      <c r="TPU679" s="613"/>
      <c r="TPV679" s="613"/>
      <c r="TPW679" s="613"/>
      <c r="TPX679" s="613"/>
      <c r="TPY679" s="613"/>
      <c r="TPZ679" s="613"/>
      <c r="TQA679" s="613"/>
      <c r="TQB679" s="613"/>
      <c r="TQC679" s="613"/>
      <c r="TQD679" s="613"/>
      <c r="TQE679" s="613"/>
      <c r="TQF679" s="613"/>
      <c r="TQG679" s="613"/>
      <c r="TQH679" s="613"/>
      <c r="TQI679" s="613"/>
      <c r="TQJ679" s="613"/>
      <c r="TQK679" s="613"/>
      <c r="TQL679" s="613"/>
      <c r="TQM679" s="613"/>
      <c r="TQN679" s="613"/>
      <c r="TQO679" s="613"/>
      <c r="TQP679" s="613"/>
      <c r="TQQ679" s="613"/>
      <c r="TQR679" s="613"/>
      <c r="TQS679" s="613"/>
      <c r="TQT679" s="613"/>
      <c r="TQU679" s="613"/>
      <c r="TQV679" s="613"/>
      <c r="TQW679" s="613"/>
      <c r="TQX679" s="613"/>
      <c r="TQY679" s="613"/>
      <c r="TQZ679" s="613"/>
      <c r="TRA679" s="613"/>
      <c r="TRB679" s="613"/>
      <c r="TRC679" s="613"/>
      <c r="TRD679" s="613"/>
      <c r="TRE679" s="613"/>
      <c r="TRF679" s="613"/>
      <c r="TRG679" s="613"/>
      <c r="TRH679" s="613"/>
      <c r="TRI679" s="613"/>
      <c r="TRJ679" s="613"/>
      <c r="TRK679" s="613"/>
      <c r="TRL679" s="613"/>
      <c r="TRM679" s="613"/>
      <c r="TRN679" s="613"/>
      <c r="TRO679" s="613"/>
      <c r="TRP679" s="613"/>
      <c r="TRQ679" s="613"/>
      <c r="TRR679" s="613"/>
      <c r="TRS679" s="613"/>
      <c r="TRT679" s="613"/>
      <c r="TRU679" s="613"/>
      <c r="TRV679" s="613"/>
      <c r="TRW679" s="613"/>
      <c r="TRX679" s="613"/>
      <c r="TRY679" s="613"/>
      <c r="TRZ679" s="613"/>
      <c r="TSA679" s="613"/>
      <c r="TSB679" s="613"/>
      <c r="TSC679" s="613"/>
      <c r="TSD679" s="613"/>
      <c r="TSE679" s="613"/>
      <c r="TSF679" s="613"/>
      <c r="TSG679" s="613"/>
      <c r="TSH679" s="613"/>
      <c r="TSI679" s="613"/>
      <c r="TSJ679" s="613"/>
      <c r="TSK679" s="613"/>
      <c r="TSL679" s="613"/>
      <c r="TSM679" s="613"/>
      <c r="TSN679" s="613"/>
      <c r="TSO679" s="613"/>
      <c r="TSP679" s="613"/>
      <c r="TSQ679" s="613"/>
      <c r="TSR679" s="613"/>
      <c r="TSS679" s="613"/>
      <c r="TST679" s="613"/>
      <c r="TSU679" s="613"/>
      <c r="TSV679" s="613"/>
      <c r="TSW679" s="613"/>
      <c r="TSX679" s="613"/>
      <c r="TSY679" s="613"/>
      <c r="TSZ679" s="613"/>
      <c r="TTA679" s="613"/>
      <c r="TTB679" s="613"/>
      <c r="TTC679" s="613"/>
      <c r="TTD679" s="613"/>
      <c r="TTE679" s="613"/>
      <c r="TTF679" s="613"/>
      <c r="TTG679" s="613"/>
      <c r="TTH679" s="613"/>
      <c r="TTI679" s="613"/>
      <c r="TTJ679" s="613"/>
      <c r="TTK679" s="613"/>
      <c r="TTL679" s="613"/>
      <c r="TTM679" s="613"/>
      <c r="TTN679" s="613"/>
      <c r="TTO679" s="613"/>
      <c r="TTP679" s="613"/>
      <c r="TTQ679" s="613"/>
      <c r="TTR679" s="613"/>
      <c r="TTS679" s="613"/>
      <c r="TTT679" s="613"/>
      <c r="TTU679" s="613"/>
      <c r="TTV679" s="613"/>
      <c r="TTW679" s="613"/>
      <c r="TTX679" s="613"/>
      <c r="TTY679" s="613"/>
      <c r="TTZ679" s="613"/>
      <c r="TUA679" s="613"/>
      <c r="TUB679" s="613"/>
      <c r="TUC679" s="613"/>
      <c r="TUD679" s="613"/>
      <c r="TUE679" s="613"/>
      <c r="TUF679" s="613"/>
      <c r="TUG679" s="613"/>
      <c r="TUH679" s="613"/>
      <c r="TUI679" s="613"/>
      <c r="TUJ679" s="613"/>
      <c r="TUK679" s="613"/>
      <c r="TUL679" s="613"/>
      <c r="TUM679" s="613"/>
      <c r="TUN679" s="613"/>
      <c r="TUO679" s="613"/>
      <c r="TUP679" s="613"/>
      <c r="TUQ679" s="613"/>
      <c r="TUR679" s="613"/>
      <c r="TUS679" s="613"/>
      <c r="TUT679" s="613"/>
      <c r="TUU679" s="613"/>
      <c r="TUV679" s="613"/>
      <c r="TUW679" s="613"/>
      <c r="TUX679" s="613"/>
      <c r="TUY679" s="613"/>
      <c r="TUZ679" s="613"/>
      <c r="TVA679" s="613"/>
      <c r="TVB679" s="613"/>
      <c r="TVC679" s="613"/>
      <c r="TVD679" s="613"/>
      <c r="TVE679" s="613"/>
      <c r="TVF679" s="613"/>
      <c r="TVG679" s="613"/>
      <c r="TVH679" s="613"/>
      <c r="TVI679" s="613"/>
      <c r="TVJ679" s="613"/>
      <c r="TVK679" s="613"/>
      <c r="TVL679" s="613"/>
      <c r="TVM679" s="613"/>
      <c r="TVN679" s="613"/>
      <c r="TVO679" s="613"/>
      <c r="TVP679" s="613"/>
      <c r="TVQ679" s="613"/>
      <c r="TVR679" s="613"/>
      <c r="TVS679" s="613"/>
      <c r="TVT679" s="613"/>
      <c r="TVU679" s="613"/>
      <c r="TVV679" s="613"/>
      <c r="TVW679" s="613"/>
      <c r="TVX679" s="613"/>
      <c r="TVY679" s="613"/>
      <c r="TVZ679" s="613"/>
      <c r="TWA679" s="613"/>
      <c r="TWB679" s="613"/>
      <c r="TWC679" s="613"/>
      <c r="TWD679" s="613"/>
      <c r="TWE679" s="613"/>
      <c r="TWF679" s="613"/>
      <c r="TWG679" s="613"/>
      <c r="TWH679" s="613"/>
      <c r="TWI679" s="613"/>
      <c r="TWJ679" s="613"/>
      <c r="TWK679" s="613"/>
      <c r="TWL679" s="613"/>
      <c r="TWM679" s="613"/>
      <c r="TWN679" s="613"/>
      <c r="TWO679" s="613"/>
      <c r="TWP679" s="613"/>
      <c r="TWQ679" s="613"/>
      <c r="TWR679" s="613"/>
      <c r="TWS679" s="613"/>
      <c r="TWT679" s="613"/>
      <c r="TWU679" s="613"/>
      <c r="TWV679" s="613"/>
      <c r="TWW679" s="613"/>
      <c r="TWX679" s="613"/>
      <c r="TWY679" s="613"/>
      <c r="TWZ679" s="613"/>
      <c r="TXA679" s="613"/>
      <c r="TXB679" s="613"/>
      <c r="TXC679" s="613"/>
      <c r="TXD679" s="613"/>
      <c r="TXE679" s="613"/>
      <c r="TXF679" s="613"/>
      <c r="TXG679" s="613"/>
      <c r="TXH679" s="613"/>
      <c r="TXI679" s="613"/>
      <c r="TXJ679" s="613"/>
      <c r="TXK679" s="613"/>
      <c r="TXL679" s="613"/>
      <c r="TXM679" s="613"/>
      <c r="TXN679" s="613"/>
      <c r="TXO679" s="613"/>
      <c r="TXP679" s="613"/>
      <c r="TXQ679" s="613"/>
      <c r="TXR679" s="613"/>
      <c r="TXS679" s="613"/>
      <c r="TXT679" s="613"/>
      <c r="TXU679" s="613"/>
      <c r="TXV679" s="613"/>
      <c r="TXW679" s="613"/>
      <c r="TXX679" s="613"/>
      <c r="TXY679" s="613"/>
      <c r="TXZ679" s="613"/>
      <c r="TYA679" s="613"/>
      <c r="TYB679" s="613"/>
      <c r="TYC679" s="613"/>
      <c r="TYD679" s="613"/>
      <c r="TYE679" s="613"/>
      <c r="TYF679" s="613"/>
      <c r="TYG679" s="613"/>
      <c r="TYH679" s="613"/>
      <c r="TYI679" s="613"/>
      <c r="TYJ679" s="613"/>
      <c r="TYK679" s="613"/>
      <c r="TYL679" s="613"/>
      <c r="TYM679" s="613"/>
      <c r="TYN679" s="613"/>
      <c r="TYO679" s="613"/>
      <c r="TYP679" s="613"/>
      <c r="TYQ679" s="613"/>
      <c r="TYR679" s="613"/>
      <c r="TYS679" s="613"/>
      <c r="TYT679" s="613"/>
      <c r="TYU679" s="613"/>
      <c r="TYV679" s="613"/>
      <c r="TYW679" s="613"/>
      <c r="TYX679" s="613"/>
      <c r="TYY679" s="613"/>
      <c r="TYZ679" s="613"/>
      <c r="TZA679" s="613"/>
      <c r="TZB679" s="613"/>
      <c r="TZC679" s="613"/>
      <c r="TZD679" s="613"/>
      <c r="TZE679" s="613"/>
      <c r="TZF679" s="613"/>
      <c r="TZG679" s="613"/>
      <c r="TZH679" s="613"/>
      <c r="TZI679" s="613"/>
      <c r="TZJ679" s="613"/>
      <c r="TZK679" s="613"/>
      <c r="TZL679" s="613"/>
      <c r="TZM679" s="613"/>
      <c r="TZN679" s="613"/>
      <c r="TZO679" s="613"/>
      <c r="TZP679" s="613"/>
      <c r="TZQ679" s="613"/>
      <c r="TZR679" s="613"/>
      <c r="TZS679" s="613"/>
      <c r="TZT679" s="613"/>
      <c r="TZU679" s="613"/>
      <c r="TZV679" s="613"/>
      <c r="TZW679" s="613"/>
      <c r="TZX679" s="613"/>
      <c r="TZY679" s="613"/>
      <c r="TZZ679" s="613"/>
      <c r="UAA679" s="613"/>
      <c r="UAB679" s="613"/>
      <c r="UAC679" s="613"/>
      <c r="UAD679" s="613"/>
      <c r="UAE679" s="613"/>
      <c r="UAF679" s="613"/>
      <c r="UAG679" s="613"/>
      <c r="UAH679" s="613"/>
      <c r="UAI679" s="613"/>
      <c r="UAJ679" s="613"/>
      <c r="UAK679" s="613"/>
      <c r="UAL679" s="613"/>
      <c r="UAM679" s="613"/>
      <c r="UAN679" s="613"/>
      <c r="UAO679" s="613"/>
      <c r="UAP679" s="613"/>
      <c r="UAQ679" s="613"/>
      <c r="UAR679" s="613"/>
      <c r="UAS679" s="613"/>
      <c r="UAT679" s="613"/>
      <c r="UAU679" s="613"/>
      <c r="UAV679" s="613"/>
      <c r="UAW679" s="613"/>
      <c r="UAX679" s="613"/>
      <c r="UAY679" s="613"/>
      <c r="UAZ679" s="613"/>
      <c r="UBA679" s="613"/>
      <c r="UBB679" s="613"/>
      <c r="UBC679" s="613"/>
      <c r="UBD679" s="613"/>
      <c r="UBE679" s="613"/>
      <c r="UBF679" s="613"/>
      <c r="UBG679" s="613"/>
      <c r="UBH679" s="613"/>
      <c r="UBI679" s="613"/>
      <c r="UBJ679" s="613"/>
      <c r="UBK679" s="613"/>
      <c r="UBL679" s="613"/>
      <c r="UBM679" s="613"/>
      <c r="UBN679" s="613"/>
      <c r="UBO679" s="613"/>
      <c r="UBP679" s="613"/>
      <c r="UBQ679" s="613"/>
      <c r="UBR679" s="613"/>
      <c r="UBS679" s="613"/>
      <c r="UBT679" s="613"/>
      <c r="UBU679" s="613"/>
      <c r="UBV679" s="613"/>
      <c r="UBW679" s="613"/>
      <c r="UBX679" s="613"/>
      <c r="UBY679" s="613"/>
      <c r="UBZ679" s="613"/>
      <c r="UCA679" s="613"/>
      <c r="UCB679" s="613"/>
      <c r="UCC679" s="613"/>
      <c r="UCD679" s="613"/>
      <c r="UCE679" s="613"/>
      <c r="UCF679" s="613"/>
      <c r="UCG679" s="613"/>
      <c r="UCH679" s="613"/>
      <c r="UCI679" s="613"/>
      <c r="UCJ679" s="613"/>
      <c r="UCK679" s="613"/>
      <c r="UCL679" s="613"/>
      <c r="UCM679" s="613"/>
      <c r="UCN679" s="613"/>
      <c r="UCO679" s="613"/>
      <c r="UCP679" s="613"/>
      <c r="UCQ679" s="613"/>
      <c r="UCR679" s="613"/>
      <c r="UCS679" s="613"/>
      <c r="UCT679" s="613"/>
      <c r="UCU679" s="613"/>
      <c r="UCV679" s="613"/>
      <c r="UCW679" s="613"/>
      <c r="UCX679" s="613"/>
      <c r="UCY679" s="613"/>
      <c r="UCZ679" s="613"/>
      <c r="UDA679" s="613"/>
      <c r="UDB679" s="613"/>
      <c r="UDC679" s="613"/>
      <c r="UDD679" s="613"/>
      <c r="UDE679" s="613"/>
      <c r="UDF679" s="613"/>
      <c r="UDG679" s="613"/>
      <c r="UDH679" s="613"/>
      <c r="UDI679" s="613"/>
      <c r="UDJ679" s="613"/>
      <c r="UDK679" s="613"/>
      <c r="UDL679" s="613"/>
      <c r="UDM679" s="613"/>
      <c r="UDN679" s="613"/>
      <c r="UDO679" s="613"/>
      <c r="UDP679" s="613"/>
      <c r="UDQ679" s="613"/>
      <c r="UDR679" s="613"/>
      <c r="UDS679" s="613"/>
      <c r="UDT679" s="613"/>
      <c r="UDU679" s="613"/>
      <c r="UDV679" s="613"/>
      <c r="UDW679" s="613"/>
      <c r="UDX679" s="613"/>
      <c r="UDY679" s="613"/>
      <c r="UDZ679" s="613"/>
      <c r="UEA679" s="613"/>
      <c r="UEB679" s="613"/>
      <c r="UEC679" s="613"/>
      <c r="UED679" s="613"/>
      <c r="UEE679" s="613"/>
      <c r="UEF679" s="613"/>
      <c r="UEG679" s="613"/>
      <c r="UEH679" s="613"/>
      <c r="UEI679" s="613"/>
      <c r="UEJ679" s="613"/>
      <c r="UEK679" s="613"/>
      <c r="UEL679" s="613"/>
      <c r="UEM679" s="613"/>
      <c r="UEN679" s="613"/>
      <c r="UEO679" s="613"/>
      <c r="UEP679" s="613"/>
      <c r="UEQ679" s="613"/>
      <c r="UER679" s="613"/>
      <c r="UES679" s="613"/>
      <c r="UET679" s="613"/>
      <c r="UEU679" s="613"/>
      <c r="UEV679" s="613"/>
      <c r="UEW679" s="613"/>
      <c r="UEX679" s="613"/>
      <c r="UEY679" s="613"/>
      <c r="UEZ679" s="613"/>
      <c r="UFA679" s="613"/>
      <c r="UFB679" s="613"/>
      <c r="UFC679" s="613"/>
      <c r="UFD679" s="613"/>
      <c r="UFE679" s="613"/>
      <c r="UFF679" s="613"/>
      <c r="UFG679" s="613"/>
      <c r="UFH679" s="613"/>
      <c r="UFI679" s="613"/>
      <c r="UFJ679" s="613"/>
      <c r="UFK679" s="613"/>
      <c r="UFL679" s="613"/>
      <c r="UFM679" s="613"/>
      <c r="UFN679" s="613"/>
      <c r="UFO679" s="613"/>
      <c r="UFP679" s="613"/>
      <c r="UFQ679" s="613"/>
      <c r="UFR679" s="613"/>
      <c r="UFS679" s="613"/>
      <c r="UFT679" s="613"/>
      <c r="UFU679" s="613"/>
      <c r="UFV679" s="613"/>
      <c r="UFW679" s="613"/>
      <c r="UFX679" s="613"/>
      <c r="UFY679" s="613"/>
      <c r="UFZ679" s="613"/>
      <c r="UGA679" s="613"/>
      <c r="UGB679" s="613"/>
      <c r="UGC679" s="613"/>
      <c r="UGD679" s="613"/>
      <c r="UGE679" s="613"/>
      <c r="UGF679" s="613"/>
      <c r="UGG679" s="613"/>
      <c r="UGH679" s="613"/>
      <c r="UGI679" s="613"/>
      <c r="UGJ679" s="613"/>
      <c r="UGK679" s="613"/>
      <c r="UGL679" s="613"/>
      <c r="UGM679" s="613"/>
      <c r="UGN679" s="613"/>
      <c r="UGO679" s="613"/>
      <c r="UGP679" s="613"/>
      <c r="UGQ679" s="613"/>
      <c r="UGR679" s="613"/>
      <c r="UGS679" s="613"/>
      <c r="UGT679" s="613"/>
      <c r="UGU679" s="613"/>
      <c r="UGV679" s="613"/>
      <c r="UGW679" s="613"/>
      <c r="UGX679" s="613"/>
      <c r="UGY679" s="613"/>
      <c r="UGZ679" s="613"/>
      <c r="UHA679" s="613"/>
      <c r="UHB679" s="613"/>
      <c r="UHC679" s="613"/>
      <c r="UHD679" s="613"/>
      <c r="UHE679" s="613"/>
      <c r="UHF679" s="613"/>
      <c r="UHG679" s="613"/>
      <c r="UHH679" s="613"/>
      <c r="UHI679" s="613"/>
      <c r="UHJ679" s="613"/>
      <c r="UHK679" s="613"/>
      <c r="UHL679" s="613"/>
      <c r="UHM679" s="613"/>
      <c r="UHN679" s="613"/>
      <c r="UHO679" s="613"/>
      <c r="UHP679" s="613"/>
      <c r="UHQ679" s="613"/>
      <c r="UHR679" s="613"/>
      <c r="UHS679" s="613"/>
      <c r="UHT679" s="613"/>
      <c r="UHU679" s="613"/>
      <c r="UHV679" s="613"/>
      <c r="UHW679" s="613"/>
      <c r="UHX679" s="613"/>
      <c r="UHY679" s="613"/>
      <c r="UHZ679" s="613"/>
      <c r="UIA679" s="613"/>
      <c r="UIB679" s="613"/>
      <c r="UIC679" s="613"/>
      <c r="UID679" s="613"/>
      <c r="UIE679" s="613"/>
      <c r="UIF679" s="613"/>
      <c r="UIG679" s="613"/>
      <c r="UIH679" s="613"/>
      <c r="UII679" s="613"/>
      <c r="UIJ679" s="613"/>
      <c r="UIK679" s="613"/>
      <c r="UIL679" s="613"/>
      <c r="UIM679" s="613"/>
      <c r="UIN679" s="613"/>
      <c r="UIO679" s="613"/>
      <c r="UIP679" s="613"/>
      <c r="UIQ679" s="613"/>
      <c r="UIR679" s="613"/>
      <c r="UIS679" s="613"/>
      <c r="UIT679" s="613"/>
      <c r="UIU679" s="613"/>
      <c r="UIV679" s="613"/>
      <c r="UIW679" s="613"/>
      <c r="UIX679" s="613"/>
      <c r="UIY679" s="613"/>
      <c r="UIZ679" s="613"/>
      <c r="UJA679" s="613"/>
      <c r="UJB679" s="613"/>
      <c r="UJC679" s="613"/>
      <c r="UJD679" s="613"/>
      <c r="UJE679" s="613"/>
      <c r="UJF679" s="613"/>
      <c r="UJG679" s="613"/>
      <c r="UJH679" s="613"/>
      <c r="UJI679" s="613"/>
      <c r="UJJ679" s="613"/>
      <c r="UJK679" s="613"/>
      <c r="UJL679" s="613"/>
      <c r="UJM679" s="613"/>
      <c r="UJN679" s="613"/>
      <c r="UJO679" s="613"/>
      <c r="UJP679" s="613"/>
      <c r="UJQ679" s="613"/>
      <c r="UJR679" s="613"/>
      <c r="UJS679" s="613"/>
      <c r="UJT679" s="613"/>
      <c r="UJU679" s="613"/>
      <c r="UJV679" s="613"/>
      <c r="UJW679" s="613"/>
      <c r="UJX679" s="613"/>
      <c r="UJY679" s="613"/>
      <c r="UJZ679" s="613"/>
      <c r="UKA679" s="613"/>
      <c r="UKB679" s="613"/>
      <c r="UKC679" s="613"/>
      <c r="UKD679" s="613"/>
      <c r="UKE679" s="613"/>
      <c r="UKF679" s="613"/>
      <c r="UKG679" s="613"/>
      <c r="UKH679" s="613"/>
      <c r="UKI679" s="613"/>
      <c r="UKJ679" s="613"/>
      <c r="UKK679" s="613"/>
      <c r="UKL679" s="613"/>
      <c r="UKM679" s="613"/>
      <c r="UKN679" s="613"/>
      <c r="UKO679" s="613"/>
      <c r="UKP679" s="613"/>
      <c r="UKQ679" s="613"/>
      <c r="UKR679" s="613"/>
      <c r="UKS679" s="613"/>
      <c r="UKT679" s="613"/>
      <c r="UKU679" s="613"/>
      <c r="UKV679" s="613"/>
      <c r="UKW679" s="613"/>
      <c r="UKX679" s="613"/>
      <c r="UKY679" s="613"/>
      <c r="UKZ679" s="613"/>
      <c r="ULA679" s="613"/>
      <c r="ULB679" s="613"/>
      <c r="ULC679" s="613"/>
      <c r="ULD679" s="613"/>
      <c r="ULE679" s="613"/>
      <c r="ULF679" s="613"/>
      <c r="ULG679" s="613"/>
      <c r="ULH679" s="613"/>
      <c r="ULI679" s="613"/>
      <c r="ULJ679" s="613"/>
      <c r="ULK679" s="613"/>
      <c r="ULL679" s="613"/>
      <c r="ULM679" s="613"/>
      <c r="ULN679" s="613"/>
      <c r="ULO679" s="613"/>
      <c r="ULP679" s="613"/>
      <c r="ULQ679" s="613"/>
      <c r="ULR679" s="613"/>
      <c r="ULS679" s="613"/>
      <c r="ULT679" s="613"/>
      <c r="ULU679" s="613"/>
      <c r="ULV679" s="613"/>
      <c r="ULW679" s="613"/>
      <c r="ULX679" s="613"/>
      <c r="ULY679" s="613"/>
      <c r="ULZ679" s="613"/>
      <c r="UMA679" s="613"/>
      <c r="UMB679" s="613"/>
      <c r="UMC679" s="613"/>
      <c r="UMD679" s="613"/>
      <c r="UME679" s="613"/>
      <c r="UMF679" s="613"/>
      <c r="UMG679" s="613"/>
      <c r="UMH679" s="613"/>
      <c r="UMI679" s="613"/>
      <c r="UMJ679" s="613"/>
      <c r="UMK679" s="613"/>
      <c r="UML679" s="613"/>
      <c r="UMM679" s="613"/>
      <c r="UMN679" s="613"/>
      <c r="UMO679" s="613"/>
      <c r="UMP679" s="613"/>
      <c r="UMQ679" s="613"/>
      <c r="UMR679" s="613"/>
      <c r="UMS679" s="613"/>
      <c r="UMT679" s="613"/>
      <c r="UMU679" s="613"/>
      <c r="UMV679" s="613"/>
      <c r="UMW679" s="613"/>
      <c r="UMX679" s="613"/>
      <c r="UMY679" s="613"/>
      <c r="UMZ679" s="613"/>
      <c r="UNA679" s="613"/>
      <c r="UNB679" s="613"/>
      <c r="UNC679" s="613"/>
      <c r="UND679" s="613"/>
      <c r="UNE679" s="613"/>
      <c r="UNF679" s="613"/>
      <c r="UNG679" s="613"/>
      <c r="UNH679" s="613"/>
      <c r="UNI679" s="613"/>
      <c r="UNJ679" s="613"/>
      <c r="UNK679" s="613"/>
      <c r="UNL679" s="613"/>
      <c r="UNM679" s="613"/>
      <c r="UNN679" s="613"/>
      <c r="UNO679" s="613"/>
      <c r="UNP679" s="613"/>
      <c r="UNQ679" s="613"/>
      <c r="UNR679" s="613"/>
      <c r="UNS679" s="613"/>
      <c r="UNT679" s="613"/>
      <c r="UNU679" s="613"/>
      <c r="UNV679" s="613"/>
      <c r="UNW679" s="613"/>
      <c r="UNX679" s="613"/>
      <c r="UNY679" s="613"/>
      <c r="UNZ679" s="613"/>
      <c r="UOA679" s="613"/>
      <c r="UOB679" s="613"/>
      <c r="UOC679" s="613"/>
      <c r="UOD679" s="613"/>
      <c r="UOE679" s="613"/>
      <c r="UOF679" s="613"/>
      <c r="UOG679" s="613"/>
      <c r="UOH679" s="613"/>
      <c r="UOI679" s="613"/>
      <c r="UOJ679" s="613"/>
      <c r="UOK679" s="613"/>
      <c r="UOL679" s="613"/>
      <c r="UOM679" s="613"/>
      <c r="UON679" s="613"/>
      <c r="UOO679" s="613"/>
      <c r="UOP679" s="613"/>
      <c r="UOQ679" s="613"/>
      <c r="UOR679" s="613"/>
      <c r="UOS679" s="613"/>
      <c r="UOT679" s="613"/>
      <c r="UOU679" s="613"/>
      <c r="UOV679" s="613"/>
      <c r="UOW679" s="613"/>
      <c r="UOX679" s="613"/>
      <c r="UOY679" s="613"/>
      <c r="UOZ679" s="613"/>
      <c r="UPA679" s="613"/>
      <c r="UPB679" s="613"/>
      <c r="UPC679" s="613"/>
      <c r="UPD679" s="613"/>
      <c r="UPE679" s="613"/>
      <c r="UPF679" s="613"/>
      <c r="UPG679" s="613"/>
      <c r="UPH679" s="613"/>
      <c r="UPI679" s="613"/>
      <c r="UPJ679" s="613"/>
      <c r="UPK679" s="613"/>
      <c r="UPL679" s="613"/>
      <c r="UPM679" s="613"/>
      <c r="UPN679" s="613"/>
      <c r="UPO679" s="613"/>
      <c r="UPP679" s="613"/>
      <c r="UPQ679" s="613"/>
      <c r="UPR679" s="613"/>
      <c r="UPS679" s="613"/>
      <c r="UPT679" s="613"/>
      <c r="UPU679" s="613"/>
      <c r="UPV679" s="613"/>
      <c r="UPW679" s="613"/>
      <c r="UPX679" s="613"/>
      <c r="UPY679" s="613"/>
      <c r="UPZ679" s="613"/>
      <c r="UQA679" s="613"/>
      <c r="UQB679" s="613"/>
      <c r="UQC679" s="613"/>
      <c r="UQD679" s="613"/>
      <c r="UQE679" s="613"/>
      <c r="UQF679" s="613"/>
      <c r="UQG679" s="613"/>
      <c r="UQH679" s="613"/>
      <c r="UQI679" s="613"/>
      <c r="UQJ679" s="613"/>
      <c r="UQK679" s="613"/>
      <c r="UQL679" s="613"/>
      <c r="UQM679" s="613"/>
      <c r="UQN679" s="613"/>
      <c r="UQO679" s="613"/>
      <c r="UQP679" s="613"/>
      <c r="UQQ679" s="613"/>
      <c r="UQR679" s="613"/>
      <c r="UQS679" s="613"/>
      <c r="UQT679" s="613"/>
      <c r="UQU679" s="613"/>
      <c r="UQV679" s="613"/>
      <c r="UQW679" s="613"/>
      <c r="UQX679" s="613"/>
      <c r="UQY679" s="613"/>
      <c r="UQZ679" s="613"/>
      <c r="URA679" s="613"/>
      <c r="URB679" s="613"/>
      <c r="URC679" s="613"/>
      <c r="URD679" s="613"/>
      <c r="URE679" s="613"/>
      <c r="URF679" s="613"/>
      <c r="URG679" s="613"/>
      <c r="URH679" s="613"/>
      <c r="URI679" s="613"/>
      <c r="URJ679" s="613"/>
      <c r="URK679" s="613"/>
      <c r="URL679" s="613"/>
      <c r="URM679" s="613"/>
      <c r="URN679" s="613"/>
      <c r="URO679" s="613"/>
      <c r="URP679" s="613"/>
      <c r="URQ679" s="613"/>
      <c r="URR679" s="613"/>
      <c r="URS679" s="613"/>
      <c r="URT679" s="613"/>
      <c r="URU679" s="613"/>
      <c r="URV679" s="613"/>
      <c r="URW679" s="613"/>
      <c r="URX679" s="613"/>
      <c r="URY679" s="613"/>
      <c r="URZ679" s="613"/>
      <c r="USA679" s="613"/>
      <c r="USB679" s="613"/>
      <c r="USC679" s="613"/>
      <c r="USD679" s="613"/>
      <c r="USE679" s="613"/>
      <c r="USF679" s="613"/>
      <c r="USG679" s="613"/>
      <c r="USH679" s="613"/>
      <c r="USI679" s="613"/>
      <c r="USJ679" s="613"/>
      <c r="USK679" s="613"/>
      <c r="USL679" s="613"/>
      <c r="USM679" s="613"/>
      <c r="USN679" s="613"/>
      <c r="USO679" s="613"/>
      <c r="USP679" s="613"/>
      <c r="USQ679" s="613"/>
      <c r="USR679" s="613"/>
      <c r="USS679" s="613"/>
      <c r="UST679" s="613"/>
      <c r="USU679" s="613"/>
      <c r="USV679" s="613"/>
      <c r="USW679" s="613"/>
      <c r="USX679" s="613"/>
      <c r="USY679" s="613"/>
      <c r="USZ679" s="613"/>
      <c r="UTA679" s="613"/>
      <c r="UTB679" s="613"/>
      <c r="UTC679" s="613"/>
      <c r="UTD679" s="613"/>
      <c r="UTE679" s="613"/>
      <c r="UTF679" s="613"/>
      <c r="UTG679" s="613"/>
      <c r="UTH679" s="613"/>
      <c r="UTI679" s="613"/>
      <c r="UTJ679" s="613"/>
      <c r="UTK679" s="613"/>
      <c r="UTL679" s="613"/>
      <c r="UTM679" s="613"/>
      <c r="UTN679" s="613"/>
      <c r="UTO679" s="613"/>
      <c r="UTP679" s="613"/>
      <c r="UTQ679" s="613"/>
      <c r="UTR679" s="613"/>
      <c r="UTS679" s="613"/>
      <c r="UTT679" s="613"/>
      <c r="UTU679" s="613"/>
      <c r="UTV679" s="613"/>
      <c r="UTW679" s="613"/>
      <c r="UTX679" s="613"/>
      <c r="UTY679" s="613"/>
      <c r="UTZ679" s="613"/>
      <c r="UUA679" s="613"/>
      <c r="UUB679" s="613"/>
      <c r="UUC679" s="613"/>
      <c r="UUD679" s="613"/>
      <c r="UUE679" s="613"/>
      <c r="UUF679" s="613"/>
      <c r="UUG679" s="613"/>
      <c r="UUH679" s="613"/>
      <c r="UUI679" s="613"/>
      <c r="UUJ679" s="613"/>
      <c r="UUK679" s="613"/>
      <c r="UUL679" s="613"/>
      <c r="UUM679" s="613"/>
      <c r="UUN679" s="613"/>
      <c r="UUO679" s="613"/>
      <c r="UUP679" s="613"/>
      <c r="UUQ679" s="613"/>
      <c r="UUR679" s="613"/>
      <c r="UUS679" s="613"/>
      <c r="UUT679" s="613"/>
      <c r="UUU679" s="613"/>
      <c r="UUV679" s="613"/>
      <c r="UUW679" s="613"/>
      <c r="UUX679" s="613"/>
      <c r="UUY679" s="613"/>
      <c r="UUZ679" s="613"/>
      <c r="UVA679" s="613"/>
      <c r="UVB679" s="613"/>
      <c r="UVC679" s="613"/>
      <c r="UVD679" s="613"/>
      <c r="UVE679" s="613"/>
      <c r="UVF679" s="613"/>
      <c r="UVG679" s="613"/>
      <c r="UVH679" s="613"/>
      <c r="UVI679" s="613"/>
      <c r="UVJ679" s="613"/>
      <c r="UVK679" s="613"/>
      <c r="UVL679" s="613"/>
      <c r="UVM679" s="613"/>
      <c r="UVN679" s="613"/>
      <c r="UVO679" s="613"/>
      <c r="UVP679" s="613"/>
      <c r="UVQ679" s="613"/>
      <c r="UVR679" s="613"/>
      <c r="UVS679" s="613"/>
      <c r="UVT679" s="613"/>
      <c r="UVU679" s="613"/>
      <c r="UVV679" s="613"/>
      <c r="UVW679" s="613"/>
      <c r="UVX679" s="613"/>
      <c r="UVY679" s="613"/>
      <c r="UVZ679" s="613"/>
      <c r="UWA679" s="613"/>
      <c r="UWB679" s="613"/>
      <c r="UWC679" s="613"/>
      <c r="UWD679" s="613"/>
      <c r="UWE679" s="613"/>
      <c r="UWF679" s="613"/>
      <c r="UWG679" s="613"/>
      <c r="UWH679" s="613"/>
      <c r="UWI679" s="613"/>
      <c r="UWJ679" s="613"/>
      <c r="UWK679" s="613"/>
      <c r="UWL679" s="613"/>
      <c r="UWM679" s="613"/>
      <c r="UWN679" s="613"/>
      <c r="UWO679" s="613"/>
      <c r="UWP679" s="613"/>
      <c r="UWQ679" s="613"/>
      <c r="UWR679" s="613"/>
      <c r="UWS679" s="613"/>
      <c r="UWT679" s="613"/>
      <c r="UWU679" s="613"/>
      <c r="UWV679" s="613"/>
      <c r="UWW679" s="613"/>
      <c r="UWX679" s="613"/>
      <c r="UWY679" s="613"/>
      <c r="UWZ679" s="613"/>
      <c r="UXA679" s="613"/>
      <c r="UXB679" s="613"/>
      <c r="UXC679" s="613"/>
      <c r="UXD679" s="613"/>
      <c r="UXE679" s="613"/>
      <c r="UXF679" s="613"/>
      <c r="UXG679" s="613"/>
      <c r="UXH679" s="613"/>
      <c r="UXI679" s="613"/>
      <c r="UXJ679" s="613"/>
      <c r="UXK679" s="613"/>
      <c r="UXL679" s="613"/>
      <c r="UXM679" s="613"/>
      <c r="UXN679" s="613"/>
      <c r="UXO679" s="613"/>
      <c r="UXP679" s="613"/>
      <c r="UXQ679" s="613"/>
      <c r="UXR679" s="613"/>
      <c r="UXS679" s="613"/>
      <c r="UXT679" s="613"/>
      <c r="UXU679" s="613"/>
      <c r="UXV679" s="613"/>
      <c r="UXW679" s="613"/>
      <c r="UXX679" s="613"/>
      <c r="UXY679" s="613"/>
      <c r="UXZ679" s="613"/>
      <c r="UYA679" s="613"/>
      <c r="UYB679" s="613"/>
      <c r="UYC679" s="613"/>
      <c r="UYD679" s="613"/>
      <c r="UYE679" s="613"/>
      <c r="UYF679" s="613"/>
      <c r="UYG679" s="613"/>
      <c r="UYH679" s="613"/>
      <c r="UYI679" s="613"/>
      <c r="UYJ679" s="613"/>
      <c r="UYK679" s="613"/>
      <c r="UYL679" s="613"/>
      <c r="UYM679" s="613"/>
      <c r="UYN679" s="613"/>
      <c r="UYO679" s="613"/>
      <c r="UYP679" s="613"/>
      <c r="UYQ679" s="613"/>
      <c r="UYR679" s="613"/>
      <c r="UYS679" s="613"/>
      <c r="UYT679" s="613"/>
      <c r="UYU679" s="613"/>
      <c r="UYV679" s="613"/>
      <c r="UYW679" s="613"/>
      <c r="UYX679" s="613"/>
      <c r="UYY679" s="613"/>
      <c r="UYZ679" s="613"/>
      <c r="UZA679" s="613"/>
      <c r="UZB679" s="613"/>
      <c r="UZC679" s="613"/>
      <c r="UZD679" s="613"/>
      <c r="UZE679" s="613"/>
      <c r="UZF679" s="613"/>
      <c r="UZG679" s="613"/>
      <c r="UZH679" s="613"/>
      <c r="UZI679" s="613"/>
      <c r="UZJ679" s="613"/>
      <c r="UZK679" s="613"/>
      <c r="UZL679" s="613"/>
      <c r="UZM679" s="613"/>
      <c r="UZN679" s="613"/>
      <c r="UZO679" s="613"/>
      <c r="UZP679" s="613"/>
      <c r="UZQ679" s="613"/>
      <c r="UZR679" s="613"/>
      <c r="UZS679" s="613"/>
      <c r="UZT679" s="613"/>
      <c r="UZU679" s="613"/>
      <c r="UZV679" s="613"/>
      <c r="UZW679" s="613"/>
      <c r="UZX679" s="613"/>
      <c r="UZY679" s="613"/>
      <c r="UZZ679" s="613"/>
      <c r="VAA679" s="613"/>
      <c r="VAB679" s="613"/>
      <c r="VAC679" s="613"/>
      <c r="VAD679" s="613"/>
      <c r="VAE679" s="613"/>
      <c r="VAF679" s="613"/>
      <c r="VAG679" s="613"/>
      <c r="VAH679" s="613"/>
      <c r="VAI679" s="613"/>
      <c r="VAJ679" s="613"/>
      <c r="VAK679" s="613"/>
      <c r="VAL679" s="613"/>
      <c r="VAM679" s="613"/>
      <c r="VAN679" s="613"/>
      <c r="VAO679" s="613"/>
      <c r="VAP679" s="613"/>
      <c r="VAQ679" s="613"/>
      <c r="VAR679" s="613"/>
      <c r="VAS679" s="613"/>
      <c r="VAT679" s="613"/>
      <c r="VAU679" s="613"/>
      <c r="VAV679" s="613"/>
      <c r="VAW679" s="613"/>
      <c r="VAX679" s="613"/>
      <c r="VAY679" s="613"/>
      <c r="VAZ679" s="613"/>
      <c r="VBA679" s="613"/>
      <c r="VBB679" s="613"/>
      <c r="VBC679" s="613"/>
      <c r="VBD679" s="613"/>
      <c r="VBE679" s="613"/>
      <c r="VBF679" s="613"/>
      <c r="VBG679" s="613"/>
      <c r="VBH679" s="613"/>
      <c r="VBI679" s="613"/>
      <c r="VBJ679" s="613"/>
      <c r="VBK679" s="613"/>
      <c r="VBL679" s="613"/>
      <c r="VBM679" s="613"/>
      <c r="VBN679" s="613"/>
      <c r="VBO679" s="613"/>
      <c r="VBP679" s="613"/>
      <c r="VBQ679" s="613"/>
      <c r="VBR679" s="613"/>
      <c r="VBS679" s="613"/>
      <c r="VBT679" s="613"/>
      <c r="VBU679" s="613"/>
      <c r="VBV679" s="613"/>
      <c r="VBW679" s="613"/>
      <c r="VBX679" s="613"/>
      <c r="VBY679" s="613"/>
      <c r="VBZ679" s="613"/>
      <c r="VCA679" s="613"/>
      <c r="VCB679" s="613"/>
      <c r="VCC679" s="613"/>
      <c r="VCD679" s="613"/>
      <c r="VCE679" s="613"/>
      <c r="VCF679" s="613"/>
      <c r="VCG679" s="613"/>
      <c r="VCH679" s="613"/>
      <c r="VCI679" s="613"/>
      <c r="VCJ679" s="613"/>
      <c r="VCK679" s="613"/>
      <c r="VCL679" s="613"/>
      <c r="VCM679" s="613"/>
      <c r="VCN679" s="613"/>
      <c r="VCO679" s="613"/>
      <c r="VCP679" s="613"/>
      <c r="VCQ679" s="613"/>
      <c r="VCR679" s="613"/>
      <c r="VCS679" s="613"/>
      <c r="VCT679" s="613"/>
      <c r="VCU679" s="613"/>
      <c r="VCV679" s="613"/>
      <c r="VCW679" s="613"/>
      <c r="VCX679" s="613"/>
      <c r="VCY679" s="613"/>
      <c r="VCZ679" s="613"/>
      <c r="VDA679" s="613"/>
      <c r="VDB679" s="613"/>
      <c r="VDC679" s="613"/>
      <c r="VDD679" s="613"/>
      <c r="VDE679" s="613"/>
      <c r="VDF679" s="613"/>
      <c r="VDG679" s="613"/>
      <c r="VDH679" s="613"/>
      <c r="VDI679" s="613"/>
      <c r="VDJ679" s="613"/>
      <c r="VDK679" s="613"/>
      <c r="VDL679" s="613"/>
      <c r="VDM679" s="613"/>
      <c r="VDN679" s="613"/>
      <c r="VDO679" s="613"/>
      <c r="VDP679" s="613"/>
      <c r="VDQ679" s="613"/>
      <c r="VDR679" s="613"/>
      <c r="VDS679" s="613"/>
      <c r="VDT679" s="613"/>
      <c r="VDU679" s="613"/>
      <c r="VDV679" s="613"/>
      <c r="VDW679" s="613"/>
      <c r="VDX679" s="613"/>
      <c r="VDY679" s="613"/>
      <c r="VDZ679" s="613"/>
      <c r="VEA679" s="613"/>
      <c r="VEB679" s="613"/>
      <c r="VEC679" s="613"/>
      <c r="VED679" s="613"/>
      <c r="VEE679" s="613"/>
      <c r="VEF679" s="613"/>
      <c r="VEG679" s="613"/>
      <c r="VEH679" s="613"/>
      <c r="VEI679" s="613"/>
      <c r="VEJ679" s="613"/>
      <c r="VEK679" s="613"/>
      <c r="VEL679" s="613"/>
      <c r="VEM679" s="613"/>
      <c r="VEN679" s="613"/>
      <c r="VEO679" s="613"/>
      <c r="VEP679" s="613"/>
      <c r="VEQ679" s="613"/>
      <c r="VER679" s="613"/>
      <c r="VES679" s="613"/>
      <c r="VET679" s="613"/>
      <c r="VEU679" s="613"/>
      <c r="VEV679" s="613"/>
      <c r="VEW679" s="613"/>
      <c r="VEX679" s="613"/>
      <c r="VEY679" s="613"/>
      <c r="VEZ679" s="613"/>
      <c r="VFA679" s="613"/>
      <c r="VFB679" s="613"/>
      <c r="VFC679" s="613"/>
      <c r="VFD679" s="613"/>
      <c r="VFE679" s="613"/>
      <c r="VFF679" s="613"/>
      <c r="VFG679" s="613"/>
      <c r="VFH679" s="613"/>
      <c r="VFI679" s="613"/>
      <c r="VFJ679" s="613"/>
      <c r="VFK679" s="613"/>
      <c r="VFL679" s="613"/>
      <c r="VFM679" s="613"/>
      <c r="VFN679" s="613"/>
      <c r="VFO679" s="613"/>
      <c r="VFP679" s="613"/>
      <c r="VFQ679" s="613"/>
      <c r="VFR679" s="613"/>
      <c r="VFS679" s="613"/>
      <c r="VFT679" s="613"/>
      <c r="VFU679" s="613"/>
      <c r="VFV679" s="613"/>
      <c r="VFW679" s="613"/>
      <c r="VFX679" s="613"/>
      <c r="VFY679" s="613"/>
      <c r="VFZ679" s="613"/>
      <c r="VGA679" s="613"/>
      <c r="VGB679" s="613"/>
      <c r="VGC679" s="613"/>
      <c r="VGD679" s="613"/>
      <c r="VGE679" s="613"/>
      <c r="VGF679" s="613"/>
      <c r="VGG679" s="613"/>
      <c r="VGH679" s="613"/>
      <c r="VGI679" s="613"/>
      <c r="VGJ679" s="613"/>
      <c r="VGK679" s="613"/>
      <c r="VGL679" s="613"/>
      <c r="VGM679" s="613"/>
      <c r="VGN679" s="613"/>
      <c r="VGO679" s="613"/>
      <c r="VGP679" s="613"/>
      <c r="VGQ679" s="613"/>
      <c r="VGR679" s="613"/>
      <c r="VGS679" s="613"/>
      <c r="VGT679" s="613"/>
      <c r="VGU679" s="613"/>
      <c r="VGV679" s="613"/>
      <c r="VGW679" s="613"/>
      <c r="VGX679" s="613"/>
      <c r="VGY679" s="613"/>
      <c r="VGZ679" s="613"/>
      <c r="VHA679" s="613"/>
      <c r="VHB679" s="613"/>
      <c r="VHC679" s="613"/>
      <c r="VHD679" s="613"/>
      <c r="VHE679" s="613"/>
      <c r="VHF679" s="613"/>
      <c r="VHG679" s="613"/>
      <c r="VHH679" s="613"/>
      <c r="VHI679" s="613"/>
      <c r="VHJ679" s="613"/>
      <c r="VHK679" s="613"/>
      <c r="VHL679" s="613"/>
      <c r="VHM679" s="613"/>
      <c r="VHN679" s="613"/>
      <c r="VHO679" s="613"/>
      <c r="VHP679" s="613"/>
      <c r="VHQ679" s="613"/>
      <c r="VHR679" s="613"/>
      <c r="VHS679" s="613"/>
      <c r="VHT679" s="613"/>
      <c r="VHU679" s="613"/>
      <c r="VHV679" s="613"/>
      <c r="VHW679" s="613"/>
      <c r="VHX679" s="613"/>
      <c r="VHY679" s="613"/>
      <c r="VHZ679" s="613"/>
      <c r="VIA679" s="613"/>
      <c r="VIB679" s="613"/>
      <c r="VIC679" s="613"/>
      <c r="VID679" s="613"/>
      <c r="VIE679" s="613"/>
      <c r="VIF679" s="613"/>
      <c r="VIG679" s="613"/>
      <c r="VIH679" s="613"/>
      <c r="VII679" s="613"/>
      <c r="VIJ679" s="613"/>
      <c r="VIK679" s="613"/>
      <c r="VIL679" s="613"/>
      <c r="VIM679" s="613"/>
      <c r="VIN679" s="613"/>
      <c r="VIO679" s="613"/>
      <c r="VIP679" s="613"/>
      <c r="VIQ679" s="613"/>
      <c r="VIR679" s="613"/>
      <c r="VIS679" s="613"/>
      <c r="VIT679" s="613"/>
      <c r="VIU679" s="613"/>
      <c r="VIV679" s="613"/>
      <c r="VIW679" s="613"/>
      <c r="VIX679" s="613"/>
      <c r="VIY679" s="613"/>
      <c r="VIZ679" s="613"/>
      <c r="VJA679" s="613"/>
      <c r="VJB679" s="613"/>
      <c r="VJC679" s="613"/>
      <c r="VJD679" s="613"/>
      <c r="VJE679" s="613"/>
      <c r="VJF679" s="613"/>
      <c r="VJG679" s="613"/>
      <c r="VJH679" s="613"/>
      <c r="VJI679" s="613"/>
      <c r="VJJ679" s="613"/>
      <c r="VJK679" s="613"/>
      <c r="VJL679" s="613"/>
      <c r="VJM679" s="613"/>
      <c r="VJN679" s="613"/>
      <c r="VJO679" s="613"/>
      <c r="VJP679" s="613"/>
      <c r="VJQ679" s="613"/>
      <c r="VJR679" s="613"/>
      <c r="VJS679" s="613"/>
      <c r="VJT679" s="613"/>
      <c r="VJU679" s="613"/>
      <c r="VJV679" s="613"/>
      <c r="VJW679" s="613"/>
      <c r="VJX679" s="613"/>
      <c r="VJY679" s="613"/>
      <c r="VJZ679" s="613"/>
      <c r="VKA679" s="613"/>
      <c r="VKB679" s="613"/>
      <c r="VKC679" s="613"/>
      <c r="VKD679" s="613"/>
      <c r="VKE679" s="613"/>
      <c r="VKF679" s="613"/>
      <c r="VKG679" s="613"/>
      <c r="VKH679" s="613"/>
      <c r="VKI679" s="613"/>
      <c r="VKJ679" s="613"/>
      <c r="VKK679" s="613"/>
      <c r="VKL679" s="613"/>
      <c r="VKM679" s="613"/>
      <c r="VKN679" s="613"/>
      <c r="VKO679" s="613"/>
      <c r="VKP679" s="613"/>
      <c r="VKQ679" s="613"/>
      <c r="VKR679" s="613"/>
      <c r="VKS679" s="613"/>
      <c r="VKT679" s="613"/>
      <c r="VKU679" s="613"/>
      <c r="VKV679" s="613"/>
      <c r="VKW679" s="613"/>
      <c r="VKX679" s="613"/>
      <c r="VKY679" s="613"/>
      <c r="VKZ679" s="613"/>
      <c r="VLA679" s="613"/>
      <c r="VLB679" s="613"/>
      <c r="VLC679" s="613"/>
      <c r="VLD679" s="613"/>
      <c r="VLE679" s="613"/>
      <c r="VLF679" s="613"/>
      <c r="VLG679" s="613"/>
      <c r="VLH679" s="613"/>
      <c r="VLI679" s="613"/>
      <c r="VLJ679" s="613"/>
      <c r="VLK679" s="613"/>
      <c r="VLL679" s="613"/>
      <c r="VLM679" s="613"/>
      <c r="VLN679" s="613"/>
      <c r="VLO679" s="613"/>
      <c r="VLP679" s="613"/>
      <c r="VLQ679" s="613"/>
      <c r="VLR679" s="613"/>
      <c r="VLS679" s="613"/>
      <c r="VLT679" s="613"/>
      <c r="VLU679" s="613"/>
      <c r="VLV679" s="613"/>
      <c r="VLW679" s="613"/>
      <c r="VLX679" s="613"/>
      <c r="VLY679" s="613"/>
      <c r="VLZ679" s="613"/>
      <c r="VMA679" s="613"/>
      <c r="VMB679" s="613"/>
      <c r="VMC679" s="613"/>
      <c r="VMD679" s="613"/>
      <c r="VME679" s="613"/>
      <c r="VMF679" s="613"/>
      <c r="VMG679" s="613"/>
      <c r="VMH679" s="613"/>
      <c r="VMI679" s="613"/>
      <c r="VMJ679" s="613"/>
      <c r="VMK679" s="613"/>
      <c r="VML679" s="613"/>
      <c r="VMM679" s="613"/>
      <c r="VMN679" s="613"/>
      <c r="VMO679" s="613"/>
      <c r="VMP679" s="613"/>
      <c r="VMQ679" s="613"/>
      <c r="VMR679" s="613"/>
      <c r="VMS679" s="613"/>
      <c r="VMT679" s="613"/>
      <c r="VMU679" s="613"/>
      <c r="VMV679" s="613"/>
      <c r="VMW679" s="613"/>
      <c r="VMX679" s="613"/>
      <c r="VMY679" s="613"/>
      <c r="VMZ679" s="613"/>
      <c r="VNA679" s="613"/>
      <c r="VNB679" s="613"/>
      <c r="VNC679" s="613"/>
      <c r="VND679" s="613"/>
      <c r="VNE679" s="613"/>
      <c r="VNF679" s="613"/>
      <c r="VNG679" s="613"/>
      <c r="VNH679" s="613"/>
      <c r="VNI679" s="613"/>
      <c r="VNJ679" s="613"/>
      <c r="VNK679" s="613"/>
      <c r="VNL679" s="613"/>
      <c r="VNM679" s="613"/>
      <c r="VNN679" s="613"/>
      <c r="VNO679" s="613"/>
      <c r="VNP679" s="613"/>
      <c r="VNQ679" s="613"/>
      <c r="VNR679" s="613"/>
      <c r="VNS679" s="613"/>
      <c r="VNT679" s="613"/>
      <c r="VNU679" s="613"/>
      <c r="VNV679" s="613"/>
      <c r="VNW679" s="613"/>
      <c r="VNX679" s="613"/>
      <c r="VNY679" s="613"/>
      <c r="VNZ679" s="613"/>
      <c r="VOA679" s="613"/>
      <c r="VOB679" s="613"/>
      <c r="VOC679" s="613"/>
      <c r="VOD679" s="613"/>
      <c r="VOE679" s="613"/>
      <c r="VOF679" s="613"/>
      <c r="VOG679" s="613"/>
      <c r="VOH679" s="613"/>
      <c r="VOI679" s="613"/>
      <c r="VOJ679" s="613"/>
      <c r="VOK679" s="613"/>
      <c r="VOL679" s="613"/>
      <c r="VOM679" s="613"/>
      <c r="VON679" s="613"/>
      <c r="VOO679" s="613"/>
      <c r="VOP679" s="613"/>
      <c r="VOQ679" s="613"/>
      <c r="VOR679" s="613"/>
      <c r="VOS679" s="613"/>
      <c r="VOT679" s="613"/>
      <c r="VOU679" s="613"/>
      <c r="VOV679" s="613"/>
      <c r="VOW679" s="613"/>
      <c r="VOX679" s="613"/>
      <c r="VOY679" s="613"/>
      <c r="VOZ679" s="613"/>
      <c r="VPA679" s="613"/>
      <c r="VPB679" s="613"/>
      <c r="VPC679" s="613"/>
      <c r="VPD679" s="613"/>
      <c r="VPE679" s="613"/>
      <c r="VPF679" s="613"/>
      <c r="VPG679" s="613"/>
      <c r="VPH679" s="613"/>
      <c r="VPI679" s="613"/>
      <c r="VPJ679" s="613"/>
      <c r="VPK679" s="613"/>
      <c r="VPL679" s="613"/>
      <c r="VPM679" s="613"/>
      <c r="VPN679" s="613"/>
      <c r="VPO679" s="613"/>
      <c r="VPP679" s="613"/>
      <c r="VPQ679" s="613"/>
      <c r="VPR679" s="613"/>
      <c r="VPS679" s="613"/>
      <c r="VPT679" s="613"/>
      <c r="VPU679" s="613"/>
      <c r="VPV679" s="613"/>
      <c r="VPW679" s="613"/>
      <c r="VPX679" s="613"/>
      <c r="VPY679" s="613"/>
      <c r="VPZ679" s="613"/>
      <c r="VQA679" s="613"/>
      <c r="VQB679" s="613"/>
      <c r="VQC679" s="613"/>
      <c r="VQD679" s="613"/>
      <c r="VQE679" s="613"/>
      <c r="VQF679" s="613"/>
      <c r="VQG679" s="613"/>
      <c r="VQH679" s="613"/>
      <c r="VQI679" s="613"/>
      <c r="VQJ679" s="613"/>
      <c r="VQK679" s="613"/>
      <c r="VQL679" s="613"/>
      <c r="VQM679" s="613"/>
      <c r="VQN679" s="613"/>
      <c r="VQO679" s="613"/>
      <c r="VQP679" s="613"/>
      <c r="VQQ679" s="613"/>
      <c r="VQR679" s="613"/>
      <c r="VQS679" s="613"/>
      <c r="VQT679" s="613"/>
      <c r="VQU679" s="613"/>
      <c r="VQV679" s="613"/>
      <c r="VQW679" s="613"/>
      <c r="VQX679" s="613"/>
      <c r="VQY679" s="613"/>
      <c r="VQZ679" s="613"/>
      <c r="VRA679" s="613"/>
      <c r="VRB679" s="613"/>
      <c r="VRC679" s="613"/>
      <c r="VRD679" s="613"/>
      <c r="VRE679" s="613"/>
      <c r="VRF679" s="613"/>
      <c r="VRG679" s="613"/>
      <c r="VRH679" s="613"/>
      <c r="VRI679" s="613"/>
      <c r="VRJ679" s="613"/>
      <c r="VRK679" s="613"/>
      <c r="VRL679" s="613"/>
      <c r="VRM679" s="613"/>
      <c r="VRN679" s="613"/>
      <c r="VRO679" s="613"/>
      <c r="VRP679" s="613"/>
      <c r="VRQ679" s="613"/>
      <c r="VRR679" s="613"/>
      <c r="VRS679" s="613"/>
      <c r="VRT679" s="613"/>
      <c r="VRU679" s="613"/>
      <c r="VRV679" s="613"/>
      <c r="VRW679" s="613"/>
      <c r="VRX679" s="613"/>
      <c r="VRY679" s="613"/>
      <c r="VRZ679" s="613"/>
      <c r="VSA679" s="613"/>
      <c r="VSB679" s="613"/>
      <c r="VSC679" s="613"/>
      <c r="VSD679" s="613"/>
      <c r="VSE679" s="613"/>
      <c r="VSF679" s="613"/>
      <c r="VSG679" s="613"/>
      <c r="VSH679" s="613"/>
      <c r="VSI679" s="613"/>
      <c r="VSJ679" s="613"/>
      <c r="VSK679" s="613"/>
      <c r="VSL679" s="613"/>
      <c r="VSM679" s="613"/>
      <c r="VSN679" s="613"/>
      <c r="VSO679" s="613"/>
      <c r="VSP679" s="613"/>
      <c r="VSQ679" s="613"/>
      <c r="VSR679" s="613"/>
      <c r="VSS679" s="613"/>
      <c r="VST679" s="613"/>
      <c r="VSU679" s="613"/>
      <c r="VSV679" s="613"/>
      <c r="VSW679" s="613"/>
      <c r="VSX679" s="613"/>
      <c r="VSY679" s="613"/>
      <c r="VSZ679" s="613"/>
      <c r="VTA679" s="613"/>
      <c r="VTB679" s="613"/>
      <c r="VTC679" s="613"/>
      <c r="VTD679" s="613"/>
      <c r="VTE679" s="613"/>
      <c r="VTF679" s="613"/>
      <c r="VTG679" s="613"/>
      <c r="VTH679" s="613"/>
      <c r="VTI679" s="613"/>
      <c r="VTJ679" s="613"/>
      <c r="VTK679" s="613"/>
      <c r="VTL679" s="613"/>
      <c r="VTM679" s="613"/>
      <c r="VTN679" s="613"/>
      <c r="VTO679" s="613"/>
      <c r="VTP679" s="613"/>
      <c r="VTQ679" s="613"/>
      <c r="VTR679" s="613"/>
      <c r="VTS679" s="613"/>
      <c r="VTT679" s="613"/>
      <c r="VTU679" s="613"/>
      <c r="VTV679" s="613"/>
      <c r="VTW679" s="613"/>
      <c r="VTX679" s="613"/>
      <c r="VTY679" s="613"/>
      <c r="VTZ679" s="613"/>
      <c r="VUA679" s="613"/>
      <c r="VUB679" s="613"/>
      <c r="VUC679" s="613"/>
      <c r="VUD679" s="613"/>
      <c r="VUE679" s="613"/>
      <c r="VUF679" s="613"/>
      <c r="VUG679" s="613"/>
      <c r="VUH679" s="613"/>
      <c r="VUI679" s="613"/>
      <c r="VUJ679" s="613"/>
      <c r="VUK679" s="613"/>
      <c r="VUL679" s="613"/>
      <c r="VUM679" s="613"/>
      <c r="VUN679" s="613"/>
      <c r="VUO679" s="613"/>
      <c r="VUP679" s="613"/>
      <c r="VUQ679" s="613"/>
      <c r="VUR679" s="613"/>
      <c r="VUS679" s="613"/>
      <c r="VUT679" s="613"/>
      <c r="VUU679" s="613"/>
      <c r="VUV679" s="613"/>
      <c r="VUW679" s="613"/>
      <c r="VUX679" s="613"/>
      <c r="VUY679" s="613"/>
      <c r="VUZ679" s="613"/>
      <c r="VVA679" s="613"/>
      <c r="VVB679" s="613"/>
      <c r="VVC679" s="613"/>
      <c r="VVD679" s="613"/>
      <c r="VVE679" s="613"/>
      <c r="VVF679" s="613"/>
      <c r="VVG679" s="613"/>
      <c r="VVH679" s="613"/>
      <c r="VVI679" s="613"/>
      <c r="VVJ679" s="613"/>
      <c r="VVK679" s="613"/>
      <c r="VVL679" s="613"/>
      <c r="VVM679" s="613"/>
      <c r="VVN679" s="613"/>
      <c r="VVO679" s="613"/>
      <c r="VVP679" s="613"/>
      <c r="VVQ679" s="613"/>
      <c r="VVR679" s="613"/>
      <c r="VVS679" s="613"/>
      <c r="VVT679" s="613"/>
      <c r="VVU679" s="613"/>
      <c r="VVV679" s="613"/>
      <c r="VVW679" s="613"/>
      <c r="VVX679" s="613"/>
      <c r="VVY679" s="613"/>
      <c r="VVZ679" s="613"/>
      <c r="VWA679" s="613"/>
      <c r="VWB679" s="613"/>
      <c r="VWC679" s="613"/>
      <c r="VWD679" s="613"/>
      <c r="VWE679" s="613"/>
      <c r="VWF679" s="613"/>
      <c r="VWG679" s="613"/>
      <c r="VWH679" s="613"/>
      <c r="VWI679" s="613"/>
      <c r="VWJ679" s="613"/>
      <c r="VWK679" s="613"/>
      <c r="VWL679" s="613"/>
      <c r="VWM679" s="613"/>
      <c r="VWN679" s="613"/>
      <c r="VWO679" s="613"/>
      <c r="VWP679" s="613"/>
      <c r="VWQ679" s="613"/>
      <c r="VWR679" s="613"/>
      <c r="VWS679" s="613"/>
      <c r="VWT679" s="613"/>
      <c r="VWU679" s="613"/>
      <c r="VWV679" s="613"/>
      <c r="VWW679" s="613"/>
      <c r="VWX679" s="613"/>
      <c r="VWY679" s="613"/>
      <c r="VWZ679" s="613"/>
      <c r="VXA679" s="613"/>
      <c r="VXB679" s="613"/>
      <c r="VXC679" s="613"/>
      <c r="VXD679" s="613"/>
      <c r="VXE679" s="613"/>
      <c r="VXF679" s="613"/>
      <c r="VXG679" s="613"/>
      <c r="VXH679" s="613"/>
      <c r="VXI679" s="613"/>
      <c r="VXJ679" s="613"/>
      <c r="VXK679" s="613"/>
      <c r="VXL679" s="613"/>
      <c r="VXM679" s="613"/>
      <c r="VXN679" s="613"/>
      <c r="VXO679" s="613"/>
      <c r="VXP679" s="613"/>
      <c r="VXQ679" s="613"/>
      <c r="VXR679" s="613"/>
      <c r="VXS679" s="613"/>
      <c r="VXT679" s="613"/>
      <c r="VXU679" s="613"/>
      <c r="VXV679" s="613"/>
      <c r="VXW679" s="613"/>
      <c r="VXX679" s="613"/>
      <c r="VXY679" s="613"/>
      <c r="VXZ679" s="613"/>
      <c r="VYA679" s="613"/>
      <c r="VYB679" s="613"/>
      <c r="VYC679" s="613"/>
      <c r="VYD679" s="613"/>
      <c r="VYE679" s="613"/>
      <c r="VYF679" s="613"/>
      <c r="VYG679" s="613"/>
      <c r="VYH679" s="613"/>
      <c r="VYI679" s="613"/>
      <c r="VYJ679" s="613"/>
      <c r="VYK679" s="613"/>
      <c r="VYL679" s="613"/>
      <c r="VYM679" s="613"/>
      <c r="VYN679" s="613"/>
      <c r="VYO679" s="613"/>
      <c r="VYP679" s="613"/>
      <c r="VYQ679" s="613"/>
      <c r="VYR679" s="613"/>
      <c r="VYS679" s="613"/>
      <c r="VYT679" s="613"/>
      <c r="VYU679" s="613"/>
      <c r="VYV679" s="613"/>
      <c r="VYW679" s="613"/>
      <c r="VYX679" s="613"/>
      <c r="VYY679" s="613"/>
      <c r="VYZ679" s="613"/>
      <c r="VZA679" s="613"/>
      <c r="VZB679" s="613"/>
      <c r="VZC679" s="613"/>
      <c r="VZD679" s="613"/>
      <c r="VZE679" s="613"/>
      <c r="VZF679" s="613"/>
      <c r="VZG679" s="613"/>
      <c r="VZH679" s="613"/>
      <c r="VZI679" s="613"/>
      <c r="VZJ679" s="613"/>
      <c r="VZK679" s="613"/>
      <c r="VZL679" s="613"/>
      <c r="VZM679" s="613"/>
      <c r="VZN679" s="613"/>
      <c r="VZO679" s="613"/>
      <c r="VZP679" s="613"/>
      <c r="VZQ679" s="613"/>
      <c r="VZR679" s="613"/>
      <c r="VZS679" s="613"/>
      <c r="VZT679" s="613"/>
      <c r="VZU679" s="613"/>
      <c r="VZV679" s="613"/>
      <c r="VZW679" s="613"/>
      <c r="VZX679" s="613"/>
      <c r="VZY679" s="613"/>
      <c r="VZZ679" s="613"/>
      <c r="WAA679" s="613"/>
      <c r="WAB679" s="613"/>
      <c r="WAC679" s="613"/>
      <c r="WAD679" s="613"/>
      <c r="WAE679" s="613"/>
      <c r="WAF679" s="613"/>
      <c r="WAG679" s="613"/>
      <c r="WAH679" s="613"/>
      <c r="WAI679" s="613"/>
      <c r="WAJ679" s="613"/>
      <c r="WAK679" s="613"/>
      <c r="WAL679" s="613"/>
      <c r="WAM679" s="613"/>
      <c r="WAN679" s="613"/>
      <c r="WAO679" s="613"/>
      <c r="WAP679" s="613"/>
      <c r="WAQ679" s="613"/>
      <c r="WAR679" s="613"/>
      <c r="WAS679" s="613"/>
      <c r="WAT679" s="613"/>
      <c r="WAU679" s="613"/>
      <c r="WAV679" s="613"/>
      <c r="WAW679" s="613"/>
      <c r="WAX679" s="613"/>
      <c r="WAY679" s="613"/>
      <c r="WAZ679" s="613"/>
      <c r="WBA679" s="613"/>
      <c r="WBB679" s="613"/>
      <c r="WBC679" s="613"/>
      <c r="WBD679" s="613"/>
      <c r="WBE679" s="613"/>
      <c r="WBF679" s="613"/>
      <c r="WBG679" s="613"/>
      <c r="WBH679" s="613"/>
      <c r="WBI679" s="613"/>
      <c r="WBJ679" s="613"/>
      <c r="WBK679" s="613"/>
      <c r="WBL679" s="613"/>
      <c r="WBM679" s="613"/>
      <c r="WBN679" s="613"/>
      <c r="WBO679" s="613"/>
      <c r="WBP679" s="613"/>
      <c r="WBQ679" s="613"/>
      <c r="WBR679" s="613"/>
      <c r="WBS679" s="613"/>
      <c r="WBT679" s="613"/>
      <c r="WBU679" s="613"/>
      <c r="WBV679" s="613"/>
      <c r="WBW679" s="613"/>
      <c r="WBX679" s="613"/>
      <c r="WBY679" s="613"/>
      <c r="WBZ679" s="613"/>
      <c r="WCA679" s="613"/>
      <c r="WCB679" s="613"/>
      <c r="WCC679" s="613"/>
      <c r="WCD679" s="613"/>
      <c r="WCE679" s="613"/>
      <c r="WCF679" s="613"/>
      <c r="WCG679" s="613"/>
      <c r="WCH679" s="613"/>
      <c r="WCI679" s="613"/>
      <c r="WCJ679" s="613"/>
      <c r="WCK679" s="613"/>
      <c r="WCL679" s="613"/>
      <c r="WCM679" s="613"/>
      <c r="WCN679" s="613"/>
      <c r="WCO679" s="613"/>
      <c r="WCP679" s="613"/>
      <c r="WCQ679" s="613"/>
      <c r="WCR679" s="613"/>
      <c r="WCS679" s="613"/>
      <c r="WCT679" s="613"/>
      <c r="WCU679" s="613"/>
      <c r="WCV679" s="613"/>
      <c r="WCW679" s="613"/>
      <c r="WCX679" s="613"/>
      <c r="WCY679" s="613"/>
      <c r="WCZ679" s="613"/>
      <c r="WDA679" s="613"/>
      <c r="WDB679" s="613"/>
      <c r="WDC679" s="613"/>
      <c r="WDD679" s="613"/>
      <c r="WDE679" s="613"/>
      <c r="WDF679" s="613"/>
      <c r="WDG679" s="613"/>
      <c r="WDH679" s="613"/>
      <c r="WDI679" s="613"/>
      <c r="WDJ679" s="613"/>
      <c r="WDK679" s="613"/>
      <c r="WDL679" s="613"/>
      <c r="WDM679" s="613"/>
      <c r="WDN679" s="613"/>
      <c r="WDO679" s="613"/>
      <c r="WDP679" s="613"/>
      <c r="WDQ679" s="613"/>
      <c r="WDR679" s="613"/>
      <c r="WDS679" s="613"/>
      <c r="WDT679" s="613"/>
      <c r="WDU679" s="613"/>
      <c r="WDV679" s="613"/>
      <c r="WDW679" s="613"/>
      <c r="WDX679" s="613"/>
      <c r="WDY679" s="613"/>
      <c r="WDZ679" s="613"/>
      <c r="WEA679" s="613"/>
      <c r="WEB679" s="613"/>
      <c r="WEC679" s="613"/>
      <c r="WED679" s="613"/>
      <c r="WEE679" s="613"/>
      <c r="WEF679" s="613"/>
      <c r="WEG679" s="613"/>
      <c r="WEH679" s="613"/>
      <c r="WEI679" s="613"/>
      <c r="WEJ679" s="613"/>
      <c r="WEK679" s="613"/>
      <c r="WEL679" s="613"/>
      <c r="WEM679" s="613"/>
      <c r="WEN679" s="613"/>
      <c r="WEO679" s="613"/>
      <c r="WEP679" s="613"/>
      <c r="WEQ679" s="613"/>
      <c r="WER679" s="613"/>
      <c r="WES679" s="613"/>
      <c r="WET679" s="613"/>
      <c r="WEU679" s="613"/>
      <c r="WEV679" s="613"/>
      <c r="WEW679" s="613"/>
      <c r="WEX679" s="613"/>
      <c r="WEY679" s="613"/>
      <c r="WEZ679" s="613"/>
      <c r="WFA679" s="613"/>
      <c r="WFB679" s="613"/>
      <c r="WFC679" s="613"/>
      <c r="WFD679" s="613"/>
      <c r="WFE679" s="613"/>
      <c r="WFF679" s="613"/>
      <c r="WFG679" s="613"/>
      <c r="WFH679" s="613"/>
      <c r="WFI679" s="613"/>
      <c r="WFJ679" s="613"/>
      <c r="WFK679" s="613"/>
      <c r="WFL679" s="613"/>
      <c r="WFM679" s="613"/>
      <c r="WFN679" s="613"/>
      <c r="WFO679" s="613"/>
      <c r="WFP679" s="613"/>
      <c r="WFQ679" s="613"/>
      <c r="WFR679" s="613"/>
      <c r="WFS679" s="613"/>
      <c r="WFT679" s="613"/>
      <c r="WFU679" s="613"/>
      <c r="WFV679" s="613"/>
      <c r="WFW679" s="613"/>
      <c r="WFX679" s="613"/>
      <c r="WFY679" s="613"/>
      <c r="WFZ679" s="613"/>
      <c r="WGA679" s="613"/>
      <c r="WGB679" s="613"/>
      <c r="WGC679" s="613"/>
      <c r="WGD679" s="613"/>
      <c r="WGE679" s="613"/>
      <c r="WGF679" s="613"/>
      <c r="WGG679" s="613"/>
      <c r="WGH679" s="613"/>
      <c r="WGI679" s="613"/>
      <c r="WGJ679" s="613"/>
      <c r="WGK679" s="613"/>
      <c r="WGL679" s="613"/>
      <c r="WGM679" s="613"/>
      <c r="WGN679" s="613"/>
      <c r="WGO679" s="613"/>
      <c r="WGP679" s="613"/>
      <c r="WGQ679" s="613"/>
      <c r="WGR679" s="613"/>
      <c r="WGS679" s="613"/>
      <c r="WGT679" s="613"/>
      <c r="WGU679" s="613"/>
      <c r="WGV679" s="613"/>
      <c r="WGW679" s="613"/>
      <c r="WGX679" s="613"/>
      <c r="WGY679" s="613"/>
      <c r="WGZ679" s="613"/>
      <c r="WHA679" s="613"/>
      <c r="WHB679" s="613"/>
      <c r="WHC679" s="613"/>
      <c r="WHD679" s="613"/>
      <c r="WHE679" s="613"/>
      <c r="WHF679" s="613"/>
      <c r="WHG679" s="613"/>
      <c r="WHH679" s="613"/>
      <c r="WHI679" s="613"/>
      <c r="WHJ679" s="613"/>
      <c r="WHK679" s="613"/>
      <c r="WHL679" s="613"/>
      <c r="WHM679" s="613"/>
      <c r="WHN679" s="613"/>
      <c r="WHO679" s="613"/>
      <c r="WHP679" s="613"/>
      <c r="WHQ679" s="613"/>
      <c r="WHR679" s="613"/>
      <c r="WHS679" s="613"/>
      <c r="WHT679" s="613"/>
      <c r="WHU679" s="613"/>
      <c r="WHV679" s="613"/>
      <c r="WHW679" s="613"/>
      <c r="WHX679" s="613"/>
      <c r="WHY679" s="613"/>
      <c r="WHZ679" s="613"/>
      <c r="WIA679" s="613"/>
      <c r="WIB679" s="613"/>
      <c r="WIC679" s="613"/>
      <c r="WID679" s="613"/>
      <c r="WIE679" s="613"/>
      <c r="WIF679" s="613"/>
      <c r="WIG679" s="613"/>
      <c r="WIH679" s="613"/>
      <c r="WII679" s="613"/>
      <c r="WIJ679" s="613"/>
      <c r="WIK679" s="613"/>
      <c r="WIL679" s="613"/>
      <c r="WIM679" s="613"/>
      <c r="WIN679" s="613"/>
      <c r="WIO679" s="613"/>
      <c r="WIP679" s="613"/>
      <c r="WIQ679" s="613"/>
      <c r="WIR679" s="613"/>
      <c r="WIS679" s="613"/>
      <c r="WIT679" s="613"/>
      <c r="WIU679" s="613"/>
      <c r="WIV679" s="613"/>
      <c r="WIW679" s="613"/>
      <c r="WIX679" s="613"/>
      <c r="WIY679" s="613"/>
      <c r="WIZ679" s="613"/>
      <c r="WJA679" s="613"/>
      <c r="WJB679" s="613"/>
      <c r="WJC679" s="613"/>
      <c r="WJD679" s="613"/>
      <c r="WJE679" s="613"/>
      <c r="WJF679" s="613"/>
      <c r="WJG679" s="613"/>
      <c r="WJH679" s="613"/>
      <c r="WJI679" s="613"/>
      <c r="WJJ679" s="613"/>
      <c r="WJK679" s="613"/>
      <c r="WJL679" s="613"/>
      <c r="WJM679" s="613"/>
      <c r="WJN679" s="613"/>
      <c r="WJO679" s="613"/>
      <c r="WJP679" s="613"/>
      <c r="WJQ679" s="613"/>
      <c r="WJR679" s="613"/>
      <c r="WJS679" s="613"/>
      <c r="WJT679" s="613"/>
      <c r="WJU679" s="613"/>
      <c r="WJV679" s="613"/>
      <c r="WJW679" s="613"/>
      <c r="WJX679" s="613"/>
      <c r="WJY679" s="613"/>
      <c r="WJZ679" s="613"/>
      <c r="WKA679" s="613"/>
      <c r="WKB679" s="613"/>
      <c r="WKC679" s="613"/>
      <c r="WKD679" s="613"/>
      <c r="WKE679" s="613"/>
      <c r="WKF679" s="613"/>
      <c r="WKG679" s="613"/>
      <c r="WKH679" s="613"/>
      <c r="WKI679" s="613"/>
      <c r="WKJ679" s="613"/>
      <c r="WKK679" s="613"/>
      <c r="WKL679" s="613"/>
      <c r="WKM679" s="613"/>
      <c r="WKN679" s="613"/>
      <c r="WKO679" s="613"/>
      <c r="WKP679" s="613"/>
      <c r="WKQ679" s="613"/>
      <c r="WKR679" s="613"/>
      <c r="WKS679" s="613"/>
      <c r="WKT679" s="613"/>
      <c r="WKU679" s="613"/>
      <c r="WKV679" s="613"/>
      <c r="WKW679" s="613"/>
      <c r="WKX679" s="613"/>
      <c r="WKY679" s="613"/>
      <c r="WKZ679" s="613"/>
      <c r="WLA679" s="613"/>
      <c r="WLB679" s="613"/>
      <c r="WLC679" s="613"/>
      <c r="WLD679" s="613"/>
      <c r="WLE679" s="613"/>
      <c r="WLF679" s="613"/>
      <c r="WLG679" s="613"/>
      <c r="WLH679" s="613"/>
      <c r="WLI679" s="613"/>
      <c r="WLJ679" s="613"/>
      <c r="WLK679" s="613"/>
      <c r="WLL679" s="613"/>
      <c r="WLM679" s="613"/>
      <c r="WLN679" s="613"/>
      <c r="WLO679" s="613"/>
      <c r="WLP679" s="613"/>
      <c r="WLQ679" s="613"/>
      <c r="WLR679" s="613"/>
      <c r="WLS679" s="613"/>
      <c r="WLT679" s="613"/>
      <c r="WLU679" s="613"/>
      <c r="WLV679" s="613"/>
      <c r="WLW679" s="613"/>
      <c r="WLX679" s="613"/>
      <c r="WLY679" s="613"/>
      <c r="WLZ679" s="613"/>
      <c r="WMA679" s="613"/>
      <c r="WMB679" s="613"/>
      <c r="WMC679" s="613"/>
      <c r="WMD679" s="613"/>
      <c r="WME679" s="613"/>
      <c r="WMF679" s="613"/>
      <c r="WMG679" s="613"/>
      <c r="WMH679" s="613"/>
      <c r="WMI679" s="613"/>
      <c r="WMJ679" s="613"/>
      <c r="WMK679" s="613"/>
      <c r="WML679" s="613"/>
      <c r="WMM679" s="613"/>
      <c r="WMN679" s="613"/>
      <c r="WMO679" s="613"/>
      <c r="WMP679" s="613"/>
      <c r="WMQ679" s="613"/>
      <c r="WMR679" s="613"/>
      <c r="WMS679" s="613"/>
      <c r="WMT679" s="613"/>
      <c r="WMU679" s="613"/>
      <c r="WMV679" s="613"/>
      <c r="WMW679" s="613"/>
      <c r="WMX679" s="613"/>
      <c r="WMY679" s="613"/>
      <c r="WMZ679" s="613"/>
      <c r="WNA679" s="613"/>
      <c r="WNB679" s="613"/>
      <c r="WNC679" s="613"/>
      <c r="WND679" s="613"/>
      <c r="WNE679" s="613"/>
      <c r="WNF679" s="613"/>
      <c r="WNG679" s="613"/>
      <c r="WNH679" s="613"/>
      <c r="WNI679" s="613"/>
      <c r="WNJ679" s="613"/>
      <c r="WNK679" s="613"/>
      <c r="WNL679" s="613"/>
      <c r="WNM679" s="613"/>
      <c r="WNN679" s="613"/>
      <c r="WNO679" s="613"/>
      <c r="WNP679" s="613"/>
      <c r="WNQ679" s="613"/>
      <c r="WNR679" s="613"/>
      <c r="WNS679" s="613"/>
      <c r="WNT679" s="613"/>
      <c r="WNU679" s="613"/>
      <c r="WNV679" s="613"/>
      <c r="WNW679" s="613"/>
      <c r="WNX679" s="613"/>
      <c r="WNY679" s="613"/>
      <c r="WNZ679" s="613"/>
      <c r="WOA679" s="613"/>
      <c r="WOB679" s="613"/>
      <c r="WOC679" s="613"/>
      <c r="WOD679" s="613"/>
      <c r="WOE679" s="613"/>
      <c r="WOF679" s="613"/>
      <c r="WOG679" s="613"/>
      <c r="WOH679" s="613"/>
      <c r="WOI679" s="613"/>
      <c r="WOJ679" s="613"/>
      <c r="WOK679" s="613"/>
      <c r="WOL679" s="613"/>
      <c r="WOM679" s="613"/>
      <c r="WON679" s="613"/>
      <c r="WOO679" s="613"/>
      <c r="WOP679" s="613"/>
      <c r="WOQ679" s="613"/>
      <c r="WOR679" s="613"/>
      <c r="WOS679" s="613"/>
      <c r="WOT679" s="613"/>
      <c r="WOU679" s="613"/>
      <c r="WOV679" s="613"/>
      <c r="WOW679" s="613"/>
      <c r="WOX679" s="613"/>
      <c r="WOY679" s="613"/>
      <c r="WOZ679" s="613"/>
      <c r="WPA679" s="613"/>
      <c r="WPB679" s="613"/>
      <c r="WPC679" s="613"/>
      <c r="WPD679" s="613"/>
      <c r="WPE679" s="613"/>
      <c r="WPF679" s="613"/>
      <c r="WPG679" s="613"/>
      <c r="WPH679" s="613"/>
      <c r="WPI679" s="613"/>
      <c r="WPJ679" s="613"/>
      <c r="WPK679" s="613"/>
      <c r="WPL679" s="613"/>
      <c r="WPM679" s="613"/>
      <c r="WPN679" s="613"/>
      <c r="WPO679" s="613"/>
      <c r="WPP679" s="613"/>
      <c r="WPQ679" s="613"/>
      <c r="WPR679" s="613"/>
      <c r="WPS679" s="613"/>
      <c r="WPT679" s="613"/>
      <c r="WPU679" s="613"/>
      <c r="WPV679" s="613"/>
      <c r="WPW679" s="613"/>
      <c r="WPX679" s="613"/>
      <c r="WPY679" s="613"/>
      <c r="WPZ679" s="613"/>
      <c r="WQA679" s="613"/>
      <c r="WQB679" s="613"/>
      <c r="WQC679" s="613"/>
      <c r="WQD679" s="613"/>
      <c r="WQE679" s="613"/>
      <c r="WQF679" s="613"/>
      <c r="WQG679" s="613"/>
      <c r="WQH679" s="613"/>
      <c r="WQI679" s="613"/>
      <c r="WQJ679" s="613"/>
      <c r="WQK679" s="613"/>
      <c r="WQL679" s="613"/>
      <c r="WQM679" s="613"/>
      <c r="WQN679" s="613"/>
      <c r="WQO679" s="613"/>
      <c r="WQP679" s="613"/>
      <c r="WQQ679" s="613"/>
      <c r="WQR679" s="613"/>
      <c r="WQS679" s="613"/>
      <c r="WQT679" s="613"/>
      <c r="WQU679" s="613"/>
      <c r="WQV679" s="613"/>
      <c r="WQW679" s="613"/>
      <c r="WQX679" s="613"/>
      <c r="WQY679" s="613"/>
      <c r="WQZ679" s="613"/>
      <c r="WRA679" s="613"/>
      <c r="WRB679" s="613"/>
      <c r="WRC679" s="613"/>
      <c r="WRD679" s="613"/>
      <c r="WRE679" s="613"/>
      <c r="WRF679" s="613"/>
      <c r="WRG679" s="613"/>
      <c r="WRH679" s="613"/>
      <c r="WRI679" s="613"/>
      <c r="WRJ679" s="613"/>
      <c r="WRK679" s="613"/>
      <c r="WRL679" s="613"/>
      <c r="WRM679" s="613"/>
      <c r="WRN679" s="613"/>
      <c r="WRO679" s="613"/>
      <c r="WRP679" s="613"/>
      <c r="WRQ679" s="613"/>
      <c r="WRR679" s="613"/>
      <c r="WRS679" s="613"/>
      <c r="WRT679" s="613"/>
      <c r="WRU679" s="613"/>
      <c r="WRV679" s="613"/>
      <c r="WRW679" s="613"/>
      <c r="WRX679" s="613"/>
      <c r="WRY679" s="613"/>
      <c r="WRZ679" s="613"/>
      <c r="WSA679" s="613"/>
      <c r="WSB679" s="613"/>
      <c r="WSC679" s="613"/>
      <c r="WSD679" s="613"/>
      <c r="WSE679" s="613"/>
      <c r="WSF679" s="613"/>
      <c r="WSG679" s="613"/>
      <c r="WSH679" s="613"/>
      <c r="WSI679" s="613"/>
      <c r="WSJ679" s="613"/>
      <c r="WSK679" s="613"/>
      <c r="WSL679" s="613"/>
      <c r="WSM679" s="613"/>
      <c r="WSN679" s="613"/>
      <c r="WSO679" s="613"/>
      <c r="WSP679" s="613"/>
      <c r="WSQ679" s="613"/>
      <c r="WSR679" s="613"/>
      <c r="WSS679" s="613"/>
      <c r="WST679" s="613"/>
      <c r="WSU679" s="613"/>
      <c r="WSV679" s="613"/>
      <c r="WSW679" s="613"/>
      <c r="WSX679" s="613"/>
      <c r="WSY679" s="613"/>
      <c r="WSZ679" s="613"/>
      <c r="WTA679" s="613"/>
      <c r="WTB679" s="613"/>
      <c r="WTC679" s="613"/>
      <c r="WTD679" s="613"/>
      <c r="WTE679" s="613"/>
      <c r="WTF679" s="613"/>
      <c r="WTG679" s="613"/>
      <c r="WTH679" s="613"/>
      <c r="WTI679" s="613"/>
      <c r="WTJ679" s="613"/>
      <c r="WTK679" s="613"/>
      <c r="WTL679" s="613"/>
      <c r="WTM679" s="613"/>
      <c r="WTN679" s="613"/>
      <c r="WTO679" s="613"/>
      <c r="WTP679" s="613"/>
      <c r="WTQ679" s="613"/>
      <c r="WTR679" s="613"/>
      <c r="WTS679" s="613"/>
      <c r="WTT679" s="613"/>
      <c r="WTU679" s="613"/>
      <c r="WTV679" s="613"/>
      <c r="WTW679" s="613"/>
      <c r="WTX679" s="613"/>
      <c r="WTY679" s="613"/>
      <c r="WTZ679" s="613"/>
      <c r="WUA679" s="613"/>
      <c r="WUB679" s="613"/>
      <c r="WUC679" s="613"/>
      <c r="WUD679" s="613"/>
      <c r="WUE679" s="613"/>
      <c r="WUF679" s="613"/>
      <c r="WUG679" s="613"/>
      <c r="WUH679" s="613"/>
      <c r="WUI679" s="613"/>
      <c r="WUJ679" s="613"/>
      <c r="WUK679" s="613"/>
      <c r="WUL679" s="613"/>
      <c r="WUM679" s="613"/>
      <c r="WUN679" s="613"/>
      <c r="WUO679" s="613"/>
      <c r="WUP679" s="613"/>
      <c r="WUQ679" s="613"/>
      <c r="WUR679" s="613"/>
      <c r="WUS679" s="613"/>
      <c r="WUT679" s="613"/>
      <c r="WUU679" s="613"/>
      <c r="WUV679" s="613"/>
      <c r="WUW679" s="613"/>
      <c r="WUX679" s="613"/>
      <c r="WUY679" s="613"/>
      <c r="WUZ679" s="613"/>
      <c r="WVA679" s="613"/>
      <c r="WVB679" s="613"/>
      <c r="WVC679" s="613"/>
      <c r="WVD679" s="613"/>
      <c r="WVE679" s="613"/>
      <c r="WVF679" s="613"/>
      <c r="WVG679" s="613"/>
      <c r="WVH679" s="613"/>
      <c r="WVI679" s="613"/>
      <c r="WVJ679" s="613"/>
      <c r="WVK679" s="613"/>
      <c r="WVL679" s="613"/>
      <c r="WVM679" s="613"/>
      <c r="WVN679" s="613"/>
      <c r="WVO679" s="613"/>
      <c r="WVP679" s="613"/>
      <c r="WVQ679" s="613"/>
      <c r="WVR679" s="613"/>
      <c r="WVS679" s="613"/>
      <c r="WVT679" s="613"/>
      <c r="WVU679" s="613"/>
      <c r="WVV679" s="613"/>
      <c r="WVW679" s="613"/>
      <c r="WVX679" s="613"/>
      <c r="WVY679" s="613"/>
      <c r="WVZ679" s="613"/>
      <c r="WWA679" s="613"/>
      <c r="WWB679" s="613"/>
      <c r="WWC679" s="613"/>
      <c r="WWD679" s="613"/>
      <c r="WWE679" s="613"/>
      <c r="WWF679" s="613"/>
      <c r="WWG679" s="613"/>
      <c r="WWH679" s="613"/>
      <c r="WWI679" s="613"/>
      <c r="WWJ679" s="613"/>
      <c r="WWK679" s="613"/>
      <c r="WWL679" s="613"/>
      <c r="WWM679" s="613"/>
      <c r="WWN679" s="613"/>
      <c r="WWO679" s="613"/>
      <c r="WWP679" s="613"/>
      <c r="WWQ679" s="613"/>
      <c r="WWR679" s="613"/>
      <c r="WWS679" s="613"/>
      <c r="WWT679" s="613"/>
      <c r="WWU679" s="613"/>
      <c r="WWV679" s="613"/>
      <c r="WWW679" s="613"/>
      <c r="WWX679" s="613"/>
      <c r="WWY679" s="613"/>
      <c r="WWZ679" s="613"/>
      <c r="WXA679" s="613"/>
      <c r="WXB679" s="613"/>
      <c r="WXC679" s="613"/>
      <c r="WXD679" s="613"/>
      <c r="WXE679" s="613"/>
      <c r="WXF679" s="613"/>
      <c r="WXG679" s="613"/>
      <c r="WXH679" s="613"/>
      <c r="WXI679" s="613"/>
      <c r="WXJ679" s="613"/>
      <c r="WXK679" s="613"/>
      <c r="WXL679" s="613"/>
      <c r="WXM679" s="613"/>
      <c r="WXN679" s="613"/>
      <c r="WXO679" s="613"/>
      <c r="WXP679" s="613"/>
      <c r="WXQ679" s="613"/>
      <c r="WXR679" s="613"/>
      <c r="WXS679" s="613"/>
      <c r="WXT679" s="613"/>
      <c r="WXU679" s="613"/>
      <c r="WXV679" s="613"/>
      <c r="WXW679" s="613"/>
      <c r="WXX679" s="613"/>
      <c r="WXY679" s="613"/>
      <c r="WXZ679" s="613"/>
      <c r="WYA679" s="613"/>
      <c r="WYB679" s="613"/>
      <c r="WYC679" s="613"/>
      <c r="WYD679" s="613"/>
      <c r="WYE679" s="613"/>
      <c r="WYF679" s="613"/>
      <c r="WYG679" s="613"/>
      <c r="WYH679" s="613"/>
      <c r="WYI679" s="613"/>
      <c r="WYJ679" s="613"/>
      <c r="WYK679" s="613"/>
      <c r="WYL679" s="613"/>
      <c r="WYM679" s="613"/>
      <c r="WYN679" s="613"/>
      <c r="WYO679" s="613"/>
      <c r="WYP679" s="613"/>
      <c r="WYQ679" s="613"/>
      <c r="WYR679" s="613"/>
      <c r="WYS679" s="613"/>
      <c r="WYT679" s="613"/>
      <c r="WYU679" s="613"/>
      <c r="WYV679" s="613"/>
      <c r="WYW679" s="613"/>
      <c r="WYX679" s="613"/>
      <c r="WYY679" s="613"/>
      <c r="WYZ679" s="613"/>
      <c r="WZA679" s="613"/>
      <c r="WZB679" s="613"/>
      <c r="WZC679" s="613"/>
      <c r="WZD679" s="613"/>
      <c r="WZE679" s="613"/>
      <c r="WZF679" s="613"/>
      <c r="WZG679" s="613"/>
      <c r="WZH679" s="613"/>
      <c r="WZI679" s="613"/>
      <c r="WZJ679" s="613"/>
      <c r="WZK679" s="613"/>
      <c r="WZL679" s="613"/>
      <c r="WZM679" s="613"/>
      <c r="WZN679" s="613"/>
      <c r="WZO679" s="613"/>
      <c r="WZP679" s="613"/>
      <c r="WZQ679" s="613"/>
      <c r="WZR679" s="613"/>
      <c r="WZS679" s="613"/>
      <c r="WZT679" s="613"/>
      <c r="WZU679" s="613"/>
      <c r="WZV679" s="613"/>
      <c r="WZW679" s="613"/>
      <c r="WZX679" s="613"/>
      <c r="WZY679" s="613"/>
      <c r="WZZ679" s="613"/>
      <c r="XAA679" s="613"/>
      <c r="XAB679" s="613"/>
      <c r="XAC679" s="613"/>
      <c r="XAD679" s="613"/>
      <c r="XAE679" s="613"/>
      <c r="XAF679" s="613"/>
      <c r="XAG679" s="613"/>
      <c r="XAH679" s="613"/>
      <c r="XAI679" s="613"/>
      <c r="XAJ679" s="613"/>
      <c r="XAK679" s="613"/>
      <c r="XAL679" s="613"/>
      <c r="XAM679" s="613"/>
      <c r="XAN679" s="613"/>
      <c r="XAO679" s="613"/>
      <c r="XAP679" s="613"/>
      <c r="XAQ679" s="613"/>
      <c r="XAR679" s="613"/>
      <c r="XAS679" s="613"/>
      <c r="XAT679" s="613"/>
      <c r="XAU679" s="613"/>
      <c r="XAV679" s="613"/>
      <c r="XAW679" s="613"/>
      <c r="XAX679" s="613"/>
      <c r="XAY679" s="613"/>
      <c r="XAZ679" s="613"/>
      <c r="XBA679" s="613"/>
      <c r="XBB679" s="613"/>
      <c r="XBC679" s="613"/>
      <c r="XBD679" s="613"/>
      <c r="XBE679" s="613"/>
      <c r="XBF679" s="613"/>
      <c r="XBG679" s="613"/>
      <c r="XBH679" s="613"/>
      <c r="XBI679" s="613"/>
      <c r="XBJ679" s="613"/>
      <c r="XBK679" s="613"/>
      <c r="XBL679" s="613"/>
      <c r="XBM679" s="613"/>
      <c r="XBN679" s="613"/>
      <c r="XBO679" s="613"/>
      <c r="XBP679" s="613"/>
      <c r="XBQ679" s="613"/>
      <c r="XBR679" s="613"/>
      <c r="XBS679" s="613"/>
      <c r="XBT679" s="613"/>
      <c r="XBU679" s="613"/>
      <c r="XBV679" s="613"/>
      <c r="XBW679" s="613"/>
      <c r="XBX679" s="613"/>
      <c r="XBY679" s="613"/>
      <c r="XBZ679" s="613"/>
      <c r="XCA679" s="613"/>
      <c r="XCB679" s="613"/>
      <c r="XCC679" s="613"/>
      <c r="XCD679" s="613"/>
      <c r="XCE679" s="613"/>
      <c r="XCF679" s="613"/>
      <c r="XCG679" s="613"/>
      <c r="XCH679" s="613"/>
      <c r="XCI679" s="613"/>
      <c r="XCJ679" s="613"/>
      <c r="XCK679" s="613"/>
      <c r="XCL679" s="613"/>
      <c r="XCM679" s="613"/>
      <c r="XCN679" s="613"/>
      <c r="XCO679" s="613"/>
      <c r="XCP679" s="613"/>
      <c r="XCQ679" s="613"/>
    </row>
    <row r="680" spans="1:16319" ht="56.1" customHeight="1" x14ac:dyDescent="0.2">
      <c r="A680" s="273" t="s">
        <v>3019</v>
      </c>
      <c r="B680" s="77"/>
      <c r="C680" s="77"/>
      <c r="D680" s="481">
        <v>159</v>
      </c>
      <c r="E680" s="481"/>
      <c r="F680" s="481" t="s">
        <v>2481</v>
      </c>
      <c r="G680" s="482" t="s">
        <v>53</v>
      </c>
      <c r="H680" s="481" t="s">
        <v>329</v>
      </c>
      <c r="I680" s="654" t="s">
        <v>396</v>
      </c>
      <c r="J680" s="654" t="s">
        <v>369</v>
      </c>
      <c r="K680" s="495" t="s">
        <v>424</v>
      </c>
      <c r="L680" s="621"/>
      <c r="M680" s="484" t="s">
        <v>58</v>
      </c>
      <c r="N680" s="329" t="s">
        <v>2606</v>
      </c>
      <c r="O680" s="484" t="s">
        <v>2996</v>
      </c>
      <c r="P680" s="484" t="s">
        <v>81</v>
      </c>
      <c r="Q680" s="667" t="s">
        <v>334</v>
      </c>
      <c r="R680" s="484" t="s">
        <v>334</v>
      </c>
      <c r="S680" s="484" t="s">
        <v>71</v>
      </c>
      <c r="T680" s="484"/>
      <c r="U680" s="620" t="s">
        <v>63</v>
      </c>
      <c r="V680" s="620" t="s">
        <v>63</v>
      </c>
      <c r="W680" s="723">
        <v>199856.77630181715</v>
      </c>
      <c r="X680" s="723"/>
      <c r="Y680" s="654" t="s">
        <v>226</v>
      </c>
      <c r="Z680" s="654"/>
      <c r="AA680" s="723">
        <v>199856.77630181715</v>
      </c>
      <c r="AB680" s="652" t="s">
        <v>82</v>
      </c>
      <c r="AC680" s="652"/>
      <c r="AD680" s="496"/>
      <c r="AE680" s="496"/>
      <c r="AF680" s="496"/>
      <c r="AG680" s="496"/>
      <c r="AH680" s="496"/>
      <c r="AI680" s="487"/>
      <c r="AJ680" s="496"/>
      <c r="AK680" s="496"/>
      <c r="AL680" s="496"/>
      <c r="AM680" s="496"/>
      <c r="AN680" s="496"/>
      <c r="AO680" s="496"/>
      <c r="AP680" s="496" t="s">
        <v>66</v>
      </c>
      <c r="AQ680" s="496"/>
      <c r="AR680" s="496"/>
      <c r="AS680" s="496"/>
      <c r="AT680" s="496"/>
      <c r="AU680" s="487"/>
      <c r="AV680" s="487"/>
      <c r="AW680" s="487"/>
      <c r="AX680" s="487"/>
      <c r="AY680" s="487"/>
      <c r="AZ680" s="487"/>
      <c r="BA680" s="484"/>
      <c r="BB680" s="484"/>
      <c r="BC680" s="484"/>
      <c r="BD680" s="494"/>
      <c r="BE680" s="494"/>
      <c r="BF680" s="613"/>
      <c r="BG680" s="613"/>
      <c r="BH680" s="613"/>
      <c r="BI680" s="613"/>
      <c r="BJ680" s="613"/>
      <c r="BK680" s="613"/>
      <c r="BL680" s="613"/>
      <c r="BM680" s="613"/>
      <c r="BN680" s="613"/>
      <c r="BO680" s="613"/>
      <c r="BP680" s="613"/>
      <c r="BQ680" s="613"/>
      <c r="BR680" s="613"/>
      <c r="BS680" s="613"/>
      <c r="BT680" s="613"/>
      <c r="BU680" s="613"/>
      <c r="BV680" s="613"/>
      <c r="BW680" s="613"/>
      <c r="BX680" s="613"/>
      <c r="BY680" s="613"/>
      <c r="BZ680" s="613"/>
      <c r="CA680" s="613"/>
      <c r="CB680" s="613"/>
      <c r="CC680" s="613"/>
      <c r="CD680" s="613"/>
      <c r="CE680" s="613"/>
      <c r="CF680" s="613"/>
      <c r="CG680" s="613"/>
      <c r="CH680" s="613"/>
      <c r="CI680" s="613"/>
      <c r="CJ680" s="613"/>
      <c r="CK680" s="613"/>
      <c r="CL680" s="613"/>
      <c r="CM680" s="613"/>
      <c r="CN680" s="613"/>
      <c r="CO680" s="613"/>
      <c r="CP680" s="613"/>
      <c r="CQ680" s="613"/>
      <c r="CR680" s="613"/>
      <c r="CS680" s="613"/>
      <c r="CT680" s="613"/>
      <c r="CU680" s="613"/>
      <c r="CV680" s="613"/>
      <c r="CW680" s="613"/>
      <c r="CX680" s="613"/>
      <c r="CY680" s="613"/>
      <c r="CZ680" s="613"/>
      <c r="DA680" s="613"/>
      <c r="DB680" s="613"/>
      <c r="DC680" s="613"/>
      <c r="DD680" s="613"/>
      <c r="DE680" s="613"/>
      <c r="DF680" s="613"/>
      <c r="DG680" s="613"/>
      <c r="DH680" s="613"/>
      <c r="DI680" s="613"/>
      <c r="DJ680" s="613"/>
      <c r="DK680" s="613"/>
      <c r="DL680" s="613"/>
      <c r="DM680" s="613"/>
      <c r="DN680" s="613"/>
      <c r="DO680" s="613"/>
      <c r="DP680" s="613"/>
      <c r="DQ680" s="613"/>
      <c r="DR680" s="613"/>
      <c r="DS680" s="613"/>
      <c r="DT680" s="613"/>
      <c r="DU680" s="613"/>
      <c r="DV680" s="613"/>
      <c r="DW680" s="613"/>
      <c r="DX680" s="613"/>
      <c r="DY680" s="613"/>
      <c r="DZ680" s="613"/>
      <c r="EA680" s="613"/>
      <c r="EB680" s="613"/>
      <c r="EC680" s="613"/>
      <c r="ED680" s="613"/>
      <c r="EE680" s="613"/>
      <c r="EF680" s="613"/>
      <c r="EG680" s="613"/>
      <c r="EH680" s="613"/>
      <c r="EI680" s="613"/>
      <c r="EJ680" s="613"/>
      <c r="EK680" s="613"/>
      <c r="EL680" s="613"/>
      <c r="EM680" s="613"/>
      <c r="EN680" s="613"/>
      <c r="EO680" s="613"/>
      <c r="EP680" s="613"/>
      <c r="EQ680" s="613"/>
      <c r="ER680" s="613"/>
      <c r="ES680" s="613"/>
      <c r="ET680" s="613"/>
      <c r="EU680" s="613"/>
      <c r="EV680" s="613"/>
      <c r="EW680" s="613"/>
      <c r="EX680" s="613"/>
      <c r="EY680" s="613"/>
      <c r="EZ680" s="613"/>
      <c r="FA680" s="613"/>
      <c r="FB680" s="613"/>
      <c r="FC680" s="613"/>
      <c r="FD680" s="613"/>
      <c r="FE680" s="613"/>
      <c r="FF680" s="613"/>
      <c r="FG680" s="613"/>
      <c r="FH680" s="613"/>
      <c r="FI680" s="613"/>
      <c r="FJ680" s="613"/>
      <c r="FK680" s="613"/>
      <c r="FL680" s="613"/>
      <c r="FM680" s="613"/>
      <c r="FN680" s="613"/>
      <c r="FO680" s="613"/>
      <c r="FP680" s="613"/>
      <c r="FQ680" s="613"/>
      <c r="FR680" s="613"/>
      <c r="FS680" s="613"/>
      <c r="FT680" s="613"/>
      <c r="FU680" s="613"/>
      <c r="FV680" s="613"/>
      <c r="FW680" s="613"/>
      <c r="FX680" s="613"/>
      <c r="FY680" s="613"/>
      <c r="FZ680" s="613"/>
      <c r="GA680" s="613"/>
      <c r="GB680" s="613"/>
      <c r="GC680" s="613"/>
      <c r="GD680" s="613"/>
      <c r="GE680" s="613"/>
      <c r="GF680" s="613"/>
      <c r="GG680" s="613"/>
      <c r="GH680" s="613"/>
      <c r="GI680" s="613"/>
      <c r="GJ680" s="613"/>
      <c r="GK680" s="613"/>
      <c r="GL680" s="613"/>
      <c r="GM680" s="613"/>
      <c r="GN680" s="613"/>
      <c r="GO680" s="613"/>
      <c r="GP680" s="613"/>
      <c r="GQ680" s="613"/>
      <c r="GR680" s="613"/>
      <c r="GS680" s="613"/>
      <c r="GT680" s="613"/>
      <c r="GU680" s="613"/>
      <c r="GV680" s="613"/>
      <c r="GW680" s="613"/>
      <c r="GX680" s="613"/>
      <c r="GY680" s="613"/>
      <c r="GZ680" s="613"/>
      <c r="HA680" s="613"/>
      <c r="HB680" s="613"/>
      <c r="HC680" s="613"/>
      <c r="HD680" s="613"/>
      <c r="HE680" s="613"/>
      <c r="HF680" s="613"/>
      <c r="HG680" s="613"/>
      <c r="HH680" s="613"/>
      <c r="HI680" s="613"/>
      <c r="HJ680" s="613"/>
      <c r="HK680" s="613"/>
      <c r="HL680" s="613"/>
      <c r="HM680" s="613"/>
      <c r="HN680" s="613"/>
      <c r="HO680" s="613"/>
      <c r="HP680" s="613"/>
      <c r="HQ680" s="613"/>
      <c r="HR680" s="613"/>
      <c r="HS680" s="613"/>
      <c r="HT680" s="613"/>
      <c r="HU680" s="613"/>
      <c r="HV680" s="613"/>
      <c r="HW680" s="613"/>
      <c r="HX680" s="613"/>
      <c r="HY680" s="613"/>
      <c r="HZ680" s="613"/>
      <c r="IA680" s="613"/>
      <c r="IB680" s="613"/>
      <c r="IC680" s="613"/>
      <c r="ID680" s="613"/>
      <c r="IE680" s="613"/>
      <c r="IF680" s="613"/>
      <c r="IG680" s="613"/>
      <c r="IH680" s="613"/>
      <c r="II680" s="613"/>
      <c r="IJ680" s="613"/>
      <c r="IK680" s="613"/>
      <c r="IL680" s="613"/>
      <c r="IM680" s="613"/>
      <c r="IN680" s="613"/>
      <c r="IO680" s="613"/>
      <c r="IP680" s="613"/>
      <c r="IQ680" s="613"/>
      <c r="IR680" s="613"/>
      <c r="IS680" s="613"/>
      <c r="IT680" s="613"/>
      <c r="IU680" s="613"/>
      <c r="IV680" s="613"/>
      <c r="IW680" s="613"/>
      <c r="IX680" s="613"/>
      <c r="IY680" s="613"/>
      <c r="IZ680" s="613"/>
      <c r="JA680" s="613"/>
      <c r="JB680" s="613"/>
      <c r="JC680" s="613"/>
      <c r="JD680" s="613"/>
      <c r="JE680" s="613"/>
      <c r="JF680" s="613"/>
      <c r="JG680" s="613"/>
      <c r="JH680" s="613"/>
      <c r="JI680" s="613"/>
      <c r="JJ680" s="613"/>
      <c r="JK680" s="613"/>
      <c r="JL680" s="613"/>
      <c r="JM680" s="613"/>
      <c r="JN680" s="613"/>
      <c r="JO680" s="613"/>
      <c r="JP680" s="613"/>
      <c r="JQ680" s="613"/>
      <c r="JR680" s="613"/>
      <c r="JS680" s="613"/>
      <c r="JT680" s="613"/>
      <c r="JU680" s="613"/>
      <c r="JV680" s="613"/>
      <c r="JW680" s="613"/>
      <c r="JX680" s="613"/>
      <c r="JY680" s="613"/>
      <c r="JZ680" s="613"/>
      <c r="KA680" s="613"/>
      <c r="KB680" s="613"/>
      <c r="KC680" s="613"/>
      <c r="KD680" s="613"/>
      <c r="KE680" s="613"/>
      <c r="KF680" s="613"/>
      <c r="KG680" s="613"/>
      <c r="KH680" s="613"/>
      <c r="KI680" s="613"/>
      <c r="KJ680" s="613"/>
      <c r="KK680" s="613"/>
      <c r="KL680" s="613"/>
      <c r="KM680" s="613"/>
      <c r="KN680" s="613"/>
      <c r="KO680" s="613"/>
      <c r="KP680" s="613"/>
      <c r="KQ680" s="613"/>
      <c r="KR680" s="613"/>
      <c r="KS680" s="613"/>
      <c r="KT680" s="613"/>
      <c r="KU680" s="613"/>
      <c r="KV680" s="613"/>
      <c r="KW680" s="613"/>
      <c r="KX680" s="613"/>
      <c r="KY680" s="613"/>
      <c r="KZ680" s="613"/>
      <c r="LA680" s="613"/>
      <c r="LB680" s="613"/>
      <c r="LC680" s="613"/>
      <c r="LD680" s="613"/>
      <c r="LE680" s="613"/>
      <c r="LF680" s="613"/>
      <c r="LG680" s="613"/>
      <c r="LH680" s="613"/>
      <c r="LI680" s="613"/>
      <c r="LJ680" s="613"/>
      <c r="LK680" s="613"/>
      <c r="LL680" s="613"/>
      <c r="LM680" s="613"/>
      <c r="LN680" s="613"/>
      <c r="LO680" s="613"/>
      <c r="LP680" s="613"/>
      <c r="LQ680" s="613"/>
      <c r="LR680" s="613"/>
      <c r="LS680" s="613"/>
      <c r="LT680" s="613"/>
      <c r="LU680" s="613"/>
      <c r="LV680" s="613"/>
      <c r="LW680" s="613"/>
      <c r="LX680" s="613"/>
      <c r="LY680" s="613"/>
      <c r="LZ680" s="613"/>
      <c r="MA680" s="613"/>
      <c r="MB680" s="613"/>
      <c r="MC680" s="613"/>
      <c r="MD680" s="613"/>
      <c r="ME680" s="613"/>
      <c r="MF680" s="613"/>
      <c r="MG680" s="613"/>
      <c r="MH680" s="613"/>
      <c r="MI680" s="613"/>
      <c r="MJ680" s="613"/>
      <c r="MK680" s="613"/>
      <c r="ML680" s="613"/>
      <c r="MM680" s="613"/>
      <c r="MN680" s="613"/>
      <c r="MO680" s="613"/>
      <c r="MP680" s="613"/>
      <c r="MQ680" s="613"/>
      <c r="MR680" s="613"/>
      <c r="MS680" s="613"/>
      <c r="MT680" s="613"/>
      <c r="MU680" s="613"/>
      <c r="MV680" s="613"/>
      <c r="MW680" s="613"/>
      <c r="MX680" s="613"/>
      <c r="MY680" s="613"/>
      <c r="MZ680" s="613"/>
      <c r="NA680" s="613"/>
      <c r="NB680" s="613"/>
      <c r="NC680" s="613"/>
      <c r="ND680" s="613"/>
      <c r="NE680" s="613"/>
      <c r="NF680" s="613"/>
      <c r="NG680" s="613"/>
      <c r="NH680" s="613"/>
      <c r="NI680" s="613"/>
      <c r="NJ680" s="613"/>
      <c r="NK680" s="613"/>
      <c r="NL680" s="613"/>
      <c r="NM680" s="613"/>
      <c r="NN680" s="613"/>
      <c r="NO680" s="613"/>
      <c r="NP680" s="613"/>
      <c r="NQ680" s="613"/>
      <c r="NR680" s="613"/>
      <c r="NS680" s="613"/>
      <c r="NT680" s="613"/>
      <c r="NU680" s="613"/>
      <c r="NV680" s="613"/>
      <c r="NW680" s="613"/>
      <c r="NX680" s="613"/>
      <c r="NY680" s="613"/>
      <c r="NZ680" s="613"/>
      <c r="OA680" s="613"/>
      <c r="OB680" s="613"/>
      <c r="OC680" s="613"/>
      <c r="OD680" s="613"/>
      <c r="OE680" s="613"/>
      <c r="OF680" s="613"/>
      <c r="OG680" s="613"/>
      <c r="OH680" s="613"/>
      <c r="OI680" s="613"/>
      <c r="OJ680" s="613"/>
      <c r="OK680" s="613"/>
      <c r="OL680" s="613"/>
      <c r="OM680" s="613"/>
      <c r="ON680" s="613"/>
      <c r="OO680" s="613"/>
      <c r="OP680" s="613"/>
      <c r="OQ680" s="613"/>
      <c r="OR680" s="613"/>
      <c r="OS680" s="613"/>
      <c r="OT680" s="613"/>
      <c r="OU680" s="613"/>
      <c r="OV680" s="613"/>
      <c r="OW680" s="613"/>
      <c r="OX680" s="613"/>
      <c r="OY680" s="613"/>
      <c r="OZ680" s="613"/>
      <c r="PA680" s="613"/>
      <c r="PB680" s="613"/>
      <c r="PC680" s="613"/>
      <c r="PD680" s="613"/>
      <c r="PE680" s="613"/>
      <c r="PF680" s="613"/>
      <c r="PG680" s="613"/>
      <c r="PH680" s="613"/>
      <c r="PI680" s="613"/>
      <c r="PJ680" s="613"/>
      <c r="PK680" s="613"/>
      <c r="PL680" s="613"/>
      <c r="PM680" s="613"/>
      <c r="PN680" s="613"/>
      <c r="PO680" s="613"/>
      <c r="PP680" s="613"/>
      <c r="PQ680" s="613"/>
      <c r="PR680" s="613"/>
      <c r="PS680" s="613"/>
      <c r="PT680" s="613"/>
      <c r="PU680" s="613"/>
      <c r="PV680" s="613"/>
      <c r="PW680" s="613"/>
      <c r="PX680" s="613"/>
      <c r="PY680" s="613"/>
      <c r="PZ680" s="613"/>
      <c r="QA680" s="613"/>
      <c r="QB680" s="613"/>
      <c r="QC680" s="613"/>
      <c r="QD680" s="613"/>
      <c r="QE680" s="613"/>
      <c r="QF680" s="613"/>
      <c r="QG680" s="613"/>
      <c r="QH680" s="613"/>
      <c r="QI680" s="613"/>
      <c r="QJ680" s="613"/>
      <c r="QK680" s="613"/>
      <c r="QL680" s="613"/>
      <c r="QM680" s="613"/>
      <c r="QN680" s="613"/>
      <c r="QO680" s="613"/>
      <c r="QP680" s="613"/>
      <c r="QQ680" s="613"/>
      <c r="QR680" s="613"/>
      <c r="QS680" s="613"/>
      <c r="QT680" s="613"/>
      <c r="QU680" s="613"/>
      <c r="QV680" s="613"/>
      <c r="QW680" s="613"/>
      <c r="QX680" s="613"/>
      <c r="QY680" s="613"/>
      <c r="QZ680" s="613"/>
      <c r="RA680" s="613"/>
      <c r="RB680" s="613"/>
      <c r="RC680" s="613"/>
      <c r="RD680" s="613"/>
      <c r="RE680" s="613"/>
      <c r="RF680" s="613"/>
      <c r="RG680" s="613"/>
      <c r="RH680" s="613"/>
      <c r="RI680" s="613"/>
      <c r="RJ680" s="613"/>
      <c r="RK680" s="613"/>
      <c r="RL680" s="613"/>
      <c r="RM680" s="613"/>
      <c r="RN680" s="613"/>
      <c r="RO680" s="613"/>
      <c r="RP680" s="613"/>
      <c r="RQ680" s="613"/>
      <c r="RR680" s="613"/>
      <c r="RS680" s="613"/>
      <c r="RT680" s="613"/>
      <c r="RU680" s="613"/>
      <c r="RV680" s="613"/>
      <c r="RW680" s="613"/>
      <c r="RX680" s="613"/>
      <c r="RY680" s="613"/>
      <c r="RZ680" s="613"/>
      <c r="SA680" s="613"/>
      <c r="SB680" s="613"/>
      <c r="SC680" s="613"/>
      <c r="SD680" s="613"/>
      <c r="SE680" s="613"/>
      <c r="SF680" s="613"/>
      <c r="SG680" s="613"/>
      <c r="SH680" s="613"/>
      <c r="SI680" s="613"/>
      <c r="SJ680" s="613"/>
      <c r="SK680" s="613"/>
      <c r="SL680" s="613"/>
      <c r="SM680" s="613"/>
      <c r="SN680" s="613"/>
      <c r="SO680" s="613"/>
      <c r="SP680" s="613"/>
      <c r="SQ680" s="613"/>
      <c r="SR680" s="613"/>
      <c r="SS680" s="613"/>
      <c r="ST680" s="613"/>
      <c r="SU680" s="613"/>
      <c r="SV680" s="613"/>
      <c r="SW680" s="613"/>
      <c r="SX680" s="613"/>
      <c r="SY680" s="613"/>
      <c r="SZ680" s="613"/>
      <c r="TA680" s="613"/>
      <c r="TB680" s="613"/>
      <c r="TC680" s="613"/>
      <c r="TD680" s="613"/>
      <c r="TE680" s="613"/>
      <c r="TF680" s="613"/>
      <c r="TG680" s="613"/>
      <c r="TH680" s="613"/>
      <c r="TI680" s="613"/>
      <c r="TJ680" s="613"/>
      <c r="TK680" s="613"/>
      <c r="TL680" s="613"/>
      <c r="TM680" s="613"/>
      <c r="TN680" s="613"/>
      <c r="TO680" s="613"/>
      <c r="TP680" s="613"/>
      <c r="TQ680" s="613"/>
      <c r="TR680" s="613"/>
      <c r="TS680" s="613"/>
      <c r="TT680" s="613"/>
      <c r="TU680" s="613"/>
      <c r="TV680" s="613"/>
      <c r="TW680" s="613"/>
      <c r="TX680" s="613"/>
      <c r="TY680" s="613"/>
      <c r="TZ680" s="613"/>
      <c r="UA680" s="613"/>
      <c r="UB680" s="613"/>
      <c r="UC680" s="613"/>
      <c r="UD680" s="613"/>
      <c r="UE680" s="613"/>
      <c r="UF680" s="613"/>
      <c r="UG680" s="613"/>
      <c r="UH680" s="613"/>
      <c r="UI680" s="613"/>
      <c r="UJ680" s="613"/>
      <c r="UK680" s="613"/>
      <c r="UL680" s="613"/>
      <c r="UM680" s="613"/>
      <c r="UN680" s="613"/>
      <c r="UO680" s="613"/>
      <c r="UP680" s="613"/>
      <c r="UQ680" s="613"/>
      <c r="UR680" s="613"/>
      <c r="US680" s="613"/>
      <c r="UT680" s="613"/>
      <c r="UU680" s="613"/>
      <c r="UV680" s="613"/>
      <c r="UW680" s="613"/>
      <c r="UX680" s="613"/>
      <c r="UY680" s="613"/>
      <c r="UZ680" s="613"/>
      <c r="VA680" s="613"/>
      <c r="VB680" s="613"/>
      <c r="VC680" s="613"/>
      <c r="VD680" s="613"/>
      <c r="VE680" s="613"/>
      <c r="VF680" s="613"/>
      <c r="VG680" s="613"/>
      <c r="VH680" s="613"/>
      <c r="VI680" s="613"/>
      <c r="VJ680" s="613"/>
      <c r="VK680" s="613"/>
      <c r="VL680" s="613"/>
      <c r="VM680" s="613"/>
      <c r="VN680" s="613"/>
      <c r="VO680" s="613"/>
      <c r="VP680" s="613"/>
      <c r="VQ680" s="613"/>
      <c r="VR680" s="613"/>
      <c r="VS680" s="613"/>
      <c r="VT680" s="613"/>
      <c r="VU680" s="613"/>
      <c r="VV680" s="613"/>
      <c r="VW680" s="613"/>
      <c r="VX680" s="613"/>
      <c r="VY680" s="613"/>
      <c r="VZ680" s="613"/>
      <c r="WA680" s="613"/>
      <c r="WB680" s="613"/>
      <c r="WC680" s="613"/>
      <c r="WD680" s="613"/>
      <c r="WE680" s="613"/>
      <c r="WF680" s="613"/>
      <c r="WG680" s="613"/>
      <c r="WH680" s="613"/>
      <c r="WI680" s="613"/>
      <c r="WJ680" s="613"/>
      <c r="WK680" s="613"/>
      <c r="WL680" s="613"/>
      <c r="WM680" s="613"/>
      <c r="WN680" s="613"/>
      <c r="WO680" s="613"/>
      <c r="WP680" s="613"/>
      <c r="WQ680" s="613"/>
      <c r="WR680" s="613"/>
      <c r="WS680" s="613"/>
      <c r="WT680" s="613"/>
      <c r="WU680" s="613"/>
      <c r="WV680" s="613"/>
      <c r="WW680" s="613"/>
      <c r="WX680" s="613"/>
      <c r="WY680" s="613"/>
      <c r="WZ680" s="613"/>
      <c r="XA680" s="613"/>
      <c r="XB680" s="613"/>
      <c r="XC680" s="613"/>
      <c r="XD680" s="613"/>
      <c r="XE680" s="613"/>
      <c r="XF680" s="613"/>
      <c r="XG680" s="613"/>
      <c r="XH680" s="613"/>
      <c r="XI680" s="613"/>
      <c r="XJ680" s="613"/>
      <c r="XK680" s="613"/>
      <c r="XL680" s="613"/>
      <c r="XM680" s="613"/>
      <c r="XN680" s="613"/>
      <c r="XO680" s="613"/>
      <c r="XP680" s="613"/>
      <c r="XQ680" s="613"/>
      <c r="XR680" s="613"/>
      <c r="XS680" s="613"/>
      <c r="XT680" s="613"/>
      <c r="XU680" s="613"/>
      <c r="XV680" s="613"/>
      <c r="XW680" s="613"/>
      <c r="XX680" s="613"/>
      <c r="XY680" s="613"/>
      <c r="XZ680" s="613"/>
      <c r="YA680" s="613"/>
      <c r="YB680" s="613"/>
      <c r="YC680" s="613"/>
      <c r="YD680" s="613"/>
      <c r="YE680" s="613"/>
      <c r="YF680" s="613"/>
      <c r="YG680" s="613"/>
      <c r="YH680" s="613"/>
      <c r="YI680" s="613"/>
      <c r="YJ680" s="613"/>
      <c r="YK680" s="613"/>
      <c r="YL680" s="613"/>
      <c r="YM680" s="613"/>
      <c r="YN680" s="613"/>
      <c r="YO680" s="613"/>
      <c r="YP680" s="613"/>
      <c r="YQ680" s="613"/>
      <c r="YR680" s="613"/>
      <c r="YS680" s="613"/>
      <c r="YT680" s="613"/>
      <c r="YU680" s="613"/>
      <c r="YV680" s="613"/>
      <c r="YW680" s="613"/>
      <c r="YX680" s="613"/>
      <c r="YY680" s="613"/>
      <c r="YZ680" s="613"/>
      <c r="ZA680" s="613"/>
      <c r="ZB680" s="613"/>
      <c r="ZC680" s="613"/>
      <c r="ZD680" s="613"/>
      <c r="ZE680" s="613"/>
      <c r="ZF680" s="613"/>
      <c r="ZG680" s="613"/>
      <c r="ZH680" s="613"/>
      <c r="ZI680" s="613"/>
      <c r="ZJ680" s="613"/>
      <c r="ZK680" s="613"/>
      <c r="ZL680" s="613"/>
      <c r="ZM680" s="613"/>
      <c r="ZN680" s="613"/>
      <c r="ZO680" s="613"/>
      <c r="ZP680" s="613"/>
      <c r="ZQ680" s="613"/>
      <c r="ZR680" s="613"/>
      <c r="ZS680" s="613"/>
      <c r="ZT680" s="613"/>
      <c r="ZU680" s="613"/>
      <c r="ZV680" s="613"/>
      <c r="ZW680" s="613"/>
      <c r="ZX680" s="613"/>
      <c r="ZY680" s="613"/>
      <c r="ZZ680" s="613"/>
      <c r="AAA680" s="613"/>
      <c r="AAB680" s="613"/>
      <c r="AAC680" s="613"/>
      <c r="AAD680" s="613"/>
      <c r="AAE680" s="613"/>
      <c r="AAF680" s="613"/>
      <c r="AAG680" s="613"/>
      <c r="AAH680" s="613"/>
      <c r="AAI680" s="613"/>
      <c r="AAJ680" s="613"/>
      <c r="AAK680" s="613"/>
      <c r="AAL680" s="613"/>
      <c r="AAM680" s="613"/>
      <c r="AAN680" s="613"/>
      <c r="AAO680" s="613"/>
      <c r="AAP680" s="613"/>
      <c r="AAQ680" s="613"/>
      <c r="AAR680" s="613"/>
      <c r="AAS680" s="613"/>
      <c r="AAT680" s="613"/>
      <c r="AAU680" s="613"/>
      <c r="AAV680" s="613"/>
      <c r="AAW680" s="613"/>
      <c r="AAX680" s="613"/>
      <c r="AAY680" s="613"/>
      <c r="AAZ680" s="613"/>
      <c r="ABA680" s="613"/>
      <c r="ABB680" s="613"/>
      <c r="ABC680" s="613"/>
      <c r="ABD680" s="613"/>
      <c r="ABE680" s="613"/>
      <c r="ABF680" s="613"/>
      <c r="ABG680" s="613"/>
      <c r="ABH680" s="613"/>
      <c r="ABI680" s="613"/>
      <c r="ABJ680" s="613"/>
      <c r="ABK680" s="613"/>
      <c r="ABL680" s="613"/>
      <c r="ABM680" s="613"/>
      <c r="ABN680" s="613"/>
      <c r="ABO680" s="613"/>
      <c r="ABP680" s="613"/>
      <c r="ABQ680" s="613"/>
      <c r="ABR680" s="613"/>
      <c r="ABS680" s="613"/>
      <c r="ABT680" s="613"/>
      <c r="ABU680" s="613"/>
      <c r="ABV680" s="613"/>
      <c r="ABW680" s="613"/>
      <c r="ABX680" s="613"/>
      <c r="ABY680" s="613"/>
      <c r="ABZ680" s="613"/>
      <c r="ACA680" s="613"/>
      <c r="ACB680" s="613"/>
      <c r="ACC680" s="613"/>
      <c r="ACD680" s="613"/>
      <c r="ACE680" s="613"/>
      <c r="ACF680" s="613"/>
      <c r="ACG680" s="613"/>
      <c r="ACH680" s="613"/>
      <c r="ACI680" s="613"/>
      <c r="ACJ680" s="613"/>
      <c r="ACK680" s="613"/>
      <c r="ACL680" s="613"/>
      <c r="ACM680" s="613"/>
      <c r="ACN680" s="613"/>
      <c r="ACO680" s="613"/>
      <c r="ACP680" s="613"/>
      <c r="ACQ680" s="613"/>
      <c r="ACR680" s="613"/>
      <c r="ACS680" s="613"/>
      <c r="ACT680" s="613"/>
      <c r="ACU680" s="613"/>
      <c r="ACV680" s="613"/>
      <c r="ACW680" s="613"/>
      <c r="ACX680" s="613"/>
      <c r="ACY680" s="613"/>
      <c r="ACZ680" s="613"/>
      <c r="ADA680" s="613"/>
      <c r="ADB680" s="613"/>
      <c r="ADC680" s="613"/>
      <c r="ADD680" s="613"/>
      <c r="ADE680" s="613"/>
      <c r="ADF680" s="613"/>
      <c r="ADG680" s="613"/>
      <c r="ADH680" s="613"/>
      <c r="ADI680" s="613"/>
      <c r="ADJ680" s="613"/>
      <c r="ADK680" s="613"/>
      <c r="ADL680" s="613"/>
      <c r="ADM680" s="613"/>
      <c r="ADN680" s="613"/>
      <c r="ADO680" s="613"/>
      <c r="ADP680" s="613"/>
      <c r="ADQ680" s="613"/>
      <c r="ADR680" s="613"/>
      <c r="ADS680" s="613"/>
      <c r="ADT680" s="613"/>
      <c r="ADU680" s="613"/>
      <c r="ADV680" s="613"/>
      <c r="ADW680" s="613"/>
      <c r="ADX680" s="613"/>
      <c r="ADY680" s="613"/>
      <c r="ADZ680" s="613"/>
      <c r="AEA680" s="613"/>
      <c r="AEB680" s="613"/>
      <c r="AEC680" s="613"/>
      <c r="AED680" s="613"/>
      <c r="AEE680" s="613"/>
      <c r="AEF680" s="613"/>
      <c r="AEG680" s="613"/>
      <c r="AEH680" s="613"/>
      <c r="AEI680" s="613"/>
      <c r="AEJ680" s="613"/>
      <c r="AEK680" s="613"/>
      <c r="AEL680" s="613"/>
      <c r="AEM680" s="613"/>
      <c r="AEN680" s="613"/>
      <c r="AEO680" s="613"/>
      <c r="AEP680" s="613"/>
      <c r="AEQ680" s="613"/>
      <c r="AER680" s="613"/>
      <c r="AES680" s="613"/>
      <c r="AET680" s="613"/>
      <c r="AEU680" s="613"/>
      <c r="AEV680" s="613"/>
      <c r="AEW680" s="613"/>
      <c r="AEX680" s="613"/>
      <c r="AEY680" s="613"/>
      <c r="AEZ680" s="613"/>
      <c r="AFA680" s="613"/>
      <c r="AFB680" s="613"/>
      <c r="AFC680" s="613"/>
      <c r="AFD680" s="613"/>
      <c r="AFE680" s="613"/>
      <c r="AFF680" s="613"/>
      <c r="AFG680" s="613"/>
      <c r="AFH680" s="613"/>
      <c r="AFI680" s="613"/>
      <c r="AFJ680" s="613"/>
      <c r="AFK680" s="613"/>
      <c r="AFL680" s="613"/>
      <c r="AFM680" s="613"/>
      <c r="AFN680" s="613"/>
      <c r="AFO680" s="613"/>
      <c r="AFP680" s="613"/>
      <c r="AFQ680" s="613"/>
      <c r="AFR680" s="613"/>
      <c r="AFS680" s="613"/>
      <c r="AFT680" s="613"/>
      <c r="AFU680" s="613"/>
      <c r="AFV680" s="613"/>
      <c r="AFW680" s="613"/>
      <c r="AFX680" s="613"/>
      <c r="AFY680" s="613"/>
      <c r="AFZ680" s="613"/>
      <c r="AGA680" s="613"/>
      <c r="AGB680" s="613"/>
      <c r="AGC680" s="613"/>
      <c r="AGD680" s="613"/>
      <c r="AGE680" s="613"/>
      <c r="AGF680" s="613"/>
      <c r="AGG680" s="613"/>
      <c r="AGH680" s="613"/>
      <c r="AGI680" s="613"/>
      <c r="AGJ680" s="613"/>
      <c r="AGK680" s="613"/>
      <c r="AGL680" s="613"/>
      <c r="AGM680" s="613"/>
      <c r="AGN680" s="613"/>
      <c r="AGO680" s="613"/>
      <c r="AGP680" s="613"/>
      <c r="AGQ680" s="613"/>
      <c r="AGR680" s="613"/>
      <c r="AGS680" s="613"/>
      <c r="AGT680" s="613"/>
      <c r="AGU680" s="613"/>
      <c r="AGV680" s="613"/>
      <c r="AGW680" s="613"/>
      <c r="AGX680" s="613"/>
      <c r="AGY680" s="613"/>
      <c r="AGZ680" s="613"/>
      <c r="AHA680" s="613"/>
      <c r="AHB680" s="613"/>
      <c r="AHC680" s="613"/>
      <c r="AHD680" s="613"/>
      <c r="AHE680" s="613"/>
      <c r="AHF680" s="613"/>
      <c r="AHG680" s="613"/>
      <c r="AHH680" s="613"/>
      <c r="AHI680" s="613"/>
      <c r="AHJ680" s="613"/>
      <c r="AHK680" s="613"/>
      <c r="AHL680" s="613"/>
      <c r="AHM680" s="613"/>
      <c r="AHN680" s="613"/>
      <c r="AHO680" s="613"/>
      <c r="AHP680" s="613"/>
      <c r="AHQ680" s="613"/>
      <c r="AHR680" s="613"/>
      <c r="AHS680" s="613"/>
      <c r="AHT680" s="613"/>
      <c r="AHU680" s="613"/>
      <c r="AHV680" s="613"/>
      <c r="AHW680" s="613"/>
      <c r="AHX680" s="613"/>
      <c r="AHY680" s="613"/>
      <c r="AHZ680" s="613"/>
      <c r="AIA680" s="613"/>
      <c r="AIB680" s="613"/>
      <c r="AIC680" s="613"/>
      <c r="AID680" s="613"/>
      <c r="AIE680" s="613"/>
      <c r="AIF680" s="613"/>
      <c r="AIG680" s="613"/>
      <c r="AIH680" s="613"/>
      <c r="AII680" s="613"/>
      <c r="AIJ680" s="613"/>
      <c r="AIK680" s="613"/>
      <c r="AIL680" s="613"/>
      <c r="AIM680" s="613"/>
      <c r="AIN680" s="613"/>
      <c r="AIO680" s="613"/>
      <c r="AIP680" s="613"/>
      <c r="AIQ680" s="613"/>
      <c r="AIR680" s="613"/>
      <c r="AIS680" s="613"/>
      <c r="AIT680" s="613"/>
      <c r="AIU680" s="613"/>
      <c r="AIV680" s="613"/>
      <c r="AIW680" s="613"/>
      <c r="AIX680" s="613"/>
      <c r="AIY680" s="613"/>
      <c r="AIZ680" s="613"/>
      <c r="AJA680" s="613"/>
      <c r="AJB680" s="613"/>
      <c r="AJC680" s="613"/>
      <c r="AJD680" s="613"/>
      <c r="AJE680" s="613"/>
      <c r="AJF680" s="613"/>
      <c r="AJG680" s="613"/>
      <c r="AJH680" s="613"/>
      <c r="AJI680" s="613"/>
      <c r="AJJ680" s="613"/>
      <c r="AJK680" s="613"/>
      <c r="AJL680" s="613"/>
      <c r="AJM680" s="613"/>
      <c r="AJN680" s="613"/>
      <c r="AJO680" s="613"/>
      <c r="AJP680" s="613"/>
      <c r="AJQ680" s="613"/>
      <c r="AJR680" s="613"/>
      <c r="AJS680" s="613"/>
      <c r="AJT680" s="613"/>
      <c r="AJU680" s="613"/>
      <c r="AJV680" s="613"/>
      <c r="AJW680" s="613"/>
      <c r="AJX680" s="613"/>
      <c r="AJY680" s="613"/>
      <c r="AJZ680" s="613"/>
      <c r="AKA680" s="613"/>
      <c r="AKB680" s="613"/>
      <c r="AKC680" s="613"/>
      <c r="AKD680" s="613"/>
      <c r="AKE680" s="613"/>
      <c r="AKF680" s="613"/>
      <c r="AKG680" s="613"/>
      <c r="AKH680" s="613"/>
      <c r="AKI680" s="613"/>
      <c r="AKJ680" s="613"/>
      <c r="AKK680" s="613"/>
      <c r="AKL680" s="613"/>
      <c r="AKM680" s="613"/>
      <c r="AKN680" s="613"/>
      <c r="AKO680" s="613"/>
      <c r="AKP680" s="613"/>
      <c r="AKQ680" s="613"/>
      <c r="AKR680" s="613"/>
      <c r="AKS680" s="613"/>
      <c r="AKT680" s="613"/>
      <c r="AKU680" s="613"/>
      <c r="AKV680" s="613"/>
      <c r="AKW680" s="613"/>
      <c r="AKX680" s="613"/>
      <c r="AKY680" s="613"/>
      <c r="AKZ680" s="613"/>
      <c r="ALA680" s="613"/>
      <c r="ALB680" s="613"/>
      <c r="ALC680" s="613"/>
      <c r="ALD680" s="613"/>
      <c r="ALE680" s="613"/>
      <c r="ALF680" s="613"/>
      <c r="ALG680" s="613"/>
      <c r="ALH680" s="613"/>
      <c r="ALI680" s="613"/>
      <c r="ALJ680" s="613"/>
      <c r="ALK680" s="613"/>
      <c r="ALL680" s="613"/>
      <c r="ALM680" s="613"/>
      <c r="ALN680" s="613"/>
      <c r="ALO680" s="613"/>
      <c r="ALP680" s="613"/>
      <c r="ALQ680" s="613"/>
      <c r="ALR680" s="613"/>
      <c r="ALS680" s="613"/>
      <c r="ALT680" s="613"/>
      <c r="ALU680" s="613"/>
      <c r="ALV680" s="613"/>
      <c r="ALW680" s="613"/>
      <c r="ALX680" s="613"/>
      <c r="ALY680" s="613"/>
      <c r="ALZ680" s="613"/>
      <c r="AMA680" s="613"/>
      <c r="AMB680" s="613"/>
      <c r="AMC680" s="613"/>
      <c r="AMD680" s="613"/>
      <c r="AME680" s="613"/>
      <c r="AMF680" s="613"/>
      <c r="AMG680" s="613"/>
      <c r="AMH680" s="613"/>
      <c r="AMI680" s="613"/>
      <c r="AMJ680" s="613"/>
      <c r="AMK680" s="613"/>
      <c r="AML680" s="613"/>
      <c r="AMM680" s="613"/>
      <c r="AMN680" s="613"/>
      <c r="AMO680" s="613"/>
      <c r="AMP680" s="613"/>
      <c r="AMQ680" s="613"/>
      <c r="AMR680" s="613"/>
      <c r="AMS680" s="613"/>
      <c r="AMT680" s="613"/>
      <c r="AMU680" s="613"/>
      <c r="AMV680" s="613"/>
      <c r="AMW680" s="613"/>
      <c r="AMX680" s="613"/>
      <c r="AMY680" s="613"/>
      <c r="AMZ680" s="613"/>
      <c r="ANA680" s="613"/>
      <c r="ANB680" s="613"/>
      <c r="ANC680" s="613"/>
      <c r="AND680" s="613"/>
      <c r="ANE680" s="613"/>
      <c r="ANF680" s="613"/>
      <c r="ANG680" s="613"/>
      <c r="ANH680" s="613"/>
      <c r="ANI680" s="613"/>
      <c r="ANJ680" s="613"/>
      <c r="ANK680" s="613"/>
      <c r="ANL680" s="613"/>
      <c r="ANM680" s="613"/>
      <c r="ANN680" s="613"/>
      <c r="ANO680" s="613"/>
      <c r="ANP680" s="613"/>
      <c r="ANQ680" s="613"/>
      <c r="ANR680" s="613"/>
      <c r="ANS680" s="613"/>
      <c r="ANT680" s="613"/>
      <c r="ANU680" s="613"/>
      <c r="ANV680" s="613"/>
      <c r="ANW680" s="613"/>
      <c r="ANX680" s="613"/>
      <c r="ANY680" s="613"/>
      <c r="ANZ680" s="613"/>
      <c r="AOA680" s="613"/>
      <c r="AOB680" s="613"/>
      <c r="AOC680" s="613"/>
      <c r="AOD680" s="613"/>
      <c r="AOE680" s="613"/>
      <c r="AOF680" s="613"/>
      <c r="AOG680" s="613"/>
      <c r="AOH680" s="613"/>
      <c r="AOI680" s="613"/>
      <c r="AOJ680" s="613"/>
      <c r="AOK680" s="613"/>
      <c r="AOL680" s="613"/>
      <c r="AOM680" s="613"/>
      <c r="AON680" s="613"/>
      <c r="AOO680" s="613"/>
      <c r="AOP680" s="613"/>
      <c r="AOQ680" s="613"/>
      <c r="AOR680" s="613"/>
      <c r="AOS680" s="613"/>
      <c r="AOT680" s="613"/>
      <c r="AOU680" s="613"/>
      <c r="AOV680" s="613"/>
      <c r="AOW680" s="613"/>
      <c r="AOX680" s="613"/>
      <c r="AOY680" s="613"/>
      <c r="AOZ680" s="613"/>
      <c r="APA680" s="613"/>
      <c r="APB680" s="613"/>
      <c r="APC680" s="613"/>
      <c r="APD680" s="613"/>
      <c r="APE680" s="613"/>
      <c r="APF680" s="613"/>
      <c r="APG680" s="613"/>
      <c r="APH680" s="613"/>
      <c r="API680" s="613"/>
      <c r="APJ680" s="613"/>
      <c r="APK680" s="613"/>
      <c r="APL680" s="613"/>
      <c r="APM680" s="613"/>
      <c r="APN680" s="613"/>
      <c r="APO680" s="613"/>
      <c r="APP680" s="613"/>
      <c r="APQ680" s="613"/>
      <c r="APR680" s="613"/>
      <c r="APS680" s="613"/>
      <c r="APT680" s="613"/>
      <c r="APU680" s="613"/>
      <c r="APV680" s="613"/>
      <c r="APW680" s="613"/>
      <c r="APX680" s="613"/>
      <c r="APY680" s="613"/>
      <c r="APZ680" s="613"/>
      <c r="AQA680" s="613"/>
      <c r="AQB680" s="613"/>
      <c r="AQC680" s="613"/>
      <c r="AQD680" s="613"/>
      <c r="AQE680" s="613"/>
      <c r="AQF680" s="613"/>
      <c r="AQG680" s="613"/>
      <c r="AQH680" s="613"/>
      <c r="AQI680" s="613"/>
      <c r="AQJ680" s="613"/>
      <c r="AQK680" s="613"/>
      <c r="AQL680" s="613"/>
      <c r="AQM680" s="613"/>
      <c r="AQN680" s="613"/>
      <c r="AQO680" s="613"/>
      <c r="AQP680" s="613"/>
      <c r="AQQ680" s="613"/>
      <c r="AQR680" s="613"/>
      <c r="AQS680" s="613"/>
      <c r="AQT680" s="613"/>
      <c r="AQU680" s="613"/>
      <c r="AQV680" s="613"/>
      <c r="AQW680" s="613"/>
      <c r="AQX680" s="613"/>
      <c r="AQY680" s="613"/>
      <c r="AQZ680" s="613"/>
      <c r="ARA680" s="613"/>
      <c r="ARB680" s="613"/>
      <c r="ARC680" s="613"/>
      <c r="ARD680" s="613"/>
      <c r="ARE680" s="613"/>
      <c r="ARF680" s="613"/>
      <c r="ARG680" s="613"/>
      <c r="ARH680" s="613"/>
      <c r="ARI680" s="613"/>
      <c r="ARJ680" s="613"/>
      <c r="ARK680" s="613"/>
      <c r="ARL680" s="613"/>
      <c r="ARM680" s="613"/>
      <c r="ARN680" s="613"/>
      <c r="ARO680" s="613"/>
      <c r="ARP680" s="613"/>
      <c r="ARQ680" s="613"/>
      <c r="ARR680" s="613"/>
      <c r="ARS680" s="613"/>
      <c r="ART680" s="613"/>
      <c r="ARU680" s="613"/>
      <c r="ARV680" s="613"/>
      <c r="ARW680" s="613"/>
      <c r="ARX680" s="613"/>
      <c r="ARY680" s="613"/>
      <c r="ARZ680" s="613"/>
      <c r="ASA680" s="613"/>
      <c r="ASB680" s="613"/>
      <c r="ASC680" s="613"/>
      <c r="ASD680" s="613"/>
      <c r="ASE680" s="613"/>
      <c r="ASF680" s="613"/>
      <c r="ASG680" s="613"/>
      <c r="ASH680" s="613"/>
      <c r="ASI680" s="613"/>
      <c r="ASJ680" s="613"/>
      <c r="ASK680" s="613"/>
      <c r="ASL680" s="613"/>
      <c r="ASM680" s="613"/>
      <c r="ASN680" s="613"/>
      <c r="ASO680" s="613"/>
      <c r="ASP680" s="613"/>
      <c r="ASQ680" s="613"/>
      <c r="ASR680" s="613"/>
      <c r="ASS680" s="613"/>
      <c r="AST680" s="613"/>
      <c r="ASU680" s="613"/>
      <c r="ASV680" s="613"/>
      <c r="ASW680" s="613"/>
      <c r="ASX680" s="613"/>
      <c r="ASY680" s="613"/>
      <c r="ASZ680" s="613"/>
      <c r="ATA680" s="613"/>
      <c r="ATB680" s="613"/>
      <c r="ATC680" s="613"/>
      <c r="ATD680" s="613"/>
      <c r="ATE680" s="613"/>
      <c r="ATF680" s="613"/>
      <c r="ATG680" s="613"/>
      <c r="ATH680" s="613"/>
      <c r="ATI680" s="613"/>
      <c r="ATJ680" s="613"/>
      <c r="ATK680" s="613"/>
      <c r="ATL680" s="613"/>
      <c r="ATM680" s="613"/>
      <c r="ATN680" s="613"/>
      <c r="ATO680" s="613"/>
      <c r="ATP680" s="613"/>
      <c r="ATQ680" s="613"/>
      <c r="ATR680" s="613"/>
      <c r="ATS680" s="613"/>
      <c r="ATT680" s="613"/>
      <c r="ATU680" s="613"/>
      <c r="ATV680" s="613"/>
      <c r="ATW680" s="613"/>
      <c r="ATX680" s="613"/>
      <c r="ATY680" s="613"/>
      <c r="ATZ680" s="613"/>
      <c r="AUA680" s="613"/>
      <c r="AUB680" s="613"/>
      <c r="AUC680" s="613"/>
      <c r="AUD680" s="613"/>
      <c r="AUE680" s="613"/>
      <c r="AUF680" s="613"/>
      <c r="AUG680" s="613"/>
      <c r="AUH680" s="613"/>
      <c r="AUI680" s="613"/>
      <c r="AUJ680" s="613"/>
      <c r="AUK680" s="613"/>
      <c r="AUL680" s="613"/>
      <c r="AUM680" s="613"/>
      <c r="AUN680" s="613"/>
      <c r="AUO680" s="613"/>
      <c r="AUP680" s="613"/>
      <c r="AUQ680" s="613"/>
      <c r="AUR680" s="613"/>
      <c r="AUS680" s="613"/>
      <c r="AUT680" s="613"/>
      <c r="AUU680" s="613"/>
      <c r="AUV680" s="613"/>
      <c r="AUW680" s="613"/>
      <c r="AUX680" s="613"/>
      <c r="AUY680" s="613"/>
      <c r="AUZ680" s="613"/>
      <c r="AVA680" s="613"/>
      <c r="AVB680" s="613"/>
      <c r="AVC680" s="613"/>
      <c r="AVD680" s="613"/>
      <c r="AVE680" s="613"/>
      <c r="AVF680" s="613"/>
      <c r="AVG680" s="613"/>
      <c r="AVH680" s="613"/>
      <c r="AVI680" s="613"/>
      <c r="AVJ680" s="613"/>
      <c r="AVK680" s="613"/>
      <c r="AVL680" s="613"/>
      <c r="AVM680" s="613"/>
      <c r="AVN680" s="613"/>
      <c r="AVO680" s="613"/>
      <c r="AVP680" s="613"/>
      <c r="AVQ680" s="613"/>
      <c r="AVR680" s="613"/>
      <c r="AVS680" s="613"/>
      <c r="AVT680" s="613"/>
      <c r="AVU680" s="613"/>
      <c r="AVV680" s="613"/>
      <c r="AVW680" s="613"/>
      <c r="AVX680" s="613"/>
      <c r="AVY680" s="613"/>
      <c r="AVZ680" s="613"/>
      <c r="AWA680" s="613"/>
      <c r="AWB680" s="613"/>
      <c r="AWC680" s="613"/>
      <c r="AWD680" s="613"/>
      <c r="AWE680" s="613"/>
      <c r="AWF680" s="613"/>
      <c r="AWG680" s="613"/>
      <c r="AWH680" s="613"/>
      <c r="AWI680" s="613"/>
      <c r="AWJ680" s="613"/>
      <c r="AWK680" s="613"/>
      <c r="AWL680" s="613"/>
      <c r="AWM680" s="613"/>
      <c r="AWN680" s="613"/>
      <c r="AWO680" s="613"/>
      <c r="AWP680" s="613"/>
      <c r="AWQ680" s="613"/>
      <c r="AWR680" s="613"/>
      <c r="AWS680" s="613"/>
      <c r="AWT680" s="613"/>
      <c r="AWU680" s="613"/>
      <c r="AWV680" s="613"/>
      <c r="AWW680" s="613"/>
      <c r="AWX680" s="613"/>
      <c r="AWY680" s="613"/>
      <c r="AWZ680" s="613"/>
      <c r="AXA680" s="613"/>
      <c r="AXB680" s="613"/>
      <c r="AXC680" s="613"/>
      <c r="AXD680" s="613"/>
      <c r="AXE680" s="613"/>
      <c r="AXF680" s="613"/>
      <c r="AXG680" s="613"/>
      <c r="AXH680" s="613"/>
      <c r="AXI680" s="613"/>
      <c r="AXJ680" s="613"/>
      <c r="AXK680" s="613"/>
      <c r="AXL680" s="613"/>
      <c r="AXM680" s="613"/>
      <c r="AXN680" s="613"/>
      <c r="AXO680" s="613"/>
      <c r="AXP680" s="613"/>
      <c r="AXQ680" s="613"/>
      <c r="AXR680" s="613"/>
      <c r="AXS680" s="613"/>
      <c r="AXT680" s="613"/>
      <c r="AXU680" s="613"/>
      <c r="AXV680" s="613"/>
      <c r="AXW680" s="613"/>
      <c r="AXX680" s="613"/>
      <c r="AXY680" s="613"/>
      <c r="AXZ680" s="613"/>
      <c r="AYA680" s="613"/>
      <c r="AYB680" s="613"/>
      <c r="AYC680" s="613"/>
      <c r="AYD680" s="613"/>
      <c r="AYE680" s="613"/>
      <c r="AYF680" s="613"/>
      <c r="AYG680" s="613"/>
      <c r="AYH680" s="613"/>
      <c r="AYI680" s="613"/>
      <c r="AYJ680" s="613"/>
      <c r="AYK680" s="613"/>
      <c r="AYL680" s="613"/>
      <c r="AYM680" s="613"/>
      <c r="AYN680" s="613"/>
      <c r="AYO680" s="613"/>
      <c r="AYP680" s="613"/>
      <c r="AYQ680" s="613"/>
      <c r="AYR680" s="613"/>
      <c r="AYS680" s="613"/>
      <c r="AYT680" s="613"/>
      <c r="AYU680" s="613"/>
      <c r="AYV680" s="613"/>
      <c r="AYW680" s="613"/>
      <c r="AYX680" s="613"/>
      <c r="AYY680" s="613"/>
      <c r="AYZ680" s="613"/>
      <c r="AZA680" s="613"/>
      <c r="AZB680" s="613"/>
      <c r="AZC680" s="613"/>
      <c r="AZD680" s="613"/>
      <c r="AZE680" s="613"/>
      <c r="AZF680" s="613"/>
      <c r="AZG680" s="613"/>
      <c r="AZH680" s="613"/>
      <c r="AZI680" s="613"/>
      <c r="AZJ680" s="613"/>
      <c r="AZK680" s="613"/>
      <c r="AZL680" s="613"/>
      <c r="AZM680" s="613"/>
      <c r="AZN680" s="613"/>
      <c r="AZO680" s="613"/>
      <c r="AZP680" s="613"/>
      <c r="AZQ680" s="613"/>
      <c r="AZR680" s="613"/>
      <c r="AZS680" s="613"/>
      <c r="AZT680" s="613"/>
      <c r="AZU680" s="613"/>
      <c r="AZV680" s="613"/>
      <c r="AZW680" s="613"/>
      <c r="AZX680" s="613"/>
      <c r="AZY680" s="613"/>
      <c r="AZZ680" s="613"/>
      <c r="BAA680" s="613"/>
      <c r="BAB680" s="613"/>
      <c r="BAC680" s="613"/>
      <c r="BAD680" s="613"/>
      <c r="BAE680" s="613"/>
      <c r="BAF680" s="613"/>
      <c r="BAG680" s="613"/>
      <c r="BAH680" s="613"/>
      <c r="BAI680" s="613"/>
      <c r="BAJ680" s="613"/>
      <c r="BAK680" s="613"/>
      <c r="BAL680" s="613"/>
      <c r="BAM680" s="613"/>
      <c r="BAN680" s="613"/>
      <c r="BAO680" s="613"/>
      <c r="BAP680" s="613"/>
      <c r="BAQ680" s="613"/>
      <c r="BAR680" s="613"/>
      <c r="BAS680" s="613"/>
      <c r="BAT680" s="613"/>
      <c r="BAU680" s="613"/>
      <c r="BAV680" s="613"/>
      <c r="BAW680" s="613"/>
      <c r="BAX680" s="613"/>
      <c r="BAY680" s="613"/>
      <c r="BAZ680" s="613"/>
      <c r="BBA680" s="613"/>
      <c r="BBB680" s="613"/>
      <c r="BBC680" s="613"/>
      <c r="BBD680" s="613"/>
      <c r="BBE680" s="613"/>
      <c r="BBF680" s="613"/>
      <c r="BBG680" s="613"/>
      <c r="BBH680" s="613"/>
      <c r="BBI680" s="613"/>
      <c r="BBJ680" s="613"/>
      <c r="BBK680" s="613"/>
      <c r="BBL680" s="613"/>
      <c r="BBM680" s="613"/>
      <c r="BBN680" s="613"/>
      <c r="BBO680" s="613"/>
      <c r="BBP680" s="613"/>
      <c r="BBQ680" s="613"/>
      <c r="BBR680" s="613"/>
      <c r="BBS680" s="613"/>
      <c r="BBT680" s="613"/>
      <c r="BBU680" s="613"/>
      <c r="BBV680" s="613"/>
      <c r="BBW680" s="613"/>
      <c r="BBX680" s="613"/>
      <c r="BBY680" s="613"/>
      <c r="BBZ680" s="613"/>
      <c r="BCA680" s="613"/>
      <c r="BCB680" s="613"/>
      <c r="BCC680" s="613"/>
      <c r="BCD680" s="613"/>
      <c r="BCE680" s="613"/>
      <c r="BCF680" s="613"/>
      <c r="BCG680" s="613"/>
      <c r="BCH680" s="613"/>
      <c r="BCI680" s="613"/>
      <c r="BCJ680" s="613"/>
      <c r="BCK680" s="613"/>
      <c r="BCL680" s="613"/>
      <c r="BCM680" s="613"/>
      <c r="BCN680" s="613"/>
      <c r="BCO680" s="613"/>
      <c r="BCP680" s="613"/>
      <c r="BCQ680" s="613"/>
      <c r="BCR680" s="613"/>
      <c r="BCS680" s="613"/>
      <c r="BCT680" s="613"/>
      <c r="BCU680" s="613"/>
      <c r="BCV680" s="613"/>
      <c r="BCW680" s="613"/>
      <c r="BCX680" s="613"/>
      <c r="BCY680" s="613"/>
      <c r="BCZ680" s="613"/>
      <c r="BDA680" s="613"/>
      <c r="BDB680" s="613"/>
      <c r="BDC680" s="613"/>
      <c r="BDD680" s="613"/>
      <c r="BDE680" s="613"/>
      <c r="BDF680" s="613"/>
      <c r="BDG680" s="613"/>
      <c r="BDH680" s="613"/>
      <c r="BDI680" s="613"/>
      <c r="BDJ680" s="613"/>
      <c r="BDK680" s="613"/>
      <c r="BDL680" s="613"/>
      <c r="BDM680" s="613"/>
      <c r="BDN680" s="613"/>
      <c r="BDO680" s="613"/>
      <c r="BDP680" s="613"/>
      <c r="BDQ680" s="613"/>
      <c r="BDR680" s="613"/>
      <c r="BDS680" s="613"/>
      <c r="BDT680" s="613"/>
      <c r="BDU680" s="613"/>
      <c r="BDV680" s="613"/>
      <c r="BDW680" s="613"/>
      <c r="BDX680" s="613"/>
      <c r="BDY680" s="613"/>
      <c r="BDZ680" s="613"/>
      <c r="BEA680" s="613"/>
      <c r="BEB680" s="613"/>
      <c r="BEC680" s="613"/>
      <c r="BED680" s="613"/>
      <c r="BEE680" s="613"/>
      <c r="BEF680" s="613"/>
      <c r="BEG680" s="613"/>
      <c r="BEH680" s="613"/>
      <c r="BEI680" s="613"/>
      <c r="BEJ680" s="613"/>
      <c r="BEK680" s="613"/>
      <c r="BEL680" s="613"/>
      <c r="BEM680" s="613"/>
      <c r="BEN680" s="613"/>
      <c r="BEO680" s="613"/>
      <c r="BEP680" s="613"/>
      <c r="BEQ680" s="613"/>
      <c r="BER680" s="613"/>
      <c r="BES680" s="613"/>
      <c r="BET680" s="613"/>
      <c r="BEU680" s="613"/>
      <c r="BEV680" s="613"/>
      <c r="BEW680" s="613"/>
      <c r="BEX680" s="613"/>
      <c r="BEY680" s="613"/>
      <c r="BEZ680" s="613"/>
      <c r="BFA680" s="613"/>
      <c r="BFB680" s="613"/>
      <c r="BFC680" s="613"/>
      <c r="BFD680" s="613"/>
      <c r="BFE680" s="613"/>
      <c r="BFF680" s="613"/>
      <c r="BFG680" s="613"/>
      <c r="BFH680" s="613"/>
      <c r="BFI680" s="613"/>
      <c r="BFJ680" s="613"/>
      <c r="BFK680" s="613"/>
      <c r="BFL680" s="613"/>
      <c r="BFM680" s="613"/>
      <c r="BFN680" s="613"/>
      <c r="BFO680" s="613"/>
      <c r="BFP680" s="613"/>
      <c r="BFQ680" s="613"/>
      <c r="BFR680" s="613"/>
      <c r="BFS680" s="613"/>
      <c r="BFT680" s="613"/>
      <c r="BFU680" s="613"/>
      <c r="BFV680" s="613"/>
      <c r="BFW680" s="613"/>
      <c r="BFX680" s="613"/>
      <c r="BFY680" s="613"/>
      <c r="BFZ680" s="613"/>
      <c r="BGA680" s="613"/>
      <c r="BGB680" s="613"/>
      <c r="BGC680" s="613"/>
      <c r="BGD680" s="613"/>
      <c r="BGE680" s="613"/>
      <c r="BGF680" s="613"/>
      <c r="BGG680" s="613"/>
      <c r="BGH680" s="613"/>
      <c r="BGI680" s="613"/>
      <c r="BGJ680" s="613"/>
      <c r="BGK680" s="613"/>
      <c r="BGL680" s="613"/>
      <c r="BGM680" s="613"/>
      <c r="BGN680" s="613"/>
      <c r="BGO680" s="613"/>
      <c r="BGP680" s="613"/>
      <c r="BGQ680" s="613"/>
      <c r="BGR680" s="613"/>
      <c r="BGS680" s="613"/>
      <c r="BGT680" s="613"/>
      <c r="BGU680" s="613"/>
      <c r="BGV680" s="613"/>
      <c r="BGW680" s="613"/>
      <c r="BGX680" s="613"/>
      <c r="BGY680" s="613"/>
      <c r="BGZ680" s="613"/>
      <c r="BHA680" s="613"/>
      <c r="BHB680" s="613"/>
      <c r="BHC680" s="613"/>
      <c r="BHD680" s="613"/>
      <c r="BHE680" s="613"/>
      <c r="BHF680" s="613"/>
      <c r="BHG680" s="613"/>
      <c r="BHH680" s="613"/>
      <c r="BHI680" s="613"/>
      <c r="BHJ680" s="613"/>
      <c r="BHK680" s="613"/>
      <c r="BHL680" s="613"/>
      <c r="BHM680" s="613"/>
      <c r="BHN680" s="613"/>
      <c r="BHO680" s="613"/>
      <c r="BHP680" s="613"/>
      <c r="BHQ680" s="613"/>
      <c r="BHR680" s="613"/>
      <c r="BHS680" s="613"/>
      <c r="BHT680" s="613"/>
      <c r="BHU680" s="613"/>
      <c r="BHV680" s="613"/>
      <c r="BHW680" s="613"/>
      <c r="BHX680" s="613"/>
      <c r="BHY680" s="613"/>
      <c r="BHZ680" s="613"/>
      <c r="BIA680" s="613"/>
      <c r="BIB680" s="613"/>
      <c r="BIC680" s="613"/>
      <c r="BID680" s="613"/>
      <c r="BIE680" s="613"/>
      <c r="BIF680" s="613"/>
      <c r="BIG680" s="613"/>
      <c r="BIH680" s="613"/>
      <c r="BII680" s="613"/>
      <c r="BIJ680" s="613"/>
      <c r="BIK680" s="613"/>
      <c r="BIL680" s="613"/>
      <c r="BIM680" s="613"/>
      <c r="BIN680" s="613"/>
      <c r="BIO680" s="613"/>
      <c r="BIP680" s="613"/>
      <c r="BIQ680" s="613"/>
      <c r="BIR680" s="613"/>
      <c r="BIS680" s="613"/>
      <c r="BIT680" s="613"/>
      <c r="BIU680" s="613"/>
      <c r="BIV680" s="613"/>
      <c r="BIW680" s="613"/>
      <c r="BIX680" s="613"/>
      <c r="BIY680" s="613"/>
      <c r="BIZ680" s="613"/>
      <c r="BJA680" s="613"/>
      <c r="BJB680" s="613"/>
      <c r="BJC680" s="613"/>
      <c r="BJD680" s="613"/>
      <c r="BJE680" s="613"/>
      <c r="BJF680" s="613"/>
      <c r="BJG680" s="613"/>
      <c r="BJH680" s="613"/>
      <c r="BJI680" s="613"/>
      <c r="BJJ680" s="613"/>
      <c r="BJK680" s="613"/>
      <c r="BJL680" s="613"/>
      <c r="BJM680" s="613"/>
      <c r="BJN680" s="613"/>
      <c r="BJO680" s="613"/>
      <c r="BJP680" s="613"/>
      <c r="BJQ680" s="613"/>
      <c r="BJR680" s="613"/>
      <c r="BJS680" s="613"/>
      <c r="BJT680" s="613"/>
      <c r="BJU680" s="613"/>
      <c r="BJV680" s="613"/>
      <c r="BJW680" s="613"/>
      <c r="BJX680" s="613"/>
      <c r="BJY680" s="613"/>
      <c r="BJZ680" s="613"/>
      <c r="BKA680" s="613"/>
      <c r="BKB680" s="613"/>
      <c r="BKC680" s="613"/>
      <c r="BKD680" s="613"/>
      <c r="BKE680" s="613"/>
      <c r="BKF680" s="613"/>
      <c r="BKG680" s="613"/>
      <c r="BKH680" s="613"/>
      <c r="BKI680" s="613"/>
      <c r="BKJ680" s="613"/>
      <c r="BKK680" s="613"/>
      <c r="BKL680" s="613"/>
      <c r="BKM680" s="613"/>
      <c r="BKN680" s="613"/>
      <c r="BKO680" s="613"/>
      <c r="BKP680" s="613"/>
      <c r="BKQ680" s="613"/>
      <c r="BKR680" s="613"/>
      <c r="BKS680" s="613"/>
      <c r="BKT680" s="613"/>
      <c r="BKU680" s="613"/>
      <c r="BKV680" s="613"/>
      <c r="BKW680" s="613"/>
      <c r="BKX680" s="613"/>
      <c r="BKY680" s="613"/>
      <c r="BKZ680" s="613"/>
      <c r="BLA680" s="613"/>
      <c r="BLB680" s="613"/>
      <c r="BLC680" s="613"/>
      <c r="BLD680" s="613"/>
      <c r="BLE680" s="613"/>
      <c r="BLF680" s="613"/>
      <c r="BLG680" s="613"/>
      <c r="BLH680" s="613"/>
      <c r="BLI680" s="613"/>
      <c r="BLJ680" s="613"/>
      <c r="BLK680" s="613"/>
      <c r="BLL680" s="613"/>
      <c r="BLM680" s="613"/>
      <c r="BLN680" s="613"/>
      <c r="BLO680" s="613"/>
      <c r="BLP680" s="613"/>
      <c r="BLQ680" s="613"/>
      <c r="BLR680" s="613"/>
      <c r="BLS680" s="613"/>
      <c r="BLT680" s="613"/>
      <c r="BLU680" s="613"/>
      <c r="BLV680" s="613"/>
      <c r="BLW680" s="613"/>
      <c r="BLX680" s="613"/>
      <c r="BLY680" s="613"/>
      <c r="BLZ680" s="613"/>
      <c r="BMA680" s="613"/>
      <c r="BMB680" s="613"/>
      <c r="BMC680" s="613"/>
      <c r="BMD680" s="613"/>
      <c r="BME680" s="613"/>
      <c r="BMF680" s="613"/>
      <c r="BMG680" s="613"/>
      <c r="BMH680" s="613"/>
      <c r="BMI680" s="613"/>
      <c r="BMJ680" s="613"/>
      <c r="BMK680" s="613"/>
      <c r="BML680" s="613"/>
      <c r="BMM680" s="613"/>
      <c r="BMN680" s="613"/>
      <c r="BMO680" s="613"/>
      <c r="BMP680" s="613"/>
      <c r="BMQ680" s="613"/>
      <c r="BMR680" s="613"/>
      <c r="BMS680" s="613"/>
      <c r="BMT680" s="613"/>
      <c r="BMU680" s="613"/>
      <c r="BMV680" s="613"/>
      <c r="BMW680" s="613"/>
      <c r="BMX680" s="613"/>
      <c r="BMY680" s="613"/>
      <c r="BMZ680" s="613"/>
      <c r="BNA680" s="613"/>
      <c r="BNB680" s="613"/>
      <c r="BNC680" s="613"/>
      <c r="BND680" s="613"/>
      <c r="BNE680" s="613"/>
      <c r="BNF680" s="613"/>
      <c r="BNG680" s="613"/>
      <c r="BNH680" s="613"/>
      <c r="BNI680" s="613"/>
      <c r="BNJ680" s="613"/>
      <c r="BNK680" s="613"/>
      <c r="BNL680" s="613"/>
      <c r="BNM680" s="613"/>
      <c r="BNN680" s="613"/>
      <c r="BNO680" s="613"/>
      <c r="BNP680" s="613"/>
      <c r="BNQ680" s="613"/>
      <c r="BNR680" s="613"/>
      <c r="BNS680" s="613"/>
      <c r="BNT680" s="613"/>
      <c r="BNU680" s="613"/>
      <c r="BNV680" s="613"/>
      <c r="BNW680" s="613"/>
      <c r="BNX680" s="613"/>
      <c r="BNY680" s="613"/>
      <c r="BNZ680" s="613"/>
      <c r="BOA680" s="613"/>
      <c r="BOB680" s="613"/>
      <c r="BOC680" s="613"/>
      <c r="BOD680" s="613"/>
      <c r="BOE680" s="613"/>
      <c r="BOF680" s="613"/>
      <c r="BOG680" s="613"/>
      <c r="BOH680" s="613"/>
      <c r="BOI680" s="613"/>
      <c r="BOJ680" s="613"/>
      <c r="BOK680" s="613"/>
      <c r="BOL680" s="613"/>
      <c r="BOM680" s="613"/>
      <c r="BON680" s="613"/>
      <c r="BOO680" s="613"/>
      <c r="BOP680" s="613"/>
      <c r="BOQ680" s="613"/>
      <c r="BOR680" s="613"/>
      <c r="BOS680" s="613"/>
      <c r="BOT680" s="613"/>
      <c r="BOU680" s="613"/>
      <c r="BOV680" s="613"/>
      <c r="BOW680" s="613"/>
      <c r="BOX680" s="613"/>
      <c r="BOY680" s="613"/>
      <c r="BOZ680" s="613"/>
      <c r="BPA680" s="613"/>
      <c r="BPB680" s="613"/>
      <c r="BPC680" s="613"/>
      <c r="BPD680" s="613"/>
      <c r="BPE680" s="613"/>
      <c r="BPF680" s="613"/>
      <c r="BPG680" s="613"/>
      <c r="BPH680" s="613"/>
      <c r="BPI680" s="613"/>
      <c r="BPJ680" s="613"/>
      <c r="BPK680" s="613"/>
      <c r="BPL680" s="613"/>
      <c r="BPM680" s="613"/>
      <c r="BPN680" s="613"/>
      <c r="BPO680" s="613"/>
      <c r="BPP680" s="613"/>
      <c r="BPQ680" s="613"/>
      <c r="BPR680" s="613"/>
      <c r="BPS680" s="613"/>
      <c r="BPT680" s="613"/>
      <c r="BPU680" s="613"/>
      <c r="BPV680" s="613"/>
      <c r="BPW680" s="613"/>
      <c r="BPX680" s="613"/>
      <c r="BPY680" s="613"/>
      <c r="BPZ680" s="613"/>
      <c r="BQA680" s="613"/>
      <c r="BQB680" s="613"/>
      <c r="BQC680" s="613"/>
      <c r="BQD680" s="613"/>
      <c r="BQE680" s="613"/>
      <c r="BQF680" s="613"/>
      <c r="BQG680" s="613"/>
      <c r="BQH680" s="613"/>
      <c r="BQI680" s="613"/>
      <c r="BQJ680" s="613"/>
      <c r="BQK680" s="613"/>
      <c r="BQL680" s="613"/>
      <c r="BQM680" s="613"/>
      <c r="BQN680" s="613"/>
      <c r="BQO680" s="613"/>
      <c r="BQP680" s="613"/>
      <c r="BQQ680" s="613"/>
      <c r="BQR680" s="613"/>
      <c r="BQS680" s="613"/>
      <c r="BQT680" s="613"/>
      <c r="BQU680" s="613"/>
      <c r="BQV680" s="613"/>
      <c r="BQW680" s="613"/>
      <c r="BQX680" s="613"/>
      <c r="BQY680" s="613"/>
      <c r="BQZ680" s="613"/>
      <c r="BRA680" s="613"/>
      <c r="BRB680" s="613"/>
      <c r="BRC680" s="613"/>
      <c r="BRD680" s="613"/>
      <c r="BRE680" s="613"/>
      <c r="BRF680" s="613"/>
      <c r="BRG680" s="613"/>
      <c r="BRH680" s="613"/>
      <c r="BRI680" s="613"/>
      <c r="BRJ680" s="613"/>
      <c r="BRK680" s="613"/>
      <c r="BRL680" s="613"/>
      <c r="BRM680" s="613"/>
      <c r="BRN680" s="613"/>
      <c r="BRO680" s="613"/>
      <c r="BRP680" s="613"/>
      <c r="BRQ680" s="613"/>
      <c r="BRR680" s="613"/>
      <c r="BRS680" s="613"/>
      <c r="BRT680" s="613"/>
      <c r="BRU680" s="613"/>
      <c r="BRV680" s="613"/>
      <c r="BRW680" s="613"/>
      <c r="BRX680" s="613"/>
      <c r="BRY680" s="613"/>
      <c r="BRZ680" s="613"/>
      <c r="BSA680" s="613"/>
      <c r="BSB680" s="613"/>
      <c r="BSC680" s="613"/>
      <c r="BSD680" s="613"/>
      <c r="BSE680" s="613"/>
      <c r="BSF680" s="613"/>
      <c r="BSG680" s="613"/>
      <c r="BSH680" s="613"/>
      <c r="BSI680" s="613"/>
      <c r="BSJ680" s="613"/>
      <c r="BSK680" s="613"/>
      <c r="BSL680" s="613"/>
      <c r="BSM680" s="613"/>
      <c r="BSN680" s="613"/>
      <c r="BSO680" s="613"/>
      <c r="BSP680" s="613"/>
      <c r="BSQ680" s="613"/>
      <c r="BSR680" s="613"/>
      <c r="BSS680" s="613"/>
      <c r="BST680" s="613"/>
      <c r="BSU680" s="613"/>
      <c r="BSV680" s="613"/>
      <c r="BSW680" s="613"/>
      <c r="BSX680" s="613"/>
      <c r="BSY680" s="613"/>
      <c r="BSZ680" s="613"/>
      <c r="BTA680" s="613"/>
      <c r="BTB680" s="613"/>
      <c r="BTC680" s="613"/>
      <c r="BTD680" s="613"/>
      <c r="BTE680" s="613"/>
      <c r="BTF680" s="613"/>
      <c r="BTG680" s="613"/>
      <c r="BTH680" s="613"/>
      <c r="BTI680" s="613"/>
      <c r="BTJ680" s="613"/>
      <c r="BTK680" s="613"/>
      <c r="BTL680" s="613"/>
      <c r="BTM680" s="613"/>
      <c r="BTN680" s="613"/>
      <c r="BTO680" s="613"/>
      <c r="BTP680" s="613"/>
      <c r="BTQ680" s="613"/>
      <c r="BTR680" s="613"/>
      <c r="BTS680" s="613"/>
      <c r="BTT680" s="613"/>
      <c r="BTU680" s="613"/>
      <c r="BTV680" s="613"/>
      <c r="BTW680" s="613"/>
      <c r="BTX680" s="613"/>
      <c r="BTY680" s="613"/>
      <c r="BTZ680" s="613"/>
      <c r="BUA680" s="613"/>
      <c r="BUB680" s="613"/>
      <c r="BUC680" s="613"/>
      <c r="BUD680" s="613"/>
      <c r="BUE680" s="613"/>
      <c r="BUF680" s="613"/>
      <c r="BUG680" s="613"/>
      <c r="BUH680" s="613"/>
      <c r="BUI680" s="613"/>
      <c r="BUJ680" s="613"/>
      <c r="BUK680" s="613"/>
      <c r="BUL680" s="613"/>
      <c r="BUM680" s="613"/>
      <c r="BUN680" s="613"/>
      <c r="BUO680" s="613"/>
      <c r="BUP680" s="613"/>
      <c r="BUQ680" s="613"/>
      <c r="BUR680" s="613"/>
      <c r="BUS680" s="613"/>
      <c r="BUT680" s="613"/>
      <c r="BUU680" s="613"/>
      <c r="BUV680" s="613"/>
      <c r="BUW680" s="613"/>
      <c r="BUX680" s="613"/>
      <c r="BUY680" s="613"/>
      <c r="BUZ680" s="613"/>
      <c r="BVA680" s="613"/>
      <c r="BVB680" s="613"/>
      <c r="BVC680" s="613"/>
      <c r="BVD680" s="613"/>
      <c r="BVE680" s="613"/>
      <c r="BVF680" s="613"/>
      <c r="BVG680" s="613"/>
      <c r="BVH680" s="613"/>
      <c r="BVI680" s="613"/>
      <c r="BVJ680" s="613"/>
      <c r="BVK680" s="613"/>
      <c r="BVL680" s="613"/>
      <c r="BVM680" s="613"/>
      <c r="BVN680" s="613"/>
      <c r="BVO680" s="613"/>
      <c r="BVP680" s="613"/>
      <c r="BVQ680" s="613"/>
      <c r="BVR680" s="613"/>
      <c r="BVS680" s="613"/>
      <c r="BVT680" s="613"/>
      <c r="BVU680" s="613"/>
      <c r="BVV680" s="613"/>
      <c r="BVW680" s="613"/>
      <c r="BVX680" s="613"/>
      <c r="BVY680" s="613"/>
      <c r="BVZ680" s="613"/>
      <c r="BWA680" s="613"/>
      <c r="BWB680" s="613"/>
      <c r="BWC680" s="613"/>
      <c r="BWD680" s="613"/>
      <c r="BWE680" s="613"/>
      <c r="BWF680" s="613"/>
      <c r="BWG680" s="613"/>
      <c r="BWH680" s="613"/>
      <c r="BWI680" s="613"/>
      <c r="BWJ680" s="613"/>
      <c r="BWK680" s="613"/>
      <c r="BWL680" s="613"/>
      <c r="BWM680" s="613"/>
      <c r="BWN680" s="613"/>
      <c r="BWO680" s="613"/>
      <c r="BWP680" s="613"/>
      <c r="BWQ680" s="613"/>
      <c r="BWR680" s="613"/>
      <c r="BWS680" s="613"/>
      <c r="BWT680" s="613"/>
      <c r="BWU680" s="613"/>
      <c r="BWV680" s="613"/>
      <c r="BWW680" s="613"/>
      <c r="BWX680" s="613"/>
      <c r="BWY680" s="613"/>
      <c r="BWZ680" s="613"/>
      <c r="BXA680" s="613"/>
      <c r="BXB680" s="613"/>
      <c r="BXC680" s="613"/>
      <c r="BXD680" s="613"/>
      <c r="BXE680" s="613"/>
      <c r="BXF680" s="613"/>
      <c r="BXG680" s="613"/>
      <c r="BXH680" s="613"/>
      <c r="BXI680" s="613"/>
      <c r="BXJ680" s="613"/>
      <c r="BXK680" s="613"/>
      <c r="BXL680" s="613"/>
      <c r="BXM680" s="613"/>
      <c r="BXN680" s="613"/>
      <c r="BXO680" s="613"/>
      <c r="BXP680" s="613"/>
      <c r="BXQ680" s="613"/>
      <c r="BXR680" s="613"/>
      <c r="BXS680" s="613"/>
      <c r="BXT680" s="613"/>
      <c r="BXU680" s="613"/>
      <c r="BXV680" s="613"/>
      <c r="BXW680" s="613"/>
      <c r="BXX680" s="613"/>
      <c r="BXY680" s="613"/>
      <c r="BXZ680" s="613"/>
      <c r="BYA680" s="613"/>
      <c r="BYB680" s="613"/>
      <c r="BYC680" s="613"/>
      <c r="BYD680" s="613"/>
      <c r="BYE680" s="613"/>
      <c r="BYF680" s="613"/>
      <c r="BYG680" s="613"/>
      <c r="BYH680" s="613"/>
      <c r="BYI680" s="613"/>
      <c r="BYJ680" s="613"/>
      <c r="BYK680" s="613"/>
      <c r="BYL680" s="613"/>
      <c r="BYM680" s="613"/>
      <c r="BYN680" s="613"/>
      <c r="BYO680" s="613"/>
      <c r="BYP680" s="613"/>
      <c r="BYQ680" s="613"/>
      <c r="BYR680" s="613"/>
      <c r="BYS680" s="613"/>
      <c r="BYT680" s="613"/>
      <c r="BYU680" s="613"/>
      <c r="BYV680" s="613"/>
      <c r="BYW680" s="613"/>
      <c r="BYX680" s="613"/>
      <c r="BYY680" s="613"/>
      <c r="BYZ680" s="613"/>
      <c r="BZA680" s="613"/>
      <c r="BZB680" s="613"/>
      <c r="BZC680" s="613"/>
      <c r="BZD680" s="613"/>
      <c r="BZE680" s="613"/>
      <c r="BZF680" s="613"/>
      <c r="BZG680" s="613"/>
      <c r="BZH680" s="613"/>
      <c r="BZI680" s="613"/>
      <c r="BZJ680" s="613"/>
      <c r="BZK680" s="613"/>
      <c r="BZL680" s="613"/>
      <c r="BZM680" s="613"/>
      <c r="BZN680" s="613"/>
      <c r="BZO680" s="613"/>
      <c r="BZP680" s="613"/>
      <c r="BZQ680" s="613"/>
      <c r="BZR680" s="613"/>
      <c r="BZS680" s="613"/>
      <c r="BZT680" s="613"/>
      <c r="BZU680" s="613"/>
      <c r="BZV680" s="613"/>
      <c r="BZW680" s="613"/>
      <c r="BZX680" s="613"/>
      <c r="BZY680" s="613"/>
      <c r="BZZ680" s="613"/>
      <c r="CAA680" s="613"/>
      <c r="CAB680" s="613"/>
      <c r="CAC680" s="613"/>
      <c r="CAD680" s="613"/>
      <c r="CAE680" s="613"/>
      <c r="CAF680" s="613"/>
      <c r="CAG680" s="613"/>
      <c r="CAH680" s="613"/>
      <c r="CAI680" s="613"/>
      <c r="CAJ680" s="613"/>
      <c r="CAK680" s="613"/>
      <c r="CAL680" s="613"/>
      <c r="CAM680" s="613"/>
      <c r="CAN680" s="613"/>
      <c r="CAO680" s="613"/>
      <c r="CAP680" s="613"/>
      <c r="CAQ680" s="613"/>
      <c r="CAR680" s="613"/>
      <c r="CAS680" s="613"/>
      <c r="CAT680" s="613"/>
      <c r="CAU680" s="613"/>
      <c r="CAV680" s="613"/>
      <c r="CAW680" s="613"/>
      <c r="CAX680" s="613"/>
      <c r="CAY680" s="613"/>
      <c r="CAZ680" s="613"/>
      <c r="CBA680" s="613"/>
      <c r="CBB680" s="613"/>
      <c r="CBC680" s="613"/>
      <c r="CBD680" s="613"/>
      <c r="CBE680" s="613"/>
      <c r="CBF680" s="613"/>
      <c r="CBG680" s="613"/>
      <c r="CBH680" s="613"/>
      <c r="CBI680" s="613"/>
      <c r="CBJ680" s="613"/>
      <c r="CBK680" s="613"/>
      <c r="CBL680" s="613"/>
      <c r="CBM680" s="613"/>
      <c r="CBN680" s="613"/>
      <c r="CBO680" s="613"/>
      <c r="CBP680" s="613"/>
      <c r="CBQ680" s="613"/>
      <c r="CBR680" s="613"/>
      <c r="CBS680" s="613"/>
      <c r="CBT680" s="613"/>
      <c r="CBU680" s="613"/>
      <c r="CBV680" s="613"/>
      <c r="CBW680" s="613"/>
      <c r="CBX680" s="613"/>
      <c r="CBY680" s="613"/>
      <c r="CBZ680" s="613"/>
      <c r="CCA680" s="613"/>
      <c r="CCB680" s="613"/>
      <c r="CCC680" s="613"/>
      <c r="CCD680" s="613"/>
      <c r="CCE680" s="613"/>
      <c r="CCF680" s="613"/>
      <c r="CCG680" s="613"/>
      <c r="CCH680" s="613"/>
      <c r="CCI680" s="613"/>
      <c r="CCJ680" s="613"/>
      <c r="CCK680" s="613"/>
      <c r="CCL680" s="613"/>
      <c r="CCM680" s="613"/>
      <c r="CCN680" s="613"/>
      <c r="CCO680" s="613"/>
      <c r="CCP680" s="613"/>
      <c r="CCQ680" s="613"/>
      <c r="CCR680" s="613"/>
      <c r="CCS680" s="613"/>
      <c r="CCT680" s="613"/>
      <c r="CCU680" s="613"/>
      <c r="CCV680" s="613"/>
      <c r="CCW680" s="613"/>
      <c r="CCX680" s="613"/>
      <c r="CCY680" s="613"/>
      <c r="CCZ680" s="613"/>
      <c r="CDA680" s="613"/>
      <c r="CDB680" s="613"/>
      <c r="CDC680" s="613"/>
      <c r="CDD680" s="613"/>
      <c r="CDE680" s="613"/>
      <c r="CDF680" s="613"/>
      <c r="CDG680" s="613"/>
      <c r="CDH680" s="613"/>
      <c r="CDI680" s="613"/>
      <c r="CDJ680" s="613"/>
      <c r="CDK680" s="613"/>
      <c r="CDL680" s="613"/>
      <c r="CDM680" s="613"/>
      <c r="CDN680" s="613"/>
      <c r="CDO680" s="613"/>
      <c r="CDP680" s="613"/>
      <c r="CDQ680" s="613"/>
      <c r="CDR680" s="613"/>
      <c r="CDS680" s="613"/>
      <c r="CDT680" s="613"/>
      <c r="CDU680" s="613"/>
      <c r="CDV680" s="613"/>
      <c r="CDW680" s="613"/>
      <c r="CDX680" s="613"/>
      <c r="CDY680" s="613"/>
      <c r="CDZ680" s="613"/>
      <c r="CEA680" s="613"/>
      <c r="CEB680" s="613"/>
      <c r="CEC680" s="613"/>
      <c r="CED680" s="613"/>
      <c r="CEE680" s="613"/>
      <c r="CEF680" s="613"/>
      <c r="CEG680" s="613"/>
      <c r="CEH680" s="613"/>
      <c r="CEI680" s="613"/>
      <c r="CEJ680" s="613"/>
      <c r="CEK680" s="613"/>
      <c r="CEL680" s="613"/>
      <c r="CEM680" s="613"/>
      <c r="CEN680" s="613"/>
      <c r="CEO680" s="613"/>
      <c r="CEP680" s="613"/>
      <c r="CEQ680" s="613"/>
      <c r="CER680" s="613"/>
      <c r="CES680" s="613"/>
      <c r="CET680" s="613"/>
      <c r="CEU680" s="613"/>
      <c r="CEV680" s="613"/>
      <c r="CEW680" s="613"/>
      <c r="CEX680" s="613"/>
      <c r="CEY680" s="613"/>
      <c r="CEZ680" s="613"/>
      <c r="CFA680" s="613"/>
      <c r="CFB680" s="613"/>
      <c r="CFC680" s="613"/>
      <c r="CFD680" s="613"/>
      <c r="CFE680" s="613"/>
      <c r="CFF680" s="613"/>
      <c r="CFG680" s="613"/>
      <c r="CFH680" s="613"/>
      <c r="CFI680" s="613"/>
      <c r="CFJ680" s="613"/>
      <c r="CFK680" s="613"/>
      <c r="CFL680" s="613"/>
      <c r="CFM680" s="613"/>
      <c r="CFN680" s="613"/>
      <c r="CFO680" s="613"/>
      <c r="CFP680" s="613"/>
      <c r="CFQ680" s="613"/>
      <c r="CFR680" s="613"/>
      <c r="CFS680" s="613"/>
      <c r="CFT680" s="613"/>
      <c r="CFU680" s="613"/>
      <c r="CFV680" s="613"/>
      <c r="CFW680" s="613"/>
      <c r="CFX680" s="613"/>
      <c r="CFY680" s="613"/>
      <c r="CFZ680" s="613"/>
      <c r="CGA680" s="613"/>
      <c r="CGB680" s="613"/>
      <c r="CGC680" s="613"/>
      <c r="CGD680" s="613"/>
      <c r="CGE680" s="613"/>
      <c r="CGF680" s="613"/>
      <c r="CGG680" s="613"/>
      <c r="CGH680" s="613"/>
      <c r="CGI680" s="613"/>
      <c r="CGJ680" s="613"/>
      <c r="CGK680" s="613"/>
      <c r="CGL680" s="613"/>
      <c r="CGM680" s="613"/>
      <c r="CGN680" s="613"/>
      <c r="CGO680" s="613"/>
      <c r="CGP680" s="613"/>
      <c r="CGQ680" s="613"/>
      <c r="CGR680" s="613"/>
      <c r="CGS680" s="613"/>
      <c r="CGT680" s="613"/>
      <c r="CGU680" s="613"/>
      <c r="CGV680" s="613"/>
      <c r="CGW680" s="613"/>
      <c r="CGX680" s="613"/>
      <c r="CGY680" s="613"/>
      <c r="CGZ680" s="613"/>
      <c r="CHA680" s="613"/>
      <c r="CHB680" s="613"/>
      <c r="CHC680" s="613"/>
      <c r="CHD680" s="613"/>
      <c r="CHE680" s="613"/>
      <c r="CHF680" s="613"/>
      <c r="CHG680" s="613"/>
      <c r="CHH680" s="613"/>
      <c r="CHI680" s="613"/>
      <c r="CHJ680" s="613"/>
      <c r="CHK680" s="613"/>
      <c r="CHL680" s="613"/>
      <c r="CHM680" s="613"/>
      <c r="CHN680" s="613"/>
      <c r="CHO680" s="613"/>
      <c r="CHP680" s="613"/>
      <c r="CHQ680" s="613"/>
      <c r="CHR680" s="613"/>
      <c r="CHS680" s="613"/>
      <c r="CHT680" s="613"/>
      <c r="CHU680" s="613"/>
      <c r="CHV680" s="613"/>
      <c r="CHW680" s="613"/>
      <c r="CHX680" s="613"/>
      <c r="CHY680" s="613"/>
      <c r="CHZ680" s="613"/>
      <c r="CIA680" s="613"/>
      <c r="CIB680" s="613"/>
      <c r="CIC680" s="613"/>
      <c r="CID680" s="613"/>
      <c r="CIE680" s="613"/>
      <c r="CIF680" s="613"/>
      <c r="CIG680" s="613"/>
      <c r="CIH680" s="613"/>
      <c r="CII680" s="613"/>
      <c r="CIJ680" s="613"/>
      <c r="CIK680" s="613"/>
      <c r="CIL680" s="613"/>
      <c r="CIM680" s="613"/>
      <c r="CIN680" s="613"/>
      <c r="CIO680" s="613"/>
      <c r="CIP680" s="613"/>
      <c r="CIQ680" s="613"/>
      <c r="CIR680" s="613"/>
      <c r="CIS680" s="613"/>
      <c r="CIT680" s="613"/>
      <c r="CIU680" s="613"/>
      <c r="CIV680" s="613"/>
      <c r="CIW680" s="613"/>
      <c r="CIX680" s="613"/>
      <c r="CIY680" s="613"/>
      <c r="CIZ680" s="613"/>
      <c r="CJA680" s="613"/>
      <c r="CJB680" s="613"/>
      <c r="CJC680" s="613"/>
      <c r="CJD680" s="613"/>
      <c r="CJE680" s="613"/>
      <c r="CJF680" s="613"/>
      <c r="CJG680" s="613"/>
      <c r="CJH680" s="613"/>
      <c r="CJI680" s="613"/>
      <c r="CJJ680" s="613"/>
      <c r="CJK680" s="613"/>
      <c r="CJL680" s="613"/>
      <c r="CJM680" s="613"/>
      <c r="CJN680" s="613"/>
      <c r="CJO680" s="613"/>
      <c r="CJP680" s="613"/>
      <c r="CJQ680" s="613"/>
      <c r="CJR680" s="613"/>
      <c r="CJS680" s="613"/>
      <c r="CJT680" s="613"/>
      <c r="CJU680" s="613"/>
      <c r="CJV680" s="613"/>
      <c r="CJW680" s="613"/>
      <c r="CJX680" s="613"/>
      <c r="CJY680" s="613"/>
      <c r="CJZ680" s="613"/>
      <c r="CKA680" s="613"/>
      <c r="CKB680" s="613"/>
      <c r="CKC680" s="613"/>
      <c r="CKD680" s="613"/>
      <c r="CKE680" s="613"/>
      <c r="CKF680" s="613"/>
      <c r="CKG680" s="613"/>
      <c r="CKH680" s="613"/>
      <c r="CKI680" s="613"/>
      <c r="CKJ680" s="613"/>
      <c r="CKK680" s="613"/>
      <c r="CKL680" s="613"/>
      <c r="CKM680" s="613"/>
      <c r="CKN680" s="613"/>
      <c r="CKO680" s="613"/>
      <c r="CKP680" s="613"/>
      <c r="CKQ680" s="613"/>
      <c r="CKR680" s="613"/>
      <c r="CKS680" s="613"/>
      <c r="CKT680" s="613"/>
      <c r="CKU680" s="613"/>
      <c r="CKV680" s="613"/>
      <c r="CKW680" s="613"/>
      <c r="CKX680" s="613"/>
      <c r="CKY680" s="613"/>
      <c r="CKZ680" s="613"/>
      <c r="CLA680" s="613"/>
      <c r="CLB680" s="613"/>
      <c r="CLC680" s="613"/>
      <c r="CLD680" s="613"/>
      <c r="CLE680" s="613"/>
      <c r="CLF680" s="613"/>
      <c r="CLG680" s="613"/>
      <c r="CLH680" s="613"/>
      <c r="CLI680" s="613"/>
      <c r="CLJ680" s="613"/>
      <c r="CLK680" s="613"/>
      <c r="CLL680" s="613"/>
      <c r="CLM680" s="613"/>
      <c r="CLN680" s="613"/>
      <c r="CLO680" s="613"/>
      <c r="CLP680" s="613"/>
      <c r="CLQ680" s="613"/>
      <c r="CLR680" s="613"/>
      <c r="CLS680" s="613"/>
      <c r="CLT680" s="613"/>
      <c r="CLU680" s="613"/>
      <c r="CLV680" s="613"/>
      <c r="CLW680" s="613"/>
      <c r="CLX680" s="613"/>
      <c r="CLY680" s="613"/>
      <c r="CLZ680" s="613"/>
      <c r="CMA680" s="613"/>
      <c r="CMB680" s="613"/>
      <c r="CMC680" s="613"/>
      <c r="CMD680" s="613"/>
      <c r="CME680" s="613"/>
      <c r="CMF680" s="613"/>
      <c r="CMG680" s="613"/>
      <c r="CMH680" s="613"/>
      <c r="CMI680" s="613"/>
      <c r="CMJ680" s="613"/>
      <c r="CMK680" s="613"/>
      <c r="CML680" s="613"/>
      <c r="CMM680" s="613"/>
      <c r="CMN680" s="613"/>
      <c r="CMO680" s="613"/>
      <c r="CMP680" s="613"/>
      <c r="CMQ680" s="613"/>
      <c r="CMR680" s="613"/>
      <c r="CMS680" s="613"/>
      <c r="CMT680" s="613"/>
      <c r="CMU680" s="613"/>
      <c r="CMV680" s="613"/>
      <c r="CMW680" s="613"/>
      <c r="CMX680" s="613"/>
      <c r="CMY680" s="613"/>
      <c r="CMZ680" s="613"/>
      <c r="CNA680" s="613"/>
      <c r="CNB680" s="613"/>
      <c r="CNC680" s="613"/>
      <c r="CND680" s="613"/>
      <c r="CNE680" s="613"/>
      <c r="CNF680" s="613"/>
      <c r="CNG680" s="613"/>
      <c r="CNH680" s="613"/>
      <c r="CNI680" s="613"/>
      <c r="CNJ680" s="613"/>
      <c r="CNK680" s="613"/>
      <c r="CNL680" s="613"/>
      <c r="CNM680" s="613"/>
      <c r="CNN680" s="613"/>
      <c r="CNO680" s="613"/>
      <c r="CNP680" s="613"/>
      <c r="CNQ680" s="613"/>
      <c r="CNR680" s="613"/>
      <c r="CNS680" s="613"/>
      <c r="CNT680" s="613"/>
      <c r="CNU680" s="613"/>
      <c r="CNV680" s="613"/>
      <c r="CNW680" s="613"/>
      <c r="CNX680" s="613"/>
      <c r="CNY680" s="613"/>
      <c r="CNZ680" s="613"/>
      <c r="COA680" s="613"/>
      <c r="COB680" s="613"/>
      <c r="COC680" s="613"/>
      <c r="COD680" s="613"/>
      <c r="COE680" s="613"/>
      <c r="COF680" s="613"/>
      <c r="COG680" s="613"/>
      <c r="COH680" s="613"/>
      <c r="COI680" s="613"/>
      <c r="COJ680" s="613"/>
      <c r="COK680" s="613"/>
      <c r="COL680" s="613"/>
      <c r="COM680" s="613"/>
      <c r="CON680" s="613"/>
      <c r="COO680" s="613"/>
      <c r="COP680" s="613"/>
      <c r="COQ680" s="613"/>
      <c r="COR680" s="613"/>
      <c r="COS680" s="613"/>
      <c r="COT680" s="613"/>
      <c r="COU680" s="613"/>
      <c r="COV680" s="613"/>
      <c r="COW680" s="613"/>
      <c r="COX680" s="613"/>
      <c r="COY680" s="613"/>
      <c r="COZ680" s="613"/>
      <c r="CPA680" s="613"/>
      <c r="CPB680" s="613"/>
      <c r="CPC680" s="613"/>
      <c r="CPD680" s="613"/>
      <c r="CPE680" s="613"/>
      <c r="CPF680" s="613"/>
      <c r="CPG680" s="613"/>
      <c r="CPH680" s="613"/>
      <c r="CPI680" s="613"/>
      <c r="CPJ680" s="613"/>
      <c r="CPK680" s="613"/>
      <c r="CPL680" s="613"/>
      <c r="CPM680" s="613"/>
      <c r="CPN680" s="613"/>
      <c r="CPO680" s="613"/>
      <c r="CPP680" s="613"/>
      <c r="CPQ680" s="613"/>
      <c r="CPR680" s="613"/>
      <c r="CPS680" s="613"/>
      <c r="CPT680" s="613"/>
      <c r="CPU680" s="613"/>
      <c r="CPV680" s="613"/>
      <c r="CPW680" s="613"/>
      <c r="CPX680" s="613"/>
      <c r="CPY680" s="613"/>
      <c r="CPZ680" s="613"/>
      <c r="CQA680" s="613"/>
      <c r="CQB680" s="613"/>
      <c r="CQC680" s="613"/>
      <c r="CQD680" s="613"/>
      <c r="CQE680" s="613"/>
      <c r="CQF680" s="613"/>
      <c r="CQG680" s="613"/>
      <c r="CQH680" s="613"/>
      <c r="CQI680" s="613"/>
      <c r="CQJ680" s="613"/>
      <c r="CQK680" s="613"/>
      <c r="CQL680" s="613"/>
      <c r="CQM680" s="613"/>
      <c r="CQN680" s="613"/>
      <c r="CQO680" s="613"/>
      <c r="CQP680" s="613"/>
      <c r="CQQ680" s="613"/>
      <c r="CQR680" s="613"/>
      <c r="CQS680" s="613"/>
      <c r="CQT680" s="613"/>
      <c r="CQU680" s="613"/>
      <c r="CQV680" s="613"/>
      <c r="CQW680" s="613"/>
      <c r="CQX680" s="613"/>
      <c r="CQY680" s="613"/>
      <c r="CQZ680" s="613"/>
      <c r="CRA680" s="613"/>
      <c r="CRB680" s="613"/>
      <c r="CRC680" s="613"/>
      <c r="CRD680" s="613"/>
      <c r="CRE680" s="613"/>
      <c r="CRF680" s="613"/>
      <c r="CRG680" s="613"/>
      <c r="CRH680" s="613"/>
      <c r="CRI680" s="613"/>
      <c r="CRJ680" s="613"/>
      <c r="CRK680" s="613"/>
      <c r="CRL680" s="613"/>
      <c r="CRM680" s="613"/>
      <c r="CRN680" s="613"/>
      <c r="CRO680" s="613"/>
      <c r="CRP680" s="613"/>
      <c r="CRQ680" s="613"/>
      <c r="CRR680" s="613"/>
      <c r="CRS680" s="613"/>
      <c r="CRT680" s="613"/>
      <c r="CRU680" s="613"/>
      <c r="CRV680" s="613"/>
      <c r="CRW680" s="613"/>
      <c r="CRX680" s="613"/>
      <c r="CRY680" s="613"/>
      <c r="CRZ680" s="613"/>
      <c r="CSA680" s="613"/>
      <c r="CSB680" s="613"/>
      <c r="CSC680" s="613"/>
      <c r="CSD680" s="613"/>
      <c r="CSE680" s="613"/>
      <c r="CSF680" s="613"/>
      <c r="CSG680" s="613"/>
      <c r="CSH680" s="613"/>
      <c r="CSI680" s="613"/>
      <c r="CSJ680" s="613"/>
      <c r="CSK680" s="613"/>
      <c r="CSL680" s="613"/>
      <c r="CSM680" s="613"/>
      <c r="CSN680" s="613"/>
      <c r="CSO680" s="613"/>
      <c r="CSP680" s="613"/>
      <c r="CSQ680" s="613"/>
      <c r="CSR680" s="613"/>
      <c r="CSS680" s="613"/>
      <c r="CST680" s="613"/>
      <c r="CSU680" s="613"/>
      <c r="CSV680" s="613"/>
      <c r="CSW680" s="613"/>
      <c r="CSX680" s="613"/>
      <c r="CSY680" s="613"/>
      <c r="CSZ680" s="613"/>
      <c r="CTA680" s="613"/>
      <c r="CTB680" s="613"/>
      <c r="CTC680" s="613"/>
      <c r="CTD680" s="613"/>
      <c r="CTE680" s="613"/>
      <c r="CTF680" s="613"/>
      <c r="CTG680" s="613"/>
      <c r="CTH680" s="613"/>
      <c r="CTI680" s="613"/>
      <c r="CTJ680" s="613"/>
      <c r="CTK680" s="613"/>
      <c r="CTL680" s="613"/>
      <c r="CTM680" s="613"/>
      <c r="CTN680" s="613"/>
      <c r="CTO680" s="613"/>
      <c r="CTP680" s="613"/>
      <c r="CTQ680" s="613"/>
      <c r="CTR680" s="613"/>
      <c r="CTS680" s="613"/>
      <c r="CTT680" s="613"/>
      <c r="CTU680" s="613"/>
      <c r="CTV680" s="613"/>
      <c r="CTW680" s="613"/>
      <c r="CTX680" s="613"/>
      <c r="CTY680" s="613"/>
      <c r="CTZ680" s="613"/>
      <c r="CUA680" s="613"/>
      <c r="CUB680" s="613"/>
      <c r="CUC680" s="613"/>
      <c r="CUD680" s="613"/>
      <c r="CUE680" s="613"/>
      <c r="CUF680" s="613"/>
      <c r="CUG680" s="613"/>
      <c r="CUH680" s="613"/>
      <c r="CUI680" s="613"/>
      <c r="CUJ680" s="613"/>
      <c r="CUK680" s="613"/>
      <c r="CUL680" s="613"/>
      <c r="CUM680" s="613"/>
      <c r="CUN680" s="613"/>
      <c r="CUO680" s="613"/>
      <c r="CUP680" s="613"/>
      <c r="CUQ680" s="613"/>
      <c r="CUR680" s="613"/>
      <c r="CUS680" s="613"/>
      <c r="CUT680" s="613"/>
      <c r="CUU680" s="613"/>
      <c r="CUV680" s="613"/>
      <c r="CUW680" s="613"/>
      <c r="CUX680" s="613"/>
      <c r="CUY680" s="613"/>
      <c r="CUZ680" s="613"/>
      <c r="CVA680" s="613"/>
      <c r="CVB680" s="613"/>
      <c r="CVC680" s="613"/>
      <c r="CVD680" s="613"/>
      <c r="CVE680" s="613"/>
      <c r="CVF680" s="613"/>
      <c r="CVG680" s="613"/>
      <c r="CVH680" s="613"/>
      <c r="CVI680" s="613"/>
      <c r="CVJ680" s="613"/>
      <c r="CVK680" s="613"/>
      <c r="CVL680" s="613"/>
      <c r="CVM680" s="613"/>
      <c r="CVN680" s="613"/>
      <c r="CVO680" s="613"/>
      <c r="CVP680" s="613"/>
      <c r="CVQ680" s="613"/>
      <c r="CVR680" s="613"/>
      <c r="CVS680" s="613"/>
      <c r="CVT680" s="613"/>
      <c r="CVU680" s="613"/>
      <c r="CVV680" s="613"/>
      <c r="CVW680" s="613"/>
      <c r="CVX680" s="613"/>
      <c r="CVY680" s="613"/>
      <c r="CVZ680" s="613"/>
      <c r="CWA680" s="613"/>
      <c r="CWB680" s="613"/>
      <c r="CWC680" s="613"/>
      <c r="CWD680" s="613"/>
      <c r="CWE680" s="613"/>
      <c r="CWF680" s="613"/>
      <c r="CWG680" s="613"/>
      <c r="CWH680" s="613"/>
      <c r="CWI680" s="613"/>
      <c r="CWJ680" s="613"/>
      <c r="CWK680" s="613"/>
      <c r="CWL680" s="613"/>
      <c r="CWM680" s="613"/>
      <c r="CWN680" s="613"/>
      <c r="CWO680" s="613"/>
      <c r="CWP680" s="613"/>
      <c r="CWQ680" s="613"/>
      <c r="CWR680" s="613"/>
      <c r="CWS680" s="613"/>
      <c r="CWT680" s="613"/>
      <c r="CWU680" s="613"/>
      <c r="CWV680" s="613"/>
      <c r="CWW680" s="613"/>
      <c r="CWX680" s="613"/>
      <c r="CWY680" s="613"/>
      <c r="CWZ680" s="613"/>
      <c r="CXA680" s="613"/>
      <c r="CXB680" s="613"/>
      <c r="CXC680" s="613"/>
      <c r="CXD680" s="613"/>
      <c r="CXE680" s="613"/>
      <c r="CXF680" s="613"/>
      <c r="CXG680" s="613"/>
      <c r="CXH680" s="613"/>
      <c r="CXI680" s="613"/>
      <c r="CXJ680" s="613"/>
      <c r="CXK680" s="613"/>
      <c r="CXL680" s="613"/>
      <c r="CXM680" s="613"/>
      <c r="CXN680" s="613"/>
      <c r="CXO680" s="613"/>
      <c r="CXP680" s="613"/>
      <c r="CXQ680" s="613"/>
      <c r="CXR680" s="613"/>
      <c r="CXS680" s="613"/>
      <c r="CXT680" s="613"/>
      <c r="CXU680" s="613"/>
      <c r="CXV680" s="613"/>
      <c r="CXW680" s="613"/>
      <c r="CXX680" s="613"/>
      <c r="CXY680" s="613"/>
      <c r="CXZ680" s="613"/>
      <c r="CYA680" s="613"/>
      <c r="CYB680" s="613"/>
      <c r="CYC680" s="613"/>
      <c r="CYD680" s="613"/>
      <c r="CYE680" s="613"/>
      <c r="CYF680" s="613"/>
      <c r="CYG680" s="613"/>
      <c r="CYH680" s="613"/>
      <c r="CYI680" s="613"/>
      <c r="CYJ680" s="613"/>
      <c r="CYK680" s="613"/>
      <c r="CYL680" s="613"/>
      <c r="CYM680" s="613"/>
      <c r="CYN680" s="613"/>
      <c r="CYO680" s="613"/>
      <c r="CYP680" s="613"/>
      <c r="CYQ680" s="613"/>
      <c r="CYR680" s="613"/>
      <c r="CYS680" s="613"/>
      <c r="CYT680" s="613"/>
      <c r="CYU680" s="613"/>
      <c r="CYV680" s="613"/>
      <c r="CYW680" s="613"/>
      <c r="CYX680" s="613"/>
      <c r="CYY680" s="613"/>
      <c r="CYZ680" s="613"/>
      <c r="CZA680" s="613"/>
      <c r="CZB680" s="613"/>
      <c r="CZC680" s="613"/>
      <c r="CZD680" s="613"/>
      <c r="CZE680" s="613"/>
      <c r="CZF680" s="613"/>
      <c r="CZG680" s="613"/>
      <c r="CZH680" s="613"/>
      <c r="CZI680" s="613"/>
      <c r="CZJ680" s="613"/>
      <c r="CZK680" s="613"/>
      <c r="CZL680" s="613"/>
      <c r="CZM680" s="613"/>
      <c r="CZN680" s="613"/>
      <c r="CZO680" s="613"/>
      <c r="CZP680" s="613"/>
      <c r="CZQ680" s="613"/>
      <c r="CZR680" s="613"/>
      <c r="CZS680" s="613"/>
      <c r="CZT680" s="613"/>
      <c r="CZU680" s="613"/>
      <c r="CZV680" s="613"/>
      <c r="CZW680" s="613"/>
      <c r="CZX680" s="613"/>
      <c r="CZY680" s="613"/>
      <c r="CZZ680" s="613"/>
      <c r="DAA680" s="613"/>
      <c r="DAB680" s="613"/>
      <c r="DAC680" s="613"/>
      <c r="DAD680" s="613"/>
      <c r="DAE680" s="613"/>
      <c r="DAF680" s="613"/>
      <c r="DAG680" s="613"/>
      <c r="DAH680" s="613"/>
      <c r="DAI680" s="613"/>
      <c r="DAJ680" s="613"/>
      <c r="DAK680" s="613"/>
      <c r="DAL680" s="613"/>
      <c r="DAM680" s="613"/>
      <c r="DAN680" s="613"/>
      <c r="DAO680" s="613"/>
      <c r="DAP680" s="613"/>
      <c r="DAQ680" s="613"/>
      <c r="DAR680" s="613"/>
      <c r="DAS680" s="613"/>
      <c r="DAT680" s="613"/>
      <c r="DAU680" s="613"/>
      <c r="DAV680" s="613"/>
      <c r="DAW680" s="613"/>
      <c r="DAX680" s="613"/>
      <c r="DAY680" s="613"/>
      <c r="DAZ680" s="613"/>
      <c r="DBA680" s="613"/>
      <c r="DBB680" s="613"/>
      <c r="DBC680" s="613"/>
      <c r="DBD680" s="613"/>
      <c r="DBE680" s="613"/>
      <c r="DBF680" s="613"/>
      <c r="DBG680" s="613"/>
      <c r="DBH680" s="613"/>
      <c r="DBI680" s="613"/>
      <c r="DBJ680" s="613"/>
      <c r="DBK680" s="613"/>
      <c r="DBL680" s="613"/>
      <c r="DBM680" s="613"/>
      <c r="DBN680" s="613"/>
      <c r="DBO680" s="613"/>
      <c r="DBP680" s="613"/>
      <c r="DBQ680" s="613"/>
      <c r="DBR680" s="613"/>
      <c r="DBS680" s="613"/>
      <c r="DBT680" s="613"/>
      <c r="DBU680" s="613"/>
      <c r="DBV680" s="613"/>
      <c r="DBW680" s="613"/>
      <c r="DBX680" s="613"/>
      <c r="DBY680" s="613"/>
      <c r="DBZ680" s="613"/>
      <c r="DCA680" s="613"/>
      <c r="DCB680" s="613"/>
      <c r="DCC680" s="613"/>
      <c r="DCD680" s="613"/>
      <c r="DCE680" s="613"/>
      <c r="DCF680" s="613"/>
      <c r="DCG680" s="613"/>
      <c r="DCH680" s="613"/>
      <c r="DCI680" s="613"/>
      <c r="DCJ680" s="613"/>
      <c r="DCK680" s="613"/>
      <c r="DCL680" s="613"/>
      <c r="DCM680" s="613"/>
      <c r="DCN680" s="613"/>
      <c r="DCO680" s="613"/>
      <c r="DCP680" s="613"/>
      <c r="DCQ680" s="613"/>
      <c r="DCR680" s="613"/>
      <c r="DCS680" s="613"/>
      <c r="DCT680" s="613"/>
      <c r="DCU680" s="613"/>
      <c r="DCV680" s="613"/>
      <c r="DCW680" s="613"/>
      <c r="DCX680" s="613"/>
      <c r="DCY680" s="613"/>
      <c r="DCZ680" s="613"/>
      <c r="DDA680" s="613"/>
      <c r="DDB680" s="613"/>
      <c r="DDC680" s="613"/>
      <c r="DDD680" s="613"/>
      <c r="DDE680" s="613"/>
      <c r="DDF680" s="613"/>
      <c r="DDG680" s="613"/>
      <c r="DDH680" s="613"/>
      <c r="DDI680" s="613"/>
      <c r="DDJ680" s="613"/>
      <c r="DDK680" s="613"/>
      <c r="DDL680" s="613"/>
      <c r="DDM680" s="613"/>
      <c r="DDN680" s="613"/>
      <c r="DDO680" s="613"/>
      <c r="DDP680" s="613"/>
      <c r="DDQ680" s="613"/>
      <c r="DDR680" s="613"/>
      <c r="DDS680" s="613"/>
      <c r="DDT680" s="613"/>
      <c r="DDU680" s="613"/>
      <c r="DDV680" s="613"/>
      <c r="DDW680" s="613"/>
      <c r="DDX680" s="613"/>
      <c r="DDY680" s="613"/>
      <c r="DDZ680" s="613"/>
      <c r="DEA680" s="613"/>
      <c r="DEB680" s="613"/>
      <c r="DEC680" s="613"/>
      <c r="DED680" s="613"/>
      <c r="DEE680" s="613"/>
      <c r="DEF680" s="613"/>
      <c r="DEG680" s="613"/>
      <c r="DEH680" s="613"/>
      <c r="DEI680" s="613"/>
      <c r="DEJ680" s="613"/>
      <c r="DEK680" s="613"/>
      <c r="DEL680" s="613"/>
      <c r="DEM680" s="613"/>
      <c r="DEN680" s="613"/>
      <c r="DEO680" s="613"/>
      <c r="DEP680" s="613"/>
      <c r="DEQ680" s="613"/>
      <c r="DER680" s="613"/>
      <c r="DES680" s="613"/>
      <c r="DET680" s="613"/>
      <c r="DEU680" s="613"/>
      <c r="DEV680" s="613"/>
      <c r="DEW680" s="613"/>
      <c r="DEX680" s="613"/>
      <c r="DEY680" s="613"/>
      <c r="DEZ680" s="613"/>
      <c r="DFA680" s="613"/>
      <c r="DFB680" s="613"/>
      <c r="DFC680" s="613"/>
      <c r="DFD680" s="613"/>
      <c r="DFE680" s="613"/>
      <c r="DFF680" s="613"/>
      <c r="DFG680" s="613"/>
      <c r="DFH680" s="613"/>
      <c r="DFI680" s="613"/>
      <c r="DFJ680" s="613"/>
      <c r="DFK680" s="613"/>
      <c r="DFL680" s="613"/>
      <c r="DFM680" s="613"/>
      <c r="DFN680" s="613"/>
      <c r="DFO680" s="613"/>
      <c r="DFP680" s="613"/>
      <c r="DFQ680" s="613"/>
      <c r="DFR680" s="613"/>
      <c r="DFS680" s="613"/>
      <c r="DFT680" s="613"/>
      <c r="DFU680" s="613"/>
      <c r="DFV680" s="613"/>
      <c r="DFW680" s="613"/>
      <c r="DFX680" s="613"/>
      <c r="DFY680" s="613"/>
      <c r="DFZ680" s="613"/>
      <c r="DGA680" s="613"/>
      <c r="DGB680" s="613"/>
      <c r="DGC680" s="613"/>
      <c r="DGD680" s="613"/>
      <c r="DGE680" s="613"/>
      <c r="DGF680" s="613"/>
      <c r="DGG680" s="613"/>
      <c r="DGH680" s="613"/>
      <c r="DGI680" s="613"/>
      <c r="DGJ680" s="613"/>
      <c r="DGK680" s="613"/>
      <c r="DGL680" s="613"/>
      <c r="DGM680" s="613"/>
      <c r="DGN680" s="613"/>
      <c r="DGO680" s="613"/>
      <c r="DGP680" s="613"/>
      <c r="DGQ680" s="613"/>
      <c r="DGR680" s="613"/>
      <c r="DGS680" s="613"/>
      <c r="DGT680" s="613"/>
      <c r="DGU680" s="613"/>
      <c r="DGV680" s="613"/>
      <c r="DGW680" s="613"/>
      <c r="DGX680" s="613"/>
      <c r="DGY680" s="613"/>
      <c r="DGZ680" s="613"/>
      <c r="DHA680" s="613"/>
      <c r="DHB680" s="613"/>
      <c r="DHC680" s="613"/>
      <c r="DHD680" s="613"/>
      <c r="DHE680" s="613"/>
      <c r="DHF680" s="613"/>
      <c r="DHG680" s="613"/>
      <c r="DHH680" s="613"/>
      <c r="DHI680" s="613"/>
      <c r="DHJ680" s="613"/>
      <c r="DHK680" s="613"/>
      <c r="DHL680" s="613"/>
      <c r="DHM680" s="613"/>
      <c r="DHN680" s="613"/>
      <c r="DHO680" s="613"/>
      <c r="DHP680" s="613"/>
      <c r="DHQ680" s="613"/>
      <c r="DHR680" s="613"/>
      <c r="DHS680" s="613"/>
      <c r="DHT680" s="613"/>
      <c r="DHU680" s="613"/>
      <c r="DHV680" s="613"/>
      <c r="DHW680" s="613"/>
      <c r="DHX680" s="613"/>
      <c r="DHY680" s="613"/>
      <c r="DHZ680" s="613"/>
      <c r="DIA680" s="613"/>
      <c r="DIB680" s="613"/>
      <c r="DIC680" s="613"/>
      <c r="DID680" s="613"/>
      <c r="DIE680" s="613"/>
      <c r="DIF680" s="613"/>
      <c r="DIG680" s="613"/>
      <c r="DIH680" s="613"/>
      <c r="DII680" s="613"/>
      <c r="DIJ680" s="613"/>
      <c r="DIK680" s="613"/>
      <c r="DIL680" s="613"/>
      <c r="DIM680" s="613"/>
      <c r="DIN680" s="613"/>
      <c r="DIO680" s="613"/>
      <c r="DIP680" s="613"/>
      <c r="DIQ680" s="613"/>
      <c r="DIR680" s="613"/>
      <c r="DIS680" s="613"/>
      <c r="DIT680" s="613"/>
      <c r="DIU680" s="613"/>
      <c r="DIV680" s="613"/>
      <c r="DIW680" s="613"/>
      <c r="DIX680" s="613"/>
      <c r="DIY680" s="613"/>
      <c r="DIZ680" s="613"/>
      <c r="DJA680" s="613"/>
      <c r="DJB680" s="613"/>
      <c r="DJC680" s="613"/>
      <c r="DJD680" s="613"/>
      <c r="DJE680" s="613"/>
      <c r="DJF680" s="613"/>
      <c r="DJG680" s="613"/>
      <c r="DJH680" s="613"/>
      <c r="DJI680" s="613"/>
      <c r="DJJ680" s="613"/>
      <c r="DJK680" s="613"/>
      <c r="DJL680" s="613"/>
      <c r="DJM680" s="613"/>
      <c r="DJN680" s="613"/>
      <c r="DJO680" s="613"/>
      <c r="DJP680" s="613"/>
      <c r="DJQ680" s="613"/>
      <c r="DJR680" s="613"/>
      <c r="DJS680" s="613"/>
      <c r="DJT680" s="613"/>
      <c r="DJU680" s="613"/>
      <c r="DJV680" s="613"/>
      <c r="DJW680" s="613"/>
      <c r="DJX680" s="613"/>
      <c r="DJY680" s="613"/>
      <c r="DJZ680" s="613"/>
      <c r="DKA680" s="613"/>
      <c r="DKB680" s="613"/>
      <c r="DKC680" s="613"/>
      <c r="DKD680" s="613"/>
      <c r="DKE680" s="613"/>
      <c r="DKF680" s="613"/>
      <c r="DKG680" s="613"/>
      <c r="DKH680" s="613"/>
      <c r="DKI680" s="613"/>
      <c r="DKJ680" s="613"/>
      <c r="DKK680" s="613"/>
      <c r="DKL680" s="613"/>
      <c r="DKM680" s="613"/>
      <c r="DKN680" s="613"/>
      <c r="DKO680" s="613"/>
      <c r="DKP680" s="613"/>
      <c r="DKQ680" s="613"/>
      <c r="DKR680" s="613"/>
      <c r="DKS680" s="613"/>
      <c r="DKT680" s="613"/>
      <c r="DKU680" s="613"/>
      <c r="DKV680" s="613"/>
      <c r="DKW680" s="613"/>
      <c r="DKX680" s="613"/>
      <c r="DKY680" s="613"/>
      <c r="DKZ680" s="613"/>
      <c r="DLA680" s="613"/>
      <c r="DLB680" s="613"/>
      <c r="DLC680" s="613"/>
      <c r="DLD680" s="613"/>
      <c r="DLE680" s="613"/>
      <c r="DLF680" s="613"/>
      <c r="DLG680" s="613"/>
      <c r="DLH680" s="613"/>
      <c r="DLI680" s="613"/>
      <c r="DLJ680" s="613"/>
      <c r="DLK680" s="613"/>
      <c r="DLL680" s="613"/>
      <c r="DLM680" s="613"/>
      <c r="DLN680" s="613"/>
      <c r="DLO680" s="613"/>
      <c r="DLP680" s="613"/>
      <c r="DLQ680" s="613"/>
      <c r="DLR680" s="613"/>
      <c r="DLS680" s="613"/>
      <c r="DLT680" s="613"/>
      <c r="DLU680" s="613"/>
      <c r="DLV680" s="613"/>
      <c r="DLW680" s="613"/>
      <c r="DLX680" s="613"/>
      <c r="DLY680" s="613"/>
      <c r="DLZ680" s="613"/>
      <c r="DMA680" s="613"/>
      <c r="DMB680" s="613"/>
      <c r="DMC680" s="613"/>
      <c r="DMD680" s="613"/>
      <c r="DME680" s="613"/>
      <c r="DMF680" s="613"/>
      <c r="DMG680" s="613"/>
      <c r="DMH680" s="613"/>
      <c r="DMI680" s="613"/>
      <c r="DMJ680" s="613"/>
      <c r="DMK680" s="613"/>
      <c r="DML680" s="613"/>
      <c r="DMM680" s="613"/>
      <c r="DMN680" s="613"/>
      <c r="DMO680" s="613"/>
      <c r="DMP680" s="613"/>
      <c r="DMQ680" s="613"/>
      <c r="DMR680" s="613"/>
      <c r="DMS680" s="613"/>
      <c r="DMT680" s="613"/>
      <c r="DMU680" s="613"/>
      <c r="DMV680" s="613"/>
      <c r="DMW680" s="613"/>
      <c r="DMX680" s="613"/>
      <c r="DMY680" s="613"/>
      <c r="DMZ680" s="613"/>
      <c r="DNA680" s="613"/>
      <c r="DNB680" s="613"/>
      <c r="DNC680" s="613"/>
      <c r="DND680" s="613"/>
      <c r="DNE680" s="613"/>
      <c r="DNF680" s="613"/>
      <c r="DNG680" s="613"/>
      <c r="DNH680" s="613"/>
      <c r="DNI680" s="613"/>
      <c r="DNJ680" s="613"/>
      <c r="DNK680" s="613"/>
      <c r="DNL680" s="613"/>
      <c r="DNM680" s="613"/>
      <c r="DNN680" s="613"/>
      <c r="DNO680" s="613"/>
      <c r="DNP680" s="613"/>
      <c r="DNQ680" s="613"/>
      <c r="DNR680" s="613"/>
      <c r="DNS680" s="613"/>
      <c r="DNT680" s="613"/>
      <c r="DNU680" s="613"/>
      <c r="DNV680" s="613"/>
      <c r="DNW680" s="613"/>
      <c r="DNX680" s="613"/>
      <c r="DNY680" s="613"/>
      <c r="DNZ680" s="613"/>
      <c r="DOA680" s="613"/>
      <c r="DOB680" s="613"/>
      <c r="DOC680" s="613"/>
      <c r="DOD680" s="613"/>
      <c r="DOE680" s="613"/>
      <c r="DOF680" s="613"/>
      <c r="DOG680" s="613"/>
      <c r="DOH680" s="613"/>
      <c r="DOI680" s="613"/>
      <c r="DOJ680" s="613"/>
      <c r="DOK680" s="613"/>
      <c r="DOL680" s="613"/>
      <c r="DOM680" s="613"/>
      <c r="DON680" s="613"/>
      <c r="DOO680" s="613"/>
      <c r="DOP680" s="613"/>
      <c r="DOQ680" s="613"/>
      <c r="DOR680" s="613"/>
      <c r="DOS680" s="613"/>
      <c r="DOT680" s="613"/>
      <c r="DOU680" s="613"/>
      <c r="DOV680" s="613"/>
      <c r="DOW680" s="613"/>
      <c r="DOX680" s="613"/>
      <c r="DOY680" s="613"/>
      <c r="DOZ680" s="613"/>
      <c r="DPA680" s="613"/>
      <c r="DPB680" s="613"/>
      <c r="DPC680" s="613"/>
      <c r="DPD680" s="613"/>
      <c r="DPE680" s="613"/>
      <c r="DPF680" s="613"/>
      <c r="DPG680" s="613"/>
      <c r="DPH680" s="613"/>
      <c r="DPI680" s="613"/>
      <c r="DPJ680" s="613"/>
      <c r="DPK680" s="613"/>
      <c r="DPL680" s="613"/>
      <c r="DPM680" s="613"/>
      <c r="DPN680" s="613"/>
      <c r="DPO680" s="613"/>
      <c r="DPP680" s="613"/>
      <c r="DPQ680" s="613"/>
      <c r="DPR680" s="613"/>
      <c r="DPS680" s="613"/>
      <c r="DPT680" s="613"/>
      <c r="DPU680" s="613"/>
      <c r="DPV680" s="613"/>
      <c r="DPW680" s="613"/>
      <c r="DPX680" s="613"/>
      <c r="DPY680" s="613"/>
      <c r="DPZ680" s="613"/>
      <c r="DQA680" s="613"/>
      <c r="DQB680" s="613"/>
      <c r="DQC680" s="613"/>
      <c r="DQD680" s="613"/>
      <c r="DQE680" s="613"/>
      <c r="DQF680" s="613"/>
      <c r="DQG680" s="613"/>
      <c r="DQH680" s="613"/>
      <c r="DQI680" s="613"/>
      <c r="DQJ680" s="613"/>
      <c r="DQK680" s="613"/>
      <c r="DQL680" s="613"/>
      <c r="DQM680" s="613"/>
      <c r="DQN680" s="613"/>
      <c r="DQO680" s="613"/>
      <c r="DQP680" s="613"/>
      <c r="DQQ680" s="613"/>
      <c r="DQR680" s="613"/>
      <c r="DQS680" s="613"/>
      <c r="DQT680" s="613"/>
      <c r="DQU680" s="613"/>
      <c r="DQV680" s="613"/>
      <c r="DQW680" s="613"/>
      <c r="DQX680" s="613"/>
      <c r="DQY680" s="613"/>
      <c r="DQZ680" s="613"/>
      <c r="DRA680" s="613"/>
      <c r="DRB680" s="613"/>
      <c r="DRC680" s="613"/>
      <c r="DRD680" s="613"/>
      <c r="DRE680" s="613"/>
      <c r="DRF680" s="613"/>
      <c r="DRG680" s="613"/>
      <c r="DRH680" s="613"/>
      <c r="DRI680" s="613"/>
      <c r="DRJ680" s="613"/>
      <c r="DRK680" s="613"/>
      <c r="DRL680" s="613"/>
      <c r="DRM680" s="613"/>
      <c r="DRN680" s="613"/>
      <c r="DRO680" s="613"/>
      <c r="DRP680" s="613"/>
      <c r="DRQ680" s="613"/>
      <c r="DRR680" s="613"/>
      <c r="DRS680" s="613"/>
      <c r="DRT680" s="613"/>
      <c r="DRU680" s="613"/>
      <c r="DRV680" s="613"/>
      <c r="DRW680" s="613"/>
      <c r="DRX680" s="613"/>
      <c r="DRY680" s="613"/>
      <c r="DRZ680" s="613"/>
      <c r="DSA680" s="613"/>
      <c r="DSB680" s="613"/>
      <c r="DSC680" s="613"/>
      <c r="DSD680" s="613"/>
      <c r="DSE680" s="613"/>
      <c r="DSF680" s="613"/>
      <c r="DSG680" s="613"/>
      <c r="DSH680" s="613"/>
      <c r="DSI680" s="613"/>
      <c r="DSJ680" s="613"/>
      <c r="DSK680" s="613"/>
      <c r="DSL680" s="613"/>
      <c r="DSM680" s="613"/>
      <c r="DSN680" s="613"/>
      <c r="DSO680" s="613"/>
      <c r="DSP680" s="613"/>
      <c r="DSQ680" s="613"/>
      <c r="DSR680" s="613"/>
      <c r="DSS680" s="613"/>
      <c r="DST680" s="613"/>
      <c r="DSU680" s="613"/>
      <c r="DSV680" s="613"/>
      <c r="DSW680" s="613"/>
      <c r="DSX680" s="613"/>
      <c r="DSY680" s="613"/>
      <c r="DSZ680" s="613"/>
      <c r="DTA680" s="613"/>
      <c r="DTB680" s="613"/>
      <c r="DTC680" s="613"/>
      <c r="DTD680" s="613"/>
      <c r="DTE680" s="613"/>
      <c r="DTF680" s="613"/>
      <c r="DTG680" s="613"/>
      <c r="DTH680" s="613"/>
      <c r="DTI680" s="613"/>
      <c r="DTJ680" s="613"/>
      <c r="DTK680" s="613"/>
      <c r="DTL680" s="613"/>
      <c r="DTM680" s="613"/>
      <c r="DTN680" s="613"/>
      <c r="DTO680" s="613"/>
      <c r="DTP680" s="613"/>
      <c r="DTQ680" s="613"/>
      <c r="DTR680" s="613"/>
      <c r="DTS680" s="613"/>
      <c r="DTT680" s="613"/>
      <c r="DTU680" s="613"/>
      <c r="DTV680" s="613"/>
      <c r="DTW680" s="613"/>
      <c r="DTX680" s="613"/>
      <c r="DTY680" s="613"/>
      <c r="DTZ680" s="613"/>
      <c r="DUA680" s="613"/>
      <c r="DUB680" s="613"/>
      <c r="DUC680" s="613"/>
      <c r="DUD680" s="613"/>
      <c r="DUE680" s="613"/>
      <c r="DUF680" s="613"/>
      <c r="DUG680" s="613"/>
      <c r="DUH680" s="613"/>
      <c r="DUI680" s="613"/>
      <c r="DUJ680" s="613"/>
      <c r="DUK680" s="613"/>
      <c r="DUL680" s="613"/>
      <c r="DUM680" s="613"/>
      <c r="DUN680" s="613"/>
      <c r="DUO680" s="613"/>
      <c r="DUP680" s="613"/>
      <c r="DUQ680" s="613"/>
      <c r="DUR680" s="613"/>
      <c r="DUS680" s="613"/>
      <c r="DUT680" s="613"/>
      <c r="DUU680" s="613"/>
      <c r="DUV680" s="613"/>
      <c r="DUW680" s="613"/>
      <c r="DUX680" s="613"/>
      <c r="DUY680" s="613"/>
      <c r="DUZ680" s="613"/>
      <c r="DVA680" s="613"/>
      <c r="DVB680" s="613"/>
      <c r="DVC680" s="613"/>
      <c r="DVD680" s="613"/>
      <c r="DVE680" s="613"/>
      <c r="DVF680" s="613"/>
      <c r="DVG680" s="613"/>
      <c r="DVH680" s="613"/>
      <c r="DVI680" s="613"/>
      <c r="DVJ680" s="613"/>
      <c r="DVK680" s="613"/>
      <c r="DVL680" s="613"/>
      <c r="DVM680" s="613"/>
      <c r="DVN680" s="613"/>
      <c r="DVO680" s="613"/>
      <c r="DVP680" s="613"/>
      <c r="DVQ680" s="613"/>
      <c r="DVR680" s="613"/>
      <c r="DVS680" s="613"/>
      <c r="DVT680" s="613"/>
      <c r="DVU680" s="613"/>
      <c r="DVV680" s="613"/>
      <c r="DVW680" s="613"/>
      <c r="DVX680" s="613"/>
      <c r="DVY680" s="613"/>
      <c r="DVZ680" s="613"/>
      <c r="DWA680" s="613"/>
      <c r="DWB680" s="613"/>
      <c r="DWC680" s="613"/>
      <c r="DWD680" s="613"/>
      <c r="DWE680" s="613"/>
      <c r="DWF680" s="613"/>
      <c r="DWG680" s="613"/>
      <c r="DWH680" s="613"/>
      <c r="DWI680" s="613"/>
      <c r="DWJ680" s="613"/>
      <c r="DWK680" s="613"/>
      <c r="DWL680" s="613"/>
      <c r="DWM680" s="613"/>
      <c r="DWN680" s="613"/>
      <c r="DWO680" s="613"/>
      <c r="DWP680" s="613"/>
      <c r="DWQ680" s="613"/>
      <c r="DWR680" s="613"/>
      <c r="DWS680" s="613"/>
      <c r="DWT680" s="613"/>
      <c r="DWU680" s="613"/>
      <c r="DWV680" s="613"/>
      <c r="DWW680" s="613"/>
      <c r="DWX680" s="613"/>
      <c r="DWY680" s="613"/>
      <c r="DWZ680" s="613"/>
      <c r="DXA680" s="613"/>
      <c r="DXB680" s="613"/>
      <c r="DXC680" s="613"/>
      <c r="DXD680" s="613"/>
      <c r="DXE680" s="613"/>
      <c r="DXF680" s="613"/>
      <c r="DXG680" s="613"/>
      <c r="DXH680" s="613"/>
      <c r="DXI680" s="613"/>
      <c r="DXJ680" s="613"/>
      <c r="DXK680" s="613"/>
      <c r="DXL680" s="613"/>
      <c r="DXM680" s="613"/>
      <c r="DXN680" s="613"/>
      <c r="DXO680" s="613"/>
      <c r="DXP680" s="613"/>
      <c r="DXQ680" s="613"/>
      <c r="DXR680" s="613"/>
      <c r="DXS680" s="613"/>
      <c r="DXT680" s="613"/>
      <c r="DXU680" s="613"/>
      <c r="DXV680" s="613"/>
      <c r="DXW680" s="613"/>
      <c r="DXX680" s="613"/>
      <c r="DXY680" s="613"/>
      <c r="DXZ680" s="613"/>
      <c r="DYA680" s="613"/>
      <c r="DYB680" s="613"/>
      <c r="DYC680" s="613"/>
      <c r="DYD680" s="613"/>
      <c r="DYE680" s="613"/>
      <c r="DYF680" s="613"/>
      <c r="DYG680" s="613"/>
      <c r="DYH680" s="613"/>
      <c r="DYI680" s="613"/>
      <c r="DYJ680" s="613"/>
      <c r="DYK680" s="613"/>
      <c r="DYL680" s="613"/>
      <c r="DYM680" s="613"/>
      <c r="DYN680" s="613"/>
      <c r="DYO680" s="613"/>
      <c r="DYP680" s="613"/>
      <c r="DYQ680" s="613"/>
      <c r="DYR680" s="613"/>
      <c r="DYS680" s="613"/>
      <c r="DYT680" s="613"/>
      <c r="DYU680" s="613"/>
      <c r="DYV680" s="613"/>
      <c r="DYW680" s="613"/>
      <c r="DYX680" s="613"/>
      <c r="DYY680" s="613"/>
      <c r="DYZ680" s="613"/>
      <c r="DZA680" s="613"/>
      <c r="DZB680" s="613"/>
      <c r="DZC680" s="613"/>
      <c r="DZD680" s="613"/>
      <c r="DZE680" s="613"/>
      <c r="DZF680" s="613"/>
      <c r="DZG680" s="613"/>
      <c r="DZH680" s="613"/>
      <c r="DZI680" s="613"/>
      <c r="DZJ680" s="613"/>
      <c r="DZK680" s="613"/>
      <c r="DZL680" s="613"/>
      <c r="DZM680" s="613"/>
      <c r="DZN680" s="613"/>
      <c r="DZO680" s="613"/>
      <c r="DZP680" s="613"/>
      <c r="DZQ680" s="613"/>
      <c r="DZR680" s="613"/>
      <c r="DZS680" s="613"/>
      <c r="DZT680" s="613"/>
      <c r="DZU680" s="613"/>
      <c r="DZV680" s="613"/>
      <c r="DZW680" s="613"/>
      <c r="DZX680" s="613"/>
      <c r="DZY680" s="613"/>
      <c r="DZZ680" s="613"/>
      <c r="EAA680" s="613"/>
      <c r="EAB680" s="613"/>
      <c r="EAC680" s="613"/>
      <c r="EAD680" s="613"/>
      <c r="EAE680" s="613"/>
      <c r="EAF680" s="613"/>
      <c r="EAG680" s="613"/>
      <c r="EAH680" s="613"/>
      <c r="EAI680" s="613"/>
      <c r="EAJ680" s="613"/>
      <c r="EAK680" s="613"/>
      <c r="EAL680" s="613"/>
      <c r="EAM680" s="613"/>
      <c r="EAN680" s="613"/>
      <c r="EAO680" s="613"/>
      <c r="EAP680" s="613"/>
      <c r="EAQ680" s="613"/>
      <c r="EAR680" s="613"/>
      <c r="EAS680" s="613"/>
      <c r="EAT680" s="613"/>
      <c r="EAU680" s="613"/>
      <c r="EAV680" s="613"/>
      <c r="EAW680" s="613"/>
      <c r="EAX680" s="613"/>
      <c r="EAY680" s="613"/>
      <c r="EAZ680" s="613"/>
      <c r="EBA680" s="613"/>
      <c r="EBB680" s="613"/>
      <c r="EBC680" s="613"/>
      <c r="EBD680" s="613"/>
      <c r="EBE680" s="613"/>
      <c r="EBF680" s="613"/>
      <c r="EBG680" s="613"/>
      <c r="EBH680" s="613"/>
      <c r="EBI680" s="613"/>
      <c r="EBJ680" s="613"/>
      <c r="EBK680" s="613"/>
      <c r="EBL680" s="613"/>
      <c r="EBM680" s="613"/>
      <c r="EBN680" s="613"/>
      <c r="EBO680" s="613"/>
      <c r="EBP680" s="613"/>
      <c r="EBQ680" s="613"/>
      <c r="EBR680" s="613"/>
      <c r="EBS680" s="613"/>
      <c r="EBT680" s="613"/>
      <c r="EBU680" s="613"/>
      <c r="EBV680" s="613"/>
      <c r="EBW680" s="613"/>
      <c r="EBX680" s="613"/>
      <c r="EBY680" s="613"/>
      <c r="EBZ680" s="613"/>
      <c r="ECA680" s="613"/>
      <c r="ECB680" s="613"/>
      <c r="ECC680" s="613"/>
      <c r="ECD680" s="613"/>
      <c r="ECE680" s="613"/>
      <c r="ECF680" s="613"/>
      <c r="ECG680" s="613"/>
      <c r="ECH680" s="613"/>
      <c r="ECI680" s="613"/>
      <c r="ECJ680" s="613"/>
      <c r="ECK680" s="613"/>
      <c r="ECL680" s="613"/>
      <c r="ECM680" s="613"/>
      <c r="ECN680" s="613"/>
      <c r="ECO680" s="613"/>
      <c r="ECP680" s="613"/>
      <c r="ECQ680" s="613"/>
      <c r="ECR680" s="613"/>
      <c r="ECS680" s="613"/>
      <c r="ECT680" s="613"/>
      <c r="ECU680" s="613"/>
      <c r="ECV680" s="613"/>
      <c r="ECW680" s="613"/>
      <c r="ECX680" s="613"/>
      <c r="ECY680" s="613"/>
      <c r="ECZ680" s="613"/>
      <c r="EDA680" s="613"/>
      <c r="EDB680" s="613"/>
      <c r="EDC680" s="613"/>
      <c r="EDD680" s="613"/>
      <c r="EDE680" s="613"/>
      <c r="EDF680" s="613"/>
      <c r="EDG680" s="613"/>
      <c r="EDH680" s="613"/>
      <c r="EDI680" s="613"/>
      <c r="EDJ680" s="613"/>
      <c r="EDK680" s="613"/>
      <c r="EDL680" s="613"/>
      <c r="EDM680" s="613"/>
      <c r="EDN680" s="613"/>
      <c r="EDO680" s="613"/>
      <c r="EDP680" s="613"/>
      <c r="EDQ680" s="613"/>
      <c r="EDR680" s="613"/>
      <c r="EDS680" s="613"/>
      <c r="EDT680" s="613"/>
      <c r="EDU680" s="613"/>
      <c r="EDV680" s="613"/>
      <c r="EDW680" s="613"/>
      <c r="EDX680" s="613"/>
      <c r="EDY680" s="613"/>
      <c r="EDZ680" s="613"/>
      <c r="EEA680" s="613"/>
      <c r="EEB680" s="613"/>
      <c r="EEC680" s="613"/>
      <c r="EED680" s="613"/>
      <c r="EEE680" s="613"/>
      <c r="EEF680" s="613"/>
      <c r="EEG680" s="613"/>
      <c r="EEH680" s="613"/>
      <c r="EEI680" s="613"/>
      <c r="EEJ680" s="613"/>
      <c r="EEK680" s="613"/>
      <c r="EEL680" s="613"/>
      <c r="EEM680" s="613"/>
      <c r="EEN680" s="613"/>
      <c r="EEO680" s="613"/>
      <c r="EEP680" s="613"/>
      <c r="EEQ680" s="613"/>
      <c r="EER680" s="613"/>
      <c r="EES680" s="613"/>
      <c r="EET680" s="613"/>
      <c r="EEU680" s="613"/>
      <c r="EEV680" s="613"/>
      <c r="EEW680" s="613"/>
      <c r="EEX680" s="613"/>
      <c r="EEY680" s="613"/>
      <c r="EEZ680" s="613"/>
      <c r="EFA680" s="613"/>
      <c r="EFB680" s="613"/>
      <c r="EFC680" s="613"/>
      <c r="EFD680" s="613"/>
      <c r="EFE680" s="613"/>
      <c r="EFF680" s="613"/>
      <c r="EFG680" s="613"/>
      <c r="EFH680" s="613"/>
      <c r="EFI680" s="613"/>
      <c r="EFJ680" s="613"/>
      <c r="EFK680" s="613"/>
      <c r="EFL680" s="613"/>
      <c r="EFM680" s="613"/>
      <c r="EFN680" s="613"/>
      <c r="EFO680" s="613"/>
      <c r="EFP680" s="613"/>
      <c r="EFQ680" s="613"/>
      <c r="EFR680" s="613"/>
      <c r="EFS680" s="613"/>
      <c r="EFT680" s="613"/>
      <c r="EFU680" s="613"/>
      <c r="EFV680" s="613"/>
      <c r="EFW680" s="613"/>
      <c r="EFX680" s="613"/>
      <c r="EFY680" s="613"/>
      <c r="EFZ680" s="613"/>
      <c r="EGA680" s="613"/>
      <c r="EGB680" s="613"/>
      <c r="EGC680" s="613"/>
      <c r="EGD680" s="613"/>
      <c r="EGE680" s="613"/>
      <c r="EGF680" s="613"/>
      <c r="EGG680" s="613"/>
      <c r="EGH680" s="613"/>
      <c r="EGI680" s="613"/>
      <c r="EGJ680" s="613"/>
      <c r="EGK680" s="613"/>
      <c r="EGL680" s="613"/>
      <c r="EGM680" s="613"/>
      <c r="EGN680" s="613"/>
      <c r="EGO680" s="613"/>
      <c r="EGP680" s="613"/>
      <c r="EGQ680" s="613"/>
      <c r="EGR680" s="613"/>
      <c r="EGS680" s="613"/>
      <c r="EGT680" s="613"/>
      <c r="EGU680" s="613"/>
      <c r="EGV680" s="613"/>
      <c r="EGW680" s="613"/>
      <c r="EGX680" s="613"/>
      <c r="EGY680" s="613"/>
      <c r="EGZ680" s="613"/>
      <c r="EHA680" s="613"/>
      <c r="EHB680" s="613"/>
      <c r="EHC680" s="613"/>
      <c r="EHD680" s="613"/>
      <c r="EHE680" s="613"/>
      <c r="EHF680" s="613"/>
      <c r="EHG680" s="613"/>
      <c r="EHH680" s="613"/>
      <c r="EHI680" s="613"/>
      <c r="EHJ680" s="613"/>
      <c r="EHK680" s="613"/>
      <c r="EHL680" s="613"/>
      <c r="EHM680" s="613"/>
      <c r="EHN680" s="613"/>
      <c r="EHO680" s="613"/>
      <c r="EHP680" s="613"/>
      <c r="EHQ680" s="613"/>
      <c r="EHR680" s="613"/>
      <c r="EHS680" s="613"/>
      <c r="EHT680" s="613"/>
      <c r="EHU680" s="613"/>
      <c r="EHV680" s="613"/>
      <c r="EHW680" s="613"/>
      <c r="EHX680" s="613"/>
      <c r="EHY680" s="613"/>
      <c r="EHZ680" s="613"/>
      <c r="EIA680" s="613"/>
      <c r="EIB680" s="613"/>
      <c r="EIC680" s="613"/>
      <c r="EID680" s="613"/>
      <c r="EIE680" s="613"/>
      <c r="EIF680" s="613"/>
      <c r="EIG680" s="613"/>
      <c r="EIH680" s="613"/>
      <c r="EII680" s="613"/>
      <c r="EIJ680" s="613"/>
      <c r="EIK680" s="613"/>
      <c r="EIL680" s="613"/>
      <c r="EIM680" s="613"/>
      <c r="EIN680" s="613"/>
      <c r="EIO680" s="613"/>
      <c r="EIP680" s="613"/>
      <c r="EIQ680" s="613"/>
      <c r="EIR680" s="613"/>
      <c r="EIS680" s="613"/>
      <c r="EIT680" s="613"/>
      <c r="EIU680" s="613"/>
      <c r="EIV680" s="613"/>
      <c r="EIW680" s="613"/>
      <c r="EIX680" s="613"/>
      <c r="EIY680" s="613"/>
      <c r="EIZ680" s="613"/>
      <c r="EJA680" s="613"/>
      <c r="EJB680" s="613"/>
      <c r="EJC680" s="613"/>
      <c r="EJD680" s="613"/>
      <c r="EJE680" s="613"/>
      <c r="EJF680" s="613"/>
      <c r="EJG680" s="613"/>
      <c r="EJH680" s="613"/>
      <c r="EJI680" s="613"/>
      <c r="EJJ680" s="613"/>
      <c r="EJK680" s="613"/>
      <c r="EJL680" s="613"/>
      <c r="EJM680" s="613"/>
      <c r="EJN680" s="613"/>
      <c r="EJO680" s="613"/>
      <c r="EJP680" s="613"/>
      <c r="EJQ680" s="613"/>
      <c r="EJR680" s="613"/>
      <c r="EJS680" s="613"/>
      <c r="EJT680" s="613"/>
      <c r="EJU680" s="613"/>
      <c r="EJV680" s="613"/>
      <c r="EJW680" s="613"/>
      <c r="EJX680" s="613"/>
      <c r="EJY680" s="613"/>
      <c r="EJZ680" s="613"/>
      <c r="EKA680" s="613"/>
      <c r="EKB680" s="613"/>
      <c r="EKC680" s="613"/>
      <c r="EKD680" s="613"/>
      <c r="EKE680" s="613"/>
      <c r="EKF680" s="613"/>
      <c r="EKG680" s="613"/>
      <c r="EKH680" s="613"/>
      <c r="EKI680" s="613"/>
      <c r="EKJ680" s="613"/>
      <c r="EKK680" s="613"/>
      <c r="EKL680" s="613"/>
      <c r="EKM680" s="613"/>
      <c r="EKN680" s="613"/>
      <c r="EKO680" s="613"/>
      <c r="EKP680" s="613"/>
      <c r="EKQ680" s="613"/>
      <c r="EKR680" s="613"/>
      <c r="EKS680" s="613"/>
      <c r="EKT680" s="613"/>
      <c r="EKU680" s="613"/>
      <c r="EKV680" s="613"/>
      <c r="EKW680" s="613"/>
      <c r="EKX680" s="613"/>
      <c r="EKY680" s="613"/>
      <c r="EKZ680" s="613"/>
      <c r="ELA680" s="613"/>
      <c r="ELB680" s="613"/>
      <c r="ELC680" s="613"/>
      <c r="ELD680" s="613"/>
      <c r="ELE680" s="613"/>
      <c r="ELF680" s="613"/>
      <c r="ELG680" s="613"/>
      <c r="ELH680" s="613"/>
      <c r="ELI680" s="613"/>
      <c r="ELJ680" s="613"/>
      <c r="ELK680" s="613"/>
      <c r="ELL680" s="613"/>
      <c r="ELM680" s="613"/>
      <c r="ELN680" s="613"/>
      <c r="ELO680" s="613"/>
      <c r="ELP680" s="613"/>
      <c r="ELQ680" s="613"/>
      <c r="ELR680" s="613"/>
      <c r="ELS680" s="613"/>
      <c r="ELT680" s="613"/>
      <c r="ELU680" s="613"/>
      <c r="ELV680" s="613"/>
      <c r="ELW680" s="613"/>
      <c r="ELX680" s="613"/>
      <c r="ELY680" s="613"/>
      <c r="ELZ680" s="613"/>
      <c r="EMA680" s="613"/>
      <c r="EMB680" s="613"/>
      <c r="EMC680" s="613"/>
      <c r="EMD680" s="613"/>
      <c r="EME680" s="613"/>
      <c r="EMF680" s="613"/>
      <c r="EMG680" s="613"/>
      <c r="EMH680" s="613"/>
      <c r="EMI680" s="613"/>
      <c r="EMJ680" s="613"/>
      <c r="EMK680" s="613"/>
      <c r="EML680" s="613"/>
      <c r="EMM680" s="613"/>
      <c r="EMN680" s="613"/>
      <c r="EMO680" s="613"/>
      <c r="EMP680" s="613"/>
      <c r="EMQ680" s="613"/>
      <c r="EMR680" s="613"/>
      <c r="EMS680" s="613"/>
      <c r="EMT680" s="613"/>
      <c r="EMU680" s="613"/>
      <c r="EMV680" s="613"/>
      <c r="EMW680" s="613"/>
      <c r="EMX680" s="613"/>
      <c r="EMY680" s="613"/>
      <c r="EMZ680" s="613"/>
      <c r="ENA680" s="613"/>
      <c r="ENB680" s="613"/>
      <c r="ENC680" s="613"/>
      <c r="END680" s="613"/>
      <c r="ENE680" s="613"/>
      <c r="ENF680" s="613"/>
      <c r="ENG680" s="613"/>
      <c r="ENH680" s="613"/>
      <c r="ENI680" s="613"/>
      <c r="ENJ680" s="613"/>
      <c r="ENK680" s="613"/>
      <c r="ENL680" s="613"/>
      <c r="ENM680" s="613"/>
      <c r="ENN680" s="613"/>
      <c r="ENO680" s="613"/>
      <c r="ENP680" s="613"/>
      <c r="ENQ680" s="613"/>
      <c r="ENR680" s="613"/>
      <c r="ENS680" s="613"/>
      <c r="ENT680" s="613"/>
      <c r="ENU680" s="613"/>
      <c r="ENV680" s="613"/>
      <c r="ENW680" s="613"/>
      <c r="ENX680" s="613"/>
      <c r="ENY680" s="613"/>
      <c r="ENZ680" s="613"/>
      <c r="EOA680" s="613"/>
      <c r="EOB680" s="613"/>
      <c r="EOC680" s="613"/>
      <c r="EOD680" s="613"/>
      <c r="EOE680" s="613"/>
      <c r="EOF680" s="613"/>
      <c r="EOG680" s="613"/>
      <c r="EOH680" s="613"/>
      <c r="EOI680" s="613"/>
      <c r="EOJ680" s="613"/>
      <c r="EOK680" s="613"/>
      <c r="EOL680" s="613"/>
      <c r="EOM680" s="613"/>
      <c r="EON680" s="613"/>
      <c r="EOO680" s="613"/>
      <c r="EOP680" s="613"/>
      <c r="EOQ680" s="613"/>
      <c r="EOR680" s="613"/>
      <c r="EOS680" s="613"/>
      <c r="EOT680" s="613"/>
      <c r="EOU680" s="613"/>
      <c r="EOV680" s="613"/>
      <c r="EOW680" s="613"/>
      <c r="EOX680" s="613"/>
      <c r="EOY680" s="613"/>
      <c r="EOZ680" s="613"/>
      <c r="EPA680" s="613"/>
      <c r="EPB680" s="613"/>
      <c r="EPC680" s="613"/>
      <c r="EPD680" s="613"/>
      <c r="EPE680" s="613"/>
      <c r="EPF680" s="613"/>
      <c r="EPG680" s="613"/>
      <c r="EPH680" s="613"/>
      <c r="EPI680" s="613"/>
      <c r="EPJ680" s="613"/>
      <c r="EPK680" s="613"/>
      <c r="EPL680" s="613"/>
      <c r="EPM680" s="613"/>
      <c r="EPN680" s="613"/>
      <c r="EPO680" s="613"/>
      <c r="EPP680" s="613"/>
      <c r="EPQ680" s="613"/>
      <c r="EPR680" s="613"/>
      <c r="EPS680" s="613"/>
      <c r="EPT680" s="613"/>
      <c r="EPU680" s="613"/>
      <c r="EPV680" s="613"/>
      <c r="EPW680" s="613"/>
      <c r="EPX680" s="613"/>
      <c r="EPY680" s="613"/>
      <c r="EPZ680" s="613"/>
      <c r="EQA680" s="613"/>
      <c r="EQB680" s="613"/>
      <c r="EQC680" s="613"/>
      <c r="EQD680" s="613"/>
      <c r="EQE680" s="613"/>
      <c r="EQF680" s="613"/>
      <c r="EQG680" s="613"/>
      <c r="EQH680" s="613"/>
      <c r="EQI680" s="613"/>
      <c r="EQJ680" s="613"/>
      <c r="EQK680" s="613"/>
      <c r="EQL680" s="613"/>
      <c r="EQM680" s="613"/>
      <c r="EQN680" s="613"/>
      <c r="EQO680" s="613"/>
      <c r="EQP680" s="613"/>
      <c r="EQQ680" s="613"/>
      <c r="EQR680" s="613"/>
      <c r="EQS680" s="613"/>
      <c r="EQT680" s="613"/>
      <c r="EQU680" s="613"/>
      <c r="EQV680" s="613"/>
      <c r="EQW680" s="613"/>
      <c r="EQX680" s="613"/>
      <c r="EQY680" s="613"/>
      <c r="EQZ680" s="613"/>
      <c r="ERA680" s="613"/>
      <c r="ERB680" s="613"/>
      <c r="ERC680" s="613"/>
      <c r="ERD680" s="613"/>
      <c r="ERE680" s="613"/>
      <c r="ERF680" s="613"/>
      <c r="ERG680" s="613"/>
      <c r="ERH680" s="613"/>
      <c r="ERI680" s="613"/>
      <c r="ERJ680" s="613"/>
      <c r="ERK680" s="613"/>
      <c r="ERL680" s="613"/>
      <c r="ERM680" s="613"/>
      <c r="ERN680" s="613"/>
      <c r="ERO680" s="613"/>
      <c r="ERP680" s="613"/>
      <c r="ERQ680" s="613"/>
      <c r="ERR680" s="613"/>
      <c r="ERS680" s="613"/>
      <c r="ERT680" s="613"/>
      <c r="ERU680" s="613"/>
      <c r="ERV680" s="613"/>
      <c r="ERW680" s="613"/>
      <c r="ERX680" s="613"/>
      <c r="ERY680" s="613"/>
      <c r="ERZ680" s="613"/>
      <c r="ESA680" s="613"/>
      <c r="ESB680" s="613"/>
      <c r="ESC680" s="613"/>
      <c r="ESD680" s="613"/>
      <c r="ESE680" s="613"/>
      <c r="ESF680" s="613"/>
      <c r="ESG680" s="613"/>
      <c r="ESH680" s="613"/>
      <c r="ESI680" s="613"/>
      <c r="ESJ680" s="613"/>
      <c r="ESK680" s="613"/>
      <c r="ESL680" s="613"/>
      <c r="ESM680" s="613"/>
      <c r="ESN680" s="613"/>
      <c r="ESO680" s="613"/>
      <c r="ESP680" s="613"/>
      <c r="ESQ680" s="613"/>
      <c r="ESR680" s="613"/>
      <c r="ESS680" s="613"/>
      <c r="EST680" s="613"/>
      <c r="ESU680" s="613"/>
      <c r="ESV680" s="613"/>
      <c r="ESW680" s="613"/>
      <c r="ESX680" s="613"/>
      <c r="ESY680" s="613"/>
      <c r="ESZ680" s="613"/>
      <c r="ETA680" s="613"/>
      <c r="ETB680" s="613"/>
      <c r="ETC680" s="613"/>
      <c r="ETD680" s="613"/>
      <c r="ETE680" s="613"/>
      <c r="ETF680" s="613"/>
      <c r="ETG680" s="613"/>
      <c r="ETH680" s="613"/>
      <c r="ETI680" s="613"/>
      <c r="ETJ680" s="613"/>
      <c r="ETK680" s="613"/>
      <c r="ETL680" s="613"/>
      <c r="ETM680" s="613"/>
      <c r="ETN680" s="613"/>
      <c r="ETO680" s="613"/>
      <c r="ETP680" s="613"/>
      <c r="ETQ680" s="613"/>
      <c r="ETR680" s="613"/>
      <c r="ETS680" s="613"/>
      <c r="ETT680" s="613"/>
      <c r="ETU680" s="613"/>
      <c r="ETV680" s="613"/>
      <c r="ETW680" s="613"/>
      <c r="ETX680" s="613"/>
      <c r="ETY680" s="613"/>
      <c r="ETZ680" s="613"/>
      <c r="EUA680" s="613"/>
      <c r="EUB680" s="613"/>
      <c r="EUC680" s="613"/>
      <c r="EUD680" s="613"/>
      <c r="EUE680" s="613"/>
      <c r="EUF680" s="613"/>
      <c r="EUG680" s="613"/>
      <c r="EUH680" s="613"/>
      <c r="EUI680" s="613"/>
      <c r="EUJ680" s="613"/>
      <c r="EUK680" s="613"/>
      <c r="EUL680" s="613"/>
      <c r="EUM680" s="613"/>
      <c r="EUN680" s="613"/>
      <c r="EUO680" s="613"/>
      <c r="EUP680" s="613"/>
      <c r="EUQ680" s="613"/>
      <c r="EUR680" s="613"/>
      <c r="EUS680" s="613"/>
      <c r="EUT680" s="613"/>
      <c r="EUU680" s="613"/>
      <c r="EUV680" s="613"/>
      <c r="EUW680" s="613"/>
      <c r="EUX680" s="613"/>
      <c r="EUY680" s="613"/>
      <c r="EUZ680" s="613"/>
      <c r="EVA680" s="613"/>
      <c r="EVB680" s="613"/>
      <c r="EVC680" s="613"/>
      <c r="EVD680" s="613"/>
      <c r="EVE680" s="613"/>
      <c r="EVF680" s="613"/>
      <c r="EVG680" s="613"/>
      <c r="EVH680" s="613"/>
      <c r="EVI680" s="613"/>
      <c r="EVJ680" s="613"/>
      <c r="EVK680" s="613"/>
      <c r="EVL680" s="613"/>
      <c r="EVM680" s="613"/>
      <c r="EVN680" s="613"/>
      <c r="EVO680" s="613"/>
      <c r="EVP680" s="613"/>
      <c r="EVQ680" s="613"/>
      <c r="EVR680" s="613"/>
      <c r="EVS680" s="613"/>
      <c r="EVT680" s="613"/>
      <c r="EVU680" s="613"/>
      <c r="EVV680" s="613"/>
      <c r="EVW680" s="613"/>
      <c r="EVX680" s="613"/>
      <c r="EVY680" s="613"/>
      <c r="EVZ680" s="613"/>
      <c r="EWA680" s="613"/>
      <c r="EWB680" s="613"/>
      <c r="EWC680" s="613"/>
      <c r="EWD680" s="613"/>
      <c r="EWE680" s="613"/>
      <c r="EWF680" s="613"/>
      <c r="EWG680" s="613"/>
      <c r="EWH680" s="613"/>
      <c r="EWI680" s="613"/>
      <c r="EWJ680" s="613"/>
      <c r="EWK680" s="613"/>
      <c r="EWL680" s="613"/>
      <c r="EWM680" s="613"/>
      <c r="EWN680" s="613"/>
      <c r="EWO680" s="613"/>
      <c r="EWP680" s="613"/>
      <c r="EWQ680" s="613"/>
      <c r="EWR680" s="613"/>
      <c r="EWS680" s="613"/>
      <c r="EWT680" s="613"/>
      <c r="EWU680" s="613"/>
      <c r="EWV680" s="613"/>
      <c r="EWW680" s="613"/>
      <c r="EWX680" s="613"/>
      <c r="EWY680" s="613"/>
      <c r="EWZ680" s="613"/>
      <c r="EXA680" s="613"/>
      <c r="EXB680" s="613"/>
      <c r="EXC680" s="613"/>
      <c r="EXD680" s="613"/>
      <c r="EXE680" s="613"/>
      <c r="EXF680" s="613"/>
      <c r="EXG680" s="613"/>
      <c r="EXH680" s="613"/>
      <c r="EXI680" s="613"/>
      <c r="EXJ680" s="613"/>
      <c r="EXK680" s="613"/>
      <c r="EXL680" s="613"/>
      <c r="EXM680" s="613"/>
      <c r="EXN680" s="613"/>
      <c r="EXO680" s="613"/>
      <c r="EXP680" s="613"/>
      <c r="EXQ680" s="613"/>
      <c r="EXR680" s="613"/>
      <c r="EXS680" s="613"/>
      <c r="EXT680" s="613"/>
      <c r="EXU680" s="613"/>
      <c r="EXV680" s="613"/>
      <c r="EXW680" s="613"/>
      <c r="EXX680" s="613"/>
      <c r="EXY680" s="613"/>
      <c r="EXZ680" s="613"/>
      <c r="EYA680" s="613"/>
      <c r="EYB680" s="613"/>
      <c r="EYC680" s="613"/>
      <c r="EYD680" s="613"/>
      <c r="EYE680" s="613"/>
      <c r="EYF680" s="613"/>
      <c r="EYG680" s="613"/>
      <c r="EYH680" s="613"/>
      <c r="EYI680" s="613"/>
      <c r="EYJ680" s="613"/>
      <c r="EYK680" s="613"/>
      <c r="EYL680" s="613"/>
      <c r="EYM680" s="613"/>
      <c r="EYN680" s="613"/>
      <c r="EYO680" s="613"/>
      <c r="EYP680" s="613"/>
      <c r="EYQ680" s="613"/>
      <c r="EYR680" s="613"/>
      <c r="EYS680" s="613"/>
      <c r="EYT680" s="613"/>
      <c r="EYU680" s="613"/>
      <c r="EYV680" s="613"/>
      <c r="EYW680" s="613"/>
      <c r="EYX680" s="613"/>
      <c r="EYY680" s="613"/>
      <c r="EYZ680" s="613"/>
      <c r="EZA680" s="613"/>
      <c r="EZB680" s="613"/>
      <c r="EZC680" s="613"/>
      <c r="EZD680" s="613"/>
      <c r="EZE680" s="613"/>
      <c r="EZF680" s="613"/>
      <c r="EZG680" s="613"/>
      <c r="EZH680" s="613"/>
      <c r="EZI680" s="613"/>
      <c r="EZJ680" s="613"/>
      <c r="EZK680" s="613"/>
      <c r="EZL680" s="613"/>
      <c r="EZM680" s="613"/>
      <c r="EZN680" s="613"/>
      <c r="EZO680" s="613"/>
      <c r="EZP680" s="613"/>
      <c r="EZQ680" s="613"/>
      <c r="EZR680" s="613"/>
      <c r="EZS680" s="613"/>
      <c r="EZT680" s="613"/>
      <c r="EZU680" s="613"/>
      <c r="EZV680" s="613"/>
      <c r="EZW680" s="613"/>
      <c r="EZX680" s="613"/>
      <c r="EZY680" s="613"/>
      <c r="EZZ680" s="613"/>
      <c r="FAA680" s="613"/>
      <c r="FAB680" s="613"/>
      <c r="FAC680" s="613"/>
      <c r="FAD680" s="613"/>
      <c r="FAE680" s="613"/>
      <c r="FAF680" s="613"/>
      <c r="FAG680" s="613"/>
      <c r="FAH680" s="613"/>
      <c r="FAI680" s="613"/>
      <c r="FAJ680" s="613"/>
      <c r="FAK680" s="613"/>
      <c r="FAL680" s="613"/>
      <c r="FAM680" s="613"/>
      <c r="FAN680" s="613"/>
      <c r="FAO680" s="613"/>
      <c r="FAP680" s="613"/>
      <c r="FAQ680" s="613"/>
      <c r="FAR680" s="613"/>
      <c r="FAS680" s="613"/>
      <c r="FAT680" s="613"/>
      <c r="FAU680" s="613"/>
      <c r="FAV680" s="613"/>
      <c r="FAW680" s="613"/>
      <c r="FAX680" s="613"/>
      <c r="FAY680" s="613"/>
      <c r="FAZ680" s="613"/>
      <c r="FBA680" s="613"/>
      <c r="FBB680" s="613"/>
      <c r="FBC680" s="613"/>
      <c r="FBD680" s="613"/>
      <c r="FBE680" s="613"/>
      <c r="FBF680" s="613"/>
      <c r="FBG680" s="613"/>
      <c r="FBH680" s="613"/>
      <c r="FBI680" s="613"/>
      <c r="FBJ680" s="613"/>
      <c r="FBK680" s="613"/>
      <c r="FBL680" s="613"/>
      <c r="FBM680" s="613"/>
      <c r="FBN680" s="613"/>
      <c r="FBO680" s="613"/>
      <c r="FBP680" s="613"/>
      <c r="FBQ680" s="613"/>
      <c r="FBR680" s="613"/>
      <c r="FBS680" s="613"/>
      <c r="FBT680" s="613"/>
      <c r="FBU680" s="613"/>
      <c r="FBV680" s="613"/>
      <c r="FBW680" s="613"/>
      <c r="FBX680" s="613"/>
      <c r="FBY680" s="613"/>
      <c r="FBZ680" s="613"/>
      <c r="FCA680" s="613"/>
      <c r="FCB680" s="613"/>
      <c r="FCC680" s="613"/>
      <c r="FCD680" s="613"/>
      <c r="FCE680" s="613"/>
      <c r="FCF680" s="613"/>
      <c r="FCG680" s="613"/>
      <c r="FCH680" s="613"/>
      <c r="FCI680" s="613"/>
      <c r="FCJ680" s="613"/>
      <c r="FCK680" s="613"/>
      <c r="FCL680" s="613"/>
      <c r="FCM680" s="613"/>
      <c r="FCN680" s="613"/>
      <c r="FCO680" s="613"/>
      <c r="FCP680" s="613"/>
      <c r="FCQ680" s="613"/>
      <c r="FCR680" s="613"/>
      <c r="FCS680" s="613"/>
      <c r="FCT680" s="613"/>
      <c r="FCU680" s="613"/>
      <c r="FCV680" s="613"/>
      <c r="FCW680" s="613"/>
      <c r="FCX680" s="613"/>
      <c r="FCY680" s="613"/>
      <c r="FCZ680" s="613"/>
      <c r="FDA680" s="613"/>
      <c r="FDB680" s="613"/>
      <c r="FDC680" s="613"/>
      <c r="FDD680" s="613"/>
      <c r="FDE680" s="613"/>
      <c r="FDF680" s="613"/>
      <c r="FDG680" s="613"/>
      <c r="FDH680" s="613"/>
      <c r="FDI680" s="613"/>
      <c r="FDJ680" s="613"/>
      <c r="FDK680" s="613"/>
      <c r="FDL680" s="613"/>
      <c r="FDM680" s="613"/>
      <c r="FDN680" s="613"/>
      <c r="FDO680" s="613"/>
      <c r="FDP680" s="613"/>
      <c r="FDQ680" s="613"/>
      <c r="FDR680" s="613"/>
      <c r="FDS680" s="613"/>
      <c r="FDT680" s="613"/>
      <c r="FDU680" s="613"/>
      <c r="FDV680" s="613"/>
      <c r="FDW680" s="613"/>
      <c r="FDX680" s="613"/>
      <c r="FDY680" s="613"/>
      <c r="FDZ680" s="613"/>
      <c r="FEA680" s="613"/>
      <c r="FEB680" s="613"/>
      <c r="FEC680" s="613"/>
      <c r="FED680" s="613"/>
      <c r="FEE680" s="613"/>
      <c r="FEF680" s="613"/>
      <c r="FEG680" s="613"/>
      <c r="FEH680" s="613"/>
      <c r="FEI680" s="613"/>
      <c r="FEJ680" s="613"/>
      <c r="FEK680" s="613"/>
      <c r="FEL680" s="613"/>
      <c r="FEM680" s="613"/>
      <c r="FEN680" s="613"/>
      <c r="FEO680" s="613"/>
      <c r="FEP680" s="613"/>
      <c r="FEQ680" s="613"/>
      <c r="FER680" s="613"/>
      <c r="FES680" s="613"/>
      <c r="FET680" s="613"/>
      <c r="FEU680" s="613"/>
      <c r="FEV680" s="613"/>
      <c r="FEW680" s="613"/>
      <c r="FEX680" s="613"/>
      <c r="FEY680" s="613"/>
      <c r="FEZ680" s="613"/>
      <c r="FFA680" s="613"/>
      <c r="FFB680" s="613"/>
      <c r="FFC680" s="613"/>
      <c r="FFD680" s="613"/>
      <c r="FFE680" s="613"/>
      <c r="FFF680" s="613"/>
      <c r="FFG680" s="613"/>
      <c r="FFH680" s="613"/>
      <c r="FFI680" s="613"/>
      <c r="FFJ680" s="613"/>
      <c r="FFK680" s="613"/>
      <c r="FFL680" s="613"/>
      <c r="FFM680" s="613"/>
      <c r="FFN680" s="613"/>
      <c r="FFO680" s="613"/>
      <c r="FFP680" s="613"/>
      <c r="FFQ680" s="613"/>
      <c r="FFR680" s="613"/>
      <c r="FFS680" s="613"/>
      <c r="FFT680" s="613"/>
      <c r="FFU680" s="613"/>
      <c r="FFV680" s="613"/>
      <c r="FFW680" s="613"/>
      <c r="FFX680" s="613"/>
      <c r="FFY680" s="613"/>
      <c r="FFZ680" s="613"/>
      <c r="FGA680" s="613"/>
      <c r="FGB680" s="613"/>
      <c r="FGC680" s="613"/>
      <c r="FGD680" s="613"/>
      <c r="FGE680" s="613"/>
      <c r="FGF680" s="613"/>
      <c r="FGG680" s="613"/>
      <c r="FGH680" s="613"/>
      <c r="FGI680" s="613"/>
      <c r="FGJ680" s="613"/>
      <c r="FGK680" s="613"/>
      <c r="FGL680" s="613"/>
      <c r="FGM680" s="613"/>
      <c r="FGN680" s="613"/>
      <c r="FGO680" s="613"/>
      <c r="FGP680" s="613"/>
      <c r="FGQ680" s="613"/>
      <c r="FGR680" s="613"/>
      <c r="FGS680" s="613"/>
      <c r="FGT680" s="613"/>
      <c r="FGU680" s="613"/>
      <c r="FGV680" s="613"/>
      <c r="FGW680" s="613"/>
      <c r="FGX680" s="613"/>
      <c r="FGY680" s="613"/>
      <c r="FGZ680" s="613"/>
      <c r="FHA680" s="613"/>
      <c r="FHB680" s="613"/>
      <c r="FHC680" s="613"/>
      <c r="FHD680" s="613"/>
      <c r="FHE680" s="613"/>
      <c r="FHF680" s="613"/>
      <c r="FHG680" s="613"/>
      <c r="FHH680" s="613"/>
      <c r="FHI680" s="613"/>
      <c r="FHJ680" s="613"/>
      <c r="FHK680" s="613"/>
      <c r="FHL680" s="613"/>
      <c r="FHM680" s="613"/>
      <c r="FHN680" s="613"/>
      <c r="FHO680" s="613"/>
      <c r="FHP680" s="613"/>
      <c r="FHQ680" s="613"/>
      <c r="FHR680" s="613"/>
      <c r="FHS680" s="613"/>
      <c r="FHT680" s="613"/>
      <c r="FHU680" s="613"/>
      <c r="FHV680" s="613"/>
      <c r="FHW680" s="613"/>
      <c r="FHX680" s="613"/>
      <c r="FHY680" s="613"/>
      <c r="FHZ680" s="613"/>
      <c r="FIA680" s="613"/>
      <c r="FIB680" s="613"/>
      <c r="FIC680" s="613"/>
      <c r="FID680" s="613"/>
      <c r="FIE680" s="613"/>
      <c r="FIF680" s="613"/>
      <c r="FIG680" s="613"/>
      <c r="FIH680" s="613"/>
      <c r="FII680" s="613"/>
      <c r="FIJ680" s="613"/>
      <c r="FIK680" s="613"/>
      <c r="FIL680" s="613"/>
      <c r="FIM680" s="613"/>
      <c r="FIN680" s="613"/>
      <c r="FIO680" s="613"/>
      <c r="FIP680" s="613"/>
      <c r="FIQ680" s="613"/>
      <c r="FIR680" s="613"/>
      <c r="FIS680" s="613"/>
      <c r="FIT680" s="613"/>
      <c r="FIU680" s="613"/>
      <c r="FIV680" s="613"/>
      <c r="FIW680" s="613"/>
      <c r="FIX680" s="613"/>
      <c r="FIY680" s="613"/>
      <c r="FIZ680" s="613"/>
      <c r="FJA680" s="613"/>
      <c r="FJB680" s="613"/>
      <c r="FJC680" s="613"/>
      <c r="FJD680" s="613"/>
      <c r="FJE680" s="613"/>
      <c r="FJF680" s="613"/>
      <c r="FJG680" s="613"/>
      <c r="FJH680" s="613"/>
      <c r="FJI680" s="613"/>
      <c r="FJJ680" s="613"/>
      <c r="FJK680" s="613"/>
      <c r="FJL680" s="613"/>
      <c r="FJM680" s="613"/>
      <c r="FJN680" s="613"/>
      <c r="FJO680" s="613"/>
      <c r="FJP680" s="613"/>
      <c r="FJQ680" s="613"/>
      <c r="FJR680" s="613"/>
      <c r="FJS680" s="613"/>
      <c r="FJT680" s="613"/>
      <c r="FJU680" s="613"/>
      <c r="FJV680" s="613"/>
      <c r="FJW680" s="613"/>
      <c r="FJX680" s="613"/>
      <c r="FJY680" s="613"/>
      <c r="FJZ680" s="613"/>
      <c r="FKA680" s="613"/>
      <c r="FKB680" s="613"/>
      <c r="FKC680" s="613"/>
      <c r="FKD680" s="613"/>
      <c r="FKE680" s="613"/>
      <c r="FKF680" s="613"/>
      <c r="FKG680" s="613"/>
      <c r="FKH680" s="613"/>
      <c r="FKI680" s="613"/>
      <c r="FKJ680" s="613"/>
      <c r="FKK680" s="613"/>
      <c r="FKL680" s="613"/>
      <c r="FKM680" s="613"/>
      <c r="FKN680" s="613"/>
      <c r="FKO680" s="613"/>
      <c r="FKP680" s="613"/>
      <c r="FKQ680" s="613"/>
      <c r="FKR680" s="613"/>
      <c r="FKS680" s="613"/>
      <c r="FKT680" s="613"/>
      <c r="FKU680" s="613"/>
      <c r="FKV680" s="613"/>
      <c r="FKW680" s="613"/>
      <c r="FKX680" s="613"/>
      <c r="FKY680" s="613"/>
      <c r="FKZ680" s="613"/>
      <c r="FLA680" s="613"/>
      <c r="FLB680" s="613"/>
      <c r="FLC680" s="613"/>
      <c r="FLD680" s="613"/>
      <c r="FLE680" s="613"/>
      <c r="FLF680" s="613"/>
      <c r="FLG680" s="613"/>
      <c r="FLH680" s="613"/>
      <c r="FLI680" s="613"/>
      <c r="FLJ680" s="613"/>
      <c r="FLK680" s="613"/>
      <c r="FLL680" s="613"/>
      <c r="FLM680" s="613"/>
      <c r="FLN680" s="613"/>
      <c r="FLO680" s="613"/>
      <c r="FLP680" s="613"/>
      <c r="FLQ680" s="613"/>
      <c r="FLR680" s="613"/>
      <c r="FLS680" s="613"/>
      <c r="FLT680" s="613"/>
      <c r="FLU680" s="613"/>
      <c r="FLV680" s="613"/>
      <c r="FLW680" s="613"/>
      <c r="FLX680" s="613"/>
      <c r="FLY680" s="613"/>
      <c r="FLZ680" s="613"/>
      <c r="FMA680" s="613"/>
      <c r="FMB680" s="613"/>
      <c r="FMC680" s="613"/>
      <c r="FMD680" s="613"/>
      <c r="FME680" s="613"/>
      <c r="FMF680" s="613"/>
      <c r="FMG680" s="613"/>
      <c r="FMH680" s="613"/>
      <c r="FMI680" s="613"/>
      <c r="FMJ680" s="613"/>
      <c r="FMK680" s="613"/>
      <c r="FML680" s="613"/>
      <c r="FMM680" s="613"/>
      <c r="FMN680" s="613"/>
      <c r="FMO680" s="613"/>
      <c r="FMP680" s="613"/>
      <c r="FMQ680" s="613"/>
      <c r="FMR680" s="613"/>
      <c r="FMS680" s="613"/>
      <c r="FMT680" s="613"/>
      <c r="FMU680" s="613"/>
      <c r="FMV680" s="613"/>
      <c r="FMW680" s="613"/>
      <c r="FMX680" s="613"/>
      <c r="FMY680" s="613"/>
      <c r="FMZ680" s="613"/>
      <c r="FNA680" s="613"/>
      <c r="FNB680" s="613"/>
      <c r="FNC680" s="613"/>
      <c r="FND680" s="613"/>
      <c r="FNE680" s="613"/>
      <c r="FNF680" s="613"/>
      <c r="FNG680" s="613"/>
      <c r="FNH680" s="613"/>
      <c r="FNI680" s="613"/>
      <c r="FNJ680" s="613"/>
      <c r="FNK680" s="613"/>
      <c r="FNL680" s="613"/>
      <c r="FNM680" s="613"/>
      <c r="FNN680" s="613"/>
      <c r="FNO680" s="613"/>
      <c r="FNP680" s="613"/>
      <c r="FNQ680" s="613"/>
      <c r="FNR680" s="613"/>
      <c r="FNS680" s="613"/>
      <c r="FNT680" s="613"/>
      <c r="FNU680" s="613"/>
      <c r="FNV680" s="613"/>
      <c r="FNW680" s="613"/>
      <c r="FNX680" s="613"/>
      <c r="FNY680" s="613"/>
      <c r="FNZ680" s="613"/>
      <c r="FOA680" s="613"/>
      <c r="FOB680" s="613"/>
      <c r="FOC680" s="613"/>
      <c r="FOD680" s="613"/>
      <c r="FOE680" s="613"/>
      <c r="FOF680" s="613"/>
      <c r="FOG680" s="613"/>
      <c r="FOH680" s="613"/>
      <c r="FOI680" s="613"/>
      <c r="FOJ680" s="613"/>
      <c r="FOK680" s="613"/>
      <c r="FOL680" s="613"/>
      <c r="FOM680" s="613"/>
      <c r="FON680" s="613"/>
      <c r="FOO680" s="613"/>
      <c r="FOP680" s="613"/>
      <c r="FOQ680" s="613"/>
      <c r="FOR680" s="613"/>
      <c r="FOS680" s="613"/>
      <c r="FOT680" s="613"/>
      <c r="FOU680" s="613"/>
      <c r="FOV680" s="613"/>
      <c r="FOW680" s="613"/>
      <c r="FOX680" s="613"/>
      <c r="FOY680" s="613"/>
      <c r="FOZ680" s="613"/>
      <c r="FPA680" s="613"/>
      <c r="FPB680" s="613"/>
      <c r="FPC680" s="613"/>
      <c r="FPD680" s="613"/>
      <c r="FPE680" s="613"/>
      <c r="FPF680" s="613"/>
      <c r="FPG680" s="613"/>
      <c r="FPH680" s="613"/>
      <c r="FPI680" s="613"/>
      <c r="FPJ680" s="613"/>
      <c r="FPK680" s="613"/>
      <c r="FPL680" s="613"/>
      <c r="FPM680" s="613"/>
      <c r="FPN680" s="613"/>
      <c r="FPO680" s="613"/>
      <c r="FPP680" s="613"/>
      <c r="FPQ680" s="613"/>
      <c r="FPR680" s="613"/>
      <c r="FPS680" s="613"/>
      <c r="FPT680" s="613"/>
      <c r="FPU680" s="613"/>
      <c r="FPV680" s="613"/>
      <c r="FPW680" s="613"/>
      <c r="FPX680" s="613"/>
      <c r="FPY680" s="613"/>
      <c r="FPZ680" s="613"/>
      <c r="FQA680" s="613"/>
      <c r="FQB680" s="613"/>
      <c r="FQC680" s="613"/>
      <c r="FQD680" s="613"/>
      <c r="FQE680" s="613"/>
      <c r="FQF680" s="613"/>
      <c r="FQG680" s="613"/>
      <c r="FQH680" s="613"/>
      <c r="FQI680" s="613"/>
      <c r="FQJ680" s="613"/>
      <c r="FQK680" s="613"/>
      <c r="FQL680" s="613"/>
      <c r="FQM680" s="613"/>
      <c r="FQN680" s="613"/>
      <c r="FQO680" s="613"/>
      <c r="FQP680" s="613"/>
      <c r="FQQ680" s="613"/>
      <c r="FQR680" s="613"/>
      <c r="FQS680" s="613"/>
      <c r="FQT680" s="613"/>
      <c r="FQU680" s="613"/>
      <c r="FQV680" s="613"/>
      <c r="FQW680" s="613"/>
      <c r="FQX680" s="613"/>
      <c r="FQY680" s="613"/>
      <c r="FQZ680" s="613"/>
      <c r="FRA680" s="613"/>
      <c r="FRB680" s="613"/>
      <c r="FRC680" s="613"/>
      <c r="FRD680" s="613"/>
      <c r="FRE680" s="613"/>
      <c r="FRF680" s="613"/>
      <c r="FRG680" s="613"/>
      <c r="FRH680" s="613"/>
      <c r="FRI680" s="613"/>
      <c r="FRJ680" s="613"/>
      <c r="FRK680" s="613"/>
      <c r="FRL680" s="613"/>
      <c r="FRM680" s="613"/>
      <c r="FRN680" s="613"/>
      <c r="FRO680" s="613"/>
      <c r="FRP680" s="613"/>
      <c r="FRQ680" s="613"/>
      <c r="FRR680" s="613"/>
      <c r="FRS680" s="613"/>
      <c r="FRT680" s="613"/>
      <c r="FRU680" s="613"/>
      <c r="FRV680" s="613"/>
      <c r="FRW680" s="613"/>
      <c r="FRX680" s="613"/>
      <c r="FRY680" s="613"/>
      <c r="FRZ680" s="613"/>
      <c r="FSA680" s="613"/>
      <c r="FSB680" s="613"/>
      <c r="FSC680" s="613"/>
      <c r="FSD680" s="613"/>
      <c r="FSE680" s="613"/>
      <c r="FSF680" s="613"/>
      <c r="FSG680" s="613"/>
      <c r="FSH680" s="613"/>
      <c r="FSI680" s="613"/>
      <c r="FSJ680" s="613"/>
      <c r="FSK680" s="613"/>
      <c r="FSL680" s="613"/>
      <c r="FSM680" s="613"/>
      <c r="FSN680" s="613"/>
      <c r="FSO680" s="613"/>
      <c r="FSP680" s="613"/>
      <c r="FSQ680" s="613"/>
      <c r="FSR680" s="613"/>
      <c r="FSS680" s="613"/>
      <c r="FST680" s="613"/>
      <c r="FSU680" s="613"/>
      <c r="FSV680" s="613"/>
      <c r="FSW680" s="613"/>
      <c r="FSX680" s="613"/>
      <c r="FSY680" s="613"/>
      <c r="FSZ680" s="613"/>
      <c r="FTA680" s="613"/>
      <c r="FTB680" s="613"/>
      <c r="FTC680" s="613"/>
      <c r="FTD680" s="613"/>
      <c r="FTE680" s="613"/>
      <c r="FTF680" s="613"/>
      <c r="FTG680" s="613"/>
      <c r="FTH680" s="613"/>
      <c r="FTI680" s="613"/>
      <c r="FTJ680" s="613"/>
      <c r="FTK680" s="613"/>
      <c r="FTL680" s="613"/>
      <c r="FTM680" s="613"/>
      <c r="FTN680" s="613"/>
      <c r="FTO680" s="613"/>
      <c r="FTP680" s="613"/>
      <c r="FTQ680" s="613"/>
      <c r="FTR680" s="613"/>
      <c r="FTS680" s="613"/>
      <c r="FTT680" s="613"/>
      <c r="FTU680" s="613"/>
      <c r="FTV680" s="613"/>
      <c r="FTW680" s="613"/>
      <c r="FTX680" s="613"/>
      <c r="FTY680" s="613"/>
      <c r="FTZ680" s="613"/>
      <c r="FUA680" s="613"/>
      <c r="FUB680" s="613"/>
      <c r="FUC680" s="613"/>
      <c r="FUD680" s="613"/>
      <c r="FUE680" s="613"/>
      <c r="FUF680" s="613"/>
      <c r="FUG680" s="613"/>
      <c r="FUH680" s="613"/>
      <c r="FUI680" s="613"/>
      <c r="FUJ680" s="613"/>
      <c r="FUK680" s="613"/>
      <c r="FUL680" s="613"/>
      <c r="FUM680" s="613"/>
      <c r="FUN680" s="613"/>
      <c r="FUO680" s="613"/>
      <c r="FUP680" s="613"/>
      <c r="FUQ680" s="613"/>
      <c r="FUR680" s="613"/>
      <c r="FUS680" s="613"/>
      <c r="FUT680" s="613"/>
      <c r="FUU680" s="613"/>
      <c r="FUV680" s="613"/>
      <c r="FUW680" s="613"/>
      <c r="FUX680" s="613"/>
      <c r="FUY680" s="613"/>
      <c r="FUZ680" s="613"/>
      <c r="FVA680" s="613"/>
      <c r="FVB680" s="613"/>
      <c r="FVC680" s="613"/>
      <c r="FVD680" s="613"/>
      <c r="FVE680" s="613"/>
      <c r="FVF680" s="613"/>
      <c r="FVG680" s="613"/>
      <c r="FVH680" s="613"/>
      <c r="FVI680" s="613"/>
      <c r="FVJ680" s="613"/>
      <c r="FVK680" s="613"/>
      <c r="FVL680" s="613"/>
      <c r="FVM680" s="613"/>
      <c r="FVN680" s="613"/>
      <c r="FVO680" s="613"/>
      <c r="FVP680" s="613"/>
      <c r="FVQ680" s="613"/>
      <c r="FVR680" s="613"/>
      <c r="FVS680" s="613"/>
      <c r="FVT680" s="613"/>
      <c r="FVU680" s="613"/>
      <c r="FVV680" s="613"/>
      <c r="FVW680" s="613"/>
      <c r="FVX680" s="613"/>
      <c r="FVY680" s="613"/>
      <c r="FVZ680" s="613"/>
      <c r="FWA680" s="613"/>
      <c r="FWB680" s="613"/>
      <c r="FWC680" s="613"/>
      <c r="FWD680" s="613"/>
      <c r="FWE680" s="613"/>
      <c r="FWF680" s="613"/>
      <c r="FWG680" s="613"/>
      <c r="FWH680" s="613"/>
      <c r="FWI680" s="613"/>
      <c r="FWJ680" s="613"/>
      <c r="FWK680" s="613"/>
      <c r="FWL680" s="613"/>
      <c r="FWM680" s="613"/>
      <c r="FWN680" s="613"/>
      <c r="FWO680" s="613"/>
      <c r="FWP680" s="613"/>
      <c r="FWQ680" s="613"/>
      <c r="FWR680" s="613"/>
      <c r="FWS680" s="613"/>
      <c r="FWT680" s="613"/>
      <c r="FWU680" s="613"/>
      <c r="FWV680" s="613"/>
      <c r="FWW680" s="613"/>
      <c r="FWX680" s="613"/>
      <c r="FWY680" s="613"/>
      <c r="FWZ680" s="613"/>
      <c r="FXA680" s="613"/>
      <c r="FXB680" s="613"/>
      <c r="FXC680" s="613"/>
      <c r="FXD680" s="613"/>
      <c r="FXE680" s="613"/>
      <c r="FXF680" s="613"/>
      <c r="FXG680" s="613"/>
      <c r="FXH680" s="613"/>
      <c r="FXI680" s="613"/>
      <c r="FXJ680" s="613"/>
      <c r="FXK680" s="613"/>
      <c r="FXL680" s="613"/>
      <c r="FXM680" s="613"/>
      <c r="FXN680" s="613"/>
      <c r="FXO680" s="613"/>
      <c r="FXP680" s="613"/>
      <c r="FXQ680" s="613"/>
      <c r="FXR680" s="613"/>
      <c r="FXS680" s="613"/>
      <c r="FXT680" s="613"/>
      <c r="FXU680" s="613"/>
      <c r="FXV680" s="613"/>
      <c r="FXW680" s="613"/>
      <c r="FXX680" s="613"/>
      <c r="FXY680" s="613"/>
      <c r="FXZ680" s="613"/>
      <c r="FYA680" s="613"/>
      <c r="FYB680" s="613"/>
      <c r="FYC680" s="613"/>
      <c r="FYD680" s="613"/>
      <c r="FYE680" s="613"/>
      <c r="FYF680" s="613"/>
      <c r="FYG680" s="613"/>
      <c r="FYH680" s="613"/>
      <c r="FYI680" s="613"/>
      <c r="FYJ680" s="613"/>
      <c r="FYK680" s="613"/>
      <c r="FYL680" s="613"/>
      <c r="FYM680" s="613"/>
      <c r="FYN680" s="613"/>
      <c r="FYO680" s="613"/>
      <c r="FYP680" s="613"/>
      <c r="FYQ680" s="613"/>
      <c r="FYR680" s="613"/>
      <c r="FYS680" s="613"/>
      <c r="FYT680" s="613"/>
      <c r="FYU680" s="613"/>
      <c r="FYV680" s="613"/>
      <c r="FYW680" s="613"/>
      <c r="FYX680" s="613"/>
      <c r="FYY680" s="613"/>
      <c r="FYZ680" s="613"/>
      <c r="FZA680" s="613"/>
      <c r="FZB680" s="613"/>
      <c r="FZC680" s="613"/>
      <c r="FZD680" s="613"/>
      <c r="FZE680" s="613"/>
      <c r="FZF680" s="613"/>
      <c r="FZG680" s="613"/>
      <c r="FZH680" s="613"/>
      <c r="FZI680" s="613"/>
      <c r="FZJ680" s="613"/>
      <c r="FZK680" s="613"/>
      <c r="FZL680" s="613"/>
      <c r="FZM680" s="613"/>
      <c r="FZN680" s="613"/>
      <c r="FZO680" s="613"/>
      <c r="FZP680" s="613"/>
      <c r="FZQ680" s="613"/>
      <c r="FZR680" s="613"/>
      <c r="FZS680" s="613"/>
      <c r="FZT680" s="613"/>
      <c r="FZU680" s="613"/>
      <c r="FZV680" s="613"/>
      <c r="FZW680" s="613"/>
      <c r="FZX680" s="613"/>
      <c r="FZY680" s="613"/>
      <c r="FZZ680" s="613"/>
      <c r="GAA680" s="613"/>
      <c r="GAB680" s="613"/>
      <c r="GAC680" s="613"/>
      <c r="GAD680" s="613"/>
      <c r="GAE680" s="613"/>
      <c r="GAF680" s="613"/>
      <c r="GAG680" s="613"/>
      <c r="GAH680" s="613"/>
      <c r="GAI680" s="613"/>
      <c r="GAJ680" s="613"/>
      <c r="GAK680" s="613"/>
      <c r="GAL680" s="613"/>
      <c r="GAM680" s="613"/>
      <c r="GAN680" s="613"/>
      <c r="GAO680" s="613"/>
      <c r="GAP680" s="613"/>
      <c r="GAQ680" s="613"/>
      <c r="GAR680" s="613"/>
      <c r="GAS680" s="613"/>
      <c r="GAT680" s="613"/>
      <c r="GAU680" s="613"/>
      <c r="GAV680" s="613"/>
      <c r="GAW680" s="613"/>
      <c r="GAX680" s="613"/>
      <c r="GAY680" s="613"/>
      <c r="GAZ680" s="613"/>
      <c r="GBA680" s="613"/>
      <c r="GBB680" s="613"/>
      <c r="GBC680" s="613"/>
      <c r="GBD680" s="613"/>
      <c r="GBE680" s="613"/>
      <c r="GBF680" s="613"/>
      <c r="GBG680" s="613"/>
      <c r="GBH680" s="613"/>
      <c r="GBI680" s="613"/>
      <c r="GBJ680" s="613"/>
      <c r="GBK680" s="613"/>
      <c r="GBL680" s="613"/>
      <c r="GBM680" s="613"/>
      <c r="GBN680" s="613"/>
      <c r="GBO680" s="613"/>
      <c r="GBP680" s="613"/>
      <c r="GBQ680" s="613"/>
      <c r="GBR680" s="613"/>
      <c r="GBS680" s="613"/>
      <c r="GBT680" s="613"/>
      <c r="GBU680" s="613"/>
      <c r="GBV680" s="613"/>
      <c r="GBW680" s="613"/>
      <c r="GBX680" s="613"/>
      <c r="GBY680" s="613"/>
      <c r="GBZ680" s="613"/>
      <c r="GCA680" s="613"/>
      <c r="GCB680" s="613"/>
      <c r="GCC680" s="613"/>
      <c r="GCD680" s="613"/>
      <c r="GCE680" s="613"/>
      <c r="GCF680" s="613"/>
      <c r="GCG680" s="613"/>
      <c r="GCH680" s="613"/>
      <c r="GCI680" s="613"/>
      <c r="GCJ680" s="613"/>
      <c r="GCK680" s="613"/>
      <c r="GCL680" s="613"/>
      <c r="GCM680" s="613"/>
      <c r="GCN680" s="613"/>
      <c r="GCO680" s="613"/>
      <c r="GCP680" s="613"/>
      <c r="GCQ680" s="613"/>
      <c r="GCR680" s="613"/>
      <c r="GCS680" s="613"/>
      <c r="GCT680" s="613"/>
      <c r="GCU680" s="613"/>
      <c r="GCV680" s="613"/>
      <c r="GCW680" s="613"/>
      <c r="GCX680" s="613"/>
      <c r="GCY680" s="613"/>
      <c r="GCZ680" s="613"/>
      <c r="GDA680" s="613"/>
      <c r="GDB680" s="613"/>
      <c r="GDC680" s="613"/>
      <c r="GDD680" s="613"/>
      <c r="GDE680" s="613"/>
      <c r="GDF680" s="613"/>
      <c r="GDG680" s="613"/>
      <c r="GDH680" s="613"/>
      <c r="GDI680" s="613"/>
      <c r="GDJ680" s="613"/>
      <c r="GDK680" s="613"/>
      <c r="GDL680" s="613"/>
      <c r="GDM680" s="613"/>
      <c r="GDN680" s="613"/>
      <c r="GDO680" s="613"/>
      <c r="GDP680" s="613"/>
      <c r="GDQ680" s="613"/>
      <c r="GDR680" s="613"/>
      <c r="GDS680" s="613"/>
      <c r="GDT680" s="613"/>
      <c r="GDU680" s="613"/>
      <c r="GDV680" s="613"/>
      <c r="GDW680" s="613"/>
      <c r="GDX680" s="613"/>
      <c r="GDY680" s="613"/>
      <c r="GDZ680" s="613"/>
      <c r="GEA680" s="613"/>
      <c r="GEB680" s="613"/>
      <c r="GEC680" s="613"/>
      <c r="GED680" s="613"/>
      <c r="GEE680" s="613"/>
      <c r="GEF680" s="613"/>
      <c r="GEG680" s="613"/>
      <c r="GEH680" s="613"/>
      <c r="GEI680" s="613"/>
      <c r="GEJ680" s="613"/>
      <c r="GEK680" s="613"/>
      <c r="GEL680" s="613"/>
      <c r="GEM680" s="613"/>
      <c r="GEN680" s="613"/>
      <c r="GEO680" s="613"/>
      <c r="GEP680" s="613"/>
      <c r="GEQ680" s="613"/>
      <c r="GER680" s="613"/>
      <c r="GES680" s="613"/>
      <c r="GET680" s="613"/>
      <c r="GEU680" s="613"/>
      <c r="GEV680" s="613"/>
      <c r="GEW680" s="613"/>
      <c r="GEX680" s="613"/>
      <c r="GEY680" s="613"/>
      <c r="GEZ680" s="613"/>
      <c r="GFA680" s="613"/>
      <c r="GFB680" s="613"/>
      <c r="GFC680" s="613"/>
      <c r="GFD680" s="613"/>
      <c r="GFE680" s="613"/>
      <c r="GFF680" s="613"/>
      <c r="GFG680" s="613"/>
      <c r="GFH680" s="613"/>
      <c r="GFI680" s="613"/>
      <c r="GFJ680" s="613"/>
      <c r="GFK680" s="613"/>
      <c r="GFL680" s="613"/>
      <c r="GFM680" s="613"/>
      <c r="GFN680" s="613"/>
      <c r="GFO680" s="613"/>
      <c r="GFP680" s="613"/>
      <c r="GFQ680" s="613"/>
      <c r="GFR680" s="613"/>
      <c r="GFS680" s="613"/>
      <c r="GFT680" s="613"/>
      <c r="GFU680" s="613"/>
      <c r="GFV680" s="613"/>
      <c r="GFW680" s="613"/>
      <c r="GFX680" s="613"/>
      <c r="GFY680" s="613"/>
      <c r="GFZ680" s="613"/>
      <c r="GGA680" s="613"/>
      <c r="GGB680" s="613"/>
      <c r="GGC680" s="613"/>
      <c r="GGD680" s="613"/>
      <c r="GGE680" s="613"/>
      <c r="GGF680" s="613"/>
      <c r="GGG680" s="613"/>
      <c r="GGH680" s="613"/>
      <c r="GGI680" s="613"/>
      <c r="GGJ680" s="613"/>
      <c r="GGK680" s="613"/>
      <c r="GGL680" s="613"/>
      <c r="GGM680" s="613"/>
      <c r="GGN680" s="613"/>
      <c r="GGO680" s="613"/>
      <c r="GGP680" s="613"/>
      <c r="GGQ680" s="613"/>
      <c r="GGR680" s="613"/>
      <c r="GGS680" s="613"/>
      <c r="GGT680" s="613"/>
      <c r="GGU680" s="613"/>
      <c r="GGV680" s="613"/>
      <c r="GGW680" s="613"/>
      <c r="GGX680" s="613"/>
      <c r="GGY680" s="613"/>
      <c r="GGZ680" s="613"/>
      <c r="GHA680" s="613"/>
      <c r="GHB680" s="613"/>
      <c r="GHC680" s="613"/>
      <c r="GHD680" s="613"/>
      <c r="GHE680" s="613"/>
      <c r="GHF680" s="613"/>
      <c r="GHG680" s="613"/>
      <c r="GHH680" s="613"/>
      <c r="GHI680" s="613"/>
      <c r="GHJ680" s="613"/>
      <c r="GHK680" s="613"/>
      <c r="GHL680" s="613"/>
      <c r="GHM680" s="613"/>
      <c r="GHN680" s="613"/>
      <c r="GHO680" s="613"/>
      <c r="GHP680" s="613"/>
      <c r="GHQ680" s="613"/>
      <c r="GHR680" s="613"/>
      <c r="GHS680" s="613"/>
      <c r="GHT680" s="613"/>
      <c r="GHU680" s="613"/>
      <c r="GHV680" s="613"/>
      <c r="GHW680" s="613"/>
      <c r="GHX680" s="613"/>
      <c r="GHY680" s="613"/>
      <c r="GHZ680" s="613"/>
      <c r="GIA680" s="613"/>
      <c r="GIB680" s="613"/>
      <c r="GIC680" s="613"/>
      <c r="GID680" s="613"/>
      <c r="GIE680" s="613"/>
      <c r="GIF680" s="613"/>
      <c r="GIG680" s="613"/>
      <c r="GIH680" s="613"/>
      <c r="GII680" s="613"/>
      <c r="GIJ680" s="613"/>
      <c r="GIK680" s="613"/>
      <c r="GIL680" s="613"/>
      <c r="GIM680" s="613"/>
      <c r="GIN680" s="613"/>
      <c r="GIO680" s="613"/>
      <c r="GIP680" s="613"/>
      <c r="GIQ680" s="613"/>
      <c r="GIR680" s="613"/>
      <c r="GIS680" s="613"/>
      <c r="GIT680" s="613"/>
      <c r="GIU680" s="613"/>
      <c r="GIV680" s="613"/>
      <c r="GIW680" s="613"/>
      <c r="GIX680" s="613"/>
      <c r="GIY680" s="613"/>
      <c r="GIZ680" s="613"/>
      <c r="GJA680" s="613"/>
      <c r="GJB680" s="613"/>
      <c r="GJC680" s="613"/>
      <c r="GJD680" s="613"/>
      <c r="GJE680" s="613"/>
      <c r="GJF680" s="613"/>
      <c r="GJG680" s="613"/>
      <c r="GJH680" s="613"/>
      <c r="GJI680" s="613"/>
      <c r="GJJ680" s="613"/>
      <c r="GJK680" s="613"/>
      <c r="GJL680" s="613"/>
      <c r="GJM680" s="613"/>
      <c r="GJN680" s="613"/>
      <c r="GJO680" s="613"/>
      <c r="GJP680" s="613"/>
      <c r="GJQ680" s="613"/>
      <c r="GJR680" s="613"/>
      <c r="GJS680" s="613"/>
      <c r="GJT680" s="613"/>
      <c r="GJU680" s="613"/>
      <c r="GJV680" s="613"/>
      <c r="GJW680" s="613"/>
      <c r="GJX680" s="613"/>
      <c r="GJY680" s="613"/>
      <c r="GJZ680" s="613"/>
      <c r="GKA680" s="613"/>
      <c r="GKB680" s="613"/>
      <c r="GKC680" s="613"/>
      <c r="GKD680" s="613"/>
      <c r="GKE680" s="613"/>
      <c r="GKF680" s="613"/>
      <c r="GKG680" s="613"/>
      <c r="GKH680" s="613"/>
      <c r="GKI680" s="613"/>
      <c r="GKJ680" s="613"/>
      <c r="GKK680" s="613"/>
      <c r="GKL680" s="613"/>
      <c r="GKM680" s="613"/>
      <c r="GKN680" s="613"/>
      <c r="GKO680" s="613"/>
      <c r="GKP680" s="613"/>
      <c r="GKQ680" s="613"/>
      <c r="GKR680" s="613"/>
      <c r="GKS680" s="613"/>
      <c r="GKT680" s="613"/>
      <c r="GKU680" s="613"/>
      <c r="GKV680" s="613"/>
      <c r="GKW680" s="613"/>
      <c r="GKX680" s="613"/>
      <c r="GKY680" s="613"/>
      <c r="GKZ680" s="613"/>
      <c r="GLA680" s="613"/>
      <c r="GLB680" s="613"/>
      <c r="GLC680" s="613"/>
      <c r="GLD680" s="613"/>
      <c r="GLE680" s="613"/>
      <c r="GLF680" s="613"/>
      <c r="GLG680" s="613"/>
      <c r="GLH680" s="613"/>
      <c r="GLI680" s="613"/>
      <c r="GLJ680" s="613"/>
      <c r="GLK680" s="613"/>
      <c r="GLL680" s="613"/>
      <c r="GLM680" s="613"/>
      <c r="GLN680" s="613"/>
      <c r="GLO680" s="613"/>
      <c r="GLP680" s="613"/>
      <c r="GLQ680" s="613"/>
      <c r="GLR680" s="613"/>
      <c r="GLS680" s="613"/>
      <c r="GLT680" s="613"/>
      <c r="GLU680" s="613"/>
      <c r="GLV680" s="613"/>
      <c r="GLW680" s="613"/>
      <c r="GLX680" s="613"/>
      <c r="GLY680" s="613"/>
      <c r="GLZ680" s="613"/>
      <c r="GMA680" s="613"/>
      <c r="GMB680" s="613"/>
      <c r="GMC680" s="613"/>
      <c r="GMD680" s="613"/>
      <c r="GME680" s="613"/>
      <c r="GMF680" s="613"/>
      <c r="GMG680" s="613"/>
      <c r="GMH680" s="613"/>
      <c r="GMI680" s="613"/>
      <c r="GMJ680" s="613"/>
      <c r="GMK680" s="613"/>
      <c r="GML680" s="613"/>
      <c r="GMM680" s="613"/>
      <c r="GMN680" s="613"/>
      <c r="GMO680" s="613"/>
      <c r="GMP680" s="613"/>
      <c r="GMQ680" s="613"/>
      <c r="GMR680" s="613"/>
      <c r="GMS680" s="613"/>
      <c r="GMT680" s="613"/>
      <c r="GMU680" s="613"/>
      <c r="GMV680" s="613"/>
      <c r="GMW680" s="613"/>
      <c r="GMX680" s="613"/>
      <c r="GMY680" s="613"/>
      <c r="GMZ680" s="613"/>
      <c r="GNA680" s="613"/>
      <c r="GNB680" s="613"/>
      <c r="GNC680" s="613"/>
      <c r="GND680" s="613"/>
      <c r="GNE680" s="613"/>
      <c r="GNF680" s="613"/>
      <c r="GNG680" s="613"/>
      <c r="GNH680" s="613"/>
      <c r="GNI680" s="613"/>
      <c r="GNJ680" s="613"/>
      <c r="GNK680" s="613"/>
      <c r="GNL680" s="613"/>
      <c r="GNM680" s="613"/>
      <c r="GNN680" s="613"/>
      <c r="GNO680" s="613"/>
      <c r="GNP680" s="613"/>
      <c r="GNQ680" s="613"/>
      <c r="GNR680" s="613"/>
      <c r="GNS680" s="613"/>
      <c r="GNT680" s="613"/>
      <c r="GNU680" s="613"/>
      <c r="GNV680" s="613"/>
      <c r="GNW680" s="613"/>
      <c r="GNX680" s="613"/>
      <c r="GNY680" s="613"/>
      <c r="GNZ680" s="613"/>
      <c r="GOA680" s="613"/>
      <c r="GOB680" s="613"/>
      <c r="GOC680" s="613"/>
      <c r="GOD680" s="613"/>
      <c r="GOE680" s="613"/>
      <c r="GOF680" s="613"/>
      <c r="GOG680" s="613"/>
      <c r="GOH680" s="613"/>
      <c r="GOI680" s="613"/>
      <c r="GOJ680" s="613"/>
      <c r="GOK680" s="613"/>
      <c r="GOL680" s="613"/>
      <c r="GOM680" s="613"/>
      <c r="GON680" s="613"/>
      <c r="GOO680" s="613"/>
      <c r="GOP680" s="613"/>
      <c r="GOQ680" s="613"/>
      <c r="GOR680" s="613"/>
      <c r="GOS680" s="613"/>
      <c r="GOT680" s="613"/>
      <c r="GOU680" s="613"/>
      <c r="GOV680" s="613"/>
      <c r="GOW680" s="613"/>
      <c r="GOX680" s="613"/>
      <c r="GOY680" s="613"/>
      <c r="GOZ680" s="613"/>
      <c r="GPA680" s="613"/>
      <c r="GPB680" s="613"/>
      <c r="GPC680" s="613"/>
      <c r="GPD680" s="613"/>
      <c r="GPE680" s="613"/>
      <c r="GPF680" s="613"/>
      <c r="GPG680" s="613"/>
      <c r="GPH680" s="613"/>
      <c r="GPI680" s="613"/>
      <c r="GPJ680" s="613"/>
      <c r="GPK680" s="613"/>
      <c r="GPL680" s="613"/>
      <c r="GPM680" s="613"/>
      <c r="GPN680" s="613"/>
      <c r="GPO680" s="613"/>
      <c r="GPP680" s="613"/>
      <c r="GPQ680" s="613"/>
      <c r="GPR680" s="613"/>
      <c r="GPS680" s="613"/>
      <c r="GPT680" s="613"/>
      <c r="GPU680" s="613"/>
      <c r="GPV680" s="613"/>
      <c r="GPW680" s="613"/>
      <c r="GPX680" s="613"/>
      <c r="GPY680" s="613"/>
      <c r="GPZ680" s="613"/>
      <c r="GQA680" s="613"/>
      <c r="GQB680" s="613"/>
      <c r="GQC680" s="613"/>
      <c r="GQD680" s="613"/>
      <c r="GQE680" s="613"/>
      <c r="GQF680" s="613"/>
      <c r="GQG680" s="613"/>
      <c r="GQH680" s="613"/>
      <c r="GQI680" s="613"/>
      <c r="GQJ680" s="613"/>
      <c r="GQK680" s="613"/>
      <c r="GQL680" s="613"/>
      <c r="GQM680" s="613"/>
      <c r="GQN680" s="613"/>
      <c r="GQO680" s="613"/>
      <c r="GQP680" s="613"/>
      <c r="GQQ680" s="613"/>
      <c r="GQR680" s="613"/>
      <c r="GQS680" s="613"/>
      <c r="GQT680" s="613"/>
      <c r="GQU680" s="613"/>
      <c r="GQV680" s="613"/>
      <c r="GQW680" s="613"/>
      <c r="GQX680" s="613"/>
      <c r="GQY680" s="613"/>
      <c r="GQZ680" s="613"/>
      <c r="GRA680" s="613"/>
      <c r="GRB680" s="613"/>
      <c r="GRC680" s="613"/>
      <c r="GRD680" s="613"/>
      <c r="GRE680" s="613"/>
      <c r="GRF680" s="613"/>
      <c r="GRG680" s="613"/>
      <c r="GRH680" s="613"/>
      <c r="GRI680" s="613"/>
      <c r="GRJ680" s="613"/>
      <c r="GRK680" s="613"/>
      <c r="GRL680" s="613"/>
      <c r="GRM680" s="613"/>
      <c r="GRN680" s="613"/>
      <c r="GRO680" s="613"/>
      <c r="GRP680" s="613"/>
      <c r="GRQ680" s="613"/>
      <c r="GRR680" s="613"/>
      <c r="GRS680" s="613"/>
      <c r="GRT680" s="613"/>
      <c r="GRU680" s="613"/>
      <c r="GRV680" s="613"/>
      <c r="GRW680" s="613"/>
      <c r="GRX680" s="613"/>
      <c r="GRY680" s="613"/>
      <c r="GRZ680" s="613"/>
      <c r="GSA680" s="613"/>
      <c r="GSB680" s="613"/>
      <c r="GSC680" s="613"/>
      <c r="GSD680" s="613"/>
      <c r="GSE680" s="613"/>
      <c r="GSF680" s="613"/>
      <c r="GSG680" s="613"/>
      <c r="GSH680" s="613"/>
      <c r="GSI680" s="613"/>
      <c r="GSJ680" s="613"/>
      <c r="GSK680" s="613"/>
      <c r="GSL680" s="613"/>
      <c r="GSM680" s="613"/>
      <c r="GSN680" s="613"/>
      <c r="GSO680" s="613"/>
      <c r="GSP680" s="613"/>
      <c r="GSQ680" s="613"/>
      <c r="GSR680" s="613"/>
      <c r="GSS680" s="613"/>
      <c r="GST680" s="613"/>
      <c r="GSU680" s="613"/>
      <c r="GSV680" s="613"/>
      <c r="GSW680" s="613"/>
      <c r="GSX680" s="613"/>
      <c r="GSY680" s="613"/>
      <c r="GSZ680" s="613"/>
      <c r="GTA680" s="613"/>
      <c r="GTB680" s="613"/>
      <c r="GTC680" s="613"/>
      <c r="GTD680" s="613"/>
      <c r="GTE680" s="613"/>
      <c r="GTF680" s="613"/>
      <c r="GTG680" s="613"/>
      <c r="GTH680" s="613"/>
      <c r="GTI680" s="613"/>
      <c r="GTJ680" s="613"/>
      <c r="GTK680" s="613"/>
      <c r="GTL680" s="613"/>
      <c r="GTM680" s="613"/>
      <c r="GTN680" s="613"/>
      <c r="GTO680" s="613"/>
      <c r="GTP680" s="613"/>
      <c r="GTQ680" s="613"/>
      <c r="GTR680" s="613"/>
      <c r="GTS680" s="613"/>
      <c r="GTT680" s="613"/>
      <c r="GTU680" s="613"/>
      <c r="GTV680" s="613"/>
      <c r="GTW680" s="613"/>
      <c r="GTX680" s="613"/>
      <c r="GTY680" s="613"/>
      <c r="GTZ680" s="613"/>
      <c r="GUA680" s="613"/>
      <c r="GUB680" s="613"/>
      <c r="GUC680" s="613"/>
      <c r="GUD680" s="613"/>
      <c r="GUE680" s="613"/>
      <c r="GUF680" s="613"/>
      <c r="GUG680" s="613"/>
      <c r="GUH680" s="613"/>
      <c r="GUI680" s="613"/>
      <c r="GUJ680" s="613"/>
      <c r="GUK680" s="613"/>
      <c r="GUL680" s="613"/>
      <c r="GUM680" s="613"/>
      <c r="GUN680" s="613"/>
      <c r="GUO680" s="613"/>
      <c r="GUP680" s="613"/>
      <c r="GUQ680" s="613"/>
      <c r="GUR680" s="613"/>
      <c r="GUS680" s="613"/>
      <c r="GUT680" s="613"/>
      <c r="GUU680" s="613"/>
      <c r="GUV680" s="613"/>
      <c r="GUW680" s="613"/>
      <c r="GUX680" s="613"/>
      <c r="GUY680" s="613"/>
      <c r="GUZ680" s="613"/>
      <c r="GVA680" s="613"/>
      <c r="GVB680" s="613"/>
      <c r="GVC680" s="613"/>
      <c r="GVD680" s="613"/>
      <c r="GVE680" s="613"/>
      <c r="GVF680" s="613"/>
      <c r="GVG680" s="613"/>
      <c r="GVH680" s="613"/>
      <c r="GVI680" s="613"/>
      <c r="GVJ680" s="613"/>
      <c r="GVK680" s="613"/>
      <c r="GVL680" s="613"/>
      <c r="GVM680" s="613"/>
      <c r="GVN680" s="613"/>
      <c r="GVO680" s="613"/>
      <c r="GVP680" s="613"/>
      <c r="GVQ680" s="613"/>
      <c r="GVR680" s="613"/>
      <c r="GVS680" s="613"/>
      <c r="GVT680" s="613"/>
      <c r="GVU680" s="613"/>
      <c r="GVV680" s="613"/>
      <c r="GVW680" s="613"/>
      <c r="GVX680" s="613"/>
      <c r="GVY680" s="613"/>
      <c r="GVZ680" s="613"/>
      <c r="GWA680" s="613"/>
      <c r="GWB680" s="613"/>
      <c r="GWC680" s="613"/>
      <c r="GWD680" s="613"/>
      <c r="GWE680" s="613"/>
      <c r="GWF680" s="613"/>
      <c r="GWG680" s="613"/>
      <c r="GWH680" s="613"/>
      <c r="GWI680" s="613"/>
      <c r="GWJ680" s="613"/>
      <c r="GWK680" s="613"/>
      <c r="GWL680" s="613"/>
      <c r="GWM680" s="613"/>
      <c r="GWN680" s="613"/>
      <c r="GWO680" s="613"/>
      <c r="GWP680" s="613"/>
      <c r="GWQ680" s="613"/>
      <c r="GWR680" s="613"/>
      <c r="GWS680" s="613"/>
      <c r="GWT680" s="613"/>
      <c r="GWU680" s="613"/>
      <c r="GWV680" s="613"/>
      <c r="GWW680" s="613"/>
      <c r="GWX680" s="613"/>
      <c r="GWY680" s="613"/>
      <c r="GWZ680" s="613"/>
      <c r="GXA680" s="613"/>
      <c r="GXB680" s="613"/>
      <c r="GXC680" s="613"/>
      <c r="GXD680" s="613"/>
      <c r="GXE680" s="613"/>
      <c r="GXF680" s="613"/>
      <c r="GXG680" s="613"/>
      <c r="GXH680" s="613"/>
      <c r="GXI680" s="613"/>
      <c r="GXJ680" s="613"/>
      <c r="GXK680" s="613"/>
      <c r="GXL680" s="613"/>
      <c r="GXM680" s="613"/>
      <c r="GXN680" s="613"/>
      <c r="GXO680" s="613"/>
      <c r="GXP680" s="613"/>
      <c r="GXQ680" s="613"/>
      <c r="GXR680" s="613"/>
      <c r="GXS680" s="613"/>
      <c r="GXT680" s="613"/>
      <c r="GXU680" s="613"/>
      <c r="GXV680" s="613"/>
      <c r="GXW680" s="613"/>
      <c r="GXX680" s="613"/>
      <c r="GXY680" s="613"/>
      <c r="GXZ680" s="613"/>
      <c r="GYA680" s="613"/>
      <c r="GYB680" s="613"/>
      <c r="GYC680" s="613"/>
      <c r="GYD680" s="613"/>
      <c r="GYE680" s="613"/>
      <c r="GYF680" s="613"/>
      <c r="GYG680" s="613"/>
      <c r="GYH680" s="613"/>
      <c r="GYI680" s="613"/>
      <c r="GYJ680" s="613"/>
      <c r="GYK680" s="613"/>
      <c r="GYL680" s="613"/>
      <c r="GYM680" s="613"/>
      <c r="GYN680" s="613"/>
      <c r="GYO680" s="613"/>
      <c r="GYP680" s="613"/>
      <c r="GYQ680" s="613"/>
      <c r="GYR680" s="613"/>
      <c r="GYS680" s="613"/>
      <c r="GYT680" s="613"/>
      <c r="GYU680" s="613"/>
      <c r="GYV680" s="613"/>
      <c r="GYW680" s="613"/>
      <c r="GYX680" s="613"/>
      <c r="GYY680" s="613"/>
      <c r="GYZ680" s="613"/>
      <c r="GZA680" s="613"/>
      <c r="GZB680" s="613"/>
      <c r="GZC680" s="613"/>
      <c r="GZD680" s="613"/>
      <c r="GZE680" s="613"/>
      <c r="GZF680" s="613"/>
      <c r="GZG680" s="613"/>
      <c r="GZH680" s="613"/>
      <c r="GZI680" s="613"/>
      <c r="GZJ680" s="613"/>
      <c r="GZK680" s="613"/>
      <c r="GZL680" s="613"/>
      <c r="GZM680" s="613"/>
      <c r="GZN680" s="613"/>
      <c r="GZO680" s="613"/>
      <c r="GZP680" s="613"/>
      <c r="GZQ680" s="613"/>
      <c r="GZR680" s="613"/>
      <c r="GZS680" s="613"/>
      <c r="GZT680" s="613"/>
      <c r="GZU680" s="613"/>
      <c r="GZV680" s="613"/>
      <c r="GZW680" s="613"/>
      <c r="GZX680" s="613"/>
      <c r="GZY680" s="613"/>
      <c r="GZZ680" s="613"/>
      <c r="HAA680" s="613"/>
      <c r="HAB680" s="613"/>
      <c r="HAC680" s="613"/>
      <c r="HAD680" s="613"/>
      <c r="HAE680" s="613"/>
      <c r="HAF680" s="613"/>
      <c r="HAG680" s="613"/>
      <c r="HAH680" s="613"/>
      <c r="HAI680" s="613"/>
      <c r="HAJ680" s="613"/>
      <c r="HAK680" s="613"/>
      <c r="HAL680" s="613"/>
      <c r="HAM680" s="613"/>
      <c r="HAN680" s="613"/>
      <c r="HAO680" s="613"/>
      <c r="HAP680" s="613"/>
      <c r="HAQ680" s="613"/>
      <c r="HAR680" s="613"/>
      <c r="HAS680" s="613"/>
      <c r="HAT680" s="613"/>
      <c r="HAU680" s="613"/>
      <c r="HAV680" s="613"/>
      <c r="HAW680" s="613"/>
      <c r="HAX680" s="613"/>
      <c r="HAY680" s="613"/>
      <c r="HAZ680" s="613"/>
      <c r="HBA680" s="613"/>
      <c r="HBB680" s="613"/>
      <c r="HBC680" s="613"/>
      <c r="HBD680" s="613"/>
      <c r="HBE680" s="613"/>
      <c r="HBF680" s="613"/>
      <c r="HBG680" s="613"/>
      <c r="HBH680" s="613"/>
      <c r="HBI680" s="613"/>
      <c r="HBJ680" s="613"/>
      <c r="HBK680" s="613"/>
      <c r="HBL680" s="613"/>
      <c r="HBM680" s="613"/>
      <c r="HBN680" s="613"/>
      <c r="HBO680" s="613"/>
      <c r="HBP680" s="613"/>
      <c r="HBQ680" s="613"/>
      <c r="HBR680" s="613"/>
      <c r="HBS680" s="613"/>
      <c r="HBT680" s="613"/>
      <c r="HBU680" s="613"/>
      <c r="HBV680" s="613"/>
      <c r="HBW680" s="613"/>
      <c r="HBX680" s="613"/>
      <c r="HBY680" s="613"/>
      <c r="HBZ680" s="613"/>
      <c r="HCA680" s="613"/>
      <c r="HCB680" s="613"/>
      <c r="HCC680" s="613"/>
      <c r="HCD680" s="613"/>
      <c r="HCE680" s="613"/>
      <c r="HCF680" s="613"/>
      <c r="HCG680" s="613"/>
      <c r="HCH680" s="613"/>
      <c r="HCI680" s="613"/>
      <c r="HCJ680" s="613"/>
      <c r="HCK680" s="613"/>
      <c r="HCL680" s="613"/>
      <c r="HCM680" s="613"/>
      <c r="HCN680" s="613"/>
      <c r="HCO680" s="613"/>
      <c r="HCP680" s="613"/>
      <c r="HCQ680" s="613"/>
      <c r="HCR680" s="613"/>
      <c r="HCS680" s="613"/>
      <c r="HCT680" s="613"/>
      <c r="HCU680" s="613"/>
      <c r="HCV680" s="613"/>
      <c r="HCW680" s="613"/>
      <c r="HCX680" s="613"/>
      <c r="HCY680" s="613"/>
      <c r="HCZ680" s="613"/>
      <c r="HDA680" s="613"/>
      <c r="HDB680" s="613"/>
      <c r="HDC680" s="613"/>
      <c r="HDD680" s="613"/>
      <c r="HDE680" s="613"/>
      <c r="HDF680" s="613"/>
      <c r="HDG680" s="613"/>
      <c r="HDH680" s="613"/>
      <c r="HDI680" s="613"/>
      <c r="HDJ680" s="613"/>
      <c r="HDK680" s="613"/>
      <c r="HDL680" s="613"/>
      <c r="HDM680" s="613"/>
      <c r="HDN680" s="613"/>
      <c r="HDO680" s="613"/>
      <c r="HDP680" s="613"/>
      <c r="HDQ680" s="613"/>
      <c r="HDR680" s="613"/>
      <c r="HDS680" s="613"/>
      <c r="HDT680" s="613"/>
      <c r="HDU680" s="613"/>
      <c r="HDV680" s="613"/>
      <c r="HDW680" s="613"/>
      <c r="HDX680" s="613"/>
      <c r="HDY680" s="613"/>
      <c r="HDZ680" s="613"/>
      <c r="HEA680" s="613"/>
      <c r="HEB680" s="613"/>
      <c r="HEC680" s="613"/>
      <c r="HED680" s="613"/>
      <c r="HEE680" s="613"/>
      <c r="HEF680" s="613"/>
      <c r="HEG680" s="613"/>
      <c r="HEH680" s="613"/>
      <c r="HEI680" s="613"/>
      <c r="HEJ680" s="613"/>
      <c r="HEK680" s="613"/>
      <c r="HEL680" s="613"/>
      <c r="HEM680" s="613"/>
      <c r="HEN680" s="613"/>
      <c r="HEO680" s="613"/>
      <c r="HEP680" s="613"/>
      <c r="HEQ680" s="613"/>
      <c r="HER680" s="613"/>
      <c r="HES680" s="613"/>
      <c r="HET680" s="613"/>
      <c r="HEU680" s="613"/>
      <c r="HEV680" s="613"/>
      <c r="HEW680" s="613"/>
      <c r="HEX680" s="613"/>
      <c r="HEY680" s="613"/>
      <c r="HEZ680" s="613"/>
      <c r="HFA680" s="613"/>
      <c r="HFB680" s="613"/>
      <c r="HFC680" s="613"/>
      <c r="HFD680" s="613"/>
      <c r="HFE680" s="613"/>
      <c r="HFF680" s="613"/>
      <c r="HFG680" s="613"/>
      <c r="HFH680" s="613"/>
      <c r="HFI680" s="613"/>
      <c r="HFJ680" s="613"/>
      <c r="HFK680" s="613"/>
      <c r="HFL680" s="613"/>
      <c r="HFM680" s="613"/>
      <c r="HFN680" s="613"/>
      <c r="HFO680" s="613"/>
      <c r="HFP680" s="613"/>
      <c r="HFQ680" s="613"/>
      <c r="HFR680" s="613"/>
      <c r="HFS680" s="613"/>
      <c r="HFT680" s="613"/>
      <c r="HFU680" s="613"/>
      <c r="HFV680" s="613"/>
      <c r="HFW680" s="613"/>
      <c r="HFX680" s="613"/>
      <c r="HFY680" s="613"/>
      <c r="HFZ680" s="613"/>
      <c r="HGA680" s="613"/>
      <c r="HGB680" s="613"/>
      <c r="HGC680" s="613"/>
      <c r="HGD680" s="613"/>
      <c r="HGE680" s="613"/>
      <c r="HGF680" s="613"/>
      <c r="HGG680" s="613"/>
      <c r="HGH680" s="613"/>
      <c r="HGI680" s="613"/>
      <c r="HGJ680" s="613"/>
      <c r="HGK680" s="613"/>
      <c r="HGL680" s="613"/>
      <c r="HGM680" s="613"/>
      <c r="HGN680" s="613"/>
      <c r="HGO680" s="613"/>
      <c r="HGP680" s="613"/>
      <c r="HGQ680" s="613"/>
      <c r="HGR680" s="613"/>
      <c r="HGS680" s="613"/>
      <c r="HGT680" s="613"/>
      <c r="HGU680" s="613"/>
      <c r="HGV680" s="613"/>
      <c r="HGW680" s="613"/>
      <c r="HGX680" s="613"/>
      <c r="HGY680" s="613"/>
      <c r="HGZ680" s="613"/>
      <c r="HHA680" s="613"/>
      <c r="HHB680" s="613"/>
      <c r="HHC680" s="613"/>
      <c r="HHD680" s="613"/>
      <c r="HHE680" s="613"/>
      <c r="HHF680" s="613"/>
      <c r="HHG680" s="613"/>
      <c r="HHH680" s="613"/>
      <c r="HHI680" s="613"/>
      <c r="HHJ680" s="613"/>
      <c r="HHK680" s="613"/>
      <c r="HHL680" s="613"/>
      <c r="HHM680" s="613"/>
      <c r="HHN680" s="613"/>
      <c r="HHO680" s="613"/>
      <c r="HHP680" s="613"/>
      <c r="HHQ680" s="613"/>
      <c r="HHR680" s="613"/>
      <c r="HHS680" s="613"/>
      <c r="HHT680" s="613"/>
      <c r="HHU680" s="613"/>
      <c r="HHV680" s="613"/>
      <c r="HHW680" s="613"/>
      <c r="HHX680" s="613"/>
      <c r="HHY680" s="613"/>
      <c r="HHZ680" s="613"/>
      <c r="HIA680" s="613"/>
      <c r="HIB680" s="613"/>
      <c r="HIC680" s="613"/>
      <c r="HID680" s="613"/>
      <c r="HIE680" s="613"/>
      <c r="HIF680" s="613"/>
      <c r="HIG680" s="613"/>
      <c r="HIH680" s="613"/>
      <c r="HII680" s="613"/>
      <c r="HIJ680" s="613"/>
      <c r="HIK680" s="613"/>
      <c r="HIL680" s="613"/>
      <c r="HIM680" s="613"/>
      <c r="HIN680" s="613"/>
      <c r="HIO680" s="613"/>
      <c r="HIP680" s="613"/>
      <c r="HIQ680" s="613"/>
      <c r="HIR680" s="613"/>
      <c r="HIS680" s="613"/>
      <c r="HIT680" s="613"/>
      <c r="HIU680" s="613"/>
      <c r="HIV680" s="613"/>
      <c r="HIW680" s="613"/>
      <c r="HIX680" s="613"/>
      <c r="HIY680" s="613"/>
      <c r="HIZ680" s="613"/>
      <c r="HJA680" s="613"/>
      <c r="HJB680" s="613"/>
      <c r="HJC680" s="613"/>
      <c r="HJD680" s="613"/>
      <c r="HJE680" s="613"/>
      <c r="HJF680" s="613"/>
      <c r="HJG680" s="613"/>
      <c r="HJH680" s="613"/>
      <c r="HJI680" s="613"/>
      <c r="HJJ680" s="613"/>
      <c r="HJK680" s="613"/>
      <c r="HJL680" s="613"/>
      <c r="HJM680" s="613"/>
      <c r="HJN680" s="613"/>
      <c r="HJO680" s="613"/>
      <c r="HJP680" s="613"/>
      <c r="HJQ680" s="613"/>
      <c r="HJR680" s="613"/>
      <c r="HJS680" s="613"/>
      <c r="HJT680" s="613"/>
      <c r="HJU680" s="613"/>
      <c r="HJV680" s="613"/>
      <c r="HJW680" s="613"/>
      <c r="HJX680" s="613"/>
      <c r="HJY680" s="613"/>
      <c r="HJZ680" s="613"/>
      <c r="HKA680" s="613"/>
      <c r="HKB680" s="613"/>
      <c r="HKC680" s="613"/>
      <c r="HKD680" s="613"/>
      <c r="HKE680" s="613"/>
      <c r="HKF680" s="613"/>
      <c r="HKG680" s="613"/>
      <c r="HKH680" s="613"/>
      <c r="HKI680" s="613"/>
      <c r="HKJ680" s="613"/>
      <c r="HKK680" s="613"/>
      <c r="HKL680" s="613"/>
      <c r="HKM680" s="613"/>
      <c r="HKN680" s="613"/>
      <c r="HKO680" s="613"/>
      <c r="HKP680" s="613"/>
      <c r="HKQ680" s="613"/>
      <c r="HKR680" s="613"/>
      <c r="HKS680" s="613"/>
      <c r="HKT680" s="613"/>
      <c r="HKU680" s="613"/>
      <c r="HKV680" s="613"/>
      <c r="HKW680" s="613"/>
      <c r="HKX680" s="613"/>
      <c r="HKY680" s="613"/>
      <c r="HKZ680" s="613"/>
      <c r="HLA680" s="613"/>
      <c r="HLB680" s="613"/>
      <c r="HLC680" s="613"/>
      <c r="HLD680" s="613"/>
      <c r="HLE680" s="613"/>
      <c r="HLF680" s="613"/>
      <c r="HLG680" s="613"/>
      <c r="HLH680" s="613"/>
      <c r="HLI680" s="613"/>
      <c r="HLJ680" s="613"/>
      <c r="HLK680" s="613"/>
      <c r="HLL680" s="613"/>
      <c r="HLM680" s="613"/>
      <c r="HLN680" s="613"/>
      <c r="HLO680" s="613"/>
      <c r="HLP680" s="613"/>
      <c r="HLQ680" s="613"/>
      <c r="HLR680" s="613"/>
      <c r="HLS680" s="613"/>
      <c r="HLT680" s="613"/>
      <c r="HLU680" s="613"/>
      <c r="HLV680" s="613"/>
      <c r="HLW680" s="613"/>
      <c r="HLX680" s="613"/>
      <c r="HLY680" s="613"/>
      <c r="HLZ680" s="613"/>
      <c r="HMA680" s="613"/>
      <c r="HMB680" s="613"/>
      <c r="HMC680" s="613"/>
      <c r="HMD680" s="613"/>
      <c r="HME680" s="613"/>
      <c r="HMF680" s="613"/>
      <c r="HMG680" s="613"/>
      <c r="HMH680" s="613"/>
      <c r="HMI680" s="613"/>
      <c r="HMJ680" s="613"/>
      <c r="HMK680" s="613"/>
      <c r="HML680" s="613"/>
      <c r="HMM680" s="613"/>
      <c r="HMN680" s="613"/>
      <c r="HMO680" s="613"/>
      <c r="HMP680" s="613"/>
      <c r="HMQ680" s="613"/>
      <c r="HMR680" s="613"/>
      <c r="HMS680" s="613"/>
      <c r="HMT680" s="613"/>
      <c r="HMU680" s="613"/>
      <c r="HMV680" s="613"/>
      <c r="HMW680" s="613"/>
      <c r="HMX680" s="613"/>
      <c r="HMY680" s="613"/>
      <c r="HMZ680" s="613"/>
      <c r="HNA680" s="613"/>
      <c r="HNB680" s="613"/>
      <c r="HNC680" s="613"/>
      <c r="HND680" s="613"/>
      <c r="HNE680" s="613"/>
      <c r="HNF680" s="613"/>
      <c r="HNG680" s="613"/>
      <c r="HNH680" s="613"/>
      <c r="HNI680" s="613"/>
      <c r="HNJ680" s="613"/>
      <c r="HNK680" s="613"/>
      <c r="HNL680" s="613"/>
      <c r="HNM680" s="613"/>
      <c r="HNN680" s="613"/>
      <c r="HNO680" s="613"/>
      <c r="HNP680" s="613"/>
      <c r="HNQ680" s="613"/>
      <c r="HNR680" s="613"/>
      <c r="HNS680" s="613"/>
      <c r="HNT680" s="613"/>
      <c r="HNU680" s="613"/>
      <c r="HNV680" s="613"/>
      <c r="HNW680" s="613"/>
      <c r="HNX680" s="613"/>
      <c r="HNY680" s="613"/>
      <c r="HNZ680" s="613"/>
      <c r="HOA680" s="613"/>
      <c r="HOB680" s="613"/>
      <c r="HOC680" s="613"/>
      <c r="HOD680" s="613"/>
      <c r="HOE680" s="613"/>
      <c r="HOF680" s="613"/>
      <c r="HOG680" s="613"/>
      <c r="HOH680" s="613"/>
      <c r="HOI680" s="613"/>
      <c r="HOJ680" s="613"/>
      <c r="HOK680" s="613"/>
      <c r="HOL680" s="613"/>
      <c r="HOM680" s="613"/>
      <c r="HON680" s="613"/>
      <c r="HOO680" s="613"/>
      <c r="HOP680" s="613"/>
      <c r="HOQ680" s="613"/>
      <c r="HOR680" s="613"/>
      <c r="HOS680" s="613"/>
      <c r="HOT680" s="613"/>
      <c r="HOU680" s="613"/>
      <c r="HOV680" s="613"/>
      <c r="HOW680" s="613"/>
      <c r="HOX680" s="613"/>
      <c r="HOY680" s="613"/>
      <c r="HOZ680" s="613"/>
      <c r="HPA680" s="613"/>
      <c r="HPB680" s="613"/>
      <c r="HPC680" s="613"/>
      <c r="HPD680" s="613"/>
      <c r="HPE680" s="613"/>
      <c r="HPF680" s="613"/>
      <c r="HPG680" s="613"/>
      <c r="HPH680" s="613"/>
      <c r="HPI680" s="613"/>
      <c r="HPJ680" s="613"/>
      <c r="HPK680" s="613"/>
      <c r="HPL680" s="613"/>
      <c r="HPM680" s="613"/>
      <c r="HPN680" s="613"/>
      <c r="HPO680" s="613"/>
      <c r="HPP680" s="613"/>
      <c r="HPQ680" s="613"/>
      <c r="HPR680" s="613"/>
      <c r="HPS680" s="613"/>
      <c r="HPT680" s="613"/>
      <c r="HPU680" s="613"/>
      <c r="HPV680" s="613"/>
      <c r="HPW680" s="613"/>
      <c r="HPX680" s="613"/>
      <c r="HPY680" s="613"/>
      <c r="HPZ680" s="613"/>
      <c r="HQA680" s="613"/>
      <c r="HQB680" s="613"/>
      <c r="HQC680" s="613"/>
      <c r="HQD680" s="613"/>
      <c r="HQE680" s="613"/>
      <c r="HQF680" s="613"/>
      <c r="HQG680" s="613"/>
      <c r="HQH680" s="613"/>
      <c r="HQI680" s="613"/>
      <c r="HQJ680" s="613"/>
      <c r="HQK680" s="613"/>
      <c r="HQL680" s="613"/>
      <c r="HQM680" s="613"/>
      <c r="HQN680" s="613"/>
      <c r="HQO680" s="613"/>
      <c r="HQP680" s="613"/>
      <c r="HQQ680" s="613"/>
      <c r="HQR680" s="613"/>
      <c r="HQS680" s="613"/>
      <c r="HQT680" s="613"/>
      <c r="HQU680" s="613"/>
      <c r="HQV680" s="613"/>
      <c r="HQW680" s="613"/>
      <c r="HQX680" s="613"/>
      <c r="HQY680" s="613"/>
      <c r="HQZ680" s="613"/>
      <c r="HRA680" s="613"/>
      <c r="HRB680" s="613"/>
      <c r="HRC680" s="613"/>
      <c r="HRD680" s="613"/>
      <c r="HRE680" s="613"/>
      <c r="HRF680" s="613"/>
      <c r="HRG680" s="613"/>
      <c r="HRH680" s="613"/>
      <c r="HRI680" s="613"/>
      <c r="HRJ680" s="613"/>
      <c r="HRK680" s="613"/>
      <c r="HRL680" s="613"/>
      <c r="HRM680" s="613"/>
      <c r="HRN680" s="613"/>
      <c r="HRO680" s="613"/>
      <c r="HRP680" s="613"/>
      <c r="HRQ680" s="613"/>
      <c r="HRR680" s="613"/>
      <c r="HRS680" s="613"/>
      <c r="HRT680" s="613"/>
      <c r="HRU680" s="613"/>
      <c r="HRV680" s="613"/>
      <c r="HRW680" s="613"/>
      <c r="HRX680" s="613"/>
      <c r="HRY680" s="613"/>
      <c r="HRZ680" s="613"/>
      <c r="HSA680" s="613"/>
      <c r="HSB680" s="613"/>
      <c r="HSC680" s="613"/>
      <c r="HSD680" s="613"/>
      <c r="HSE680" s="613"/>
      <c r="HSF680" s="613"/>
      <c r="HSG680" s="613"/>
      <c r="HSH680" s="613"/>
      <c r="HSI680" s="613"/>
      <c r="HSJ680" s="613"/>
      <c r="HSK680" s="613"/>
      <c r="HSL680" s="613"/>
      <c r="HSM680" s="613"/>
      <c r="HSN680" s="613"/>
      <c r="HSO680" s="613"/>
      <c r="HSP680" s="613"/>
      <c r="HSQ680" s="613"/>
      <c r="HSR680" s="613"/>
      <c r="HSS680" s="613"/>
      <c r="HST680" s="613"/>
      <c r="HSU680" s="613"/>
      <c r="HSV680" s="613"/>
      <c r="HSW680" s="613"/>
      <c r="HSX680" s="613"/>
      <c r="HSY680" s="613"/>
      <c r="HSZ680" s="613"/>
      <c r="HTA680" s="613"/>
      <c r="HTB680" s="613"/>
      <c r="HTC680" s="613"/>
      <c r="HTD680" s="613"/>
      <c r="HTE680" s="613"/>
      <c r="HTF680" s="613"/>
      <c r="HTG680" s="613"/>
      <c r="HTH680" s="613"/>
      <c r="HTI680" s="613"/>
      <c r="HTJ680" s="613"/>
      <c r="HTK680" s="613"/>
      <c r="HTL680" s="613"/>
      <c r="HTM680" s="613"/>
      <c r="HTN680" s="613"/>
      <c r="HTO680" s="613"/>
      <c r="HTP680" s="613"/>
      <c r="HTQ680" s="613"/>
      <c r="HTR680" s="613"/>
      <c r="HTS680" s="613"/>
      <c r="HTT680" s="613"/>
      <c r="HTU680" s="613"/>
      <c r="HTV680" s="613"/>
      <c r="HTW680" s="613"/>
      <c r="HTX680" s="613"/>
      <c r="HTY680" s="613"/>
      <c r="HTZ680" s="613"/>
      <c r="HUA680" s="613"/>
      <c r="HUB680" s="613"/>
      <c r="HUC680" s="613"/>
      <c r="HUD680" s="613"/>
      <c r="HUE680" s="613"/>
      <c r="HUF680" s="613"/>
      <c r="HUG680" s="613"/>
      <c r="HUH680" s="613"/>
      <c r="HUI680" s="613"/>
      <c r="HUJ680" s="613"/>
      <c r="HUK680" s="613"/>
      <c r="HUL680" s="613"/>
      <c r="HUM680" s="613"/>
      <c r="HUN680" s="613"/>
      <c r="HUO680" s="613"/>
      <c r="HUP680" s="613"/>
      <c r="HUQ680" s="613"/>
      <c r="HUR680" s="613"/>
      <c r="HUS680" s="613"/>
      <c r="HUT680" s="613"/>
      <c r="HUU680" s="613"/>
      <c r="HUV680" s="613"/>
      <c r="HUW680" s="613"/>
      <c r="HUX680" s="613"/>
      <c r="HUY680" s="613"/>
      <c r="HUZ680" s="613"/>
      <c r="HVA680" s="613"/>
      <c r="HVB680" s="613"/>
      <c r="HVC680" s="613"/>
      <c r="HVD680" s="613"/>
      <c r="HVE680" s="613"/>
      <c r="HVF680" s="613"/>
      <c r="HVG680" s="613"/>
      <c r="HVH680" s="613"/>
      <c r="HVI680" s="613"/>
      <c r="HVJ680" s="613"/>
      <c r="HVK680" s="613"/>
      <c r="HVL680" s="613"/>
      <c r="HVM680" s="613"/>
      <c r="HVN680" s="613"/>
      <c r="HVO680" s="613"/>
      <c r="HVP680" s="613"/>
      <c r="HVQ680" s="613"/>
      <c r="HVR680" s="613"/>
      <c r="HVS680" s="613"/>
      <c r="HVT680" s="613"/>
      <c r="HVU680" s="613"/>
      <c r="HVV680" s="613"/>
      <c r="HVW680" s="613"/>
      <c r="HVX680" s="613"/>
      <c r="HVY680" s="613"/>
      <c r="HVZ680" s="613"/>
      <c r="HWA680" s="613"/>
      <c r="HWB680" s="613"/>
      <c r="HWC680" s="613"/>
      <c r="HWD680" s="613"/>
      <c r="HWE680" s="613"/>
      <c r="HWF680" s="613"/>
      <c r="HWG680" s="613"/>
      <c r="HWH680" s="613"/>
      <c r="HWI680" s="613"/>
      <c r="HWJ680" s="613"/>
      <c r="HWK680" s="613"/>
      <c r="HWL680" s="613"/>
      <c r="HWM680" s="613"/>
      <c r="HWN680" s="613"/>
      <c r="HWO680" s="613"/>
      <c r="HWP680" s="613"/>
      <c r="HWQ680" s="613"/>
      <c r="HWR680" s="613"/>
      <c r="HWS680" s="613"/>
      <c r="HWT680" s="613"/>
      <c r="HWU680" s="613"/>
      <c r="HWV680" s="613"/>
      <c r="HWW680" s="613"/>
      <c r="HWX680" s="613"/>
      <c r="HWY680" s="613"/>
      <c r="HWZ680" s="613"/>
      <c r="HXA680" s="613"/>
      <c r="HXB680" s="613"/>
      <c r="HXC680" s="613"/>
      <c r="HXD680" s="613"/>
      <c r="HXE680" s="613"/>
      <c r="HXF680" s="613"/>
      <c r="HXG680" s="613"/>
      <c r="HXH680" s="613"/>
      <c r="HXI680" s="613"/>
      <c r="HXJ680" s="613"/>
      <c r="HXK680" s="613"/>
      <c r="HXL680" s="613"/>
      <c r="HXM680" s="613"/>
      <c r="HXN680" s="613"/>
      <c r="HXO680" s="613"/>
      <c r="HXP680" s="613"/>
      <c r="HXQ680" s="613"/>
      <c r="HXR680" s="613"/>
      <c r="HXS680" s="613"/>
      <c r="HXT680" s="613"/>
      <c r="HXU680" s="613"/>
      <c r="HXV680" s="613"/>
      <c r="HXW680" s="613"/>
      <c r="HXX680" s="613"/>
      <c r="HXY680" s="613"/>
      <c r="HXZ680" s="613"/>
      <c r="HYA680" s="613"/>
      <c r="HYB680" s="613"/>
      <c r="HYC680" s="613"/>
      <c r="HYD680" s="613"/>
      <c r="HYE680" s="613"/>
      <c r="HYF680" s="613"/>
      <c r="HYG680" s="613"/>
      <c r="HYH680" s="613"/>
      <c r="HYI680" s="613"/>
      <c r="HYJ680" s="613"/>
      <c r="HYK680" s="613"/>
      <c r="HYL680" s="613"/>
      <c r="HYM680" s="613"/>
      <c r="HYN680" s="613"/>
      <c r="HYO680" s="613"/>
      <c r="HYP680" s="613"/>
      <c r="HYQ680" s="613"/>
      <c r="HYR680" s="613"/>
      <c r="HYS680" s="613"/>
      <c r="HYT680" s="613"/>
      <c r="HYU680" s="613"/>
      <c r="HYV680" s="613"/>
      <c r="HYW680" s="613"/>
      <c r="HYX680" s="613"/>
      <c r="HYY680" s="613"/>
      <c r="HYZ680" s="613"/>
      <c r="HZA680" s="613"/>
      <c r="HZB680" s="613"/>
      <c r="HZC680" s="613"/>
      <c r="HZD680" s="613"/>
      <c r="HZE680" s="613"/>
      <c r="HZF680" s="613"/>
      <c r="HZG680" s="613"/>
      <c r="HZH680" s="613"/>
      <c r="HZI680" s="613"/>
      <c r="HZJ680" s="613"/>
      <c r="HZK680" s="613"/>
      <c r="HZL680" s="613"/>
      <c r="HZM680" s="613"/>
      <c r="HZN680" s="613"/>
      <c r="HZO680" s="613"/>
      <c r="HZP680" s="613"/>
      <c r="HZQ680" s="613"/>
      <c r="HZR680" s="613"/>
      <c r="HZS680" s="613"/>
      <c r="HZT680" s="613"/>
      <c r="HZU680" s="613"/>
      <c r="HZV680" s="613"/>
      <c r="HZW680" s="613"/>
      <c r="HZX680" s="613"/>
      <c r="HZY680" s="613"/>
      <c r="HZZ680" s="613"/>
      <c r="IAA680" s="613"/>
      <c r="IAB680" s="613"/>
      <c r="IAC680" s="613"/>
      <c r="IAD680" s="613"/>
      <c r="IAE680" s="613"/>
      <c r="IAF680" s="613"/>
      <c r="IAG680" s="613"/>
      <c r="IAH680" s="613"/>
      <c r="IAI680" s="613"/>
      <c r="IAJ680" s="613"/>
      <c r="IAK680" s="613"/>
      <c r="IAL680" s="613"/>
      <c r="IAM680" s="613"/>
      <c r="IAN680" s="613"/>
      <c r="IAO680" s="613"/>
      <c r="IAP680" s="613"/>
      <c r="IAQ680" s="613"/>
      <c r="IAR680" s="613"/>
      <c r="IAS680" s="613"/>
      <c r="IAT680" s="613"/>
      <c r="IAU680" s="613"/>
      <c r="IAV680" s="613"/>
      <c r="IAW680" s="613"/>
      <c r="IAX680" s="613"/>
      <c r="IAY680" s="613"/>
      <c r="IAZ680" s="613"/>
      <c r="IBA680" s="613"/>
      <c r="IBB680" s="613"/>
      <c r="IBC680" s="613"/>
      <c r="IBD680" s="613"/>
      <c r="IBE680" s="613"/>
      <c r="IBF680" s="613"/>
      <c r="IBG680" s="613"/>
      <c r="IBH680" s="613"/>
      <c r="IBI680" s="613"/>
      <c r="IBJ680" s="613"/>
      <c r="IBK680" s="613"/>
      <c r="IBL680" s="613"/>
      <c r="IBM680" s="613"/>
      <c r="IBN680" s="613"/>
      <c r="IBO680" s="613"/>
      <c r="IBP680" s="613"/>
      <c r="IBQ680" s="613"/>
      <c r="IBR680" s="613"/>
      <c r="IBS680" s="613"/>
      <c r="IBT680" s="613"/>
      <c r="IBU680" s="613"/>
      <c r="IBV680" s="613"/>
      <c r="IBW680" s="613"/>
      <c r="IBX680" s="613"/>
      <c r="IBY680" s="613"/>
      <c r="IBZ680" s="613"/>
      <c r="ICA680" s="613"/>
      <c r="ICB680" s="613"/>
      <c r="ICC680" s="613"/>
      <c r="ICD680" s="613"/>
      <c r="ICE680" s="613"/>
      <c r="ICF680" s="613"/>
      <c r="ICG680" s="613"/>
      <c r="ICH680" s="613"/>
      <c r="ICI680" s="613"/>
      <c r="ICJ680" s="613"/>
      <c r="ICK680" s="613"/>
      <c r="ICL680" s="613"/>
      <c r="ICM680" s="613"/>
      <c r="ICN680" s="613"/>
      <c r="ICO680" s="613"/>
      <c r="ICP680" s="613"/>
      <c r="ICQ680" s="613"/>
      <c r="ICR680" s="613"/>
      <c r="ICS680" s="613"/>
      <c r="ICT680" s="613"/>
      <c r="ICU680" s="613"/>
      <c r="ICV680" s="613"/>
      <c r="ICW680" s="613"/>
      <c r="ICX680" s="613"/>
      <c r="ICY680" s="613"/>
      <c r="ICZ680" s="613"/>
      <c r="IDA680" s="613"/>
      <c r="IDB680" s="613"/>
      <c r="IDC680" s="613"/>
      <c r="IDD680" s="613"/>
      <c r="IDE680" s="613"/>
      <c r="IDF680" s="613"/>
      <c r="IDG680" s="613"/>
      <c r="IDH680" s="613"/>
      <c r="IDI680" s="613"/>
      <c r="IDJ680" s="613"/>
      <c r="IDK680" s="613"/>
      <c r="IDL680" s="613"/>
      <c r="IDM680" s="613"/>
      <c r="IDN680" s="613"/>
      <c r="IDO680" s="613"/>
      <c r="IDP680" s="613"/>
      <c r="IDQ680" s="613"/>
      <c r="IDR680" s="613"/>
      <c r="IDS680" s="613"/>
      <c r="IDT680" s="613"/>
      <c r="IDU680" s="613"/>
      <c r="IDV680" s="613"/>
      <c r="IDW680" s="613"/>
      <c r="IDX680" s="613"/>
      <c r="IDY680" s="613"/>
      <c r="IDZ680" s="613"/>
      <c r="IEA680" s="613"/>
      <c r="IEB680" s="613"/>
      <c r="IEC680" s="613"/>
      <c r="IED680" s="613"/>
      <c r="IEE680" s="613"/>
      <c r="IEF680" s="613"/>
      <c r="IEG680" s="613"/>
      <c r="IEH680" s="613"/>
      <c r="IEI680" s="613"/>
      <c r="IEJ680" s="613"/>
      <c r="IEK680" s="613"/>
      <c r="IEL680" s="613"/>
      <c r="IEM680" s="613"/>
      <c r="IEN680" s="613"/>
      <c r="IEO680" s="613"/>
      <c r="IEP680" s="613"/>
      <c r="IEQ680" s="613"/>
      <c r="IER680" s="613"/>
      <c r="IES680" s="613"/>
      <c r="IET680" s="613"/>
      <c r="IEU680" s="613"/>
      <c r="IEV680" s="613"/>
      <c r="IEW680" s="613"/>
      <c r="IEX680" s="613"/>
      <c r="IEY680" s="613"/>
      <c r="IEZ680" s="613"/>
      <c r="IFA680" s="613"/>
      <c r="IFB680" s="613"/>
      <c r="IFC680" s="613"/>
      <c r="IFD680" s="613"/>
      <c r="IFE680" s="613"/>
      <c r="IFF680" s="613"/>
      <c r="IFG680" s="613"/>
      <c r="IFH680" s="613"/>
      <c r="IFI680" s="613"/>
      <c r="IFJ680" s="613"/>
      <c r="IFK680" s="613"/>
      <c r="IFL680" s="613"/>
      <c r="IFM680" s="613"/>
      <c r="IFN680" s="613"/>
      <c r="IFO680" s="613"/>
      <c r="IFP680" s="613"/>
      <c r="IFQ680" s="613"/>
      <c r="IFR680" s="613"/>
      <c r="IFS680" s="613"/>
      <c r="IFT680" s="613"/>
      <c r="IFU680" s="613"/>
      <c r="IFV680" s="613"/>
      <c r="IFW680" s="613"/>
      <c r="IFX680" s="613"/>
      <c r="IFY680" s="613"/>
      <c r="IFZ680" s="613"/>
      <c r="IGA680" s="613"/>
      <c r="IGB680" s="613"/>
      <c r="IGC680" s="613"/>
      <c r="IGD680" s="613"/>
      <c r="IGE680" s="613"/>
      <c r="IGF680" s="613"/>
      <c r="IGG680" s="613"/>
      <c r="IGH680" s="613"/>
      <c r="IGI680" s="613"/>
      <c r="IGJ680" s="613"/>
      <c r="IGK680" s="613"/>
      <c r="IGL680" s="613"/>
      <c r="IGM680" s="613"/>
      <c r="IGN680" s="613"/>
      <c r="IGO680" s="613"/>
      <c r="IGP680" s="613"/>
      <c r="IGQ680" s="613"/>
      <c r="IGR680" s="613"/>
      <c r="IGS680" s="613"/>
      <c r="IGT680" s="613"/>
      <c r="IGU680" s="613"/>
      <c r="IGV680" s="613"/>
      <c r="IGW680" s="613"/>
      <c r="IGX680" s="613"/>
      <c r="IGY680" s="613"/>
      <c r="IGZ680" s="613"/>
      <c r="IHA680" s="613"/>
      <c r="IHB680" s="613"/>
      <c r="IHC680" s="613"/>
      <c r="IHD680" s="613"/>
      <c r="IHE680" s="613"/>
      <c r="IHF680" s="613"/>
      <c r="IHG680" s="613"/>
      <c r="IHH680" s="613"/>
      <c r="IHI680" s="613"/>
      <c r="IHJ680" s="613"/>
      <c r="IHK680" s="613"/>
      <c r="IHL680" s="613"/>
      <c r="IHM680" s="613"/>
      <c r="IHN680" s="613"/>
      <c r="IHO680" s="613"/>
      <c r="IHP680" s="613"/>
      <c r="IHQ680" s="613"/>
      <c r="IHR680" s="613"/>
      <c r="IHS680" s="613"/>
      <c r="IHT680" s="613"/>
      <c r="IHU680" s="613"/>
      <c r="IHV680" s="613"/>
      <c r="IHW680" s="613"/>
      <c r="IHX680" s="613"/>
      <c r="IHY680" s="613"/>
      <c r="IHZ680" s="613"/>
      <c r="IIA680" s="613"/>
      <c r="IIB680" s="613"/>
      <c r="IIC680" s="613"/>
      <c r="IID680" s="613"/>
      <c r="IIE680" s="613"/>
      <c r="IIF680" s="613"/>
      <c r="IIG680" s="613"/>
      <c r="IIH680" s="613"/>
      <c r="III680" s="613"/>
      <c r="IIJ680" s="613"/>
      <c r="IIK680" s="613"/>
      <c r="IIL680" s="613"/>
      <c r="IIM680" s="613"/>
      <c r="IIN680" s="613"/>
      <c r="IIO680" s="613"/>
      <c r="IIP680" s="613"/>
      <c r="IIQ680" s="613"/>
      <c r="IIR680" s="613"/>
      <c r="IIS680" s="613"/>
      <c r="IIT680" s="613"/>
      <c r="IIU680" s="613"/>
      <c r="IIV680" s="613"/>
      <c r="IIW680" s="613"/>
      <c r="IIX680" s="613"/>
      <c r="IIY680" s="613"/>
      <c r="IIZ680" s="613"/>
      <c r="IJA680" s="613"/>
      <c r="IJB680" s="613"/>
      <c r="IJC680" s="613"/>
      <c r="IJD680" s="613"/>
      <c r="IJE680" s="613"/>
      <c r="IJF680" s="613"/>
      <c r="IJG680" s="613"/>
      <c r="IJH680" s="613"/>
      <c r="IJI680" s="613"/>
      <c r="IJJ680" s="613"/>
      <c r="IJK680" s="613"/>
      <c r="IJL680" s="613"/>
      <c r="IJM680" s="613"/>
      <c r="IJN680" s="613"/>
      <c r="IJO680" s="613"/>
      <c r="IJP680" s="613"/>
      <c r="IJQ680" s="613"/>
      <c r="IJR680" s="613"/>
      <c r="IJS680" s="613"/>
      <c r="IJT680" s="613"/>
      <c r="IJU680" s="613"/>
      <c r="IJV680" s="613"/>
      <c r="IJW680" s="613"/>
      <c r="IJX680" s="613"/>
      <c r="IJY680" s="613"/>
      <c r="IJZ680" s="613"/>
      <c r="IKA680" s="613"/>
      <c r="IKB680" s="613"/>
      <c r="IKC680" s="613"/>
      <c r="IKD680" s="613"/>
      <c r="IKE680" s="613"/>
      <c r="IKF680" s="613"/>
      <c r="IKG680" s="613"/>
      <c r="IKH680" s="613"/>
      <c r="IKI680" s="613"/>
      <c r="IKJ680" s="613"/>
      <c r="IKK680" s="613"/>
      <c r="IKL680" s="613"/>
      <c r="IKM680" s="613"/>
      <c r="IKN680" s="613"/>
      <c r="IKO680" s="613"/>
      <c r="IKP680" s="613"/>
      <c r="IKQ680" s="613"/>
      <c r="IKR680" s="613"/>
      <c r="IKS680" s="613"/>
      <c r="IKT680" s="613"/>
      <c r="IKU680" s="613"/>
      <c r="IKV680" s="613"/>
      <c r="IKW680" s="613"/>
      <c r="IKX680" s="613"/>
      <c r="IKY680" s="613"/>
      <c r="IKZ680" s="613"/>
      <c r="ILA680" s="613"/>
      <c r="ILB680" s="613"/>
      <c r="ILC680" s="613"/>
      <c r="ILD680" s="613"/>
      <c r="ILE680" s="613"/>
      <c r="ILF680" s="613"/>
      <c r="ILG680" s="613"/>
      <c r="ILH680" s="613"/>
      <c r="ILI680" s="613"/>
      <c r="ILJ680" s="613"/>
      <c r="ILK680" s="613"/>
      <c r="ILL680" s="613"/>
      <c r="ILM680" s="613"/>
      <c r="ILN680" s="613"/>
      <c r="ILO680" s="613"/>
      <c r="ILP680" s="613"/>
      <c r="ILQ680" s="613"/>
      <c r="ILR680" s="613"/>
      <c r="ILS680" s="613"/>
      <c r="ILT680" s="613"/>
      <c r="ILU680" s="613"/>
      <c r="ILV680" s="613"/>
      <c r="ILW680" s="613"/>
      <c r="ILX680" s="613"/>
      <c r="ILY680" s="613"/>
      <c r="ILZ680" s="613"/>
      <c r="IMA680" s="613"/>
      <c r="IMB680" s="613"/>
      <c r="IMC680" s="613"/>
      <c r="IMD680" s="613"/>
      <c r="IME680" s="613"/>
      <c r="IMF680" s="613"/>
      <c r="IMG680" s="613"/>
      <c r="IMH680" s="613"/>
      <c r="IMI680" s="613"/>
      <c r="IMJ680" s="613"/>
      <c r="IMK680" s="613"/>
      <c r="IML680" s="613"/>
      <c r="IMM680" s="613"/>
      <c r="IMN680" s="613"/>
      <c r="IMO680" s="613"/>
      <c r="IMP680" s="613"/>
      <c r="IMQ680" s="613"/>
      <c r="IMR680" s="613"/>
      <c r="IMS680" s="613"/>
      <c r="IMT680" s="613"/>
      <c r="IMU680" s="613"/>
      <c r="IMV680" s="613"/>
      <c r="IMW680" s="613"/>
      <c r="IMX680" s="613"/>
      <c r="IMY680" s="613"/>
      <c r="IMZ680" s="613"/>
      <c r="INA680" s="613"/>
      <c r="INB680" s="613"/>
      <c r="INC680" s="613"/>
      <c r="IND680" s="613"/>
      <c r="INE680" s="613"/>
      <c r="INF680" s="613"/>
      <c r="ING680" s="613"/>
      <c r="INH680" s="613"/>
      <c r="INI680" s="613"/>
      <c r="INJ680" s="613"/>
      <c r="INK680" s="613"/>
      <c r="INL680" s="613"/>
      <c r="INM680" s="613"/>
      <c r="INN680" s="613"/>
      <c r="INO680" s="613"/>
      <c r="INP680" s="613"/>
      <c r="INQ680" s="613"/>
      <c r="INR680" s="613"/>
      <c r="INS680" s="613"/>
      <c r="INT680" s="613"/>
      <c r="INU680" s="613"/>
      <c r="INV680" s="613"/>
      <c r="INW680" s="613"/>
      <c r="INX680" s="613"/>
      <c r="INY680" s="613"/>
      <c r="INZ680" s="613"/>
      <c r="IOA680" s="613"/>
      <c r="IOB680" s="613"/>
      <c r="IOC680" s="613"/>
      <c r="IOD680" s="613"/>
      <c r="IOE680" s="613"/>
      <c r="IOF680" s="613"/>
      <c r="IOG680" s="613"/>
      <c r="IOH680" s="613"/>
      <c r="IOI680" s="613"/>
      <c r="IOJ680" s="613"/>
      <c r="IOK680" s="613"/>
      <c r="IOL680" s="613"/>
      <c r="IOM680" s="613"/>
      <c r="ION680" s="613"/>
      <c r="IOO680" s="613"/>
      <c r="IOP680" s="613"/>
      <c r="IOQ680" s="613"/>
      <c r="IOR680" s="613"/>
      <c r="IOS680" s="613"/>
      <c r="IOT680" s="613"/>
      <c r="IOU680" s="613"/>
      <c r="IOV680" s="613"/>
      <c r="IOW680" s="613"/>
      <c r="IOX680" s="613"/>
      <c r="IOY680" s="613"/>
      <c r="IOZ680" s="613"/>
      <c r="IPA680" s="613"/>
      <c r="IPB680" s="613"/>
      <c r="IPC680" s="613"/>
      <c r="IPD680" s="613"/>
      <c r="IPE680" s="613"/>
      <c r="IPF680" s="613"/>
      <c r="IPG680" s="613"/>
      <c r="IPH680" s="613"/>
      <c r="IPI680" s="613"/>
      <c r="IPJ680" s="613"/>
      <c r="IPK680" s="613"/>
      <c r="IPL680" s="613"/>
      <c r="IPM680" s="613"/>
      <c r="IPN680" s="613"/>
      <c r="IPO680" s="613"/>
      <c r="IPP680" s="613"/>
      <c r="IPQ680" s="613"/>
      <c r="IPR680" s="613"/>
      <c r="IPS680" s="613"/>
      <c r="IPT680" s="613"/>
      <c r="IPU680" s="613"/>
      <c r="IPV680" s="613"/>
      <c r="IPW680" s="613"/>
      <c r="IPX680" s="613"/>
      <c r="IPY680" s="613"/>
      <c r="IPZ680" s="613"/>
      <c r="IQA680" s="613"/>
      <c r="IQB680" s="613"/>
      <c r="IQC680" s="613"/>
      <c r="IQD680" s="613"/>
      <c r="IQE680" s="613"/>
      <c r="IQF680" s="613"/>
      <c r="IQG680" s="613"/>
      <c r="IQH680" s="613"/>
      <c r="IQI680" s="613"/>
      <c r="IQJ680" s="613"/>
      <c r="IQK680" s="613"/>
      <c r="IQL680" s="613"/>
      <c r="IQM680" s="613"/>
      <c r="IQN680" s="613"/>
      <c r="IQO680" s="613"/>
      <c r="IQP680" s="613"/>
      <c r="IQQ680" s="613"/>
      <c r="IQR680" s="613"/>
      <c r="IQS680" s="613"/>
      <c r="IQT680" s="613"/>
      <c r="IQU680" s="613"/>
      <c r="IQV680" s="613"/>
      <c r="IQW680" s="613"/>
      <c r="IQX680" s="613"/>
      <c r="IQY680" s="613"/>
      <c r="IQZ680" s="613"/>
      <c r="IRA680" s="613"/>
      <c r="IRB680" s="613"/>
      <c r="IRC680" s="613"/>
      <c r="IRD680" s="613"/>
      <c r="IRE680" s="613"/>
      <c r="IRF680" s="613"/>
      <c r="IRG680" s="613"/>
      <c r="IRH680" s="613"/>
      <c r="IRI680" s="613"/>
      <c r="IRJ680" s="613"/>
      <c r="IRK680" s="613"/>
      <c r="IRL680" s="613"/>
      <c r="IRM680" s="613"/>
      <c r="IRN680" s="613"/>
      <c r="IRO680" s="613"/>
      <c r="IRP680" s="613"/>
      <c r="IRQ680" s="613"/>
      <c r="IRR680" s="613"/>
      <c r="IRS680" s="613"/>
      <c r="IRT680" s="613"/>
      <c r="IRU680" s="613"/>
      <c r="IRV680" s="613"/>
      <c r="IRW680" s="613"/>
      <c r="IRX680" s="613"/>
      <c r="IRY680" s="613"/>
      <c r="IRZ680" s="613"/>
      <c r="ISA680" s="613"/>
      <c r="ISB680" s="613"/>
      <c r="ISC680" s="613"/>
      <c r="ISD680" s="613"/>
      <c r="ISE680" s="613"/>
      <c r="ISF680" s="613"/>
      <c r="ISG680" s="613"/>
      <c r="ISH680" s="613"/>
      <c r="ISI680" s="613"/>
      <c r="ISJ680" s="613"/>
      <c r="ISK680" s="613"/>
      <c r="ISL680" s="613"/>
      <c r="ISM680" s="613"/>
      <c r="ISN680" s="613"/>
      <c r="ISO680" s="613"/>
      <c r="ISP680" s="613"/>
      <c r="ISQ680" s="613"/>
      <c r="ISR680" s="613"/>
      <c r="ISS680" s="613"/>
      <c r="IST680" s="613"/>
      <c r="ISU680" s="613"/>
      <c r="ISV680" s="613"/>
      <c r="ISW680" s="613"/>
      <c r="ISX680" s="613"/>
      <c r="ISY680" s="613"/>
      <c r="ISZ680" s="613"/>
      <c r="ITA680" s="613"/>
      <c r="ITB680" s="613"/>
      <c r="ITC680" s="613"/>
      <c r="ITD680" s="613"/>
      <c r="ITE680" s="613"/>
      <c r="ITF680" s="613"/>
      <c r="ITG680" s="613"/>
      <c r="ITH680" s="613"/>
      <c r="ITI680" s="613"/>
      <c r="ITJ680" s="613"/>
      <c r="ITK680" s="613"/>
      <c r="ITL680" s="613"/>
      <c r="ITM680" s="613"/>
      <c r="ITN680" s="613"/>
      <c r="ITO680" s="613"/>
      <c r="ITP680" s="613"/>
      <c r="ITQ680" s="613"/>
      <c r="ITR680" s="613"/>
      <c r="ITS680" s="613"/>
      <c r="ITT680" s="613"/>
      <c r="ITU680" s="613"/>
      <c r="ITV680" s="613"/>
      <c r="ITW680" s="613"/>
      <c r="ITX680" s="613"/>
      <c r="ITY680" s="613"/>
      <c r="ITZ680" s="613"/>
      <c r="IUA680" s="613"/>
      <c r="IUB680" s="613"/>
      <c r="IUC680" s="613"/>
      <c r="IUD680" s="613"/>
      <c r="IUE680" s="613"/>
      <c r="IUF680" s="613"/>
      <c r="IUG680" s="613"/>
      <c r="IUH680" s="613"/>
      <c r="IUI680" s="613"/>
      <c r="IUJ680" s="613"/>
      <c r="IUK680" s="613"/>
      <c r="IUL680" s="613"/>
      <c r="IUM680" s="613"/>
      <c r="IUN680" s="613"/>
      <c r="IUO680" s="613"/>
      <c r="IUP680" s="613"/>
      <c r="IUQ680" s="613"/>
      <c r="IUR680" s="613"/>
      <c r="IUS680" s="613"/>
      <c r="IUT680" s="613"/>
      <c r="IUU680" s="613"/>
      <c r="IUV680" s="613"/>
      <c r="IUW680" s="613"/>
      <c r="IUX680" s="613"/>
      <c r="IUY680" s="613"/>
      <c r="IUZ680" s="613"/>
      <c r="IVA680" s="613"/>
      <c r="IVB680" s="613"/>
      <c r="IVC680" s="613"/>
      <c r="IVD680" s="613"/>
      <c r="IVE680" s="613"/>
      <c r="IVF680" s="613"/>
      <c r="IVG680" s="613"/>
      <c r="IVH680" s="613"/>
      <c r="IVI680" s="613"/>
      <c r="IVJ680" s="613"/>
      <c r="IVK680" s="613"/>
      <c r="IVL680" s="613"/>
      <c r="IVM680" s="613"/>
      <c r="IVN680" s="613"/>
      <c r="IVO680" s="613"/>
      <c r="IVP680" s="613"/>
      <c r="IVQ680" s="613"/>
      <c r="IVR680" s="613"/>
      <c r="IVS680" s="613"/>
      <c r="IVT680" s="613"/>
      <c r="IVU680" s="613"/>
      <c r="IVV680" s="613"/>
      <c r="IVW680" s="613"/>
      <c r="IVX680" s="613"/>
      <c r="IVY680" s="613"/>
      <c r="IVZ680" s="613"/>
      <c r="IWA680" s="613"/>
      <c r="IWB680" s="613"/>
      <c r="IWC680" s="613"/>
      <c r="IWD680" s="613"/>
      <c r="IWE680" s="613"/>
      <c r="IWF680" s="613"/>
      <c r="IWG680" s="613"/>
      <c r="IWH680" s="613"/>
      <c r="IWI680" s="613"/>
      <c r="IWJ680" s="613"/>
      <c r="IWK680" s="613"/>
      <c r="IWL680" s="613"/>
      <c r="IWM680" s="613"/>
      <c r="IWN680" s="613"/>
      <c r="IWO680" s="613"/>
      <c r="IWP680" s="613"/>
      <c r="IWQ680" s="613"/>
      <c r="IWR680" s="613"/>
      <c r="IWS680" s="613"/>
      <c r="IWT680" s="613"/>
      <c r="IWU680" s="613"/>
      <c r="IWV680" s="613"/>
      <c r="IWW680" s="613"/>
      <c r="IWX680" s="613"/>
      <c r="IWY680" s="613"/>
      <c r="IWZ680" s="613"/>
      <c r="IXA680" s="613"/>
      <c r="IXB680" s="613"/>
      <c r="IXC680" s="613"/>
      <c r="IXD680" s="613"/>
      <c r="IXE680" s="613"/>
      <c r="IXF680" s="613"/>
      <c r="IXG680" s="613"/>
      <c r="IXH680" s="613"/>
      <c r="IXI680" s="613"/>
      <c r="IXJ680" s="613"/>
      <c r="IXK680" s="613"/>
      <c r="IXL680" s="613"/>
      <c r="IXM680" s="613"/>
      <c r="IXN680" s="613"/>
      <c r="IXO680" s="613"/>
      <c r="IXP680" s="613"/>
      <c r="IXQ680" s="613"/>
      <c r="IXR680" s="613"/>
      <c r="IXS680" s="613"/>
      <c r="IXT680" s="613"/>
      <c r="IXU680" s="613"/>
      <c r="IXV680" s="613"/>
      <c r="IXW680" s="613"/>
      <c r="IXX680" s="613"/>
      <c r="IXY680" s="613"/>
      <c r="IXZ680" s="613"/>
      <c r="IYA680" s="613"/>
      <c r="IYB680" s="613"/>
      <c r="IYC680" s="613"/>
      <c r="IYD680" s="613"/>
      <c r="IYE680" s="613"/>
      <c r="IYF680" s="613"/>
      <c r="IYG680" s="613"/>
      <c r="IYH680" s="613"/>
      <c r="IYI680" s="613"/>
      <c r="IYJ680" s="613"/>
      <c r="IYK680" s="613"/>
      <c r="IYL680" s="613"/>
      <c r="IYM680" s="613"/>
      <c r="IYN680" s="613"/>
      <c r="IYO680" s="613"/>
      <c r="IYP680" s="613"/>
      <c r="IYQ680" s="613"/>
      <c r="IYR680" s="613"/>
      <c r="IYS680" s="613"/>
      <c r="IYT680" s="613"/>
      <c r="IYU680" s="613"/>
      <c r="IYV680" s="613"/>
      <c r="IYW680" s="613"/>
      <c r="IYX680" s="613"/>
      <c r="IYY680" s="613"/>
      <c r="IYZ680" s="613"/>
      <c r="IZA680" s="613"/>
      <c r="IZB680" s="613"/>
      <c r="IZC680" s="613"/>
      <c r="IZD680" s="613"/>
      <c r="IZE680" s="613"/>
      <c r="IZF680" s="613"/>
      <c r="IZG680" s="613"/>
      <c r="IZH680" s="613"/>
      <c r="IZI680" s="613"/>
      <c r="IZJ680" s="613"/>
      <c r="IZK680" s="613"/>
      <c r="IZL680" s="613"/>
      <c r="IZM680" s="613"/>
      <c r="IZN680" s="613"/>
      <c r="IZO680" s="613"/>
      <c r="IZP680" s="613"/>
      <c r="IZQ680" s="613"/>
      <c r="IZR680" s="613"/>
      <c r="IZS680" s="613"/>
      <c r="IZT680" s="613"/>
      <c r="IZU680" s="613"/>
      <c r="IZV680" s="613"/>
      <c r="IZW680" s="613"/>
      <c r="IZX680" s="613"/>
      <c r="IZY680" s="613"/>
      <c r="IZZ680" s="613"/>
      <c r="JAA680" s="613"/>
      <c r="JAB680" s="613"/>
      <c r="JAC680" s="613"/>
      <c r="JAD680" s="613"/>
      <c r="JAE680" s="613"/>
      <c r="JAF680" s="613"/>
      <c r="JAG680" s="613"/>
      <c r="JAH680" s="613"/>
      <c r="JAI680" s="613"/>
      <c r="JAJ680" s="613"/>
      <c r="JAK680" s="613"/>
      <c r="JAL680" s="613"/>
      <c r="JAM680" s="613"/>
      <c r="JAN680" s="613"/>
      <c r="JAO680" s="613"/>
      <c r="JAP680" s="613"/>
      <c r="JAQ680" s="613"/>
      <c r="JAR680" s="613"/>
      <c r="JAS680" s="613"/>
      <c r="JAT680" s="613"/>
      <c r="JAU680" s="613"/>
      <c r="JAV680" s="613"/>
      <c r="JAW680" s="613"/>
      <c r="JAX680" s="613"/>
      <c r="JAY680" s="613"/>
      <c r="JAZ680" s="613"/>
      <c r="JBA680" s="613"/>
      <c r="JBB680" s="613"/>
      <c r="JBC680" s="613"/>
      <c r="JBD680" s="613"/>
      <c r="JBE680" s="613"/>
      <c r="JBF680" s="613"/>
      <c r="JBG680" s="613"/>
      <c r="JBH680" s="613"/>
      <c r="JBI680" s="613"/>
      <c r="JBJ680" s="613"/>
      <c r="JBK680" s="613"/>
      <c r="JBL680" s="613"/>
      <c r="JBM680" s="613"/>
      <c r="JBN680" s="613"/>
      <c r="JBO680" s="613"/>
      <c r="JBP680" s="613"/>
      <c r="JBQ680" s="613"/>
      <c r="JBR680" s="613"/>
      <c r="JBS680" s="613"/>
      <c r="JBT680" s="613"/>
      <c r="JBU680" s="613"/>
      <c r="JBV680" s="613"/>
      <c r="JBW680" s="613"/>
      <c r="JBX680" s="613"/>
      <c r="JBY680" s="613"/>
      <c r="JBZ680" s="613"/>
      <c r="JCA680" s="613"/>
      <c r="JCB680" s="613"/>
      <c r="JCC680" s="613"/>
      <c r="JCD680" s="613"/>
      <c r="JCE680" s="613"/>
      <c r="JCF680" s="613"/>
      <c r="JCG680" s="613"/>
      <c r="JCH680" s="613"/>
      <c r="JCI680" s="613"/>
      <c r="JCJ680" s="613"/>
      <c r="JCK680" s="613"/>
      <c r="JCL680" s="613"/>
      <c r="JCM680" s="613"/>
      <c r="JCN680" s="613"/>
      <c r="JCO680" s="613"/>
      <c r="JCP680" s="613"/>
      <c r="JCQ680" s="613"/>
      <c r="JCR680" s="613"/>
      <c r="JCS680" s="613"/>
      <c r="JCT680" s="613"/>
      <c r="JCU680" s="613"/>
      <c r="JCV680" s="613"/>
      <c r="JCW680" s="613"/>
      <c r="JCX680" s="613"/>
      <c r="JCY680" s="613"/>
      <c r="JCZ680" s="613"/>
      <c r="JDA680" s="613"/>
      <c r="JDB680" s="613"/>
      <c r="JDC680" s="613"/>
      <c r="JDD680" s="613"/>
      <c r="JDE680" s="613"/>
      <c r="JDF680" s="613"/>
      <c r="JDG680" s="613"/>
      <c r="JDH680" s="613"/>
      <c r="JDI680" s="613"/>
      <c r="JDJ680" s="613"/>
      <c r="JDK680" s="613"/>
      <c r="JDL680" s="613"/>
      <c r="JDM680" s="613"/>
      <c r="JDN680" s="613"/>
      <c r="JDO680" s="613"/>
      <c r="JDP680" s="613"/>
      <c r="JDQ680" s="613"/>
      <c r="JDR680" s="613"/>
      <c r="JDS680" s="613"/>
      <c r="JDT680" s="613"/>
      <c r="JDU680" s="613"/>
      <c r="JDV680" s="613"/>
      <c r="JDW680" s="613"/>
      <c r="JDX680" s="613"/>
      <c r="JDY680" s="613"/>
      <c r="JDZ680" s="613"/>
      <c r="JEA680" s="613"/>
      <c r="JEB680" s="613"/>
      <c r="JEC680" s="613"/>
      <c r="JED680" s="613"/>
      <c r="JEE680" s="613"/>
      <c r="JEF680" s="613"/>
      <c r="JEG680" s="613"/>
      <c r="JEH680" s="613"/>
      <c r="JEI680" s="613"/>
      <c r="JEJ680" s="613"/>
      <c r="JEK680" s="613"/>
      <c r="JEL680" s="613"/>
      <c r="JEM680" s="613"/>
      <c r="JEN680" s="613"/>
      <c r="JEO680" s="613"/>
      <c r="JEP680" s="613"/>
      <c r="JEQ680" s="613"/>
      <c r="JER680" s="613"/>
      <c r="JES680" s="613"/>
      <c r="JET680" s="613"/>
      <c r="JEU680" s="613"/>
      <c r="JEV680" s="613"/>
      <c r="JEW680" s="613"/>
      <c r="JEX680" s="613"/>
      <c r="JEY680" s="613"/>
      <c r="JEZ680" s="613"/>
      <c r="JFA680" s="613"/>
      <c r="JFB680" s="613"/>
      <c r="JFC680" s="613"/>
      <c r="JFD680" s="613"/>
      <c r="JFE680" s="613"/>
      <c r="JFF680" s="613"/>
      <c r="JFG680" s="613"/>
      <c r="JFH680" s="613"/>
      <c r="JFI680" s="613"/>
      <c r="JFJ680" s="613"/>
      <c r="JFK680" s="613"/>
      <c r="JFL680" s="613"/>
      <c r="JFM680" s="613"/>
      <c r="JFN680" s="613"/>
      <c r="JFO680" s="613"/>
      <c r="JFP680" s="613"/>
      <c r="JFQ680" s="613"/>
      <c r="JFR680" s="613"/>
      <c r="JFS680" s="613"/>
      <c r="JFT680" s="613"/>
      <c r="JFU680" s="613"/>
      <c r="JFV680" s="613"/>
      <c r="JFW680" s="613"/>
      <c r="JFX680" s="613"/>
      <c r="JFY680" s="613"/>
      <c r="JFZ680" s="613"/>
      <c r="JGA680" s="613"/>
      <c r="JGB680" s="613"/>
      <c r="JGC680" s="613"/>
      <c r="JGD680" s="613"/>
      <c r="JGE680" s="613"/>
      <c r="JGF680" s="613"/>
      <c r="JGG680" s="613"/>
      <c r="JGH680" s="613"/>
      <c r="JGI680" s="613"/>
      <c r="JGJ680" s="613"/>
      <c r="JGK680" s="613"/>
      <c r="JGL680" s="613"/>
      <c r="JGM680" s="613"/>
      <c r="JGN680" s="613"/>
      <c r="JGO680" s="613"/>
      <c r="JGP680" s="613"/>
      <c r="JGQ680" s="613"/>
      <c r="JGR680" s="613"/>
      <c r="JGS680" s="613"/>
      <c r="JGT680" s="613"/>
      <c r="JGU680" s="613"/>
      <c r="JGV680" s="613"/>
      <c r="JGW680" s="613"/>
      <c r="JGX680" s="613"/>
      <c r="JGY680" s="613"/>
      <c r="JGZ680" s="613"/>
      <c r="JHA680" s="613"/>
      <c r="JHB680" s="613"/>
      <c r="JHC680" s="613"/>
      <c r="JHD680" s="613"/>
      <c r="JHE680" s="613"/>
      <c r="JHF680" s="613"/>
      <c r="JHG680" s="613"/>
      <c r="JHH680" s="613"/>
      <c r="JHI680" s="613"/>
      <c r="JHJ680" s="613"/>
      <c r="JHK680" s="613"/>
      <c r="JHL680" s="613"/>
      <c r="JHM680" s="613"/>
      <c r="JHN680" s="613"/>
      <c r="JHO680" s="613"/>
      <c r="JHP680" s="613"/>
      <c r="JHQ680" s="613"/>
      <c r="JHR680" s="613"/>
      <c r="JHS680" s="613"/>
      <c r="JHT680" s="613"/>
      <c r="JHU680" s="613"/>
      <c r="JHV680" s="613"/>
      <c r="JHW680" s="613"/>
      <c r="JHX680" s="613"/>
      <c r="JHY680" s="613"/>
      <c r="JHZ680" s="613"/>
      <c r="JIA680" s="613"/>
      <c r="JIB680" s="613"/>
      <c r="JIC680" s="613"/>
      <c r="JID680" s="613"/>
      <c r="JIE680" s="613"/>
      <c r="JIF680" s="613"/>
      <c r="JIG680" s="613"/>
      <c r="JIH680" s="613"/>
      <c r="JII680" s="613"/>
      <c r="JIJ680" s="613"/>
      <c r="JIK680" s="613"/>
      <c r="JIL680" s="613"/>
      <c r="JIM680" s="613"/>
      <c r="JIN680" s="613"/>
      <c r="JIO680" s="613"/>
      <c r="JIP680" s="613"/>
      <c r="JIQ680" s="613"/>
      <c r="JIR680" s="613"/>
      <c r="JIS680" s="613"/>
      <c r="JIT680" s="613"/>
      <c r="JIU680" s="613"/>
      <c r="JIV680" s="613"/>
      <c r="JIW680" s="613"/>
      <c r="JIX680" s="613"/>
      <c r="JIY680" s="613"/>
      <c r="JIZ680" s="613"/>
      <c r="JJA680" s="613"/>
      <c r="JJB680" s="613"/>
      <c r="JJC680" s="613"/>
      <c r="JJD680" s="613"/>
      <c r="JJE680" s="613"/>
      <c r="JJF680" s="613"/>
      <c r="JJG680" s="613"/>
      <c r="JJH680" s="613"/>
      <c r="JJI680" s="613"/>
      <c r="JJJ680" s="613"/>
      <c r="JJK680" s="613"/>
      <c r="JJL680" s="613"/>
      <c r="JJM680" s="613"/>
      <c r="JJN680" s="613"/>
      <c r="JJO680" s="613"/>
      <c r="JJP680" s="613"/>
      <c r="JJQ680" s="613"/>
      <c r="JJR680" s="613"/>
      <c r="JJS680" s="613"/>
      <c r="JJT680" s="613"/>
      <c r="JJU680" s="613"/>
      <c r="JJV680" s="613"/>
      <c r="JJW680" s="613"/>
      <c r="JJX680" s="613"/>
      <c r="JJY680" s="613"/>
      <c r="JJZ680" s="613"/>
      <c r="JKA680" s="613"/>
      <c r="JKB680" s="613"/>
      <c r="JKC680" s="613"/>
      <c r="JKD680" s="613"/>
      <c r="JKE680" s="613"/>
      <c r="JKF680" s="613"/>
      <c r="JKG680" s="613"/>
      <c r="JKH680" s="613"/>
      <c r="JKI680" s="613"/>
      <c r="JKJ680" s="613"/>
      <c r="JKK680" s="613"/>
      <c r="JKL680" s="613"/>
      <c r="JKM680" s="613"/>
      <c r="JKN680" s="613"/>
      <c r="JKO680" s="613"/>
      <c r="JKP680" s="613"/>
      <c r="JKQ680" s="613"/>
      <c r="JKR680" s="613"/>
      <c r="JKS680" s="613"/>
      <c r="JKT680" s="613"/>
      <c r="JKU680" s="613"/>
      <c r="JKV680" s="613"/>
      <c r="JKW680" s="613"/>
      <c r="JKX680" s="613"/>
      <c r="JKY680" s="613"/>
      <c r="JKZ680" s="613"/>
      <c r="JLA680" s="613"/>
      <c r="JLB680" s="613"/>
      <c r="JLC680" s="613"/>
      <c r="JLD680" s="613"/>
      <c r="JLE680" s="613"/>
      <c r="JLF680" s="613"/>
      <c r="JLG680" s="613"/>
      <c r="JLH680" s="613"/>
      <c r="JLI680" s="613"/>
      <c r="JLJ680" s="613"/>
      <c r="JLK680" s="613"/>
      <c r="JLL680" s="613"/>
      <c r="JLM680" s="613"/>
      <c r="JLN680" s="613"/>
      <c r="JLO680" s="613"/>
      <c r="JLP680" s="613"/>
      <c r="JLQ680" s="613"/>
      <c r="JLR680" s="613"/>
      <c r="JLS680" s="613"/>
      <c r="JLT680" s="613"/>
      <c r="JLU680" s="613"/>
      <c r="JLV680" s="613"/>
      <c r="JLW680" s="613"/>
      <c r="JLX680" s="613"/>
      <c r="JLY680" s="613"/>
      <c r="JLZ680" s="613"/>
      <c r="JMA680" s="613"/>
      <c r="JMB680" s="613"/>
      <c r="JMC680" s="613"/>
      <c r="JMD680" s="613"/>
      <c r="JME680" s="613"/>
      <c r="JMF680" s="613"/>
      <c r="JMG680" s="613"/>
      <c r="JMH680" s="613"/>
      <c r="JMI680" s="613"/>
      <c r="JMJ680" s="613"/>
      <c r="JMK680" s="613"/>
      <c r="JML680" s="613"/>
      <c r="JMM680" s="613"/>
      <c r="JMN680" s="613"/>
      <c r="JMO680" s="613"/>
      <c r="JMP680" s="613"/>
      <c r="JMQ680" s="613"/>
      <c r="JMR680" s="613"/>
      <c r="JMS680" s="613"/>
      <c r="JMT680" s="613"/>
      <c r="JMU680" s="613"/>
      <c r="JMV680" s="613"/>
      <c r="JMW680" s="613"/>
      <c r="JMX680" s="613"/>
      <c r="JMY680" s="613"/>
      <c r="JMZ680" s="613"/>
      <c r="JNA680" s="613"/>
      <c r="JNB680" s="613"/>
      <c r="JNC680" s="613"/>
      <c r="JND680" s="613"/>
      <c r="JNE680" s="613"/>
      <c r="JNF680" s="613"/>
      <c r="JNG680" s="613"/>
      <c r="JNH680" s="613"/>
      <c r="JNI680" s="613"/>
      <c r="JNJ680" s="613"/>
      <c r="JNK680" s="613"/>
      <c r="JNL680" s="613"/>
      <c r="JNM680" s="613"/>
      <c r="JNN680" s="613"/>
      <c r="JNO680" s="613"/>
      <c r="JNP680" s="613"/>
      <c r="JNQ680" s="613"/>
      <c r="JNR680" s="613"/>
      <c r="JNS680" s="613"/>
      <c r="JNT680" s="613"/>
      <c r="JNU680" s="613"/>
      <c r="JNV680" s="613"/>
      <c r="JNW680" s="613"/>
      <c r="JNX680" s="613"/>
      <c r="JNY680" s="613"/>
      <c r="JNZ680" s="613"/>
      <c r="JOA680" s="613"/>
      <c r="JOB680" s="613"/>
      <c r="JOC680" s="613"/>
      <c r="JOD680" s="613"/>
      <c r="JOE680" s="613"/>
      <c r="JOF680" s="613"/>
      <c r="JOG680" s="613"/>
      <c r="JOH680" s="613"/>
      <c r="JOI680" s="613"/>
      <c r="JOJ680" s="613"/>
      <c r="JOK680" s="613"/>
      <c r="JOL680" s="613"/>
      <c r="JOM680" s="613"/>
      <c r="JON680" s="613"/>
      <c r="JOO680" s="613"/>
      <c r="JOP680" s="613"/>
      <c r="JOQ680" s="613"/>
      <c r="JOR680" s="613"/>
      <c r="JOS680" s="613"/>
      <c r="JOT680" s="613"/>
      <c r="JOU680" s="613"/>
      <c r="JOV680" s="613"/>
      <c r="JOW680" s="613"/>
      <c r="JOX680" s="613"/>
      <c r="JOY680" s="613"/>
      <c r="JOZ680" s="613"/>
      <c r="JPA680" s="613"/>
      <c r="JPB680" s="613"/>
      <c r="JPC680" s="613"/>
      <c r="JPD680" s="613"/>
      <c r="JPE680" s="613"/>
      <c r="JPF680" s="613"/>
      <c r="JPG680" s="613"/>
      <c r="JPH680" s="613"/>
      <c r="JPI680" s="613"/>
      <c r="JPJ680" s="613"/>
      <c r="JPK680" s="613"/>
      <c r="JPL680" s="613"/>
      <c r="JPM680" s="613"/>
      <c r="JPN680" s="613"/>
      <c r="JPO680" s="613"/>
      <c r="JPP680" s="613"/>
      <c r="JPQ680" s="613"/>
      <c r="JPR680" s="613"/>
      <c r="JPS680" s="613"/>
      <c r="JPT680" s="613"/>
      <c r="JPU680" s="613"/>
      <c r="JPV680" s="613"/>
      <c r="JPW680" s="613"/>
      <c r="JPX680" s="613"/>
      <c r="JPY680" s="613"/>
      <c r="JPZ680" s="613"/>
      <c r="JQA680" s="613"/>
      <c r="JQB680" s="613"/>
      <c r="JQC680" s="613"/>
      <c r="JQD680" s="613"/>
      <c r="JQE680" s="613"/>
      <c r="JQF680" s="613"/>
      <c r="JQG680" s="613"/>
      <c r="JQH680" s="613"/>
      <c r="JQI680" s="613"/>
      <c r="JQJ680" s="613"/>
      <c r="JQK680" s="613"/>
      <c r="JQL680" s="613"/>
      <c r="JQM680" s="613"/>
      <c r="JQN680" s="613"/>
      <c r="JQO680" s="613"/>
      <c r="JQP680" s="613"/>
      <c r="JQQ680" s="613"/>
      <c r="JQR680" s="613"/>
      <c r="JQS680" s="613"/>
      <c r="JQT680" s="613"/>
      <c r="JQU680" s="613"/>
      <c r="JQV680" s="613"/>
      <c r="JQW680" s="613"/>
      <c r="JQX680" s="613"/>
      <c r="JQY680" s="613"/>
      <c r="JQZ680" s="613"/>
      <c r="JRA680" s="613"/>
      <c r="JRB680" s="613"/>
      <c r="JRC680" s="613"/>
      <c r="JRD680" s="613"/>
      <c r="JRE680" s="613"/>
      <c r="JRF680" s="613"/>
      <c r="JRG680" s="613"/>
      <c r="JRH680" s="613"/>
      <c r="JRI680" s="613"/>
      <c r="JRJ680" s="613"/>
      <c r="JRK680" s="613"/>
      <c r="JRL680" s="613"/>
      <c r="JRM680" s="613"/>
      <c r="JRN680" s="613"/>
      <c r="JRO680" s="613"/>
      <c r="JRP680" s="613"/>
      <c r="JRQ680" s="613"/>
      <c r="JRR680" s="613"/>
      <c r="JRS680" s="613"/>
      <c r="JRT680" s="613"/>
      <c r="JRU680" s="613"/>
      <c r="JRV680" s="613"/>
      <c r="JRW680" s="613"/>
      <c r="JRX680" s="613"/>
      <c r="JRY680" s="613"/>
      <c r="JRZ680" s="613"/>
      <c r="JSA680" s="613"/>
      <c r="JSB680" s="613"/>
      <c r="JSC680" s="613"/>
      <c r="JSD680" s="613"/>
      <c r="JSE680" s="613"/>
      <c r="JSF680" s="613"/>
      <c r="JSG680" s="613"/>
      <c r="JSH680" s="613"/>
      <c r="JSI680" s="613"/>
      <c r="JSJ680" s="613"/>
      <c r="JSK680" s="613"/>
      <c r="JSL680" s="613"/>
      <c r="JSM680" s="613"/>
      <c r="JSN680" s="613"/>
      <c r="JSO680" s="613"/>
      <c r="JSP680" s="613"/>
      <c r="JSQ680" s="613"/>
      <c r="JSR680" s="613"/>
      <c r="JSS680" s="613"/>
      <c r="JST680" s="613"/>
      <c r="JSU680" s="613"/>
      <c r="JSV680" s="613"/>
      <c r="JSW680" s="613"/>
      <c r="JSX680" s="613"/>
      <c r="JSY680" s="613"/>
      <c r="JSZ680" s="613"/>
      <c r="JTA680" s="613"/>
      <c r="JTB680" s="613"/>
      <c r="JTC680" s="613"/>
      <c r="JTD680" s="613"/>
      <c r="JTE680" s="613"/>
      <c r="JTF680" s="613"/>
      <c r="JTG680" s="613"/>
      <c r="JTH680" s="613"/>
      <c r="JTI680" s="613"/>
      <c r="JTJ680" s="613"/>
      <c r="JTK680" s="613"/>
      <c r="JTL680" s="613"/>
      <c r="JTM680" s="613"/>
      <c r="JTN680" s="613"/>
      <c r="JTO680" s="613"/>
      <c r="JTP680" s="613"/>
      <c r="JTQ680" s="613"/>
      <c r="JTR680" s="613"/>
      <c r="JTS680" s="613"/>
      <c r="JTT680" s="613"/>
      <c r="JTU680" s="613"/>
      <c r="JTV680" s="613"/>
      <c r="JTW680" s="613"/>
      <c r="JTX680" s="613"/>
      <c r="JTY680" s="613"/>
      <c r="JTZ680" s="613"/>
      <c r="JUA680" s="613"/>
      <c r="JUB680" s="613"/>
      <c r="JUC680" s="613"/>
      <c r="JUD680" s="613"/>
      <c r="JUE680" s="613"/>
      <c r="JUF680" s="613"/>
      <c r="JUG680" s="613"/>
      <c r="JUH680" s="613"/>
      <c r="JUI680" s="613"/>
      <c r="JUJ680" s="613"/>
      <c r="JUK680" s="613"/>
      <c r="JUL680" s="613"/>
      <c r="JUM680" s="613"/>
      <c r="JUN680" s="613"/>
      <c r="JUO680" s="613"/>
      <c r="JUP680" s="613"/>
      <c r="JUQ680" s="613"/>
      <c r="JUR680" s="613"/>
      <c r="JUS680" s="613"/>
      <c r="JUT680" s="613"/>
      <c r="JUU680" s="613"/>
      <c r="JUV680" s="613"/>
      <c r="JUW680" s="613"/>
      <c r="JUX680" s="613"/>
      <c r="JUY680" s="613"/>
      <c r="JUZ680" s="613"/>
      <c r="JVA680" s="613"/>
      <c r="JVB680" s="613"/>
      <c r="JVC680" s="613"/>
      <c r="JVD680" s="613"/>
      <c r="JVE680" s="613"/>
      <c r="JVF680" s="613"/>
      <c r="JVG680" s="613"/>
      <c r="JVH680" s="613"/>
      <c r="JVI680" s="613"/>
      <c r="JVJ680" s="613"/>
      <c r="JVK680" s="613"/>
      <c r="JVL680" s="613"/>
      <c r="JVM680" s="613"/>
      <c r="JVN680" s="613"/>
      <c r="JVO680" s="613"/>
      <c r="JVP680" s="613"/>
      <c r="JVQ680" s="613"/>
      <c r="JVR680" s="613"/>
      <c r="JVS680" s="613"/>
      <c r="JVT680" s="613"/>
      <c r="JVU680" s="613"/>
      <c r="JVV680" s="613"/>
      <c r="JVW680" s="613"/>
      <c r="JVX680" s="613"/>
      <c r="JVY680" s="613"/>
      <c r="JVZ680" s="613"/>
      <c r="JWA680" s="613"/>
      <c r="JWB680" s="613"/>
      <c r="JWC680" s="613"/>
      <c r="JWD680" s="613"/>
      <c r="JWE680" s="613"/>
      <c r="JWF680" s="613"/>
      <c r="JWG680" s="613"/>
      <c r="JWH680" s="613"/>
      <c r="JWI680" s="613"/>
      <c r="JWJ680" s="613"/>
      <c r="JWK680" s="613"/>
      <c r="JWL680" s="613"/>
      <c r="JWM680" s="613"/>
      <c r="JWN680" s="613"/>
      <c r="JWO680" s="613"/>
      <c r="JWP680" s="613"/>
      <c r="JWQ680" s="613"/>
      <c r="JWR680" s="613"/>
      <c r="JWS680" s="613"/>
      <c r="JWT680" s="613"/>
      <c r="JWU680" s="613"/>
      <c r="JWV680" s="613"/>
      <c r="JWW680" s="613"/>
      <c r="JWX680" s="613"/>
      <c r="JWY680" s="613"/>
      <c r="JWZ680" s="613"/>
      <c r="JXA680" s="613"/>
      <c r="JXB680" s="613"/>
      <c r="JXC680" s="613"/>
      <c r="JXD680" s="613"/>
      <c r="JXE680" s="613"/>
      <c r="JXF680" s="613"/>
      <c r="JXG680" s="613"/>
      <c r="JXH680" s="613"/>
      <c r="JXI680" s="613"/>
      <c r="JXJ680" s="613"/>
      <c r="JXK680" s="613"/>
      <c r="JXL680" s="613"/>
      <c r="JXM680" s="613"/>
      <c r="JXN680" s="613"/>
      <c r="JXO680" s="613"/>
      <c r="JXP680" s="613"/>
      <c r="JXQ680" s="613"/>
      <c r="JXR680" s="613"/>
      <c r="JXS680" s="613"/>
      <c r="JXT680" s="613"/>
      <c r="JXU680" s="613"/>
      <c r="JXV680" s="613"/>
      <c r="JXW680" s="613"/>
      <c r="JXX680" s="613"/>
      <c r="JXY680" s="613"/>
      <c r="JXZ680" s="613"/>
      <c r="JYA680" s="613"/>
      <c r="JYB680" s="613"/>
      <c r="JYC680" s="613"/>
      <c r="JYD680" s="613"/>
      <c r="JYE680" s="613"/>
      <c r="JYF680" s="613"/>
      <c r="JYG680" s="613"/>
      <c r="JYH680" s="613"/>
      <c r="JYI680" s="613"/>
      <c r="JYJ680" s="613"/>
      <c r="JYK680" s="613"/>
      <c r="JYL680" s="613"/>
      <c r="JYM680" s="613"/>
      <c r="JYN680" s="613"/>
      <c r="JYO680" s="613"/>
      <c r="JYP680" s="613"/>
      <c r="JYQ680" s="613"/>
      <c r="JYR680" s="613"/>
      <c r="JYS680" s="613"/>
      <c r="JYT680" s="613"/>
      <c r="JYU680" s="613"/>
      <c r="JYV680" s="613"/>
      <c r="JYW680" s="613"/>
      <c r="JYX680" s="613"/>
      <c r="JYY680" s="613"/>
      <c r="JYZ680" s="613"/>
      <c r="JZA680" s="613"/>
      <c r="JZB680" s="613"/>
      <c r="JZC680" s="613"/>
      <c r="JZD680" s="613"/>
      <c r="JZE680" s="613"/>
      <c r="JZF680" s="613"/>
      <c r="JZG680" s="613"/>
      <c r="JZH680" s="613"/>
      <c r="JZI680" s="613"/>
      <c r="JZJ680" s="613"/>
      <c r="JZK680" s="613"/>
      <c r="JZL680" s="613"/>
      <c r="JZM680" s="613"/>
      <c r="JZN680" s="613"/>
      <c r="JZO680" s="613"/>
      <c r="JZP680" s="613"/>
      <c r="JZQ680" s="613"/>
      <c r="JZR680" s="613"/>
      <c r="JZS680" s="613"/>
      <c r="JZT680" s="613"/>
      <c r="JZU680" s="613"/>
      <c r="JZV680" s="613"/>
      <c r="JZW680" s="613"/>
      <c r="JZX680" s="613"/>
      <c r="JZY680" s="613"/>
      <c r="JZZ680" s="613"/>
      <c r="KAA680" s="613"/>
      <c r="KAB680" s="613"/>
      <c r="KAC680" s="613"/>
      <c r="KAD680" s="613"/>
      <c r="KAE680" s="613"/>
      <c r="KAF680" s="613"/>
      <c r="KAG680" s="613"/>
      <c r="KAH680" s="613"/>
      <c r="KAI680" s="613"/>
      <c r="KAJ680" s="613"/>
      <c r="KAK680" s="613"/>
      <c r="KAL680" s="613"/>
      <c r="KAM680" s="613"/>
      <c r="KAN680" s="613"/>
      <c r="KAO680" s="613"/>
      <c r="KAP680" s="613"/>
      <c r="KAQ680" s="613"/>
      <c r="KAR680" s="613"/>
      <c r="KAS680" s="613"/>
      <c r="KAT680" s="613"/>
      <c r="KAU680" s="613"/>
      <c r="KAV680" s="613"/>
      <c r="KAW680" s="613"/>
      <c r="KAX680" s="613"/>
      <c r="KAY680" s="613"/>
      <c r="KAZ680" s="613"/>
      <c r="KBA680" s="613"/>
      <c r="KBB680" s="613"/>
      <c r="KBC680" s="613"/>
      <c r="KBD680" s="613"/>
      <c r="KBE680" s="613"/>
      <c r="KBF680" s="613"/>
      <c r="KBG680" s="613"/>
      <c r="KBH680" s="613"/>
      <c r="KBI680" s="613"/>
      <c r="KBJ680" s="613"/>
      <c r="KBK680" s="613"/>
      <c r="KBL680" s="613"/>
      <c r="KBM680" s="613"/>
      <c r="KBN680" s="613"/>
      <c r="KBO680" s="613"/>
      <c r="KBP680" s="613"/>
      <c r="KBQ680" s="613"/>
      <c r="KBR680" s="613"/>
      <c r="KBS680" s="613"/>
      <c r="KBT680" s="613"/>
      <c r="KBU680" s="613"/>
      <c r="KBV680" s="613"/>
      <c r="KBW680" s="613"/>
      <c r="KBX680" s="613"/>
      <c r="KBY680" s="613"/>
      <c r="KBZ680" s="613"/>
      <c r="KCA680" s="613"/>
      <c r="KCB680" s="613"/>
      <c r="KCC680" s="613"/>
      <c r="KCD680" s="613"/>
      <c r="KCE680" s="613"/>
      <c r="KCF680" s="613"/>
      <c r="KCG680" s="613"/>
      <c r="KCH680" s="613"/>
      <c r="KCI680" s="613"/>
      <c r="KCJ680" s="613"/>
      <c r="KCK680" s="613"/>
      <c r="KCL680" s="613"/>
      <c r="KCM680" s="613"/>
      <c r="KCN680" s="613"/>
      <c r="KCO680" s="613"/>
      <c r="KCP680" s="613"/>
      <c r="KCQ680" s="613"/>
      <c r="KCR680" s="613"/>
      <c r="KCS680" s="613"/>
      <c r="KCT680" s="613"/>
      <c r="KCU680" s="613"/>
      <c r="KCV680" s="613"/>
      <c r="KCW680" s="613"/>
      <c r="KCX680" s="613"/>
      <c r="KCY680" s="613"/>
      <c r="KCZ680" s="613"/>
      <c r="KDA680" s="613"/>
      <c r="KDB680" s="613"/>
      <c r="KDC680" s="613"/>
      <c r="KDD680" s="613"/>
      <c r="KDE680" s="613"/>
      <c r="KDF680" s="613"/>
      <c r="KDG680" s="613"/>
      <c r="KDH680" s="613"/>
      <c r="KDI680" s="613"/>
      <c r="KDJ680" s="613"/>
      <c r="KDK680" s="613"/>
      <c r="KDL680" s="613"/>
      <c r="KDM680" s="613"/>
      <c r="KDN680" s="613"/>
      <c r="KDO680" s="613"/>
      <c r="KDP680" s="613"/>
      <c r="KDQ680" s="613"/>
      <c r="KDR680" s="613"/>
      <c r="KDS680" s="613"/>
      <c r="KDT680" s="613"/>
      <c r="KDU680" s="613"/>
      <c r="KDV680" s="613"/>
      <c r="KDW680" s="613"/>
      <c r="KDX680" s="613"/>
      <c r="KDY680" s="613"/>
      <c r="KDZ680" s="613"/>
      <c r="KEA680" s="613"/>
      <c r="KEB680" s="613"/>
      <c r="KEC680" s="613"/>
      <c r="KED680" s="613"/>
      <c r="KEE680" s="613"/>
      <c r="KEF680" s="613"/>
      <c r="KEG680" s="613"/>
      <c r="KEH680" s="613"/>
      <c r="KEI680" s="613"/>
      <c r="KEJ680" s="613"/>
      <c r="KEK680" s="613"/>
      <c r="KEL680" s="613"/>
      <c r="KEM680" s="613"/>
      <c r="KEN680" s="613"/>
      <c r="KEO680" s="613"/>
      <c r="KEP680" s="613"/>
      <c r="KEQ680" s="613"/>
      <c r="KER680" s="613"/>
      <c r="KES680" s="613"/>
      <c r="KET680" s="613"/>
      <c r="KEU680" s="613"/>
      <c r="KEV680" s="613"/>
      <c r="KEW680" s="613"/>
      <c r="KEX680" s="613"/>
      <c r="KEY680" s="613"/>
      <c r="KEZ680" s="613"/>
      <c r="KFA680" s="613"/>
      <c r="KFB680" s="613"/>
      <c r="KFC680" s="613"/>
      <c r="KFD680" s="613"/>
      <c r="KFE680" s="613"/>
      <c r="KFF680" s="613"/>
      <c r="KFG680" s="613"/>
      <c r="KFH680" s="613"/>
      <c r="KFI680" s="613"/>
      <c r="KFJ680" s="613"/>
      <c r="KFK680" s="613"/>
      <c r="KFL680" s="613"/>
      <c r="KFM680" s="613"/>
      <c r="KFN680" s="613"/>
      <c r="KFO680" s="613"/>
      <c r="KFP680" s="613"/>
      <c r="KFQ680" s="613"/>
      <c r="KFR680" s="613"/>
      <c r="KFS680" s="613"/>
      <c r="KFT680" s="613"/>
      <c r="KFU680" s="613"/>
      <c r="KFV680" s="613"/>
      <c r="KFW680" s="613"/>
      <c r="KFX680" s="613"/>
      <c r="KFY680" s="613"/>
      <c r="KFZ680" s="613"/>
      <c r="KGA680" s="613"/>
      <c r="KGB680" s="613"/>
      <c r="KGC680" s="613"/>
      <c r="KGD680" s="613"/>
      <c r="KGE680" s="613"/>
      <c r="KGF680" s="613"/>
      <c r="KGG680" s="613"/>
      <c r="KGH680" s="613"/>
      <c r="KGI680" s="613"/>
      <c r="KGJ680" s="613"/>
      <c r="KGK680" s="613"/>
      <c r="KGL680" s="613"/>
      <c r="KGM680" s="613"/>
      <c r="KGN680" s="613"/>
      <c r="KGO680" s="613"/>
      <c r="KGP680" s="613"/>
      <c r="KGQ680" s="613"/>
      <c r="KGR680" s="613"/>
      <c r="KGS680" s="613"/>
      <c r="KGT680" s="613"/>
      <c r="KGU680" s="613"/>
      <c r="KGV680" s="613"/>
      <c r="KGW680" s="613"/>
      <c r="KGX680" s="613"/>
      <c r="KGY680" s="613"/>
      <c r="KGZ680" s="613"/>
      <c r="KHA680" s="613"/>
      <c r="KHB680" s="613"/>
      <c r="KHC680" s="613"/>
      <c r="KHD680" s="613"/>
      <c r="KHE680" s="613"/>
      <c r="KHF680" s="613"/>
      <c r="KHG680" s="613"/>
      <c r="KHH680" s="613"/>
      <c r="KHI680" s="613"/>
      <c r="KHJ680" s="613"/>
      <c r="KHK680" s="613"/>
      <c r="KHL680" s="613"/>
      <c r="KHM680" s="613"/>
      <c r="KHN680" s="613"/>
      <c r="KHO680" s="613"/>
      <c r="KHP680" s="613"/>
      <c r="KHQ680" s="613"/>
      <c r="KHR680" s="613"/>
      <c r="KHS680" s="613"/>
      <c r="KHT680" s="613"/>
      <c r="KHU680" s="613"/>
      <c r="KHV680" s="613"/>
      <c r="KHW680" s="613"/>
      <c r="KHX680" s="613"/>
      <c r="KHY680" s="613"/>
      <c r="KHZ680" s="613"/>
      <c r="KIA680" s="613"/>
      <c r="KIB680" s="613"/>
      <c r="KIC680" s="613"/>
      <c r="KID680" s="613"/>
      <c r="KIE680" s="613"/>
      <c r="KIF680" s="613"/>
      <c r="KIG680" s="613"/>
      <c r="KIH680" s="613"/>
      <c r="KII680" s="613"/>
      <c r="KIJ680" s="613"/>
      <c r="KIK680" s="613"/>
      <c r="KIL680" s="613"/>
      <c r="KIM680" s="613"/>
      <c r="KIN680" s="613"/>
      <c r="KIO680" s="613"/>
      <c r="KIP680" s="613"/>
      <c r="KIQ680" s="613"/>
      <c r="KIR680" s="613"/>
      <c r="KIS680" s="613"/>
      <c r="KIT680" s="613"/>
      <c r="KIU680" s="613"/>
      <c r="KIV680" s="613"/>
      <c r="KIW680" s="613"/>
      <c r="KIX680" s="613"/>
      <c r="KIY680" s="613"/>
      <c r="KIZ680" s="613"/>
      <c r="KJA680" s="613"/>
      <c r="KJB680" s="613"/>
      <c r="KJC680" s="613"/>
      <c r="KJD680" s="613"/>
      <c r="KJE680" s="613"/>
      <c r="KJF680" s="613"/>
      <c r="KJG680" s="613"/>
      <c r="KJH680" s="613"/>
      <c r="KJI680" s="613"/>
      <c r="KJJ680" s="613"/>
      <c r="KJK680" s="613"/>
      <c r="KJL680" s="613"/>
      <c r="KJM680" s="613"/>
      <c r="KJN680" s="613"/>
      <c r="KJO680" s="613"/>
      <c r="KJP680" s="613"/>
      <c r="KJQ680" s="613"/>
      <c r="KJR680" s="613"/>
      <c r="KJS680" s="613"/>
      <c r="KJT680" s="613"/>
      <c r="KJU680" s="613"/>
      <c r="KJV680" s="613"/>
      <c r="KJW680" s="613"/>
      <c r="KJX680" s="613"/>
      <c r="KJY680" s="613"/>
      <c r="KJZ680" s="613"/>
      <c r="KKA680" s="613"/>
      <c r="KKB680" s="613"/>
      <c r="KKC680" s="613"/>
      <c r="KKD680" s="613"/>
      <c r="KKE680" s="613"/>
      <c r="KKF680" s="613"/>
      <c r="KKG680" s="613"/>
      <c r="KKH680" s="613"/>
      <c r="KKI680" s="613"/>
      <c r="KKJ680" s="613"/>
      <c r="KKK680" s="613"/>
      <c r="KKL680" s="613"/>
      <c r="KKM680" s="613"/>
      <c r="KKN680" s="613"/>
      <c r="KKO680" s="613"/>
      <c r="KKP680" s="613"/>
      <c r="KKQ680" s="613"/>
      <c r="KKR680" s="613"/>
      <c r="KKS680" s="613"/>
      <c r="KKT680" s="613"/>
      <c r="KKU680" s="613"/>
      <c r="KKV680" s="613"/>
      <c r="KKW680" s="613"/>
      <c r="KKX680" s="613"/>
      <c r="KKY680" s="613"/>
      <c r="KKZ680" s="613"/>
      <c r="KLA680" s="613"/>
      <c r="KLB680" s="613"/>
      <c r="KLC680" s="613"/>
      <c r="KLD680" s="613"/>
      <c r="KLE680" s="613"/>
      <c r="KLF680" s="613"/>
      <c r="KLG680" s="613"/>
      <c r="KLH680" s="613"/>
      <c r="KLI680" s="613"/>
      <c r="KLJ680" s="613"/>
      <c r="KLK680" s="613"/>
      <c r="KLL680" s="613"/>
      <c r="KLM680" s="613"/>
      <c r="KLN680" s="613"/>
      <c r="KLO680" s="613"/>
      <c r="KLP680" s="613"/>
      <c r="KLQ680" s="613"/>
      <c r="KLR680" s="613"/>
      <c r="KLS680" s="613"/>
      <c r="KLT680" s="613"/>
      <c r="KLU680" s="613"/>
      <c r="KLV680" s="613"/>
      <c r="KLW680" s="613"/>
      <c r="KLX680" s="613"/>
      <c r="KLY680" s="613"/>
      <c r="KLZ680" s="613"/>
      <c r="KMA680" s="613"/>
      <c r="KMB680" s="613"/>
      <c r="KMC680" s="613"/>
      <c r="KMD680" s="613"/>
      <c r="KME680" s="613"/>
      <c r="KMF680" s="613"/>
      <c r="KMG680" s="613"/>
      <c r="KMH680" s="613"/>
      <c r="KMI680" s="613"/>
      <c r="KMJ680" s="613"/>
      <c r="KMK680" s="613"/>
      <c r="KML680" s="613"/>
      <c r="KMM680" s="613"/>
      <c r="KMN680" s="613"/>
      <c r="KMO680" s="613"/>
      <c r="KMP680" s="613"/>
      <c r="KMQ680" s="613"/>
      <c r="KMR680" s="613"/>
      <c r="KMS680" s="613"/>
      <c r="KMT680" s="613"/>
      <c r="KMU680" s="613"/>
      <c r="KMV680" s="613"/>
      <c r="KMW680" s="613"/>
      <c r="KMX680" s="613"/>
      <c r="KMY680" s="613"/>
      <c r="KMZ680" s="613"/>
      <c r="KNA680" s="613"/>
      <c r="KNB680" s="613"/>
      <c r="KNC680" s="613"/>
      <c r="KND680" s="613"/>
      <c r="KNE680" s="613"/>
      <c r="KNF680" s="613"/>
      <c r="KNG680" s="613"/>
      <c r="KNH680" s="613"/>
      <c r="KNI680" s="613"/>
      <c r="KNJ680" s="613"/>
      <c r="KNK680" s="613"/>
      <c r="KNL680" s="613"/>
      <c r="KNM680" s="613"/>
      <c r="KNN680" s="613"/>
      <c r="KNO680" s="613"/>
      <c r="KNP680" s="613"/>
      <c r="KNQ680" s="613"/>
      <c r="KNR680" s="613"/>
      <c r="KNS680" s="613"/>
      <c r="KNT680" s="613"/>
      <c r="KNU680" s="613"/>
      <c r="KNV680" s="613"/>
      <c r="KNW680" s="613"/>
      <c r="KNX680" s="613"/>
      <c r="KNY680" s="613"/>
      <c r="KNZ680" s="613"/>
      <c r="KOA680" s="613"/>
      <c r="KOB680" s="613"/>
      <c r="KOC680" s="613"/>
      <c r="KOD680" s="613"/>
      <c r="KOE680" s="613"/>
      <c r="KOF680" s="613"/>
      <c r="KOG680" s="613"/>
      <c r="KOH680" s="613"/>
      <c r="KOI680" s="613"/>
      <c r="KOJ680" s="613"/>
      <c r="KOK680" s="613"/>
      <c r="KOL680" s="613"/>
      <c r="KOM680" s="613"/>
      <c r="KON680" s="613"/>
      <c r="KOO680" s="613"/>
      <c r="KOP680" s="613"/>
      <c r="KOQ680" s="613"/>
      <c r="KOR680" s="613"/>
      <c r="KOS680" s="613"/>
      <c r="KOT680" s="613"/>
      <c r="KOU680" s="613"/>
      <c r="KOV680" s="613"/>
      <c r="KOW680" s="613"/>
      <c r="KOX680" s="613"/>
      <c r="KOY680" s="613"/>
      <c r="KOZ680" s="613"/>
      <c r="KPA680" s="613"/>
      <c r="KPB680" s="613"/>
      <c r="KPC680" s="613"/>
      <c r="KPD680" s="613"/>
      <c r="KPE680" s="613"/>
      <c r="KPF680" s="613"/>
      <c r="KPG680" s="613"/>
      <c r="KPH680" s="613"/>
      <c r="KPI680" s="613"/>
      <c r="KPJ680" s="613"/>
      <c r="KPK680" s="613"/>
      <c r="KPL680" s="613"/>
      <c r="KPM680" s="613"/>
      <c r="KPN680" s="613"/>
      <c r="KPO680" s="613"/>
      <c r="KPP680" s="613"/>
      <c r="KPQ680" s="613"/>
      <c r="KPR680" s="613"/>
      <c r="KPS680" s="613"/>
      <c r="KPT680" s="613"/>
      <c r="KPU680" s="613"/>
      <c r="KPV680" s="613"/>
      <c r="KPW680" s="613"/>
      <c r="KPX680" s="613"/>
      <c r="KPY680" s="613"/>
      <c r="KPZ680" s="613"/>
      <c r="KQA680" s="613"/>
      <c r="KQB680" s="613"/>
      <c r="KQC680" s="613"/>
      <c r="KQD680" s="613"/>
      <c r="KQE680" s="613"/>
      <c r="KQF680" s="613"/>
      <c r="KQG680" s="613"/>
      <c r="KQH680" s="613"/>
      <c r="KQI680" s="613"/>
      <c r="KQJ680" s="613"/>
      <c r="KQK680" s="613"/>
      <c r="KQL680" s="613"/>
      <c r="KQM680" s="613"/>
      <c r="KQN680" s="613"/>
      <c r="KQO680" s="613"/>
      <c r="KQP680" s="613"/>
      <c r="KQQ680" s="613"/>
      <c r="KQR680" s="613"/>
      <c r="KQS680" s="613"/>
      <c r="KQT680" s="613"/>
      <c r="KQU680" s="613"/>
      <c r="KQV680" s="613"/>
      <c r="KQW680" s="613"/>
      <c r="KQX680" s="613"/>
      <c r="KQY680" s="613"/>
      <c r="KQZ680" s="613"/>
      <c r="KRA680" s="613"/>
      <c r="KRB680" s="613"/>
      <c r="KRC680" s="613"/>
      <c r="KRD680" s="613"/>
      <c r="KRE680" s="613"/>
      <c r="KRF680" s="613"/>
      <c r="KRG680" s="613"/>
      <c r="KRH680" s="613"/>
      <c r="KRI680" s="613"/>
      <c r="KRJ680" s="613"/>
      <c r="KRK680" s="613"/>
      <c r="KRL680" s="613"/>
      <c r="KRM680" s="613"/>
      <c r="KRN680" s="613"/>
      <c r="KRO680" s="613"/>
      <c r="KRP680" s="613"/>
      <c r="KRQ680" s="613"/>
      <c r="KRR680" s="613"/>
      <c r="KRS680" s="613"/>
      <c r="KRT680" s="613"/>
      <c r="KRU680" s="613"/>
      <c r="KRV680" s="613"/>
      <c r="KRW680" s="613"/>
      <c r="KRX680" s="613"/>
      <c r="KRY680" s="613"/>
      <c r="KRZ680" s="613"/>
      <c r="KSA680" s="613"/>
      <c r="KSB680" s="613"/>
      <c r="KSC680" s="613"/>
      <c r="KSD680" s="613"/>
      <c r="KSE680" s="613"/>
      <c r="KSF680" s="613"/>
      <c r="KSG680" s="613"/>
      <c r="KSH680" s="613"/>
      <c r="KSI680" s="613"/>
      <c r="KSJ680" s="613"/>
      <c r="KSK680" s="613"/>
      <c r="KSL680" s="613"/>
      <c r="KSM680" s="613"/>
      <c r="KSN680" s="613"/>
      <c r="KSO680" s="613"/>
      <c r="KSP680" s="613"/>
      <c r="KSQ680" s="613"/>
      <c r="KSR680" s="613"/>
      <c r="KSS680" s="613"/>
      <c r="KST680" s="613"/>
      <c r="KSU680" s="613"/>
      <c r="KSV680" s="613"/>
      <c r="KSW680" s="613"/>
      <c r="KSX680" s="613"/>
      <c r="KSY680" s="613"/>
      <c r="KSZ680" s="613"/>
      <c r="KTA680" s="613"/>
      <c r="KTB680" s="613"/>
      <c r="KTC680" s="613"/>
      <c r="KTD680" s="613"/>
      <c r="KTE680" s="613"/>
      <c r="KTF680" s="613"/>
      <c r="KTG680" s="613"/>
      <c r="KTH680" s="613"/>
      <c r="KTI680" s="613"/>
      <c r="KTJ680" s="613"/>
      <c r="KTK680" s="613"/>
      <c r="KTL680" s="613"/>
      <c r="KTM680" s="613"/>
      <c r="KTN680" s="613"/>
      <c r="KTO680" s="613"/>
      <c r="KTP680" s="613"/>
      <c r="KTQ680" s="613"/>
      <c r="KTR680" s="613"/>
      <c r="KTS680" s="613"/>
      <c r="KTT680" s="613"/>
      <c r="KTU680" s="613"/>
      <c r="KTV680" s="613"/>
      <c r="KTW680" s="613"/>
      <c r="KTX680" s="613"/>
      <c r="KTY680" s="613"/>
      <c r="KTZ680" s="613"/>
      <c r="KUA680" s="613"/>
      <c r="KUB680" s="613"/>
      <c r="KUC680" s="613"/>
      <c r="KUD680" s="613"/>
      <c r="KUE680" s="613"/>
      <c r="KUF680" s="613"/>
      <c r="KUG680" s="613"/>
      <c r="KUH680" s="613"/>
      <c r="KUI680" s="613"/>
      <c r="KUJ680" s="613"/>
      <c r="KUK680" s="613"/>
      <c r="KUL680" s="613"/>
      <c r="KUM680" s="613"/>
      <c r="KUN680" s="613"/>
      <c r="KUO680" s="613"/>
      <c r="KUP680" s="613"/>
      <c r="KUQ680" s="613"/>
      <c r="KUR680" s="613"/>
      <c r="KUS680" s="613"/>
      <c r="KUT680" s="613"/>
      <c r="KUU680" s="613"/>
      <c r="KUV680" s="613"/>
      <c r="KUW680" s="613"/>
      <c r="KUX680" s="613"/>
      <c r="KUY680" s="613"/>
      <c r="KUZ680" s="613"/>
      <c r="KVA680" s="613"/>
      <c r="KVB680" s="613"/>
      <c r="KVC680" s="613"/>
      <c r="KVD680" s="613"/>
      <c r="KVE680" s="613"/>
      <c r="KVF680" s="613"/>
      <c r="KVG680" s="613"/>
      <c r="KVH680" s="613"/>
      <c r="KVI680" s="613"/>
      <c r="KVJ680" s="613"/>
      <c r="KVK680" s="613"/>
      <c r="KVL680" s="613"/>
      <c r="KVM680" s="613"/>
      <c r="KVN680" s="613"/>
      <c r="KVO680" s="613"/>
      <c r="KVP680" s="613"/>
      <c r="KVQ680" s="613"/>
      <c r="KVR680" s="613"/>
      <c r="KVS680" s="613"/>
      <c r="KVT680" s="613"/>
      <c r="KVU680" s="613"/>
      <c r="KVV680" s="613"/>
      <c r="KVW680" s="613"/>
      <c r="KVX680" s="613"/>
      <c r="KVY680" s="613"/>
      <c r="KVZ680" s="613"/>
      <c r="KWA680" s="613"/>
      <c r="KWB680" s="613"/>
      <c r="KWC680" s="613"/>
      <c r="KWD680" s="613"/>
      <c r="KWE680" s="613"/>
      <c r="KWF680" s="613"/>
      <c r="KWG680" s="613"/>
      <c r="KWH680" s="613"/>
      <c r="KWI680" s="613"/>
      <c r="KWJ680" s="613"/>
      <c r="KWK680" s="613"/>
      <c r="KWL680" s="613"/>
      <c r="KWM680" s="613"/>
      <c r="KWN680" s="613"/>
      <c r="KWO680" s="613"/>
      <c r="KWP680" s="613"/>
      <c r="KWQ680" s="613"/>
      <c r="KWR680" s="613"/>
      <c r="KWS680" s="613"/>
      <c r="KWT680" s="613"/>
      <c r="KWU680" s="613"/>
      <c r="KWV680" s="613"/>
      <c r="KWW680" s="613"/>
      <c r="KWX680" s="613"/>
      <c r="KWY680" s="613"/>
      <c r="KWZ680" s="613"/>
      <c r="KXA680" s="613"/>
      <c r="KXB680" s="613"/>
      <c r="KXC680" s="613"/>
      <c r="KXD680" s="613"/>
      <c r="KXE680" s="613"/>
      <c r="KXF680" s="613"/>
      <c r="KXG680" s="613"/>
      <c r="KXH680" s="613"/>
      <c r="KXI680" s="613"/>
      <c r="KXJ680" s="613"/>
      <c r="KXK680" s="613"/>
      <c r="KXL680" s="613"/>
      <c r="KXM680" s="613"/>
      <c r="KXN680" s="613"/>
      <c r="KXO680" s="613"/>
      <c r="KXP680" s="613"/>
      <c r="KXQ680" s="613"/>
      <c r="KXR680" s="613"/>
      <c r="KXS680" s="613"/>
      <c r="KXT680" s="613"/>
      <c r="KXU680" s="613"/>
      <c r="KXV680" s="613"/>
      <c r="KXW680" s="613"/>
      <c r="KXX680" s="613"/>
      <c r="KXY680" s="613"/>
      <c r="KXZ680" s="613"/>
      <c r="KYA680" s="613"/>
      <c r="KYB680" s="613"/>
      <c r="KYC680" s="613"/>
      <c r="KYD680" s="613"/>
      <c r="KYE680" s="613"/>
      <c r="KYF680" s="613"/>
      <c r="KYG680" s="613"/>
      <c r="KYH680" s="613"/>
      <c r="KYI680" s="613"/>
      <c r="KYJ680" s="613"/>
      <c r="KYK680" s="613"/>
      <c r="KYL680" s="613"/>
      <c r="KYM680" s="613"/>
      <c r="KYN680" s="613"/>
      <c r="KYO680" s="613"/>
      <c r="KYP680" s="613"/>
      <c r="KYQ680" s="613"/>
      <c r="KYR680" s="613"/>
      <c r="KYS680" s="613"/>
      <c r="KYT680" s="613"/>
      <c r="KYU680" s="613"/>
      <c r="KYV680" s="613"/>
      <c r="KYW680" s="613"/>
      <c r="KYX680" s="613"/>
      <c r="KYY680" s="613"/>
      <c r="KYZ680" s="613"/>
      <c r="KZA680" s="613"/>
      <c r="KZB680" s="613"/>
      <c r="KZC680" s="613"/>
      <c r="KZD680" s="613"/>
      <c r="KZE680" s="613"/>
      <c r="KZF680" s="613"/>
      <c r="KZG680" s="613"/>
      <c r="KZH680" s="613"/>
      <c r="KZI680" s="613"/>
      <c r="KZJ680" s="613"/>
      <c r="KZK680" s="613"/>
      <c r="KZL680" s="613"/>
      <c r="KZM680" s="613"/>
      <c r="KZN680" s="613"/>
      <c r="KZO680" s="613"/>
      <c r="KZP680" s="613"/>
      <c r="KZQ680" s="613"/>
      <c r="KZR680" s="613"/>
      <c r="KZS680" s="613"/>
      <c r="KZT680" s="613"/>
      <c r="KZU680" s="613"/>
      <c r="KZV680" s="613"/>
      <c r="KZW680" s="613"/>
      <c r="KZX680" s="613"/>
      <c r="KZY680" s="613"/>
      <c r="KZZ680" s="613"/>
      <c r="LAA680" s="613"/>
      <c r="LAB680" s="613"/>
      <c r="LAC680" s="613"/>
      <c r="LAD680" s="613"/>
      <c r="LAE680" s="613"/>
      <c r="LAF680" s="613"/>
      <c r="LAG680" s="613"/>
      <c r="LAH680" s="613"/>
      <c r="LAI680" s="613"/>
      <c r="LAJ680" s="613"/>
      <c r="LAK680" s="613"/>
      <c r="LAL680" s="613"/>
      <c r="LAM680" s="613"/>
      <c r="LAN680" s="613"/>
      <c r="LAO680" s="613"/>
      <c r="LAP680" s="613"/>
      <c r="LAQ680" s="613"/>
      <c r="LAR680" s="613"/>
      <c r="LAS680" s="613"/>
      <c r="LAT680" s="613"/>
      <c r="LAU680" s="613"/>
      <c r="LAV680" s="613"/>
      <c r="LAW680" s="613"/>
      <c r="LAX680" s="613"/>
      <c r="LAY680" s="613"/>
      <c r="LAZ680" s="613"/>
      <c r="LBA680" s="613"/>
      <c r="LBB680" s="613"/>
      <c r="LBC680" s="613"/>
      <c r="LBD680" s="613"/>
      <c r="LBE680" s="613"/>
      <c r="LBF680" s="613"/>
      <c r="LBG680" s="613"/>
      <c r="LBH680" s="613"/>
      <c r="LBI680" s="613"/>
      <c r="LBJ680" s="613"/>
      <c r="LBK680" s="613"/>
      <c r="LBL680" s="613"/>
      <c r="LBM680" s="613"/>
      <c r="LBN680" s="613"/>
      <c r="LBO680" s="613"/>
      <c r="LBP680" s="613"/>
      <c r="LBQ680" s="613"/>
      <c r="LBR680" s="613"/>
      <c r="LBS680" s="613"/>
      <c r="LBT680" s="613"/>
      <c r="LBU680" s="613"/>
      <c r="LBV680" s="613"/>
      <c r="LBW680" s="613"/>
      <c r="LBX680" s="613"/>
      <c r="LBY680" s="613"/>
      <c r="LBZ680" s="613"/>
      <c r="LCA680" s="613"/>
      <c r="LCB680" s="613"/>
      <c r="LCC680" s="613"/>
      <c r="LCD680" s="613"/>
      <c r="LCE680" s="613"/>
      <c r="LCF680" s="613"/>
      <c r="LCG680" s="613"/>
      <c r="LCH680" s="613"/>
      <c r="LCI680" s="613"/>
      <c r="LCJ680" s="613"/>
      <c r="LCK680" s="613"/>
      <c r="LCL680" s="613"/>
      <c r="LCM680" s="613"/>
      <c r="LCN680" s="613"/>
      <c r="LCO680" s="613"/>
      <c r="LCP680" s="613"/>
      <c r="LCQ680" s="613"/>
      <c r="LCR680" s="613"/>
      <c r="LCS680" s="613"/>
      <c r="LCT680" s="613"/>
      <c r="LCU680" s="613"/>
      <c r="LCV680" s="613"/>
      <c r="LCW680" s="613"/>
      <c r="LCX680" s="613"/>
      <c r="LCY680" s="613"/>
      <c r="LCZ680" s="613"/>
      <c r="LDA680" s="613"/>
      <c r="LDB680" s="613"/>
      <c r="LDC680" s="613"/>
      <c r="LDD680" s="613"/>
      <c r="LDE680" s="613"/>
      <c r="LDF680" s="613"/>
      <c r="LDG680" s="613"/>
      <c r="LDH680" s="613"/>
      <c r="LDI680" s="613"/>
      <c r="LDJ680" s="613"/>
      <c r="LDK680" s="613"/>
      <c r="LDL680" s="613"/>
      <c r="LDM680" s="613"/>
      <c r="LDN680" s="613"/>
      <c r="LDO680" s="613"/>
      <c r="LDP680" s="613"/>
      <c r="LDQ680" s="613"/>
      <c r="LDR680" s="613"/>
      <c r="LDS680" s="613"/>
      <c r="LDT680" s="613"/>
      <c r="LDU680" s="613"/>
      <c r="LDV680" s="613"/>
      <c r="LDW680" s="613"/>
      <c r="LDX680" s="613"/>
      <c r="LDY680" s="613"/>
      <c r="LDZ680" s="613"/>
      <c r="LEA680" s="613"/>
      <c r="LEB680" s="613"/>
      <c r="LEC680" s="613"/>
      <c r="LED680" s="613"/>
      <c r="LEE680" s="613"/>
      <c r="LEF680" s="613"/>
      <c r="LEG680" s="613"/>
      <c r="LEH680" s="613"/>
      <c r="LEI680" s="613"/>
      <c r="LEJ680" s="613"/>
      <c r="LEK680" s="613"/>
      <c r="LEL680" s="613"/>
      <c r="LEM680" s="613"/>
      <c r="LEN680" s="613"/>
      <c r="LEO680" s="613"/>
      <c r="LEP680" s="613"/>
      <c r="LEQ680" s="613"/>
      <c r="LER680" s="613"/>
      <c r="LES680" s="613"/>
      <c r="LET680" s="613"/>
      <c r="LEU680" s="613"/>
      <c r="LEV680" s="613"/>
      <c r="LEW680" s="613"/>
      <c r="LEX680" s="613"/>
      <c r="LEY680" s="613"/>
      <c r="LEZ680" s="613"/>
      <c r="LFA680" s="613"/>
      <c r="LFB680" s="613"/>
      <c r="LFC680" s="613"/>
      <c r="LFD680" s="613"/>
      <c r="LFE680" s="613"/>
      <c r="LFF680" s="613"/>
      <c r="LFG680" s="613"/>
      <c r="LFH680" s="613"/>
      <c r="LFI680" s="613"/>
      <c r="LFJ680" s="613"/>
      <c r="LFK680" s="613"/>
      <c r="LFL680" s="613"/>
      <c r="LFM680" s="613"/>
      <c r="LFN680" s="613"/>
      <c r="LFO680" s="613"/>
      <c r="LFP680" s="613"/>
      <c r="LFQ680" s="613"/>
      <c r="LFR680" s="613"/>
      <c r="LFS680" s="613"/>
      <c r="LFT680" s="613"/>
      <c r="LFU680" s="613"/>
      <c r="LFV680" s="613"/>
      <c r="LFW680" s="613"/>
      <c r="LFX680" s="613"/>
      <c r="LFY680" s="613"/>
      <c r="LFZ680" s="613"/>
      <c r="LGA680" s="613"/>
      <c r="LGB680" s="613"/>
      <c r="LGC680" s="613"/>
      <c r="LGD680" s="613"/>
      <c r="LGE680" s="613"/>
      <c r="LGF680" s="613"/>
      <c r="LGG680" s="613"/>
      <c r="LGH680" s="613"/>
      <c r="LGI680" s="613"/>
      <c r="LGJ680" s="613"/>
      <c r="LGK680" s="613"/>
      <c r="LGL680" s="613"/>
      <c r="LGM680" s="613"/>
      <c r="LGN680" s="613"/>
      <c r="LGO680" s="613"/>
      <c r="LGP680" s="613"/>
      <c r="LGQ680" s="613"/>
      <c r="LGR680" s="613"/>
      <c r="LGS680" s="613"/>
      <c r="LGT680" s="613"/>
      <c r="LGU680" s="613"/>
      <c r="LGV680" s="613"/>
      <c r="LGW680" s="613"/>
      <c r="LGX680" s="613"/>
      <c r="LGY680" s="613"/>
      <c r="LGZ680" s="613"/>
      <c r="LHA680" s="613"/>
      <c r="LHB680" s="613"/>
      <c r="LHC680" s="613"/>
      <c r="LHD680" s="613"/>
      <c r="LHE680" s="613"/>
      <c r="LHF680" s="613"/>
      <c r="LHG680" s="613"/>
      <c r="LHH680" s="613"/>
      <c r="LHI680" s="613"/>
      <c r="LHJ680" s="613"/>
      <c r="LHK680" s="613"/>
      <c r="LHL680" s="613"/>
      <c r="LHM680" s="613"/>
      <c r="LHN680" s="613"/>
      <c r="LHO680" s="613"/>
      <c r="LHP680" s="613"/>
      <c r="LHQ680" s="613"/>
      <c r="LHR680" s="613"/>
      <c r="LHS680" s="613"/>
      <c r="LHT680" s="613"/>
      <c r="LHU680" s="613"/>
      <c r="LHV680" s="613"/>
      <c r="LHW680" s="613"/>
      <c r="LHX680" s="613"/>
      <c r="LHY680" s="613"/>
      <c r="LHZ680" s="613"/>
      <c r="LIA680" s="613"/>
      <c r="LIB680" s="613"/>
      <c r="LIC680" s="613"/>
      <c r="LID680" s="613"/>
      <c r="LIE680" s="613"/>
      <c r="LIF680" s="613"/>
      <c r="LIG680" s="613"/>
      <c r="LIH680" s="613"/>
      <c r="LII680" s="613"/>
      <c r="LIJ680" s="613"/>
      <c r="LIK680" s="613"/>
      <c r="LIL680" s="613"/>
      <c r="LIM680" s="613"/>
      <c r="LIN680" s="613"/>
      <c r="LIO680" s="613"/>
      <c r="LIP680" s="613"/>
      <c r="LIQ680" s="613"/>
      <c r="LIR680" s="613"/>
      <c r="LIS680" s="613"/>
      <c r="LIT680" s="613"/>
      <c r="LIU680" s="613"/>
      <c r="LIV680" s="613"/>
      <c r="LIW680" s="613"/>
      <c r="LIX680" s="613"/>
      <c r="LIY680" s="613"/>
      <c r="LIZ680" s="613"/>
      <c r="LJA680" s="613"/>
      <c r="LJB680" s="613"/>
      <c r="LJC680" s="613"/>
      <c r="LJD680" s="613"/>
      <c r="LJE680" s="613"/>
      <c r="LJF680" s="613"/>
      <c r="LJG680" s="613"/>
      <c r="LJH680" s="613"/>
      <c r="LJI680" s="613"/>
      <c r="LJJ680" s="613"/>
      <c r="LJK680" s="613"/>
      <c r="LJL680" s="613"/>
      <c r="LJM680" s="613"/>
      <c r="LJN680" s="613"/>
      <c r="LJO680" s="613"/>
      <c r="LJP680" s="613"/>
      <c r="LJQ680" s="613"/>
      <c r="LJR680" s="613"/>
      <c r="LJS680" s="613"/>
      <c r="LJT680" s="613"/>
      <c r="LJU680" s="613"/>
      <c r="LJV680" s="613"/>
      <c r="LJW680" s="613"/>
      <c r="LJX680" s="613"/>
      <c r="LJY680" s="613"/>
      <c r="LJZ680" s="613"/>
      <c r="LKA680" s="613"/>
      <c r="LKB680" s="613"/>
      <c r="LKC680" s="613"/>
      <c r="LKD680" s="613"/>
      <c r="LKE680" s="613"/>
      <c r="LKF680" s="613"/>
      <c r="LKG680" s="613"/>
      <c r="LKH680" s="613"/>
      <c r="LKI680" s="613"/>
      <c r="LKJ680" s="613"/>
      <c r="LKK680" s="613"/>
      <c r="LKL680" s="613"/>
      <c r="LKM680" s="613"/>
      <c r="LKN680" s="613"/>
      <c r="LKO680" s="613"/>
      <c r="LKP680" s="613"/>
      <c r="LKQ680" s="613"/>
      <c r="LKR680" s="613"/>
      <c r="LKS680" s="613"/>
      <c r="LKT680" s="613"/>
      <c r="LKU680" s="613"/>
      <c r="LKV680" s="613"/>
      <c r="LKW680" s="613"/>
      <c r="LKX680" s="613"/>
      <c r="LKY680" s="613"/>
      <c r="LKZ680" s="613"/>
      <c r="LLA680" s="613"/>
      <c r="LLB680" s="613"/>
      <c r="LLC680" s="613"/>
      <c r="LLD680" s="613"/>
      <c r="LLE680" s="613"/>
      <c r="LLF680" s="613"/>
      <c r="LLG680" s="613"/>
      <c r="LLH680" s="613"/>
      <c r="LLI680" s="613"/>
      <c r="LLJ680" s="613"/>
      <c r="LLK680" s="613"/>
      <c r="LLL680" s="613"/>
      <c r="LLM680" s="613"/>
      <c r="LLN680" s="613"/>
      <c r="LLO680" s="613"/>
      <c r="LLP680" s="613"/>
      <c r="LLQ680" s="613"/>
      <c r="LLR680" s="613"/>
      <c r="LLS680" s="613"/>
      <c r="LLT680" s="613"/>
      <c r="LLU680" s="613"/>
      <c r="LLV680" s="613"/>
      <c r="LLW680" s="613"/>
      <c r="LLX680" s="613"/>
      <c r="LLY680" s="613"/>
      <c r="LLZ680" s="613"/>
      <c r="LMA680" s="613"/>
      <c r="LMB680" s="613"/>
      <c r="LMC680" s="613"/>
      <c r="LMD680" s="613"/>
      <c r="LME680" s="613"/>
      <c r="LMF680" s="613"/>
      <c r="LMG680" s="613"/>
      <c r="LMH680" s="613"/>
      <c r="LMI680" s="613"/>
      <c r="LMJ680" s="613"/>
      <c r="LMK680" s="613"/>
      <c r="LML680" s="613"/>
      <c r="LMM680" s="613"/>
      <c r="LMN680" s="613"/>
      <c r="LMO680" s="613"/>
      <c r="LMP680" s="613"/>
      <c r="LMQ680" s="613"/>
      <c r="LMR680" s="613"/>
      <c r="LMS680" s="613"/>
      <c r="LMT680" s="613"/>
      <c r="LMU680" s="613"/>
      <c r="LMV680" s="613"/>
      <c r="LMW680" s="613"/>
      <c r="LMX680" s="613"/>
      <c r="LMY680" s="613"/>
      <c r="LMZ680" s="613"/>
      <c r="LNA680" s="613"/>
      <c r="LNB680" s="613"/>
      <c r="LNC680" s="613"/>
      <c r="LND680" s="613"/>
      <c r="LNE680" s="613"/>
      <c r="LNF680" s="613"/>
      <c r="LNG680" s="613"/>
      <c r="LNH680" s="613"/>
      <c r="LNI680" s="613"/>
      <c r="LNJ680" s="613"/>
      <c r="LNK680" s="613"/>
      <c r="LNL680" s="613"/>
      <c r="LNM680" s="613"/>
      <c r="LNN680" s="613"/>
      <c r="LNO680" s="613"/>
      <c r="LNP680" s="613"/>
      <c r="LNQ680" s="613"/>
      <c r="LNR680" s="613"/>
      <c r="LNS680" s="613"/>
      <c r="LNT680" s="613"/>
      <c r="LNU680" s="613"/>
      <c r="LNV680" s="613"/>
      <c r="LNW680" s="613"/>
      <c r="LNX680" s="613"/>
      <c r="LNY680" s="613"/>
      <c r="LNZ680" s="613"/>
      <c r="LOA680" s="613"/>
      <c r="LOB680" s="613"/>
      <c r="LOC680" s="613"/>
      <c r="LOD680" s="613"/>
      <c r="LOE680" s="613"/>
      <c r="LOF680" s="613"/>
      <c r="LOG680" s="613"/>
      <c r="LOH680" s="613"/>
      <c r="LOI680" s="613"/>
      <c r="LOJ680" s="613"/>
      <c r="LOK680" s="613"/>
      <c r="LOL680" s="613"/>
      <c r="LOM680" s="613"/>
      <c r="LON680" s="613"/>
      <c r="LOO680" s="613"/>
      <c r="LOP680" s="613"/>
      <c r="LOQ680" s="613"/>
      <c r="LOR680" s="613"/>
      <c r="LOS680" s="613"/>
      <c r="LOT680" s="613"/>
      <c r="LOU680" s="613"/>
      <c r="LOV680" s="613"/>
      <c r="LOW680" s="613"/>
      <c r="LOX680" s="613"/>
      <c r="LOY680" s="613"/>
      <c r="LOZ680" s="613"/>
      <c r="LPA680" s="613"/>
      <c r="LPB680" s="613"/>
      <c r="LPC680" s="613"/>
      <c r="LPD680" s="613"/>
      <c r="LPE680" s="613"/>
      <c r="LPF680" s="613"/>
      <c r="LPG680" s="613"/>
      <c r="LPH680" s="613"/>
      <c r="LPI680" s="613"/>
      <c r="LPJ680" s="613"/>
      <c r="LPK680" s="613"/>
      <c r="LPL680" s="613"/>
      <c r="LPM680" s="613"/>
      <c r="LPN680" s="613"/>
      <c r="LPO680" s="613"/>
      <c r="LPP680" s="613"/>
      <c r="LPQ680" s="613"/>
      <c r="LPR680" s="613"/>
      <c r="LPS680" s="613"/>
      <c r="LPT680" s="613"/>
      <c r="LPU680" s="613"/>
      <c r="LPV680" s="613"/>
      <c r="LPW680" s="613"/>
      <c r="LPX680" s="613"/>
      <c r="LPY680" s="613"/>
      <c r="LPZ680" s="613"/>
      <c r="LQA680" s="613"/>
      <c r="LQB680" s="613"/>
      <c r="LQC680" s="613"/>
      <c r="LQD680" s="613"/>
      <c r="LQE680" s="613"/>
      <c r="LQF680" s="613"/>
      <c r="LQG680" s="613"/>
      <c r="LQH680" s="613"/>
      <c r="LQI680" s="613"/>
      <c r="LQJ680" s="613"/>
      <c r="LQK680" s="613"/>
      <c r="LQL680" s="613"/>
      <c r="LQM680" s="613"/>
      <c r="LQN680" s="613"/>
      <c r="LQO680" s="613"/>
      <c r="LQP680" s="613"/>
      <c r="LQQ680" s="613"/>
      <c r="LQR680" s="613"/>
      <c r="LQS680" s="613"/>
      <c r="LQT680" s="613"/>
      <c r="LQU680" s="613"/>
      <c r="LQV680" s="613"/>
      <c r="LQW680" s="613"/>
      <c r="LQX680" s="613"/>
      <c r="LQY680" s="613"/>
      <c r="LQZ680" s="613"/>
      <c r="LRA680" s="613"/>
      <c r="LRB680" s="613"/>
      <c r="LRC680" s="613"/>
      <c r="LRD680" s="613"/>
      <c r="LRE680" s="613"/>
      <c r="LRF680" s="613"/>
      <c r="LRG680" s="613"/>
      <c r="LRH680" s="613"/>
      <c r="LRI680" s="613"/>
      <c r="LRJ680" s="613"/>
      <c r="LRK680" s="613"/>
      <c r="LRL680" s="613"/>
      <c r="LRM680" s="613"/>
      <c r="LRN680" s="613"/>
      <c r="LRO680" s="613"/>
      <c r="LRP680" s="613"/>
      <c r="LRQ680" s="613"/>
      <c r="LRR680" s="613"/>
      <c r="LRS680" s="613"/>
      <c r="LRT680" s="613"/>
      <c r="LRU680" s="613"/>
      <c r="LRV680" s="613"/>
      <c r="LRW680" s="613"/>
      <c r="LRX680" s="613"/>
      <c r="LRY680" s="613"/>
      <c r="LRZ680" s="613"/>
      <c r="LSA680" s="613"/>
      <c r="LSB680" s="613"/>
      <c r="LSC680" s="613"/>
      <c r="LSD680" s="613"/>
      <c r="LSE680" s="613"/>
      <c r="LSF680" s="613"/>
      <c r="LSG680" s="613"/>
      <c r="LSH680" s="613"/>
      <c r="LSI680" s="613"/>
      <c r="LSJ680" s="613"/>
      <c r="LSK680" s="613"/>
      <c r="LSL680" s="613"/>
      <c r="LSM680" s="613"/>
      <c r="LSN680" s="613"/>
      <c r="LSO680" s="613"/>
      <c r="LSP680" s="613"/>
      <c r="LSQ680" s="613"/>
      <c r="LSR680" s="613"/>
      <c r="LSS680" s="613"/>
      <c r="LST680" s="613"/>
      <c r="LSU680" s="613"/>
      <c r="LSV680" s="613"/>
      <c r="LSW680" s="613"/>
      <c r="LSX680" s="613"/>
      <c r="LSY680" s="613"/>
      <c r="LSZ680" s="613"/>
      <c r="LTA680" s="613"/>
      <c r="LTB680" s="613"/>
      <c r="LTC680" s="613"/>
      <c r="LTD680" s="613"/>
      <c r="LTE680" s="613"/>
      <c r="LTF680" s="613"/>
      <c r="LTG680" s="613"/>
      <c r="LTH680" s="613"/>
      <c r="LTI680" s="613"/>
      <c r="LTJ680" s="613"/>
      <c r="LTK680" s="613"/>
      <c r="LTL680" s="613"/>
      <c r="LTM680" s="613"/>
      <c r="LTN680" s="613"/>
      <c r="LTO680" s="613"/>
      <c r="LTP680" s="613"/>
      <c r="LTQ680" s="613"/>
      <c r="LTR680" s="613"/>
      <c r="LTS680" s="613"/>
      <c r="LTT680" s="613"/>
      <c r="LTU680" s="613"/>
      <c r="LTV680" s="613"/>
      <c r="LTW680" s="613"/>
      <c r="LTX680" s="613"/>
      <c r="LTY680" s="613"/>
      <c r="LTZ680" s="613"/>
      <c r="LUA680" s="613"/>
      <c r="LUB680" s="613"/>
      <c r="LUC680" s="613"/>
      <c r="LUD680" s="613"/>
      <c r="LUE680" s="613"/>
      <c r="LUF680" s="613"/>
      <c r="LUG680" s="613"/>
      <c r="LUH680" s="613"/>
      <c r="LUI680" s="613"/>
      <c r="LUJ680" s="613"/>
      <c r="LUK680" s="613"/>
      <c r="LUL680" s="613"/>
      <c r="LUM680" s="613"/>
      <c r="LUN680" s="613"/>
      <c r="LUO680" s="613"/>
      <c r="LUP680" s="613"/>
      <c r="LUQ680" s="613"/>
      <c r="LUR680" s="613"/>
      <c r="LUS680" s="613"/>
      <c r="LUT680" s="613"/>
      <c r="LUU680" s="613"/>
      <c r="LUV680" s="613"/>
      <c r="LUW680" s="613"/>
      <c r="LUX680" s="613"/>
      <c r="LUY680" s="613"/>
      <c r="LUZ680" s="613"/>
      <c r="LVA680" s="613"/>
      <c r="LVB680" s="613"/>
      <c r="LVC680" s="613"/>
      <c r="LVD680" s="613"/>
      <c r="LVE680" s="613"/>
      <c r="LVF680" s="613"/>
      <c r="LVG680" s="613"/>
      <c r="LVH680" s="613"/>
      <c r="LVI680" s="613"/>
      <c r="LVJ680" s="613"/>
      <c r="LVK680" s="613"/>
      <c r="LVL680" s="613"/>
      <c r="LVM680" s="613"/>
      <c r="LVN680" s="613"/>
      <c r="LVO680" s="613"/>
      <c r="LVP680" s="613"/>
      <c r="LVQ680" s="613"/>
      <c r="LVR680" s="613"/>
      <c r="LVS680" s="613"/>
      <c r="LVT680" s="613"/>
      <c r="LVU680" s="613"/>
      <c r="LVV680" s="613"/>
      <c r="LVW680" s="613"/>
      <c r="LVX680" s="613"/>
      <c r="LVY680" s="613"/>
      <c r="LVZ680" s="613"/>
      <c r="LWA680" s="613"/>
      <c r="LWB680" s="613"/>
      <c r="LWC680" s="613"/>
      <c r="LWD680" s="613"/>
      <c r="LWE680" s="613"/>
      <c r="LWF680" s="613"/>
      <c r="LWG680" s="613"/>
      <c r="LWH680" s="613"/>
      <c r="LWI680" s="613"/>
      <c r="LWJ680" s="613"/>
      <c r="LWK680" s="613"/>
      <c r="LWL680" s="613"/>
      <c r="LWM680" s="613"/>
      <c r="LWN680" s="613"/>
      <c r="LWO680" s="613"/>
      <c r="LWP680" s="613"/>
      <c r="LWQ680" s="613"/>
      <c r="LWR680" s="613"/>
      <c r="LWS680" s="613"/>
      <c r="LWT680" s="613"/>
      <c r="LWU680" s="613"/>
      <c r="LWV680" s="613"/>
      <c r="LWW680" s="613"/>
      <c r="LWX680" s="613"/>
      <c r="LWY680" s="613"/>
      <c r="LWZ680" s="613"/>
      <c r="LXA680" s="613"/>
      <c r="LXB680" s="613"/>
      <c r="LXC680" s="613"/>
      <c r="LXD680" s="613"/>
      <c r="LXE680" s="613"/>
      <c r="LXF680" s="613"/>
      <c r="LXG680" s="613"/>
      <c r="LXH680" s="613"/>
      <c r="LXI680" s="613"/>
      <c r="LXJ680" s="613"/>
      <c r="LXK680" s="613"/>
      <c r="LXL680" s="613"/>
      <c r="LXM680" s="613"/>
      <c r="LXN680" s="613"/>
      <c r="LXO680" s="613"/>
      <c r="LXP680" s="613"/>
      <c r="LXQ680" s="613"/>
      <c r="LXR680" s="613"/>
      <c r="LXS680" s="613"/>
      <c r="LXT680" s="613"/>
      <c r="LXU680" s="613"/>
      <c r="LXV680" s="613"/>
      <c r="LXW680" s="613"/>
      <c r="LXX680" s="613"/>
      <c r="LXY680" s="613"/>
      <c r="LXZ680" s="613"/>
      <c r="LYA680" s="613"/>
      <c r="LYB680" s="613"/>
      <c r="LYC680" s="613"/>
      <c r="LYD680" s="613"/>
      <c r="LYE680" s="613"/>
      <c r="LYF680" s="613"/>
      <c r="LYG680" s="613"/>
      <c r="LYH680" s="613"/>
      <c r="LYI680" s="613"/>
      <c r="LYJ680" s="613"/>
      <c r="LYK680" s="613"/>
      <c r="LYL680" s="613"/>
      <c r="LYM680" s="613"/>
      <c r="LYN680" s="613"/>
      <c r="LYO680" s="613"/>
      <c r="LYP680" s="613"/>
      <c r="LYQ680" s="613"/>
      <c r="LYR680" s="613"/>
      <c r="LYS680" s="613"/>
      <c r="LYT680" s="613"/>
      <c r="LYU680" s="613"/>
      <c r="LYV680" s="613"/>
      <c r="LYW680" s="613"/>
      <c r="LYX680" s="613"/>
      <c r="LYY680" s="613"/>
      <c r="LYZ680" s="613"/>
      <c r="LZA680" s="613"/>
      <c r="LZB680" s="613"/>
      <c r="LZC680" s="613"/>
      <c r="LZD680" s="613"/>
      <c r="LZE680" s="613"/>
      <c r="LZF680" s="613"/>
      <c r="LZG680" s="613"/>
      <c r="LZH680" s="613"/>
      <c r="LZI680" s="613"/>
      <c r="LZJ680" s="613"/>
      <c r="LZK680" s="613"/>
      <c r="LZL680" s="613"/>
      <c r="LZM680" s="613"/>
      <c r="LZN680" s="613"/>
      <c r="LZO680" s="613"/>
      <c r="LZP680" s="613"/>
      <c r="LZQ680" s="613"/>
      <c r="LZR680" s="613"/>
      <c r="LZS680" s="613"/>
      <c r="LZT680" s="613"/>
      <c r="LZU680" s="613"/>
      <c r="LZV680" s="613"/>
      <c r="LZW680" s="613"/>
      <c r="LZX680" s="613"/>
      <c r="LZY680" s="613"/>
      <c r="LZZ680" s="613"/>
      <c r="MAA680" s="613"/>
      <c r="MAB680" s="613"/>
      <c r="MAC680" s="613"/>
      <c r="MAD680" s="613"/>
      <c r="MAE680" s="613"/>
      <c r="MAF680" s="613"/>
      <c r="MAG680" s="613"/>
      <c r="MAH680" s="613"/>
      <c r="MAI680" s="613"/>
      <c r="MAJ680" s="613"/>
      <c r="MAK680" s="613"/>
      <c r="MAL680" s="613"/>
      <c r="MAM680" s="613"/>
      <c r="MAN680" s="613"/>
      <c r="MAO680" s="613"/>
      <c r="MAP680" s="613"/>
      <c r="MAQ680" s="613"/>
      <c r="MAR680" s="613"/>
      <c r="MAS680" s="613"/>
      <c r="MAT680" s="613"/>
      <c r="MAU680" s="613"/>
      <c r="MAV680" s="613"/>
      <c r="MAW680" s="613"/>
      <c r="MAX680" s="613"/>
      <c r="MAY680" s="613"/>
      <c r="MAZ680" s="613"/>
      <c r="MBA680" s="613"/>
      <c r="MBB680" s="613"/>
      <c r="MBC680" s="613"/>
      <c r="MBD680" s="613"/>
      <c r="MBE680" s="613"/>
      <c r="MBF680" s="613"/>
      <c r="MBG680" s="613"/>
      <c r="MBH680" s="613"/>
      <c r="MBI680" s="613"/>
      <c r="MBJ680" s="613"/>
      <c r="MBK680" s="613"/>
      <c r="MBL680" s="613"/>
      <c r="MBM680" s="613"/>
      <c r="MBN680" s="613"/>
      <c r="MBO680" s="613"/>
      <c r="MBP680" s="613"/>
      <c r="MBQ680" s="613"/>
      <c r="MBR680" s="613"/>
      <c r="MBS680" s="613"/>
      <c r="MBT680" s="613"/>
      <c r="MBU680" s="613"/>
      <c r="MBV680" s="613"/>
      <c r="MBW680" s="613"/>
      <c r="MBX680" s="613"/>
      <c r="MBY680" s="613"/>
      <c r="MBZ680" s="613"/>
      <c r="MCA680" s="613"/>
      <c r="MCB680" s="613"/>
      <c r="MCC680" s="613"/>
      <c r="MCD680" s="613"/>
      <c r="MCE680" s="613"/>
      <c r="MCF680" s="613"/>
      <c r="MCG680" s="613"/>
      <c r="MCH680" s="613"/>
      <c r="MCI680" s="613"/>
      <c r="MCJ680" s="613"/>
      <c r="MCK680" s="613"/>
      <c r="MCL680" s="613"/>
      <c r="MCM680" s="613"/>
      <c r="MCN680" s="613"/>
      <c r="MCO680" s="613"/>
      <c r="MCP680" s="613"/>
      <c r="MCQ680" s="613"/>
      <c r="MCR680" s="613"/>
      <c r="MCS680" s="613"/>
      <c r="MCT680" s="613"/>
      <c r="MCU680" s="613"/>
      <c r="MCV680" s="613"/>
      <c r="MCW680" s="613"/>
      <c r="MCX680" s="613"/>
      <c r="MCY680" s="613"/>
      <c r="MCZ680" s="613"/>
      <c r="MDA680" s="613"/>
      <c r="MDB680" s="613"/>
      <c r="MDC680" s="613"/>
      <c r="MDD680" s="613"/>
      <c r="MDE680" s="613"/>
      <c r="MDF680" s="613"/>
      <c r="MDG680" s="613"/>
      <c r="MDH680" s="613"/>
      <c r="MDI680" s="613"/>
      <c r="MDJ680" s="613"/>
      <c r="MDK680" s="613"/>
      <c r="MDL680" s="613"/>
      <c r="MDM680" s="613"/>
      <c r="MDN680" s="613"/>
      <c r="MDO680" s="613"/>
      <c r="MDP680" s="613"/>
      <c r="MDQ680" s="613"/>
      <c r="MDR680" s="613"/>
      <c r="MDS680" s="613"/>
      <c r="MDT680" s="613"/>
      <c r="MDU680" s="613"/>
      <c r="MDV680" s="613"/>
      <c r="MDW680" s="613"/>
      <c r="MDX680" s="613"/>
      <c r="MDY680" s="613"/>
      <c r="MDZ680" s="613"/>
      <c r="MEA680" s="613"/>
      <c r="MEB680" s="613"/>
      <c r="MEC680" s="613"/>
      <c r="MED680" s="613"/>
      <c r="MEE680" s="613"/>
      <c r="MEF680" s="613"/>
      <c r="MEG680" s="613"/>
      <c r="MEH680" s="613"/>
      <c r="MEI680" s="613"/>
      <c r="MEJ680" s="613"/>
      <c r="MEK680" s="613"/>
      <c r="MEL680" s="613"/>
      <c r="MEM680" s="613"/>
      <c r="MEN680" s="613"/>
      <c r="MEO680" s="613"/>
      <c r="MEP680" s="613"/>
      <c r="MEQ680" s="613"/>
      <c r="MER680" s="613"/>
      <c r="MES680" s="613"/>
      <c r="MET680" s="613"/>
      <c r="MEU680" s="613"/>
      <c r="MEV680" s="613"/>
      <c r="MEW680" s="613"/>
      <c r="MEX680" s="613"/>
      <c r="MEY680" s="613"/>
      <c r="MEZ680" s="613"/>
      <c r="MFA680" s="613"/>
      <c r="MFB680" s="613"/>
      <c r="MFC680" s="613"/>
      <c r="MFD680" s="613"/>
      <c r="MFE680" s="613"/>
      <c r="MFF680" s="613"/>
      <c r="MFG680" s="613"/>
      <c r="MFH680" s="613"/>
      <c r="MFI680" s="613"/>
      <c r="MFJ680" s="613"/>
      <c r="MFK680" s="613"/>
      <c r="MFL680" s="613"/>
      <c r="MFM680" s="613"/>
      <c r="MFN680" s="613"/>
      <c r="MFO680" s="613"/>
      <c r="MFP680" s="613"/>
      <c r="MFQ680" s="613"/>
      <c r="MFR680" s="613"/>
      <c r="MFS680" s="613"/>
      <c r="MFT680" s="613"/>
      <c r="MFU680" s="613"/>
      <c r="MFV680" s="613"/>
      <c r="MFW680" s="613"/>
      <c r="MFX680" s="613"/>
      <c r="MFY680" s="613"/>
      <c r="MFZ680" s="613"/>
      <c r="MGA680" s="613"/>
      <c r="MGB680" s="613"/>
      <c r="MGC680" s="613"/>
      <c r="MGD680" s="613"/>
      <c r="MGE680" s="613"/>
      <c r="MGF680" s="613"/>
      <c r="MGG680" s="613"/>
      <c r="MGH680" s="613"/>
      <c r="MGI680" s="613"/>
      <c r="MGJ680" s="613"/>
      <c r="MGK680" s="613"/>
      <c r="MGL680" s="613"/>
      <c r="MGM680" s="613"/>
      <c r="MGN680" s="613"/>
      <c r="MGO680" s="613"/>
      <c r="MGP680" s="613"/>
      <c r="MGQ680" s="613"/>
      <c r="MGR680" s="613"/>
      <c r="MGS680" s="613"/>
      <c r="MGT680" s="613"/>
      <c r="MGU680" s="613"/>
      <c r="MGV680" s="613"/>
      <c r="MGW680" s="613"/>
      <c r="MGX680" s="613"/>
      <c r="MGY680" s="613"/>
      <c r="MGZ680" s="613"/>
      <c r="MHA680" s="613"/>
      <c r="MHB680" s="613"/>
      <c r="MHC680" s="613"/>
      <c r="MHD680" s="613"/>
      <c r="MHE680" s="613"/>
      <c r="MHF680" s="613"/>
      <c r="MHG680" s="613"/>
      <c r="MHH680" s="613"/>
      <c r="MHI680" s="613"/>
      <c r="MHJ680" s="613"/>
      <c r="MHK680" s="613"/>
      <c r="MHL680" s="613"/>
      <c r="MHM680" s="613"/>
      <c r="MHN680" s="613"/>
      <c r="MHO680" s="613"/>
      <c r="MHP680" s="613"/>
      <c r="MHQ680" s="613"/>
      <c r="MHR680" s="613"/>
      <c r="MHS680" s="613"/>
      <c r="MHT680" s="613"/>
      <c r="MHU680" s="613"/>
      <c r="MHV680" s="613"/>
      <c r="MHW680" s="613"/>
      <c r="MHX680" s="613"/>
      <c r="MHY680" s="613"/>
      <c r="MHZ680" s="613"/>
      <c r="MIA680" s="613"/>
      <c r="MIB680" s="613"/>
      <c r="MIC680" s="613"/>
      <c r="MID680" s="613"/>
      <c r="MIE680" s="613"/>
      <c r="MIF680" s="613"/>
      <c r="MIG680" s="613"/>
      <c r="MIH680" s="613"/>
      <c r="MII680" s="613"/>
      <c r="MIJ680" s="613"/>
      <c r="MIK680" s="613"/>
      <c r="MIL680" s="613"/>
      <c r="MIM680" s="613"/>
      <c r="MIN680" s="613"/>
      <c r="MIO680" s="613"/>
      <c r="MIP680" s="613"/>
      <c r="MIQ680" s="613"/>
      <c r="MIR680" s="613"/>
      <c r="MIS680" s="613"/>
      <c r="MIT680" s="613"/>
      <c r="MIU680" s="613"/>
      <c r="MIV680" s="613"/>
      <c r="MIW680" s="613"/>
      <c r="MIX680" s="613"/>
      <c r="MIY680" s="613"/>
      <c r="MIZ680" s="613"/>
      <c r="MJA680" s="613"/>
      <c r="MJB680" s="613"/>
      <c r="MJC680" s="613"/>
      <c r="MJD680" s="613"/>
      <c r="MJE680" s="613"/>
      <c r="MJF680" s="613"/>
      <c r="MJG680" s="613"/>
      <c r="MJH680" s="613"/>
      <c r="MJI680" s="613"/>
      <c r="MJJ680" s="613"/>
      <c r="MJK680" s="613"/>
      <c r="MJL680" s="613"/>
      <c r="MJM680" s="613"/>
      <c r="MJN680" s="613"/>
      <c r="MJO680" s="613"/>
      <c r="MJP680" s="613"/>
      <c r="MJQ680" s="613"/>
      <c r="MJR680" s="613"/>
      <c r="MJS680" s="613"/>
      <c r="MJT680" s="613"/>
      <c r="MJU680" s="613"/>
      <c r="MJV680" s="613"/>
      <c r="MJW680" s="613"/>
      <c r="MJX680" s="613"/>
      <c r="MJY680" s="613"/>
      <c r="MJZ680" s="613"/>
      <c r="MKA680" s="613"/>
      <c r="MKB680" s="613"/>
      <c r="MKC680" s="613"/>
      <c r="MKD680" s="613"/>
      <c r="MKE680" s="613"/>
      <c r="MKF680" s="613"/>
      <c r="MKG680" s="613"/>
      <c r="MKH680" s="613"/>
      <c r="MKI680" s="613"/>
      <c r="MKJ680" s="613"/>
      <c r="MKK680" s="613"/>
      <c r="MKL680" s="613"/>
      <c r="MKM680" s="613"/>
      <c r="MKN680" s="613"/>
      <c r="MKO680" s="613"/>
      <c r="MKP680" s="613"/>
      <c r="MKQ680" s="613"/>
      <c r="MKR680" s="613"/>
      <c r="MKS680" s="613"/>
      <c r="MKT680" s="613"/>
      <c r="MKU680" s="613"/>
      <c r="MKV680" s="613"/>
      <c r="MKW680" s="613"/>
      <c r="MKX680" s="613"/>
      <c r="MKY680" s="613"/>
      <c r="MKZ680" s="613"/>
      <c r="MLA680" s="613"/>
      <c r="MLB680" s="613"/>
      <c r="MLC680" s="613"/>
      <c r="MLD680" s="613"/>
      <c r="MLE680" s="613"/>
      <c r="MLF680" s="613"/>
      <c r="MLG680" s="613"/>
      <c r="MLH680" s="613"/>
      <c r="MLI680" s="613"/>
      <c r="MLJ680" s="613"/>
      <c r="MLK680" s="613"/>
      <c r="MLL680" s="613"/>
      <c r="MLM680" s="613"/>
      <c r="MLN680" s="613"/>
      <c r="MLO680" s="613"/>
      <c r="MLP680" s="613"/>
      <c r="MLQ680" s="613"/>
      <c r="MLR680" s="613"/>
      <c r="MLS680" s="613"/>
      <c r="MLT680" s="613"/>
      <c r="MLU680" s="613"/>
      <c r="MLV680" s="613"/>
      <c r="MLW680" s="613"/>
      <c r="MLX680" s="613"/>
      <c r="MLY680" s="613"/>
      <c r="MLZ680" s="613"/>
      <c r="MMA680" s="613"/>
      <c r="MMB680" s="613"/>
      <c r="MMC680" s="613"/>
      <c r="MMD680" s="613"/>
      <c r="MME680" s="613"/>
      <c r="MMF680" s="613"/>
      <c r="MMG680" s="613"/>
      <c r="MMH680" s="613"/>
      <c r="MMI680" s="613"/>
      <c r="MMJ680" s="613"/>
      <c r="MMK680" s="613"/>
      <c r="MML680" s="613"/>
      <c r="MMM680" s="613"/>
      <c r="MMN680" s="613"/>
      <c r="MMO680" s="613"/>
      <c r="MMP680" s="613"/>
      <c r="MMQ680" s="613"/>
      <c r="MMR680" s="613"/>
      <c r="MMS680" s="613"/>
      <c r="MMT680" s="613"/>
      <c r="MMU680" s="613"/>
      <c r="MMV680" s="613"/>
      <c r="MMW680" s="613"/>
      <c r="MMX680" s="613"/>
      <c r="MMY680" s="613"/>
      <c r="MMZ680" s="613"/>
      <c r="MNA680" s="613"/>
      <c r="MNB680" s="613"/>
      <c r="MNC680" s="613"/>
      <c r="MND680" s="613"/>
      <c r="MNE680" s="613"/>
      <c r="MNF680" s="613"/>
      <c r="MNG680" s="613"/>
      <c r="MNH680" s="613"/>
      <c r="MNI680" s="613"/>
      <c r="MNJ680" s="613"/>
      <c r="MNK680" s="613"/>
      <c r="MNL680" s="613"/>
      <c r="MNM680" s="613"/>
      <c r="MNN680" s="613"/>
      <c r="MNO680" s="613"/>
      <c r="MNP680" s="613"/>
      <c r="MNQ680" s="613"/>
      <c r="MNR680" s="613"/>
      <c r="MNS680" s="613"/>
      <c r="MNT680" s="613"/>
      <c r="MNU680" s="613"/>
      <c r="MNV680" s="613"/>
      <c r="MNW680" s="613"/>
      <c r="MNX680" s="613"/>
      <c r="MNY680" s="613"/>
      <c r="MNZ680" s="613"/>
      <c r="MOA680" s="613"/>
      <c r="MOB680" s="613"/>
      <c r="MOC680" s="613"/>
      <c r="MOD680" s="613"/>
      <c r="MOE680" s="613"/>
      <c r="MOF680" s="613"/>
      <c r="MOG680" s="613"/>
      <c r="MOH680" s="613"/>
      <c r="MOI680" s="613"/>
      <c r="MOJ680" s="613"/>
      <c r="MOK680" s="613"/>
      <c r="MOL680" s="613"/>
      <c r="MOM680" s="613"/>
      <c r="MON680" s="613"/>
      <c r="MOO680" s="613"/>
      <c r="MOP680" s="613"/>
      <c r="MOQ680" s="613"/>
      <c r="MOR680" s="613"/>
      <c r="MOS680" s="613"/>
      <c r="MOT680" s="613"/>
      <c r="MOU680" s="613"/>
      <c r="MOV680" s="613"/>
      <c r="MOW680" s="613"/>
      <c r="MOX680" s="613"/>
      <c r="MOY680" s="613"/>
      <c r="MOZ680" s="613"/>
      <c r="MPA680" s="613"/>
      <c r="MPB680" s="613"/>
      <c r="MPC680" s="613"/>
      <c r="MPD680" s="613"/>
      <c r="MPE680" s="613"/>
      <c r="MPF680" s="613"/>
      <c r="MPG680" s="613"/>
      <c r="MPH680" s="613"/>
      <c r="MPI680" s="613"/>
      <c r="MPJ680" s="613"/>
      <c r="MPK680" s="613"/>
      <c r="MPL680" s="613"/>
      <c r="MPM680" s="613"/>
      <c r="MPN680" s="613"/>
      <c r="MPO680" s="613"/>
      <c r="MPP680" s="613"/>
      <c r="MPQ680" s="613"/>
      <c r="MPR680" s="613"/>
      <c r="MPS680" s="613"/>
      <c r="MPT680" s="613"/>
      <c r="MPU680" s="613"/>
      <c r="MPV680" s="613"/>
      <c r="MPW680" s="613"/>
      <c r="MPX680" s="613"/>
      <c r="MPY680" s="613"/>
      <c r="MPZ680" s="613"/>
      <c r="MQA680" s="613"/>
      <c r="MQB680" s="613"/>
      <c r="MQC680" s="613"/>
      <c r="MQD680" s="613"/>
      <c r="MQE680" s="613"/>
      <c r="MQF680" s="613"/>
      <c r="MQG680" s="613"/>
      <c r="MQH680" s="613"/>
      <c r="MQI680" s="613"/>
      <c r="MQJ680" s="613"/>
      <c r="MQK680" s="613"/>
      <c r="MQL680" s="613"/>
      <c r="MQM680" s="613"/>
      <c r="MQN680" s="613"/>
      <c r="MQO680" s="613"/>
      <c r="MQP680" s="613"/>
      <c r="MQQ680" s="613"/>
      <c r="MQR680" s="613"/>
      <c r="MQS680" s="613"/>
      <c r="MQT680" s="613"/>
      <c r="MQU680" s="613"/>
      <c r="MQV680" s="613"/>
      <c r="MQW680" s="613"/>
      <c r="MQX680" s="613"/>
      <c r="MQY680" s="613"/>
      <c r="MQZ680" s="613"/>
      <c r="MRA680" s="613"/>
      <c r="MRB680" s="613"/>
      <c r="MRC680" s="613"/>
      <c r="MRD680" s="613"/>
      <c r="MRE680" s="613"/>
      <c r="MRF680" s="613"/>
      <c r="MRG680" s="613"/>
      <c r="MRH680" s="613"/>
      <c r="MRI680" s="613"/>
      <c r="MRJ680" s="613"/>
      <c r="MRK680" s="613"/>
      <c r="MRL680" s="613"/>
      <c r="MRM680" s="613"/>
      <c r="MRN680" s="613"/>
      <c r="MRO680" s="613"/>
      <c r="MRP680" s="613"/>
      <c r="MRQ680" s="613"/>
      <c r="MRR680" s="613"/>
      <c r="MRS680" s="613"/>
      <c r="MRT680" s="613"/>
      <c r="MRU680" s="613"/>
      <c r="MRV680" s="613"/>
      <c r="MRW680" s="613"/>
      <c r="MRX680" s="613"/>
      <c r="MRY680" s="613"/>
      <c r="MRZ680" s="613"/>
      <c r="MSA680" s="613"/>
      <c r="MSB680" s="613"/>
      <c r="MSC680" s="613"/>
      <c r="MSD680" s="613"/>
      <c r="MSE680" s="613"/>
      <c r="MSF680" s="613"/>
      <c r="MSG680" s="613"/>
      <c r="MSH680" s="613"/>
      <c r="MSI680" s="613"/>
      <c r="MSJ680" s="613"/>
      <c r="MSK680" s="613"/>
      <c r="MSL680" s="613"/>
      <c r="MSM680" s="613"/>
      <c r="MSN680" s="613"/>
      <c r="MSO680" s="613"/>
      <c r="MSP680" s="613"/>
      <c r="MSQ680" s="613"/>
      <c r="MSR680" s="613"/>
      <c r="MSS680" s="613"/>
      <c r="MST680" s="613"/>
      <c r="MSU680" s="613"/>
      <c r="MSV680" s="613"/>
      <c r="MSW680" s="613"/>
      <c r="MSX680" s="613"/>
      <c r="MSY680" s="613"/>
      <c r="MSZ680" s="613"/>
      <c r="MTA680" s="613"/>
      <c r="MTB680" s="613"/>
      <c r="MTC680" s="613"/>
      <c r="MTD680" s="613"/>
      <c r="MTE680" s="613"/>
      <c r="MTF680" s="613"/>
      <c r="MTG680" s="613"/>
      <c r="MTH680" s="613"/>
      <c r="MTI680" s="613"/>
      <c r="MTJ680" s="613"/>
      <c r="MTK680" s="613"/>
      <c r="MTL680" s="613"/>
      <c r="MTM680" s="613"/>
      <c r="MTN680" s="613"/>
      <c r="MTO680" s="613"/>
      <c r="MTP680" s="613"/>
      <c r="MTQ680" s="613"/>
      <c r="MTR680" s="613"/>
      <c r="MTS680" s="613"/>
      <c r="MTT680" s="613"/>
      <c r="MTU680" s="613"/>
      <c r="MTV680" s="613"/>
      <c r="MTW680" s="613"/>
      <c r="MTX680" s="613"/>
      <c r="MTY680" s="613"/>
      <c r="MTZ680" s="613"/>
      <c r="MUA680" s="613"/>
      <c r="MUB680" s="613"/>
      <c r="MUC680" s="613"/>
      <c r="MUD680" s="613"/>
      <c r="MUE680" s="613"/>
      <c r="MUF680" s="613"/>
      <c r="MUG680" s="613"/>
      <c r="MUH680" s="613"/>
      <c r="MUI680" s="613"/>
      <c r="MUJ680" s="613"/>
      <c r="MUK680" s="613"/>
      <c r="MUL680" s="613"/>
      <c r="MUM680" s="613"/>
      <c r="MUN680" s="613"/>
      <c r="MUO680" s="613"/>
      <c r="MUP680" s="613"/>
      <c r="MUQ680" s="613"/>
      <c r="MUR680" s="613"/>
      <c r="MUS680" s="613"/>
      <c r="MUT680" s="613"/>
      <c r="MUU680" s="613"/>
      <c r="MUV680" s="613"/>
      <c r="MUW680" s="613"/>
      <c r="MUX680" s="613"/>
      <c r="MUY680" s="613"/>
      <c r="MUZ680" s="613"/>
      <c r="MVA680" s="613"/>
      <c r="MVB680" s="613"/>
      <c r="MVC680" s="613"/>
      <c r="MVD680" s="613"/>
      <c r="MVE680" s="613"/>
      <c r="MVF680" s="613"/>
      <c r="MVG680" s="613"/>
      <c r="MVH680" s="613"/>
      <c r="MVI680" s="613"/>
      <c r="MVJ680" s="613"/>
      <c r="MVK680" s="613"/>
      <c r="MVL680" s="613"/>
      <c r="MVM680" s="613"/>
      <c r="MVN680" s="613"/>
      <c r="MVO680" s="613"/>
      <c r="MVP680" s="613"/>
      <c r="MVQ680" s="613"/>
      <c r="MVR680" s="613"/>
      <c r="MVS680" s="613"/>
      <c r="MVT680" s="613"/>
      <c r="MVU680" s="613"/>
      <c r="MVV680" s="613"/>
      <c r="MVW680" s="613"/>
      <c r="MVX680" s="613"/>
      <c r="MVY680" s="613"/>
      <c r="MVZ680" s="613"/>
      <c r="MWA680" s="613"/>
      <c r="MWB680" s="613"/>
      <c r="MWC680" s="613"/>
      <c r="MWD680" s="613"/>
      <c r="MWE680" s="613"/>
      <c r="MWF680" s="613"/>
      <c r="MWG680" s="613"/>
      <c r="MWH680" s="613"/>
      <c r="MWI680" s="613"/>
      <c r="MWJ680" s="613"/>
      <c r="MWK680" s="613"/>
      <c r="MWL680" s="613"/>
      <c r="MWM680" s="613"/>
      <c r="MWN680" s="613"/>
      <c r="MWO680" s="613"/>
      <c r="MWP680" s="613"/>
      <c r="MWQ680" s="613"/>
      <c r="MWR680" s="613"/>
      <c r="MWS680" s="613"/>
      <c r="MWT680" s="613"/>
      <c r="MWU680" s="613"/>
      <c r="MWV680" s="613"/>
      <c r="MWW680" s="613"/>
      <c r="MWX680" s="613"/>
      <c r="MWY680" s="613"/>
      <c r="MWZ680" s="613"/>
      <c r="MXA680" s="613"/>
      <c r="MXB680" s="613"/>
      <c r="MXC680" s="613"/>
      <c r="MXD680" s="613"/>
      <c r="MXE680" s="613"/>
      <c r="MXF680" s="613"/>
      <c r="MXG680" s="613"/>
      <c r="MXH680" s="613"/>
      <c r="MXI680" s="613"/>
      <c r="MXJ680" s="613"/>
      <c r="MXK680" s="613"/>
      <c r="MXL680" s="613"/>
      <c r="MXM680" s="613"/>
      <c r="MXN680" s="613"/>
      <c r="MXO680" s="613"/>
      <c r="MXP680" s="613"/>
      <c r="MXQ680" s="613"/>
      <c r="MXR680" s="613"/>
      <c r="MXS680" s="613"/>
      <c r="MXT680" s="613"/>
      <c r="MXU680" s="613"/>
      <c r="MXV680" s="613"/>
      <c r="MXW680" s="613"/>
      <c r="MXX680" s="613"/>
      <c r="MXY680" s="613"/>
      <c r="MXZ680" s="613"/>
      <c r="MYA680" s="613"/>
      <c r="MYB680" s="613"/>
      <c r="MYC680" s="613"/>
      <c r="MYD680" s="613"/>
      <c r="MYE680" s="613"/>
      <c r="MYF680" s="613"/>
      <c r="MYG680" s="613"/>
      <c r="MYH680" s="613"/>
      <c r="MYI680" s="613"/>
      <c r="MYJ680" s="613"/>
      <c r="MYK680" s="613"/>
      <c r="MYL680" s="613"/>
      <c r="MYM680" s="613"/>
      <c r="MYN680" s="613"/>
      <c r="MYO680" s="613"/>
      <c r="MYP680" s="613"/>
      <c r="MYQ680" s="613"/>
      <c r="MYR680" s="613"/>
      <c r="MYS680" s="613"/>
      <c r="MYT680" s="613"/>
      <c r="MYU680" s="613"/>
      <c r="MYV680" s="613"/>
      <c r="MYW680" s="613"/>
      <c r="MYX680" s="613"/>
      <c r="MYY680" s="613"/>
      <c r="MYZ680" s="613"/>
      <c r="MZA680" s="613"/>
      <c r="MZB680" s="613"/>
      <c r="MZC680" s="613"/>
      <c r="MZD680" s="613"/>
      <c r="MZE680" s="613"/>
      <c r="MZF680" s="613"/>
      <c r="MZG680" s="613"/>
      <c r="MZH680" s="613"/>
      <c r="MZI680" s="613"/>
      <c r="MZJ680" s="613"/>
      <c r="MZK680" s="613"/>
      <c r="MZL680" s="613"/>
      <c r="MZM680" s="613"/>
      <c r="MZN680" s="613"/>
      <c r="MZO680" s="613"/>
      <c r="MZP680" s="613"/>
      <c r="MZQ680" s="613"/>
      <c r="MZR680" s="613"/>
      <c r="MZS680" s="613"/>
      <c r="MZT680" s="613"/>
      <c r="MZU680" s="613"/>
      <c r="MZV680" s="613"/>
      <c r="MZW680" s="613"/>
      <c r="MZX680" s="613"/>
      <c r="MZY680" s="613"/>
      <c r="MZZ680" s="613"/>
      <c r="NAA680" s="613"/>
      <c r="NAB680" s="613"/>
      <c r="NAC680" s="613"/>
      <c r="NAD680" s="613"/>
      <c r="NAE680" s="613"/>
      <c r="NAF680" s="613"/>
      <c r="NAG680" s="613"/>
      <c r="NAH680" s="613"/>
      <c r="NAI680" s="613"/>
      <c r="NAJ680" s="613"/>
      <c r="NAK680" s="613"/>
      <c r="NAL680" s="613"/>
      <c r="NAM680" s="613"/>
      <c r="NAN680" s="613"/>
      <c r="NAO680" s="613"/>
      <c r="NAP680" s="613"/>
      <c r="NAQ680" s="613"/>
      <c r="NAR680" s="613"/>
      <c r="NAS680" s="613"/>
      <c r="NAT680" s="613"/>
      <c r="NAU680" s="613"/>
      <c r="NAV680" s="613"/>
      <c r="NAW680" s="613"/>
      <c r="NAX680" s="613"/>
      <c r="NAY680" s="613"/>
      <c r="NAZ680" s="613"/>
      <c r="NBA680" s="613"/>
      <c r="NBB680" s="613"/>
      <c r="NBC680" s="613"/>
      <c r="NBD680" s="613"/>
      <c r="NBE680" s="613"/>
      <c r="NBF680" s="613"/>
      <c r="NBG680" s="613"/>
      <c r="NBH680" s="613"/>
      <c r="NBI680" s="613"/>
      <c r="NBJ680" s="613"/>
      <c r="NBK680" s="613"/>
      <c r="NBL680" s="613"/>
      <c r="NBM680" s="613"/>
      <c r="NBN680" s="613"/>
      <c r="NBO680" s="613"/>
      <c r="NBP680" s="613"/>
      <c r="NBQ680" s="613"/>
      <c r="NBR680" s="613"/>
      <c r="NBS680" s="613"/>
      <c r="NBT680" s="613"/>
      <c r="NBU680" s="613"/>
      <c r="NBV680" s="613"/>
      <c r="NBW680" s="613"/>
      <c r="NBX680" s="613"/>
      <c r="NBY680" s="613"/>
      <c r="NBZ680" s="613"/>
      <c r="NCA680" s="613"/>
      <c r="NCB680" s="613"/>
      <c r="NCC680" s="613"/>
      <c r="NCD680" s="613"/>
      <c r="NCE680" s="613"/>
      <c r="NCF680" s="613"/>
      <c r="NCG680" s="613"/>
      <c r="NCH680" s="613"/>
      <c r="NCI680" s="613"/>
      <c r="NCJ680" s="613"/>
      <c r="NCK680" s="613"/>
      <c r="NCL680" s="613"/>
      <c r="NCM680" s="613"/>
      <c r="NCN680" s="613"/>
      <c r="NCO680" s="613"/>
      <c r="NCP680" s="613"/>
      <c r="NCQ680" s="613"/>
      <c r="NCR680" s="613"/>
      <c r="NCS680" s="613"/>
      <c r="NCT680" s="613"/>
      <c r="NCU680" s="613"/>
      <c r="NCV680" s="613"/>
      <c r="NCW680" s="613"/>
      <c r="NCX680" s="613"/>
      <c r="NCY680" s="613"/>
      <c r="NCZ680" s="613"/>
      <c r="NDA680" s="613"/>
      <c r="NDB680" s="613"/>
      <c r="NDC680" s="613"/>
      <c r="NDD680" s="613"/>
      <c r="NDE680" s="613"/>
      <c r="NDF680" s="613"/>
      <c r="NDG680" s="613"/>
      <c r="NDH680" s="613"/>
      <c r="NDI680" s="613"/>
      <c r="NDJ680" s="613"/>
      <c r="NDK680" s="613"/>
      <c r="NDL680" s="613"/>
      <c r="NDM680" s="613"/>
      <c r="NDN680" s="613"/>
      <c r="NDO680" s="613"/>
      <c r="NDP680" s="613"/>
      <c r="NDQ680" s="613"/>
      <c r="NDR680" s="613"/>
      <c r="NDS680" s="613"/>
      <c r="NDT680" s="613"/>
      <c r="NDU680" s="613"/>
      <c r="NDV680" s="613"/>
      <c r="NDW680" s="613"/>
      <c r="NDX680" s="613"/>
      <c r="NDY680" s="613"/>
      <c r="NDZ680" s="613"/>
      <c r="NEA680" s="613"/>
      <c r="NEB680" s="613"/>
      <c r="NEC680" s="613"/>
      <c r="NED680" s="613"/>
      <c r="NEE680" s="613"/>
      <c r="NEF680" s="613"/>
      <c r="NEG680" s="613"/>
      <c r="NEH680" s="613"/>
      <c r="NEI680" s="613"/>
      <c r="NEJ680" s="613"/>
      <c r="NEK680" s="613"/>
      <c r="NEL680" s="613"/>
      <c r="NEM680" s="613"/>
      <c r="NEN680" s="613"/>
      <c r="NEO680" s="613"/>
      <c r="NEP680" s="613"/>
      <c r="NEQ680" s="613"/>
      <c r="NER680" s="613"/>
      <c r="NES680" s="613"/>
      <c r="NET680" s="613"/>
      <c r="NEU680" s="613"/>
      <c r="NEV680" s="613"/>
      <c r="NEW680" s="613"/>
      <c r="NEX680" s="613"/>
      <c r="NEY680" s="613"/>
      <c r="NEZ680" s="613"/>
      <c r="NFA680" s="613"/>
      <c r="NFB680" s="613"/>
      <c r="NFC680" s="613"/>
      <c r="NFD680" s="613"/>
      <c r="NFE680" s="613"/>
      <c r="NFF680" s="613"/>
      <c r="NFG680" s="613"/>
      <c r="NFH680" s="613"/>
      <c r="NFI680" s="613"/>
      <c r="NFJ680" s="613"/>
      <c r="NFK680" s="613"/>
      <c r="NFL680" s="613"/>
      <c r="NFM680" s="613"/>
      <c r="NFN680" s="613"/>
      <c r="NFO680" s="613"/>
      <c r="NFP680" s="613"/>
      <c r="NFQ680" s="613"/>
      <c r="NFR680" s="613"/>
      <c r="NFS680" s="613"/>
      <c r="NFT680" s="613"/>
      <c r="NFU680" s="613"/>
      <c r="NFV680" s="613"/>
      <c r="NFW680" s="613"/>
      <c r="NFX680" s="613"/>
      <c r="NFY680" s="613"/>
      <c r="NFZ680" s="613"/>
      <c r="NGA680" s="613"/>
      <c r="NGB680" s="613"/>
      <c r="NGC680" s="613"/>
      <c r="NGD680" s="613"/>
      <c r="NGE680" s="613"/>
      <c r="NGF680" s="613"/>
      <c r="NGG680" s="613"/>
      <c r="NGH680" s="613"/>
      <c r="NGI680" s="613"/>
      <c r="NGJ680" s="613"/>
      <c r="NGK680" s="613"/>
      <c r="NGL680" s="613"/>
      <c r="NGM680" s="613"/>
      <c r="NGN680" s="613"/>
      <c r="NGO680" s="613"/>
      <c r="NGP680" s="613"/>
      <c r="NGQ680" s="613"/>
      <c r="NGR680" s="613"/>
      <c r="NGS680" s="613"/>
      <c r="NGT680" s="613"/>
      <c r="NGU680" s="613"/>
      <c r="NGV680" s="613"/>
      <c r="NGW680" s="613"/>
      <c r="NGX680" s="613"/>
      <c r="NGY680" s="613"/>
      <c r="NGZ680" s="613"/>
      <c r="NHA680" s="613"/>
      <c r="NHB680" s="613"/>
      <c r="NHC680" s="613"/>
      <c r="NHD680" s="613"/>
      <c r="NHE680" s="613"/>
      <c r="NHF680" s="613"/>
      <c r="NHG680" s="613"/>
      <c r="NHH680" s="613"/>
      <c r="NHI680" s="613"/>
      <c r="NHJ680" s="613"/>
      <c r="NHK680" s="613"/>
      <c r="NHL680" s="613"/>
      <c r="NHM680" s="613"/>
      <c r="NHN680" s="613"/>
      <c r="NHO680" s="613"/>
      <c r="NHP680" s="613"/>
      <c r="NHQ680" s="613"/>
      <c r="NHR680" s="613"/>
      <c r="NHS680" s="613"/>
      <c r="NHT680" s="613"/>
      <c r="NHU680" s="613"/>
      <c r="NHV680" s="613"/>
      <c r="NHW680" s="613"/>
      <c r="NHX680" s="613"/>
      <c r="NHY680" s="613"/>
      <c r="NHZ680" s="613"/>
      <c r="NIA680" s="613"/>
      <c r="NIB680" s="613"/>
      <c r="NIC680" s="613"/>
      <c r="NID680" s="613"/>
      <c r="NIE680" s="613"/>
      <c r="NIF680" s="613"/>
      <c r="NIG680" s="613"/>
      <c r="NIH680" s="613"/>
      <c r="NII680" s="613"/>
      <c r="NIJ680" s="613"/>
      <c r="NIK680" s="613"/>
      <c r="NIL680" s="613"/>
      <c r="NIM680" s="613"/>
      <c r="NIN680" s="613"/>
      <c r="NIO680" s="613"/>
      <c r="NIP680" s="613"/>
      <c r="NIQ680" s="613"/>
      <c r="NIR680" s="613"/>
      <c r="NIS680" s="613"/>
      <c r="NIT680" s="613"/>
      <c r="NIU680" s="613"/>
      <c r="NIV680" s="613"/>
      <c r="NIW680" s="613"/>
      <c r="NIX680" s="613"/>
      <c r="NIY680" s="613"/>
      <c r="NIZ680" s="613"/>
      <c r="NJA680" s="613"/>
      <c r="NJB680" s="613"/>
      <c r="NJC680" s="613"/>
      <c r="NJD680" s="613"/>
      <c r="NJE680" s="613"/>
      <c r="NJF680" s="613"/>
      <c r="NJG680" s="613"/>
      <c r="NJH680" s="613"/>
      <c r="NJI680" s="613"/>
      <c r="NJJ680" s="613"/>
      <c r="NJK680" s="613"/>
      <c r="NJL680" s="613"/>
      <c r="NJM680" s="613"/>
      <c r="NJN680" s="613"/>
      <c r="NJO680" s="613"/>
      <c r="NJP680" s="613"/>
      <c r="NJQ680" s="613"/>
      <c r="NJR680" s="613"/>
      <c r="NJS680" s="613"/>
      <c r="NJT680" s="613"/>
      <c r="NJU680" s="613"/>
      <c r="NJV680" s="613"/>
      <c r="NJW680" s="613"/>
      <c r="NJX680" s="613"/>
      <c r="NJY680" s="613"/>
      <c r="NJZ680" s="613"/>
      <c r="NKA680" s="613"/>
      <c r="NKB680" s="613"/>
      <c r="NKC680" s="613"/>
      <c r="NKD680" s="613"/>
      <c r="NKE680" s="613"/>
      <c r="NKF680" s="613"/>
      <c r="NKG680" s="613"/>
      <c r="NKH680" s="613"/>
      <c r="NKI680" s="613"/>
      <c r="NKJ680" s="613"/>
      <c r="NKK680" s="613"/>
      <c r="NKL680" s="613"/>
      <c r="NKM680" s="613"/>
      <c r="NKN680" s="613"/>
      <c r="NKO680" s="613"/>
      <c r="NKP680" s="613"/>
      <c r="NKQ680" s="613"/>
      <c r="NKR680" s="613"/>
      <c r="NKS680" s="613"/>
      <c r="NKT680" s="613"/>
      <c r="NKU680" s="613"/>
      <c r="NKV680" s="613"/>
      <c r="NKW680" s="613"/>
      <c r="NKX680" s="613"/>
      <c r="NKY680" s="613"/>
      <c r="NKZ680" s="613"/>
      <c r="NLA680" s="613"/>
      <c r="NLB680" s="613"/>
      <c r="NLC680" s="613"/>
      <c r="NLD680" s="613"/>
      <c r="NLE680" s="613"/>
      <c r="NLF680" s="613"/>
      <c r="NLG680" s="613"/>
      <c r="NLH680" s="613"/>
      <c r="NLI680" s="613"/>
      <c r="NLJ680" s="613"/>
      <c r="NLK680" s="613"/>
      <c r="NLL680" s="613"/>
      <c r="NLM680" s="613"/>
      <c r="NLN680" s="613"/>
      <c r="NLO680" s="613"/>
      <c r="NLP680" s="613"/>
      <c r="NLQ680" s="613"/>
      <c r="NLR680" s="613"/>
      <c r="NLS680" s="613"/>
      <c r="NLT680" s="613"/>
      <c r="NLU680" s="613"/>
      <c r="NLV680" s="613"/>
      <c r="NLW680" s="613"/>
      <c r="NLX680" s="613"/>
      <c r="NLY680" s="613"/>
      <c r="NLZ680" s="613"/>
      <c r="NMA680" s="613"/>
      <c r="NMB680" s="613"/>
      <c r="NMC680" s="613"/>
      <c r="NMD680" s="613"/>
      <c r="NME680" s="613"/>
      <c r="NMF680" s="613"/>
      <c r="NMG680" s="613"/>
      <c r="NMH680" s="613"/>
      <c r="NMI680" s="613"/>
      <c r="NMJ680" s="613"/>
      <c r="NMK680" s="613"/>
      <c r="NML680" s="613"/>
      <c r="NMM680" s="613"/>
      <c r="NMN680" s="613"/>
      <c r="NMO680" s="613"/>
      <c r="NMP680" s="613"/>
      <c r="NMQ680" s="613"/>
      <c r="NMR680" s="613"/>
      <c r="NMS680" s="613"/>
      <c r="NMT680" s="613"/>
      <c r="NMU680" s="613"/>
      <c r="NMV680" s="613"/>
      <c r="NMW680" s="613"/>
      <c r="NMX680" s="613"/>
      <c r="NMY680" s="613"/>
      <c r="NMZ680" s="613"/>
      <c r="NNA680" s="613"/>
      <c r="NNB680" s="613"/>
      <c r="NNC680" s="613"/>
      <c r="NND680" s="613"/>
      <c r="NNE680" s="613"/>
      <c r="NNF680" s="613"/>
      <c r="NNG680" s="613"/>
      <c r="NNH680" s="613"/>
      <c r="NNI680" s="613"/>
      <c r="NNJ680" s="613"/>
      <c r="NNK680" s="613"/>
      <c r="NNL680" s="613"/>
      <c r="NNM680" s="613"/>
      <c r="NNN680" s="613"/>
      <c r="NNO680" s="613"/>
      <c r="NNP680" s="613"/>
      <c r="NNQ680" s="613"/>
      <c r="NNR680" s="613"/>
      <c r="NNS680" s="613"/>
      <c r="NNT680" s="613"/>
      <c r="NNU680" s="613"/>
      <c r="NNV680" s="613"/>
      <c r="NNW680" s="613"/>
      <c r="NNX680" s="613"/>
      <c r="NNY680" s="613"/>
      <c r="NNZ680" s="613"/>
      <c r="NOA680" s="613"/>
      <c r="NOB680" s="613"/>
      <c r="NOC680" s="613"/>
      <c r="NOD680" s="613"/>
      <c r="NOE680" s="613"/>
      <c r="NOF680" s="613"/>
      <c r="NOG680" s="613"/>
      <c r="NOH680" s="613"/>
      <c r="NOI680" s="613"/>
      <c r="NOJ680" s="613"/>
      <c r="NOK680" s="613"/>
      <c r="NOL680" s="613"/>
      <c r="NOM680" s="613"/>
      <c r="NON680" s="613"/>
      <c r="NOO680" s="613"/>
      <c r="NOP680" s="613"/>
      <c r="NOQ680" s="613"/>
      <c r="NOR680" s="613"/>
      <c r="NOS680" s="613"/>
      <c r="NOT680" s="613"/>
      <c r="NOU680" s="613"/>
      <c r="NOV680" s="613"/>
      <c r="NOW680" s="613"/>
      <c r="NOX680" s="613"/>
      <c r="NOY680" s="613"/>
      <c r="NOZ680" s="613"/>
      <c r="NPA680" s="613"/>
      <c r="NPB680" s="613"/>
      <c r="NPC680" s="613"/>
      <c r="NPD680" s="613"/>
      <c r="NPE680" s="613"/>
      <c r="NPF680" s="613"/>
      <c r="NPG680" s="613"/>
      <c r="NPH680" s="613"/>
      <c r="NPI680" s="613"/>
      <c r="NPJ680" s="613"/>
      <c r="NPK680" s="613"/>
      <c r="NPL680" s="613"/>
      <c r="NPM680" s="613"/>
      <c r="NPN680" s="613"/>
      <c r="NPO680" s="613"/>
      <c r="NPP680" s="613"/>
      <c r="NPQ680" s="613"/>
      <c r="NPR680" s="613"/>
      <c r="NPS680" s="613"/>
      <c r="NPT680" s="613"/>
      <c r="NPU680" s="613"/>
      <c r="NPV680" s="613"/>
      <c r="NPW680" s="613"/>
      <c r="NPX680" s="613"/>
      <c r="NPY680" s="613"/>
      <c r="NPZ680" s="613"/>
      <c r="NQA680" s="613"/>
      <c r="NQB680" s="613"/>
      <c r="NQC680" s="613"/>
      <c r="NQD680" s="613"/>
      <c r="NQE680" s="613"/>
      <c r="NQF680" s="613"/>
      <c r="NQG680" s="613"/>
      <c r="NQH680" s="613"/>
      <c r="NQI680" s="613"/>
      <c r="NQJ680" s="613"/>
      <c r="NQK680" s="613"/>
      <c r="NQL680" s="613"/>
      <c r="NQM680" s="613"/>
      <c r="NQN680" s="613"/>
      <c r="NQO680" s="613"/>
      <c r="NQP680" s="613"/>
      <c r="NQQ680" s="613"/>
      <c r="NQR680" s="613"/>
      <c r="NQS680" s="613"/>
      <c r="NQT680" s="613"/>
      <c r="NQU680" s="613"/>
      <c r="NQV680" s="613"/>
      <c r="NQW680" s="613"/>
      <c r="NQX680" s="613"/>
      <c r="NQY680" s="613"/>
      <c r="NQZ680" s="613"/>
      <c r="NRA680" s="613"/>
      <c r="NRB680" s="613"/>
      <c r="NRC680" s="613"/>
      <c r="NRD680" s="613"/>
      <c r="NRE680" s="613"/>
      <c r="NRF680" s="613"/>
      <c r="NRG680" s="613"/>
      <c r="NRH680" s="613"/>
      <c r="NRI680" s="613"/>
      <c r="NRJ680" s="613"/>
      <c r="NRK680" s="613"/>
      <c r="NRL680" s="613"/>
      <c r="NRM680" s="613"/>
      <c r="NRN680" s="613"/>
      <c r="NRO680" s="613"/>
      <c r="NRP680" s="613"/>
      <c r="NRQ680" s="613"/>
      <c r="NRR680" s="613"/>
      <c r="NRS680" s="613"/>
      <c r="NRT680" s="613"/>
      <c r="NRU680" s="613"/>
      <c r="NRV680" s="613"/>
      <c r="NRW680" s="613"/>
      <c r="NRX680" s="613"/>
      <c r="NRY680" s="613"/>
      <c r="NRZ680" s="613"/>
      <c r="NSA680" s="613"/>
      <c r="NSB680" s="613"/>
      <c r="NSC680" s="613"/>
      <c r="NSD680" s="613"/>
      <c r="NSE680" s="613"/>
      <c r="NSF680" s="613"/>
      <c r="NSG680" s="613"/>
      <c r="NSH680" s="613"/>
      <c r="NSI680" s="613"/>
      <c r="NSJ680" s="613"/>
      <c r="NSK680" s="613"/>
      <c r="NSL680" s="613"/>
      <c r="NSM680" s="613"/>
      <c r="NSN680" s="613"/>
      <c r="NSO680" s="613"/>
      <c r="NSP680" s="613"/>
      <c r="NSQ680" s="613"/>
      <c r="NSR680" s="613"/>
      <c r="NSS680" s="613"/>
      <c r="NST680" s="613"/>
      <c r="NSU680" s="613"/>
      <c r="NSV680" s="613"/>
      <c r="NSW680" s="613"/>
      <c r="NSX680" s="613"/>
      <c r="NSY680" s="613"/>
      <c r="NSZ680" s="613"/>
      <c r="NTA680" s="613"/>
      <c r="NTB680" s="613"/>
      <c r="NTC680" s="613"/>
      <c r="NTD680" s="613"/>
      <c r="NTE680" s="613"/>
      <c r="NTF680" s="613"/>
      <c r="NTG680" s="613"/>
      <c r="NTH680" s="613"/>
      <c r="NTI680" s="613"/>
      <c r="NTJ680" s="613"/>
      <c r="NTK680" s="613"/>
      <c r="NTL680" s="613"/>
      <c r="NTM680" s="613"/>
      <c r="NTN680" s="613"/>
      <c r="NTO680" s="613"/>
      <c r="NTP680" s="613"/>
      <c r="NTQ680" s="613"/>
      <c r="NTR680" s="613"/>
      <c r="NTS680" s="613"/>
      <c r="NTT680" s="613"/>
      <c r="NTU680" s="613"/>
      <c r="NTV680" s="613"/>
      <c r="NTW680" s="613"/>
      <c r="NTX680" s="613"/>
      <c r="NTY680" s="613"/>
      <c r="NTZ680" s="613"/>
      <c r="NUA680" s="613"/>
      <c r="NUB680" s="613"/>
      <c r="NUC680" s="613"/>
      <c r="NUD680" s="613"/>
      <c r="NUE680" s="613"/>
      <c r="NUF680" s="613"/>
      <c r="NUG680" s="613"/>
      <c r="NUH680" s="613"/>
      <c r="NUI680" s="613"/>
      <c r="NUJ680" s="613"/>
      <c r="NUK680" s="613"/>
      <c r="NUL680" s="613"/>
      <c r="NUM680" s="613"/>
      <c r="NUN680" s="613"/>
      <c r="NUO680" s="613"/>
      <c r="NUP680" s="613"/>
      <c r="NUQ680" s="613"/>
      <c r="NUR680" s="613"/>
      <c r="NUS680" s="613"/>
      <c r="NUT680" s="613"/>
      <c r="NUU680" s="613"/>
      <c r="NUV680" s="613"/>
      <c r="NUW680" s="613"/>
      <c r="NUX680" s="613"/>
      <c r="NUY680" s="613"/>
      <c r="NUZ680" s="613"/>
      <c r="NVA680" s="613"/>
      <c r="NVB680" s="613"/>
      <c r="NVC680" s="613"/>
      <c r="NVD680" s="613"/>
      <c r="NVE680" s="613"/>
      <c r="NVF680" s="613"/>
      <c r="NVG680" s="613"/>
      <c r="NVH680" s="613"/>
      <c r="NVI680" s="613"/>
      <c r="NVJ680" s="613"/>
      <c r="NVK680" s="613"/>
      <c r="NVL680" s="613"/>
      <c r="NVM680" s="613"/>
      <c r="NVN680" s="613"/>
      <c r="NVO680" s="613"/>
      <c r="NVP680" s="613"/>
      <c r="NVQ680" s="613"/>
      <c r="NVR680" s="613"/>
      <c r="NVS680" s="613"/>
      <c r="NVT680" s="613"/>
      <c r="NVU680" s="613"/>
      <c r="NVV680" s="613"/>
      <c r="NVW680" s="613"/>
      <c r="NVX680" s="613"/>
      <c r="NVY680" s="613"/>
      <c r="NVZ680" s="613"/>
      <c r="NWA680" s="613"/>
      <c r="NWB680" s="613"/>
      <c r="NWC680" s="613"/>
      <c r="NWD680" s="613"/>
      <c r="NWE680" s="613"/>
      <c r="NWF680" s="613"/>
      <c r="NWG680" s="613"/>
      <c r="NWH680" s="613"/>
      <c r="NWI680" s="613"/>
      <c r="NWJ680" s="613"/>
      <c r="NWK680" s="613"/>
      <c r="NWL680" s="613"/>
      <c r="NWM680" s="613"/>
      <c r="NWN680" s="613"/>
      <c r="NWO680" s="613"/>
      <c r="NWP680" s="613"/>
      <c r="NWQ680" s="613"/>
      <c r="NWR680" s="613"/>
      <c r="NWS680" s="613"/>
      <c r="NWT680" s="613"/>
      <c r="NWU680" s="613"/>
      <c r="NWV680" s="613"/>
      <c r="NWW680" s="613"/>
      <c r="NWX680" s="613"/>
      <c r="NWY680" s="613"/>
      <c r="NWZ680" s="613"/>
      <c r="NXA680" s="613"/>
      <c r="NXB680" s="613"/>
      <c r="NXC680" s="613"/>
      <c r="NXD680" s="613"/>
      <c r="NXE680" s="613"/>
      <c r="NXF680" s="613"/>
      <c r="NXG680" s="613"/>
      <c r="NXH680" s="613"/>
      <c r="NXI680" s="613"/>
      <c r="NXJ680" s="613"/>
      <c r="NXK680" s="613"/>
      <c r="NXL680" s="613"/>
      <c r="NXM680" s="613"/>
      <c r="NXN680" s="613"/>
      <c r="NXO680" s="613"/>
      <c r="NXP680" s="613"/>
      <c r="NXQ680" s="613"/>
      <c r="NXR680" s="613"/>
      <c r="NXS680" s="613"/>
      <c r="NXT680" s="613"/>
      <c r="NXU680" s="613"/>
      <c r="NXV680" s="613"/>
      <c r="NXW680" s="613"/>
      <c r="NXX680" s="613"/>
      <c r="NXY680" s="613"/>
      <c r="NXZ680" s="613"/>
      <c r="NYA680" s="613"/>
      <c r="NYB680" s="613"/>
      <c r="NYC680" s="613"/>
      <c r="NYD680" s="613"/>
      <c r="NYE680" s="613"/>
      <c r="NYF680" s="613"/>
      <c r="NYG680" s="613"/>
      <c r="NYH680" s="613"/>
      <c r="NYI680" s="613"/>
      <c r="NYJ680" s="613"/>
      <c r="NYK680" s="613"/>
      <c r="NYL680" s="613"/>
      <c r="NYM680" s="613"/>
      <c r="NYN680" s="613"/>
      <c r="NYO680" s="613"/>
      <c r="NYP680" s="613"/>
      <c r="NYQ680" s="613"/>
      <c r="NYR680" s="613"/>
      <c r="NYS680" s="613"/>
      <c r="NYT680" s="613"/>
      <c r="NYU680" s="613"/>
      <c r="NYV680" s="613"/>
      <c r="NYW680" s="613"/>
      <c r="NYX680" s="613"/>
      <c r="NYY680" s="613"/>
      <c r="NYZ680" s="613"/>
      <c r="NZA680" s="613"/>
      <c r="NZB680" s="613"/>
      <c r="NZC680" s="613"/>
      <c r="NZD680" s="613"/>
      <c r="NZE680" s="613"/>
      <c r="NZF680" s="613"/>
      <c r="NZG680" s="613"/>
      <c r="NZH680" s="613"/>
      <c r="NZI680" s="613"/>
      <c r="NZJ680" s="613"/>
      <c r="NZK680" s="613"/>
      <c r="NZL680" s="613"/>
      <c r="NZM680" s="613"/>
      <c r="NZN680" s="613"/>
      <c r="NZO680" s="613"/>
      <c r="NZP680" s="613"/>
      <c r="NZQ680" s="613"/>
      <c r="NZR680" s="613"/>
      <c r="NZS680" s="613"/>
      <c r="NZT680" s="613"/>
      <c r="NZU680" s="613"/>
      <c r="NZV680" s="613"/>
      <c r="NZW680" s="613"/>
      <c r="NZX680" s="613"/>
      <c r="NZY680" s="613"/>
      <c r="NZZ680" s="613"/>
      <c r="OAA680" s="613"/>
      <c r="OAB680" s="613"/>
      <c r="OAC680" s="613"/>
      <c r="OAD680" s="613"/>
      <c r="OAE680" s="613"/>
      <c r="OAF680" s="613"/>
      <c r="OAG680" s="613"/>
      <c r="OAH680" s="613"/>
      <c r="OAI680" s="613"/>
      <c r="OAJ680" s="613"/>
      <c r="OAK680" s="613"/>
      <c r="OAL680" s="613"/>
      <c r="OAM680" s="613"/>
      <c r="OAN680" s="613"/>
      <c r="OAO680" s="613"/>
      <c r="OAP680" s="613"/>
      <c r="OAQ680" s="613"/>
      <c r="OAR680" s="613"/>
      <c r="OAS680" s="613"/>
      <c r="OAT680" s="613"/>
      <c r="OAU680" s="613"/>
      <c r="OAV680" s="613"/>
      <c r="OAW680" s="613"/>
      <c r="OAX680" s="613"/>
      <c r="OAY680" s="613"/>
      <c r="OAZ680" s="613"/>
      <c r="OBA680" s="613"/>
      <c r="OBB680" s="613"/>
      <c r="OBC680" s="613"/>
      <c r="OBD680" s="613"/>
      <c r="OBE680" s="613"/>
      <c r="OBF680" s="613"/>
      <c r="OBG680" s="613"/>
      <c r="OBH680" s="613"/>
      <c r="OBI680" s="613"/>
      <c r="OBJ680" s="613"/>
      <c r="OBK680" s="613"/>
      <c r="OBL680" s="613"/>
      <c r="OBM680" s="613"/>
      <c r="OBN680" s="613"/>
      <c r="OBO680" s="613"/>
      <c r="OBP680" s="613"/>
      <c r="OBQ680" s="613"/>
      <c r="OBR680" s="613"/>
      <c r="OBS680" s="613"/>
      <c r="OBT680" s="613"/>
      <c r="OBU680" s="613"/>
      <c r="OBV680" s="613"/>
      <c r="OBW680" s="613"/>
      <c r="OBX680" s="613"/>
      <c r="OBY680" s="613"/>
      <c r="OBZ680" s="613"/>
      <c r="OCA680" s="613"/>
      <c r="OCB680" s="613"/>
      <c r="OCC680" s="613"/>
      <c r="OCD680" s="613"/>
      <c r="OCE680" s="613"/>
      <c r="OCF680" s="613"/>
      <c r="OCG680" s="613"/>
      <c r="OCH680" s="613"/>
      <c r="OCI680" s="613"/>
      <c r="OCJ680" s="613"/>
      <c r="OCK680" s="613"/>
      <c r="OCL680" s="613"/>
      <c r="OCM680" s="613"/>
      <c r="OCN680" s="613"/>
      <c r="OCO680" s="613"/>
      <c r="OCP680" s="613"/>
      <c r="OCQ680" s="613"/>
      <c r="OCR680" s="613"/>
      <c r="OCS680" s="613"/>
      <c r="OCT680" s="613"/>
      <c r="OCU680" s="613"/>
      <c r="OCV680" s="613"/>
      <c r="OCW680" s="613"/>
      <c r="OCX680" s="613"/>
      <c r="OCY680" s="613"/>
      <c r="OCZ680" s="613"/>
      <c r="ODA680" s="613"/>
      <c r="ODB680" s="613"/>
      <c r="ODC680" s="613"/>
      <c r="ODD680" s="613"/>
      <c r="ODE680" s="613"/>
      <c r="ODF680" s="613"/>
      <c r="ODG680" s="613"/>
      <c r="ODH680" s="613"/>
      <c r="ODI680" s="613"/>
      <c r="ODJ680" s="613"/>
      <c r="ODK680" s="613"/>
      <c r="ODL680" s="613"/>
      <c r="ODM680" s="613"/>
      <c r="ODN680" s="613"/>
      <c r="ODO680" s="613"/>
      <c r="ODP680" s="613"/>
      <c r="ODQ680" s="613"/>
      <c r="ODR680" s="613"/>
      <c r="ODS680" s="613"/>
      <c r="ODT680" s="613"/>
      <c r="ODU680" s="613"/>
      <c r="ODV680" s="613"/>
      <c r="ODW680" s="613"/>
      <c r="ODX680" s="613"/>
      <c r="ODY680" s="613"/>
      <c r="ODZ680" s="613"/>
      <c r="OEA680" s="613"/>
      <c r="OEB680" s="613"/>
      <c r="OEC680" s="613"/>
      <c r="OED680" s="613"/>
      <c r="OEE680" s="613"/>
      <c r="OEF680" s="613"/>
      <c r="OEG680" s="613"/>
      <c r="OEH680" s="613"/>
      <c r="OEI680" s="613"/>
      <c r="OEJ680" s="613"/>
      <c r="OEK680" s="613"/>
      <c r="OEL680" s="613"/>
      <c r="OEM680" s="613"/>
      <c r="OEN680" s="613"/>
      <c r="OEO680" s="613"/>
      <c r="OEP680" s="613"/>
      <c r="OEQ680" s="613"/>
      <c r="OER680" s="613"/>
      <c r="OES680" s="613"/>
      <c r="OET680" s="613"/>
      <c r="OEU680" s="613"/>
      <c r="OEV680" s="613"/>
      <c r="OEW680" s="613"/>
      <c r="OEX680" s="613"/>
      <c r="OEY680" s="613"/>
      <c r="OEZ680" s="613"/>
      <c r="OFA680" s="613"/>
      <c r="OFB680" s="613"/>
      <c r="OFC680" s="613"/>
      <c r="OFD680" s="613"/>
      <c r="OFE680" s="613"/>
      <c r="OFF680" s="613"/>
      <c r="OFG680" s="613"/>
      <c r="OFH680" s="613"/>
      <c r="OFI680" s="613"/>
      <c r="OFJ680" s="613"/>
      <c r="OFK680" s="613"/>
      <c r="OFL680" s="613"/>
      <c r="OFM680" s="613"/>
      <c r="OFN680" s="613"/>
      <c r="OFO680" s="613"/>
      <c r="OFP680" s="613"/>
      <c r="OFQ680" s="613"/>
      <c r="OFR680" s="613"/>
      <c r="OFS680" s="613"/>
      <c r="OFT680" s="613"/>
      <c r="OFU680" s="613"/>
      <c r="OFV680" s="613"/>
      <c r="OFW680" s="613"/>
      <c r="OFX680" s="613"/>
      <c r="OFY680" s="613"/>
      <c r="OFZ680" s="613"/>
      <c r="OGA680" s="613"/>
      <c r="OGB680" s="613"/>
      <c r="OGC680" s="613"/>
      <c r="OGD680" s="613"/>
      <c r="OGE680" s="613"/>
      <c r="OGF680" s="613"/>
      <c r="OGG680" s="613"/>
      <c r="OGH680" s="613"/>
      <c r="OGI680" s="613"/>
      <c r="OGJ680" s="613"/>
      <c r="OGK680" s="613"/>
      <c r="OGL680" s="613"/>
      <c r="OGM680" s="613"/>
      <c r="OGN680" s="613"/>
      <c r="OGO680" s="613"/>
      <c r="OGP680" s="613"/>
      <c r="OGQ680" s="613"/>
      <c r="OGR680" s="613"/>
      <c r="OGS680" s="613"/>
      <c r="OGT680" s="613"/>
      <c r="OGU680" s="613"/>
      <c r="OGV680" s="613"/>
      <c r="OGW680" s="613"/>
      <c r="OGX680" s="613"/>
      <c r="OGY680" s="613"/>
      <c r="OGZ680" s="613"/>
      <c r="OHA680" s="613"/>
      <c r="OHB680" s="613"/>
      <c r="OHC680" s="613"/>
      <c r="OHD680" s="613"/>
      <c r="OHE680" s="613"/>
      <c r="OHF680" s="613"/>
      <c r="OHG680" s="613"/>
      <c r="OHH680" s="613"/>
      <c r="OHI680" s="613"/>
      <c r="OHJ680" s="613"/>
      <c r="OHK680" s="613"/>
      <c r="OHL680" s="613"/>
      <c r="OHM680" s="613"/>
      <c r="OHN680" s="613"/>
      <c r="OHO680" s="613"/>
      <c r="OHP680" s="613"/>
      <c r="OHQ680" s="613"/>
      <c r="OHR680" s="613"/>
      <c r="OHS680" s="613"/>
      <c r="OHT680" s="613"/>
      <c r="OHU680" s="613"/>
      <c r="OHV680" s="613"/>
      <c r="OHW680" s="613"/>
      <c r="OHX680" s="613"/>
      <c r="OHY680" s="613"/>
      <c r="OHZ680" s="613"/>
      <c r="OIA680" s="613"/>
      <c r="OIB680" s="613"/>
      <c r="OIC680" s="613"/>
      <c r="OID680" s="613"/>
      <c r="OIE680" s="613"/>
      <c r="OIF680" s="613"/>
      <c r="OIG680" s="613"/>
      <c r="OIH680" s="613"/>
      <c r="OII680" s="613"/>
      <c r="OIJ680" s="613"/>
      <c r="OIK680" s="613"/>
      <c r="OIL680" s="613"/>
      <c r="OIM680" s="613"/>
      <c r="OIN680" s="613"/>
      <c r="OIO680" s="613"/>
      <c r="OIP680" s="613"/>
      <c r="OIQ680" s="613"/>
      <c r="OIR680" s="613"/>
      <c r="OIS680" s="613"/>
      <c r="OIT680" s="613"/>
      <c r="OIU680" s="613"/>
      <c r="OIV680" s="613"/>
      <c r="OIW680" s="613"/>
      <c r="OIX680" s="613"/>
      <c r="OIY680" s="613"/>
      <c r="OIZ680" s="613"/>
      <c r="OJA680" s="613"/>
      <c r="OJB680" s="613"/>
      <c r="OJC680" s="613"/>
      <c r="OJD680" s="613"/>
      <c r="OJE680" s="613"/>
      <c r="OJF680" s="613"/>
      <c r="OJG680" s="613"/>
      <c r="OJH680" s="613"/>
      <c r="OJI680" s="613"/>
      <c r="OJJ680" s="613"/>
      <c r="OJK680" s="613"/>
      <c r="OJL680" s="613"/>
      <c r="OJM680" s="613"/>
      <c r="OJN680" s="613"/>
      <c r="OJO680" s="613"/>
      <c r="OJP680" s="613"/>
      <c r="OJQ680" s="613"/>
      <c r="OJR680" s="613"/>
      <c r="OJS680" s="613"/>
      <c r="OJT680" s="613"/>
      <c r="OJU680" s="613"/>
      <c r="OJV680" s="613"/>
      <c r="OJW680" s="613"/>
      <c r="OJX680" s="613"/>
      <c r="OJY680" s="613"/>
      <c r="OJZ680" s="613"/>
      <c r="OKA680" s="613"/>
      <c r="OKB680" s="613"/>
      <c r="OKC680" s="613"/>
      <c r="OKD680" s="613"/>
      <c r="OKE680" s="613"/>
      <c r="OKF680" s="613"/>
      <c r="OKG680" s="613"/>
      <c r="OKH680" s="613"/>
      <c r="OKI680" s="613"/>
      <c r="OKJ680" s="613"/>
      <c r="OKK680" s="613"/>
      <c r="OKL680" s="613"/>
      <c r="OKM680" s="613"/>
      <c r="OKN680" s="613"/>
      <c r="OKO680" s="613"/>
      <c r="OKP680" s="613"/>
      <c r="OKQ680" s="613"/>
      <c r="OKR680" s="613"/>
      <c r="OKS680" s="613"/>
      <c r="OKT680" s="613"/>
      <c r="OKU680" s="613"/>
      <c r="OKV680" s="613"/>
      <c r="OKW680" s="613"/>
      <c r="OKX680" s="613"/>
      <c r="OKY680" s="613"/>
      <c r="OKZ680" s="613"/>
      <c r="OLA680" s="613"/>
      <c r="OLB680" s="613"/>
      <c r="OLC680" s="613"/>
      <c r="OLD680" s="613"/>
      <c r="OLE680" s="613"/>
      <c r="OLF680" s="613"/>
      <c r="OLG680" s="613"/>
      <c r="OLH680" s="613"/>
      <c r="OLI680" s="613"/>
      <c r="OLJ680" s="613"/>
      <c r="OLK680" s="613"/>
      <c r="OLL680" s="613"/>
      <c r="OLM680" s="613"/>
      <c r="OLN680" s="613"/>
      <c r="OLO680" s="613"/>
      <c r="OLP680" s="613"/>
      <c r="OLQ680" s="613"/>
      <c r="OLR680" s="613"/>
      <c r="OLS680" s="613"/>
      <c r="OLT680" s="613"/>
      <c r="OLU680" s="613"/>
      <c r="OLV680" s="613"/>
      <c r="OLW680" s="613"/>
      <c r="OLX680" s="613"/>
      <c r="OLY680" s="613"/>
      <c r="OLZ680" s="613"/>
      <c r="OMA680" s="613"/>
      <c r="OMB680" s="613"/>
      <c r="OMC680" s="613"/>
      <c r="OMD680" s="613"/>
      <c r="OME680" s="613"/>
      <c r="OMF680" s="613"/>
      <c r="OMG680" s="613"/>
      <c r="OMH680" s="613"/>
      <c r="OMI680" s="613"/>
      <c r="OMJ680" s="613"/>
      <c r="OMK680" s="613"/>
      <c r="OML680" s="613"/>
      <c r="OMM680" s="613"/>
      <c r="OMN680" s="613"/>
      <c r="OMO680" s="613"/>
      <c r="OMP680" s="613"/>
      <c r="OMQ680" s="613"/>
      <c r="OMR680" s="613"/>
      <c r="OMS680" s="613"/>
      <c r="OMT680" s="613"/>
      <c r="OMU680" s="613"/>
      <c r="OMV680" s="613"/>
      <c r="OMW680" s="613"/>
      <c r="OMX680" s="613"/>
      <c r="OMY680" s="613"/>
      <c r="OMZ680" s="613"/>
      <c r="ONA680" s="613"/>
      <c r="ONB680" s="613"/>
      <c r="ONC680" s="613"/>
      <c r="OND680" s="613"/>
      <c r="ONE680" s="613"/>
      <c r="ONF680" s="613"/>
      <c r="ONG680" s="613"/>
      <c r="ONH680" s="613"/>
      <c r="ONI680" s="613"/>
      <c r="ONJ680" s="613"/>
      <c r="ONK680" s="613"/>
      <c r="ONL680" s="613"/>
      <c r="ONM680" s="613"/>
      <c r="ONN680" s="613"/>
      <c r="ONO680" s="613"/>
      <c r="ONP680" s="613"/>
      <c r="ONQ680" s="613"/>
      <c r="ONR680" s="613"/>
      <c r="ONS680" s="613"/>
      <c r="ONT680" s="613"/>
      <c r="ONU680" s="613"/>
      <c r="ONV680" s="613"/>
      <c r="ONW680" s="613"/>
      <c r="ONX680" s="613"/>
      <c r="ONY680" s="613"/>
      <c r="ONZ680" s="613"/>
      <c r="OOA680" s="613"/>
      <c r="OOB680" s="613"/>
      <c r="OOC680" s="613"/>
      <c r="OOD680" s="613"/>
      <c r="OOE680" s="613"/>
      <c r="OOF680" s="613"/>
      <c r="OOG680" s="613"/>
      <c r="OOH680" s="613"/>
      <c r="OOI680" s="613"/>
      <c r="OOJ680" s="613"/>
      <c r="OOK680" s="613"/>
      <c r="OOL680" s="613"/>
      <c r="OOM680" s="613"/>
      <c r="OON680" s="613"/>
      <c r="OOO680" s="613"/>
      <c r="OOP680" s="613"/>
      <c r="OOQ680" s="613"/>
      <c r="OOR680" s="613"/>
      <c r="OOS680" s="613"/>
      <c r="OOT680" s="613"/>
      <c r="OOU680" s="613"/>
      <c r="OOV680" s="613"/>
      <c r="OOW680" s="613"/>
      <c r="OOX680" s="613"/>
      <c r="OOY680" s="613"/>
      <c r="OOZ680" s="613"/>
      <c r="OPA680" s="613"/>
      <c r="OPB680" s="613"/>
      <c r="OPC680" s="613"/>
      <c r="OPD680" s="613"/>
      <c r="OPE680" s="613"/>
      <c r="OPF680" s="613"/>
      <c r="OPG680" s="613"/>
      <c r="OPH680" s="613"/>
      <c r="OPI680" s="613"/>
      <c r="OPJ680" s="613"/>
      <c r="OPK680" s="613"/>
      <c r="OPL680" s="613"/>
      <c r="OPM680" s="613"/>
      <c r="OPN680" s="613"/>
      <c r="OPO680" s="613"/>
      <c r="OPP680" s="613"/>
      <c r="OPQ680" s="613"/>
      <c r="OPR680" s="613"/>
      <c r="OPS680" s="613"/>
      <c r="OPT680" s="613"/>
      <c r="OPU680" s="613"/>
      <c r="OPV680" s="613"/>
      <c r="OPW680" s="613"/>
      <c r="OPX680" s="613"/>
      <c r="OPY680" s="613"/>
      <c r="OPZ680" s="613"/>
      <c r="OQA680" s="613"/>
      <c r="OQB680" s="613"/>
      <c r="OQC680" s="613"/>
      <c r="OQD680" s="613"/>
      <c r="OQE680" s="613"/>
      <c r="OQF680" s="613"/>
      <c r="OQG680" s="613"/>
      <c r="OQH680" s="613"/>
      <c r="OQI680" s="613"/>
      <c r="OQJ680" s="613"/>
      <c r="OQK680" s="613"/>
      <c r="OQL680" s="613"/>
      <c r="OQM680" s="613"/>
      <c r="OQN680" s="613"/>
      <c r="OQO680" s="613"/>
      <c r="OQP680" s="613"/>
      <c r="OQQ680" s="613"/>
      <c r="OQR680" s="613"/>
      <c r="OQS680" s="613"/>
      <c r="OQT680" s="613"/>
      <c r="OQU680" s="613"/>
      <c r="OQV680" s="613"/>
      <c r="OQW680" s="613"/>
      <c r="OQX680" s="613"/>
      <c r="OQY680" s="613"/>
      <c r="OQZ680" s="613"/>
      <c r="ORA680" s="613"/>
      <c r="ORB680" s="613"/>
      <c r="ORC680" s="613"/>
      <c r="ORD680" s="613"/>
      <c r="ORE680" s="613"/>
      <c r="ORF680" s="613"/>
      <c r="ORG680" s="613"/>
      <c r="ORH680" s="613"/>
      <c r="ORI680" s="613"/>
      <c r="ORJ680" s="613"/>
      <c r="ORK680" s="613"/>
      <c r="ORL680" s="613"/>
      <c r="ORM680" s="613"/>
      <c r="ORN680" s="613"/>
      <c r="ORO680" s="613"/>
      <c r="ORP680" s="613"/>
      <c r="ORQ680" s="613"/>
      <c r="ORR680" s="613"/>
      <c r="ORS680" s="613"/>
      <c r="ORT680" s="613"/>
      <c r="ORU680" s="613"/>
      <c r="ORV680" s="613"/>
      <c r="ORW680" s="613"/>
      <c r="ORX680" s="613"/>
      <c r="ORY680" s="613"/>
      <c r="ORZ680" s="613"/>
      <c r="OSA680" s="613"/>
      <c r="OSB680" s="613"/>
      <c r="OSC680" s="613"/>
      <c r="OSD680" s="613"/>
      <c r="OSE680" s="613"/>
      <c r="OSF680" s="613"/>
      <c r="OSG680" s="613"/>
      <c r="OSH680" s="613"/>
      <c r="OSI680" s="613"/>
      <c r="OSJ680" s="613"/>
      <c r="OSK680" s="613"/>
      <c r="OSL680" s="613"/>
      <c r="OSM680" s="613"/>
      <c r="OSN680" s="613"/>
      <c r="OSO680" s="613"/>
      <c r="OSP680" s="613"/>
      <c r="OSQ680" s="613"/>
      <c r="OSR680" s="613"/>
      <c r="OSS680" s="613"/>
      <c r="OST680" s="613"/>
      <c r="OSU680" s="613"/>
      <c r="OSV680" s="613"/>
      <c r="OSW680" s="613"/>
      <c r="OSX680" s="613"/>
      <c r="OSY680" s="613"/>
      <c r="OSZ680" s="613"/>
      <c r="OTA680" s="613"/>
      <c r="OTB680" s="613"/>
      <c r="OTC680" s="613"/>
      <c r="OTD680" s="613"/>
      <c r="OTE680" s="613"/>
      <c r="OTF680" s="613"/>
      <c r="OTG680" s="613"/>
      <c r="OTH680" s="613"/>
      <c r="OTI680" s="613"/>
      <c r="OTJ680" s="613"/>
      <c r="OTK680" s="613"/>
      <c r="OTL680" s="613"/>
      <c r="OTM680" s="613"/>
      <c r="OTN680" s="613"/>
      <c r="OTO680" s="613"/>
      <c r="OTP680" s="613"/>
      <c r="OTQ680" s="613"/>
      <c r="OTR680" s="613"/>
      <c r="OTS680" s="613"/>
      <c r="OTT680" s="613"/>
      <c r="OTU680" s="613"/>
      <c r="OTV680" s="613"/>
      <c r="OTW680" s="613"/>
      <c r="OTX680" s="613"/>
      <c r="OTY680" s="613"/>
      <c r="OTZ680" s="613"/>
      <c r="OUA680" s="613"/>
      <c r="OUB680" s="613"/>
      <c r="OUC680" s="613"/>
      <c r="OUD680" s="613"/>
      <c r="OUE680" s="613"/>
      <c r="OUF680" s="613"/>
      <c r="OUG680" s="613"/>
      <c r="OUH680" s="613"/>
      <c r="OUI680" s="613"/>
      <c r="OUJ680" s="613"/>
      <c r="OUK680" s="613"/>
      <c r="OUL680" s="613"/>
      <c r="OUM680" s="613"/>
      <c r="OUN680" s="613"/>
      <c r="OUO680" s="613"/>
      <c r="OUP680" s="613"/>
      <c r="OUQ680" s="613"/>
      <c r="OUR680" s="613"/>
      <c r="OUS680" s="613"/>
      <c r="OUT680" s="613"/>
      <c r="OUU680" s="613"/>
      <c r="OUV680" s="613"/>
      <c r="OUW680" s="613"/>
      <c r="OUX680" s="613"/>
      <c r="OUY680" s="613"/>
      <c r="OUZ680" s="613"/>
      <c r="OVA680" s="613"/>
      <c r="OVB680" s="613"/>
      <c r="OVC680" s="613"/>
      <c r="OVD680" s="613"/>
      <c r="OVE680" s="613"/>
      <c r="OVF680" s="613"/>
      <c r="OVG680" s="613"/>
      <c r="OVH680" s="613"/>
      <c r="OVI680" s="613"/>
      <c r="OVJ680" s="613"/>
      <c r="OVK680" s="613"/>
      <c r="OVL680" s="613"/>
      <c r="OVM680" s="613"/>
      <c r="OVN680" s="613"/>
      <c r="OVO680" s="613"/>
      <c r="OVP680" s="613"/>
      <c r="OVQ680" s="613"/>
      <c r="OVR680" s="613"/>
      <c r="OVS680" s="613"/>
      <c r="OVT680" s="613"/>
      <c r="OVU680" s="613"/>
      <c r="OVV680" s="613"/>
      <c r="OVW680" s="613"/>
      <c r="OVX680" s="613"/>
      <c r="OVY680" s="613"/>
      <c r="OVZ680" s="613"/>
      <c r="OWA680" s="613"/>
      <c r="OWB680" s="613"/>
      <c r="OWC680" s="613"/>
      <c r="OWD680" s="613"/>
      <c r="OWE680" s="613"/>
      <c r="OWF680" s="613"/>
      <c r="OWG680" s="613"/>
      <c r="OWH680" s="613"/>
      <c r="OWI680" s="613"/>
      <c r="OWJ680" s="613"/>
      <c r="OWK680" s="613"/>
      <c r="OWL680" s="613"/>
      <c r="OWM680" s="613"/>
      <c r="OWN680" s="613"/>
      <c r="OWO680" s="613"/>
      <c r="OWP680" s="613"/>
      <c r="OWQ680" s="613"/>
      <c r="OWR680" s="613"/>
      <c r="OWS680" s="613"/>
      <c r="OWT680" s="613"/>
      <c r="OWU680" s="613"/>
      <c r="OWV680" s="613"/>
      <c r="OWW680" s="613"/>
      <c r="OWX680" s="613"/>
      <c r="OWY680" s="613"/>
      <c r="OWZ680" s="613"/>
      <c r="OXA680" s="613"/>
      <c r="OXB680" s="613"/>
      <c r="OXC680" s="613"/>
      <c r="OXD680" s="613"/>
      <c r="OXE680" s="613"/>
      <c r="OXF680" s="613"/>
      <c r="OXG680" s="613"/>
      <c r="OXH680" s="613"/>
      <c r="OXI680" s="613"/>
      <c r="OXJ680" s="613"/>
      <c r="OXK680" s="613"/>
      <c r="OXL680" s="613"/>
      <c r="OXM680" s="613"/>
      <c r="OXN680" s="613"/>
      <c r="OXO680" s="613"/>
      <c r="OXP680" s="613"/>
      <c r="OXQ680" s="613"/>
      <c r="OXR680" s="613"/>
      <c r="OXS680" s="613"/>
      <c r="OXT680" s="613"/>
      <c r="OXU680" s="613"/>
      <c r="OXV680" s="613"/>
      <c r="OXW680" s="613"/>
      <c r="OXX680" s="613"/>
      <c r="OXY680" s="613"/>
      <c r="OXZ680" s="613"/>
      <c r="OYA680" s="613"/>
      <c r="OYB680" s="613"/>
      <c r="OYC680" s="613"/>
      <c r="OYD680" s="613"/>
      <c r="OYE680" s="613"/>
      <c r="OYF680" s="613"/>
      <c r="OYG680" s="613"/>
      <c r="OYH680" s="613"/>
      <c r="OYI680" s="613"/>
      <c r="OYJ680" s="613"/>
      <c r="OYK680" s="613"/>
      <c r="OYL680" s="613"/>
      <c r="OYM680" s="613"/>
      <c r="OYN680" s="613"/>
      <c r="OYO680" s="613"/>
      <c r="OYP680" s="613"/>
      <c r="OYQ680" s="613"/>
      <c r="OYR680" s="613"/>
      <c r="OYS680" s="613"/>
      <c r="OYT680" s="613"/>
      <c r="OYU680" s="613"/>
      <c r="OYV680" s="613"/>
      <c r="OYW680" s="613"/>
      <c r="OYX680" s="613"/>
      <c r="OYY680" s="613"/>
      <c r="OYZ680" s="613"/>
      <c r="OZA680" s="613"/>
      <c r="OZB680" s="613"/>
      <c r="OZC680" s="613"/>
      <c r="OZD680" s="613"/>
      <c r="OZE680" s="613"/>
      <c r="OZF680" s="613"/>
      <c r="OZG680" s="613"/>
      <c r="OZH680" s="613"/>
      <c r="OZI680" s="613"/>
      <c r="OZJ680" s="613"/>
      <c r="OZK680" s="613"/>
      <c r="OZL680" s="613"/>
      <c r="OZM680" s="613"/>
      <c r="OZN680" s="613"/>
      <c r="OZO680" s="613"/>
      <c r="OZP680" s="613"/>
      <c r="OZQ680" s="613"/>
      <c r="OZR680" s="613"/>
      <c r="OZS680" s="613"/>
      <c r="OZT680" s="613"/>
      <c r="OZU680" s="613"/>
      <c r="OZV680" s="613"/>
      <c r="OZW680" s="613"/>
      <c r="OZX680" s="613"/>
      <c r="OZY680" s="613"/>
      <c r="OZZ680" s="613"/>
      <c r="PAA680" s="613"/>
      <c r="PAB680" s="613"/>
      <c r="PAC680" s="613"/>
      <c r="PAD680" s="613"/>
      <c r="PAE680" s="613"/>
      <c r="PAF680" s="613"/>
      <c r="PAG680" s="613"/>
      <c r="PAH680" s="613"/>
      <c r="PAI680" s="613"/>
      <c r="PAJ680" s="613"/>
      <c r="PAK680" s="613"/>
      <c r="PAL680" s="613"/>
      <c r="PAM680" s="613"/>
      <c r="PAN680" s="613"/>
      <c r="PAO680" s="613"/>
      <c r="PAP680" s="613"/>
      <c r="PAQ680" s="613"/>
      <c r="PAR680" s="613"/>
      <c r="PAS680" s="613"/>
      <c r="PAT680" s="613"/>
      <c r="PAU680" s="613"/>
      <c r="PAV680" s="613"/>
      <c r="PAW680" s="613"/>
      <c r="PAX680" s="613"/>
      <c r="PAY680" s="613"/>
      <c r="PAZ680" s="613"/>
      <c r="PBA680" s="613"/>
      <c r="PBB680" s="613"/>
      <c r="PBC680" s="613"/>
      <c r="PBD680" s="613"/>
      <c r="PBE680" s="613"/>
      <c r="PBF680" s="613"/>
      <c r="PBG680" s="613"/>
      <c r="PBH680" s="613"/>
      <c r="PBI680" s="613"/>
      <c r="PBJ680" s="613"/>
      <c r="PBK680" s="613"/>
      <c r="PBL680" s="613"/>
      <c r="PBM680" s="613"/>
      <c r="PBN680" s="613"/>
      <c r="PBO680" s="613"/>
      <c r="PBP680" s="613"/>
      <c r="PBQ680" s="613"/>
      <c r="PBR680" s="613"/>
      <c r="PBS680" s="613"/>
      <c r="PBT680" s="613"/>
      <c r="PBU680" s="613"/>
      <c r="PBV680" s="613"/>
      <c r="PBW680" s="613"/>
      <c r="PBX680" s="613"/>
      <c r="PBY680" s="613"/>
      <c r="PBZ680" s="613"/>
      <c r="PCA680" s="613"/>
      <c r="PCB680" s="613"/>
      <c r="PCC680" s="613"/>
      <c r="PCD680" s="613"/>
      <c r="PCE680" s="613"/>
      <c r="PCF680" s="613"/>
      <c r="PCG680" s="613"/>
      <c r="PCH680" s="613"/>
      <c r="PCI680" s="613"/>
      <c r="PCJ680" s="613"/>
      <c r="PCK680" s="613"/>
      <c r="PCL680" s="613"/>
      <c r="PCM680" s="613"/>
      <c r="PCN680" s="613"/>
      <c r="PCO680" s="613"/>
      <c r="PCP680" s="613"/>
      <c r="PCQ680" s="613"/>
      <c r="PCR680" s="613"/>
      <c r="PCS680" s="613"/>
      <c r="PCT680" s="613"/>
      <c r="PCU680" s="613"/>
      <c r="PCV680" s="613"/>
      <c r="PCW680" s="613"/>
      <c r="PCX680" s="613"/>
      <c r="PCY680" s="613"/>
      <c r="PCZ680" s="613"/>
      <c r="PDA680" s="613"/>
      <c r="PDB680" s="613"/>
      <c r="PDC680" s="613"/>
      <c r="PDD680" s="613"/>
      <c r="PDE680" s="613"/>
      <c r="PDF680" s="613"/>
      <c r="PDG680" s="613"/>
      <c r="PDH680" s="613"/>
      <c r="PDI680" s="613"/>
      <c r="PDJ680" s="613"/>
      <c r="PDK680" s="613"/>
      <c r="PDL680" s="613"/>
      <c r="PDM680" s="613"/>
      <c r="PDN680" s="613"/>
      <c r="PDO680" s="613"/>
      <c r="PDP680" s="613"/>
      <c r="PDQ680" s="613"/>
      <c r="PDR680" s="613"/>
      <c r="PDS680" s="613"/>
      <c r="PDT680" s="613"/>
      <c r="PDU680" s="613"/>
      <c r="PDV680" s="613"/>
      <c r="PDW680" s="613"/>
      <c r="PDX680" s="613"/>
      <c r="PDY680" s="613"/>
      <c r="PDZ680" s="613"/>
      <c r="PEA680" s="613"/>
      <c r="PEB680" s="613"/>
      <c r="PEC680" s="613"/>
      <c r="PED680" s="613"/>
      <c r="PEE680" s="613"/>
      <c r="PEF680" s="613"/>
      <c r="PEG680" s="613"/>
      <c r="PEH680" s="613"/>
      <c r="PEI680" s="613"/>
      <c r="PEJ680" s="613"/>
      <c r="PEK680" s="613"/>
      <c r="PEL680" s="613"/>
      <c r="PEM680" s="613"/>
      <c r="PEN680" s="613"/>
      <c r="PEO680" s="613"/>
      <c r="PEP680" s="613"/>
      <c r="PEQ680" s="613"/>
      <c r="PER680" s="613"/>
      <c r="PES680" s="613"/>
      <c r="PET680" s="613"/>
      <c r="PEU680" s="613"/>
      <c r="PEV680" s="613"/>
      <c r="PEW680" s="613"/>
      <c r="PEX680" s="613"/>
      <c r="PEY680" s="613"/>
      <c r="PEZ680" s="613"/>
      <c r="PFA680" s="613"/>
      <c r="PFB680" s="613"/>
      <c r="PFC680" s="613"/>
      <c r="PFD680" s="613"/>
      <c r="PFE680" s="613"/>
      <c r="PFF680" s="613"/>
      <c r="PFG680" s="613"/>
      <c r="PFH680" s="613"/>
      <c r="PFI680" s="613"/>
      <c r="PFJ680" s="613"/>
      <c r="PFK680" s="613"/>
      <c r="PFL680" s="613"/>
      <c r="PFM680" s="613"/>
      <c r="PFN680" s="613"/>
      <c r="PFO680" s="613"/>
      <c r="PFP680" s="613"/>
      <c r="PFQ680" s="613"/>
      <c r="PFR680" s="613"/>
      <c r="PFS680" s="613"/>
      <c r="PFT680" s="613"/>
      <c r="PFU680" s="613"/>
      <c r="PFV680" s="613"/>
      <c r="PFW680" s="613"/>
      <c r="PFX680" s="613"/>
      <c r="PFY680" s="613"/>
      <c r="PFZ680" s="613"/>
      <c r="PGA680" s="613"/>
      <c r="PGB680" s="613"/>
      <c r="PGC680" s="613"/>
      <c r="PGD680" s="613"/>
      <c r="PGE680" s="613"/>
      <c r="PGF680" s="613"/>
      <c r="PGG680" s="613"/>
      <c r="PGH680" s="613"/>
      <c r="PGI680" s="613"/>
      <c r="PGJ680" s="613"/>
      <c r="PGK680" s="613"/>
      <c r="PGL680" s="613"/>
      <c r="PGM680" s="613"/>
      <c r="PGN680" s="613"/>
      <c r="PGO680" s="613"/>
      <c r="PGP680" s="613"/>
      <c r="PGQ680" s="613"/>
      <c r="PGR680" s="613"/>
      <c r="PGS680" s="613"/>
      <c r="PGT680" s="613"/>
      <c r="PGU680" s="613"/>
      <c r="PGV680" s="613"/>
      <c r="PGW680" s="613"/>
      <c r="PGX680" s="613"/>
      <c r="PGY680" s="613"/>
      <c r="PGZ680" s="613"/>
      <c r="PHA680" s="613"/>
      <c r="PHB680" s="613"/>
      <c r="PHC680" s="613"/>
      <c r="PHD680" s="613"/>
      <c r="PHE680" s="613"/>
      <c r="PHF680" s="613"/>
      <c r="PHG680" s="613"/>
      <c r="PHH680" s="613"/>
      <c r="PHI680" s="613"/>
      <c r="PHJ680" s="613"/>
      <c r="PHK680" s="613"/>
      <c r="PHL680" s="613"/>
      <c r="PHM680" s="613"/>
      <c r="PHN680" s="613"/>
      <c r="PHO680" s="613"/>
      <c r="PHP680" s="613"/>
      <c r="PHQ680" s="613"/>
      <c r="PHR680" s="613"/>
      <c r="PHS680" s="613"/>
      <c r="PHT680" s="613"/>
      <c r="PHU680" s="613"/>
      <c r="PHV680" s="613"/>
      <c r="PHW680" s="613"/>
      <c r="PHX680" s="613"/>
      <c r="PHY680" s="613"/>
      <c r="PHZ680" s="613"/>
      <c r="PIA680" s="613"/>
      <c r="PIB680" s="613"/>
      <c r="PIC680" s="613"/>
      <c r="PID680" s="613"/>
      <c r="PIE680" s="613"/>
      <c r="PIF680" s="613"/>
      <c r="PIG680" s="613"/>
      <c r="PIH680" s="613"/>
      <c r="PII680" s="613"/>
      <c r="PIJ680" s="613"/>
      <c r="PIK680" s="613"/>
      <c r="PIL680" s="613"/>
      <c r="PIM680" s="613"/>
      <c r="PIN680" s="613"/>
      <c r="PIO680" s="613"/>
      <c r="PIP680" s="613"/>
      <c r="PIQ680" s="613"/>
      <c r="PIR680" s="613"/>
      <c r="PIS680" s="613"/>
      <c r="PIT680" s="613"/>
      <c r="PIU680" s="613"/>
      <c r="PIV680" s="613"/>
      <c r="PIW680" s="613"/>
      <c r="PIX680" s="613"/>
      <c r="PIY680" s="613"/>
      <c r="PIZ680" s="613"/>
      <c r="PJA680" s="613"/>
      <c r="PJB680" s="613"/>
      <c r="PJC680" s="613"/>
      <c r="PJD680" s="613"/>
      <c r="PJE680" s="613"/>
      <c r="PJF680" s="613"/>
      <c r="PJG680" s="613"/>
      <c r="PJH680" s="613"/>
      <c r="PJI680" s="613"/>
      <c r="PJJ680" s="613"/>
      <c r="PJK680" s="613"/>
      <c r="PJL680" s="613"/>
      <c r="PJM680" s="613"/>
      <c r="PJN680" s="613"/>
      <c r="PJO680" s="613"/>
      <c r="PJP680" s="613"/>
      <c r="PJQ680" s="613"/>
      <c r="PJR680" s="613"/>
      <c r="PJS680" s="613"/>
      <c r="PJT680" s="613"/>
      <c r="PJU680" s="613"/>
      <c r="PJV680" s="613"/>
      <c r="PJW680" s="613"/>
      <c r="PJX680" s="613"/>
      <c r="PJY680" s="613"/>
      <c r="PJZ680" s="613"/>
      <c r="PKA680" s="613"/>
      <c r="PKB680" s="613"/>
      <c r="PKC680" s="613"/>
      <c r="PKD680" s="613"/>
      <c r="PKE680" s="613"/>
      <c r="PKF680" s="613"/>
      <c r="PKG680" s="613"/>
      <c r="PKH680" s="613"/>
      <c r="PKI680" s="613"/>
      <c r="PKJ680" s="613"/>
      <c r="PKK680" s="613"/>
      <c r="PKL680" s="613"/>
      <c r="PKM680" s="613"/>
      <c r="PKN680" s="613"/>
      <c r="PKO680" s="613"/>
      <c r="PKP680" s="613"/>
      <c r="PKQ680" s="613"/>
      <c r="PKR680" s="613"/>
      <c r="PKS680" s="613"/>
      <c r="PKT680" s="613"/>
      <c r="PKU680" s="613"/>
      <c r="PKV680" s="613"/>
      <c r="PKW680" s="613"/>
      <c r="PKX680" s="613"/>
      <c r="PKY680" s="613"/>
      <c r="PKZ680" s="613"/>
      <c r="PLA680" s="613"/>
      <c r="PLB680" s="613"/>
      <c r="PLC680" s="613"/>
      <c r="PLD680" s="613"/>
      <c r="PLE680" s="613"/>
      <c r="PLF680" s="613"/>
      <c r="PLG680" s="613"/>
      <c r="PLH680" s="613"/>
      <c r="PLI680" s="613"/>
      <c r="PLJ680" s="613"/>
      <c r="PLK680" s="613"/>
      <c r="PLL680" s="613"/>
      <c r="PLM680" s="613"/>
      <c r="PLN680" s="613"/>
      <c r="PLO680" s="613"/>
      <c r="PLP680" s="613"/>
      <c r="PLQ680" s="613"/>
      <c r="PLR680" s="613"/>
      <c r="PLS680" s="613"/>
      <c r="PLT680" s="613"/>
      <c r="PLU680" s="613"/>
      <c r="PLV680" s="613"/>
      <c r="PLW680" s="613"/>
      <c r="PLX680" s="613"/>
      <c r="PLY680" s="613"/>
      <c r="PLZ680" s="613"/>
      <c r="PMA680" s="613"/>
      <c r="PMB680" s="613"/>
      <c r="PMC680" s="613"/>
      <c r="PMD680" s="613"/>
      <c r="PME680" s="613"/>
      <c r="PMF680" s="613"/>
      <c r="PMG680" s="613"/>
      <c r="PMH680" s="613"/>
      <c r="PMI680" s="613"/>
      <c r="PMJ680" s="613"/>
      <c r="PMK680" s="613"/>
      <c r="PML680" s="613"/>
      <c r="PMM680" s="613"/>
      <c r="PMN680" s="613"/>
      <c r="PMO680" s="613"/>
      <c r="PMP680" s="613"/>
      <c r="PMQ680" s="613"/>
      <c r="PMR680" s="613"/>
      <c r="PMS680" s="613"/>
      <c r="PMT680" s="613"/>
      <c r="PMU680" s="613"/>
      <c r="PMV680" s="613"/>
      <c r="PMW680" s="613"/>
      <c r="PMX680" s="613"/>
      <c r="PMY680" s="613"/>
      <c r="PMZ680" s="613"/>
      <c r="PNA680" s="613"/>
      <c r="PNB680" s="613"/>
      <c r="PNC680" s="613"/>
      <c r="PND680" s="613"/>
      <c r="PNE680" s="613"/>
      <c r="PNF680" s="613"/>
      <c r="PNG680" s="613"/>
      <c r="PNH680" s="613"/>
      <c r="PNI680" s="613"/>
      <c r="PNJ680" s="613"/>
      <c r="PNK680" s="613"/>
      <c r="PNL680" s="613"/>
      <c r="PNM680" s="613"/>
      <c r="PNN680" s="613"/>
      <c r="PNO680" s="613"/>
      <c r="PNP680" s="613"/>
      <c r="PNQ680" s="613"/>
      <c r="PNR680" s="613"/>
      <c r="PNS680" s="613"/>
      <c r="PNT680" s="613"/>
      <c r="PNU680" s="613"/>
      <c r="PNV680" s="613"/>
      <c r="PNW680" s="613"/>
      <c r="PNX680" s="613"/>
      <c r="PNY680" s="613"/>
      <c r="PNZ680" s="613"/>
      <c r="POA680" s="613"/>
      <c r="POB680" s="613"/>
      <c r="POC680" s="613"/>
      <c r="POD680" s="613"/>
      <c r="POE680" s="613"/>
      <c r="POF680" s="613"/>
      <c r="POG680" s="613"/>
      <c r="POH680" s="613"/>
      <c r="POI680" s="613"/>
      <c r="POJ680" s="613"/>
      <c r="POK680" s="613"/>
      <c r="POL680" s="613"/>
      <c r="POM680" s="613"/>
      <c r="PON680" s="613"/>
      <c r="POO680" s="613"/>
      <c r="POP680" s="613"/>
      <c r="POQ680" s="613"/>
      <c r="POR680" s="613"/>
      <c r="POS680" s="613"/>
      <c r="POT680" s="613"/>
      <c r="POU680" s="613"/>
      <c r="POV680" s="613"/>
      <c r="POW680" s="613"/>
      <c r="POX680" s="613"/>
      <c r="POY680" s="613"/>
      <c r="POZ680" s="613"/>
      <c r="PPA680" s="613"/>
      <c r="PPB680" s="613"/>
      <c r="PPC680" s="613"/>
      <c r="PPD680" s="613"/>
      <c r="PPE680" s="613"/>
      <c r="PPF680" s="613"/>
      <c r="PPG680" s="613"/>
      <c r="PPH680" s="613"/>
      <c r="PPI680" s="613"/>
      <c r="PPJ680" s="613"/>
      <c r="PPK680" s="613"/>
      <c r="PPL680" s="613"/>
      <c r="PPM680" s="613"/>
      <c r="PPN680" s="613"/>
      <c r="PPO680" s="613"/>
      <c r="PPP680" s="613"/>
      <c r="PPQ680" s="613"/>
      <c r="PPR680" s="613"/>
      <c r="PPS680" s="613"/>
      <c r="PPT680" s="613"/>
      <c r="PPU680" s="613"/>
      <c r="PPV680" s="613"/>
      <c r="PPW680" s="613"/>
      <c r="PPX680" s="613"/>
      <c r="PPY680" s="613"/>
      <c r="PPZ680" s="613"/>
      <c r="PQA680" s="613"/>
      <c r="PQB680" s="613"/>
      <c r="PQC680" s="613"/>
      <c r="PQD680" s="613"/>
      <c r="PQE680" s="613"/>
      <c r="PQF680" s="613"/>
      <c r="PQG680" s="613"/>
      <c r="PQH680" s="613"/>
      <c r="PQI680" s="613"/>
      <c r="PQJ680" s="613"/>
      <c r="PQK680" s="613"/>
      <c r="PQL680" s="613"/>
      <c r="PQM680" s="613"/>
      <c r="PQN680" s="613"/>
      <c r="PQO680" s="613"/>
      <c r="PQP680" s="613"/>
      <c r="PQQ680" s="613"/>
      <c r="PQR680" s="613"/>
      <c r="PQS680" s="613"/>
      <c r="PQT680" s="613"/>
      <c r="PQU680" s="613"/>
      <c r="PQV680" s="613"/>
      <c r="PQW680" s="613"/>
      <c r="PQX680" s="613"/>
      <c r="PQY680" s="613"/>
      <c r="PQZ680" s="613"/>
      <c r="PRA680" s="613"/>
      <c r="PRB680" s="613"/>
      <c r="PRC680" s="613"/>
      <c r="PRD680" s="613"/>
      <c r="PRE680" s="613"/>
      <c r="PRF680" s="613"/>
      <c r="PRG680" s="613"/>
      <c r="PRH680" s="613"/>
      <c r="PRI680" s="613"/>
      <c r="PRJ680" s="613"/>
      <c r="PRK680" s="613"/>
      <c r="PRL680" s="613"/>
      <c r="PRM680" s="613"/>
      <c r="PRN680" s="613"/>
      <c r="PRO680" s="613"/>
      <c r="PRP680" s="613"/>
      <c r="PRQ680" s="613"/>
      <c r="PRR680" s="613"/>
      <c r="PRS680" s="613"/>
      <c r="PRT680" s="613"/>
      <c r="PRU680" s="613"/>
      <c r="PRV680" s="613"/>
      <c r="PRW680" s="613"/>
      <c r="PRX680" s="613"/>
      <c r="PRY680" s="613"/>
      <c r="PRZ680" s="613"/>
      <c r="PSA680" s="613"/>
      <c r="PSB680" s="613"/>
      <c r="PSC680" s="613"/>
      <c r="PSD680" s="613"/>
      <c r="PSE680" s="613"/>
      <c r="PSF680" s="613"/>
      <c r="PSG680" s="613"/>
      <c r="PSH680" s="613"/>
      <c r="PSI680" s="613"/>
      <c r="PSJ680" s="613"/>
      <c r="PSK680" s="613"/>
      <c r="PSL680" s="613"/>
      <c r="PSM680" s="613"/>
      <c r="PSN680" s="613"/>
      <c r="PSO680" s="613"/>
      <c r="PSP680" s="613"/>
      <c r="PSQ680" s="613"/>
      <c r="PSR680" s="613"/>
      <c r="PSS680" s="613"/>
      <c r="PST680" s="613"/>
      <c r="PSU680" s="613"/>
      <c r="PSV680" s="613"/>
      <c r="PSW680" s="613"/>
      <c r="PSX680" s="613"/>
      <c r="PSY680" s="613"/>
      <c r="PSZ680" s="613"/>
      <c r="PTA680" s="613"/>
      <c r="PTB680" s="613"/>
      <c r="PTC680" s="613"/>
      <c r="PTD680" s="613"/>
      <c r="PTE680" s="613"/>
      <c r="PTF680" s="613"/>
      <c r="PTG680" s="613"/>
      <c r="PTH680" s="613"/>
      <c r="PTI680" s="613"/>
      <c r="PTJ680" s="613"/>
      <c r="PTK680" s="613"/>
      <c r="PTL680" s="613"/>
      <c r="PTM680" s="613"/>
      <c r="PTN680" s="613"/>
      <c r="PTO680" s="613"/>
      <c r="PTP680" s="613"/>
      <c r="PTQ680" s="613"/>
      <c r="PTR680" s="613"/>
      <c r="PTS680" s="613"/>
      <c r="PTT680" s="613"/>
      <c r="PTU680" s="613"/>
      <c r="PTV680" s="613"/>
      <c r="PTW680" s="613"/>
      <c r="PTX680" s="613"/>
      <c r="PTY680" s="613"/>
      <c r="PTZ680" s="613"/>
      <c r="PUA680" s="613"/>
      <c r="PUB680" s="613"/>
      <c r="PUC680" s="613"/>
      <c r="PUD680" s="613"/>
      <c r="PUE680" s="613"/>
      <c r="PUF680" s="613"/>
      <c r="PUG680" s="613"/>
      <c r="PUH680" s="613"/>
      <c r="PUI680" s="613"/>
      <c r="PUJ680" s="613"/>
      <c r="PUK680" s="613"/>
      <c r="PUL680" s="613"/>
      <c r="PUM680" s="613"/>
      <c r="PUN680" s="613"/>
      <c r="PUO680" s="613"/>
      <c r="PUP680" s="613"/>
      <c r="PUQ680" s="613"/>
      <c r="PUR680" s="613"/>
      <c r="PUS680" s="613"/>
      <c r="PUT680" s="613"/>
      <c r="PUU680" s="613"/>
      <c r="PUV680" s="613"/>
      <c r="PUW680" s="613"/>
      <c r="PUX680" s="613"/>
      <c r="PUY680" s="613"/>
      <c r="PUZ680" s="613"/>
      <c r="PVA680" s="613"/>
      <c r="PVB680" s="613"/>
      <c r="PVC680" s="613"/>
      <c r="PVD680" s="613"/>
      <c r="PVE680" s="613"/>
      <c r="PVF680" s="613"/>
      <c r="PVG680" s="613"/>
      <c r="PVH680" s="613"/>
      <c r="PVI680" s="613"/>
      <c r="PVJ680" s="613"/>
      <c r="PVK680" s="613"/>
      <c r="PVL680" s="613"/>
      <c r="PVM680" s="613"/>
      <c r="PVN680" s="613"/>
      <c r="PVO680" s="613"/>
      <c r="PVP680" s="613"/>
      <c r="PVQ680" s="613"/>
      <c r="PVR680" s="613"/>
      <c r="PVS680" s="613"/>
      <c r="PVT680" s="613"/>
      <c r="PVU680" s="613"/>
      <c r="PVV680" s="613"/>
      <c r="PVW680" s="613"/>
      <c r="PVX680" s="613"/>
      <c r="PVY680" s="613"/>
      <c r="PVZ680" s="613"/>
      <c r="PWA680" s="613"/>
      <c r="PWB680" s="613"/>
      <c r="PWC680" s="613"/>
      <c r="PWD680" s="613"/>
      <c r="PWE680" s="613"/>
      <c r="PWF680" s="613"/>
      <c r="PWG680" s="613"/>
      <c r="PWH680" s="613"/>
      <c r="PWI680" s="613"/>
      <c r="PWJ680" s="613"/>
      <c r="PWK680" s="613"/>
      <c r="PWL680" s="613"/>
      <c r="PWM680" s="613"/>
      <c r="PWN680" s="613"/>
      <c r="PWO680" s="613"/>
      <c r="PWP680" s="613"/>
      <c r="PWQ680" s="613"/>
      <c r="PWR680" s="613"/>
      <c r="PWS680" s="613"/>
      <c r="PWT680" s="613"/>
      <c r="PWU680" s="613"/>
      <c r="PWV680" s="613"/>
      <c r="PWW680" s="613"/>
      <c r="PWX680" s="613"/>
      <c r="PWY680" s="613"/>
      <c r="PWZ680" s="613"/>
      <c r="PXA680" s="613"/>
      <c r="PXB680" s="613"/>
      <c r="PXC680" s="613"/>
      <c r="PXD680" s="613"/>
      <c r="PXE680" s="613"/>
      <c r="PXF680" s="613"/>
      <c r="PXG680" s="613"/>
      <c r="PXH680" s="613"/>
      <c r="PXI680" s="613"/>
      <c r="PXJ680" s="613"/>
      <c r="PXK680" s="613"/>
      <c r="PXL680" s="613"/>
      <c r="PXM680" s="613"/>
      <c r="PXN680" s="613"/>
      <c r="PXO680" s="613"/>
      <c r="PXP680" s="613"/>
      <c r="PXQ680" s="613"/>
      <c r="PXR680" s="613"/>
      <c r="PXS680" s="613"/>
      <c r="PXT680" s="613"/>
      <c r="PXU680" s="613"/>
      <c r="PXV680" s="613"/>
      <c r="PXW680" s="613"/>
      <c r="PXX680" s="613"/>
      <c r="PXY680" s="613"/>
      <c r="PXZ680" s="613"/>
      <c r="PYA680" s="613"/>
      <c r="PYB680" s="613"/>
      <c r="PYC680" s="613"/>
      <c r="PYD680" s="613"/>
      <c r="PYE680" s="613"/>
      <c r="PYF680" s="613"/>
      <c r="PYG680" s="613"/>
      <c r="PYH680" s="613"/>
      <c r="PYI680" s="613"/>
      <c r="PYJ680" s="613"/>
      <c r="PYK680" s="613"/>
      <c r="PYL680" s="613"/>
      <c r="PYM680" s="613"/>
      <c r="PYN680" s="613"/>
      <c r="PYO680" s="613"/>
      <c r="PYP680" s="613"/>
      <c r="PYQ680" s="613"/>
      <c r="PYR680" s="613"/>
      <c r="PYS680" s="613"/>
      <c r="PYT680" s="613"/>
      <c r="PYU680" s="613"/>
      <c r="PYV680" s="613"/>
      <c r="PYW680" s="613"/>
      <c r="PYX680" s="613"/>
      <c r="PYY680" s="613"/>
      <c r="PYZ680" s="613"/>
      <c r="PZA680" s="613"/>
      <c r="PZB680" s="613"/>
      <c r="PZC680" s="613"/>
      <c r="PZD680" s="613"/>
      <c r="PZE680" s="613"/>
      <c r="PZF680" s="613"/>
      <c r="PZG680" s="613"/>
      <c r="PZH680" s="613"/>
      <c r="PZI680" s="613"/>
      <c r="PZJ680" s="613"/>
      <c r="PZK680" s="613"/>
      <c r="PZL680" s="613"/>
      <c r="PZM680" s="613"/>
      <c r="PZN680" s="613"/>
      <c r="PZO680" s="613"/>
      <c r="PZP680" s="613"/>
      <c r="PZQ680" s="613"/>
      <c r="PZR680" s="613"/>
      <c r="PZS680" s="613"/>
      <c r="PZT680" s="613"/>
      <c r="PZU680" s="613"/>
      <c r="PZV680" s="613"/>
      <c r="PZW680" s="613"/>
      <c r="PZX680" s="613"/>
      <c r="PZY680" s="613"/>
      <c r="PZZ680" s="613"/>
      <c r="QAA680" s="613"/>
      <c r="QAB680" s="613"/>
      <c r="QAC680" s="613"/>
      <c r="QAD680" s="613"/>
      <c r="QAE680" s="613"/>
      <c r="QAF680" s="613"/>
      <c r="QAG680" s="613"/>
      <c r="QAH680" s="613"/>
      <c r="QAI680" s="613"/>
      <c r="QAJ680" s="613"/>
      <c r="QAK680" s="613"/>
      <c r="QAL680" s="613"/>
      <c r="QAM680" s="613"/>
      <c r="QAN680" s="613"/>
      <c r="QAO680" s="613"/>
      <c r="QAP680" s="613"/>
      <c r="QAQ680" s="613"/>
      <c r="QAR680" s="613"/>
      <c r="QAS680" s="613"/>
      <c r="QAT680" s="613"/>
      <c r="QAU680" s="613"/>
      <c r="QAV680" s="613"/>
      <c r="QAW680" s="613"/>
      <c r="QAX680" s="613"/>
      <c r="QAY680" s="613"/>
      <c r="QAZ680" s="613"/>
      <c r="QBA680" s="613"/>
      <c r="QBB680" s="613"/>
      <c r="QBC680" s="613"/>
      <c r="QBD680" s="613"/>
      <c r="QBE680" s="613"/>
      <c r="QBF680" s="613"/>
      <c r="QBG680" s="613"/>
      <c r="QBH680" s="613"/>
      <c r="QBI680" s="613"/>
      <c r="QBJ680" s="613"/>
      <c r="QBK680" s="613"/>
      <c r="QBL680" s="613"/>
      <c r="QBM680" s="613"/>
      <c r="QBN680" s="613"/>
      <c r="QBO680" s="613"/>
      <c r="QBP680" s="613"/>
      <c r="QBQ680" s="613"/>
      <c r="QBR680" s="613"/>
      <c r="QBS680" s="613"/>
      <c r="QBT680" s="613"/>
      <c r="QBU680" s="613"/>
      <c r="QBV680" s="613"/>
      <c r="QBW680" s="613"/>
      <c r="QBX680" s="613"/>
      <c r="QBY680" s="613"/>
      <c r="QBZ680" s="613"/>
      <c r="QCA680" s="613"/>
      <c r="QCB680" s="613"/>
      <c r="QCC680" s="613"/>
      <c r="QCD680" s="613"/>
      <c r="QCE680" s="613"/>
      <c r="QCF680" s="613"/>
      <c r="QCG680" s="613"/>
      <c r="QCH680" s="613"/>
      <c r="QCI680" s="613"/>
      <c r="QCJ680" s="613"/>
      <c r="QCK680" s="613"/>
      <c r="QCL680" s="613"/>
      <c r="QCM680" s="613"/>
      <c r="QCN680" s="613"/>
      <c r="QCO680" s="613"/>
      <c r="QCP680" s="613"/>
      <c r="QCQ680" s="613"/>
      <c r="QCR680" s="613"/>
      <c r="QCS680" s="613"/>
      <c r="QCT680" s="613"/>
      <c r="QCU680" s="613"/>
      <c r="QCV680" s="613"/>
      <c r="QCW680" s="613"/>
      <c r="QCX680" s="613"/>
      <c r="QCY680" s="613"/>
      <c r="QCZ680" s="613"/>
      <c r="QDA680" s="613"/>
      <c r="QDB680" s="613"/>
      <c r="QDC680" s="613"/>
      <c r="QDD680" s="613"/>
      <c r="QDE680" s="613"/>
      <c r="QDF680" s="613"/>
      <c r="QDG680" s="613"/>
      <c r="QDH680" s="613"/>
      <c r="QDI680" s="613"/>
      <c r="QDJ680" s="613"/>
      <c r="QDK680" s="613"/>
      <c r="QDL680" s="613"/>
      <c r="QDM680" s="613"/>
      <c r="QDN680" s="613"/>
      <c r="QDO680" s="613"/>
      <c r="QDP680" s="613"/>
      <c r="QDQ680" s="613"/>
      <c r="QDR680" s="613"/>
      <c r="QDS680" s="613"/>
      <c r="QDT680" s="613"/>
      <c r="QDU680" s="613"/>
      <c r="QDV680" s="613"/>
      <c r="QDW680" s="613"/>
      <c r="QDX680" s="613"/>
      <c r="QDY680" s="613"/>
      <c r="QDZ680" s="613"/>
      <c r="QEA680" s="613"/>
      <c r="QEB680" s="613"/>
      <c r="QEC680" s="613"/>
      <c r="QED680" s="613"/>
      <c r="QEE680" s="613"/>
      <c r="QEF680" s="613"/>
      <c r="QEG680" s="613"/>
      <c r="QEH680" s="613"/>
      <c r="QEI680" s="613"/>
      <c r="QEJ680" s="613"/>
      <c r="QEK680" s="613"/>
      <c r="QEL680" s="613"/>
      <c r="QEM680" s="613"/>
      <c r="QEN680" s="613"/>
      <c r="QEO680" s="613"/>
      <c r="QEP680" s="613"/>
      <c r="QEQ680" s="613"/>
      <c r="QER680" s="613"/>
      <c r="QES680" s="613"/>
      <c r="QET680" s="613"/>
      <c r="QEU680" s="613"/>
      <c r="QEV680" s="613"/>
      <c r="QEW680" s="613"/>
      <c r="QEX680" s="613"/>
      <c r="QEY680" s="613"/>
      <c r="QEZ680" s="613"/>
      <c r="QFA680" s="613"/>
      <c r="QFB680" s="613"/>
      <c r="QFC680" s="613"/>
      <c r="QFD680" s="613"/>
      <c r="QFE680" s="613"/>
      <c r="QFF680" s="613"/>
      <c r="QFG680" s="613"/>
      <c r="QFH680" s="613"/>
      <c r="QFI680" s="613"/>
      <c r="QFJ680" s="613"/>
      <c r="QFK680" s="613"/>
      <c r="QFL680" s="613"/>
      <c r="QFM680" s="613"/>
      <c r="QFN680" s="613"/>
      <c r="QFO680" s="613"/>
      <c r="QFP680" s="613"/>
      <c r="QFQ680" s="613"/>
      <c r="QFR680" s="613"/>
      <c r="QFS680" s="613"/>
      <c r="QFT680" s="613"/>
      <c r="QFU680" s="613"/>
      <c r="QFV680" s="613"/>
      <c r="QFW680" s="613"/>
      <c r="QFX680" s="613"/>
      <c r="QFY680" s="613"/>
      <c r="QFZ680" s="613"/>
      <c r="QGA680" s="613"/>
      <c r="QGB680" s="613"/>
      <c r="QGC680" s="613"/>
      <c r="QGD680" s="613"/>
      <c r="QGE680" s="613"/>
      <c r="QGF680" s="613"/>
      <c r="QGG680" s="613"/>
      <c r="QGH680" s="613"/>
      <c r="QGI680" s="613"/>
      <c r="QGJ680" s="613"/>
      <c r="QGK680" s="613"/>
      <c r="QGL680" s="613"/>
      <c r="QGM680" s="613"/>
      <c r="QGN680" s="613"/>
      <c r="QGO680" s="613"/>
      <c r="QGP680" s="613"/>
      <c r="QGQ680" s="613"/>
      <c r="QGR680" s="613"/>
      <c r="QGS680" s="613"/>
      <c r="QGT680" s="613"/>
      <c r="QGU680" s="613"/>
      <c r="QGV680" s="613"/>
      <c r="QGW680" s="613"/>
      <c r="QGX680" s="613"/>
      <c r="QGY680" s="613"/>
      <c r="QGZ680" s="613"/>
      <c r="QHA680" s="613"/>
      <c r="QHB680" s="613"/>
      <c r="QHC680" s="613"/>
      <c r="QHD680" s="613"/>
      <c r="QHE680" s="613"/>
      <c r="QHF680" s="613"/>
      <c r="QHG680" s="613"/>
      <c r="QHH680" s="613"/>
      <c r="QHI680" s="613"/>
      <c r="QHJ680" s="613"/>
      <c r="QHK680" s="613"/>
      <c r="QHL680" s="613"/>
      <c r="QHM680" s="613"/>
      <c r="QHN680" s="613"/>
      <c r="QHO680" s="613"/>
      <c r="QHP680" s="613"/>
      <c r="QHQ680" s="613"/>
      <c r="QHR680" s="613"/>
      <c r="QHS680" s="613"/>
      <c r="QHT680" s="613"/>
      <c r="QHU680" s="613"/>
      <c r="QHV680" s="613"/>
      <c r="QHW680" s="613"/>
      <c r="QHX680" s="613"/>
      <c r="QHY680" s="613"/>
      <c r="QHZ680" s="613"/>
      <c r="QIA680" s="613"/>
      <c r="QIB680" s="613"/>
      <c r="QIC680" s="613"/>
      <c r="QID680" s="613"/>
      <c r="QIE680" s="613"/>
      <c r="QIF680" s="613"/>
      <c r="QIG680" s="613"/>
      <c r="QIH680" s="613"/>
      <c r="QII680" s="613"/>
      <c r="QIJ680" s="613"/>
      <c r="QIK680" s="613"/>
      <c r="QIL680" s="613"/>
      <c r="QIM680" s="613"/>
      <c r="QIN680" s="613"/>
      <c r="QIO680" s="613"/>
      <c r="QIP680" s="613"/>
      <c r="QIQ680" s="613"/>
      <c r="QIR680" s="613"/>
      <c r="QIS680" s="613"/>
      <c r="QIT680" s="613"/>
      <c r="QIU680" s="613"/>
      <c r="QIV680" s="613"/>
      <c r="QIW680" s="613"/>
      <c r="QIX680" s="613"/>
      <c r="QIY680" s="613"/>
      <c r="QIZ680" s="613"/>
      <c r="QJA680" s="613"/>
      <c r="QJB680" s="613"/>
      <c r="QJC680" s="613"/>
      <c r="QJD680" s="613"/>
      <c r="QJE680" s="613"/>
      <c r="QJF680" s="613"/>
      <c r="QJG680" s="613"/>
      <c r="QJH680" s="613"/>
      <c r="QJI680" s="613"/>
      <c r="QJJ680" s="613"/>
      <c r="QJK680" s="613"/>
      <c r="QJL680" s="613"/>
      <c r="QJM680" s="613"/>
      <c r="QJN680" s="613"/>
      <c r="QJO680" s="613"/>
      <c r="QJP680" s="613"/>
      <c r="QJQ680" s="613"/>
      <c r="QJR680" s="613"/>
      <c r="QJS680" s="613"/>
      <c r="QJT680" s="613"/>
      <c r="QJU680" s="613"/>
      <c r="QJV680" s="613"/>
      <c r="QJW680" s="613"/>
      <c r="QJX680" s="613"/>
      <c r="QJY680" s="613"/>
      <c r="QJZ680" s="613"/>
      <c r="QKA680" s="613"/>
      <c r="QKB680" s="613"/>
      <c r="QKC680" s="613"/>
      <c r="QKD680" s="613"/>
      <c r="QKE680" s="613"/>
      <c r="QKF680" s="613"/>
      <c r="QKG680" s="613"/>
      <c r="QKH680" s="613"/>
      <c r="QKI680" s="613"/>
      <c r="QKJ680" s="613"/>
      <c r="QKK680" s="613"/>
      <c r="QKL680" s="613"/>
      <c r="QKM680" s="613"/>
      <c r="QKN680" s="613"/>
      <c r="QKO680" s="613"/>
      <c r="QKP680" s="613"/>
      <c r="QKQ680" s="613"/>
      <c r="QKR680" s="613"/>
      <c r="QKS680" s="613"/>
      <c r="QKT680" s="613"/>
      <c r="QKU680" s="613"/>
      <c r="QKV680" s="613"/>
      <c r="QKW680" s="613"/>
      <c r="QKX680" s="613"/>
      <c r="QKY680" s="613"/>
      <c r="QKZ680" s="613"/>
      <c r="QLA680" s="613"/>
      <c r="QLB680" s="613"/>
      <c r="QLC680" s="613"/>
      <c r="QLD680" s="613"/>
      <c r="QLE680" s="613"/>
      <c r="QLF680" s="613"/>
      <c r="QLG680" s="613"/>
      <c r="QLH680" s="613"/>
      <c r="QLI680" s="613"/>
      <c r="QLJ680" s="613"/>
      <c r="QLK680" s="613"/>
      <c r="QLL680" s="613"/>
      <c r="QLM680" s="613"/>
      <c r="QLN680" s="613"/>
      <c r="QLO680" s="613"/>
      <c r="QLP680" s="613"/>
      <c r="QLQ680" s="613"/>
      <c r="QLR680" s="613"/>
      <c r="QLS680" s="613"/>
      <c r="QLT680" s="613"/>
      <c r="QLU680" s="613"/>
      <c r="QLV680" s="613"/>
      <c r="QLW680" s="613"/>
      <c r="QLX680" s="613"/>
      <c r="QLY680" s="613"/>
      <c r="QLZ680" s="613"/>
      <c r="QMA680" s="613"/>
      <c r="QMB680" s="613"/>
      <c r="QMC680" s="613"/>
      <c r="QMD680" s="613"/>
      <c r="QME680" s="613"/>
      <c r="QMF680" s="613"/>
      <c r="QMG680" s="613"/>
      <c r="QMH680" s="613"/>
      <c r="QMI680" s="613"/>
      <c r="QMJ680" s="613"/>
      <c r="QMK680" s="613"/>
      <c r="QML680" s="613"/>
      <c r="QMM680" s="613"/>
      <c r="QMN680" s="613"/>
      <c r="QMO680" s="613"/>
      <c r="QMP680" s="613"/>
      <c r="QMQ680" s="613"/>
      <c r="QMR680" s="613"/>
      <c r="QMS680" s="613"/>
      <c r="QMT680" s="613"/>
      <c r="QMU680" s="613"/>
      <c r="QMV680" s="613"/>
      <c r="QMW680" s="613"/>
      <c r="QMX680" s="613"/>
      <c r="QMY680" s="613"/>
      <c r="QMZ680" s="613"/>
      <c r="QNA680" s="613"/>
      <c r="QNB680" s="613"/>
      <c r="QNC680" s="613"/>
      <c r="QND680" s="613"/>
      <c r="QNE680" s="613"/>
      <c r="QNF680" s="613"/>
      <c r="QNG680" s="613"/>
      <c r="QNH680" s="613"/>
      <c r="QNI680" s="613"/>
      <c r="QNJ680" s="613"/>
      <c r="QNK680" s="613"/>
      <c r="QNL680" s="613"/>
      <c r="QNM680" s="613"/>
      <c r="QNN680" s="613"/>
      <c r="QNO680" s="613"/>
      <c r="QNP680" s="613"/>
      <c r="QNQ680" s="613"/>
      <c r="QNR680" s="613"/>
      <c r="QNS680" s="613"/>
      <c r="QNT680" s="613"/>
      <c r="QNU680" s="613"/>
      <c r="QNV680" s="613"/>
      <c r="QNW680" s="613"/>
      <c r="QNX680" s="613"/>
      <c r="QNY680" s="613"/>
      <c r="QNZ680" s="613"/>
      <c r="QOA680" s="613"/>
      <c r="QOB680" s="613"/>
      <c r="QOC680" s="613"/>
      <c r="QOD680" s="613"/>
      <c r="QOE680" s="613"/>
      <c r="QOF680" s="613"/>
      <c r="QOG680" s="613"/>
      <c r="QOH680" s="613"/>
      <c r="QOI680" s="613"/>
      <c r="QOJ680" s="613"/>
      <c r="QOK680" s="613"/>
      <c r="QOL680" s="613"/>
      <c r="QOM680" s="613"/>
      <c r="QON680" s="613"/>
      <c r="QOO680" s="613"/>
      <c r="QOP680" s="613"/>
      <c r="QOQ680" s="613"/>
      <c r="QOR680" s="613"/>
      <c r="QOS680" s="613"/>
      <c r="QOT680" s="613"/>
      <c r="QOU680" s="613"/>
      <c r="QOV680" s="613"/>
      <c r="QOW680" s="613"/>
      <c r="QOX680" s="613"/>
      <c r="QOY680" s="613"/>
      <c r="QOZ680" s="613"/>
      <c r="QPA680" s="613"/>
      <c r="QPB680" s="613"/>
      <c r="QPC680" s="613"/>
      <c r="QPD680" s="613"/>
      <c r="QPE680" s="613"/>
      <c r="QPF680" s="613"/>
      <c r="QPG680" s="613"/>
      <c r="QPH680" s="613"/>
      <c r="QPI680" s="613"/>
      <c r="QPJ680" s="613"/>
      <c r="QPK680" s="613"/>
      <c r="QPL680" s="613"/>
      <c r="QPM680" s="613"/>
      <c r="QPN680" s="613"/>
      <c r="QPO680" s="613"/>
      <c r="QPP680" s="613"/>
      <c r="QPQ680" s="613"/>
      <c r="QPR680" s="613"/>
      <c r="QPS680" s="613"/>
      <c r="QPT680" s="613"/>
      <c r="QPU680" s="613"/>
      <c r="QPV680" s="613"/>
      <c r="QPW680" s="613"/>
      <c r="QPX680" s="613"/>
      <c r="QPY680" s="613"/>
      <c r="QPZ680" s="613"/>
      <c r="QQA680" s="613"/>
      <c r="QQB680" s="613"/>
      <c r="QQC680" s="613"/>
      <c r="QQD680" s="613"/>
      <c r="QQE680" s="613"/>
      <c r="QQF680" s="613"/>
      <c r="QQG680" s="613"/>
      <c r="QQH680" s="613"/>
      <c r="QQI680" s="613"/>
      <c r="QQJ680" s="613"/>
      <c r="QQK680" s="613"/>
      <c r="QQL680" s="613"/>
      <c r="QQM680" s="613"/>
      <c r="QQN680" s="613"/>
      <c r="QQO680" s="613"/>
      <c r="QQP680" s="613"/>
      <c r="QQQ680" s="613"/>
      <c r="QQR680" s="613"/>
      <c r="QQS680" s="613"/>
      <c r="QQT680" s="613"/>
      <c r="QQU680" s="613"/>
      <c r="QQV680" s="613"/>
      <c r="QQW680" s="613"/>
      <c r="QQX680" s="613"/>
      <c r="QQY680" s="613"/>
      <c r="QQZ680" s="613"/>
      <c r="QRA680" s="613"/>
      <c r="QRB680" s="613"/>
      <c r="QRC680" s="613"/>
      <c r="QRD680" s="613"/>
      <c r="QRE680" s="613"/>
      <c r="QRF680" s="613"/>
      <c r="QRG680" s="613"/>
      <c r="QRH680" s="613"/>
      <c r="QRI680" s="613"/>
      <c r="QRJ680" s="613"/>
      <c r="QRK680" s="613"/>
      <c r="QRL680" s="613"/>
      <c r="QRM680" s="613"/>
      <c r="QRN680" s="613"/>
      <c r="QRO680" s="613"/>
      <c r="QRP680" s="613"/>
      <c r="QRQ680" s="613"/>
      <c r="QRR680" s="613"/>
      <c r="QRS680" s="613"/>
      <c r="QRT680" s="613"/>
      <c r="QRU680" s="613"/>
      <c r="QRV680" s="613"/>
      <c r="QRW680" s="613"/>
      <c r="QRX680" s="613"/>
      <c r="QRY680" s="613"/>
      <c r="QRZ680" s="613"/>
      <c r="QSA680" s="613"/>
      <c r="QSB680" s="613"/>
      <c r="QSC680" s="613"/>
      <c r="QSD680" s="613"/>
      <c r="QSE680" s="613"/>
      <c r="QSF680" s="613"/>
      <c r="QSG680" s="613"/>
      <c r="QSH680" s="613"/>
      <c r="QSI680" s="613"/>
      <c r="QSJ680" s="613"/>
      <c r="QSK680" s="613"/>
      <c r="QSL680" s="613"/>
      <c r="QSM680" s="613"/>
      <c r="QSN680" s="613"/>
      <c r="QSO680" s="613"/>
      <c r="QSP680" s="613"/>
      <c r="QSQ680" s="613"/>
      <c r="QSR680" s="613"/>
      <c r="QSS680" s="613"/>
      <c r="QST680" s="613"/>
      <c r="QSU680" s="613"/>
      <c r="QSV680" s="613"/>
      <c r="QSW680" s="613"/>
      <c r="QSX680" s="613"/>
      <c r="QSY680" s="613"/>
      <c r="QSZ680" s="613"/>
      <c r="QTA680" s="613"/>
      <c r="QTB680" s="613"/>
      <c r="QTC680" s="613"/>
      <c r="QTD680" s="613"/>
      <c r="QTE680" s="613"/>
      <c r="QTF680" s="613"/>
      <c r="QTG680" s="613"/>
      <c r="QTH680" s="613"/>
      <c r="QTI680" s="613"/>
      <c r="QTJ680" s="613"/>
      <c r="QTK680" s="613"/>
      <c r="QTL680" s="613"/>
      <c r="QTM680" s="613"/>
      <c r="QTN680" s="613"/>
      <c r="QTO680" s="613"/>
      <c r="QTP680" s="613"/>
      <c r="QTQ680" s="613"/>
      <c r="QTR680" s="613"/>
      <c r="QTS680" s="613"/>
      <c r="QTT680" s="613"/>
      <c r="QTU680" s="613"/>
      <c r="QTV680" s="613"/>
      <c r="QTW680" s="613"/>
      <c r="QTX680" s="613"/>
      <c r="QTY680" s="613"/>
      <c r="QTZ680" s="613"/>
      <c r="QUA680" s="613"/>
      <c r="QUB680" s="613"/>
      <c r="QUC680" s="613"/>
      <c r="QUD680" s="613"/>
      <c r="QUE680" s="613"/>
      <c r="QUF680" s="613"/>
      <c r="QUG680" s="613"/>
      <c r="QUH680" s="613"/>
      <c r="QUI680" s="613"/>
      <c r="QUJ680" s="613"/>
      <c r="QUK680" s="613"/>
      <c r="QUL680" s="613"/>
      <c r="QUM680" s="613"/>
      <c r="QUN680" s="613"/>
      <c r="QUO680" s="613"/>
      <c r="QUP680" s="613"/>
      <c r="QUQ680" s="613"/>
      <c r="QUR680" s="613"/>
      <c r="QUS680" s="613"/>
      <c r="QUT680" s="613"/>
      <c r="QUU680" s="613"/>
      <c r="QUV680" s="613"/>
      <c r="QUW680" s="613"/>
      <c r="QUX680" s="613"/>
      <c r="QUY680" s="613"/>
      <c r="QUZ680" s="613"/>
      <c r="QVA680" s="613"/>
      <c r="QVB680" s="613"/>
      <c r="QVC680" s="613"/>
      <c r="QVD680" s="613"/>
      <c r="QVE680" s="613"/>
      <c r="QVF680" s="613"/>
      <c r="QVG680" s="613"/>
      <c r="QVH680" s="613"/>
      <c r="QVI680" s="613"/>
      <c r="QVJ680" s="613"/>
      <c r="QVK680" s="613"/>
      <c r="QVL680" s="613"/>
      <c r="QVM680" s="613"/>
      <c r="QVN680" s="613"/>
      <c r="QVO680" s="613"/>
      <c r="QVP680" s="613"/>
      <c r="QVQ680" s="613"/>
      <c r="QVR680" s="613"/>
      <c r="QVS680" s="613"/>
      <c r="QVT680" s="613"/>
      <c r="QVU680" s="613"/>
      <c r="QVV680" s="613"/>
      <c r="QVW680" s="613"/>
      <c r="QVX680" s="613"/>
      <c r="QVY680" s="613"/>
      <c r="QVZ680" s="613"/>
      <c r="QWA680" s="613"/>
      <c r="QWB680" s="613"/>
      <c r="QWC680" s="613"/>
      <c r="QWD680" s="613"/>
      <c r="QWE680" s="613"/>
      <c r="QWF680" s="613"/>
      <c r="QWG680" s="613"/>
      <c r="QWH680" s="613"/>
      <c r="QWI680" s="613"/>
      <c r="QWJ680" s="613"/>
      <c r="QWK680" s="613"/>
      <c r="QWL680" s="613"/>
      <c r="QWM680" s="613"/>
      <c r="QWN680" s="613"/>
      <c r="QWO680" s="613"/>
      <c r="QWP680" s="613"/>
      <c r="QWQ680" s="613"/>
      <c r="QWR680" s="613"/>
      <c r="QWS680" s="613"/>
      <c r="QWT680" s="613"/>
      <c r="QWU680" s="613"/>
      <c r="QWV680" s="613"/>
      <c r="QWW680" s="613"/>
      <c r="QWX680" s="613"/>
      <c r="QWY680" s="613"/>
      <c r="QWZ680" s="613"/>
      <c r="QXA680" s="613"/>
      <c r="QXB680" s="613"/>
      <c r="QXC680" s="613"/>
      <c r="QXD680" s="613"/>
      <c r="QXE680" s="613"/>
      <c r="QXF680" s="613"/>
      <c r="QXG680" s="613"/>
      <c r="QXH680" s="613"/>
      <c r="QXI680" s="613"/>
      <c r="QXJ680" s="613"/>
      <c r="QXK680" s="613"/>
      <c r="QXL680" s="613"/>
      <c r="QXM680" s="613"/>
      <c r="QXN680" s="613"/>
      <c r="QXO680" s="613"/>
      <c r="QXP680" s="613"/>
      <c r="QXQ680" s="613"/>
      <c r="QXR680" s="613"/>
      <c r="QXS680" s="613"/>
      <c r="QXT680" s="613"/>
      <c r="QXU680" s="613"/>
      <c r="QXV680" s="613"/>
      <c r="QXW680" s="613"/>
      <c r="QXX680" s="613"/>
      <c r="QXY680" s="613"/>
      <c r="QXZ680" s="613"/>
      <c r="QYA680" s="613"/>
      <c r="QYB680" s="613"/>
      <c r="QYC680" s="613"/>
      <c r="QYD680" s="613"/>
      <c r="QYE680" s="613"/>
      <c r="QYF680" s="613"/>
      <c r="QYG680" s="613"/>
      <c r="QYH680" s="613"/>
      <c r="QYI680" s="613"/>
      <c r="QYJ680" s="613"/>
      <c r="QYK680" s="613"/>
      <c r="QYL680" s="613"/>
      <c r="QYM680" s="613"/>
      <c r="QYN680" s="613"/>
      <c r="QYO680" s="613"/>
      <c r="QYP680" s="613"/>
      <c r="QYQ680" s="613"/>
      <c r="QYR680" s="613"/>
      <c r="QYS680" s="613"/>
      <c r="QYT680" s="613"/>
      <c r="QYU680" s="613"/>
      <c r="QYV680" s="613"/>
      <c r="QYW680" s="613"/>
      <c r="QYX680" s="613"/>
      <c r="QYY680" s="613"/>
      <c r="QYZ680" s="613"/>
      <c r="QZA680" s="613"/>
      <c r="QZB680" s="613"/>
      <c r="QZC680" s="613"/>
      <c r="QZD680" s="613"/>
      <c r="QZE680" s="613"/>
      <c r="QZF680" s="613"/>
      <c r="QZG680" s="613"/>
      <c r="QZH680" s="613"/>
      <c r="QZI680" s="613"/>
      <c r="QZJ680" s="613"/>
      <c r="QZK680" s="613"/>
      <c r="QZL680" s="613"/>
      <c r="QZM680" s="613"/>
      <c r="QZN680" s="613"/>
      <c r="QZO680" s="613"/>
      <c r="QZP680" s="613"/>
      <c r="QZQ680" s="613"/>
      <c r="QZR680" s="613"/>
      <c r="QZS680" s="613"/>
      <c r="QZT680" s="613"/>
      <c r="QZU680" s="613"/>
      <c r="QZV680" s="613"/>
      <c r="QZW680" s="613"/>
      <c r="QZX680" s="613"/>
      <c r="QZY680" s="613"/>
      <c r="QZZ680" s="613"/>
      <c r="RAA680" s="613"/>
      <c r="RAB680" s="613"/>
      <c r="RAC680" s="613"/>
      <c r="RAD680" s="613"/>
      <c r="RAE680" s="613"/>
      <c r="RAF680" s="613"/>
      <c r="RAG680" s="613"/>
      <c r="RAH680" s="613"/>
      <c r="RAI680" s="613"/>
      <c r="RAJ680" s="613"/>
      <c r="RAK680" s="613"/>
      <c r="RAL680" s="613"/>
      <c r="RAM680" s="613"/>
      <c r="RAN680" s="613"/>
      <c r="RAO680" s="613"/>
      <c r="RAP680" s="613"/>
      <c r="RAQ680" s="613"/>
      <c r="RAR680" s="613"/>
      <c r="RAS680" s="613"/>
      <c r="RAT680" s="613"/>
      <c r="RAU680" s="613"/>
      <c r="RAV680" s="613"/>
      <c r="RAW680" s="613"/>
      <c r="RAX680" s="613"/>
      <c r="RAY680" s="613"/>
      <c r="RAZ680" s="613"/>
      <c r="RBA680" s="613"/>
      <c r="RBB680" s="613"/>
      <c r="RBC680" s="613"/>
      <c r="RBD680" s="613"/>
      <c r="RBE680" s="613"/>
      <c r="RBF680" s="613"/>
      <c r="RBG680" s="613"/>
      <c r="RBH680" s="613"/>
      <c r="RBI680" s="613"/>
      <c r="RBJ680" s="613"/>
      <c r="RBK680" s="613"/>
      <c r="RBL680" s="613"/>
      <c r="RBM680" s="613"/>
      <c r="RBN680" s="613"/>
      <c r="RBO680" s="613"/>
      <c r="RBP680" s="613"/>
      <c r="RBQ680" s="613"/>
      <c r="RBR680" s="613"/>
      <c r="RBS680" s="613"/>
      <c r="RBT680" s="613"/>
      <c r="RBU680" s="613"/>
      <c r="RBV680" s="613"/>
      <c r="RBW680" s="613"/>
      <c r="RBX680" s="613"/>
      <c r="RBY680" s="613"/>
      <c r="RBZ680" s="613"/>
      <c r="RCA680" s="613"/>
      <c r="RCB680" s="613"/>
      <c r="RCC680" s="613"/>
      <c r="RCD680" s="613"/>
      <c r="RCE680" s="613"/>
      <c r="RCF680" s="613"/>
      <c r="RCG680" s="613"/>
      <c r="RCH680" s="613"/>
      <c r="RCI680" s="613"/>
      <c r="RCJ680" s="613"/>
      <c r="RCK680" s="613"/>
      <c r="RCL680" s="613"/>
      <c r="RCM680" s="613"/>
      <c r="RCN680" s="613"/>
      <c r="RCO680" s="613"/>
      <c r="RCP680" s="613"/>
      <c r="RCQ680" s="613"/>
      <c r="RCR680" s="613"/>
      <c r="RCS680" s="613"/>
      <c r="RCT680" s="613"/>
      <c r="RCU680" s="613"/>
      <c r="RCV680" s="613"/>
      <c r="RCW680" s="613"/>
      <c r="RCX680" s="613"/>
      <c r="RCY680" s="613"/>
      <c r="RCZ680" s="613"/>
      <c r="RDA680" s="613"/>
      <c r="RDB680" s="613"/>
      <c r="RDC680" s="613"/>
      <c r="RDD680" s="613"/>
      <c r="RDE680" s="613"/>
      <c r="RDF680" s="613"/>
      <c r="RDG680" s="613"/>
      <c r="RDH680" s="613"/>
      <c r="RDI680" s="613"/>
      <c r="RDJ680" s="613"/>
      <c r="RDK680" s="613"/>
      <c r="RDL680" s="613"/>
      <c r="RDM680" s="613"/>
      <c r="RDN680" s="613"/>
      <c r="RDO680" s="613"/>
      <c r="RDP680" s="613"/>
      <c r="RDQ680" s="613"/>
      <c r="RDR680" s="613"/>
      <c r="RDS680" s="613"/>
      <c r="RDT680" s="613"/>
      <c r="RDU680" s="613"/>
      <c r="RDV680" s="613"/>
      <c r="RDW680" s="613"/>
      <c r="RDX680" s="613"/>
      <c r="RDY680" s="613"/>
      <c r="RDZ680" s="613"/>
      <c r="REA680" s="613"/>
      <c r="REB680" s="613"/>
      <c r="REC680" s="613"/>
      <c r="RED680" s="613"/>
      <c r="REE680" s="613"/>
      <c r="REF680" s="613"/>
      <c r="REG680" s="613"/>
      <c r="REH680" s="613"/>
      <c r="REI680" s="613"/>
      <c r="REJ680" s="613"/>
      <c r="REK680" s="613"/>
      <c r="REL680" s="613"/>
      <c r="REM680" s="613"/>
      <c r="REN680" s="613"/>
      <c r="REO680" s="613"/>
      <c r="REP680" s="613"/>
      <c r="REQ680" s="613"/>
      <c r="RER680" s="613"/>
      <c r="RES680" s="613"/>
      <c r="RET680" s="613"/>
      <c r="REU680" s="613"/>
      <c r="REV680" s="613"/>
      <c r="REW680" s="613"/>
      <c r="REX680" s="613"/>
      <c r="REY680" s="613"/>
      <c r="REZ680" s="613"/>
      <c r="RFA680" s="613"/>
      <c r="RFB680" s="613"/>
      <c r="RFC680" s="613"/>
      <c r="RFD680" s="613"/>
      <c r="RFE680" s="613"/>
      <c r="RFF680" s="613"/>
      <c r="RFG680" s="613"/>
      <c r="RFH680" s="613"/>
      <c r="RFI680" s="613"/>
      <c r="RFJ680" s="613"/>
      <c r="RFK680" s="613"/>
      <c r="RFL680" s="613"/>
      <c r="RFM680" s="613"/>
      <c r="RFN680" s="613"/>
      <c r="RFO680" s="613"/>
      <c r="RFP680" s="613"/>
      <c r="RFQ680" s="613"/>
      <c r="RFR680" s="613"/>
      <c r="RFS680" s="613"/>
      <c r="RFT680" s="613"/>
      <c r="RFU680" s="613"/>
      <c r="RFV680" s="613"/>
      <c r="RFW680" s="613"/>
      <c r="RFX680" s="613"/>
      <c r="RFY680" s="613"/>
      <c r="RFZ680" s="613"/>
      <c r="RGA680" s="613"/>
      <c r="RGB680" s="613"/>
      <c r="RGC680" s="613"/>
      <c r="RGD680" s="613"/>
      <c r="RGE680" s="613"/>
      <c r="RGF680" s="613"/>
      <c r="RGG680" s="613"/>
      <c r="RGH680" s="613"/>
      <c r="RGI680" s="613"/>
      <c r="RGJ680" s="613"/>
      <c r="RGK680" s="613"/>
      <c r="RGL680" s="613"/>
      <c r="RGM680" s="613"/>
      <c r="RGN680" s="613"/>
      <c r="RGO680" s="613"/>
      <c r="RGP680" s="613"/>
      <c r="RGQ680" s="613"/>
      <c r="RGR680" s="613"/>
      <c r="RGS680" s="613"/>
      <c r="RGT680" s="613"/>
      <c r="RGU680" s="613"/>
      <c r="RGV680" s="613"/>
      <c r="RGW680" s="613"/>
      <c r="RGX680" s="613"/>
      <c r="RGY680" s="613"/>
      <c r="RGZ680" s="613"/>
      <c r="RHA680" s="613"/>
      <c r="RHB680" s="613"/>
      <c r="RHC680" s="613"/>
      <c r="RHD680" s="613"/>
      <c r="RHE680" s="613"/>
      <c r="RHF680" s="613"/>
      <c r="RHG680" s="613"/>
      <c r="RHH680" s="613"/>
      <c r="RHI680" s="613"/>
      <c r="RHJ680" s="613"/>
      <c r="RHK680" s="613"/>
      <c r="RHL680" s="613"/>
      <c r="RHM680" s="613"/>
      <c r="RHN680" s="613"/>
      <c r="RHO680" s="613"/>
      <c r="RHP680" s="613"/>
      <c r="RHQ680" s="613"/>
      <c r="RHR680" s="613"/>
      <c r="RHS680" s="613"/>
      <c r="RHT680" s="613"/>
      <c r="RHU680" s="613"/>
      <c r="RHV680" s="613"/>
      <c r="RHW680" s="613"/>
      <c r="RHX680" s="613"/>
      <c r="RHY680" s="613"/>
      <c r="RHZ680" s="613"/>
      <c r="RIA680" s="613"/>
      <c r="RIB680" s="613"/>
      <c r="RIC680" s="613"/>
      <c r="RID680" s="613"/>
      <c r="RIE680" s="613"/>
      <c r="RIF680" s="613"/>
      <c r="RIG680" s="613"/>
      <c r="RIH680" s="613"/>
      <c r="RII680" s="613"/>
      <c r="RIJ680" s="613"/>
      <c r="RIK680" s="613"/>
      <c r="RIL680" s="613"/>
      <c r="RIM680" s="613"/>
      <c r="RIN680" s="613"/>
      <c r="RIO680" s="613"/>
      <c r="RIP680" s="613"/>
      <c r="RIQ680" s="613"/>
      <c r="RIR680" s="613"/>
      <c r="RIS680" s="613"/>
      <c r="RIT680" s="613"/>
      <c r="RIU680" s="613"/>
      <c r="RIV680" s="613"/>
      <c r="RIW680" s="613"/>
      <c r="RIX680" s="613"/>
      <c r="RIY680" s="613"/>
      <c r="RIZ680" s="613"/>
      <c r="RJA680" s="613"/>
      <c r="RJB680" s="613"/>
      <c r="RJC680" s="613"/>
      <c r="RJD680" s="613"/>
      <c r="RJE680" s="613"/>
      <c r="RJF680" s="613"/>
      <c r="RJG680" s="613"/>
      <c r="RJH680" s="613"/>
      <c r="RJI680" s="613"/>
      <c r="RJJ680" s="613"/>
      <c r="RJK680" s="613"/>
      <c r="RJL680" s="613"/>
      <c r="RJM680" s="613"/>
      <c r="RJN680" s="613"/>
      <c r="RJO680" s="613"/>
      <c r="RJP680" s="613"/>
      <c r="RJQ680" s="613"/>
      <c r="RJR680" s="613"/>
      <c r="RJS680" s="613"/>
      <c r="RJT680" s="613"/>
      <c r="RJU680" s="613"/>
      <c r="RJV680" s="613"/>
      <c r="RJW680" s="613"/>
      <c r="RJX680" s="613"/>
      <c r="RJY680" s="613"/>
      <c r="RJZ680" s="613"/>
      <c r="RKA680" s="613"/>
      <c r="RKB680" s="613"/>
      <c r="RKC680" s="613"/>
      <c r="RKD680" s="613"/>
      <c r="RKE680" s="613"/>
      <c r="RKF680" s="613"/>
      <c r="RKG680" s="613"/>
      <c r="RKH680" s="613"/>
      <c r="RKI680" s="613"/>
      <c r="RKJ680" s="613"/>
      <c r="RKK680" s="613"/>
      <c r="RKL680" s="613"/>
      <c r="RKM680" s="613"/>
      <c r="RKN680" s="613"/>
      <c r="RKO680" s="613"/>
      <c r="RKP680" s="613"/>
      <c r="RKQ680" s="613"/>
      <c r="RKR680" s="613"/>
      <c r="RKS680" s="613"/>
      <c r="RKT680" s="613"/>
      <c r="RKU680" s="613"/>
      <c r="RKV680" s="613"/>
      <c r="RKW680" s="613"/>
      <c r="RKX680" s="613"/>
      <c r="RKY680" s="613"/>
      <c r="RKZ680" s="613"/>
      <c r="RLA680" s="613"/>
      <c r="RLB680" s="613"/>
      <c r="RLC680" s="613"/>
      <c r="RLD680" s="613"/>
      <c r="RLE680" s="613"/>
      <c r="RLF680" s="613"/>
      <c r="RLG680" s="613"/>
      <c r="RLH680" s="613"/>
      <c r="RLI680" s="613"/>
      <c r="RLJ680" s="613"/>
      <c r="RLK680" s="613"/>
      <c r="RLL680" s="613"/>
      <c r="RLM680" s="613"/>
      <c r="RLN680" s="613"/>
      <c r="RLO680" s="613"/>
      <c r="RLP680" s="613"/>
      <c r="RLQ680" s="613"/>
      <c r="RLR680" s="613"/>
      <c r="RLS680" s="613"/>
      <c r="RLT680" s="613"/>
      <c r="RLU680" s="613"/>
      <c r="RLV680" s="613"/>
      <c r="RLW680" s="613"/>
      <c r="RLX680" s="613"/>
      <c r="RLY680" s="613"/>
      <c r="RLZ680" s="613"/>
      <c r="RMA680" s="613"/>
      <c r="RMB680" s="613"/>
      <c r="RMC680" s="613"/>
      <c r="RMD680" s="613"/>
      <c r="RME680" s="613"/>
      <c r="RMF680" s="613"/>
      <c r="RMG680" s="613"/>
      <c r="RMH680" s="613"/>
      <c r="RMI680" s="613"/>
      <c r="RMJ680" s="613"/>
      <c r="RMK680" s="613"/>
      <c r="RML680" s="613"/>
      <c r="RMM680" s="613"/>
      <c r="RMN680" s="613"/>
      <c r="RMO680" s="613"/>
      <c r="RMP680" s="613"/>
      <c r="RMQ680" s="613"/>
      <c r="RMR680" s="613"/>
      <c r="RMS680" s="613"/>
      <c r="RMT680" s="613"/>
      <c r="RMU680" s="613"/>
      <c r="RMV680" s="613"/>
      <c r="RMW680" s="613"/>
      <c r="RMX680" s="613"/>
      <c r="RMY680" s="613"/>
      <c r="RMZ680" s="613"/>
      <c r="RNA680" s="613"/>
      <c r="RNB680" s="613"/>
      <c r="RNC680" s="613"/>
      <c r="RND680" s="613"/>
      <c r="RNE680" s="613"/>
      <c r="RNF680" s="613"/>
      <c r="RNG680" s="613"/>
      <c r="RNH680" s="613"/>
      <c r="RNI680" s="613"/>
      <c r="RNJ680" s="613"/>
      <c r="RNK680" s="613"/>
      <c r="RNL680" s="613"/>
      <c r="RNM680" s="613"/>
      <c r="RNN680" s="613"/>
      <c r="RNO680" s="613"/>
      <c r="RNP680" s="613"/>
      <c r="RNQ680" s="613"/>
      <c r="RNR680" s="613"/>
      <c r="RNS680" s="613"/>
      <c r="RNT680" s="613"/>
      <c r="RNU680" s="613"/>
      <c r="RNV680" s="613"/>
      <c r="RNW680" s="613"/>
      <c r="RNX680" s="613"/>
      <c r="RNY680" s="613"/>
      <c r="RNZ680" s="613"/>
      <c r="ROA680" s="613"/>
      <c r="ROB680" s="613"/>
      <c r="ROC680" s="613"/>
      <c r="ROD680" s="613"/>
      <c r="ROE680" s="613"/>
      <c r="ROF680" s="613"/>
      <c r="ROG680" s="613"/>
      <c r="ROH680" s="613"/>
      <c r="ROI680" s="613"/>
      <c r="ROJ680" s="613"/>
      <c r="ROK680" s="613"/>
      <c r="ROL680" s="613"/>
      <c r="ROM680" s="613"/>
      <c r="RON680" s="613"/>
      <c r="ROO680" s="613"/>
      <c r="ROP680" s="613"/>
      <c r="ROQ680" s="613"/>
      <c r="ROR680" s="613"/>
      <c r="ROS680" s="613"/>
      <c r="ROT680" s="613"/>
      <c r="ROU680" s="613"/>
      <c r="ROV680" s="613"/>
      <c r="ROW680" s="613"/>
      <c r="ROX680" s="613"/>
      <c r="ROY680" s="613"/>
      <c r="ROZ680" s="613"/>
      <c r="RPA680" s="613"/>
      <c r="RPB680" s="613"/>
      <c r="RPC680" s="613"/>
      <c r="RPD680" s="613"/>
      <c r="RPE680" s="613"/>
      <c r="RPF680" s="613"/>
      <c r="RPG680" s="613"/>
      <c r="RPH680" s="613"/>
      <c r="RPI680" s="613"/>
      <c r="RPJ680" s="613"/>
      <c r="RPK680" s="613"/>
      <c r="RPL680" s="613"/>
      <c r="RPM680" s="613"/>
      <c r="RPN680" s="613"/>
      <c r="RPO680" s="613"/>
      <c r="RPP680" s="613"/>
      <c r="RPQ680" s="613"/>
      <c r="RPR680" s="613"/>
      <c r="RPS680" s="613"/>
      <c r="RPT680" s="613"/>
      <c r="RPU680" s="613"/>
      <c r="RPV680" s="613"/>
      <c r="RPW680" s="613"/>
      <c r="RPX680" s="613"/>
      <c r="RPY680" s="613"/>
      <c r="RPZ680" s="613"/>
      <c r="RQA680" s="613"/>
      <c r="RQB680" s="613"/>
      <c r="RQC680" s="613"/>
      <c r="RQD680" s="613"/>
      <c r="RQE680" s="613"/>
      <c r="RQF680" s="613"/>
      <c r="RQG680" s="613"/>
      <c r="RQH680" s="613"/>
      <c r="RQI680" s="613"/>
      <c r="RQJ680" s="613"/>
      <c r="RQK680" s="613"/>
      <c r="RQL680" s="613"/>
      <c r="RQM680" s="613"/>
      <c r="RQN680" s="613"/>
      <c r="RQO680" s="613"/>
      <c r="RQP680" s="613"/>
      <c r="RQQ680" s="613"/>
      <c r="RQR680" s="613"/>
      <c r="RQS680" s="613"/>
      <c r="RQT680" s="613"/>
      <c r="RQU680" s="613"/>
      <c r="RQV680" s="613"/>
      <c r="RQW680" s="613"/>
      <c r="RQX680" s="613"/>
      <c r="RQY680" s="613"/>
      <c r="RQZ680" s="613"/>
      <c r="RRA680" s="613"/>
      <c r="RRB680" s="613"/>
      <c r="RRC680" s="613"/>
      <c r="RRD680" s="613"/>
      <c r="RRE680" s="613"/>
      <c r="RRF680" s="613"/>
      <c r="RRG680" s="613"/>
      <c r="RRH680" s="613"/>
      <c r="RRI680" s="613"/>
      <c r="RRJ680" s="613"/>
      <c r="RRK680" s="613"/>
      <c r="RRL680" s="613"/>
      <c r="RRM680" s="613"/>
      <c r="RRN680" s="613"/>
      <c r="RRO680" s="613"/>
      <c r="RRP680" s="613"/>
      <c r="RRQ680" s="613"/>
      <c r="RRR680" s="613"/>
      <c r="RRS680" s="613"/>
      <c r="RRT680" s="613"/>
      <c r="RRU680" s="613"/>
      <c r="RRV680" s="613"/>
      <c r="RRW680" s="613"/>
      <c r="RRX680" s="613"/>
      <c r="RRY680" s="613"/>
      <c r="RRZ680" s="613"/>
      <c r="RSA680" s="613"/>
      <c r="RSB680" s="613"/>
      <c r="RSC680" s="613"/>
      <c r="RSD680" s="613"/>
      <c r="RSE680" s="613"/>
      <c r="RSF680" s="613"/>
      <c r="RSG680" s="613"/>
      <c r="RSH680" s="613"/>
      <c r="RSI680" s="613"/>
      <c r="RSJ680" s="613"/>
      <c r="RSK680" s="613"/>
      <c r="RSL680" s="613"/>
      <c r="RSM680" s="613"/>
      <c r="RSN680" s="613"/>
      <c r="RSO680" s="613"/>
      <c r="RSP680" s="613"/>
      <c r="RSQ680" s="613"/>
      <c r="RSR680" s="613"/>
      <c r="RSS680" s="613"/>
      <c r="RST680" s="613"/>
      <c r="RSU680" s="613"/>
      <c r="RSV680" s="613"/>
      <c r="RSW680" s="613"/>
      <c r="RSX680" s="613"/>
      <c r="RSY680" s="613"/>
      <c r="RSZ680" s="613"/>
      <c r="RTA680" s="613"/>
      <c r="RTB680" s="613"/>
      <c r="RTC680" s="613"/>
      <c r="RTD680" s="613"/>
      <c r="RTE680" s="613"/>
      <c r="RTF680" s="613"/>
      <c r="RTG680" s="613"/>
      <c r="RTH680" s="613"/>
      <c r="RTI680" s="613"/>
      <c r="RTJ680" s="613"/>
      <c r="RTK680" s="613"/>
      <c r="RTL680" s="613"/>
      <c r="RTM680" s="613"/>
      <c r="RTN680" s="613"/>
      <c r="RTO680" s="613"/>
      <c r="RTP680" s="613"/>
      <c r="RTQ680" s="613"/>
      <c r="RTR680" s="613"/>
      <c r="RTS680" s="613"/>
      <c r="RTT680" s="613"/>
      <c r="RTU680" s="613"/>
      <c r="RTV680" s="613"/>
      <c r="RTW680" s="613"/>
      <c r="RTX680" s="613"/>
      <c r="RTY680" s="613"/>
      <c r="RTZ680" s="613"/>
      <c r="RUA680" s="613"/>
      <c r="RUB680" s="613"/>
      <c r="RUC680" s="613"/>
      <c r="RUD680" s="613"/>
      <c r="RUE680" s="613"/>
      <c r="RUF680" s="613"/>
      <c r="RUG680" s="613"/>
      <c r="RUH680" s="613"/>
      <c r="RUI680" s="613"/>
      <c r="RUJ680" s="613"/>
      <c r="RUK680" s="613"/>
      <c r="RUL680" s="613"/>
      <c r="RUM680" s="613"/>
      <c r="RUN680" s="613"/>
      <c r="RUO680" s="613"/>
      <c r="RUP680" s="613"/>
      <c r="RUQ680" s="613"/>
      <c r="RUR680" s="613"/>
      <c r="RUS680" s="613"/>
      <c r="RUT680" s="613"/>
      <c r="RUU680" s="613"/>
      <c r="RUV680" s="613"/>
      <c r="RUW680" s="613"/>
      <c r="RUX680" s="613"/>
      <c r="RUY680" s="613"/>
      <c r="RUZ680" s="613"/>
      <c r="RVA680" s="613"/>
      <c r="RVB680" s="613"/>
      <c r="RVC680" s="613"/>
      <c r="RVD680" s="613"/>
      <c r="RVE680" s="613"/>
      <c r="RVF680" s="613"/>
      <c r="RVG680" s="613"/>
      <c r="RVH680" s="613"/>
      <c r="RVI680" s="613"/>
      <c r="RVJ680" s="613"/>
      <c r="RVK680" s="613"/>
      <c r="RVL680" s="613"/>
      <c r="RVM680" s="613"/>
      <c r="RVN680" s="613"/>
      <c r="RVO680" s="613"/>
      <c r="RVP680" s="613"/>
      <c r="RVQ680" s="613"/>
      <c r="RVR680" s="613"/>
      <c r="RVS680" s="613"/>
      <c r="RVT680" s="613"/>
      <c r="RVU680" s="613"/>
      <c r="RVV680" s="613"/>
      <c r="RVW680" s="613"/>
      <c r="RVX680" s="613"/>
      <c r="RVY680" s="613"/>
      <c r="RVZ680" s="613"/>
      <c r="RWA680" s="613"/>
      <c r="RWB680" s="613"/>
      <c r="RWC680" s="613"/>
      <c r="RWD680" s="613"/>
      <c r="RWE680" s="613"/>
      <c r="RWF680" s="613"/>
      <c r="RWG680" s="613"/>
      <c r="RWH680" s="613"/>
      <c r="RWI680" s="613"/>
      <c r="RWJ680" s="613"/>
      <c r="RWK680" s="613"/>
      <c r="RWL680" s="613"/>
      <c r="RWM680" s="613"/>
      <c r="RWN680" s="613"/>
      <c r="RWO680" s="613"/>
      <c r="RWP680" s="613"/>
      <c r="RWQ680" s="613"/>
      <c r="RWR680" s="613"/>
      <c r="RWS680" s="613"/>
      <c r="RWT680" s="613"/>
      <c r="RWU680" s="613"/>
      <c r="RWV680" s="613"/>
      <c r="RWW680" s="613"/>
      <c r="RWX680" s="613"/>
      <c r="RWY680" s="613"/>
      <c r="RWZ680" s="613"/>
      <c r="RXA680" s="613"/>
      <c r="RXB680" s="613"/>
      <c r="RXC680" s="613"/>
      <c r="RXD680" s="613"/>
      <c r="RXE680" s="613"/>
      <c r="RXF680" s="613"/>
      <c r="RXG680" s="613"/>
      <c r="RXH680" s="613"/>
      <c r="RXI680" s="613"/>
      <c r="RXJ680" s="613"/>
      <c r="RXK680" s="613"/>
      <c r="RXL680" s="613"/>
      <c r="RXM680" s="613"/>
      <c r="RXN680" s="613"/>
      <c r="RXO680" s="613"/>
      <c r="RXP680" s="613"/>
      <c r="RXQ680" s="613"/>
      <c r="RXR680" s="613"/>
      <c r="RXS680" s="613"/>
      <c r="RXT680" s="613"/>
      <c r="RXU680" s="613"/>
      <c r="RXV680" s="613"/>
      <c r="RXW680" s="613"/>
      <c r="RXX680" s="613"/>
      <c r="RXY680" s="613"/>
      <c r="RXZ680" s="613"/>
      <c r="RYA680" s="613"/>
      <c r="RYB680" s="613"/>
      <c r="RYC680" s="613"/>
      <c r="RYD680" s="613"/>
      <c r="RYE680" s="613"/>
      <c r="RYF680" s="613"/>
      <c r="RYG680" s="613"/>
      <c r="RYH680" s="613"/>
      <c r="RYI680" s="613"/>
      <c r="RYJ680" s="613"/>
      <c r="RYK680" s="613"/>
      <c r="RYL680" s="613"/>
      <c r="RYM680" s="613"/>
      <c r="RYN680" s="613"/>
      <c r="RYO680" s="613"/>
      <c r="RYP680" s="613"/>
      <c r="RYQ680" s="613"/>
      <c r="RYR680" s="613"/>
      <c r="RYS680" s="613"/>
      <c r="RYT680" s="613"/>
      <c r="RYU680" s="613"/>
      <c r="RYV680" s="613"/>
      <c r="RYW680" s="613"/>
      <c r="RYX680" s="613"/>
      <c r="RYY680" s="613"/>
      <c r="RYZ680" s="613"/>
      <c r="RZA680" s="613"/>
      <c r="RZB680" s="613"/>
      <c r="RZC680" s="613"/>
      <c r="RZD680" s="613"/>
      <c r="RZE680" s="613"/>
      <c r="RZF680" s="613"/>
      <c r="RZG680" s="613"/>
      <c r="RZH680" s="613"/>
      <c r="RZI680" s="613"/>
      <c r="RZJ680" s="613"/>
      <c r="RZK680" s="613"/>
      <c r="RZL680" s="613"/>
      <c r="RZM680" s="613"/>
      <c r="RZN680" s="613"/>
      <c r="RZO680" s="613"/>
      <c r="RZP680" s="613"/>
      <c r="RZQ680" s="613"/>
      <c r="RZR680" s="613"/>
      <c r="RZS680" s="613"/>
      <c r="RZT680" s="613"/>
      <c r="RZU680" s="613"/>
      <c r="RZV680" s="613"/>
      <c r="RZW680" s="613"/>
      <c r="RZX680" s="613"/>
      <c r="RZY680" s="613"/>
      <c r="RZZ680" s="613"/>
      <c r="SAA680" s="613"/>
      <c r="SAB680" s="613"/>
      <c r="SAC680" s="613"/>
      <c r="SAD680" s="613"/>
      <c r="SAE680" s="613"/>
      <c r="SAF680" s="613"/>
      <c r="SAG680" s="613"/>
      <c r="SAH680" s="613"/>
      <c r="SAI680" s="613"/>
      <c r="SAJ680" s="613"/>
      <c r="SAK680" s="613"/>
      <c r="SAL680" s="613"/>
      <c r="SAM680" s="613"/>
      <c r="SAN680" s="613"/>
      <c r="SAO680" s="613"/>
      <c r="SAP680" s="613"/>
      <c r="SAQ680" s="613"/>
      <c r="SAR680" s="613"/>
      <c r="SAS680" s="613"/>
      <c r="SAT680" s="613"/>
      <c r="SAU680" s="613"/>
      <c r="SAV680" s="613"/>
      <c r="SAW680" s="613"/>
      <c r="SAX680" s="613"/>
      <c r="SAY680" s="613"/>
      <c r="SAZ680" s="613"/>
      <c r="SBA680" s="613"/>
      <c r="SBB680" s="613"/>
      <c r="SBC680" s="613"/>
      <c r="SBD680" s="613"/>
      <c r="SBE680" s="613"/>
      <c r="SBF680" s="613"/>
      <c r="SBG680" s="613"/>
      <c r="SBH680" s="613"/>
      <c r="SBI680" s="613"/>
      <c r="SBJ680" s="613"/>
      <c r="SBK680" s="613"/>
      <c r="SBL680" s="613"/>
      <c r="SBM680" s="613"/>
      <c r="SBN680" s="613"/>
      <c r="SBO680" s="613"/>
      <c r="SBP680" s="613"/>
      <c r="SBQ680" s="613"/>
      <c r="SBR680" s="613"/>
      <c r="SBS680" s="613"/>
      <c r="SBT680" s="613"/>
      <c r="SBU680" s="613"/>
      <c r="SBV680" s="613"/>
      <c r="SBW680" s="613"/>
      <c r="SBX680" s="613"/>
      <c r="SBY680" s="613"/>
      <c r="SBZ680" s="613"/>
      <c r="SCA680" s="613"/>
      <c r="SCB680" s="613"/>
      <c r="SCC680" s="613"/>
      <c r="SCD680" s="613"/>
      <c r="SCE680" s="613"/>
      <c r="SCF680" s="613"/>
      <c r="SCG680" s="613"/>
      <c r="SCH680" s="613"/>
      <c r="SCI680" s="613"/>
      <c r="SCJ680" s="613"/>
      <c r="SCK680" s="613"/>
      <c r="SCL680" s="613"/>
      <c r="SCM680" s="613"/>
      <c r="SCN680" s="613"/>
      <c r="SCO680" s="613"/>
      <c r="SCP680" s="613"/>
      <c r="SCQ680" s="613"/>
      <c r="SCR680" s="613"/>
      <c r="SCS680" s="613"/>
      <c r="SCT680" s="613"/>
      <c r="SCU680" s="613"/>
      <c r="SCV680" s="613"/>
      <c r="SCW680" s="613"/>
      <c r="SCX680" s="613"/>
      <c r="SCY680" s="613"/>
      <c r="SCZ680" s="613"/>
      <c r="SDA680" s="613"/>
      <c r="SDB680" s="613"/>
      <c r="SDC680" s="613"/>
      <c r="SDD680" s="613"/>
      <c r="SDE680" s="613"/>
      <c r="SDF680" s="613"/>
      <c r="SDG680" s="613"/>
      <c r="SDH680" s="613"/>
      <c r="SDI680" s="613"/>
      <c r="SDJ680" s="613"/>
      <c r="SDK680" s="613"/>
      <c r="SDL680" s="613"/>
      <c r="SDM680" s="613"/>
      <c r="SDN680" s="613"/>
      <c r="SDO680" s="613"/>
      <c r="SDP680" s="613"/>
      <c r="SDQ680" s="613"/>
      <c r="SDR680" s="613"/>
      <c r="SDS680" s="613"/>
      <c r="SDT680" s="613"/>
      <c r="SDU680" s="613"/>
      <c r="SDV680" s="613"/>
      <c r="SDW680" s="613"/>
      <c r="SDX680" s="613"/>
      <c r="SDY680" s="613"/>
      <c r="SDZ680" s="613"/>
      <c r="SEA680" s="613"/>
      <c r="SEB680" s="613"/>
      <c r="SEC680" s="613"/>
      <c r="SED680" s="613"/>
      <c r="SEE680" s="613"/>
      <c r="SEF680" s="613"/>
      <c r="SEG680" s="613"/>
      <c r="SEH680" s="613"/>
      <c r="SEI680" s="613"/>
      <c r="SEJ680" s="613"/>
      <c r="SEK680" s="613"/>
      <c r="SEL680" s="613"/>
      <c r="SEM680" s="613"/>
      <c r="SEN680" s="613"/>
      <c r="SEO680" s="613"/>
      <c r="SEP680" s="613"/>
      <c r="SEQ680" s="613"/>
      <c r="SER680" s="613"/>
      <c r="SES680" s="613"/>
      <c r="SET680" s="613"/>
      <c r="SEU680" s="613"/>
      <c r="SEV680" s="613"/>
      <c r="SEW680" s="613"/>
      <c r="SEX680" s="613"/>
      <c r="SEY680" s="613"/>
      <c r="SEZ680" s="613"/>
      <c r="SFA680" s="613"/>
      <c r="SFB680" s="613"/>
      <c r="SFC680" s="613"/>
      <c r="SFD680" s="613"/>
      <c r="SFE680" s="613"/>
      <c r="SFF680" s="613"/>
      <c r="SFG680" s="613"/>
      <c r="SFH680" s="613"/>
      <c r="SFI680" s="613"/>
      <c r="SFJ680" s="613"/>
      <c r="SFK680" s="613"/>
      <c r="SFL680" s="613"/>
      <c r="SFM680" s="613"/>
      <c r="SFN680" s="613"/>
      <c r="SFO680" s="613"/>
      <c r="SFP680" s="613"/>
      <c r="SFQ680" s="613"/>
      <c r="SFR680" s="613"/>
      <c r="SFS680" s="613"/>
      <c r="SFT680" s="613"/>
      <c r="SFU680" s="613"/>
      <c r="SFV680" s="613"/>
      <c r="SFW680" s="613"/>
      <c r="SFX680" s="613"/>
      <c r="SFY680" s="613"/>
      <c r="SFZ680" s="613"/>
      <c r="SGA680" s="613"/>
      <c r="SGB680" s="613"/>
      <c r="SGC680" s="613"/>
      <c r="SGD680" s="613"/>
      <c r="SGE680" s="613"/>
      <c r="SGF680" s="613"/>
      <c r="SGG680" s="613"/>
      <c r="SGH680" s="613"/>
      <c r="SGI680" s="613"/>
      <c r="SGJ680" s="613"/>
      <c r="SGK680" s="613"/>
      <c r="SGL680" s="613"/>
      <c r="SGM680" s="613"/>
      <c r="SGN680" s="613"/>
      <c r="SGO680" s="613"/>
      <c r="SGP680" s="613"/>
      <c r="SGQ680" s="613"/>
      <c r="SGR680" s="613"/>
      <c r="SGS680" s="613"/>
      <c r="SGT680" s="613"/>
      <c r="SGU680" s="613"/>
      <c r="SGV680" s="613"/>
      <c r="SGW680" s="613"/>
      <c r="SGX680" s="613"/>
      <c r="SGY680" s="613"/>
      <c r="SGZ680" s="613"/>
      <c r="SHA680" s="613"/>
      <c r="SHB680" s="613"/>
      <c r="SHC680" s="613"/>
      <c r="SHD680" s="613"/>
      <c r="SHE680" s="613"/>
      <c r="SHF680" s="613"/>
      <c r="SHG680" s="613"/>
      <c r="SHH680" s="613"/>
      <c r="SHI680" s="613"/>
      <c r="SHJ680" s="613"/>
      <c r="SHK680" s="613"/>
      <c r="SHL680" s="613"/>
      <c r="SHM680" s="613"/>
      <c r="SHN680" s="613"/>
      <c r="SHO680" s="613"/>
      <c r="SHP680" s="613"/>
      <c r="SHQ680" s="613"/>
      <c r="SHR680" s="613"/>
      <c r="SHS680" s="613"/>
      <c r="SHT680" s="613"/>
      <c r="SHU680" s="613"/>
      <c r="SHV680" s="613"/>
      <c r="SHW680" s="613"/>
      <c r="SHX680" s="613"/>
      <c r="SHY680" s="613"/>
      <c r="SHZ680" s="613"/>
      <c r="SIA680" s="613"/>
      <c r="SIB680" s="613"/>
      <c r="SIC680" s="613"/>
      <c r="SID680" s="613"/>
      <c r="SIE680" s="613"/>
      <c r="SIF680" s="613"/>
      <c r="SIG680" s="613"/>
      <c r="SIH680" s="613"/>
      <c r="SII680" s="613"/>
      <c r="SIJ680" s="613"/>
      <c r="SIK680" s="613"/>
      <c r="SIL680" s="613"/>
      <c r="SIM680" s="613"/>
      <c r="SIN680" s="613"/>
      <c r="SIO680" s="613"/>
      <c r="SIP680" s="613"/>
      <c r="SIQ680" s="613"/>
      <c r="SIR680" s="613"/>
      <c r="SIS680" s="613"/>
      <c r="SIT680" s="613"/>
      <c r="SIU680" s="613"/>
      <c r="SIV680" s="613"/>
      <c r="SIW680" s="613"/>
      <c r="SIX680" s="613"/>
      <c r="SIY680" s="613"/>
      <c r="SIZ680" s="613"/>
      <c r="SJA680" s="613"/>
      <c r="SJB680" s="613"/>
      <c r="SJC680" s="613"/>
      <c r="SJD680" s="613"/>
      <c r="SJE680" s="613"/>
      <c r="SJF680" s="613"/>
      <c r="SJG680" s="613"/>
      <c r="SJH680" s="613"/>
      <c r="SJI680" s="613"/>
      <c r="SJJ680" s="613"/>
      <c r="SJK680" s="613"/>
      <c r="SJL680" s="613"/>
      <c r="SJM680" s="613"/>
      <c r="SJN680" s="613"/>
      <c r="SJO680" s="613"/>
      <c r="SJP680" s="613"/>
      <c r="SJQ680" s="613"/>
      <c r="SJR680" s="613"/>
      <c r="SJS680" s="613"/>
      <c r="SJT680" s="613"/>
      <c r="SJU680" s="613"/>
      <c r="SJV680" s="613"/>
      <c r="SJW680" s="613"/>
      <c r="SJX680" s="613"/>
      <c r="SJY680" s="613"/>
      <c r="SJZ680" s="613"/>
      <c r="SKA680" s="613"/>
      <c r="SKB680" s="613"/>
      <c r="SKC680" s="613"/>
      <c r="SKD680" s="613"/>
      <c r="SKE680" s="613"/>
      <c r="SKF680" s="613"/>
      <c r="SKG680" s="613"/>
      <c r="SKH680" s="613"/>
      <c r="SKI680" s="613"/>
      <c r="SKJ680" s="613"/>
      <c r="SKK680" s="613"/>
      <c r="SKL680" s="613"/>
      <c r="SKM680" s="613"/>
      <c r="SKN680" s="613"/>
      <c r="SKO680" s="613"/>
      <c r="SKP680" s="613"/>
      <c r="SKQ680" s="613"/>
      <c r="SKR680" s="613"/>
      <c r="SKS680" s="613"/>
      <c r="SKT680" s="613"/>
      <c r="SKU680" s="613"/>
      <c r="SKV680" s="613"/>
      <c r="SKW680" s="613"/>
      <c r="SKX680" s="613"/>
      <c r="SKY680" s="613"/>
      <c r="SKZ680" s="613"/>
      <c r="SLA680" s="613"/>
      <c r="SLB680" s="613"/>
      <c r="SLC680" s="613"/>
      <c r="SLD680" s="613"/>
      <c r="SLE680" s="613"/>
      <c r="SLF680" s="613"/>
      <c r="SLG680" s="613"/>
      <c r="SLH680" s="613"/>
      <c r="SLI680" s="613"/>
      <c r="SLJ680" s="613"/>
      <c r="SLK680" s="613"/>
      <c r="SLL680" s="613"/>
      <c r="SLM680" s="613"/>
      <c r="SLN680" s="613"/>
      <c r="SLO680" s="613"/>
      <c r="SLP680" s="613"/>
      <c r="SLQ680" s="613"/>
      <c r="SLR680" s="613"/>
      <c r="SLS680" s="613"/>
      <c r="SLT680" s="613"/>
      <c r="SLU680" s="613"/>
      <c r="SLV680" s="613"/>
      <c r="SLW680" s="613"/>
      <c r="SLX680" s="613"/>
      <c r="SLY680" s="613"/>
      <c r="SLZ680" s="613"/>
      <c r="SMA680" s="613"/>
      <c r="SMB680" s="613"/>
      <c r="SMC680" s="613"/>
      <c r="SMD680" s="613"/>
      <c r="SME680" s="613"/>
      <c r="SMF680" s="613"/>
      <c r="SMG680" s="613"/>
      <c r="SMH680" s="613"/>
      <c r="SMI680" s="613"/>
      <c r="SMJ680" s="613"/>
      <c r="SMK680" s="613"/>
      <c r="SML680" s="613"/>
      <c r="SMM680" s="613"/>
      <c r="SMN680" s="613"/>
      <c r="SMO680" s="613"/>
      <c r="SMP680" s="613"/>
      <c r="SMQ680" s="613"/>
      <c r="SMR680" s="613"/>
      <c r="SMS680" s="613"/>
      <c r="SMT680" s="613"/>
      <c r="SMU680" s="613"/>
      <c r="SMV680" s="613"/>
      <c r="SMW680" s="613"/>
      <c r="SMX680" s="613"/>
      <c r="SMY680" s="613"/>
      <c r="SMZ680" s="613"/>
      <c r="SNA680" s="613"/>
      <c r="SNB680" s="613"/>
      <c r="SNC680" s="613"/>
      <c r="SND680" s="613"/>
      <c r="SNE680" s="613"/>
      <c r="SNF680" s="613"/>
      <c r="SNG680" s="613"/>
      <c r="SNH680" s="613"/>
      <c r="SNI680" s="613"/>
      <c r="SNJ680" s="613"/>
      <c r="SNK680" s="613"/>
      <c r="SNL680" s="613"/>
      <c r="SNM680" s="613"/>
      <c r="SNN680" s="613"/>
      <c r="SNO680" s="613"/>
      <c r="SNP680" s="613"/>
      <c r="SNQ680" s="613"/>
      <c r="SNR680" s="613"/>
      <c r="SNS680" s="613"/>
      <c r="SNT680" s="613"/>
      <c r="SNU680" s="613"/>
      <c r="SNV680" s="613"/>
      <c r="SNW680" s="613"/>
      <c r="SNX680" s="613"/>
      <c r="SNY680" s="613"/>
      <c r="SNZ680" s="613"/>
      <c r="SOA680" s="613"/>
      <c r="SOB680" s="613"/>
      <c r="SOC680" s="613"/>
      <c r="SOD680" s="613"/>
      <c r="SOE680" s="613"/>
      <c r="SOF680" s="613"/>
      <c r="SOG680" s="613"/>
      <c r="SOH680" s="613"/>
      <c r="SOI680" s="613"/>
      <c r="SOJ680" s="613"/>
      <c r="SOK680" s="613"/>
      <c r="SOL680" s="613"/>
      <c r="SOM680" s="613"/>
      <c r="SON680" s="613"/>
      <c r="SOO680" s="613"/>
      <c r="SOP680" s="613"/>
      <c r="SOQ680" s="613"/>
      <c r="SOR680" s="613"/>
      <c r="SOS680" s="613"/>
      <c r="SOT680" s="613"/>
      <c r="SOU680" s="613"/>
      <c r="SOV680" s="613"/>
      <c r="SOW680" s="613"/>
      <c r="SOX680" s="613"/>
      <c r="SOY680" s="613"/>
      <c r="SOZ680" s="613"/>
      <c r="SPA680" s="613"/>
      <c r="SPB680" s="613"/>
      <c r="SPC680" s="613"/>
      <c r="SPD680" s="613"/>
      <c r="SPE680" s="613"/>
      <c r="SPF680" s="613"/>
      <c r="SPG680" s="613"/>
      <c r="SPH680" s="613"/>
      <c r="SPI680" s="613"/>
      <c r="SPJ680" s="613"/>
      <c r="SPK680" s="613"/>
      <c r="SPL680" s="613"/>
      <c r="SPM680" s="613"/>
      <c r="SPN680" s="613"/>
      <c r="SPO680" s="613"/>
      <c r="SPP680" s="613"/>
      <c r="SPQ680" s="613"/>
      <c r="SPR680" s="613"/>
      <c r="SPS680" s="613"/>
      <c r="SPT680" s="613"/>
      <c r="SPU680" s="613"/>
      <c r="SPV680" s="613"/>
      <c r="SPW680" s="613"/>
      <c r="SPX680" s="613"/>
      <c r="SPY680" s="613"/>
      <c r="SPZ680" s="613"/>
      <c r="SQA680" s="613"/>
      <c r="SQB680" s="613"/>
      <c r="SQC680" s="613"/>
      <c r="SQD680" s="613"/>
      <c r="SQE680" s="613"/>
      <c r="SQF680" s="613"/>
      <c r="SQG680" s="613"/>
      <c r="SQH680" s="613"/>
      <c r="SQI680" s="613"/>
      <c r="SQJ680" s="613"/>
      <c r="SQK680" s="613"/>
      <c r="SQL680" s="613"/>
      <c r="SQM680" s="613"/>
      <c r="SQN680" s="613"/>
      <c r="SQO680" s="613"/>
      <c r="SQP680" s="613"/>
      <c r="SQQ680" s="613"/>
      <c r="SQR680" s="613"/>
      <c r="SQS680" s="613"/>
      <c r="SQT680" s="613"/>
      <c r="SQU680" s="613"/>
      <c r="SQV680" s="613"/>
      <c r="SQW680" s="613"/>
      <c r="SQX680" s="613"/>
      <c r="SQY680" s="613"/>
      <c r="SQZ680" s="613"/>
      <c r="SRA680" s="613"/>
      <c r="SRB680" s="613"/>
      <c r="SRC680" s="613"/>
      <c r="SRD680" s="613"/>
      <c r="SRE680" s="613"/>
      <c r="SRF680" s="613"/>
      <c r="SRG680" s="613"/>
      <c r="SRH680" s="613"/>
      <c r="SRI680" s="613"/>
      <c r="SRJ680" s="613"/>
      <c r="SRK680" s="613"/>
      <c r="SRL680" s="613"/>
      <c r="SRM680" s="613"/>
      <c r="SRN680" s="613"/>
      <c r="SRO680" s="613"/>
      <c r="SRP680" s="613"/>
      <c r="SRQ680" s="613"/>
      <c r="SRR680" s="613"/>
      <c r="SRS680" s="613"/>
      <c r="SRT680" s="613"/>
      <c r="SRU680" s="613"/>
      <c r="SRV680" s="613"/>
      <c r="SRW680" s="613"/>
      <c r="SRX680" s="613"/>
      <c r="SRY680" s="613"/>
      <c r="SRZ680" s="613"/>
      <c r="SSA680" s="613"/>
      <c r="SSB680" s="613"/>
      <c r="SSC680" s="613"/>
      <c r="SSD680" s="613"/>
      <c r="SSE680" s="613"/>
      <c r="SSF680" s="613"/>
      <c r="SSG680" s="613"/>
      <c r="SSH680" s="613"/>
      <c r="SSI680" s="613"/>
      <c r="SSJ680" s="613"/>
      <c r="SSK680" s="613"/>
      <c r="SSL680" s="613"/>
      <c r="SSM680" s="613"/>
      <c r="SSN680" s="613"/>
      <c r="SSO680" s="613"/>
      <c r="SSP680" s="613"/>
      <c r="SSQ680" s="613"/>
      <c r="SSR680" s="613"/>
      <c r="SSS680" s="613"/>
      <c r="SST680" s="613"/>
      <c r="SSU680" s="613"/>
      <c r="SSV680" s="613"/>
      <c r="SSW680" s="613"/>
      <c r="SSX680" s="613"/>
      <c r="SSY680" s="613"/>
      <c r="SSZ680" s="613"/>
      <c r="STA680" s="613"/>
      <c r="STB680" s="613"/>
      <c r="STC680" s="613"/>
      <c r="STD680" s="613"/>
      <c r="STE680" s="613"/>
      <c r="STF680" s="613"/>
      <c r="STG680" s="613"/>
      <c r="STH680" s="613"/>
      <c r="STI680" s="613"/>
      <c r="STJ680" s="613"/>
      <c r="STK680" s="613"/>
      <c r="STL680" s="613"/>
      <c r="STM680" s="613"/>
      <c r="STN680" s="613"/>
      <c r="STO680" s="613"/>
      <c r="STP680" s="613"/>
      <c r="STQ680" s="613"/>
      <c r="STR680" s="613"/>
      <c r="STS680" s="613"/>
      <c r="STT680" s="613"/>
      <c r="STU680" s="613"/>
      <c r="STV680" s="613"/>
      <c r="STW680" s="613"/>
      <c r="STX680" s="613"/>
      <c r="STY680" s="613"/>
      <c r="STZ680" s="613"/>
      <c r="SUA680" s="613"/>
      <c r="SUB680" s="613"/>
      <c r="SUC680" s="613"/>
      <c r="SUD680" s="613"/>
      <c r="SUE680" s="613"/>
      <c r="SUF680" s="613"/>
      <c r="SUG680" s="613"/>
      <c r="SUH680" s="613"/>
      <c r="SUI680" s="613"/>
      <c r="SUJ680" s="613"/>
      <c r="SUK680" s="613"/>
      <c r="SUL680" s="613"/>
      <c r="SUM680" s="613"/>
      <c r="SUN680" s="613"/>
      <c r="SUO680" s="613"/>
      <c r="SUP680" s="613"/>
      <c r="SUQ680" s="613"/>
      <c r="SUR680" s="613"/>
      <c r="SUS680" s="613"/>
      <c r="SUT680" s="613"/>
      <c r="SUU680" s="613"/>
      <c r="SUV680" s="613"/>
      <c r="SUW680" s="613"/>
      <c r="SUX680" s="613"/>
      <c r="SUY680" s="613"/>
      <c r="SUZ680" s="613"/>
      <c r="SVA680" s="613"/>
      <c r="SVB680" s="613"/>
      <c r="SVC680" s="613"/>
      <c r="SVD680" s="613"/>
      <c r="SVE680" s="613"/>
      <c r="SVF680" s="613"/>
      <c r="SVG680" s="613"/>
      <c r="SVH680" s="613"/>
      <c r="SVI680" s="613"/>
      <c r="SVJ680" s="613"/>
      <c r="SVK680" s="613"/>
      <c r="SVL680" s="613"/>
      <c r="SVM680" s="613"/>
      <c r="SVN680" s="613"/>
      <c r="SVO680" s="613"/>
      <c r="SVP680" s="613"/>
      <c r="SVQ680" s="613"/>
      <c r="SVR680" s="613"/>
      <c r="SVS680" s="613"/>
      <c r="SVT680" s="613"/>
      <c r="SVU680" s="613"/>
      <c r="SVV680" s="613"/>
      <c r="SVW680" s="613"/>
      <c r="SVX680" s="613"/>
      <c r="SVY680" s="613"/>
      <c r="SVZ680" s="613"/>
      <c r="SWA680" s="613"/>
      <c r="SWB680" s="613"/>
      <c r="SWC680" s="613"/>
      <c r="SWD680" s="613"/>
      <c r="SWE680" s="613"/>
      <c r="SWF680" s="613"/>
      <c r="SWG680" s="613"/>
      <c r="SWH680" s="613"/>
      <c r="SWI680" s="613"/>
      <c r="SWJ680" s="613"/>
      <c r="SWK680" s="613"/>
      <c r="SWL680" s="613"/>
      <c r="SWM680" s="613"/>
      <c r="SWN680" s="613"/>
      <c r="SWO680" s="613"/>
      <c r="SWP680" s="613"/>
      <c r="SWQ680" s="613"/>
      <c r="SWR680" s="613"/>
      <c r="SWS680" s="613"/>
      <c r="SWT680" s="613"/>
      <c r="SWU680" s="613"/>
      <c r="SWV680" s="613"/>
      <c r="SWW680" s="613"/>
      <c r="SWX680" s="613"/>
      <c r="SWY680" s="613"/>
      <c r="SWZ680" s="613"/>
      <c r="SXA680" s="613"/>
      <c r="SXB680" s="613"/>
      <c r="SXC680" s="613"/>
      <c r="SXD680" s="613"/>
      <c r="SXE680" s="613"/>
      <c r="SXF680" s="613"/>
      <c r="SXG680" s="613"/>
      <c r="SXH680" s="613"/>
      <c r="SXI680" s="613"/>
      <c r="SXJ680" s="613"/>
      <c r="SXK680" s="613"/>
      <c r="SXL680" s="613"/>
      <c r="SXM680" s="613"/>
      <c r="SXN680" s="613"/>
      <c r="SXO680" s="613"/>
      <c r="SXP680" s="613"/>
      <c r="SXQ680" s="613"/>
      <c r="SXR680" s="613"/>
      <c r="SXS680" s="613"/>
      <c r="SXT680" s="613"/>
      <c r="SXU680" s="613"/>
      <c r="SXV680" s="613"/>
      <c r="SXW680" s="613"/>
      <c r="SXX680" s="613"/>
      <c r="SXY680" s="613"/>
      <c r="SXZ680" s="613"/>
      <c r="SYA680" s="613"/>
      <c r="SYB680" s="613"/>
      <c r="SYC680" s="613"/>
      <c r="SYD680" s="613"/>
      <c r="SYE680" s="613"/>
      <c r="SYF680" s="613"/>
      <c r="SYG680" s="613"/>
      <c r="SYH680" s="613"/>
      <c r="SYI680" s="613"/>
      <c r="SYJ680" s="613"/>
      <c r="SYK680" s="613"/>
      <c r="SYL680" s="613"/>
      <c r="SYM680" s="613"/>
      <c r="SYN680" s="613"/>
      <c r="SYO680" s="613"/>
      <c r="SYP680" s="613"/>
      <c r="SYQ680" s="613"/>
      <c r="SYR680" s="613"/>
      <c r="SYS680" s="613"/>
      <c r="SYT680" s="613"/>
      <c r="SYU680" s="613"/>
      <c r="SYV680" s="613"/>
      <c r="SYW680" s="613"/>
      <c r="SYX680" s="613"/>
      <c r="SYY680" s="613"/>
      <c r="SYZ680" s="613"/>
      <c r="SZA680" s="613"/>
      <c r="SZB680" s="613"/>
      <c r="SZC680" s="613"/>
      <c r="SZD680" s="613"/>
      <c r="SZE680" s="613"/>
      <c r="SZF680" s="613"/>
      <c r="SZG680" s="613"/>
      <c r="SZH680" s="613"/>
      <c r="SZI680" s="613"/>
      <c r="SZJ680" s="613"/>
      <c r="SZK680" s="613"/>
      <c r="SZL680" s="613"/>
      <c r="SZM680" s="613"/>
      <c r="SZN680" s="613"/>
      <c r="SZO680" s="613"/>
      <c r="SZP680" s="613"/>
      <c r="SZQ680" s="613"/>
      <c r="SZR680" s="613"/>
      <c r="SZS680" s="613"/>
      <c r="SZT680" s="613"/>
      <c r="SZU680" s="613"/>
      <c r="SZV680" s="613"/>
      <c r="SZW680" s="613"/>
      <c r="SZX680" s="613"/>
      <c r="SZY680" s="613"/>
      <c r="SZZ680" s="613"/>
      <c r="TAA680" s="613"/>
      <c r="TAB680" s="613"/>
      <c r="TAC680" s="613"/>
      <c r="TAD680" s="613"/>
      <c r="TAE680" s="613"/>
      <c r="TAF680" s="613"/>
      <c r="TAG680" s="613"/>
      <c r="TAH680" s="613"/>
      <c r="TAI680" s="613"/>
      <c r="TAJ680" s="613"/>
      <c r="TAK680" s="613"/>
      <c r="TAL680" s="613"/>
      <c r="TAM680" s="613"/>
      <c r="TAN680" s="613"/>
      <c r="TAO680" s="613"/>
      <c r="TAP680" s="613"/>
      <c r="TAQ680" s="613"/>
      <c r="TAR680" s="613"/>
      <c r="TAS680" s="613"/>
      <c r="TAT680" s="613"/>
      <c r="TAU680" s="613"/>
      <c r="TAV680" s="613"/>
      <c r="TAW680" s="613"/>
      <c r="TAX680" s="613"/>
      <c r="TAY680" s="613"/>
      <c r="TAZ680" s="613"/>
      <c r="TBA680" s="613"/>
      <c r="TBB680" s="613"/>
      <c r="TBC680" s="613"/>
      <c r="TBD680" s="613"/>
      <c r="TBE680" s="613"/>
      <c r="TBF680" s="613"/>
      <c r="TBG680" s="613"/>
      <c r="TBH680" s="613"/>
      <c r="TBI680" s="613"/>
      <c r="TBJ680" s="613"/>
      <c r="TBK680" s="613"/>
      <c r="TBL680" s="613"/>
      <c r="TBM680" s="613"/>
      <c r="TBN680" s="613"/>
      <c r="TBO680" s="613"/>
      <c r="TBP680" s="613"/>
      <c r="TBQ680" s="613"/>
      <c r="TBR680" s="613"/>
      <c r="TBS680" s="613"/>
      <c r="TBT680" s="613"/>
      <c r="TBU680" s="613"/>
      <c r="TBV680" s="613"/>
      <c r="TBW680" s="613"/>
      <c r="TBX680" s="613"/>
      <c r="TBY680" s="613"/>
      <c r="TBZ680" s="613"/>
      <c r="TCA680" s="613"/>
      <c r="TCB680" s="613"/>
      <c r="TCC680" s="613"/>
      <c r="TCD680" s="613"/>
      <c r="TCE680" s="613"/>
      <c r="TCF680" s="613"/>
      <c r="TCG680" s="613"/>
      <c r="TCH680" s="613"/>
      <c r="TCI680" s="613"/>
      <c r="TCJ680" s="613"/>
      <c r="TCK680" s="613"/>
      <c r="TCL680" s="613"/>
      <c r="TCM680" s="613"/>
      <c r="TCN680" s="613"/>
      <c r="TCO680" s="613"/>
      <c r="TCP680" s="613"/>
      <c r="TCQ680" s="613"/>
      <c r="TCR680" s="613"/>
      <c r="TCS680" s="613"/>
      <c r="TCT680" s="613"/>
      <c r="TCU680" s="613"/>
      <c r="TCV680" s="613"/>
      <c r="TCW680" s="613"/>
      <c r="TCX680" s="613"/>
      <c r="TCY680" s="613"/>
      <c r="TCZ680" s="613"/>
      <c r="TDA680" s="613"/>
      <c r="TDB680" s="613"/>
      <c r="TDC680" s="613"/>
      <c r="TDD680" s="613"/>
      <c r="TDE680" s="613"/>
      <c r="TDF680" s="613"/>
      <c r="TDG680" s="613"/>
      <c r="TDH680" s="613"/>
      <c r="TDI680" s="613"/>
      <c r="TDJ680" s="613"/>
      <c r="TDK680" s="613"/>
      <c r="TDL680" s="613"/>
      <c r="TDM680" s="613"/>
      <c r="TDN680" s="613"/>
      <c r="TDO680" s="613"/>
      <c r="TDP680" s="613"/>
      <c r="TDQ680" s="613"/>
      <c r="TDR680" s="613"/>
      <c r="TDS680" s="613"/>
      <c r="TDT680" s="613"/>
      <c r="TDU680" s="613"/>
      <c r="TDV680" s="613"/>
      <c r="TDW680" s="613"/>
      <c r="TDX680" s="613"/>
      <c r="TDY680" s="613"/>
      <c r="TDZ680" s="613"/>
      <c r="TEA680" s="613"/>
      <c r="TEB680" s="613"/>
      <c r="TEC680" s="613"/>
      <c r="TED680" s="613"/>
      <c r="TEE680" s="613"/>
      <c r="TEF680" s="613"/>
      <c r="TEG680" s="613"/>
      <c r="TEH680" s="613"/>
      <c r="TEI680" s="613"/>
      <c r="TEJ680" s="613"/>
      <c r="TEK680" s="613"/>
      <c r="TEL680" s="613"/>
      <c r="TEM680" s="613"/>
      <c r="TEN680" s="613"/>
      <c r="TEO680" s="613"/>
      <c r="TEP680" s="613"/>
      <c r="TEQ680" s="613"/>
      <c r="TER680" s="613"/>
      <c r="TES680" s="613"/>
      <c r="TET680" s="613"/>
      <c r="TEU680" s="613"/>
      <c r="TEV680" s="613"/>
      <c r="TEW680" s="613"/>
      <c r="TEX680" s="613"/>
      <c r="TEY680" s="613"/>
      <c r="TEZ680" s="613"/>
      <c r="TFA680" s="613"/>
      <c r="TFB680" s="613"/>
      <c r="TFC680" s="613"/>
      <c r="TFD680" s="613"/>
      <c r="TFE680" s="613"/>
      <c r="TFF680" s="613"/>
      <c r="TFG680" s="613"/>
      <c r="TFH680" s="613"/>
      <c r="TFI680" s="613"/>
      <c r="TFJ680" s="613"/>
      <c r="TFK680" s="613"/>
      <c r="TFL680" s="613"/>
      <c r="TFM680" s="613"/>
      <c r="TFN680" s="613"/>
      <c r="TFO680" s="613"/>
      <c r="TFP680" s="613"/>
      <c r="TFQ680" s="613"/>
      <c r="TFR680" s="613"/>
      <c r="TFS680" s="613"/>
      <c r="TFT680" s="613"/>
      <c r="TFU680" s="613"/>
      <c r="TFV680" s="613"/>
      <c r="TFW680" s="613"/>
      <c r="TFX680" s="613"/>
      <c r="TFY680" s="613"/>
      <c r="TFZ680" s="613"/>
      <c r="TGA680" s="613"/>
      <c r="TGB680" s="613"/>
      <c r="TGC680" s="613"/>
      <c r="TGD680" s="613"/>
      <c r="TGE680" s="613"/>
      <c r="TGF680" s="613"/>
      <c r="TGG680" s="613"/>
      <c r="TGH680" s="613"/>
      <c r="TGI680" s="613"/>
      <c r="TGJ680" s="613"/>
      <c r="TGK680" s="613"/>
      <c r="TGL680" s="613"/>
      <c r="TGM680" s="613"/>
      <c r="TGN680" s="613"/>
      <c r="TGO680" s="613"/>
      <c r="TGP680" s="613"/>
      <c r="TGQ680" s="613"/>
      <c r="TGR680" s="613"/>
      <c r="TGS680" s="613"/>
      <c r="TGT680" s="613"/>
      <c r="TGU680" s="613"/>
      <c r="TGV680" s="613"/>
      <c r="TGW680" s="613"/>
      <c r="TGX680" s="613"/>
      <c r="TGY680" s="613"/>
      <c r="TGZ680" s="613"/>
      <c r="THA680" s="613"/>
      <c r="THB680" s="613"/>
      <c r="THC680" s="613"/>
      <c r="THD680" s="613"/>
      <c r="THE680" s="613"/>
      <c r="THF680" s="613"/>
      <c r="THG680" s="613"/>
      <c r="THH680" s="613"/>
      <c r="THI680" s="613"/>
      <c r="THJ680" s="613"/>
      <c r="THK680" s="613"/>
      <c r="THL680" s="613"/>
      <c r="THM680" s="613"/>
      <c r="THN680" s="613"/>
      <c r="THO680" s="613"/>
      <c r="THP680" s="613"/>
      <c r="THQ680" s="613"/>
      <c r="THR680" s="613"/>
      <c r="THS680" s="613"/>
      <c r="THT680" s="613"/>
      <c r="THU680" s="613"/>
      <c r="THV680" s="613"/>
      <c r="THW680" s="613"/>
      <c r="THX680" s="613"/>
      <c r="THY680" s="613"/>
      <c r="THZ680" s="613"/>
      <c r="TIA680" s="613"/>
      <c r="TIB680" s="613"/>
      <c r="TIC680" s="613"/>
      <c r="TID680" s="613"/>
      <c r="TIE680" s="613"/>
      <c r="TIF680" s="613"/>
      <c r="TIG680" s="613"/>
      <c r="TIH680" s="613"/>
      <c r="TII680" s="613"/>
      <c r="TIJ680" s="613"/>
      <c r="TIK680" s="613"/>
      <c r="TIL680" s="613"/>
      <c r="TIM680" s="613"/>
      <c r="TIN680" s="613"/>
      <c r="TIO680" s="613"/>
      <c r="TIP680" s="613"/>
      <c r="TIQ680" s="613"/>
      <c r="TIR680" s="613"/>
      <c r="TIS680" s="613"/>
      <c r="TIT680" s="613"/>
      <c r="TIU680" s="613"/>
      <c r="TIV680" s="613"/>
      <c r="TIW680" s="613"/>
      <c r="TIX680" s="613"/>
      <c r="TIY680" s="613"/>
      <c r="TIZ680" s="613"/>
      <c r="TJA680" s="613"/>
      <c r="TJB680" s="613"/>
      <c r="TJC680" s="613"/>
      <c r="TJD680" s="613"/>
      <c r="TJE680" s="613"/>
      <c r="TJF680" s="613"/>
      <c r="TJG680" s="613"/>
      <c r="TJH680" s="613"/>
      <c r="TJI680" s="613"/>
      <c r="TJJ680" s="613"/>
      <c r="TJK680" s="613"/>
      <c r="TJL680" s="613"/>
      <c r="TJM680" s="613"/>
      <c r="TJN680" s="613"/>
      <c r="TJO680" s="613"/>
      <c r="TJP680" s="613"/>
      <c r="TJQ680" s="613"/>
      <c r="TJR680" s="613"/>
      <c r="TJS680" s="613"/>
      <c r="TJT680" s="613"/>
      <c r="TJU680" s="613"/>
      <c r="TJV680" s="613"/>
      <c r="TJW680" s="613"/>
      <c r="TJX680" s="613"/>
      <c r="TJY680" s="613"/>
      <c r="TJZ680" s="613"/>
      <c r="TKA680" s="613"/>
      <c r="TKB680" s="613"/>
      <c r="TKC680" s="613"/>
      <c r="TKD680" s="613"/>
      <c r="TKE680" s="613"/>
      <c r="TKF680" s="613"/>
      <c r="TKG680" s="613"/>
      <c r="TKH680" s="613"/>
      <c r="TKI680" s="613"/>
      <c r="TKJ680" s="613"/>
      <c r="TKK680" s="613"/>
      <c r="TKL680" s="613"/>
      <c r="TKM680" s="613"/>
      <c r="TKN680" s="613"/>
      <c r="TKO680" s="613"/>
      <c r="TKP680" s="613"/>
      <c r="TKQ680" s="613"/>
      <c r="TKR680" s="613"/>
      <c r="TKS680" s="613"/>
      <c r="TKT680" s="613"/>
      <c r="TKU680" s="613"/>
      <c r="TKV680" s="613"/>
      <c r="TKW680" s="613"/>
      <c r="TKX680" s="613"/>
      <c r="TKY680" s="613"/>
      <c r="TKZ680" s="613"/>
      <c r="TLA680" s="613"/>
      <c r="TLB680" s="613"/>
      <c r="TLC680" s="613"/>
      <c r="TLD680" s="613"/>
      <c r="TLE680" s="613"/>
      <c r="TLF680" s="613"/>
      <c r="TLG680" s="613"/>
      <c r="TLH680" s="613"/>
      <c r="TLI680" s="613"/>
      <c r="TLJ680" s="613"/>
      <c r="TLK680" s="613"/>
      <c r="TLL680" s="613"/>
      <c r="TLM680" s="613"/>
      <c r="TLN680" s="613"/>
      <c r="TLO680" s="613"/>
      <c r="TLP680" s="613"/>
      <c r="TLQ680" s="613"/>
      <c r="TLR680" s="613"/>
      <c r="TLS680" s="613"/>
      <c r="TLT680" s="613"/>
      <c r="TLU680" s="613"/>
      <c r="TLV680" s="613"/>
      <c r="TLW680" s="613"/>
      <c r="TLX680" s="613"/>
      <c r="TLY680" s="613"/>
      <c r="TLZ680" s="613"/>
      <c r="TMA680" s="613"/>
      <c r="TMB680" s="613"/>
      <c r="TMC680" s="613"/>
      <c r="TMD680" s="613"/>
      <c r="TME680" s="613"/>
      <c r="TMF680" s="613"/>
      <c r="TMG680" s="613"/>
      <c r="TMH680" s="613"/>
      <c r="TMI680" s="613"/>
      <c r="TMJ680" s="613"/>
      <c r="TMK680" s="613"/>
      <c r="TML680" s="613"/>
      <c r="TMM680" s="613"/>
      <c r="TMN680" s="613"/>
      <c r="TMO680" s="613"/>
      <c r="TMP680" s="613"/>
      <c r="TMQ680" s="613"/>
      <c r="TMR680" s="613"/>
      <c r="TMS680" s="613"/>
      <c r="TMT680" s="613"/>
      <c r="TMU680" s="613"/>
      <c r="TMV680" s="613"/>
      <c r="TMW680" s="613"/>
      <c r="TMX680" s="613"/>
      <c r="TMY680" s="613"/>
      <c r="TMZ680" s="613"/>
      <c r="TNA680" s="613"/>
      <c r="TNB680" s="613"/>
      <c r="TNC680" s="613"/>
      <c r="TND680" s="613"/>
      <c r="TNE680" s="613"/>
      <c r="TNF680" s="613"/>
      <c r="TNG680" s="613"/>
      <c r="TNH680" s="613"/>
      <c r="TNI680" s="613"/>
      <c r="TNJ680" s="613"/>
      <c r="TNK680" s="613"/>
      <c r="TNL680" s="613"/>
      <c r="TNM680" s="613"/>
      <c r="TNN680" s="613"/>
      <c r="TNO680" s="613"/>
      <c r="TNP680" s="613"/>
      <c r="TNQ680" s="613"/>
      <c r="TNR680" s="613"/>
      <c r="TNS680" s="613"/>
      <c r="TNT680" s="613"/>
      <c r="TNU680" s="613"/>
      <c r="TNV680" s="613"/>
      <c r="TNW680" s="613"/>
      <c r="TNX680" s="613"/>
      <c r="TNY680" s="613"/>
      <c r="TNZ680" s="613"/>
      <c r="TOA680" s="613"/>
      <c r="TOB680" s="613"/>
      <c r="TOC680" s="613"/>
      <c r="TOD680" s="613"/>
      <c r="TOE680" s="613"/>
      <c r="TOF680" s="613"/>
      <c r="TOG680" s="613"/>
      <c r="TOH680" s="613"/>
      <c r="TOI680" s="613"/>
      <c r="TOJ680" s="613"/>
      <c r="TOK680" s="613"/>
      <c r="TOL680" s="613"/>
      <c r="TOM680" s="613"/>
      <c r="TON680" s="613"/>
      <c r="TOO680" s="613"/>
      <c r="TOP680" s="613"/>
      <c r="TOQ680" s="613"/>
      <c r="TOR680" s="613"/>
      <c r="TOS680" s="613"/>
      <c r="TOT680" s="613"/>
      <c r="TOU680" s="613"/>
      <c r="TOV680" s="613"/>
      <c r="TOW680" s="613"/>
      <c r="TOX680" s="613"/>
      <c r="TOY680" s="613"/>
      <c r="TOZ680" s="613"/>
      <c r="TPA680" s="613"/>
      <c r="TPB680" s="613"/>
      <c r="TPC680" s="613"/>
      <c r="TPD680" s="613"/>
      <c r="TPE680" s="613"/>
      <c r="TPF680" s="613"/>
      <c r="TPG680" s="613"/>
      <c r="TPH680" s="613"/>
      <c r="TPI680" s="613"/>
      <c r="TPJ680" s="613"/>
      <c r="TPK680" s="613"/>
      <c r="TPL680" s="613"/>
      <c r="TPM680" s="613"/>
      <c r="TPN680" s="613"/>
      <c r="TPO680" s="613"/>
      <c r="TPP680" s="613"/>
      <c r="TPQ680" s="613"/>
      <c r="TPR680" s="613"/>
      <c r="TPS680" s="613"/>
      <c r="TPT680" s="613"/>
      <c r="TPU680" s="613"/>
      <c r="TPV680" s="613"/>
      <c r="TPW680" s="613"/>
      <c r="TPX680" s="613"/>
      <c r="TPY680" s="613"/>
      <c r="TPZ680" s="613"/>
      <c r="TQA680" s="613"/>
      <c r="TQB680" s="613"/>
      <c r="TQC680" s="613"/>
      <c r="TQD680" s="613"/>
      <c r="TQE680" s="613"/>
      <c r="TQF680" s="613"/>
      <c r="TQG680" s="613"/>
      <c r="TQH680" s="613"/>
      <c r="TQI680" s="613"/>
      <c r="TQJ680" s="613"/>
      <c r="TQK680" s="613"/>
      <c r="TQL680" s="613"/>
      <c r="TQM680" s="613"/>
      <c r="TQN680" s="613"/>
      <c r="TQO680" s="613"/>
      <c r="TQP680" s="613"/>
      <c r="TQQ680" s="613"/>
      <c r="TQR680" s="613"/>
      <c r="TQS680" s="613"/>
      <c r="TQT680" s="613"/>
      <c r="TQU680" s="613"/>
      <c r="TQV680" s="613"/>
      <c r="TQW680" s="613"/>
      <c r="TQX680" s="613"/>
      <c r="TQY680" s="613"/>
      <c r="TQZ680" s="613"/>
      <c r="TRA680" s="613"/>
      <c r="TRB680" s="613"/>
      <c r="TRC680" s="613"/>
      <c r="TRD680" s="613"/>
      <c r="TRE680" s="613"/>
      <c r="TRF680" s="613"/>
      <c r="TRG680" s="613"/>
      <c r="TRH680" s="613"/>
      <c r="TRI680" s="613"/>
      <c r="TRJ680" s="613"/>
      <c r="TRK680" s="613"/>
      <c r="TRL680" s="613"/>
      <c r="TRM680" s="613"/>
      <c r="TRN680" s="613"/>
      <c r="TRO680" s="613"/>
      <c r="TRP680" s="613"/>
      <c r="TRQ680" s="613"/>
      <c r="TRR680" s="613"/>
      <c r="TRS680" s="613"/>
      <c r="TRT680" s="613"/>
      <c r="TRU680" s="613"/>
      <c r="TRV680" s="613"/>
      <c r="TRW680" s="613"/>
      <c r="TRX680" s="613"/>
      <c r="TRY680" s="613"/>
      <c r="TRZ680" s="613"/>
      <c r="TSA680" s="613"/>
      <c r="TSB680" s="613"/>
      <c r="TSC680" s="613"/>
      <c r="TSD680" s="613"/>
      <c r="TSE680" s="613"/>
      <c r="TSF680" s="613"/>
      <c r="TSG680" s="613"/>
      <c r="TSH680" s="613"/>
      <c r="TSI680" s="613"/>
      <c r="TSJ680" s="613"/>
      <c r="TSK680" s="613"/>
      <c r="TSL680" s="613"/>
      <c r="TSM680" s="613"/>
      <c r="TSN680" s="613"/>
      <c r="TSO680" s="613"/>
      <c r="TSP680" s="613"/>
      <c r="TSQ680" s="613"/>
      <c r="TSR680" s="613"/>
      <c r="TSS680" s="613"/>
      <c r="TST680" s="613"/>
      <c r="TSU680" s="613"/>
      <c r="TSV680" s="613"/>
      <c r="TSW680" s="613"/>
      <c r="TSX680" s="613"/>
      <c r="TSY680" s="613"/>
      <c r="TSZ680" s="613"/>
      <c r="TTA680" s="613"/>
      <c r="TTB680" s="613"/>
      <c r="TTC680" s="613"/>
      <c r="TTD680" s="613"/>
      <c r="TTE680" s="613"/>
      <c r="TTF680" s="613"/>
      <c r="TTG680" s="613"/>
      <c r="TTH680" s="613"/>
      <c r="TTI680" s="613"/>
      <c r="TTJ680" s="613"/>
      <c r="TTK680" s="613"/>
      <c r="TTL680" s="613"/>
      <c r="TTM680" s="613"/>
      <c r="TTN680" s="613"/>
      <c r="TTO680" s="613"/>
      <c r="TTP680" s="613"/>
      <c r="TTQ680" s="613"/>
      <c r="TTR680" s="613"/>
      <c r="TTS680" s="613"/>
      <c r="TTT680" s="613"/>
      <c r="TTU680" s="613"/>
      <c r="TTV680" s="613"/>
      <c r="TTW680" s="613"/>
      <c r="TTX680" s="613"/>
      <c r="TTY680" s="613"/>
      <c r="TTZ680" s="613"/>
      <c r="TUA680" s="613"/>
      <c r="TUB680" s="613"/>
      <c r="TUC680" s="613"/>
      <c r="TUD680" s="613"/>
      <c r="TUE680" s="613"/>
      <c r="TUF680" s="613"/>
      <c r="TUG680" s="613"/>
      <c r="TUH680" s="613"/>
      <c r="TUI680" s="613"/>
      <c r="TUJ680" s="613"/>
      <c r="TUK680" s="613"/>
      <c r="TUL680" s="613"/>
      <c r="TUM680" s="613"/>
      <c r="TUN680" s="613"/>
      <c r="TUO680" s="613"/>
      <c r="TUP680" s="613"/>
      <c r="TUQ680" s="613"/>
      <c r="TUR680" s="613"/>
      <c r="TUS680" s="613"/>
      <c r="TUT680" s="613"/>
      <c r="TUU680" s="613"/>
      <c r="TUV680" s="613"/>
      <c r="TUW680" s="613"/>
      <c r="TUX680" s="613"/>
      <c r="TUY680" s="613"/>
      <c r="TUZ680" s="613"/>
      <c r="TVA680" s="613"/>
      <c r="TVB680" s="613"/>
      <c r="TVC680" s="613"/>
      <c r="TVD680" s="613"/>
      <c r="TVE680" s="613"/>
      <c r="TVF680" s="613"/>
      <c r="TVG680" s="613"/>
      <c r="TVH680" s="613"/>
      <c r="TVI680" s="613"/>
      <c r="TVJ680" s="613"/>
      <c r="TVK680" s="613"/>
      <c r="TVL680" s="613"/>
      <c r="TVM680" s="613"/>
      <c r="TVN680" s="613"/>
      <c r="TVO680" s="613"/>
      <c r="TVP680" s="613"/>
      <c r="TVQ680" s="613"/>
      <c r="TVR680" s="613"/>
      <c r="TVS680" s="613"/>
      <c r="TVT680" s="613"/>
      <c r="TVU680" s="613"/>
      <c r="TVV680" s="613"/>
      <c r="TVW680" s="613"/>
      <c r="TVX680" s="613"/>
      <c r="TVY680" s="613"/>
      <c r="TVZ680" s="613"/>
      <c r="TWA680" s="613"/>
      <c r="TWB680" s="613"/>
      <c r="TWC680" s="613"/>
      <c r="TWD680" s="613"/>
      <c r="TWE680" s="613"/>
      <c r="TWF680" s="613"/>
      <c r="TWG680" s="613"/>
      <c r="TWH680" s="613"/>
      <c r="TWI680" s="613"/>
      <c r="TWJ680" s="613"/>
      <c r="TWK680" s="613"/>
      <c r="TWL680" s="613"/>
      <c r="TWM680" s="613"/>
      <c r="TWN680" s="613"/>
      <c r="TWO680" s="613"/>
      <c r="TWP680" s="613"/>
      <c r="TWQ680" s="613"/>
      <c r="TWR680" s="613"/>
      <c r="TWS680" s="613"/>
      <c r="TWT680" s="613"/>
      <c r="TWU680" s="613"/>
      <c r="TWV680" s="613"/>
      <c r="TWW680" s="613"/>
      <c r="TWX680" s="613"/>
      <c r="TWY680" s="613"/>
      <c r="TWZ680" s="613"/>
      <c r="TXA680" s="613"/>
      <c r="TXB680" s="613"/>
      <c r="TXC680" s="613"/>
      <c r="TXD680" s="613"/>
      <c r="TXE680" s="613"/>
      <c r="TXF680" s="613"/>
      <c r="TXG680" s="613"/>
      <c r="TXH680" s="613"/>
      <c r="TXI680" s="613"/>
      <c r="TXJ680" s="613"/>
      <c r="TXK680" s="613"/>
      <c r="TXL680" s="613"/>
      <c r="TXM680" s="613"/>
      <c r="TXN680" s="613"/>
      <c r="TXO680" s="613"/>
      <c r="TXP680" s="613"/>
      <c r="TXQ680" s="613"/>
      <c r="TXR680" s="613"/>
      <c r="TXS680" s="613"/>
      <c r="TXT680" s="613"/>
      <c r="TXU680" s="613"/>
      <c r="TXV680" s="613"/>
      <c r="TXW680" s="613"/>
      <c r="TXX680" s="613"/>
      <c r="TXY680" s="613"/>
      <c r="TXZ680" s="613"/>
      <c r="TYA680" s="613"/>
      <c r="TYB680" s="613"/>
      <c r="TYC680" s="613"/>
      <c r="TYD680" s="613"/>
      <c r="TYE680" s="613"/>
      <c r="TYF680" s="613"/>
      <c r="TYG680" s="613"/>
      <c r="TYH680" s="613"/>
      <c r="TYI680" s="613"/>
      <c r="TYJ680" s="613"/>
      <c r="TYK680" s="613"/>
      <c r="TYL680" s="613"/>
      <c r="TYM680" s="613"/>
      <c r="TYN680" s="613"/>
      <c r="TYO680" s="613"/>
      <c r="TYP680" s="613"/>
      <c r="TYQ680" s="613"/>
      <c r="TYR680" s="613"/>
      <c r="TYS680" s="613"/>
      <c r="TYT680" s="613"/>
      <c r="TYU680" s="613"/>
      <c r="TYV680" s="613"/>
      <c r="TYW680" s="613"/>
      <c r="TYX680" s="613"/>
      <c r="TYY680" s="613"/>
      <c r="TYZ680" s="613"/>
      <c r="TZA680" s="613"/>
      <c r="TZB680" s="613"/>
      <c r="TZC680" s="613"/>
      <c r="TZD680" s="613"/>
      <c r="TZE680" s="613"/>
      <c r="TZF680" s="613"/>
      <c r="TZG680" s="613"/>
      <c r="TZH680" s="613"/>
      <c r="TZI680" s="613"/>
      <c r="TZJ680" s="613"/>
      <c r="TZK680" s="613"/>
      <c r="TZL680" s="613"/>
      <c r="TZM680" s="613"/>
      <c r="TZN680" s="613"/>
      <c r="TZO680" s="613"/>
      <c r="TZP680" s="613"/>
      <c r="TZQ680" s="613"/>
      <c r="TZR680" s="613"/>
      <c r="TZS680" s="613"/>
      <c r="TZT680" s="613"/>
      <c r="TZU680" s="613"/>
      <c r="TZV680" s="613"/>
      <c r="TZW680" s="613"/>
      <c r="TZX680" s="613"/>
      <c r="TZY680" s="613"/>
      <c r="TZZ680" s="613"/>
      <c r="UAA680" s="613"/>
      <c r="UAB680" s="613"/>
      <c r="UAC680" s="613"/>
      <c r="UAD680" s="613"/>
      <c r="UAE680" s="613"/>
      <c r="UAF680" s="613"/>
      <c r="UAG680" s="613"/>
      <c r="UAH680" s="613"/>
      <c r="UAI680" s="613"/>
      <c r="UAJ680" s="613"/>
      <c r="UAK680" s="613"/>
      <c r="UAL680" s="613"/>
      <c r="UAM680" s="613"/>
      <c r="UAN680" s="613"/>
      <c r="UAO680" s="613"/>
      <c r="UAP680" s="613"/>
      <c r="UAQ680" s="613"/>
      <c r="UAR680" s="613"/>
      <c r="UAS680" s="613"/>
      <c r="UAT680" s="613"/>
      <c r="UAU680" s="613"/>
      <c r="UAV680" s="613"/>
      <c r="UAW680" s="613"/>
      <c r="UAX680" s="613"/>
      <c r="UAY680" s="613"/>
      <c r="UAZ680" s="613"/>
      <c r="UBA680" s="613"/>
      <c r="UBB680" s="613"/>
      <c r="UBC680" s="613"/>
      <c r="UBD680" s="613"/>
      <c r="UBE680" s="613"/>
      <c r="UBF680" s="613"/>
      <c r="UBG680" s="613"/>
      <c r="UBH680" s="613"/>
      <c r="UBI680" s="613"/>
      <c r="UBJ680" s="613"/>
      <c r="UBK680" s="613"/>
      <c r="UBL680" s="613"/>
      <c r="UBM680" s="613"/>
      <c r="UBN680" s="613"/>
      <c r="UBO680" s="613"/>
      <c r="UBP680" s="613"/>
      <c r="UBQ680" s="613"/>
      <c r="UBR680" s="613"/>
      <c r="UBS680" s="613"/>
      <c r="UBT680" s="613"/>
      <c r="UBU680" s="613"/>
      <c r="UBV680" s="613"/>
      <c r="UBW680" s="613"/>
      <c r="UBX680" s="613"/>
      <c r="UBY680" s="613"/>
      <c r="UBZ680" s="613"/>
      <c r="UCA680" s="613"/>
      <c r="UCB680" s="613"/>
      <c r="UCC680" s="613"/>
      <c r="UCD680" s="613"/>
      <c r="UCE680" s="613"/>
      <c r="UCF680" s="613"/>
      <c r="UCG680" s="613"/>
      <c r="UCH680" s="613"/>
      <c r="UCI680" s="613"/>
      <c r="UCJ680" s="613"/>
      <c r="UCK680" s="613"/>
      <c r="UCL680" s="613"/>
      <c r="UCM680" s="613"/>
      <c r="UCN680" s="613"/>
      <c r="UCO680" s="613"/>
      <c r="UCP680" s="613"/>
      <c r="UCQ680" s="613"/>
      <c r="UCR680" s="613"/>
      <c r="UCS680" s="613"/>
      <c r="UCT680" s="613"/>
      <c r="UCU680" s="613"/>
      <c r="UCV680" s="613"/>
      <c r="UCW680" s="613"/>
      <c r="UCX680" s="613"/>
      <c r="UCY680" s="613"/>
      <c r="UCZ680" s="613"/>
      <c r="UDA680" s="613"/>
      <c r="UDB680" s="613"/>
      <c r="UDC680" s="613"/>
      <c r="UDD680" s="613"/>
      <c r="UDE680" s="613"/>
      <c r="UDF680" s="613"/>
      <c r="UDG680" s="613"/>
      <c r="UDH680" s="613"/>
      <c r="UDI680" s="613"/>
      <c r="UDJ680" s="613"/>
      <c r="UDK680" s="613"/>
      <c r="UDL680" s="613"/>
      <c r="UDM680" s="613"/>
      <c r="UDN680" s="613"/>
      <c r="UDO680" s="613"/>
      <c r="UDP680" s="613"/>
      <c r="UDQ680" s="613"/>
      <c r="UDR680" s="613"/>
      <c r="UDS680" s="613"/>
      <c r="UDT680" s="613"/>
      <c r="UDU680" s="613"/>
      <c r="UDV680" s="613"/>
      <c r="UDW680" s="613"/>
      <c r="UDX680" s="613"/>
      <c r="UDY680" s="613"/>
      <c r="UDZ680" s="613"/>
      <c r="UEA680" s="613"/>
      <c r="UEB680" s="613"/>
      <c r="UEC680" s="613"/>
      <c r="UED680" s="613"/>
      <c r="UEE680" s="613"/>
      <c r="UEF680" s="613"/>
      <c r="UEG680" s="613"/>
      <c r="UEH680" s="613"/>
      <c r="UEI680" s="613"/>
      <c r="UEJ680" s="613"/>
      <c r="UEK680" s="613"/>
      <c r="UEL680" s="613"/>
      <c r="UEM680" s="613"/>
      <c r="UEN680" s="613"/>
      <c r="UEO680" s="613"/>
      <c r="UEP680" s="613"/>
      <c r="UEQ680" s="613"/>
      <c r="UER680" s="613"/>
      <c r="UES680" s="613"/>
      <c r="UET680" s="613"/>
      <c r="UEU680" s="613"/>
      <c r="UEV680" s="613"/>
      <c r="UEW680" s="613"/>
      <c r="UEX680" s="613"/>
      <c r="UEY680" s="613"/>
      <c r="UEZ680" s="613"/>
      <c r="UFA680" s="613"/>
      <c r="UFB680" s="613"/>
      <c r="UFC680" s="613"/>
      <c r="UFD680" s="613"/>
      <c r="UFE680" s="613"/>
      <c r="UFF680" s="613"/>
      <c r="UFG680" s="613"/>
      <c r="UFH680" s="613"/>
      <c r="UFI680" s="613"/>
      <c r="UFJ680" s="613"/>
      <c r="UFK680" s="613"/>
      <c r="UFL680" s="613"/>
      <c r="UFM680" s="613"/>
      <c r="UFN680" s="613"/>
      <c r="UFO680" s="613"/>
      <c r="UFP680" s="613"/>
      <c r="UFQ680" s="613"/>
      <c r="UFR680" s="613"/>
      <c r="UFS680" s="613"/>
      <c r="UFT680" s="613"/>
      <c r="UFU680" s="613"/>
      <c r="UFV680" s="613"/>
      <c r="UFW680" s="613"/>
      <c r="UFX680" s="613"/>
      <c r="UFY680" s="613"/>
      <c r="UFZ680" s="613"/>
      <c r="UGA680" s="613"/>
      <c r="UGB680" s="613"/>
      <c r="UGC680" s="613"/>
      <c r="UGD680" s="613"/>
      <c r="UGE680" s="613"/>
      <c r="UGF680" s="613"/>
      <c r="UGG680" s="613"/>
      <c r="UGH680" s="613"/>
      <c r="UGI680" s="613"/>
      <c r="UGJ680" s="613"/>
      <c r="UGK680" s="613"/>
      <c r="UGL680" s="613"/>
      <c r="UGM680" s="613"/>
      <c r="UGN680" s="613"/>
      <c r="UGO680" s="613"/>
      <c r="UGP680" s="613"/>
      <c r="UGQ680" s="613"/>
      <c r="UGR680" s="613"/>
      <c r="UGS680" s="613"/>
      <c r="UGT680" s="613"/>
      <c r="UGU680" s="613"/>
      <c r="UGV680" s="613"/>
      <c r="UGW680" s="613"/>
      <c r="UGX680" s="613"/>
      <c r="UGY680" s="613"/>
      <c r="UGZ680" s="613"/>
      <c r="UHA680" s="613"/>
      <c r="UHB680" s="613"/>
      <c r="UHC680" s="613"/>
      <c r="UHD680" s="613"/>
      <c r="UHE680" s="613"/>
      <c r="UHF680" s="613"/>
      <c r="UHG680" s="613"/>
      <c r="UHH680" s="613"/>
      <c r="UHI680" s="613"/>
      <c r="UHJ680" s="613"/>
      <c r="UHK680" s="613"/>
      <c r="UHL680" s="613"/>
      <c r="UHM680" s="613"/>
      <c r="UHN680" s="613"/>
      <c r="UHO680" s="613"/>
      <c r="UHP680" s="613"/>
      <c r="UHQ680" s="613"/>
      <c r="UHR680" s="613"/>
      <c r="UHS680" s="613"/>
      <c r="UHT680" s="613"/>
      <c r="UHU680" s="613"/>
      <c r="UHV680" s="613"/>
      <c r="UHW680" s="613"/>
      <c r="UHX680" s="613"/>
      <c r="UHY680" s="613"/>
      <c r="UHZ680" s="613"/>
      <c r="UIA680" s="613"/>
      <c r="UIB680" s="613"/>
      <c r="UIC680" s="613"/>
      <c r="UID680" s="613"/>
      <c r="UIE680" s="613"/>
      <c r="UIF680" s="613"/>
      <c r="UIG680" s="613"/>
      <c r="UIH680" s="613"/>
      <c r="UII680" s="613"/>
      <c r="UIJ680" s="613"/>
      <c r="UIK680" s="613"/>
      <c r="UIL680" s="613"/>
      <c r="UIM680" s="613"/>
      <c r="UIN680" s="613"/>
      <c r="UIO680" s="613"/>
      <c r="UIP680" s="613"/>
      <c r="UIQ680" s="613"/>
      <c r="UIR680" s="613"/>
      <c r="UIS680" s="613"/>
      <c r="UIT680" s="613"/>
      <c r="UIU680" s="613"/>
      <c r="UIV680" s="613"/>
      <c r="UIW680" s="613"/>
      <c r="UIX680" s="613"/>
      <c r="UIY680" s="613"/>
      <c r="UIZ680" s="613"/>
      <c r="UJA680" s="613"/>
      <c r="UJB680" s="613"/>
      <c r="UJC680" s="613"/>
      <c r="UJD680" s="613"/>
      <c r="UJE680" s="613"/>
      <c r="UJF680" s="613"/>
      <c r="UJG680" s="613"/>
      <c r="UJH680" s="613"/>
      <c r="UJI680" s="613"/>
      <c r="UJJ680" s="613"/>
      <c r="UJK680" s="613"/>
      <c r="UJL680" s="613"/>
      <c r="UJM680" s="613"/>
      <c r="UJN680" s="613"/>
      <c r="UJO680" s="613"/>
      <c r="UJP680" s="613"/>
      <c r="UJQ680" s="613"/>
      <c r="UJR680" s="613"/>
      <c r="UJS680" s="613"/>
      <c r="UJT680" s="613"/>
      <c r="UJU680" s="613"/>
      <c r="UJV680" s="613"/>
      <c r="UJW680" s="613"/>
      <c r="UJX680" s="613"/>
      <c r="UJY680" s="613"/>
      <c r="UJZ680" s="613"/>
      <c r="UKA680" s="613"/>
      <c r="UKB680" s="613"/>
      <c r="UKC680" s="613"/>
      <c r="UKD680" s="613"/>
      <c r="UKE680" s="613"/>
      <c r="UKF680" s="613"/>
      <c r="UKG680" s="613"/>
      <c r="UKH680" s="613"/>
      <c r="UKI680" s="613"/>
      <c r="UKJ680" s="613"/>
      <c r="UKK680" s="613"/>
      <c r="UKL680" s="613"/>
      <c r="UKM680" s="613"/>
      <c r="UKN680" s="613"/>
      <c r="UKO680" s="613"/>
      <c r="UKP680" s="613"/>
      <c r="UKQ680" s="613"/>
      <c r="UKR680" s="613"/>
      <c r="UKS680" s="613"/>
      <c r="UKT680" s="613"/>
      <c r="UKU680" s="613"/>
      <c r="UKV680" s="613"/>
      <c r="UKW680" s="613"/>
      <c r="UKX680" s="613"/>
      <c r="UKY680" s="613"/>
      <c r="UKZ680" s="613"/>
      <c r="ULA680" s="613"/>
      <c r="ULB680" s="613"/>
      <c r="ULC680" s="613"/>
      <c r="ULD680" s="613"/>
      <c r="ULE680" s="613"/>
      <c r="ULF680" s="613"/>
      <c r="ULG680" s="613"/>
      <c r="ULH680" s="613"/>
      <c r="ULI680" s="613"/>
      <c r="ULJ680" s="613"/>
      <c r="ULK680" s="613"/>
      <c r="ULL680" s="613"/>
      <c r="ULM680" s="613"/>
      <c r="ULN680" s="613"/>
      <c r="ULO680" s="613"/>
      <c r="ULP680" s="613"/>
      <c r="ULQ680" s="613"/>
      <c r="ULR680" s="613"/>
      <c r="ULS680" s="613"/>
      <c r="ULT680" s="613"/>
      <c r="ULU680" s="613"/>
      <c r="ULV680" s="613"/>
      <c r="ULW680" s="613"/>
      <c r="ULX680" s="613"/>
      <c r="ULY680" s="613"/>
      <c r="ULZ680" s="613"/>
      <c r="UMA680" s="613"/>
      <c r="UMB680" s="613"/>
      <c r="UMC680" s="613"/>
      <c r="UMD680" s="613"/>
      <c r="UME680" s="613"/>
      <c r="UMF680" s="613"/>
      <c r="UMG680" s="613"/>
      <c r="UMH680" s="613"/>
      <c r="UMI680" s="613"/>
      <c r="UMJ680" s="613"/>
      <c r="UMK680" s="613"/>
      <c r="UML680" s="613"/>
      <c r="UMM680" s="613"/>
      <c r="UMN680" s="613"/>
      <c r="UMO680" s="613"/>
      <c r="UMP680" s="613"/>
      <c r="UMQ680" s="613"/>
      <c r="UMR680" s="613"/>
      <c r="UMS680" s="613"/>
      <c r="UMT680" s="613"/>
      <c r="UMU680" s="613"/>
      <c r="UMV680" s="613"/>
      <c r="UMW680" s="613"/>
      <c r="UMX680" s="613"/>
      <c r="UMY680" s="613"/>
      <c r="UMZ680" s="613"/>
      <c r="UNA680" s="613"/>
      <c r="UNB680" s="613"/>
      <c r="UNC680" s="613"/>
      <c r="UND680" s="613"/>
      <c r="UNE680" s="613"/>
      <c r="UNF680" s="613"/>
      <c r="UNG680" s="613"/>
      <c r="UNH680" s="613"/>
      <c r="UNI680" s="613"/>
      <c r="UNJ680" s="613"/>
      <c r="UNK680" s="613"/>
      <c r="UNL680" s="613"/>
      <c r="UNM680" s="613"/>
      <c r="UNN680" s="613"/>
      <c r="UNO680" s="613"/>
      <c r="UNP680" s="613"/>
      <c r="UNQ680" s="613"/>
      <c r="UNR680" s="613"/>
      <c r="UNS680" s="613"/>
      <c r="UNT680" s="613"/>
      <c r="UNU680" s="613"/>
      <c r="UNV680" s="613"/>
      <c r="UNW680" s="613"/>
      <c r="UNX680" s="613"/>
      <c r="UNY680" s="613"/>
      <c r="UNZ680" s="613"/>
      <c r="UOA680" s="613"/>
      <c r="UOB680" s="613"/>
      <c r="UOC680" s="613"/>
      <c r="UOD680" s="613"/>
      <c r="UOE680" s="613"/>
      <c r="UOF680" s="613"/>
      <c r="UOG680" s="613"/>
      <c r="UOH680" s="613"/>
      <c r="UOI680" s="613"/>
      <c r="UOJ680" s="613"/>
      <c r="UOK680" s="613"/>
      <c r="UOL680" s="613"/>
      <c r="UOM680" s="613"/>
      <c r="UON680" s="613"/>
      <c r="UOO680" s="613"/>
      <c r="UOP680" s="613"/>
      <c r="UOQ680" s="613"/>
      <c r="UOR680" s="613"/>
      <c r="UOS680" s="613"/>
      <c r="UOT680" s="613"/>
      <c r="UOU680" s="613"/>
      <c r="UOV680" s="613"/>
      <c r="UOW680" s="613"/>
      <c r="UOX680" s="613"/>
      <c r="UOY680" s="613"/>
      <c r="UOZ680" s="613"/>
      <c r="UPA680" s="613"/>
      <c r="UPB680" s="613"/>
      <c r="UPC680" s="613"/>
      <c r="UPD680" s="613"/>
      <c r="UPE680" s="613"/>
      <c r="UPF680" s="613"/>
      <c r="UPG680" s="613"/>
      <c r="UPH680" s="613"/>
      <c r="UPI680" s="613"/>
      <c r="UPJ680" s="613"/>
      <c r="UPK680" s="613"/>
      <c r="UPL680" s="613"/>
      <c r="UPM680" s="613"/>
      <c r="UPN680" s="613"/>
      <c r="UPO680" s="613"/>
      <c r="UPP680" s="613"/>
      <c r="UPQ680" s="613"/>
      <c r="UPR680" s="613"/>
      <c r="UPS680" s="613"/>
      <c r="UPT680" s="613"/>
      <c r="UPU680" s="613"/>
      <c r="UPV680" s="613"/>
      <c r="UPW680" s="613"/>
      <c r="UPX680" s="613"/>
      <c r="UPY680" s="613"/>
      <c r="UPZ680" s="613"/>
      <c r="UQA680" s="613"/>
      <c r="UQB680" s="613"/>
      <c r="UQC680" s="613"/>
      <c r="UQD680" s="613"/>
      <c r="UQE680" s="613"/>
      <c r="UQF680" s="613"/>
      <c r="UQG680" s="613"/>
      <c r="UQH680" s="613"/>
      <c r="UQI680" s="613"/>
      <c r="UQJ680" s="613"/>
      <c r="UQK680" s="613"/>
      <c r="UQL680" s="613"/>
      <c r="UQM680" s="613"/>
      <c r="UQN680" s="613"/>
      <c r="UQO680" s="613"/>
      <c r="UQP680" s="613"/>
      <c r="UQQ680" s="613"/>
      <c r="UQR680" s="613"/>
      <c r="UQS680" s="613"/>
      <c r="UQT680" s="613"/>
      <c r="UQU680" s="613"/>
      <c r="UQV680" s="613"/>
      <c r="UQW680" s="613"/>
      <c r="UQX680" s="613"/>
      <c r="UQY680" s="613"/>
      <c r="UQZ680" s="613"/>
      <c r="URA680" s="613"/>
      <c r="URB680" s="613"/>
      <c r="URC680" s="613"/>
      <c r="URD680" s="613"/>
      <c r="URE680" s="613"/>
      <c r="URF680" s="613"/>
      <c r="URG680" s="613"/>
      <c r="URH680" s="613"/>
      <c r="URI680" s="613"/>
      <c r="URJ680" s="613"/>
      <c r="URK680" s="613"/>
      <c r="URL680" s="613"/>
      <c r="URM680" s="613"/>
      <c r="URN680" s="613"/>
      <c r="URO680" s="613"/>
      <c r="URP680" s="613"/>
      <c r="URQ680" s="613"/>
      <c r="URR680" s="613"/>
      <c r="URS680" s="613"/>
      <c r="URT680" s="613"/>
      <c r="URU680" s="613"/>
      <c r="URV680" s="613"/>
      <c r="URW680" s="613"/>
      <c r="URX680" s="613"/>
      <c r="URY680" s="613"/>
      <c r="URZ680" s="613"/>
      <c r="USA680" s="613"/>
      <c r="USB680" s="613"/>
      <c r="USC680" s="613"/>
      <c r="USD680" s="613"/>
      <c r="USE680" s="613"/>
      <c r="USF680" s="613"/>
      <c r="USG680" s="613"/>
      <c r="USH680" s="613"/>
      <c r="USI680" s="613"/>
      <c r="USJ680" s="613"/>
      <c r="USK680" s="613"/>
      <c r="USL680" s="613"/>
      <c r="USM680" s="613"/>
      <c r="USN680" s="613"/>
      <c r="USO680" s="613"/>
      <c r="USP680" s="613"/>
      <c r="USQ680" s="613"/>
      <c r="USR680" s="613"/>
      <c r="USS680" s="613"/>
      <c r="UST680" s="613"/>
      <c r="USU680" s="613"/>
      <c r="USV680" s="613"/>
      <c r="USW680" s="613"/>
      <c r="USX680" s="613"/>
      <c r="USY680" s="613"/>
      <c r="USZ680" s="613"/>
      <c r="UTA680" s="613"/>
      <c r="UTB680" s="613"/>
      <c r="UTC680" s="613"/>
      <c r="UTD680" s="613"/>
      <c r="UTE680" s="613"/>
      <c r="UTF680" s="613"/>
      <c r="UTG680" s="613"/>
      <c r="UTH680" s="613"/>
      <c r="UTI680" s="613"/>
      <c r="UTJ680" s="613"/>
      <c r="UTK680" s="613"/>
      <c r="UTL680" s="613"/>
      <c r="UTM680" s="613"/>
      <c r="UTN680" s="613"/>
      <c r="UTO680" s="613"/>
      <c r="UTP680" s="613"/>
      <c r="UTQ680" s="613"/>
      <c r="UTR680" s="613"/>
      <c r="UTS680" s="613"/>
      <c r="UTT680" s="613"/>
      <c r="UTU680" s="613"/>
      <c r="UTV680" s="613"/>
      <c r="UTW680" s="613"/>
      <c r="UTX680" s="613"/>
      <c r="UTY680" s="613"/>
      <c r="UTZ680" s="613"/>
      <c r="UUA680" s="613"/>
      <c r="UUB680" s="613"/>
      <c r="UUC680" s="613"/>
      <c r="UUD680" s="613"/>
      <c r="UUE680" s="613"/>
      <c r="UUF680" s="613"/>
      <c r="UUG680" s="613"/>
      <c r="UUH680" s="613"/>
      <c r="UUI680" s="613"/>
      <c r="UUJ680" s="613"/>
      <c r="UUK680" s="613"/>
      <c r="UUL680" s="613"/>
      <c r="UUM680" s="613"/>
      <c r="UUN680" s="613"/>
      <c r="UUO680" s="613"/>
      <c r="UUP680" s="613"/>
      <c r="UUQ680" s="613"/>
      <c r="UUR680" s="613"/>
      <c r="UUS680" s="613"/>
      <c r="UUT680" s="613"/>
      <c r="UUU680" s="613"/>
      <c r="UUV680" s="613"/>
      <c r="UUW680" s="613"/>
      <c r="UUX680" s="613"/>
      <c r="UUY680" s="613"/>
      <c r="UUZ680" s="613"/>
      <c r="UVA680" s="613"/>
      <c r="UVB680" s="613"/>
      <c r="UVC680" s="613"/>
      <c r="UVD680" s="613"/>
      <c r="UVE680" s="613"/>
      <c r="UVF680" s="613"/>
      <c r="UVG680" s="613"/>
      <c r="UVH680" s="613"/>
      <c r="UVI680" s="613"/>
      <c r="UVJ680" s="613"/>
      <c r="UVK680" s="613"/>
      <c r="UVL680" s="613"/>
      <c r="UVM680" s="613"/>
      <c r="UVN680" s="613"/>
      <c r="UVO680" s="613"/>
      <c r="UVP680" s="613"/>
      <c r="UVQ680" s="613"/>
      <c r="UVR680" s="613"/>
      <c r="UVS680" s="613"/>
      <c r="UVT680" s="613"/>
      <c r="UVU680" s="613"/>
      <c r="UVV680" s="613"/>
      <c r="UVW680" s="613"/>
      <c r="UVX680" s="613"/>
      <c r="UVY680" s="613"/>
      <c r="UVZ680" s="613"/>
      <c r="UWA680" s="613"/>
      <c r="UWB680" s="613"/>
      <c r="UWC680" s="613"/>
      <c r="UWD680" s="613"/>
      <c r="UWE680" s="613"/>
      <c r="UWF680" s="613"/>
      <c r="UWG680" s="613"/>
      <c r="UWH680" s="613"/>
      <c r="UWI680" s="613"/>
      <c r="UWJ680" s="613"/>
      <c r="UWK680" s="613"/>
      <c r="UWL680" s="613"/>
      <c r="UWM680" s="613"/>
      <c r="UWN680" s="613"/>
      <c r="UWO680" s="613"/>
      <c r="UWP680" s="613"/>
      <c r="UWQ680" s="613"/>
      <c r="UWR680" s="613"/>
      <c r="UWS680" s="613"/>
      <c r="UWT680" s="613"/>
      <c r="UWU680" s="613"/>
      <c r="UWV680" s="613"/>
      <c r="UWW680" s="613"/>
      <c r="UWX680" s="613"/>
      <c r="UWY680" s="613"/>
      <c r="UWZ680" s="613"/>
      <c r="UXA680" s="613"/>
      <c r="UXB680" s="613"/>
      <c r="UXC680" s="613"/>
      <c r="UXD680" s="613"/>
      <c r="UXE680" s="613"/>
      <c r="UXF680" s="613"/>
      <c r="UXG680" s="613"/>
      <c r="UXH680" s="613"/>
      <c r="UXI680" s="613"/>
      <c r="UXJ680" s="613"/>
      <c r="UXK680" s="613"/>
      <c r="UXL680" s="613"/>
      <c r="UXM680" s="613"/>
      <c r="UXN680" s="613"/>
      <c r="UXO680" s="613"/>
      <c r="UXP680" s="613"/>
      <c r="UXQ680" s="613"/>
      <c r="UXR680" s="613"/>
      <c r="UXS680" s="613"/>
      <c r="UXT680" s="613"/>
      <c r="UXU680" s="613"/>
      <c r="UXV680" s="613"/>
      <c r="UXW680" s="613"/>
      <c r="UXX680" s="613"/>
      <c r="UXY680" s="613"/>
      <c r="UXZ680" s="613"/>
      <c r="UYA680" s="613"/>
      <c r="UYB680" s="613"/>
      <c r="UYC680" s="613"/>
      <c r="UYD680" s="613"/>
      <c r="UYE680" s="613"/>
      <c r="UYF680" s="613"/>
      <c r="UYG680" s="613"/>
      <c r="UYH680" s="613"/>
      <c r="UYI680" s="613"/>
      <c r="UYJ680" s="613"/>
      <c r="UYK680" s="613"/>
      <c r="UYL680" s="613"/>
      <c r="UYM680" s="613"/>
      <c r="UYN680" s="613"/>
      <c r="UYO680" s="613"/>
      <c r="UYP680" s="613"/>
      <c r="UYQ680" s="613"/>
      <c r="UYR680" s="613"/>
      <c r="UYS680" s="613"/>
      <c r="UYT680" s="613"/>
      <c r="UYU680" s="613"/>
      <c r="UYV680" s="613"/>
      <c r="UYW680" s="613"/>
      <c r="UYX680" s="613"/>
      <c r="UYY680" s="613"/>
      <c r="UYZ680" s="613"/>
      <c r="UZA680" s="613"/>
      <c r="UZB680" s="613"/>
      <c r="UZC680" s="613"/>
      <c r="UZD680" s="613"/>
      <c r="UZE680" s="613"/>
      <c r="UZF680" s="613"/>
      <c r="UZG680" s="613"/>
      <c r="UZH680" s="613"/>
      <c r="UZI680" s="613"/>
      <c r="UZJ680" s="613"/>
      <c r="UZK680" s="613"/>
      <c r="UZL680" s="613"/>
      <c r="UZM680" s="613"/>
      <c r="UZN680" s="613"/>
      <c r="UZO680" s="613"/>
      <c r="UZP680" s="613"/>
      <c r="UZQ680" s="613"/>
      <c r="UZR680" s="613"/>
      <c r="UZS680" s="613"/>
      <c r="UZT680" s="613"/>
      <c r="UZU680" s="613"/>
      <c r="UZV680" s="613"/>
      <c r="UZW680" s="613"/>
      <c r="UZX680" s="613"/>
      <c r="UZY680" s="613"/>
      <c r="UZZ680" s="613"/>
      <c r="VAA680" s="613"/>
      <c r="VAB680" s="613"/>
      <c r="VAC680" s="613"/>
      <c r="VAD680" s="613"/>
      <c r="VAE680" s="613"/>
      <c r="VAF680" s="613"/>
      <c r="VAG680" s="613"/>
      <c r="VAH680" s="613"/>
      <c r="VAI680" s="613"/>
      <c r="VAJ680" s="613"/>
      <c r="VAK680" s="613"/>
      <c r="VAL680" s="613"/>
      <c r="VAM680" s="613"/>
      <c r="VAN680" s="613"/>
      <c r="VAO680" s="613"/>
      <c r="VAP680" s="613"/>
      <c r="VAQ680" s="613"/>
      <c r="VAR680" s="613"/>
      <c r="VAS680" s="613"/>
      <c r="VAT680" s="613"/>
      <c r="VAU680" s="613"/>
      <c r="VAV680" s="613"/>
      <c r="VAW680" s="613"/>
      <c r="VAX680" s="613"/>
      <c r="VAY680" s="613"/>
      <c r="VAZ680" s="613"/>
      <c r="VBA680" s="613"/>
      <c r="VBB680" s="613"/>
      <c r="VBC680" s="613"/>
      <c r="VBD680" s="613"/>
      <c r="VBE680" s="613"/>
      <c r="VBF680" s="613"/>
      <c r="VBG680" s="613"/>
      <c r="VBH680" s="613"/>
      <c r="VBI680" s="613"/>
      <c r="VBJ680" s="613"/>
      <c r="VBK680" s="613"/>
      <c r="VBL680" s="613"/>
      <c r="VBM680" s="613"/>
      <c r="VBN680" s="613"/>
      <c r="VBO680" s="613"/>
      <c r="VBP680" s="613"/>
      <c r="VBQ680" s="613"/>
      <c r="VBR680" s="613"/>
      <c r="VBS680" s="613"/>
      <c r="VBT680" s="613"/>
      <c r="VBU680" s="613"/>
      <c r="VBV680" s="613"/>
      <c r="VBW680" s="613"/>
      <c r="VBX680" s="613"/>
      <c r="VBY680" s="613"/>
      <c r="VBZ680" s="613"/>
      <c r="VCA680" s="613"/>
      <c r="VCB680" s="613"/>
      <c r="VCC680" s="613"/>
      <c r="VCD680" s="613"/>
      <c r="VCE680" s="613"/>
      <c r="VCF680" s="613"/>
      <c r="VCG680" s="613"/>
      <c r="VCH680" s="613"/>
      <c r="VCI680" s="613"/>
      <c r="VCJ680" s="613"/>
      <c r="VCK680" s="613"/>
      <c r="VCL680" s="613"/>
      <c r="VCM680" s="613"/>
      <c r="VCN680" s="613"/>
      <c r="VCO680" s="613"/>
      <c r="VCP680" s="613"/>
      <c r="VCQ680" s="613"/>
      <c r="VCR680" s="613"/>
      <c r="VCS680" s="613"/>
      <c r="VCT680" s="613"/>
      <c r="VCU680" s="613"/>
      <c r="VCV680" s="613"/>
      <c r="VCW680" s="613"/>
      <c r="VCX680" s="613"/>
      <c r="VCY680" s="613"/>
      <c r="VCZ680" s="613"/>
      <c r="VDA680" s="613"/>
      <c r="VDB680" s="613"/>
      <c r="VDC680" s="613"/>
      <c r="VDD680" s="613"/>
      <c r="VDE680" s="613"/>
      <c r="VDF680" s="613"/>
      <c r="VDG680" s="613"/>
      <c r="VDH680" s="613"/>
      <c r="VDI680" s="613"/>
      <c r="VDJ680" s="613"/>
      <c r="VDK680" s="613"/>
      <c r="VDL680" s="613"/>
      <c r="VDM680" s="613"/>
      <c r="VDN680" s="613"/>
      <c r="VDO680" s="613"/>
      <c r="VDP680" s="613"/>
      <c r="VDQ680" s="613"/>
      <c r="VDR680" s="613"/>
      <c r="VDS680" s="613"/>
      <c r="VDT680" s="613"/>
      <c r="VDU680" s="613"/>
      <c r="VDV680" s="613"/>
      <c r="VDW680" s="613"/>
      <c r="VDX680" s="613"/>
      <c r="VDY680" s="613"/>
      <c r="VDZ680" s="613"/>
      <c r="VEA680" s="613"/>
      <c r="VEB680" s="613"/>
      <c r="VEC680" s="613"/>
      <c r="VED680" s="613"/>
      <c r="VEE680" s="613"/>
      <c r="VEF680" s="613"/>
      <c r="VEG680" s="613"/>
      <c r="VEH680" s="613"/>
      <c r="VEI680" s="613"/>
      <c r="VEJ680" s="613"/>
      <c r="VEK680" s="613"/>
      <c r="VEL680" s="613"/>
      <c r="VEM680" s="613"/>
      <c r="VEN680" s="613"/>
      <c r="VEO680" s="613"/>
      <c r="VEP680" s="613"/>
      <c r="VEQ680" s="613"/>
      <c r="VER680" s="613"/>
      <c r="VES680" s="613"/>
      <c r="VET680" s="613"/>
      <c r="VEU680" s="613"/>
      <c r="VEV680" s="613"/>
      <c r="VEW680" s="613"/>
      <c r="VEX680" s="613"/>
      <c r="VEY680" s="613"/>
      <c r="VEZ680" s="613"/>
      <c r="VFA680" s="613"/>
      <c r="VFB680" s="613"/>
      <c r="VFC680" s="613"/>
      <c r="VFD680" s="613"/>
      <c r="VFE680" s="613"/>
      <c r="VFF680" s="613"/>
      <c r="VFG680" s="613"/>
      <c r="VFH680" s="613"/>
      <c r="VFI680" s="613"/>
      <c r="VFJ680" s="613"/>
      <c r="VFK680" s="613"/>
      <c r="VFL680" s="613"/>
      <c r="VFM680" s="613"/>
      <c r="VFN680" s="613"/>
      <c r="VFO680" s="613"/>
      <c r="VFP680" s="613"/>
      <c r="VFQ680" s="613"/>
      <c r="VFR680" s="613"/>
      <c r="VFS680" s="613"/>
      <c r="VFT680" s="613"/>
      <c r="VFU680" s="613"/>
      <c r="VFV680" s="613"/>
      <c r="VFW680" s="613"/>
      <c r="VFX680" s="613"/>
      <c r="VFY680" s="613"/>
      <c r="VFZ680" s="613"/>
      <c r="VGA680" s="613"/>
      <c r="VGB680" s="613"/>
      <c r="VGC680" s="613"/>
      <c r="VGD680" s="613"/>
      <c r="VGE680" s="613"/>
      <c r="VGF680" s="613"/>
      <c r="VGG680" s="613"/>
      <c r="VGH680" s="613"/>
      <c r="VGI680" s="613"/>
      <c r="VGJ680" s="613"/>
      <c r="VGK680" s="613"/>
      <c r="VGL680" s="613"/>
      <c r="VGM680" s="613"/>
      <c r="VGN680" s="613"/>
      <c r="VGO680" s="613"/>
      <c r="VGP680" s="613"/>
      <c r="VGQ680" s="613"/>
      <c r="VGR680" s="613"/>
      <c r="VGS680" s="613"/>
      <c r="VGT680" s="613"/>
      <c r="VGU680" s="613"/>
      <c r="VGV680" s="613"/>
      <c r="VGW680" s="613"/>
      <c r="VGX680" s="613"/>
      <c r="VGY680" s="613"/>
      <c r="VGZ680" s="613"/>
      <c r="VHA680" s="613"/>
      <c r="VHB680" s="613"/>
      <c r="VHC680" s="613"/>
      <c r="VHD680" s="613"/>
      <c r="VHE680" s="613"/>
      <c r="VHF680" s="613"/>
      <c r="VHG680" s="613"/>
      <c r="VHH680" s="613"/>
      <c r="VHI680" s="613"/>
      <c r="VHJ680" s="613"/>
      <c r="VHK680" s="613"/>
      <c r="VHL680" s="613"/>
      <c r="VHM680" s="613"/>
      <c r="VHN680" s="613"/>
      <c r="VHO680" s="613"/>
      <c r="VHP680" s="613"/>
      <c r="VHQ680" s="613"/>
      <c r="VHR680" s="613"/>
      <c r="VHS680" s="613"/>
      <c r="VHT680" s="613"/>
      <c r="VHU680" s="613"/>
      <c r="VHV680" s="613"/>
      <c r="VHW680" s="613"/>
      <c r="VHX680" s="613"/>
      <c r="VHY680" s="613"/>
      <c r="VHZ680" s="613"/>
      <c r="VIA680" s="613"/>
      <c r="VIB680" s="613"/>
      <c r="VIC680" s="613"/>
      <c r="VID680" s="613"/>
      <c r="VIE680" s="613"/>
      <c r="VIF680" s="613"/>
      <c r="VIG680" s="613"/>
      <c r="VIH680" s="613"/>
      <c r="VII680" s="613"/>
      <c r="VIJ680" s="613"/>
      <c r="VIK680" s="613"/>
      <c r="VIL680" s="613"/>
      <c r="VIM680" s="613"/>
      <c r="VIN680" s="613"/>
      <c r="VIO680" s="613"/>
      <c r="VIP680" s="613"/>
      <c r="VIQ680" s="613"/>
      <c r="VIR680" s="613"/>
      <c r="VIS680" s="613"/>
      <c r="VIT680" s="613"/>
      <c r="VIU680" s="613"/>
      <c r="VIV680" s="613"/>
      <c r="VIW680" s="613"/>
      <c r="VIX680" s="613"/>
      <c r="VIY680" s="613"/>
      <c r="VIZ680" s="613"/>
      <c r="VJA680" s="613"/>
      <c r="VJB680" s="613"/>
      <c r="VJC680" s="613"/>
      <c r="VJD680" s="613"/>
      <c r="VJE680" s="613"/>
      <c r="VJF680" s="613"/>
      <c r="VJG680" s="613"/>
      <c r="VJH680" s="613"/>
      <c r="VJI680" s="613"/>
      <c r="VJJ680" s="613"/>
      <c r="VJK680" s="613"/>
      <c r="VJL680" s="613"/>
      <c r="VJM680" s="613"/>
      <c r="VJN680" s="613"/>
      <c r="VJO680" s="613"/>
      <c r="VJP680" s="613"/>
      <c r="VJQ680" s="613"/>
      <c r="VJR680" s="613"/>
      <c r="VJS680" s="613"/>
      <c r="VJT680" s="613"/>
      <c r="VJU680" s="613"/>
      <c r="VJV680" s="613"/>
      <c r="VJW680" s="613"/>
      <c r="VJX680" s="613"/>
      <c r="VJY680" s="613"/>
      <c r="VJZ680" s="613"/>
      <c r="VKA680" s="613"/>
      <c r="VKB680" s="613"/>
      <c r="VKC680" s="613"/>
      <c r="VKD680" s="613"/>
      <c r="VKE680" s="613"/>
      <c r="VKF680" s="613"/>
      <c r="VKG680" s="613"/>
      <c r="VKH680" s="613"/>
      <c r="VKI680" s="613"/>
      <c r="VKJ680" s="613"/>
      <c r="VKK680" s="613"/>
      <c r="VKL680" s="613"/>
      <c r="VKM680" s="613"/>
      <c r="VKN680" s="613"/>
      <c r="VKO680" s="613"/>
      <c r="VKP680" s="613"/>
      <c r="VKQ680" s="613"/>
      <c r="VKR680" s="613"/>
      <c r="VKS680" s="613"/>
      <c r="VKT680" s="613"/>
      <c r="VKU680" s="613"/>
      <c r="VKV680" s="613"/>
      <c r="VKW680" s="613"/>
      <c r="VKX680" s="613"/>
      <c r="VKY680" s="613"/>
      <c r="VKZ680" s="613"/>
      <c r="VLA680" s="613"/>
      <c r="VLB680" s="613"/>
      <c r="VLC680" s="613"/>
      <c r="VLD680" s="613"/>
      <c r="VLE680" s="613"/>
      <c r="VLF680" s="613"/>
      <c r="VLG680" s="613"/>
      <c r="VLH680" s="613"/>
      <c r="VLI680" s="613"/>
      <c r="VLJ680" s="613"/>
      <c r="VLK680" s="613"/>
      <c r="VLL680" s="613"/>
      <c r="VLM680" s="613"/>
      <c r="VLN680" s="613"/>
      <c r="VLO680" s="613"/>
      <c r="VLP680" s="613"/>
      <c r="VLQ680" s="613"/>
      <c r="VLR680" s="613"/>
      <c r="VLS680" s="613"/>
      <c r="VLT680" s="613"/>
      <c r="VLU680" s="613"/>
      <c r="VLV680" s="613"/>
      <c r="VLW680" s="613"/>
      <c r="VLX680" s="613"/>
      <c r="VLY680" s="613"/>
      <c r="VLZ680" s="613"/>
      <c r="VMA680" s="613"/>
      <c r="VMB680" s="613"/>
      <c r="VMC680" s="613"/>
      <c r="VMD680" s="613"/>
      <c r="VME680" s="613"/>
      <c r="VMF680" s="613"/>
      <c r="VMG680" s="613"/>
      <c r="VMH680" s="613"/>
      <c r="VMI680" s="613"/>
      <c r="VMJ680" s="613"/>
      <c r="VMK680" s="613"/>
      <c r="VML680" s="613"/>
      <c r="VMM680" s="613"/>
      <c r="VMN680" s="613"/>
      <c r="VMO680" s="613"/>
      <c r="VMP680" s="613"/>
      <c r="VMQ680" s="613"/>
      <c r="VMR680" s="613"/>
      <c r="VMS680" s="613"/>
      <c r="VMT680" s="613"/>
      <c r="VMU680" s="613"/>
      <c r="VMV680" s="613"/>
      <c r="VMW680" s="613"/>
      <c r="VMX680" s="613"/>
      <c r="VMY680" s="613"/>
      <c r="VMZ680" s="613"/>
      <c r="VNA680" s="613"/>
      <c r="VNB680" s="613"/>
      <c r="VNC680" s="613"/>
      <c r="VND680" s="613"/>
      <c r="VNE680" s="613"/>
      <c r="VNF680" s="613"/>
      <c r="VNG680" s="613"/>
      <c r="VNH680" s="613"/>
      <c r="VNI680" s="613"/>
      <c r="VNJ680" s="613"/>
      <c r="VNK680" s="613"/>
      <c r="VNL680" s="613"/>
      <c r="VNM680" s="613"/>
      <c r="VNN680" s="613"/>
      <c r="VNO680" s="613"/>
      <c r="VNP680" s="613"/>
      <c r="VNQ680" s="613"/>
      <c r="VNR680" s="613"/>
      <c r="VNS680" s="613"/>
      <c r="VNT680" s="613"/>
      <c r="VNU680" s="613"/>
      <c r="VNV680" s="613"/>
      <c r="VNW680" s="613"/>
      <c r="VNX680" s="613"/>
      <c r="VNY680" s="613"/>
      <c r="VNZ680" s="613"/>
      <c r="VOA680" s="613"/>
      <c r="VOB680" s="613"/>
      <c r="VOC680" s="613"/>
      <c r="VOD680" s="613"/>
      <c r="VOE680" s="613"/>
      <c r="VOF680" s="613"/>
      <c r="VOG680" s="613"/>
      <c r="VOH680" s="613"/>
      <c r="VOI680" s="613"/>
      <c r="VOJ680" s="613"/>
      <c r="VOK680" s="613"/>
      <c r="VOL680" s="613"/>
      <c r="VOM680" s="613"/>
      <c r="VON680" s="613"/>
      <c r="VOO680" s="613"/>
      <c r="VOP680" s="613"/>
      <c r="VOQ680" s="613"/>
      <c r="VOR680" s="613"/>
      <c r="VOS680" s="613"/>
      <c r="VOT680" s="613"/>
      <c r="VOU680" s="613"/>
      <c r="VOV680" s="613"/>
      <c r="VOW680" s="613"/>
      <c r="VOX680" s="613"/>
      <c r="VOY680" s="613"/>
      <c r="VOZ680" s="613"/>
      <c r="VPA680" s="613"/>
      <c r="VPB680" s="613"/>
      <c r="VPC680" s="613"/>
      <c r="VPD680" s="613"/>
      <c r="VPE680" s="613"/>
      <c r="VPF680" s="613"/>
      <c r="VPG680" s="613"/>
      <c r="VPH680" s="613"/>
      <c r="VPI680" s="613"/>
      <c r="VPJ680" s="613"/>
      <c r="VPK680" s="613"/>
      <c r="VPL680" s="613"/>
      <c r="VPM680" s="613"/>
      <c r="VPN680" s="613"/>
      <c r="VPO680" s="613"/>
      <c r="VPP680" s="613"/>
      <c r="VPQ680" s="613"/>
      <c r="VPR680" s="613"/>
      <c r="VPS680" s="613"/>
      <c r="VPT680" s="613"/>
      <c r="VPU680" s="613"/>
      <c r="VPV680" s="613"/>
      <c r="VPW680" s="613"/>
      <c r="VPX680" s="613"/>
      <c r="VPY680" s="613"/>
      <c r="VPZ680" s="613"/>
      <c r="VQA680" s="613"/>
      <c r="VQB680" s="613"/>
      <c r="VQC680" s="613"/>
      <c r="VQD680" s="613"/>
      <c r="VQE680" s="613"/>
      <c r="VQF680" s="613"/>
      <c r="VQG680" s="613"/>
      <c r="VQH680" s="613"/>
      <c r="VQI680" s="613"/>
      <c r="VQJ680" s="613"/>
      <c r="VQK680" s="613"/>
      <c r="VQL680" s="613"/>
      <c r="VQM680" s="613"/>
      <c r="VQN680" s="613"/>
      <c r="VQO680" s="613"/>
      <c r="VQP680" s="613"/>
      <c r="VQQ680" s="613"/>
      <c r="VQR680" s="613"/>
      <c r="VQS680" s="613"/>
      <c r="VQT680" s="613"/>
      <c r="VQU680" s="613"/>
      <c r="VQV680" s="613"/>
      <c r="VQW680" s="613"/>
      <c r="VQX680" s="613"/>
      <c r="VQY680" s="613"/>
      <c r="VQZ680" s="613"/>
      <c r="VRA680" s="613"/>
      <c r="VRB680" s="613"/>
      <c r="VRC680" s="613"/>
      <c r="VRD680" s="613"/>
      <c r="VRE680" s="613"/>
      <c r="VRF680" s="613"/>
      <c r="VRG680" s="613"/>
      <c r="VRH680" s="613"/>
      <c r="VRI680" s="613"/>
      <c r="VRJ680" s="613"/>
      <c r="VRK680" s="613"/>
      <c r="VRL680" s="613"/>
      <c r="VRM680" s="613"/>
      <c r="VRN680" s="613"/>
      <c r="VRO680" s="613"/>
      <c r="VRP680" s="613"/>
      <c r="VRQ680" s="613"/>
      <c r="VRR680" s="613"/>
      <c r="VRS680" s="613"/>
      <c r="VRT680" s="613"/>
      <c r="VRU680" s="613"/>
      <c r="VRV680" s="613"/>
      <c r="VRW680" s="613"/>
      <c r="VRX680" s="613"/>
      <c r="VRY680" s="613"/>
      <c r="VRZ680" s="613"/>
      <c r="VSA680" s="613"/>
      <c r="VSB680" s="613"/>
      <c r="VSC680" s="613"/>
      <c r="VSD680" s="613"/>
      <c r="VSE680" s="613"/>
      <c r="VSF680" s="613"/>
      <c r="VSG680" s="613"/>
      <c r="VSH680" s="613"/>
      <c r="VSI680" s="613"/>
      <c r="VSJ680" s="613"/>
      <c r="VSK680" s="613"/>
      <c r="VSL680" s="613"/>
      <c r="VSM680" s="613"/>
      <c r="VSN680" s="613"/>
      <c r="VSO680" s="613"/>
      <c r="VSP680" s="613"/>
      <c r="VSQ680" s="613"/>
      <c r="VSR680" s="613"/>
      <c r="VSS680" s="613"/>
      <c r="VST680" s="613"/>
      <c r="VSU680" s="613"/>
      <c r="VSV680" s="613"/>
      <c r="VSW680" s="613"/>
      <c r="VSX680" s="613"/>
      <c r="VSY680" s="613"/>
      <c r="VSZ680" s="613"/>
      <c r="VTA680" s="613"/>
      <c r="VTB680" s="613"/>
      <c r="VTC680" s="613"/>
      <c r="VTD680" s="613"/>
      <c r="VTE680" s="613"/>
      <c r="VTF680" s="613"/>
      <c r="VTG680" s="613"/>
      <c r="VTH680" s="613"/>
      <c r="VTI680" s="613"/>
      <c r="VTJ680" s="613"/>
      <c r="VTK680" s="613"/>
      <c r="VTL680" s="613"/>
      <c r="VTM680" s="613"/>
      <c r="VTN680" s="613"/>
      <c r="VTO680" s="613"/>
      <c r="VTP680" s="613"/>
      <c r="VTQ680" s="613"/>
      <c r="VTR680" s="613"/>
      <c r="VTS680" s="613"/>
      <c r="VTT680" s="613"/>
      <c r="VTU680" s="613"/>
      <c r="VTV680" s="613"/>
      <c r="VTW680" s="613"/>
      <c r="VTX680" s="613"/>
      <c r="VTY680" s="613"/>
      <c r="VTZ680" s="613"/>
      <c r="VUA680" s="613"/>
      <c r="VUB680" s="613"/>
      <c r="VUC680" s="613"/>
      <c r="VUD680" s="613"/>
      <c r="VUE680" s="613"/>
      <c r="VUF680" s="613"/>
      <c r="VUG680" s="613"/>
      <c r="VUH680" s="613"/>
      <c r="VUI680" s="613"/>
      <c r="VUJ680" s="613"/>
      <c r="VUK680" s="613"/>
      <c r="VUL680" s="613"/>
      <c r="VUM680" s="613"/>
      <c r="VUN680" s="613"/>
      <c r="VUO680" s="613"/>
      <c r="VUP680" s="613"/>
      <c r="VUQ680" s="613"/>
      <c r="VUR680" s="613"/>
      <c r="VUS680" s="613"/>
      <c r="VUT680" s="613"/>
      <c r="VUU680" s="613"/>
      <c r="VUV680" s="613"/>
      <c r="VUW680" s="613"/>
      <c r="VUX680" s="613"/>
      <c r="VUY680" s="613"/>
      <c r="VUZ680" s="613"/>
      <c r="VVA680" s="613"/>
      <c r="VVB680" s="613"/>
      <c r="VVC680" s="613"/>
      <c r="VVD680" s="613"/>
      <c r="VVE680" s="613"/>
      <c r="VVF680" s="613"/>
      <c r="VVG680" s="613"/>
      <c r="VVH680" s="613"/>
      <c r="VVI680" s="613"/>
      <c r="VVJ680" s="613"/>
      <c r="VVK680" s="613"/>
      <c r="VVL680" s="613"/>
      <c r="VVM680" s="613"/>
      <c r="VVN680" s="613"/>
      <c r="VVO680" s="613"/>
      <c r="VVP680" s="613"/>
      <c r="VVQ680" s="613"/>
      <c r="VVR680" s="613"/>
      <c r="VVS680" s="613"/>
      <c r="VVT680" s="613"/>
      <c r="VVU680" s="613"/>
      <c r="VVV680" s="613"/>
      <c r="VVW680" s="613"/>
      <c r="VVX680" s="613"/>
      <c r="VVY680" s="613"/>
      <c r="VVZ680" s="613"/>
      <c r="VWA680" s="613"/>
      <c r="VWB680" s="613"/>
      <c r="VWC680" s="613"/>
      <c r="VWD680" s="613"/>
      <c r="VWE680" s="613"/>
      <c r="VWF680" s="613"/>
      <c r="VWG680" s="613"/>
      <c r="VWH680" s="613"/>
      <c r="VWI680" s="613"/>
      <c r="VWJ680" s="613"/>
      <c r="VWK680" s="613"/>
      <c r="VWL680" s="613"/>
      <c r="VWM680" s="613"/>
      <c r="VWN680" s="613"/>
      <c r="VWO680" s="613"/>
      <c r="VWP680" s="613"/>
      <c r="VWQ680" s="613"/>
      <c r="VWR680" s="613"/>
      <c r="VWS680" s="613"/>
      <c r="VWT680" s="613"/>
      <c r="VWU680" s="613"/>
      <c r="VWV680" s="613"/>
      <c r="VWW680" s="613"/>
      <c r="VWX680" s="613"/>
      <c r="VWY680" s="613"/>
      <c r="VWZ680" s="613"/>
      <c r="VXA680" s="613"/>
      <c r="VXB680" s="613"/>
      <c r="VXC680" s="613"/>
      <c r="VXD680" s="613"/>
      <c r="VXE680" s="613"/>
      <c r="VXF680" s="613"/>
      <c r="VXG680" s="613"/>
      <c r="VXH680" s="613"/>
      <c r="VXI680" s="613"/>
      <c r="VXJ680" s="613"/>
      <c r="VXK680" s="613"/>
      <c r="VXL680" s="613"/>
      <c r="VXM680" s="613"/>
      <c r="VXN680" s="613"/>
      <c r="VXO680" s="613"/>
      <c r="VXP680" s="613"/>
      <c r="VXQ680" s="613"/>
      <c r="VXR680" s="613"/>
      <c r="VXS680" s="613"/>
      <c r="VXT680" s="613"/>
      <c r="VXU680" s="613"/>
      <c r="VXV680" s="613"/>
      <c r="VXW680" s="613"/>
      <c r="VXX680" s="613"/>
      <c r="VXY680" s="613"/>
      <c r="VXZ680" s="613"/>
      <c r="VYA680" s="613"/>
      <c r="VYB680" s="613"/>
      <c r="VYC680" s="613"/>
      <c r="VYD680" s="613"/>
      <c r="VYE680" s="613"/>
      <c r="VYF680" s="613"/>
      <c r="VYG680" s="613"/>
      <c r="VYH680" s="613"/>
      <c r="VYI680" s="613"/>
      <c r="VYJ680" s="613"/>
      <c r="VYK680" s="613"/>
      <c r="VYL680" s="613"/>
      <c r="VYM680" s="613"/>
      <c r="VYN680" s="613"/>
      <c r="VYO680" s="613"/>
      <c r="VYP680" s="613"/>
      <c r="VYQ680" s="613"/>
      <c r="VYR680" s="613"/>
      <c r="VYS680" s="613"/>
      <c r="VYT680" s="613"/>
      <c r="VYU680" s="613"/>
      <c r="VYV680" s="613"/>
      <c r="VYW680" s="613"/>
      <c r="VYX680" s="613"/>
      <c r="VYY680" s="613"/>
      <c r="VYZ680" s="613"/>
      <c r="VZA680" s="613"/>
      <c r="VZB680" s="613"/>
      <c r="VZC680" s="613"/>
      <c r="VZD680" s="613"/>
      <c r="VZE680" s="613"/>
      <c r="VZF680" s="613"/>
      <c r="VZG680" s="613"/>
      <c r="VZH680" s="613"/>
      <c r="VZI680" s="613"/>
      <c r="VZJ680" s="613"/>
      <c r="VZK680" s="613"/>
      <c r="VZL680" s="613"/>
      <c r="VZM680" s="613"/>
      <c r="VZN680" s="613"/>
      <c r="VZO680" s="613"/>
      <c r="VZP680" s="613"/>
      <c r="VZQ680" s="613"/>
      <c r="VZR680" s="613"/>
      <c r="VZS680" s="613"/>
      <c r="VZT680" s="613"/>
      <c r="VZU680" s="613"/>
      <c r="VZV680" s="613"/>
      <c r="VZW680" s="613"/>
      <c r="VZX680" s="613"/>
      <c r="VZY680" s="613"/>
      <c r="VZZ680" s="613"/>
      <c r="WAA680" s="613"/>
      <c r="WAB680" s="613"/>
      <c r="WAC680" s="613"/>
      <c r="WAD680" s="613"/>
      <c r="WAE680" s="613"/>
      <c r="WAF680" s="613"/>
      <c r="WAG680" s="613"/>
      <c r="WAH680" s="613"/>
      <c r="WAI680" s="613"/>
      <c r="WAJ680" s="613"/>
      <c r="WAK680" s="613"/>
      <c r="WAL680" s="613"/>
      <c r="WAM680" s="613"/>
      <c r="WAN680" s="613"/>
      <c r="WAO680" s="613"/>
      <c r="WAP680" s="613"/>
      <c r="WAQ680" s="613"/>
      <c r="WAR680" s="613"/>
      <c r="WAS680" s="613"/>
      <c r="WAT680" s="613"/>
      <c r="WAU680" s="613"/>
      <c r="WAV680" s="613"/>
      <c r="WAW680" s="613"/>
      <c r="WAX680" s="613"/>
      <c r="WAY680" s="613"/>
      <c r="WAZ680" s="613"/>
      <c r="WBA680" s="613"/>
      <c r="WBB680" s="613"/>
      <c r="WBC680" s="613"/>
      <c r="WBD680" s="613"/>
      <c r="WBE680" s="613"/>
      <c r="WBF680" s="613"/>
      <c r="WBG680" s="613"/>
      <c r="WBH680" s="613"/>
      <c r="WBI680" s="613"/>
      <c r="WBJ680" s="613"/>
      <c r="WBK680" s="613"/>
      <c r="WBL680" s="613"/>
      <c r="WBM680" s="613"/>
      <c r="WBN680" s="613"/>
      <c r="WBO680" s="613"/>
      <c r="WBP680" s="613"/>
      <c r="WBQ680" s="613"/>
      <c r="WBR680" s="613"/>
      <c r="WBS680" s="613"/>
      <c r="WBT680" s="613"/>
      <c r="WBU680" s="613"/>
      <c r="WBV680" s="613"/>
      <c r="WBW680" s="613"/>
      <c r="WBX680" s="613"/>
      <c r="WBY680" s="613"/>
      <c r="WBZ680" s="613"/>
      <c r="WCA680" s="613"/>
      <c r="WCB680" s="613"/>
      <c r="WCC680" s="613"/>
      <c r="WCD680" s="613"/>
      <c r="WCE680" s="613"/>
      <c r="WCF680" s="613"/>
      <c r="WCG680" s="613"/>
      <c r="WCH680" s="613"/>
      <c r="WCI680" s="613"/>
      <c r="WCJ680" s="613"/>
      <c r="WCK680" s="613"/>
      <c r="WCL680" s="613"/>
      <c r="WCM680" s="613"/>
      <c r="WCN680" s="613"/>
      <c r="WCO680" s="613"/>
      <c r="WCP680" s="613"/>
      <c r="WCQ680" s="613"/>
      <c r="WCR680" s="613"/>
      <c r="WCS680" s="613"/>
      <c r="WCT680" s="613"/>
      <c r="WCU680" s="613"/>
      <c r="WCV680" s="613"/>
      <c r="WCW680" s="613"/>
      <c r="WCX680" s="613"/>
      <c r="WCY680" s="613"/>
      <c r="WCZ680" s="613"/>
      <c r="WDA680" s="613"/>
      <c r="WDB680" s="613"/>
      <c r="WDC680" s="613"/>
      <c r="WDD680" s="613"/>
      <c r="WDE680" s="613"/>
      <c r="WDF680" s="613"/>
      <c r="WDG680" s="613"/>
      <c r="WDH680" s="613"/>
      <c r="WDI680" s="613"/>
      <c r="WDJ680" s="613"/>
      <c r="WDK680" s="613"/>
      <c r="WDL680" s="613"/>
      <c r="WDM680" s="613"/>
      <c r="WDN680" s="613"/>
      <c r="WDO680" s="613"/>
      <c r="WDP680" s="613"/>
      <c r="WDQ680" s="613"/>
      <c r="WDR680" s="613"/>
      <c r="WDS680" s="613"/>
      <c r="WDT680" s="613"/>
      <c r="WDU680" s="613"/>
      <c r="WDV680" s="613"/>
      <c r="WDW680" s="613"/>
      <c r="WDX680" s="613"/>
      <c r="WDY680" s="613"/>
      <c r="WDZ680" s="613"/>
      <c r="WEA680" s="613"/>
      <c r="WEB680" s="613"/>
      <c r="WEC680" s="613"/>
      <c r="WED680" s="613"/>
      <c r="WEE680" s="613"/>
      <c r="WEF680" s="613"/>
      <c r="WEG680" s="613"/>
      <c r="WEH680" s="613"/>
      <c r="WEI680" s="613"/>
      <c r="WEJ680" s="613"/>
      <c r="WEK680" s="613"/>
      <c r="WEL680" s="613"/>
      <c r="WEM680" s="613"/>
      <c r="WEN680" s="613"/>
      <c r="WEO680" s="613"/>
      <c r="WEP680" s="613"/>
      <c r="WEQ680" s="613"/>
      <c r="WER680" s="613"/>
      <c r="WES680" s="613"/>
      <c r="WET680" s="613"/>
      <c r="WEU680" s="613"/>
      <c r="WEV680" s="613"/>
      <c r="WEW680" s="613"/>
      <c r="WEX680" s="613"/>
      <c r="WEY680" s="613"/>
      <c r="WEZ680" s="613"/>
      <c r="WFA680" s="613"/>
      <c r="WFB680" s="613"/>
      <c r="WFC680" s="613"/>
      <c r="WFD680" s="613"/>
      <c r="WFE680" s="613"/>
      <c r="WFF680" s="613"/>
      <c r="WFG680" s="613"/>
      <c r="WFH680" s="613"/>
      <c r="WFI680" s="613"/>
      <c r="WFJ680" s="613"/>
      <c r="WFK680" s="613"/>
      <c r="WFL680" s="613"/>
      <c r="WFM680" s="613"/>
      <c r="WFN680" s="613"/>
      <c r="WFO680" s="613"/>
      <c r="WFP680" s="613"/>
      <c r="WFQ680" s="613"/>
      <c r="WFR680" s="613"/>
      <c r="WFS680" s="613"/>
      <c r="WFT680" s="613"/>
      <c r="WFU680" s="613"/>
      <c r="WFV680" s="613"/>
      <c r="WFW680" s="613"/>
      <c r="WFX680" s="613"/>
      <c r="WFY680" s="613"/>
      <c r="WFZ680" s="613"/>
      <c r="WGA680" s="613"/>
      <c r="WGB680" s="613"/>
      <c r="WGC680" s="613"/>
      <c r="WGD680" s="613"/>
      <c r="WGE680" s="613"/>
      <c r="WGF680" s="613"/>
      <c r="WGG680" s="613"/>
      <c r="WGH680" s="613"/>
      <c r="WGI680" s="613"/>
      <c r="WGJ680" s="613"/>
      <c r="WGK680" s="613"/>
      <c r="WGL680" s="613"/>
      <c r="WGM680" s="613"/>
      <c r="WGN680" s="613"/>
      <c r="WGO680" s="613"/>
      <c r="WGP680" s="613"/>
      <c r="WGQ680" s="613"/>
      <c r="WGR680" s="613"/>
      <c r="WGS680" s="613"/>
      <c r="WGT680" s="613"/>
      <c r="WGU680" s="613"/>
      <c r="WGV680" s="613"/>
      <c r="WGW680" s="613"/>
      <c r="WGX680" s="613"/>
      <c r="WGY680" s="613"/>
      <c r="WGZ680" s="613"/>
      <c r="WHA680" s="613"/>
      <c r="WHB680" s="613"/>
      <c r="WHC680" s="613"/>
      <c r="WHD680" s="613"/>
      <c r="WHE680" s="613"/>
      <c r="WHF680" s="613"/>
      <c r="WHG680" s="613"/>
      <c r="WHH680" s="613"/>
      <c r="WHI680" s="613"/>
      <c r="WHJ680" s="613"/>
      <c r="WHK680" s="613"/>
      <c r="WHL680" s="613"/>
      <c r="WHM680" s="613"/>
      <c r="WHN680" s="613"/>
      <c r="WHO680" s="613"/>
      <c r="WHP680" s="613"/>
      <c r="WHQ680" s="613"/>
      <c r="WHR680" s="613"/>
      <c r="WHS680" s="613"/>
      <c r="WHT680" s="613"/>
      <c r="WHU680" s="613"/>
      <c r="WHV680" s="613"/>
      <c r="WHW680" s="613"/>
      <c r="WHX680" s="613"/>
      <c r="WHY680" s="613"/>
      <c r="WHZ680" s="613"/>
      <c r="WIA680" s="613"/>
      <c r="WIB680" s="613"/>
      <c r="WIC680" s="613"/>
      <c r="WID680" s="613"/>
      <c r="WIE680" s="613"/>
      <c r="WIF680" s="613"/>
      <c r="WIG680" s="613"/>
      <c r="WIH680" s="613"/>
      <c r="WII680" s="613"/>
      <c r="WIJ680" s="613"/>
      <c r="WIK680" s="613"/>
      <c r="WIL680" s="613"/>
      <c r="WIM680" s="613"/>
      <c r="WIN680" s="613"/>
      <c r="WIO680" s="613"/>
      <c r="WIP680" s="613"/>
      <c r="WIQ680" s="613"/>
      <c r="WIR680" s="613"/>
      <c r="WIS680" s="613"/>
      <c r="WIT680" s="613"/>
      <c r="WIU680" s="613"/>
      <c r="WIV680" s="613"/>
      <c r="WIW680" s="613"/>
      <c r="WIX680" s="613"/>
      <c r="WIY680" s="613"/>
      <c r="WIZ680" s="613"/>
      <c r="WJA680" s="613"/>
      <c r="WJB680" s="613"/>
      <c r="WJC680" s="613"/>
      <c r="WJD680" s="613"/>
      <c r="WJE680" s="613"/>
      <c r="WJF680" s="613"/>
      <c r="WJG680" s="613"/>
      <c r="WJH680" s="613"/>
      <c r="WJI680" s="613"/>
      <c r="WJJ680" s="613"/>
      <c r="WJK680" s="613"/>
      <c r="WJL680" s="613"/>
      <c r="WJM680" s="613"/>
      <c r="WJN680" s="613"/>
      <c r="WJO680" s="613"/>
      <c r="WJP680" s="613"/>
      <c r="WJQ680" s="613"/>
      <c r="WJR680" s="613"/>
      <c r="WJS680" s="613"/>
      <c r="WJT680" s="613"/>
      <c r="WJU680" s="613"/>
      <c r="WJV680" s="613"/>
      <c r="WJW680" s="613"/>
      <c r="WJX680" s="613"/>
      <c r="WJY680" s="613"/>
      <c r="WJZ680" s="613"/>
      <c r="WKA680" s="613"/>
      <c r="WKB680" s="613"/>
      <c r="WKC680" s="613"/>
      <c r="WKD680" s="613"/>
      <c r="WKE680" s="613"/>
      <c r="WKF680" s="613"/>
      <c r="WKG680" s="613"/>
      <c r="WKH680" s="613"/>
      <c r="WKI680" s="613"/>
      <c r="WKJ680" s="613"/>
      <c r="WKK680" s="613"/>
      <c r="WKL680" s="613"/>
      <c r="WKM680" s="613"/>
      <c r="WKN680" s="613"/>
      <c r="WKO680" s="613"/>
      <c r="WKP680" s="613"/>
      <c r="WKQ680" s="613"/>
      <c r="WKR680" s="613"/>
      <c r="WKS680" s="613"/>
      <c r="WKT680" s="613"/>
      <c r="WKU680" s="613"/>
      <c r="WKV680" s="613"/>
      <c r="WKW680" s="613"/>
      <c r="WKX680" s="613"/>
      <c r="WKY680" s="613"/>
      <c r="WKZ680" s="613"/>
      <c r="WLA680" s="613"/>
      <c r="WLB680" s="613"/>
      <c r="WLC680" s="613"/>
      <c r="WLD680" s="613"/>
      <c r="WLE680" s="613"/>
      <c r="WLF680" s="613"/>
      <c r="WLG680" s="613"/>
      <c r="WLH680" s="613"/>
      <c r="WLI680" s="613"/>
      <c r="WLJ680" s="613"/>
      <c r="WLK680" s="613"/>
      <c r="WLL680" s="613"/>
      <c r="WLM680" s="613"/>
      <c r="WLN680" s="613"/>
      <c r="WLO680" s="613"/>
      <c r="WLP680" s="613"/>
      <c r="WLQ680" s="613"/>
      <c r="WLR680" s="613"/>
      <c r="WLS680" s="613"/>
      <c r="WLT680" s="613"/>
      <c r="WLU680" s="613"/>
      <c r="WLV680" s="613"/>
      <c r="WLW680" s="613"/>
      <c r="WLX680" s="613"/>
      <c r="WLY680" s="613"/>
      <c r="WLZ680" s="613"/>
      <c r="WMA680" s="613"/>
      <c r="WMB680" s="613"/>
      <c r="WMC680" s="613"/>
      <c r="WMD680" s="613"/>
      <c r="WME680" s="613"/>
      <c r="WMF680" s="613"/>
      <c r="WMG680" s="613"/>
      <c r="WMH680" s="613"/>
      <c r="WMI680" s="613"/>
      <c r="WMJ680" s="613"/>
      <c r="WMK680" s="613"/>
      <c r="WML680" s="613"/>
      <c r="WMM680" s="613"/>
      <c r="WMN680" s="613"/>
      <c r="WMO680" s="613"/>
      <c r="WMP680" s="613"/>
      <c r="WMQ680" s="613"/>
      <c r="WMR680" s="613"/>
      <c r="WMS680" s="613"/>
      <c r="WMT680" s="613"/>
      <c r="WMU680" s="613"/>
      <c r="WMV680" s="613"/>
      <c r="WMW680" s="613"/>
      <c r="WMX680" s="613"/>
      <c r="WMY680" s="613"/>
      <c r="WMZ680" s="613"/>
      <c r="WNA680" s="613"/>
      <c r="WNB680" s="613"/>
      <c r="WNC680" s="613"/>
      <c r="WND680" s="613"/>
      <c r="WNE680" s="613"/>
      <c r="WNF680" s="613"/>
      <c r="WNG680" s="613"/>
      <c r="WNH680" s="613"/>
      <c r="WNI680" s="613"/>
      <c r="WNJ680" s="613"/>
      <c r="WNK680" s="613"/>
      <c r="WNL680" s="613"/>
      <c r="WNM680" s="613"/>
      <c r="WNN680" s="613"/>
      <c r="WNO680" s="613"/>
      <c r="WNP680" s="613"/>
      <c r="WNQ680" s="613"/>
      <c r="WNR680" s="613"/>
      <c r="WNS680" s="613"/>
      <c r="WNT680" s="613"/>
      <c r="WNU680" s="613"/>
      <c r="WNV680" s="613"/>
      <c r="WNW680" s="613"/>
      <c r="WNX680" s="613"/>
      <c r="WNY680" s="613"/>
      <c r="WNZ680" s="613"/>
      <c r="WOA680" s="613"/>
      <c r="WOB680" s="613"/>
      <c r="WOC680" s="613"/>
      <c r="WOD680" s="613"/>
      <c r="WOE680" s="613"/>
      <c r="WOF680" s="613"/>
      <c r="WOG680" s="613"/>
      <c r="WOH680" s="613"/>
      <c r="WOI680" s="613"/>
      <c r="WOJ680" s="613"/>
      <c r="WOK680" s="613"/>
      <c r="WOL680" s="613"/>
      <c r="WOM680" s="613"/>
      <c r="WON680" s="613"/>
      <c r="WOO680" s="613"/>
      <c r="WOP680" s="613"/>
      <c r="WOQ680" s="613"/>
      <c r="WOR680" s="613"/>
      <c r="WOS680" s="613"/>
      <c r="WOT680" s="613"/>
      <c r="WOU680" s="613"/>
      <c r="WOV680" s="613"/>
      <c r="WOW680" s="613"/>
      <c r="WOX680" s="613"/>
      <c r="WOY680" s="613"/>
      <c r="WOZ680" s="613"/>
      <c r="WPA680" s="613"/>
      <c r="WPB680" s="613"/>
      <c r="WPC680" s="613"/>
      <c r="WPD680" s="613"/>
      <c r="WPE680" s="613"/>
      <c r="WPF680" s="613"/>
      <c r="WPG680" s="613"/>
      <c r="WPH680" s="613"/>
      <c r="WPI680" s="613"/>
      <c r="WPJ680" s="613"/>
      <c r="WPK680" s="613"/>
      <c r="WPL680" s="613"/>
      <c r="WPM680" s="613"/>
      <c r="WPN680" s="613"/>
      <c r="WPO680" s="613"/>
      <c r="WPP680" s="613"/>
      <c r="WPQ680" s="613"/>
      <c r="WPR680" s="613"/>
      <c r="WPS680" s="613"/>
      <c r="WPT680" s="613"/>
      <c r="WPU680" s="613"/>
      <c r="WPV680" s="613"/>
      <c r="WPW680" s="613"/>
      <c r="WPX680" s="613"/>
      <c r="WPY680" s="613"/>
      <c r="WPZ680" s="613"/>
      <c r="WQA680" s="613"/>
      <c r="WQB680" s="613"/>
      <c r="WQC680" s="613"/>
      <c r="WQD680" s="613"/>
      <c r="WQE680" s="613"/>
      <c r="WQF680" s="613"/>
      <c r="WQG680" s="613"/>
      <c r="WQH680" s="613"/>
      <c r="WQI680" s="613"/>
      <c r="WQJ680" s="613"/>
      <c r="WQK680" s="613"/>
      <c r="WQL680" s="613"/>
      <c r="WQM680" s="613"/>
      <c r="WQN680" s="613"/>
      <c r="WQO680" s="613"/>
      <c r="WQP680" s="613"/>
      <c r="WQQ680" s="613"/>
      <c r="WQR680" s="613"/>
      <c r="WQS680" s="613"/>
      <c r="WQT680" s="613"/>
      <c r="WQU680" s="613"/>
      <c r="WQV680" s="613"/>
      <c r="WQW680" s="613"/>
      <c r="WQX680" s="613"/>
      <c r="WQY680" s="613"/>
      <c r="WQZ680" s="613"/>
      <c r="WRA680" s="613"/>
      <c r="WRB680" s="613"/>
      <c r="WRC680" s="613"/>
      <c r="WRD680" s="613"/>
      <c r="WRE680" s="613"/>
      <c r="WRF680" s="613"/>
      <c r="WRG680" s="613"/>
      <c r="WRH680" s="613"/>
      <c r="WRI680" s="613"/>
      <c r="WRJ680" s="613"/>
      <c r="WRK680" s="613"/>
      <c r="WRL680" s="613"/>
      <c r="WRM680" s="613"/>
      <c r="WRN680" s="613"/>
      <c r="WRO680" s="613"/>
      <c r="WRP680" s="613"/>
      <c r="WRQ680" s="613"/>
      <c r="WRR680" s="613"/>
      <c r="WRS680" s="613"/>
      <c r="WRT680" s="613"/>
      <c r="WRU680" s="613"/>
      <c r="WRV680" s="613"/>
      <c r="WRW680" s="613"/>
      <c r="WRX680" s="613"/>
      <c r="WRY680" s="613"/>
      <c r="WRZ680" s="613"/>
      <c r="WSA680" s="613"/>
      <c r="WSB680" s="613"/>
      <c r="WSC680" s="613"/>
      <c r="WSD680" s="613"/>
      <c r="WSE680" s="613"/>
      <c r="WSF680" s="613"/>
      <c r="WSG680" s="613"/>
      <c r="WSH680" s="613"/>
      <c r="WSI680" s="613"/>
      <c r="WSJ680" s="613"/>
      <c r="WSK680" s="613"/>
      <c r="WSL680" s="613"/>
      <c r="WSM680" s="613"/>
      <c r="WSN680" s="613"/>
      <c r="WSO680" s="613"/>
      <c r="WSP680" s="613"/>
      <c r="WSQ680" s="613"/>
      <c r="WSR680" s="613"/>
      <c r="WSS680" s="613"/>
      <c r="WST680" s="613"/>
      <c r="WSU680" s="613"/>
      <c r="WSV680" s="613"/>
      <c r="WSW680" s="613"/>
      <c r="WSX680" s="613"/>
      <c r="WSY680" s="613"/>
      <c r="WSZ680" s="613"/>
      <c r="WTA680" s="613"/>
      <c r="WTB680" s="613"/>
      <c r="WTC680" s="613"/>
      <c r="WTD680" s="613"/>
      <c r="WTE680" s="613"/>
      <c r="WTF680" s="613"/>
      <c r="WTG680" s="613"/>
      <c r="WTH680" s="613"/>
      <c r="WTI680" s="613"/>
      <c r="WTJ680" s="613"/>
      <c r="WTK680" s="613"/>
      <c r="WTL680" s="613"/>
      <c r="WTM680" s="613"/>
      <c r="WTN680" s="613"/>
      <c r="WTO680" s="613"/>
      <c r="WTP680" s="613"/>
      <c r="WTQ680" s="613"/>
      <c r="WTR680" s="613"/>
      <c r="WTS680" s="613"/>
      <c r="WTT680" s="613"/>
      <c r="WTU680" s="613"/>
      <c r="WTV680" s="613"/>
      <c r="WTW680" s="613"/>
      <c r="WTX680" s="613"/>
      <c r="WTY680" s="613"/>
      <c r="WTZ680" s="613"/>
      <c r="WUA680" s="613"/>
      <c r="WUB680" s="613"/>
      <c r="WUC680" s="613"/>
      <c r="WUD680" s="613"/>
      <c r="WUE680" s="613"/>
      <c r="WUF680" s="613"/>
      <c r="WUG680" s="613"/>
      <c r="WUH680" s="613"/>
      <c r="WUI680" s="613"/>
      <c r="WUJ680" s="613"/>
      <c r="WUK680" s="613"/>
      <c r="WUL680" s="613"/>
      <c r="WUM680" s="613"/>
      <c r="WUN680" s="613"/>
      <c r="WUO680" s="613"/>
      <c r="WUP680" s="613"/>
      <c r="WUQ680" s="613"/>
      <c r="WUR680" s="613"/>
      <c r="WUS680" s="613"/>
      <c r="WUT680" s="613"/>
      <c r="WUU680" s="613"/>
      <c r="WUV680" s="613"/>
      <c r="WUW680" s="613"/>
      <c r="WUX680" s="613"/>
      <c r="WUY680" s="613"/>
      <c r="WUZ680" s="613"/>
      <c r="WVA680" s="613"/>
      <c r="WVB680" s="613"/>
      <c r="WVC680" s="613"/>
      <c r="WVD680" s="613"/>
      <c r="WVE680" s="613"/>
      <c r="WVF680" s="613"/>
      <c r="WVG680" s="613"/>
      <c r="WVH680" s="613"/>
      <c r="WVI680" s="613"/>
      <c r="WVJ680" s="613"/>
      <c r="WVK680" s="613"/>
      <c r="WVL680" s="613"/>
      <c r="WVM680" s="613"/>
      <c r="WVN680" s="613"/>
      <c r="WVO680" s="613"/>
      <c r="WVP680" s="613"/>
      <c r="WVQ680" s="613"/>
      <c r="WVR680" s="613"/>
      <c r="WVS680" s="613"/>
      <c r="WVT680" s="613"/>
      <c r="WVU680" s="613"/>
      <c r="WVV680" s="613"/>
      <c r="WVW680" s="613"/>
      <c r="WVX680" s="613"/>
      <c r="WVY680" s="613"/>
      <c r="WVZ680" s="613"/>
      <c r="WWA680" s="613"/>
      <c r="WWB680" s="613"/>
      <c r="WWC680" s="613"/>
      <c r="WWD680" s="613"/>
      <c r="WWE680" s="613"/>
      <c r="WWF680" s="613"/>
      <c r="WWG680" s="613"/>
      <c r="WWH680" s="613"/>
      <c r="WWI680" s="613"/>
      <c r="WWJ680" s="613"/>
      <c r="WWK680" s="613"/>
      <c r="WWL680" s="613"/>
      <c r="WWM680" s="613"/>
      <c r="WWN680" s="613"/>
      <c r="WWO680" s="613"/>
      <c r="WWP680" s="613"/>
      <c r="WWQ680" s="613"/>
      <c r="WWR680" s="613"/>
      <c r="WWS680" s="613"/>
      <c r="WWT680" s="613"/>
      <c r="WWU680" s="613"/>
      <c r="WWV680" s="613"/>
      <c r="WWW680" s="613"/>
      <c r="WWX680" s="613"/>
      <c r="WWY680" s="613"/>
      <c r="WWZ680" s="613"/>
      <c r="WXA680" s="613"/>
      <c r="WXB680" s="613"/>
      <c r="WXC680" s="613"/>
      <c r="WXD680" s="613"/>
      <c r="WXE680" s="613"/>
      <c r="WXF680" s="613"/>
      <c r="WXG680" s="613"/>
      <c r="WXH680" s="613"/>
      <c r="WXI680" s="613"/>
      <c r="WXJ680" s="613"/>
      <c r="WXK680" s="613"/>
      <c r="WXL680" s="613"/>
      <c r="WXM680" s="613"/>
      <c r="WXN680" s="613"/>
      <c r="WXO680" s="613"/>
      <c r="WXP680" s="613"/>
      <c r="WXQ680" s="613"/>
      <c r="WXR680" s="613"/>
      <c r="WXS680" s="613"/>
      <c r="WXT680" s="613"/>
      <c r="WXU680" s="613"/>
      <c r="WXV680" s="613"/>
      <c r="WXW680" s="613"/>
      <c r="WXX680" s="613"/>
      <c r="WXY680" s="613"/>
      <c r="WXZ680" s="613"/>
      <c r="WYA680" s="613"/>
      <c r="WYB680" s="613"/>
      <c r="WYC680" s="613"/>
      <c r="WYD680" s="613"/>
      <c r="WYE680" s="613"/>
      <c r="WYF680" s="613"/>
      <c r="WYG680" s="613"/>
      <c r="WYH680" s="613"/>
      <c r="WYI680" s="613"/>
      <c r="WYJ680" s="613"/>
      <c r="WYK680" s="613"/>
      <c r="WYL680" s="613"/>
      <c r="WYM680" s="613"/>
      <c r="WYN680" s="613"/>
      <c r="WYO680" s="613"/>
      <c r="WYP680" s="613"/>
      <c r="WYQ680" s="613"/>
      <c r="WYR680" s="613"/>
      <c r="WYS680" s="613"/>
      <c r="WYT680" s="613"/>
      <c r="WYU680" s="613"/>
      <c r="WYV680" s="613"/>
      <c r="WYW680" s="613"/>
      <c r="WYX680" s="613"/>
      <c r="WYY680" s="613"/>
      <c r="WYZ680" s="613"/>
      <c r="WZA680" s="613"/>
      <c r="WZB680" s="613"/>
      <c r="WZC680" s="613"/>
      <c r="WZD680" s="613"/>
      <c r="WZE680" s="613"/>
      <c r="WZF680" s="613"/>
      <c r="WZG680" s="613"/>
      <c r="WZH680" s="613"/>
      <c r="WZI680" s="613"/>
      <c r="WZJ680" s="613"/>
      <c r="WZK680" s="613"/>
      <c r="WZL680" s="613"/>
      <c r="WZM680" s="613"/>
      <c r="WZN680" s="613"/>
      <c r="WZO680" s="613"/>
      <c r="WZP680" s="613"/>
      <c r="WZQ680" s="613"/>
      <c r="WZR680" s="613"/>
      <c r="WZS680" s="613"/>
      <c r="WZT680" s="613"/>
      <c r="WZU680" s="613"/>
      <c r="WZV680" s="613"/>
      <c r="WZW680" s="613"/>
      <c r="WZX680" s="613"/>
      <c r="WZY680" s="613"/>
      <c r="WZZ680" s="613"/>
      <c r="XAA680" s="613"/>
      <c r="XAB680" s="613"/>
      <c r="XAC680" s="613"/>
      <c r="XAD680" s="613"/>
      <c r="XAE680" s="613"/>
      <c r="XAF680" s="613"/>
      <c r="XAG680" s="613"/>
      <c r="XAH680" s="613"/>
      <c r="XAI680" s="613"/>
      <c r="XAJ680" s="613"/>
      <c r="XAK680" s="613"/>
      <c r="XAL680" s="613"/>
      <c r="XAM680" s="613"/>
      <c r="XAN680" s="613"/>
      <c r="XAO680" s="613"/>
      <c r="XAP680" s="613"/>
      <c r="XAQ680" s="613"/>
      <c r="XAR680" s="613"/>
      <c r="XAS680" s="613"/>
      <c r="XAT680" s="613"/>
      <c r="XAU680" s="613"/>
      <c r="XAV680" s="613"/>
      <c r="XAW680" s="613"/>
      <c r="XAX680" s="613"/>
      <c r="XAY680" s="613"/>
      <c r="XAZ680" s="613"/>
      <c r="XBA680" s="613"/>
      <c r="XBB680" s="613"/>
      <c r="XBC680" s="613"/>
      <c r="XBD680" s="613"/>
      <c r="XBE680" s="613"/>
      <c r="XBF680" s="613"/>
      <c r="XBG680" s="613"/>
      <c r="XBH680" s="613"/>
      <c r="XBI680" s="613"/>
      <c r="XBJ680" s="613"/>
      <c r="XBK680" s="613"/>
      <c r="XBL680" s="613"/>
      <c r="XBM680" s="613"/>
      <c r="XBN680" s="613"/>
      <c r="XBO680" s="613"/>
      <c r="XBP680" s="613"/>
      <c r="XBQ680" s="613"/>
      <c r="XBR680" s="613"/>
      <c r="XBS680" s="613"/>
      <c r="XBT680" s="613"/>
      <c r="XBU680" s="613"/>
      <c r="XBV680" s="613"/>
      <c r="XBW680" s="613"/>
      <c r="XBX680" s="613"/>
      <c r="XBY680" s="613"/>
      <c r="XBZ680" s="613"/>
      <c r="XCA680" s="613"/>
      <c r="XCB680" s="613"/>
      <c r="XCC680" s="613"/>
      <c r="XCD680" s="613"/>
      <c r="XCE680" s="613"/>
      <c r="XCF680" s="613"/>
      <c r="XCG680" s="613"/>
      <c r="XCH680" s="613"/>
      <c r="XCI680" s="613"/>
      <c r="XCJ680" s="613"/>
      <c r="XCK680" s="613"/>
      <c r="XCL680" s="613"/>
      <c r="XCM680" s="613"/>
      <c r="XCN680" s="613"/>
      <c r="XCO680" s="613"/>
      <c r="XCP680" s="613"/>
      <c r="XCQ680" s="613"/>
    </row>
    <row r="681" spans="1:16319" ht="56.1" customHeight="1" x14ac:dyDescent="0.2">
      <c r="A681" s="494"/>
      <c r="B681" s="77"/>
      <c r="C681" s="494"/>
      <c r="D681" s="481">
        <v>161</v>
      </c>
      <c r="E681" s="481"/>
      <c r="F681" s="481" t="s">
        <v>2481</v>
      </c>
      <c r="G681" s="482" t="s">
        <v>53</v>
      </c>
      <c r="H681" s="481" t="s">
        <v>329</v>
      </c>
      <c r="I681" s="654" t="s">
        <v>396</v>
      </c>
      <c r="J681" s="654" t="s">
        <v>369</v>
      </c>
      <c r="K681" s="495" t="s">
        <v>425</v>
      </c>
      <c r="L681" s="621"/>
      <c r="M681" s="484" t="s">
        <v>58</v>
      </c>
      <c r="N681" s="327" t="s">
        <v>1370</v>
      </c>
      <c r="O681" s="484" t="s">
        <v>2996</v>
      </c>
      <c r="P681" s="484" t="s">
        <v>60</v>
      </c>
      <c r="Q681" s="667" t="s">
        <v>334</v>
      </c>
      <c r="R681" s="484" t="s">
        <v>334</v>
      </c>
      <c r="S681" s="484" t="s">
        <v>390</v>
      </c>
      <c r="T681" s="484"/>
      <c r="U681" s="620" t="s">
        <v>63</v>
      </c>
      <c r="V681" s="620" t="s">
        <v>63</v>
      </c>
      <c r="W681" s="723">
        <v>640051.01031426154</v>
      </c>
      <c r="X681" s="723"/>
      <c r="Y681" s="654" t="s">
        <v>226</v>
      </c>
      <c r="Z681" s="654"/>
      <c r="AA681" s="723">
        <v>640051.01031426154</v>
      </c>
      <c r="AB681" s="652" t="s">
        <v>82</v>
      </c>
      <c r="AC681" s="652"/>
      <c r="AD681" s="496"/>
      <c r="AE681" s="496"/>
      <c r="AF681" s="496"/>
      <c r="AG681" s="496"/>
      <c r="AH681" s="496"/>
      <c r="AI681" s="487"/>
      <c r="AJ681" s="496"/>
      <c r="AK681" s="496"/>
      <c r="AL681" s="496"/>
      <c r="AM681" s="496"/>
      <c r="AN681" s="496" t="s">
        <v>66</v>
      </c>
      <c r="AO681" s="496"/>
      <c r="AP681" s="496"/>
      <c r="AQ681" s="496"/>
      <c r="AR681" s="496"/>
      <c r="AS681" s="496"/>
      <c r="AT681" s="496"/>
      <c r="AU681" s="487"/>
      <c r="AV681" s="487"/>
      <c r="AW681" s="487"/>
      <c r="AX681" s="487"/>
      <c r="AY681" s="487"/>
      <c r="AZ681" s="487"/>
      <c r="BA681" s="484"/>
      <c r="BB681" s="484"/>
      <c r="BC681" s="484"/>
      <c r="BD681" s="494"/>
      <c r="BE681" s="494"/>
      <c r="BF681" s="613"/>
      <c r="BG681" s="613"/>
      <c r="BH681" s="613"/>
      <c r="BI681" s="613"/>
      <c r="BJ681" s="613"/>
      <c r="BK681" s="613"/>
      <c r="BL681" s="613"/>
      <c r="BM681" s="613"/>
      <c r="BN681" s="613"/>
      <c r="BO681" s="613"/>
      <c r="BP681" s="613"/>
      <c r="BQ681" s="613"/>
      <c r="BR681" s="613"/>
      <c r="BS681" s="613"/>
      <c r="BT681" s="613"/>
      <c r="BU681" s="613"/>
      <c r="BV681" s="613"/>
      <c r="BW681" s="613"/>
      <c r="BX681" s="613"/>
      <c r="BY681" s="613"/>
      <c r="BZ681" s="613"/>
      <c r="CA681" s="613"/>
      <c r="CB681" s="613"/>
      <c r="CC681" s="613"/>
      <c r="CD681" s="613"/>
      <c r="CE681" s="613"/>
      <c r="CF681" s="613"/>
      <c r="CG681" s="613"/>
      <c r="CH681" s="613"/>
      <c r="CI681" s="613"/>
      <c r="CJ681" s="613"/>
      <c r="CK681" s="613"/>
      <c r="CL681" s="613"/>
      <c r="CM681" s="613"/>
      <c r="CN681" s="613"/>
      <c r="CO681" s="613"/>
      <c r="CP681" s="613"/>
      <c r="CQ681" s="613"/>
      <c r="CR681" s="613"/>
      <c r="CS681" s="613"/>
      <c r="CT681" s="613"/>
      <c r="CU681" s="613"/>
      <c r="CV681" s="613"/>
      <c r="CW681" s="613"/>
      <c r="CX681" s="613"/>
      <c r="CY681" s="613"/>
      <c r="CZ681" s="613"/>
      <c r="DA681" s="613"/>
      <c r="DB681" s="613"/>
      <c r="DC681" s="613"/>
      <c r="DD681" s="613"/>
      <c r="DE681" s="613"/>
      <c r="DF681" s="613"/>
      <c r="DG681" s="613"/>
      <c r="DH681" s="613"/>
      <c r="DI681" s="613"/>
      <c r="DJ681" s="613"/>
      <c r="DK681" s="613"/>
      <c r="DL681" s="613"/>
      <c r="DM681" s="613"/>
      <c r="DN681" s="613"/>
      <c r="DO681" s="613"/>
      <c r="DP681" s="613"/>
      <c r="DQ681" s="613"/>
      <c r="DR681" s="613"/>
      <c r="DS681" s="613"/>
      <c r="DT681" s="613"/>
      <c r="DU681" s="613"/>
      <c r="DV681" s="613"/>
      <c r="DW681" s="613"/>
      <c r="DX681" s="613"/>
      <c r="DY681" s="613"/>
      <c r="DZ681" s="613"/>
      <c r="EA681" s="613"/>
      <c r="EB681" s="613"/>
      <c r="EC681" s="613"/>
      <c r="ED681" s="613"/>
      <c r="EE681" s="613"/>
      <c r="EF681" s="613"/>
      <c r="EG681" s="613"/>
      <c r="EH681" s="613"/>
      <c r="EI681" s="613"/>
      <c r="EJ681" s="613"/>
      <c r="EK681" s="613"/>
      <c r="EL681" s="613"/>
      <c r="EM681" s="613"/>
      <c r="EN681" s="613"/>
      <c r="EO681" s="613"/>
      <c r="EP681" s="613"/>
      <c r="EQ681" s="613"/>
      <c r="ER681" s="613"/>
      <c r="ES681" s="613"/>
      <c r="ET681" s="613"/>
      <c r="EU681" s="613"/>
      <c r="EV681" s="613"/>
      <c r="EW681" s="613"/>
      <c r="EX681" s="613"/>
      <c r="EY681" s="613"/>
      <c r="EZ681" s="613"/>
      <c r="FA681" s="613"/>
      <c r="FB681" s="613"/>
      <c r="FC681" s="613"/>
      <c r="FD681" s="613"/>
      <c r="FE681" s="613"/>
      <c r="FF681" s="613"/>
      <c r="FG681" s="613"/>
      <c r="FH681" s="613"/>
      <c r="FI681" s="613"/>
      <c r="FJ681" s="613"/>
      <c r="FK681" s="613"/>
      <c r="FL681" s="613"/>
      <c r="FM681" s="613"/>
      <c r="FN681" s="613"/>
      <c r="FO681" s="613"/>
      <c r="FP681" s="613"/>
      <c r="FQ681" s="613"/>
      <c r="FR681" s="613"/>
      <c r="FS681" s="613"/>
      <c r="FT681" s="613"/>
      <c r="FU681" s="613"/>
      <c r="FV681" s="613"/>
      <c r="FW681" s="613"/>
      <c r="FX681" s="613"/>
      <c r="FY681" s="613"/>
      <c r="FZ681" s="613"/>
      <c r="GA681" s="613"/>
      <c r="GB681" s="613"/>
      <c r="GC681" s="613"/>
      <c r="GD681" s="613"/>
      <c r="GE681" s="613"/>
      <c r="GF681" s="613"/>
      <c r="GG681" s="613"/>
      <c r="GH681" s="613"/>
      <c r="GI681" s="613"/>
      <c r="GJ681" s="613"/>
      <c r="GK681" s="613"/>
      <c r="GL681" s="613"/>
      <c r="GM681" s="613"/>
      <c r="GN681" s="613"/>
      <c r="GO681" s="613"/>
      <c r="GP681" s="613"/>
      <c r="GQ681" s="613"/>
      <c r="GR681" s="613"/>
      <c r="GS681" s="613"/>
      <c r="GT681" s="613"/>
      <c r="GU681" s="613"/>
      <c r="GV681" s="613"/>
      <c r="GW681" s="613"/>
      <c r="GX681" s="613"/>
      <c r="GY681" s="613"/>
      <c r="GZ681" s="613"/>
      <c r="HA681" s="613"/>
      <c r="HB681" s="613"/>
      <c r="HC681" s="613"/>
      <c r="HD681" s="613"/>
      <c r="HE681" s="613"/>
      <c r="HF681" s="613"/>
      <c r="HG681" s="613"/>
      <c r="HH681" s="613"/>
      <c r="HI681" s="613"/>
      <c r="HJ681" s="613"/>
      <c r="HK681" s="613"/>
      <c r="HL681" s="613"/>
      <c r="HM681" s="613"/>
      <c r="HN681" s="613"/>
      <c r="HO681" s="613"/>
      <c r="HP681" s="613"/>
      <c r="HQ681" s="613"/>
      <c r="HR681" s="613"/>
      <c r="HS681" s="613"/>
      <c r="HT681" s="613"/>
      <c r="HU681" s="613"/>
      <c r="HV681" s="613"/>
      <c r="HW681" s="613"/>
      <c r="HX681" s="613"/>
      <c r="HY681" s="613"/>
      <c r="HZ681" s="613"/>
      <c r="IA681" s="613"/>
      <c r="IB681" s="613"/>
      <c r="IC681" s="613"/>
      <c r="ID681" s="613"/>
      <c r="IE681" s="613"/>
      <c r="IF681" s="613"/>
      <c r="IG681" s="613"/>
      <c r="IH681" s="613"/>
      <c r="II681" s="613"/>
      <c r="IJ681" s="613"/>
      <c r="IK681" s="613"/>
      <c r="IL681" s="613"/>
      <c r="IM681" s="613"/>
      <c r="IN681" s="613"/>
      <c r="IO681" s="613"/>
      <c r="IP681" s="613"/>
      <c r="IQ681" s="613"/>
      <c r="IR681" s="613"/>
      <c r="IS681" s="613"/>
      <c r="IT681" s="613"/>
      <c r="IU681" s="613"/>
      <c r="IV681" s="613"/>
      <c r="IW681" s="613"/>
      <c r="IX681" s="613"/>
      <c r="IY681" s="613"/>
      <c r="IZ681" s="613"/>
      <c r="JA681" s="613"/>
      <c r="JB681" s="613"/>
      <c r="JC681" s="613"/>
      <c r="JD681" s="613"/>
      <c r="JE681" s="613"/>
      <c r="JF681" s="613"/>
      <c r="JG681" s="613"/>
      <c r="JH681" s="613"/>
      <c r="JI681" s="613"/>
      <c r="JJ681" s="613"/>
      <c r="JK681" s="613"/>
      <c r="JL681" s="613"/>
      <c r="JM681" s="613"/>
      <c r="JN681" s="613"/>
      <c r="JO681" s="613"/>
      <c r="JP681" s="613"/>
      <c r="JQ681" s="613"/>
      <c r="JR681" s="613"/>
      <c r="JS681" s="613"/>
      <c r="JT681" s="613"/>
      <c r="JU681" s="613"/>
      <c r="JV681" s="613"/>
      <c r="JW681" s="613"/>
      <c r="JX681" s="613"/>
      <c r="JY681" s="613"/>
      <c r="JZ681" s="613"/>
      <c r="KA681" s="613"/>
      <c r="KB681" s="613"/>
      <c r="KC681" s="613"/>
      <c r="KD681" s="613"/>
      <c r="KE681" s="613"/>
      <c r="KF681" s="613"/>
      <c r="KG681" s="613"/>
      <c r="KH681" s="613"/>
      <c r="KI681" s="613"/>
      <c r="KJ681" s="613"/>
      <c r="KK681" s="613"/>
      <c r="KL681" s="613"/>
      <c r="KM681" s="613"/>
      <c r="KN681" s="613"/>
      <c r="KO681" s="613"/>
      <c r="KP681" s="613"/>
      <c r="KQ681" s="613"/>
      <c r="KR681" s="613"/>
      <c r="KS681" s="613"/>
      <c r="KT681" s="613"/>
      <c r="KU681" s="613"/>
      <c r="KV681" s="613"/>
      <c r="KW681" s="613"/>
      <c r="KX681" s="613"/>
      <c r="KY681" s="613"/>
      <c r="KZ681" s="613"/>
      <c r="LA681" s="613"/>
      <c r="LB681" s="613"/>
      <c r="LC681" s="613"/>
      <c r="LD681" s="613"/>
      <c r="LE681" s="613"/>
      <c r="LF681" s="613"/>
      <c r="LG681" s="613"/>
      <c r="LH681" s="613"/>
      <c r="LI681" s="613"/>
      <c r="LJ681" s="613"/>
      <c r="LK681" s="613"/>
      <c r="LL681" s="613"/>
      <c r="LM681" s="613"/>
      <c r="LN681" s="613"/>
      <c r="LO681" s="613"/>
      <c r="LP681" s="613"/>
      <c r="LQ681" s="613"/>
      <c r="LR681" s="613"/>
      <c r="LS681" s="613"/>
      <c r="LT681" s="613"/>
      <c r="LU681" s="613"/>
      <c r="LV681" s="613"/>
      <c r="LW681" s="613"/>
      <c r="LX681" s="613"/>
      <c r="LY681" s="613"/>
      <c r="LZ681" s="613"/>
      <c r="MA681" s="613"/>
      <c r="MB681" s="613"/>
      <c r="MC681" s="613"/>
      <c r="MD681" s="613"/>
      <c r="ME681" s="613"/>
      <c r="MF681" s="613"/>
      <c r="MG681" s="613"/>
      <c r="MH681" s="613"/>
      <c r="MI681" s="613"/>
      <c r="MJ681" s="613"/>
      <c r="MK681" s="613"/>
      <c r="ML681" s="613"/>
      <c r="MM681" s="613"/>
      <c r="MN681" s="613"/>
      <c r="MO681" s="613"/>
      <c r="MP681" s="613"/>
      <c r="MQ681" s="613"/>
      <c r="MR681" s="613"/>
      <c r="MS681" s="613"/>
      <c r="MT681" s="613"/>
      <c r="MU681" s="613"/>
      <c r="MV681" s="613"/>
      <c r="MW681" s="613"/>
      <c r="MX681" s="613"/>
      <c r="MY681" s="613"/>
      <c r="MZ681" s="613"/>
      <c r="NA681" s="613"/>
      <c r="NB681" s="613"/>
      <c r="NC681" s="613"/>
      <c r="ND681" s="613"/>
      <c r="NE681" s="613"/>
      <c r="NF681" s="613"/>
      <c r="NG681" s="613"/>
      <c r="NH681" s="613"/>
      <c r="NI681" s="613"/>
      <c r="NJ681" s="613"/>
      <c r="NK681" s="613"/>
      <c r="NL681" s="613"/>
      <c r="NM681" s="613"/>
      <c r="NN681" s="613"/>
      <c r="NO681" s="613"/>
      <c r="NP681" s="613"/>
      <c r="NQ681" s="613"/>
      <c r="NR681" s="613"/>
      <c r="NS681" s="613"/>
      <c r="NT681" s="613"/>
      <c r="NU681" s="613"/>
      <c r="NV681" s="613"/>
      <c r="NW681" s="613"/>
      <c r="NX681" s="613"/>
      <c r="NY681" s="613"/>
      <c r="NZ681" s="613"/>
      <c r="OA681" s="613"/>
      <c r="OB681" s="613"/>
      <c r="OC681" s="613"/>
      <c r="OD681" s="613"/>
      <c r="OE681" s="613"/>
      <c r="OF681" s="613"/>
      <c r="OG681" s="613"/>
      <c r="OH681" s="613"/>
      <c r="OI681" s="613"/>
      <c r="OJ681" s="613"/>
      <c r="OK681" s="613"/>
      <c r="OL681" s="613"/>
      <c r="OM681" s="613"/>
      <c r="ON681" s="613"/>
      <c r="OO681" s="613"/>
      <c r="OP681" s="613"/>
      <c r="OQ681" s="613"/>
      <c r="OR681" s="613"/>
      <c r="OS681" s="613"/>
      <c r="OT681" s="613"/>
      <c r="OU681" s="613"/>
      <c r="OV681" s="613"/>
      <c r="OW681" s="613"/>
      <c r="OX681" s="613"/>
      <c r="OY681" s="613"/>
      <c r="OZ681" s="613"/>
      <c r="PA681" s="613"/>
      <c r="PB681" s="613"/>
      <c r="PC681" s="613"/>
      <c r="PD681" s="613"/>
      <c r="PE681" s="613"/>
      <c r="PF681" s="613"/>
      <c r="PG681" s="613"/>
      <c r="PH681" s="613"/>
      <c r="PI681" s="613"/>
      <c r="PJ681" s="613"/>
      <c r="PK681" s="613"/>
      <c r="PL681" s="613"/>
      <c r="PM681" s="613"/>
      <c r="PN681" s="613"/>
      <c r="PO681" s="613"/>
      <c r="PP681" s="613"/>
      <c r="PQ681" s="613"/>
      <c r="PR681" s="613"/>
      <c r="PS681" s="613"/>
      <c r="PT681" s="613"/>
      <c r="PU681" s="613"/>
      <c r="PV681" s="613"/>
      <c r="PW681" s="613"/>
      <c r="PX681" s="613"/>
      <c r="PY681" s="613"/>
      <c r="PZ681" s="613"/>
      <c r="QA681" s="613"/>
      <c r="QB681" s="613"/>
      <c r="QC681" s="613"/>
      <c r="QD681" s="613"/>
      <c r="QE681" s="613"/>
      <c r="QF681" s="613"/>
      <c r="QG681" s="613"/>
      <c r="QH681" s="613"/>
      <c r="QI681" s="613"/>
      <c r="QJ681" s="613"/>
      <c r="QK681" s="613"/>
      <c r="QL681" s="613"/>
      <c r="QM681" s="613"/>
      <c r="QN681" s="613"/>
      <c r="QO681" s="613"/>
      <c r="QP681" s="613"/>
      <c r="QQ681" s="613"/>
      <c r="QR681" s="613"/>
      <c r="QS681" s="613"/>
      <c r="QT681" s="613"/>
      <c r="QU681" s="613"/>
      <c r="QV681" s="613"/>
      <c r="QW681" s="613"/>
      <c r="QX681" s="613"/>
      <c r="QY681" s="613"/>
      <c r="QZ681" s="613"/>
      <c r="RA681" s="613"/>
      <c r="RB681" s="613"/>
      <c r="RC681" s="613"/>
      <c r="RD681" s="613"/>
      <c r="RE681" s="613"/>
      <c r="RF681" s="613"/>
      <c r="RG681" s="613"/>
      <c r="RH681" s="613"/>
      <c r="RI681" s="613"/>
      <c r="RJ681" s="613"/>
      <c r="RK681" s="613"/>
      <c r="RL681" s="613"/>
      <c r="RM681" s="613"/>
      <c r="RN681" s="613"/>
      <c r="RO681" s="613"/>
      <c r="RP681" s="613"/>
      <c r="RQ681" s="613"/>
      <c r="RR681" s="613"/>
      <c r="RS681" s="613"/>
      <c r="RT681" s="613"/>
      <c r="RU681" s="613"/>
      <c r="RV681" s="613"/>
      <c r="RW681" s="613"/>
      <c r="RX681" s="613"/>
      <c r="RY681" s="613"/>
      <c r="RZ681" s="613"/>
      <c r="SA681" s="613"/>
      <c r="SB681" s="613"/>
      <c r="SC681" s="613"/>
      <c r="SD681" s="613"/>
      <c r="SE681" s="613"/>
      <c r="SF681" s="613"/>
      <c r="SG681" s="613"/>
      <c r="SH681" s="613"/>
      <c r="SI681" s="613"/>
      <c r="SJ681" s="613"/>
      <c r="SK681" s="613"/>
      <c r="SL681" s="613"/>
      <c r="SM681" s="613"/>
      <c r="SN681" s="613"/>
      <c r="SO681" s="613"/>
      <c r="SP681" s="613"/>
      <c r="SQ681" s="613"/>
      <c r="SR681" s="613"/>
      <c r="SS681" s="613"/>
      <c r="ST681" s="613"/>
      <c r="SU681" s="613"/>
      <c r="SV681" s="613"/>
      <c r="SW681" s="613"/>
      <c r="SX681" s="613"/>
      <c r="SY681" s="613"/>
      <c r="SZ681" s="613"/>
      <c r="TA681" s="613"/>
      <c r="TB681" s="613"/>
      <c r="TC681" s="613"/>
      <c r="TD681" s="613"/>
      <c r="TE681" s="613"/>
      <c r="TF681" s="613"/>
      <c r="TG681" s="613"/>
      <c r="TH681" s="613"/>
      <c r="TI681" s="613"/>
      <c r="TJ681" s="613"/>
      <c r="TK681" s="613"/>
      <c r="TL681" s="613"/>
      <c r="TM681" s="613"/>
      <c r="TN681" s="613"/>
      <c r="TO681" s="613"/>
      <c r="TP681" s="613"/>
      <c r="TQ681" s="613"/>
      <c r="TR681" s="613"/>
      <c r="TS681" s="613"/>
      <c r="TT681" s="613"/>
      <c r="TU681" s="613"/>
      <c r="TV681" s="613"/>
      <c r="TW681" s="613"/>
      <c r="TX681" s="613"/>
      <c r="TY681" s="613"/>
      <c r="TZ681" s="613"/>
      <c r="UA681" s="613"/>
      <c r="UB681" s="613"/>
      <c r="UC681" s="613"/>
      <c r="UD681" s="613"/>
      <c r="UE681" s="613"/>
      <c r="UF681" s="613"/>
      <c r="UG681" s="613"/>
      <c r="UH681" s="613"/>
      <c r="UI681" s="613"/>
      <c r="UJ681" s="613"/>
      <c r="UK681" s="613"/>
      <c r="UL681" s="613"/>
      <c r="UM681" s="613"/>
      <c r="UN681" s="613"/>
      <c r="UO681" s="613"/>
      <c r="UP681" s="613"/>
      <c r="UQ681" s="613"/>
      <c r="UR681" s="613"/>
      <c r="US681" s="613"/>
      <c r="UT681" s="613"/>
      <c r="UU681" s="613"/>
      <c r="UV681" s="613"/>
      <c r="UW681" s="613"/>
      <c r="UX681" s="613"/>
      <c r="UY681" s="613"/>
      <c r="UZ681" s="613"/>
      <c r="VA681" s="613"/>
      <c r="VB681" s="613"/>
      <c r="VC681" s="613"/>
      <c r="VD681" s="613"/>
      <c r="VE681" s="613"/>
      <c r="VF681" s="613"/>
      <c r="VG681" s="613"/>
      <c r="VH681" s="613"/>
      <c r="VI681" s="613"/>
      <c r="VJ681" s="613"/>
      <c r="VK681" s="613"/>
      <c r="VL681" s="613"/>
      <c r="VM681" s="613"/>
      <c r="VN681" s="613"/>
      <c r="VO681" s="613"/>
      <c r="VP681" s="613"/>
      <c r="VQ681" s="613"/>
      <c r="VR681" s="613"/>
      <c r="VS681" s="613"/>
      <c r="VT681" s="613"/>
      <c r="VU681" s="613"/>
      <c r="VV681" s="613"/>
      <c r="VW681" s="613"/>
      <c r="VX681" s="613"/>
      <c r="VY681" s="613"/>
      <c r="VZ681" s="613"/>
      <c r="WA681" s="613"/>
      <c r="WB681" s="613"/>
      <c r="WC681" s="613"/>
      <c r="WD681" s="613"/>
      <c r="WE681" s="613"/>
      <c r="WF681" s="613"/>
      <c r="WG681" s="613"/>
      <c r="WH681" s="613"/>
      <c r="WI681" s="613"/>
      <c r="WJ681" s="613"/>
      <c r="WK681" s="613"/>
      <c r="WL681" s="613"/>
      <c r="WM681" s="613"/>
      <c r="WN681" s="613"/>
      <c r="WO681" s="613"/>
      <c r="WP681" s="613"/>
      <c r="WQ681" s="613"/>
      <c r="WR681" s="613"/>
      <c r="WS681" s="613"/>
      <c r="WT681" s="613"/>
      <c r="WU681" s="613"/>
      <c r="WV681" s="613"/>
      <c r="WW681" s="613"/>
      <c r="WX681" s="613"/>
      <c r="WY681" s="613"/>
      <c r="WZ681" s="613"/>
      <c r="XA681" s="613"/>
      <c r="XB681" s="613"/>
      <c r="XC681" s="613"/>
      <c r="XD681" s="613"/>
      <c r="XE681" s="613"/>
      <c r="XF681" s="613"/>
      <c r="XG681" s="613"/>
      <c r="XH681" s="613"/>
      <c r="XI681" s="613"/>
      <c r="XJ681" s="613"/>
      <c r="XK681" s="613"/>
      <c r="XL681" s="613"/>
      <c r="XM681" s="613"/>
      <c r="XN681" s="613"/>
      <c r="XO681" s="613"/>
      <c r="XP681" s="613"/>
      <c r="XQ681" s="613"/>
      <c r="XR681" s="613"/>
      <c r="XS681" s="613"/>
      <c r="XT681" s="613"/>
      <c r="XU681" s="613"/>
      <c r="XV681" s="613"/>
      <c r="XW681" s="613"/>
      <c r="XX681" s="613"/>
      <c r="XY681" s="613"/>
      <c r="XZ681" s="613"/>
      <c r="YA681" s="613"/>
      <c r="YB681" s="613"/>
      <c r="YC681" s="613"/>
      <c r="YD681" s="613"/>
      <c r="YE681" s="613"/>
      <c r="YF681" s="613"/>
      <c r="YG681" s="613"/>
      <c r="YH681" s="613"/>
      <c r="YI681" s="613"/>
      <c r="YJ681" s="613"/>
      <c r="YK681" s="613"/>
      <c r="YL681" s="613"/>
      <c r="YM681" s="613"/>
      <c r="YN681" s="613"/>
      <c r="YO681" s="613"/>
      <c r="YP681" s="613"/>
      <c r="YQ681" s="613"/>
      <c r="YR681" s="613"/>
      <c r="YS681" s="613"/>
      <c r="YT681" s="613"/>
      <c r="YU681" s="613"/>
      <c r="YV681" s="613"/>
      <c r="YW681" s="613"/>
      <c r="YX681" s="613"/>
      <c r="YY681" s="613"/>
      <c r="YZ681" s="613"/>
      <c r="ZA681" s="613"/>
      <c r="ZB681" s="613"/>
      <c r="ZC681" s="613"/>
      <c r="ZD681" s="613"/>
      <c r="ZE681" s="613"/>
      <c r="ZF681" s="613"/>
      <c r="ZG681" s="613"/>
      <c r="ZH681" s="613"/>
      <c r="ZI681" s="613"/>
      <c r="ZJ681" s="613"/>
      <c r="ZK681" s="613"/>
      <c r="ZL681" s="613"/>
      <c r="ZM681" s="613"/>
      <c r="ZN681" s="613"/>
      <c r="ZO681" s="613"/>
      <c r="ZP681" s="613"/>
      <c r="ZQ681" s="613"/>
      <c r="ZR681" s="613"/>
      <c r="ZS681" s="613"/>
      <c r="ZT681" s="613"/>
      <c r="ZU681" s="613"/>
      <c r="ZV681" s="613"/>
      <c r="ZW681" s="613"/>
      <c r="ZX681" s="613"/>
      <c r="ZY681" s="613"/>
      <c r="ZZ681" s="613"/>
      <c r="AAA681" s="613"/>
      <c r="AAB681" s="613"/>
      <c r="AAC681" s="613"/>
      <c r="AAD681" s="613"/>
      <c r="AAE681" s="613"/>
      <c r="AAF681" s="613"/>
      <c r="AAG681" s="613"/>
      <c r="AAH681" s="613"/>
      <c r="AAI681" s="613"/>
      <c r="AAJ681" s="613"/>
      <c r="AAK681" s="613"/>
      <c r="AAL681" s="613"/>
      <c r="AAM681" s="613"/>
      <c r="AAN681" s="613"/>
      <c r="AAO681" s="613"/>
      <c r="AAP681" s="613"/>
      <c r="AAQ681" s="613"/>
      <c r="AAR681" s="613"/>
      <c r="AAS681" s="613"/>
      <c r="AAT681" s="613"/>
      <c r="AAU681" s="613"/>
      <c r="AAV681" s="613"/>
      <c r="AAW681" s="613"/>
      <c r="AAX681" s="613"/>
      <c r="AAY681" s="613"/>
      <c r="AAZ681" s="613"/>
      <c r="ABA681" s="613"/>
      <c r="ABB681" s="613"/>
      <c r="ABC681" s="613"/>
      <c r="ABD681" s="613"/>
      <c r="ABE681" s="613"/>
      <c r="ABF681" s="613"/>
      <c r="ABG681" s="613"/>
      <c r="ABH681" s="613"/>
      <c r="ABI681" s="613"/>
      <c r="ABJ681" s="613"/>
      <c r="ABK681" s="613"/>
      <c r="ABL681" s="613"/>
      <c r="ABM681" s="613"/>
      <c r="ABN681" s="613"/>
      <c r="ABO681" s="613"/>
      <c r="ABP681" s="613"/>
      <c r="ABQ681" s="613"/>
      <c r="ABR681" s="613"/>
      <c r="ABS681" s="613"/>
      <c r="ABT681" s="613"/>
      <c r="ABU681" s="613"/>
      <c r="ABV681" s="613"/>
      <c r="ABW681" s="613"/>
      <c r="ABX681" s="613"/>
      <c r="ABY681" s="613"/>
      <c r="ABZ681" s="613"/>
      <c r="ACA681" s="613"/>
      <c r="ACB681" s="613"/>
      <c r="ACC681" s="613"/>
      <c r="ACD681" s="613"/>
      <c r="ACE681" s="613"/>
      <c r="ACF681" s="613"/>
      <c r="ACG681" s="613"/>
      <c r="ACH681" s="613"/>
      <c r="ACI681" s="613"/>
      <c r="ACJ681" s="613"/>
      <c r="ACK681" s="613"/>
      <c r="ACL681" s="613"/>
      <c r="ACM681" s="613"/>
      <c r="ACN681" s="613"/>
      <c r="ACO681" s="613"/>
      <c r="ACP681" s="613"/>
      <c r="ACQ681" s="613"/>
      <c r="ACR681" s="613"/>
      <c r="ACS681" s="613"/>
      <c r="ACT681" s="613"/>
      <c r="ACU681" s="613"/>
      <c r="ACV681" s="613"/>
      <c r="ACW681" s="613"/>
      <c r="ACX681" s="613"/>
      <c r="ACY681" s="613"/>
      <c r="ACZ681" s="613"/>
      <c r="ADA681" s="613"/>
      <c r="ADB681" s="613"/>
      <c r="ADC681" s="613"/>
      <c r="ADD681" s="613"/>
      <c r="ADE681" s="613"/>
      <c r="ADF681" s="613"/>
      <c r="ADG681" s="613"/>
      <c r="ADH681" s="613"/>
      <c r="ADI681" s="613"/>
      <c r="ADJ681" s="613"/>
      <c r="ADK681" s="613"/>
      <c r="ADL681" s="613"/>
      <c r="ADM681" s="613"/>
      <c r="ADN681" s="613"/>
      <c r="ADO681" s="613"/>
      <c r="ADP681" s="613"/>
      <c r="ADQ681" s="613"/>
      <c r="ADR681" s="613"/>
      <c r="ADS681" s="613"/>
      <c r="ADT681" s="613"/>
      <c r="ADU681" s="613"/>
      <c r="ADV681" s="613"/>
      <c r="ADW681" s="613"/>
      <c r="ADX681" s="613"/>
      <c r="ADY681" s="613"/>
      <c r="ADZ681" s="613"/>
      <c r="AEA681" s="613"/>
      <c r="AEB681" s="613"/>
      <c r="AEC681" s="613"/>
      <c r="AED681" s="613"/>
      <c r="AEE681" s="613"/>
      <c r="AEF681" s="613"/>
      <c r="AEG681" s="613"/>
      <c r="AEH681" s="613"/>
      <c r="AEI681" s="613"/>
      <c r="AEJ681" s="613"/>
      <c r="AEK681" s="613"/>
      <c r="AEL681" s="613"/>
      <c r="AEM681" s="613"/>
      <c r="AEN681" s="613"/>
      <c r="AEO681" s="613"/>
      <c r="AEP681" s="613"/>
      <c r="AEQ681" s="613"/>
      <c r="AER681" s="613"/>
      <c r="AES681" s="613"/>
      <c r="AET681" s="613"/>
      <c r="AEU681" s="613"/>
      <c r="AEV681" s="613"/>
      <c r="AEW681" s="613"/>
      <c r="AEX681" s="613"/>
      <c r="AEY681" s="613"/>
      <c r="AEZ681" s="613"/>
      <c r="AFA681" s="613"/>
      <c r="AFB681" s="613"/>
      <c r="AFC681" s="613"/>
      <c r="AFD681" s="613"/>
      <c r="AFE681" s="613"/>
      <c r="AFF681" s="613"/>
      <c r="AFG681" s="613"/>
      <c r="AFH681" s="613"/>
      <c r="AFI681" s="613"/>
      <c r="AFJ681" s="613"/>
      <c r="AFK681" s="613"/>
      <c r="AFL681" s="613"/>
      <c r="AFM681" s="613"/>
      <c r="AFN681" s="613"/>
      <c r="AFO681" s="613"/>
      <c r="AFP681" s="613"/>
      <c r="AFQ681" s="613"/>
      <c r="AFR681" s="613"/>
      <c r="AFS681" s="613"/>
      <c r="AFT681" s="613"/>
      <c r="AFU681" s="613"/>
      <c r="AFV681" s="613"/>
      <c r="AFW681" s="613"/>
      <c r="AFX681" s="613"/>
      <c r="AFY681" s="613"/>
      <c r="AFZ681" s="613"/>
      <c r="AGA681" s="613"/>
      <c r="AGB681" s="613"/>
      <c r="AGC681" s="613"/>
      <c r="AGD681" s="613"/>
      <c r="AGE681" s="613"/>
      <c r="AGF681" s="613"/>
      <c r="AGG681" s="613"/>
      <c r="AGH681" s="613"/>
      <c r="AGI681" s="613"/>
      <c r="AGJ681" s="613"/>
      <c r="AGK681" s="613"/>
      <c r="AGL681" s="613"/>
      <c r="AGM681" s="613"/>
      <c r="AGN681" s="613"/>
      <c r="AGO681" s="613"/>
      <c r="AGP681" s="613"/>
      <c r="AGQ681" s="613"/>
      <c r="AGR681" s="613"/>
      <c r="AGS681" s="613"/>
      <c r="AGT681" s="613"/>
      <c r="AGU681" s="613"/>
      <c r="AGV681" s="613"/>
      <c r="AGW681" s="613"/>
      <c r="AGX681" s="613"/>
      <c r="AGY681" s="613"/>
      <c r="AGZ681" s="613"/>
      <c r="AHA681" s="613"/>
      <c r="AHB681" s="613"/>
      <c r="AHC681" s="613"/>
      <c r="AHD681" s="613"/>
      <c r="AHE681" s="613"/>
      <c r="AHF681" s="613"/>
      <c r="AHG681" s="613"/>
      <c r="AHH681" s="613"/>
      <c r="AHI681" s="613"/>
      <c r="AHJ681" s="613"/>
      <c r="AHK681" s="613"/>
      <c r="AHL681" s="613"/>
      <c r="AHM681" s="613"/>
      <c r="AHN681" s="613"/>
      <c r="AHO681" s="613"/>
      <c r="AHP681" s="613"/>
      <c r="AHQ681" s="613"/>
      <c r="AHR681" s="613"/>
      <c r="AHS681" s="613"/>
      <c r="AHT681" s="613"/>
      <c r="AHU681" s="613"/>
      <c r="AHV681" s="613"/>
      <c r="AHW681" s="613"/>
      <c r="AHX681" s="613"/>
      <c r="AHY681" s="613"/>
      <c r="AHZ681" s="613"/>
      <c r="AIA681" s="613"/>
      <c r="AIB681" s="613"/>
      <c r="AIC681" s="613"/>
      <c r="AID681" s="613"/>
      <c r="AIE681" s="613"/>
      <c r="AIF681" s="613"/>
      <c r="AIG681" s="613"/>
      <c r="AIH681" s="613"/>
      <c r="AII681" s="613"/>
      <c r="AIJ681" s="613"/>
      <c r="AIK681" s="613"/>
      <c r="AIL681" s="613"/>
      <c r="AIM681" s="613"/>
      <c r="AIN681" s="613"/>
      <c r="AIO681" s="613"/>
      <c r="AIP681" s="613"/>
      <c r="AIQ681" s="613"/>
      <c r="AIR681" s="613"/>
      <c r="AIS681" s="613"/>
      <c r="AIT681" s="613"/>
      <c r="AIU681" s="613"/>
      <c r="AIV681" s="613"/>
      <c r="AIW681" s="613"/>
      <c r="AIX681" s="613"/>
      <c r="AIY681" s="613"/>
      <c r="AIZ681" s="613"/>
      <c r="AJA681" s="613"/>
      <c r="AJB681" s="613"/>
      <c r="AJC681" s="613"/>
      <c r="AJD681" s="613"/>
      <c r="AJE681" s="613"/>
      <c r="AJF681" s="613"/>
      <c r="AJG681" s="613"/>
      <c r="AJH681" s="613"/>
      <c r="AJI681" s="613"/>
      <c r="AJJ681" s="613"/>
      <c r="AJK681" s="613"/>
      <c r="AJL681" s="613"/>
      <c r="AJM681" s="613"/>
      <c r="AJN681" s="613"/>
      <c r="AJO681" s="613"/>
      <c r="AJP681" s="613"/>
      <c r="AJQ681" s="613"/>
      <c r="AJR681" s="613"/>
      <c r="AJS681" s="613"/>
      <c r="AJT681" s="613"/>
      <c r="AJU681" s="613"/>
      <c r="AJV681" s="613"/>
      <c r="AJW681" s="613"/>
      <c r="AJX681" s="613"/>
      <c r="AJY681" s="613"/>
      <c r="AJZ681" s="613"/>
      <c r="AKA681" s="613"/>
      <c r="AKB681" s="613"/>
      <c r="AKC681" s="613"/>
      <c r="AKD681" s="613"/>
      <c r="AKE681" s="613"/>
      <c r="AKF681" s="613"/>
      <c r="AKG681" s="613"/>
      <c r="AKH681" s="613"/>
      <c r="AKI681" s="613"/>
      <c r="AKJ681" s="613"/>
      <c r="AKK681" s="613"/>
      <c r="AKL681" s="613"/>
      <c r="AKM681" s="613"/>
      <c r="AKN681" s="613"/>
      <c r="AKO681" s="613"/>
      <c r="AKP681" s="613"/>
      <c r="AKQ681" s="613"/>
      <c r="AKR681" s="613"/>
      <c r="AKS681" s="613"/>
      <c r="AKT681" s="613"/>
      <c r="AKU681" s="613"/>
      <c r="AKV681" s="613"/>
      <c r="AKW681" s="613"/>
      <c r="AKX681" s="613"/>
      <c r="AKY681" s="613"/>
      <c r="AKZ681" s="613"/>
      <c r="ALA681" s="613"/>
      <c r="ALB681" s="613"/>
      <c r="ALC681" s="613"/>
      <c r="ALD681" s="613"/>
      <c r="ALE681" s="613"/>
      <c r="ALF681" s="613"/>
      <c r="ALG681" s="613"/>
      <c r="ALH681" s="613"/>
      <c r="ALI681" s="613"/>
      <c r="ALJ681" s="613"/>
      <c r="ALK681" s="613"/>
      <c r="ALL681" s="613"/>
      <c r="ALM681" s="613"/>
      <c r="ALN681" s="613"/>
      <c r="ALO681" s="613"/>
      <c r="ALP681" s="613"/>
      <c r="ALQ681" s="613"/>
      <c r="ALR681" s="613"/>
      <c r="ALS681" s="613"/>
      <c r="ALT681" s="613"/>
      <c r="ALU681" s="613"/>
      <c r="ALV681" s="613"/>
      <c r="ALW681" s="613"/>
      <c r="ALX681" s="613"/>
      <c r="ALY681" s="613"/>
      <c r="ALZ681" s="613"/>
      <c r="AMA681" s="613"/>
      <c r="AMB681" s="613"/>
      <c r="AMC681" s="613"/>
      <c r="AMD681" s="613"/>
      <c r="AME681" s="613"/>
      <c r="AMF681" s="613"/>
      <c r="AMG681" s="613"/>
      <c r="AMH681" s="613"/>
      <c r="AMI681" s="613"/>
      <c r="AMJ681" s="613"/>
      <c r="AMK681" s="613"/>
      <c r="AML681" s="613"/>
      <c r="AMM681" s="613"/>
      <c r="AMN681" s="613"/>
      <c r="AMO681" s="613"/>
      <c r="AMP681" s="613"/>
      <c r="AMQ681" s="613"/>
      <c r="AMR681" s="613"/>
      <c r="AMS681" s="613"/>
      <c r="AMT681" s="613"/>
      <c r="AMU681" s="613"/>
      <c r="AMV681" s="613"/>
      <c r="AMW681" s="613"/>
      <c r="AMX681" s="613"/>
      <c r="AMY681" s="613"/>
      <c r="AMZ681" s="613"/>
      <c r="ANA681" s="613"/>
      <c r="ANB681" s="613"/>
      <c r="ANC681" s="613"/>
      <c r="AND681" s="613"/>
      <c r="ANE681" s="613"/>
      <c r="ANF681" s="613"/>
      <c r="ANG681" s="613"/>
      <c r="ANH681" s="613"/>
      <c r="ANI681" s="613"/>
      <c r="ANJ681" s="613"/>
      <c r="ANK681" s="613"/>
      <c r="ANL681" s="613"/>
      <c r="ANM681" s="613"/>
      <c r="ANN681" s="613"/>
      <c r="ANO681" s="613"/>
      <c r="ANP681" s="613"/>
      <c r="ANQ681" s="613"/>
      <c r="ANR681" s="613"/>
      <c r="ANS681" s="613"/>
      <c r="ANT681" s="613"/>
      <c r="ANU681" s="613"/>
      <c r="ANV681" s="613"/>
      <c r="ANW681" s="613"/>
      <c r="ANX681" s="613"/>
      <c r="ANY681" s="613"/>
      <c r="ANZ681" s="613"/>
      <c r="AOA681" s="613"/>
      <c r="AOB681" s="613"/>
      <c r="AOC681" s="613"/>
      <c r="AOD681" s="613"/>
      <c r="AOE681" s="613"/>
      <c r="AOF681" s="613"/>
      <c r="AOG681" s="613"/>
      <c r="AOH681" s="613"/>
      <c r="AOI681" s="613"/>
      <c r="AOJ681" s="613"/>
      <c r="AOK681" s="613"/>
      <c r="AOL681" s="613"/>
      <c r="AOM681" s="613"/>
      <c r="AON681" s="613"/>
      <c r="AOO681" s="613"/>
      <c r="AOP681" s="613"/>
      <c r="AOQ681" s="613"/>
      <c r="AOR681" s="613"/>
      <c r="AOS681" s="613"/>
      <c r="AOT681" s="613"/>
      <c r="AOU681" s="613"/>
      <c r="AOV681" s="613"/>
      <c r="AOW681" s="613"/>
      <c r="AOX681" s="613"/>
      <c r="AOY681" s="613"/>
      <c r="AOZ681" s="613"/>
      <c r="APA681" s="613"/>
      <c r="APB681" s="613"/>
      <c r="APC681" s="613"/>
      <c r="APD681" s="613"/>
      <c r="APE681" s="613"/>
      <c r="APF681" s="613"/>
      <c r="APG681" s="613"/>
      <c r="APH681" s="613"/>
      <c r="API681" s="613"/>
      <c r="APJ681" s="613"/>
      <c r="APK681" s="613"/>
      <c r="APL681" s="613"/>
      <c r="APM681" s="613"/>
      <c r="APN681" s="613"/>
      <c r="APO681" s="613"/>
      <c r="APP681" s="613"/>
      <c r="APQ681" s="613"/>
      <c r="APR681" s="613"/>
      <c r="APS681" s="613"/>
      <c r="APT681" s="613"/>
      <c r="APU681" s="613"/>
      <c r="APV681" s="613"/>
      <c r="APW681" s="613"/>
      <c r="APX681" s="613"/>
      <c r="APY681" s="613"/>
      <c r="APZ681" s="613"/>
      <c r="AQA681" s="613"/>
      <c r="AQB681" s="613"/>
      <c r="AQC681" s="613"/>
      <c r="AQD681" s="613"/>
      <c r="AQE681" s="613"/>
      <c r="AQF681" s="613"/>
      <c r="AQG681" s="613"/>
      <c r="AQH681" s="613"/>
      <c r="AQI681" s="613"/>
      <c r="AQJ681" s="613"/>
      <c r="AQK681" s="613"/>
      <c r="AQL681" s="613"/>
      <c r="AQM681" s="613"/>
      <c r="AQN681" s="613"/>
      <c r="AQO681" s="613"/>
      <c r="AQP681" s="613"/>
      <c r="AQQ681" s="613"/>
      <c r="AQR681" s="613"/>
      <c r="AQS681" s="613"/>
      <c r="AQT681" s="613"/>
      <c r="AQU681" s="613"/>
      <c r="AQV681" s="613"/>
      <c r="AQW681" s="613"/>
      <c r="AQX681" s="613"/>
      <c r="AQY681" s="613"/>
      <c r="AQZ681" s="613"/>
      <c r="ARA681" s="613"/>
      <c r="ARB681" s="613"/>
      <c r="ARC681" s="613"/>
      <c r="ARD681" s="613"/>
      <c r="ARE681" s="613"/>
      <c r="ARF681" s="613"/>
      <c r="ARG681" s="613"/>
      <c r="ARH681" s="613"/>
      <c r="ARI681" s="613"/>
      <c r="ARJ681" s="613"/>
      <c r="ARK681" s="613"/>
      <c r="ARL681" s="613"/>
      <c r="ARM681" s="613"/>
      <c r="ARN681" s="613"/>
      <c r="ARO681" s="613"/>
      <c r="ARP681" s="613"/>
      <c r="ARQ681" s="613"/>
      <c r="ARR681" s="613"/>
      <c r="ARS681" s="613"/>
      <c r="ART681" s="613"/>
      <c r="ARU681" s="613"/>
      <c r="ARV681" s="613"/>
      <c r="ARW681" s="613"/>
      <c r="ARX681" s="613"/>
      <c r="ARY681" s="613"/>
      <c r="ARZ681" s="613"/>
      <c r="ASA681" s="613"/>
      <c r="ASB681" s="613"/>
      <c r="ASC681" s="613"/>
      <c r="ASD681" s="613"/>
      <c r="ASE681" s="613"/>
      <c r="ASF681" s="613"/>
      <c r="ASG681" s="613"/>
      <c r="ASH681" s="613"/>
      <c r="ASI681" s="613"/>
      <c r="ASJ681" s="613"/>
      <c r="ASK681" s="613"/>
      <c r="ASL681" s="613"/>
      <c r="ASM681" s="613"/>
      <c r="ASN681" s="613"/>
      <c r="ASO681" s="613"/>
      <c r="ASP681" s="613"/>
      <c r="ASQ681" s="613"/>
      <c r="ASR681" s="613"/>
      <c r="ASS681" s="613"/>
      <c r="AST681" s="613"/>
      <c r="ASU681" s="613"/>
      <c r="ASV681" s="613"/>
      <c r="ASW681" s="613"/>
      <c r="ASX681" s="613"/>
      <c r="ASY681" s="613"/>
      <c r="ASZ681" s="613"/>
      <c r="ATA681" s="613"/>
      <c r="ATB681" s="613"/>
      <c r="ATC681" s="613"/>
      <c r="ATD681" s="613"/>
      <c r="ATE681" s="613"/>
      <c r="ATF681" s="613"/>
      <c r="ATG681" s="613"/>
      <c r="ATH681" s="613"/>
      <c r="ATI681" s="613"/>
      <c r="ATJ681" s="613"/>
      <c r="ATK681" s="613"/>
      <c r="ATL681" s="613"/>
      <c r="ATM681" s="613"/>
      <c r="ATN681" s="613"/>
      <c r="ATO681" s="613"/>
      <c r="ATP681" s="613"/>
      <c r="ATQ681" s="613"/>
      <c r="ATR681" s="613"/>
      <c r="ATS681" s="613"/>
      <c r="ATT681" s="613"/>
      <c r="ATU681" s="613"/>
      <c r="ATV681" s="613"/>
      <c r="ATW681" s="613"/>
      <c r="ATX681" s="613"/>
      <c r="ATY681" s="613"/>
      <c r="ATZ681" s="613"/>
      <c r="AUA681" s="613"/>
      <c r="AUB681" s="613"/>
      <c r="AUC681" s="613"/>
      <c r="AUD681" s="613"/>
      <c r="AUE681" s="613"/>
      <c r="AUF681" s="613"/>
      <c r="AUG681" s="613"/>
      <c r="AUH681" s="613"/>
      <c r="AUI681" s="613"/>
      <c r="AUJ681" s="613"/>
      <c r="AUK681" s="613"/>
      <c r="AUL681" s="613"/>
      <c r="AUM681" s="613"/>
      <c r="AUN681" s="613"/>
      <c r="AUO681" s="613"/>
      <c r="AUP681" s="613"/>
      <c r="AUQ681" s="613"/>
      <c r="AUR681" s="613"/>
      <c r="AUS681" s="613"/>
      <c r="AUT681" s="613"/>
      <c r="AUU681" s="613"/>
      <c r="AUV681" s="613"/>
      <c r="AUW681" s="613"/>
      <c r="AUX681" s="613"/>
      <c r="AUY681" s="613"/>
      <c r="AUZ681" s="613"/>
      <c r="AVA681" s="613"/>
      <c r="AVB681" s="613"/>
      <c r="AVC681" s="613"/>
      <c r="AVD681" s="613"/>
      <c r="AVE681" s="613"/>
      <c r="AVF681" s="613"/>
      <c r="AVG681" s="613"/>
      <c r="AVH681" s="613"/>
      <c r="AVI681" s="613"/>
      <c r="AVJ681" s="613"/>
      <c r="AVK681" s="613"/>
      <c r="AVL681" s="613"/>
      <c r="AVM681" s="613"/>
      <c r="AVN681" s="613"/>
      <c r="AVO681" s="613"/>
      <c r="AVP681" s="613"/>
      <c r="AVQ681" s="613"/>
      <c r="AVR681" s="613"/>
      <c r="AVS681" s="613"/>
      <c r="AVT681" s="613"/>
      <c r="AVU681" s="613"/>
      <c r="AVV681" s="613"/>
      <c r="AVW681" s="613"/>
      <c r="AVX681" s="613"/>
      <c r="AVY681" s="613"/>
      <c r="AVZ681" s="613"/>
      <c r="AWA681" s="613"/>
      <c r="AWB681" s="613"/>
      <c r="AWC681" s="613"/>
      <c r="AWD681" s="613"/>
      <c r="AWE681" s="613"/>
      <c r="AWF681" s="613"/>
      <c r="AWG681" s="613"/>
      <c r="AWH681" s="613"/>
      <c r="AWI681" s="613"/>
      <c r="AWJ681" s="613"/>
      <c r="AWK681" s="613"/>
      <c r="AWL681" s="613"/>
      <c r="AWM681" s="613"/>
      <c r="AWN681" s="613"/>
      <c r="AWO681" s="613"/>
      <c r="AWP681" s="613"/>
      <c r="AWQ681" s="613"/>
      <c r="AWR681" s="613"/>
      <c r="AWS681" s="613"/>
      <c r="AWT681" s="613"/>
      <c r="AWU681" s="613"/>
      <c r="AWV681" s="613"/>
      <c r="AWW681" s="613"/>
      <c r="AWX681" s="613"/>
      <c r="AWY681" s="613"/>
      <c r="AWZ681" s="613"/>
      <c r="AXA681" s="613"/>
      <c r="AXB681" s="613"/>
      <c r="AXC681" s="613"/>
      <c r="AXD681" s="613"/>
      <c r="AXE681" s="613"/>
      <c r="AXF681" s="613"/>
      <c r="AXG681" s="613"/>
      <c r="AXH681" s="613"/>
      <c r="AXI681" s="613"/>
      <c r="AXJ681" s="613"/>
      <c r="AXK681" s="613"/>
      <c r="AXL681" s="613"/>
      <c r="AXM681" s="613"/>
      <c r="AXN681" s="613"/>
      <c r="AXO681" s="613"/>
      <c r="AXP681" s="613"/>
      <c r="AXQ681" s="613"/>
      <c r="AXR681" s="613"/>
      <c r="AXS681" s="613"/>
      <c r="AXT681" s="613"/>
      <c r="AXU681" s="613"/>
      <c r="AXV681" s="613"/>
      <c r="AXW681" s="613"/>
      <c r="AXX681" s="613"/>
      <c r="AXY681" s="613"/>
      <c r="AXZ681" s="613"/>
      <c r="AYA681" s="613"/>
      <c r="AYB681" s="613"/>
      <c r="AYC681" s="613"/>
      <c r="AYD681" s="613"/>
      <c r="AYE681" s="613"/>
      <c r="AYF681" s="613"/>
      <c r="AYG681" s="613"/>
      <c r="AYH681" s="613"/>
      <c r="AYI681" s="613"/>
      <c r="AYJ681" s="613"/>
      <c r="AYK681" s="613"/>
      <c r="AYL681" s="613"/>
      <c r="AYM681" s="613"/>
      <c r="AYN681" s="613"/>
      <c r="AYO681" s="613"/>
      <c r="AYP681" s="613"/>
      <c r="AYQ681" s="613"/>
      <c r="AYR681" s="613"/>
      <c r="AYS681" s="613"/>
      <c r="AYT681" s="613"/>
      <c r="AYU681" s="613"/>
      <c r="AYV681" s="613"/>
      <c r="AYW681" s="613"/>
      <c r="AYX681" s="613"/>
      <c r="AYY681" s="613"/>
      <c r="AYZ681" s="613"/>
      <c r="AZA681" s="613"/>
      <c r="AZB681" s="613"/>
      <c r="AZC681" s="613"/>
      <c r="AZD681" s="613"/>
      <c r="AZE681" s="613"/>
      <c r="AZF681" s="613"/>
      <c r="AZG681" s="613"/>
      <c r="AZH681" s="613"/>
      <c r="AZI681" s="613"/>
      <c r="AZJ681" s="613"/>
      <c r="AZK681" s="613"/>
      <c r="AZL681" s="613"/>
      <c r="AZM681" s="613"/>
      <c r="AZN681" s="613"/>
      <c r="AZO681" s="613"/>
      <c r="AZP681" s="613"/>
      <c r="AZQ681" s="613"/>
      <c r="AZR681" s="613"/>
      <c r="AZS681" s="613"/>
      <c r="AZT681" s="613"/>
      <c r="AZU681" s="613"/>
      <c r="AZV681" s="613"/>
      <c r="AZW681" s="613"/>
      <c r="AZX681" s="613"/>
      <c r="AZY681" s="613"/>
      <c r="AZZ681" s="613"/>
      <c r="BAA681" s="613"/>
      <c r="BAB681" s="613"/>
      <c r="BAC681" s="613"/>
      <c r="BAD681" s="613"/>
      <c r="BAE681" s="613"/>
      <c r="BAF681" s="613"/>
      <c r="BAG681" s="613"/>
      <c r="BAH681" s="613"/>
      <c r="BAI681" s="613"/>
      <c r="BAJ681" s="613"/>
      <c r="BAK681" s="613"/>
      <c r="BAL681" s="613"/>
      <c r="BAM681" s="613"/>
      <c r="BAN681" s="613"/>
      <c r="BAO681" s="613"/>
      <c r="BAP681" s="613"/>
      <c r="BAQ681" s="613"/>
      <c r="BAR681" s="613"/>
      <c r="BAS681" s="613"/>
      <c r="BAT681" s="613"/>
      <c r="BAU681" s="613"/>
      <c r="BAV681" s="613"/>
      <c r="BAW681" s="613"/>
      <c r="BAX681" s="613"/>
      <c r="BAY681" s="613"/>
      <c r="BAZ681" s="613"/>
      <c r="BBA681" s="613"/>
      <c r="BBB681" s="613"/>
      <c r="BBC681" s="613"/>
      <c r="BBD681" s="613"/>
      <c r="BBE681" s="613"/>
      <c r="BBF681" s="613"/>
      <c r="BBG681" s="613"/>
      <c r="BBH681" s="613"/>
      <c r="BBI681" s="613"/>
      <c r="BBJ681" s="613"/>
      <c r="BBK681" s="613"/>
      <c r="BBL681" s="613"/>
      <c r="BBM681" s="613"/>
      <c r="BBN681" s="613"/>
      <c r="BBO681" s="613"/>
      <c r="BBP681" s="613"/>
      <c r="BBQ681" s="613"/>
      <c r="BBR681" s="613"/>
      <c r="BBS681" s="613"/>
      <c r="BBT681" s="613"/>
      <c r="BBU681" s="613"/>
      <c r="BBV681" s="613"/>
      <c r="BBW681" s="613"/>
      <c r="BBX681" s="613"/>
      <c r="BBY681" s="613"/>
      <c r="BBZ681" s="613"/>
      <c r="BCA681" s="613"/>
      <c r="BCB681" s="613"/>
      <c r="BCC681" s="613"/>
      <c r="BCD681" s="613"/>
      <c r="BCE681" s="613"/>
      <c r="BCF681" s="613"/>
      <c r="BCG681" s="613"/>
      <c r="BCH681" s="613"/>
      <c r="BCI681" s="613"/>
      <c r="BCJ681" s="613"/>
      <c r="BCK681" s="613"/>
      <c r="BCL681" s="613"/>
      <c r="BCM681" s="613"/>
      <c r="BCN681" s="613"/>
      <c r="BCO681" s="613"/>
      <c r="BCP681" s="613"/>
      <c r="BCQ681" s="613"/>
      <c r="BCR681" s="613"/>
      <c r="BCS681" s="613"/>
      <c r="BCT681" s="613"/>
      <c r="BCU681" s="613"/>
      <c r="BCV681" s="613"/>
      <c r="BCW681" s="613"/>
      <c r="BCX681" s="613"/>
      <c r="BCY681" s="613"/>
      <c r="BCZ681" s="613"/>
      <c r="BDA681" s="613"/>
      <c r="BDB681" s="613"/>
      <c r="BDC681" s="613"/>
      <c r="BDD681" s="613"/>
      <c r="BDE681" s="613"/>
      <c r="BDF681" s="613"/>
      <c r="BDG681" s="613"/>
      <c r="BDH681" s="613"/>
      <c r="BDI681" s="613"/>
      <c r="BDJ681" s="613"/>
      <c r="BDK681" s="613"/>
      <c r="BDL681" s="613"/>
      <c r="BDM681" s="613"/>
      <c r="BDN681" s="613"/>
      <c r="BDO681" s="613"/>
      <c r="BDP681" s="613"/>
      <c r="BDQ681" s="613"/>
      <c r="BDR681" s="613"/>
      <c r="BDS681" s="613"/>
      <c r="BDT681" s="613"/>
      <c r="BDU681" s="613"/>
      <c r="BDV681" s="613"/>
      <c r="BDW681" s="613"/>
      <c r="BDX681" s="613"/>
      <c r="BDY681" s="613"/>
      <c r="BDZ681" s="613"/>
      <c r="BEA681" s="613"/>
      <c r="BEB681" s="613"/>
      <c r="BEC681" s="613"/>
      <c r="BED681" s="613"/>
      <c r="BEE681" s="613"/>
      <c r="BEF681" s="613"/>
      <c r="BEG681" s="613"/>
      <c r="BEH681" s="613"/>
      <c r="BEI681" s="613"/>
      <c r="BEJ681" s="613"/>
      <c r="BEK681" s="613"/>
      <c r="BEL681" s="613"/>
      <c r="BEM681" s="613"/>
      <c r="BEN681" s="613"/>
      <c r="BEO681" s="613"/>
      <c r="BEP681" s="613"/>
      <c r="BEQ681" s="613"/>
      <c r="BER681" s="613"/>
      <c r="BES681" s="613"/>
      <c r="BET681" s="613"/>
      <c r="BEU681" s="613"/>
      <c r="BEV681" s="613"/>
      <c r="BEW681" s="613"/>
      <c r="BEX681" s="613"/>
      <c r="BEY681" s="613"/>
      <c r="BEZ681" s="613"/>
      <c r="BFA681" s="613"/>
      <c r="BFB681" s="613"/>
      <c r="BFC681" s="613"/>
      <c r="BFD681" s="613"/>
      <c r="BFE681" s="613"/>
      <c r="BFF681" s="613"/>
      <c r="BFG681" s="613"/>
      <c r="BFH681" s="613"/>
      <c r="BFI681" s="613"/>
      <c r="BFJ681" s="613"/>
      <c r="BFK681" s="613"/>
      <c r="BFL681" s="613"/>
      <c r="BFM681" s="613"/>
      <c r="BFN681" s="613"/>
      <c r="BFO681" s="613"/>
      <c r="BFP681" s="613"/>
      <c r="BFQ681" s="613"/>
      <c r="BFR681" s="613"/>
      <c r="BFS681" s="613"/>
      <c r="BFT681" s="613"/>
      <c r="BFU681" s="613"/>
      <c r="BFV681" s="613"/>
      <c r="BFW681" s="613"/>
      <c r="BFX681" s="613"/>
      <c r="BFY681" s="613"/>
      <c r="BFZ681" s="613"/>
      <c r="BGA681" s="613"/>
      <c r="BGB681" s="613"/>
      <c r="BGC681" s="613"/>
      <c r="BGD681" s="613"/>
      <c r="BGE681" s="613"/>
      <c r="BGF681" s="613"/>
      <c r="BGG681" s="613"/>
      <c r="BGH681" s="613"/>
      <c r="BGI681" s="613"/>
      <c r="BGJ681" s="613"/>
      <c r="BGK681" s="613"/>
      <c r="BGL681" s="613"/>
      <c r="BGM681" s="613"/>
      <c r="BGN681" s="613"/>
      <c r="BGO681" s="613"/>
      <c r="BGP681" s="613"/>
      <c r="BGQ681" s="613"/>
      <c r="BGR681" s="613"/>
      <c r="BGS681" s="613"/>
      <c r="BGT681" s="613"/>
      <c r="BGU681" s="613"/>
      <c r="BGV681" s="613"/>
      <c r="BGW681" s="613"/>
      <c r="BGX681" s="613"/>
      <c r="BGY681" s="613"/>
      <c r="BGZ681" s="613"/>
      <c r="BHA681" s="613"/>
      <c r="BHB681" s="613"/>
      <c r="BHC681" s="613"/>
      <c r="BHD681" s="613"/>
      <c r="BHE681" s="613"/>
      <c r="BHF681" s="613"/>
      <c r="BHG681" s="613"/>
      <c r="BHH681" s="613"/>
      <c r="BHI681" s="613"/>
      <c r="BHJ681" s="613"/>
      <c r="BHK681" s="613"/>
      <c r="BHL681" s="613"/>
      <c r="BHM681" s="613"/>
      <c r="BHN681" s="613"/>
      <c r="BHO681" s="613"/>
      <c r="BHP681" s="613"/>
      <c r="BHQ681" s="613"/>
      <c r="BHR681" s="613"/>
      <c r="BHS681" s="613"/>
      <c r="BHT681" s="613"/>
      <c r="BHU681" s="613"/>
      <c r="BHV681" s="613"/>
      <c r="BHW681" s="613"/>
      <c r="BHX681" s="613"/>
      <c r="BHY681" s="613"/>
      <c r="BHZ681" s="613"/>
      <c r="BIA681" s="613"/>
      <c r="BIB681" s="613"/>
      <c r="BIC681" s="613"/>
      <c r="BID681" s="613"/>
      <c r="BIE681" s="613"/>
      <c r="BIF681" s="613"/>
      <c r="BIG681" s="613"/>
      <c r="BIH681" s="613"/>
      <c r="BII681" s="613"/>
      <c r="BIJ681" s="613"/>
      <c r="BIK681" s="613"/>
      <c r="BIL681" s="613"/>
      <c r="BIM681" s="613"/>
      <c r="BIN681" s="613"/>
      <c r="BIO681" s="613"/>
      <c r="BIP681" s="613"/>
      <c r="BIQ681" s="613"/>
      <c r="BIR681" s="613"/>
      <c r="BIS681" s="613"/>
      <c r="BIT681" s="613"/>
      <c r="BIU681" s="613"/>
      <c r="BIV681" s="613"/>
      <c r="BIW681" s="613"/>
      <c r="BIX681" s="613"/>
      <c r="BIY681" s="613"/>
      <c r="BIZ681" s="613"/>
      <c r="BJA681" s="613"/>
      <c r="BJB681" s="613"/>
      <c r="BJC681" s="613"/>
      <c r="BJD681" s="613"/>
      <c r="BJE681" s="613"/>
      <c r="BJF681" s="613"/>
      <c r="BJG681" s="613"/>
      <c r="BJH681" s="613"/>
      <c r="BJI681" s="613"/>
      <c r="BJJ681" s="613"/>
      <c r="BJK681" s="613"/>
      <c r="BJL681" s="613"/>
      <c r="BJM681" s="613"/>
      <c r="BJN681" s="613"/>
      <c r="BJO681" s="613"/>
      <c r="BJP681" s="613"/>
      <c r="BJQ681" s="613"/>
      <c r="BJR681" s="613"/>
      <c r="BJS681" s="613"/>
      <c r="BJT681" s="613"/>
      <c r="BJU681" s="613"/>
      <c r="BJV681" s="613"/>
      <c r="BJW681" s="613"/>
      <c r="BJX681" s="613"/>
      <c r="BJY681" s="613"/>
      <c r="BJZ681" s="613"/>
      <c r="BKA681" s="613"/>
      <c r="BKB681" s="613"/>
      <c r="BKC681" s="613"/>
      <c r="BKD681" s="613"/>
      <c r="BKE681" s="613"/>
      <c r="BKF681" s="613"/>
      <c r="BKG681" s="613"/>
      <c r="BKH681" s="613"/>
      <c r="BKI681" s="613"/>
      <c r="BKJ681" s="613"/>
      <c r="BKK681" s="613"/>
      <c r="BKL681" s="613"/>
      <c r="BKM681" s="613"/>
      <c r="BKN681" s="613"/>
      <c r="BKO681" s="613"/>
      <c r="BKP681" s="613"/>
      <c r="BKQ681" s="613"/>
      <c r="BKR681" s="613"/>
      <c r="BKS681" s="613"/>
      <c r="BKT681" s="613"/>
      <c r="BKU681" s="613"/>
      <c r="BKV681" s="613"/>
      <c r="BKW681" s="613"/>
      <c r="BKX681" s="613"/>
      <c r="BKY681" s="613"/>
      <c r="BKZ681" s="613"/>
      <c r="BLA681" s="613"/>
      <c r="BLB681" s="613"/>
      <c r="BLC681" s="613"/>
      <c r="BLD681" s="613"/>
      <c r="BLE681" s="613"/>
      <c r="BLF681" s="613"/>
      <c r="BLG681" s="613"/>
      <c r="BLH681" s="613"/>
      <c r="BLI681" s="613"/>
      <c r="BLJ681" s="613"/>
      <c r="BLK681" s="613"/>
      <c r="BLL681" s="613"/>
      <c r="BLM681" s="613"/>
      <c r="BLN681" s="613"/>
      <c r="BLO681" s="613"/>
      <c r="BLP681" s="613"/>
      <c r="BLQ681" s="613"/>
      <c r="BLR681" s="613"/>
      <c r="BLS681" s="613"/>
      <c r="BLT681" s="613"/>
      <c r="BLU681" s="613"/>
      <c r="BLV681" s="613"/>
      <c r="BLW681" s="613"/>
      <c r="BLX681" s="613"/>
      <c r="BLY681" s="613"/>
      <c r="BLZ681" s="613"/>
      <c r="BMA681" s="613"/>
      <c r="BMB681" s="613"/>
      <c r="BMC681" s="613"/>
      <c r="BMD681" s="613"/>
      <c r="BME681" s="613"/>
      <c r="BMF681" s="613"/>
      <c r="BMG681" s="613"/>
      <c r="BMH681" s="613"/>
      <c r="BMI681" s="613"/>
      <c r="BMJ681" s="613"/>
      <c r="BMK681" s="613"/>
      <c r="BML681" s="613"/>
      <c r="BMM681" s="613"/>
      <c r="BMN681" s="613"/>
      <c r="BMO681" s="613"/>
      <c r="BMP681" s="613"/>
      <c r="BMQ681" s="613"/>
      <c r="BMR681" s="613"/>
      <c r="BMS681" s="613"/>
      <c r="BMT681" s="613"/>
      <c r="BMU681" s="613"/>
      <c r="BMV681" s="613"/>
      <c r="BMW681" s="613"/>
      <c r="BMX681" s="613"/>
      <c r="BMY681" s="613"/>
      <c r="BMZ681" s="613"/>
      <c r="BNA681" s="613"/>
      <c r="BNB681" s="613"/>
      <c r="BNC681" s="613"/>
      <c r="BND681" s="613"/>
      <c r="BNE681" s="613"/>
      <c r="BNF681" s="613"/>
      <c r="BNG681" s="613"/>
      <c r="BNH681" s="613"/>
      <c r="BNI681" s="613"/>
      <c r="BNJ681" s="613"/>
      <c r="BNK681" s="613"/>
      <c r="BNL681" s="613"/>
      <c r="BNM681" s="613"/>
      <c r="BNN681" s="613"/>
      <c r="BNO681" s="613"/>
      <c r="BNP681" s="613"/>
      <c r="BNQ681" s="613"/>
      <c r="BNR681" s="613"/>
      <c r="BNS681" s="613"/>
      <c r="BNT681" s="613"/>
      <c r="BNU681" s="613"/>
      <c r="BNV681" s="613"/>
      <c r="BNW681" s="613"/>
      <c r="BNX681" s="613"/>
      <c r="BNY681" s="613"/>
      <c r="BNZ681" s="613"/>
      <c r="BOA681" s="613"/>
      <c r="BOB681" s="613"/>
      <c r="BOC681" s="613"/>
      <c r="BOD681" s="613"/>
      <c r="BOE681" s="613"/>
      <c r="BOF681" s="613"/>
      <c r="BOG681" s="613"/>
      <c r="BOH681" s="613"/>
      <c r="BOI681" s="613"/>
      <c r="BOJ681" s="613"/>
      <c r="BOK681" s="613"/>
      <c r="BOL681" s="613"/>
      <c r="BOM681" s="613"/>
      <c r="BON681" s="613"/>
      <c r="BOO681" s="613"/>
      <c r="BOP681" s="613"/>
      <c r="BOQ681" s="613"/>
      <c r="BOR681" s="613"/>
      <c r="BOS681" s="613"/>
      <c r="BOT681" s="613"/>
      <c r="BOU681" s="613"/>
      <c r="BOV681" s="613"/>
      <c r="BOW681" s="613"/>
      <c r="BOX681" s="613"/>
      <c r="BOY681" s="613"/>
      <c r="BOZ681" s="613"/>
      <c r="BPA681" s="613"/>
      <c r="BPB681" s="613"/>
      <c r="BPC681" s="613"/>
      <c r="BPD681" s="613"/>
      <c r="BPE681" s="613"/>
      <c r="BPF681" s="613"/>
      <c r="BPG681" s="613"/>
      <c r="BPH681" s="613"/>
      <c r="BPI681" s="613"/>
      <c r="BPJ681" s="613"/>
      <c r="BPK681" s="613"/>
      <c r="BPL681" s="613"/>
      <c r="BPM681" s="613"/>
      <c r="BPN681" s="613"/>
      <c r="BPO681" s="613"/>
      <c r="BPP681" s="613"/>
      <c r="BPQ681" s="613"/>
      <c r="BPR681" s="613"/>
      <c r="BPS681" s="613"/>
      <c r="BPT681" s="613"/>
      <c r="BPU681" s="613"/>
      <c r="BPV681" s="613"/>
      <c r="BPW681" s="613"/>
      <c r="BPX681" s="613"/>
      <c r="BPY681" s="613"/>
      <c r="BPZ681" s="613"/>
      <c r="BQA681" s="613"/>
      <c r="BQB681" s="613"/>
      <c r="BQC681" s="613"/>
      <c r="BQD681" s="613"/>
      <c r="BQE681" s="613"/>
      <c r="BQF681" s="613"/>
      <c r="BQG681" s="613"/>
      <c r="BQH681" s="613"/>
      <c r="BQI681" s="613"/>
      <c r="BQJ681" s="613"/>
      <c r="BQK681" s="613"/>
      <c r="BQL681" s="613"/>
      <c r="BQM681" s="613"/>
      <c r="BQN681" s="613"/>
      <c r="BQO681" s="613"/>
      <c r="BQP681" s="613"/>
      <c r="BQQ681" s="613"/>
      <c r="BQR681" s="613"/>
      <c r="BQS681" s="613"/>
      <c r="BQT681" s="613"/>
      <c r="BQU681" s="613"/>
      <c r="BQV681" s="613"/>
      <c r="BQW681" s="613"/>
      <c r="BQX681" s="613"/>
      <c r="BQY681" s="613"/>
      <c r="BQZ681" s="613"/>
      <c r="BRA681" s="613"/>
      <c r="BRB681" s="613"/>
      <c r="BRC681" s="613"/>
      <c r="BRD681" s="613"/>
      <c r="BRE681" s="613"/>
      <c r="BRF681" s="613"/>
      <c r="BRG681" s="613"/>
      <c r="BRH681" s="613"/>
      <c r="BRI681" s="613"/>
      <c r="BRJ681" s="613"/>
      <c r="BRK681" s="613"/>
      <c r="BRL681" s="613"/>
      <c r="BRM681" s="613"/>
      <c r="BRN681" s="613"/>
      <c r="BRO681" s="613"/>
      <c r="BRP681" s="613"/>
      <c r="BRQ681" s="613"/>
      <c r="BRR681" s="613"/>
      <c r="BRS681" s="613"/>
      <c r="BRT681" s="613"/>
      <c r="BRU681" s="613"/>
      <c r="BRV681" s="613"/>
      <c r="BRW681" s="613"/>
      <c r="BRX681" s="613"/>
      <c r="BRY681" s="613"/>
      <c r="BRZ681" s="613"/>
      <c r="BSA681" s="613"/>
      <c r="BSB681" s="613"/>
      <c r="BSC681" s="613"/>
      <c r="BSD681" s="613"/>
      <c r="BSE681" s="613"/>
      <c r="BSF681" s="613"/>
      <c r="BSG681" s="613"/>
      <c r="BSH681" s="613"/>
      <c r="BSI681" s="613"/>
      <c r="BSJ681" s="613"/>
      <c r="BSK681" s="613"/>
      <c r="BSL681" s="613"/>
      <c r="BSM681" s="613"/>
      <c r="BSN681" s="613"/>
      <c r="BSO681" s="613"/>
      <c r="BSP681" s="613"/>
      <c r="BSQ681" s="613"/>
      <c r="BSR681" s="613"/>
      <c r="BSS681" s="613"/>
      <c r="BST681" s="613"/>
      <c r="BSU681" s="613"/>
      <c r="BSV681" s="613"/>
      <c r="BSW681" s="613"/>
      <c r="BSX681" s="613"/>
      <c r="BSY681" s="613"/>
      <c r="BSZ681" s="613"/>
      <c r="BTA681" s="613"/>
      <c r="BTB681" s="613"/>
      <c r="BTC681" s="613"/>
      <c r="BTD681" s="613"/>
      <c r="BTE681" s="613"/>
      <c r="BTF681" s="613"/>
      <c r="BTG681" s="613"/>
      <c r="BTH681" s="613"/>
      <c r="BTI681" s="613"/>
      <c r="BTJ681" s="613"/>
      <c r="BTK681" s="613"/>
      <c r="BTL681" s="613"/>
      <c r="BTM681" s="613"/>
      <c r="BTN681" s="613"/>
      <c r="BTO681" s="613"/>
      <c r="BTP681" s="613"/>
      <c r="BTQ681" s="613"/>
      <c r="BTR681" s="613"/>
      <c r="BTS681" s="613"/>
      <c r="BTT681" s="613"/>
      <c r="BTU681" s="613"/>
      <c r="BTV681" s="613"/>
      <c r="BTW681" s="613"/>
      <c r="BTX681" s="613"/>
      <c r="BTY681" s="613"/>
      <c r="BTZ681" s="613"/>
      <c r="BUA681" s="613"/>
      <c r="BUB681" s="613"/>
      <c r="BUC681" s="613"/>
      <c r="BUD681" s="613"/>
      <c r="BUE681" s="613"/>
      <c r="BUF681" s="613"/>
      <c r="BUG681" s="613"/>
      <c r="BUH681" s="613"/>
      <c r="BUI681" s="613"/>
      <c r="BUJ681" s="613"/>
      <c r="BUK681" s="613"/>
      <c r="BUL681" s="613"/>
      <c r="BUM681" s="613"/>
      <c r="BUN681" s="613"/>
      <c r="BUO681" s="613"/>
      <c r="BUP681" s="613"/>
      <c r="BUQ681" s="613"/>
      <c r="BUR681" s="613"/>
      <c r="BUS681" s="613"/>
      <c r="BUT681" s="613"/>
      <c r="BUU681" s="613"/>
      <c r="BUV681" s="613"/>
      <c r="BUW681" s="613"/>
      <c r="BUX681" s="613"/>
      <c r="BUY681" s="613"/>
      <c r="BUZ681" s="613"/>
      <c r="BVA681" s="613"/>
      <c r="BVB681" s="613"/>
      <c r="BVC681" s="613"/>
      <c r="BVD681" s="613"/>
      <c r="BVE681" s="613"/>
      <c r="BVF681" s="613"/>
      <c r="BVG681" s="613"/>
      <c r="BVH681" s="613"/>
      <c r="BVI681" s="613"/>
      <c r="BVJ681" s="613"/>
      <c r="BVK681" s="613"/>
      <c r="BVL681" s="613"/>
      <c r="BVM681" s="613"/>
      <c r="BVN681" s="613"/>
      <c r="BVO681" s="613"/>
      <c r="BVP681" s="613"/>
      <c r="BVQ681" s="613"/>
      <c r="BVR681" s="613"/>
      <c r="BVS681" s="613"/>
      <c r="BVT681" s="613"/>
      <c r="BVU681" s="613"/>
      <c r="BVV681" s="613"/>
      <c r="BVW681" s="613"/>
      <c r="BVX681" s="613"/>
      <c r="BVY681" s="613"/>
      <c r="BVZ681" s="613"/>
      <c r="BWA681" s="613"/>
      <c r="BWB681" s="613"/>
      <c r="BWC681" s="613"/>
      <c r="BWD681" s="613"/>
      <c r="BWE681" s="613"/>
      <c r="BWF681" s="613"/>
      <c r="BWG681" s="613"/>
      <c r="BWH681" s="613"/>
      <c r="BWI681" s="613"/>
      <c r="BWJ681" s="613"/>
      <c r="BWK681" s="613"/>
      <c r="BWL681" s="613"/>
      <c r="BWM681" s="613"/>
      <c r="BWN681" s="613"/>
      <c r="BWO681" s="613"/>
      <c r="BWP681" s="613"/>
      <c r="BWQ681" s="613"/>
      <c r="BWR681" s="613"/>
      <c r="BWS681" s="613"/>
      <c r="BWT681" s="613"/>
      <c r="BWU681" s="613"/>
      <c r="BWV681" s="613"/>
      <c r="BWW681" s="613"/>
      <c r="BWX681" s="613"/>
      <c r="BWY681" s="613"/>
      <c r="BWZ681" s="613"/>
      <c r="BXA681" s="613"/>
      <c r="BXB681" s="613"/>
      <c r="BXC681" s="613"/>
      <c r="BXD681" s="613"/>
      <c r="BXE681" s="613"/>
      <c r="BXF681" s="613"/>
      <c r="BXG681" s="613"/>
      <c r="BXH681" s="613"/>
      <c r="BXI681" s="613"/>
      <c r="BXJ681" s="613"/>
      <c r="BXK681" s="613"/>
      <c r="BXL681" s="613"/>
      <c r="BXM681" s="613"/>
      <c r="BXN681" s="613"/>
      <c r="BXO681" s="613"/>
      <c r="BXP681" s="613"/>
      <c r="BXQ681" s="613"/>
      <c r="BXR681" s="613"/>
      <c r="BXS681" s="613"/>
      <c r="BXT681" s="613"/>
      <c r="BXU681" s="613"/>
      <c r="BXV681" s="613"/>
      <c r="BXW681" s="613"/>
      <c r="BXX681" s="613"/>
      <c r="BXY681" s="613"/>
      <c r="BXZ681" s="613"/>
      <c r="BYA681" s="613"/>
      <c r="BYB681" s="613"/>
      <c r="BYC681" s="613"/>
      <c r="BYD681" s="613"/>
      <c r="BYE681" s="613"/>
      <c r="BYF681" s="613"/>
      <c r="BYG681" s="613"/>
      <c r="BYH681" s="613"/>
      <c r="BYI681" s="613"/>
      <c r="BYJ681" s="613"/>
      <c r="BYK681" s="613"/>
      <c r="BYL681" s="613"/>
      <c r="BYM681" s="613"/>
      <c r="BYN681" s="613"/>
      <c r="BYO681" s="613"/>
      <c r="BYP681" s="613"/>
      <c r="BYQ681" s="613"/>
      <c r="BYR681" s="613"/>
      <c r="BYS681" s="613"/>
      <c r="BYT681" s="613"/>
      <c r="BYU681" s="613"/>
      <c r="BYV681" s="613"/>
      <c r="BYW681" s="613"/>
      <c r="BYX681" s="613"/>
      <c r="BYY681" s="613"/>
      <c r="BYZ681" s="613"/>
      <c r="BZA681" s="613"/>
      <c r="BZB681" s="613"/>
      <c r="BZC681" s="613"/>
      <c r="BZD681" s="613"/>
      <c r="BZE681" s="613"/>
      <c r="BZF681" s="613"/>
      <c r="BZG681" s="613"/>
      <c r="BZH681" s="613"/>
      <c r="BZI681" s="613"/>
      <c r="BZJ681" s="613"/>
      <c r="BZK681" s="613"/>
      <c r="BZL681" s="613"/>
      <c r="BZM681" s="613"/>
      <c r="BZN681" s="613"/>
      <c r="BZO681" s="613"/>
      <c r="BZP681" s="613"/>
      <c r="BZQ681" s="613"/>
      <c r="BZR681" s="613"/>
      <c r="BZS681" s="613"/>
      <c r="BZT681" s="613"/>
      <c r="BZU681" s="613"/>
      <c r="BZV681" s="613"/>
      <c r="BZW681" s="613"/>
      <c r="BZX681" s="613"/>
      <c r="BZY681" s="613"/>
      <c r="BZZ681" s="613"/>
      <c r="CAA681" s="613"/>
      <c r="CAB681" s="613"/>
      <c r="CAC681" s="613"/>
      <c r="CAD681" s="613"/>
      <c r="CAE681" s="613"/>
      <c r="CAF681" s="613"/>
      <c r="CAG681" s="613"/>
      <c r="CAH681" s="613"/>
      <c r="CAI681" s="613"/>
      <c r="CAJ681" s="613"/>
      <c r="CAK681" s="613"/>
      <c r="CAL681" s="613"/>
      <c r="CAM681" s="613"/>
      <c r="CAN681" s="613"/>
      <c r="CAO681" s="613"/>
      <c r="CAP681" s="613"/>
      <c r="CAQ681" s="613"/>
      <c r="CAR681" s="613"/>
      <c r="CAS681" s="613"/>
      <c r="CAT681" s="613"/>
      <c r="CAU681" s="613"/>
      <c r="CAV681" s="613"/>
      <c r="CAW681" s="613"/>
      <c r="CAX681" s="613"/>
      <c r="CAY681" s="613"/>
      <c r="CAZ681" s="613"/>
      <c r="CBA681" s="613"/>
      <c r="CBB681" s="613"/>
      <c r="CBC681" s="613"/>
      <c r="CBD681" s="613"/>
      <c r="CBE681" s="613"/>
      <c r="CBF681" s="613"/>
      <c r="CBG681" s="613"/>
      <c r="CBH681" s="613"/>
      <c r="CBI681" s="613"/>
      <c r="CBJ681" s="613"/>
      <c r="CBK681" s="613"/>
      <c r="CBL681" s="613"/>
      <c r="CBM681" s="613"/>
      <c r="CBN681" s="613"/>
      <c r="CBO681" s="613"/>
      <c r="CBP681" s="613"/>
      <c r="CBQ681" s="613"/>
      <c r="CBR681" s="613"/>
      <c r="CBS681" s="613"/>
      <c r="CBT681" s="613"/>
      <c r="CBU681" s="613"/>
      <c r="CBV681" s="613"/>
      <c r="CBW681" s="613"/>
      <c r="CBX681" s="613"/>
      <c r="CBY681" s="613"/>
      <c r="CBZ681" s="613"/>
      <c r="CCA681" s="613"/>
      <c r="CCB681" s="613"/>
      <c r="CCC681" s="613"/>
      <c r="CCD681" s="613"/>
      <c r="CCE681" s="613"/>
      <c r="CCF681" s="613"/>
      <c r="CCG681" s="613"/>
      <c r="CCH681" s="613"/>
      <c r="CCI681" s="613"/>
      <c r="CCJ681" s="613"/>
      <c r="CCK681" s="613"/>
      <c r="CCL681" s="613"/>
      <c r="CCM681" s="613"/>
      <c r="CCN681" s="613"/>
      <c r="CCO681" s="613"/>
      <c r="CCP681" s="613"/>
      <c r="CCQ681" s="613"/>
      <c r="CCR681" s="613"/>
      <c r="CCS681" s="613"/>
      <c r="CCT681" s="613"/>
      <c r="CCU681" s="613"/>
      <c r="CCV681" s="613"/>
      <c r="CCW681" s="613"/>
      <c r="CCX681" s="613"/>
      <c r="CCY681" s="613"/>
      <c r="CCZ681" s="613"/>
      <c r="CDA681" s="613"/>
      <c r="CDB681" s="613"/>
      <c r="CDC681" s="613"/>
      <c r="CDD681" s="613"/>
      <c r="CDE681" s="613"/>
      <c r="CDF681" s="613"/>
      <c r="CDG681" s="613"/>
      <c r="CDH681" s="613"/>
      <c r="CDI681" s="613"/>
      <c r="CDJ681" s="613"/>
      <c r="CDK681" s="613"/>
      <c r="CDL681" s="613"/>
      <c r="CDM681" s="613"/>
      <c r="CDN681" s="613"/>
      <c r="CDO681" s="613"/>
      <c r="CDP681" s="613"/>
      <c r="CDQ681" s="613"/>
      <c r="CDR681" s="613"/>
      <c r="CDS681" s="613"/>
      <c r="CDT681" s="613"/>
      <c r="CDU681" s="613"/>
      <c r="CDV681" s="613"/>
      <c r="CDW681" s="613"/>
      <c r="CDX681" s="613"/>
      <c r="CDY681" s="613"/>
      <c r="CDZ681" s="613"/>
      <c r="CEA681" s="613"/>
      <c r="CEB681" s="613"/>
      <c r="CEC681" s="613"/>
      <c r="CED681" s="613"/>
      <c r="CEE681" s="613"/>
      <c r="CEF681" s="613"/>
      <c r="CEG681" s="613"/>
      <c r="CEH681" s="613"/>
      <c r="CEI681" s="613"/>
      <c r="CEJ681" s="613"/>
      <c r="CEK681" s="613"/>
      <c r="CEL681" s="613"/>
      <c r="CEM681" s="613"/>
      <c r="CEN681" s="613"/>
      <c r="CEO681" s="613"/>
      <c r="CEP681" s="613"/>
      <c r="CEQ681" s="613"/>
      <c r="CER681" s="613"/>
      <c r="CES681" s="613"/>
      <c r="CET681" s="613"/>
      <c r="CEU681" s="613"/>
      <c r="CEV681" s="613"/>
      <c r="CEW681" s="613"/>
      <c r="CEX681" s="613"/>
      <c r="CEY681" s="613"/>
      <c r="CEZ681" s="613"/>
      <c r="CFA681" s="613"/>
      <c r="CFB681" s="613"/>
      <c r="CFC681" s="613"/>
      <c r="CFD681" s="613"/>
      <c r="CFE681" s="613"/>
      <c r="CFF681" s="613"/>
      <c r="CFG681" s="613"/>
      <c r="CFH681" s="613"/>
      <c r="CFI681" s="613"/>
      <c r="CFJ681" s="613"/>
      <c r="CFK681" s="613"/>
      <c r="CFL681" s="613"/>
      <c r="CFM681" s="613"/>
      <c r="CFN681" s="613"/>
      <c r="CFO681" s="613"/>
      <c r="CFP681" s="613"/>
      <c r="CFQ681" s="613"/>
      <c r="CFR681" s="613"/>
      <c r="CFS681" s="613"/>
      <c r="CFT681" s="613"/>
      <c r="CFU681" s="613"/>
      <c r="CFV681" s="613"/>
      <c r="CFW681" s="613"/>
      <c r="CFX681" s="613"/>
      <c r="CFY681" s="613"/>
      <c r="CFZ681" s="613"/>
      <c r="CGA681" s="613"/>
      <c r="CGB681" s="613"/>
      <c r="CGC681" s="613"/>
      <c r="CGD681" s="613"/>
      <c r="CGE681" s="613"/>
      <c r="CGF681" s="613"/>
      <c r="CGG681" s="613"/>
      <c r="CGH681" s="613"/>
      <c r="CGI681" s="613"/>
      <c r="CGJ681" s="613"/>
      <c r="CGK681" s="613"/>
      <c r="CGL681" s="613"/>
      <c r="CGM681" s="613"/>
      <c r="CGN681" s="613"/>
      <c r="CGO681" s="613"/>
      <c r="CGP681" s="613"/>
      <c r="CGQ681" s="613"/>
      <c r="CGR681" s="613"/>
      <c r="CGS681" s="613"/>
      <c r="CGT681" s="613"/>
      <c r="CGU681" s="613"/>
      <c r="CGV681" s="613"/>
      <c r="CGW681" s="613"/>
      <c r="CGX681" s="613"/>
      <c r="CGY681" s="613"/>
      <c r="CGZ681" s="613"/>
      <c r="CHA681" s="613"/>
      <c r="CHB681" s="613"/>
      <c r="CHC681" s="613"/>
      <c r="CHD681" s="613"/>
      <c r="CHE681" s="613"/>
      <c r="CHF681" s="613"/>
      <c r="CHG681" s="613"/>
      <c r="CHH681" s="613"/>
      <c r="CHI681" s="613"/>
      <c r="CHJ681" s="613"/>
      <c r="CHK681" s="613"/>
      <c r="CHL681" s="613"/>
      <c r="CHM681" s="613"/>
      <c r="CHN681" s="613"/>
      <c r="CHO681" s="613"/>
      <c r="CHP681" s="613"/>
      <c r="CHQ681" s="613"/>
      <c r="CHR681" s="613"/>
      <c r="CHS681" s="613"/>
      <c r="CHT681" s="613"/>
      <c r="CHU681" s="613"/>
      <c r="CHV681" s="613"/>
      <c r="CHW681" s="613"/>
      <c r="CHX681" s="613"/>
      <c r="CHY681" s="613"/>
      <c r="CHZ681" s="613"/>
      <c r="CIA681" s="613"/>
      <c r="CIB681" s="613"/>
      <c r="CIC681" s="613"/>
      <c r="CID681" s="613"/>
      <c r="CIE681" s="613"/>
      <c r="CIF681" s="613"/>
      <c r="CIG681" s="613"/>
      <c r="CIH681" s="613"/>
      <c r="CII681" s="613"/>
      <c r="CIJ681" s="613"/>
      <c r="CIK681" s="613"/>
      <c r="CIL681" s="613"/>
      <c r="CIM681" s="613"/>
      <c r="CIN681" s="613"/>
      <c r="CIO681" s="613"/>
      <c r="CIP681" s="613"/>
      <c r="CIQ681" s="613"/>
      <c r="CIR681" s="613"/>
      <c r="CIS681" s="613"/>
      <c r="CIT681" s="613"/>
      <c r="CIU681" s="613"/>
      <c r="CIV681" s="613"/>
      <c r="CIW681" s="613"/>
      <c r="CIX681" s="613"/>
      <c r="CIY681" s="613"/>
      <c r="CIZ681" s="613"/>
      <c r="CJA681" s="613"/>
      <c r="CJB681" s="613"/>
      <c r="CJC681" s="613"/>
      <c r="CJD681" s="613"/>
      <c r="CJE681" s="613"/>
      <c r="CJF681" s="613"/>
      <c r="CJG681" s="613"/>
      <c r="CJH681" s="613"/>
      <c r="CJI681" s="613"/>
      <c r="CJJ681" s="613"/>
      <c r="CJK681" s="613"/>
      <c r="CJL681" s="613"/>
      <c r="CJM681" s="613"/>
      <c r="CJN681" s="613"/>
      <c r="CJO681" s="613"/>
      <c r="CJP681" s="613"/>
      <c r="CJQ681" s="613"/>
      <c r="CJR681" s="613"/>
      <c r="CJS681" s="613"/>
      <c r="CJT681" s="613"/>
      <c r="CJU681" s="613"/>
      <c r="CJV681" s="613"/>
      <c r="CJW681" s="613"/>
      <c r="CJX681" s="613"/>
      <c r="CJY681" s="613"/>
      <c r="CJZ681" s="613"/>
      <c r="CKA681" s="613"/>
      <c r="CKB681" s="613"/>
      <c r="CKC681" s="613"/>
      <c r="CKD681" s="613"/>
      <c r="CKE681" s="613"/>
      <c r="CKF681" s="613"/>
      <c r="CKG681" s="613"/>
      <c r="CKH681" s="613"/>
      <c r="CKI681" s="613"/>
      <c r="CKJ681" s="613"/>
      <c r="CKK681" s="613"/>
      <c r="CKL681" s="613"/>
      <c r="CKM681" s="613"/>
      <c r="CKN681" s="613"/>
      <c r="CKO681" s="613"/>
      <c r="CKP681" s="613"/>
      <c r="CKQ681" s="613"/>
      <c r="CKR681" s="613"/>
      <c r="CKS681" s="613"/>
      <c r="CKT681" s="613"/>
      <c r="CKU681" s="613"/>
      <c r="CKV681" s="613"/>
      <c r="CKW681" s="613"/>
      <c r="CKX681" s="613"/>
      <c r="CKY681" s="613"/>
      <c r="CKZ681" s="613"/>
      <c r="CLA681" s="613"/>
      <c r="CLB681" s="613"/>
      <c r="CLC681" s="613"/>
      <c r="CLD681" s="613"/>
      <c r="CLE681" s="613"/>
      <c r="CLF681" s="613"/>
      <c r="CLG681" s="613"/>
      <c r="CLH681" s="613"/>
      <c r="CLI681" s="613"/>
      <c r="CLJ681" s="613"/>
      <c r="CLK681" s="613"/>
      <c r="CLL681" s="613"/>
      <c r="CLM681" s="613"/>
      <c r="CLN681" s="613"/>
      <c r="CLO681" s="613"/>
      <c r="CLP681" s="613"/>
      <c r="CLQ681" s="613"/>
      <c r="CLR681" s="613"/>
      <c r="CLS681" s="613"/>
      <c r="CLT681" s="613"/>
      <c r="CLU681" s="613"/>
      <c r="CLV681" s="613"/>
      <c r="CLW681" s="613"/>
      <c r="CLX681" s="613"/>
      <c r="CLY681" s="613"/>
      <c r="CLZ681" s="613"/>
      <c r="CMA681" s="613"/>
      <c r="CMB681" s="613"/>
      <c r="CMC681" s="613"/>
      <c r="CMD681" s="613"/>
      <c r="CME681" s="613"/>
      <c r="CMF681" s="613"/>
      <c r="CMG681" s="613"/>
      <c r="CMH681" s="613"/>
      <c r="CMI681" s="613"/>
      <c r="CMJ681" s="613"/>
      <c r="CMK681" s="613"/>
      <c r="CML681" s="613"/>
      <c r="CMM681" s="613"/>
      <c r="CMN681" s="613"/>
      <c r="CMO681" s="613"/>
      <c r="CMP681" s="613"/>
      <c r="CMQ681" s="613"/>
      <c r="CMR681" s="613"/>
      <c r="CMS681" s="613"/>
      <c r="CMT681" s="613"/>
      <c r="CMU681" s="613"/>
      <c r="CMV681" s="613"/>
      <c r="CMW681" s="613"/>
      <c r="CMX681" s="613"/>
      <c r="CMY681" s="613"/>
      <c r="CMZ681" s="613"/>
      <c r="CNA681" s="613"/>
      <c r="CNB681" s="613"/>
      <c r="CNC681" s="613"/>
      <c r="CND681" s="613"/>
      <c r="CNE681" s="613"/>
      <c r="CNF681" s="613"/>
      <c r="CNG681" s="613"/>
      <c r="CNH681" s="613"/>
      <c r="CNI681" s="613"/>
      <c r="CNJ681" s="613"/>
      <c r="CNK681" s="613"/>
      <c r="CNL681" s="613"/>
      <c r="CNM681" s="613"/>
      <c r="CNN681" s="613"/>
      <c r="CNO681" s="613"/>
      <c r="CNP681" s="613"/>
      <c r="CNQ681" s="613"/>
      <c r="CNR681" s="613"/>
      <c r="CNS681" s="613"/>
      <c r="CNT681" s="613"/>
      <c r="CNU681" s="613"/>
      <c r="CNV681" s="613"/>
      <c r="CNW681" s="613"/>
      <c r="CNX681" s="613"/>
      <c r="CNY681" s="613"/>
      <c r="CNZ681" s="613"/>
      <c r="COA681" s="613"/>
      <c r="COB681" s="613"/>
      <c r="COC681" s="613"/>
      <c r="COD681" s="613"/>
      <c r="COE681" s="613"/>
      <c r="COF681" s="613"/>
      <c r="COG681" s="613"/>
      <c r="COH681" s="613"/>
      <c r="COI681" s="613"/>
      <c r="COJ681" s="613"/>
      <c r="COK681" s="613"/>
      <c r="COL681" s="613"/>
      <c r="COM681" s="613"/>
      <c r="CON681" s="613"/>
      <c r="COO681" s="613"/>
      <c r="COP681" s="613"/>
      <c r="COQ681" s="613"/>
      <c r="COR681" s="613"/>
      <c r="COS681" s="613"/>
      <c r="COT681" s="613"/>
      <c r="COU681" s="613"/>
      <c r="COV681" s="613"/>
      <c r="COW681" s="613"/>
      <c r="COX681" s="613"/>
      <c r="COY681" s="613"/>
      <c r="COZ681" s="613"/>
      <c r="CPA681" s="613"/>
      <c r="CPB681" s="613"/>
      <c r="CPC681" s="613"/>
      <c r="CPD681" s="613"/>
      <c r="CPE681" s="613"/>
      <c r="CPF681" s="613"/>
      <c r="CPG681" s="613"/>
      <c r="CPH681" s="613"/>
      <c r="CPI681" s="613"/>
      <c r="CPJ681" s="613"/>
      <c r="CPK681" s="613"/>
      <c r="CPL681" s="613"/>
      <c r="CPM681" s="613"/>
      <c r="CPN681" s="613"/>
      <c r="CPO681" s="613"/>
      <c r="CPP681" s="613"/>
      <c r="CPQ681" s="613"/>
      <c r="CPR681" s="613"/>
      <c r="CPS681" s="613"/>
      <c r="CPT681" s="613"/>
      <c r="CPU681" s="613"/>
      <c r="CPV681" s="613"/>
      <c r="CPW681" s="613"/>
      <c r="CPX681" s="613"/>
      <c r="CPY681" s="613"/>
      <c r="CPZ681" s="613"/>
      <c r="CQA681" s="613"/>
      <c r="CQB681" s="613"/>
      <c r="CQC681" s="613"/>
      <c r="CQD681" s="613"/>
      <c r="CQE681" s="613"/>
      <c r="CQF681" s="613"/>
      <c r="CQG681" s="613"/>
      <c r="CQH681" s="613"/>
      <c r="CQI681" s="613"/>
      <c r="CQJ681" s="613"/>
      <c r="CQK681" s="613"/>
      <c r="CQL681" s="613"/>
      <c r="CQM681" s="613"/>
      <c r="CQN681" s="613"/>
      <c r="CQO681" s="613"/>
      <c r="CQP681" s="613"/>
      <c r="CQQ681" s="613"/>
      <c r="CQR681" s="613"/>
      <c r="CQS681" s="613"/>
      <c r="CQT681" s="613"/>
      <c r="CQU681" s="613"/>
      <c r="CQV681" s="613"/>
      <c r="CQW681" s="613"/>
      <c r="CQX681" s="613"/>
      <c r="CQY681" s="613"/>
      <c r="CQZ681" s="613"/>
      <c r="CRA681" s="613"/>
      <c r="CRB681" s="613"/>
      <c r="CRC681" s="613"/>
      <c r="CRD681" s="613"/>
      <c r="CRE681" s="613"/>
      <c r="CRF681" s="613"/>
      <c r="CRG681" s="613"/>
      <c r="CRH681" s="613"/>
      <c r="CRI681" s="613"/>
      <c r="CRJ681" s="613"/>
      <c r="CRK681" s="613"/>
      <c r="CRL681" s="613"/>
      <c r="CRM681" s="613"/>
      <c r="CRN681" s="613"/>
      <c r="CRO681" s="613"/>
      <c r="CRP681" s="613"/>
      <c r="CRQ681" s="613"/>
      <c r="CRR681" s="613"/>
      <c r="CRS681" s="613"/>
      <c r="CRT681" s="613"/>
      <c r="CRU681" s="613"/>
      <c r="CRV681" s="613"/>
      <c r="CRW681" s="613"/>
      <c r="CRX681" s="613"/>
      <c r="CRY681" s="613"/>
      <c r="CRZ681" s="613"/>
      <c r="CSA681" s="613"/>
      <c r="CSB681" s="613"/>
      <c r="CSC681" s="613"/>
      <c r="CSD681" s="613"/>
      <c r="CSE681" s="613"/>
      <c r="CSF681" s="613"/>
      <c r="CSG681" s="613"/>
      <c r="CSH681" s="613"/>
      <c r="CSI681" s="613"/>
      <c r="CSJ681" s="613"/>
      <c r="CSK681" s="613"/>
      <c r="CSL681" s="613"/>
      <c r="CSM681" s="613"/>
      <c r="CSN681" s="613"/>
      <c r="CSO681" s="613"/>
      <c r="CSP681" s="613"/>
      <c r="CSQ681" s="613"/>
      <c r="CSR681" s="613"/>
      <c r="CSS681" s="613"/>
      <c r="CST681" s="613"/>
      <c r="CSU681" s="613"/>
      <c r="CSV681" s="613"/>
      <c r="CSW681" s="613"/>
      <c r="CSX681" s="613"/>
      <c r="CSY681" s="613"/>
      <c r="CSZ681" s="613"/>
      <c r="CTA681" s="613"/>
      <c r="CTB681" s="613"/>
      <c r="CTC681" s="613"/>
      <c r="CTD681" s="613"/>
      <c r="CTE681" s="613"/>
      <c r="CTF681" s="613"/>
      <c r="CTG681" s="613"/>
      <c r="CTH681" s="613"/>
      <c r="CTI681" s="613"/>
      <c r="CTJ681" s="613"/>
      <c r="CTK681" s="613"/>
      <c r="CTL681" s="613"/>
      <c r="CTM681" s="613"/>
      <c r="CTN681" s="613"/>
      <c r="CTO681" s="613"/>
      <c r="CTP681" s="613"/>
      <c r="CTQ681" s="613"/>
      <c r="CTR681" s="613"/>
      <c r="CTS681" s="613"/>
      <c r="CTT681" s="613"/>
      <c r="CTU681" s="613"/>
      <c r="CTV681" s="613"/>
      <c r="CTW681" s="613"/>
      <c r="CTX681" s="613"/>
      <c r="CTY681" s="613"/>
      <c r="CTZ681" s="613"/>
      <c r="CUA681" s="613"/>
      <c r="CUB681" s="613"/>
      <c r="CUC681" s="613"/>
      <c r="CUD681" s="613"/>
      <c r="CUE681" s="613"/>
      <c r="CUF681" s="613"/>
      <c r="CUG681" s="613"/>
      <c r="CUH681" s="613"/>
      <c r="CUI681" s="613"/>
      <c r="CUJ681" s="613"/>
      <c r="CUK681" s="613"/>
      <c r="CUL681" s="613"/>
      <c r="CUM681" s="613"/>
      <c r="CUN681" s="613"/>
      <c r="CUO681" s="613"/>
      <c r="CUP681" s="613"/>
      <c r="CUQ681" s="613"/>
      <c r="CUR681" s="613"/>
      <c r="CUS681" s="613"/>
      <c r="CUT681" s="613"/>
      <c r="CUU681" s="613"/>
      <c r="CUV681" s="613"/>
      <c r="CUW681" s="613"/>
      <c r="CUX681" s="613"/>
      <c r="CUY681" s="613"/>
      <c r="CUZ681" s="613"/>
      <c r="CVA681" s="613"/>
      <c r="CVB681" s="613"/>
      <c r="CVC681" s="613"/>
      <c r="CVD681" s="613"/>
      <c r="CVE681" s="613"/>
      <c r="CVF681" s="613"/>
      <c r="CVG681" s="613"/>
      <c r="CVH681" s="613"/>
      <c r="CVI681" s="613"/>
      <c r="CVJ681" s="613"/>
      <c r="CVK681" s="613"/>
      <c r="CVL681" s="613"/>
      <c r="CVM681" s="613"/>
      <c r="CVN681" s="613"/>
      <c r="CVO681" s="613"/>
      <c r="CVP681" s="613"/>
      <c r="CVQ681" s="613"/>
      <c r="CVR681" s="613"/>
      <c r="CVS681" s="613"/>
      <c r="CVT681" s="613"/>
      <c r="CVU681" s="613"/>
      <c r="CVV681" s="613"/>
      <c r="CVW681" s="613"/>
      <c r="CVX681" s="613"/>
      <c r="CVY681" s="613"/>
      <c r="CVZ681" s="613"/>
      <c r="CWA681" s="613"/>
      <c r="CWB681" s="613"/>
      <c r="CWC681" s="613"/>
      <c r="CWD681" s="613"/>
      <c r="CWE681" s="613"/>
      <c r="CWF681" s="613"/>
      <c r="CWG681" s="613"/>
      <c r="CWH681" s="613"/>
      <c r="CWI681" s="613"/>
      <c r="CWJ681" s="613"/>
      <c r="CWK681" s="613"/>
      <c r="CWL681" s="613"/>
      <c r="CWM681" s="613"/>
      <c r="CWN681" s="613"/>
      <c r="CWO681" s="613"/>
      <c r="CWP681" s="613"/>
      <c r="CWQ681" s="613"/>
      <c r="CWR681" s="613"/>
      <c r="CWS681" s="613"/>
      <c r="CWT681" s="613"/>
      <c r="CWU681" s="613"/>
      <c r="CWV681" s="613"/>
      <c r="CWW681" s="613"/>
      <c r="CWX681" s="613"/>
      <c r="CWY681" s="613"/>
      <c r="CWZ681" s="613"/>
      <c r="CXA681" s="613"/>
      <c r="CXB681" s="613"/>
      <c r="CXC681" s="613"/>
      <c r="CXD681" s="613"/>
      <c r="CXE681" s="613"/>
      <c r="CXF681" s="613"/>
      <c r="CXG681" s="613"/>
      <c r="CXH681" s="613"/>
      <c r="CXI681" s="613"/>
      <c r="CXJ681" s="613"/>
      <c r="CXK681" s="613"/>
      <c r="CXL681" s="613"/>
      <c r="CXM681" s="613"/>
      <c r="CXN681" s="613"/>
      <c r="CXO681" s="613"/>
      <c r="CXP681" s="613"/>
      <c r="CXQ681" s="613"/>
      <c r="CXR681" s="613"/>
      <c r="CXS681" s="613"/>
      <c r="CXT681" s="613"/>
      <c r="CXU681" s="613"/>
      <c r="CXV681" s="613"/>
      <c r="CXW681" s="613"/>
      <c r="CXX681" s="613"/>
      <c r="CXY681" s="613"/>
      <c r="CXZ681" s="613"/>
      <c r="CYA681" s="613"/>
      <c r="CYB681" s="613"/>
      <c r="CYC681" s="613"/>
      <c r="CYD681" s="613"/>
      <c r="CYE681" s="613"/>
      <c r="CYF681" s="613"/>
      <c r="CYG681" s="613"/>
      <c r="CYH681" s="613"/>
      <c r="CYI681" s="613"/>
      <c r="CYJ681" s="613"/>
      <c r="CYK681" s="613"/>
      <c r="CYL681" s="613"/>
      <c r="CYM681" s="613"/>
      <c r="CYN681" s="613"/>
      <c r="CYO681" s="613"/>
      <c r="CYP681" s="613"/>
      <c r="CYQ681" s="613"/>
      <c r="CYR681" s="613"/>
      <c r="CYS681" s="613"/>
      <c r="CYT681" s="613"/>
      <c r="CYU681" s="613"/>
      <c r="CYV681" s="613"/>
      <c r="CYW681" s="613"/>
      <c r="CYX681" s="613"/>
      <c r="CYY681" s="613"/>
      <c r="CYZ681" s="613"/>
      <c r="CZA681" s="613"/>
      <c r="CZB681" s="613"/>
      <c r="CZC681" s="613"/>
      <c r="CZD681" s="613"/>
      <c r="CZE681" s="613"/>
      <c r="CZF681" s="613"/>
      <c r="CZG681" s="613"/>
      <c r="CZH681" s="613"/>
      <c r="CZI681" s="613"/>
      <c r="CZJ681" s="613"/>
      <c r="CZK681" s="613"/>
      <c r="CZL681" s="613"/>
      <c r="CZM681" s="613"/>
      <c r="CZN681" s="613"/>
      <c r="CZO681" s="613"/>
      <c r="CZP681" s="613"/>
      <c r="CZQ681" s="613"/>
      <c r="CZR681" s="613"/>
      <c r="CZS681" s="613"/>
      <c r="CZT681" s="613"/>
      <c r="CZU681" s="613"/>
      <c r="CZV681" s="613"/>
      <c r="CZW681" s="613"/>
      <c r="CZX681" s="613"/>
      <c r="CZY681" s="613"/>
      <c r="CZZ681" s="613"/>
      <c r="DAA681" s="613"/>
      <c r="DAB681" s="613"/>
      <c r="DAC681" s="613"/>
      <c r="DAD681" s="613"/>
      <c r="DAE681" s="613"/>
      <c r="DAF681" s="613"/>
      <c r="DAG681" s="613"/>
      <c r="DAH681" s="613"/>
      <c r="DAI681" s="613"/>
      <c r="DAJ681" s="613"/>
      <c r="DAK681" s="613"/>
      <c r="DAL681" s="613"/>
      <c r="DAM681" s="613"/>
      <c r="DAN681" s="613"/>
      <c r="DAO681" s="613"/>
      <c r="DAP681" s="613"/>
      <c r="DAQ681" s="613"/>
      <c r="DAR681" s="613"/>
      <c r="DAS681" s="613"/>
      <c r="DAT681" s="613"/>
      <c r="DAU681" s="613"/>
      <c r="DAV681" s="613"/>
      <c r="DAW681" s="613"/>
      <c r="DAX681" s="613"/>
      <c r="DAY681" s="613"/>
      <c r="DAZ681" s="613"/>
      <c r="DBA681" s="613"/>
      <c r="DBB681" s="613"/>
      <c r="DBC681" s="613"/>
      <c r="DBD681" s="613"/>
      <c r="DBE681" s="613"/>
      <c r="DBF681" s="613"/>
      <c r="DBG681" s="613"/>
      <c r="DBH681" s="613"/>
      <c r="DBI681" s="613"/>
      <c r="DBJ681" s="613"/>
      <c r="DBK681" s="613"/>
      <c r="DBL681" s="613"/>
      <c r="DBM681" s="613"/>
      <c r="DBN681" s="613"/>
      <c r="DBO681" s="613"/>
      <c r="DBP681" s="613"/>
      <c r="DBQ681" s="613"/>
      <c r="DBR681" s="613"/>
      <c r="DBS681" s="613"/>
      <c r="DBT681" s="613"/>
      <c r="DBU681" s="613"/>
      <c r="DBV681" s="613"/>
      <c r="DBW681" s="613"/>
      <c r="DBX681" s="613"/>
      <c r="DBY681" s="613"/>
      <c r="DBZ681" s="613"/>
      <c r="DCA681" s="613"/>
      <c r="DCB681" s="613"/>
      <c r="DCC681" s="613"/>
      <c r="DCD681" s="613"/>
      <c r="DCE681" s="613"/>
      <c r="DCF681" s="613"/>
      <c r="DCG681" s="613"/>
      <c r="DCH681" s="613"/>
      <c r="DCI681" s="613"/>
      <c r="DCJ681" s="613"/>
      <c r="DCK681" s="613"/>
      <c r="DCL681" s="613"/>
      <c r="DCM681" s="613"/>
      <c r="DCN681" s="613"/>
      <c r="DCO681" s="613"/>
      <c r="DCP681" s="613"/>
      <c r="DCQ681" s="613"/>
      <c r="DCR681" s="613"/>
      <c r="DCS681" s="613"/>
      <c r="DCT681" s="613"/>
      <c r="DCU681" s="613"/>
      <c r="DCV681" s="613"/>
      <c r="DCW681" s="613"/>
      <c r="DCX681" s="613"/>
      <c r="DCY681" s="613"/>
      <c r="DCZ681" s="613"/>
      <c r="DDA681" s="613"/>
      <c r="DDB681" s="613"/>
      <c r="DDC681" s="613"/>
      <c r="DDD681" s="613"/>
      <c r="DDE681" s="613"/>
      <c r="DDF681" s="613"/>
      <c r="DDG681" s="613"/>
      <c r="DDH681" s="613"/>
      <c r="DDI681" s="613"/>
      <c r="DDJ681" s="613"/>
      <c r="DDK681" s="613"/>
      <c r="DDL681" s="613"/>
      <c r="DDM681" s="613"/>
      <c r="DDN681" s="613"/>
      <c r="DDO681" s="613"/>
      <c r="DDP681" s="613"/>
      <c r="DDQ681" s="613"/>
      <c r="DDR681" s="613"/>
      <c r="DDS681" s="613"/>
      <c r="DDT681" s="613"/>
      <c r="DDU681" s="613"/>
      <c r="DDV681" s="613"/>
      <c r="DDW681" s="613"/>
      <c r="DDX681" s="613"/>
      <c r="DDY681" s="613"/>
      <c r="DDZ681" s="613"/>
      <c r="DEA681" s="613"/>
      <c r="DEB681" s="613"/>
      <c r="DEC681" s="613"/>
      <c r="DED681" s="613"/>
      <c r="DEE681" s="613"/>
      <c r="DEF681" s="613"/>
      <c r="DEG681" s="613"/>
      <c r="DEH681" s="613"/>
      <c r="DEI681" s="613"/>
      <c r="DEJ681" s="613"/>
      <c r="DEK681" s="613"/>
      <c r="DEL681" s="613"/>
      <c r="DEM681" s="613"/>
      <c r="DEN681" s="613"/>
      <c r="DEO681" s="613"/>
      <c r="DEP681" s="613"/>
      <c r="DEQ681" s="613"/>
      <c r="DER681" s="613"/>
      <c r="DES681" s="613"/>
      <c r="DET681" s="613"/>
      <c r="DEU681" s="613"/>
      <c r="DEV681" s="613"/>
      <c r="DEW681" s="613"/>
      <c r="DEX681" s="613"/>
      <c r="DEY681" s="613"/>
      <c r="DEZ681" s="613"/>
      <c r="DFA681" s="613"/>
      <c r="DFB681" s="613"/>
      <c r="DFC681" s="613"/>
      <c r="DFD681" s="613"/>
      <c r="DFE681" s="613"/>
      <c r="DFF681" s="613"/>
      <c r="DFG681" s="613"/>
      <c r="DFH681" s="613"/>
      <c r="DFI681" s="613"/>
      <c r="DFJ681" s="613"/>
      <c r="DFK681" s="613"/>
      <c r="DFL681" s="613"/>
      <c r="DFM681" s="613"/>
      <c r="DFN681" s="613"/>
      <c r="DFO681" s="613"/>
      <c r="DFP681" s="613"/>
      <c r="DFQ681" s="613"/>
      <c r="DFR681" s="613"/>
      <c r="DFS681" s="613"/>
      <c r="DFT681" s="613"/>
      <c r="DFU681" s="613"/>
      <c r="DFV681" s="613"/>
      <c r="DFW681" s="613"/>
      <c r="DFX681" s="613"/>
      <c r="DFY681" s="613"/>
      <c r="DFZ681" s="613"/>
      <c r="DGA681" s="613"/>
      <c r="DGB681" s="613"/>
      <c r="DGC681" s="613"/>
      <c r="DGD681" s="613"/>
      <c r="DGE681" s="613"/>
      <c r="DGF681" s="613"/>
      <c r="DGG681" s="613"/>
      <c r="DGH681" s="613"/>
      <c r="DGI681" s="613"/>
      <c r="DGJ681" s="613"/>
      <c r="DGK681" s="613"/>
      <c r="DGL681" s="613"/>
      <c r="DGM681" s="613"/>
      <c r="DGN681" s="613"/>
      <c r="DGO681" s="613"/>
      <c r="DGP681" s="613"/>
      <c r="DGQ681" s="613"/>
      <c r="DGR681" s="613"/>
      <c r="DGS681" s="613"/>
      <c r="DGT681" s="613"/>
      <c r="DGU681" s="613"/>
      <c r="DGV681" s="613"/>
      <c r="DGW681" s="613"/>
      <c r="DGX681" s="613"/>
      <c r="DGY681" s="613"/>
      <c r="DGZ681" s="613"/>
      <c r="DHA681" s="613"/>
      <c r="DHB681" s="613"/>
      <c r="DHC681" s="613"/>
      <c r="DHD681" s="613"/>
      <c r="DHE681" s="613"/>
      <c r="DHF681" s="613"/>
      <c r="DHG681" s="613"/>
      <c r="DHH681" s="613"/>
      <c r="DHI681" s="613"/>
      <c r="DHJ681" s="613"/>
      <c r="DHK681" s="613"/>
      <c r="DHL681" s="613"/>
      <c r="DHM681" s="613"/>
      <c r="DHN681" s="613"/>
      <c r="DHO681" s="613"/>
      <c r="DHP681" s="613"/>
      <c r="DHQ681" s="613"/>
      <c r="DHR681" s="613"/>
      <c r="DHS681" s="613"/>
      <c r="DHT681" s="613"/>
      <c r="DHU681" s="613"/>
      <c r="DHV681" s="613"/>
      <c r="DHW681" s="613"/>
      <c r="DHX681" s="613"/>
      <c r="DHY681" s="613"/>
      <c r="DHZ681" s="613"/>
      <c r="DIA681" s="613"/>
      <c r="DIB681" s="613"/>
      <c r="DIC681" s="613"/>
      <c r="DID681" s="613"/>
      <c r="DIE681" s="613"/>
      <c r="DIF681" s="613"/>
      <c r="DIG681" s="613"/>
      <c r="DIH681" s="613"/>
      <c r="DII681" s="613"/>
      <c r="DIJ681" s="613"/>
      <c r="DIK681" s="613"/>
      <c r="DIL681" s="613"/>
      <c r="DIM681" s="613"/>
      <c r="DIN681" s="613"/>
      <c r="DIO681" s="613"/>
      <c r="DIP681" s="613"/>
      <c r="DIQ681" s="613"/>
      <c r="DIR681" s="613"/>
      <c r="DIS681" s="613"/>
      <c r="DIT681" s="613"/>
      <c r="DIU681" s="613"/>
      <c r="DIV681" s="613"/>
      <c r="DIW681" s="613"/>
      <c r="DIX681" s="613"/>
      <c r="DIY681" s="613"/>
      <c r="DIZ681" s="613"/>
      <c r="DJA681" s="613"/>
      <c r="DJB681" s="613"/>
      <c r="DJC681" s="613"/>
      <c r="DJD681" s="613"/>
      <c r="DJE681" s="613"/>
      <c r="DJF681" s="613"/>
      <c r="DJG681" s="613"/>
      <c r="DJH681" s="613"/>
      <c r="DJI681" s="613"/>
      <c r="DJJ681" s="613"/>
      <c r="DJK681" s="613"/>
      <c r="DJL681" s="613"/>
      <c r="DJM681" s="613"/>
      <c r="DJN681" s="613"/>
      <c r="DJO681" s="613"/>
      <c r="DJP681" s="613"/>
      <c r="DJQ681" s="613"/>
      <c r="DJR681" s="613"/>
      <c r="DJS681" s="613"/>
      <c r="DJT681" s="613"/>
      <c r="DJU681" s="613"/>
      <c r="DJV681" s="613"/>
      <c r="DJW681" s="613"/>
      <c r="DJX681" s="613"/>
      <c r="DJY681" s="613"/>
      <c r="DJZ681" s="613"/>
      <c r="DKA681" s="613"/>
      <c r="DKB681" s="613"/>
      <c r="DKC681" s="613"/>
      <c r="DKD681" s="613"/>
      <c r="DKE681" s="613"/>
      <c r="DKF681" s="613"/>
      <c r="DKG681" s="613"/>
      <c r="DKH681" s="613"/>
      <c r="DKI681" s="613"/>
      <c r="DKJ681" s="613"/>
      <c r="DKK681" s="613"/>
      <c r="DKL681" s="613"/>
      <c r="DKM681" s="613"/>
      <c r="DKN681" s="613"/>
      <c r="DKO681" s="613"/>
      <c r="DKP681" s="613"/>
      <c r="DKQ681" s="613"/>
      <c r="DKR681" s="613"/>
      <c r="DKS681" s="613"/>
      <c r="DKT681" s="613"/>
      <c r="DKU681" s="613"/>
      <c r="DKV681" s="613"/>
      <c r="DKW681" s="613"/>
      <c r="DKX681" s="613"/>
      <c r="DKY681" s="613"/>
      <c r="DKZ681" s="613"/>
      <c r="DLA681" s="613"/>
      <c r="DLB681" s="613"/>
      <c r="DLC681" s="613"/>
      <c r="DLD681" s="613"/>
      <c r="DLE681" s="613"/>
      <c r="DLF681" s="613"/>
      <c r="DLG681" s="613"/>
      <c r="DLH681" s="613"/>
      <c r="DLI681" s="613"/>
      <c r="DLJ681" s="613"/>
      <c r="DLK681" s="613"/>
      <c r="DLL681" s="613"/>
      <c r="DLM681" s="613"/>
      <c r="DLN681" s="613"/>
      <c r="DLO681" s="613"/>
      <c r="DLP681" s="613"/>
      <c r="DLQ681" s="613"/>
      <c r="DLR681" s="613"/>
      <c r="DLS681" s="613"/>
      <c r="DLT681" s="613"/>
      <c r="DLU681" s="613"/>
      <c r="DLV681" s="613"/>
      <c r="DLW681" s="613"/>
      <c r="DLX681" s="613"/>
      <c r="DLY681" s="613"/>
      <c r="DLZ681" s="613"/>
      <c r="DMA681" s="613"/>
      <c r="DMB681" s="613"/>
      <c r="DMC681" s="613"/>
      <c r="DMD681" s="613"/>
      <c r="DME681" s="613"/>
      <c r="DMF681" s="613"/>
      <c r="DMG681" s="613"/>
      <c r="DMH681" s="613"/>
      <c r="DMI681" s="613"/>
      <c r="DMJ681" s="613"/>
      <c r="DMK681" s="613"/>
      <c r="DML681" s="613"/>
      <c r="DMM681" s="613"/>
      <c r="DMN681" s="613"/>
      <c r="DMO681" s="613"/>
      <c r="DMP681" s="613"/>
      <c r="DMQ681" s="613"/>
      <c r="DMR681" s="613"/>
      <c r="DMS681" s="613"/>
      <c r="DMT681" s="613"/>
      <c r="DMU681" s="613"/>
      <c r="DMV681" s="613"/>
      <c r="DMW681" s="613"/>
      <c r="DMX681" s="613"/>
      <c r="DMY681" s="613"/>
      <c r="DMZ681" s="613"/>
      <c r="DNA681" s="613"/>
      <c r="DNB681" s="613"/>
      <c r="DNC681" s="613"/>
      <c r="DND681" s="613"/>
      <c r="DNE681" s="613"/>
      <c r="DNF681" s="613"/>
      <c r="DNG681" s="613"/>
      <c r="DNH681" s="613"/>
      <c r="DNI681" s="613"/>
      <c r="DNJ681" s="613"/>
      <c r="DNK681" s="613"/>
      <c r="DNL681" s="613"/>
      <c r="DNM681" s="613"/>
      <c r="DNN681" s="613"/>
      <c r="DNO681" s="613"/>
      <c r="DNP681" s="613"/>
      <c r="DNQ681" s="613"/>
      <c r="DNR681" s="613"/>
      <c r="DNS681" s="613"/>
      <c r="DNT681" s="613"/>
      <c r="DNU681" s="613"/>
      <c r="DNV681" s="613"/>
      <c r="DNW681" s="613"/>
      <c r="DNX681" s="613"/>
      <c r="DNY681" s="613"/>
      <c r="DNZ681" s="613"/>
      <c r="DOA681" s="613"/>
      <c r="DOB681" s="613"/>
      <c r="DOC681" s="613"/>
      <c r="DOD681" s="613"/>
      <c r="DOE681" s="613"/>
      <c r="DOF681" s="613"/>
      <c r="DOG681" s="613"/>
      <c r="DOH681" s="613"/>
      <c r="DOI681" s="613"/>
      <c r="DOJ681" s="613"/>
      <c r="DOK681" s="613"/>
      <c r="DOL681" s="613"/>
      <c r="DOM681" s="613"/>
      <c r="DON681" s="613"/>
      <c r="DOO681" s="613"/>
      <c r="DOP681" s="613"/>
      <c r="DOQ681" s="613"/>
      <c r="DOR681" s="613"/>
      <c r="DOS681" s="613"/>
      <c r="DOT681" s="613"/>
      <c r="DOU681" s="613"/>
      <c r="DOV681" s="613"/>
      <c r="DOW681" s="613"/>
      <c r="DOX681" s="613"/>
      <c r="DOY681" s="613"/>
      <c r="DOZ681" s="613"/>
      <c r="DPA681" s="613"/>
      <c r="DPB681" s="613"/>
      <c r="DPC681" s="613"/>
      <c r="DPD681" s="613"/>
      <c r="DPE681" s="613"/>
      <c r="DPF681" s="613"/>
      <c r="DPG681" s="613"/>
      <c r="DPH681" s="613"/>
      <c r="DPI681" s="613"/>
      <c r="DPJ681" s="613"/>
      <c r="DPK681" s="613"/>
      <c r="DPL681" s="613"/>
      <c r="DPM681" s="613"/>
      <c r="DPN681" s="613"/>
      <c r="DPO681" s="613"/>
      <c r="DPP681" s="613"/>
      <c r="DPQ681" s="613"/>
      <c r="DPR681" s="613"/>
      <c r="DPS681" s="613"/>
      <c r="DPT681" s="613"/>
      <c r="DPU681" s="613"/>
      <c r="DPV681" s="613"/>
      <c r="DPW681" s="613"/>
      <c r="DPX681" s="613"/>
      <c r="DPY681" s="613"/>
      <c r="DPZ681" s="613"/>
      <c r="DQA681" s="613"/>
      <c r="DQB681" s="613"/>
      <c r="DQC681" s="613"/>
      <c r="DQD681" s="613"/>
      <c r="DQE681" s="613"/>
      <c r="DQF681" s="613"/>
      <c r="DQG681" s="613"/>
      <c r="DQH681" s="613"/>
      <c r="DQI681" s="613"/>
      <c r="DQJ681" s="613"/>
      <c r="DQK681" s="613"/>
      <c r="DQL681" s="613"/>
      <c r="DQM681" s="613"/>
      <c r="DQN681" s="613"/>
      <c r="DQO681" s="613"/>
      <c r="DQP681" s="613"/>
      <c r="DQQ681" s="613"/>
      <c r="DQR681" s="613"/>
      <c r="DQS681" s="613"/>
      <c r="DQT681" s="613"/>
      <c r="DQU681" s="613"/>
      <c r="DQV681" s="613"/>
      <c r="DQW681" s="613"/>
      <c r="DQX681" s="613"/>
      <c r="DQY681" s="613"/>
      <c r="DQZ681" s="613"/>
      <c r="DRA681" s="613"/>
      <c r="DRB681" s="613"/>
      <c r="DRC681" s="613"/>
      <c r="DRD681" s="613"/>
      <c r="DRE681" s="613"/>
      <c r="DRF681" s="613"/>
      <c r="DRG681" s="613"/>
      <c r="DRH681" s="613"/>
      <c r="DRI681" s="613"/>
      <c r="DRJ681" s="613"/>
      <c r="DRK681" s="613"/>
      <c r="DRL681" s="613"/>
      <c r="DRM681" s="613"/>
      <c r="DRN681" s="613"/>
      <c r="DRO681" s="613"/>
      <c r="DRP681" s="613"/>
      <c r="DRQ681" s="613"/>
      <c r="DRR681" s="613"/>
      <c r="DRS681" s="613"/>
      <c r="DRT681" s="613"/>
      <c r="DRU681" s="613"/>
      <c r="DRV681" s="613"/>
      <c r="DRW681" s="613"/>
      <c r="DRX681" s="613"/>
      <c r="DRY681" s="613"/>
      <c r="DRZ681" s="613"/>
      <c r="DSA681" s="613"/>
      <c r="DSB681" s="613"/>
      <c r="DSC681" s="613"/>
      <c r="DSD681" s="613"/>
      <c r="DSE681" s="613"/>
      <c r="DSF681" s="613"/>
      <c r="DSG681" s="613"/>
      <c r="DSH681" s="613"/>
      <c r="DSI681" s="613"/>
      <c r="DSJ681" s="613"/>
      <c r="DSK681" s="613"/>
      <c r="DSL681" s="613"/>
      <c r="DSM681" s="613"/>
      <c r="DSN681" s="613"/>
      <c r="DSO681" s="613"/>
      <c r="DSP681" s="613"/>
      <c r="DSQ681" s="613"/>
      <c r="DSR681" s="613"/>
      <c r="DSS681" s="613"/>
      <c r="DST681" s="613"/>
      <c r="DSU681" s="613"/>
      <c r="DSV681" s="613"/>
      <c r="DSW681" s="613"/>
      <c r="DSX681" s="613"/>
      <c r="DSY681" s="613"/>
      <c r="DSZ681" s="613"/>
      <c r="DTA681" s="613"/>
      <c r="DTB681" s="613"/>
      <c r="DTC681" s="613"/>
      <c r="DTD681" s="613"/>
      <c r="DTE681" s="613"/>
      <c r="DTF681" s="613"/>
      <c r="DTG681" s="613"/>
      <c r="DTH681" s="613"/>
      <c r="DTI681" s="613"/>
      <c r="DTJ681" s="613"/>
      <c r="DTK681" s="613"/>
      <c r="DTL681" s="613"/>
      <c r="DTM681" s="613"/>
      <c r="DTN681" s="613"/>
      <c r="DTO681" s="613"/>
      <c r="DTP681" s="613"/>
      <c r="DTQ681" s="613"/>
      <c r="DTR681" s="613"/>
      <c r="DTS681" s="613"/>
      <c r="DTT681" s="613"/>
      <c r="DTU681" s="613"/>
      <c r="DTV681" s="613"/>
      <c r="DTW681" s="613"/>
      <c r="DTX681" s="613"/>
      <c r="DTY681" s="613"/>
      <c r="DTZ681" s="613"/>
      <c r="DUA681" s="613"/>
      <c r="DUB681" s="613"/>
      <c r="DUC681" s="613"/>
      <c r="DUD681" s="613"/>
      <c r="DUE681" s="613"/>
      <c r="DUF681" s="613"/>
      <c r="DUG681" s="613"/>
      <c r="DUH681" s="613"/>
      <c r="DUI681" s="613"/>
      <c r="DUJ681" s="613"/>
      <c r="DUK681" s="613"/>
      <c r="DUL681" s="613"/>
      <c r="DUM681" s="613"/>
      <c r="DUN681" s="613"/>
      <c r="DUO681" s="613"/>
      <c r="DUP681" s="613"/>
      <c r="DUQ681" s="613"/>
      <c r="DUR681" s="613"/>
      <c r="DUS681" s="613"/>
      <c r="DUT681" s="613"/>
      <c r="DUU681" s="613"/>
      <c r="DUV681" s="613"/>
      <c r="DUW681" s="613"/>
      <c r="DUX681" s="613"/>
      <c r="DUY681" s="613"/>
      <c r="DUZ681" s="613"/>
      <c r="DVA681" s="613"/>
      <c r="DVB681" s="613"/>
      <c r="DVC681" s="613"/>
      <c r="DVD681" s="613"/>
      <c r="DVE681" s="613"/>
      <c r="DVF681" s="613"/>
      <c r="DVG681" s="613"/>
      <c r="DVH681" s="613"/>
      <c r="DVI681" s="613"/>
      <c r="DVJ681" s="613"/>
      <c r="DVK681" s="613"/>
      <c r="DVL681" s="613"/>
      <c r="DVM681" s="613"/>
      <c r="DVN681" s="613"/>
      <c r="DVO681" s="613"/>
      <c r="DVP681" s="613"/>
      <c r="DVQ681" s="613"/>
      <c r="DVR681" s="613"/>
      <c r="DVS681" s="613"/>
      <c r="DVT681" s="613"/>
      <c r="DVU681" s="613"/>
      <c r="DVV681" s="613"/>
      <c r="DVW681" s="613"/>
      <c r="DVX681" s="613"/>
      <c r="DVY681" s="613"/>
      <c r="DVZ681" s="613"/>
      <c r="DWA681" s="613"/>
      <c r="DWB681" s="613"/>
      <c r="DWC681" s="613"/>
      <c r="DWD681" s="613"/>
      <c r="DWE681" s="613"/>
      <c r="DWF681" s="613"/>
      <c r="DWG681" s="613"/>
      <c r="DWH681" s="613"/>
      <c r="DWI681" s="613"/>
      <c r="DWJ681" s="613"/>
      <c r="DWK681" s="613"/>
      <c r="DWL681" s="613"/>
      <c r="DWM681" s="613"/>
      <c r="DWN681" s="613"/>
      <c r="DWO681" s="613"/>
      <c r="DWP681" s="613"/>
      <c r="DWQ681" s="613"/>
      <c r="DWR681" s="613"/>
      <c r="DWS681" s="613"/>
      <c r="DWT681" s="613"/>
      <c r="DWU681" s="613"/>
      <c r="DWV681" s="613"/>
      <c r="DWW681" s="613"/>
      <c r="DWX681" s="613"/>
      <c r="DWY681" s="613"/>
      <c r="DWZ681" s="613"/>
      <c r="DXA681" s="613"/>
      <c r="DXB681" s="613"/>
      <c r="DXC681" s="613"/>
      <c r="DXD681" s="613"/>
      <c r="DXE681" s="613"/>
      <c r="DXF681" s="613"/>
      <c r="DXG681" s="613"/>
      <c r="DXH681" s="613"/>
      <c r="DXI681" s="613"/>
      <c r="DXJ681" s="613"/>
      <c r="DXK681" s="613"/>
      <c r="DXL681" s="613"/>
      <c r="DXM681" s="613"/>
      <c r="DXN681" s="613"/>
      <c r="DXO681" s="613"/>
      <c r="DXP681" s="613"/>
      <c r="DXQ681" s="613"/>
      <c r="DXR681" s="613"/>
      <c r="DXS681" s="613"/>
      <c r="DXT681" s="613"/>
      <c r="DXU681" s="613"/>
      <c r="DXV681" s="613"/>
      <c r="DXW681" s="613"/>
      <c r="DXX681" s="613"/>
      <c r="DXY681" s="613"/>
      <c r="DXZ681" s="613"/>
      <c r="DYA681" s="613"/>
      <c r="DYB681" s="613"/>
      <c r="DYC681" s="613"/>
      <c r="DYD681" s="613"/>
      <c r="DYE681" s="613"/>
      <c r="DYF681" s="613"/>
      <c r="DYG681" s="613"/>
      <c r="DYH681" s="613"/>
      <c r="DYI681" s="613"/>
      <c r="DYJ681" s="613"/>
      <c r="DYK681" s="613"/>
      <c r="DYL681" s="613"/>
      <c r="DYM681" s="613"/>
      <c r="DYN681" s="613"/>
      <c r="DYO681" s="613"/>
      <c r="DYP681" s="613"/>
      <c r="DYQ681" s="613"/>
      <c r="DYR681" s="613"/>
      <c r="DYS681" s="613"/>
      <c r="DYT681" s="613"/>
      <c r="DYU681" s="613"/>
      <c r="DYV681" s="613"/>
      <c r="DYW681" s="613"/>
      <c r="DYX681" s="613"/>
      <c r="DYY681" s="613"/>
      <c r="DYZ681" s="613"/>
      <c r="DZA681" s="613"/>
      <c r="DZB681" s="613"/>
      <c r="DZC681" s="613"/>
      <c r="DZD681" s="613"/>
      <c r="DZE681" s="613"/>
      <c r="DZF681" s="613"/>
      <c r="DZG681" s="613"/>
      <c r="DZH681" s="613"/>
      <c r="DZI681" s="613"/>
      <c r="DZJ681" s="613"/>
      <c r="DZK681" s="613"/>
      <c r="DZL681" s="613"/>
      <c r="DZM681" s="613"/>
      <c r="DZN681" s="613"/>
      <c r="DZO681" s="613"/>
      <c r="DZP681" s="613"/>
      <c r="DZQ681" s="613"/>
      <c r="DZR681" s="613"/>
      <c r="DZS681" s="613"/>
      <c r="DZT681" s="613"/>
      <c r="DZU681" s="613"/>
      <c r="DZV681" s="613"/>
      <c r="DZW681" s="613"/>
      <c r="DZX681" s="613"/>
      <c r="DZY681" s="613"/>
      <c r="DZZ681" s="613"/>
      <c r="EAA681" s="613"/>
      <c r="EAB681" s="613"/>
      <c r="EAC681" s="613"/>
      <c r="EAD681" s="613"/>
      <c r="EAE681" s="613"/>
      <c r="EAF681" s="613"/>
      <c r="EAG681" s="613"/>
      <c r="EAH681" s="613"/>
      <c r="EAI681" s="613"/>
      <c r="EAJ681" s="613"/>
      <c r="EAK681" s="613"/>
      <c r="EAL681" s="613"/>
      <c r="EAM681" s="613"/>
      <c r="EAN681" s="613"/>
      <c r="EAO681" s="613"/>
      <c r="EAP681" s="613"/>
      <c r="EAQ681" s="613"/>
      <c r="EAR681" s="613"/>
      <c r="EAS681" s="613"/>
      <c r="EAT681" s="613"/>
      <c r="EAU681" s="613"/>
      <c r="EAV681" s="613"/>
      <c r="EAW681" s="613"/>
      <c r="EAX681" s="613"/>
      <c r="EAY681" s="613"/>
      <c r="EAZ681" s="613"/>
      <c r="EBA681" s="613"/>
      <c r="EBB681" s="613"/>
      <c r="EBC681" s="613"/>
      <c r="EBD681" s="613"/>
      <c r="EBE681" s="613"/>
      <c r="EBF681" s="613"/>
      <c r="EBG681" s="613"/>
      <c r="EBH681" s="613"/>
      <c r="EBI681" s="613"/>
      <c r="EBJ681" s="613"/>
      <c r="EBK681" s="613"/>
      <c r="EBL681" s="613"/>
      <c r="EBM681" s="613"/>
      <c r="EBN681" s="613"/>
      <c r="EBO681" s="613"/>
      <c r="EBP681" s="613"/>
      <c r="EBQ681" s="613"/>
      <c r="EBR681" s="613"/>
      <c r="EBS681" s="613"/>
      <c r="EBT681" s="613"/>
      <c r="EBU681" s="613"/>
      <c r="EBV681" s="613"/>
      <c r="EBW681" s="613"/>
      <c r="EBX681" s="613"/>
      <c r="EBY681" s="613"/>
      <c r="EBZ681" s="613"/>
      <c r="ECA681" s="613"/>
      <c r="ECB681" s="613"/>
      <c r="ECC681" s="613"/>
      <c r="ECD681" s="613"/>
      <c r="ECE681" s="613"/>
      <c r="ECF681" s="613"/>
      <c r="ECG681" s="613"/>
      <c r="ECH681" s="613"/>
      <c r="ECI681" s="613"/>
      <c r="ECJ681" s="613"/>
      <c r="ECK681" s="613"/>
      <c r="ECL681" s="613"/>
      <c r="ECM681" s="613"/>
      <c r="ECN681" s="613"/>
      <c r="ECO681" s="613"/>
      <c r="ECP681" s="613"/>
      <c r="ECQ681" s="613"/>
      <c r="ECR681" s="613"/>
      <c r="ECS681" s="613"/>
      <c r="ECT681" s="613"/>
      <c r="ECU681" s="613"/>
      <c r="ECV681" s="613"/>
      <c r="ECW681" s="613"/>
      <c r="ECX681" s="613"/>
      <c r="ECY681" s="613"/>
      <c r="ECZ681" s="613"/>
      <c r="EDA681" s="613"/>
      <c r="EDB681" s="613"/>
      <c r="EDC681" s="613"/>
      <c r="EDD681" s="613"/>
      <c r="EDE681" s="613"/>
      <c r="EDF681" s="613"/>
      <c r="EDG681" s="613"/>
      <c r="EDH681" s="613"/>
      <c r="EDI681" s="613"/>
      <c r="EDJ681" s="613"/>
      <c r="EDK681" s="613"/>
      <c r="EDL681" s="613"/>
      <c r="EDM681" s="613"/>
      <c r="EDN681" s="613"/>
      <c r="EDO681" s="613"/>
      <c r="EDP681" s="613"/>
      <c r="EDQ681" s="613"/>
      <c r="EDR681" s="613"/>
      <c r="EDS681" s="613"/>
      <c r="EDT681" s="613"/>
      <c r="EDU681" s="613"/>
      <c r="EDV681" s="613"/>
      <c r="EDW681" s="613"/>
      <c r="EDX681" s="613"/>
      <c r="EDY681" s="613"/>
      <c r="EDZ681" s="613"/>
      <c r="EEA681" s="613"/>
      <c r="EEB681" s="613"/>
      <c r="EEC681" s="613"/>
      <c r="EED681" s="613"/>
      <c r="EEE681" s="613"/>
      <c r="EEF681" s="613"/>
      <c r="EEG681" s="613"/>
      <c r="EEH681" s="613"/>
      <c r="EEI681" s="613"/>
      <c r="EEJ681" s="613"/>
      <c r="EEK681" s="613"/>
      <c r="EEL681" s="613"/>
      <c r="EEM681" s="613"/>
      <c r="EEN681" s="613"/>
      <c r="EEO681" s="613"/>
      <c r="EEP681" s="613"/>
      <c r="EEQ681" s="613"/>
      <c r="EER681" s="613"/>
      <c r="EES681" s="613"/>
      <c r="EET681" s="613"/>
      <c r="EEU681" s="613"/>
      <c r="EEV681" s="613"/>
      <c r="EEW681" s="613"/>
      <c r="EEX681" s="613"/>
      <c r="EEY681" s="613"/>
      <c r="EEZ681" s="613"/>
      <c r="EFA681" s="613"/>
      <c r="EFB681" s="613"/>
      <c r="EFC681" s="613"/>
      <c r="EFD681" s="613"/>
      <c r="EFE681" s="613"/>
      <c r="EFF681" s="613"/>
      <c r="EFG681" s="613"/>
      <c r="EFH681" s="613"/>
      <c r="EFI681" s="613"/>
      <c r="EFJ681" s="613"/>
      <c r="EFK681" s="613"/>
      <c r="EFL681" s="613"/>
      <c r="EFM681" s="613"/>
      <c r="EFN681" s="613"/>
      <c r="EFO681" s="613"/>
      <c r="EFP681" s="613"/>
      <c r="EFQ681" s="613"/>
      <c r="EFR681" s="613"/>
      <c r="EFS681" s="613"/>
      <c r="EFT681" s="613"/>
      <c r="EFU681" s="613"/>
      <c r="EFV681" s="613"/>
      <c r="EFW681" s="613"/>
      <c r="EFX681" s="613"/>
      <c r="EFY681" s="613"/>
      <c r="EFZ681" s="613"/>
      <c r="EGA681" s="613"/>
      <c r="EGB681" s="613"/>
      <c r="EGC681" s="613"/>
      <c r="EGD681" s="613"/>
      <c r="EGE681" s="613"/>
      <c r="EGF681" s="613"/>
      <c r="EGG681" s="613"/>
      <c r="EGH681" s="613"/>
      <c r="EGI681" s="613"/>
      <c r="EGJ681" s="613"/>
      <c r="EGK681" s="613"/>
      <c r="EGL681" s="613"/>
      <c r="EGM681" s="613"/>
      <c r="EGN681" s="613"/>
      <c r="EGO681" s="613"/>
      <c r="EGP681" s="613"/>
      <c r="EGQ681" s="613"/>
      <c r="EGR681" s="613"/>
      <c r="EGS681" s="613"/>
      <c r="EGT681" s="613"/>
      <c r="EGU681" s="613"/>
      <c r="EGV681" s="613"/>
      <c r="EGW681" s="613"/>
      <c r="EGX681" s="613"/>
      <c r="EGY681" s="613"/>
      <c r="EGZ681" s="613"/>
      <c r="EHA681" s="613"/>
      <c r="EHB681" s="613"/>
      <c r="EHC681" s="613"/>
      <c r="EHD681" s="613"/>
      <c r="EHE681" s="613"/>
      <c r="EHF681" s="613"/>
      <c r="EHG681" s="613"/>
      <c r="EHH681" s="613"/>
      <c r="EHI681" s="613"/>
      <c r="EHJ681" s="613"/>
      <c r="EHK681" s="613"/>
      <c r="EHL681" s="613"/>
      <c r="EHM681" s="613"/>
      <c r="EHN681" s="613"/>
      <c r="EHO681" s="613"/>
      <c r="EHP681" s="613"/>
      <c r="EHQ681" s="613"/>
      <c r="EHR681" s="613"/>
      <c r="EHS681" s="613"/>
      <c r="EHT681" s="613"/>
      <c r="EHU681" s="613"/>
      <c r="EHV681" s="613"/>
      <c r="EHW681" s="613"/>
      <c r="EHX681" s="613"/>
      <c r="EHY681" s="613"/>
      <c r="EHZ681" s="613"/>
      <c r="EIA681" s="613"/>
      <c r="EIB681" s="613"/>
      <c r="EIC681" s="613"/>
      <c r="EID681" s="613"/>
      <c r="EIE681" s="613"/>
      <c r="EIF681" s="613"/>
      <c r="EIG681" s="613"/>
      <c r="EIH681" s="613"/>
      <c r="EII681" s="613"/>
      <c r="EIJ681" s="613"/>
      <c r="EIK681" s="613"/>
      <c r="EIL681" s="613"/>
      <c r="EIM681" s="613"/>
      <c r="EIN681" s="613"/>
      <c r="EIO681" s="613"/>
      <c r="EIP681" s="613"/>
      <c r="EIQ681" s="613"/>
      <c r="EIR681" s="613"/>
      <c r="EIS681" s="613"/>
      <c r="EIT681" s="613"/>
      <c r="EIU681" s="613"/>
      <c r="EIV681" s="613"/>
      <c r="EIW681" s="613"/>
      <c r="EIX681" s="613"/>
      <c r="EIY681" s="613"/>
      <c r="EIZ681" s="613"/>
      <c r="EJA681" s="613"/>
      <c r="EJB681" s="613"/>
      <c r="EJC681" s="613"/>
      <c r="EJD681" s="613"/>
      <c r="EJE681" s="613"/>
      <c r="EJF681" s="613"/>
      <c r="EJG681" s="613"/>
      <c r="EJH681" s="613"/>
      <c r="EJI681" s="613"/>
      <c r="EJJ681" s="613"/>
      <c r="EJK681" s="613"/>
      <c r="EJL681" s="613"/>
      <c r="EJM681" s="613"/>
      <c r="EJN681" s="613"/>
      <c r="EJO681" s="613"/>
      <c r="EJP681" s="613"/>
      <c r="EJQ681" s="613"/>
      <c r="EJR681" s="613"/>
      <c r="EJS681" s="613"/>
      <c r="EJT681" s="613"/>
      <c r="EJU681" s="613"/>
      <c r="EJV681" s="613"/>
      <c r="EJW681" s="613"/>
      <c r="EJX681" s="613"/>
      <c r="EJY681" s="613"/>
      <c r="EJZ681" s="613"/>
      <c r="EKA681" s="613"/>
      <c r="EKB681" s="613"/>
      <c r="EKC681" s="613"/>
      <c r="EKD681" s="613"/>
      <c r="EKE681" s="613"/>
      <c r="EKF681" s="613"/>
      <c r="EKG681" s="613"/>
      <c r="EKH681" s="613"/>
      <c r="EKI681" s="613"/>
      <c r="EKJ681" s="613"/>
      <c r="EKK681" s="613"/>
      <c r="EKL681" s="613"/>
      <c r="EKM681" s="613"/>
      <c r="EKN681" s="613"/>
      <c r="EKO681" s="613"/>
      <c r="EKP681" s="613"/>
      <c r="EKQ681" s="613"/>
      <c r="EKR681" s="613"/>
      <c r="EKS681" s="613"/>
      <c r="EKT681" s="613"/>
      <c r="EKU681" s="613"/>
      <c r="EKV681" s="613"/>
      <c r="EKW681" s="613"/>
      <c r="EKX681" s="613"/>
      <c r="EKY681" s="613"/>
      <c r="EKZ681" s="613"/>
      <c r="ELA681" s="613"/>
      <c r="ELB681" s="613"/>
      <c r="ELC681" s="613"/>
      <c r="ELD681" s="613"/>
      <c r="ELE681" s="613"/>
      <c r="ELF681" s="613"/>
      <c r="ELG681" s="613"/>
      <c r="ELH681" s="613"/>
      <c r="ELI681" s="613"/>
      <c r="ELJ681" s="613"/>
      <c r="ELK681" s="613"/>
      <c r="ELL681" s="613"/>
      <c r="ELM681" s="613"/>
      <c r="ELN681" s="613"/>
      <c r="ELO681" s="613"/>
      <c r="ELP681" s="613"/>
      <c r="ELQ681" s="613"/>
      <c r="ELR681" s="613"/>
      <c r="ELS681" s="613"/>
      <c r="ELT681" s="613"/>
      <c r="ELU681" s="613"/>
      <c r="ELV681" s="613"/>
      <c r="ELW681" s="613"/>
      <c r="ELX681" s="613"/>
      <c r="ELY681" s="613"/>
      <c r="ELZ681" s="613"/>
      <c r="EMA681" s="613"/>
      <c r="EMB681" s="613"/>
      <c r="EMC681" s="613"/>
      <c r="EMD681" s="613"/>
      <c r="EME681" s="613"/>
      <c r="EMF681" s="613"/>
      <c r="EMG681" s="613"/>
      <c r="EMH681" s="613"/>
      <c r="EMI681" s="613"/>
      <c r="EMJ681" s="613"/>
      <c r="EMK681" s="613"/>
      <c r="EML681" s="613"/>
      <c r="EMM681" s="613"/>
      <c r="EMN681" s="613"/>
      <c r="EMO681" s="613"/>
      <c r="EMP681" s="613"/>
      <c r="EMQ681" s="613"/>
      <c r="EMR681" s="613"/>
      <c r="EMS681" s="613"/>
      <c r="EMT681" s="613"/>
      <c r="EMU681" s="613"/>
      <c r="EMV681" s="613"/>
      <c r="EMW681" s="613"/>
      <c r="EMX681" s="613"/>
      <c r="EMY681" s="613"/>
      <c r="EMZ681" s="613"/>
      <c r="ENA681" s="613"/>
      <c r="ENB681" s="613"/>
      <c r="ENC681" s="613"/>
      <c r="END681" s="613"/>
      <c r="ENE681" s="613"/>
      <c r="ENF681" s="613"/>
      <c r="ENG681" s="613"/>
      <c r="ENH681" s="613"/>
      <c r="ENI681" s="613"/>
      <c r="ENJ681" s="613"/>
      <c r="ENK681" s="613"/>
      <c r="ENL681" s="613"/>
      <c r="ENM681" s="613"/>
      <c r="ENN681" s="613"/>
      <c r="ENO681" s="613"/>
      <c r="ENP681" s="613"/>
      <c r="ENQ681" s="613"/>
      <c r="ENR681" s="613"/>
      <c r="ENS681" s="613"/>
      <c r="ENT681" s="613"/>
      <c r="ENU681" s="613"/>
      <c r="ENV681" s="613"/>
      <c r="ENW681" s="613"/>
      <c r="ENX681" s="613"/>
      <c r="ENY681" s="613"/>
      <c r="ENZ681" s="613"/>
      <c r="EOA681" s="613"/>
      <c r="EOB681" s="613"/>
      <c r="EOC681" s="613"/>
      <c r="EOD681" s="613"/>
      <c r="EOE681" s="613"/>
      <c r="EOF681" s="613"/>
      <c r="EOG681" s="613"/>
      <c r="EOH681" s="613"/>
      <c r="EOI681" s="613"/>
      <c r="EOJ681" s="613"/>
      <c r="EOK681" s="613"/>
      <c r="EOL681" s="613"/>
      <c r="EOM681" s="613"/>
      <c r="EON681" s="613"/>
      <c r="EOO681" s="613"/>
      <c r="EOP681" s="613"/>
      <c r="EOQ681" s="613"/>
      <c r="EOR681" s="613"/>
      <c r="EOS681" s="613"/>
      <c r="EOT681" s="613"/>
      <c r="EOU681" s="613"/>
      <c r="EOV681" s="613"/>
      <c r="EOW681" s="613"/>
      <c r="EOX681" s="613"/>
      <c r="EOY681" s="613"/>
      <c r="EOZ681" s="613"/>
      <c r="EPA681" s="613"/>
      <c r="EPB681" s="613"/>
      <c r="EPC681" s="613"/>
      <c r="EPD681" s="613"/>
      <c r="EPE681" s="613"/>
      <c r="EPF681" s="613"/>
      <c r="EPG681" s="613"/>
      <c r="EPH681" s="613"/>
      <c r="EPI681" s="613"/>
      <c r="EPJ681" s="613"/>
      <c r="EPK681" s="613"/>
      <c r="EPL681" s="613"/>
      <c r="EPM681" s="613"/>
      <c r="EPN681" s="613"/>
      <c r="EPO681" s="613"/>
      <c r="EPP681" s="613"/>
      <c r="EPQ681" s="613"/>
      <c r="EPR681" s="613"/>
      <c r="EPS681" s="613"/>
      <c r="EPT681" s="613"/>
      <c r="EPU681" s="613"/>
      <c r="EPV681" s="613"/>
      <c r="EPW681" s="613"/>
      <c r="EPX681" s="613"/>
      <c r="EPY681" s="613"/>
      <c r="EPZ681" s="613"/>
      <c r="EQA681" s="613"/>
      <c r="EQB681" s="613"/>
      <c r="EQC681" s="613"/>
      <c r="EQD681" s="613"/>
      <c r="EQE681" s="613"/>
      <c r="EQF681" s="613"/>
      <c r="EQG681" s="613"/>
      <c r="EQH681" s="613"/>
      <c r="EQI681" s="613"/>
      <c r="EQJ681" s="613"/>
      <c r="EQK681" s="613"/>
      <c r="EQL681" s="613"/>
      <c r="EQM681" s="613"/>
      <c r="EQN681" s="613"/>
      <c r="EQO681" s="613"/>
      <c r="EQP681" s="613"/>
      <c r="EQQ681" s="613"/>
      <c r="EQR681" s="613"/>
      <c r="EQS681" s="613"/>
      <c r="EQT681" s="613"/>
      <c r="EQU681" s="613"/>
      <c r="EQV681" s="613"/>
      <c r="EQW681" s="613"/>
      <c r="EQX681" s="613"/>
      <c r="EQY681" s="613"/>
      <c r="EQZ681" s="613"/>
      <c r="ERA681" s="613"/>
      <c r="ERB681" s="613"/>
      <c r="ERC681" s="613"/>
      <c r="ERD681" s="613"/>
      <c r="ERE681" s="613"/>
      <c r="ERF681" s="613"/>
      <c r="ERG681" s="613"/>
      <c r="ERH681" s="613"/>
      <c r="ERI681" s="613"/>
      <c r="ERJ681" s="613"/>
      <c r="ERK681" s="613"/>
      <c r="ERL681" s="613"/>
      <c r="ERM681" s="613"/>
      <c r="ERN681" s="613"/>
      <c r="ERO681" s="613"/>
      <c r="ERP681" s="613"/>
      <c r="ERQ681" s="613"/>
      <c r="ERR681" s="613"/>
      <c r="ERS681" s="613"/>
      <c r="ERT681" s="613"/>
      <c r="ERU681" s="613"/>
      <c r="ERV681" s="613"/>
      <c r="ERW681" s="613"/>
      <c r="ERX681" s="613"/>
      <c r="ERY681" s="613"/>
      <c r="ERZ681" s="613"/>
      <c r="ESA681" s="613"/>
      <c r="ESB681" s="613"/>
      <c r="ESC681" s="613"/>
      <c r="ESD681" s="613"/>
      <c r="ESE681" s="613"/>
      <c r="ESF681" s="613"/>
      <c r="ESG681" s="613"/>
      <c r="ESH681" s="613"/>
      <c r="ESI681" s="613"/>
      <c r="ESJ681" s="613"/>
      <c r="ESK681" s="613"/>
      <c r="ESL681" s="613"/>
      <c r="ESM681" s="613"/>
      <c r="ESN681" s="613"/>
      <c r="ESO681" s="613"/>
      <c r="ESP681" s="613"/>
      <c r="ESQ681" s="613"/>
      <c r="ESR681" s="613"/>
      <c r="ESS681" s="613"/>
      <c r="EST681" s="613"/>
      <c r="ESU681" s="613"/>
      <c r="ESV681" s="613"/>
      <c r="ESW681" s="613"/>
      <c r="ESX681" s="613"/>
      <c r="ESY681" s="613"/>
      <c r="ESZ681" s="613"/>
      <c r="ETA681" s="613"/>
      <c r="ETB681" s="613"/>
      <c r="ETC681" s="613"/>
      <c r="ETD681" s="613"/>
      <c r="ETE681" s="613"/>
      <c r="ETF681" s="613"/>
      <c r="ETG681" s="613"/>
      <c r="ETH681" s="613"/>
      <c r="ETI681" s="613"/>
      <c r="ETJ681" s="613"/>
      <c r="ETK681" s="613"/>
      <c r="ETL681" s="613"/>
      <c r="ETM681" s="613"/>
      <c r="ETN681" s="613"/>
      <c r="ETO681" s="613"/>
      <c r="ETP681" s="613"/>
      <c r="ETQ681" s="613"/>
      <c r="ETR681" s="613"/>
      <c r="ETS681" s="613"/>
      <c r="ETT681" s="613"/>
      <c r="ETU681" s="613"/>
      <c r="ETV681" s="613"/>
      <c r="ETW681" s="613"/>
      <c r="ETX681" s="613"/>
      <c r="ETY681" s="613"/>
      <c r="ETZ681" s="613"/>
      <c r="EUA681" s="613"/>
      <c r="EUB681" s="613"/>
      <c r="EUC681" s="613"/>
      <c r="EUD681" s="613"/>
      <c r="EUE681" s="613"/>
      <c r="EUF681" s="613"/>
      <c r="EUG681" s="613"/>
      <c r="EUH681" s="613"/>
      <c r="EUI681" s="613"/>
      <c r="EUJ681" s="613"/>
      <c r="EUK681" s="613"/>
      <c r="EUL681" s="613"/>
      <c r="EUM681" s="613"/>
      <c r="EUN681" s="613"/>
      <c r="EUO681" s="613"/>
      <c r="EUP681" s="613"/>
      <c r="EUQ681" s="613"/>
      <c r="EUR681" s="613"/>
      <c r="EUS681" s="613"/>
      <c r="EUT681" s="613"/>
      <c r="EUU681" s="613"/>
      <c r="EUV681" s="613"/>
      <c r="EUW681" s="613"/>
      <c r="EUX681" s="613"/>
      <c r="EUY681" s="613"/>
      <c r="EUZ681" s="613"/>
      <c r="EVA681" s="613"/>
      <c r="EVB681" s="613"/>
      <c r="EVC681" s="613"/>
      <c r="EVD681" s="613"/>
      <c r="EVE681" s="613"/>
      <c r="EVF681" s="613"/>
      <c r="EVG681" s="613"/>
      <c r="EVH681" s="613"/>
      <c r="EVI681" s="613"/>
      <c r="EVJ681" s="613"/>
      <c r="EVK681" s="613"/>
      <c r="EVL681" s="613"/>
      <c r="EVM681" s="613"/>
      <c r="EVN681" s="613"/>
      <c r="EVO681" s="613"/>
      <c r="EVP681" s="613"/>
      <c r="EVQ681" s="613"/>
      <c r="EVR681" s="613"/>
      <c r="EVS681" s="613"/>
      <c r="EVT681" s="613"/>
      <c r="EVU681" s="613"/>
      <c r="EVV681" s="613"/>
      <c r="EVW681" s="613"/>
      <c r="EVX681" s="613"/>
      <c r="EVY681" s="613"/>
      <c r="EVZ681" s="613"/>
      <c r="EWA681" s="613"/>
      <c r="EWB681" s="613"/>
      <c r="EWC681" s="613"/>
      <c r="EWD681" s="613"/>
      <c r="EWE681" s="613"/>
      <c r="EWF681" s="613"/>
      <c r="EWG681" s="613"/>
      <c r="EWH681" s="613"/>
      <c r="EWI681" s="613"/>
      <c r="EWJ681" s="613"/>
      <c r="EWK681" s="613"/>
      <c r="EWL681" s="613"/>
      <c r="EWM681" s="613"/>
      <c r="EWN681" s="613"/>
      <c r="EWO681" s="613"/>
      <c r="EWP681" s="613"/>
      <c r="EWQ681" s="613"/>
      <c r="EWR681" s="613"/>
      <c r="EWS681" s="613"/>
      <c r="EWT681" s="613"/>
      <c r="EWU681" s="613"/>
      <c r="EWV681" s="613"/>
      <c r="EWW681" s="613"/>
      <c r="EWX681" s="613"/>
      <c r="EWY681" s="613"/>
      <c r="EWZ681" s="613"/>
      <c r="EXA681" s="613"/>
      <c r="EXB681" s="613"/>
      <c r="EXC681" s="613"/>
      <c r="EXD681" s="613"/>
      <c r="EXE681" s="613"/>
      <c r="EXF681" s="613"/>
      <c r="EXG681" s="613"/>
      <c r="EXH681" s="613"/>
      <c r="EXI681" s="613"/>
      <c r="EXJ681" s="613"/>
      <c r="EXK681" s="613"/>
      <c r="EXL681" s="613"/>
      <c r="EXM681" s="613"/>
      <c r="EXN681" s="613"/>
      <c r="EXO681" s="613"/>
      <c r="EXP681" s="613"/>
      <c r="EXQ681" s="613"/>
      <c r="EXR681" s="613"/>
      <c r="EXS681" s="613"/>
      <c r="EXT681" s="613"/>
      <c r="EXU681" s="613"/>
      <c r="EXV681" s="613"/>
      <c r="EXW681" s="613"/>
      <c r="EXX681" s="613"/>
      <c r="EXY681" s="613"/>
      <c r="EXZ681" s="613"/>
      <c r="EYA681" s="613"/>
      <c r="EYB681" s="613"/>
      <c r="EYC681" s="613"/>
      <c r="EYD681" s="613"/>
      <c r="EYE681" s="613"/>
      <c r="EYF681" s="613"/>
      <c r="EYG681" s="613"/>
      <c r="EYH681" s="613"/>
      <c r="EYI681" s="613"/>
      <c r="EYJ681" s="613"/>
      <c r="EYK681" s="613"/>
      <c r="EYL681" s="613"/>
      <c r="EYM681" s="613"/>
      <c r="EYN681" s="613"/>
      <c r="EYO681" s="613"/>
      <c r="EYP681" s="613"/>
      <c r="EYQ681" s="613"/>
      <c r="EYR681" s="613"/>
      <c r="EYS681" s="613"/>
      <c r="EYT681" s="613"/>
      <c r="EYU681" s="613"/>
      <c r="EYV681" s="613"/>
      <c r="EYW681" s="613"/>
      <c r="EYX681" s="613"/>
      <c r="EYY681" s="613"/>
      <c r="EYZ681" s="613"/>
      <c r="EZA681" s="613"/>
      <c r="EZB681" s="613"/>
      <c r="EZC681" s="613"/>
      <c r="EZD681" s="613"/>
      <c r="EZE681" s="613"/>
      <c r="EZF681" s="613"/>
      <c r="EZG681" s="613"/>
      <c r="EZH681" s="613"/>
      <c r="EZI681" s="613"/>
      <c r="EZJ681" s="613"/>
      <c r="EZK681" s="613"/>
      <c r="EZL681" s="613"/>
      <c r="EZM681" s="613"/>
      <c r="EZN681" s="613"/>
      <c r="EZO681" s="613"/>
      <c r="EZP681" s="613"/>
      <c r="EZQ681" s="613"/>
      <c r="EZR681" s="613"/>
      <c r="EZS681" s="613"/>
      <c r="EZT681" s="613"/>
      <c r="EZU681" s="613"/>
      <c r="EZV681" s="613"/>
      <c r="EZW681" s="613"/>
      <c r="EZX681" s="613"/>
      <c r="EZY681" s="613"/>
      <c r="EZZ681" s="613"/>
      <c r="FAA681" s="613"/>
      <c r="FAB681" s="613"/>
      <c r="FAC681" s="613"/>
      <c r="FAD681" s="613"/>
      <c r="FAE681" s="613"/>
      <c r="FAF681" s="613"/>
      <c r="FAG681" s="613"/>
      <c r="FAH681" s="613"/>
      <c r="FAI681" s="613"/>
      <c r="FAJ681" s="613"/>
      <c r="FAK681" s="613"/>
      <c r="FAL681" s="613"/>
      <c r="FAM681" s="613"/>
      <c r="FAN681" s="613"/>
      <c r="FAO681" s="613"/>
      <c r="FAP681" s="613"/>
      <c r="FAQ681" s="613"/>
      <c r="FAR681" s="613"/>
      <c r="FAS681" s="613"/>
      <c r="FAT681" s="613"/>
      <c r="FAU681" s="613"/>
      <c r="FAV681" s="613"/>
      <c r="FAW681" s="613"/>
      <c r="FAX681" s="613"/>
      <c r="FAY681" s="613"/>
      <c r="FAZ681" s="613"/>
      <c r="FBA681" s="613"/>
      <c r="FBB681" s="613"/>
      <c r="FBC681" s="613"/>
      <c r="FBD681" s="613"/>
      <c r="FBE681" s="613"/>
      <c r="FBF681" s="613"/>
      <c r="FBG681" s="613"/>
      <c r="FBH681" s="613"/>
      <c r="FBI681" s="613"/>
      <c r="FBJ681" s="613"/>
      <c r="FBK681" s="613"/>
      <c r="FBL681" s="613"/>
      <c r="FBM681" s="613"/>
      <c r="FBN681" s="613"/>
      <c r="FBO681" s="613"/>
      <c r="FBP681" s="613"/>
      <c r="FBQ681" s="613"/>
      <c r="FBR681" s="613"/>
      <c r="FBS681" s="613"/>
      <c r="FBT681" s="613"/>
      <c r="FBU681" s="613"/>
      <c r="FBV681" s="613"/>
      <c r="FBW681" s="613"/>
      <c r="FBX681" s="613"/>
      <c r="FBY681" s="613"/>
      <c r="FBZ681" s="613"/>
      <c r="FCA681" s="613"/>
      <c r="FCB681" s="613"/>
      <c r="FCC681" s="613"/>
      <c r="FCD681" s="613"/>
      <c r="FCE681" s="613"/>
      <c r="FCF681" s="613"/>
      <c r="FCG681" s="613"/>
      <c r="FCH681" s="613"/>
      <c r="FCI681" s="613"/>
      <c r="FCJ681" s="613"/>
      <c r="FCK681" s="613"/>
      <c r="FCL681" s="613"/>
      <c r="FCM681" s="613"/>
      <c r="FCN681" s="613"/>
      <c r="FCO681" s="613"/>
      <c r="FCP681" s="613"/>
      <c r="FCQ681" s="613"/>
      <c r="FCR681" s="613"/>
      <c r="FCS681" s="613"/>
      <c r="FCT681" s="613"/>
      <c r="FCU681" s="613"/>
      <c r="FCV681" s="613"/>
      <c r="FCW681" s="613"/>
      <c r="FCX681" s="613"/>
      <c r="FCY681" s="613"/>
      <c r="FCZ681" s="613"/>
      <c r="FDA681" s="613"/>
      <c r="FDB681" s="613"/>
      <c r="FDC681" s="613"/>
      <c r="FDD681" s="613"/>
      <c r="FDE681" s="613"/>
      <c r="FDF681" s="613"/>
      <c r="FDG681" s="613"/>
      <c r="FDH681" s="613"/>
      <c r="FDI681" s="613"/>
      <c r="FDJ681" s="613"/>
      <c r="FDK681" s="613"/>
      <c r="FDL681" s="613"/>
      <c r="FDM681" s="613"/>
      <c r="FDN681" s="613"/>
      <c r="FDO681" s="613"/>
      <c r="FDP681" s="613"/>
      <c r="FDQ681" s="613"/>
      <c r="FDR681" s="613"/>
      <c r="FDS681" s="613"/>
      <c r="FDT681" s="613"/>
      <c r="FDU681" s="613"/>
      <c r="FDV681" s="613"/>
      <c r="FDW681" s="613"/>
      <c r="FDX681" s="613"/>
      <c r="FDY681" s="613"/>
      <c r="FDZ681" s="613"/>
      <c r="FEA681" s="613"/>
      <c r="FEB681" s="613"/>
      <c r="FEC681" s="613"/>
      <c r="FED681" s="613"/>
      <c r="FEE681" s="613"/>
      <c r="FEF681" s="613"/>
      <c r="FEG681" s="613"/>
      <c r="FEH681" s="613"/>
      <c r="FEI681" s="613"/>
      <c r="FEJ681" s="613"/>
      <c r="FEK681" s="613"/>
      <c r="FEL681" s="613"/>
      <c r="FEM681" s="613"/>
      <c r="FEN681" s="613"/>
      <c r="FEO681" s="613"/>
      <c r="FEP681" s="613"/>
      <c r="FEQ681" s="613"/>
      <c r="FER681" s="613"/>
      <c r="FES681" s="613"/>
      <c r="FET681" s="613"/>
      <c r="FEU681" s="613"/>
      <c r="FEV681" s="613"/>
      <c r="FEW681" s="613"/>
      <c r="FEX681" s="613"/>
      <c r="FEY681" s="613"/>
      <c r="FEZ681" s="613"/>
      <c r="FFA681" s="613"/>
      <c r="FFB681" s="613"/>
      <c r="FFC681" s="613"/>
      <c r="FFD681" s="613"/>
      <c r="FFE681" s="613"/>
      <c r="FFF681" s="613"/>
      <c r="FFG681" s="613"/>
      <c r="FFH681" s="613"/>
      <c r="FFI681" s="613"/>
      <c r="FFJ681" s="613"/>
      <c r="FFK681" s="613"/>
      <c r="FFL681" s="613"/>
      <c r="FFM681" s="613"/>
      <c r="FFN681" s="613"/>
      <c r="FFO681" s="613"/>
      <c r="FFP681" s="613"/>
      <c r="FFQ681" s="613"/>
      <c r="FFR681" s="613"/>
      <c r="FFS681" s="613"/>
      <c r="FFT681" s="613"/>
      <c r="FFU681" s="613"/>
      <c r="FFV681" s="613"/>
      <c r="FFW681" s="613"/>
      <c r="FFX681" s="613"/>
      <c r="FFY681" s="613"/>
      <c r="FFZ681" s="613"/>
      <c r="FGA681" s="613"/>
      <c r="FGB681" s="613"/>
      <c r="FGC681" s="613"/>
      <c r="FGD681" s="613"/>
      <c r="FGE681" s="613"/>
      <c r="FGF681" s="613"/>
      <c r="FGG681" s="613"/>
      <c r="FGH681" s="613"/>
      <c r="FGI681" s="613"/>
      <c r="FGJ681" s="613"/>
      <c r="FGK681" s="613"/>
      <c r="FGL681" s="613"/>
      <c r="FGM681" s="613"/>
      <c r="FGN681" s="613"/>
      <c r="FGO681" s="613"/>
      <c r="FGP681" s="613"/>
      <c r="FGQ681" s="613"/>
      <c r="FGR681" s="613"/>
      <c r="FGS681" s="613"/>
      <c r="FGT681" s="613"/>
      <c r="FGU681" s="613"/>
      <c r="FGV681" s="613"/>
      <c r="FGW681" s="613"/>
      <c r="FGX681" s="613"/>
      <c r="FGY681" s="613"/>
      <c r="FGZ681" s="613"/>
      <c r="FHA681" s="613"/>
      <c r="FHB681" s="613"/>
      <c r="FHC681" s="613"/>
      <c r="FHD681" s="613"/>
      <c r="FHE681" s="613"/>
      <c r="FHF681" s="613"/>
      <c r="FHG681" s="613"/>
      <c r="FHH681" s="613"/>
      <c r="FHI681" s="613"/>
      <c r="FHJ681" s="613"/>
      <c r="FHK681" s="613"/>
      <c r="FHL681" s="613"/>
      <c r="FHM681" s="613"/>
      <c r="FHN681" s="613"/>
      <c r="FHO681" s="613"/>
      <c r="FHP681" s="613"/>
      <c r="FHQ681" s="613"/>
      <c r="FHR681" s="613"/>
      <c r="FHS681" s="613"/>
      <c r="FHT681" s="613"/>
      <c r="FHU681" s="613"/>
      <c r="FHV681" s="613"/>
      <c r="FHW681" s="613"/>
      <c r="FHX681" s="613"/>
      <c r="FHY681" s="613"/>
      <c r="FHZ681" s="613"/>
      <c r="FIA681" s="613"/>
      <c r="FIB681" s="613"/>
      <c r="FIC681" s="613"/>
      <c r="FID681" s="613"/>
      <c r="FIE681" s="613"/>
      <c r="FIF681" s="613"/>
      <c r="FIG681" s="613"/>
      <c r="FIH681" s="613"/>
      <c r="FII681" s="613"/>
      <c r="FIJ681" s="613"/>
      <c r="FIK681" s="613"/>
      <c r="FIL681" s="613"/>
      <c r="FIM681" s="613"/>
      <c r="FIN681" s="613"/>
      <c r="FIO681" s="613"/>
      <c r="FIP681" s="613"/>
      <c r="FIQ681" s="613"/>
      <c r="FIR681" s="613"/>
      <c r="FIS681" s="613"/>
      <c r="FIT681" s="613"/>
      <c r="FIU681" s="613"/>
      <c r="FIV681" s="613"/>
      <c r="FIW681" s="613"/>
      <c r="FIX681" s="613"/>
      <c r="FIY681" s="613"/>
      <c r="FIZ681" s="613"/>
      <c r="FJA681" s="613"/>
      <c r="FJB681" s="613"/>
      <c r="FJC681" s="613"/>
      <c r="FJD681" s="613"/>
      <c r="FJE681" s="613"/>
      <c r="FJF681" s="613"/>
      <c r="FJG681" s="613"/>
      <c r="FJH681" s="613"/>
      <c r="FJI681" s="613"/>
      <c r="FJJ681" s="613"/>
      <c r="FJK681" s="613"/>
      <c r="FJL681" s="613"/>
      <c r="FJM681" s="613"/>
      <c r="FJN681" s="613"/>
      <c r="FJO681" s="613"/>
      <c r="FJP681" s="613"/>
      <c r="FJQ681" s="613"/>
      <c r="FJR681" s="613"/>
      <c r="FJS681" s="613"/>
      <c r="FJT681" s="613"/>
      <c r="FJU681" s="613"/>
      <c r="FJV681" s="613"/>
      <c r="FJW681" s="613"/>
      <c r="FJX681" s="613"/>
      <c r="FJY681" s="613"/>
      <c r="FJZ681" s="613"/>
      <c r="FKA681" s="613"/>
      <c r="FKB681" s="613"/>
      <c r="FKC681" s="613"/>
      <c r="FKD681" s="613"/>
      <c r="FKE681" s="613"/>
      <c r="FKF681" s="613"/>
      <c r="FKG681" s="613"/>
      <c r="FKH681" s="613"/>
      <c r="FKI681" s="613"/>
      <c r="FKJ681" s="613"/>
      <c r="FKK681" s="613"/>
      <c r="FKL681" s="613"/>
      <c r="FKM681" s="613"/>
      <c r="FKN681" s="613"/>
      <c r="FKO681" s="613"/>
      <c r="FKP681" s="613"/>
      <c r="FKQ681" s="613"/>
      <c r="FKR681" s="613"/>
      <c r="FKS681" s="613"/>
      <c r="FKT681" s="613"/>
      <c r="FKU681" s="613"/>
      <c r="FKV681" s="613"/>
      <c r="FKW681" s="613"/>
      <c r="FKX681" s="613"/>
      <c r="FKY681" s="613"/>
      <c r="FKZ681" s="613"/>
      <c r="FLA681" s="613"/>
      <c r="FLB681" s="613"/>
      <c r="FLC681" s="613"/>
      <c r="FLD681" s="613"/>
      <c r="FLE681" s="613"/>
      <c r="FLF681" s="613"/>
      <c r="FLG681" s="613"/>
      <c r="FLH681" s="613"/>
      <c r="FLI681" s="613"/>
      <c r="FLJ681" s="613"/>
      <c r="FLK681" s="613"/>
      <c r="FLL681" s="613"/>
      <c r="FLM681" s="613"/>
      <c r="FLN681" s="613"/>
      <c r="FLO681" s="613"/>
      <c r="FLP681" s="613"/>
      <c r="FLQ681" s="613"/>
      <c r="FLR681" s="613"/>
      <c r="FLS681" s="613"/>
      <c r="FLT681" s="613"/>
      <c r="FLU681" s="613"/>
      <c r="FLV681" s="613"/>
      <c r="FLW681" s="613"/>
      <c r="FLX681" s="613"/>
      <c r="FLY681" s="613"/>
      <c r="FLZ681" s="613"/>
      <c r="FMA681" s="613"/>
      <c r="FMB681" s="613"/>
      <c r="FMC681" s="613"/>
      <c r="FMD681" s="613"/>
      <c r="FME681" s="613"/>
      <c r="FMF681" s="613"/>
      <c r="FMG681" s="613"/>
      <c r="FMH681" s="613"/>
      <c r="FMI681" s="613"/>
      <c r="FMJ681" s="613"/>
      <c r="FMK681" s="613"/>
      <c r="FML681" s="613"/>
      <c r="FMM681" s="613"/>
      <c r="FMN681" s="613"/>
      <c r="FMO681" s="613"/>
      <c r="FMP681" s="613"/>
      <c r="FMQ681" s="613"/>
      <c r="FMR681" s="613"/>
      <c r="FMS681" s="613"/>
      <c r="FMT681" s="613"/>
      <c r="FMU681" s="613"/>
      <c r="FMV681" s="613"/>
      <c r="FMW681" s="613"/>
      <c r="FMX681" s="613"/>
      <c r="FMY681" s="613"/>
      <c r="FMZ681" s="613"/>
      <c r="FNA681" s="613"/>
      <c r="FNB681" s="613"/>
      <c r="FNC681" s="613"/>
      <c r="FND681" s="613"/>
      <c r="FNE681" s="613"/>
      <c r="FNF681" s="613"/>
      <c r="FNG681" s="613"/>
      <c r="FNH681" s="613"/>
      <c r="FNI681" s="613"/>
      <c r="FNJ681" s="613"/>
      <c r="FNK681" s="613"/>
      <c r="FNL681" s="613"/>
      <c r="FNM681" s="613"/>
      <c r="FNN681" s="613"/>
      <c r="FNO681" s="613"/>
      <c r="FNP681" s="613"/>
      <c r="FNQ681" s="613"/>
      <c r="FNR681" s="613"/>
      <c r="FNS681" s="613"/>
      <c r="FNT681" s="613"/>
      <c r="FNU681" s="613"/>
      <c r="FNV681" s="613"/>
      <c r="FNW681" s="613"/>
      <c r="FNX681" s="613"/>
      <c r="FNY681" s="613"/>
      <c r="FNZ681" s="613"/>
      <c r="FOA681" s="613"/>
      <c r="FOB681" s="613"/>
      <c r="FOC681" s="613"/>
      <c r="FOD681" s="613"/>
      <c r="FOE681" s="613"/>
      <c r="FOF681" s="613"/>
      <c r="FOG681" s="613"/>
      <c r="FOH681" s="613"/>
      <c r="FOI681" s="613"/>
      <c r="FOJ681" s="613"/>
      <c r="FOK681" s="613"/>
      <c r="FOL681" s="613"/>
      <c r="FOM681" s="613"/>
      <c r="FON681" s="613"/>
      <c r="FOO681" s="613"/>
      <c r="FOP681" s="613"/>
      <c r="FOQ681" s="613"/>
      <c r="FOR681" s="613"/>
      <c r="FOS681" s="613"/>
      <c r="FOT681" s="613"/>
      <c r="FOU681" s="613"/>
      <c r="FOV681" s="613"/>
      <c r="FOW681" s="613"/>
      <c r="FOX681" s="613"/>
      <c r="FOY681" s="613"/>
      <c r="FOZ681" s="613"/>
      <c r="FPA681" s="613"/>
      <c r="FPB681" s="613"/>
      <c r="FPC681" s="613"/>
      <c r="FPD681" s="613"/>
      <c r="FPE681" s="613"/>
      <c r="FPF681" s="613"/>
      <c r="FPG681" s="613"/>
      <c r="FPH681" s="613"/>
      <c r="FPI681" s="613"/>
      <c r="FPJ681" s="613"/>
      <c r="FPK681" s="613"/>
      <c r="FPL681" s="613"/>
      <c r="FPM681" s="613"/>
      <c r="FPN681" s="613"/>
      <c r="FPO681" s="613"/>
      <c r="FPP681" s="613"/>
      <c r="FPQ681" s="613"/>
      <c r="FPR681" s="613"/>
      <c r="FPS681" s="613"/>
      <c r="FPT681" s="613"/>
      <c r="FPU681" s="613"/>
      <c r="FPV681" s="613"/>
      <c r="FPW681" s="613"/>
      <c r="FPX681" s="613"/>
      <c r="FPY681" s="613"/>
      <c r="FPZ681" s="613"/>
      <c r="FQA681" s="613"/>
      <c r="FQB681" s="613"/>
      <c r="FQC681" s="613"/>
      <c r="FQD681" s="613"/>
      <c r="FQE681" s="613"/>
      <c r="FQF681" s="613"/>
      <c r="FQG681" s="613"/>
      <c r="FQH681" s="613"/>
      <c r="FQI681" s="613"/>
      <c r="FQJ681" s="613"/>
      <c r="FQK681" s="613"/>
      <c r="FQL681" s="613"/>
      <c r="FQM681" s="613"/>
      <c r="FQN681" s="613"/>
      <c r="FQO681" s="613"/>
      <c r="FQP681" s="613"/>
      <c r="FQQ681" s="613"/>
      <c r="FQR681" s="613"/>
      <c r="FQS681" s="613"/>
      <c r="FQT681" s="613"/>
      <c r="FQU681" s="613"/>
      <c r="FQV681" s="613"/>
      <c r="FQW681" s="613"/>
      <c r="FQX681" s="613"/>
      <c r="FQY681" s="613"/>
      <c r="FQZ681" s="613"/>
      <c r="FRA681" s="613"/>
      <c r="FRB681" s="613"/>
      <c r="FRC681" s="613"/>
      <c r="FRD681" s="613"/>
      <c r="FRE681" s="613"/>
      <c r="FRF681" s="613"/>
      <c r="FRG681" s="613"/>
      <c r="FRH681" s="613"/>
      <c r="FRI681" s="613"/>
      <c r="FRJ681" s="613"/>
      <c r="FRK681" s="613"/>
      <c r="FRL681" s="613"/>
      <c r="FRM681" s="613"/>
      <c r="FRN681" s="613"/>
      <c r="FRO681" s="613"/>
      <c r="FRP681" s="613"/>
      <c r="FRQ681" s="613"/>
      <c r="FRR681" s="613"/>
      <c r="FRS681" s="613"/>
      <c r="FRT681" s="613"/>
      <c r="FRU681" s="613"/>
      <c r="FRV681" s="613"/>
      <c r="FRW681" s="613"/>
      <c r="FRX681" s="613"/>
      <c r="FRY681" s="613"/>
      <c r="FRZ681" s="613"/>
      <c r="FSA681" s="613"/>
      <c r="FSB681" s="613"/>
      <c r="FSC681" s="613"/>
      <c r="FSD681" s="613"/>
      <c r="FSE681" s="613"/>
      <c r="FSF681" s="613"/>
      <c r="FSG681" s="613"/>
      <c r="FSH681" s="613"/>
      <c r="FSI681" s="613"/>
      <c r="FSJ681" s="613"/>
      <c r="FSK681" s="613"/>
      <c r="FSL681" s="613"/>
      <c r="FSM681" s="613"/>
      <c r="FSN681" s="613"/>
      <c r="FSO681" s="613"/>
      <c r="FSP681" s="613"/>
      <c r="FSQ681" s="613"/>
      <c r="FSR681" s="613"/>
      <c r="FSS681" s="613"/>
      <c r="FST681" s="613"/>
      <c r="FSU681" s="613"/>
      <c r="FSV681" s="613"/>
      <c r="FSW681" s="613"/>
      <c r="FSX681" s="613"/>
      <c r="FSY681" s="613"/>
      <c r="FSZ681" s="613"/>
      <c r="FTA681" s="613"/>
      <c r="FTB681" s="613"/>
      <c r="FTC681" s="613"/>
      <c r="FTD681" s="613"/>
      <c r="FTE681" s="613"/>
      <c r="FTF681" s="613"/>
      <c r="FTG681" s="613"/>
      <c r="FTH681" s="613"/>
      <c r="FTI681" s="613"/>
      <c r="FTJ681" s="613"/>
      <c r="FTK681" s="613"/>
      <c r="FTL681" s="613"/>
      <c r="FTM681" s="613"/>
      <c r="FTN681" s="613"/>
      <c r="FTO681" s="613"/>
      <c r="FTP681" s="613"/>
      <c r="FTQ681" s="613"/>
      <c r="FTR681" s="613"/>
      <c r="FTS681" s="613"/>
      <c r="FTT681" s="613"/>
      <c r="FTU681" s="613"/>
      <c r="FTV681" s="613"/>
      <c r="FTW681" s="613"/>
      <c r="FTX681" s="613"/>
      <c r="FTY681" s="613"/>
      <c r="FTZ681" s="613"/>
      <c r="FUA681" s="613"/>
      <c r="FUB681" s="613"/>
      <c r="FUC681" s="613"/>
      <c r="FUD681" s="613"/>
      <c r="FUE681" s="613"/>
      <c r="FUF681" s="613"/>
      <c r="FUG681" s="613"/>
      <c r="FUH681" s="613"/>
      <c r="FUI681" s="613"/>
      <c r="FUJ681" s="613"/>
      <c r="FUK681" s="613"/>
      <c r="FUL681" s="613"/>
      <c r="FUM681" s="613"/>
      <c r="FUN681" s="613"/>
      <c r="FUO681" s="613"/>
      <c r="FUP681" s="613"/>
      <c r="FUQ681" s="613"/>
      <c r="FUR681" s="613"/>
      <c r="FUS681" s="613"/>
      <c r="FUT681" s="613"/>
      <c r="FUU681" s="613"/>
      <c r="FUV681" s="613"/>
      <c r="FUW681" s="613"/>
      <c r="FUX681" s="613"/>
      <c r="FUY681" s="613"/>
      <c r="FUZ681" s="613"/>
      <c r="FVA681" s="613"/>
      <c r="FVB681" s="613"/>
      <c r="FVC681" s="613"/>
      <c r="FVD681" s="613"/>
      <c r="FVE681" s="613"/>
      <c r="FVF681" s="613"/>
      <c r="FVG681" s="613"/>
      <c r="FVH681" s="613"/>
      <c r="FVI681" s="613"/>
      <c r="FVJ681" s="613"/>
      <c r="FVK681" s="613"/>
      <c r="FVL681" s="613"/>
      <c r="FVM681" s="613"/>
      <c r="FVN681" s="613"/>
      <c r="FVO681" s="613"/>
      <c r="FVP681" s="613"/>
      <c r="FVQ681" s="613"/>
      <c r="FVR681" s="613"/>
      <c r="FVS681" s="613"/>
      <c r="FVT681" s="613"/>
      <c r="FVU681" s="613"/>
      <c r="FVV681" s="613"/>
      <c r="FVW681" s="613"/>
      <c r="FVX681" s="613"/>
      <c r="FVY681" s="613"/>
      <c r="FVZ681" s="613"/>
      <c r="FWA681" s="613"/>
      <c r="FWB681" s="613"/>
      <c r="FWC681" s="613"/>
      <c r="FWD681" s="613"/>
      <c r="FWE681" s="613"/>
      <c r="FWF681" s="613"/>
      <c r="FWG681" s="613"/>
      <c r="FWH681" s="613"/>
      <c r="FWI681" s="613"/>
      <c r="FWJ681" s="613"/>
      <c r="FWK681" s="613"/>
      <c r="FWL681" s="613"/>
      <c r="FWM681" s="613"/>
      <c r="FWN681" s="613"/>
      <c r="FWO681" s="613"/>
      <c r="FWP681" s="613"/>
      <c r="FWQ681" s="613"/>
      <c r="FWR681" s="613"/>
      <c r="FWS681" s="613"/>
      <c r="FWT681" s="613"/>
      <c r="FWU681" s="613"/>
      <c r="FWV681" s="613"/>
      <c r="FWW681" s="613"/>
      <c r="FWX681" s="613"/>
      <c r="FWY681" s="613"/>
      <c r="FWZ681" s="613"/>
      <c r="FXA681" s="613"/>
      <c r="FXB681" s="613"/>
      <c r="FXC681" s="613"/>
      <c r="FXD681" s="613"/>
      <c r="FXE681" s="613"/>
      <c r="FXF681" s="613"/>
      <c r="FXG681" s="613"/>
      <c r="FXH681" s="613"/>
      <c r="FXI681" s="613"/>
      <c r="FXJ681" s="613"/>
      <c r="FXK681" s="613"/>
      <c r="FXL681" s="613"/>
      <c r="FXM681" s="613"/>
      <c r="FXN681" s="613"/>
      <c r="FXO681" s="613"/>
      <c r="FXP681" s="613"/>
      <c r="FXQ681" s="613"/>
      <c r="FXR681" s="613"/>
      <c r="FXS681" s="613"/>
      <c r="FXT681" s="613"/>
      <c r="FXU681" s="613"/>
      <c r="FXV681" s="613"/>
      <c r="FXW681" s="613"/>
      <c r="FXX681" s="613"/>
      <c r="FXY681" s="613"/>
      <c r="FXZ681" s="613"/>
      <c r="FYA681" s="613"/>
      <c r="FYB681" s="613"/>
      <c r="FYC681" s="613"/>
      <c r="FYD681" s="613"/>
      <c r="FYE681" s="613"/>
      <c r="FYF681" s="613"/>
      <c r="FYG681" s="613"/>
      <c r="FYH681" s="613"/>
      <c r="FYI681" s="613"/>
      <c r="FYJ681" s="613"/>
      <c r="FYK681" s="613"/>
      <c r="FYL681" s="613"/>
      <c r="FYM681" s="613"/>
      <c r="FYN681" s="613"/>
      <c r="FYO681" s="613"/>
      <c r="FYP681" s="613"/>
      <c r="FYQ681" s="613"/>
      <c r="FYR681" s="613"/>
      <c r="FYS681" s="613"/>
      <c r="FYT681" s="613"/>
      <c r="FYU681" s="613"/>
      <c r="FYV681" s="613"/>
      <c r="FYW681" s="613"/>
      <c r="FYX681" s="613"/>
      <c r="FYY681" s="613"/>
      <c r="FYZ681" s="613"/>
      <c r="FZA681" s="613"/>
      <c r="FZB681" s="613"/>
      <c r="FZC681" s="613"/>
      <c r="FZD681" s="613"/>
      <c r="FZE681" s="613"/>
      <c r="FZF681" s="613"/>
      <c r="FZG681" s="613"/>
      <c r="FZH681" s="613"/>
      <c r="FZI681" s="613"/>
      <c r="FZJ681" s="613"/>
      <c r="FZK681" s="613"/>
      <c r="FZL681" s="613"/>
      <c r="FZM681" s="613"/>
      <c r="FZN681" s="613"/>
      <c r="FZO681" s="613"/>
      <c r="FZP681" s="613"/>
      <c r="FZQ681" s="613"/>
      <c r="FZR681" s="613"/>
      <c r="FZS681" s="613"/>
      <c r="FZT681" s="613"/>
      <c r="FZU681" s="613"/>
      <c r="FZV681" s="613"/>
      <c r="FZW681" s="613"/>
      <c r="FZX681" s="613"/>
      <c r="FZY681" s="613"/>
      <c r="FZZ681" s="613"/>
      <c r="GAA681" s="613"/>
      <c r="GAB681" s="613"/>
      <c r="GAC681" s="613"/>
      <c r="GAD681" s="613"/>
      <c r="GAE681" s="613"/>
      <c r="GAF681" s="613"/>
      <c r="GAG681" s="613"/>
      <c r="GAH681" s="613"/>
      <c r="GAI681" s="613"/>
      <c r="GAJ681" s="613"/>
      <c r="GAK681" s="613"/>
      <c r="GAL681" s="613"/>
      <c r="GAM681" s="613"/>
      <c r="GAN681" s="613"/>
      <c r="GAO681" s="613"/>
      <c r="GAP681" s="613"/>
      <c r="GAQ681" s="613"/>
      <c r="GAR681" s="613"/>
      <c r="GAS681" s="613"/>
      <c r="GAT681" s="613"/>
      <c r="GAU681" s="613"/>
      <c r="GAV681" s="613"/>
      <c r="GAW681" s="613"/>
      <c r="GAX681" s="613"/>
      <c r="GAY681" s="613"/>
      <c r="GAZ681" s="613"/>
      <c r="GBA681" s="613"/>
      <c r="GBB681" s="613"/>
      <c r="GBC681" s="613"/>
      <c r="GBD681" s="613"/>
      <c r="GBE681" s="613"/>
      <c r="GBF681" s="613"/>
      <c r="GBG681" s="613"/>
      <c r="GBH681" s="613"/>
      <c r="GBI681" s="613"/>
      <c r="GBJ681" s="613"/>
      <c r="GBK681" s="613"/>
      <c r="GBL681" s="613"/>
      <c r="GBM681" s="613"/>
      <c r="GBN681" s="613"/>
      <c r="GBO681" s="613"/>
      <c r="GBP681" s="613"/>
      <c r="GBQ681" s="613"/>
      <c r="GBR681" s="613"/>
      <c r="GBS681" s="613"/>
      <c r="GBT681" s="613"/>
      <c r="GBU681" s="613"/>
      <c r="GBV681" s="613"/>
      <c r="GBW681" s="613"/>
      <c r="GBX681" s="613"/>
      <c r="GBY681" s="613"/>
      <c r="GBZ681" s="613"/>
      <c r="GCA681" s="613"/>
      <c r="GCB681" s="613"/>
      <c r="GCC681" s="613"/>
      <c r="GCD681" s="613"/>
      <c r="GCE681" s="613"/>
      <c r="GCF681" s="613"/>
      <c r="GCG681" s="613"/>
      <c r="GCH681" s="613"/>
      <c r="GCI681" s="613"/>
      <c r="GCJ681" s="613"/>
      <c r="GCK681" s="613"/>
      <c r="GCL681" s="613"/>
      <c r="GCM681" s="613"/>
      <c r="GCN681" s="613"/>
      <c r="GCO681" s="613"/>
      <c r="GCP681" s="613"/>
      <c r="GCQ681" s="613"/>
      <c r="GCR681" s="613"/>
      <c r="GCS681" s="613"/>
      <c r="GCT681" s="613"/>
      <c r="GCU681" s="613"/>
      <c r="GCV681" s="613"/>
      <c r="GCW681" s="613"/>
      <c r="GCX681" s="613"/>
      <c r="GCY681" s="613"/>
      <c r="GCZ681" s="613"/>
      <c r="GDA681" s="613"/>
      <c r="GDB681" s="613"/>
      <c r="GDC681" s="613"/>
      <c r="GDD681" s="613"/>
      <c r="GDE681" s="613"/>
      <c r="GDF681" s="613"/>
      <c r="GDG681" s="613"/>
      <c r="GDH681" s="613"/>
      <c r="GDI681" s="613"/>
      <c r="GDJ681" s="613"/>
      <c r="GDK681" s="613"/>
      <c r="GDL681" s="613"/>
      <c r="GDM681" s="613"/>
      <c r="GDN681" s="613"/>
      <c r="GDO681" s="613"/>
      <c r="GDP681" s="613"/>
      <c r="GDQ681" s="613"/>
      <c r="GDR681" s="613"/>
      <c r="GDS681" s="613"/>
      <c r="GDT681" s="613"/>
      <c r="GDU681" s="613"/>
      <c r="GDV681" s="613"/>
      <c r="GDW681" s="613"/>
      <c r="GDX681" s="613"/>
      <c r="GDY681" s="613"/>
      <c r="GDZ681" s="613"/>
      <c r="GEA681" s="613"/>
      <c r="GEB681" s="613"/>
      <c r="GEC681" s="613"/>
      <c r="GED681" s="613"/>
      <c r="GEE681" s="613"/>
      <c r="GEF681" s="613"/>
      <c r="GEG681" s="613"/>
      <c r="GEH681" s="613"/>
      <c r="GEI681" s="613"/>
      <c r="GEJ681" s="613"/>
      <c r="GEK681" s="613"/>
      <c r="GEL681" s="613"/>
      <c r="GEM681" s="613"/>
      <c r="GEN681" s="613"/>
      <c r="GEO681" s="613"/>
      <c r="GEP681" s="613"/>
      <c r="GEQ681" s="613"/>
      <c r="GER681" s="613"/>
      <c r="GES681" s="613"/>
      <c r="GET681" s="613"/>
      <c r="GEU681" s="613"/>
      <c r="GEV681" s="613"/>
      <c r="GEW681" s="613"/>
      <c r="GEX681" s="613"/>
      <c r="GEY681" s="613"/>
      <c r="GEZ681" s="613"/>
      <c r="GFA681" s="613"/>
      <c r="GFB681" s="613"/>
      <c r="GFC681" s="613"/>
      <c r="GFD681" s="613"/>
      <c r="GFE681" s="613"/>
      <c r="GFF681" s="613"/>
      <c r="GFG681" s="613"/>
      <c r="GFH681" s="613"/>
      <c r="GFI681" s="613"/>
      <c r="GFJ681" s="613"/>
      <c r="GFK681" s="613"/>
      <c r="GFL681" s="613"/>
      <c r="GFM681" s="613"/>
      <c r="GFN681" s="613"/>
      <c r="GFO681" s="613"/>
      <c r="GFP681" s="613"/>
      <c r="GFQ681" s="613"/>
      <c r="GFR681" s="613"/>
      <c r="GFS681" s="613"/>
      <c r="GFT681" s="613"/>
      <c r="GFU681" s="613"/>
      <c r="GFV681" s="613"/>
      <c r="GFW681" s="613"/>
      <c r="GFX681" s="613"/>
      <c r="GFY681" s="613"/>
      <c r="GFZ681" s="613"/>
      <c r="GGA681" s="613"/>
      <c r="GGB681" s="613"/>
      <c r="GGC681" s="613"/>
      <c r="GGD681" s="613"/>
      <c r="GGE681" s="613"/>
      <c r="GGF681" s="613"/>
      <c r="GGG681" s="613"/>
      <c r="GGH681" s="613"/>
      <c r="GGI681" s="613"/>
      <c r="GGJ681" s="613"/>
      <c r="GGK681" s="613"/>
      <c r="GGL681" s="613"/>
      <c r="GGM681" s="613"/>
      <c r="GGN681" s="613"/>
      <c r="GGO681" s="613"/>
      <c r="GGP681" s="613"/>
      <c r="GGQ681" s="613"/>
      <c r="GGR681" s="613"/>
      <c r="GGS681" s="613"/>
      <c r="GGT681" s="613"/>
      <c r="GGU681" s="613"/>
      <c r="GGV681" s="613"/>
      <c r="GGW681" s="613"/>
      <c r="GGX681" s="613"/>
      <c r="GGY681" s="613"/>
      <c r="GGZ681" s="613"/>
      <c r="GHA681" s="613"/>
      <c r="GHB681" s="613"/>
      <c r="GHC681" s="613"/>
      <c r="GHD681" s="613"/>
      <c r="GHE681" s="613"/>
      <c r="GHF681" s="613"/>
      <c r="GHG681" s="613"/>
      <c r="GHH681" s="613"/>
      <c r="GHI681" s="613"/>
      <c r="GHJ681" s="613"/>
      <c r="GHK681" s="613"/>
      <c r="GHL681" s="613"/>
      <c r="GHM681" s="613"/>
      <c r="GHN681" s="613"/>
      <c r="GHO681" s="613"/>
      <c r="GHP681" s="613"/>
      <c r="GHQ681" s="613"/>
      <c r="GHR681" s="613"/>
      <c r="GHS681" s="613"/>
      <c r="GHT681" s="613"/>
      <c r="GHU681" s="613"/>
      <c r="GHV681" s="613"/>
      <c r="GHW681" s="613"/>
      <c r="GHX681" s="613"/>
      <c r="GHY681" s="613"/>
      <c r="GHZ681" s="613"/>
      <c r="GIA681" s="613"/>
      <c r="GIB681" s="613"/>
      <c r="GIC681" s="613"/>
      <c r="GID681" s="613"/>
      <c r="GIE681" s="613"/>
      <c r="GIF681" s="613"/>
      <c r="GIG681" s="613"/>
      <c r="GIH681" s="613"/>
      <c r="GII681" s="613"/>
      <c r="GIJ681" s="613"/>
      <c r="GIK681" s="613"/>
      <c r="GIL681" s="613"/>
      <c r="GIM681" s="613"/>
      <c r="GIN681" s="613"/>
      <c r="GIO681" s="613"/>
      <c r="GIP681" s="613"/>
      <c r="GIQ681" s="613"/>
      <c r="GIR681" s="613"/>
      <c r="GIS681" s="613"/>
      <c r="GIT681" s="613"/>
      <c r="GIU681" s="613"/>
      <c r="GIV681" s="613"/>
      <c r="GIW681" s="613"/>
      <c r="GIX681" s="613"/>
      <c r="GIY681" s="613"/>
      <c r="GIZ681" s="613"/>
      <c r="GJA681" s="613"/>
      <c r="GJB681" s="613"/>
      <c r="GJC681" s="613"/>
      <c r="GJD681" s="613"/>
      <c r="GJE681" s="613"/>
      <c r="GJF681" s="613"/>
      <c r="GJG681" s="613"/>
      <c r="GJH681" s="613"/>
      <c r="GJI681" s="613"/>
      <c r="GJJ681" s="613"/>
      <c r="GJK681" s="613"/>
      <c r="GJL681" s="613"/>
      <c r="GJM681" s="613"/>
      <c r="GJN681" s="613"/>
      <c r="GJO681" s="613"/>
      <c r="GJP681" s="613"/>
      <c r="GJQ681" s="613"/>
      <c r="GJR681" s="613"/>
      <c r="GJS681" s="613"/>
      <c r="GJT681" s="613"/>
      <c r="GJU681" s="613"/>
      <c r="GJV681" s="613"/>
      <c r="GJW681" s="613"/>
      <c r="GJX681" s="613"/>
      <c r="GJY681" s="613"/>
      <c r="GJZ681" s="613"/>
      <c r="GKA681" s="613"/>
      <c r="GKB681" s="613"/>
      <c r="GKC681" s="613"/>
      <c r="GKD681" s="613"/>
      <c r="GKE681" s="613"/>
      <c r="GKF681" s="613"/>
      <c r="GKG681" s="613"/>
      <c r="GKH681" s="613"/>
      <c r="GKI681" s="613"/>
      <c r="GKJ681" s="613"/>
      <c r="GKK681" s="613"/>
      <c r="GKL681" s="613"/>
      <c r="GKM681" s="613"/>
      <c r="GKN681" s="613"/>
      <c r="GKO681" s="613"/>
      <c r="GKP681" s="613"/>
      <c r="GKQ681" s="613"/>
      <c r="GKR681" s="613"/>
      <c r="GKS681" s="613"/>
      <c r="GKT681" s="613"/>
      <c r="GKU681" s="613"/>
      <c r="GKV681" s="613"/>
      <c r="GKW681" s="613"/>
      <c r="GKX681" s="613"/>
      <c r="GKY681" s="613"/>
      <c r="GKZ681" s="613"/>
      <c r="GLA681" s="613"/>
      <c r="GLB681" s="613"/>
      <c r="GLC681" s="613"/>
      <c r="GLD681" s="613"/>
      <c r="GLE681" s="613"/>
      <c r="GLF681" s="613"/>
      <c r="GLG681" s="613"/>
      <c r="GLH681" s="613"/>
      <c r="GLI681" s="613"/>
      <c r="GLJ681" s="613"/>
      <c r="GLK681" s="613"/>
      <c r="GLL681" s="613"/>
      <c r="GLM681" s="613"/>
      <c r="GLN681" s="613"/>
      <c r="GLO681" s="613"/>
      <c r="GLP681" s="613"/>
      <c r="GLQ681" s="613"/>
      <c r="GLR681" s="613"/>
      <c r="GLS681" s="613"/>
      <c r="GLT681" s="613"/>
      <c r="GLU681" s="613"/>
      <c r="GLV681" s="613"/>
      <c r="GLW681" s="613"/>
      <c r="GLX681" s="613"/>
      <c r="GLY681" s="613"/>
      <c r="GLZ681" s="613"/>
      <c r="GMA681" s="613"/>
      <c r="GMB681" s="613"/>
      <c r="GMC681" s="613"/>
      <c r="GMD681" s="613"/>
      <c r="GME681" s="613"/>
      <c r="GMF681" s="613"/>
      <c r="GMG681" s="613"/>
      <c r="GMH681" s="613"/>
      <c r="GMI681" s="613"/>
      <c r="GMJ681" s="613"/>
      <c r="GMK681" s="613"/>
      <c r="GML681" s="613"/>
      <c r="GMM681" s="613"/>
      <c r="GMN681" s="613"/>
      <c r="GMO681" s="613"/>
      <c r="GMP681" s="613"/>
      <c r="GMQ681" s="613"/>
      <c r="GMR681" s="613"/>
      <c r="GMS681" s="613"/>
      <c r="GMT681" s="613"/>
      <c r="GMU681" s="613"/>
      <c r="GMV681" s="613"/>
      <c r="GMW681" s="613"/>
      <c r="GMX681" s="613"/>
      <c r="GMY681" s="613"/>
      <c r="GMZ681" s="613"/>
      <c r="GNA681" s="613"/>
      <c r="GNB681" s="613"/>
      <c r="GNC681" s="613"/>
      <c r="GND681" s="613"/>
      <c r="GNE681" s="613"/>
      <c r="GNF681" s="613"/>
      <c r="GNG681" s="613"/>
      <c r="GNH681" s="613"/>
      <c r="GNI681" s="613"/>
      <c r="GNJ681" s="613"/>
      <c r="GNK681" s="613"/>
      <c r="GNL681" s="613"/>
      <c r="GNM681" s="613"/>
      <c r="GNN681" s="613"/>
      <c r="GNO681" s="613"/>
      <c r="GNP681" s="613"/>
      <c r="GNQ681" s="613"/>
      <c r="GNR681" s="613"/>
      <c r="GNS681" s="613"/>
      <c r="GNT681" s="613"/>
      <c r="GNU681" s="613"/>
      <c r="GNV681" s="613"/>
      <c r="GNW681" s="613"/>
      <c r="GNX681" s="613"/>
      <c r="GNY681" s="613"/>
      <c r="GNZ681" s="613"/>
      <c r="GOA681" s="613"/>
      <c r="GOB681" s="613"/>
      <c r="GOC681" s="613"/>
      <c r="GOD681" s="613"/>
      <c r="GOE681" s="613"/>
      <c r="GOF681" s="613"/>
      <c r="GOG681" s="613"/>
      <c r="GOH681" s="613"/>
      <c r="GOI681" s="613"/>
      <c r="GOJ681" s="613"/>
      <c r="GOK681" s="613"/>
      <c r="GOL681" s="613"/>
      <c r="GOM681" s="613"/>
      <c r="GON681" s="613"/>
      <c r="GOO681" s="613"/>
      <c r="GOP681" s="613"/>
      <c r="GOQ681" s="613"/>
      <c r="GOR681" s="613"/>
      <c r="GOS681" s="613"/>
      <c r="GOT681" s="613"/>
      <c r="GOU681" s="613"/>
      <c r="GOV681" s="613"/>
      <c r="GOW681" s="613"/>
      <c r="GOX681" s="613"/>
      <c r="GOY681" s="613"/>
      <c r="GOZ681" s="613"/>
      <c r="GPA681" s="613"/>
      <c r="GPB681" s="613"/>
      <c r="GPC681" s="613"/>
      <c r="GPD681" s="613"/>
      <c r="GPE681" s="613"/>
      <c r="GPF681" s="613"/>
      <c r="GPG681" s="613"/>
      <c r="GPH681" s="613"/>
      <c r="GPI681" s="613"/>
      <c r="GPJ681" s="613"/>
      <c r="GPK681" s="613"/>
      <c r="GPL681" s="613"/>
      <c r="GPM681" s="613"/>
      <c r="GPN681" s="613"/>
      <c r="GPO681" s="613"/>
      <c r="GPP681" s="613"/>
      <c r="GPQ681" s="613"/>
      <c r="GPR681" s="613"/>
      <c r="GPS681" s="613"/>
      <c r="GPT681" s="613"/>
      <c r="GPU681" s="613"/>
      <c r="GPV681" s="613"/>
      <c r="GPW681" s="613"/>
      <c r="GPX681" s="613"/>
      <c r="GPY681" s="613"/>
      <c r="GPZ681" s="613"/>
      <c r="GQA681" s="613"/>
      <c r="GQB681" s="613"/>
      <c r="GQC681" s="613"/>
      <c r="GQD681" s="613"/>
      <c r="GQE681" s="613"/>
      <c r="GQF681" s="613"/>
      <c r="GQG681" s="613"/>
      <c r="GQH681" s="613"/>
      <c r="GQI681" s="613"/>
      <c r="GQJ681" s="613"/>
      <c r="GQK681" s="613"/>
      <c r="GQL681" s="613"/>
      <c r="GQM681" s="613"/>
      <c r="GQN681" s="613"/>
      <c r="GQO681" s="613"/>
      <c r="GQP681" s="613"/>
      <c r="GQQ681" s="613"/>
      <c r="GQR681" s="613"/>
      <c r="GQS681" s="613"/>
      <c r="GQT681" s="613"/>
      <c r="GQU681" s="613"/>
      <c r="GQV681" s="613"/>
      <c r="GQW681" s="613"/>
      <c r="GQX681" s="613"/>
      <c r="GQY681" s="613"/>
      <c r="GQZ681" s="613"/>
      <c r="GRA681" s="613"/>
      <c r="GRB681" s="613"/>
      <c r="GRC681" s="613"/>
      <c r="GRD681" s="613"/>
      <c r="GRE681" s="613"/>
      <c r="GRF681" s="613"/>
      <c r="GRG681" s="613"/>
      <c r="GRH681" s="613"/>
      <c r="GRI681" s="613"/>
      <c r="GRJ681" s="613"/>
      <c r="GRK681" s="613"/>
      <c r="GRL681" s="613"/>
      <c r="GRM681" s="613"/>
      <c r="GRN681" s="613"/>
      <c r="GRO681" s="613"/>
      <c r="GRP681" s="613"/>
      <c r="GRQ681" s="613"/>
      <c r="GRR681" s="613"/>
      <c r="GRS681" s="613"/>
      <c r="GRT681" s="613"/>
      <c r="GRU681" s="613"/>
      <c r="GRV681" s="613"/>
      <c r="GRW681" s="613"/>
      <c r="GRX681" s="613"/>
      <c r="GRY681" s="613"/>
      <c r="GRZ681" s="613"/>
      <c r="GSA681" s="613"/>
      <c r="GSB681" s="613"/>
      <c r="GSC681" s="613"/>
      <c r="GSD681" s="613"/>
      <c r="GSE681" s="613"/>
      <c r="GSF681" s="613"/>
      <c r="GSG681" s="613"/>
      <c r="GSH681" s="613"/>
      <c r="GSI681" s="613"/>
      <c r="GSJ681" s="613"/>
      <c r="GSK681" s="613"/>
      <c r="GSL681" s="613"/>
      <c r="GSM681" s="613"/>
      <c r="GSN681" s="613"/>
      <c r="GSO681" s="613"/>
      <c r="GSP681" s="613"/>
      <c r="GSQ681" s="613"/>
      <c r="GSR681" s="613"/>
      <c r="GSS681" s="613"/>
      <c r="GST681" s="613"/>
      <c r="GSU681" s="613"/>
      <c r="GSV681" s="613"/>
      <c r="GSW681" s="613"/>
      <c r="GSX681" s="613"/>
      <c r="GSY681" s="613"/>
      <c r="GSZ681" s="613"/>
      <c r="GTA681" s="613"/>
      <c r="GTB681" s="613"/>
      <c r="GTC681" s="613"/>
      <c r="GTD681" s="613"/>
      <c r="GTE681" s="613"/>
      <c r="GTF681" s="613"/>
      <c r="GTG681" s="613"/>
      <c r="GTH681" s="613"/>
      <c r="GTI681" s="613"/>
      <c r="GTJ681" s="613"/>
      <c r="GTK681" s="613"/>
      <c r="GTL681" s="613"/>
      <c r="GTM681" s="613"/>
      <c r="GTN681" s="613"/>
      <c r="GTO681" s="613"/>
      <c r="GTP681" s="613"/>
      <c r="GTQ681" s="613"/>
      <c r="GTR681" s="613"/>
      <c r="GTS681" s="613"/>
      <c r="GTT681" s="613"/>
      <c r="GTU681" s="613"/>
      <c r="GTV681" s="613"/>
      <c r="GTW681" s="613"/>
      <c r="GTX681" s="613"/>
      <c r="GTY681" s="613"/>
      <c r="GTZ681" s="613"/>
      <c r="GUA681" s="613"/>
      <c r="GUB681" s="613"/>
      <c r="GUC681" s="613"/>
      <c r="GUD681" s="613"/>
      <c r="GUE681" s="613"/>
      <c r="GUF681" s="613"/>
      <c r="GUG681" s="613"/>
      <c r="GUH681" s="613"/>
      <c r="GUI681" s="613"/>
      <c r="GUJ681" s="613"/>
      <c r="GUK681" s="613"/>
      <c r="GUL681" s="613"/>
      <c r="GUM681" s="613"/>
      <c r="GUN681" s="613"/>
      <c r="GUO681" s="613"/>
      <c r="GUP681" s="613"/>
      <c r="GUQ681" s="613"/>
      <c r="GUR681" s="613"/>
      <c r="GUS681" s="613"/>
      <c r="GUT681" s="613"/>
      <c r="GUU681" s="613"/>
      <c r="GUV681" s="613"/>
      <c r="GUW681" s="613"/>
      <c r="GUX681" s="613"/>
      <c r="GUY681" s="613"/>
      <c r="GUZ681" s="613"/>
      <c r="GVA681" s="613"/>
      <c r="GVB681" s="613"/>
      <c r="GVC681" s="613"/>
      <c r="GVD681" s="613"/>
      <c r="GVE681" s="613"/>
      <c r="GVF681" s="613"/>
      <c r="GVG681" s="613"/>
      <c r="GVH681" s="613"/>
      <c r="GVI681" s="613"/>
      <c r="GVJ681" s="613"/>
      <c r="GVK681" s="613"/>
      <c r="GVL681" s="613"/>
      <c r="GVM681" s="613"/>
      <c r="GVN681" s="613"/>
      <c r="GVO681" s="613"/>
      <c r="GVP681" s="613"/>
      <c r="GVQ681" s="613"/>
      <c r="GVR681" s="613"/>
      <c r="GVS681" s="613"/>
      <c r="GVT681" s="613"/>
      <c r="GVU681" s="613"/>
      <c r="GVV681" s="613"/>
      <c r="GVW681" s="613"/>
      <c r="GVX681" s="613"/>
      <c r="GVY681" s="613"/>
      <c r="GVZ681" s="613"/>
      <c r="GWA681" s="613"/>
      <c r="GWB681" s="613"/>
      <c r="GWC681" s="613"/>
      <c r="GWD681" s="613"/>
      <c r="GWE681" s="613"/>
      <c r="GWF681" s="613"/>
      <c r="GWG681" s="613"/>
      <c r="GWH681" s="613"/>
      <c r="GWI681" s="613"/>
      <c r="GWJ681" s="613"/>
      <c r="GWK681" s="613"/>
      <c r="GWL681" s="613"/>
      <c r="GWM681" s="613"/>
      <c r="GWN681" s="613"/>
      <c r="GWO681" s="613"/>
      <c r="GWP681" s="613"/>
      <c r="GWQ681" s="613"/>
      <c r="GWR681" s="613"/>
      <c r="GWS681" s="613"/>
      <c r="GWT681" s="613"/>
      <c r="GWU681" s="613"/>
      <c r="GWV681" s="613"/>
      <c r="GWW681" s="613"/>
      <c r="GWX681" s="613"/>
      <c r="GWY681" s="613"/>
      <c r="GWZ681" s="613"/>
      <c r="GXA681" s="613"/>
      <c r="GXB681" s="613"/>
      <c r="GXC681" s="613"/>
      <c r="GXD681" s="613"/>
      <c r="GXE681" s="613"/>
      <c r="GXF681" s="613"/>
      <c r="GXG681" s="613"/>
      <c r="GXH681" s="613"/>
      <c r="GXI681" s="613"/>
      <c r="GXJ681" s="613"/>
      <c r="GXK681" s="613"/>
      <c r="GXL681" s="613"/>
      <c r="GXM681" s="613"/>
      <c r="GXN681" s="613"/>
      <c r="GXO681" s="613"/>
      <c r="GXP681" s="613"/>
      <c r="GXQ681" s="613"/>
      <c r="GXR681" s="613"/>
      <c r="GXS681" s="613"/>
      <c r="GXT681" s="613"/>
      <c r="GXU681" s="613"/>
      <c r="GXV681" s="613"/>
      <c r="GXW681" s="613"/>
      <c r="GXX681" s="613"/>
      <c r="GXY681" s="613"/>
      <c r="GXZ681" s="613"/>
      <c r="GYA681" s="613"/>
      <c r="GYB681" s="613"/>
      <c r="GYC681" s="613"/>
      <c r="GYD681" s="613"/>
      <c r="GYE681" s="613"/>
      <c r="GYF681" s="613"/>
      <c r="GYG681" s="613"/>
      <c r="GYH681" s="613"/>
      <c r="GYI681" s="613"/>
      <c r="GYJ681" s="613"/>
      <c r="GYK681" s="613"/>
      <c r="GYL681" s="613"/>
      <c r="GYM681" s="613"/>
      <c r="GYN681" s="613"/>
      <c r="GYO681" s="613"/>
      <c r="GYP681" s="613"/>
      <c r="GYQ681" s="613"/>
      <c r="GYR681" s="613"/>
      <c r="GYS681" s="613"/>
      <c r="GYT681" s="613"/>
      <c r="GYU681" s="613"/>
      <c r="GYV681" s="613"/>
      <c r="GYW681" s="613"/>
      <c r="GYX681" s="613"/>
      <c r="GYY681" s="613"/>
      <c r="GYZ681" s="613"/>
      <c r="GZA681" s="613"/>
      <c r="GZB681" s="613"/>
      <c r="GZC681" s="613"/>
      <c r="GZD681" s="613"/>
      <c r="GZE681" s="613"/>
      <c r="GZF681" s="613"/>
      <c r="GZG681" s="613"/>
      <c r="GZH681" s="613"/>
      <c r="GZI681" s="613"/>
      <c r="GZJ681" s="613"/>
      <c r="GZK681" s="613"/>
      <c r="GZL681" s="613"/>
      <c r="GZM681" s="613"/>
      <c r="GZN681" s="613"/>
      <c r="GZO681" s="613"/>
      <c r="GZP681" s="613"/>
      <c r="GZQ681" s="613"/>
      <c r="GZR681" s="613"/>
      <c r="GZS681" s="613"/>
      <c r="GZT681" s="613"/>
      <c r="GZU681" s="613"/>
      <c r="GZV681" s="613"/>
      <c r="GZW681" s="613"/>
      <c r="GZX681" s="613"/>
      <c r="GZY681" s="613"/>
      <c r="GZZ681" s="613"/>
      <c r="HAA681" s="613"/>
      <c r="HAB681" s="613"/>
      <c r="HAC681" s="613"/>
      <c r="HAD681" s="613"/>
      <c r="HAE681" s="613"/>
      <c r="HAF681" s="613"/>
      <c r="HAG681" s="613"/>
      <c r="HAH681" s="613"/>
      <c r="HAI681" s="613"/>
      <c r="HAJ681" s="613"/>
      <c r="HAK681" s="613"/>
      <c r="HAL681" s="613"/>
      <c r="HAM681" s="613"/>
      <c r="HAN681" s="613"/>
      <c r="HAO681" s="613"/>
      <c r="HAP681" s="613"/>
      <c r="HAQ681" s="613"/>
      <c r="HAR681" s="613"/>
      <c r="HAS681" s="613"/>
      <c r="HAT681" s="613"/>
      <c r="HAU681" s="613"/>
      <c r="HAV681" s="613"/>
      <c r="HAW681" s="613"/>
      <c r="HAX681" s="613"/>
      <c r="HAY681" s="613"/>
      <c r="HAZ681" s="613"/>
      <c r="HBA681" s="613"/>
      <c r="HBB681" s="613"/>
      <c r="HBC681" s="613"/>
      <c r="HBD681" s="613"/>
      <c r="HBE681" s="613"/>
      <c r="HBF681" s="613"/>
      <c r="HBG681" s="613"/>
      <c r="HBH681" s="613"/>
      <c r="HBI681" s="613"/>
      <c r="HBJ681" s="613"/>
      <c r="HBK681" s="613"/>
      <c r="HBL681" s="613"/>
      <c r="HBM681" s="613"/>
      <c r="HBN681" s="613"/>
      <c r="HBO681" s="613"/>
      <c r="HBP681" s="613"/>
      <c r="HBQ681" s="613"/>
      <c r="HBR681" s="613"/>
      <c r="HBS681" s="613"/>
      <c r="HBT681" s="613"/>
      <c r="HBU681" s="613"/>
      <c r="HBV681" s="613"/>
      <c r="HBW681" s="613"/>
      <c r="HBX681" s="613"/>
      <c r="HBY681" s="613"/>
      <c r="HBZ681" s="613"/>
      <c r="HCA681" s="613"/>
      <c r="HCB681" s="613"/>
      <c r="HCC681" s="613"/>
      <c r="HCD681" s="613"/>
      <c r="HCE681" s="613"/>
      <c r="HCF681" s="613"/>
      <c r="HCG681" s="613"/>
      <c r="HCH681" s="613"/>
      <c r="HCI681" s="613"/>
      <c r="HCJ681" s="613"/>
      <c r="HCK681" s="613"/>
      <c r="HCL681" s="613"/>
      <c r="HCM681" s="613"/>
      <c r="HCN681" s="613"/>
      <c r="HCO681" s="613"/>
      <c r="HCP681" s="613"/>
      <c r="HCQ681" s="613"/>
      <c r="HCR681" s="613"/>
      <c r="HCS681" s="613"/>
      <c r="HCT681" s="613"/>
      <c r="HCU681" s="613"/>
      <c r="HCV681" s="613"/>
      <c r="HCW681" s="613"/>
      <c r="HCX681" s="613"/>
      <c r="HCY681" s="613"/>
      <c r="HCZ681" s="613"/>
      <c r="HDA681" s="613"/>
      <c r="HDB681" s="613"/>
      <c r="HDC681" s="613"/>
      <c r="HDD681" s="613"/>
      <c r="HDE681" s="613"/>
      <c r="HDF681" s="613"/>
      <c r="HDG681" s="613"/>
      <c r="HDH681" s="613"/>
      <c r="HDI681" s="613"/>
      <c r="HDJ681" s="613"/>
      <c r="HDK681" s="613"/>
      <c r="HDL681" s="613"/>
      <c r="HDM681" s="613"/>
      <c r="HDN681" s="613"/>
      <c r="HDO681" s="613"/>
      <c r="HDP681" s="613"/>
      <c r="HDQ681" s="613"/>
      <c r="HDR681" s="613"/>
      <c r="HDS681" s="613"/>
      <c r="HDT681" s="613"/>
      <c r="HDU681" s="613"/>
      <c r="HDV681" s="613"/>
      <c r="HDW681" s="613"/>
      <c r="HDX681" s="613"/>
      <c r="HDY681" s="613"/>
      <c r="HDZ681" s="613"/>
      <c r="HEA681" s="613"/>
      <c r="HEB681" s="613"/>
      <c r="HEC681" s="613"/>
      <c r="HED681" s="613"/>
      <c r="HEE681" s="613"/>
      <c r="HEF681" s="613"/>
      <c r="HEG681" s="613"/>
      <c r="HEH681" s="613"/>
      <c r="HEI681" s="613"/>
      <c r="HEJ681" s="613"/>
      <c r="HEK681" s="613"/>
      <c r="HEL681" s="613"/>
      <c r="HEM681" s="613"/>
      <c r="HEN681" s="613"/>
      <c r="HEO681" s="613"/>
      <c r="HEP681" s="613"/>
      <c r="HEQ681" s="613"/>
      <c r="HER681" s="613"/>
      <c r="HES681" s="613"/>
      <c r="HET681" s="613"/>
      <c r="HEU681" s="613"/>
      <c r="HEV681" s="613"/>
      <c r="HEW681" s="613"/>
      <c r="HEX681" s="613"/>
      <c r="HEY681" s="613"/>
      <c r="HEZ681" s="613"/>
      <c r="HFA681" s="613"/>
      <c r="HFB681" s="613"/>
      <c r="HFC681" s="613"/>
      <c r="HFD681" s="613"/>
      <c r="HFE681" s="613"/>
      <c r="HFF681" s="613"/>
      <c r="HFG681" s="613"/>
      <c r="HFH681" s="613"/>
      <c r="HFI681" s="613"/>
      <c r="HFJ681" s="613"/>
      <c r="HFK681" s="613"/>
      <c r="HFL681" s="613"/>
      <c r="HFM681" s="613"/>
      <c r="HFN681" s="613"/>
      <c r="HFO681" s="613"/>
      <c r="HFP681" s="613"/>
      <c r="HFQ681" s="613"/>
      <c r="HFR681" s="613"/>
      <c r="HFS681" s="613"/>
      <c r="HFT681" s="613"/>
      <c r="HFU681" s="613"/>
      <c r="HFV681" s="613"/>
      <c r="HFW681" s="613"/>
      <c r="HFX681" s="613"/>
      <c r="HFY681" s="613"/>
      <c r="HFZ681" s="613"/>
      <c r="HGA681" s="613"/>
      <c r="HGB681" s="613"/>
      <c r="HGC681" s="613"/>
      <c r="HGD681" s="613"/>
      <c r="HGE681" s="613"/>
      <c r="HGF681" s="613"/>
      <c r="HGG681" s="613"/>
      <c r="HGH681" s="613"/>
      <c r="HGI681" s="613"/>
      <c r="HGJ681" s="613"/>
      <c r="HGK681" s="613"/>
      <c r="HGL681" s="613"/>
      <c r="HGM681" s="613"/>
      <c r="HGN681" s="613"/>
      <c r="HGO681" s="613"/>
      <c r="HGP681" s="613"/>
      <c r="HGQ681" s="613"/>
      <c r="HGR681" s="613"/>
      <c r="HGS681" s="613"/>
      <c r="HGT681" s="613"/>
      <c r="HGU681" s="613"/>
      <c r="HGV681" s="613"/>
      <c r="HGW681" s="613"/>
      <c r="HGX681" s="613"/>
      <c r="HGY681" s="613"/>
      <c r="HGZ681" s="613"/>
      <c r="HHA681" s="613"/>
      <c r="HHB681" s="613"/>
      <c r="HHC681" s="613"/>
      <c r="HHD681" s="613"/>
      <c r="HHE681" s="613"/>
      <c r="HHF681" s="613"/>
      <c r="HHG681" s="613"/>
      <c r="HHH681" s="613"/>
      <c r="HHI681" s="613"/>
      <c r="HHJ681" s="613"/>
      <c r="HHK681" s="613"/>
      <c r="HHL681" s="613"/>
      <c r="HHM681" s="613"/>
      <c r="HHN681" s="613"/>
      <c r="HHO681" s="613"/>
      <c r="HHP681" s="613"/>
      <c r="HHQ681" s="613"/>
      <c r="HHR681" s="613"/>
      <c r="HHS681" s="613"/>
      <c r="HHT681" s="613"/>
      <c r="HHU681" s="613"/>
      <c r="HHV681" s="613"/>
      <c r="HHW681" s="613"/>
      <c r="HHX681" s="613"/>
      <c r="HHY681" s="613"/>
      <c r="HHZ681" s="613"/>
      <c r="HIA681" s="613"/>
      <c r="HIB681" s="613"/>
      <c r="HIC681" s="613"/>
      <c r="HID681" s="613"/>
      <c r="HIE681" s="613"/>
      <c r="HIF681" s="613"/>
      <c r="HIG681" s="613"/>
      <c r="HIH681" s="613"/>
      <c r="HII681" s="613"/>
      <c r="HIJ681" s="613"/>
      <c r="HIK681" s="613"/>
      <c r="HIL681" s="613"/>
      <c r="HIM681" s="613"/>
      <c r="HIN681" s="613"/>
      <c r="HIO681" s="613"/>
      <c r="HIP681" s="613"/>
      <c r="HIQ681" s="613"/>
      <c r="HIR681" s="613"/>
      <c r="HIS681" s="613"/>
      <c r="HIT681" s="613"/>
      <c r="HIU681" s="613"/>
      <c r="HIV681" s="613"/>
      <c r="HIW681" s="613"/>
      <c r="HIX681" s="613"/>
      <c r="HIY681" s="613"/>
      <c r="HIZ681" s="613"/>
      <c r="HJA681" s="613"/>
      <c r="HJB681" s="613"/>
      <c r="HJC681" s="613"/>
      <c r="HJD681" s="613"/>
      <c r="HJE681" s="613"/>
      <c r="HJF681" s="613"/>
      <c r="HJG681" s="613"/>
      <c r="HJH681" s="613"/>
      <c r="HJI681" s="613"/>
      <c r="HJJ681" s="613"/>
      <c r="HJK681" s="613"/>
      <c r="HJL681" s="613"/>
      <c r="HJM681" s="613"/>
      <c r="HJN681" s="613"/>
      <c r="HJO681" s="613"/>
      <c r="HJP681" s="613"/>
      <c r="HJQ681" s="613"/>
      <c r="HJR681" s="613"/>
      <c r="HJS681" s="613"/>
      <c r="HJT681" s="613"/>
      <c r="HJU681" s="613"/>
      <c r="HJV681" s="613"/>
      <c r="HJW681" s="613"/>
      <c r="HJX681" s="613"/>
      <c r="HJY681" s="613"/>
      <c r="HJZ681" s="613"/>
      <c r="HKA681" s="613"/>
      <c r="HKB681" s="613"/>
      <c r="HKC681" s="613"/>
      <c r="HKD681" s="613"/>
      <c r="HKE681" s="613"/>
      <c r="HKF681" s="613"/>
      <c r="HKG681" s="613"/>
      <c r="HKH681" s="613"/>
      <c r="HKI681" s="613"/>
      <c r="HKJ681" s="613"/>
      <c r="HKK681" s="613"/>
      <c r="HKL681" s="613"/>
      <c r="HKM681" s="613"/>
      <c r="HKN681" s="613"/>
      <c r="HKO681" s="613"/>
      <c r="HKP681" s="613"/>
      <c r="HKQ681" s="613"/>
      <c r="HKR681" s="613"/>
      <c r="HKS681" s="613"/>
      <c r="HKT681" s="613"/>
      <c r="HKU681" s="613"/>
      <c r="HKV681" s="613"/>
      <c r="HKW681" s="613"/>
      <c r="HKX681" s="613"/>
      <c r="HKY681" s="613"/>
      <c r="HKZ681" s="613"/>
      <c r="HLA681" s="613"/>
      <c r="HLB681" s="613"/>
      <c r="HLC681" s="613"/>
      <c r="HLD681" s="613"/>
      <c r="HLE681" s="613"/>
      <c r="HLF681" s="613"/>
      <c r="HLG681" s="613"/>
      <c r="HLH681" s="613"/>
      <c r="HLI681" s="613"/>
      <c r="HLJ681" s="613"/>
      <c r="HLK681" s="613"/>
      <c r="HLL681" s="613"/>
      <c r="HLM681" s="613"/>
      <c r="HLN681" s="613"/>
      <c r="HLO681" s="613"/>
      <c r="HLP681" s="613"/>
      <c r="HLQ681" s="613"/>
      <c r="HLR681" s="613"/>
      <c r="HLS681" s="613"/>
      <c r="HLT681" s="613"/>
      <c r="HLU681" s="613"/>
      <c r="HLV681" s="613"/>
      <c r="HLW681" s="613"/>
      <c r="HLX681" s="613"/>
      <c r="HLY681" s="613"/>
      <c r="HLZ681" s="613"/>
      <c r="HMA681" s="613"/>
      <c r="HMB681" s="613"/>
      <c r="HMC681" s="613"/>
      <c r="HMD681" s="613"/>
      <c r="HME681" s="613"/>
      <c r="HMF681" s="613"/>
      <c r="HMG681" s="613"/>
      <c r="HMH681" s="613"/>
      <c r="HMI681" s="613"/>
      <c r="HMJ681" s="613"/>
      <c r="HMK681" s="613"/>
      <c r="HML681" s="613"/>
      <c r="HMM681" s="613"/>
      <c r="HMN681" s="613"/>
      <c r="HMO681" s="613"/>
      <c r="HMP681" s="613"/>
      <c r="HMQ681" s="613"/>
      <c r="HMR681" s="613"/>
      <c r="HMS681" s="613"/>
      <c r="HMT681" s="613"/>
      <c r="HMU681" s="613"/>
      <c r="HMV681" s="613"/>
      <c r="HMW681" s="613"/>
      <c r="HMX681" s="613"/>
      <c r="HMY681" s="613"/>
      <c r="HMZ681" s="613"/>
      <c r="HNA681" s="613"/>
      <c r="HNB681" s="613"/>
      <c r="HNC681" s="613"/>
      <c r="HND681" s="613"/>
      <c r="HNE681" s="613"/>
      <c r="HNF681" s="613"/>
      <c r="HNG681" s="613"/>
      <c r="HNH681" s="613"/>
      <c r="HNI681" s="613"/>
      <c r="HNJ681" s="613"/>
      <c r="HNK681" s="613"/>
      <c r="HNL681" s="613"/>
      <c r="HNM681" s="613"/>
      <c r="HNN681" s="613"/>
      <c r="HNO681" s="613"/>
      <c r="HNP681" s="613"/>
      <c r="HNQ681" s="613"/>
      <c r="HNR681" s="613"/>
      <c r="HNS681" s="613"/>
      <c r="HNT681" s="613"/>
      <c r="HNU681" s="613"/>
      <c r="HNV681" s="613"/>
      <c r="HNW681" s="613"/>
      <c r="HNX681" s="613"/>
      <c r="HNY681" s="613"/>
      <c r="HNZ681" s="613"/>
      <c r="HOA681" s="613"/>
      <c r="HOB681" s="613"/>
      <c r="HOC681" s="613"/>
      <c r="HOD681" s="613"/>
      <c r="HOE681" s="613"/>
      <c r="HOF681" s="613"/>
      <c r="HOG681" s="613"/>
      <c r="HOH681" s="613"/>
      <c r="HOI681" s="613"/>
      <c r="HOJ681" s="613"/>
      <c r="HOK681" s="613"/>
      <c r="HOL681" s="613"/>
      <c r="HOM681" s="613"/>
      <c r="HON681" s="613"/>
      <c r="HOO681" s="613"/>
      <c r="HOP681" s="613"/>
      <c r="HOQ681" s="613"/>
      <c r="HOR681" s="613"/>
      <c r="HOS681" s="613"/>
      <c r="HOT681" s="613"/>
      <c r="HOU681" s="613"/>
      <c r="HOV681" s="613"/>
      <c r="HOW681" s="613"/>
      <c r="HOX681" s="613"/>
      <c r="HOY681" s="613"/>
      <c r="HOZ681" s="613"/>
      <c r="HPA681" s="613"/>
      <c r="HPB681" s="613"/>
      <c r="HPC681" s="613"/>
      <c r="HPD681" s="613"/>
      <c r="HPE681" s="613"/>
      <c r="HPF681" s="613"/>
      <c r="HPG681" s="613"/>
      <c r="HPH681" s="613"/>
      <c r="HPI681" s="613"/>
      <c r="HPJ681" s="613"/>
      <c r="HPK681" s="613"/>
      <c r="HPL681" s="613"/>
      <c r="HPM681" s="613"/>
      <c r="HPN681" s="613"/>
      <c r="HPO681" s="613"/>
      <c r="HPP681" s="613"/>
      <c r="HPQ681" s="613"/>
      <c r="HPR681" s="613"/>
      <c r="HPS681" s="613"/>
      <c r="HPT681" s="613"/>
      <c r="HPU681" s="613"/>
      <c r="HPV681" s="613"/>
      <c r="HPW681" s="613"/>
      <c r="HPX681" s="613"/>
      <c r="HPY681" s="613"/>
      <c r="HPZ681" s="613"/>
      <c r="HQA681" s="613"/>
      <c r="HQB681" s="613"/>
      <c r="HQC681" s="613"/>
      <c r="HQD681" s="613"/>
      <c r="HQE681" s="613"/>
      <c r="HQF681" s="613"/>
      <c r="HQG681" s="613"/>
      <c r="HQH681" s="613"/>
      <c r="HQI681" s="613"/>
      <c r="HQJ681" s="613"/>
      <c r="HQK681" s="613"/>
      <c r="HQL681" s="613"/>
      <c r="HQM681" s="613"/>
      <c r="HQN681" s="613"/>
      <c r="HQO681" s="613"/>
      <c r="HQP681" s="613"/>
      <c r="HQQ681" s="613"/>
      <c r="HQR681" s="613"/>
      <c r="HQS681" s="613"/>
      <c r="HQT681" s="613"/>
      <c r="HQU681" s="613"/>
      <c r="HQV681" s="613"/>
      <c r="HQW681" s="613"/>
      <c r="HQX681" s="613"/>
      <c r="HQY681" s="613"/>
      <c r="HQZ681" s="613"/>
      <c r="HRA681" s="613"/>
      <c r="HRB681" s="613"/>
      <c r="HRC681" s="613"/>
      <c r="HRD681" s="613"/>
      <c r="HRE681" s="613"/>
      <c r="HRF681" s="613"/>
      <c r="HRG681" s="613"/>
      <c r="HRH681" s="613"/>
      <c r="HRI681" s="613"/>
      <c r="HRJ681" s="613"/>
      <c r="HRK681" s="613"/>
      <c r="HRL681" s="613"/>
      <c r="HRM681" s="613"/>
      <c r="HRN681" s="613"/>
      <c r="HRO681" s="613"/>
      <c r="HRP681" s="613"/>
      <c r="HRQ681" s="613"/>
      <c r="HRR681" s="613"/>
      <c r="HRS681" s="613"/>
      <c r="HRT681" s="613"/>
      <c r="HRU681" s="613"/>
      <c r="HRV681" s="613"/>
      <c r="HRW681" s="613"/>
      <c r="HRX681" s="613"/>
      <c r="HRY681" s="613"/>
      <c r="HRZ681" s="613"/>
      <c r="HSA681" s="613"/>
      <c r="HSB681" s="613"/>
      <c r="HSC681" s="613"/>
      <c r="HSD681" s="613"/>
      <c r="HSE681" s="613"/>
      <c r="HSF681" s="613"/>
      <c r="HSG681" s="613"/>
      <c r="HSH681" s="613"/>
      <c r="HSI681" s="613"/>
      <c r="HSJ681" s="613"/>
      <c r="HSK681" s="613"/>
      <c r="HSL681" s="613"/>
      <c r="HSM681" s="613"/>
      <c r="HSN681" s="613"/>
      <c r="HSO681" s="613"/>
      <c r="HSP681" s="613"/>
      <c r="HSQ681" s="613"/>
      <c r="HSR681" s="613"/>
      <c r="HSS681" s="613"/>
      <c r="HST681" s="613"/>
      <c r="HSU681" s="613"/>
      <c r="HSV681" s="613"/>
      <c r="HSW681" s="613"/>
      <c r="HSX681" s="613"/>
      <c r="HSY681" s="613"/>
      <c r="HSZ681" s="613"/>
      <c r="HTA681" s="613"/>
      <c r="HTB681" s="613"/>
      <c r="HTC681" s="613"/>
      <c r="HTD681" s="613"/>
      <c r="HTE681" s="613"/>
      <c r="HTF681" s="613"/>
      <c r="HTG681" s="613"/>
      <c r="HTH681" s="613"/>
      <c r="HTI681" s="613"/>
      <c r="HTJ681" s="613"/>
      <c r="HTK681" s="613"/>
      <c r="HTL681" s="613"/>
      <c r="HTM681" s="613"/>
      <c r="HTN681" s="613"/>
      <c r="HTO681" s="613"/>
      <c r="HTP681" s="613"/>
      <c r="HTQ681" s="613"/>
      <c r="HTR681" s="613"/>
      <c r="HTS681" s="613"/>
      <c r="HTT681" s="613"/>
      <c r="HTU681" s="613"/>
      <c r="HTV681" s="613"/>
      <c r="HTW681" s="613"/>
      <c r="HTX681" s="613"/>
      <c r="HTY681" s="613"/>
      <c r="HTZ681" s="613"/>
      <c r="HUA681" s="613"/>
      <c r="HUB681" s="613"/>
      <c r="HUC681" s="613"/>
      <c r="HUD681" s="613"/>
      <c r="HUE681" s="613"/>
      <c r="HUF681" s="613"/>
      <c r="HUG681" s="613"/>
      <c r="HUH681" s="613"/>
      <c r="HUI681" s="613"/>
      <c r="HUJ681" s="613"/>
      <c r="HUK681" s="613"/>
      <c r="HUL681" s="613"/>
      <c r="HUM681" s="613"/>
      <c r="HUN681" s="613"/>
      <c r="HUO681" s="613"/>
      <c r="HUP681" s="613"/>
      <c r="HUQ681" s="613"/>
      <c r="HUR681" s="613"/>
      <c r="HUS681" s="613"/>
      <c r="HUT681" s="613"/>
      <c r="HUU681" s="613"/>
      <c r="HUV681" s="613"/>
      <c r="HUW681" s="613"/>
      <c r="HUX681" s="613"/>
      <c r="HUY681" s="613"/>
      <c r="HUZ681" s="613"/>
      <c r="HVA681" s="613"/>
      <c r="HVB681" s="613"/>
      <c r="HVC681" s="613"/>
      <c r="HVD681" s="613"/>
      <c r="HVE681" s="613"/>
      <c r="HVF681" s="613"/>
      <c r="HVG681" s="613"/>
      <c r="HVH681" s="613"/>
      <c r="HVI681" s="613"/>
      <c r="HVJ681" s="613"/>
      <c r="HVK681" s="613"/>
      <c r="HVL681" s="613"/>
      <c r="HVM681" s="613"/>
      <c r="HVN681" s="613"/>
      <c r="HVO681" s="613"/>
      <c r="HVP681" s="613"/>
      <c r="HVQ681" s="613"/>
      <c r="HVR681" s="613"/>
      <c r="HVS681" s="613"/>
      <c r="HVT681" s="613"/>
      <c r="HVU681" s="613"/>
      <c r="HVV681" s="613"/>
      <c r="HVW681" s="613"/>
      <c r="HVX681" s="613"/>
      <c r="HVY681" s="613"/>
      <c r="HVZ681" s="613"/>
      <c r="HWA681" s="613"/>
      <c r="HWB681" s="613"/>
      <c r="HWC681" s="613"/>
      <c r="HWD681" s="613"/>
      <c r="HWE681" s="613"/>
      <c r="HWF681" s="613"/>
      <c r="HWG681" s="613"/>
      <c r="HWH681" s="613"/>
      <c r="HWI681" s="613"/>
      <c r="HWJ681" s="613"/>
      <c r="HWK681" s="613"/>
      <c r="HWL681" s="613"/>
      <c r="HWM681" s="613"/>
      <c r="HWN681" s="613"/>
      <c r="HWO681" s="613"/>
      <c r="HWP681" s="613"/>
      <c r="HWQ681" s="613"/>
      <c r="HWR681" s="613"/>
      <c r="HWS681" s="613"/>
      <c r="HWT681" s="613"/>
      <c r="HWU681" s="613"/>
      <c r="HWV681" s="613"/>
      <c r="HWW681" s="613"/>
      <c r="HWX681" s="613"/>
      <c r="HWY681" s="613"/>
      <c r="HWZ681" s="613"/>
      <c r="HXA681" s="613"/>
      <c r="HXB681" s="613"/>
      <c r="HXC681" s="613"/>
      <c r="HXD681" s="613"/>
      <c r="HXE681" s="613"/>
      <c r="HXF681" s="613"/>
      <c r="HXG681" s="613"/>
      <c r="HXH681" s="613"/>
      <c r="HXI681" s="613"/>
      <c r="HXJ681" s="613"/>
      <c r="HXK681" s="613"/>
      <c r="HXL681" s="613"/>
      <c r="HXM681" s="613"/>
      <c r="HXN681" s="613"/>
      <c r="HXO681" s="613"/>
      <c r="HXP681" s="613"/>
      <c r="HXQ681" s="613"/>
      <c r="HXR681" s="613"/>
      <c r="HXS681" s="613"/>
      <c r="HXT681" s="613"/>
      <c r="HXU681" s="613"/>
      <c r="HXV681" s="613"/>
      <c r="HXW681" s="613"/>
      <c r="HXX681" s="613"/>
      <c r="HXY681" s="613"/>
      <c r="HXZ681" s="613"/>
      <c r="HYA681" s="613"/>
      <c r="HYB681" s="613"/>
      <c r="HYC681" s="613"/>
      <c r="HYD681" s="613"/>
      <c r="HYE681" s="613"/>
      <c r="HYF681" s="613"/>
      <c r="HYG681" s="613"/>
      <c r="HYH681" s="613"/>
      <c r="HYI681" s="613"/>
      <c r="HYJ681" s="613"/>
      <c r="HYK681" s="613"/>
      <c r="HYL681" s="613"/>
      <c r="HYM681" s="613"/>
      <c r="HYN681" s="613"/>
      <c r="HYO681" s="613"/>
      <c r="HYP681" s="613"/>
      <c r="HYQ681" s="613"/>
      <c r="HYR681" s="613"/>
      <c r="HYS681" s="613"/>
      <c r="HYT681" s="613"/>
      <c r="HYU681" s="613"/>
      <c r="HYV681" s="613"/>
      <c r="HYW681" s="613"/>
      <c r="HYX681" s="613"/>
      <c r="HYY681" s="613"/>
      <c r="HYZ681" s="613"/>
      <c r="HZA681" s="613"/>
      <c r="HZB681" s="613"/>
      <c r="HZC681" s="613"/>
      <c r="HZD681" s="613"/>
      <c r="HZE681" s="613"/>
      <c r="HZF681" s="613"/>
      <c r="HZG681" s="613"/>
      <c r="HZH681" s="613"/>
      <c r="HZI681" s="613"/>
      <c r="HZJ681" s="613"/>
      <c r="HZK681" s="613"/>
      <c r="HZL681" s="613"/>
      <c r="HZM681" s="613"/>
      <c r="HZN681" s="613"/>
      <c r="HZO681" s="613"/>
      <c r="HZP681" s="613"/>
      <c r="HZQ681" s="613"/>
      <c r="HZR681" s="613"/>
      <c r="HZS681" s="613"/>
      <c r="HZT681" s="613"/>
      <c r="HZU681" s="613"/>
      <c r="HZV681" s="613"/>
      <c r="HZW681" s="613"/>
      <c r="HZX681" s="613"/>
      <c r="HZY681" s="613"/>
      <c r="HZZ681" s="613"/>
      <c r="IAA681" s="613"/>
      <c r="IAB681" s="613"/>
      <c r="IAC681" s="613"/>
      <c r="IAD681" s="613"/>
      <c r="IAE681" s="613"/>
      <c r="IAF681" s="613"/>
      <c r="IAG681" s="613"/>
      <c r="IAH681" s="613"/>
      <c r="IAI681" s="613"/>
      <c r="IAJ681" s="613"/>
      <c r="IAK681" s="613"/>
      <c r="IAL681" s="613"/>
      <c r="IAM681" s="613"/>
      <c r="IAN681" s="613"/>
      <c r="IAO681" s="613"/>
      <c r="IAP681" s="613"/>
      <c r="IAQ681" s="613"/>
      <c r="IAR681" s="613"/>
      <c r="IAS681" s="613"/>
      <c r="IAT681" s="613"/>
      <c r="IAU681" s="613"/>
      <c r="IAV681" s="613"/>
      <c r="IAW681" s="613"/>
      <c r="IAX681" s="613"/>
      <c r="IAY681" s="613"/>
      <c r="IAZ681" s="613"/>
      <c r="IBA681" s="613"/>
      <c r="IBB681" s="613"/>
      <c r="IBC681" s="613"/>
      <c r="IBD681" s="613"/>
      <c r="IBE681" s="613"/>
      <c r="IBF681" s="613"/>
      <c r="IBG681" s="613"/>
      <c r="IBH681" s="613"/>
      <c r="IBI681" s="613"/>
      <c r="IBJ681" s="613"/>
      <c r="IBK681" s="613"/>
      <c r="IBL681" s="613"/>
      <c r="IBM681" s="613"/>
      <c r="IBN681" s="613"/>
      <c r="IBO681" s="613"/>
      <c r="IBP681" s="613"/>
      <c r="IBQ681" s="613"/>
      <c r="IBR681" s="613"/>
      <c r="IBS681" s="613"/>
      <c r="IBT681" s="613"/>
      <c r="IBU681" s="613"/>
      <c r="IBV681" s="613"/>
      <c r="IBW681" s="613"/>
      <c r="IBX681" s="613"/>
      <c r="IBY681" s="613"/>
      <c r="IBZ681" s="613"/>
      <c r="ICA681" s="613"/>
      <c r="ICB681" s="613"/>
      <c r="ICC681" s="613"/>
      <c r="ICD681" s="613"/>
      <c r="ICE681" s="613"/>
      <c r="ICF681" s="613"/>
      <c r="ICG681" s="613"/>
      <c r="ICH681" s="613"/>
      <c r="ICI681" s="613"/>
      <c r="ICJ681" s="613"/>
      <c r="ICK681" s="613"/>
      <c r="ICL681" s="613"/>
      <c r="ICM681" s="613"/>
      <c r="ICN681" s="613"/>
      <c r="ICO681" s="613"/>
      <c r="ICP681" s="613"/>
      <c r="ICQ681" s="613"/>
      <c r="ICR681" s="613"/>
      <c r="ICS681" s="613"/>
      <c r="ICT681" s="613"/>
      <c r="ICU681" s="613"/>
      <c r="ICV681" s="613"/>
      <c r="ICW681" s="613"/>
      <c r="ICX681" s="613"/>
      <c r="ICY681" s="613"/>
      <c r="ICZ681" s="613"/>
      <c r="IDA681" s="613"/>
      <c r="IDB681" s="613"/>
      <c r="IDC681" s="613"/>
      <c r="IDD681" s="613"/>
      <c r="IDE681" s="613"/>
      <c r="IDF681" s="613"/>
      <c r="IDG681" s="613"/>
      <c r="IDH681" s="613"/>
      <c r="IDI681" s="613"/>
      <c r="IDJ681" s="613"/>
      <c r="IDK681" s="613"/>
      <c r="IDL681" s="613"/>
      <c r="IDM681" s="613"/>
      <c r="IDN681" s="613"/>
      <c r="IDO681" s="613"/>
      <c r="IDP681" s="613"/>
      <c r="IDQ681" s="613"/>
      <c r="IDR681" s="613"/>
      <c r="IDS681" s="613"/>
      <c r="IDT681" s="613"/>
      <c r="IDU681" s="613"/>
      <c r="IDV681" s="613"/>
      <c r="IDW681" s="613"/>
      <c r="IDX681" s="613"/>
      <c r="IDY681" s="613"/>
      <c r="IDZ681" s="613"/>
      <c r="IEA681" s="613"/>
      <c r="IEB681" s="613"/>
      <c r="IEC681" s="613"/>
      <c r="IED681" s="613"/>
      <c r="IEE681" s="613"/>
      <c r="IEF681" s="613"/>
      <c r="IEG681" s="613"/>
      <c r="IEH681" s="613"/>
      <c r="IEI681" s="613"/>
      <c r="IEJ681" s="613"/>
      <c r="IEK681" s="613"/>
      <c r="IEL681" s="613"/>
      <c r="IEM681" s="613"/>
      <c r="IEN681" s="613"/>
      <c r="IEO681" s="613"/>
      <c r="IEP681" s="613"/>
      <c r="IEQ681" s="613"/>
      <c r="IER681" s="613"/>
      <c r="IES681" s="613"/>
      <c r="IET681" s="613"/>
      <c r="IEU681" s="613"/>
      <c r="IEV681" s="613"/>
      <c r="IEW681" s="613"/>
      <c r="IEX681" s="613"/>
      <c r="IEY681" s="613"/>
      <c r="IEZ681" s="613"/>
      <c r="IFA681" s="613"/>
      <c r="IFB681" s="613"/>
      <c r="IFC681" s="613"/>
      <c r="IFD681" s="613"/>
      <c r="IFE681" s="613"/>
      <c r="IFF681" s="613"/>
      <c r="IFG681" s="613"/>
      <c r="IFH681" s="613"/>
      <c r="IFI681" s="613"/>
      <c r="IFJ681" s="613"/>
      <c r="IFK681" s="613"/>
      <c r="IFL681" s="613"/>
      <c r="IFM681" s="613"/>
      <c r="IFN681" s="613"/>
      <c r="IFO681" s="613"/>
      <c r="IFP681" s="613"/>
      <c r="IFQ681" s="613"/>
      <c r="IFR681" s="613"/>
      <c r="IFS681" s="613"/>
      <c r="IFT681" s="613"/>
      <c r="IFU681" s="613"/>
      <c r="IFV681" s="613"/>
      <c r="IFW681" s="613"/>
      <c r="IFX681" s="613"/>
      <c r="IFY681" s="613"/>
      <c r="IFZ681" s="613"/>
      <c r="IGA681" s="613"/>
      <c r="IGB681" s="613"/>
      <c r="IGC681" s="613"/>
      <c r="IGD681" s="613"/>
      <c r="IGE681" s="613"/>
      <c r="IGF681" s="613"/>
      <c r="IGG681" s="613"/>
      <c r="IGH681" s="613"/>
      <c r="IGI681" s="613"/>
      <c r="IGJ681" s="613"/>
      <c r="IGK681" s="613"/>
      <c r="IGL681" s="613"/>
      <c r="IGM681" s="613"/>
      <c r="IGN681" s="613"/>
      <c r="IGO681" s="613"/>
      <c r="IGP681" s="613"/>
      <c r="IGQ681" s="613"/>
      <c r="IGR681" s="613"/>
      <c r="IGS681" s="613"/>
      <c r="IGT681" s="613"/>
      <c r="IGU681" s="613"/>
      <c r="IGV681" s="613"/>
      <c r="IGW681" s="613"/>
      <c r="IGX681" s="613"/>
      <c r="IGY681" s="613"/>
      <c r="IGZ681" s="613"/>
      <c r="IHA681" s="613"/>
      <c r="IHB681" s="613"/>
      <c r="IHC681" s="613"/>
      <c r="IHD681" s="613"/>
      <c r="IHE681" s="613"/>
      <c r="IHF681" s="613"/>
      <c r="IHG681" s="613"/>
      <c r="IHH681" s="613"/>
      <c r="IHI681" s="613"/>
      <c r="IHJ681" s="613"/>
      <c r="IHK681" s="613"/>
      <c r="IHL681" s="613"/>
      <c r="IHM681" s="613"/>
      <c r="IHN681" s="613"/>
      <c r="IHO681" s="613"/>
      <c r="IHP681" s="613"/>
      <c r="IHQ681" s="613"/>
      <c r="IHR681" s="613"/>
      <c r="IHS681" s="613"/>
      <c r="IHT681" s="613"/>
      <c r="IHU681" s="613"/>
      <c r="IHV681" s="613"/>
      <c r="IHW681" s="613"/>
      <c r="IHX681" s="613"/>
      <c r="IHY681" s="613"/>
      <c r="IHZ681" s="613"/>
      <c r="IIA681" s="613"/>
      <c r="IIB681" s="613"/>
      <c r="IIC681" s="613"/>
      <c r="IID681" s="613"/>
      <c r="IIE681" s="613"/>
      <c r="IIF681" s="613"/>
      <c r="IIG681" s="613"/>
      <c r="IIH681" s="613"/>
      <c r="III681" s="613"/>
      <c r="IIJ681" s="613"/>
      <c r="IIK681" s="613"/>
      <c r="IIL681" s="613"/>
      <c r="IIM681" s="613"/>
      <c r="IIN681" s="613"/>
      <c r="IIO681" s="613"/>
      <c r="IIP681" s="613"/>
      <c r="IIQ681" s="613"/>
      <c r="IIR681" s="613"/>
      <c r="IIS681" s="613"/>
      <c r="IIT681" s="613"/>
      <c r="IIU681" s="613"/>
      <c r="IIV681" s="613"/>
      <c r="IIW681" s="613"/>
      <c r="IIX681" s="613"/>
      <c r="IIY681" s="613"/>
      <c r="IIZ681" s="613"/>
      <c r="IJA681" s="613"/>
      <c r="IJB681" s="613"/>
      <c r="IJC681" s="613"/>
      <c r="IJD681" s="613"/>
      <c r="IJE681" s="613"/>
      <c r="IJF681" s="613"/>
      <c r="IJG681" s="613"/>
      <c r="IJH681" s="613"/>
      <c r="IJI681" s="613"/>
      <c r="IJJ681" s="613"/>
      <c r="IJK681" s="613"/>
      <c r="IJL681" s="613"/>
      <c r="IJM681" s="613"/>
      <c r="IJN681" s="613"/>
      <c r="IJO681" s="613"/>
      <c r="IJP681" s="613"/>
      <c r="IJQ681" s="613"/>
      <c r="IJR681" s="613"/>
      <c r="IJS681" s="613"/>
      <c r="IJT681" s="613"/>
      <c r="IJU681" s="613"/>
      <c r="IJV681" s="613"/>
      <c r="IJW681" s="613"/>
      <c r="IJX681" s="613"/>
      <c r="IJY681" s="613"/>
      <c r="IJZ681" s="613"/>
      <c r="IKA681" s="613"/>
      <c r="IKB681" s="613"/>
      <c r="IKC681" s="613"/>
      <c r="IKD681" s="613"/>
      <c r="IKE681" s="613"/>
      <c r="IKF681" s="613"/>
      <c r="IKG681" s="613"/>
      <c r="IKH681" s="613"/>
      <c r="IKI681" s="613"/>
      <c r="IKJ681" s="613"/>
      <c r="IKK681" s="613"/>
      <c r="IKL681" s="613"/>
      <c r="IKM681" s="613"/>
      <c r="IKN681" s="613"/>
      <c r="IKO681" s="613"/>
      <c r="IKP681" s="613"/>
      <c r="IKQ681" s="613"/>
      <c r="IKR681" s="613"/>
      <c r="IKS681" s="613"/>
      <c r="IKT681" s="613"/>
      <c r="IKU681" s="613"/>
      <c r="IKV681" s="613"/>
      <c r="IKW681" s="613"/>
      <c r="IKX681" s="613"/>
      <c r="IKY681" s="613"/>
      <c r="IKZ681" s="613"/>
      <c r="ILA681" s="613"/>
      <c r="ILB681" s="613"/>
      <c r="ILC681" s="613"/>
      <c r="ILD681" s="613"/>
      <c r="ILE681" s="613"/>
      <c r="ILF681" s="613"/>
      <c r="ILG681" s="613"/>
      <c r="ILH681" s="613"/>
      <c r="ILI681" s="613"/>
      <c r="ILJ681" s="613"/>
      <c r="ILK681" s="613"/>
      <c r="ILL681" s="613"/>
      <c r="ILM681" s="613"/>
      <c r="ILN681" s="613"/>
      <c r="ILO681" s="613"/>
      <c r="ILP681" s="613"/>
      <c r="ILQ681" s="613"/>
      <c r="ILR681" s="613"/>
      <c r="ILS681" s="613"/>
      <c r="ILT681" s="613"/>
      <c r="ILU681" s="613"/>
      <c r="ILV681" s="613"/>
      <c r="ILW681" s="613"/>
      <c r="ILX681" s="613"/>
      <c r="ILY681" s="613"/>
      <c r="ILZ681" s="613"/>
      <c r="IMA681" s="613"/>
      <c r="IMB681" s="613"/>
      <c r="IMC681" s="613"/>
      <c r="IMD681" s="613"/>
      <c r="IME681" s="613"/>
      <c r="IMF681" s="613"/>
      <c r="IMG681" s="613"/>
      <c r="IMH681" s="613"/>
      <c r="IMI681" s="613"/>
      <c r="IMJ681" s="613"/>
      <c r="IMK681" s="613"/>
      <c r="IML681" s="613"/>
      <c r="IMM681" s="613"/>
      <c r="IMN681" s="613"/>
      <c r="IMO681" s="613"/>
      <c r="IMP681" s="613"/>
      <c r="IMQ681" s="613"/>
      <c r="IMR681" s="613"/>
      <c r="IMS681" s="613"/>
      <c r="IMT681" s="613"/>
      <c r="IMU681" s="613"/>
      <c r="IMV681" s="613"/>
      <c r="IMW681" s="613"/>
      <c r="IMX681" s="613"/>
      <c r="IMY681" s="613"/>
      <c r="IMZ681" s="613"/>
      <c r="INA681" s="613"/>
      <c r="INB681" s="613"/>
      <c r="INC681" s="613"/>
      <c r="IND681" s="613"/>
      <c r="INE681" s="613"/>
      <c r="INF681" s="613"/>
      <c r="ING681" s="613"/>
      <c r="INH681" s="613"/>
      <c r="INI681" s="613"/>
      <c r="INJ681" s="613"/>
      <c r="INK681" s="613"/>
      <c r="INL681" s="613"/>
      <c r="INM681" s="613"/>
      <c r="INN681" s="613"/>
      <c r="INO681" s="613"/>
      <c r="INP681" s="613"/>
      <c r="INQ681" s="613"/>
      <c r="INR681" s="613"/>
      <c r="INS681" s="613"/>
      <c r="INT681" s="613"/>
      <c r="INU681" s="613"/>
      <c r="INV681" s="613"/>
      <c r="INW681" s="613"/>
      <c r="INX681" s="613"/>
      <c r="INY681" s="613"/>
      <c r="INZ681" s="613"/>
      <c r="IOA681" s="613"/>
      <c r="IOB681" s="613"/>
      <c r="IOC681" s="613"/>
      <c r="IOD681" s="613"/>
      <c r="IOE681" s="613"/>
      <c r="IOF681" s="613"/>
      <c r="IOG681" s="613"/>
      <c r="IOH681" s="613"/>
      <c r="IOI681" s="613"/>
      <c r="IOJ681" s="613"/>
      <c r="IOK681" s="613"/>
      <c r="IOL681" s="613"/>
      <c r="IOM681" s="613"/>
      <c r="ION681" s="613"/>
      <c r="IOO681" s="613"/>
      <c r="IOP681" s="613"/>
      <c r="IOQ681" s="613"/>
      <c r="IOR681" s="613"/>
      <c r="IOS681" s="613"/>
      <c r="IOT681" s="613"/>
      <c r="IOU681" s="613"/>
      <c r="IOV681" s="613"/>
      <c r="IOW681" s="613"/>
      <c r="IOX681" s="613"/>
      <c r="IOY681" s="613"/>
      <c r="IOZ681" s="613"/>
      <c r="IPA681" s="613"/>
      <c r="IPB681" s="613"/>
      <c r="IPC681" s="613"/>
      <c r="IPD681" s="613"/>
      <c r="IPE681" s="613"/>
      <c r="IPF681" s="613"/>
      <c r="IPG681" s="613"/>
      <c r="IPH681" s="613"/>
      <c r="IPI681" s="613"/>
      <c r="IPJ681" s="613"/>
      <c r="IPK681" s="613"/>
      <c r="IPL681" s="613"/>
      <c r="IPM681" s="613"/>
      <c r="IPN681" s="613"/>
      <c r="IPO681" s="613"/>
      <c r="IPP681" s="613"/>
      <c r="IPQ681" s="613"/>
      <c r="IPR681" s="613"/>
      <c r="IPS681" s="613"/>
      <c r="IPT681" s="613"/>
      <c r="IPU681" s="613"/>
      <c r="IPV681" s="613"/>
      <c r="IPW681" s="613"/>
      <c r="IPX681" s="613"/>
      <c r="IPY681" s="613"/>
      <c r="IPZ681" s="613"/>
      <c r="IQA681" s="613"/>
      <c r="IQB681" s="613"/>
      <c r="IQC681" s="613"/>
      <c r="IQD681" s="613"/>
      <c r="IQE681" s="613"/>
      <c r="IQF681" s="613"/>
      <c r="IQG681" s="613"/>
      <c r="IQH681" s="613"/>
      <c r="IQI681" s="613"/>
      <c r="IQJ681" s="613"/>
      <c r="IQK681" s="613"/>
      <c r="IQL681" s="613"/>
      <c r="IQM681" s="613"/>
      <c r="IQN681" s="613"/>
      <c r="IQO681" s="613"/>
      <c r="IQP681" s="613"/>
      <c r="IQQ681" s="613"/>
      <c r="IQR681" s="613"/>
      <c r="IQS681" s="613"/>
      <c r="IQT681" s="613"/>
      <c r="IQU681" s="613"/>
      <c r="IQV681" s="613"/>
      <c r="IQW681" s="613"/>
      <c r="IQX681" s="613"/>
      <c r="IQY681" s="613"/>
      <c r="IQZ681" s="613"/>
      <c r="IRA681" s="613"/>
      <c r="IRB681" s="613"/>
      <c r="IRC681" s="613"/>
      <c r="IRD681" s="613"/>
      <c r="IRE681" s="613"/>
      <c r="IRF681" s="613"/>
      <c r="IRG681" s="613"/>
      <c r="IRH681" s="613"/>
      <c r="IRI681" s="613"/>
      <c r="IRJ681" s="613"/>
      <c r="IRK681" s="613"/>
      <c r="IRL681" s="613"/>
      <c r="IRM681" s="613"/>
      <c r="IRN681" s="613"/>
      <c r="IRO681" s="613"/>
      <c r="IRP681" s="613"/>
      <c r="IRQ681" s="613"/>
      <c r="IRR681" s="613"/>
      <c r="IRS681" s="613"/>
      <c r="IRT681" s="613"/>
      <c r="IRU681" s="613"/>
      <c r="IRV681" s="613"/>
      <c r="IRW681" s="613"/>
      <c r="IRX681" s="613"/>
      <c r="IRY681" s="613"/>
      <c r="IRZ681" s="613"/>
      <c r="ISA681" s="613"/>
      <c r="ISB681" s="613"/>
      <c r="ISC681" s="613"/>
      <c r="ISD681" s="613"/>
      <c r="ISE681" s="613"/>
      <c r="ISF681" s="613"/>
      <c r="ISG681" s="613"/>
      <c r="ISH681" s="613"/>
      <c r="ISI681" s="613"/>
      <c r="ISJ681" s="613"/>
      <c r="ISK681" s="613"/>
      <c r="ISL681" s="613"/>
      <c r="ISM681" s="613"/>
      <c r="ISN681" s="613"/>
      <c r="ISO681" s="613"/>
      <c r="ISP681" s="613"/>
      <c r="ISQ681" s="613"/>
      <c r="ISR681" s="613"/>
      <c r="ISS681" s="613"/>
      <c r="IST681" s="613"/>
      <c r="ISU681" s="613"/>
      <c r="ISV681" s="613"/>
      <c r="ISW681" s="613"/>
      <c r="ISX681" s="613"/>
      <c r="ISY681" s="613"/>
      <c r="ISZ681" s="613"/>
      <c r="ITA681" s="613"/>
      <c r="ITB681" s="613"/>
      <c r="ITC681" s="613"/>
      <c r="ITD681" s="613"/>
      <c r="ITE681" s="613"/>
      <c r="ITF681" s="613"/>
      <c r="ITG681" s="613"/>
      <c r="ITH681" s="613"/>
      <c r="ITI681" s="613"/>
      <c r="ITJ681" s="613"/>
      <c r="ITK681" s="613"/>
      <c r="ITL681" s="613"/>
      <c r="ITM681" s="613"/>
      <c r="ITN681" s="613"/>
      <c r="ITO681" s="613"/>
      <c r="ITP681" s="613"/>
      <c r="ITQ681" s="613"/>
      <c r="ITR681" s="613"/>
      <c r="ITS681" s="613"/>
      <c r="ITT681" s="613"/>
      <c r="ITU681" s="613"/>
      <c r="ITV681" s="613"/>
      <c r="ITW681" s="613"/>
      <c r="ITX681" s="613"/>
      <c r="ITY681" s="613"/>
      <c r="ITZ681" s="613"/>
      <c r="IUA681" s="613"/>
      <c r="IUB681" s="613"/>
      <c r="IUC681" s="613"/>
      <c r="IUD681" s="613"/>
      <c r="IUE681" s="613"/>
      <c r="IUF681" s="613"/>
      <c r="IUG681" s="613"/>
      <c r="IUH681" s="613"/>
      <c r="IUI681" s="613"/>
      <c r="IUJ681" s="613"/>
      <c r="IUK681" s="613"/>
      <c r="IUL681" s="613"/>
      <c r="IUM681" s="613"/>
      <c r="IUN681" s="613"/>
      <c r="IUO681" s="613"/>
      <c r="IUP681" s="613"/>
      <c r="IUQ681" s="613"/>
      <c r="IUR681" s="613"/>
      <c r="IUS681" s="613"/>
      <c r="IUT681" s="613"/>
      <c r="IUU681" s="613"/>
      <c r="IUV681" s="613"/>
      <c r="IUW681" s="613"/>
      <c r="IUX681" s="613"/>
      <c r="IUY681" s="613"/>
      <c r="IUZ681" s="613"/>
      <c r="IVA681" s="613"/>
      <c r="IVB681" s="613"/>
      <c r="IVC681" s="613"/>
      <c r="IVD681" s="613"/>
      <c r="IVE681" s="613"/>
      <c r="IVF681" s="613"/>
      <c r="IVG681" s="613"/>
      <c r="IVH681" s="613"/>
      <c r="IVI681" s="613"/>
      <c r="IVJ681" s="613"/>
      <c r="IVK681" s="613"/>
      <c r="IVL681" s="613"/>
      <c r="IVM681" s="613"/>
      <c r="IVN681" s="613"/>
      <c r="IVO681" s="613"/>
      <c r="IVP681" s="613"/>
      <c r="IVQ681" s="613"/>
      <c r="IVR681" s="613"/>
      <c r="IVS681" s="613"/>
      <c r="IVT681" s="613"/>
      <c r="IVU681" s="613"/>
      <c r="IVV681" s="613"/>
      <c r="IVW681" s="613"/>
      <c r="IVX681" s="613"/>
      <c r="IVY681" s="613"/>
      <c r="IVZ681" s="613"/>
      <c r="IWA681" s="613"/>
      <c r="IWB681" s="613"/>
      <c r="IWC681" s="613"/>
      <c r="IWD681" s="613"/>
      <c r="IWE681" s="613"/>
      <c r="IWF681" s="613"/>
      <c r="IWG681" s="613"/>
      <c r="IWH681" s="613"/>
      <c r="IWI681" s="613"/>
      <c r="IWJ681" s="613"/>
      <c r="IWK681" s="613"/>
      <c r="IWL681" s="613"/>
      <c r="IWM681" s="613"/>
      <c r="IWN681" s="613"/>
      <c r="IWO681" s="613"/>
      <c r="IWP681" s="613"/>
      <c r="IWQ681" s="613"/>
      <c r="IWR681" s="613"/>
      <c r="IWS681" s="613"/>
      <c r="IWT681" s="613"/>
      <c r="IWU681" s="613"/>
      <c r="IWV681" s="613"/>
      <c r="IWW681" s="613"/>
      <c r="IWX681" s="613"/>
      <c r="IWY681" s="613"/>
      <c r="IWZ681" s="613"/>
      <c r="IXA681" s="613"/>
      <c r="IXB681" s="613"/>
      <c r="IXC681" s="613"/>
      <c r="IXD681" s="613"/>
      <c r="IXE681" s="613"/>
      <c r="IXF681" s="613"/>
      <c r="IXG681" s="613"/>
      <c r="IXH681" s="613"/>
      <c r="IXI681" s="613"/>
      <c r="IXJ681" s="613"/>
      <c r="IXK681" s="613"/>
      <c r="IXL681" s="613"/>
      <c r="IXM681" s="613"/>
      <c r="IXN681" s="613"/>
      <c r="IXO681" s="613"/>
      <c r="IXP681" s="613"/>
      <c r="IXQ681" s="613"/>
      <c r="IXR681" s="613"/>
      <c r="IXS681" s="613"/>
      <c r="IXT681" s="613"/>
      <c r="IXU681" s="613"/>
      <c r="IXV681" s="613"/>
      <c r="IXW681" s="613"/>
      <c r="IXX681" s="613"/>
      <c r="IXY681" s="613"/>
      <c r="IXZ681" s="613"/>
      <c r="IYA681" s="613"/>
      <c r="IYB681" s="613"/>
      <c r="IYC681" s="613"/>
      <c r="IYD681" s="613"/>
      <c r="IYE681" s="613"/>
      <c r="IYF681" s="613"/>
      <c r="IYG681" s="613"/>
      <c r="IYH681" s="613"/>
      <c r="IYI681" s="613"/>
      <c r="IYJ681" s="613"/>
      <c r="IYK681" s="613"/>
      <c r="IYL681" s="613"/>
      <c r="IYM681" s="613"/>
      <c r="IYN681" s="613"/>
      <c r="IYO681" s="613"/>
      <c r="IYP681" s="613"/>
      <c r="IYQ681" s="613"/>
      <c r="IYR681" s="613"/>
      <c r="IYS681" s="613"/>
      <c r="IYT681" s="613"/>
      <c r="IYU681" s="613"/>
      <c r="IYV681" s="613"/>
      <c r="IYW681" s="613"/>
      <c r="IYX681" s="613"/>
      <c r="IYY681" s="613"/>
      <c r="IYZ681" s="613"/>
      <c r="IZA681" s="613"/>
      <c r="IZB681" s="613"/>
      <c r="IZC681" s="613"/>
      <c r="IZD681" s="613"/>
      <c r="IZE681" s="613"/>
      <c r="IZF681" s="613"/>
      <c r="IZG681" s="613"/>
      <c r="IZH681" s="613"/>
      <c r="IZI681" s="613"/>
      <c r="IZJ681" s="613"/>
      <c r="IZK681" s="613"/>
      <c r="IZL681" s="613"/>
      <c r="IZM681" s="613"/>
      <c r="IZN681" s="613"/>
      <c r="IZO681" s="613"/>
      <c r="IZP681" s="613"/>
      <c r="IZQ681" s="613"/>
      <c r="IZR681" s="613"/>
      <c r="IZS681" s="613"/>
      <c r="IZT681" s="613"/>
      <c r="IZU681" s="613"/>
      <c r="IZV681" s="613"/>
      <c r="IZW681" s="613"/>
      <c r="IZX681" s="613"/>
      <c r="IZY681" s="613"/>
      <c r="IZZ681" s="613"/>
      <c r="JAA681" s="613"/>
      <c r="JAB681" s="613"/>
      <c r="JAC681" s="613"/>
      <c r="JAD681" s="613"/>
      <c r="JAE681" s="613"/>
      <c r="JAF681" s="613"/>
      <c r="JAG681" s="613"/>
      <c r="JAH681" s="613"/>
      <c r="JAI681" s="613"/>
      <c r="JAJ681" s="613"/>
      <c r="JAK681" s="613"/>
      <c r="JAL681" s="613"/>
      <c r="JAM681" s="613"/>
      <c r="JAN681" s="613"/>
      <c r="JAO681" s="613"/>
      <c r="JAP681" s="613"/>
      <c r="JAQ681" s="613"/>
      <c r="JAR681" s="613"/>
      <c r="JAS681" s="613"/>
      <c r="JAT681" s="613"/>
      <c r="JAU681" s="613"/>
      <c r="JAV681" s="613"/>
      <c r="JAW681" s="613"/>
      <c r="JAX681" s="613"/>
      <c r="JAY681" s="613"/>
      <c r="JAZ681" s="613"/>
      <c r="JBA681" s="613"/>
      <c r="JBB681" s="613"/>
      <c r="JBC681" s="613"/>
      <c r="JBD681" s="613"/>
      <c r="JBE681" s="613"/>
      <c r="JBF681" s="613"/>
      <c r="JBG681" s="613"/>
      <c r="JBH681" s="613"/>
      <c r="JBI681" s="613"/>
      <c r="JBJ681" s="613"/>
      <c r="JBK681" s="613"/>
      <c r="JBL681" s="613"/>
      <c r="JBM681" s="613"/>
      <c r="JBN681" s="613"/>
      <c r="JBO681" s="613"/>
      <c r="JBP681" s="613"/>
      <c r="JBQ681" s="613"/>
      <c r="JBR681" s="613"/>
      <c r="JBS681" s="613"/>
      <c r="JBT681" s="613"/>
      <c r="JBU681" s="613"/>
      <c r="JBV681" s="613"/>
      <c r="JBW681" s="613"/>
      <c r="JBX681" s="613"/>
      <c r="JBY681" s="613"/>
      <c r="JBZ681" s="613"/>
      <c r="JCA681" s="613"/>
      <c r="JCB681" s="613"/>
      <c r="JCC681" s="613"/>
      <c r="JCD681" s="613"/>
      <c r="JCE681" s="613"/>
      <c r="JCF681" s="613"/>
      <c r="JCG681" s="613"/>
      <c r="JCH681" s="613"/>
      <c r="JCI681" s="613"/>
      <c r="JCJ681" s="613"/>
      <c r="JCK681" s="613"/>
      <c r="JCL681" s="613"/>
      <c r="JCM681" s="613"/>
      <c r="JCN681" s="613"/>
      <c r="JCO681" s="613"/>
      <c r="JCP681" s="613"/>
      <c r="JCQ681" s="613"/>
      <c r="JCR681" s="613"/>
      <c r="JCS681" s="613"/>
      <c r="JCT681" s="613"/>
      <c r="JCU681" s="613"/>
      <c r="JCV681" s="613"/>
      <c r="JCW681" s="613"/>
      <c r="JCX681" s="613"/>
      <c r="JCY681" s="613"/>
      <c r="JCZ681" s="613"/>
      <c r="JDA681" s="613"/>
      <c r="JDB681" s="613"/>
      <c r="JDC681" s="613"/>
      <c r="JDD681" s="613"/>
      <c r="JDE681" s="613"/>
      <c r="JDF681" s="613"/>
      <c r="JDG681" s="613"/>
      <c r="JDH681" s="613"/>
      <c r="JDI681" s="613"/>
      <c r="JDJ681" s="613"/>
      <c r="JDK681" s="613"/>
      <c r="JDL681" s="613"/>
      <c r="JDM681" s="613"/>
      <c r="JDN681" s="613"/>
      <c r="JDO681" s="613"/>
      <c r="JDP681" s="613"/>
      <c r="JDQ681" s="613"/>
      <c r="JDR681" s="613"/>
      <c r="JDS681" s="613"/>
      <c r="JDT681" s="613"/>
      <c r="JDU681" s="613"/>
      <c r="JDV681" s="613"/>
      <c r="JDW681" s="613"/>
      <c r="JDX681" s="613"/>
      <c r="JDY681" s="613"/>
      <c r="JDZ681" s="613"/>
      <c r="JEA681" s="613"/>
      <c r="JEB681" s="613"/>
      <c r="JEC681" s="613"/>
      <c r="JED681" s="613"/>
      <c r="JEE681" s="613"/>
      <c r="JEF681" s="613"/>
      <c r="JEG681" s="613"/>
      <c r="JEH681" s="613"/>
      <c r="JEI681" s="613"/>
      <c r="JEJ681" s="613"/>
      <c r="JEK681" s="613"/>
      <c r="JEL681" s="613"/>
      <c r="JEM681" s="613"/>
      <c r="JEN681" s="613"/>
      <c r="JEO681" s="613"/>
      <c r="JEP681" s="613"/>
      <c r="JEQ681" s="613"/>
      <c r="JER681" s="613"/>
      <c r="JES681" s="613"/>
      <c r="JET681" s="613"/>
      <c r="JEU681" s="613"/>
      <c r="JEV681" s="613"/>
      <c r="JEW681" s="613"/>
      <c r="JEX681" s="613"/>
      <c r="JEY681" s="613"/>
      <c r="JEZ681" s="613"/>
      <c r="JFA681" s="613"/>
      <c r="JFB681" s="613"/>
      <c r="JFC681" s="613"/>
      <c r="JFD681" s="613"/>
      <c r="JFE681" s="613"/>
      <c r="JFF681" s="613"/>
      <c r="JFG681" s="613"/>
      <c r="JFH681" s="613"/>
      <c r="JFI681" s="613"/>
      <c r="JFJ681" s="613"/>
      <c r="JFK681" s="613"/>
      <c r="JFL681" s="613"/>
      <c r="JFM681" s="613"/>
      <c r="JFN681" s="613"/>
      <c r="JFO681" s="613"/>
      <c r="JFP681" s="613"/>
      <c r="JFQ681" s="613"/>
      <c r="JFR681" s="613"/>
      <c r="JFS681" s="613"/>
      <c r="JFT681" s="613"/>
      <c r="JFU681" s="613"/>
      <c r="JFV681" s="613"/>
      <c r="JFW681" s="613"/>
      <c r="JFX681" s="613"/>
      <c r="JFY681" s="613"/>
      <c r="JFZ681" s="613"/>
      <c r="JGA681" s="613"/>
      <c r="JGB681" s="613"/>
      <c r="JGC681" s="613"/>
      <c r="JGD681" s="613"/>
      <c r="JGE681" s="613"/>
      <c r="JGF681" s="613"/>
      <c r="JGG681" s="613"/>
      <c r="JGH681" s="613"/>
      <c r="JGI681" s="613"/>
      <c r="JGJ681" s="613"/>
      <c r="JGK681" s="613"/>
      <c r="JGL681" s="613"/>
      <c r="JGM681" s="613"/>
      <c r="JGN681" s="613"/>
      <c r="JGO681" s="613"/>
      <c r="JGP681" s="613"/>
      <c r="JGQ681" s="613"/>
      <c r="JGR681" s="613"/>
      <c r="JGS681" s="613"/>
      <c r="JGT681" s="613"/>
      <c r="JGU681" s="613"/>
      <c r="JGV681" s="613"/>
      <c r="JGW681" s="613"/>
      <c r="JGX681" s="613"/>
      <c r="JGY681" s="613"/>
      <c r="JGZ681" s="613"/>
      <c r="JHA681" s="613"/>
      <c r="JHB681" s="613"/>
      <c r="JHC681" s="613"/>
      <c r="JHD681" s="613"/>
      <c r="JHE681" s="613"/>
      <c r="JHF681" s="613"/>
      <c r="JHG681" s="613"/>
      <c r="JHH681" s="613"/>
      <c r="JHI681" s="613"/>
      <c r="JHJ681" s="613"/>
      <c r="JHK681" s="613"/>
      <c r="JHL681" s="613"/>
      <c r="JHM681" s="613"/>
      <c r="JHN681" s="613"/>
      <c r="JHO681" s="613"/>
      <c r="JHP681" s="613"/>
      <c r="JHQ681" s="613"/>
      <c r="JHR681" s="613"/>
      <c r="JHS681" s="613"/>
      <c r="JHT681" s="613"/>
      <c r="JHU681" s="613"/>
      <c r="JHV681" s="613"/>
      <c r="JHW681" s="613"/>
      <c r="JHX681" s="613"/>
      <c r="JHY681" s="613"/>
      <c r="JHZ681" s="613"/>
      <c r="JIA681" s="613"/>
      <c r="JIB681" s="613"/>
      <c r="JIC681" s="613"/>
      <c r="JID681" s="613"/>
      <c r="JIE681" s="613"/>
      <c r="JIF681" s="613"/>
      <c r="JIG681" s="613"/>
      <c r="JIH681" s="613"/>
      <c r="JII681" s="613"/>
      <c r="JIJ681" s="613"/>
      <c r="JIK681" s="613"/>
      <c r="JIL681" s="613"/>
      <c r="JIM681" s="613"/>
      <c r="JIN681" s="613"/>
      <c r="JIO681" s="613"/>
      <c r="JIP681" s="613"/>
      <c r="JIQ681" s="613"/>
      <c r="JIR681" s="613"/>
      <c r="JIS681" s="613"/>
      <c r="JIT681" s="613"/>
      <c r="JIU681" s="613"/>
      <c r="JIV681" s="613"/>
      <c r="JIW681" s="613"/>
      <c r="JIX681" s="613"/>
      <c r="JIY681" s="613"/>
      <c r="JIZ681" s="613"/>
      <c r="JJA681" s="613"/>
      <c r="JJB681" s="613"/>
      <c r="JJC681" s="613"/>
      <c r="JJD681" s="613"/>
      <c r="JJE681" s="613"/>
      <c r="JJF681" s="613"/>
      <c r="JJG681" s="613"/>
      <c r="JJH681" s="613"/>
      <c r="JJI681" s="613"/>
      <c r="JJJ681" s="613"/>
      <c r="JJK681" s="613"/>
      <c r="JJL681" s="613"/>
      <c r="JJM681" s="613"/>
      <c r="JJN681" s="613"/>
      <c r="JJO681" s="613"/>
      <c r="JJP681" s="613"/>
      <c r="JJQ681" s="613"/>
      <c r="JJR681" s="613"/>
      <c r="JJS681" s="613"/>
      <c r="JJT681" s="613"/>
      <c r="JJU681" s="613"/>
      <c r="JJV681" s="613"/>
      <c r="JJW681" s="613"/>
      <c r="JJX681" s="613"/>
      <c r="JJY681" s="613"/>
      <c r="JJZ681" s="613"/>
      <c r="JKA681" s="613"/>
      <c r="JKB681" s="613"/>
      <c r="JKC681" s="613"/>
      <c r="JKD681" s="613"/>
      <c r="JKE681" s="613"/>
      <c r="JKF681" s="613"/>
      <c r="JKG681" s="613"/>
      <c r="JKH681" s="613"/>
      <c r="JKI681" s="613"/>
      <c r="JKJ681" s="613"/>
      <c r="JKK681" s="613"/>
      <c r="JKL681" s="613"/>
      <c r="JKM681" s="613"/>
      <c r="JKN681" s="613"/>
      <c r="JKO681" s="613"/>
      <c r="JKP681" s="613"/>
      <c r="JKQ681" s="613"/>
      <c r="JKR681" s="613"/>
      <c r="JKS681" s="613"/>
      <c r="JKT681" s="613"/>
      <c r="JKU681" s="613"/>
      <c r="JKV681" s="613"/>
      <c r="JKW681" s="613"/>
      <c r="JKX681" s="613"/>
      <c r="JKY681" s="613"/>
      <c r="JKZ681" s="613"/>
      <c r="JLA681" s="613"/>
      <c r="JLB681" s="613"/>
      <c r="JLC681" s="613"/>
      <c r="JLD681" s="613"/>
      <c r="JLE681" s="613"/>
      <c r="JLF681" s="613"/>
      <c r="JLG681" s="613"/>
      <c r="JLH681" s="613"/>
      <c r="JLI681" s="613"/>
      <c r="JLJ681" s="613"/>
      <c r="JLK681" s="613"/>
      <c r="JLL681" s="613"/>
      <c r="JLM681" s="613"/>
      <c r="JLN681" s="613"/>
      <c r="JLO681" s="613"/>
      <c r="JLP681" s="613"/>
      <c r="JLQ681" s="613"/>
      <c r="JLR681" s="613"/>
      <c r="JLS681" s="613"/>
      <c r="JLT681" s="613"/>
      <c r="JLU681" s="613"/>
      <c r="JLV681" s="613"/>
      <c r="JLW681" s="613"/>
      <c r="JLX681" s="613"/>
      <c r="JLY681" s="613"/>
      <c r="JLZ681" s="613"/>
      <c r="JMA681" s="613"/>
      <c r="JMB681" s="613"/>
      <c r="JMC681" s="613"/>
      <c r="JMD681" s="613"/>
      <c r="JME681" s="613"/>
      <c r="JMF681" s="613"/>
      <c r="JMG681" s="613"/>
      <c r="JMH681" s="613"/>
      <c r="JMI681" s="613"/>
      <c r="JMJ681" s="613"/>
      <c r="JMK681" s="613"/>
      <c r="JML681" s="613"/>
      <c r="JMM681" s="613"/>
      <c r="JMN681" s="613"/>
      <c r="JMO681" s="613"/>
      <c r="JMP681" s="613"/>
      <c r="JMQ681" s="613"/>
      <c r="JMR681" s="613"/>
      <c r="JMS681" s="613"/>
      <c r="JMT681" s="613"/>
      <c r="JMU681" s="613"/>
      <c r="JMV681" s="613"/>
      <c r="JMW681" s="613"/>
      <c r="JMX681" s="613"/>
      <c r="JMY681" s="613"/>
      <c r="JMZ681" s="613"/>
      <c r="JNA681" s="613"/>
      <c r="JNB681" s="613"/>
      <c r="JNC681" s="613"/>
      <c r="JND681" s="613"/>
      <c r="JNE681" s="613"/>
      <c r="JNF681" s="613"/>
      <c r="JNG681" s="613"/>
      <c r="JNH681" s="613"/>
      <c r="JNI681" s="613"/>
      <c r="JNJ681" s="613"/>
      <c r="JNK681" s="613"/>
      <c r="JNL681" s="613"/>
      <c r="JNM681" s="613"/>
      <c r="JNN681" s="613"/>
      <c r="JNO681" s="613"/>
      <c r="JNP681" s="613"/>
      <c r="JNQ681" s="613"/>
      <c r="JNR681" s="613"/>
      <c r="JNS681" s="613"/>
      <c r="JNT681" s="613"/>
      <c r="JNU681" s="613"/>
      <c r="JNV681" s="613"/>
      <c r="JNW681" s="613"/>
      <c r="JNX681" s="613"/>
      <c r="JNY681" s="613"/>
      <c r="JNZ681" s="613"/>
      <c r="JOA681" s="613"/>
      <c r="JOB681" s="613"/>
      <c r="JOC681" s="613"/>
      <c r="JOD681" s="613"/>
      <c r="JOE681" s="613"/>
      <c r="JOF681" s="613"/>
      <c r="JOG681" s="613"/>
      <c r="JOH681" s="613"/>
      <c r="JOI681" s="613"/>
      <c r="JOJ681" s="613"/>
      <c r="JOK681" s="613"/>
      <c r="JOL681" s="613"/>
      <c r="JOM681" s="613"/>
      <c r="JON681" s="613"/>
      <c r="JOO681" s="613"/>
      <c r="JOP681" s="613"/>
      <c r="JOQ681" s="613"/>
      <c r="JOR681" s="613"/>
      <c r="JOS681" s="613"/>
      <c r="JOT681" s="613"/>
      <c r="JOU681" s="613"/>
      <c r="JOV681" s="613"/>
      <c r="JOW681" s="613"/>
      <c r="JOX681" s="613"/>
      <c r="JOY681" s="613"/>
      <c r="JOZ681" s="613"/>
      <c r="JPA681" s="613"/>
      <c r="JPB681" s="613"/>
      <c r="JPC681" s="613"/>
      <c r="JPD681" s="613"/>
      <c r="JPE681" s="613"/>
      <c r="JPF681" s="613"/>
      <c r="JPG681" s="613"/>
      <c r="JPH681" s="613"/>
      <c r="JPI681" s="613"/>
      <c r="JPJ681" s="613"/>
      <c r="JPK681" s="613"/>
      <c r="JPL681" s="613"/>
      <c r="JPM681" s="613"/>
      <c r="JPN681" s="613"/>
      <c r="JPO681" s="613"/>
      <c r="JPP681" s="613"/>
      <c r="JPQ681" s="613"/>
      <c r="JPR681" s="613"/>
      <c r="JPS681" s="613"/>
      <c r="JPT681" s="613"/>
      <c r="JPU681" s="613"/>
      <c r="JPV681" s="613"/>
      <c r="JPW681" s="613"/>
      <c r="JPX681" s="613"/>
      <c r="JPY681" s="613"/>
      <c r="JPZ681" s="613"/>
      <c r="JQA681" s="613"/>
      <c r="JQB681" s="613"/>
      <c r="JQC681" s="613"/>
      <c r="JQD681" s="613"/>
      <c r="JQE681" s="613"/>
      <c r="JQF681" s="613"/>
      <c r="JQG681" s="613"/>
      <c r="JQH681" s="613"/>
      <c r="JQI681" s="613"/>
      <c r="JQJ681" s="613"/>
      <c r="JQK681" s="613"/>
      <c r="JQL681" s="613"/>
      <c r="JQM681" s="613"/>
      <c r="JQN681" s="613"/>
      <c r="JQO681" s="613"/>
      <c r="JQP681" s="613"/>
      <c r="JQQ681" s="613"/>
      <c r="JQR681" s="613"/>
      <c r="JQS681" s="613"/>
      <c r="JQT681" s="613"/>
      <c r="JQU681" s="613"/>
      <c r="JQV681" s="613"/>
      <c r="JQW681" s="613"/>
      <c r="JQX681" s="613"/>
      <c r="JQY681" s="613"/>
      <c r="JQZ681" s="613"/>
      <c r="JRA681" s="613"/>
      <c r="JRB681" s="613"/>
      <c r="JRC681" s="613"/>
      <c r="JRD681" s="613"/>
      <c r="JRE681" s="613"/>
      <c r="JRF681" s="613"/>
      <c r="JRG681" s="613"/>
      <c r="JRH681" s="613"/>
      <c r="JRI681" s="613"/>
      <c r="JRJ681" s="613"/>
      <c r="JRK681" s="613"/>
      <c r="JRL681" s="613"/>
      <c r="JRM681" s="613"/>
      <c r="JRN681" s="613"/>
      <c r="JRO681" s="613"/>
      <c r="JRP681" s="613"/>
      <c r="JRQ681" s="613"/>
      <c r="JRR681" s="613"/>
      <c r="JRS681" s="613"/>
      <c r="JRT681" s="613"/>
      <c r="JRU681" s="613"/>
      <c r="JRV681" s="613"/>
      <c r="JRW681" s="613"/>
      <c r="JRX681" s="613"/>
      <c r="JRY681" s="613"/>
      <c r="JRZ681" s="613"/>
      <c r="JSA681" s="613"/>
      <c r="JSB681" s="613"/>
      <c r="JSC681" s="613"/>
      <c r="JSD681" s="613"/>
      <c r="JSE681" s="613"/>
      <c r="JSF681" s="613"/>
      <c r="JSG681" s="613"/>
      <c r="JSH681" s="613"/>
      <c r="JSI681" s="613"/>
      <c r="JSJ681" s="613"/>
      <c r="JSK681" s="613"/>
      <c r="JSL681" s="613"/>
      <c r="JSM681" s="613"/>
      <c r="JSN681" s="613"/>
      <c r="JSO681" s="613"/>
      <c r="JSP681" s="613"/>
      <c r="JSQ681" s="613"/>
      <c r="JSR681" s="613"/>
      <c r="JSS681" s="613"/>
      <c r="JST681" s="613"/>
      <c r="JSU681" s="613"/>
      <c r="JSV681" s="613"/>
      <c r="JSW681" s="613"/>
      <c r="JSX681" s="613"/>
      <c r="JSY681" s="613"/>
      <c r="JSZ681" s="613"/>
      <c r="JTA681" s="613"/>
      <c r="JTB681" s="613"/>
      <c r="JTC681" s="613"/>
      <c r="JTD681" s="613"/>
      <c r="JTE681" s="613"/>
      <c r="JTF681" s="613"/>
      <c r="JTG681" s="613"/>
      <c r="JTH681" s="613"/>
      <c r="JTI681" s="613"/>
      <c r="JTJ681" s="613"/>
      <c r="JTK681" s="613"/>
      <c r="JTL681" s="613"/>
      <c r="JTM681" s="613"/>
      <c r="JTN681" s="613"/>
      <c r="JTO681" s="613"/>
      <c r="JTP681" s="613"/>
      <c r="JTQ681" s="613"/>
      <c r="JTR681" s="613"/>
      <c r="JTS681" s="613"/>
      <c r="JTT681" s="613"/>
      <c r="JTU681" s="613"/>
      <c r="JTV681" s="613"/>
      <c r="JTW681" s="613"/>
      <c r="JTX681" s="613"/>
      <c r="JTY681" s="613"/>
      <c r="JTZ681" s="613"/>
      <c r="JUA681" s="613"/>
      <c r="JUB681" s="613"/>
      <c r="JUC681" s="613"/>
      <c r="JUD681" s="613"/>
      <c r="JUE681" s="613"/>
      <c r="JUF681" s="613"/>
      <c r="JUG681" s="613"/>
      <c r="JUH681" s="613"/>
      <c r="JUI681" s="613"/>
      <c r="JUJ681" s="613"/>
      <c r="JUK681" s="613"/>
      <c r="JUL681" s="613"/>
      <c r="JUM681" s="613"/>
      <c r="JUN681" s="613"/>
      <c r="JUO681" s="613"/>
      <c r="JUP681" s="613"/>
      <c r="JUQ681" s="613"/>
      <c r="JUR681" s="613"/>
      <c r="JUS681" s="613"/>
      <c r="JUT681" s="613"/>
      <c r="JUU681" s="613"/>
      <c r="JUV681" s="613"/>
      <c r="JUW681" s="613"/>
      <c r="JUX681" s="613"/>
      <c r="JUY681" s="613"/>
      <c r="JUZ681" s="613"/>
      <c r="JVA681" s="613"/>
      <c r="JVB681" s="613"/>
      <c r="JVC681" s="613"/>
      <c r="JVD681" s="613"/>
      <c r="JVE681" s="613"/>
      <c r="JVF681" s="613"/>
      <c r="JVG681" s="613"/>
      <c r="JVH681" s="613"/>
      <c r="JVI681" s="613"/>
      <c r="JVJ681" s="613"/>
      <c r="JVK681" s="613"/>
      <c r="JVL681" s="613"/>
      <c r="JVM681" s="613"/>
      <c r="JVN681" s="613"/>
      <c r="JVO681" s="613"/>
      <c r="JVP681" s="613"/>
      <c r="JVQ681" s="613"/>
      <c r="JVR681" s="613"/>
      <c r="JVS681" s="613"/>
      <c r="JVT681" s="613"/>
      <c r="JVU681" s="613"/>
      <c r="JVV681" s="613"/>
      <c r="JVW681" s="613"/>
      <c r="JVX681" s="613"/>
      <c r="JVY681" s="613"/>
      <c r="JVZ681" s="613"/>
      <c r="JWA681" s="613"/>
      <c r="JWB681" s="613"/>
      <c r="JWC681" s="613"/>
      <c r="JWD681" s="613"/>
      <c r="JWE681" s="613"/>
      <c r="JWF681" s="613"/>
      <c r="JWG681" s="613"/>
      <c r="JWH681" s="613"/>
      <c r="JWI681" s="613"/>
      <c r="JWJ681" s="613"/>
      <c r="JWK681" s="613"/>
      <c r="JWL681" s="613"/>
      <c r="JWM681" s="613"/>
      <c r="JWN681" s="613"/>
      <c r="JWO681" s="613"/>
      <c r="JWP681" s="613"/>
      <c r="JWQ681" s="613"/>
      <c r="JWR681" s="613"/>
      <c r="JWS681" s="613"/>
      <c r="JWT681" s="613"/>
      <c r="JWU681" s="613"/>
      <c r="JWV681" s="613"/>
      <c r="JWW681" s="613"/>
      <c r="JWX681" s="613"/>
      <c r="JWY681" s="613"/>
      <c r="JWZ681" s="613"/>
      <c r="JXA681" s="613"/>
      <c r="JXB681" s="613"/>
      <c r="JXC681" s="613"/>
      <c r="JXD681" s="613"/>
      <c r="JXE681" s="613"/>
      <c r="JXF681" s="613"/>
      <c r="JXG681" s="613"/>
      <c r="JXH681" s="613"/>
      <c r="JXI681" s="613"/>
      <c r="JXJ681" s="613"/>
      <c r="JXK681" s="613"/>
      <c r="JXL681" s="613"/>
      <c r="JXM681" s="613"/>
      <c r="JXN681" s="613"/>
      <c r="JXO681" s="613"/>
      <c r="JXP681" s="613"/>
      <c r="JXQ681" s="613"/>
      <c r="JXR681" s="613"/>
      <c r="JXS681" s="613"/>
      <c r="JXT681" s="613"/>
      <c r="JXU681" s="613"/>
      <c r="JXV681" s="613"/>
      <c r="JXW681" s="613"/>
      <c r="JXX681" s="613"/>
      <c r="JXY681" s="613"/>
      <c r="JXZ681" s="613"/>
      <c r="JYA681" s="613"/>
      <c r="JYB681" s="613"/>
      <c r="JYC681" s="613"/>
      <c r="JYD681" s="613"/>
      <c r="JYE681" s="613"/>
      <c r="JYF681" s="613"/>
      <c r="JYG681" s="613"/>
      <c r="JYH681" s="613"/>
      <c r="JYI681" s="613"/>
      <c r="JYJ681" s="613"/>
      <c r="JYK681" s="613"/>
      <c r="JYL681" s="613"/>
      <c r="JYM681" s="613"/>
      <c r="JYN681" s="613"/>
      <c r="JYO681" s="613"/>
      <c r="JYP681" s="613"/>
      <c r="JYQ681" s="613"/>
      <c r="JYR681" s="613"/>
      <c r="JYS681" s="613"/>
      <c r="JYT681" s="613"/>
      <c r="JYU681" s="613"/>
      <c r="JYV681" s="613"/>
      <c r="JYW681" s="613"/>
      <c r="JYX681" s="613"/>
      <c r="JYY681" s="613"/>
      <c r="JYZ681" s="613"/>
      <c r="JZA681" s="613"/>
      <c r="JZB681" s="613"/>
      <c r="JZC681" s="613"/>
      <c r="JZD681" s="613"/>
      <c r="JZE681" s="613"/>
      <c r="JZF681" s="613"/>
      <c r="JZG681" s="613"/>
      <c r="JZH681" s="613"/>
      <c r="JZI681" s="613"/>
      <c r="JZJ681" s="613"/>
      <c r="JZK681" s="613"/>
      <c r="JZL681" s="613"/>
      <c r="JZM681" s="613"/>
      <c r="JZN681" s="613"/>
      <c r="JZO681" s="613"/>
      <c r="JZP681" s="613"/>
      <c r="JZQ681" s="613"/>
      <c r="JZR681" s="613"/>
      <c r="JZS681" s="613"/>
      <c r="JZT681" s="613"/>
      <c r="JZU681" s="613"/>
      <c r="JZV681" s="613"/>
      <c r="JZW681" s="613"/>
      <c r="JZX681" s="613"/>
      <c r="JZY681" s="613"/>
      <c r="JZZ681" s="613"/>
      <c r="KAA681" s="613"/>
      <c r="KAB681" s="613"/>
      <c r="KAC681" s="613"/>
      <c r="KAD681" s="613"/>
      <c r="KAE681" s="613"/>
      <c r="KAF681" s="613"/>
      <c r="KAG681" s="613"/>
      <c r="KAH681" s="613"/>
      <c r="KAI681" s="613"/>
      <c r="KAJ681" s="613"/>
      <c r="KAK681" s="613"/>
      <c r="KAL681" s="613"/>
      <c r="KAM681" s="613"/>
      <c r="KAN681" s="613"/>
      <c r="KAO681" s="613"/>
      <c r="KAP681" s="613"/>
      <c r="KAQ681" s="613"/>
      <c r="KAR681" s="613"/>
      <c r="KAS681" s="613"/>
      <c r="KAT681" s="613"/>
      <c r="KAU681" s="613"/>
      <c r="KAV681" s="613"/>
      <c r="KAW681" s="613"/>
      <c r="KAX681" s="613"/>
      <c r="KAY681" s="613"/>
      <c r="KAZ681" s="613"/>
      <c r="KBA681" s="613"/>
      <c r="KBB681" s="613"/>
      <c r="KBC681" s="613"/>
      <c r="KBD681" s="613"/>
      <c r="KBE681" s="613"/>
      <c r="KBF681" s="613"/>
      <c r="KBG681" s="613"/>
      <c r="KBH681" s="613"/>
      <c r="KBI681" s="613"/>
      <c r="KBJ681" s="613"/>
      <c r="KBK681" s="613"/>
      <c r="KBL681" s="613"/>
      <c r="KBM681" s="613"/>
      <c r="KBN681" s="613"/>
      <c r="KBO681" s="613"/>
      <c r="KBP681" s="613"/>
      <c r="KBQ681" s="613"/>
      <c r="KBR681" s="613"/>
      <c r="KBS681" s="613"/>
      <c r="KBT681" s="613"/>
      <c r="KBU681" s="613"/>
      <c r="KBV681" s="613"/>
      <c r="KBW681" s="613"/>
      <c r="KBX681" s="613"/>
      <c r="KBY681" s="613"/>
      <c r="KBZ681" s="613"/>
      <c r="KCA681" s="613"/>
      <c r="KCB681" s="613"/>
      <c r="KCC681" s="613"/>
      <c r="KCD681" s="613"/>
      <c r="KCE681" s="613"/>
      <c r="KCF681" s="613"/>
      <c r="KCG681" s="613"/>
      <c r="KCH681" s="613"/>
      <c r="KCI681" s="613"/>
      <c r="KCJ681" s="613"/>
      <c r="KCK681" s="613"/>
      <c r="KCL681" s="613"/>
      <c r="KCM681" s="613"/>
      <c r="KCN681" s="613"/>
      <c r="KCO681" s="613"/>
      <c r="KCP681" s="613"/>
      <c r="KCQ681" s="613"/>
      <c r="KCR681" s="613"/>
      <c r="KCS681" s="613"/>
      <c r="KCT681" s="613"/>
      <c r="KCU681" s="613"/>
      <c r="KCV681" s="613"/>
      <c r="KCW681" s="613"/>
      <c r="KCX681" s="613"/>
      <c r="KCY681" s="613"/>
      <c r="KCZ681" s="613"/>
      <c r="KDA681" s="613"/>
      <c r="KDB681" s="613"/>
      <c r="KDC681" s="613"/>
      <c r="KDD681" s="613"/>
      <c r="KDE681" s="613"/>
      <c r="KDF681" s="613"/>
      <c r="KDG681" s="613"/>
      <c r="KDH681" s="613"/>
      <c r="KDI681" s="613"/>
      <c r="KDJ681" s="613"/>
      <c r="KDK681" s="613"/>
      <c r="KDL681" s="613"/>
      <c r="KDM681" s="613"/>
      <c r="KDN681" s="613"/>
      <c r="KDO681" s="613"/>
      <c r="KDP681" s="613"/>
      <c r="KDQ681" s="613"/>
      <c r="KDR681" s="613"/>
      <c r="KDS681" s="613"/>
      <c r="KDT681" s="613"/>
      <c r="KDU681" s="613"/>
      <c r="KDV681" s="613"/>
      <c r="KDW681" s="613"/>
      <c r="KDX681" s="613"/>
      <c r="KDY681" s="613"/>
      <c r="KDZ681" s="613"/>
      <c r="KEA681" s="613"/>
      <c r="KEB681" s="613"/>
      <c r="KEC681" s="613"/>
      <c r="KED681" s="613"/>
      <c r="KEE681" s="613"/>
      <c r="KEF681" s="613"/>
      <c r="KEG681" s="613"/>
      <c r="KEH681" s="613"/>
      <c r="KEI681" s="613"/>
      <c r="KEJ681" s="613"/>
      <c r="KEK681" s="613"/>
      <c r="KEL681" s="613"/>
      <c r="KEM681" s="613"/>
      <c r="KEN681" s="613"/>
      <c r="KEO681" s="613"/>
      <c r="KEP681" s="613"/>
      <c r="KEQ681" s="613"/>
      <c r="KER681" s="613"/>
      <c r="KES681" s="613"/>
      <c r="KET681" s="613"/>
      <c r="KEU681" s="613"/>
      <c r="KEV681" s="613"/>
      <c r="KEW681" s="613"/>
      <c r="KEX681" s="613"/>
      <c r="KEY681" s="613"/>
      <c r="KEZ681" s="613"/>
      <c r="KFA681" s="613"/>
      <c r="KFB681" s="613"/>
      <c r="KFC681" s="613"/>
      <c r="KFD681" s="613"/>
      <c r="KFE681" s="613"/>
      <c r="KFF681" s="613"/>
      <c r="KFG681" s="613"/>
      <c r="KFH681" s="613"/>
      <c r="KFI681" s="613"/>
      <c r="KFJ681" s="613"/>
      <c r="KFK681" s="613"/>
      <c r="KFL681" s="613"/>
      <c r="KFM681" s="613"/>
      <c r="KFN681" s="613"/>
      <c r="KFO681" s="613"/>
      <c r="KFP681" s="613"/>
      <c r="KFQ681" s="613"/>
      <c r="KFR681" s="613"/>
      <c r="KFS681" s="613"/>
      <c r="KFT681" s="613"/>
      <c r="KFU681" s="613"/>
      <c r="KFV681" s="613"/>
      <c r="KFW681" s="613"/>
      <c r="KFX681" s="613"/>
      <c r="KFY681" s="613"/>
      <c r="KFZ681" s="613"/>
      <c r="KGA681" s="613"/>
      <c r="KGB681" s="613"/>
      <c r="KGC681" s="613"/>
      <c r="KGD681" s="613"/>
      <c r="KGE681" s="613"/>
      <c r="KGF681" s="613"/>
      <c r="KGG681" s="613"/>
      <c r="KGH681" s="613"/>
      <c r="KGI681" s="613"/>
      <c r="KGJ681" s="613"/>
      <c r="KGK681" s="613"/>
      <c r="KGL681" s="613"/>
      <c r="KGM681" s="613"/>
      <c r="KGN681" s="613"/>
      <c r="KGO681" s="613"/>
      <c r="KGP681" s="613"/>
      <c r="KGQ681" s="613"/>
      <c r="KGR681" s="613"/>
      <c r="KGS681" s="613"/>
      <c r="KGT681" s="613"/>
      <c r="KGU681" s="613"/>
      <c r="KGV681" s="613"/>
      <c r="KGW681" s="613"/>
      <c r="KGX681" s="613"/>
      <c r="KGY681" s="613"/>
      <c r="KGZ681" s="613"/>
      <c r="KHA681" s="613"/>
      <c r="KHB681" s="613"/>
      <c r="KHC681" s="613"/>
      <c r="KHD681" s="613"/>
      <c r="KHE681" s="613"/>
      <c r="KHF681" s="613"/>
      <c r="KHG681" s="613"/>
      <c r="KHH681" s="613"/>
      <c r="KHI681" s="613"/>
      <c r="KHJ681" s="613"/>
      <c r="KHK681" s="613"/>
      <c r="KHL681" s="613"/>
      <c r="KHM681" s="613"/>
      <c r="KHN681" s="613"/>
      <c r="KHO681" s="613"/>
      <c r="KHP681" s="613"/>
      <c r="KHQ681" s="613"/>
      <c r="KHR681" s="613"/>
      <c r="KHS681" s="613"/>
      <c r="KHT681" s="613"/>
      <c r="KHU681" s="613"/>
      <c r="KHV681" s="613"/>
      <c r="KHW681" s="613"/>
      <c r="KHX681" s="613"/>
      <c r="KHY681" s="613"/>
      <c r="KHZ681" s="613"/>
      <c r="KIA681" s="613"/>
      <c r="KIB681" s="613"/>
      <c r="KIC681" s="613"/>
      <c r="KID681" s="613"/>
      <c r="KIE681" s="613"/>
      <c r="KIF681" s="613"/>
      <c r="KIG681" s="613"/>
      <c r="KIH681" s="613"/>
      <c r="KII681" s="613"/>
      <c r="KIJ681" s="613"/>
      <c r="KIK681" s="613"/>
      <c r="KIL681" s="613"/>
      <c r="KIM681" s="613"/>
      <c r="KIN681" s="613"/>
      <c r="KIO681" s="613"/>
      <c r="KIP681" s="613"/>
      <c r="KIQ681" s="613"/>
      <c r="KIR681" s="613"/>
      <c r="KIS681" s="613"/>
      <c r="KIT681" s="613"/>
      <c r="KIU681" s="613"/>
      <c r="KIV681" s="613"/>
      <c r="KIW681" s="613"/>
      <c r="KIX681" s="613"/>
      <c r="KIY681" s="613"/>
      <c r="KIZ681" s="613"/>
      <c r="KJA681" s="613"/>
      <c r="KJB681" s="613"/>
      <c r="KJC681" s="613"/>
      <c r="KJD681" s="613"/>
      <c r="KJE681" s="613"/>
      <c r="KJF681" s="613"/>
      <c r="KJG681" s="613"/>
      <c r="KJH681" s="613"/>
      <c r="KJI681" s="613"/>
      <c r="KJJ681" s="613"/>
      <c r="KJK681" s="613"/>
      <c r="KJL681" s="613"/>
      <c r="KJM681" s="613"/>
      <c r="KJN681" s="613"/>
      <c r="KJO681" s="613"/>
      <c r="KJP681" s="613"/>
      <c r="KJQ681" s="613"/>
      <c r="KJR681" s="613"/>
      <c r="KJS681" s="613"/>
      <c r="KJT681" s="613"/>
      <c r="KJU681" s="613"/>
      <c r="KJV681" s="613"/>
      <c r="KJW681" s="613"/>
      <c r="KJX681" s="613"/>
      <c r="KJY681" s="613"/>
      <c r="KJZ681" s="613"/>
      <c r="KKA681" s="613"/>
      <c r="KKB681" s="613"/>
      <c r="KKC681" s="613"/>
      <c r="KKD681" s="613"/>
      <c r="KKE681" s="613"/>
      <c r="KKF681" s="613"/>
      <c r="KKG681" s="613"/>
      <c r="KKH681" s="613"/>
      <c r="KKI681" s="613"/>
      <c r="KKJ681" s="613"/>
      <c r="KKK681" s="613"/>
      <c r="KKL681" s="613"/>
      <c r="KKM681" s="613"/>
      <c r="KKN681" s="613"/>
      <c r="KKO681" s="613"/>
      <c r="KKP681" s="613"/>
      <c r="KKQ681" s="613"/>
      <c r="KKR681" s="613"/>
      <c r="KKS681" s="613"/>
      <c r="KKT681" s="613"/>
      <c r="KKU681" s="613"/>
      <c r="KKV681" s="613"/>
      <c r="KKW681" s="613"/>
      <c r="KKX681" s="613"/>
      <c r="KKY681" s="613"/>
      <c r="KKZ681" s="613"/>
      <c r="KLA681" s="613"/>
      <c r="KLB681" s="613"/>
      <c r="KLC681" s="613"/>
      <c r="KLD681" s="613"/>
      <c r="KLE681" s="613"/>
      <c r="KLF681" s="613"/>
      <c r="KLG681" s="613"/>
      <c r="KLH681" s="613"/>
      <c r="KLI681" s="613"/>
      <c r="KLJ681" s="613"/>
      <c r="KLK681" s="613"/>
      <c r="KLL681" s="613"/>
      <c r="KLM681" s="613"/>
      <c r="KLN681" s="613"/>
      <c r="KLO681" s="613"/>
      <c r="KLP681" s="613"/>
      <c r="KLQ681" s="613"/>
      <c r="KLR681" s="613"/>
      <c r="KLS681" s="613"/>
      <c r="KLT681" s="613"/>
      <c r="KLU681" s="613"/>
      <c r="KLV681" s="613"/>
      <c r="KLW681" s="613"/>
      <c r="KLX681" s="613"/>
      <c r="KLY681" s="613"/>
      <c r="KLZ681" s="613"/>
      <c r="KMA681" s="613"/>
      <c r="KMB681" s="613"/>
      <c r="KMC681" s="613"/>
      <c r="KMD681" s="613"/>
      <c r="KME681" s="613"/>
      <c r="KMF681" s="613"/>
      <c r="KMG681" s="613"/>
      <c r="KMH681" s="613"/>
      <c r="KMI681" s="613"/>
      <c r="KMJ681" s="613"/>
      <c r="KMK681" s="613"/>
      <c r="KML681" s="613"/>
      <c r="KMM681" s="613"/>
      <c r="KMN681" s="613"/>
      <c r="KMO681" s="613"/>
      <c r="KMP681" s="613"/>
      <c r="KMQ681" s="613"/>
      <c r="KMR681" s="613"/>
      <c r="KMS681" s="613"/>
      <c r="KMT681" s="613"/>
      <c r="KMU681" s="613"/>
      <c r="KMV681" s="613"/>
      <c r="KMW681" s="613"/>
      <c r="KMX681" s="613"/>
      <c r="KMY681" s="613"/>
      <c r="KMZ681" s="613"/>
      <c r="KNA681" s="613"/>
      <c r="KNB681" s="613"/>
      <c r="KNC681" s="613"/>
      <c r="KND681" s="613"/>
      <c r="KNE681" s="613"/>
      <c r="KNF681" s="613"/>
      <c r="KNG681" s="613"/>
      <c r="KNH681" s="613"/>
      <c r="KNI681" s="613"/>
      <c r="KNJ681" s="613"/>
      <c r="KNK681" s="613"/>
      <c r="KNL681" s="613"/>
      <c r="KNM681" s="613"/>
      <c r="KNN681" s="613"/>
      <c r="KNO681" s="613"/>
      <c r="KNP681" s="613"/>
      <c r="KNQ681" s="613"/>
      <c r="KNR681" s="613"/>
      <c r="KNS681" s="613"/>
      <c r="KNT681" s="613"/>
      <c r="KNU681" s="613"/>
      <c r="KNV681" s="613"/>
      <c r="KNW681" s="613"/>
      <c r="KNX681" s="613"/>
      <c r="KNY681" s="613"/>
      <c r="KNZ681" s="613"/>
      <c r="KOA681" s="613"/>
      <c r="KOB681" s="613"/>
      <c r="KOC681" s="613"/>
      <c r="KOD681" s="613"/>
      <c r="KOE681" s="613"/>
      <c r="KOF681" s="613"/>
      <c r="KOG681" s="613"/>
      <c r="KOH681" s="613"/>
      <c r="KOI681" s="613"/>
      <c r="KOJ681" s="613"/>
      <c r="KOK681" s="613"/>
      <c r="KOL681" s="613"/>
      <c r="KOM681" s="613"/>
      <c r="KON681" s="613"/>
      <c r="KOO681" s="613"/>
      <c r="KOP681" s="613"/>
      <c r="KOQ681" s="613"/>
      <c r="KOR681" s="613"/>
      <c r="KOS681" s="613"/>
      <c r="KOT681" s="613"/>
      <c r="KOU681" s="613"/>
      <c r="KOV681" s="613"/>
      <c r="KOW681" s="613"/>
      <c r="KOX681" s="613"/>
      <c r="KOY681" s="613"/>
      <c r="KOZ681" s="613"/>
      <c r="KPA681" s="613"/>
      <c r="KPB681" s="613"/>
      <c r="KPC681" s="613"/>
      <c r="KPD681" s="613"/>
      <c r="KPE681" s="613"/>
      <c r="KPF681" s="613"/>
      <c r="KPG681" s="613"/>
      <c r="KPH681" s="613"/>
      <c r="KPI681" s="613"/>
      <c r="KPJ681" s="613"/>
      <c r="KPK681" s="613"/>
      <c r="KPL681" s="613"/>
      <c r="KPM681" s="613"/>
      <c r="KPN681" s="613"/>
      <c r="KPO681" s="613"/>
      <c r="KPP681" s="613"/>
      <c r="KPQ681" s="613"/>
      <c r="KPR681" s="613"/>
      <c r="KPS681" s="613"/>
      <c r="KPT681" s="613"/>
      <c r="KPU681" s="613"/>
      <c r="KPV681" s="613"/>
      <c r="KPW681" s="613"/>
      <c r="KPX681" s="613"/>
      <c r="KPY681" s="613"/>
      <c r="KPZ681" s="613"/>
      <c r="KQA681" s="613"/>
      <c r="KQB681" s="613"/>
      <c r="KQC681" s="613"/>
      <c r="KQD681" s="613"/>
      <c r="KQE681" s="613"/>
      <c r="KQF681" s="613"/>
      <c r="KQG681" s="613"/>
      <c r="KQH681" s="613"/>
      <c r="KQI681" s="613"/>
      <c r="KQJ681" s="613"/>
      <c r="KQK681" s="613"/>
      <c r="KQL681" s="613"/>
      <c r="KQM681" s="613"/>
      <c r="KQN681" s="613"/>
      <c r="KQO681" s="613"/>
      <c r="KQP681" s="613"/>
      <c r="KQQ681" s="613"/>
      <c r="KQR681" s="613"/>
      <c r="KQS681" s="613"/>
      <c r="KQT681" s="613"/>
      <c r="KQU681" s="613"/>
      <c r="KQV681" s="613"/>
      <c r="KQW681" s="613"/>
      <c r="KQX681" s="613"/>
      <c r="KQY681" s="613"/>
      <c r="KQZ681" s="613"/>
      <c r="KRA681" s="613"/>
      <c r="KRB681" s="613"/>
      <c r="KRC681" s="613"/>
      <c r="KRD681" s="613"/>
      <c r="KRE681" s="613"/>
      <c r="KRF681" s="613"/>
      <c r="KRG681" s="613"/>
      <c r="KRH681" s="613"/>
      <c r="KRI681" s="613"/>
      <c r="KRJ681" s="613"/>
      <c r="KRK681" s="613"/>
      <c r="KRL681" s="613"/>
      <c r="KRM681" s="613"/>
      <c r="KRN681" s="613"/>
      <c r="KRO681" s="613"/>
      <c r="KRP681" s="613"/>
      <c r="KRQ681" s="613"/>
      <c r="KRR681" s="613"/>
      <c r="KRS681" s="613"/>
      <c r="KRT681" s="613"/>
      <c r="KRU681" s="613"/>
      <c r="KRV681" s="613"/>
      <c r="KRW681" s="613"/>
      <c r="KRX681" s="613"/>
      <c r="KRY681" s="613"/>
      <c r="KRZ681" s="613"/>
      <c r="KSA681" s="613"/>
      <c r="KSB681" s="613"/>
      <c r="KSC681" s="613"/>
      <c r="KSD681" s="613"/>
      <c r="KSE681" s="613"/>
      <c r="KSF681" s="613"/>
      <c r="KSG681" s="613"/>
      <c r="KSH681" s="613"/>
      <c r="KSI681" s="613"/>
      <c r="KSJ681" s="613"/>
      <c r="KSK681" s="613"/>
      <c r="KSL681" s="613"/>
      <c r="KSM681" s="613"/>
      <c r="KSN681" s="613"/>
      <c r="KSO681" s="613"/>
      <c r="KSP681" s="613"/>
      <c r="KSQ681" s="613"/>
      <c r="KSR681" s="613"/>
      <c r="KSS681" s="613"/>
      <c r="KST681" s="613"/>
      <c r="KSU681" s="613"/>
      <c r="KSV681" s="613"/>
      <c r="KSW681" s="613"/>
      <c r="KSX681" s="613"/>
      <c r="KSY681" s="613"/>
      <c r="KSZ681" s="613"/>
      <c r="KTA681" s="613"/>
      <c r="KTB681" s="613"/>
      <c r="KTC681" s="613"/>
      <c r="KTD681" s="613"/>
      <c r="KTE681" s="613"/>
      <c r="KTF681" s="613"/>
      <c r="KTG681" s="613"/>
      <c r="KTH681" s="613"/>
      <c r="KTI681" s="613"/>
      <c r="KTJ681" s="613"/>
      <c r="KTK681" s="613"/>
      <c r="KTL681" s="613"/>
      <c r="KTM681" s="613"/>
      <c r="KTN681" s="613"/>
      <c r="KTO681" s="613"/>
      <c r="KTP681" s="613"/>
      <c r="KTQ681" s="613"/>
      <c r="KTR681" s="613"/>
      <c r="KTS681" s="613"/>
      <c r="KTT681" s="613"/>
      <c r="KTU681" s="613"/>
      <c r="KTV681" s="613"/>
      <c r="KTW681" s="613"/>
      <c r="KTX681" s="613"/>
      <c r="KTY681" s="613"/>
      <c r="KTZ681" s="613"/>
      <c r="KUA681" s="613"/>
      <c r="KUB681" s="613"/>
      <c r="KUC681" s="613"/>
      <c r="KUD681" s="613"/>
      <c r="KUE681" s="613"/>
      <c r="KUF681" s="613"/>
      <c r="KUG681" s="613"/>
      <c r="KUH681" s="613"/>
      <c r="KUI681" s="613"/>
      <c r="KUJ681" s="613"/>
      <c r="KUK681" s="613"/>
      <c r="KUL681" s="613"/>
      <c r="KUM681" s="613"/>
      <c r="KUN681" s="613"/>
      <c r="KUO681" s="613"/>
      <c r="KUP681" s="613"/>
      <c r="KUQ681" s="613"/>
      <c r="KUR681" s="613"/>
      <c r="KUS681" s="613"/>
      <c r="KUT681" s="613"/>
      <c r="KUU681" s="613"/>
      <c r="KUV681" s="613"/>
      <c r="KUW681" s="613"/>
      <c r="KUX681" s="613"/>
      <c r="KUY681" s="613"/>
      <c r="KUZ681" s="613"/>
      <c r="KVA681" s="613"/>
      <c r="KVB681" s="613"/>
      <c r="KVC681" s="613"/>
      <c r="KVD681" s="613"/>
      <c r="KVE681" s="613"/>
      <c r="KVF681" s="613"/>
      <c r="KVG681" s="613"/>
      <c r="KVH681" s="613"/>
      <c r="KVI681" s="613"/>
      <c r="KVJ681" s="613"/>
      <c r="KVK681" s="613"/>
      <c r="KVL681" s="613"/>
      <c r="KVM681" s="613"/>
      <c r="KVN681" s="613"/>
      <c r="KVO681" s="613"/>
      <c r="KVP681" s="613"/>
      <c r="KVQ681" s="613"/>
      <c r="KVR681" s="613"/>
      <c r="KVS681" s="613"/>
      <c r="KVT681" s="613"/>
      <c r="KVU681" s="613"/>
      <c r="KVV681" s="613"/>
      <c r="KVW681" s="613"/>
      <c r="KVX681" s="613"/>
      <c r="KVY681" s="613"/>
      <c r="KVZ681" s="613"/>
      <c r="KWA681" s="613"/>
      <c r="KWB681" s="613"/>
      <c r="KWC681" s="613"/>
      <c r="KWD681" s="613"/>
      <c r="KWE681" s="613"/>
      <c r="KWF681" s="613"/>
      <c r="KWG681" s="613"/>
      <c r="KWH681" s="613"/>
      <c r="KWI681" s="613"/>
      <c r="KWJ681" s="613"/>
      <c r="KWK681" s="613"/>
      <c r="KWL681" s="613"/>
      <c r="KWM681" s="613"/>
      <c r="KWN681" s="613"/>
      <c r="KWO681" s="613"/>
      <c r="KWP681" s="613"/>
      <c r="KWQ681" s="613"/>
      <c r="KWR681" s="613"/>
      <c r="KWS681" s="613"/>
      <c r="KWT681" s="613"/>
      <c r="KWU681" s="613"/>
      <c r="KWV681" s="613"/>
      <c r="KWW681" s="613"/>
      <c r="KWX681" s="613"/>
      <c r="KWY681" s="613"/>
      <c r="KWZ681" s="613"/>
      <c r="KXA681" s="613"/>
      <c r="KXB681" s="613"/>
      <c r="KXC681" s="613"/>
      <c r="KXD681" s="613"/>
      <c r="KXE681" s="613"/>
      <c r="KXF681" s="613"/>
      <c r="KXG681" s="613"/>
      <c r="KXH681" s="613"/>
      <c r="KXI681" s="613"/>
      <c r="KXJ681" s="613"/>
      <c r="KXK681" s="613"/>
      <c r="KXL681" s="613"/>
      <c r="KXM681" s="613"/>
      <c r="KXN681" s="613"/>
      <c r="KXO681" s="613"/>
      <c r="KXP681" s="613"/>
      <c r="KXQ681" s="613"/>
      <c r="KXR681" s="613"/>
      <c r="KXS681" s="613"/>
      <c r="KXT681" s="613"/>
      <c r="KXU681" s="613"/>
      <c r="KXV681" s="613"/>
      <c r="KXW681" s="613"/>
      <c r="KXX681" s="613"/>
      <c r="KXY681" s="613"/>
      <c r="KXZ681" s="613"/>
      <c r="KYA681" s="613"/>
      <c r="KYB681" s="613"/>
      <c r="KYC681" s="613"/>
      <c r="KYD681" s="613"/>
      <c r="KYE681" s="613"/>
      <c r="KYF681" s="613"/>
      <c r="KYG681" s="613"/>
      <c r="KYH681" s="613"/>
      <c r="KYI681" s="613"/>
      <c r="KYJ681" s="613"/>
      <c r="KYK681" s="613"/>
      <c r="KYL681" s="613"/>
      <c r="KYM681" s="613"/>
      <c r="KYN681" s="613"/>
      <c r="KYO681" s="613"/>
      <c r="KYP681" s="613"/>
      <c r="KYQ681" s="613"/>
      <c r="KYR681" s="613"/>
      <c r="KYS681" s="613"/>
      <c r="KYT681" s="613"/>
      <c r="KYU681" s="613"/>
      <c r="KYV681" s="613"/>
      <c r="KYW681" s="613"/>
      <c r="KYX681" s="613"/>
      <c r="KYY681" s="613"/>
      <c r="KYZ681" s="613"/>
      <c r="KZA681" s="613"/>
      <c r="KZB681" s="613"/>
      <c r="KZC681" s="613"/>
      <c r="KZD681" s="613"/>
      <c r="KZE681" s="613"/>
      <c r="KZF681" s="613"/>
      <c r="KZG681" s="613"/>
      <c r="KZH681" s="613"/>
      <c r="KZI681" s="613"/>
      <c r="KZJ681" s="613"/>
      <c r="KZK681" s="613"/>
      <c r="KZL681" s="613"/>
      <c r="KZM681" s="613"/>
      <c r="KZN681" s="613"/>
      <c r="KZO681" s="613"/>
      <c r="KZP681" s="613"/>
      <c r="KZQ681" s="613"/>
      <c r="KZR681" s="613"/>
      <c r="KZS681" s="613"/>
      <c r="KZT681" s="613"/>
      <c r="KZU681" s="613"/>
      <c r="KZV681" s="613"/>
      <c r="KZW681" s="613"/>
      <c r="KZX681" s="613"/>
      <c r="KZY681" s="613"/>
      <c r="KZZ681" s="613"/>
      <c r="LAA681" s="613"/>
      <c r="LAB681" s="613"/>
      <c r="LAC681" s="613"/>
      <c r="LAD681" s="613"/>
      <c r="LAE681" s="613"/>
      <c r="LAF681" s="613"/>
      <c r="LAG681" s="613"/>
      <c r="LAH681" s="613"/>
      <c r="LAI681" s="613"/>
      <c r="LAJ681" s="613"/>
      <c r="LAK681" s="613"/>
      <c r="LAL681" s="613"/>
      <c r="LAM681" s="613"/>
      <c r="LAN681" s="613"/>
      <c r="LAO681" s="613"/>
      <c r="LAP681" s="613"/>
      <c r="LAQ681" s="613"/>
      <c r="LAR681" s="613"/>
      <c r="LAS681" s="613"/>
      <c r="LAT681" s="613"/>
      <c r="LAU681" s="613"/>
      <c r="LAV681" s="613"/>
      <c r="LAW681" s="613"/>
      <c r="LAX681" s="613"/>
      <c r="LAY681" s="613"/>
      <c r="LAZ681" s="613"/>
      <c r="LBA681" s="613"/>
      <c r="LBB681" s="613"/>
      <c r="LBC681" s="613"/>
      <c r="LBD681" s="613"/>
      <c r="LBE681" s="613"/>
      <c r="LBF681" s="613"/>
      <c r="LBG681" s="613"/>
      <c r="LBH681" s="613"/>
      <c r="LBI681" s="613"/>
      <c r="LBJ681" s="613"/>
      <c r="LBK681" s="613"/>
      <c r="LBL681" s="613"/>
      <c r="LBM681" s="613"/>
      <c r="LBN681" s="613"/>
      <c r="LBO681" s="613"/>
      <c r="LBP681" s="613"/>
      <c r="LBQ681" s="613"/>
      <c r="LBR681" s="613"/>
      <c r="LBS681" s="613"/>
      <c r="LBT681" s="613"/>
      <c r="LBU681" s="613"/>
      <c r="LBV681" s="613"/>
      <c r="LBW681" s="613"/>
      <c r="LBX681" s="613"/>
      <c r="LBY681" s="613"/>
      <c r="LBZ681" s="613"/>
      <c r="LCA681" s="613"/>
      <c r="LCB681" s="613"/>
      <c r="LCC681" s="613"/>
      <c r="LCD681" s="613"/>
      <c r="LCE681" s="613"/>
      <c r="LCF681" s="613"/>
      <c r="LCG681" s="613"/>
      <c r="LCH681" s="613"/>
      <c r="LCI681" s="613"/>
      <c r="LCJ681" s="613"/>
      <c r="LCK681" s="613"/>
      <c r="LCL681" s="613"/>
      <c r="LCM681" s="613"/>
      <c r="LCN681" s="613"/>
      <c r="LCO681" s="613"/>
      <c r="LCP681" s="613"/>
      <c r="LCQ681" s="613"/>
      <c r="LCR681" s="613"/>
      <c r="LCS681" s="613"/>
      <c r="LCT681" s="613"/>
      <c r="LCU681" s="613"/>
      <c r="LCV681" s="613"/>
      <c r="LCW681" s="613"/>
      <c r="LCX681" s="613"/>
      <c r="LCY681" s="613"/>
      <c r="LCZ681" s="613"/>
      <c r="LDA681" s="613"/>
      <c r="LDB681" s="613"/>
      <c r="LDC681" s="613"/>
      <c r="LDD681" s="613"/>
      <c r="LDE681" s="613"/>
      <c r="LDF681" s="613"/>
      <c r="LDG681" s="613"/>
      <c r="LDH681" s="613"/>
      <c r="LDI681" s="613"/>
      <c r="LDJ681" s="613"/>
      <c r="LDK681" s="613"/>
      <c r="LDL681" s="613"/>
      <c r="LDM681" s="613"/>
      <c r="LDN681" s="613"/>
      <c r="LDO681" s="613"/>
      <c r="LDP681" s="613"/>
      <c r="LDQ681" s="613"/>
      <c r="LDR681" s="613"/>
      <c r="LDS681" s="613"/>
      <c r="LDT681" s="613"/>
      <c r="LDU681" s="613"/>
      <c r="LDV681" s="613"/>
      <c r="LDW681" s="613"/>
      <c r="LDX681" s="613"/>
      <c r="LDY681" s="613"/>
      <c r="LDZ681" s="613"/>
      <c r="LEA681" s="613"/>
      <c r="LEB681" s="613"/>
      <c r="LEC681" s="613"/>
      <c r="LED681" s="613"/>
      <c r="LEE681" s="613"/>
      <c r="LEF681" s="613"/>
      <c r="LEG681" s="613"/>
      <c r="LEH681" s="613"/>
      <c r="LEI681" s="613"/>
      <c r="LEJ681" s="613"/>
      <c r="LEK681" s="613"/>
      <c r="LEL681" s="613"/>
      <c r="LEM681" s="613"/>
      <c r="LEN681" s="613"/>
      <c r="LEO681" s="613"/>
      <c r="LEP681" s="613"/>
      <c r="LEQ681" s="613"/>
      <c r="LER681" s="613"/>
      <c r="LES681" s="613"/>
      <c r="LET681" s="613"/>
      <c r="LEU681" s="613"/>
      <c r="LEV681" s="613"/>
      <c r="LEW681" s="613"/>
      <c r="LEX681" s="613"/>
      <c r="LEY681" s="613"/>
      <c r="LEZ681" s="613"/>
      <c r="LFA681" s="613"/>
      <c r="LFB681" s="613"/>
      <c r="LFC681" s="613"/>
      <c r="LFD681" s="613"/>
      <c r="LFE681" s="613"/>
      <c r="LFF681" s="613"/>
      <c r="LFG681" s="613"/>
      <c r="LFH681" s="613"/>
      <c r="LFI681" s="613"/>
      <c r="LFJ681" s="613"/>
      <c r="LFK681" s="613"/>
      <c r="LFL681" s="613"/>
      <c r="LFM681" s="613"/>
      <c r="LFN681" s="613"/>
      <c r="LFO681" s="613"/>
      <c r="LFP681" s="613"/>
      <c r="LFQ681" s="613"/>
      <c r="LFR681" s="613"/>
      <c r="LFS681" s="613"/>
      <c r="LFT681" s="613"/>
      <c r="LFU681" s="613"/>
      <c r="LFV681" s="613"/>
      <c r="LFW681" s="613"/>
      <c r="LFX681" s="613"/>
      <c r="LFY681" s="613"/>
      <c r="LFZ681" s="613"/>
      <c r="LGA681" s="613"/>
      <c r="LGB681" s="613"/>
      <c r="LGC681" s="613"/>
      <c r="LGD681" s="613"/>
      <c r="LGE681" s="613"/>
      <c r="LGF681" s="613"/>
      <c r="LGG681" s="613"/>
      <c r="LGH681" s="613"/>
      <c r="LGI681" s="613"/>
      <c r="LGJ681" s="613"/>
      <c r="LGK681" s="613"/>
      <c r="LGL681" s="613"/>
      <c r="LGM681" s="613"/>
      <c r="LGN681" s="613"/>
      <c r="LGO681" s="613"/>
      <c r="LGP681" s="613"/>
      <c r="LGQ681" s="613"/>
      <c r="LGR681" s="613"/>
      <c r="LGS681" s="613"/>
      <c r="LGT681" s="613"/>
      <c r="LGU681" s="613"/>
      <c r="LGV681" s="613"/>
      <c r="LGW681" s="613"/>
      <c r="LGX681" s="613"/>
      <c r="LGY681" s="613"/>
      <c r="LGZ681" s="613"/>
      <c r="LHA681" s="613"/>
      <c r="LHB681" s="613"/>
      <c r="LHC681" s="613"/>
      <c r="LHD681" s="613"/>
      <c r="LHE681" s="613"/>
      <c r="LHF681" s="613"/>
      <c r="LHG681" s="613"/>
      <c r="LHH681" s="613"/>
      <c r="LHI681" s="613"/>
      <c r="LHJ681" s="613"/>
      <c r="LHK681" s="613"/>
      <c r="LHL681" s="613"/>
      <c r="LHM681" s="613"/>
      <c r="LHN681" s="613"/>
      <c r="LHO681" s="613"/>
      <c r="LHP681" s="613"/>
      <c r="LHQ681" s="613"/>
      <c r="LHR681" s="613"/>
      <c r="LHS681" s="613"/>
      <c r="LHT681" s="613"/>
      <c r="LHU681" s="613"/>
      <c r="LHV681" s="613"/>
      <c r="LHW681" s="613"/>
      <c r="LHX681" s="613"/>
      <c r="LHY681" s="613"/>
      <c r="LHZ681" s="613"/>
      <c r="LIA681" s="613"/>
      <c r="LIB681" s="613"/>
      <c r="LIC681" s="613"/>
      <c r="LID681" s="613"/>
      <c r="LIE681" s="613"/>
      <c r="LIF681" s="613"/>
      <c r="LIG681" s="613"/>
      <c r="LIH681" s="613"/>
      <c r="LII681" s="613"/>
      <c r="LIJ681" s="613"/>
      <c r="LIK681" s="613"/>
      <c r="LIL681" s="613"/>
      <c r="LIM681" s="613"/>
      <c r="LIN681" s="613"/>
      <c r="LIO681" s="613"/>
      <c r="LIP681" s="613"/>
      <c r="LIQ681" s="613"/>
      <c r="LIR681" s="613"/>
      <c r="LIS681" s="613"/>
      <c r="LIT681" s="613"/>
      <c r="LIU681" s="613"/>
      <c r="LIV681" s="613"/>
      <c r="LIW681" s="613"/>
      <c r="LIX681" s="613"/>
      <c r="LIY681" s="613"/>
      <c r="LIZ681" s="613"/>
      <c r="LJA681" s="613"/>
      <c r="LJB681" s="613"/>
      <c r="LJC681" s="613"/>
      <c r="LJD681" s="613"/>
      <c r="LJE681" s="613"/>
      <c r="LJF681" s="613"/>
      <c r="LJG681" s="613"/>
      <c r="LJH681" s="613"/>
      <c r="LJI681" s="613"/>
      <c r="LJJ681" s="613"/>
      <c r="LJK681" s="613"/>
      <c r="LJL681" s="613"/>
      <c r="LJM681" s="613"/>
      <c r="LJN681" s="613"/>
      <c r="LJO681" s="613"/>
      <c r="LJP681" s="613"/>
      <c r="LJQ681" s="613"/>
      <c r="LJR681" s="613"/>
      <c r="LJS681" s="613"/>
      <c r="LJT681" s="613"/>
      <c r="LJU681" s="613"/>
      <c r="LJV681" s="613"/>
      <c r="LJW681" s="613"/>
      <c r="LJX681" s="613"/>
      <c r="LJY681" s="613"/>
      <c r="LJZ681" s="613"/>
      <c r="LKA681" s="613"/>
      <c r="LKB681" s="613"/>
      <c r="LKC681" s="613"/>
      <c r="LKD681" s="613"/>
      <c r="LKE681" s="613"/>
      <c r="LKF681" s="613"/>
      <c r="LKG681" s="613"/>
      <c r="LKH681" s="613"/>
      <c r="LKI681" s="613"/>
      <c r="LKJ681" s="613"/>
      <c r="LKK681" s="613"/>
      <c r="LKL681" s="613"/>
      <c r="LKM681" s="613"/>
      <c r="LKN681" s="613"/>
      <c r="LKO681" s="613"/>
      <c r="LKP681" s="613"/>
      <c r="LKQ681" s="613"/>
      <c r="LKR681" s="613"/>
      <c r="LKS681" s="613"/>
      <c r="LKT681" s="613"/>
      <c r="LKU681" s="613"/>
      <c r="LKV681" s="613"/>
      <c r="LKW681" s="613"/>
      <c r="LKX681" s="613"/>
      <c r="LKY681" s="613"/>
      <c r="LKZ681" s="613"/>
      <c r="LLA681" s="613"/>
      <c r="LLB681" s="613"/>
      <c r="LLC681" s="613"/>
      <c r="LLD681" s="613"/>
      <c r="LLE681" s="613"/>
      <c r="LLF681" s="613"/>
      <c r="LLG681" s="613"/>
      <c r="LLH681" s="613"/>
      <c r="LLI681" s="613"/>
      <c r="LLJ681" s="613"/>
      <c r="LLK681" s="613"/>
      <c r="LLL681" s="613"/>
      <c r="LLM681" s="613"/>
      <c r="LLN681" s="613"/>
      <c r="LLO681" s="613"/>
      <c r="LLP681" s="613"/>
      <c r="LLQ681" s="613"/>
      <c r="LLR681" s="613"/>
      <c r="LLS681" s="613"/>
      <c r="LLT681" s="613"/>
      <c r="LLU681" s="613"/>
      <c r="LLV681" s="613"/>
      <c r="LLW681" s="613"/>
      <c r="LLX681" s="613"/>
      <c r="LLY681" s="613"/>
      <c r="LLZ681" s="613"/>
      <c r="LMA681" s="613"/>
      <c r="LMB681" s="613"/>
      <c r="LMC681" s="613"/>
      <c r="LMD681" s="613"/>
      <c r="LME681" s="613"/>
      <c r="LMF681" s="613"/>
      <c r="LMG681" s="613"/>
      <c r="LMH681" s="613"/>
      <c r="LMI681" s="613"/>
      <c r="LMJ681" s="613"/>
      <c r="LMK681" s="613"/>
      <c r="LML681" s="613"/>
      <c r="LMM681" s="613"/>
      <c r="LMN681" s="613"/>
      <c r="LMO681" s="613"/>
      <c r="LMP681" s="613"/>
      <c r="LMQ681" s="613"/>
      <c r="LMR681" s="613"/>
      <c r="LMS681" s="613"/>
      <c r="LMT681" s="613"/>
      <c r="LMU681" s="613"/>
      <c r="LMV681" s="613"/>
      <c r="LMW681" s="613"/>
      <c r="LMX681" s="613"/>
      <c r="LMY681" s="613"/>
      <c r="LMZ681" s="613"/>
      <c r="LNA681" s="613"/>
      <c r="LNB681" s="613"/>
      <c r="LNC681" s="613"/>
      <c r="LND681" s="613"/>
      <c r="LNE681" s="613"/>
      <c r="LNF681" s="613"/>
      <c r="LNG681" s="613"/>
      <c r="LNH681" s="613"/>
      <c r="LNI681" s="613"/>
      <c r="LNJ681" s="613"/>
      <c r="LNK681" s="613"/>
      <c r="LNL681" s="613"/>
      <c r="LNM681" s="613"/>
      <c r="LNN681" s="613"/>
      <c r="LNO681" s="613"/>
      <c r="LNP681" s="613"/>
      <c r="LNQ681" s="613"/>
      <c r="LNR681" s="613"/>
      <c r="LNS681" s="613"/>
      <c r="LNT681" s="613"/>
      <c r="LNU681" s="613"/>
      <c r="LNV681" s="613"/>
      <c r="LNW681" s="613"/>
      <c r="LNX681" s="613"/>
      <c r="LNY681" s="613"/>
      <c r="LNZ681" s="613"/>
      <c r="LOA681" s="613"/>
      <c r="LOB681" s="613"/>
      <c r="LOC681" s="613"/>
      <c r="LOD681" s="613"/>
      <c r="LOE681" s="613"/>
      <c r="LOF681" s="613"/>
      <c r="LOG681" s="613"/>
      <c r="LOH681" s="613"/>
      <c r="LOI681" s="613"/>
      <c r="LOJ681" s="613"/>
      <c r="LOK681" s="613"/>
      <c r="LOL681" s="613"/>
      <c r="LOM681" s="613"/>
      <c r="LON681" s="613"/>
      <c r="LOO681" s="613"/>
      <c r="LOP681" s="613"/>
      <c r="LOQ681" s="613"/>
      <c r="LOR681" s="613"/>
      <c r="LOS681" s="613"/>
      <c r="LOT681" s="613"/>
      <c r="LOU681" s="613"/>
      <c r="LOV681" s="613"/>
      <c r="LOW681" s="613"/>
      <c r="LOX681" s="613"/>
      <c r="LOY681" s="613"/>
      <c r="LOZ681" s="613"/>
      <c r="LPA681" s="613"/>
      <c r="LPB681" s="613"/>
      <c r="LPC681" s="613"/>
      <c r="LPD681" s="613"/>
      <c r="LPE681" s="613"/>
      <c r="LPF681" s="613"/>
      <c r="LPG681" s="613"/>
      <c r="LPH681" s="613"/>
      <c r="LPI681" s="613"/>
      <c r="LPJ681" s="613"/>
      <c r="LPK681" s="613"/>
      <c r="LPL681" s="613"/>
      <c r="LPM681" s="613"/>
      <c r="LPN681" s="613"/>
      <c r="LPO681" s="613"/>
      <c r="LPP681" s="613"/>
      <c r="LPQ681" s="613"/>
      <c r="LPR681" s="613"/>
      <c r="LPS681" s="613"/>
      <c r="LPT681" s="613"/>
      <c r="LPU681" s="613"/>
      <c r="LPV681" s="613"/>
      <c r="LPW681" s="613"/>
      <c r="LPX681" s="613"/>
      <c r="LPY681" s="613"/>
      <c r="LPZ681" s="613"/>
      <c r="LQA681" s="613"/>
      <c r="LQB681" s="613"/>
      <c r="LQC681" s="613"/>
      <c r="LQD681" s="613"/>
      <c r="LQE681" s="613"/>
      <c r="LQF681" s="613"/>
      <c r="LQG681" s="613"/>
      <c r="LQH681" s="613"/>
      <c r="LQI681" s="613"/>
      <c r="LQJ681" s="613"/>
      <c r="LQK681" s="613"/>
      <c r="LQL681" s="613"/>
      <c r="LQM681" s="613"/>
      <c r="LQN681" s="613"/>
      <c r="LQO681" s="613"/>
      <c r="LQP681" s="613"/>
      <c r="LQQ681" s="613"/>
      <c r="LQR681" s="613"/>
      <c r="LQS681" s="613"/>
      <c r="LQT681" s="613"/>
      <c r="LQU681" s="613"/>
      <c r="LQV681" s="613"/>
      <c r="LQW681" s="613"/>
      <c r="LQX681" s="613"/>
      <c r="LQY681" s="613"/>
      <c r="LQZ681" s="613"/>
      <c r="LRA681" s="613"/>
      <c r="LRB681" s="613"/>
      <c r="LRC681" s="613"/>
      <c r="LRD681" s="613"/>
      <c r="LRE681" s="613"/>
      <c r="LRF681" s="613"/>
      <c r="LRG681" s="613"/>
      <c r="LRH681" s="613"/>
      <c r="LRI681" s="613"/>
      <c r="LRJ681" s="613"/>
      <c r="LRK681" s="613"/>
      <c r="LRL681" s="613"/>
      <c r="LRM681" s="613"/>
      <c r="LRN681" s="613"/>
      <c r="LRO681" s="613"/>
      <c r="LRP681" s="613"/>
      <c r="LRQ681" s="613"/>
      <c r="LRR681" s="613"/>
      <c r="LRS681" s="613"/>
      <c r="LRT681" s="613"/>
      <c r="LRU681" s="613"/>
      <c r="LRV681" s="613"/>
      <c r="LRW681" s="613"/>
      <c r="LRX681" s="613"/>
      <c r="LRY681" s="613"/>
      <c r="LRZ681" s="613"/>
      <c r="LSA681" s="613"/>
      <c r="LSB681" s="613"/>
      <c r="LSC681" s="613"/>
      <c r="LSD681" s="613"/>
      <c r="LSE681" s="613"/>
      <c r="LSF681" s="613"/>
      <c r="LSG681" s="613"/>
      <c r="LSH681" s="613"/>
      <c r="LSI681" s="613"/>
      <c r="LSJ681" s="613"/>
      <c r="LSK681" s="613"/>
      <c r="LSL681" s="613"/>
      <c r="LSM681" s="613"/>
      <c r="LSN681" s="613"/>
      <c r="LSO681" s="613"/>
      <c r="LSP681" s="613"/>
      <c r="LSQ681" s="613"/>
      <c r="LSR681" s="613"/>
      <c r="LSS681" s="613"/>
      <c r="LST681" s="613"/>
      <c r="LSU681" s="613"/>
      <c r="LSV681" s="613"/>
      <c r="LSW681" s="613"/>
      <c r="LSX681" s="613"/>
      <c r="LSY681" s="613"/>
      <c r="LSZ681" s="613"/>
      <c r="LTA681" s="613"/>
      <c r="LTB681" s="613"/>
      <c r="LTC681" s="613"/>
      <c r="LTD681" s="613"/>
      <c r="LTE681" s="613"/>
      <c r="LTF681" s="613"/>
      <c r="LTG681" s="613"/>
      <c r="LTH681" s="613"/>
      <c r="LTI681" s="613"/>
      <c r="LTJ681" s="613"/>
      <c r="LTK681" s="613"/>
      <c r="LTL681" s="613"/>
      <c r="LTM681" s="613"/>
      <c r="LTN681" s="613"/>
      <c r="LTO681" s="613"/>
      <c r="LTP681" s="613"/>
      <c r="LTQ681" s="613"/>
      <c r="LTR681" s="613"/>
      <c r="LTS681" s="613"/>
      <c r="LTT681" s="613"/>
      <c r="LTU681" s="613"/>
      <c r="LTV681" s="613"/>
      <c r="LTW681" s="613"/>
      <c r="LTX681" s="613"/>
      <c r="LTY681" s="613"/>
      <c r="LTZ681" s="613"/>
      <c r="LUA681" s="613"/>
      <c r="LUB681" s="613"/>
      <c r="LUC681" s="613"/>
      <c r="LUD681" s="613"/>
      <c r="LUE681" s="613"/>
      <c r="LUF681" s="613"/>
      <c r="LUG681" s="613"/>
      <c r="LUH681" s="613"/>
      <c r="LUI681" s="613"/>
      <c r="LUJ681" s="613"/>
      <c r="LUK681" s="613"/>
      <c r="LUL681" s="613"/>
      <c r="LUM681" s="613"/>
      <c r="LUN681" s="613"/>
      <c r="LUO681" s="613"/>
      <c r="LUP681" s="613"/>
      <c r="LUQ681" s="613"/>
      <c r="LUR681" s="613"/>
      <c r="LUS681" s="613"/>
      <c r="LUT681" s="613"/>
      <c r="LUU681" s="613"/>
      <c r="LUV681" s="613"/>
      <c r="LUW681" s="613"/>
      <c r="LUX681" s="613"/>
      <c r="LUY681" s="613"/>
      <c r="LUZ681" s="613"/>
      <c r="LVA681" s="613"/>
      <c r="LVB681" s="613"/>
      <c r="LVC681" s="613"/>
      <c r="LVD681" s="613"/>
      <c r="LVE681" s="613"/>
      <c r="LVF681" s="613"/>
      <c r="LVG681" s="613"/>
      <c r="LVH681" s="613"/>
      <c r="LVI681" s="613"/>
      <c r="LVJ681" s="613"/>
      <c r="LVK681" s="613"/>
      <c r="LVL681" s="613"/>
      <c r="LVM681" s="613"/>
      <c r="LVN681" s="613"/>
      <c r="LVO681" s="613"/>
      <c r="LVP681" s="613"/>
      <c r="LVQ681" s="613"/>
      <c r="LVR681" s="613"/>
      <c r="LVS681" s="613"/>
      <c r="LVT681" s="613"/>
      <c r="LVU681" s="613"/>
      <c r="LVV681" s="613"/>
      <c r="LVW681" s="613"/>
      <c r="LVX681" s="613"/>
      <c r="LVY681" s="613"/>
      <c r="LVZ681" s="613"/>
      <c r="LWA681" s="613"/>
      <c r="LWB681" s="613"/>
      <c r="LWC681" s="613"/>
      <c r="LWD681" s="613"/>
      <c r="LWE681" s="613"/>
      <c r="LWF681" s="613"/>
      <c r="LWG681" s="613"/>
      <c r="LWH681" s="613"/>
      <c r="LWI681" s="613"/>
      <c r="LWJ681" s="613"/>
      <c r="LWK681" s="613"/>
      <c r="LWL681" s="613"/>
      <c r="LWM681" s="613"/>
      <c r="LWN681" s="613"/>
      <c r="LWO681" s="613"/>
      <c r="LWP681" s="613"/>
      <c r="LWQ681" s="613"/>
      <c r="LWR681" s="613"/>
      <c r="LWS681" s="613"/>
      <c r="LWT681" s="613"/>
      <c r="LWU681" s="613"/>
      <c r="LWV681" s="613"/>
      <c r="LWW681" s="613"/>
      <c r="LWX681" s="613"/>
      <c r="LWY681" s="613"/>
      <c r="LWZ681" s="613"/>
      <c r="LXA681" s="613"/>
      <c r="LXB681" s="613"/>
      <c r="LXC681" s="613"/>
      <c r="LXD681" s="613"/>
      <c r="LXE681" s="613"/>
      <c r="LXF681" s="613"/>
      <c r="LXG681" s="613"/>
      <c r="LXH681" s="613"/>
      <c r="LXI681" s="613"/>
      <c r="LXJ681" s="613"/>
      <c r="LXK681" s="613"/>
      <c r="LXL681" s="613"/>
      <c r="LXM681" s="613"/>
      <c r="LXN681" s="613"/>
      <c r="LXO681" s="613"/>
      <c r="LXP681" s="613"/>
      <c r="LXQ681" s="613"/>
      <c r="LXR681" s="613"/>
      <c r="LXS681" s="613"/>
      <c r="LXT681" s="613"/>
      <c r="LXU681" s="613"/>
      <c r="LXV681" s="613"/>
      <c r="LXW681" s="613"/>
      <c r="LXX681" s="613"/>
      <c r="LXY681" s="613"/>
      <c r="LXZ681" s="613"/>
      <c r="LYA681" s="613"/>
      <c r="LYB681" s="613"/>
      <c r="LYC681" s="613"/>
      <c r="LYD681" s="613"/>
      <c r="LYE681" s="613"/>
      <c r="LYF681" s="613"/>
      <c r="LYG681" s="613"/>
      <c r="LYH681" s="613"/>
      <c r="LYI681" s="613"/>
      <c r="LYJ681" s="613"/>
      <c r="LYK681" s="613"/>
      <c r="LYL681" s="613"/>
      <c r="LYM681" s="613"/>
      <c r="LYN681" s="613"/>
      <c r="LYO681" s="613"/>
      <c r="LYP681" s="613"/>
      <c r="LYQ681" s="613"/>
      <c r="LYR681" s="613"/>
      <c r="LYS681" s="613"/>
      <c r="LYT681" s="613"/>
      <c r="LYU681" s="613"/>
      <c r="LYV681" s="613"/>
      <c r="LYW681" s="613"/>
      <c r="LYX681" s="613"/>
      <c r="LYY681" s="613"/>
      <c r="LYZ681" s="613"/>
      <c r="LZA681" s="613"/>
      <c r="LZB681" s="613"/>
      <c r="LZC681" s="613"/>
      <c r="LZD681" s="613"/>
      <c r="LZE681" s="613"/>
      <c r="LZF681" s="613"/>
      <c r="LZG681" s="613"/>
      <c r="LZH681" s="613"/>
      <c r="LZI681" s="613"/>
      <c r="LZJ681" s="613"/>
      <c r="LZK681" s="613"/>
      <c r="LZL681" s="613"/>
      <c r="LZM681" s="613"/>
      <c r="LZN681" s="613"/>
      <c r="LZO681" s="613"/>
      <c r="LZP681" s="613"/>
      <c r="LZQ681" s="613"/>
      <c r="LZR681" s="613"/>
      <c r="LZS681" s="613"/>
      <c r="LZT681" s="613"/>
      <c r="LZU681" s="613"/>
      <c r="LZV681" s="613"/>
      <c r="LZW681" s="613"/>
      <c r="LZX681" s="613"/>
      <c r="LZY681" s="613"/>
      <c r="LZZ681" s="613"/>
      <c r="MAA681" s="613"/>
      <c r="MAB681" s="613"/>
      <c r="MAC681" s="613"/>
      <c r="MAD681" s="613"/>
      <c r="MAE681" s="613"/>
      <c r="MAF681" s="613"/>
      <c r="MAG681" s="613"/>
      <c r="MAH681" s="613"/>
      <c r="MAI681" s="613"/>
      <c r="MAJ681" s="613"/>
      <c r="MAK681" s="613"/>
      <c r="MAL681" s="613"/>
      <c r="MAM681" s="613"/>
      <c r="MAN681" s="613"/>
      <c r="MAO681" s="613"/>
      <c r="MAP681" s="613"/>
      <c r="MAQ681" s="613"/>
      <c r="MAR681" s="613"/>
      <c r="MAS681" s="613"/>
      <c r="MAT681" s="613"/>
      <c r="MAU681" s="613"/>
      <c r="MAV681" s="613"/>
      <c r="MAW681" s="613"/>
      <c r="MAX681" s="613"/>
      <c r="MAY681" s="613"/>
      <c r="MAZ681" s="613"/>
      <c r="MBA681" s="613"/>
      <c r="MBB681" s="613"/>
      <c r="MBC681" s="613"/>
      <c r="MBD681" s="613"/>
      <c r="MBE681" s="613"/>
      <c r="MBF681" s="613"/>
      <c r="MBG681" s="613"/>
      <c r="MBH681" s="613"/>
      <c r="MBI681" s="613"/>
      <c r="MBJ681" s="613"/>
      <c r="MBK681" s="613"/>
      <c r="MBL681" s="613"/>
      <c r="MBM681" s="613"/>
      <c r="MBN681" s="613"/>
      <c r="MBO681" s="613"/>
      <c r="MBP681" s="613"/>
      <c r="MBQ681" s="613"/>
      <c r="MBR681" s="613"/>
      <c r="MBS681" s="613"/>
      <c r="MBT681" s="613"/>
      <c r="MBU681" s="613"/>
      <c r="MBV681" s="613"/>
      <c r="MBW681" s="613"/>
      <c r="MBX681" s="613"/>
      <c r="MBY681" s="613"/>
      <c r="MBZ681" s="613"/>
      <c r="MCA681" s="613"/>
      <c r="MCB681" s="613"/>
      <c r="MCC681" s="613"/>
      <c r="MCD681" s="613"/>
      <c r="MCE681" s="613"/>
      <c r="MCF681" s="613"/>
      <c r="MCG681" s="613"/>
      <c r="MCH681" s="613"/>
      <c r="MCI681" s="613"/>
      <c r="MCJ681" s="613"/>
      <c r="MCK681" s="613"/>
      <c r="MCL681" s="613"/>
      <c r="MCM681" s="613"/>
      <c r="MCN681" s="613"/>
      <c r="MCO681" s="613"/>
      <c r="MCP681" s="613"/>
      <c r="MCQ681" s="613"/>
      <c r="MCR681" s="613"/>
      <c r="MCS681" s="613"/>
      <c r="MCT681" s="613"/>
      <c r="MCU681" s="613"/>
      <c r="MCV681" s="613"/>
      <c r="MCW681" s="613"/>
      <c r="MCX681" s="613"/>
      <c r="MCY681" s="613"/>
      <c r="MCZ681" s="613"/>
      <c r="MDA681" s="613"/>
      <c r="MDB681" s="613"/>
      <c r="MDC681" s="613"/>
      <c r="MDD681" s="613"/>
      <c r="MDE681" s="613"/>
      <c r="MDF681" s="613"/>
      <c r="MDG681" s="613"/>
      <c r="MDH681" s="613"/>
      <c r="MDI681" s="613"/>
      <c r="MDJ681" s="613"/>
      <c r="MDK681" s="613"/>
      <c r="MDL681" s="613"/>
      <c r="MDM681" s="613"/>
      <c r="MDN681" s="613"/>
      <c r="MDO681" s="613"/>
      <c r="MDP681" s="613"/>
      <c r="MDQ681" s="613"/>
      <c r="MDR681" s="613"/>
      <c r="MDS681" s="613"/>
      <c r="MDT681" s="613"/>
      <c r="MDU681" s="613"/>
      <c r="MDV681" s="613"/>
      <c r="MDW681" s="613"/>
      <c r="MDX681" s="613"/>
      <c r="MDY681" s="613"/>
      <c r="MDZ681" s="613"/>
      <c r="MEA681" s="613"/>
      <c r="MEB681" s="613"/>
      <c r="MEC681" s="613"/>
      <c r="MED681" s="613"/>
      <c r="MEE681" s="613"/>
      <c r="MEF681" s="613"/>
      <c r="MEG681" s="613"/>
      <c r="MEH681" s="613"/>
      <c r="MEI681" s="613"/>
      <c r="MEJ681" s="613"/>
      <c r="MEK681" s="613"/>
      <c r="MEL681" s="613"/>
      <c r="MEM681" s="613"/>
      <c r="MEN681" s="613"/>
      <c r="MEO681" s="613"/>
      <c r="MEP681" s="613"/>
      <c r="MEQ681" s="613"/>
      <c r="MER681" s="613"/>
      <c r="MES681" s="613"/>
      <c r="MET681" s="613"/>
      <c r="MEU681" s="613"/>
      <c r="MEV681" s="613"/>
      <c r="MEW681" s="613"/>
      <c r="MEX681" s="613"/>
      <c r="MEY681" s="613"/>
      <c r="MEZ681" s="613"/>
      <c r="MFA681" s="613"/>
      <c r="MFB681" s="613"/>
      <c r="MFC681" s="613"/>
      <c r="MFD681" s="613"/>
      <c r="MFE681" s="613"/>
      <c r="MFF681" s="613"/>
      <c r="MFG681" s="613"/>
      <c r="MFH681" s="613"/>
      <c r="MFI681" s="613"/>
      <c r="MFJ681" s="613"/>
      <c r="MFK681" s="613"/>
      <c r="MFL681" s="613"/>
      <c r="MFM681" s="613"/>
      <c r="MFN681" s="613"/>
      <c r="MFO681" s="613"/>
      <c r="MFP681" s="613"/>
      <c r="MFQ681" s="613"/>
      <c r="MFR681" s="613"/>
      <c r="MFS681" s="613"/>
      <c r="MFT681" s="613"/>
      <c r="MFU681" s="613"/>
      <c r="MFV681" s="613"/>
      <c r="MFW681" s="613"/>
      <c r="MFX681" s="613"/>
      <c r="MFY681" s="613"/>
      <c r="MFZ681" s="613"/>
      <c r="MGA681" s="613"/>
      <c r="MGB681" s="613"/>
      <c r="MGC681" s="613"/>
      <c r="MGD681" s="613"/>
      <c r="MGE681" s="613"/>
      <c r="MGF681" s="613"/>
      <c r="MGG681" s="613"/>
      <c r="MGH681" s="613"/>
      <c r="MGI681" s="613"/>
      <c r="MGJ681" s="613"/>
      <c r="MGK681" s="613"/>
      <c r="MGL681" s="613"/>
      <c r="MGM681" s="613"/>
      <c r="MGN681" s="613"/>
      <c r="MGO681" s="613"/>
      <c r="MGP681" s="613"/>
      <c r="MGQ681" s="613"/>
      <c r="MGR681" s="613"/>
      <c r="MGS681" s="613"/>
      <c r="MGT681" s="613"/>
      <c r="MGU681" s="613"/>
      <c r="MGV681" s="613"/>
      <c r="MGW681" s="613"/>
      <c r="MGX681" s="613"/>
      <c r="MGY681" s="613"/>
      <c r="MGZ681" s="613"/>
      <c r="MHA681" s="613"/>
      <c r="MHB681" s="613"/>
      <c r="MHC681" s="613"/>
      <c r="MHD681" s="613"/>
      <c r="MHE681" s="613"/>
      <c r="MHF681" s="613"/>
      <c r="MHG681" s="613"/>
      <c r="MHH681" s="613"/>
      <c r="MHI681" s="613"/>
      <c r="MHJ681" s="613"/>
      <c r="MHK681" s="613"/>
      <c r="MHL681" s="613"/>
      <c r="MHM681" s="613"/>
      <c r="MHN681" s="613"/>
      <c r="MHO681" s="613"/>
      <c r="MHP681" s="613"/>
      <c r="MHQ681" s="613"/>
      <c r="MHR681" s="613"/>
      <c r="MHS681" s="613"/>
      <c r="MHT681" s="613"/>
      <c r="MHU681" s="613"/>
      <c r="MHV681" s="613"/>
      <c r="MHW681" s="613"/>
      <c r="MHX681" s="613"/>
      <c r="MHY681" s="613"/>
      <c r="MHZ681" s="613"/>
      <c r="MIA681" s="613"/>
      <c r="MIB681" s="613"/>
      <c r="MIC681" s="613"/>
      <c r="MID681" s="613"/>
      <c r="MIE681" s="613"/>
      <c r="MIF681" s="613"/>
      <c r="MIG681" s="613"/>
      <c r="MIH681" s="613"/>
      <c r="MII681" s="613"/>
      <c r="MIJ681" s="613"/>
      <c r="MIK681" s="613"/>
      <c r="MIL681" s="613"/>
      <c r="MIM681" s="613"/>
      <c r="MIN681" s="613"/>
      <c r="MIO681" s="613"/>
      <c r="MIP681" s="613"/>
      <c r="MIQ681" s="613"/>
      <c r="MIR681" s="613"/>
      <c r="MIS681" s="613"/>
      <c r="MIT681" s="613"/>
      <c r="MIU681" s="613"/>
      <c r="MIV681" s="613"/>
      <c r="MIW681" s="613"/>
      <c r="MIX681" s="613"/>
      <c r="MIY681" s="613"/>
      <c r="MIZ681" s="613"/>
      <c r="MJA681" s="613"/>
      <c r="MJB681" s="613"/>
      <c r="MJC681" s="613"/>
      <c r="MJD681" s="613"/>
      <c r="MJE681" s="613"/>
      <c r="MJF681" s="613"/>
      <c r="MJG681" s="613"/>
      <c r="MJH681" s="613"/>
      <c r="MJI681" s="613"/>
      <c r="MJJ681" s="613"/>
      <c r="MJK681" s="613"/>
      <c r="MJL681" s="613"/>
      <c r="MJM681" s="613"/>
      <c r="MJN681" s="613"/>
      <c r="MJO681" s="613"/>
      <c r="MJP681" s="613"/>
      <c r="MJQ681" s="613"/>
      <c r="MJR681" s="613"/>
      <c r="MJS681" s="613"/>
      <c r="MJT681" s="613"/>
      <c r="MJU681" s="613"/>
      <c r="MJV681" s="613"/>
      <c r="MJW681" s="613"/>
      <c r="MJX681" s="613"/>
      <c r="MJY681" s="613"/>
      <c r="MJZ681" s="613"/>
      <c r="MKA681" s="613"/>
      <c r="MKB681" s="613"/>
      <c r="MKC681" s="613"/>
      <c r="MKD681" s="613"/>
      <c r="MKE681" s="613"/>
      <c r="MKF681" s="613"/>
      <c r="MKG681" s="613"/>
      <c r="MKH681" s="613"/>
      <c r="MKI681" s="613"/>
      <c r="MKJ681" s="613"/>
      <c r="MKK681" s="613"/>
      <c r="MKL681" s="613"/>
      <c r="MKM681" s="613"/>
      <c r="MKN681" s="613"/>
      <c r="MKO681" s="613"/>
      <c r="MKP681" s="613"/>
      <c r="MKQ681" s="613"/>
      <c r="MKR681" s="613"/>
      <c r="MKS681" s="613"/>
      <c r="MKT681" s="613"/>
      <c r="MKU681" s="613"/>
      <c r="MKV681" s="613"/>
      <c r="MKW681" s="613"/>
      <c r="MKX681" s="613"/>
      <c r="MKY681" s="613"/>
      <c r="MKZ681" s="613"/>
      <c r="MLA681" s="613"/>
      <c r="MLB681" s="613"/>
      <c r="MLC681" s="613"/>
      <c r="MLD681" s="613"/>
      <c r="MLE681" s="613"/>
      <c r="MLF681" s="613"/>
      <c r="MLG681" s="613"/>
      <c r="MLH681" s="613"/>
      <c r="MLI681" s="613"/>
      <c r="MLJ681" s="613"/>
      <c r="MLK681" s="613"/>
      <c r="MLL681" s="613"/>
      <c r="MLM681" s="613"/>
      <c r="MLN681" s="613"/>
      <c r="MLO681" s="613"/>
      <c r="MLP681" s="613"/>
      <c r="MLQ681" s="613"/>
      <c r="MLR681" s="613"/>
      <c r="MLS681" s="613"/>
      <c r="MLT681" s="613"/>
      <c r="MLU681" s="613"/>
      <c r="MLV681" s="613"/>
      <c r="MLW681" s="613"/>
      <c r="MLX681" s="613"/>
      <c r="MLY681" s="613"/>
      <c r="MLZ681" s="613"/>
      <c r="MMA681" s="613"/>
      <c r="MMB681" s="613"/>
      <c r="MMC681" s="613"/>
      <c r="MMD681" s="613"/>
      <c r="MME681" s="613"/>
      <c r="MMF681" s="613"/>
      <c r="MMG681" s="613"/>
      <c r="MMH681" s="613"/>
      <c r="MMI681" s="613"/>
      <c r="MMJ681" s="613"/>
      <c r="MMK681" s="613"/>
      <c r="MML681" s="613"/>
      <c r="MMM681" s="613"/>
      <c r="MMN681" s="613"/>
      <c r="MMO681" s="613"/>
      <c r="MMP681" s="613"/>
      <c r="MMQ681" s="613"/>
      <c r="MMR681" s="613"/>
      <c r="MMS681" s="613"/>
      <c r="MMT681" s="613"/>
      <c r="MMU681" s="613"/>
      <c r="MMV681" s="613"/>
      <c r="MMW681" s="613"/>
      <c r="MMX681" s="613"/>
      <c r="MMY681" s="613"/>
      <c r="MMZ681" s="613"/>
      <c r="MNA681" s="613"/>
      <c r="MNB681" s="613"/>
      <c r="MNC681" s="613"/>
      <c r="MND681" s="613"/>
      <c r="MNE681" s="613"/>
      <c r="MNF681" s="613"/>
      <c r="MNG681" s="613"/>
      <c r="MNH681" s="613"/>
      <c r="MNI681" s="613"/>
      <c r="MNJ681" s="613"/>
      <c r="MNK681" s="613"/>
      <c r="MNL681" s="613"/>
      <c r="MNM681" s="613"/>
      <c r="MNN681" s="613"/>
      <c r="MNO681" s="613"/>
      <c r="MNP681" s="613"/>
      <c r="MNQ681" s="613"/>
      <c r="MNR681" s="613"/>
      <c r="MNS681" s="613"/>
      <c r="MNT681" s="613"/>
      <c r="MNU681" s="613"/>
      <c r="MNV681" s="613"/>
      <c r="MNW681" s="613"/>
      <c r="MNX681" s="613"/>
      <c r="MNY681" s="613"/>
      <c r="MNZ681" s="613"/>
      <c r="MOA681" s="613"/>
      <c r="MOB681" s="613"/>
      <c r="MOC681" s="613"/>
      <c r="MOD681" s="613"/>
      <c r="MOE681" s="613"/>
      <c r="MOF681" s="613"/>
      <c r="MOG681" s="613"/>
      <c r="MOH681" s="613"/>
      <c r="MOI681" s="613"/>
      <c r="MOJ681" s="613"/>
      <c r="MOK681" s="613"/>
      <c r="MOL681" s="613"/>
      <c r="MOM681" s="613"/>
      <c r="MON681" s="613"/>
      <c r="MOO681" s="613"/>
      <c r="MOP681" s="613"/>
      <c r="MOQ681" s="613"/>
      <c r="MOR681" s="613"/>
      <c r="MOS681" s="613"/>
      <c r="MOT681" s="613"/>
      <c r="MOU681" s="613"/>
      <c r="MOV681" s="613"/>
      <c r="MOW681" s="613"/>
      <c r="MOX681" s="613"/>
      <c r="MOY681" s="613"/>
      <c r="MOZ681" s="613"/>
      <c r="MPA681" s="613"/>
      <c r="MPB681" s="613"/>
      <c r="MPC681" s="613"/>
      <c r="MPD681" s="613"/>
      <c r="MPE681" s="613"/>
      <c r="MPF681" s="613"/>
      <c r="MPG681" s="613"/>
      <c r="MPH681" s="613"/>
      <c r="MPI681" s="613"/>
      <c r="MPJ681" s="613"/>
      <c r="MPK681" s="613"/>
      <c r="MPL681" s="613"/>
      <c r="MPM681" s="613"/>
      <c r="MPN681" s="613"/>
      <c r="MPO681" s="613"/>
      <c r="MPP681" s="613"/>
      <c r="MPQ681" s="613"/>
      <c r="MPR681" s="613"/>
      <c r="MPS681" s="613"/>
      <c r="MPT681" s="613"/>
      <c r="MPU681" s="613"/>
      <c r="MPV681" s="613"/>
      <c r="MPW681" s="613"/>
      <c r="MPX681" s="613"/>
      <c r="MPY681" s="613"/>
      <c r="MPZ681" s="613"/>
      <c r="MQA681" s="613"/>
      <c r="MQB681" s="613"/>
      <c r="MQC681" s="613"/>
      <c r="MQD681" s="613"/>
      <c r="MQE681" s="613"/>
      <c r="MQF681" s="613"/>
      <c r="MQG681" s="613"/>
      <c r="MQH681" s="613"/>
      <c r="MQI681" s="613"/>
      <c r="MQJ681" s="613"/>
      <c r="MQK681" s="613"/>
      <c r="MQL681" s="613"/>
      <c r="MQM681" s="613"/>
      <c r="MQN681" s="613"/>
      <c r="MQO681" s="613"/>
      <c r="MQP681" s="613"/>
      <c r="MQQ681" s="613"/>
      <c r="MQR681" s="613"/>
      <c r="MQS681" s="613"/>
      <c r="MQT681" s="613"/>
      <c r="MQU681" s="613"/>
      <c r="MQV681" s="613"/>
      <c r="MQW681" s="613"/>
      <c r="MQX681" s="613"/>
      <c r="MQY681" s="613"/>
      <c r="MQZ681" s="613"/>
      <c r="MRA681" s="613"/>
      <c r="MRB681" s="613"/>
      <c r="MRC681" s="613"/>
      <c r="MRD681" s="613"/>
      <c r="MRE681" s="613"/>
      <c r="MRF681" s="613"/>
      <c r="MRG681" s="613"/>
      <c r="MRH681" s="613"/>
      <c r="MRI681" s="613"/>
      <c r="MRJ681" s="613"/>
      <c r="MRK681" s="613"/>
      <c r="MRL681" s="613"/>
      <c r="MRM681" s="613"/>
      <c r="MRN681" s="613"/>
      <c r="MRO681" s="613"/>
      <c r="MRP681" s="613"/>
      <c r="MRQ681" s="613"/>
      <c r="MRR681" s="613"/>
      <c r="MRS681" s="613"/>
      <c r="MRT681" s="613"/>
      <c r="MRU681" s="613"/>
      <c r="MRV681" s="613"/>
      <c r="MRW681" s="613"/>
      <c r="MRX681" s="613"/>
      <c r="MRY681" s="613"/>
      <c r="MRZ681" s="613"/>
      <c r="MSA681" s="613"/>
      <c r="MSB681" s="613"/>
      <c r="MSC681" s="613"/>
      <c r="MSD681" s="613"/>
      <c r="MSE681" s="613"/>
      <c r="MSF681" s="613"/>
      <c r="MSG681" s="613"/>
      <c r="MSH681" s="613"/>
      <c r="MSI681" s="613"/>
      <c r="MSJ681" s="613"/>
      <c r="MSK681" s="613"/>
      <c r="MSL681" s="613"/>
      <c r="MSM681" s="613"/>
      <c r="MSN681" s="613"/>
      <c r="MSO681" s="613"/>
      <c r="MSP681" s="613"/>
      <c r="MSQ681" s="613"/>
      <c r="MSR681" s="613"/>
      <c r="MSS681" s="613"/>
      <c r="MST681" s="613"/>
      <c r="MSU681" s="613"/>
      <c r="MSV681" s="613"/>
      <c r="MSW681" s="613"/>
      <c r="MSX681" s="613"/>
      <c r="MSY681" s="613"/>
      <c r="MSZ681" s="613"/>
      <c r="MTA681" s="613"/>
      <c r="MTB681" s="613"/>
      <c r="MTC681" s="613"/>
      <c r="MTD681" s="613"/>
      <c r="MTE681" s="613"/>
      <c r="MTF681" s="613"/>
      <c r="MTG681" s="613"/>
      <c r="MTH681" s="613"/>
      <c r="MTI681" s="613"/>
      <c r="MTJ681" s="613"/>
      <c r="MTK681" s="613"/>
      <c r="MTL681" s="613"/>
      <c r="MTM681" s="613"/>
      <c r="MTN681" s="613"/>
      <c r="MTO681" s="613"/>
      <c r="MTP681" s="613"/>
      <c r="MTQ681" s="613"/>
      <c r="MTR681" s="613"/>
      <c r="MTS681" s="613"/>
      <c r="MTT681" s="613"/>
      <c r="MTU681" s="613"/>
      <c r="MTV681" s="613"/>
      <c r="MTW681" s="613"/>
      <c r="MTX681" s="613"/>
      <c r="MTY681" s="613"/>
      <c r="MTZ681" s="613"/>
      <c r="MUA681" s="613"/>
      <c r="MUB681" s="613"/>
      <c r="MUC681" s="613"/>
      <c r="MUD681" s="613"/>
      <c r="MUE681" s="613"/>
      <c r="MUF681" s="613"/>
      <c r="MUG681" s="613"/>
      <c r="MUH681" s="613"/>
      <c r="MUI681" s="613"/>
      <c r="MUJ681" s="613"/>
      <c r="MUK681" s="613"/>
      <c r="MUL681" s="613"/>
      <c r="MUM681" s="613"/>
      <c r="MUN681" s="613"/>
      <c r="MUO681" s="613"/>
      <c r="MUP681" s="613"/>
      <c r="MUQ681" s="613"/>
      <c r="MUR681" s="613"/>
      <c r="MUS681" s="613"/>
      <c r="MUT681" s="613"/>
      <c r="MUU681" s="613"/>
      <c r="MUV681" s="613"/>
      <c r="MUW681" s="613"/>
      <c r="MUX681" s="613"/>
      <c r="MUY681" s="613"/>
      <c r="MUZ681" s="613"/>
      <c r="MVA681" s="613"/>
      <c r="MVB681" s="613"/>
      <c r="MVC681" s="613"/>
      <c r="MVD681" s="613"/>
      <c r="MVE681" s="613"/>
      <c r="MVF681" s="613"/>
      <c r="MVG681" s="613"/>
      <c r="MVH681" s="613"/>
      <c r="MVI681" s="613"/>
      <c r="MVJ681" s="613"/>
      <c r="MVK681" s="613"/>
      <c r="MVL681" s="613"/>
      <c r="MVM681" s="613"/>
      <c r="MVN681" s="613"/>
      <c r="MVO681" s="613"/>
      <c r="MVP681" s="613"/>
      <c r="MVQ681" s="613"/>
      <c r="MVR681" s="613"/>
      <c r="MVS681" s="613"/>
      <c r="MVT681" s="613"/>
      <c r="MVU681" s="613"/>
      <c r="MVV681" s="613"/>
      <c r="MVW681" s="613"/>
      <c r="MVX681" s="613"/>
      <c r="MVY681" s="613"/>
      <c r="MVZ681" s="613"/>
      <c r="MWA681" s="613"/>
      <c r="MWB681" s="613"/>
      <c r="MWC681" s="613"/>
      <c r="MWD681" s="613"/>
      <c r="MWE681" s="613"/>
      <c r="MWF681" s="613"/>
      <c r="MWG681" s="613"/>
      <c r="MWH681" s="613"/>
      <c r="MWI681" s="613"/>
      <c r="MWJ681" s="613"/>
      <c r="MWK681" s="613"/>
      <c r="MWL681" s="613"/>
      <c r="MWM681" s="613"/>
      <c r="MWN681" s="613"/>
      <c r="MWO681" s="613"/>
      <c r="MWP681" s="613"/>
      <c r="MWQ681" s="613"/>
      <c r="MWR681" s="613"/>
      <c r="MWS681" s="613"/>
      <c r="MWT681" s="613"/>
      <c r="MWU681" s="613"/>
      <c r="MWV681" s="613"/>
      <c r="MWW681" s="613"/>
      <c r="MWX681" s="613"/>
      <c r="MWY681" s="613"/>
      <c r="MWZ681" s="613"/>
      <c r="MXA681" s="613"/>
      <c r="MXB681" s="613"/>
      <c r="MXC681" s="613"/>
      <c r="MXD681" s="613"/>
      <c r="MXE681" s="613"/>
      <c r="MXF681" s="613"/>
      <c r="MXG681" s="613"/>
      <c r="MXH681" s="613"/>
      <c r="MXI681" s="613"/>
      <c r="MXJ681" s="613"/>
      <c r="MXK681" s="613"/>
      <c r="MXL681" s="613"/>
      <c r="MXM681" s="613"/>
      <c r="MXN681" s="613"/>
      <c r="MXO681" s="613"/>
      <c r="MXP681" s="613"/>
      <c r="MXQ681" s="613"/>
      <c r="MXR681" s="613"/>
      <c r="MXS681" s="613"/>
      <c r="MXT681" s="613"/>
      <c r="MXU681" s="613"/>
      <c r="MXV681" s="613"/>
      <c r="MXW681" s="613"/>
      <c r="MXX681" s="613"/>
      <c r="MXY681" s="613"/>
      <c r="MXZ681" s="613"/>
      <c r="MYA681" s="613"/>
      <c r="MYB681" s="613"/>
      <c r="MYC681" s="613"/>
      <c r="MYD681" s="613"/>
      <c r="MYE681" s="613"/>
      <c r="MYF681" s="613"/>
      <c r="MYG681" s="613"/>
      <c r="MYH681" s="613"/>
      <c r="MYI681" s="613"/>
      <c r="MYJ681" s="613"/>
      <c r="MYK681" s="613"/>
      <c r="MYL681" s="613"/>
      <c r="MYM681" s="613"/>
      <c r="MYN681" s="613"/>
      <c r="MYO681" s="613"/>
      <c r="MYP681" s="613"/>
      <c r="MYQ681" s="613"/>
      <c r="MYR681" s="613"/>
      <c r="MYS681" s="613"/>
      <c r="MYT681" s="613"/>
      <c r="MYU681" s="613"/>
      <c r="MYV681" s="613"/>
      <c r="MYW681" s="613"/>
      <c r="MYX681" s="613"/>
      <c r="MYY681" s="613"/>
      <c r="MYZ681" s="613"/>
      <c r="MZA681" s="613"/>
      <c r="MZB681" s="613"/>
      <c r="MZC681" s="613"/>
      <c r="MZD681" s="613"/>
      <c r="MZE681" s="613"/>
      <c r="MZF681" s="613"/>
      <c r="MZG681" s="613"/>
      <c r="MZH681" s="613"/>
      <c r="MZI681" s="613"/>
      <c r="MZJ681" s="613"/>
      <c r="MZK681" s="613"/>
      <c r="MZL681" s="613"/>
      <c r="MZM681" s="613"/>
      <c r="MZN681" s="613"/>
      <c r="MZO681" s="613"/>
      <c r="MZP681" s="613"/>
      <c r="MZQ681" s="613"/>
      <c r="MZR681" s="613"/>
      <c r="MZS681" s="613"/>
      <c r="MZT681" s="613"/>
      <c r="MZU681" s="613"/>
      <c r="MZV681" s="613"/>
      <c r="MZW681" s="613"/>
      <c r="MZX681" s="613"/>
      <c r="MZY681" s="613"/>
      <c r="MZZ681" s="613"/>
      <c r="NAA681" s="613"/>
      <c r="NAB681" s="613"/>
      <c r="NAC681" s="613"/>
      <c r="NAD681" s="613"/>
      <c r="NAE681" s="613"/>
      <c r="NAF681" s="613"/>
      <c r="NAG681" s="613"/>
      <c r="NAH681" s="613"/>
      <c r="NAI681" s="613"/>
      <c r="NAJ681" s="613"/>
      <c r="NAK681" s="613"/>
      <c r="NAL681" s="613"/>
      <c r="NAM681" s="613"/>
      <c r="NAN681" s="613"/>
      <c r="NAO681" s="613"/>
      <c r="NAP681" s="613"/>
      <c r="NAQ681" s="613"/>
      <c r="NAR681" s="613"/>
      <c r="NAS681" s="613"/>
      <c r="NAT681" s="613"/>
      <c r="NAU681" s="613"/>
      <c r="NAV681" s="613"/>
      <c r="NAW681" s="613"/>
      <c r="NAX681" s="613"/>
      <c r="NAY681" s="613"/>
      <c r="NAZ681" s="613"/>
      <c r="NBA681" s="613"/>
      <c r="NBB681" s="613"/>
      <c r="NBC681" s="613"/>
      <c r="NBD681" s="613"/>
      <c r="NBE681" s="613"/>
      <c r="NBF681" s="613"/>
      <c r="NBG681" s="613"/>
      <c r="NBH681" s="613"/>
      <c r="NBI681" s="613"/>
      <c r="NBJ681" s="613"/>
      <c r="NBK681" s="613"/>
      <c r="NBL681" s="613"/>
      <c r="NBM681" s="613"/>
      <c r="NBN681" s="613"/>
      <c r="NBO681" s="613"/>
      <c r="NBP681" s="613"/>
      <c r="NBQ681" s="613"/>
      <c r="NBR681" s="613"/>
      <c r="NBS681" s="613"/>
      <c r="NBT681" s="613"/>
      <c r="NBU681" s="613"/>
      <c r="NBV681" s="613"/>
      <c r="NBW681" s="613"/>
      <c r="NBX681" s="613"/>
      <c r="NBY681" s="613"/>
      <c r="NBZ681" s="613"/>
      <c r="NCA681" s="613"/>
      <c r="NCB681" s="613"/>
      <c r="NCC681" s="613"/>
      <c r="NCD681" s="613"/>
      <c r="NCE681" s="613"/>
      <c r="NCF681" s="613"/>
      <c r="NCG681" s="613"/>
      <c r="NCH681" s="613"/>
      <c r="NCI681" s="613"/>
      <c r="NCJ681" s="613"/>
      <c r="NCK681" s="613"/>
      <c r="NCL681" s="613"/>
      <c r="NCM681" s="613"/>
      <c r="NCN681" s="613"/>
      <c r="NCO681" s="613"/>
      <c r="NCP681" s="613"/>
      <c r="NCQ681" s="613"/>
      <c r="NCR681" s="613"/>
      <c r="NCS681" s="613"/>
      <c r="NCT681" s="613"/>
      <c r="NCU681" s="613"/>
      <c r="NCV681" s="613"/>
      <c r="NCW681" s="613"/>
      <c r="NCX681" s="613"/>
      <c r="NCY681" s="613"/>
      <c r="NCZ681" s="613"/>
      <c r="NDA681" s="613"/>
      <c r="NDB681" s="613"/>
      <c r="NDC681" s="613"/>
      <c r="NDD681" s="613"/>
      <c r="NDE681" s="613"/>
      <c r="NDF681" s="613"/>
      <c r="NDG681" s="613"/>
      <c r="NDH681" s="613"/>
      <c r="NDI681" s="613"/>
      <c r="NDJ681" s="613"/>
      <c r="NDK681" s="613"/>
      <c r="NDL681" s="613"/>
      <c r="NDM681" s="613"/>
      <c r="NDN681" s="613"/>
      <c r="NDO681" s="613"/>
      <c r="NDP681" s="613"/>
      <c r="NDQ681" s="613"/>
      <c r="NDR681" s="613"/>
      <c r="NDS681" s="613"/>
      <c r="NDT681" s="613"/>
      <c r="NDU681" s="613"/>
      <c r="NDV681" s="613"/>
      <c r="NDW681" s="613"/>
      <c r="NDX681" s="613"/>
      <c r="NDY681" s="613"/>
      <c r="NDZ681" s="613"/>
      <c r="NEA681" s="613"/>
      <c r="NEB681" s="613"/>
      <c r="NEC681" s="613"/>
      <c r="NED681" s="613"/>
      <c r="NEE681" s="613"/>
      <c r="NEF681" s="613"/>
      <c r="NEG681" s="613"/>
      <c r="NEH681" s="613"/>
      <c r="NEI681" s="613"/>
      <c r="NEJ681" s="613"/>
      <c r="NEK681" s="613"/>
      <c r="NEL681" s="613"/>
      <c r="NEM681" s="613"/>
      <c r="NEN681" s="613"/>
      <c r="NEO681" s="613"/>
      <c r="NEP681" s="613"/>
      <c r="NEQ681" s="613"/>
      <c r="NER681" s="613"/>
      <c r="NES681" s="613"/>
      <c r="NET681" s="613"/>
      <c r="NEU681" s="613"/>
      <c r="NEV681" s="613"/>
      <c r="NEW681" s="613"/>
      <c r="NEX681" s="613"/>
      <c r="NEY681" s="613"/>
      <c r="NEZ681" s="613"/>
      <c r="NFA681" s="613"/>
      <c r="NFB681" s="613"/>
      <c r="NFC681" s="613"/>
      <c r="NFD681" s="613"/>
      <c r="NFE681" s="613"/>
      <c r="NFF681" s="613"/>
      <c r="NFG681" s="613"/>
      <c r="NFH681" s="613"/>
      <c r="NFI681" s="613"/>
      <c r="NFJ681" s="613"/>
      <c r="NFK681" s="613"/>
      <c r="NFL681" s="613"/>
      <c r="NFM681" s="613"/>
      <c r="NFN681" s="613"/>
      <c r="NFO681" s="613"/>
      <c r="NFP681" s="613"/>
      <c r="NFQ681" s="613"/>
      <c r="NFR681" s="613"/>
      <c r="NFS681" s="613"/>
      <c r="NFT681" s="613"/>
      <c r="NFU681" s="613"/>
      <c r="NFV681" s="613"/>
      <c r="NFW681" s="613"/>
      <c r="NFX681" s="613"/>
      <c r="NFY681" s="613"/>
      <c r="NFZ681" s="613"/>
      <c r="NGA681" s="613"/>
      <c r="NGB681" s="613"/>
      <c r="NGC681" s="613"/>
      <c r="NGD681" s="613"/>
      <c r="NGE681" s="613"/>
      <c r="NGF681" s="613"/>
      <c r="NGG681" s="613"/>
      <c r="NGH681" s="613"/>
      <c r="NGI681" s="613"/>
      <c r="NGJ681" s="613"/>
      <c r="NGK681" s="613"/>
      <c r="NGL681" s="613"/>
      <c r="NGM681" s="613"/>
      <c r="NGN681" s="613"/>
      <c r="NGO681" s="613"/>
      <c r="NGP681" s="613"/>
      <c r="NGQ681" s="613"/>
      <c r="NGR681" s="613"/>
      <c r="NGS681" s="613"/>
      <c r="NGT681" s="613"/>
      <c r="NGU681" s="613"/>
      <c r="NGV681" s="613"/>
      <c r="NGW681" s="613"/>
      <c r="NGX681" s="613"/>
      <c r="NGY681" s="613"/>
      <c r="NGZ681" s="613"/>
      <c r="NHA681" s="613"/>
      <c r="NHB681" s="613"/>
      <c r="NHC681" s="613"/>
      <c r="NHD681" s="613"/>
      <c r="NHE681" s="613"/>
      <c r="NHF681" s="613"/>
      <c r="NHG681" s="613"/>
      <c r="NHH681" s="613"/>
      <c r="NHI681" s="613"/>
      <c r="NHJ681" s="613"/>
      <c r="NHK681" s="613"/>
      <c r="NHL681" s="613"/>
      <c r="NHM681" s="613"/>
      <c r="NHN681" s="613"/>
      <c r="NHO681" s="613"/>
      <c r="NHP681" s="613"/>
      <c r="NHQ681" s="613"/>
      <c r="NHR681" s="613"/>
      <c r="NHS681" s="613"/>
      <c r="NHT681" s="613"/>
      <c r="NHU681" s="613"/>
      <c r="NHV681" s="613"/>
      <c r="NHW681" s="613"/>
      <c r="NHX681" s="613"/>
      <c r="NHY681" s="613"/>
      <c r="NHZ681" s="613"/>
      <c r="NIA681" s="613"/>
      <c r="NIB681" s="613"/>
      <c r="NIC681" s="613"/>
      <c r="NID681" s="613"/>
      <c r="NIE681" s="613"/>
      <c r="NIF681" s="613"/>
      <c r="NIG681" s="613"/>
      <c r="NIH681" s="613"/>
      <c r="NII681" s="613"/>
      <c r="NIJ681" s="613"/>
      <c r="NIK681" s="613"/>
      <c r="NIL681" s="613"/>
      <c r="NIM681" s="613"/>
      <c r="NIN681" s="613"/>
      <c r="NIO681" s="613"/>
      <c r="NIP681" s="613"/>
      <c r="NIQ681" s="613"/>
      <c r="NIR681" s="613"/>
      <c r="NIS681" s="613"/>
      <c r="NIT681" s="613"/>
      <c r="NIU681" s="613"/>
      <c r="NIV681" s="613"/>
      <c r="NIW681" s="613"/>
      <c r="NIX681" s="613"/>
      <c r="NIY681" s="613"/>
      <c r="NIZ681" s="613"/>
      <c r="NJA681" s="613"/>
      <c r="NJB681" s="613"/>
      <c r="NJC681" s="613"/>
      <c r="NJD681" s="613"/>
      <c r="NJE681" s="613"/>
      <c r="NJF681" s="613"/>
      <c r="NJG681" s="613"/>
      <c r="NJH681" s="613"/>
      <c r="NJI681" s="613"/>
      <c r="NJJ681" s="613"/>
      <c r="NJK681" s="613"/>
      <c r="NJL681" s="613"/>
      <c r="NJM681" s="613"/>
      <c r="NJN681" s="613"/>
      <c r="NJO681" s="613"/>
      <c r="NJP681" s="613"/>
      <c r="NJQ681" s="613"/>
      <c r="NJR681" s="613"/>
      <c r="NJS681" s="613"/>
      <c r="NJT681" s="613"/>
      <c r="NJU681" s="613"/>
      <c r="NJV681" s="613"/>
      <c r="NJW681" s="613"/>
      <c r="NJX681" s="613"/>
      <c r="NJY681" s="613"/>
      <c r="NJZ681" s="613"/>
      <c r="NKA681" s="613"/>
      <c r="NKB681" s="613"/>
      <c r="NKC681" s="613"/>
      <c r="NKD681" s="613"/>
      <c r="NKE681" s="613"/>
      <c r="NKF681" s="613"/>
      <c r="NKG681" s="613"/>
      <c r="NKH681" s="613"/>
      <c r="NKI681" s="613"/>
      <c r="NKJ681" s="613"/>
      <c r="NKK681" s="613"/>
      <c r="NKL681" s="613"/>
      <c r="NKM681" s="613"/>
      <c r="NKN681" s="613"/>
      <c r="NKO681" s="613"/>
      <c r="NKP681" s="613"/>
      <c r="NKQ681" s="613"/>
      <c r="NKR681" s="613"/>
      <c r="NKS681" s="613"/>
      <c r="NKT681" s="613"/>
      <c r="NKU681" s="613"/>
      <c r="NKV681" s="613"/>
      <c r="NKW681" s="613"/>
      <c r="NKX681" s="613"/>
      <c r="NKY681" s="613"/>
      <c r="NKZ681" s="613"/>
      <c r="NLA681" s="613"/>
      <c r="NLB681" s="613"/>
      <c r="NLC681" s="613"/>
      <c r="NLD681" s="613"/>
      <c r="NLE681" s="613"/>
      <c r="NLF681" s="613"/>
      <c r="NLG681" s="613"/>
      <c r="NLH681" s="613"/>
      <c r="NLI681" s="613"/>
      <c r="NLJ681" s="613"/>
      <c r="NLK681" s="613"/>
      <c r="NLL681" s="613"/>
      <c r="NLM681" s="613"/>
      <c r="NLN681" s="613"/>
      <c r="NLO681" s="613"/>
      <c r="NLP681" s="613"/>
      <c r="NLQ681" s="613"/>
      <c r="NLR681" s="613"/>
      <c r="NLS681" s="613"/>
      <c r="NLT681" s="613"/>
      <c r="NLU681" s="613"/>
      <c r="NLV681" s="613"/>
      <c r="NLW681" s="613"/>
      <c r="NLX681" s="613"/>
      <c r="NLY681" s="613"/>
      <c r="NLZ681" s="613"/>
      <c r="NMA681" s="613"/>
      <c r="NMB681" s="613"/>
      <c r="NMC681" s="613"/>
      <c r="NMD681" s="613"/>
      <c r="NME681" s="613"/>
      <c r="NMF681" s="613"/>
      <c r="NMG681" s="613"/>
      <c r="NMH681" s="613"/>
      <c r="NMI681" s="613"/>
      <c r="NMJ681" s="613"/>
      <c r="NMK681" s="613"/>
      <c r="NML681" s="613"/>
      <c r="NMM681" s="613"/>
      <c r="NMN681" s="613"/>
      <c r="NMO681" s="613"/>
      <c r="NMP681" s="613"/>
      <c r="NMQ681" s="613"/>
      <c r="NMR681" s="613"/>
      <c r="NMS681" s="613"/>
      <c r="NMT681" s="613"/>
      <c r="NMU681" s="613"/>
      <c r="NMV681" s="613"/>
      <c r="NMW681" s="613"/>
      <c r="NMX681" s="613"/>
      <c r="NMY681" s="613"/>
      <c r="NMZ681" s="613"/>
      <c r="NNA681" s="613"/>
      <c r="NNB681" s="613"/>
      <c r="NNC681" s="613"/>
      <c r="NND681" s="613"/>
      <c r="NNE681" s="613"/>
      <c r="NNF681" s="613"/>
      <c r="NNG681" s="613"/>
      <c r="NNH681" s="613"/>
      <c r="NNI681" s="613"/>
      <c r="NNJ681" s="613"/>
      <c r="NNK681" s="613"/>
      <c r="NNL681" s="613"/>
      <c r="NNM681" s="613"/>
      <c r="NNN681" s="613"/>
      <c r="NNO681" s="613"/>
      <c r="NNP681" s="613"/>
      <c r="NNQ681" s="613"/>
      <c r="NNR681" s="613"/>
      <c r="NNS681" s="613"/>
      <c r="NNT681" s="613"/>
      <c r="NNU681" s="613"/>
      <c r="NNV681" s="613"/>
      <c r="NNW681" s="613"/>
      <c r="NNX681" s="613"/>
      <c r="NNY681" s="613"/>
      <c r="NNZ681" s="613"/>
      <c r="NOA681" s="613"/>
      <c r="NOB681" s="613"/>
      <c r="NOC681" s="613"/>
      <c r="NOD681" s="613"/>
      <c r="NOE681" s="613"/>
      <c r="NOF681" s="613"/>
      <c r="NOG681" s="613"/>
      <c r="NOH681" s="613"/>
      <c r="NOI681" s="613"/>
      <c r="NOJ681" s="613"/>
      <c r="NOK681" s="613"/>
      <c r="NOL681" s="613"/>
      <c r="NOM681" s="613"/>
      <c r="NON681" s="613"/>
      <c r="NOO681" s="613"/>
      <c r="NOP681" s="613"/>
      <c r="NOQ681" s="613"/>
      <c r="NOR681" s="613"/>
      <c r="NOS681" s="613"/>
      <c r="NOT681" s="613"/>
      <c r="NOU681" s="613"/>
      <c r="NOV681" s="613"/>
      <c r="NOW681" s="613"/>
      <c r="NOX681" s="613"/>
      <c r="NOY681" s="613"/>
      <c r="NOZ681" s="613"/>
      <c r="NPA681" s="613"/>
      <c r="NPB681" s="613"/>
      <c r="NPC681" s="613"/>
      <c r="NPD681" s="613"/>
      <c r="NPE681" s="613"/>
      <c r="NPF681" s="613"/>
      <c r="NPG681" s="613"/>
      <c r="NPH681" s="613"/>
      <c r="NPI681" s="613"/>
      <c r="NPJ681" s="613"/>
      <c r="NPK681" s="613"/>
      <c r="NPL681" s="613"/>
      <c r="NPM681" s="613"/>
      <c r="NPN681" s="613"/>
      <c r="NPO681" s="613"/>
      <c r="NPP681" s="613"/>
      <c r="NPQ681" s="613"/>
      <c r="NPR681" s="613"/>
      <c r="NPS681" s="613"/>
      <c r="NPT681" s="613"/>
      <c r="NPU681" s="613"/>
      <c r="NPV681" s="613"/>
      <c r="NPW681" s="613"/>
      <c r="NPX681" s="613"/>
      <c r="NPY681" s="613"/>
      <c r="NPZ681" s="613"/>
      <c r="NQA681" s="613"/>
      <c r="NQB681" s="613"/>
      <c r="NQC681" s="613"/>
      <c r="NQD681" s="613"/>
      <c r="NQE681" s="613"/>
      <c r="NQF681" s="613"/>
      <c r="NQG681" s="613"/>
      <c r="NQH681" s="613"/>
      <c r="NQI681" s="613"/>
      <c r="NQJ681" s="613"/>
      <c r="NQK681" s="613"/>
      <c r="NQL681" s="613"/>
      <c r="NQM681" s="613"/>
      <c r="NQN681" s="613"/>
      <c r="NQO681" s="613"/>
      <c r="NQP681" s="613"/>
      <c r="NQQ681" s="613"/>
      <c r="NQR681" s="613"/>
      <c r="NQS681" s="613"/>
      <c r="NQT681" s="613"/>
      <c r="NQU681" s="613"/>
      <c r="NQV681" s="613"/>
      <c r="NQW681" s="613"/>
      <c r="NQX681" s="613"/>
      <c r="NQY681" s="613"/>
      <c r="NQZ681" s="613"/>
      <c r="NRA681" s="613"/>
      <c r="NRB681" s="613"/>
      <c r="NRC681" s="613"/>
      <c r="NRD681" s="613"/>
      <c r="NRE681" s="613"/>
      <c r="NRF681" s="613"/>
      <c r="NRG681" s="613"/>
      <c r="NRH681" s="613"/>
      <c r="NRI681" s="613"/>
      <c r="NRJ681" s="613"/>
      <c r="NRK681" s="613"/>
      <c r="NRL681" s="613"/>
      <c r="NRM681" s="613"/>
      <c r="NRN681" s="613"/>
      <c r="NRO681" s="613"/>
      <c r="NRP681" s="613"/>
      <c r="NRQ681" s="613"/>
      <c r="NRR681" s="613"/>
      <c r="NRS681" s="613"/>
      <c r="NRT681" s="613"/>
      <c r="NRU681" s="613"/>
      <c r="NRV681" s="613"/>
      <c r="NRW681" s="613"/>
      <c r="NRX681" s="613"/>
      <c r="NRY681" s="613"/>
      <c r="NRZ681" s="613"/>
      <c r="NSA681" s="613"/>
      <c r="NSB681" s="613"/>
      <c r="NSC681" s="613"/>
      <c r="NSD681" s="613"/>
      <c r="NSE681" s="613"/>
      <c r="NSF681" s="613"/>
      <c r="NSG681" s="613"/>
      <c r="NSH681" s="613"/>
      <c r="NSI681" s="613"/>
      <c r="NSJ681" s="613"/>
      <c r="NSK681" s="613"/>
      <c r="NSL681" s="613"/>
      <c r="NSM681" s="613"/>
      <c r="NSN681" s="613"/>
      <c r="NSO681" s="613"/>
      <c r="NSP681" s="613"/>
      <c r="NSQ681" s="613"/>
      <c r="NSR681" s="613"/>
      <c r="NSS681" s="613"/>
      <c r="NST681" s="613"/>
      <c r="NSU681" s="613"/>
      <c r="NSV681" s="613"/>
      <c r="NSW681" s="613"/>
      <c r="NSX681" s="613"/>
      <c r="NSY681" s="613"/>
      <c r="NSZ681" s="613"/>
      <c r="NTA681" s="613"/>
      <c r="NTB681" s="613"/>
      <c r="NTC681" s="613"/>
      <c r="NTD681" s="613"/>
      <c r="NTE681" s="613"/>
      <c r="NTF681" s="613"/>
      <c r="NTG681" s="613"/>
      <c r="NTH681" s="613"/>
      <c r="NTI681" s="613"/>
      <c r="NTJ681" s="613"/>
      <c r="NTK681" s="613"/>
      <c r="NTL681" s="613"/>
      <c r="NTM681" s="613"/>
      <c r="NTN681" s="613"/>
      <c r="NTO681" s="613"/>
      <c r="NTP681" s="613"/>
      <c r="NTQ681" s="613"/>
      <c r="NTR681" s="613"/>
      <c r="NTS681" s="613"/>
      <c r="NTT681" s="613"/>
      <c r="NTU681" s="613"/>
      <c r="NTV681" s="613"/>
      <c r="NTW681" s="613"/>
      <c r="NTX681" s="613"/>
      <c r="NTY681" s="613"/>
      <c r="NTZ681" s="613"/>
      <c r="NUA681" s="613"/>
      <c r="NUB681" s="613"/>
      <c r="NUC681" s="613"/>
      <c r="NUD681" s="613"/>
      <c r="NUE681" s="613"/>
      <c r="NUF681" s="613"/>
      <c r="NUG681" s="613"/>
      <c r="NUH681" s="613"/>
      <c r="NUI681" s="613"/>
      <c r="NUJ681" s="613"/>
      <c r="NUK681" s="613"/>
      <c r="NUL681" s="613"/>
      <c r="NUM681" s="613"/>
      <c r="NUN681" s="613"/>
      <c r="NUO681" s="613"/>
      <c r="NUP681" s="613"/>
      <c r="NUQ681" s="613"/>
      <c r="NUR681" s="613"/>
      <c r="NUS681" s="613"/>
      <c r="NUT681" s="613"/>
      <c r="NUU681" s="613"/>
      <c r="NUV681" s="613"/>
      <c r="NUW681" s="613"/>
      <c r="NUX681" s="613"/>
      <c r="NUY681" s="613"/>
      <c r="NUZ681" s="613"/>
      <c r="NVA681" s="613"/>
      <c r="NVB681" s="613"/>
      <c r="NVC681" s="613"/>
      <c r="NVD681" s="613"/>
      <c r="NVE681" s="613"/>
      <c r="NVF681" s="613"/>
      <c r="NVG681" s="613"/>
      <c r="NVH681" s="613"/>
      <c r="NVI681" s="613"/>
      <c r="NVJ681" s="613"/>
      <c r="NVK681" s="613"/>
      <c r="NVL681" s="613"/>
      <c r="NVM681" s="613"/>
      <c r="NVN681" s="613"/>
      <c r="NVO681" s="613"/>
      <c r="NVP681" s="613"/>
      <c r="NVQ681" s="613"/>
      <c r="NVR681" s="613"/>
      <c r="NVS681" s="613"/>
      <c r="NVT681" s="613"/>
      <c r="NVU681" s="613"/>
      <c r="NVV681" s="613"/>
      <c r="NVW681" s="613"/>
      <c r="NVX681" s="613"/>
      <c r="NVY681" s="613"/>
      <c r="NVZ681" s="613"/>
      <c r="NWA681" s="613"/>
      <c r="NWB681" s="613"/>
      <c r="NWC681" s="613"/>
      <c r="NWD681" s="613"/>
      <c r="NWE681" s="613"/>
      <c r="NWF681" s="613"/>
      <c r="NWG681" s="613"/>
      <c r="NWH681" s="613"/>
      <c r="NWI681" s="613"/>
      <c r="NWJ681" s="613"/>
      <c r="NWK681" s="613"/>
      <c r="NWL681" s="613"/>
      <c r="NWM681" s="613"/>
      <c r="NWN681" s="613"/>
      <c r="NWO681" s="613"/>
      <c r="NWP681" s="613"/>
      <c r="NWQ681" s="613"/>
      <c r="NWR681" s="613"/>
      <c r="NWS681" s="613"/>
      <c r="NWT681" s="613"/>
      <c r="NWU681" s="613"/>
      <c r="NWV681" s="613"/>
      <c r="NWW681" s="613"/>
      <c r="NWX681" s="613"/>
      <c r="NWY681" s="613"/>
      <c r="NWZ681" s="613"/>
      <c r="NXA681" s="613"/>
      <c r="NXB681" s="613"/>
      <c r="NXC681" s="613"/>
      <c r="NXD681" s="613"/>
      <c r="NXE681" s="613"/>
      <c r="NXF681" s="613"/>
      <c r="NXG681" s="613"/>
      <c r="NXH681" s="613"/>
      <c r="NXI681" s="613"/>
      <c r="NXJ681" s="613"/>
      <c r="NXK681" s="613"/>
      <c r="NXL681" s="613"/>
      <c r="NXM681" s="613"/>
      <c r="NXN681" s="613"/>
      <c r="NXO681" s="613"/>
      <c r="NXP681" s="613"/>
      <c r="NXQ681" s="613"/>
      <c r="NXR681" s="613"/>
      <c r="NXS681" s="613"/>
      <c r="NXT681" s="613"/>
      <c r="NXU681" s="613"/>
      <c r="NXV681" s="613"/>
      <c r="NXW681" s="613"/>
      <c r="NXX681" s="613"/>
      <c r="NXY681" s="613"/>
      <c r="NXZ681" s="613"/>
      <c r="NYA681" s="613"/>
      <c r="NYB681" s="613"/>
      <c r="NYC681" s="613"/>
      <c r="NYD681" s="613"/>
      <c r="NYE681" s="613"/>
      <c r="NYF681" s="613"/>
      <c r="NYG681" s="613"/>
      <c r="NYH681" s="613"/>
      <c r="NYI681" s="613"/>
      <c r="NYJ681" s="613"/>
      <c r="NYK681" s="613"/>
      <c r="NYL681" s="613"/>
      <c r="NYM681" s="613"/>
      <c r="NYN681" s="613"/>
      <c r="NYO681" s="613"/>
      <c r="NYP681" s="613"/>
      <c r="NYQ681" s="613"/>
      <c r="NYR681" s="613"/>
      <c r="NYS681" s="613"/>
      <c r="NYT681" s="613"/>
      <c r="NYU681" s="613"/>
      <c r="NYV681" s="613"/>
      <c r="NYW681" s="613"/>
      <c r="NYX681" s="613"/>
      <c r="NYY681" s="613"/>
      <c r="NYZ681" s="613"/>
      <c r="NZA681" s="613"/>
      <c r="NZB681" s="613"/>
      <c r="NZC681" s="613"/>
      <c r="NZD681" s="613"/>
      <c r="NZE681" s="613"/>
      <c r="NZF681" s="613"/>
      <c r="NZG681" s="613"/>
      <c r="NZH681" s="613"/>
      <c r="NZI681" s="613"/>
      <c r="NZJ681" s="613"/>
      <c r="NZK681" s="613"/>
      <c r="NZL681" s="613"/>
      <c r="NZM681" s="613"/>
      <c r="NZN681" s="613"/>
      <c r="NZO681" s="613"/>
      <c r="NZP681" s="613"/>
      <c r="NZQ681" s="613"/>
      <c r="NZR681" s="613"/>
      <c r="NZS681" s="613"/>
      <c r="NZT681" s="613"/>
      <c r="NZU681" s="613"/>
      <c r="NZV681" s="613"/>
      <c r="NZW681" s="613"/>
      <c r="NZX681" s="613"/>
      <c r="NZY681" s="613"/>
      <c r="NZZ681" s="613"/>
      <c r="OAA681" s="613"/>
      <c r="OAB681" s="613"/>
      <c r="OAC681" s="613"/>
      <c r="OAD681" s="613"/>
      <c r="OAE681" s="613"/>
      <c r="OAF681" s="613"/>
      <c r="OAG681" s="613"/>
      <c r="OAH681" s="613"/>
      <c r="OAI681" s="613"/>
      <c r="OAJ681" s="613"/>
      <c r="OAK681" s="613"/>
      <c r="OAL681" s="613"/>
      <c r="OAM681" s="613"/>
      <c r="OAN681" s="613"/>
      <c r="OAO681" s="613"/>
      <c r="OAP681" s="613"/>
      <c r="OAQ681" s="613"/>
      <c r="OAR681" s="613"/>
      <c r="OAS681" s="613"/>
      <c r="OAT681" s="613"/>
      <c r="OAU681" s="613"/>
      <c r="OAV681" s="613"/>
      <c r="OAW681" s="613"/>
      <c r="OAX681" s="613"/>
      <c r="OAY681" s="613"/>
      <c r="OAZ681" s="613"/>
      <c r="OBA681" s="613"/>
      <c r="OBB681" s="613"/>
      <c r="OBC681" s="613"/>
      <c r="OBD681" s="613"/>
      <c r="OBE681" s="613"/>
      <c r="OBF681" s="613"/>
      <c r="OBG681" s="613"/>
      <c r="OBH681" s="613"/>
      <c r="OBI681" s="613"/>
      <c r="OBJ681" s="613"/>
      <c r="OBK681" s="613"/>
      <c r="OBL681" s="613"/>
      <c r="OBM681" s="613"/>
      <c r="OBN681" s="613"/>
      <c r="OBO681" s="613"/>
      <c r="OBP681" s="613"/>
      <c r="OBQ681" s="613"/>
      <c r="OBR681" s="613"/>
      <c r="OBS681" s="613"/>
      <c r="OBT681" s="613"/>
      <c r="OBU681" s="613"/>
      <c r="OBV681" s="613"/>
      <c r="OBW681" s="613"/>
      <c r="OBX681" s="613"/>
      <c r="OBY681" s="613"/>
      <c r="OBZ681" s="613"/>
      <c r="OCA681" s="613"/>
      <c r="OCB681" s="613"/>
      <c r="OCC681" s="613"/>
      <c r="OCD681" s="613"/>
      <c r="OCE681" s="613"/>
      <c r="OCF681" s="613"/>
      <c r="OCG681" s="613"/>
      <c r="OCH681" s="613"/>
      <c r="OCI681" s="613"/>
      <c r="OCJ681" s="613"/>
      <c r="OCK681" s="613"/>
      <c r="OCL681" s="613"/>
      <c r="OCM681" s="613"/>
      <c r="OCN681" s="613"/>
      <c r="OCO681" s="613"/>
      <c r="OCP681" s="613"/>
      <c r="OCQ681" s="613"/>
      <c r="OCR681" s="613"/>
      <c r="OCS681" s="613"/>
      <c r="OCT681" s="613"/>
      <c r="OCU681" s="613"/>
      <c r="OCV681" s="613"/>
      <c r="OCW681" s="613"/>
      <c r="OCX681" s="613"/>
      <c r="OCY681" s="613"/>
      <c r="OCZ681" s="613"/>
      <c r="ODA681" s="613"/>
      <c r="ODB681" s="613"/>
      <c r="ODC681" s="613"/>
      <c r="ODD681" s="613"/>
      <c r="ODE681" s="613"/>
      <c r="ODF681" s="613"/>
      <c r="ODG681" s="613"/>
      <c r="ODH681" s="613"/>
      <c r="ODI681" s="613"/>
      <c r="ODJ681" s="613"/>
      <c r="ODK681" s="613"/>
      <c r="ODL681" s="613"/>
      <c r="ODM681" s="613"/>
      <c r="ODN681" s="613"/>
      <c r="ODO681" s="613"/>
      <c r="ODP681" s="613"/>
      <c r="ODQ681" s="613"/>
      <c r="ODR681" s="613"/>
      <c r="ODS681" s="613"/>
      <c r="ODT681" s="613"/>
      <c r="ODU681" s="613"/>
      <c r="ODV681" s="613"/>
      <c r="ODW681" s="613"/>
      <c r="ODX681" s="613"/>
      <c r="ODY681" s="613"/>
      <c r="ODZ681" s="613"/>
      <c r="OEA681" s="613"/>
      <c r="OEB681" s="613"/>
      <c r="OEC681" s="613"/>
      <c r="OED681" s="613"/>
      <c r="OEE681" s="613"/>
      <c r="OEF681" s="613"/>
      <c r="OEG681" s="613"/>
      <c r="OEH681" s="613"/>
      <c r="OEI681" s="613"/>
      <c r="OEJ681" s="613"/>
      <c r="OEK681" s="613"/>
      <c r="OEL681" s="613"/>
      <c r="OEM681" s="613"/>
      <c r="OEN681" s="613"/>
      <c r="OEO681" s="613"/>
      <c r="OEP681" s="613"/>
      <c r="OEQ681" s="613"/>
      <c r="OER681" s="613"/>
      <c r="OES681" s="613"/>
      <c r="OET681" s="613"/>
      <c r="OEU681" s="613"/>
      <c r="OEV681" s="613"/>
      <c r="OEW681" s="613"/>
      <c r="OEX681" s="613"/>
      <c r="OEY681" s="613"/>
      <c r="OEZ681" s="613"/>
      <c r="OFA681" s="613"/>
      <c r="OFB681" s="613"/>
      <c r="OFC681" s="613"/>
      <c r="OFD681" s="613"/>
      <c r="OFE681" s="613"/>
      <c r="OFF681" s="613"/>
      <c r="OFG681" s="613"/>
      <c r="OFH681" s="613"/>
      <c r="OFI681" s="613"/>
      <c r="OFJ681" s="613"/>
      <c r="OFK681" s="613"/>
      <c r="OFL681" s="613"/>
      <c r="OFM681" s="613"/>
      <c r="OFN681" s="613"/>
      <c r="OFO681" s="613"/>
      <c r="OFP681" s="613"/>
      <c r="OFQ681" s="613"/>
      <c r="OFR681" s="613"/>
      <c r="OFS681" s="613"/>
      <c r="OFT681" s="613"/>
      <c r="OFU681" s="613"/>
      <c r="OFV681" s="613"/>
      <c r="OFW681" s="613"/>
      <c r="OFX681" s="613"/>
      <c r="OFY681" s="613"/>
      <c r="OFZ681" s="613"/>
      <c r="OGA681" s="613"/>
      <c r="OGB681" s="613"/>
      <c r="OGC681" s="613"/>
      <c r="OGD681" s="613"/>
      <c r="OGE681" s="613"/>
      <c r="OGF681" s="613"/>
      <c r="OGG681" s="613"/>
      <c r="OGH681" s="613"/>
      <c r="OGI681" s="613"/>
      <c r="OGJ681" s="613"/>
      <c r="OGK681" s="613"/>
      <c r="OGL681" s="613"/>
      <c r="OGM681" s="613"/>
      <c r="OGN681" s="613"/>
      <c r="OGO681" s="613"/>
      <c r="OGP681" s="613"/>
      <c r="OGQ681" s="613"/>
      <c r="OGR681" s="613"/>
      <c r="OGS681" s="613"/>
      <c r="OGT681" s="613"/>
      <c r="OGU681" s="613"/>
      <c r="OGV681" s="613"/>
      <c r="OGW681" s="613"/>
      <c r="OGX681" s="613"/>
      <c r="OGY681" s="613"/>
      <c r="OGZ681" s="613"/>
      <c r="OHA681" s="613"/>
      <c r="OHB681" s="613"/>
      <c r="OHC681" s="613"/>
      <c r="OHD681" s="613"/>
      <c r="OHE681" s="613"/>
      <c r="OHF681" s="613"/>
      <c r="OHG681" s="613"/>
      <c r="OHH681" s="613"/>
      <c r="OHI681" s="613"/>
      <c r="OHJ681" s="613"/>
      <c r="OHK681" s="613"/>
      <c r="OHL681" s="613"/>
      <c r="OHM681" s="613"/>
      <c r="OHN681" s="613"/>
      <c r="OHO681" s="613"/>
      <c r="OHP681" s="613"/>
      <c r="OHQ681" s="613"/>
      <c r="OHR681" s="613"/>
      <c r="OHS681" s="613"/>
      <c r="OHT681" s="613"/>
      <c r="OHU681" s="613"/>
      <c r="OHV681" s="613"/>
      <c r="OHW681" s="613"/>
      <c r="OHX681" s="613"/>
      <c r="OHY681" s="613"/>
      <c r="OHZ681" s="613"/>
      <c r="OIA681" s="613"/>
      <c r="OIB681" s="613"/>
      <c r="OIC681" s="613"/>
      <c r="OID681" s="613"/>
      <c r="OIE681" s="613"/>
      <c r="OIF681" s="613"/>
      <c r="OIG681" s="613"/>
      <c r="OIH681" s="613"/>
      <c r="OII681" s="613"/>
      <c r="OIJ681" s="613"/>
      <c r="OIK681" s="613"/>
      <c r="OIL681" s="613"/>
      <c r="OIM681" s="613"/>
      <c r="OIN681" s="613"/>
      <c r="OIO681" s="613"/>
      <c r="OIP681" s="613"/>
      <c r="OIQ681" s="613"/>
      <c r="OIR681" s="613"/>
      <c r="OIS681" s="613"/>
      <c r="OIT681" s="613"/>
      <c r="OIU681" s="613"/>
      <c r="OIV681" s="613"/>
      <c r="OIW681" s="613"/>
      <c r="OIX681" s="613"/>
      <c r="OIY681" s="613"/>
      <c r="OIZ681" s="613"/>
      <c r="OJA681" s="613"/>
      <c r="OJB681" s="613"/>
      <c r="OJC681" s="613"/>
      <c r="OJD681" s="613"/>
      <c r="OJE681" s="613"/>
      <c r="OJF681" s="613"/>
      <c r="OJG681" s="613"/>
      <c r="OJH681" s="613"/>
      <c r="OJI681" s="613"/>
      <c r="OJJ681" s="613"/>
      <c r="OJK681" s="613"/>
      <c r="OJL681" s="613"/>
      <c r="OJM681" s="613"/>
      <c r="OJN681" s="613"/>
      <c r="OJO681" s="613"/>
      <c r="OJP681" s="613"/>
      <c r="OJQ681" s="613"/>
      <c r="OJR681" s="613"/>
      <c r="OJS681" s="613"/>
      <c r="OJT681" s="613"/>
      <c r="OJU681" s="613"/>
      <c r="OJV681" s="613"/>
      <c r="OJW681" s="613"/>
      <c r="OJX681" s="613"/>
      <c r="OJY681" s="613"/>
      <c r="OJZ681" s="613"/>
      <c r="OKA681" s="613"/>
      <c r="OKB681" s="613"/>
      <c r="OKC681" s="613"/>
      <c r="OKD681" s="613"/>
      <c r="OKE681" s="613"/>
      <c r="OKF681" s="613"/>
      <c r="OKG681" s="613"/>
      <c r="OKH681" s="613"/>
      <c r="OKI681" s="613"/>
      <c r="OKJ681" s="613"/>
      <c r="OKK681" s="613"/>
      <c r="OKL681" s="613"/>
      <c r="OKM681" s="613"/>
      <c r="OKN681" s="613"/>
      <c r="OKO681" s="613"/>
      <c r="OKP681" s="613"/>
      <c r="OKQ681" s="613"/>
      <c r="OKR681" s="613"/>
      <c r="OKS681" s="613"/>
      <c r="OKT681" s="613"/>
      <c r="OKU681" s="613"/>
      <c r="OKV681" s="613"/>
      <c r="OKW681" s="613"/>
      <c r="OKX681" s="613"/>
      <c r="OKY681" s="613"/>
      <c r="OKZ681" s="613"/>
      <c r="OLA681" s="613"/>
      <c r="OLB681" s="613"/>
      <c r="OLC681" s="613"/>
      <c r="OLD681" s="613"/>
      <c r="OLE681" s="613"/>
      <c r="OLF681" s="613"/>
      <c r="OLG681" s="613"/>
      <c r="OLH681" s="613"/>
      <c r="OLI681" s="613"/>
      <c r="OLJ681" s="613"/>
      <c r="OLK681" s="613"/>
      <c r="OLL681" s="613"/>
      <c r="OLM681" s="613"/>
      <c r="OLN681" s="613"/>
      <c r="OLO681" s="613"/>
      <c r="OLP681" s="613"/>
      <c r="OLQ681" s="613"/>
      <c r="OLR681" s="613"/>
      <c r="OLS681" s="613"/>
      <c r="OLT681" s="613"/>
      <c r="OLU681" s="613"/>
      <c r="OLV681" s="613"/>
      <c r="OLW681" s="613"/>
      <c r="OLX681" s="613"/>
      <c r="OLY681" s="613"/>
      <c r="OLZ681" s="613"/>
      <c r="OMA681" s="613"/>
      <c r="OMB681" s="613"/>
      <c r="OMC681" s="613"/>
      <c r="OMD681" s="613"/>
      <c r="OME681" s="613"/>
      <c r="OMF681" s="613"/>
      <c r="OMG681" s="613"/>
      <c r="OMH681" s="613"/>
      <c r="OMI681" s="613"/>
      <c r="OMJ681" s="613"/>
      <c r="OMK681" s="613"/>
      <c r="OML681" s="613"/>
      <c r="OMM681" s="613"/>
      <c r="OMN681" s="613"/>
      <c r="OMO681" s="613"/>
      <c r="OMP681" s="613"/>
      <c r="OMQ681" s="613"/>
      <c r="OMR681" s="613"/>
      <c r="OMS681" s="613"/>
      <c r="OMT681" s="613"/>
      <c r="OMU681" s="613"/>
      <c r="OMV681" s="613"/>
      <c r="OMW681" s="613"/>
      <c r="OMX681" s="613"/>
      <c r="OMY681" s="613"/>
      <c r="OMZ681" s="613"/>
      <c r="ONA681" s="613"/>
      <c r="ONB681" s="613"/>
      <c r="ONC681" s="613"/>
      <c r="OND681" s="613"/>
      <c r="ONE681" s="613"/>
      <c r="ONF681" s="613"/>
      <c r="ONG681" s="613"/>
      <c r="ONH681" s="613"/>
      <c r="ONI681" s="613"/>
      <c r="ONJ681" s="613"/>
      <c r="ONK681" s="613"/>
      <c r="ONL681" s="613"/>
      <c r="ONM681" s="613"/>
      <c r="ONN681" s="613"/>
      <c r="ONO681" s="613"/>
      <c r="ONP681" s="613"/>
      <c r="ONQ681" s="613"/>
      <c r="ONR681" s="613"/>
      <c r="ONS681" s="613"/>
      <c r="ONT681" s="613"/>
      <c r="ONU681" s="613"/>
      <c r="ONV681" s="613"/>
      <c r="ONW681" s="613"/>
      <c r="ONX681" s="613"/>
      <c r="ONY681" s="613"/>
      <c r="ONZ681" s="613"/>
      <c r="OOA681" s="613"/>
      <c r="OOB681" s="613"/>
      <c r="OOC681" s="613"/>
      <c r="OOD681" s="613"/>
      <c r="OOE681" s="613"/>
      <c r="OOF681" s="613"/>
      <c r="OOG681" s="613"/>
      <c r="OOH681" s="613"/>
      <c r="OOI681" s="613"/>
      <c r="OOJ681" s="613"/>
      <c r="OOK681" s="613"/>
      <c r="OOL681" s="613"/>
      <c r="OOM681" s="613"/>
      <c r="OON681" s="613"/>
      <c r="OOO681" s="613"/>
      <c r="OOP681" s="613"/>
      <c r="OOQ681" s="613"/>
      <c r="OOR681" s="613"/>
      <c r="OOS681" s="613"/>
      <c r="OOT681" s="613"/>
      <c r="OOU681" s="613"/>
      <c r="OOV681" s="613"/>
      <c r="OOW681" s="613"/>
      <c r="OOX681" s="613"/>
      <c r="OOY681" s="613"/>
      <c r="OOZ681" s="613"/>
      <c r="OPA681" s="613"/>
      <c r="OPB681" s="613"/>
      <c r="OPC681" s="613"/>
      <c r="OPD681" s="613"/>
      <c r="OPE681" s="613"/>
      <c r="OPF681" s="613"/>
      <c r="OPG681" s="613"/>
      <c r="OPH681" s="613"/>
      <c r="OPI681" s="613"/>
      <c r="OPJ681" s="613"/>
      <c r="OPK681" s="613"/>
      <c r="OPL681" s="613"/>
      <c r="OPM681" s="613"/>
      <c r="OPN681" s="613"/>
      <c r="OPO681" s="613"/>
      <c r="OPP681" s="613"/>
      <c r="OPQ681" s="613"/>
      <c r="OPR681" s="613"/>
      <c r="OPS681" s="613"/>
      <c r="OPT681" s="613"/>
      <c r="OPU681" s="613"/>
      <c r="OPV681" s="613"/>
      <c r="OPW681" s="613"/>
      <c r="OPX681" s="613"/>
      <c r="OPY681" s="613"/>
      <c r="OPZ681" s="613"/>
      <c r="OQA681" s="613"/>
      <c r="OQB681" s="613"/>
      <c r="OQC681" s="613"/>
      <c r="OQD681" s="613"/>
      <c r="OQE681" s="613"/>
      <c r="OQF681" s="613"/>
      <c r="OQG681" s="613"/>
      <c r="OQH681" s="613"/>
      <c r="OQI681" s="613"/>
      <c r="OQJ681" s="613"/>
      <c r="OQK681" s="613"/>
      <c r="OQL681" s="613"/>
      <c r="OQM681" s="613"/>
      <c r="OQN681" s="613"/>
      <c r="OQO681" s="613"/>
      <c r="OQP681" s="613"/>
      <c r="OQQ681" s="613"/>
      <c r="OQR681" s="613"/>
      <c r="OQS681" s="613"/>
      <c r="OQT681" s="613"/>
      <c r="OQU681" s="613"/>
      <c r="OQV681" s="613"/>
      <c r="OQW681" s="613"/>
      <c r="OQX681" s="613"/>
      <c r="OQY681" s="613"/>
      <c r="OQZ681" s="613"/>
      <c r="ORA681" s="613"/>
      <c r="ORB681" s="613"/>
      <c r="ORC681" s="613"/>
      <c r="ORD681" s="613"/>
      <c r="ORE681" s="613"/>
      <c r="ORF681" s="613"/>
      <c r="ORG681" s="613"/>
      <c r="ORH681" s="613"/>
      <c r="ORI681" s="613"/>
      <c r="ORJ681" s="613"/>
      <c r="ORK681" s="613"/>
      <c r="ORL681" s="613"/>
      <c r="ORM681" s="613"/>
      <c r="ORN681" s="613"/>
      <c r="ORO681" s="613"/>
      <c r="ORP681" s="613"/>
      <c r="ORQ681" s="613"/>
      <c r="ORR681" s="613"/>
      <c r="ORS681" s="613"/>
      <c r="ORT681" s="613"/>
      <c r="ORU681" s="613"/>
      <c r="ORV681" s="613"/>
      <c r="ORW681" s="613"/>
      <c r="ORX681" s="613"/>
      <c r="ORY681" s="613"/>
      <c r="ORZ681" s="613"/>
      <c r="OSA681" s="613"/>
      <c r="OSB681" s="613"/>
      <c r="OSC681" s="613"/>
      <c r="OSD681" s="613"/>
      <c r="OSE681" s="613"/>
      <c r="OSF681" s="613"/>
      <c r="OSG681" s="613"/>
      <c r="OSH681" s="613"/>
      <c r="OSI681" s="613"/>
      <c r="OSJ681" s="613"/>
      <c r="OSK681" s="613"/>
      <c r="OSL681" s="613"/>
      <c r="OSM681" s="613"/>
      <c r="OSN681" s="613"/>
      <c r="OSO681" s="613"/>
      <c r="OSP681" s="613"/>
      <c r="OSQ681" s="613"/>
      <c r="OSR681" s="613"/>
      <c r="OSS681" s="613"/>
      <c r="OST681" s="613"/>
      <c r="OSU681" s="613"/>
      <c r="OSV681" s="613"/>
      <c r="OSW681" s="613"/>
      <c r="OSX681" s="613"/>
      <c r="OSY681" s="613"/>
      <c r="OSZ681" s="613"/>
      <c r="OTA681" s="613"/>
      <c r="OTB681" s="613"/>
      <c r="OTC681" s="613"/>
      <c r="OTD681" s="613"/>
      <c r="OTE681" s="613"/>
      <c r="OTF681" s="613"/>
      <c r="OTG681" s="613"/>
      <c r="OTH681" s="613"/>
      <c r="OTI681" s="613"/>
      <c r="OTJ681" s="613"/>
      <c r="OTK681" s="613"/>
      <c r="OTL681" s="613"/>
      <c r="OTM681" s="613"/>
      <c r="OTN681" s="613"/>
      <c r="OTO681" s="613"/>
      <c r="OTP681" s="613"/>
      <c r="OTQ681" s="613"/>
      <c r="OTR681" s="613"/>
      <c r="OTS681" s="613"/>
      <c r="OTT681" s="613"/>
      <c r="OTU681" s="613"/>
      <c r="OTV681" s="613"/>
      <c r="OTW681" s="613"/>
      <c r="OTX681" s="613"/>
      <c r="OTY681" s="613"/>
      <c r="OTZ681" s="613"/>
      <c r="OUA681" s="613"/>
      <c r="OUB681" s="613"/>
      <c r="OUC681" s="613"/>
      <c r="OUD681" s="613"/>
      <c r="OUE681" s="613"/>
      <c r="OUF681" s="613"/>
      <c r="OUG681" s="613"/>
      <c r="OUH681" s="613"/>
      <c r="OUI681" s="613"/>
      <c r="OUJ681" s="613"/>
      <c r="OUK681" s="613"/>
      <c r="OUL681" s="613"/>
      <c r="OUM681" s="613"/>
      <c r="OUN681" s="613"/>
      <c r="OUO681" s="613"/>
      <c r="OUP681" s="613"/>
      <c r="OUQ681" s="613"/>
      <c r="OUR681" s="613"/>
      <c r="OUS681" s="613"/>
      <c r="OUT681" s="613"/>
      <c r="OUU681" s="613"/>
      <c r="OUV681" s="613"/>
      <c r="OUW681" s="613"/>
      <c r="OUX681" s="613"/>
      <c r="OUY681" s="613"/>
      <c r="OUZ681" s="613"/>
      <c r="OVA681" s="613"/>
      <c r="OVB681" s="613"/>
      <c r="OVC681" s="613"/>
      <c r="OVD681" s="613"/>
      <c r="OVE681" s="613"/>
      <c r="OVF681" s="613"/>
      <c r="OVG681" s="613"/>
      <c r="OVH681" s="613"/>
      <c r="OVI681" s="613"/>
      <c r="OVJ681" s="613"/>
      <c r="OVK681" s="613"/>
      <c r="OVL681" s="613"/>
      <c r="OVM681" s="613"/>
      <c r="OVN681" s="613"/>
      <c r="OVO681" s="613"/>
      <c r="OVP681" s="613"/>
      <c r="OVQ681" s="613"/>
      <c r="OVR681" s="613"/>
      <c r="OVS681" s="613"/>
      <c r="OVT681" s="613"/>
      <c r="OVU681" s="613"/>
      <c r="OVV681" s="613"/>
      <c r="OVW681" s="613"/>
      <c r="OVX681" s="613"/>
      <c r="OVY681" s="613"/>
      <c r="OVZ681" s="613"/>
      <c r="OWA681" s="613"/>
      <c r="OWB681" s="613"/>
      <c r="OWC681" s="613"/>
      <c r="OWD681" s="613"/>
      <c r="OWE681" s="613"/>
      <c r="OWF681" s="613"/>
      <c r="OWG681" s="613"/>
      <c r="OWH681" s="613"/>
      <c r="OWI681" s="613"/>
      <c r="OWJ681" s="613"/>
      <c r="OWK681" s="613"/>
      <c r="OWL681" s="613"/>
      <c r="OWM681" s="613"/>
      <c r="OWN681" s="613"/>
      <c r="OWO681" s="613"/>
      <c r="OWP681" s="613"/>
      <c r="OWQ681" s="613"/>
      <c r="OWR681" s="613"/>
      <c r="OWS681" s="613"/>
      <c r="OWT681" s="613"/>
      <c r="OWU681" s="613"/>
      <c r="OWV681" s="613"/>
      <c r="OWW681" s="613"/>
      <c r="OWX681" s="613"/>
      <c r="OWY681" s="613"/>
      <c r="OWZ681" s="613"/>
      <c r="OXA681" s="613"/>
      <c r="OXB681" s="613"/>
      <c r="OXC681" s="613"/>
      <c r="OXD681" s="613"/>
      <c r="OXE681" s="613"/>
      <c r="OXF681" s="613"/>
      <c r="OXG681" s="613"/>
      <c r="OXH681" s="613"/>
      <c r="OXI681" s="613"/>
      <c r="OXJ681" s="613"/>
      <c r="OXK681" s="613"/>
      <c r="OXL681" s="613"/>
      <c r="OXM681" s="613"/>
      <c r="OXN681" s="613"/>
      <c r="OXO681" s="613"/>
      <c r="OXP681" s="613"/>
      <c r="OXQ681" s="613"/>
      <c r="OXR681" s="613"/>
      <c r="OXS681" s="613"/>
      <c r="OXT681" s="613"/>
      <c r="OXU681" s="613"/>
      <c r="OXV681" s="613"/>
      <c r="OXW681" s="613"/>
      <c r="OXX681" s="613"/>
      <c r="OXY681" s="613"/>
      <c r="OXZ681" s="613"/>
      <c r="OYA681" s="613"/>
      <c r="OYB681" s="613"/>
      <c r="OYC681" s="613"/>
      <c r="OYD681" s="613"/>
      <c r="OYE681" s="613"/>
      <c r="OYF681" s="613"/>
      <c r="OYG681" s="613"/>
      <c r="OYH681" s="613"/>
      <c r="OYI681" s="613"/>
      <c r="OYJ681" s="613"/>
      <c r="OYK681" s="613"/>
      <c r="OYL681" s="613"/>
      <c r="OYM681" s="613"/>
      <c r="OYN681" s="613"/>
      <c r="OYO681" s="613"/>
      <c r="OYP681" s="613"/>
      <c r="OYQ681" s="613"/>
      <c r="OYR681" s="613"/>
      <c r="OYS681" s="613"/>
      <c r="OYT681" s="613"/>
      <c r="OYU681" s="613"/>
      <c r="OYV681" s="613"/>
      <c r="OYW681" s="613"/>
      <c r="OYX681" s="613"/>
      <c r="OYY681" s="613"/>
      <c r="OYZ681" s="613"/>
      <c r="OZA681" s="613"/>
      <c r="OZB681" s="613"/>
      <c r="OZC681" s="613"/>
      <c r="OZD681" s="613"/>
      <c r="OZE681" s="613"/>
      <c r="OZF681" s="613"/>
      <c r="OZG681" s="613"/>
      <c r="OZH681" s="613"/>
      <c r="OZI681" s="613"/>
      <c r="OZJ681" s="613"/>
      <c r="OZK681" s="613"/>
      <c r="OZL681" s="613"/>
      <c r="OZM681" s="613"/>
      <c r="OZN681" s="613"/>
      <c r="OZO681" s="613"/>
      <c r="OZP681" s="613"/>
      <c r="OZQ681" s="613"/>
      <c r="OZR681" s="613"/>
      <c r="OZS681" s="613"/>
      <c r="OZT681" s="613"/>
      <c r="OZU681" s="613"/>
      <c r="OZV681" s="613"/>
      <c r="OZW681" s="613"/>
      <c r="OZX681" s="613"/>
      <c r="OZY681" s="613"/>
      <c r="OZZ681" s="613"/>
      <c r="PAA681" s="613"/>
      <c r="PAB681" s="613"/>
      <c r="PAC681" s="613"/>
      <c r="PAD681" s="613"/>
      <c r="PAE681" s="613"/>
      <c r="PAF681" s="613"/>
      <c r="PAG681" s="613"/>
      <c r="PAH681" s="613"/>
      <c r="PAI681" s="613"/>
      <c r="PAJ681" s="613"/>
      <c r="PAK681" s="613"/>
      <c r="PAL681" s="613"/>
      <c r="PAM681" s="613"/>
      <c r="PAN681" s="613"/>
      <c r="PAO681" s="613"/>
      <c r="PAP681" s="613"/>
      <c r="PAQ681" s="613"/>
      <c r="PAR681" s="613"/>
      <c r="PAS681" s="613"/>
      <c r="PAT681" s="613"/>
      <c r="PAU681" s="613"/>
      <c r="PAV681" s="613"/>
      <c r="PAW681" s="613"/>
      <c r="PAX681" s="613"/>
      <c r="PAY681" s="613"/>
      <c r="PAZ681" s="613"/>
      <c r="PBA681" s="613"/>
      <c r="PBB681" s="613"/>
      <c r="PBC681" s="613"/>
      <c r="PBD681" s="613"/>
      <c r="PBE681" s="613"/>
      <c r="PBF681" s="613"/>
      <c r="PBG681" s="613"/>
      <c r="PBH681" s="613"/>
      <c r="PBI681" s="613"/>
      <c r="PBJ681" s="613"/>
      <c r="PBK681" s="613"/>
      <c r="PBL681" s="613"/>
      <c r="PBM681" s="613"/>
      <c r="PBN681" s="613"/>
      <c r="PBO681" s="613"/>
      <c r="PBP681" s="613"/>
      <c r="PBQ681" s="613"/>
      <c r="PBR681" s="613"/>
      <c r="PBS681" s="613"/>
      <c r="PBT681" s="613"/>
      <c r="PBU681" s="613"/>
      <c r="PBV681" s="613"/>
      <c r="PBW681" s="613"/>
      <c r="PBX681" s="613"/>
      <c r="PBY681" s="613"/>
      <c r="PBZ681" s="613"/>
      <c r="PCA681" s="613"/>
      <c r="PCB681" s="613"/>
      <c r="PCC681" s="613"/>
      <c r="PCD681" s="613"/>
      <c r="PCE681" s="613"/>
      <c r="PCF681" s="613"/>
      <c r="PCG681" s="613"/>
      <c r="PCH681" s="613"/>
      <c r="PCI681" s="613"/>
      <c r="PCJ681" s="613"/>
      <c r="PCK681" s="613"/>
      <c r="PCL681" s="613"/>
      <c r="PCM681" s="613"/>
      <c r="PCN681" s="613"/>
      <c r="PCO681" s="613"/>
      <c r="PCP681" s="613"/>
      <c r="PCQ681" s="613"/>
      <c r="PCR681" s="613"/>
      <c r="PCS681" s="613"/>
      <c r="PCT681" s="613"/>
      <c r="PCU681" s="613"/>
      <c r="PCV681" s="613"/>
      <c r="PCW681" s="613"/>
      <c r="PCX681" s="613"/>
      <c r="PCY681" s="613"/>
      <c r="PCZ681" s="613"/>
      <c r="PDA681" s="613"/>
      <c r="PDB681" s="613"/>
      <c r="PDC681" s="613"/>
      <c r="PDD681" s="613"/>
      <c r="PDE681" s="613"/>
      <c r="PDF681" s="613"/>
      <c r="PDG681" s="613"/>
      <c r="PDH681" s="613"/>
      <c r="PDI681" s="613"/>
      <c r="PDJ681" s="613"/>
      <c r="PDK681" s="613"/>
      <c r="PDL681" s="613"/>
      <c r="PDM681" s="613"/>
      <c r="PDN681" s="613"/>
      <c r="PDO681" s="613"/>
      <c r="PDP681" s="613"/>
      <c r="PDQ681" s="613"/>
      <c r="PDR681" s="613"/>
      <c r="PDS681" s="613"/>
      <c r="PDT681" s="613"/>
      <c r="PDU681" s="613"/>
      <c r="PDV681" s="613"/>
      <c r="PDW681" s="613"/>
      <c r="PDX681" s="613"/>
      <c r="PDY681" s="613"/>
      <c r="PDZ681" s="613"/>
      <c r="PEA681" s="613"/>
      <c r="PEB681" s="613"/>
      <c r="PEC681" s="613"/>
      <c r="PED681" s="613"/>
      <c r="PEE681" s="613"/>
      <c r="PEF681" s="613"/>
      <c r="PEG681" s="613"/>
      <c r="PEH681" s="613"/>
      <c r="PEI681" s="613"/>
      <c r="PEJ681" s="613"/>
      <c r="PEK681" s="613"/>
      <c r="PEL681" s="613"/>
      <c r="PEM681" s="613"/>
      <c r="PEN681" s="613"/>
      <c r="PEO681" s="613"/>
      <c r="PEP681" s="613"/>
      <c r="PEQ681" s="613"/>
      <c r="PER681" s="613"/>
      <c r="PES681" s="613"/>
      <c r="PET681" s="613"/>
      <c r="PEU681" s="613"/>
      <c r="PEV681" s="613"/>
      <c r="PEW681" s="613"/>
      <c r="PEX681" s="613"/>
      <c r="PEY681" s="613"/>
      <c r="PEZ681" s="613"/>
      <c r="PFA681" s="613"/>
      <c r="PFB681" s="613"/>
      <c r="PFC681" s="613"/>
      <c r="PFD681" s="613"/>
      <c r="PFE681" s="613"/>
      <c r="PFF681" s="613"/>
      <c r="PFG681" s="613"/>
      <c r="PFH681" s="613"/>
      <c r="PFI681" s="613"/>
      <c r="PFJ681" s="613"/>
      <c r="PFK681" s="613"/>
      <c r="PFL681" s="613"/>
      <c r="PFM681" s="613"/>
      <c r="PFN681" s="613"/>
      <c r="PFO681" s="613"/>
      <c r="PFP681" s="613"/>
      <c r="PFQ681" s="613"/>
      <c r="PFR681" s="613"/>
      <c r="PFS681" s="613"/>
      <c r="PFT681" s="613"/>
      <c r="PFU681" s="613"/>
      <c r="PFV681" s="613"/>
      <c r="PFW681" s="613"/>
      <c r="PFX681" s="613"/>
      <c r="PFY681" s="613"/>
      <c r="PFZ681" s="613"/>
      <c r="PGA681" s="613"/>
      <c r="PGB681" s="613"/>
      <c r="PGC681" s="613"/>
      <c r="PGD681" s="613"/>
      <c r="PGE681" s="613"/>
      <c r="PGF681" s="613"/>
      <c r="PGG681" s="613"/>
      <c r="PGH681" s="613"/>
      <c r="PGI681" s="613"/>
      <c r="PGJ681" s="613"/>
      <c r="PGK681" s="613"/>
      <c r="PGL681" s="613"/>
      <c r="PGM681" s="613"/>
      <c r="PGN681" s="613"/>
      <c r="PGO681" s="613"/>
      <c r="PGP681" s="613"/>
      <c r="PGQ681" s="613"/>
      <c r="PGR681" s="613"/>
      <c r="PGS681" s="613"/>
      <c r="PGT681" s="613"/>
      <c r="PGU681" s="613"/>
      <c r="PGV681" s="613"/>
      <c r="PGW681" s="613"/>
      <c r="PGX681" s="613"/>
      <c r="PGY681" s="613"/>
      <c r="PGZ681" s="613"/>
      <c r="PHA681" s="613"/>
      <c r="PHB681" s="613"/>
      <c r="PHC681" s="613"/>
      <c r="PHD681" s="613"/>
      <c r="PHE681" s="613"/>
      <c r="PHF681" s="613"/>
      <c r="PHG681" s="613"/>
      <c r="PHH681" s="613"/>
      <c r="PHI681" s="613"/>
      <c r="PHJ681" s="613"/>
      <c r="PHK681" s="613"/>
      <c r="PHL681" s="613"/>
      <c r="PHM681" s="613"/>
      <c r="PHN681" s="613"/>
      <c r="PHO681" s="613"/>
      <c r="PHP681" s="613"/>
      <c r="PHQ681" s="613"/>
      <c r="PHR681" s="613"/>
      <c r="PHS681" s="613"/>
      <c r="PHT681" s="613"/>
      <c r="PHU681" s="613"/>
      <c r="PHV681" s="613"/>
      <c r="PHW681" s="613"/>
      <c r="PHX681" s="613"/>
      <c r="PHY681" s="613"/>
      <c r="PHZ681" s="613"/>
      <c r="PIA681" s="613"/>
      <c r="PIB681" s="613"/>
      <c r="PIC681" s="613"/>
      <c r="PID681" s="613"/>
      <c r="PIE681" s="613"/>
      <c r="PIF681" s="613"/>
      <c r="PIG681" s="613"/>
      <c r="PIH681" s="613"/>
      <c r="PII681" s="613"/>
      <c r="PIJ681" s="613"/>
      <c r="PIK681" s="613"/>
      <c r="PIL681" s="613"/>
      <c r="PIM681" s="613"/>
      <c r="PIN681" s="613"/>
      <c r="PIO681" s="613"/>
      <c r="PIP681" s="613"/>
      <c r="PIQ681" s="613"/>
      <c r="PIR681" s="613"/>
      <c r="PIS681" s="613"/>
      <c r="PIT681" s="613"/>
      <c r="PIU681" s="613"/>
      <c r="PIV681" s="613"/>
      <c r="PIW681" s="613"/>
      <c r="PIX681" s="613"/>
      <c r="PIY681" s="613"/>
      <c r="PIZ681" s="613"/>
      <c r="PJA681" s="613"/>
      <c r="PJB681" s="613"/>
      <c r="PJC681" s="613"/>
      <c r="PJD681" s="613"/>
      <c r="PJE681" s="613"/>
      <c r="PJF681" s="613"/>
      <c r="PJG681" s="613"/>
      <c r="PJH681" s="613"/>
      <c r="PJI681" s="613"/>
      <c r="PJJ681" s="613"/>
      <c r="PJK681" s="613"/>
      <c r="PJL681" s="613"/>
      <c r="PJM681" s="613"/>
      <c r="PJN681" s="613"/>
      <c r="PJO681" s="613"/>
      <c r="PJP681" s="613"/>
      <c r="PJQ681" s="613"/>
      <c r="PJR681" s="613"/>
      <c r="PJS681" s="613"/>
      <c r="PJT681" s="613"/>
      <c r="PJU681" s="613"/>
      <c r="PJV681" s="613"/>
      <c r="PJW681" s="613"/>
      <c r="PJX681" s="613"/>
      <c r="PJY681" s="613"/>
      <c r="PJZ681" s="613"/>
      <c r="PKA681" s="613"/>
      <c r="PKB681" s="613"/>
      <c r="PKC681" s="613"/>
      <c r="PKD681" s="613"/>
      <c r="PKE681" s="613"/>
      <c r="PKF681" s="613"/>
      <c r="PKG681" s="613"/>
      <c r="PKH681" s="613"/>
      <c r="PKI681" s="613"/>
      <c r="PKJ681" s="613"/>
      <c r="PKK681" s="613"/>
      <c r="PKL681" s="613"/>
      <c r="PKM681" s="613"/>
      <c r="PKN681" s="613"/>
      <c r="PKO681" s="613"/>
      <c r="PKP681" s="613"/>
      <c r="PKQ681" s="613"/>
      <c r="PKR681" s="613"/>
      <c r="PKS681" s="613"/>
      <c r="PKT681" s="613"/>
      <c r="PKU681" s="613"/>
      <c r="PKV681" s="613"/>
      <c r="PKW681" s="613"/>
      <c r="PKX681" s="613"/>
      <c r="PKY681" s="613"/>
      <c r="PKZ681" s="613"/>
      <c r="PLA681" s="613"/>
      <c r="PLB681" s="613"/>
      <c r="PLC681" s="613"/>
      <c r="PLD681" s="613"/>
      <c r="PLE681" s="613"/>
      <c r="PLF681" s="613"/>
      <c r="PLG681" s="613"/>
      <c r="PLH681" s="613"/>
      <c r="PLI681" s="613"/>
      <c r="PLJ681" s="613"/>
      <c r="PLK681" s="613"/>
      <c r="PLL681" s="613"/>
      <c r="PLM681" s="613"/>
      <c r="PLN681" s="613"/>
      <c r="PLO681" s="613"/>
      <c r="PLP681" s="613"/>
      <c r="PLQ681" s="613"/>
      <c r="PLR681" s="613"/>
      <c r="PLS681" s="613"/>
      <c r="PLT681" s="613"/>
      <c r="PLU681" s="613"/>
      <c r="PLV681" s="613"/>
      <c r="PLW681" s="613"/>
      <c r="PLX681" s="613"/>
      <c r="PLY681" s="613"/>
      <c r="PLZ681" s="613"/>
      <c r="PMA681" s="613"/>
      <c r="PMB681" s="613"/>
      <c r="PMC681" s="613"/>
      <c r="PMD681" s="613"/>
      <c r="PME681" s="613"/>
      <c r="PMF681" s="613"/>
      <c r="PMG681" s="613"/>
      <c r="PMH681" s="613"/>
      <c r="PMI681" s="613"/>
      <c r="PMJ681" s="613"/>
      <c r="PMK681" s="613"/>
      <c r="PML681" s="613"/>
      <c r="PMM681" s="613"/>
      <c r="PMN681" s="613"/>
      <c r="PMO681" s="613"/>
      <c r="PMP681" s="613"/>
      <c r="PMQ681" s="613"/>
      <c r="PMR681" s="613"/>
      <c r="PMS681" s="613"/>
      <c r="PMT681" s="613"/>
      <c r="PMU681" s="613"/>
      <c r="PMV681" s="613"/>
      <c r="PMW681" s="613"/>
      <c r="PMX681" s="613"/>
      <c r="PMY681" s="613"/>
      <c r="PMZ681" s="613"/>
      <c r="PNA681" s="613"/>
      <c r="PNB681" s="613"/>
      <c r="PNC681" s="613"/>
      <c r="PND681" s="613"/>
      <c r="PNE681" s="613"/>
      <c r="PNF681" s="613"/>
      <c r="PNG681" s="613"/>
      <c r="PNH681" s="613"/>
      <c r="PNI681" s="613"/>
      <c r="PNJ681" s="613"/>
      <c r="PNK681" s="613"/>
      <c r="PNL681" s="613"/>
      <c r="PNM681" s="613"/>
      <c r="PNN681" s="613"/>
      <c r="PNO681" s="613"/>
      <c r="PNP681" s="613"/>
      <c r="PNQ681" s="613"/>
      <c r="PNR681" s="613"/>
      <c r="PNS681" s="613"/>
      <c r="PNT681" s="613"/>
      <c r="PNU681" s="613"/>
      <c r="PNV681" s="613"/>
      <c r="PNW681" s="613"/>
      <c r="PNX681" s="613"/>
      <c r="PNY681" s="613"/>
      <c r="PNZ681" s="613"/>
      <c r="POA681" s="613"/>
      <c r="POB681" s="613"/>
      <c r="POC681" s="613"/>
      <c r="POD681" s="613"/>
      <c r="POE681" s="613"/>
      <c r="POF681" s="613"/>
      <c r="POG681" s="613"/>
      <c r="POH681" s="613"/>
      <c r="POI681" s="613"/>
      <c r="POJ681" s="613"/>
      <c r="POK681" s="613"/>
      <c r="POL681" s="613"/>
      <c r="POM681" s="613"/>
      <c r="PON681" s="613"/>
      <c r="POO681" s="613"/>
      <c r="POP681" s="613"/>
      <c r="POQ681" s="613"/>
      <c r="POR681" s="613"/>
      <c r="POS681" s="613"/>
      <c r="POT681" s="613"/>
      <c r="POU681" s="613"/>
      <c r="POV681" s="613"/>
      <c r="POW681" s="613"/>
      <c r="POX681" s="613"/>
      <c r="POY681" s="613"/>
      <c r="POZ681" s="613"/>
      <c r="PPA681" s="613"/>
      <c r="PPB681" s="613"/>
      <c r="PPC681" s="613"/>
      <c r="PPD681" s="613"/>
      <c r="PPE681" s="613"/>
      <c r="PPF681" s="613"/>
      <c r="PPG681" s="613"/>
      <c r="PPH681" s="613"/>
      <c r="PPI681" s="613"/>
      <c r="PPJ681" s="613"/>
      <c r="PPK681" s="613"/>
      <c r="PPL681" s="613"/>
      <c r="PPM681" s="613"/>
      <c r="PPN681" s="613"/>
      <c r="PPO681" s="613"/>
      <c r="PPP681" s="613"/>
      <c r="PPQ681" s="613"/>
      <c r="PPR681" s="613"/>
      <c r="PPS681" s="613"/>
      <c r="PPT681" s="613"/>
      <c r="PPU681" s="613"/>
      <c r="PPV681" s="613"/>
      <c r="PPW681" s="613"/>
      <c r="PPX681" s="613"/>
      <c r="PPY681" s="613"/>
      <c r="PPZ681" s="613"/>
      <c r="PQA681" s="613"/>
      <c r="PQB681" s="613"/>
      <c r="PQC681" s="613"/>
      <c r="PQD681" s="613"/>
      <c r="PQE681" s="613"/>
      <c r="PQF681" s="613"/>
      <c r="PQG681" s="613"/>
      <c r="PQH681" s="613"/>
      <c r="PQI681" s="613"/>
      <c r="PQJ681" s="613"/>
      <c r="PQK681" s="613"/>
      <c r="PQL681" s="613"/>
      <c r="PQM681" s="613"/>
      <c r="PQN681" s="613"/>
      <c r="PQO681" s="613"/>
      <c r="PQP681" s="613"/>
      <c r="PQQ681" s="613"/>
      <c r="PQR681" s="613"/>
      <c r="PQS681" s="613"/>
      <c r="PQT681" s="613"/>
      <c r="PQU681" s="613"/>
      <c r="PQV681" s="613"/>
      <c r="PQW681" s="613"/>
      <c r="PQX681" s="613"/>
      <c r="PQY681" s="613"/>
      <c r="PQZ681" s="613"/>
      <c r="PRA681" s="613"/>
      <c r="PRB681" s="613"/>
      <c r="PRC681" s="613"/>
      <c r="PRD681" s="613"/>
      <c r="PRE681" s="613"/>
      <c r="PRF681" s="613"/>
      <c r="PRG681" s="613"/>
      <c r="PRH681" s="613"/>
      <c r="PRI681" s="613"/>
      <c r="PRJ681" s="613"/>
      <c r="PRK681" s="613"/>
      <c r="PRL681" s="613"/>
      <c r="PRM681" s="613"/>
      <c r="PRN681" s="613"/>
      <c r="PRO681" s="613"/>
      <c r="PRP681" s="613"/>
      <c r="PRQ681" s="613"/>
      <c r="PRR681" s="613"/>
      <c r="PRS681" s="613"/>
      <c r="PRT681" s="613"/>
      <c r="PRU681" s="613"/>
      <c r="PRV681" s="613"/>
      <c r="PRW681" s="613"/>
      <c r="PRX681" s="613"/>
      <c r="PRY681" s="613"/>
      <c r="PRZ681" s="613"/>
      <c r="PSA681" s="613"/>
      <c r="PSB681" s="613"/>
      <c r="PSC681" s="613"/>
      <c r="PSD681" s="613"/>
      <c r="PSE681" s="613"/>
      <c r="PSF681" s="613"/>
      <c r="PSG681" s="613"/>
      <c r="PSH681" s="613"/>
      <c r="PSI681" s="613"/>
      <c r="PSJ681" s="613"/>
      <c r="PSK681" s="613"/>
      <c r="PSL681" s="613"/>
      <c r="PSM681" s="613"/>
      <c r="PSN681" s="613"/>
      <c r="PSO681" s="613"/>
      <c r="PSP681" s="613"/>
      <c r="PSQ681" s="613"/>
      <c r="PSR681" s="613"/>
      <c r="PSS681" s="613"/>
      <c r="PST681" s="613"/>
      <c r="PSU681" s="613"/>
      <c r="PSV681" s="613"/>
      <c r="PSW681" s="613"/>
      <c r="PSX681" s="613"/>
      <c r="PSY681" s="613"/>
      <c r="PSZ681" s="613"/>
      <c r="PTA681" s="613"/>
      <c r="PTB681" s="613"/>
      <c r="PTC681" s="613"/>
      <c r="PTD681" s="613"/>
      <c r="PTE681" s="613"/>
      <c r="PTF681" s="613"/>
      <c r="PTG681" s="613"/>
      <c r="PTH681" s="613"/>
      <c r="PTI681" s="613"/>
      <c r="PTJ681" s="613"/>
      <c r="PTK681" s="613"/>
      <c r="PTL681" s="613"/>
      <c r="PTM681" s="613"/>
      <c r="PTN681" s="613"/>
      <c r="PTO681" s="613"/>
      <c r="PTP681" s="613"/>
      <c r="PTQ681" s="613"/>
      <c r="PTR681" s="613"/>
      <c r="PTS681" s="613"/>
      <c r="PTT681" s="613"/>
      <c r="PTU681" s="613"/>
      <c r="PTV681" s="613"/>
      <c r="PTW681" s="613"/>
      <c r="PTX681" s="613"/>
      <c r="PTY681" s="613"/>
      <c r="PTZ681" s="613"/>
      <c r="PUA681" s="613"/>
      <c r="PUB681" s="613"/>
      <c r="PUC681" s="613"/>
      <c r="PUD681" s="613"/>
      <c r="PUE681" s="613"/>
      <c r="PUF681" s="613"/>
      <c r="PUG681" s="613"/>
      <c r="PUH681" s="613"/>
      <c r="PUI681" s="613"/>
      <c r="PUJ681" s="613"/>
      <c r="PUK681" s="613"/>
      <c r="PUL681" s="613"/>
      <c r="PUM681" s="613"/>
      <c r="PUN681" s="613"/>
      <c r="PUO681" s="613"/>
      <c r="PUP681" s="613"/>
      <c r="PUQ681" s="613"/>
      <c r="PUR681" s="613"/>
      <c r="PUS681" s="613"/>
      <c r="PUT681" s="613"/>
      <c r="PUU681" s="613"/>
      <c r="PUV681" s="613"/>
      <c r="PUW681" s="613"/>
      <c r="PUX681" s="613"/>
      <c r="PUY681" s="613"/>
      <c r="PUZ681" s="613"/>
      <c r="PVA681" s="613"/>
      <c r="PVB681" s="613"/>
      <c r="PVC681" s="613"/>
      <c r="PVD681" s="613"/>
      <c r="PVE681" s="613"/>
      <c r="PVF681" s="613"/>
      <c r="PVG681" s="613"/>
      <c r="PVH681" s="613"/>
      <c r="PVI681" s="613"/>
      <c r="PVJ681" s="613"/>
      <c r="PVK681" s="613"/>
      <c r="PVL681" s="613"/>
      <c r="PVM681" s="613"/>
      <c r="PVN681" s="613"/>
      <c r="PVO681" s="613"/>
      <c r="PVP681" s="613"/>
      <c r="PVQ681" s="613"/>
      <c r="PVR681" s="613"/>
      <c r="PVS681" s="613"/>
      <c r="PVT681" s="613"/>
      <c r="PVU681" s="613"/>
      <c r="PVV681" s="613"/>
      <c r="PVW681" s="613"/>
      <c r="PVX681" s="613"/>
      <c r="PVY681" s="613"/>
      <c r="PVZ681" s="613"/>
      <c r="PWA681" s="613"/>
      <c r="PWB681" s="613"/>
      <c r="PWC681" s="613"/>
      <c r="PWD681" s="613"/>
      <c r="PWE681" s="613"/>
      <c r="PWF681" s="613"/>
      <c r="PWG681" s="613"/>
      <c r="PWH681" s="613"/>
      <c r="PWI681" s="613"/>
      <c r="PWJ681" s="613"/>
      <c r="PWK681" s="613"/>
      <c r="PWL681" s="613"/>
      <c r="PWM681" s="613"/>
      <c r="PWN681" s="613"/>
      <c r="PWO681" s="613"/>
      <c r="PWP681" s="613"/>
      <c r="PWQ681" s="613"/>
      <c r="PWR681" s="613"/>
      <c r="PWS681" s="613"/>
      <c r="PWT681" s="613"/>
      <c r="PWU681" s="613"/>
      <c r="PWV681" s="613"/>
      <c r="PWW681" s="613"/>
      <c r="PWX681" s="613"/>
      <c r="PWY681" s="613"/>
      <c r="PWZ681" s="613"/>
      <c r="PXA681" s="613"/>
      <c r="PXB681" s="613"/>
      <c r="PXC681" s="613"/>
      <c r="PXD681" s="613"/>
      <c r="PXE681" s="613"/>
      <c r="PXF681" s="613"/>
      <c r="PXG681" s="613"/>
      <c r="PXH681" s="613"/>
      <c r="PXI681" s="613"/>
      <c r="PXJ681" s="613"/>
      <c r="PXK681" s="613"/>
      <c r="PXL681" s="613"/>
      <c r="PXM681" s="613"/>
      <c r="PXN681" s="613"/>
      <c r="PXO681" s="613"/>
      <c r="PXP681" s="613"/>
      <c r="PXQ681" s="613"/>
      <c r="PXR681" s="613"/>
      <c r="PXS681" s="613"/>
      <c r="PXT681" s="613"/>
      <c r="PXU681" s="613"/>
      <c r="PXV681" s="613"/>
      <c r="PXW681" s="613"/>
      <c r="PXX681" s="613"/>
      <c r="PXY681" s="613"/>
      <c r="PXZ681" s="613"/>
      <c r="PYA681" s="613"/>
      <c r="PYB681" s="613"/>
      <c r="PYC681" s="613"/>
      <c r="PYD681" s="613"/>
      <c r="PYE681" s="613"/>
      <c r="PYF681" s="613"/>
      <c r="PYG681" s="613"/>
      <c r="PYH681" s="613"/>
      <c r="PYI681" s="613"/>
      <c r="PYJ681" s="613"/>
      <c r="PYK681" s="613"/>
      <c r="PYL681" s="613"/>
      <c r="PYM681" s="613"/>
      <c r="PYN681" s="613"/>
      <c r="PYO681" s="613"/>
      <c r="PYP681" s="613"/>
      <c r="PYQ681" s="613"/>
      <c r="PYR681" s="613"/>
      <c r="PYS681" s="613"/>
      <c r="PYT681" s="613"/>
      <c r="PYU681" s="613"/>
      <c r="PYV681" s="613"/>
      <c r="PYW681" s="613"/>
      <c r="PYX681" s="613"/>
      <c r="PYY681" s="613"/>
      <c r="PYZ681" s="613"/>
      <c r="PZA681" s="613"/>
      <c r="PZB681" s="613"/>
      <c r="PZC681" s="613"/>
      <c r="PZD681" s="613"/>
      <c r="PZE681" s="613"/>
      <c r="PZF681" s="613"/>
      <c r="PZG681" s="613"/>
      <c r="PZH681" s="613"/>
      <c r="PZI681" s="613"/>
      <c r="PZJ681" s="613"/>
      <c r="PZK681" s="613"/>
      <c r="PZL681" s="613"/>
      <c r="PZM681" s="613"/>
      <c r="PZN681" s="613"/>
      <c r="PZO681" s="613"/>
      <c r="PZP681" s="613"/>
      <c r="PZQ681" s="613"/>
      <c r="PZR681" s="613"/>
      <c r="PZS681" s="613"/>
      <c r="PZT681" s="613"/>
      <c r="PZU681" s="613"/>
      <c r="PZV681" s="613"/>
      <c r="PZW681" s="613"/>
      <c r="PZX681" s="613"/>
      <c r="PZY681" s="613"/>
      <c r="PZZ681" s="613"/>
      <c r="QAA681" s="613"/>
      <c r="QAB681" s="613"/>
      <c r="QAC681" s="613"/>
      <c r="QAD681" s="613"/>
      <c r="QAE681" s="613"/>
      <c r="QAF681" s="613"/>
      <c r="QAG681" s="613"/>
      <c r="QAH681" s="613"/>
      <c r="QAI681" s="613"/>
      <c r="QAJ681" s="613"/>
      <c r="QAK681" s="613"/>
      <c r="QAL681" s="613"/>
      <c r="QAM681" s="613"/>
      <c r="QAN681" s="613"/>
      <c r="QAO681" s="613"/>
      <c r="QAP681" s="613"/>
      <c r="QAQ681" s="613"/>
      <c r="QAR681" s="613"/>
      <c r="QAS681" s="613"/>
      <c r="QAT681" s="613"/>
      <c r="QAU681" s="613"/>
      <c r="QAV681" s="613"/>
      <c r="QAW681" s="613"/>
      <c r="QAX681" s="613"/>
      <c r="QAY681" s="613"/>
      <c r="QAZ681" s="613"/>
      <c r="QBA681" s="613"/>
      <c r="QBB681" s="613"/>
      <c r="QBC681" s="613"/>
      <c r="QBD681" s="613"/>
      <c r="QBE681" s="613"/>
      <c r="QBF681" s="613"/>
      <c r="QBG681" s="613"/>
      <c r="QBH681" s="613"/>
      <c r="QBI681" s="613"/>
      <c r="QBJ681" s="613"/>
      <c r="QBK681" s="613"/>
      <c r="QBL681" s="613"/>
      <c r="QBM681" s="613"/>
      <c r="QBN681" s="613"/>
      <c r="QBO681" s="613"/>
      <c r="QBP681" s="613"/>
      <c r="QBQ681" s="613"/>
      <c r="QBR681" s="613"/>
      <c r="QBS681" s="613"/>
      <c r="QBT681" s="613"/>
      <c r="QBU681" s="613"/>
      <c r="QBV681" s="613"/>
      <c r="QBW681" s="613"/>
      <c r="QBX681" s="613"/>
      <c r="QBY681" s="613"/>
      <c r="QBZ681" s="613"/>
      <c r="QCA681" s="613"/>
      <c r="QCB681" s="613"/>
      <c r="QCC681" s="613"/>
      <c r="QCD681" s="613"/>
      <c r="QCE681" s="613"/>
      <c r="QCF681" s="613"/>
      <c r="QCG681" s="613"/>
      <c r="QCH681" s="613"/>
      <c r="QCI681" s="613"/>
      <c r="QCJ681" s="613"/>
      <c r="QCK681" s="613"/>
      <c r="QCL681" s="613"/>
      <c r="QCM681" s="613"/>
      <c r="QCN681" s="613"/>
      <c r="QCO681" s="613"/>
      <c r="QCP681" s="613"/>
      <c r="QCQ681" s="613"/>
      <c r="QCR681" s="613"/>
      <c r="QCS681" s="613"/>
      <c r="QCT681" s="613"/>
      <c r="QCU681" s="613"/>
      <c r="QCV681" s="613"/>
      <c r="QCW681" s="613"/>
      <c r="QCX681" s="613"/>
      <c r="QCY681" s="613"/>
      <c r="QCZ681" s="613"/>
      <c r="QDA681" s="613"/>
      <c r="QDB681" s="613"/>
      <c r="QDC681" s="613"/>
      <c r="QDD681" s="613"/>
      <c r="QDE681" s="613"/>
      <c r="QDF681" s="613"/>
      <c r="QDG681" s="613"/>
      <c r="QDH681" s="613"/>
      <c r="QDI681" s="613"/>
      <c r="QDJ681" s="613"/>
      <c r="QDK681" s="613"/>
      <c r="QDL681" s="613"/>
      <c r="QDM681" s="613"/>
      <c r="QDN681" s="613"/>
      <c r="QDO681" s="613"/>
      <c r="QDP681" s="613"/>
      <c r="QDQ681" s="613"/>
      <c r="QDR681" s="613"/>
      <c r="QDS681" s="613"/>
      <c r="QDT681" s="613"/>
      <c r="QDU681" s="613"/>
      <c r="QDV681" s="613"/>
      <c r="QDW681" s="613"/>
      <c r="QDX681" s="613"/>
      <c r="QDY681" s="613"/>
      <c r="QDZ681" s="613"/>
      <c r="QEA681" s="613"/>
      <c r="QEB681" s="613"/>
      <c r="QEC681" s="613"/>
      <c r="QED681" s="613"/>
      <c r="QEE681" s="613"/>
      <c r="QEF681" s="613"/>
      <c r="QEG681" s="613"/>
      <c r="QEH681" s="613"/>
      <c r="QEI681" s="613"/>
      <c r="QEJ681" s="613"/>
      <c r="QEK681" s="613"/>
      <c r="QEL681" s="613"/>
      <c r="QEM681" s="613"/>
      <c r="QEN681" s="613"/>
      <c r="QEO681" s="613"/>
      <c r="QEP681" s="613"/>
      <c r="QEQ681" s="613"/>
      <c r="QER681" s="613"/>
      <c r="QES681" s="613"/>
      <c r="QET681" s="613"/>
      <c r="QEU681" s="613"/>
      <c r="QEV681" s="613"/>
      <c r="QEW681" s="613"/>
      <c r="QEX681" s="613"/>
      <c r="QEY681" s="613"/>
      <c r="QEZ681" s="613"/>
      <c r="QFA681" s="613"/>
      <c r="QFB681" s="613"/>
      <c r="QFC681" s="613"/>
      <c r="QFD681" s="613"/>
      <c r="QFE681" s="613"/>
      <c r="QFF681" s="613"/>
      <c r="QFG681" s="613"/>
      <c r="QFH681" s="613"/>
      <c r="QFI681" s="613"/>
      <c r="QFJ681" s="613"/>
      <c r="QFK681" s="613"/>
      <c r="QFL681" s="613"/>
      <c r="QFM681" s="613"/>
      <c r="QFN681" s="613"/>
      <c r="QFO681" s="613"/>
      <c r="QFP681" s="613"/>
      <c r="QFQ681" s="613"/>
      <c r="QFR681" s="613"/>
      <c r="QFS681" s="613"/>
      <c r="QFT681" s="613"/>
      <c r="QFU681" s="613"/>
      <c r="QFV681" s="613"/>
      <c r="QFW681" s="613"/>
      <c r="QFX681" s="613"/>
      <c r="QFY681" s="613"/>
      <c r="QFZ681" s="613"/>
      <c r="QGA681" s="613"/>
      <c r="QGB681" s="613"/>
      <c r="QGC681" s="613"/>
      <c r="QGD681" s="613"/>
      <c r="QGE681" s="613"/>
      <c r="QGF681" s="613"/>
      <c r="QGG681" s="613"/>
      <c r="QGH681" s="613"/>
      <c r="QGI681" s="613"/>
      <c r="QGJ681" s="613"/>
      <c r="QGK681" s="613"/>
      <c r="QGL681" s="613"/>
      <c r="QGM681" s="613"/>
      <c r="QGN681" s="613"/>
      <c r="QGO681" s="613"/>
      <c r="QGP681" s="613"/>
      <c r="QGQ681" s="613"/>
      <c r="QGR681" s="613"/>
      <c r="QGS681" s="613"/>
      <c r="QGT681" s="613"/>
      <c r="QGU681" s="613"/>
      <c r="QGV681" s="613"/>
      <c r="QGW681" s="613"/>
      <c r="QGX681" s="613"/>
      <c r="QGY681" s="613"/>
      <c r="QGZ681" s="613"/>
      <c r="QHA681" s="613"/>
      <c r="QHB681" s="613"/>
      <c r="QHC681" s="613"/>
      <c r="QHD681" s="613"/>
      <c r="QHE681" s="613"/>
      <c r="QHF681" s="613"/>
      <c r="QHG681" s="613"/>
      <c r="QHH681" s="613"/>
      <c r="QHI681" s="613"/>
      <c r="QHJ681" s="613"/>
      <c r="QHK681" s="613"/>
      <c r="QHL681" s="613"/>
      <c r="QHM681" s="613"/>
      <c r="QHN681" s="613"/>
      <c r="QHO681" s="613"/>
      <c r="QHP681" s="613"/>
      <c r="QHQ681" s="613"/>
      <c r="QHR681" s="613"/>
      <c r="QHS681" s="613"/>
      <c r="QHT681" s="613"/>
      <c r="QHU681" s="613"/>
      <c r="QHV681" s="613"/>
      <c r="QHW681" s="613"/>
      <c r="QHX681" s="613"/>
      <c r="QHY681" s="613"/>
      <c r="QHZ681" s="613"/>
      <c r="QIA681" s="613"/>
      <c r="QIB681" s="613"/>
      <c r="QIC681" s="613"/>
      <c r="QID681" s="613"/>
      <c r="QIE681" s="613"/>
      <c r="QIF681" s="613"/>
      <c r="QIG681" s="613"/>
      <c r="QIH681" s="613"/>
      <c r="QII681" s="613"/>
      <c r="QIJ681" s="613"/>
      <c r="QIK681" s="613"/>
      <c r="QIL681" s="613"/>
      <c r="QIM681" s="613"/>
      <c r="QIN681" s="613"/>
      <c r="QIO681" s="613"/>
      <c r="QIP681" s="613"/>
      <c r="QIQ681" s="613"/>
      <c r="QIR681" s="613"/>
      <c r="QIS681" s="613"/>
      <c r="QIT681" s="613"/>
      <c r="QIU681" s="613"/>
      <c r="QIV681" s="613"/>
      <c r="QIW681" s="613"/>
      <c r="QIX681" s="613"/>
      <c r="QIY681" s="613"/>
      <c r="QIZ681" s="613"/>
      <c r="QJA681" s="613"/>
      <c r="QJB681" s="613"/>
      <c r="QJC681" s="613"/>
      <c r="QJD681" s="613"/>
      <c r="QJE681" s="613"/>
      <c r="QJF681" s="613"/>
      <c r="QJG681" s="613"/>
      <c r="QJH681" s="613"/>
      <c r="QJI681" s="613"/>
      <c r="QJJ681" s="613"/>
      <c r="QJK681" s="613"/>
      <c r="QJL681" s="613"/>
      <c r="QJM681" s="613"/>
      <c r="QJN681" s="613"/>
      <c r="QJO681" s="613"/>
      <c r="QJP681" s="613"/>
      <c r="QJQ681" s="613"/>
      <c r="QJR681" s="613"/>
      <c r="QJS681" s="613"/>
      <c r="QJT681" s="613"/>
      <c r="QJU681" s="613"/>
      <c r="QJV681" s="613"/>
      <c r="QJW681" s="613"/>
      <c r="QJX681" s="613"/>
      <c r="QJY681" s="613"/>
      <c r="QJZ681" s="613"/>
      <c r="QKA681" s="613"/>
      <c r="QKB681" s="613"/>
      <c r="QKC681" s="613"/>
      <c r="QKD681" s="613"/>
      <c r="QKE681" s="613"/>
      <c r="QKF681" s="613"/>
      <c r="QKG681" s="613"/>
      <c r="QKH681" s="613"/>
      <c r="QKI681" s="613"/>
      <c r="QKJ681" s="613"/>
      <c r="QKK681" s="613"/>
      <c r="QKL681" s="613"/>
      <c r="QKM681" s="613"/>
      <c r="QKN681" s="613"/>
      <c r="QKO681" s="613"/>
      <c r="QKP681" s="613"/>
      <c r="QKQ681" s="613"/>
      <c r="QKR681" s="613"/>
      <c r="QKS681" s="613"/>
      <c r="QKT681" s="613"/>
      <c r="QKU681" s="613"/>
      <c r="QKV681" s="613"/>
      <c r="QKW681" s="613"/>
      <c r="QKX681" s="613"/>
      <c r="QKY681" s="613"/>
      <c r="QKZ681" s="613"/>
      <c r="QLA681" s="613"/>
      <c r="QLB681" s="613"/>
      <c r="QLC681" s="613"/>
      <c r="QLD681" s="613"/>
      <c r="QLE681" s="613"/>
      <c r="QLF681" s="613"/>
      <c r="QLG681" s="613"/>
      <c r="QLH681" s="613"/>
      <c r="QLI681" s="613"/>
      <c r="QLJ681" s="613"/>
      <c r="QLK681" s="613"/>
      <c r="QLL681" s="613"/>
      <c r="QLM681" s="613"/>
      <c r="QLN681" s="613"/>
      <c r="QLO681" s="613"/>
      <c r="QLP681" s="613"/>
      <c r="QLQ681" s="613"/>
      <c r="QLR681" s="613"/>
      <c r="QLS681" s="613"/>
      <c r="QLT681" s="613"/>
      <c r="QLU681" s="613"/>
      <c r="QLV681" s="613"/>
      <c r="QLW681" s="613"/>
      <c r="QLX681" s="613"/>
      <c r="QLY681" s="613"/>
      <c r="QLZ681" s="613"/>
      <c r="QMA681" s="613"/>
      <c r="QMB681" s="613"/>
      <c r="QMC681" s="613"/>
      <c r="QMD681" s="613"/>
      <c r="QME681" s="613"/>
      <c r="QMF681" s="613"/>
      <c r="QMG681" s="613"/>
      <c r="QMH681" s="613"/>
      <c r="QMI681" s="613"/>
      <c r="QMJ681" s="613"/>
      <c r="QMK681" s="613"/>
      <c r="QML681" s="613"/>
      <c r="QMM681" s="613"/>
      <c r="QMN681" s="613"/>
      <c r="QMO681" s="613"/>
      <c r="QMP681" s="613"/>
      <c r="QMQ681" s="613"/>
      <c r="QMR681" s="613"/>
      <c r="QMS681" s="613"/>
      <c r="QMT681" s="613"/>
      <c r="QMU681" s="613"/>
      <c r="QMV681" s="613"/>
      <c r="QMW681" s="613"/>
      <c r="QMX681" s="613"/>
      <c r="QMY681" s="613"/>
      <c r="QMZ681" s="613"/>
      <c r="QNA681" s="613"/>
      <c r="QNB681" s="613"/>
      <c r="QNC681" s="613"/>
      <c r="QND681" s="613"/>
      <c r="QNE681" s="613"/>
      <c r="QNF681" s="613"/>
      <c r="QNG681" s="613"/>
      <c r="QNH681" s="613"/>
      <c r="QNI681" s="613"/>
      <c r="QNJ681" s="613"/>
      <c r="QNK681" s="613"/>
      <c r="QNL681" s="613"/>
      <c r="QNM681" s="613"/>
      <c r="QNN681" s="613"/>
      <c r="QNO681" s="613"/>
      <c r="QNP681" s="613"/>
      <c r="QNQ681" s="613"/>
      <c r="QNR681" s="613"/>
      <c r="QNS681" s="613"/>
      <c r="QNT681" s="613"/>
      <c r="QNU681" s="613"/>
      <c r="QNV681" s="613"/>
      <c r="QNW681" s="613"/>
      <c r="QNX681" s="613"/>
      <c r="QNY681" s="613"/>
      <c r="QNZ681" s="613"/>
      <c r="QOA681" s="613"/>
      <c r="QOB681" s="613"/>
      <c r="QOC681" s="613"/>
      <c r="QOD681" s="613"/>
      <c r="QOE681" s="613"/>
      <c r="QOF681" s="613"/>
      <c r="QOG681" s="613"/>
      <c r="QOH681" s="613"/>
      <c r="QOI681" s="613"/>
      <c r="QOJ681" s="613"/>
      <c r="QOK681" s="613"/>
      <c r="QOL681" s="613"/>
      <c r="QOM681" s="613"/>
      <c r="QON681" s="613"/>
      <c r="QOO681" s="613"/>
      <c r="QOP681" s="613"/>
      <c r="QOQ681" s="613"/>
      <c r="QOR681" s="613"/>
      <c r="QOS681" s="613"/>
      <c r="QOT681" s="613"/>
      <c r="QOU681" s="613"/>
      <c r="QOV681" s="613"/>
      <c r="QOW681" s="613"/>
      <c r="QOX681" s="613"/>
      <c r="QOY681" s="613"/>
      <c r="QOZ681" s="613"/>
      <c r="QPA681" s="613"/>
      <c r="QPB681" s="613"/>
      <c r="QPC681" s="613"/>
      <c r="QPD681" s="613"/>
      <c r="QPE681" s="613"/>
      <c r="QPF681" s="613"/>
      <c r="QPG681" s="613"/>
      <c r="QPH681" s="613"/>
      <c r="QPI681" s="613"/>
      <c r="QPJ681" s="613"/>
      <c r="QPK681" s="613"/>
      <c r="QPL681" s="613"/>
      <c r="QPM681" s="613"/>
      <c r="QPN681" s="613"/>
      <c r="QPO681" s="613"/>
      <c r="QPP681" s="613"/>
      <c r="QPQ681" s="613"/>
      <c r="QPR681" s="613"/>
      <c r="QPS681" s="613"/>
      <c r="QPT681" s="613"/>
      <c r="QPU681" s="613"/>
      <c r="QPV681" s="613"/>
      <c r="QPW681" s="613"/>
      <c r="QPX681" s="613"/>
      <c r="QPY681" s="613"/>
      <c r="QPZ681" s="613"/>
      <c r="QQA681" s="613"/>
      <c r="QQB681" s="613"/>
      <c r="QQC681" s="613"/>
      <c r="QQD681" s="613"/>
      <c r="QQE681" s="613"/>
      <c r="QQF681" s="613"/>
      <c r="QQG681" s="613"/>
      <c r="QQH681" s="613"/>
      <c r="QQI681" s="613"/>
      <c r="QQJ681" s="613"/>
      <c r="QQK681" s="613"/>
      <c r="QQL681" s="613"/>
      <c r="QQM681" s="613"/>
      <c r="QQN681" s="613"/>
      <c r="QQO681" s="613"/>
      <c r="QQP681" s="613"/>
      <c r="QQQ681" s="613"/>
      <c r="QQR681" s="613"/>
      <c r="QQS681" s="613"/>
      <c r="QQT681" s="613"/>
      <c r="QQU681" s="613"/>
      <c r="QQV681" s="613"/>
      <c r="QQW681" s="613"/>
      <c r="QQX681" s="613"/>
      <c r="QQY681" s="613"/>
      <c r="QQZ681" s="613"/>
      <c r="QRA681" s="613"/>
      <c r="QRB681" s="613"/>
      <c r="QRC681" s="613"/>
      <c r="QRD681" s="613"/>
      <c r="QRE681" s="613"/>
      <c r="QRF681" s="613"/>
      <c r="QRG681" s="613"/>
      <c r="QRH681" s="613"/>
      <c r="QRI681" s="613"/>
      <c r="QRJ681" s="613"/>
      <c r="QRK681" s="613"/>
      <c r="QRL681" s="613"/>
      <c r="QRM681" s="613"/>
      <c r="QRN681" s="613"/>
      <c r="QRO681" s="613"/>
      <c r="QRP681" s="613"/>
      <c r="QRQ681" s="613"/>
      <c r="QRR681" s="613"/>
      <c r="QRS681" s="613"/>
      <c r="QRT681" s="613"/>
      <c r="QRU681" s="613"/>
      <c r="QRV681" s="613"/>
      <c r="QRW681" s="613"/>
      <c r="QRX681" s="613"/>
      <c r="QRY681" s="613"/>
      <c r="QRZ681" s="613"/>
      <c r="QSA681" s="613"/>
      <c r="QSB681" s="613"/>
      <c r="QSC681" s="613"/>
      <c r="QSD681" s="613"/>
      <c r="QSE681" s="613"/>
      <c r="QSF681" s="613"/>
      <c r="QSG681" s="613"/>
      <c r="QSH681" s="613"/>
      <c r="QSI681" s="613"/>
      <c r="QSJ681" s="613"/>
      <c r="QSK681" s="613"/>
      <c r="QSL681" s="613"/>
      <c r="QSM681" s="613"/>
      <c r="QSN681" s="613"/>
      <c r="QSO681" s="613"/>
      <c r="QSP681" s="613"/>
      <c r="QSQ681" s="613"/>
      <c r="QSR681" s="613"/>
      <c r="QSS681" s="613"/>
      <c r="QST681" s="613"/>
      <c r="QSU681" s="613"/>
      <c r="QSV681" s="613"/>
      <c r="QSW681" s="613"/>
      <c r="QSX681" s="613"/>
      <c r="QSY681" s="613"/>
      <c r="QSZ681" s="613"/>
      <c r="QTA681" s="613"/>
      <c r="QTB681" s="613"/>
      <c r="QTC681" s="613"/>
      <c r="QTD681" s="613"/>
      <c r="QTE681" s="613"/>
      <c r="QTF681" s="613"/>
      <c r="QTG681" s="613"/>
      <c r="QTH681" s="613"/>
      <c r="QTI681" s="613"/>
      <c r="QTJ681" s="613"/>
      <c r="QTK681" s="613"/>
      <c r="QTL681" s="613"/>
      <c r="QTM681" s="613"/>
      <c r="QTN681" s="613"/>
      <c r="QTO681" s="613"/>
      <c r="QTP681" s="613"/>
      <c r="QTQ681" s="613"/>
      <c r="QTR681" s="613"/>
      <c r="QTS681" s="613"/>
      <c r="QTT681" s="613"/>
      <c r="QTU681" s="613"/>
      <c r="QTV681" s="613"/>
      <c r="QTW681" s="613"/>
      <c r="QTX681" s="613"/>
      <c r="QTY681" s="613"/>
      <c r="QTZ681" s="613"/>
      <c r="QUA681" s="613"/>
      <c r="QUB681" s="613"/>
      <c r="QUC681" s="613"/>
      <c r="QUD681" s="613"/>
      <c r="QUE681" s="613"/>
      <c r="QUF681" s="613"/>
      <c r="QUG681" s="613"/>
      <c r="QUH681" s="613"/>
      <c r="QUI681" s="613"/>
      <c r="QUJ681" s="613"/>
      <c r="QUK681" s="613"/>
      <c r="QUL681" s="613"/>
      <c r="QUM681" s="613"/>
      <c r="QUN681" s="613"/>
      <c r="QUO681" s="613"/>
      <c r="QUP681" s="613"/>
      <c r="QUQ681" s="613"/>
      <c r="QUR681" s="613"/>
      <c r="QUS681" s="613"/>
      <c r="QUT681" s="613"/>
      <c r="QUU681" s="613"/>
      <c r="QUV681" s="613"/>
      <c r="QUW681" s="613"/>
      <c r="QUX681" s="613"/>
      <c r="QUY681" s="613"/>
      <c r="QUZ681" s="613"/>
      <c r="QVA681" s="613"/>
      <c r="QVB681" s="613"/>
      <c r="QVC681" s="613"/>
      <c r="QVD681" s="613"/>
      <c r="QVE681" s="613"/>
      <c r="QVF681" s="613"/>
      <c r="QVG681" s="613"/>
      <c r="QVH681" s="613"/>
      <c r="QVI681" s="613"/>
      <c r="QVJ681" s="613"/>
      <c r="QVK681" s="613"/>
      <c r="QVL681" s="613"/>
      <c r="QVM681" s="613"/>
      <c r="QVN681" s="613"/>
      <c r="QVO681" s="613"/>
      <c r="QVP681" s="613"/>
      <c r="QVQ681" s="613"/>
      <c r="QVR681" s="613"/>
      <c r="QVS681" s="613"/>
      <c r="QVT681" s="613"/>
      <c r="QVU681" s="613"/>
      <c r="QVV681" s="613"/>
      <c r="QVW681" s="613"/>
      <c r="QVX681" s="613"/>
      <c r="QVY681" s="613"/>
      <c r="QVZ681" s="613"/>
      <c r="QWA681" s="613"/>
      <c r="QWB681" s="613"/>
      <c r="QWC681" s="613"/>
      <c r="QWD681" s="613"/>
      <c r="QWE681" s="613"/>
      <c r="QWF681" s="613"/>
      <c r="QWG681" s="613"/>
      <c r="QWH681" s="613"/>
      <c r="QWI681" s="613"/>
      <c r="QWJ681" s="613"/>
      <c r="QWK681" s="613"/>
      <c r="QWL681" s="613"/>
      <c r="QWM681" s="613"/>
      <c r="QWN681" s="613"/>
      <c r="QWO681" s="613"/>
      <c r="QWP681" s="613"/>
      <c r="QWQ681" s="613"/>
      <c r="QWR681" s="613"/>
      <c r="QWS681" s="613"/>
      <c r="QWT681" s="613"/>
      <c r="QWU681" s="613"/>
      <c r="QWV681" s="613"/>
      <c r="QWW681" s="613"/>
      <c r="QWX681" s="613"/>
      <c r="QWY681" s="613"/>
      <c r="QWZ681" s="613"/>
      <c r="QXA681" s="613"/>
      <c r="QXB681" s="613"/>
      <c r="QXC681" s="613"/>
      <c r="QXD681" s="613"/>
      <c r="QXE681" s="613"/>
      <c r="QXF681" s="613"/>
      <c r="QXG681" s="613"/>
      <c r="QXH681" s="613"/>
      <c r="QXI681" s="613"/>
      <c r="QXJ681" s="613"/>
      <c r="QXK681" s="613"/>
      <c r="QXL681" s="613"/>
      <c r="QXM681" s="613"/>
      <c r="QXN681" s="613"/>
      <c r="QXO681" s="613"/>
      <c r="QXP681" s="613"/>
      <c r="QXQ681" s="613"/>
      <c r="QXR681" s="613"/>
      <c r="QXS681" s="613"/>
      <c r="QXT681" s="613"/>
      <c r="QXU681" s="613"/>
      <c r="QXV681" s="613"/>
      <c r="QXW681" s="613"/>
      <c r="QXX681" s="613"/>
      <c r="QXY681" s="613"/>
      <c r="QXZ681" s="613"/>
      <c r="QYA681" s="613"/>
      <c r="QYB681" s="613"/>
      <c r="QYC681" s="613"/>
      <c r="QYD681" s="613"/>
      <c r="QYE681" s="613"/>
      <c r="QYF681" s="613"/>
      <c r="QYG681" s="613"/>
      <c r="QYH681" s="613"/>
      <c r="QYI681" s="613"/>
      <c r="QYJ681" s="613"/>
      <c r="QYK681" s="613"/>
      <c r="QYL681" s="613"/>
      <c r="QYM681" s="613"/>
      <c r="QYN681" s="613"/>
      <c r="QYO681" s="613"/>
      <c r="QYP681" s="613"/>
      <c r="QYQ681" s="613"/>
      <c r="QYR681" s="613"/>
      <c r="QYS681" s="613"/>
      <c r="QYT681" s="613"/>
      <c r="QYU681" s="613"/>
      <c r="QYV681" s="613"/>
      <c r="QYW681" s="613"/>
      <c r="QYX681" s="613"/>
      <c r="QYY681" s="613"/>
      <c r="QYZ681" s="613"/>
      <c r="QZA681" s="613"/>
      <c r="QZB681" s="613"/>
      <c r="QZC681" s="613"/>
      <c r="QZD681" s="613"/>
      <c r="QZE681" s="613"/>
      <c r="QZF681" s="613"/>
      <c r="QZG681" s="613"/>
      <c r="QZH681" s="613"/>
      <c r="QZI681" s="613"/>
      <c r="QZJ681" s="613"/>
      <c r="QZK681" s="613"/>
      <c r="QZL681" s="613"/>
      <c r="QZM681" s="613"/>
      <c r="QZN681" s="613"/>
      <c r="QZO681" s="613"/>
      <c r="QZP681" s="613"/>
      <c r="QZQ681" s="613"/>
      <c r="QZR681" s="613"/>
      <c r="QZS681" s="613"/>
      <c r="QZT681" s="613"/>
      <c r="QZU681" s="613"/>
      <c r="QZV681" s="613"/>
      <c r="QZW681" s="613"/>
      <c r="QZX681" s="613"/>
      <c r="QZY681" s="613"/>
      <c r="QZZ681" s="613"/>
      <c r="RAA681" s="613"/>
      <c r="RAB681" s="613"/>
      <c r="RAC681" s="613"/>
      <c r="RAD681" s="613"/>
      <c r="RAE681" s="613"/>
      <c r="RAF681" s="613"/>
      <c r="RAG681" s="613"/>
      <c r="RAH681" s="613"/>
      <c r="RAI681" s="613"/>
      <c r="RAJ681" s="613"/>
      <c r="RAK681" s="613"/>
      <c r="RAL681" s="613"/>
      <c r="RAM681" s="613"/>
      <c r="RAN681" s="613"/>
      <c r="RAO681" s="613"/>
      <c r="RAP681" s="613"/>
      <c r="RAQ681" s="613"/>
      <c r="RAR681" s="613"/>
      <c r="RAS681" s="613"/>
      <c r="RAT681" s="613"/>
      <c r="RAU681" s="613"/>
      <c r="RAV681" s="613"/>
      <c r="RAW681" s="613"/>
      <c r="RAX681" s="613"/>
      <c r="RAY681" s="613"/>
      <c r="RAZ681" s="613"/>
      <c r="RBA681" s="613"/>
      <c r="RBB681" s="613"/>
      <c r="RBC681" s="613"/>
      <c r="RBD681" s="613"/>
      <c r="RBE681" s="613"/>
      <c r="RBF681" s="613"/>
      <c r="RBG681" s="613"/>
      <c r="RBH681" s="613"/>
      <c r="RBI681" s="613"/>
      <c r="RBJ681" s="613"/>
      <c r="RBK681" s="613"/>
      <c r="RBL681" s="613"/>
      <c r="RBM681" s="613"/>
      <c r="RBN681" s="613"/>
      <c r="RBO681" s="613"/>
      <c r="RBP681" s="613"/>
      <c r="RBQ681" s="613"/>
      <c r="RBR681" s="613"/>
      <c r="RBS681" s="613"/>
      <c r="RBT681" s="613"/>
      <c r="RBU681" s="613"/>
      <c r="RBV681" s="613"/>
      <c r="RBW681" s="613"/>
      <c r="RBX681" s="613"/>
      <c r="RBY681" s="613"/>
      <c r="RBZ681" s="613"/>
      <c r="RCA681" s="613"/>
      <c r="RCB681" s="613"/>
      <c r="RCC681" s="613"/>
      <c r="RCD681" s="613"/>
      <c r="RCE681" s="613"/>
      <c r="RCF681" s="613"/>
      <c r="RCG681" s="613"/>
      <c r="RCH681" s="613"/>
      <c r="RCI681" s="613"/>
      <c r="RCJ681" s="613"/>
      <c r="RCK681" s="613"/>
      <c r="RCL681" s="613"/>
      <c r="RCM681" s="613"/>
      <c r="RCN681" s="613"/>
      <c r="RCO681" s="613"/>
      <c r="RCP681" s="613"/>
      <c r="RCQ681" s="613"/>
      <c r="RCR681" s="613"/>
      <c r="RCS681" s="613"/>
      <c r="RCT681" s="613"/>
      <c r="RCU681" s="613"/>
      <c r="RCV681" s="613"/>
      <c r="RCW681" s="613"/>
      <c r="RCX681" s="613"/>
      <c r="RCY681" s="613"/>
      <c r="RCZ681" s="613"/>
      <c r="RDA681" s="613"/>
      <c r="RDB681" s="613"/>
      <c r="RDC681" s="613"/>
      <c r="RDD681" s="613"/>
      <c r="RDE681" s="613"/>
      <c r="RDF681" s="613"/>
      <c r="RDG681" s="613"/>
      <c r="RDH681" s="613"/>
      <c r="RDI681" s="613"/>
      <c r="RDJ681" s="613"/>
      <c r="RDK681" s="613"/>
      <c r="RDL681" s="613"/>
      <c r="RDM681" s="613"/>
      <c r="RDN681" s="613"/>
      <c r="RDO681" s="613"/>
      <c r="RDP681" s="613"/>
      <c r="RDQ681" s="613"/>
      <c r="RDR681" s="613"/>
      <c r="RDS681" s="613"/>
      <c r="RDT681" s="613"/>
      <c r="RDU681" s="613"/>
      <c r="RDV681" s="613"/>
      <c r="RDW681" s="613"/>
      <c r="RDX681" s="613"/>
      <c r="RDY681" s="613"/>
      <c r="RDZ681" s="613"/>
      <c r="REA681" s="613"/>
      <c r="REB681" s="613"/>
      <c r="REC681" s="613"/>
      <c r="RED681" s="613"/>
      <c r="REE681" s="613"/>
      <c r="REF681" s="613"/>
      <c r="REG681" s="613"/>
      <c r="REH681" s="613"/>
      <c r="REI681" s="613"/>
      <c r="REJ681" s="613"/>
      <c r="REK681" s="613"/>
      <c r="REL681" s="613"/>
      <c r="REM681" s="613"/>
      <c r="REN681" s="613"/>
      <c r="REO681" s="613"/>
      <c r="REP681" s="613"/>
      <c r="REQ681" s="613"/>
      <c r="RER681" s="613"/>
      <c r="RES681" s="613"/>
      <c r="RET681" s="613"/>
      <c r="REU681" s="613"/>
      <c r="REV681" s="613"/>
      <c r="REW681" s="613"/>
      <c r="REX681" s="613"/>
      <c r="REY681" s="613"/>
      <c r="REZ681" s="613"/>
      <c r="RFA681" s="613"/>
      <c r="RFB681" s="613"/>
      <c r="RFC681" s="613"/>
      <c r="RFD681" s="613"/>
      <c r="RFE681" s="613"/>
      <c r="RFF681" s="613"/>
      <c r="RFG681" s="613"/>
      <c r="RFH681" s="613"/>
      <c r="RFI681" s="613"/>
      <c r="RFJ681" s="613"/>
      <c r="RFK681" s="613"/>
      <c r="RFL681" s="613"/>
      <c r="RFM681" s="613"/>
      <c r="RFN681" s="613"/>
      <c r="RFO681" s="613"/>
      <c r="RFP681" s="613"/>
      <c r="RFQ681" s="613"/>
      <c r="RFR681" s="613"/>
      <c r="RFS681" s="613"/>
      <c r="RFT681" s="613"/>
      <c r="RFU681" s="613"/>
      <c r="RFV681" s="613"/>
      <c r="RFW681" s="613"/>
      <c r="RFX681" s="613"/>
      <c r="RFY681" s="613"/>
      <c r="RFZ681" s="613"/>
      <c r="RGA681" s="613"/>
      <c r="RGB681" s="613"/>
      <c r="RGC681" s="613"/>
      <c r="RGD681" s="613"/>
      <c r="RGE681" s="613"/>
      <c r="RGF681" s="613"/>
      <c r="RGG681" s="613"/>
      <c r="RGH681" s="613"/>
      <c r="RGI681" s="613"/>
      <c r="RGJ681" s="613"/>
      <c r="RGK681" s="613"/>
      <c r="RGL681" s="613"/>
      <c r="RGM681" s="613"/>
      <c r="RGN681" s="613"/>
      <c r="RGO681" s="613"/>
      <c r="RGP681" s="613"/>
      <c r="RGQ681" s="613"/>
      <c r="RGR681" s="613"/>
      <c r="RGS681" s="613"/>
      <c r="RGT681" s="613"/>
      <c r="RGU681" s="613"/>
      <c r="RGV681" s="613"/>
      <c r="RGW681" s="613"/>
      <c r="RGX681" s="613"/>
      <c r="RGY681" s="613"/>
      <c r="RGZ681" s="613"/>
      <c r="RHA681" s="613"/>
      <c r="RHB681" s="613"/>
      <c r="RHC681" s="613"/>
      <c r="RHD681" s="613"/>
      <c r="RHE681" s="613"/>
      <c r="RHF681" s="613"/>
      <c r="RHG681" s="613"/>
      <c r="RHH681" s="613"/>
      <c r="RHI681" s="613"/>
      <c r="RHJ681" s="613"/>
      <c r="RHK681" s="613"/>
      <c r="RHL681" s="613"/>
      <c r="RHM681" s="613"/>
      <c r="RHN681" s="613"/>
      <c r="RHO681" s="613"/>
      <c r="RHP681" s="613"/>
      <c r="RHQ681" s="613"/>
      <c r="RHR681" s="613"/>
      <c r="RHS681" s="613"/>
      <c r="RHT681" s="613"/>
      <c r="RHU681" s="613"/>
      <c r="RHV681" s="613"/>
      <c r="RHW681" s="613"/>
      <c r="RHX681" s="613"/>
      <c r="RHY681" s="613"/>
      <c r="RHZ681" s="613"/>
      <c r="RIA681" s="613"/>
      <c r="RIB681" s="613"/>
      <c r="RIC681" s="613"/>
      <c r="RID681" s="613"/>
      <c r="RIE681" s="613"/>
      <c r="RIF681" s="613"/>
      <c r="RIG681" s="613"/>
      <c r="RIH681" s="613"/>
      <c r="RII681" s="613"/>
      <c r="RIJ681" s="613"/>
      <c r="RIK681" s="613"/>
      <c r="RIL681" s="613"/>
      <c r="RIM681" s="613"/>
      <c r="RIN681" s="613"/>
      <c r="RIO681" s="613"/>
      <c r="RIP681" s="613"/>
      <c r="RIQ681" s="613"/>
      <c r="RIR681" s="613"/>
      <c r="RIS681" s="613"/>
      <c r="RIT681" s="613"/>
      <c r="RIU681" s="613"/>
      <c r="RIV681" s="613"/>
      <c r="RIW681" s="613"/>
      <c r="RIX681" s="613"/>
      <c r="RIY681" s="613"/>
      <c r="RIZ681" s="613"/>
      <c r="RJA681" s="613"/>
      <c r="RJB681" s="613"/>
      <c r="RJC681" s="613"/>
      <c r="RJD681" s="613"/>
      <c r="RJE681" s="613"/>
      <c r="RJF681" s="613"/>
      <c r="RJG681" s="613"/>
      <c r="RJH681" s="613"/>
      <c r="RJI681" s="613"/>
      <c r="RJJ681" s="613"/>
      <c r="RJK681" s="613"/>
      <c r="RJL681" s="613"/>
      <c r="RJM681" s="613"/>
      <c r="RJN681" s="613"/>
      <c r="RJO681" s="613"/>
      <c r="RJP681" s="613"/>
      <c r="RJQ681" s="613"/>
      <c r="RJR681" s="613"/>
      <c r="RJS681" s="613"/>
      <c r="RJT681" s="613"/>
      <c r="RJU681" s="613"/>
      <c r="RJV681" s="613"/>
      <c r="RJW681" s="613"/>
      <c r="RJX681" s="613"/>
      <c r="RJY681" s="613"/>
      <c r="RJZ681" s="613"/>
      <c r="RKA681" s="613"/>
      <c r="RKB681" s="613"/>
      <c r="RKC681" s="613"/>
      <c r="RKD681" s="613"/>
      <c r="RKE681" s="613"/>
      <c r="RKF681" s="613"/>
      <c r="RKG681" s="613"/>
      <c r="RKH681" s="613"/>
      <c r="RKI681" s="613"/>
      <c r="RKJ681" s="613"/>
      <c r="RKK681" s="613"/>
      <c r="RKL681" s="613"/>
      <c r="RKM681" s="613"/>
      <c r="RKN681" s="613"/>
      <c r="RKO681" s="613"/>
      <c r="RKP681" s="613"/>
      <c r="RKQ681" s="613"/>
      <c r="RKR681" s="613"/>
      <c r="RKS681" s="613"/>
      <c r="RKT681" s="613"/>
      <c r="RKU681" s="613"/>
      <c r="RKV681" s="613"/>
      <c r="RKW681" s="613"/>
      <c r="RKX681" s="613"/>
      <c r="RKY681" s="613"/>
      <c r="RKZ681" s="613"/>
      <c r="RLA681" s="613"/>
      <c r="RLB681" s="613"/>
      <c r="RLC681" s="613"/>
      <c r="RLD681" s="613"/>
      <c r="RLE681" s="613"/>
      <c r="RLF681" s="613"/>
      <c r="RLG681" s="613"/>
      <c r="RLH681" s="613"/>
      <c r="RLI681" s="613"/>
      <c r="RLJ681" s="613"/>
      <c r="RLK681" s="613"/>
      <c r="RLL681" s="613"/>
      <c r="RLM681" s="613"/>
      <c r="RLN681" s="613"/>
      <c r="RLO681" s="613"/>
      <c r="RLP681" s="613"/>
      <c r="RLQ681" s="613"/>
      <c r="RLR681" s="613"/>
      <c r="RLS681" s="613"/>
      <c r="RLT681" s="613"/>
      <c r="RLU681" s="613"/>
      <c r="RLV681" s="613"/>
      <c r="RLW681" s="613"/>
      <c r="RLX681" s="613"/>
      <c r="RLY681" s="613"/>
      <c r="RLZ681" s="613"/>
      <c r="RMA681" s="613"/>
      <c r="RMB681" s="613"/>
      <c r="RMC681" s="613"/>
      <c r="RMD681" s="613"/>
      <c r="RME681" s="613"/>
      <c r="RMF681" s="613"/>
      <c r="RMG681" s="613"/>
      <c r="RMH681" s="613"/>
      <c r="RMI681" s="613"/>
      <c r="RMJ681" s="613"/>
      <c r="RMK681" s="613"/>
      <c r="RML681" s="613"/>
      <c r="RMM681" s="613"/>
      <c r="RMN681" s="613"/>
      <c r="RMO681" s="613"/>
      <c r="RMP681" s="613"/>
      <c r="RMQ681" s="613"/>
      <c r="RMR681" s="613"/>
      <c r="RMS681" s="613"/>
      <c r="RMT681" s="613"/>
      <c r="RMU681" s="613"/>
      <c r="RMV681" s="613"/>
      <c r="RMW681" s="613"/>
      <c r="RMX681" s="613"/>
      <c r="RMY681" s="613"/>
      <c r="RMZ681" s="613"/>
      <c r="RNA681" s="613"/>
      <c r="RNB681" s="613"/>
      <c r="RNC681" s="613"/>
      <c r="RND681" s="613"/>
      <c r="RNE681" s="613"/>
      <c r="RNF681" s="613"/>
      <c r="RNG681" s="613"/>
      <c r="RNH681" s="613"/>
      <c r="RNI681" s="613"/>
      <c r="RNJ681" s="613"/>
      <c r="RNK681" s="613"/>
      <c r="RNL681" s="613"/>
      <c r="RNM681" s="613"/>
      <c r="RNN681" s="613"/>
      <c r="RNO681" s="613"/>
      <c r="RNP681" s="613"/>
      <c r="RNQ681" s="613"/>
      <c r="RNR681" s="613"/>
      <c r="RNS681" s="613"/>
      <c r="RNT681" s="613"/>
      <c r="RNU681" s="613"/>
      <c r="RNV681" s="613"/>
      <c r="RNW681" s="613"/>
      <c r="RNX681" s="613"/>
      <c r="RNY681" s="613"/>
      <c r="RNZ681" s="613"/>
      <c r="ROA681" s="613"/>
      <c r="ROB681" s="613"/>
      <c r="ROC681" s="613"/>
      <c r="ROD681" s="613"/>
      <c r="ROE681" s="613"/>
      <c r="ROF681" s="613"/>
      <c r="ROG681" s="613"/>
      <c r="ROH681" s="613"/>
      <c r="ROI681" s="613"/>
      <c r="ROJ681" s="613"/>
      <c r="ROK681" s="613"/>
      <c r="ROL681" s="613"/>
      <c r="ROM681" s="613"/>
      <c r="RON681" s="613"/>
      <c r="ROO681" s="613"/>
      <c r="ROP681" s="613"/>
      <c r="ROQ681" s="613"/>
      <c r="ROR681" s="613"/>
      <c r="ROS681" s="613"/>
      <c r="ROT681" s="613"/>
      <c r="ROU681" s="613"/>
      <c r="ROV681" s="613"/>
      <c r="ROW681" s="613"/>
      <c r="ROX681" s="613"/>
      <c r="ROY681" s="613"/>
      <c r="ROZ681" s="613"/>
      <c r="RPA681" s="613"/>
      <c r="RPB681" s="613"/>
      <c r="RPC681" s="613"/>
      <c r="RPD681" s="613"/>
      <c r="RPE681" s="613"/>
      <c r="RPF681" s="613"/>
      <c r="RPG681" s="613"/>
      <c r="RPH681" s="613"/>
      <c r="RPI681" s="613"/>
      <c r="RPJ681" s="613"/>
      <c r="RPK681" s="613"/>
      <c r="RPL681" s="613"/>
      <c r="RPM681" s="613"/>
      <c r="RPN681" s="613"/>
      <c r="RPO681" s="613"/>
      <c r="RPP681" s="613"/>
      <c r="RPQ681" s="613"/>
      <c r="RPR681" s="613"/>
      <c r="RPS681" s="613"/>
      <c r="RPT681" s="613"/>
      <c r="RPU681" s="613"/>
      <c r="RPV681" s="613"/>
      <c r="RPW681" s="613"/>
      <c r="RPX681" s="613"/>
      <c r="RPY681" s="613"/>
      <c r="RPZ681" s="613"/>
      <c r="RQA681" s="613"/>
      <c r="RQB681" s="613"/>
      <c r="RQC681" s="613"/>
      <c r="RQD681" s="613"/>
      <c r="RQE681" s="613"/>
      <c r="RQF681" s="613"/>
      <c r="RQG681" s="613"/>
      <c r="RQH681" s="613"/>
      <c r="RQI681" s="613"/>
      <c r="RQJ681" s="613"/>
      <c r="RQK681" s="613"/>
      <c r="RQL681" s="613"/>
      <c r="RQM681" s="613"/>
      <c r="RQN681" s="613"/>
      <c r="RQO681" s="613"/>
      <c r="RQP681" s="613"/>
      <c r="RQQ681" s="613"/>
      <c r="RQR681" s="613"/>
      <c r="RQS681" s="613"/>
      <c r="RQT681" s="613"/>
      <c r="RQU681" s="613"/>
      <c r="RQV681" s="613"/>
      <c r="RQW681" s="613"/>
      <c r="RQX681" s="613"/>
      <c r="RQY681" s="613"/>
      <c r="RQZ681" s="613"/>
      <c r="RRA681" s="613"/>
      <c r="RRB681" s="613"/>
      <c r="RRC681" s="613"/>
      <c r="RRD681" s="613"/>
      <c r="RRE681" s="613"/>
      <c r="RRF681" s="613"/>
      <c r="RRG681" s="613"/>
      <c r="RRH681" s="613"/>
      <c r="RRI681" s="613"/>
      <c r="RRJ681" s="613"/>
      <c r="RRK681" s="613"/>
      <c r="RRL681" s="613"/>
      <c r="RRM681" s="613"/>
      <c r="RRN681" s="613"/>
      <c r="RRO681" s="613"/>
      <c r="RRP681" s="613"/>
      <c r="RRQ681" s="613"/>
      <c r="RRR681" s="613"/>
      <c r="RRS681" s="613"/>
      <c r="RRT681" s="613"/>
      <c r="RRU681" s="613"/>
      <c r="RRV681" s="613"/>
      <c r="RRW681" s="613"/>
      <c r="RRX681" s="613"/>
      <c r="RRY681" s="613"/>
      <c r="RRZ681" s="613"/>
      <c r="RSA681" s="613"/>
      <c r="RSB681" s="613"/>
      <c r="RSC681" s="613"/>
      <c r="RSD681" s="613"/>
      <c r="RSE681" s="613"/>
      <c r="RSF681" s="613"/>
      <c r="RSG681" s="613"/>
      <c r="RSH681" s="613"/>
      <c r="RSI681" s="613"/>
      <c r="RSJ681" s="613"/>
      <c r="RSK681" s="613"/>
      <c r="RSL681" s="613"/>
      <c r="RSM681" s="613"/>
      <c r="RSN681" s="613"/>
      <c r="RSO681" s="613"/>
      <c r="RSP681" s="613"/>
      <c r="RSQ681" s="613"/>
      <c r="RSR681" s="613"/>
      <c r="RSS681" s="613"/>
      <c r="RST681" s="613"/>
      <c r="RSU681" s="613"/>
      <c r="RSV681" s="613"/>
      <c r="RSW681" s="613"/>
      <c r="RSX681" s="613"/>
      <c r="RSY681" s="613"/>
      <c r="RSZ681" s="613"/>
      <c r="RTA681" s="613"/>
      <c r="RTB681" s="613"/>
      <c r="RTC681" s="613"/>
      <c r="RTD681" s="613"/>
      <c r="RTE681" s="613"/>
      <c r="RTF681" s="613"/>
      <c r="RTG681" s="613"/>
      <c r="RTH681" s="613"/>
      <c r="RTI681" s="613"/>
      <c r="RTJ681" s="613"/>
      <c r="RTK681" s="613"/>
      <c r="RTL681" s="613"/>
      <c r="RTM681" s="613"/>
      <c r="RTN681" s="613"/>
      <c r="RTO681" s="613"/>
      <c r="RTP681" s="613"/>
      <c r="RTQ681" s="613"/>
      <c r="RTR681" s="613"/>
      <c r="RTS681" s="613"/>
      <c r="RTT681" s="613"/>
      <c r="RTU681" s="613"/>
      <c r="RTV681" s="613"/>
      <c r="RTW681" s="613"/>
      <c r="RTX681" s="613"/>
      <c r="RTY681" s="613"/>
      <c r="RTZ681" s="613"/>
      <c r="RUA681" s="613"/>
      <c r="RUB681" s="613"/>
      <c r="RUC681" s="613"/>
      <c r="RUD681" s="613"/>
      <c r="RUE681" s="613"/>
      <c r="RUF681" s="613"/>
      <c r="RUG681" s="613"/>
      <c r="RUH681" s="613"/>
      <c r="RUI681" s="613"/>
      <c r="RUJ681" s="613"/>
      <c r="RUK681" s="613"/>
      <c r="RUL681" s="613"/>
      <c r="RUM681" s="613"/>
      <c r="RUN681" s="613"/>
      <c r="RUO681" s="613"/>
      <c r="RUP681" s="613"/>
      <c r="RUQ681" s="613"/>
      <c r="RUR681" s="613"/>
      <c r="RUS681" s="613"/>
      <c r="RUT681" s="613"/>
      <c r="RUU681" s="613"/>
      <c r="RUV681" s="613"/>
      <c r="RUW681" s="613"/>
      <c r="RUX681" s="613"/>
      <c r="RUY681" s="613"/>
      <c r="RUZ681" s="613"/>
      <c r="RVA681" s="613"/>
      <c r="RVB681" s="613"/>
      <c r="RVC681" s="613"/>
      <c r="RVD681" s="613"/>
      <c r="RVE681" s="613"/>
      <c r="RVF681" s="613"/>
      <c r="RVG681" s="613"/>
      <c r="RVH681" s="613"/>
      <c r="RVI681" s="613"/>
      <c r="RVJ681" s="613"/>
      <c r="RVK681" s="613"/>
      <c r="RVL681" s="613"/>
      <c r="RVM681" s="613"/>
      <c r="RVN681" s="613"/>
      <c r="RVO681" s="613"/>
      <c r="RVP681" s="613"/>
      <c r="RVQ681" s="613"/>
      <c r="RVR681" s="613"/>
      <c r="RVS681" s="613"/>
      <c r="RVT681" s="613"/>
      <c r="RVU681" s="613"/>
      <c r="RVV681" s="613"/>
      <c r="RVW681" s="613"/>
      <c r="RVX681" s="613"/>
      <c r="RVY681" s="613"/>
      <c r="RVZ681" s="613"/>
      <c r="RWA681" s="613"/>
      <c r="RWB681" s="613"/>
      <c r="RWC681" s="613"/>
      <c r="RWD681" s="613"/>
      <c r="RWE681" s="613"/>
      <c r="RWF681" s="613"/>
      <c r="RWG681" s="613"/>
      <c r="RWH681" s="613"/>
      <c r="RWI681" s="613"/>
      <c r="RWJ681" s="613"/>
      <c r="RWK681" s="613"/>
      <c r="RWL681" s="613"/>
      <c r="RWM681" s="613"/>
      <c r="RWN681" s="613"/>
      <c r="RWO681" s="613"/>
      <c r="RWP681" s="613"/>
      <c r="RWQ681" s="613"/>
      <c r="RWR681" s="613"/>
      <c r="RWS681" s="613"/>
      <c r="RWT681" s="613"/>
      <c r="RWU681" s="613"/>
      <c r="RWV681" s="613"/>
      <c r="RWW681" s="613"/>
      <c r="RWX681" s="613"/>
      <c r="RWY681" s="613"/>
      <c r="RWZ681" s="613"/>
      <c r="RXA681" s="613"/>
      <c r="RXB681" s="613"/>
      <c r="RXC681" s="613"/>
      <c r="RXD681" s="613"/>
      <c r="RXE681" s="613"/>
      <c r="RXF681" s="613"/>
      <c r="RXG681" s="613"/>
      <c r="RXH681" s="613"/>
      <c r="RXI681" s="613"/>
      <c r="RXJ681" s="613"/>
      <c r="RXK681" s="613"/>
      <c r="RXL681" s="613"/>
      <c r="RXM681" s="613"/>
      <c r="RXN681" s="613"/>
      <c r="RXO681" s="613"/>
      <c r="RXP681" s="613"/>
      <c r="RXQ681" s="613"/>
      <c r="RXR681" s="613"/>
      <c r="RXS681" s="613"/>
      <c r="RXT681" s="613"/>
      <c r="RXU681" s="613"/>
      <c r="RXV681" s="613"/>
      <c r="RXW681" s="613"/>
      <c r="RXX681" s="613"/>
      <c r="RXY681" s="613"/>
      <c r="RXZ681" s="613"/>
      <c r="RYA681" s="613"/>
      <c r="RYB681" s="613"/>
      <c r="RYC681" s="613"/>
      <c r="RYD681" s="613"/>
      <c r="RYE681" s="613"/>
      <c r="RYF681" s="613"/>
      <c r="RYG681" s="613"/>
      <c r="RYH681" s="613"/>
      <c r="RYI681" s="613"/>
      <c r="RYJ681" s="613"/>
      <c r="RYK681" s="613"/>
      <c r="RYL681" s="613"/>
      <c r="RYM681" s="613"/>
      <c r="RYN681" s="613"/>
      <c r="RYO681" s="613"/>
      <c r="RYP681" s="613"/>
      <c r="RYQ681" s="613"/>
      <c r="RYR681" s="613"/>
      <c r="RYS681" s="613"/>
      <c r="RYT681" s="613"/>
      <c r="RYU681" s="613"/>
      <c r="RYV681" s="613"/>
      <c r="RYW681" s="613"/>
      <c r="RYX681" s="613"/>
      <c r="RYY681" s="613"/>
      <c r="RYZ681" s="613"/>
      <c r="RZA681" s="613"/>
      <c r="RZB681" s="613"/>
      <c r="RZC681" s="613"/>
      <c r="RZD681" s="613"/>
      <c r="RZE681" s="613"/>
      <c r="RZF681" s="613"/>
      <c r="RZG681" s="613"/>
      <c r="RZH681" s="613"/>
      <c r="RZI681" s="613"/>
      <c r="RZJ681" s="613"/>
      <c r="RZK681" s="613"/>
      <c r="RZL681" s="613"/>
      <c r="RZM681" s="613"/>
      <c r="RZN681" s="613"/>
      <c r="RZO681" s="613"/>
      <c r="RZP681" s="613"/>
      <c r="RZQ681" s="613"/>
      <c r="RZR681" s="613"/>
      <c r="RZS681" s="613"/>
      <c r="RZT681" s="613"/>
      <c r="RZU681" s="613"/>
      <c r="RZV681" s="613"/>
      <c r="RZW681" s="613"/>
      <c r="RZX681" s="613"/>
      <c r="RZY681" s="613"/>
      <c r="RZZ681" s="613"/>
      <c r="SAA681" s="613"/>
      <c r="SAB681" s="613"/>
      <c r="SAC681" s="613"/>
      <c r="SAD681" s="613"/>
      <c r="SAE681" s="613"/>
      <c r="SAF681" s="613"/>
      <c r="SAG681" s="613"/>
      <c r="SAH681" s="613"/>
      <c r="SAI681" s="613"/>
      <c r="SAJ681" s="613"/>
      <c r="SAK681" s="613"/>
      <c r="SAL681" s="613"/>
      <c r="SAM681" s="613"/>
      <c r="SAN681" s="613"/>
      <c r="SAO681" s="613"/>
      <c r="SAP681" s="613"/>
      <c r="SAQ681" s="613"/>
      <c r="SAR681" s="613"/>
      <c r="SAS681" s="613"/>
      <c r="SAT681" s="613"/>
      <c r="SAU681" s="613"/>
      <c r="SAV681" s="613"/>
      <c r="SAW681" s="613"/>
      <c r="SAX681" s="613"/>
      <c r="SAY681" s="613"/>
      <c r="SAZ681" s="613"/>
      <c r="SBA681" s="613"/>
      <c r="SBB681" s="613"/>
      <c r="SBC681" s="613"/>
      <c r="SBD681" s="613"/>
      <c r="SBE681" s="613"/>
      <c r="SBF681" s="613"/>
      <c r="SBG681" s="613"/>
      <c r="SBH681" s="613"/>
      <c r="SBI681" s="613"/>
      <c r="SBJ681" s="613"/>
      <c r="SBK681" s="613"/>
      <c r="SBL681" s="613"/>
      <c r="SBM681" s="613"/>
      <c r="SBN681" s="613"/>
      <c r="SBO681" s="613"/>
      <c r="SBP681" s="613"/>
      <c r="SBQ681" s="613"/>
      <c r="SBR681" s="613"/>
      <c r="SBS681" s="613"/>
      <c r="SBT681" s="613"/>
      <c r="SBU681" s="613"/>
      <c r="SBV681" s="613"/>
      <c r="SBW681" s="613"/>
      <c r="SBX681" s="613"/>
      <c r="SBY681" s="613"/>
      <c r="SBZ681" s="613"/>
      <c r="SCA681" s="613"/>
      <c r="SCB681" s="613"/>
      <c r="SCC681" s="613"/>
      <c r="SCD681" s="613"/>
      <c r="SCE681" s="613"/>
      <c r="SCF681" s="613"/>
      <c r="SCG681" s="613"/>
      <c r="SCH681" s="613"/>
      <c r="SCI681" s="613"/>
      <c r="SCJ681" s="613"/>
      <c r="SCK681" s="613"/>
      <c r="SCL681" s="613"/>
      <c r="SCM681" s="613"/>
      <c r="SCN681" s="613"/>
      <c r="SCO681" s="613"/>
      <c r="SCP681" s="613"/>
      <c r="SCQ681" s="613"/>
      <c r="SCR681" s="613"/>
      <c r="SCS681" s="613"/>
      <c r="SCT681" s="613"/>
      <c r="SCU681" s="613"/>
      <c r="SCV681" s="613"/>
      <c r="SCW681" s="613"/>
      <c r="SCX681" s="613"/>
      <c r="SCY681" s="613"/>
      <c r="SCZ681" s="613"/>
      <c r="SDA681" s="613"/>
      <c r="SDB681" s="613"/>
      <c r="SDC681" s="613"/>
      <c r="SDD681" s="613"/>
      <c r="SDE681" s="613"/>
      <c r="SDF681" s="613"/>
      <c r="SDG681" s="613"/>
      <c r="SDH681" s="613"/>
      <c r="SDI681" s="613"/>
      <c r="SDJ681" s="613"/>
      <c r="SDK681" s="613"/>
      <c r="SDL681" s="613"/>
      <c r="SDM681" s="613"/>
      <c r="SDN681" s="613"/>
      <c r="SDO681" s="613"/>
      <c r="SDP681" s="613"/>
      <c r="SDQ681" s="613"/>
      <c r="SDR681" s="613"/>
      <c r="SDS681" s="613"/>
      <c r="SDT681" s="613"/>
      <c r="SDU681" s="613"/>
      <c r="SDV681" s="613"/>
      <c r="SDW681" s="613"/>
      <c r="SDX681" s="613"/>
      <c r="SDY681" s="613"/>
      <c r="SDZ681" s="613"/>
      <c r="SEA681" s="613"/>
      <c r="SEB681" s="613"/>
      <c r="SEC681" s="613"/>
      <c r="SED681" s="613"/>
      <c r="SEE681" s="613"/>
      <c r="SEF681" s="613"/>
      <c r="SEG681" s="613"/>
      <c r="SEH681" s="613"/>
      <c r="SEI681" s="613"/>
      <c r="SEJ681" s="613"/>
      <c r="SEK681" s="613"/>
      <c r="SEL681" s="613"/>
      <c r="SEM681" s="613"/>
      <c r="SEN681" s="613"/>
      <c r="SEO681" s="613"/>
      <c r="SEP681" s="613"/>
      <c r="SEQ681" s="613"/>
      <c r="SER681" s="613"/>
      <c r="SES681" s="613"/>
      <c r="SET681" s="613"/>
      <c r="SEU681" s="613"/>
      <c r="SEV681" s="613"/>
      <c r="SEW681" s="613"/>
      <c r="SEX681" s="613"/>
      <c r="SEY681" s="613"/>
      <c r="SEZ681" s="613"/>
      <c r="SFA681" s="613"/>
      <c r="SFB681" s="613"/>
      <c r="SFC681" s="613"/>
      <c r="SFD681" s="613"/>
      <c r="SFE681" s="613"/>
      <c r="SFF681" s="613"/>
      <c r="SFG681" s="613"/>
      <c r="SFH681" s="613"/>
      <c r="SFI681" s="613"/>
      <c r="SFJ681" s="613"/>
      <c r="SFK681" s="613"/>
      <c r="SFL681" s="613"/>
      <c r="SFM681" s="613"/>
      <c r="SFN681" s="613"/>
      <c r="SFO681" s="613"/>
      <c r="SFP681" s="613"/>
      <c r="SFQ681" s="613"/>
      <c r="SFR681" s="613"/>
      <c r="SFS681" s="613"/>
      <c r="SFT681" s="613"/>
      <c r="SFU681" s="613"/>
      <c r="SFV681" s="613"/>
      <c r="SFW681" s="613"/>
      <c r="SFX681" s="613"/>
      <c r="SFY681" s="613"/>
      <c r="SFZ681" s="613"/>
      <c r="SGA681" s="613"/>
      <c r="SGB681" s="613"/>
      <c r="SGC681" s="613"/>
      <c r="SGD681" s="613"/>
      <c r="SGE681" s="613"/>
      <c r="SGF681" s="613"/>
      <c r="SGG681" s="613"/>
      <c r="SGH681" s="613"/>
      <c r="SGI681" s="613"/>
      <c r="SGJ681" s="613"/>
      <c r="SGK681" s="613"/>
      <c r="SGL681" s="613"/>
      <c r="SGM681" s="613"/>
      <c r="SGN681" s="613"/>
      <c r="SGO681" s="613"/>
      <c r="SGP681" s="613"/>
      <c r="SGQ681" s="613"/>
      <c r="SGR681" s="613"/>
      <c r="SGS681" s="613"/>
      <c r="SGT681" s="613"/>
      <c r="SGU681" s="613"/>
      <c r="SGV681" s="613"/>
      <c r="SGW681" s="613"/>
      <c r="SGX681" s="613"/>
      <c r="SGY681" s="613"/>
      <c r="SGZ681" s="613"/>
      <c r="SHA681" s="613"/>
      <c r="SHB681" s="613"/>
      <c r="SHC681" s="613"/>
      <c r="SHD681" s="613"/>
      <c r="SHE681" s="613"/>
      <c r="SHF681" s="613"/>
      <c r="SHG681" s="613"/>
      <c r="SHH681" s="613"/>
      <c r="SHI681" s="613"/>
      <c r="SHJ681" s="613"/>
      <c r="SHK681" s="613"/>
      <c r="SHL681" s="613"/>
      <c r="SHM681" s="613"/>
      <c r="SHN681" s="613"/>
      <c r="SHO681" s="613"/>
      <c r="SHP681" s="613"/>
      <c r="SHQ681" s="613"/>
      <c r="SHR681" s="613"/>
      <c r="SHS681" s="613"/>
      <c r="SHT681" s="613"/>
      <c r="SHU681" s="613"/>
      <c r="SHV681" s="613"/>
      <c r="SHW681" s="613"/>
      <c r="SHX681" s="613"/>
      <c r="SHY681" s="613"/>
      <c r="SHZ681" s="613"/>
      <c r="SIA681" s="613"/>
      <c r="SIB681" s="613"/>
      <c r="SIC681" s="613"/>
      <c r="SID681" s="613"/>
      <c r="SIE681" s="613"/>
      <c r="SIF681" s="613"/>
      <c r="SIG681" s="613"/>
      <c r="SIH681" s="613"/>
      <c r="SII681" s="613"/>
      <c r="SIJ681" s="613"/>
      <c r="SIK681" s="613"/>
      <c r="SIL681" s="613"/>
      <c r="SIM681" s="613"/>
      <c r="SIN681" s="613"/>
      <c r="SIO681" s="613"/>
      <c r="SIP681" s="613"/>
      <c r="SIQ681" s="613"/>
      <c r="SIR681" s="613"/>
      <c r="SIS681" s="613"/>
      <c r="SIT681" s="613"/>
      <c r="SIU681" s="613"/>
      <c r="SIV681" s="613"/>
      <c r="SIW681" s="613"/>
      <c r="SIX681" s="613"/>
      <c r="SIY681" s="613"/>
      <c r="SIZ681" s="613"/>
      <c r="SJA681" s="613"/>
      <c r="SJB681" s="613"/>
      <c r="SJC681" s="613"/>
      <c r="SJD681" s="613"/>
      <c r="SJE681" s="613"/>
      <c r="SJF681" s="613"/>
      <c r="SJG681" s="613"/>
      <c r="SJH681" s="613"/>
      <c r="SJI681" s="613"/>
      <c r="SJJ681" s="613"/>
      <c r="SJK681" s="613"/>
      <c r="SJL681" s="613"/>
      <c r="SJM681" s="613"/>
      <c r="SJN681" s="613"/>
      <c r="SJO681" s="613"/>
      <c r="SJP681" s="613"/>
      <c r="SJQ681" s="613"/>
      <c r="SJR681" s="613"/>
      <c r="SJS681" s="613"/>
      <c r="SJT681" s="613"/>
      <c r="SJU681" s="613"/>
      <c r="SJV681" s="613"/>
      <c r="SJW681" s="613"/>
      <c r="SJX681" s="613"/>
      <c r="SJY681" s="613"/>
      <c r="SJZ681" s="613"/>
      <c r="SKA681" s="613"/>
      <c r="SKB681" s="613"/>
      <c r="SKC681" s="613"/>
      <c r="SKD681" s="613"/>
      <c r="SKE681" s="613"/>
      <c r="SKF681" s="613"/>
      <c r="SKG681" s="613"/>
      <c r="SKH681" s="613"/>
      <c r="SKI681" s="613"/>
      <c r="SKJ681" s="613"/>
      <c r="SKK681" s="613"/>
      <c r="SKL681" s="613"/>
      <c r="SKM681" s="613"/>
      <c r="SKN681" s="613"/>
      <c r="SKO681" s="613"/>
      <c r="SKP681" s="613"/>
      <c r="SKQ681" s="613"/>
      <c r="SKR681" s="613"/>
      <c r="SKS681" s="613"/>
      <c r="SKT681" s="613"/>
      <c r="SKU681" s="613"/>
      <c r="SKV681" s="613"/>
      <c r="SKW681" s="613"/>
      <c r="SKX681" s="613"/>
      <c r="SKY681" s="613"/>
      <c r="SKZ681" s="613"/>
      <c r="SLA681" s="613"/>
      <c r="SLB681" s="613"/>
      <c r="SLC681" s="613"/>
      <c r="SLD681" s="613"/>
      <c r="SLE681" s="613"/>
      <c r="SLF681" s="613"/>
      <c r="SLG681" s="613"/>
      <c r="SLH681" s="613"/>
      <c r="SLI681" s="613"/>
      <c r="SLJ681" s="613"/>
      <c r="SLK681" s="613"/>
      <c r="SLL681" s="613"/>
      <c r="SLM681" s="613"/>
      <c r="SLN681" s="613"/>
      <c r="SLO681" s="613"/>
      <c r="SLP681" s="613"/>
      <c r="SLQ681" s="613"/>
      <c r="SLR681" s="613"/>
      <c r="SLS681" s="613"/>
      <c r="SLT681" s="613"/>
      <c r="SLU681" s="613"/>
      <c r="SLV681" s="613"/>
      <c r="SLW681" s="613"/>
      <c r="SLX681" s="613"/>
      <c r="SLY681" s="613"/>
      <c r="SLZ681" s="613"/>
      <c r="SMA681" s="613"/>
      <c r="SMB681" s="613"/>
      <c r="SMC681" s="613"/>
      <c r="SMD681" s="613"/>
      <c r="SME681" s="613"/>
      <c r="SMF681" s="613"/>
      <c r="SMG681" s="613"/>
      <c r="SMH681" s="613"/>
      <c r="SMI681" s="613"/>
      <c r="SMJ681" s="613"/>
      <c r="SMK681" s="613"/>
      <c r="SML681" s="613"/>
      <c r="SMM681" s="613"/>
      <c r="SMN681" s="613"/>
      <c r="SMO681" s="613"/>
      <c r="SMP681" s="613"/>
      <c r="SMQ681" s="613"/>
      <c r="SMR681" s="613"/>
      <c r="SMS681" s="613"/>
      <c r="SMT681" s="613"/>
      <c r="SMU681" s="613"/>
      <c r="SMV681" s="613"/>
      <c r="SMW681" s="613"/>
      <c r="SMX681" s="613"/>
      <c r="SMY681" s="613"/>
      <c r="SMZ681" s="613"/>
      <c r="SNA681" s="613"/>
      <c r="SNB681" s="613"/>
      <c r="SNC681" s="613"/>
      <c r="SND681" s="613"/>
      <c r="SNE681" s="613"/>
      <c r="SNF681" s="613"/>
      <c r="SNG681" s="613"/>
      <c r="SNH681" s="613"/>
      <c r="SNI681" s="613"/>
      <c r="SNJ681" s="613"/>
      <c r="SNK681" s="613"/>
      <c r="SNL681" s="613"/>
      <c r="SNM681" s="613"/>
      <c r="SNN681" s="613"/>
      <c r="SNO681" s="613"/>
      <c r="SNP681" s="613"/>
      <c r="SNQ681" s="613"/>
      <c r="SNR681" s="613"/>
      <c r="SNS681" s="613"/>
      <c r="SNT681" s="613"/>
      <c r="SNU681" s="613"/>
      <c r="SNV681" s="613"/>
      <c r="SNW681" s="613"/>
      <c r="SNX681" s="613"/>
      <c r="SNY681" s="613"/>
      <c r="SNZ681" s="613"/>
      <c r="SOA681" s="613"/>
      <c r="SOB681" s="613"/>
      <c r="SOC681" s="613"/>
      <c r="SOD681" s="613"/>
      <c r="SOE681" s="613"/>
      <c r="SOF681" s="613"/>
      <c r="SOG681" s="613"/>
      <c r="SOH681" s="613"/>
      <c r="SOI681" s="613"/>
      <c r="SOJ681" s="613"/>
      <c r="SOK681" s="613"/>
      <c r="SOL681" s="613"/>
      <c r="SOM681" s="613"/>
      <c r="SON681" s="613"/>
      <c r="SOO681" s="613"/>
      <c r="SOP681" s="613"/>
      <c r="SOQ681" s="613"/>
      <c r="SOR681" s="613"/>
      <c r="SOS681" s="613"/>
      <c r="SOT681" s="613"/>
      <c r="SOU681" s="613"/>
      <c r="SOV681" s="613"/>
      <c r="SOW681" s="613"/>
      <c r="SOX681" s="613"/>
      <c r="SOY681" s="613"/>
      <c r="SOZ681" s="613"/>
      <c r="SPA681" s="613"/>
      <c r="SPB681" s="613"/>
      <c r="SPC681" s="613"/>
      <c r="SPD681" s="613"/>
      <c r="SPE681" s="613"/>
      <c r="SPF681" s="613"/>
      <c r="SPG681" s="613"/>
      <c r="SPH681" s="613"/>
      <c r="SPI681" s="613"/>
      <c r="SPJ681" s="613"/>
      <c r="SPK681" s="613"/>
      <c r="SPL681" s="613"/>
      <c r="SPM681" s="613"/>
      <c r="SPN681" s="613"/>
      <c r="SPO681" s="613"/>
      <c r="SPP681" s="613"/>
      <c r="SPQ681" s="613"/>
      <c r="SPR681" s="613"/>
      <c r="SPS681" s="613"/>
      <c r="SPT681" s="613"/>
      <c r="SPU681" s="613"/>
      <c r="SPV681" s="613"/>
      <c r="SPW681" s="613"/>
      <c r="SPX681" s="613"/>
      <c r="SPY681" s="613"/>
      <c r="SPZ681" s="613"/>
      <c r="SQA681" s="613"/>
      <c r="SQB681" s="613"/>
      <c r="SQC681" s="613"/>
      <c r="SQD681" s="613"/>
      <c r="SQE681" s="613"/>
      <c r="SQF681" s="613"/>
      <c r="SQG681" s="613"/>
      <c r="SQH681" s="613"/>
      <c r="SQI681" s="613"/>
      <c r="SQJ681" s="613"/>
      <c r="SQK681" s="613"/>
      <c r="SQL681" s="613"/>
      <c r="SQM681" s="613"/>
      <c r="SQN681" s="613"/>
      <c r="SQO681" s="613"/>
      <c r="SQP681" s="613"/>
      <c r="SQQ681" s="613"/>
      <c r="SQR681" s="613"/>
      <c r="SQS681" s="613"/>
      <c r="SQT681" s="613"/>
      <c r="SQU681" s="613"/>
      <c r="SQV681" s="613"/>
      <c r="SQW681" s="613"/>
      <c r="SQX681" s="613"/>
      <c r="SQY681" s="613"/>
      <c r="SQZ681" s="613"/>
      <c r="SRA681" s="613"/>
      <c r="SRB681" s="613"/>
      <c r="SRC681" s="613"/>
      <c r="SRD681" s="613"/>
      <c r="SRE681" s="613"/>
      <c r="SRF681" s="613"/>
      <c r="SRG681" s="613"/>
      <c r="SRH681" s="613"/>
      <c r="SRI681" s="613"/>
      <c r="SRJ681" s="613"/>
      <c r="SRK681" s="613"/>
      <c r="SRL681" s="613"/>
      <c r="SRM681" s="613"/>
      <c r="SRN681" s="613"/>
      <c r="SRO681" s="613"/>
      <c r="SRP681" s="613"/>
      <c r="SRQ681" s="613"/>
      <c r="SRR681" s="613"/>
      <c r="SRS681" s="613"/>
      <c r="SRT681" s="613"/>
      <c r="SRU681" s="613"/>
      <c r="SRV681" s="613"/>
      <c r="SRW681" s="613"/>
      <c r="SRX681" s="613"/>
      <c r="SRY681" s="613"/>
      <c r="SRZ681" s="613"/>
      <c r="SSA681" s="613"/>
      <c r="SSB681" s="613"/>
      <c r="SSC681" s="613"/>
      <c r="SSD681" s="613"/>
      <c r="SSE681" s="613"/>
      <c r="SSF681" s="613"/>
      <c r="SSG681" s="613"/>
      <c r="SSH681" s="613"/>
      <c r="SSI681" s="613"/>
      <c r="SSJ681" s="613"/>
      <c r="SSK681" s="613"/>
      <c r="SSL681" s="613"/>
      <c r="SSM681" s="613"/>
      <c r="SSN681" s="613"/>
      <c r="SSO681" s="613"/>
      <c r="SSP681" s="613"/>
      <c r="SSQ681" s="613"/>
      <c r="SSR681" s="613"/>
      <c r="SSS681" s="613"/>
      <c r="SST681" s="613"/>
      <c r="SSU681" s="613"/>
      <c r="SSV681" s="613"/>
      <c r="SSW681" s="613"/>
      <c r="SSX681" s="613"/>
      <c r="SSY681" s="613"/>
      <c r="SSZ681" s="613"/>
      <c r="STA681" s="613"/>
      <c r="STB681" s="613"/>
      <c r="STC681" s="613"/>
      <c r="STD681" s="613"/>
      <c r="STE681" s="613"/>
      <c r="STF681" s="613"/>
      <c r="STG681" s="613"/>
      <c r="STH681" s="613"/>
      <c r="STI681" s="613"/>
      <c r="STJ681" s="613"/>
      <c r="STK681" s="613"/>
      <c r="STL681" s="613"/>
      <c r="STM681" s="613"/>
      <c r="STN681" s="613"/>
      <c r="STO681" s="613"/>
      <c r="STP681" s="613"/>
      <c r="STQ681" s="613"/>
      <c r="STR681" s="613"/>
      <c r="STS681" s="613"/>
      <c r="STT681" s="613"/>
      <c r="STU681" s="613"/>
      <c r="STV681" s="613"/>
      <c r="STW681" s="613"/>
      <c r="STX681" s="613"/>
      <c r="STY681" s="613"/>
      <c r="STZ681" s="613"/>
      <c r="SUA681" s="613"/>
      <c r="SUB681" s="613"/>
      <c r="SUC681" s="613"/>
      <c r="SUD681" s="613"/>
      <c r="SUE681" s="613"/>
      <c r="SUF681" s="613"/>
      <c r="SUG681" s="613"/>
      <c r="SUH681" s="613"/>
      <c r="SUI681" s="613"/>
      <c r="SUJ681" s="613"/>
      <c r="SUK681" s="613"/>
      <c r="SUL681" s="613"/>
      <c r="SUM681" s="613"/>
      <c r="SUN681" s="613"/>
      <c r="SUO681" s="613"/>
      <c r="SUP681" s="613"/>
      <c r="SUQ681" s="613"/>
      <c r="SUR681" s="613"/>
      <c r="SUS681" s="613"/>
      <c r="SUT681" s="613"/>
      <c r="SUU681" s="613"/>
      <c r="SUV681" s="613"/>
      <c r="SUW681" s="613"/>
      <c r="SUX681" s="613"/>
      <c r="SUY681" s="613"/>
      <c r="SUZ681" s="613"/>
      <c r="SVA681" s="613"/>
      <c r="SVB681" s="613"/>
      <c r="SVC681" s="613"/>
      <c r="SVD681" s="613"/>
      <c r="SVE681" s="613"/>
      <c r="SVF681" s="613"/>
      <c r="SVG681" s="613"/>
      <c r="SVH681" s="613"/>
      <c r="SVI681" s="613"/>
      <c r="SVJ681" s="613"/>
      <c r="SVK681" s="613"/>
      <c r="SVL681" s="613"/>
      <c r="SVM681" s="613"/>
      <c r="SVN681" s="613"/>
      <c r="SVO681" s="613"/>
      <c r="SVP681" s="613"/>
      <c r="SVQ681" s="613"/>
      <c r="SVR681" s="613"/>
      <c r="SVS681" s="613"/>
      <c r="SVT681" s="613"/>
      <c r="SVU681" s="613"/>
      <c r="SVV681" s="613"/>
      <c r="SVW681" s="613"/>
      <c r="SVX681" s="613"/>
      <c r="SVY681" s="613"/>
      <c r="SVZ681" s="613"/>
      <c r="SWA681" s="613"/>
      <c r="SWB681" s="613"/>
      <c r="SWC681" s="613"/>
      <c r="SWD681" s="613"/>
      <c r="SWE681" s="613"/>
      <c r="SWF681" s="613"/>
      <c r="SWG681" s="613"/>
      <c r="SWH681" s="613"/>
      <c r="SWI681" s="613"/>
      <c r="SWJ681" s="613"/>
      <c r="SWK681" s="613"/>
      <c r="SWL681" s="613"/>
      <c r="SWM681" s="613"/>
      <c r="SWN681" s="613"/>
      <c r="SWO681" s="613"/>
      <c r="SWP681" s="613"/>
      <c r="SWQ681" s="613"/>
      <c r="SWR681" s="613"/>
      <c r="SWS681" s="613"/>
      <c r="SWT681" s="613"/>
      <c r="SWU681" s="613"/>
      <c r="SWV681" s="613"/>
      <c r="SWW681" s="613"/>
      <c r="SWX681" s="613"/>
      <c r="SWY681" s="613"/>
      <c r="SWZ681" s="613"/>
      <c r="SXA681" s="613"/>
      <c r="SXB681" s="613"/>
      <c r="SXC681" s="613"/>
      <c r="SXD681" s="613"/>
      <c r="SXE681" s="613"/>
      <c r="SXF681" s="613"/>
      <c r="SXG681" s="613"/>
      <c r="SXH681" s="613"/>
      <c r="SXI681" s="613"/>
      <c r="SXJ681" s="613"/>
      <c r="SXK681" s="613"/>
      <c r="SXL681" s="613"/>
      <c r="SXM681" s="613"/>
      <c r="SXN681" s="613"/>
      <c r="SXO681" s="613"/>
      <c r="SXP681" s="613"/>
      <c r="SXQ681" s="613"/>
      <c r="SXR681" s="613"/>
      <c r="SXS681" s="613"/>
      <c r="SXT681" s="613"/>
      <c r="SXU681" s="613"/>
      <c r="SXV681" s="613"/>
      <c r="SXW681" s="613"/>
      <c r="SXX681" s="613"/>
      <c r="SXY681" s="613"/>
      <c r="SXZ681" s="613"/>
      <c r="SYA681" s="613"/>
      <c r="SYB681" s="613"/>
      <c r="SYC681" s="613"/>
      <c r="SYD681" s="613"/>
      <c r="SYE681" s="613"/>
      <c r="SYF681" s="613"/>
      <c r="SYG681" s="613"/>
      <c r="SYH681" s="613"/>
      <c r="SYI681" s="613"/>
      <c r="SYJ681" s="613"/>
      <c r="SYK681" s="613"/>
      <c r="SYL681" s="613"/>
      <c r="SYM681" s="613"/>
      <c r="SYN681" s="613"/>
      <c r="SYO681" s="613"/>
      <c r="SYP681" s="613"/>
      <c r="SYQ681" s="613"/>
      <c r="SYR681" s="613"/>
      <c r="SYS681" s="613"/>
      <c r="SYT681" s="613"/>
      <c r="SYU681" s="613"/>
      <c r="SYV681" s="613"/>
      <c r="SYW681" s="613"/>
      <c r="SYX681" s="613"/>
      <c r="SYY681" s="613"/>
      <c r="SYZ681" s="613"/>
      <c r="SZA681" s="613"/>
      <c r="SZB681" s="613"/>
      <c r="SZC681" s="613"/>
      <c r="SZD681" s="613"/>
      <c r="SZE681" s="613"/>
      <c r="SZF681" s="613"/>
      <c r="SZG681" s="613"/>
      <c r="SZH681" s="613"/>
      <c r="SZI681" s="613"/>
      <c r="SZJ681" s="613"/>
      <c r="SZK681" s="613"/>
      <c r="SZL681" s="613"/>
      <c r="SZM681" s="613"/>
      <c r="SZN681" s="613"/>
      <c r="SZO681" s="613"/>
      <c r="SZP681" s="613"/>
      <c r="SZQ681" s="613"/>
      <c r="SZR681" s="613"/>
      <c r="SZS681" s="613"/>
      <c r="SZT681" s="613"/>
      <c r="SZU681" s="613"/>
      <c r="SZV681" s="613"/>
      <c r="SZW681" s="613"/>
      <c r="SZX681" s="613"/>
      <c r="SZY681" s="613"/>
      <c r="SZZ681" s="613"/>
      <c r="TAA681" s="613"/>
      <c r="TAB681" s="613"/>
      <c r="TAC681" s="613"/>
      <c r="TAD681" s="613"/>
      <c r="TAE681" s="613"/>
      <c r="TAF681" s="613"/>
      <c r="TAG681" s="613"/>
      <c r="TAH681" s="613"/>
      <c r="TAI681" s="613"/>
      <c r="TAJ681" s="613"/>
      <c r="TAK681" s="613"/>
      <c r="TAL681" s="613"/>
      <c r="TAM681" s="613"/>
      <c r="TAN681" s="613"/>
      <c r="TAO681" s="613"/>
      <c r="TAP681" s="613"/>
      <c r="TAQ681" s="613"/>
      <c r="TAR681" s="613"/>
      <c r="TAS681" s="613"/>
      <c r="TAT681" s="613"/>
      <c r="TAU681" s="613"/>
      <c r="TAV681" s="613"/>
      <c r="TAW681" s="613"/>
      <c r="TAX681" s="613"/>
      <c r="TAY681" s="613"/>
      <c r="TAZ681" s="613"/>
      <c r="TBA681" s="613"/>
      <c r="TBB681" s="613"/>
      <c r="TBC681" s="613"/>
      <c r="TBD681" s="613"/>
      <c r="TBE681" s="613"/>
      <c r="TBF681" s="613"/>
      <c r="TBG681" s="613"/>
      <c r="TBH681" s="613"/>
      <c r="TBI681" s="613"/>
      <c r="TBJ681" s="613"/>
      <c r="TBK681" s="613"/>
      <c r="TBL681" s="613"/>
      <c r="TBM681" s="613"/>
      <c r="TBN681" s="613"/>
      <c r="TBO681" s="613"/>
      <c r="TBP681" s="613"/>
      <c r="TBQ681" s="613"/>
      <c r="TBR681" s="613"/>
      <c r="TBS681" s="613"/>
      <c r="TBT681" s="613"/>
      <c r="TBU681" s="613"/>
      <c r="TBV681" s="613"/>
      <c r="TBW681" s="613"/>
      <c r="TBX681" s="613"/>
      <c r="TBY681" s="613"/>
      <c r="TBZ681" s="613"/>
      <c r="TCA681" s="613"/>
      <c r="TCB681" s="613"/>
      <c r="TCC681" s="613"/>
      <c r="TCD681" s="613"/>
      <c r="TCE681" s="613"/>
      <c r="TCF681" s="613"/>
      <c r="TCG681" s="613"/>
      <c r="TCH681" s="613"/>
      <c r="TCI681" s="613"/>
      <c r="TCJ681" s="613"/>
      <c r="TCK681" s="613"/>
      <c r="TCL681" s="613"/>
      <c r="TCM681" s="613"/>
      <c r="TCN681" s="613"/>
      <c r="TCO681" s="613"/>
      <c r="TCP681" s="613"/>
      <c r="TCQ681" s="613"/>
      <c r="TCR681" s="613"/>
      <c r="TCS681" s="613"/>
      <c r="TCT681" s="613"/>
      <c r="TCU681" s="613"/>
      <c r="TCV681" s="613"/>
      <c r="TCW681" s="613"/>
      <c r="TCX681" s="613"/>
      <c r="TCY681" s="613"/>
      <c r="TCZ681" s="613"/>
      <c r="TDA681" s="613"/>
      <c r="TDB681" s="613"/>
      <c r="TDC681" s="613"/>
      <c r="TDD681" s="613"/>
      <c r="TDE681" s="613"/>
      <c r="TDF681" s="613"/>
      <c r="TDG681" s="613"/>
      <c r="TDH681" s="613"/>
      <c r="TDI681" s="613"/>
      <c r="TDJ681" s="613"/>
      <c r="TDK681" s="613"/>
      <c r="TDL681" s="613"/>
      <c r="TDM681" s="613"/>
      <c r="TDN681" s="613"/>
      <c r="TDO681" s="613"/>
      <c r="TDP681" s="613"/>
      <c r="TDQ681" s="613"/>
      <c r="TDR681" s="613"/>
      <c r="TDS681" s="613"/>
      <c r="TDT681" s="613"/>
      <c r="TDU681" s="613"/>
      <c r="TDV681" s="613"/>
      <c r="TDW681" s="613"/>
      <c r="TDX681" s="613"/>
      <c r="TDY681" s="613"/>
      <c r="TDZ681" s="613"/>
      <c r="TEA681" s="613"/>
      <c r="TEB681" s="613"/>
      <c r="TEC681" s="613"/>
      <c r="TED681" s="613"/>
      <c r="TEE681" s="613"/>
      <c r="TEF681" s="613"/>
      <c r="TEG681" s="613"/>
      <c r="TEH681" s="613"/>
      <c r="TEI681" s="613"/>
      <c r="TEJ681" s="613"/>
      <c r="TEK681" s="613"/>
      <c r="TEL681" s="613"/>
      <c r="TEM681" s="613"/>
      <c r="TEN681" s="613"/>
      <c r="TEO681" s="613"/>
      <c r="TEP681" s="613"/>
      <c r="TEQ681" s="613"/>
      <c r="TER681" s="613"/>
      <c r="TES681" s="613"/>
      <c r="TET681" s="613"/>
      <c r="TEU681" s="613"/>
      <c r="TEV681" s="613"/>
      <c r="TEW681" s="613"/>
      <c r="TEX681" s="613"/>
      <c r="TEY681" s="613"/>
      <c r="TEZ681" s="613"/>
      <c r="TFA681" s="613"/>
      <c r="TFB681" s="613"/>
      <c r="TFC681" s="613"/>
      <c r="TFD681" s="613"/>
      <c r="TFE681" s="613"/>
      <c r="TFF681" s="613"/>
      <c r="TFG681" s="613"/>
      <c r="TFH681" s="613"/>
      <c r="TFI681" s="613"/>
      <c r="TFJ681" s="613"/>
      <c r="TFK681" s="613"/>
      <c r="TFL681" s="613"/>
      <c r="TFM681" s="613"/>
      <c r="TFN681" s="613"/>
      <c r="TFO681" s="613"/>
      <c r="TFP681" s="613"/>
      <c r="TFQ681" s="613"/>
      <c r="TFR681" s="613"/>
      <c r="TFS681" s="613"/>
      <c r="TFT681" s="613"/>
      <c r="TFU681" s="613"/>
      <c r="TFV681" s="613"/>
      <c r="TFW681" s="613"/>
      <c r="TFX681" s="613"/>
      <c r="TFY681" s="613"/>
      <c r="TFZ681" s="613"/>
      <c r="TGA681" s="613"/>
      <c r="TGB681" s="613"/>
      <c r="TGC681" s="613"/>
      <c r="TGD681" s="613"/>
      <c r="TGE681" s="613"/>
      <c r="TGF681" s="613"/>
      <c r="TGG681" s="613"/>
      <c r="TGH681" s="613"/>
      <c r="TGI681" s="613"/>
      <c r="TGJ681" s="613"/>
      <c r="TGK681" s="613"/>
      <c r="TGL681" s="613"/>
      <c r="TGM681" s="613"/>
      <c r="TGN681" s="613"/>
      <c r="TGO681" s="613"/>
      <c r="TGP681" s="613"/>
      <c r="TGQ681" s="613"/>
      <c r="TGR681" s="613"/>
      <c r="TGS681" s="613"/>
      <c r="TGT681" s="613"/>
      <c r="TGU681" s="613"/>
      <c r="TGV681" s="613"/>
      <c r="TGW681" s="613"/>
      <c r="TGX681" s="613"/>
      <c r="TGY681" s="613"/>
      <c r="TGZ681" s="613"/>
      <c r="THA681" s="613"/>
      <c r="THB681" s="613"/>
      <c r="THC681" s="613"/>
      <c r="THD681" s="613"/>
      <c r="THE681" s="613"/>
      <c r="THF681" s="613"/>
      <c r="THG681" s="613"/>
      <c r="THH681" s="613"/>
      <c r="THI681" s="613"/>
      <c r="THJ681" s="613"/>
      <c r="THK681" s="613"/>
      <c r="THL681" s="613"/>
      <c r="THM681" s="613"/>
      <c r="THN681" s="613"/>
      <c r="THO681" s="613"/>
      <c r="THP681" s="613"/>
      <c r="THQ681" s="613"/>
      <c r="THR681" s="613"/>
      <c r="THS681" s="613"/>
      <c r="THT681" s="613"/>
      <c r="THU681" s="613"/>
      <c r="THV681" s="613"/>
      <c r="THW681" s="613"/>
      <c r="THX681" s="613"/>
      <c r="THY681" s="613"/>
      <c r="THZ681" s="613"/>
      <c r="TIA681" s="613"/>
      <c r="TIB681" s="613"/>
      <c r="TIC681" s="613"/>
      <c r="TID681" s="613"/>
      <c r="TIE681" s="613"/>
      <c r="TIF681" s="613"/>
      <c r="TIG681" s="613"/>
      <c r="TIH681" s="613"/>
      <c r="TII681" s="613"/>
      <c r="TIJ681" s="613"/>
      <c r="TIK681" s="613"/>
      <c r="TIL681" s="613"/>
      <c r="TIM681" s="613"/>
      <c r="TIN681" s="613"/>
      <c r="TIO681" s="613"/>
      <c r="TIP681" s="613"/>
      <c r="TIQ681" s="613"/>
      <c r="TIR681" s="613"/>
      <c r="TIS681" s="613"/>
      <c r="TIT681" s="613"/>
      <c r="TIU681" s="613"/>
      <c r="TIV681" s="613"/>
      <c r="TIW681" s="613"/>
      <c r="TIX681" s="613"/>
      <c r="TIY681" s="613"/>
      <c r="TIZ681" s="613"/>
      <c r="TJA681" s="613"/>
      <c r="TJB681" s="613"/>
      <c r="TJC681" s="613"/>
      <c r="TJD681" s="613"/>
      <c r="TJE681" s="613"/>
      <c r="TJF681" s="613"/>
      <c r="TJG681" s="613"/>
      <c r="TJH681" s="613"/>
      <c r="TJI681" s="613"/>
      <c r="TJJ681" s="613"/>
      <c r="TJK681" s="613"/>
      <c r="TJL681" s="613"/>
      <c r="TJM681" s="613"/>
      <c r="TJN681" s="613"/>
      <c r="TJO681" s="613"/>
      <c r="TJP681" s="613"/>
      <c r="TJQ681" s="613"/>
      <c r="TJR681" s="613"/>
      <c r="TJS681" s="613"/>
      <c r="TJT681" s="613"/>
      <c r="TJU681" s="613"/>
      <c r="TJV681" s="613"/>
      <c r="TJW681" s="613"/>
      <c r="TJX681" s="613"/>
      <c r="TJY681" s="613"/>
      <c r="TJZ681" s="613"/>
      <c r="TKA681" s="613"/>
      <c r="TKB681" s="613"/>
      <c r="TKC681" s="613"/>
      <c r="TKD681" s="613"/>
      <c r="TKE681" s="613"/>
      <c r="TKF681" s="613"/>
      <c r="TKG681" s="613"/>
      <c r="TKH681" s="613"/>
      <c r="TKI681" s="613"/>
      <c r="TKJ681" s="613"/>
      <c r="TKK681" s="613"/>
      <c r="TKL681" s="613"/>
      <c r="TKM681" s="613"/>
      <c r="TKN681" s="613"/>
      <c r="TKO681" s="613"/>
      <c r="TKP681" s="613"/>
      <c r="TKQ681" s="613"/>
      <c r="TKR681" s="613"/>
      <c r="TKS681" s="613"/>
      <c r="TKT681" s="613"/>
      <c r="TKU681" s="613"/>
      <c r="TKV681" s="613"/>
      <c r="TKW681" s="613"/>
      <c r="TKX681" s="613"/>
      <c r="TKY681" s="613"/>
      <c r="TKZ681" s="613"/>
      <c r="TLA681" s="613"/>
      <c r="TLB681" s="613"/>
      <c r="TLC681" s="613"/>
      <c r="TLD681" s="613"/>
      <c r="TLE681" s="613"/>
      <c r="TLF681" s="613"/>
      <c r="TLG681" s="613"/>
      <c r="TLH681" s="613"/>
      <c r="TLI681" s="613"/>
      <c r="TLJ681" s="613"/>
      <c r="TLK681" s="613"/>
      <c r="TLL681" s="613"/>
      <c r="TLM681" s="613"/>
      <c r="TLN681" s="613"/>
      <c r="TLO681" s="613"/>
      <c r="TLP681" s="613"/>
      <c r="TLQ681" s="613"/>
      <c r="TLR681" s="613"/>
      <c r="TLS681" s="613"/>
      <c r="TLT681" s="613"/>
      <c r="TLU681" s="613"/>
      <c r="TLV681" s="613"/>
      <c r="TLW681" s="613"/>
      <c r="TLX681" s="613"/>
      <c r="TLY681" s="613"/>
      <c r="TLZ681" s="613"/>
      <c r="TMA681" s="613"/>
      <c r="TMB681" s="613"/>
      <c r="TMC681" s="613"/>
      <c r="TMD681" s="613"/>
      <c r="TME681" s="613"/>
      <c r="TMF681" s="613"/>
      <c r="TMG681" s="613"/>
      <c r="TMH681" s="613"/>
      <c r="TMI681" s="613"/>
      <c r="TMJ681" s="613"/>
      <c r="TMK681" s="613"/>
      <c r="TML681" s="613"/>
      <c r="TMM681" s="613"/>
      <c r="TMN681" s="613"/>
      <c r="TMO681" s="613"/>
      <c r="TMP681" s="613"/>
      <c r="TMQ681" s="613"/>
      <c r="TMR681" s="613"/>
      <c r="TMS681" s="613"/>
      <c r="TMT681" s="613"/>
      <c r="TMU681" s="613"/>
      <c r="TMV681" s="613"/>
      <c r="TMW681" s="613"/>
      <c r="TMX681" s="613"/>
      <c r="TMY681" s="613"/>
      <c r="TMZ681" s="613"/>
      <c r="TNA681" s="613"/>
      <c r="TNB681" s="613"/>
      <c r="TNC681" s="613"/>
      <c r="TND681" s="613"/>
      <c r="TNE681" s="613"/>
      <c r="TNF681" s="613"/>
      <c r="TNG681" s="613"/>
      <c r="TNH681" s="613"/>
      <c r="TNI681" s="613"/>
      <c r="TNJ681" s="613"/>
      <c r="TNK681" s="613"/>
      <c r="TNL681" s="613"/>
      <c r="TNM681" s="613"/>
      <c r="TNN681" s="613"/>
      <c r="TNO681" s="613"/>
      <c r="TNP681" s="613"/>
      <c r="TNQ681" s="613"/>
      <c r="TNR681" s="613"/>
      <c r="TNS681" s="613"/>
      <c r="TNT681" s="613"/>
      <c r="TNU681" s="613"/>
      <c r="TNV681" s="613"/>
      <c r="TNW681" s="613"/>
      <c r="TNX681" s="613"/>
      <c r="TNY681" s="613"/>
      <c r="TNZ681" s="613"/>
      <c r="TOA681" s="613"/>
      <c r="TOB681" s="613"/>
      <c r="TOC681" s="613"/>
      <c r="TOD681" s="613"/>
      <c r="TOE681" s="613"/>
      <c r="TOF681" s="613"/>
      <c r="TOG681" s="613"/>
      <c r="TOH681" s="613"/>
      <c r="TOI681" s="613"/>
      <c r="TOJ681" s="613"/>
      <c r="TOK681" s="613"/>
      <c r="TOL681" s="613"/>
      <c r="TOM681" s="613"/>
      <c r="TON681" s="613"/>
      <c r="TOO681" s="613"/>
      <c r="TOP681" s="613"/>
      <c r="TOQ681" s="613"/>
      <c r="TOR681" s="613"/>
      <c r="TOS681" s="613"/>
      <c r="TOT681" s="613"/>
      <c r="TOU681" s="613"/>
      <c r="TOV681" s="613"/>
      <c r="TOW681" s="613"/>
      <c r="TOX681" s="613"/>
      <c r="TOY681" s="613"/>
      <c r="TOZ681" s="613"/>
      <c r="TPA681" s="613"/>
      <c r="TPB681" s="613"/>
      <c r="TPC681" s="613"/>
      <c r="TPD681" s="613"/>
      <c r="TPE681" s="613"/>
      <c r="TPF681" s="613"/>
      <c r="TPG681" s="613"/>
      <c r="TPH681" s="613"/>
      <c r="TPI681" s="613"/>
      <c r="TPJ681" s="613"/>
      <c r="TPK681" s="613"/>
      <c r="TPL681" s="613"/>
      <c r="TPM681" s="613"/>
      <c r="TPN681" s="613"/>
      <c r="TPO681" s="613"/>
      <c r="TPP681" s="613"/>
      <c r="TPQ681" s="613"/>
      <c r="TPR681" s="613"/>
      <c r="TPS681" s="613"/>
      <c r="TPT681" s="613"/>
      <c r="TPU681" s="613"/>
      <c r="TPV681" s="613"/>
      <c r="TPW681" s="613"/>
      <c r="TPX681" s="613"/>
      <c r="TPY681" s="613"/>
      <c r="TPZ681" s="613"/>
      <c r="TQA681" s="613"/>
      <c r="TQB681" s="613"/>
      <c r="TQC681" s="613"/>
      <c r="TQD681" s="613"/>
      <c r="TQE681" s="613"/>
      <c r="TQF681" s="613"/>
      <c r="TQG681" s="613"/>
      <c r="TQH681" s="613"/>
      <c r="TQI681" s="613"/>
      <c r="TQJ681" s="613"/>
      <c r="TQK681" s="613"/>
      <c r="TQL681" s="613"/>
      <c r="TQM681" s="613"/>
      <c r="TQN681" s="613"/>
      <c r="TQO681" s="613"/>
      <c r="TQP681" s="613"/>
      <c r="TQQ681" s="613"/>
      <c r="TQR681" s="613"/>
      <c r="TQS681" s="613"/>
      <c r="TQT681" s="613"/>
      <c r="TQU681" s="613"/>
      <c r="TQV681" s="613"/>
      <c r="TQW681" s="613"/>
      <c r="TQX681" s="613"/>
      <c r="TQY681" s="613"/>
      <c r="TQZ681" s="613"/>
      <c r="TRA681" s="613"/>
      <c r="TRB681" s="613"/>
      <c r="TRC681" s="613"/>
      <c r="TRD681" s="613"/>
      <c r="TRE681" s="613"/>
      <c r="TRF681" s="613"/>
      <c r="TRG681" s="613"/>
      <c r="TRH681" s="613"/>
      <c r="TRI681" s="613"/>
      <c r="TRJ681" s="613"/>
      <c r="TRK681" s="613"/>
      <c r="TRL681" s="613"/>
      <c r="TRM681" s="613"/>
      <c r="TRN681" s="613"/>
      <c r="TRO681" s="613"/>
      <c r="TRP681" s="613"/>
      <c r="TRQ681" s="613"/>
      <c r="TRR681" s="613"/>
      <c r="TRS681" s="613"/>
      <c r="TRT681" s="613"/>
      <c r="TRU681" s="613"/>
      <c r="TRV681" s="613"/>
      <c r="TRW681" s="613"/>
      <c r="TRX681" s="613"/>
      <c r="TRY681" s="613"/>
      <c r="TRZ681" s="613"/>
      <c r="TSA681" s="613"/>
      <c r="TSB681" s="613"/>
      <c r="TSC681" s="613"/>
      <c r="TSD681" s="613"/>
      <c r="TSE681" s="613"/>
      <c r="TSF681" s="613"/>
      <c r="TSG681" s="613"/>
      <c r="TSH681" s="613"/>
      <c r="TSI681" s="613"/>
      <c r="TSJ681" s="613"/>
      <c r="TSK681" s="613"/>
      <c r="TSL681" s="613"/>
      <c r="TSM681" s="613"/>
      <c r="TSN681" s="613"/>
      <c r="TSO681" s="613"/>
      <c r="TSP681" s="613"/>
      <c r="TSQ681" s="613"/>
      <c r="TSR681" s="613"/>
      <c r="TSS681" s="613"/>
      <c r="TST681" s="613"/>
      <c r="TSU681" s="613"/>
      <c r="TSV681" s="613"/>
      <c r="TSW681" s="613"/>
      <c r="TSX681" s="613"/>
      <c r="TSY681" s="613"/>
      <c r="TSZ681" s="613"/>
      <c r="TTA681" s="613"/>
      <c r="TTB681" s="613"/>
      <c r="TTC681" s="613"/>
      <c r="TTD681" s="613"/>
      <c r="TTE681" s="613"/>
      <c r="TTF681" s="613"/>
      <c r="TTG681" s="613"/>
      <c r="TTH681" s="613"/>
      <c r="TTI681" s="613"/>
      <c r="TTJ681" s="613"/>
      <c r="TTK681" s="613"/>
      <c r="TTL681" s="613"/>
      <c r="TTM681" s="613"/>
      <c r="TTN681" s="613"/>
      <c r="TTO681" s="613"/>
      <c r="TTP681" s="613"/>
      <c r="TTQ681" s="613"/>
      <c r="TTR681" s="613"/>
      <c r="TTS681" s="613"/>
      <c r="TTT681" s="613"/>
      <c r="TTU681" s="613"/>
      <c r="TTV681" s="613"/>
      <c r="TTW681" s="613"/>
      <c r="TTX681" s="613"/>
      <c r="TTY681" s="613"/>
      <c r="TTZ681" s="613"/>
      <c r="TUA681" s="613"/>
      <c r="TUB681" s="613"/>
      <c r="TUC681" s="613"/>
      <c r="TUD681" s="613"/>
      <c r="TUE681" s="613"/>
      <c r="TUF681" s="613"/>
      <c r="TUG681" s="613"/>
      <c r="TUH681" s="613"/>
      <c r="TUI681" s="613"/>
      <c r="TUJ681" s="613"/>
      <c r="TUK681" s="613"/>
      <c r="TUL681" s="613"/>
      <c r="TUM681" s="613"/>
      <c r="TUN681" s="613"/>
      <c r="TUO681" s="613"/>
      <c r="TUP681" s="613"/>
      <c r="TUQ681" s="613"/>
      <c r="TUR681" s="613"/>
      <c r="TUS681" s="613"/>
      <c r="TUT681" s="613"/>
      <c r="TUU681" s="613"/>
      <c r="TUV681" s="613"/>
      <c r="TUW681" s="613"/>
      <c r="TUX681" s="613"/>
      <c r="TUY681" s="613"/>
      <c r="TUZ681" s="613"/>
      <c r="TVA681" s="613"/>
      <c r="TVB681" s="613"/>
      <c r="TVC681" s="613"/>
      <c r="TVD681" s="613"/>
      <c r="TVE681" s="613"/>
      <c r="TVF681" s="613"/>
      <c r="TVG681" s="613"/>
      <c r="TVH681" s="613"/>
      <c r="TVI681" s="613"/>
      <c r="TVJ681" s="613"/>
      <c r="TVK681" s="613"/>
      <c r="TVL681" s="613"/>
      <c r="TVM681" s="613"/>
      <c r="TVN681" s="613"/>
      <c r="TVO681" s="613"/>
      <c r="TVP681" s="613"/>
      <c r="TVQ681" s="613"/>
      <c r="TVR681" s="613"/>
      <c r="TVS681" s="613"/>
      <c r="TVT681" s="613"/>
      <c r="TVU681" s="613"/>
      <c r="TVV681" s="613"/>
      <c r="TVW681" s="613"/>
      <c r="TVX681" s="613"/>
      <c r="TVY681" s="613"/>
      <c r="TVZ681" s="613"/>
      <c r="TWA681" s="613"/>
      <c r="TWB681" s="613"/>
      <c r="TWC681" s="613"/>
      <c r="TWD681" s="613"/>
      <c r="TWE681" s="613"/>
      <c r="TWF681" s="613"/>
      <c r="TWG681" s="613"/>
      <c r="TWH681" s="613"/>
      <c r="TWI681" s="613"/>
      <c r="TWJ681" s="613"/>
      <c r="TWK681" s="613"/>
      <c r="TWL681" s="613"/>
      <c r="TWM681" s="613"/>
      <c r="TWN681" s="613"/>
      <c r="TWO681" s="613"/>
      <c r="TWP681" s="613"/>
      <c r="TWQ681" s="613"/>
      <c r="TWR681" s="613"/>
      <c r="TWS681" s="613"/>
      <c r="TWT681" s="613"/>
      <c r="TWU681" s="613"/>
      <c r="TWV681" s="613"/>
      <c r="TWW681" s="613"/>
      <c r="TWX681" s="613"/>
      <c r="TWY681" s="613"/>
      <c r="TWZ681" s="613"/>
      <c r="TXA681" s="613"/>
      <c r="TXB681" s="613"/>
      <c r="TXC681" s="613"/>
      <c r="TXD681" s="613"/>
      <c r="TXE681" s="613"/>
      <c r="TXF681" s="613"/>
      <c r="TXG681" s="613"/>
      <c r="TXH681" s="613"/>
      <c r="TXI681" s="613"/>
      <c r="TXJ681" s="613"/>
      <c r="TXK681" s="613"/>
      <c r="TXL681" s="613"/>
      <c r="TXM681" s="613"/>
      <c r="TXN681" s="613"/>
      <c r="TXO681" s="613"/>
      <c r="TXP681" s="613"/>
      <c r="TXQ681" s="613"/>
      <c r="TXR681" s="613"/>
      <c r="TXS681" s="613"/>
      <c r="TXT681" s="613"/>
      <c r="TXU681" s="613"/>
      <c r="TXV681" s="613"/>
      <c r="TXW681" s="613"/>
      <c r="TXX681" s="613"/>
      <c r="TXY681" s="613"/>
      <c r="TXZ681" s="613"/>
      <c r="TYA681" s="613"/>
      <c r="TYB681" s="613"/>
      <c r="TYC681" s="613"/>
      <c r="TYD681" s="613"/>
      <c r="TYE681" s="613"/>
      <c r="TYF681" s="613"/>
      <c r="TYG681" s="613"/>
      <c r="TYH681" s="613"/>
      <c r="TYI681" s="613"/>
      <c r="TYJ681" s="613"/>
      <c r="TYK681" s="613"/>
      <c r="TYL681" s="613"/>
      <c r="TYM681" s="613"/>
      <c r="TYN681" s="613"/>
      <c r="TYO681" s="613"/>
      <c r="TYP681" s="613"/>
      <c r="TYQ681" s="613"/>
      <c r="TYR681" s="613"/>
      <c r="TYS681" s="613"/>
      <c r="TYT681" s="613"/>
      <c r="TYU681" s="613"/>
      <c r="TYV681" s="613"/>
      <c r="TYW681" s="613"/>
      <c r="TYX681" s="613"/>
      <c r="TYY681" s="613"/>
      <c r="TYZ681" s="613"/>
      <c r="TZA681" s="613"/>
      <c r="TZB681" s="613"/>
      <c r="TZC681" s="613"/>
      <c r="TZD681" s="613"/>
      <c r="TZE681" s="613"/>
      <c r="TZF681" s="613"/>
      <c r="TZG681" s="613"/>
      <c r="TZH681" s="613"/>
      <c r="TZI681" s="613"/>
      <c r="TZJ681" s="613"/>
      <c r="TZK681" s="613"/>
      <c r="TZL681" s="613"/>
      <c r="TZM681" s="613"/>
      <c r="TZN681" s="613"/>
      <c r="TZO681" s="613"/>
      <c r="TZP681" s="613"/>
      <c r="TZQ681" s="613"/>
      <c r="TZR681" s="613"/>
      <c r="TZS681" s="613"/>
      <c r="TZT681" s="613"/>
      <c r="TZU681" s="613"/>
      <c r="TZV681" s="613"/>
      <c r="TZW681" s="613"/>
      <c r="TZX681" s="613"/>
      <c r="TZY681" s="613"/>
      <c r="TZZ681" s="613"/>
      <c r="UAA681" s="613"/>
      <c r="UAB681" s="613"/>
      <c r="UAC681" s="613"/>
      <c r="UAD681" s="613"/>
      <c r="UAE681" s="613"/>
      <c r="UAF681" s="613"/>
      <c r="UAG681" s="613"/>
      <c r="UAH681" s="613"/>
      <c r="UAI681" s="613"/>
      <c r="UAJ681" s="613"/>
      <c r="UAK681" s="613"/>
      <c r="UAL681" s="613"/>
      <c r="UAM681" s="613"/>
      <c r="UAN681" s="613"/>
      <c r="UAO681" s="613"/>
      <c r="UAP681" s="613"/>
      <c r="UAQ681" s="613"/>
      <c r="UAR681" s="613"/>
      <c r="UAS681" s="613"/>
      <c r="UAT681" s="613"/>
      <c r="UAU681" s="613"/>
      <c r="UAV681" s="613"/>
      <c r="UAW681" s="613"/>
      <c r="UAX681" s="613"/>
      <c r="UAY681" s="613"/>
      <c r="UAZ681" s="613"/>
      <c r="UBA681" s="613"/>
      <c r="UBB681" s="613"/>
      <c r="UBC681" s="613"/>
      <c r="UBD681" s="613"/>
      <c r="UBE681" s="613"/>
      <c r="UBF681" s="613"/>
      <c r="UBG681" s="613"/>
      <c r="UBH681" s="613"/>
      <c r="UBI681" s="613"/>
      <c r="UBJ681" s="613"/>
      <c r="UBK681" s="613"/>
      <c r="UBL681" s="613"/>
      <c r="UBM681" s="613"/>
      <c r="UBN681" s="613"/>
      <c r="UBO681" s="613"/>
      <c r="UBP681" s="613"/>
      <c r="UBQ681" s="613"/>
      <c r="UBR681" s="613"/>
      <c r="UBS681" s="613"/>
      <c r="UBT681" s="613"/>
      <c r="UBU681" s="613"/>
      <c r="UBV681" s="613"/>
      <c r="UBW681" s="613"/>
      <c r="UBX681" s="613"/>
      <c r="UBY681" s="613"/>
      <c r="UBZ681" s="613"/>
      <c r="UCA681" s="613"/>
      <c r="UCB681" s="613"/>
      <c r="UCC681" s="613"/>
      <c r="UCD681" s="613"/>
      <c r="UCE681" s="613"/>
      <c r="UCF681" s="613"/>
      <c r="UCG681" s="613"/>
      <c r="UCH681" s="613"/>
      <c r="UCI681" s="613"/>
      <c r="UCJ681" s="613"/>
      <c r="UCK681" s="613"/>
      <c r="UCL681" s="613"/>
      <c r="UCM681" s="613"/>
      <c r="UCN681" s="613"/>
      <c r="UCO681" s="613"/>
      <c r="UCP681" s="613"/>
      <c r="UCQ681" s="613"/>
      <c r="UCR681" s="613"/>
      <c r="UCS681" s="613"/>
      <c r="UCT681" s="613"/>
      <c r="UCU681" s="613"/>
      <c r="UCV681" s="613"/>
      <c r="UCW681" s="613"/>
      <c r="UCX681" s="613"/>
      <c r="UCY681" s="613"/>
      <c r="UCZ681" s="613"/>
      <c r="UDA681" s="613"/>
      <c r="UDB681" s="613"/>
      <c r="UDC681" s="613"/>
      <c r="UDD681" s="613"/>
      <c r="UDE681" s="613"/>
      <c r="UDF681" s="613"/>
      <c r="UDG681" s="613"/>
      <c r="UDH681" s="613"/>
      <c r="UDI681" s="613"/>
      <c r="UDJ681" s="613"/>
      <c r="UDK681" s="613"/>
      <c r="UDL681" s="613"/>
      <c r="UDM681" s="613"/>
      <c r="UDN681" s="613"/>
      <c r="UDO681" s="613"/>
      <c r="UDP681" s="613"/>
      <c r="UDQ681" s="613"/>
      <c r="UDR681" s="613"/>
      <c r="UDS681" s="613"/>
      <c r="UDT681" s="613"/>
      <c r="UDU681" s="613"/>
      <c r="UDV681" s="613"/>
      <c r="UDW681" s="613"/>
      <c r="UDX681" s="613"/>
      <c r="UDY681" s="613"/>
      <c r="UDZ681" s="613"/>
      <c r="UEA681" s="613"/>
      <c r="UEB681" s="613"/>
      <c r="UEC681" s="613"/>
      <c r="UED681" s="613"/>
      <c r="UEE681" s="613"/>
      <c r="UEF681" s="613"/>
      <c r="UEG681" s="613"/>
      <c r="UEH681" s="613"/>
      <c r="UEI681" s="613"/>
      <c r="UEJ681" s="613"/>
      <c r="UEK681" s="613"/>
      <c r="UEL681" s="613"/>
      <c r="UEM681" s="613"/>
      <c r="UEN681" s="613"/>
      <c r="UEO681" s="613"/>
      <c r="UEP681" s="613"/>
      <c r="UEQ681" s="613"/>
      <c r="UER681" s="613"/>
      <c r="UES681" s="613"/>
      <c r="UET681" s="613"/>
      <c r="UEU681" s="613"/>
      <c r="UEV681" s="613"/>
      <c r="UEW681" s="613"/>
      <c r="UEX681" s="613"/>
      <c r="UEY681" s="613"/>
      <c r="UEZ681" s="613"/>
      <c r="UFA681" s="613"/>
      <c r="UFB681" s="613"/>
      <c r="UFC681" s="613"/>
      <c r="UFD681" s="613"/>
      <c r="UFE681" s="613"/>
      <c r="UFF681" s="613"/>
      <c r="UFG681" s="613"/>
      <c r="UFH681" s="613"/>
      <c r="UFI681" s="613"/>
      <c r="UFJ681" s="613"/>
      <c r="UFK681" s="613"/>
      <c r="UFL681" s="613"/>
      <c r="UFM681" s="613"/>
      <c r="UFN681" s="613"/>
      <c r="UFO681" s="613"/>
      <c r="UFP681" s="613"/>
      <c r="UFQ681" s="613"/>
      <c r="UFR681" s="613"/>
      <c r="UFS681" s="613"/>
      <c r="UFT681" s="613"/>
      <c r="UFU681" s="613"/>
      <c r="UFV681" s="613"/>
      <c r="UFW681" s="613"/>
      <c r="UFX681" s="613"/>
      <c r="UFY681" s="613"/>
      <c r="UFZ681" s="613"/>
      <c r="UGA681" s="613"/>
      <c r="UGB681" s="613"/>
      <c r="UGC681" s="613"/>
      <c r="UGD681" s="613"/>
      <c r="UGE681" s="613"/>
      <c r="UGF681" s="613"/>
      <c r="UGG681" s="613"/>
      <c r="UGH681" s="613"/>
      <c r="UGI681" s="613"/>
      <c r="UGJ681" s="613"/>
      <c r="UGK681" s="613"/>
      <c r="UGL681" s="613"/>
      <c r="UGM681" s="613"/>
      <c r="UGN681" s="613"/>
      <c r="UGO681" s="613"/>
      <c r="UGP681" s="613"/>
      <c r="UGQ681" s="613"/>
      <c r="UGR681" s="613"/>
      <c r="UGS681" s="613"/>
      <c r="UGT681" s="613"/>
      <c r="UGU681" s="613"/>
      <c r="UGV681" s="613"/>
      <c r="UGW681" s="613"/>
      <c r="UGX681" s="613"/>
      <c r="UGY681" s="613"/>
      <c r="UGZ681" s="613"/>
      <c r="UHA681" s="613"/>
      <c r="UHB681" s="613"/>
      <c r="UHC681" s="613"/>
      <c r="UHD681" s="613"/>
      <c r="UHE681" s="613"/>
      <c r="UHF681" s="613"/>
      <c r="UHG681" s="613"/>
      <c r="UHH681" s="613"/>
      <c r="UHI681" s="613"/>
      <c r="UHJ681" s="613"/>
      <c r="UHK681" s="613"/>
      <c r="UHL681" s="613"/>
      <c r="UHM681" s="613"/>
      <c r="UHN681" s="613"/>
      <c r="UHO681" s="613"/>
      <c r="UHP681" s="613"/>
      <c r="UHQ681" s="613"/>
      <c r="UHR681" s="613"/>
      <c r="UHS681" s="613"/>
      <c r="UHT681" s="613"/>
      <c r="UHU681" s="613"/>
      <c r="UHV681" s="613"/>
      <c r="UHW681" s="613"/>
      <c r="UHX681" s="613"/>
      <c r="UHY681" s="613"/>
      <c r="UHZ681" s="613"/>
      <c r="UIA681" s="613"/>
      <c r="UIB681" s="613"/>
      <c r="UIC681" s="613"/>
      <c r="UID681" s="613"/>
      <c r="UIE681" s="613"/>
      <c r="UIF681" s="613"/>
      <c r="UIG681" s="613"/>
      <c r="UIH681" s="613"/>
      <c r="UII681" s="613"/>
      <c r="UIJ681" s="613"/>
      <c r="UIK681" s="613"/>
      <c r="UIL681" s="613"/>
      <c r="UIM681" s="613"/>
      <c r="UIN681" s="613"/>
      <c r="UIO681" s="613"/>
      <c r="UIP681" s="613"/>
      <c r="UIQ681" s="613"/>
      <c r="UIR681" s="613"/>
      <c r="UIS681" s="613"/>
      <c r="UIT681" s="613"/>
      <c r="UIU681" s="613"/>
      <c r="UIV681" s="613"/>
      <c r="UIW681" s="613"/>
      <c r="UIX681" s="613"/>
      <c r="UIY681" s="613"/>
      <c r="UIZ681" s="613"/>
      <c r="UJA681" s="613"/>
      <c r="UJB681" s="613"/>
      <c r="UJC681" s="613"/>
      <c r="UJD681" s="613"/>
      <c r="UJE681" s="613"/>
      <c r="UJF681" s="613"/>
      <c r="UJG681" s="613"/>
      <c r="UJH681" s="613"/>
      <c r="UJI681" s="613"/>
      <c r="UJJ681" s="613"/>
      <c r="UJK681" s="613"/>
      <c r="UJL681" s="613"/>
      <c r="UJM681" s="613"/>
      <c r="UJN681" s="613"/>
      <c r="UJO681" s="613"/>
      <c r="UJP681" s="613"/>
      <c r="UJQ681" s="613"/>
      <c r="UJR681" s="613"/>
      <c r="UJS681" s="613"/>
      <c r="UJT681" s="613"/>
      <c r="UJU681" s="613"/>
      <c r="UJV681" s="613"/>
      <c r="UJW681" s="613"/>
      <c r="UJX681" s="613"/>
      <c r="UJY681" s="613"/>
      <c r="UJZ681" s="613"/>
      <c r="UKA681" s="613"/>
      <c r="UKB681" s="613"/>
      <c r="UKC681" s="613"/>
      <c r="UKD681" s="613"/>
      <c r="UKE681" s="613"/>
      <c r="UKF681" s="613"/>
      <c r="UKG681" s="613"/>
      <c r="UKH681" s="613"/>
      <c r="UKI681" s="613"/>
      <c r="UKJ681" s="613"/>
      <c r="UKK681" s="613"/>
      <c r="UKL681" s="613"/>
      <c r="UKM681" s="613"/>
      <c r="UKN681" s="613"/>
      <c r="UKO681" s="613"/>
      <c r="UKP681" s="613"/>
      <c r="UKQ681" s="613"/>
      <c r="UKR681" s="613"/>
      <c r="UKS681" s="613"/>
      <c r="UKT681" s="613"/>
      <c r="UKU681" s="613"/>
      <c r="UKV681" s="613"/>
      <c r="UKW681" s="613"/>
      <c r="UKX681" s="613"/>
      <c r="UKY681" s="613"/>
      <c r="UKZ681" s="613"/>
      <c r="ULA681" s="613"/>
      <c r="ULB681" s="613"/>
      <c r="ULC681" s="613"/>
      <c r="ULD681" s="613"/>
      <c r="ULE681" s="613"/>
      <c r="ULF681" s="613"/>
      <c r="ULG681" s="613"/>
      <c r="ULH681" s="613"/>
      <c r="ULI681" s="613"/>
      <c r="ULJ681" s="613"/>
      <c r="ULK681" s="613"/>
      <c r="ULL681" s="613"/>
      <c r="ULM681" s="613"/>
      <c r="ULN681" s="613"/>
      <c r="ULO681" s="613"/>
      <c r="ULP681" s="613"/>
      <c r="ULQ681" s="613"/>
      <c r="ULR681" s="613"/>
      <c r="ULS681" s="613"/>
      <c r="ULT681" s="613"/>
      <c r="ULU681" s="613"/>
      <c r="ULV681" s="613"/>
      <c r="ULW681" s="613"/>
      <c r="ULX681" s="613"/>
      <c r="ULY681" s="613"/>
      <c r="ULZ681" s="613"/>
      <c r="UMA681" s="613"/>
      <c r="UMB681" s="613"/>
      <c r="UMC681" s="613"/>
      <c r="UMD681" s="613"/>
      <c r="UME681" s="613"/>
      <c r="UMF681" s="613"/>
      <c r="UMG681" s="613"/>
      <c r="UMH681" s="613"/>
      <c r="UMI681" s="613"/>
      <c r="UMJ681" s="613"/>
      <c r="UMK681" s="613"/>
      <c r="UML681" s="613"/>
      <c r="UMM681" s="613"/>
      <c r="UMN681" s="613"/>
      <c r="UMO681" s="613"/>
      <c r="UMP681" s="613"/>
      <c r="UMQ681" s="613"/>
      <c r="UMR681" s="613"/>
      <c r="UMS681" s="613"/>
      <c r="UMT681" s="613"/>
      <c r="UMU681" s="613"/>
      <c r="UMV681" s="613"/>
      <c r="UMW681" s="613"/>
      <c r="UMX681" s="613"/>
      <c r="UMY681" s="613"/>
      <c r="UMZ681" s="613"/>
      <c r="UNA681" s="613"/>
      <c r="UNB681" s="613"/>
      <c r="UNC681" s="613"/>
      <c r="UND681" s="613"/>
      <c r="UNE681" s="613"/>
      <c r="UNF681" s="613"/>
      <c r="UNG681" s="613"/>
      <c r="UNH681" s="613"/>
      <c r="UNI681" s="613"/>
      <c r="UNJ681" s="613"/>
      <c r="UNK681" s="613"/>
      <c r="UNL681" s="613"/>
      <c r="UNM681" s="613"/>
      <c r="UNN681" s="613"/>
      <c r="UNO681" s="613"/>
      <c r="UNP681" s="613"/>
      <c r="UNQ681" s="613"/>
      <c r="UNR681" s="613"/>
      <c r="UNS681" s="613"/>
      <c r="UNT681" s="613"/>
      <c r="UNU681" s="613"/>
      <c r="UNV681" s="613"/>
      <c r="UNW681" s="613"/>
      <c r="UNX681" s="613"/>
      <c r="UNY681" s="613"/>
      <c r="UNZ681" s="613"/>
      <c r="UOA681" s="613"/>
      <c r="UOB681" s="613"/>
      <c r="UOC681" s="613"/>
      <c r="UOD681" s="613"/>
      <c r="UOE681" s="613"/>
      <c r="UOF681" s="613"/>
      <c r="UOG681" s="613"/>
      <c r="UOH681" s="613"/>
      <c r="UOI681" s="613"/>
      <c r="UOJ681" s="613"/>
      <c r="UOK681" s="613"/>
      <c r="UOL681" s="613"/>
      <c r="UOM681" s="613"/>
      <c r="UON681" s="613"/>
      <c r="UOO681" s="613"/>
      <c r="UOP681" s="613"/>
      <c r="UOQ681" s="613"/>
      <c r="UOR681" s="613"/>
      <c r="UOS681" s="613"/>
      <c r="UOT681" s="613"/>
      <c r="UOU681" s="613"/>
      <c r="UOV681" s="613"/>
      <c r="UOW681" s="613"/>
      <c r="UOX681" s="613"/>
      <c r="UOY681" s="613"/>
      <c r="UOZ681" s="613"/>
      <c r="UPA681" s="613"/>
      <c r="UPB681" s="613"/>
      <c r="UPC681" s="613"/>
      <c r="UPD681" s="613"/>
      <c r="UPE681" s="613"/>
      <c r="UPF681" s="613"/>
      <c r="UPG681" s="613"/>
      <c r="UPH681" s="613"/>
      <c r="UPI681" s="613"/>
      <c r="UPJ681" s="613"/>
      <c r="UPK681" s="613"/>
      <c r="UPL681" s="613"/>
      <c r="UPM681" s="613"/>
      <c r="UPN681" s="613"/>
      <c r="UPO681" s="613"/>
      <c r="UPP681" s="613"/>
      <c r="UPQ681" s="613"/>
      <c r="UPR681" s="613"/>
      <c r="UPS681" s="613"/>
      <c r="UPT681" s="613"/>
      <c r="UPU681" s="613"/>
      <c r="UPV681" s="613"/>
      <c r="UPW681" s="613"/>
      <c r="UPX681" s="613"/>
      <c r="UPY681" s="613"/>
      <c r="UPZ681" s="613"/>
      <c r="UQA681" s="613"/>
      <c r="UQB681" s="613"/>
      <c r="UQC681" s="613"/>
      <c r="UQD681" s="613"/>
      <c r="UQE681" s="613"/>
      <c r="UQF681" s="613"/>
      <c r="UQG681" s="613"/>
      <c r="UQH681" s="613"/>
      <c r="UQI681" s="613"/>
      <c r="UQJ681" s="613"/>
      <c r="UQK681" s="613"/>
      <c r="UQL681" s="613"/>
      <c r="UQM681" s="613"/>
      <c r="UQN681" s="613"/>
      <c r="UQO681" s="613"/>
      <c r="UQP681" s="613"/>
      <c r="UQQ681" s="613"/>
      <c r="UQR681" s="613"/>
      <c r="UQS681" s="613"/>
      <c r="UQT681" s="613"/>
      <c r="UQU681" s="613"/>
      <c r="UQV681" s="613"/>
      <c r="UQW681" s="613"/>
      <c r="UQX681" s="613"/>
      <c r="UQY681" s="613"/>
      <c r="UQZ681" s="613"/>
      <c r="URA681" s="613"/>
      <c r="URB681" s="613"/>
      <c r="URC681" s="613"/>
      <c r="URD681" s="613"/>
      <c r="URE681" s="613"/>
      <c r="URF681" s="613"/>
      <c r="URG681" s="613"/>
      <c r="URH681" s="613"/>
      <c r="URI681" s="613"/>
      <c r="URJ681" s="613"/>
      <c r="URK681" s="613"/>
      <c r="URL681" s="613"/>
      <c r="URM681" s="613"/>
      <c r="URN681" s="613"/>
      <c r="URO681" s="613"/>
      <c r="URP681" s="613"/>
      <c r="URQ681" s="613"/>
      <c r="URR681" s="613"/>
      <c r="URS681" s="613"/>
      <c r="URT681" s="613"/>
      <c r="URU681" s="613"/>
      <c r="URV681" s="613"/>
      <c r="URW681" s="613"/>
      <c r="URX681" s="613"/>
      <c r="URY681" s="613"/>
      <c r="URZ681" s="613"/>
      <c r="USA681" s="613"/>
      <c r="USB681" s="613"/>
      <c r="USC681" s="613"/>
      <c r="USD681" s="613"/>
      <c r="USE681" s="613"/>
      <c r="USF681" s="613"/>
      <c r="USG681" s="613"/>
      <c r="USH681" s="613"/>
      <c r="USI681" s="613"/>
      <c r="USJ681" s="613"/>
      <c r="USK681" s="613"/>
      <c r="USL681" s="613"/>
      <c r="USM681" s="613"/>
      <c r="USN681" s="613"/>
      <c r="USO681" s="613"/>
      <c r="USP681" s="613"/>
      <c r="USQ681" s="613"/>
      <c r="USR681" s="613"/>
      <c r="USS681" s="613"/>
      <c r="UST681" s="613"/>
      <c r="USU681" s="613"/>
      <c r="USV681" s="613"/>
      <c r="USW681" s="613"/>
      <c r="USX681" s="613"/>
      <c r="USY681" s="613"/>
      <c r="USZ681" s="613"/>
      <c r="UTA681" s="613"/>
      <c r="UTB681" s="613"/>
      <c r="UTC681" s="613"/>
      <c r="UTD681" s="613"/>
      <c r="UTE681" s="613"/>
      <c r="UTF681" s="613"/>
      <c r="UTG681" s="613"/>
      <c r="UTH681" s="613"/>
      <c r="UTI681" s="613"/>
      <c r="UTJ681" s="613"/>
      <c r="UTK681" s="613"/>
      <c r="UTL681" s="613"/>
      <c r="UTM681" s="613"/>
      <c r="UTN681" s="613"/>
      <c r="UTO681" s="613"/>
      <c r="UTP681" s="613"/>
      <c r="UTQ681" s="613"/>
      <c r="UTR681" s="613"/>
      <c r="UTS681" s="613"/>
      <c r="UTT681" s="613"/>
      <c r="UTU681" s="613"/>
      <c r="UTV681" s="613"/>
      <c r="UTW681" s="613"/>
      <c r="UTX681" s="613"/>
      <c r="UTY681" s="613"/>
      <c r="UTZ681" s="613"/>
      <c r="UUA681" s="613"/>
      <c r="UUB681" s="613"/>
      <c r="UUC681" s="613"/>
      <c r="UUD681" s="613"/>
      <c r="UUE681" s="613"/>
      <c r="UUF681" s="613"/>
      <c r="UUG681" s="613"/>
      <c r="UUH681" s="613"/>
      <c r="UUI681" s="613"/>
      <c r="UUJ681" s="613"/>
      <c r="UUK681" s="613"/>
      <c r="UUL681" s="613"/>
      <c r="UUM681" s="613"/>
      <c r="UUN681" s="613"/>
      <c r="UUO681" s="613"/>
      <c r="UUP681" s="613"/>
      <c r="UUQ681" s="613"/>
      <c r="UUR681" s="613"/>
      <c r="UUS681" s="613"/>
      <c r="UUT681" s="613"/>
      <c r="UUU681" s="613"/>
      <c r="UUV681" s="613"/>
      <c r="UUW681" s="613"/>
      <c r="UUX681" s="613"/>
      <c r="UUY681" s="613"/>
      <c r="UUZ681" s="613"/>
      <c r="UVA681" s="613"/>
      <c r="UVB681" s="613"/>
      <c r="UVC681" s="613"/>
      <c r="UVD681" s="613"/>
      <c r="UVE681" s="613"/>
      <c r="UVF681" s="613"/>
      <c r="UVG681" s="613"/>
      <c r="UVH681" s="613"/>
      <c r="UVI681" s="613"/>
      <c r="UVJ681" s="613"/>
      <c r="UVK681" s="613"/>
      <c r="UVL681" s="613"/>
      <c r="UVM681" s="613"/>
      <c r="UVN681" s="613"/>
      <c r="UVO681" s="613"/>
      <c r="UVP681" s="613"/>
      <c r="UVQ681" s="613"/>
      <c r="UVR681" s="613"/>
      <c r="UVS681" s="613"/>
      <c r="UVT681" s="613"/>
      <c r="UVU681" s="613"/>
      <c r="UVV681" s="613"/>
      <c r="UVW681" s="613"/>
      <c r="UVX681" s="613"/>
      <c r="UVY681" s="613"/>
      <c r="UVZ681" s="613"/>
      <c r="UWA681" s="613"/>
      <c r="UWB681" s="613"/>
      <c r="UWC681" s="613"/>
      <c r="UWD681" s="613"/>
      <c r="UWE681" s="613"/>
      <c r="UWF681" s="613"/>
      <c r="UWG681" s="613"/>
      <c r="UWH681" s="613"/>
      <c r="UWI681" s="613"/>
      <c r="UWJ681" s="613"/>
      <c r="UWK681" s="613"/>
      <c r="UWL681" s="613"/>
      <c r="UWM681" s="613"/>
      <c r="UWN681" s="613"/>
      <c r="UWO681" s="613"/>
      <c r="UWP681" s="613"/>
      <c r="UWQ681" s="613"/>
      <c r="UWR681" s="613"/>
      <c r="UWS681" s="613"/>
      <c r="UWT681" s="613"/>
      <c r="UWU681" s="613"/>
      <c r="UWV681" s="613"/>
      <c r="UWW681" s="613"/>
      <c r="UWX681" s="613"/>
      <c r="UWY681" s="613"/>
      <c r="UWZ681" s="613"/>
      <c r="UXA681" s="613"/>
      <c r="UXB681" s="613"/>
      <c r="UXC681" s="613"/>
      <c r="UXD681" s="613"/>
      <c r="UXE681" s="613"/>
      <c r="UXF681" s="613"/>
      <c r="UXG681" s="613"/>
      <c r="UXH681" s="613"/>
      <c r="UXI681" s="613"/>
      <c r="UXJ681" s="613"/>
      <c r="UXK681" s="613"/>
      <c r="UXL681" s="613"/>
      <c r="UXM681" s="613"/>
      <c r="UXN681" s="613"/>
      <c r="UXO681" s="613"/>
      <c r="UXP681" s="613"/>
      <c r="UXQ681" s="613"/>
      <c r="UXR681" s="613"/>
      <c r="UXS681" s="613"/>
      <c r="UXT681" s="613"/>
      <c r="UXU681" s="613"/>
      <c r="UXV681" s="613"/>
      <c r="UXW681" s="613"/>
      <c r="UXX681" s="613"/>
      <c r="UXY681" s="613"/>
      <c r="UXZ681" s="613"/>
      <c r="UYA681" s="613"/>
      <c r="UYB681" s="613"/>
      <c r="UYC681" s="613"/>
      <c r="UYD681" s="613"/>
      <c r="UYE681" s="613"/>
      <c r="UYF681" s="613"/>
      <c r="UYG681" s="613"/>
      <c r="UYH681" s="613"/>
      <c r="UYI681" s="613"/>
      <c r="UYJ681" s="613"/>
      <c r="UYK681" s="613"/>
      <c r="UYL681" s="613"/>
      <c r="UYM681" s="613"/>
      <c r="UYN681" s="613"/>
      <c r="UYO681" s="613"/>
      <c r="UYP681" s="613"/>
      <c r="UYQ681" s="613"/>
      <c r="UYR681" s="613"/>
      <c r="UYS681" s="613"/>
      <c r="UYT681" s="613"/>
      <c r="UYU681" s="613"/>
      <c r="UYV681" s="613"/>
      <c r="UYW681" s="613"/>
      <c r="UYX681" s="613"/>
      <c r="UYY681" s="613"/>
      <c r="UYZ681" s="613"/>
      <c r="UZA681" s="613"/>
      <c r="UZB681" s="613"/>
      <c r="UZC681" s="613"/>
      <c r="UZD681" s="613"/>
      <c r="UZE681" s="613"/>
      <c r="UZF681" s="613"/>
      <c r="UZG681" s="613"/>
      <c r="UZH681" s="613"/>
      <c r="UZI681" s="613"/>
      <c r="UZJ681" s="613"/>
      <c r="UZK681" s="613"/>
      <c r="UZL681" s="613"/>
      <c r="UZM681" s="613"/>
      <c r="UZN681" s="613"/>
      <c r="UZO681" s="613"/>
      <c r="UZP681" s="613"/>
      <c r="UZQ681" s="613"/>
      <c r="UZR681" s="613"/>
      <c r="UZS681" s="613"/>
      <c r="UZT681" s="613"/>
      <c r="UZU681" s="613"/>
      <c r="UZV681" s="613"/>
      <c r="UZW681" s="613"/>
      <c r="UZX681" s="613"/>
      <c r="UZY681" s="613"/>
      <c r="UZZ681" s="613"/>
      <c r="VAA681" s="613"/>
      <c r="VAB681" s="613"/>
      <c r="VAC681" s="613"/>
      <c r="VAD681" s="613"/>
      <c r="VAE681" s="613"/>
      <c r="VAF681" s="613"/>
      <c r="VAG681" s="613"/>
      <c r="VAH681" s="613"/>
      <c r="VAI681" s="613"/>
      <c r="VAJ681" s="613"/>
      <c r="VAK681" s="613"/>
      <c r="VAL681" s="613"/>
      <c r="VAM681" s="613"/>
      <c r="VAN681" s="613"/>
      <c r="VAO681" s="613"/>
      <c r="VAP681" s="613"/>
      <c r="VAQ681" s="613"/>
      <c r="VAR681" s="613"/>
      <c r="VAS681" s="613"/>
      <c r="VAT681" s="613"/>
      <c r="VAU681" s="613"/>
      <c r="VAV681" s="613"/>
      <c r="VAW681" s="613"/>
      <c r="VAX681" s="613"/>
      <c r="VAY681" s="613"/>
      <c r="VAZ681" s="613"/>
      <c r="VBA681" s="613"/>
      <c r="VBB681" s="613"/>
      <c r="VBC681" s="613"/>
      <c r="VBD681" s="613"/>
      <c r="VBE681" s="613"/>
      <c r="VBF681" s="613"/>
      <c r="VBG681" s="613"/>
      <c r="VBH681" s="613"/>
      <c r="VBI681" s="613"/>
      <c r="VBJ681" s="613"/>
      <c r="VBK681" s="613"/>
      <c r="VBL681" s="613"/>
      <c r="VBM681" s="613"/>
      <c r="VBN681" s="613"/>
      <c r="VBO681" s="613"/>
      <c r="VBP681" s="613"/>
      <c r="VBQ681" s="613"/>
      <c r="VBR681" s="613"/>
      <c r="VBS681" s="613"/>
      <c r="VBT681" s="613"/>
      <c r="VBU681" s="613"/>
      <c r="VBV681" s="613"/>
      <c r="VBW681" s="613"/>
      <c r="VBX681" s="613"/>
      <c r="VBY681" s="613"/>
      <c r="VBZ681" s="613"/>
      <c r="VCA681" s="613"/>
      <c r="VCB681" s="613"/>
      <c r="VCC681" s="613"/>
      <c r="VCD681" s="613"/>
      <c r="VCE681" s="613"/>
      <c r="VCF681" s="613"/>
      <c r="VCG681" s="613"/>
      <c r="VCH681" s="613"/>
      <c r="VCI681" s="613"/>
      <c r="VCJ681" s="613"/>
      <c r="VCK681" s="613"/>
      <c r="VCL681" s="613"/>
      <c r="VCM681" s="613"/>
      <c r="VCN681" s="613"/>
      <c r="VCO681" s="613"/>
      <c r="VCP681" s="613"/>
      <c r="VCQ681" s="613"/>
      <c r="VCR681" s="613"/>
      <c r="VCS681" s="613"/>
      <c r="VCT681" s="613"/>
      <c r="VCU681" s="613"/>
      <c r="VCV681" s="613"/>
      <c r="VCW681" s="613"/>
      <c r="VCX681" s="613"/>
      <c r="VCY681" s="613"/>
      <c r="VCZ681" s="613"/>
      <c r="VDA681" s="613"/>
      <c r="VDB681" s="613"/>
      <c r="VDC681" s="613"/>
      <c r="VDD681" s="613"/>
      <c r="VDE681" s="613"/>
      <c r="VDF681" s="613"/>
      <c r="VDG681" s="613"/>
      <c r="VDH681" s="613"/>
      <c r="VDI681" s="613"/>
      <c r="VDJ681" s="613"/>
      <c r="VDK681" s="613"/>
      <c r="VDL681" s="613"/>
      <c r="VDM681" s="613"/>
      <c r="VDN681" s="613"/>
      <c r="VDO681" s="613"/>
      <c r="VDP681" s="613"/>
      <c r="VDQ681" s="613"/>
      <c r="VDR681" s="613"/>
      <c r="VDS681" s="613"/>
      <c r="VDT681" s="613"/>
      <c r="VDU681" s="613"/>
      <c r="VDV681" s="613"/>
      <c r="VDW681" s="613"/>
      <c r="VDX681" s="613"/>
      <c r="VDY681" s="613"/>
      <c r="VDZ681" s="613"/>
      <c r="VEA681" s="613"/>
      <c r="VEB681" s="613"/>
      <c r="VEC681" s="613"/>
      <c r="VED681" s="613"/>
      <c r="VEE681" s="613"/>
      <c r="VEF681" s="613"/>
      <c r="VEG681" s="613"/>
      <c r="VEH681" s="613"/>
      <c r="VEI681" s="613"/>
      <c r="VEJ681" s="613"/>
      <c r="VEK681" s="613"/>
      <c r="VEL681" s="613"/>
      <c r="VEM681" s="613"/>
      <c r="VEN681" s="613"/>
      <c r="VEO681" s="613"/>
      <c r="VEP681" s="613"/>
      <c r="VEQ681" s="613"/>
      <c r="VER681" s="613"/>
      <c r="VES681" s="613"/>
      <c r="VET681" s="613"/>
      <c r="VEU681" s="613"/>
      <c r="VEV681" s="613"/>
      <c r="VEW681" s="613"/>
      <c r="VEX681" s="613"/>
      <c r="VEY681" s="613"/>
      <c r="VEZ681" s="613"/>
      <c r="VFA681" s="613"/>
      <c r="VFB681" s="613"/>
      <c r="VFC681" s="613"/>
      <c r="VFD681" s="613"/>
      <c r="VFE681" s="613"/>
      <c r="VFF681" s="613"/>
      <c r="VFG681" s="613"/>
      <c r="VFH681" s="613"/>
      <c r="VFI681" s="613"/>
      <c r="VFJ681" s="613"/>
      <c r="VFK681" s="613"/>
      <c r="VFL681" s="613"/>
      <c r="VFM681" s="613"/>
      <c r="VFN681" s="613"/>
      <c r="VFO681" s="613"/>
      <c r="VFP681" s="613"/>
      <c r="VFQ681" s="613"/>
      <c r="VFR681" s="613"/>
      <c r="VFS681" s="613"/>
      <c r="VFT681" s="613"/>
      <c r="VFU681" s="613"/>
      <c r="VFV681" s="613"/>
      <c r="VFW681" s="613"/>
      <c r="VFX681" s="613"/>
      <c r="VFY681" s="613"/>
      <c r="VFZ681" s="613"/>
      <c r="VGA681" s="613"/>
      <c r="VGB681" s="613"/>
      <c r="VGC681" s="613"/>
      <c r="VGD681" s="613"/>
      <c r="VGE681" s="613"/>
      <c r="VGF681" s="613"/>
      <c r="VGG681" s="613"/>
      <c r="VGH681" s="613"/>
      <c r="VGI681" s="613"/>
      <c r="VGJ681" s="613"/>
      <c r="VGK681" s="613"/>
      <c r="VGL681" s="613"/>
      <c r="VGM681" s="613"/>
      <c r="VGN681" s="613"/>
      <c r="VGO681" s="613"/>
      <c r="VGP681" s="613"/>
      <c r="VGQ681" s="613"/>
      <c r="VGR681" s="613"/>
      <c r="VGS681" s="613"/>
      <c r="VGT681" s="613"/>
      <c r="VGU681" s="613"/>
      <c r="VGV681" s="613"/>
      <c r="VGW681" s="613"/>
      <c r="VGX681" s="613"/>
      <c r="VGY681" s="613"/>
      <c r="VGZ681" s="613"/>
      <c r="VHA681" s="613"/>
      <c r="VHB681" s="613"/>
      <c r="VHC681" s="613"/>
      <c r="VHD681" s="613"/>
      <c r="VHE681" s="613"/>
      <c r="VHF681" s="613"/>
      <c r="VHG681" s="613"/>
      <c r="VHH681" s="613"/>
      <c r="VHI681" s="613"/>
      <c r="VHJ681" s="613"/>
      <c r="VHK681" s="613"/>
      <c r="VHL681" s="613"/>
      <c r="VHM681" s="613"/>
      <c r="VHN681" s="613"/>
      <c r="VHO681" s="613"/>
      <c r="VHP681" s="613"/>
      <c r="VHQ681" s="613"/>
      <c r="VHR681" s="613"/>
      <c r="VHS681" s="613"/>
      <c r="VHT681" s="613"/>
      <c r="VHU681" s="613"/>
      <c r="VHV681" s="613"/>
      <c r="VHW681" s="613"/>
      <c r="VHX681" s="613"/>
      <c r="VHY681" s="613"/>
      <c r="VHZ681" s="613"/>
      <c r="VIA681" s="613"/>
      <c r="VIB681" s="613"/>
      <c r="VIC681" s="613"/>
      <c r="VID681" s="613"/>
      <c r="VIE681" s="613"/>
      <c r="VIF681" s="613"/>
      <c r="VIG681" s="613"/>
      <c r="VIH681" s="613"/>
      <c r="VII681" s="613"/>
      <c r="VIJ681" s="613"/>
      <c r="VIK681" s="613"/>
      <c r="VIL681" s="613"/>
      <c r="VIM681" s="613"/>
      <c r="VIN681" s="613"/>
      <c r="VIO681" s="613"/>
      <c r="VIP681" s="613"/>
      <c r="VIQ681" s="613"/>
      <c r="VIR681" s="613"/>
      <c r="VIS681" s="613"/>
      <c r="VIT681" s="613"/>
      <c r="VIU681" s="613"/>
      <c r="VIV681" s="613"/>
      <c r="VIW681" s="613"/>
      <c r="VIX681" s="613"/>
      <c r="VIY681" s="613"/>
      <c r="VIZ681" s="613"/>
      <c r="VJA681" s="613"/>
      <c r="VJB681" s="613"/>
      <c r="VJC681" s="613"/>
      <c r="VJD681" s="613"/>
      <c r="VJE681" s="613"/>
      <c r="VJF681" s="613"/>
      <c r="VJG681" s="613"/>
      <c r="VJH681" s="613"/>
      <c r="VJI681" s="613"/>
      <c r="VJJ681" s="613"/>
      <c r="VJK681" s="613"/>
      <c r="VJL681" s="613"/>
      <c r="VJM681" s="613"/>
      <c r="VJN681" s="613"/>
      <c r="VJO681" s="613"/>
      <c r="VJP681" s="613"/>
      <c r="VJQ681" s="613"/>
      <c r="VJR681" s="613"/>
      <c r="VJS681" s="613"/>
      <c r="VJT681" s="613"/>
      <c r="VJU681" s="613"/>
      <c r="VJV681" s="613"/>
      <c r="VJW681" s="613"/>
      <c r="VJX681" s="613"/>
      <c r="VJY681" s="613"/>
      <c r="VJZ681" s="613"/>
      <c r="VKA681" s="613"/>
      <c r="VKB681" s="613"/>
      <c r="VKC681" s="613"/>
      <c r="VKD681" s="613"/>
      <c r="VKE681" s="613"/>
      <c r="VKF681" s="613"/>
      <c r="VKG681" s="613"/>
      <c r="VKH681" s="613"/>
      <c r="VKI681" s="613"/>
      <c r="VKJ681" s="613"/>
      <c r="VKK681" s="613"/>
      <c r="VKL681" s="613"/>
      <c r="VKM681" s="613"/>
      <c r="VKN681" s="613"/>
      <c r="VKO681" s="613"/>
      <c r="VKP681" s="613"/>
      <c r="VKQ681" s="613"/>
      <c r="VKR681" s="613"/>
      <c r="VKS681" s="613"/>
      <c r="VKT681" s="613"/>
      <c r="VKU681" s="613"/>
      <c r="VKV681" s="613"/>
      <c r="VKW681" s="613"/>
      <c r="VKX681" s="613"/>
      <c r="VKY681" s="613"/>
      <c r="VKZ681" s="613"/>
      <c r="VLA681" s="613"/>
      <c r="VLB681" s="613"/>
      <c r="VLC681" s="613"/>
      <c r="VLD681" s="613"/>
      <c r="VLE681" s="613"/>
      <c r="VLF681" s="613"/>
      <c r="VLG681" s="613"/>
      <c r="VLH681" s="613"/>
      <c r="VLI681" s="613"/>
      <c r="VLJ681" s="613"/>
      <c r="VLK681" s="613"/>
      <c r="VLL681" s="613"/>
      <c r="VLM681" s="613"/>
      <c r="VLN681" s="613"/>
      <c r="VLO681" s="613"/>
      <c r="VLP681" s="613"/>
      <c r="VLQ681" s="613"/>
      <c r="VLR681" s="613"/>
      <c r="VLS681" s="613"/>
      <c r="VLT681" s="613"/>
      <c r="VLU681" s="613"/>
      <c r="VLV681" s="613"/>
      <c r="VLW681" s="613"/>
      <c r="VLX681" s="613"/>
      <c r="VLY681" s="613"/>
      <c r="VLZ681" s="613"/>
      <c r="VMA681" s="613"/>
      <c r="VMB681" s="613"/>
      <c r="VMC681" s="613"/>
      <c r="VMD681" s="613"/>
      <c r="VME681" s="613"/>
      <c r="VMF681" s="613"/>
      <c r="VMG681" s="613"/>
      <c r="VMH681" s="613"/>
      <c r="VMI681" s="613"/>
      <c r="VMJ681" s="613"/>
      <c r="VMK681" s="613"/>
      <c r="VML681" s="613"/>
      <c r="VMM681" s="613"/>
      <c r="VMN681" s="613"/>
      <c r="VMO681" s="613"/>
      <c r="VMP681" s="613"/>
      <c r="VMQ681" s="613"/>
      <c r="VMR681" s="613"/>
      <c r="VMS681" s="613"/>
      <c r="VMT681" s="613"/>
      <c r="VMU681" s="613"/>
      <c r="VMV681" s="613"/>
      <c r="VMW681" s="613"/>
      <c r="VMX681" s="613"/>
      <c r="VMY681" s="613"/>
      <c r="VMZ681" s="613"/>
      <c r="VNA681" s="613"/>
      <c r="VNB681" s="613"/>
      <c r="VNC681" s="613"/>
      <c r="VND681" s="613"/>
      <c r="VNE681" s="613"/>
      <c r="VNF681" s="613"/>
      <c r="VNG681" s="613"/>
      <c r="VNH681" s="613"/>
      <c r="VNI681" s="613"/>
      <c r="VNJ681" s="613"/>
      <c r="VNK681" s="613"/>
      <c r="VNL681" s="613"/>
      <c r="VNM681" s="613"/>
      <c r="VNN681" s="613"/>
      <c r="VNO681" s="613"/>
      <c r="VNP681" s="613"/>
      <c r="VNQ681" s="613"/>
      <c r="VNR681" s="613"/>
      <c r="VNS681" s="613"/>
      <c r="VNT681" s="613"/>
      <c r="VNU681" s="613"/>
      <c r="VNV681" s="613"/>
      <c r="VNW681" s="613"/>
      <c r="VNX681" s="613"/>
      <c r="VNY681" s="613"/>
      <c r="VNZ681" s="613"/>
      <c r="VOA681" s="613"/>
      <c r="VOB681" s="613"/>
      <c r="VOC681" s="613"/>
      <c r="VOD681" s="613"/>
      <c r="VOE681" s="613"/>
      <c r="VOF681" s="613"/>
      <c r="VOG681" s="613"/>
      <c r="VOH681" s="613"/>
      <c r="VOI681" s="613"/>
      <c r="VOJ681" s="613"/>
      <c r="VOK681" s="613"/>
      <c r="VOL681" s="613"/>
      <c r="VOM681" s="613"/>
      <c r="VON681" s="613"/>
      <c r="VOO681" s="613"/>
      <c r="VOP681" s="613"/>
      <c r="VOQ681" s="613"/>
      <c r="VOR681" s="613"/>
      <c r="VOS681" s="613"/>
      <c r="VOT681" s="613"/>
      <c r="VOU681" s="613"/>
      <c r="VOV681" s="613"/>
      <c r="VOW681" s="613"/>
      <c r="VOX681" s="613"/>
      <c r="VOY681" s="613"/>
      <c r="VOZ681" s="613"/>
      <c r="VPA681" s="613"/>
      <c r="VPB681" s="613"/>
      <c r="VPC681" s="613"/>
      <c r="VPD681" s="613"/>
      <c r="VPE681" s="613"/>
      <c r="VPF681" s="613"/>
      <c r="VPG681" s="613"/>
      <c r="VPH681" s="613"/>
      <c r="VPI681" s="613"/>
      <c r="VPJ681" s="613"/>
      <c r="VPK681" s="613"/>
      <c r="VPL681" s="613"/>
      <c r="VPM681" s="613"/>
      <c r="VPN681" s="613"/>
      <c r="VPO681" s="613"/>
      <c r="VPP681" s="613"/>
      <c r="VPQ681" s="613"/>
      <c r="VPR681" s="613"/>
      <c r="VPS681" s="613"/>
      <c r="VPT681" s="613"/>
      <c r="VPU681" s="613"/>
      <c r="VPV681" s="613"/>
      <c r="VPW681" s="613"/>
      <c r="VPX681" s="613"/>
      <c r="VPY681" s="613"/>
      <c r="VPZ681" s="613"/>
      <c r="VQA681" s="613"/>
      <c r="VQB681" s="613"/>
      <c r="VQC681" s="613"/>
      <c r="VQD681" s="613"/>
      <c r="VQE681" s="613"/>
      <c r="VQF681" s="613"/>
      <c r="VQG681" s="613"/>
      <c r="VQH681" s="613"/>
      <c r="VQI681" s="613"/>
      <c r="VQJ681" s="613"/>
      <c r="VQK681" s="613"/>
      <c r="VQL681" s="613"/>
      <c r="VQM681" s="613"/>
      <c r="VQN681" s="613"/>
      <c r="VQO681" s="613"/>
      <c r="VQP681" s="613"/>
      <c r="VQQ681" s="613"/>
      <c r="VQR681" s="613"/>
      <c r="VQS681" s="613"/>
      <c r="VQT681" s="613"/>
      <c r="VQU681" s="613"/>
      <c r="VQV681" s="613"/>
      <c r="VQW681" s="613"/>
      <c r="VQX681" s="613"/>
      <c r="VQY681" s="613"/>
      <c r="VQZ681" s="613"/>
      <c r="VRA681" s="613"/>
      <c r="VRB681" s="613"/>
      <c r="VRC681" s="613"/>
      <c r="VRD681" s="613"/>
      <c r="VRE681" s="613"/>
      <c r="VRF681" s="613"/>
      <c r="VRG681" s="613"/>
      <c r="VRH681" s="613"/>
      <c r="VRI681" s="613"/>
      <c r="VRJ681" s="613"/>
      <c r="VRK681" s="613"/>
      <c r="VRL681" s="613"/>
      <c r="VRM681" s="613"/>
      <c r="VRN681" s="613"/>
      <c r="VRO681" s="613"/>
      <c r="VRP681" s="613"/>
      <c r="VRQ681" s="613"/>
      <c r="VRR681" s="613"/>
      <c r="VRS681" s="613"/>
      <c r="VRT681" s="613"/>
      <c r="VRU681" s="613"/>
      <c r="VRV681" s="613"/>
      <c r="VRW681" s="613"/>
      <c r="VRX681" s="613"/>
      <c r="VRY681" s="613"/>
      <c r="VRZ681" s="613"/>
      <c r="VSA681" s="613"/>
      <c r="VSB681" s="613"/>
      <c r="VSC681" s="613"/>
      <c r="VSD681" s="613"/>
      <c r="VSE681" s="613"/>
      <c r="VSF681" s="613"/>
      <c r="VSG681" s="613"/>
      <c r="VSH681" s="613"/>
      <c r="VSI681" s="613"/>
      <c r="VSJ681" s="613"/>
      <c r="VSK681" s="613"/>
      <c r="VSL681" s="613"/>
      <c r="VSM681" s="613"/>
      <c r="VSN681" s="613"/>
      <c r="VSO681" s="613"/>
      <c r="VSP681" s="613"/>
      <c r="VSQ681" s="613"/>
      <c r="VSR681" s="613"/>
      <c r="VSS681" s="613"/>
      <c r="VST681" s="613"/>
      <c r="VSU681" s="613"/>
      <c r="VSV681" s="613"/>
      <c r="VSW681" s="613"/>
      <c r="VSX681" s="613"/>
      <c r="VSY681" s="613"/>
      <c r="VSZ681" s="613"/>
      <c r="VTA681" s="613"/>
      <c r="VTB681" s="613"/>
      <c r="VTC681" s="613"/>
      <c r="VTD681" s="613"/>
      <c r="VTE681" s="613"/>
      <c r="VTF681" s="613"/>
      <c r="VTG681" s="613"/>
      <c r="VTH681" s="613"/>
      <c r="VTI681" s="613"/>
      <c r="VTJ681" s="613"/>
      <c r="VTK681" s="613"/>
      <c r="VTL681" s="613"/>
      <c r="VTM681" s="613"/>
      <c r="VTN681" s="613"/>
      <c r="VTO681" s="613"/>
      <c r="VTP681" s="613"/>
      <c r="VTQ681" s="613"/>
      <c r="VTR681" s="613"/>
      <c r="VTS681" s="613"/>
      <c r="VTT681" s="613"/>
      <c r="VTU681" s="613"/>
      <c r="VTV681" s="613"/>
      <c r="VTW681" s="613"/>
      <c r="VTX681" s="613"/>
      <c r="VTY681" s="613"/>
      <c r="VTZ681" s="613"/>
      <c r="VUA681" s="613"/>
      <c r="VUB681" s="613"/>
      <c r="VUC681" s="613"/>
      <c r="VUD681" s="613"/>
      <c r="VUE681" s="613"/>
      <c r="VUF681" s="613"/>
      <c r="VUG681" s="613"/>
      <c r="VUH681" s="613"/>
      <c r="VUI681" s="613"/>
      <c r="VUJ681" s="613"/>
      <c r="VUK681" s="613"/>
      <c r="VUL681" s="613"/>
      <c r="VUM681" s="613"/>
      <c r="VUN681" s="613"/>
      <c r="VUO681" s="613"/>
      <c r="VUP681" s="613"/>
      <c r="VUQ681" s="613"/>
      <c r="VUR681" s="613"/>
      <c r="VUS681" s="613"/>
      <c r="VUT681" s="613"/>
      <c r="VUU681" s="613"/>
      <c r="VUV681" s="613"/>
      <c r="VUW681" s="613"/>
      <c r="VUX681" s="613"/>
      <c r="VUY681" s="613"/>
      <c r="VUZ681" s="613"/>
      <c r="VVA681" s="613"/>
      <c r="VVB681" s="613"/>
      <c r="VVC681" s="613"/>
      <c r="VVD681" s="613"/>
      <c r="VVE681" s="613"/>
      <c r="VVF681" s="613"/>
      <c r="VVG681" s="613"/>
      <c r="VVH681" s="613"/>
      <c r="VVI681" s="613"/>
      <c r="VVJ681" s="613"/>
      <c r="VVK681" s="613"/>
      <c r="VVL681" s="613"/>
      <c r="VVM681" s="613"/>
      <c r="VVN681" s="613"/>
      <c r="VVO681" s="613"/>
      <c r="VVP681" s="613"/>
      <c r="VVQ681" s="613"/>
      <c r="VVR681" s="613"/>
      <c r="VVS681" s="613"/>
      <c r="VVT681" s="613"/>
      <c r="VVU681" s="613"/>
      <c r="VVV681" s="613"/>
      <c r="VVW681" s="613"/>
      <c r="VVX681" s="613"/>
      <c r="VVY681" s="613"/>
      <c r="VVZ681" s="613"/>
      <c r="VWA681" s="613"/>
      <c r="VWB681" s="613"/>
      <c r="VWC681" s="613"/>
      <c r="VWD681" s="613"/>
      <c r="VWE681" s="613"/>
      <c r="VWF681" s="613"/>
      <c r="VWG681" s="613"/>
      <c r="VWH681" s="613"/>
      <c r="VWI681" s="613"/>
      <c r="VWJ681" s="613"/>
      <c r="VWK681" s="613"/>
      <c r="VWL681" s="613"/>
      <c r="VWM681" s="613"/>
      <c r="VWN681" s="613"/>
      <c r="VWO681" s="613"/>
      <c r="VWP681" s="613"/>
      <c r="VWQ681" s="613"/>
      <c r="VWR681" s="613"/>
      <c r="VWS681" s="613"/>
      <c r="VWT681" s="613"/>
      <c r="VWU681" s="613"/>
      <c r="VWV681" s="613"/>
      <c r="VWW681" s="613"/>
      <c r="VWX681" s="613"/>
      <c r="VWY681" s="613"/>
      <c r="VWZ681" s="613"/>
      <c r="VXA681" s="613"/>
      <c r="VXB681" s="613"/>
      <c r="VXC681" s="613"/>
      <c r="VXD681" s="613"/>
      <c r="VXE681" s="613"/>
      <c r="VXF681" s="613"/>
      <c r="VXG681" s="613"/>
      <c r="VXH681" s="613"/>
      <c r="VXI681" s="613"/>
      <c r="VXJ681" s="613"/>
      <c r="VXK681" s="613"/>
      <c r="VXL681" s="613"/>
      <c r="VXM681" s="613"/>
      <c r="VXN681" s="613"/>
      <c r="VXO681" s="613"/>
      <c r="VXP681" s="613"/>
      <c r="VXQ681" s="613"/>
      <c r="VXR681" s="613"/>
      <c r="VXS681" s="613"/>
      <c r="VXT681" s="613"/>
      <c r="VXU681" s="613"/>
      <c r="VXV681" s="613"/>
      <c r="VXW681" s="613"/>
      <c r="VXX681" s="613"/>
      <c r="VXY681" s="613"/>
      <c r="VXZ681" s="613"/>
      <c r="VYA681" s="613"/>
      <c r="VYB681" s="613"/>
      <c r="VYC681" s="613"/>
      <c r="VYD681" s="613"/>
      <c r="VYE681" s="613"/>
      <c r="VYF681" s="613"/>
      <c r="VYG681" s="613"/>
      <c r="VYH681" s="613"/>
      <c r="VYI681" s="613"/>
      <c r="VYJ681" s="613"/>
      <c r="VYK681" s="613"/>
      <c r="VYL681" s="613"/>
      <c r="VYM681" s="613"/>
      <c r="VYN681" s="613"/>
      <c r="VYO681" s="613"/>
      <c r="VYP681" s="613"/>
      <c r="VYQ681" s="613"/>
      <c r="VYR681" s="613"/>
      <c r="VYS681" s="613"/>
      <c r="VYT681" s="613"/>
      <c r="VYU681" s="613"/>
      <c r="VYV681" s="613"/>
      <c r="VYW681" s="613"/>
      <c r="VYX681" s="613"/>
      <c r="VYY681" s="613"/>
      <c r="VYZ681" s="613"/>
      <c r="VZA681" s="613"/>
      <c r="VZB681" s="613"/>
      <c r="VZC681" s="613"/>
      <c r="VZD681" s="613"/>
      <c r="VZE681" s="613"/>
      <c r="VZF681" s="613"/>
      <c r="VZG681" s="613"/>
      <c r="VZH681" s="613"/>
      <c r="VZI681" s="613"/>
      <c r="VZJ681" s="613"/>
      <c r="VZK681" s="613"/>
      <c r="VZL681" s="613"/>
      <c r="VZM681" s="613"/>
      <c r="VZN681" s="613"/>
      <c r="VZO681" s="613"/>
      <c r="VZP681" s="613"/>
      <c r="VZQ681" s="613"/>
      <c r="VZR681" s="613"/>
      <c r="VZS681" s="613"/>
      <c r="VZT681" s="613"/>
      <c r="VZU681" s="613"/>
      <c r="VZV681" s="613"/>
      <c r="VZW681" s="613"/>
      <c r="VZX681" s="613"/>
      <c r="VZY681" s="613"/>
      <c r="VZZ681" s="613"/>
      <c r="WAA681" s="613"/>
      <c r="WAB681" s="613"/>
      <c r="WAC681" s="613"/>
      <c r="WAD681" s="613"/>
      <c r="WAE681" s="613"/>
      <c r="WAF681" s="613"/>
      <c r="WAG681" s="613"/>
      <c r="WAH681" s="613"/>
      <c r="WAI681" s="613"/>
      <c r="WAJ681" s="613"/>
      <c r="WAK681" s="613"/>
      <c r="WAL681" s="613"/>
      <c r="WAM681" s="613"/>
      <c r="WAN681" s="613"/>
      <c r="WAO681" s="613"/>
      <c r="WAP681" s="613"/>
      <c r="WAQ681" s="613"/>
      <c r="WAR681" s="613"/>
      <c r="WAS681" s="613"/>
      <c r="WAT681" s="613"/>
      <c r="WAU681" s="613"/>
      <c r="WAV681" s="613"/>
      <c r="WAW681" s="613"/>
      <c r="WAX681" s="613"/>
      <c r="WAY681" s="613"/>
      <c r="WAZ681" s="613"/>
      <c r="WBA681" s="613"/>
      <c r="WBB681" s="613"/>
      <c r="WBC681" s="613"/>
      <c r="WBD681" s="613"/>
      <c r="WBE681" s="613"/>
      <c r="WBF681" s="613"/>
      <c r="WBG681" s="613"/>
      <c r="WBH681" s="613"/>
      <c r="WBI681" s="613"/>
      <c r="WBJ681" s="613"/>
      <c r="WBK681" s="613"/>
      <c r="WBL681" s="613"/>
      <c r="WBM681" s="613"/>
      <c r="WBN681" s="613"/>
      <c r="WBO681" s="613"/>
      <c r="WBP681" s="613"/>
      <c r="WBQ681" s="613"/>
      <c r="WBR681" s="613"/>
      <c r="WBS681" s="613"/>
      <c r="WBT681" s="613"/>
      <c r="WBU681" s="613"/>
      <c r="WBV681" s="613"/>
      <c r="WBW681" s="613"/>
      <c r="WBX681" s="613"/>
      <c r="WBY681" s="613"/>
      <c r="WBZ681" s="613"/>
      <c r="WCA681" s="613"/>
      <c r="WCB681" s="613"/>
      <c r="WCC681" s="613"/>
      <c r="WCD681" s="613"/>
      <c r="WCE681" s="613"/>
      <c r="WCF681" s="613"/>
      <c r="WCG681" s="613"/>
      <c r="WCH681" s="613"/>
      <c r="WCI681" s="613"/>
      <c r="WCJ681" s="613"/>
      <c r="WCK681" s="613"/>
      <c r="WCL681" s="613"/>
      <c r="WCM681" s="613"/>
      <c r="WCN681" s="613"/>
      <c r="WCO681" s="613"/>
      <c r="WCP681" s="613"/>
      <c r="WCQ681" s="613"/>
      <c r="WCR681" s="613"/>
      <c r="WCS681" s="613"/>
      <c r="WCT681" s="613"/>
      <c r="WCU681" s="613"/>
      <c r="WCV681" s="613"/>
      <c r="WCW681" s="613"/>
      <c r="WCX681" s="613"/>
      <c r="WCY681" s="613"/>
      <c r="WCZ681" s="613"/>
      <c r="WDA681" s="613"/>
      <c r="WDB681" s="613"/>
      <c r="WDC681" s="613"/>
      <c r="WDD681" s="613"/>
      <c r="WDE681" s="613"/>
      <c r="WDF681" s="613"/>
      <c r="WDG681" s="613"/>
      <c r="WDH681" s="613"/>
      <c r="WDI681" s="613"/>
      <c r="WDJ681" s="613"/>
      <c r="WDK681" s="613"/>
      <c r="WDL681" s="613"/>
      <c r="WDM681" s="613"/>
      <c r="WDN681" s="613"/>
      <c r="WDO681" s="613"/>
      <c r="WDP681" s="613"/>
      <c r="WDQ681" s="613"/>
      <c r="WDR681" s="613"/>
      <c r="WDS681" s="613"/>
      <c r="WDT681" s="613"/>
      <c r="WDU681" s="613"/>
      <c r="WDV681" s="613"/>
      <c r="WDW681" s="613"/>
      <c r="WDX681" s="613"/>
      <c r="WDY681" s="613"/>
      <c r="WDZ681" s="613"/>
      <c r="WEA681" s="613"/>
      <c r="WEB681" s="613"/>
      <c r="WEC681" s="613"/>
      <c r="WED681" s="613"/>
      <c r="WEE681" s="613"/>
      <c r="WEF681" s="613"/>
      <c r="WEG681" s="613"/>
      <c r="WEH681" s="613"/>
      <c r="WEI681" s="613"/>
      <c r="WEJ681" s="613"/>
      <c r="WEK681" s="613"/>
      <c r="WEL681" s="613"/>
      <c r="WEM681" s="613"/>
      <c r="WEN681" s="613"/>
      <c r="WEO681" s="613"/>
      <c r="WEP681" s="613"/>
      <c r="WEQ681" s="613"/>
      <c r="WER681" s="613"/>
      <c r="WES681" s="613"/>
      <c r="WET681" s="613"/>
      <c r="WEU681" s="613"/>
      <c r="WEV681" s="613"/>
      <c r="WEW681" s="613"/>
      <c r="WEX681" s="613"/>
      <c r="WEY681" s="613"/>
      <c r="WEZ681" s="613"/>
      <c r="WFA681" s="613"/>
      <c r="WFB681" s="613"/>
      <c r="WFC681" s="613"/>
      <c r="WFD681" s="613"/>
      <c r="WFE681" s="613"/>
      <c r="WFF681" s="613"/>
      <c r="WFG681" s="613"/>
      <c r="WFH681" s="613"/>
      <c r="WFI681" s="613"/>
      <c r="WFJ681" s="613"/>
      <c r="WFK681" s="613"/>
      <c r="WFL681" s="613"/>
      <c r="WFM681" s="613"/>
      <c r="WFN681" s="613"/>
      <c r="WFO681" s="613"/>
      <c r="WFP681" s="613"/>
      <c r="WFQ681" s="613"/>
      <c r="WFR681" s="613"/>
      <c r="WFS681" s="613"/>
      <c r="WFT681" s="613"/>
      <c r="WFU681" s="613"/>
      <c r="WFV681" s="613"/>
      <c r="WFW681" s="613"/>
      <c r="WFX681" s="613"/>
      <c r="WFY681" s="613"/>
      <c r="WFZ681" s="613"/>
      <c r="WGA681" s="613"/>
      <c r="WGB681" s="613"/>
      <c r="WGC681" s="613"/>
      <c r="WGD681" s="613"/>
      <c r="WGE681" s="613"/>
      <c r="WGF681" s="613"/>
      <c r="WGG681" s="613"/>
      <c r="WGH681" s="613"/>
      <c r="WGI681" s="613"/>
      <c r="WGJ681" s="613"/>
      <c r="WGK681" s="613"/>
      <c r="WGL681" s="613"/>
      <c r="WGM681" s="613"/>
      <c r="WGN681" s="613"/>
      <c r="WGO681" s="613"/>
      <c r="WGP681" s="613"/>
      <c r="WGQ681" s="613"/>
      <c r="WGR681" s="613"/>
      <c r="WGS681" s="613"/>
      <c r="WGT681" s="613"/>
      <c r="WGU681" s="613"/>
      <c r="WGV681" s="613"/>
      <c r="WGW681" s="613"/>
      <c r="WGX681" s="613"/>
      <c r="WGY681" s="613"/>
      <c r="WGZ681" s="613"/>
      <c r="WHA681" s="613"/>
      <c r="WHB681" s="613"/>
      <c r="WHC681" s="613"/>
      <c r="WHD681" s="613"/>
      <c r="WHE681" s="613"/>
      <c r="WHF681" s="613"/>
      <c r="WHG681" s="613"/>
      <c r="WHH681" s="613"/>
      <c r="WHI681" s="613"/>
      <c r="WHJ681" s="613"/>
      <c r="WHK681" s="613"/>
      <c r="WHL681" s="613"/>
      <c r="WHM681" s="613"/>
      <c r="WHN681" s="613"/>
      <c r="WHO681" s="613"/>
      <c r="WHP681" s="613"/>
      <c r="WHQ681" s="613"/>
      <c r="WHR681" s="613"/>
      <c r="WHS681" s="613"/>
      <c r="WHT681" s="613"/>
      <c r="WHU681" s="613"/>
      <c r="WHV681" s="613"/>
      <c r="WHW681" s="613"/>
      <c r="WHX681" s="613"/>
      <c r="WHY681" s="613"/>
      <c r="WHZ681" s="613"/>
      <c r="WIA681" s="613"/>
      <c r="WIB681" s="613"/>
      <c r="WIC681" s="613"/>
      <c r="WID681" s="613"/>
      <c r="WIE681" s="613"/>
      <c r="WIF681" s="613"/>
      <c r="WIG681" s="613"/>
      <c r="WIH681" s="613"/>
      <c r="WII681" s="613"/>
      <c r="WIJ681" s="613"/>
      <c r="WIK681" s="613"/>
      <c r="WIL681" s="613"/>
      <c r="WIM681" s="613"/>
      <c r="WIN681" s="613"/>
      <c r="WIO681" s="613"/>
      <c r="WIP681" s="613"/>
      <c r="WIQ681" s="613"/>
      <c r="WIR681" s="613"/>
      <c r="WIS681" s="613"/>
      <c r="WIT681" s="613"/>
      <c r="WIU681" s="613"/>
      <c r="WIV681" s="613"/>
      <c r="WIW681" s="613"/>
      <c r="WIX681" s="613"/>
      <c r="WIY681" s="613"/>
      <c r="WIZ681" s="613"/>
      <c r="WJA681" s="613"/>
      <c r="WJB681" s="613"/>
      <c r="WJC681" s="613"/>
      <c r="WJD681" s="613"/>
      <c r="WJE681" s="613"/>
      <c r="WJF681" s="613"/>
      <c r="WJG681" s="613"/>
      <c r="WJH681" s="613"/>
      <c r="WJI681" s="613"/>
      <c r="WJJ681" s="613"/>
      <c r="WJK681" s="613"/>
      <c r="WJL681" s="613"/>
      <c r="WJM681" s="613"/>
      <c r="WJN681" s="613"/>
      <c r="WJO681" s="613"/>
      <c r="WJP681" s="613"/>
      <c r="WJQ681" s="613"/>
      <c r="WJR681" s="613"/>
      <c r="WJS681" s="613"/>
      <c r="WJT681" s="613"/>
      <c r="WJU681" s="613"/>
      <c r="WJV681" s="613"/>
      <c r="WJW681" s="613"/>
      <c r="WJX681" s="613"/>
      <c r="WJY681" s="613"/>
      <c r="WJZ681" s="613"/>
      <c r="WKA681" s="613"/>
      <c r="WKB681" s="613"/>
      <c r="WKC681" s="613"/>
      <c r="WKD681" s="613"/>
      <c r="WKE681" s="613"/>
      <c r="WKF681" s="613"/>
      <c r="WKG681" s="613"/>
      <c r="WKH681" s="613"/>
      <c r="WKI681" s="613"/>
      <c r="WKJ681" s="613"/>
      <c r="WKK681" s="613"/>
      <c r="WKL681" s="613"/>
      <c r="WKM681" s="613"/>
      <c r="WKN681" s="613"/>
      <c r="WKO681" s="613"/>
      <c r="WKP681" s="613"/>
      <c r="WKQ681" s="613"/>
      <c r="WKR681" s="613"/>
      <c r="WKS681" s="613"/>
      <c r="WKT681" s="613"/>
      <c r="WKU681" s="613"/>
      <c r="WKV681" s="613"/>
      <c r="WKW681" s="613"/>
      <c r="WKX681" s="613"/>
      <c r="WKY681" s="613"/>
      <c r="WKZ681" s="613"/>
      <c r="WLA681" s="613"/>
      <c r="WLB681" s="613"/>
      <c r="WLC681" s="613"/>
      <c r="WLD681" s="613"/>
      <c r="WLE681" s="613"/>
      <c r="WLF681" s="613"/>
      <c r="WLG681" s="613"/>
      <c r="WLH681" s="613"/>
      <c r="WLI681" s="613"/>
      <c r="WLJ681" s="613"/>
      <c r="WLK681" s="613"/>
      <c r="WLL681" s="613"/>
      <c r="WLM681" s="613"/>
      <c r="WLN681" s="613"/>
      <c r="WLO681" s="613"/>
      <c r="WLP681" s="613"/>
      <c r="WLQ681" s="613"/>
      <c r="WLR681" s="613"/>
      <c r="WLS681" s="613"/>
      <c r="WLT681" s="613"/>
      <c r="WLU681" s="613"/>
      <c r="WLV681" s="613"/>
      <c r="WLW681" s="613"/>
      <c r="WLX681" s="613"/>
      <c r="WLY681" s="613"/>
      <c r="WLZ681" s="613"/>
      <c r="WMA681" s="613"/>
      <c r="WMB681" s="613"/>
      <c r="WMC681" s="613"/>
      <c r="WMD681" s="613"/>
      <c r="WME681" s="613"/>
      <c r="WMF681" s="613"/>
      <c r="WMG681" s="613"/>
      <c r="WMH681" s="613"/>
      <c r="WMI681" s="613"/>
      <c r="WMJ681" s="613"/>
      <c r="WMK681" s="613"/>
      <c r="WML681" s="613"/>
      <c r="WMM681" s="613"/>
      <c r="WMN681" s="613"/>
      <c r="WMO681" s="613"/>
      <c r="WMP681" s="613"/>
      <c r="WMQ681" s="613"/>
      <c r="WMR681" s="613"/>
      <c r="WMS681" s="613"/>
      <c r="WMT681" s="613"/>
      <c r="WMU681" s="613"/>
      <c r="WMV681" s="613"/>
      <c r="WMW681" s="613"/>
      <c r="WMX681" s="613"/>
      <c r="WMY681" s="613"/>
      <c r="WMZ681" s="613"/>
      <c r="WNA681" s="613"/>
      <c r="WNB681" s="613"/>
      <c r="WNC681" s="613"/>
      <c r="WND681" s="613"/>
      <c r="WNE681" s="613"/>
      <c r="WNF681" s="613"/>
      <c r="WNG681" s="613"/>
      <c r="WNH681" s="613"/>
      <c r="WNI681" s="613"/>
      <c r="WNJ681" s="613"/>
      <c r="WNK681" s="613"/>
      <c r="WNL681" s="613"/>
      <c r="WNM681" s="613"/>
      <c r="WNN681" s="613"/>
      <c r="WNO681" s="613"/>
      <c r="WNP681" s="613"/>
      <c r="WNQ681" s="613"/>
      <c r="WNR681" s="613"/>
      <c r="WNS681" s="613"/>
      <c r="WNT681" s="613"/>
      <c r="WNU681" s="613"/>
      <c r="WNV681" s="613"/>
      <c r="WNW681" s="613"/>
      <c r="WNX681" s="613"/>
      <c r="WNY681" s="613"/>
      <c r="WNZ681" s="613"/>
      <c r="WOA681" s="613"/>
      <c r="WOB681" s="613"/>
      <c r="WOC681" s="613"/>
      <c r="WOD681" s="613"/>
      <c r="WOE681" s="613"/>
      <c r="WOF681" s="613"/>
      <c r="WOG681" s="613"/>
      <c r="WOH681" s="613"/>
      <c r="WOI681" s="613"/>
      <c r="WOJ681" s="613"/>
      <c r="WOK681" s="613"/>
      <c r="WOL681" s="613"/>
      <c r="WOM681" s="613"/>
      <c r="WON681" s="613"/>
      <c r="WOO681" s="613"/>
      <c r="WOP681" s="613"/>
      <c r="WOQ681" s="613"/>
      <c r="WOR681" s="613"/>
      <c r="WOS681" s="613"/>
      <c r="WOT681" s="613"/>
      <c r="WOU681" s="613"/>
      <c r="WOV681" s="613"/>
      <c r="WOW681" s="613"/>
      <c r="WOX681" s="613"/>
      <c r="WOY681" s="613"/>
      <c r="WOZ681" s="613"/>
      <c r="WPA681" s="613"/>
      <c r="WPB681" s="613"/>
      <c r="WPC681" s="613"/>
      <c r="WPD681" s="613"/>
      <c r="WPE681" s="613"/>
      <c r="WPF681" s="613"/>
      <c r="WPG681" s="613"/>
      <c r="WPH681" s="613"/>
      <c r="WPI681" s="613"/>
      <c r="WPJ681" s="613"/>
      <c r="WPK681" s="613"/>
      <c r="WPL681" s="613"/>
      <c r="WPM681" s="613"/>
      <c r="WPN681" s="613"/>
      <c r="WPO681" s="613"/>
      <c r="WPP681" s="613"/>
      <c r="WPQ681" s="613"/>
      <c r="WPR681" s="613"/>
      <c r="WPS681" s="613"/>
      <c r="WPT681" s="613"/>
      <c r="WPU681" s="613"/>
      <c r="WPV681" s="613"/>
      <c r="WPW681" s="613"/>
      <c r="WPX681" s="613"/>
      <c r="WPY681" s="613"/>
      <c r="WPZ681" s="613"/>
      <c r="WQA681" s="613"/>
      <c r="WQB681" s="613"/>
      <c r="WQC681" s="613"/>
      <c r="WQD681" s="613"/>
      <c r="WQE681" s="613"/>
      <c r="WQF681" s="613"/>
      <c r="WQG681" s="613"/>
      <c r="WQH681" s="613"/>
      <c r="WQI681" s="613"/>
      <c r="WQJ681" s="613"/>
      <c r="WQK681" s="613"/>
      <c r="WQL681" s="613"/>
      <c r="WQM681" s="613"/>
      <c r="WQN681" s="613"/>
      <c r="WQO681" s="613"/>
      <c r="WQP681" s="613"/>
      <c r="WQQ681" s="613"/>
      <c r="WQR681" s="613"/>
      <c r="WQS681" s="613"/>
      <c r="WQT681" s="613"/>
      <c r="WQU681" s="613"/>
      <c r="WQV681" s="613"/>
      <c r="WQW681" s="613"/>
      <c r="WQX681" s="613"/>
      <c r="WQY681" s="613"/>
      <c r="WQZ681" s="613"/>
      <c r="WRA681" s="613"/>
      <c r="WRB681" s="613"/>
      <c r="WRC681" s="613"/>
      <c r="WRD681" s="613"/>
      <c r="WRE681" s="613"/>
      <c r="WRF681" s="613"/>
      <c r="WRG681" s="613"/>
      <c r="WRH681" s="613"/>
      <c r="WRI681" s="613"/>
      <c r="WRJ681" s="613"/>
      <c r="WRK681" s="613"/>
      <c r="WRL681" s="613"/>
      <c r="WRM681" s="613"/>
      <c r="WRN681" s="613"/>
      <c r="WRO681" s="613"/>
      <c r="WRP681" s="613"/>
      <c r="WRQ681" s="613"/>
      <c r="WRR681" s="613"/>
      <c r="WRS681" s="613"/>
      <c r="WRT681" s="613"/>
      <c r="WRU681" s="613"/>
      <c r="WRV681" s="613"/>
      <c r="WRW681" s="613"/>
      <c r="WRX681" s="613"/>
      <c r="WRY681" s="613"/>
      <c r="WRZ681" s="613"/>
      <c r="WSA681" s="613"/>
      <c r="WSB681" s="613"/>
      <c r="WSC681" s="613"/>
      <c r="WSD681" s="613"/>
      <c r="WSE681" s="613"/>
      <c r="WSF681" s="613"/>
      <c r="WSG681" s="613"/>
      <c r="WSH681" s="613"/>
      <c r="WSI681" s="613"/>
      <c r="WSJ681" s="613"/>
      <c r="WSK681" s="613"/>
      <c r="WSL681" s="613"/>
      <c r="WSM681" s="613"/>
      <c r="WSN681" s="613"/>
      <c r="WSO681" s="613"/>
      <c r="WSP681" s="613"/>
      <c r="WSQ681" s="613"/>
      <c r="WSR681" s="613"/>
      <c r="WSS681" s="613"/>
      <c r="WST681" s="613"/>
      <c r="WSU681" s="613"/>
      <c r="WSV681" s="613"/>
      <c r="WSW681" s="613"/>
      <c r="WSX681" s="613"/>
      <c r="WSY681" s="613"/>
      <c r="WSZ681" s="613"/>
      <c r="WTA681" s="613"/>
      <c r="WTB681" s="613"/>
      <c r="WTC681" s="613"/>
      <c r="WTD681" s="613"/>
      <c r="WTE681" s="613"/>
      <c r="WTF681" s="613"/>
      <c r="WTG681" s="613"/>
      <c r="WTH681" s="613"/>
      <c r="WTI681" s="613"/>
      <c r="WTJ681" s="613"/>
      <c r="WTK681" s="613"/>
      <c r="WTL681" s="613"/>
      <c r="WTM681" s="613"/>
      <c r="WTN681" s="613"/>
      <c r="WTO681" s="613"/>
      <c r="WTP681" s="613"/>
      <c r="WTQ681" s="613"/>
      <c r="WTR681" s="613"/>
      <c r="WTS681" s="613"/>
      <c r="WTT681" s="613"/>
      <c r="WTU681" s="613"/>
      <c r="WTV681" s="613"/>
      <c r="WTW681" s="613"/>
      <c r="WTX681" s="613"/>
      <c r="WTY681" s="613"/>
      <c r="WTZ681" s="613"/>
      <c r="WUA681" s="613"/>
      <c r="WUB681" s="613"/>
      <c r="WUC681" s="613"/>
      <c r="WUD681" s="613"/>
      <c r="WUE681" s="613"/>
      <c r="WUF681" s="613"/>
      <c r="WUG681" s="613"/>
      <c r="WUH681" s="613"/>
      <c r="WUI681" s="613"/>
      <c r="WUJ681" s="613"/>
      <c r="WUK681" s="613"/>
      <c r="WUL681" s="613"/>
      <c r="WUM681" s="613"/>
      <c r="WUN681" s="613"/>
      <c r="WUO681" s="613"/>
      <c r="WUP681" s="613"/>
      <c r="WUQ681" s="613"/>
      <c r="WUR681" s="613"/>
      <c r="WUS681" s="613"/>
      <c r="WUT681" s="613"/>
      <c r="WUU681" s="613"/>
      <c r="WUV681" s="613"/>
      <c r="WUW681" s="613"/>
      <c r="WUX681" s="613"/>
      <c r="WUY681" s="613"/>
      <c r="WUZ681" s="613"/>
      <c r="WVA681" s="613"/>
      <c r="WVB681" s="613"/>
      <c r="WVC681" s="613"/>
      <c r="WVD681" s="613"/>
      <c r="WVE681" s="613"/>
      <c r="WVF681" s="613"/>
      <c r="WVG681" s="613"/>
      <c r="WVH681" s="613"/>
      <c r="WVI681" s="613"/>
      <c r="WVJ681" s="613"/>
      <c r="WVK681" s="613"/>
      <c r="WVL681" s="613"/>
      <c r="WVM681" s="613"/>
      <c r="WVN681" s="613"/>
      <c r="WVO681" s="613"/>
      <c r="WVP681" s="613"/>
      <c r="WVQ681" s="613"/>
      <c r="WVR681" s="613"/>
      <c r="WVS681" s="613"/>
      <c r="WVT681" s="613"/>
      <c r="WVU681" s="613"/>
      <c r="WVV681" s="613"/>
      <c r="WVW681" s="613"/>
      <c r="WVX681" s="613"/>
      <c r="WVY681" s="613"/>
      <c r="WVZ681" s="613"/>
      <c r="WWA681" s="613"/>
      <c r="WWB681" s="613"/>
      <c r="WWC681" s="613"/>
      <c r="WWD681" s="613"/>
      <c r="WWE681" s="613"/>
      <c r="WWF681" s="613"/>
      <c r="WWG681" s="613"/>
      <c r="WWH681" s="613"/>
      <c r="WWI681" s="613"/>
      <c r="WWJ681" s="613"/>
      <c r="WWK681" s="613"/>
      <c r="WWL681" s="613"/>
      <c r="WWM681" s="613"/>
      <c r="WWN681" s="613"/>
      <c r="WWO681" s="613"/>
      <c r="WWP681" s="613"/>
      <c r="WWQ681" s="613"/>
      <c r="WWR681" s="613"/>
      <c r="WWS681" s="613"/>
      <c r="WWT681" s="613"/>
      <c r="WWU681" s="613"/>
      <c r="WWV681" s="613"/>
      <c r="WWW681" s="613"/>
      <c r="WWX681" s="613"/>
      <c r="WWY681" s="613"/>
      <c r="WWZ681" s="613"/>
      <c r="WXA681" s="613"/>
      <c r="WXB681" s="613"/>
      <c r="WXC681" s="613"/>
      <c r="WXD681" s="613"/>
      <c r="WXE681" s="613"/>
      <c r="WXF681" s="613"/>
      <c r="WXG681" s="613"/>
      <c r="WXH681" s="613"/>
      <c r="WXI681" s="613"/>
      <c r="WXJ681" s="613"/>
      <c r="WXK681" s="613"/>
      <c r="WXL681" s="613"/>
      <c r="WXM681" s="613"/>
      <c r="WXN681" s="613"/>
      <c r="WXO681" s="613"/>
      <c r="WXP681" s="613"/>
      <c r="WXQ681" s="613"/>
      <c r="WXR681" s="613"/>
      <c r="WXS681" s="613"/>
      <c r="WXT681" s="613"/>
      <c r="WXU681" s="613"/>
      <c r="WXV681" s="613"/>
      <c r="WXW681" s="613"/>
      <c r="WXX681" s="613"/>
      <c r="WXY681" s="613"/>
      <c r="WXZ681" s="613"/>
      <c r="WYA681" s="613"/>
      <c r="WYB681" s="613"/>
      <c r="WYC681" s="613"/>
      <c r="WYD681" s="613"/>
      <c r="WYE681" s="613"/>
      <c r="WYF681" s="613"/>
      <c r="WYG681" s="613"/>
      <c r="WYH681" s="613"/>
      <c r="WYI681" s="613"/>
      <c r="WYJ681" s="613"/>
      <c r="WYK681" s="613"/>
      <c r="WYL681" s="613"/>
      <c r="WYM681" s="613"/>
      <c r="WYN681" s="613"/>
      <c r="WYO681" s="613"/>
      <c r="WYP681" s="613"/>
      <c r="WYQ681" s="613"/>
      <c r="WYR681" s="613"/>
      <c r="WYS681" s="613"/>
      <c r="WYT681" s="613"/>
      <c r="WYU681" s="613"/>
      <c r="WYV681" s="613"/>
      <c r="WYW681" s="613"/>
      <c r="WYX681" s="613"/>
      <c r="WYY681" s="613"/>
      <c r="WYZ681" s="613"/>
      <c r="WZA681" s="613"/>
      <c r="WZB681" s="613"/>
      <c r="WZC681" s="613"/>
      <c r="WZD681" s="613"/>
      <c r="WZE681" s="613"/>
      <c r="WZF681" s="613"/>
      <c r="WZG681" s="613"/>
      <c r="WZH681" s="613"/>
      <c r="WZI681" s="613"/>
      <c r="WZJ681" s="613"/>
      <c r="WZK681" s="613"/>
      <c r="WZL681" s="613"/>
      <c r="WZM681" s="613"/>
      <c r="WZN681" s="613"/>
      <c r="WZO681" s="613"/>
      <c r="WZP681" s="613"/>
      <c r="WZQ681" s="613"/>
      <c r="WZR681" s="613"/>
      <c r="WZS681" s="613"/>
      <c r="WZT681" s="613"/>
      <c r="WZU681" s="613"/>
      <c r="WZV681" s="613"/>
      <c r="WZW681" s="613"/>
      <c r="WZX681" s="613"/>
      <c r="WZY681" s="613"/>
      <c r="WZZ681" s="613"/>
      <c r="XAA681" s="613"/>
      <c r="XAB681" s="613"/>
      <c r="XAC681" s="613"/>
      <c r="XAD681" s="613"/>
      <c r="XAE681" s="613"/>
      <c r="XAF681" s="613"/>
      <c r="XAG681" s="613"/>
      <c r="XAH681" s="613"/>
      <c r="XAI681" s="613"/>
      <c r="XAJ681" s="613"/>
      <c r="XAK681" s="613"/>
      <c r="XAL681" s="613"/>
      <c r="XAM681" s="613"/>
      <c r="XAN681" s="613"/>
      <c r="XAO681" s="613"/>
      <c r="XAP681" s="613"/>
      <c r="XAQ681" s="613"/>
      <c r="XAR681" s="613"/>
      <c r="XAS681" s="613"/>
      <c r="XAT681" s="613"/>
      <c r="XAU681" s="613"/>
      <c r="XAV681" s="613"/>
      <c r="XAW681" s="613"/>
      <c r="XAX681" s="613"/>
      <c r="XAY681" s="613"/>
      <c r="XAZ681" s="613"/>
      <c r="XBA681" s="613"/>
      <c r="XBB681" s="613"/>
      <c r="XBC681" s="613"/>
      <c r="XBD681" s="613"/>
      <c r="XBE681" s="613"/>
      <c r="XBF681" s="613"/>
      <c r="XBG681" s="613"/>
      <c r="XBH681" s="613"/>
      <c r="XBI681" s="613"/>
      <c r="XBJ681" s="613"/>
      <c r="XBK681" s="613"/>
      <c r="XBL681" s="613"/>
      <c r="XBM681" s="613"/>
      <c r="XBN681" s="613"/>
      <c r="XBO681" s="613"/>
      <c r="XBP681" s="613"/>
      <c r="XBQ681" s="613"/>
      <c r="XBR681" s="613"/>
      <c r="XBS681" s="613"/>
      <c r="XBT681" s="613"/>
      <c r="XBU681" s="613"/>
      <c r="XBV681" s="613"/>
      <c r="XBW681" s="613"/>
      <c r="XBX681" s="613"/>
      <c r="XBY681" s="613"/>
      <c r="XBZ681" s="613"/>
      <c r="XCA681" s="613"/>
      <c r="XCB681" s="613"/>
      <c r="XCC681" s="613"/>
      <c r="XCD681" s="613"/>
      <c r="XCE681" s="613"/>
      <c r="XCF681" s="613"/>
      <c r="XCG681" s="613"/>
      <c r="XCH681" s="613"/>
      <c r="XCI681" s="613"/>
      <c r="XCJ681" s="613"/>
      <c r="XCK681" s="613"/>
      <c r="XCL681" s="613"/>
      <c r="XCM681" s="613"/>
      <c r="XCN681" s="613"/>
      <c r="XCO681" s="613"/>
      <c r="XCP681" s="613"/>
      <c r="XCQ681" s="613"/>
    </row>
    <row r="682" spans="1:16319" ht="56.1" customHeight="1" x14ac:dyDescent="0.2">
      <c r="A682" s="494"/>
      <c r="B682" s="77"/>
      <c r="C682" s="494"/>
      <c r="D682" s="481">
        <v>164</v>
      </c>
      <c r="E682" s="481"/>
      <c r="F682" s="481" t="s">
        <v>2481</v>
      </c>
      <c r="G682" s="482" t="s">
        <v>53</v>
      </c>
      <c r="H682" s="481" t="s">
        <v>329</v>
      </c>
      <c r="I682" s="654" t="s">
        <v>396</v>
      </c>
      <c r="J682" s="654" t="s">
        <v>369</v>
      </c>
      <c r="K682" s="495" t="s">
        <v>427</v>
      </c>
      <c r="L682" s="621"/>
      <c r="M682" s="484" t="s">
        <v>58</v>
      </c>
      <c r="N682" s="327" t="s">
        <v>1374</v>
      </c>
      <c r="O682" s="484" t="s">
        <v>2996</v>
      </c>
      <c r="P682" s="484" t="s">
        <v>81</v>
      </c>
      <c r="Q682" s="667" t="s">
        <v>334</v>
      </c>
      <c r="R682" s="484" t="s">
        <v>334</v>
      </c>
      <c r="S682" s="484" t="s">
        <v>377</v>
      </c>
      <c r="T682" s="484"/>
      <c r="U682" s="620" t="s">
        <v>63</v>
      </c>
      <c r="V682" s="620" t="s">
        <v>63</v>
      </c>
      <c r="W682" s="723">
        <v>68287.96094557266</v>
      </c>
      <c r="X682" s="723"/>
      <c r="Y682" s="654" t="s">
        <v>226</v>
      </c>
      <c r="Z682" s="654"/>
      <c r="AA682" s="723">
        <v>68287.96094557266</v>
      </c>
      <c r="AB682" s="652" t="s">
        <v>82</v>
      </c>
      <c r="AC682" s="652"/>
      <c r="AD682" s="496"/>
      <c r="AE682" s="496"/>
      <c r="AF682" s="496"/>
      <c r="AG682" s="496"/>
      <c r="AH682" s="496"/>
      <c r="AI682" s="487"/>
      <c r="AJ682" s="496"/>
      <c r="AK682" s="496"/>
      <c r="AL682" s="496"/>
      <c r="AM682" s="496"/>
      <c r="AN682" s="496"/>
      <c r="AO682" s="496"/>
      <c r="AP682" s="496"/>
      <c r="AQ682" s="496"/>
      <c r="AR682" s="496"/>
      <c r="AS682" s="496" t="s">
        <v>66</v>
      </c>
      <c r="AT682" s="496"/>
      <c r="AU682" s="487"/>
      <c r="AV682" s="487"/>
      <c r="AW682" s="487"/>
      <c r="AX682" s="487"/>
      <c r="AY682" s="487"/>
      <c r="AZ682" s="487"/>
      <c r="BA682" s="484"/>
      <c r="BB682" s="484"/>
      <c r="BC682" s="484"/>
      <c r="BD682" s="494"/>
      <c r="BE682" s="494"/>
      <c r="BF682" s="613"/>
      <c r="BG682" s="613"/>
      <c r="BH682" s="613"/>
      <c r="BI682" s="613"/>
      <c r="BJ682" s="613"/>
      <c r="BK682" s="613"/>
      <c r="BL682" s="613"/>
      <c r="BM682" s="613"/>
      <c r="BN682" s="613"/>
      <c r="BO682" s="613"/>
      <c r="BP682" s="613"/>
      <c r="BQ682" s="613"/>
      <c r="BR682" s="613"/>
      <c r="BS682" s="613"/>
      <c r="BT682" s="613"/>
      <c r="BU682" s="613"/>
      <c r="BV682" s="613"/>
      <c r="BW682" s="613"/>
      <c r="BX682" s="613"/>
      <c r="BY682" s="613"/>
      <c r="BZ682" s="613"/>
      <c r="CA682" s="613"/>
      <c r="CB682" s="613"/>
      <c r="CC682" s="613"/>
      <c r="CD682" s="613"/>
      <c r="CE682" s="613"/>
      <c r="CF682" s="613"/>
      <c r="CG682" s="613"/>
      <c r="CH682" s="613"/>
      <c r="CI682" s="613"/>
      <c r="CJ682" s="613"/>
      <c r="CK682" s="613"/>
      <c r="CL682" s="613"/>
      <c r="CM682" s="613"/>
      <c r="CN682" s="613"/>
      <c r="CO682" s="613"/>
      <c r="CP682" s="613"/>
      <c r="CQ682" s="613"/>
      <c r="CR682" s="613"/>
      <c r="CS682" s="613"/>
      <c r="CT682" s="613"/>
      <c r="CU682" s="613"/>
      <c r="CV682" s="613"/>
      <c r="CW682" s="613"/>
      <c r="CX682" s="613"/>
      <c r="CY682" s="613"/>
      <c r="CZ682" s="613"/>
      <c r="DA682" s="613"/>
      <c r="DB682" s="613"/>
      <c r="DC682" s="613"/>
      <c r="DD682" s="613"/>
      <c r="DE682" s="613"/>
      <c r="DF682" s="613"/>
      <c r="DG682" s="613"/>
      <c r="DH682" s="613"/>
      <c r="DI682" s="613"/>
      <c r="DJ682" s="613"/>
      <c r="DK682" s="613"/>
      <c r="DL682" s="613"/>
      <c r="DM682" s="613"/>
      <c r="DN682" s="613"/>
      <c r="DO682" s="613"/>
      <c r="DP682" s="613"/>
      <c r="DQ682" s="613"/>
      <c r="DR682" s="613"/>
      <c r="DS682" s="613"/>
      <c r="DT682" s="613"/>
      <c r="DU682" s="613"/>
      <c r="DV682" s="613"/>
      <c r="DW682" s="613"/>
      <c r="DX682" s="613"/>
      <c r="DY682" s="613"/>
      <c r="DZ682" s="613"/>
      <c r="EA682" s="613"/>
      <c r="EB682" s="613"/>
      <c r="EC682" s="613"/>
      <c r="ED682" s="613"/>
      <c r="EE682" s="613"/>
      <c r="EF682" s="613"/>
      <c r="EG682" s="613"/>
      <c r="EH682" s="613"/>
      <c r="EI682" s="613"/>
      <c r="EJ682" s="613"/>
      <c r="EK682" s="613"/>
      <c r="EL682" s="613"/>
      <c r="EM682" s="613"/>
      <c r="EN682" s="613"/>
      <c r="EO682" s="613"/>
      <c r="EP682" s="613"/>
      <c r="EQ682" s="613"/>
      <c r="ER682" s="613"/>
      <c r="ES682" s="613"/>
      <c r="ET682" s="613"/>
      <c r="EU682" s="613"/>
      <c r="EV682" s="613"/>
      <c r="EW682" s="613"/>
      <c r="EX682" s="613"/>
      <c r="EY682" s="613"/>
      <c r="EZ682" s="613"/>
      <c r="FA682" s="613"/>
      <c r="FB682" s="613"/>
      <c r="FC682" s="613"/>
      <c r="FD682" s="613"/>
      <c r="FE682" s="613"/>
      <c r="FF682" s="613"/>
      <c r="FG682" s="613"/>
      <c r="FH682" s="613"/>
      <c r="FI682" s="613"/>
      <c r="FJ682" s="613"/>
      <c r="FK682" s="613"/>
      <c r="FL682" s="613"/>
      <c r="FM682" s="613"/>
      <c r="FN682" s="613"/>
      <c r="FO682" s="613"/>
      <c r="FP682" s="613"/>
      <c r="FQ682" s="613"/>
      <c r="FR682" s="613"/>
      <c r="FS682" s="613"/>
      <c r="FT682" s="613"/>
      <c r="FU682" s="613"/>
      <c r="FV682" s="613"/>
      <c r="FW682" s="613"/>
      <c r="FX682" s="613"/>
      <c r="FY682" s="613"/>
      <c r="FZ682" s="613"/>
      <c r="GA682" s="613"/>
      <c r="GB682" s="613"/>
      <c r="GC682" s="613"/>
      <c r="GD682" s="613"/>
      <c r="GE682" s="613"/>
      <c r="GF682" s="613"/>
      <c r="GG682" s="613"/>
      <c r="GH682" s="613"/>
      <c r="GI682" s="613"/>
      <c r="GJ682" s="613"/>
      <c r="GK682" s="613"/>
      <c r="GL682" s="613"/>
      <c r="GM682" s="613"/>
      <c r="GN682" s="613"/>
      <c r="GO682" s="613"/>
      <c r="GP682" s="613"/>
      <c r="GQ682" s="613"/>
      <c r="GR682" s="613"/>
      <c r="GS682" s="613"/>
      <c r="GT682" s="613"/>
      <c r="GU682" s="613"/>
      <c r="GV682" s="613"/>
      <c r="GW682" s="613"/>
      <c r="GX682" s="613"/>
      <c r="GY682" s="613"/>
      <c r="GZ682" s="613"/>
      <c r="HA682" s="613"/>
      <c r="HB682" s="613"/>
      <c r="HC682" s="613"/>
      <c r="HD682" s="613"/>
      <c r="HE682" s="613"/>
      <c r="HF682" s="613"/>
      <c r="HG682" s="613"/>
      <c r="HH682" s="613"/>
      <c r="HI682" s="613"/>
      <c r="HJ682" s="613"/>
      <c r="HK682" s="613"/>
      <c r="HL682" s="613"/>
      <c r="HM682" s="613"/>
      <c r="HN682" s="613"/>
      <c r="HO682" s="613"/>
      <c r="HP682" s="613"/>
      <c r="HQ682" s="613"/>
      <c r="HR682" s="613"/>
      <c r="HS682" s="613"/>
      <c r="HT682" s="613"/>
      <c r="HU682" s="613"/>
      <c r="HV682" s="613"/>
      <c r="HW682" s="613"/>
      <c r="HX682" s="613"/>
      <c r="HY682" s="613"/>
      <c r="HZ682" s="613"/>
      <c r="IA682" s="613"/>
      <c r="IB682" s="613"/>
      <c r="IC682" s="613"/>
      <c r="ID682" s="613"/>
      <c r="IE682" s="613"/>
      <c r="IF682" s="613"/>
      <c r="IG682" s="613"/>
      <c r="IH682" s="613"/>
      <c r="II682" s="613"/>
      <c r="IJ682" s="613"/>
      <c r="IK682" s="613"/>
      <c r="IL682" s="613"/>
      <c r="IM682" s="613"/>
      <c r="IN682" s="613"/>
      <c r="IO682" s="613"/>
      <c r="IP682" s="613"/>
      <c r="IQ682" s="613"/>
      <c r="IR682" s="613"/>
      <c r="IS682" s="613"/>
      <c r="IT682" s="613"/>
      <c r="IU682" s="613"/>
      <c r="IV682" s="613"/>
      <c r="IW682" s="613"/>
      <c r="IX682" s="613"/>
      <c r="IY682" s="613"/>
      <c r="IZ682" s="613"/>
      <c r="JA682" s="613"/>
      <c r="JB682" s="613"/>
      <c r="JC682" s="613"/>
      <c r="JD682" s="613"/>
      <c r="JE682" s="613"/>
      <c r="JF682" s="613"/>
      <c r="JG682" s="613"/>
      <c r="JH682" s="613"/>
      <c r="JI682" s="613"/>
      <c r="JJ682" s="613"/>
      <c r="JK682" s="613"/>
      <c r="JL682" s="613"/>
      <c r="JM682" s="613"/>
      <c r="JN682" s="613"/>
      <c r="JO682" s="613"/>
      <c r="JP682" s="613"/>
      <c r="JQ682" s="613"/>
      <c r="JR682" s="613"/>
      <c r="JS682" s="613"/>
      <c r="JT682" s="613"/>
      <c r="JU682" s="613"/>
      <c r="JV682" s="613"/>
      <c r="JW682" s="613"/>
      <c r="JX682" s="613"/>
      <c r="JY682" s="613"/>
      <c r="JZ682" s="613"/>
      <c r="KA682" s="613"/>
      <c r="KB682" s="613"/>
      <c r="KC682" s="613"/>
      <c r="KD682" s="613"/>
      <c r="KE682" s="613"/>
      <c r="KF682" s="613"/>
      <c r="KG682" s="613"/>
      <c r="KH682" s="613"/>
      <c r="KI682" s="613"/>
      <c r="KJ682" s="613"/>
      <c r="KK682" s="613"/>
      <c r="KL682" s="613"/>
      <c r="KM682" s="613"/>
      <c r="KN682" s="613"/>
      <c r="KO682" s="613"/>
      <c r="KP682" s="613"/>
      <c r="KQ682" s="613"/>
      <c r="KR682" s="613"/>
      <c r="KS682" s="613"/>
      <c r="KT682" s="613"/>
      <c r="KU682" s="613"/>
      <c r="KV682" s="613"/>
      <c r="KW682" s="613"/>
      <c r="KX682" s="613"/>
      <c r="KY682" s="613"/>
      <c r="KZ682" s="613"/>
      <c r="LA682" s="613"/>
      <c r="LB682" s="613"/>
      <c r="LC682" s="613"/>
      <c r="LD682" s="613"/>
      <c r="LE682" s="613"/>
      <c r="LF682" s="613"/>
      <c r="LG682" s="613"/>
      <c r="LH682" s="613"/>
      <c r="LI682" s="613"/>
      <c r="LJ682" s="613"/>
      <c r="LK682" s="613"/>
      <c r="LL682" s="613"/>
      <c r="LM682" s="613"/>
      <c r="LN682" s="613"/>
      <c r="LO682" s="613"/>
      <c r="LP682" s="613"/>
      <c r="LQ682" s="613"/>
      <c r="LR682" s="613"/>
      <c r="LS682" s="613"/>
      <c r="LT682" s="613"/>
      <c r="LU682" s="613"/>
      <c r="LV682" s="613"/>
      <c r="LW682" s="613"/>
      <c r="LX682" s="613"/>
      <c r="LY682" s="613"/>
      <c r="LZ682" s="613"/>
      <c r="MA682" s="613"/>
      <c r="MB682" s="613"/>
      <c r="MC682" s="613"/>
      <c r="MD682" s="613"/>
      <c r="ME682" s="613"/>
      <c r="MF682" s="613"/>
      <c r="MG682" s="613"/>
      <c r="MH682" s="613"/>
      <c r="MI682" s="613"/>
      <c r="MJ682" s="613"/>
      <c r="MK682" s="613"/>
      <c r="ML682" s="613"/>
      <c r="MM682" s="613"/>
      <c r="MN682" s="613"/>
      <c r="MO682" s="613"/>
      <c r="MP682" s="613"/>
      <c r="MQ682" s="613"/>
      <c r="MR682" s="613"/>
      <c r="MS682" s="613"/>
      <c r="MT682" s="613"/>
      <c r="MU682" s="613"/>
      <c r="MV682" s="613"/>
      <c r="MW682" s="613"/>
      <c r="MX682" s="613"/>
      <c r="MY682" s="613"/>
      <c r="MZ682" s="613"/>
      <c r="NA682" s="613"/>
      <c r="NB682" s="613"/>
      <c r="NC682" s="613"/>
      <c r="ND682" s="613"/>
      <c r="NE682" s="613"/>
      <c r="NF682" s="613"/>
      <c r="NG682" s="613"/>
      <c r="NH682" s="613"/>
      <c r="NI682" s="613"/>
      <c r="NJ682" s="613"/>
      <c r="NK682" s="613"/>
      <c r="NL682" s="613"/>
      <c r="NM682" s="613"/>
      <c r="NN682" s="613"/>
      <c r="NO682" s="613"/>
      <c r="NP682" s="613"/>
      <c r="NQ682" s="613"/>
      <c r="NR682" s="613"/>
      <c r="NS682" s="613"/>
      <c r="NT682" s="613"/>
      <c r="NU682" s="613"/>
      <c r="NV682" s="613"/>
      <c r="NW682" s="613"/>
      <c r="NX682" s="613"/>
      <c r="NY682" s="613"/>
      <c r="NZ682" s="613"/>
      <c r="OA682" s="613"/>
      <c r="OB682" s="613"/>
      <c r="OC682" s="613"/>
      <c r="OD682" s="613"/>
      <c r="OE682" s="613"/>
      <c r="OF682" s="613"/>
      <c r="OG682" s="613"/>
      <c r="OH682" s="613"/>
      <c r="OI682" s="613"/>
      <c r="OJ682" s="613"/>
      <c r="OK682" s="613"/>
      <c r="OL682" s="613"/>
      <c r="OM682" s="613"/>
      <c r="ON682" s="613"/>
      <c r="OO682" s="613"/>
      <c r="OP682" s="613"/>
      <c r="OQ682" s="613"/>
      <c r="OR682" s="613"/>
      <c r="OS682" s="613"/>
      <c r="OT682" s="613"/>
      <c r="OU682" s="613"/>
      <c r="OV682" s="613"/>
      <c r="OW682" s="613"/>
      <c r="OX682" s="613"/>
      <c r="OY682" s="613"/>
      <c r="OZ682" s="613"/>
      <c r="PA682" s="613"/>
      <c r="PB682" s="613"/>
      <c r="PC682" s="613"/>
      <c r="PD682" s="613"/>
      <c r="PE682" s="613"/>
      <c r="PF682" s="613"/>
      <c r="PG682" s="613"/>
      <c r="PH682" s="613"/>
      <c r="PI682" s="613"/>
      <c r="PJ682" s="613"/>
      <c r="PK682" s="613"/>
      <c r="PL682" s="613"/>
      <c r="PM682" s="613"/>
      <c r="PN682" s="613"/>
      <c r="PO682" s="613"/>
      <c r="PP682" s="613"/>
      <c r="PQ682" s="613"/>
      <c r="PR682" s="613"/>
      <c r="PS682" s="613"/>
      <c r="PT682" s="613"/>
      <c r="PU682" s="613"/>
      <c r="PV682" s="613"/>
      <c r="PW682" s="613"/>
      <c r="PX682" s="613"/>
      <c r="PY682" s="613"/>
      <c r="PZ682" s="613"/>
      <c r="QA682" s="613"/>
      <c r="QB682" s="613"/>
      <c r="QC682" s="613"/>
      <c r="QD682" s="613"/>
      <c r="QE682" s="613"/>
      <c r="QF682" s="613"/>
      <c r="QG682" s="613"/>
      <c r="QH682" s="613"/>
      <c r="QI682" s="613"/>
      <c r="QJ682" s="613"/>
      <c r="QK682" s="613"/>
      <c r="QL682" s="613"/>
      <c r="QM682" s="613"/>
      <c r="QN682" s="613"/>
      <c r="QO682" s="613"/>
      <c r="QP682" s="613"/>
      <c r="QQ682" s="613"/>
      <c r="QR682" s="613"/>
      <c r="QS682" s="613"/>
      <c r="QT682" s="613"/>
      <c r="QU682" s="613"/>
      <c r="QV682" s="613"/>
      <c r="QW682" s="613"/>
      <c r="QX682" s="613"/>
      <c r="QY682" s="613"/>
      <c r="QZ682" s="613"/>
      <c r="RA682" s="613"/>
      <c r="RB682" s="613"/>
      <c r="RC682" s="613"/>
      <c r="RD682" s="613"/>
      <c r="RE682" s="613"/>
      <c r="RF682" s="613"/>
      <c r="RG682" s="613"/>
      <c r="RH682" s="613"/>
      <c r="RI682" s="613"/>
      <c r="RJ682" s="613"/>
      <c r="RK682" s="613"/>
      <c r="RL682" s="613"/>
      <c r="RM682" s="613"/>
      <c r="RN682" s="613"/>
      <c r="RO682" s="613"/>
      <c r="RP682" s="613"/>
      <c r="RQ682" s="613"/>
      <c r="RR682" s="613"/>
      <c r="RS682" s="613"/>
      <c r="RT682" s="613"/>
      <c r="RU682" s="613"/>
      <c r="RV682" s="613"/>
      <c r="RW682" s="613"/>
      <c r="RX682" s="613"/>
      <c r="RY682" s="613"/>
      <c r="RZ682" s="613"/>
      <c r="SA682" s="613"/>
      <c r="SB682" s="613"/>
      <c r="SC682" s="613"/>
      <c r="SD682" s="613"/>
      <c r="SE682" s="613"/>
      <c r="SF682" s="613"/>
      <c r="SG682" s="613"/>
      <c r="SH682" s="613"/>
      <c r="SI682" s="613"/>
      <c r="SJ682" s="613"/>
      <c r="SK682" s="613"/>
      <c r="SL682" s="613"/>
      <c r="SM682" s="613"/>
      <c r="SN682" s="613"/>
      <c r="SO682" s="613"/>
      <c r="SP682" s="613"/>
      <c r="SQ682" s="613"/>
      <c r="SR682" s="613"/>
      <c r="SS682" s="613"/>
      <c r="ST682" s="613"/>
      <c r="SU682" s="613"/>
      <c r="SV682" s="613"/>
      <c r="SW682" s="613"/>
      <c r="SX682" s="613"/>
      <c r="SY682" s="613"/>
      <c r="SZ682" s="613"/>
      <c r="TA682" s="613"/>
      <c r="TB682" s="613"/>
      <c r="TC682" s="613"/>
      <c r="TD682" s="613"/>
      <c r="TE682" s="613"/>
      <c r="TF682" s="613"/>
      <c r="TG682" s="613"/>
      <c r="TH682" s="613"/>
      <c r="TI682" s="613"/>
      <c r="TJ682" s="613"/>
      <c r="TK682" s="613"/>
      <c r="TL682" s="613"/>
      <c r="TM682" s="613"/>
      <c r="TN682" s="613"/>
      <c r="TO682" s="613"/>
      <c r="TP682" s="613"/>
      <c r="TQ682" s="613"/>
      <c r="TR682" s="613"/>
      <c r="TS682" s="613"/>
      <c r="TT682" s="613"/>
      <c r="TU682" s="613"/>
      <c r="TV682" s="613"/>
      <c r="TW682" s="613"/>
      <c r="TX682" s="613"/>
      <c r="TY682" s="613"/>
      <c r="TZ682" s="613"/>
      <c r="UA682" s="613"/>
      <c r="UB682" s="613"/>
      <c r="UC682" s="613"/>
      <c r="UD682" s="613"/>
      <c r="UE682" s="613"/>
      <c r="UF682" s="613"/>
      <c r="UG682" s="613"/>
      <c r="UH682" s="613"/>
      <c r="UI682" s="613"/>
      <c r="UJ682" s="613"/>
      <c r="UK682" s="613"/>
      <c r="UL682" s="613"/>
      <c r="UM682" s="613"/>
      <c r="UN682" s="613"/>
      <c r="UO682" s="613"/>
      <c r="UP682" s="613"/>
      <c r="UQ682" s="613"/>
      <c r="UR682" s="613"/>
      <c r="US682" s="613"/>
      <c r="UT682" s="613"/>
      <c r="UU682" s="613"/>
      <c r="UV682" s="613"/>
      <c r="UW682" s="613"/>
      <c r="UX682" s="613"/>
      <c r="UY682" s="613"/>
      <c r="UZ682" s="613"/>
      <c r="VA682" s="613"/>
      <c r="VB682" s="613"/>
      <c r="VC682" s="613"/>
      <c r="VD682" s="613"/>
      <c r="VE682" s="613"/>
      <c r="VF682" s="613"/>
      <c r="VG682" s="613"/>
      <c r="VH682" s="613"/>
      <c r="VI682" s="613"/>
      <c r="VJ682" s="613"/>
      <c r="VK682" s="613"/>
      <c r="VL682" s="613"/>
      <c r="VM682" s="613"/>
      <c r="VN682" s="613"/>
      <c r="VO682" s="613"/>
      <c r="VP682" s="613"/>
      <c r="VQ682" s="613"/>
      <c r="VR682" s="613"/>
      <c r="VS682" s="613"/>
      <c r="VT682" s="613"/>
      <c r="VU682" s="613"/>
      <c r="VV682" s="613"/>
      <c r="VW682" s="613"/>
      <c r="VX682" s="613"/>
      <c r="VY682" s="613"/>
      <c r="VZ682" s="613"/>
      <c r="WA682" s="613"/>
      <c r="WB682" s="613"/>
      <c r="WC682" s="613"/>
      <c r="WD682" s="613"/>
      <c r="WE682" s="613"/>
      <c r="WF682" s="613"/>
      <c r="WG682" s="613"/>
      <c r="WH682" s="613"/>
      <c r="WI682" s="613"/>
      <c r="WJ682" s="613"/>
      <c r="WK682" s="613"/>
      <c r="WL682" s="613"/>
      <c r="WM682" s="613"/>
      <c r="WN682" s="613"/>
      <c r="WO682" s="613"/>
      <c r="WP682" s="613"/>
      <c r="WQ682" s="613"/>
      <c r="WR682" s="613"/>
      <c r="WS682" s="613"/>
      <c r="WT682" s="613"/>
      <c r="WU682" s="613"/>
      <c r="WV682" s="613"/>
      <c r="WW682" s="613"/>
      <c r="WX682" s="613"/>
      <c r="WY682" s="613"/>
      <c r="WZ682" s="613"/>
      <c r="XA682" s="613"/>
      <c r="XB682" s="613"/>
      <c r="XC682" s="613"/>
      <c r="XD682" s="613"/>
      <c r="XE682" s="613"/>
      <c r="XF682" s="613"/>
      <c r="XG682" s="613"/>
      <c r="XH682" s="613"/>
      <c r="XI682" s="613"/>
      <c r="XJ682" s="613"/>
      <c r="XK682" s="613"/>
      <c r="XL682" s="613"/>
      <c r="XM682" s="613"/>
      <c r="XN682" s="613"/>
      <c r="XO682" s="613"/>
      <c r="XP682" s="613"/>
      <c r="XQ682" s="613"/>
      <c r="XR682" s="613"/>
      <c r="XS682" s="613"/>
      <c r="XT682" s="613"/>
      <c r="XU682" s="613"/>
      <c r="XV682" s="613"/>
      <c r="XW682" s="613"/>
      <c r="XX682" s="613"/>
      <c r="XY682" s="613"/>
      <c r="XZ682" s="613"/>
      <c r="YA682" s="613"/>
      <c r="YB682" s="613"/>
      <c r="YC682" s="613"/>
      <c r="YD682" s="613"/>
      <c r="YE682" s="613"/>
      <c r="YF682" s="613"/>
      <c r="YG682" s="613"/>
      <c r="YH682" s="613"/>
      <c r="YI682" s="613"/>
      <c r="YJ682" s="613"/>
      <c r="YK682" s="613"/>
      <c r="YL682" s="613"/>
      <c r="YM682" s="613"/>
      <c r="YN682" s="613"/>
      <c r="YO682" s="613"/>
      <c r="YP682" s="613"/>
      <c r="YQ682" s="613"/>
      <c r="YR682" s="613"/>
      <c r="YS682" s="613"/>
      <c r="YT682" s="613"/>
      <c r="YU682" s="613"/>
      <c r="YV682" s="613"/>
      <c r="YW682" s="613"/>
      <c r="YX682" s="613"/>
      <c r="YY682" s="613"/>
      <c r="YZ682" s="613"/>
      <c r="ZA682" s="613"/>
      <c r="ZB682" s="613"/>
      <c r="ZC682" s="613"/>
      <c r="ZD682" s="613"/>
      <c r="ZE682" s="613"/>
      <c r="ZF682" s="613"/>
      <c r="ZG682" s="613"/>
      <c r="ZH682" s="613"/>
      <c r="ZI682" s="613"/>
      <c r="ZJ682" s="613"/>
      <c r="ZK682" s="613"/>
      <c r="ZL682" s="613"/>
      <c r="ZM682" s="613"/>
      <c r="ZN682" s="613"/>
      <c r="ZO682" s="613"/>
      <c r="ZP682" s="613"/>
      <c r="ZQ682" s="613"/>
      <c r="ZR682" s="613"/>
      <c r="ZS682" s="613"/>
      <c r="ZT682" s="613"/>
      <c r="ZU682" s="613"/>
      <c r="ZV682" s="613"/>
      <c r="ZW682" s="613"/>
      <c r="ZX682" s="613"/>
      <c r="ZY682" s="613"/>
      <c r="ZZ682" s="613"/>
      <c r="AAA682" s="613"/>
      <c r="AAB682" s="613"/>
      <c r="AAC682" s="613"/>
      <c r="AAD682" s="613"/>
      <c r="AAE682" s="613"/>
      <c r="AAF682" s="613"/>
      <c r="AAG682" s="613"/>
      <c r="AAH682" s="613"/>
      <c r="AAI682" s="613"/>
      <c r="AAJ682" s="613"/>
      <c r="AAK682" s="613"/>
      <c r="AAL682" s="613"/>
      <c r="AAM682" s="613"/>
      <c r="AAN682" s="613"/>
      <c r="AAO682" s="613"/>
      <c r="AAP682" s="613"/>
      <c r="AAQ682" s="613"/>
      <c r="AAR682" s="613"/>
      <c r="AAS682" s="613"/>
      <c r="AAT682" s="613"/>
      <c r="AAU682" s="613"/>
      <c r="AAV682" s="613"/>
      <c r="AAW682" s="613"/>
      <c r="AAX682" s="613"/>
      <c r="AAY682" s="613"/>
      <c r="AAZ682" s="613"/>
      <c r="ABA682" s="613"/>
      <c r="ABB682" s="613"/>
      <c r="ABC682" s="613"/>
      <c r="ABD682" s="613"/>
      <c r="ABE682" s="613"/>
      <c r="ABF682" s="613"/>
      <c r="ABG682" s="613"/>
      <c r="ABH682" s="613"/>
      <c r="ABI682" s="613"/>
      <c r="ABJ682" s="613"/>
      <c r="ABK682" s="613"/>
      <c r="ABL682" s="613"/>
      <c r="ABM682" s="613"/>
      <c r="ABN682" s="613"/>
      <c r="ABO682" s="613"/>
      <c r="ABP682" s="613"/>
      <c r="ABQ682" s="613"/>
      <c r="ABR682" s="613"/>
      <c r="ABS682" s="613"/>
      <c r="ABT682" s="613"/>
      <c r="ABU682" s="613"/>
      <c r="ABV682" s="613"/>
      <c r="ABW682" s="613"/>
      <c r="ABX682" s="613"/>
      <c r="ABY682" s="613"/>
      <c r="ABZ682" s="613"/>
      <c r="ACA682" s="613"/>
      <c r="ACB682" s="613"/>
      <c r="ACC682" s="613"/>
      <c r="ACD682" s="613"/>
      <c r="ACE682" s="613"/>
      <c r="ACF682" s="613"/>
      <c r="ACG682" s="613"/>
      <c r="ACH682" s="613"/>
      <c r="ACI682" s="613"/>
      <c r="ACJ682" s="613"/>
      <c r="ACK682" s="613"/>
      <c r="ACL682" s="613"/>
      <c r="ACM682" s="613"/>
      <c r="ACN682" s="613"/>
      <c r="ACO682" s="613"/>
      <c r="ACP682" s="613"/>
      <c r="ACQ682" s="613"/>
      <c r="ACR682" s="613"/>
      <c r="ACS682" s="613"/>
      <c r="ACT682" s="613"/>
      <c r="ACU682" s="613"/>
      <c r="ACV682" s="613"/>
      <c r="ACW682" s="613"/>
      <c r="ACX682" s="613"/>
      <c r="ACY682" s="613"/>
      <c r="ACZ682" s="613"/>
      <c r="ADA682" s="613"/>
      <c r="ADB682" s="613"/>
      <c r="ADC682" s="613"/>
      <c r="ADD682" s="613"/>
      <c r="ADE682" s="613"/>
      <c r="ADF682" s="613"/>
      <c r="ADG682" s="613"/>
      <c r="ADH682" s="613"/>
      <c r="ADI682" s="613"/>
      <c r="ADJ682" s="613"/>
      <c r="ADK682" s="613"/>
      <c r="ADL682" s="613"/>
      <c r="ADM682" s="613"/>
      <c r="ADN682" s="613"/>
      <c r="ADO682" s="613"/>
      <c r="ADP682" s="613"/>
      <c r="ADQ682" s="613"/>
      <c r="ADR682" s="613"/>
      <c r="ADS682" s="613"/>
      <c r="ADT682" s="613"/>
      <c r="ADU682" s="613"/>
      <c r="ADV682" s="613"/>
      <c r="ADW682" s="613"/>
      <c r="ADX682" s="613"/>
      <c r="ADY682" s="613"/>
      <c r="ADZ682" s="613"/>
      <c r="AEA682" s="613"/>
      <c r="AEB682" s="613"/>
      <c r="AEC682" s="613"/>
      <c r="AED682" s="613"/>
      <c r="AEE682" s="613"/>
      <c r="AEF682" s="613"/>
      <c r="AEG682" s="613"/>
      <c r="AEH682" s="613"/>
      <c r="AEI682" s="613"/>
      <c r="AEJ682" s="613"/>
      <c r="AEK682" s="613"/>
      <c r="AEL682" s="613"/>
      <c r="AEM682" s="613"/>
      <c r="AEN682" s="613"/>
      <c r="AEO682" s="613"/>
      <c r="AEP682" s="613"/>
      <c r="AEQ682" s="613"/>
      <c r="AER682" s="613"/>
      <c r="AES682" s="613"/>
      <c r="AET682" s="613"/>
      <c r="AEU682" s="613"/>
      <c r="AEV682" s="613"/>
      <c r="AEW682" s="613"/>
      <c r="AEX682" s="613"/>
      <c r="AEY682" s="613"/>
      <c r="AEZ682" s="613"/>
      <c r="AFA682" s="613"/>
      <c r="AFB682" s="613"/>
      <c r="AFC682" s="613"/>
      <c r="AFD682" s="613"/>
      <c r="AFE682" s="613"/>
      <c r="AFF682" s="613"/>
      <c r="AFG682" s="613"/>
      <c r="AFH682" s="613"/>
      <c r="AFI682" s="613"/>
      <c r="AFJ682" s="613"/>
      <c r="AFK682" s="613"/>
      <c r="AFL682" s="613"/>
      <c r="AFM682" s="613"/>
      <c r="AFN682" s="613"/>
      <c r="AFO682" s="613"/>
      <c r="AFP682" s="613"/>
      <c r="AFQ682" s="613"/>
      <c r="AFR682" s="613"/>
      <c r="AFS682" s="613"/>
      <c r="AFT682" s="613"/>
      <c r="AFU682" s="613"/>
      <c r="AFV682" s="613"/>
      <c r="AFW682" s="613"/>
      <c r="AFX682" s="613"/>
      <c r="AFY682" s="613"/>
      <c r="AFZ682" s="613"/>
      <c r="AGA682" s="613"/>
      <c r="AGB682" s="613"/>
      <c r="AGC682" s="613"/>
      <c r="AGD682" s="613"/>
      <c r="AGE682" s="613"/>
      <c r="AGF682" s="613"/>
      <c r="AGG682" s="613"/>
      <c r="AGH682" s="613"/>
      <c r="AGI682" s="613"/>
      <c r="AGJ682" s="613"/>
      <c r="AGK682" s="613"/>
      <c r="AGL682" s="613"/>
      <c r="AGM682" s="613"/>
      <c r="AGN682" s="613"/>
      <c r="AGO682" s="613"/>
      <c r="AGP682" s="613"/>
      <c r="AGQ682" s="613"/>
      <c r="AGR682" s="613"/>
      <c r="AGS682" s="613"/>
      <c r="AGT682" s="613"/>
      <c r="AGU682" s="613"/>
      <c r="AGV682" s="613"/>
      <c r="AGW682" s="613"/>
      <c r="AGX682" s="613"/>
      <c r="AGY682" s="613"/>
      <c r="AGZ682" s="613"/>
      <c r="AHA682" s="613"/>
      <c r="AHB682" s="613"/>
      <c r="AHC682" s="613"/>
      <c r="AHD682" s="613"/>
      <c r="AHE682" s="613"/>
      <c r="AHF682" s="613"/>
      <c r="AHG682" s="613"/>
      <c r="AHH682" s="613"/>
      <c r="AHI682" s="613"/>
      <c r="AHJ682" s="613"/>
      <c r="AHK682" s="613"/>
      <c r="AHL682" s="613"/>
      <c r="AHM682" s="613"/>
      <c r="AHN682" s="613"/>
      <c r="AHO682" s="613"/>
      <c r="AHP682" s="613"/>
      <c r="AHQ682" s="613"/>
      <c r="AHR682" s="613"/>
      <c r="AHS682" s="613"/>
      <c r="AHT682" s="613"/>
      <c r="AHU682" s="613"/>
      <c r="AHV682" s="613"/>
      <c r="AHW682" s="613"/>
      <c r="AHX682" s="613"/>
      <c r="AHY682" s="613"/>
      <c r="AHZ682" s="613"/>
      <c r="AIA682" s="613"/>
      <c r="AIB682" s="613"/>
      <c r="AIC682" s="613"/>
      <c r="AID682" s="613"/>
      <c r="AIE682" s="613"/>
      <c r="AIF682" s="613"/>
      <c r="AIG682" s="613"/>
      <c r="AIH682" s="613"/>
      <c r="AII682" s="613"/>
      <c r="AIJ682" s="613"/>
      <c r="AIK682" s="613"/>
      <c r="AIL682" s="613"/>
      <c r="AIM682" s="613"/>
      <c r="AIN682" s="613"/>
      <c r="AIO682" s="613"/>
      <c r="AIP682" s="613"/>
      <c r="AIQ682" s="613"/>
      <c r="AIR682" s="613"/>
      <c r="AIS682" s="613"/>
      <c r="AIT682" s="613"/>
      <c r="AIU682" s="613"/>
      <c r="AIV682" s="613"/>
      <c r="AIW682" s="613"/>
      <c r="AIX682" s="613"/>
      <c r="AIY682" s="613"/>
      <c r="AIZ682" s="613"/>
      <c r="AJA682" s="613"/>
      <c r="AJB682" s="613"/>
      <c r="AJC682" s="613"/>
      <c r="AJD682" s="613"/>
      <c r="AJE682" s="613"/>
      <c r="AJF682" s="613"/>
      <c r="AJG682" s="613"/>
      <c r="AJH682" s="613"/>
      <c r="AJI682" s="613"/>
      <c r="AJJ682" s="613"/>
      <c r="AJK682" s="613"/>
      <c r="AJL682" s="613"/>
      <c r="AJM682" s="613"/>
      <c r="AJN682" s="613"/>
      <c r="AJO682" s="613"/>
      <c r="AJP682" s="613"/>
      <c r="AJQ682" s="613"/>
      <c r="AJR682" s="613"/>
      <c r="AJS682" s="613"/>
      <c r="AJT682" s="613"/>
      <c r="AJU682" s="613"/>
      <c r="AJV682" s="613"/>
      <c r="AJW682" s="613"/>
      <c r="AJX682" s="613"/>
      <c r="AJY682" s="613"/>
      <c r="AJZ682" s="613"/>
      <c r="AKA682" s="613"/>
      <c r="AKB682" s="613"/>
      <c r="AKC682" s="613"/>
      <c r="AKD682" s="613"/>
      <c r="AKE682" s="613"/>
      <c r="AKF682" s="613"/>
      <c r="AKG682" s="613"/>
      <c r="AKH682" s="613"/>
      <c r="AKI682" s="613"/>
      <c r="AKJ682" s="613"/>
      <c r="AKK682" s="613"/>
      <c r="AKL682" s="613"/>
      <c r="AKM682" s="613"/>
      <c r="AKN682" s="613"/>
      <c r="AKO682" s="613"/>
      <c r="AKP682" s="613"/>
      <c r="AKQ682" s="613"/>
      <c r="AKR682" s="613"/>
      <c r="AKS682" s="613"/>
      <c r="AKT682" s="613"/>
      <c r="AKU682" s="613"/>
      <c r="AKV682" s="613"/>
      <c r="AKW682" s="613"/>
      <c r="AKX682" s="613"/>
      <c r="AKY682" s="613"/>
      <c r="AKZ682" s="613"/>
      <c r="ALA682" s="613"/>
      <c r="ALB682" s="613"/>
      <c r="ALC682" s="613"/>
      <c r="ALD682" s="613"/>
      <c r="ALE682" s="613"/>
      <c r="ALF682" s="613"/>
      <c r="ALG682" s="613"/>
      <c r="ALH682" s="613"/>
      <c r="ALI682" s="613"/>
      <c r="ALJ682" s="613"/>
      <c r="ALK682" s="613"/>
      <c r="ALL682" s="613"/>
      <c r="ALM682" s="613"/>
      <c r="ALN682" s="613"/>
      <c r="ALO682" s="613"/>
      <c r="ALP682" s="613"/>
      <c r="ALQ682" s="613"/>
      <c r="ALR682" s="613"/>
      <c r="ALS682" s="613"/>
      <c r="ALT682" s="613"/>
      <c r="ALU682" s="613"/>
      <c r="ALV682" s="613"/>
      <c r="ALW682" s="613"/>
      <c r="ALX682" s="613"/>
      <c r="ALY682" s="613"/>
      <c r="ALZ682" s="613"/>
      <c r="AMA682" s="613"/>
      <c r="AMB682" s="613"/>
      <c r="AMC682" s="613"/>
      <c r="AMD682" s="613"/>
      <c r="AME682" s="613"/>
      <c r="AMF682" s="613"/>
      <c r="AMG682" s="613"/>
      <c r="AMH682" s="613"/>
      <c r="AMI682" s="613"/>
      <c r="AMJ682" s="613"/>
      <c r="AMK682" s="613"/>
      <c r="AML682" s="613"/>
      <c r="AMM682" s="613"/>
      <c r="AMN682" s="613"/>
      <c r="AMO682" s="613"/>
      <c r="AMP682" s="613"/>
      <c r="AMQ682" s="613"/>
      <c r="AMR682" s="613"/>
      <c r="AMS682" s="613"/>
      <c r="AMT682" s="613"/>
      <c r="AMU682" s="613"/>
      <c r="AMV682" s="613"/>
      <c r="AMW682" s="613"/>
      <c r="AMX682" s="613"/>
      <c r="AMY682" s="613"/>
      <c r="AMZ682" s="613"/>
      <c r="ANA682" s="613"/>
      <c r="ANB682" s="613"/>
      <c r="ANC682" s="613"/>
      <c r="AND682" s="613"/>
      <c r="ANE682" s="613"/>
      <c r="ANF682" s="613"/>
      <c r="ANG682" s="613"/>
      <c r="ANH682" s="613"/>
      <c r="ANI682" s="613"/>
      <c r="ANJ682" s="613"/>
      <c r="ANK682" s="613"/>
      <c r="ANL682" s="613"/>
      <c r="ANM682" s="613"/>
      <c r="ANN682" s="613"/>
      <c r="ANO682" s="613"/>
      <c r="ANP682" s="613"/>
      <c r="ANQ682" s="613"/>
      <c r="ANR682" s="613"/>
      <c r="ANS682" s="613"/>
      <c r="ANT682" s="613"/>
      <c r="ANU682" s="613"/>
      <c r="ANV682" s="613"/>
      <c r="ANW682" s="613"/>
      <c r="ANX682" s="613"/>
      <c r="ANY682" s="613"/>
      <c r="ANZ682" s="613"/>
      <c r="AOA682" s="613"/>
      <c r="AOB682" s="613"/>
      <c r="AOC682" s="613"/>
      <c r="AOD682" s="613"/>
      <c r="AOE682" s="613"/>
      <c r="AOF682" s="613"/>
      <c r="AOG682" s="613"/>
      <c r="AOH682" s="613"/>
      <c r="AOI682" s="613"/>
      <c r="AOJ682" s="613"/>
      <c r="AOK682" s="613"/>
      <c r="AOL682" s="613"/>
      <c r="AOM682" s="613"/>
      <c r="AON682" s="613"/>
      <c r="AOO682" s="613"/>
      <c r="AOP682" s="613"/>
      <c r="AOQ682" s="613"/>
      <c r="AOR682" s="613"/>
      <c r="AOS682" s="613"/>
      <c r="AOT682" s="613"/>
      <c r="AOU682" s="613"/>
      <c r="AOV682" s="613"/>
      <c r="AOW682" s="613"/>
      <c r="AOX682" s="613"/>
      <c r="AOY682" s="613"/>
      <c r="AOZ682" s="613"/>
      <c r="APA682" s="613"/>
      <c r="APB682" s="613"/>
      <c r="APC682" s="613"/>
      <c r="APD682" s="613"/>
      <c r="APE682" s="613"/>
      <c r="APF682" s="613"/>
      <c r="APG682" s="613"/>
      <c r="APH682" s="613"/>
      <c r="API682" s="613"/>
      <c r="APJ682" s="613"/>
      <c r="APK682" s="613"/>
      <c r="APL682" s="613"/>
      <c r="APM682" s="613"/>
      <c r="APN682" s="613"/>
      <c r="APO682" s="613"/>
      <c r="APP682" s="613"/>
      <c r="APQ682" s="613"/>
      <c r="APR682" s="613"/>
      <c r="APS682" s="613"/>
      <c r="APT682" s="613"/>
      <c r="APU682" s="613"/>
      <c r="APV682" s="613"/>
      <c r="APW682" s="613"/>
      <c r="APX682" s="613"/>
      <c r="APY682" s="613"/>
      <c r="APZ682" s="613"/>
      <c r="AQA682" s="613"/>
      <c r="AQB682" s="613"/>
      <c r="AQC682" s="613"/>
      <c r="AQD682" s="613"/>
      <c r="AQE682" s="613"/>
      <c r="AQF682" s="613"/>
      <c r="AQG682" s="613"/>
      <c r="AQH682" s="613"/>
      <c r="AQI682" s="613"/>
      <c r="AQJ682" s="613"/>
      <c r="AQK682" s="613"/>
      <c r="AQL682" s="613"/>
      <c r="AQM682" s="613"/>
      <c r="AQN682" s="613"/>
      <c r="AQO682" s="613"/>
      <c r="AQP682" s="613"/>
      <c r="AQQ682" s="613"/>
      <c r="AQR682" s="613"/>
      <c r="AQS682" s="613"/>
      <c r="AQT682" s="613"/>
      <c r="AQU682" s="613"/>
      <c r="AQV682" s="613"/>
      <c r="AQW682" s="613"/>
      <c r="AQX682" s="613"/>
      <c r="AQY682" s="613"/>
      <c r="AQZ682" s="613"/>
      <c r="ARA682" s="613"/>
      <c r="ARB682" s="613"/>
      <c r="ARC682" s="613"/>
      <c r="ARD682" s="613"/>
      <c r="ARE682" s="613"/>
      <c r="ARF682" s="613"/>
      <c r="ARG682" s="613"/>
      <c r="ARH682" s="613"/>
      <c r="ARI682" s="613"/>
      <c r="ARJ682" s="613"/>
      <c r="ARK682" s="613"/>
      <c r="ARL682" s="613"/>
      <c r="ARM682" s="613"/>
      <c r="ARN682" s="613"/>
      <c r="ARO682" s="613"/>
      <c r="ARP682" s="613"/>
      <c r="ARQ682" s="613"/>
      <c r="ARR682" s="613"/>
      <c r="ARS682" s="613"/>
      <c r="ART682" s="613"/>
      <c r="ARU682" s="613"/>
      <c r="ARV682" s="613"/>
      <c r="ARW682" s="613"/>
      <c r="ARX682" s="613"/>
      <c r="ARY682" s="613"/>
      <c r="ARZ682" s="613"/>
      <c r="ASA682" s="613"/>
      <c r="ASB682" s="613"/>
      <c r="ASC682" s="613"/>
      <c r="ASD682" s="613"/>
      <c r="ASE682" s="613"/>
      <c r="ASF682" s="613"/>
      <c r="ASG682" s="613"/>
      <c r="ASH682" s="613"/>
      <c r="ASI682" s="613"/>
      <c r="ASJ682" s="613"/>
      <c r="ASK682" s="613"/>
      <c r="ASL682" s="613"/>
      <c r="ASM682" s="613"/>
      <c r="ASN682" s="613"/>
      <c r="ASO682" s="613"/>
      <c r="ASP682" s="613"/>
      <c r="ASQ682" s="613"/>
      <c r="ASR682" s="613"/>
      <c r="ASS682" s="613"/>
      <c r="AST682" s="613"/>
      <c r="ASU682" s="613"/>
      <c r="ASV682" s="613"/>
      <c r="ASW682" s="613"/>
      <c r="ASX682" s="613"/>
      <c r="ASY682" s="613"/>
      <c r="ASZ682" s="613"/>
      <c r="ATA682" s="613"/>
      <c r="ATB682" s="613"/>
      <c r="ATC682" s="613"/>
      <c r="ATD682" s="613"/>
      <c r="ATE682" s="613"/>
      <c r="ATF682" s="613"/>
      <c r="ATG682" s="613"/>
      <c r="ATH682" s="613"/>
      <c r="ATI682" s="613"/>
      <c r="ATJ682" s="613"/>
      <c r="ATK682" s="613"/>
      <c r="ATL682" s="613"/>
      <c r="ATM682" s="613"/>
      <c r="ATN682" s="613"/>
      <c r="ATO682" s="613"/>
      <c r="ATP682" s="613"/>
      <c r="ATQ682" s="613"/>
      <c r="ATR682" s="613"/>
      <c r="ATS682" s="613"/>
      <c r="ATT682" s="613"/>
      <c r="ATU682" s="613"/>
      <c r="ATV682" s="613"/>
      <c r="ATW682" s="613"/>
      <c r="ATX682" s="613"/>
      <c r="ATY682" s="613"/>
      <c r="ATZ682" s="613"/>
      <c r="AUA682" s="613"/>
      <c r="AUB682" s="613"/>
      <c r="AUC682" s="613"/>
      <c r="AUD682" s="613"/>
      <c r="AUE682" s="613"/>
      <c r="AUF682" s="613"/>
      <c r="AUG682" s="613"/>
      <c r="AUH682" s="613"/>
      <c r="AUI682" s="613"/>
      <c r="AUJ682" s="613"/>
      <c r="AUK682" s="613"/>
      <c r="AUL682" s="613"/>
      <c r="AUM682" s="613"/>
      <c r="AUN682" s="613"/>
      <c r="AUO682" s="613"/>
      <c r="AUP682" s="613"/>
      <c r="AUQ682" s="613"/>
      <c r="AUR682" s="613"/>
      <c r="AUS682" s="613"/>
      <c r="AUT682" s="613"/>
      <c r="AUU682" s="613"/>
      <c r="AUV682" s="613"/>
      <c r="AUW682" s="613"/>
      <c r="AUX682" s="613"/>
      <c r="AUY682" s="613"/>
      <c r="AUZ682" s="613"/>
      <c r="AVA682" s="613"/>
      <c r="AVB682" s="613"/>
      <c r="AVC682" s="613"/>
      <c r="AVD682" s="613"/>
      <c r="AVE682" s="613"/>
      <c r="AVF682" s="613"/>
      <c r="AVG682" s="613"/>
      <c r="AVH682" s="613"/>
      <c r="AVI682" s="613"/>
      <c r="AVJ682" s="613"/>
      <c r="AVK682" s="613"/>
      <c r="AVL682" s="613"/>
      <c r="AVM682" s="613"/>
      <c r="AVN682" s="613"/>
      <c r="AVO682" s="613"/>
      <c r="AVP682" s="613"/>
      <c r="AVQ682" s="613"/>
      <c r="AVR682" s="613"/>
      <c r="AVS682" s="613"/>
      <c r="AVT682" s="613"/>
      <c r="AVU682" s="613"/>
      <c r="AVV682" s="613"/>
      <c r="AVW682" s="613"/>
      <c r="AVX682" s="613"/>
      <c r="AVY682" s="613"/>
      <c r="AVZ682" s="613"/>
      <c r="AWA682" s="613"/>
      <c r="AWB682" s="613"/>
      <c r="AWC682" s="613"/>
      <c r="AWD682" s="613"/>
      <c r="AWE682" s="613"/>
      <c r="AWF682" s="613"/>
      <c r="AWG682" s="613"/>
      <c r="AWH682" s="613"/>
      <c r="AWI682" s="613"/>
      <c r="AWJ682" s="613"/>
      <c r="AWK682" s="613"/>
      <c r="AWL682" s="613"/>
      <c r="AWM682" s="613"/>
      <c r="AWN682" s="613"/>
      <c r="AWO682" s="613"/>
      <c r="AWP682" s="613"/>
      <c r="AWQ682" s="613"/>
      <c r="AWR682" s="613"/>
      <c r="AWS682" s="613"/>
      <c r="AWT682" s="613"/>
      <c r="AWU682" s="613"/>
      <c r="AWV682" s="613"/>
      <c r="AWW682" s="613"/>
      <c r="AWX682" s="613"/>
      <c r="AWY682" s="613"/>
      <c r="AWZ682" s="613"/>
      <c r="AXA682" s="613"/>
      <c r="AXB682" s="613"/>
      <c r="AXC682" s="613"/>
      <c r="AXD682" s="613"/>
      <c r="AXE682" s="613"/>
      <c r="AXF682" s="613"/>
      <c r="AXG682" s="613"/>
      <c r="AXH682" s="613"/>
      <c r="AXI682" s="613"/>
      <c r="AXJ682" s="613"/>
      <c r="AXK682" s="613"/>
      <c r="AXL682" s="613"/>
      <c r="AXM682" s="613"/>
      <c r="AXN682" s="613"/>
      <c r="AXO682" s="613"/>
      <c r="AXP682" s="613"/>
      <c r="AXQ682" s="613"/>
      <c r="AXR682" s="613"/>
      <c r="AXS682" s="613"/>
      <c r="AXT682" s="613"/>
      <c r="AXU682" s="613"/>
      <c r="AXV682" s="613"/>
      <c r="AXW682" s="613"/>
      <c r="AXX682" s="613"/>
      <c r="AXY682" s="613"/>
      <c r="AXZ682" s="613"/>
      <c r="AYA682" s="613"/>
      <c r="AYB682" s="613"/>
      <c r="AYC682" s="613"/>
      <c r="AYD682" s="613"/>
      <c r="AYE682" s="613"/>
      <c r="AYF682" s="613"/>
      <c r="AYG682" s="613"/>
      <c r="AYH682" s="613"/>
      <c r="AYI682" s="613"/>
      <c r="AYJ682" s="613"/>
      <c r="AYK682" s="613"/>
      <c r="AYL682" s="613"/>
      <c r="AYM682" s="613"/>
      <c r="AYN682" s="613"/>
      <c r="AYO682" s="613"/>
      <c r="AYP682" s="613"/>
      <c r="AYQ682" s="613"/>
      <c r="AYR682" s="613"/>
      <c r="AYS682" s="613"/>
      <c r="AYT682" s="613"/>
      <c r="AYU682" s="613"/>
      <c r="AYV682" s="613"/>
      <c r="AYW682" s="613"/>
      <c r="AYX682" s="613"/>
      <c r="AYY682" s="613"/>
      <c r="AYZ682" s="613"/>
      <c r="AZA682" s="613"/>
      <c r="AZB682" s="613"/>
      <c r="AZC682" s="613"/>
      <c r="AZD682" s="613"/>
      <c r="AZE682" s="613"/>
      <c r="AZF682" s="613"/>
      <c r="AZG682" s="613"/>
      <c r="AZH682" s="613"/>
      <c r="AZI682" s="613"/>
      <c r="AZJ682" s="613"/>
      <c r="AZK682" s="613"/>
      <c r="AZL682" s="613"/>
      <c r="AZM682" s="613"/>
      <c r="AZN682" s="613"/>
      <c r="AZO682" s="613"/>
      <c r="AZP682" s="613"/>
      <c r="AZQ682" s="613"/>
      <c r="AZR682" s="613"/>
      <c r="AZS682" s="613"/>
      <c r="AZT682" s="613"/>
      <c r="AZU682" s="613"/>
      <c r="AZV682" s="613"/>
      <c r="AZW682" s="613"/>
      <c r="AZX682" s="613"/>
      <c r="AZY682" s="613"/>
      <c r="AZZ682" s="613"/>
      <c r="BAA682" s="613"/>
      <c r="BAB682" s="613"/>
      <c r="BAC682" s="613"/>
      <c r="BAD682" s="613"/>
      <c r="BAE682" s="613"/>
      <c r="BAF682" s="613"/>
      <c r="BAG682" s="613"/>
      <c r="BAH682" s="613"/>
      <c r="BAI682" s="613"/>
      <c r="BAJ682" s="613"/>
      <c r="BAK682" s="613"/>
      <c r="BAL682" s="613"/>
      <c r="BAM682" s="613"/>
      <c r="BAN682" s="613"/>
      <c r="BAO682" s="613"/>
      <c r="BAP682" s="613"/>
      <c r="BAQ682" s="613"/>
      <c r="BAR682" s="613"/>
      <c r="BAS682" s="613"/>
      <c r="BAT682" s="613"/>
      <c r="BAU682" s="613"/>
      <c r="BAV682" s="613"/>
      <c r="BAW682" s="613"/>
      <c r="BAX682" s="613"/>
      <c r="BAY682" s="613"/>
      <c r="BAZ682" s="613"/>
      <c r="BBA682" s="613"/>
      <c r="BBB682" s="613"/>
      <c r="BBC682" s="613"/>
      <c r="BBD682" s="613"/>
      <c r="BBE682" s="613"/>
      <c r="BBF682" s="613"/>
      <c r="BBG682" s="613"/>
      <c r="BBH682" s="613"/>
      <c r="BBI682" s="613"/>
      <c r="BBJ682" s="613"/>
      <c r="BBK682" s="613"/>
      <c r="BBL682" s="613"/>
      <c r="BBM682" s="613"/>
      <c r="BBN682" s="613"/>
      <c r="BBO682" s="613"/>
      <c r="BBP682" s="613"/>
      <c r="BBQ682" s="613"/>
      <c r="BBR682" s="613"/>
      <c r="BBS682" s="613"/>
      <c r="BBT682" s="613"/>
      <c r="BBU682" s="613"/>
      <c r="BBV682" s="613"/>
      <c r="BBW682" s="613"/>
      <c r="BBX682" s="613"/>
      <c r="BBY682" s="613"/>
      <c r="BBZ682" s="613"/>
      <c r="BCA682" s="613"/>
      <c r="BCB682" s="613"/>
      <c r="BCC682" s="613"/>
      <c r="BCD682" s="613"/>
      <c r="BCE682" s="613"/>
      <c r="BCF682" s="613"/>
      <c r="BCG682" s="613"/>
      <c r="BCH682" s="613"/>
      <c r="BCI682" s="613"/>
      <c r="BCJ682" s="613"/>
      <c r="BCK682" s="613"/>
      <c r="BCL682" s="613"/>
      <c r="BCM682" s="613"/>
      <c r="BCN682" s="613"/>
      <c r="BCO682" s="613"/>
      <c r="BCP682" s="613"/>
      <c r="BCQ682" s="613"/>
      <c r="BCR682" s="613"/>
      <c r="BCS682" s="613"/>
      <c r="BCT682" s="613"/>
      <c r="BCU682" s="613"/>
      <c r="BCV682" s="613"/>
      <c r="BCW682" s="613"/>
      <c r="BCX682" s="613"/>
      <c r="BCY682" s="613"/>
      <c r="BCZ682" s="613"/>
      <c r="BDA682" s="613"/>
      <c r="BDB682" s="613"/>
      <c r="BDC682" s="613"/>
      <c r="BDD682" s="613"/>
      <c r="BDE682" s="613"/>
      <c r="BDF682" s="613"/>
      <c r="BDG682" s="613"/>
      <c r="BDH682" s="613"/>
      <c r="BDI682" s="613"/>
      <c r="BDJ682" s="613"/>
      <c r="BDK682" s="613"/>
      <c r="BDL682" s="613"/>
      <c r="BDM682" s="613"/>
      <c r="BDN682" s="613"/>
      <c r="BDO682" s="613"/>
      <c r="BDP682" s="613"/>
      <c r="BDQ682" s="613"/>
      <c r="BDR682" s="613"/>
      <c r="BDS682" s="613"/>
      <c r="BDT682" s="613"/>
      <c r="BDU682" s="613"/>
      <c r="BDV682" s="613"/>
      <c r="BDW682" s="613"/>
      <c r="BDX682" s="613"/>
      <c r="BDY682" s="613"/>
      <c r="BDZ682" s="613"/>
      <c r="BEA682" s="613"/>
      <c r="BEB682" s="613"/>
      <c r="BEC682" s="613"/>
      <c r="BED682" s="613"/>
      <c r="BEE682" s="613"/>
      <c r="BEF682" s="613"/>
      <c r="BEG682" s="613"/>
      <c r="BEH682" s="613"/>
      <c r="BEI682" s="613"/>
      <c r="BEJ682" s="613"/>
      <c r="BEK682" s="613"/>
      <c r="BEL682" s="613"/>
      <c r="BEM682" s="613"/>
      <c r="BEN682" s="613"/>
      <c r="BEO682" s="613"/>
      <c r="BEP682" s="613"/>
      <c r="BEQ682" s="613"/>
      <c r="BER682" s="613"/>
      <c r="BES682" s="613"/>
      <c r="BET682" s="613"/>
      <c r="BEU682" s="613"/>
      <c r="BEV682" s="613"/>
      <c r="BEW682" s="613"/>
      <c r="BEX682" s="613"/>
      <c r="BEY682" s="613"/>
      <c r="BEZ682" s="613"/>
      <c r="BFA682" s="613"/>
      <c r="BFB682" s="613"/>
      <c r="BFC682" s="613"/>
      <c r="BFD682" s="613"/>
      <c r="BFE682" s="613"/>
      <c r="BFF682" s="613"/>
      <c r="BFG682" s="613"/>
      <c r="BFH682" s="613"/>
      <c r="BFI682" s="613"/>
      <c r="BFJ682" s="613"/>
      <c r="BFK682" s="613"/>
      <c r="BFL682" s="613"/>
      <c r="BFM682" s="613"/>
      <c r="BFN682" s="613"/>
      <c r="BFO682" s="613"/>
      <c r="BFP682" s="613"/>
      <c r="BFQ682" s="613"/>
      <c r="BFR682" s="613"/>
      <c r="BFS682" s="613"/>
      <c r="BFT682" s="613"/>
      <c r="BFU682" s="613"/>
      <c r="BFV682" s="613"/>
      <c r="BFW682" s="613"/>
      <c r="BFX682" s="613"/>
      <c r="BFY682" s="613"/>
      <c r="BFZ682" s="613"/>
      <c r="BGA682" s="613"/>
      <c r="BGB682" s="613"/>
      <c r="BGC682" s="613"/>
      <c r="BGD682" s="613"/>
      <c r="BGE682" s="613"/>
      <c r="BGF682" s="613"/>
      <c r="BGG682" s="613"/>
      <c r="BGH682" s="613"/>
      <c r="BGI682" s="613"/>
      <c r="BGJ682" s="613"/>
      <c r="BGK682" s="613"/>
      <c r="BGL682" s="613"/>
      <c r="BGM682" s="613"/>
      <c r="BGN682" s="613"/>
      <c r="BGO682" s="613"/>
      <c r="BGP682" s="613"/>
      <c r="BGQ682" s="613"/>
      <c r="BGR682" s="613"/>
      <c r="BGS682" s="613"/>
      <c r="BGT682" s="613"/>
      <c r="BGU682" s="613"/>
      <c r="BGV682" s="613"/>
      <c r="BGW682" s="613"/>
      <c r="BGX682" s="613"/>
      <c r="BGY682" s="613"/>
      <c r="BGZ682" s="613"/>
      <c r="BHA682" s="613"/>
      <c r="BHB682" s="613"/>
      <c r="BHC682" s="613"/>
      <c r="BHD682" s="613"/>
      <c r="BHE682" s="613"/>
      <c r="BHF682" s="613"/>
      <c r="BHG682" s="613"/>
      <c r="BHH682" s="613"/>
      <c r="BHI682" s="613"/>
      <c r="BHJ682" s="613"/>
      <c r="BHK682" s="613"/>
      <c r="BHL682" s="613"/>
      <c r="BHM682" s="613"/>
      <c r="BHN682" s="613"/>
      <c r="BHO682" s="613"/>
      <c r="BHP682" s="613"/>
      <c r="BHQ682" s="613"/>
      <c r="BHR682" s="613"/>
      <c r="BHS682" s="613"/>
      <c r="BHT682" s="613"/>
      <c r="BHU682" s="613"/>
      <c r="BHV682" s="613"/>
      <c r="BHW682" s="613"/>
      <c r="BHX682" s="613"/>
      <c r="BHY682" s="613"/>
      <c r="BHZ682" s="613"/>
      <c r="BIA682" s="613"/>
      <c r="BIB682" s="613"/>
      <c r="BIC682" s="613"/>
      <c r="BID682" s="613"/>
      <c r="BIE682" s="613"/>
      <c r="BIF682" s="613"/>
      <c r="BIG682" s="613"/>
      <c r="BIH682" s="613"/>
      <c r="BII682" s="613"/>
      <c r="BIJ682" s="613"/>
      <c r="BIK682" s="613"/>
      <c r="BIL682" s="613"/>
      <c r="BIM682" s="613"/>
      <c r="BIN682" s="613"/>
      <c r="BIO682" s="613"/>
      <c r="BIP682" s="613"/>
      <c r="BIQ682" s="613"/>
      <c r="BIR682" s="613"/>
      <c r="BIS682" s="613"/>
      <c r="BIT682" s="613"/>
      <c r="BIU682" s="613"/>
      <c r="BIV682" s="613"/>
      <c r="BIW682" s="613"/>
      <c r="BIX682" s="613"/>
      <c r="BIY682" s="613"/>
      <c r="BIZ682" s="613"/>
      <c r="BJA682" s="613"/>
      <c r="BJB682" s="613"/>
      <c r="BJC682" s="613"/>
      <c r="BJD682" s="613"/>
      <c r="BJE682" s="613"/>
      <c r="BJF682" s="613"/>
      <c r="BJG682" s="613"/>
      <c r="BJH682" s="613"/>
      <c r="BJI682" s="613"/>
      <c r="BJJ682" s="613"/>
      <c r="BJK682" s="613"/>
      <c r="BJL682" s="613"/>
      <c r="BJM682" s="613"/>
      <c r="BJN682" s="613"/>
      <c r="BJO682" s="613"/>
      <c r="BJP682" s="613"/>
      <c r="BJQ682" s="613"/>
      <c r="BJR682" s="613"/>
      <c r="BJS682" s="613"/>
      <c r="BJT682" s="613"/>
      <c r="BJU682" s="613"/>
      <c r="BJV682" s="613"/>
      <c r="BJW682" s="613"/>
      <c r="BJX682" s="613"/>
      <c r="BJY682" s="613"/>
      <c r="BJZ682" s="613"/>
      <c r="BKA682" s="613"/>
      <c r="BKB682" s="613"/>
      <c r="BKC682" s="613"/>
      <c r="BKD682" s="613"/>
      <c r="BKE682" s="613"/>
      <c r="BKF682" s="613"/>
      <c r="BKG682" s="613"/>
      <c r="BKH682" s="613"/>
      <c r="BKI682" s="613"/>
      <c r="BKJ682" s="613"/>
      <c r="BKK682" s="613"/>
      <c r="BKL682" s="613"/>
      <c r="BKM682" s="613"/>
      <c r="BKN682" s="613"/>
      <c r="BKO682" s="613"/>
      <c r="BKP682" s="613"/>
      <c r="BKQ682" s="613"/>
      <c r="BKR682" s="613"/>
      <c r="BKS682" s="613"/>
      <c r="BKT682" s="613"/>
      <c r="BKU682" s="613"/>
      <c r="BKV682" s="613"/>
      <c r="BKW682" s="613"/>
      <c r="BKX682" s="613"/>
      <c r="BKY682" s="613"/>
      <c r="BKZ682" s="613"/>
      <c r="BLA682" s="613"/>
      <c r="BLB682" s="613"/>
      <c r="BLC682" s="613"/>
      <c r="BLD682" s="613"/>
      <c r="BLE682" s="613"/>
      <c r="BLF682" s="613"/>
      <c r="BLG682" s="613"/>
      <c r="BLH682" s="613"/>
      <c r="BLI682" s="613"/>
      <c r="BLJ682" s="613"/>
      <c r="BLK682" s="613"/>
      <c r="BLL682" s="613"/>
      <c r="BLM682" s="613"/>
      <c r="BLN682" s="613"/>
      <c r="BLO682" s="613"/>
      <c r="BLP682" s="613"/>
      <c r="BLQ682" s="613"/>
      <c r="BLR682" s="613"/>
      <c r="BLS682" s="613"/>
      <c r="BLT682" s="613"/>
      <c r="BLU682" s="613"/>
      <c r="BLV682" s="613"/>
      <c r="BLW682" s="613"/>
      <c r="BLX682" s="613"/>
      <c r="BLY682" s="613"/>
      <c r="BLZ682" s="613"/>
      <c r="BMA682" s="613"/>
      <c r="BMB682" s="613"/>
      <c r="BMC682" s="613"/>
      <c r="BMD682" s="613"/>
      <c r="BME682" s="613"/>
      <c r="BMF682" s="613"/>
      <c r="BMG682" s="613"/>
      <c r="BMH682" s="613"/>
      <c r="BMI682" s="613"/>
      <c r="BMJ682" s="613"/>
      <c r="BMK682" s="613"/>
      <c r="BML682" s="613"/>
      <c r="BMM682" s="613"/>
      <c r="BMN682" s="613"/>
      <c r="BMO682" s="613"/>
      <c r="BMP682" s="613"/>
      <c r="BMQ682" s="613"/>
      <c r="BMR682" s="613"/>
      <c r="BMS682" s="613"/>
      <c r="BMT682" s="613"/>
      <c r="BMU682" s="613"/>
      <c r="BMV682" s="613"/>
      <c r="BMW682" s="613"/>
      <c r="BMX682" s="613"/>
      <c r="BMY682" s="613"/>
      <c r="BMZ682" s="613"/>
      <c r="BNA682" s="613"/>
      <c r="BNB682" s="613"/>
      <c r="BNC682" s="613"/>
      <c r="BND682" s="613"/>
      <c r="BNE682" s="613"/>
      <c r="BNF682" s="613"/>
      <c r="BNG682" s="613"/>
      <c r="BNH682" s="613"/>
      <c r="BNI682" s="613"/>
      <c r="BNJ682" s="613"/>
      <c r="BNK682" s="613"/>
      <c r="BNL682" s="613"/>
      <c r="BNM682" s="613"/>
      <c r="BNN682" s="613"/>
      <c r="BNO682" s="613"/>
      <c r="BNP682" s="613"/>
      <c r="BNQ682" s="613"/>
      <c r="BNR682" s="613"/>
      <c r="BNS682" s="613"/>
      <c r="BNT682" s="613"/>
      <c r="BNU682" s="613"/>
      <c r="BNV682" s="613"/>
      <c r="BNW682" s="613"/>
      <c r="BNX682" s="613"/>
      <c r="BNY682" s="613"/>
      <c r="BNZ682" s="613"/>
      <c r="BOA682" s="613"/>
      <c r="BOB682" s="613"/>
      <c r="BOC682" s="613"/>
      <c r="BOD682" s="613"/>
      <c r="BOE682" s="613"/>
      <c r="BOF682" s="613"/>
      <c r="BOG682" s="613"/>
      <c r="BOH682" s="613"/>
      <c r="BOI682" s="613"/>
      <c r="BOJ682" s="613"/>
      <c r="BOK682" s="613"/>
      <c r="BOL682" s="613"/>
      <c r="BOM682" s="613"/>
      <c r="BON682" s="613"/>
      <c r="BOO682" s="613"/>
      <c r="BOP682" s="613"/>
      <c r="BOQ682" s="613"/>
      <c r="BOR682" s="613"/>
      <c r="BOS682" s="613"/>
      <c r="BOT682" s="613"/>
      <c r="BOU682" s="613"/>
      <c r="BOV682" s="613"/>
      <c r="BOW682" s="613"/>
      <c r="BOX682" s="613"/>
      <c r="BOY682" s="613"/>
      <c r="BOZ682" s="613"/>
      <c r="BPA682" s="613"/>
      <c r="BPB682" s="613"/>
      <c r="BPC682" s="613"/>
      <c r="BPD682" s="613"/>
      <c r="BPE682" s="613"/>
      <c r="BPF682" s="613"/>
      <c r="BPG682" s="613"/>
      <c r="BPH682" s="613"/>
      <c r="BPI682" s="613"/>
      <c r="BPJ682" s="613"/>
      <c r="BPK682" s="613"/>
      <c r="BPL682" s="613"/>
      <c r="BPM682" s="613"/>
      <c r="BPN682" s="613"/>
      <c r="BPO682" s="613"/>
      <c r="BPP682" s="613"/>
      <c r="BPQ682" s="613"/>
      <c r="BPR682" s="613"/>
      <c r="BPS682" s="613"/>
      <c r="BPT682" s="613"/>
      <c r="BPU682" s="613"/>
      <c r="BPV682" s="613"/>
      <c r="BPW682" s="613"/>
      <c r="BPX682" s="613"/>
      <c r="BPY682" s="613"/>
      <c r="BPZ682" s="613"/>
      <c r="BQA682" s="613"/>
      <c r="BQB682" s="613"/>
      <c r="BQC682" s="613"/>
      <c r="BQD682" s="613"/>
      <c r="BQE682" s="613"/>
      <c r="BQF682" s="613"/>
      <c r="BQG682" s="613"/>
      <c r="BQH682" s="613"/>
      <c r="BQI682" s="613"/>
      <c r="BQJ682" s="613"/>
      <c r="BQK682" s="613"/>
      <c r="BQL682" s="613"/>
      <c r="BQM682" s="613"/>
      <c r="BQN682" s="613"/>
      <c r="BQO682" s="613"/>
      <c r="BQP682" s="613"/>
      <c r="BQQ682" s="613"/>
      <c r="BQR682" s="613"/>
      <c r="BQS682" s="613"/>
      <c r="BQT682" s="613"/>
      <c r="BQU682" s="613"/>
      <c r="BQV682" s="613"/>
      <c r="BQW682" s="613"/>
      <c r="BQX682" s="613"/>
      <c r="BQY682" s="613"/>
      <c r="BQZ682" s="613"/>
      <c r="BRA682" s="613"/>
      <c r="BRB682" s="613"/>
      <c r="BRC682" s="613"/>
      <c r="BRD682" s="613"/>
      <c r="BRE682" s="613"/>
      <c r="BRF682" s="613"/>
      <c r="BRG682" s="613"/>
      <c r="BRH682" s="613"/>
      <c r="BRI682" s="613"/>
      <c r="BRJ682" s="613"/>
      <c r="BRK682" s="613"/>
      <c r="BRL682" s="613"/>
      <c r="BRM682" s="613"/>
      <c r="BRN682" s="613"/>
      <c r="BRO682" s="613"/>
      <c r="BRP682" s="613"/>
      <c r="BRQ682" s="613"/>
      <c r="BRR682" s="613"/>
      <c r="BRS682" s="613"/>
      <c r="BRT682" s="613"/>
      <c r="BRU682" s="613"/>
      <c r="BRV682" s="613"/>
      <c r="BRW682" s="613"/>
      <c r="BRX682" s="613"/>
      <c r="BRY682" s="613"/>
      <c r="BRZ682" s="613"/>
      <c r="BSA682" s="613"/>
      <c r="BSB682" s="613"/>
      <c r="BSC682" s="613"/>
      <c r="BSD682" s="613"/>
      <c r="BSE682" s="613"/>
      <c r="BSF682" s="613"/>
      <c r="BSG682" s="613"/>
      <c r="BSH682" s="613"/>
      <c r="BSI682" s="613"/>
      <c r="BSJ682" s="613"/>
      <c r="BSK682" s="613"/>
      <c r="BSL682" s="613"/>
      <c r="BSM682" s="613"/>
      <c r="BSN682" s="613"/>
      <c r="BSO682" s="613"/>
      <c r="BSP682" s="613"/>
      <c r="BSQ682" s="613"/>
      <c r="BSR682" s="613"/>
      <c r="BSS682" s="613"/>
      <c r="BST682" s="613"/>
      <c r="BSU682" s="613"/>
      <c r="BSV682" s="613"/>
      <c r="BSW682" s="613"/>
      <c r="BSX682" s="613"/>
      <c r="BSY682" s="613"/>
      <c r="BSZ682" s="613"/>
      <c r="BTA682" s="613"/>
      <c r="BTB682" s="613"/>
      <c r="BTC682" s="613"/>
      <c r="BTD682" s="613"/>
      <c r="BTE682" s="613"/>
      <c r="BTF682" s="613"/>
      <c r="BTG682" s="613"/>
      <c r="BTH682" s="613"/>
      <c r="BTI682" s="613"/>
      <c r="BTJ682" s="613"/>
      <c r="BTK682" s="613"/>
      <c r="BTL682" s="613"/>
      <c r="BTM682" s="613"/>
      <c r="BTN682" s="613"/>
      <c r="BTO682" s="613"/>
      <c r="BTP682" s="613"/>
      <c r="BTQ682" s="613"/>
      <c r="BTR682" s="613"/>
      <c r="BTS682" s="613"/>
      <c r="BTT682" s="613"/>
      <c r="BTU682" s="613"/>
      <c r="BTV682" s="613"/>
      <c r="BTW682" s="613"/>
      <c r="BTX682" s="613"/>
      <c r="BTY682" s="613"/>
      <c r="BTZ682" s="613"/>
      <c r="BUA682" s="613"/>
      <c r="BUB682" s="613"/>
      <c r="BUC682" s="613"/>
      <c r="BUD682" s="613"/>
      <c r="BUE682" s="613"/>
      <c r="BUF682" s="613"/>
      <c r="BUG682" s="613"/>
      <c r="BUH682" s="613"/>
      <c r="BUI682" s="613"/>
      <c r="BUJ682" s="613"/>
      <c r="BUK682" s="613"/>
      <c r="BUL682" s="613"/>
      <c r="BUM682" s="613"/>
      <c r="BUN682" s="613"/>
      <c r="BUO682" s="613"/>
      <c r="BUP682" s="613"/>
      <c r="BUQ682" s="613"/>
      <c r="BUR682" s="613"/>
      <c r="BUS682" s="613"/>
      <c r="BUT682" s="613"/>
      <c r="BUU682" s="613"/>
      <c r="BUV682" s="613"/>
      <c r="BUW682" s="613"/>
      <c r="BUX682" s="613"/>
      <c r="BUY682" s="613"/>
      <c r="BUZ682" s="613"/>
      <c r="BVA682" s="613"/>
      <c r="BVB682" s="613"/>
      <c r="BVC682" s="613"/>
      <c r="BVD682" s="613"/>
      <c r="BVE682" s="613"/>
      <c r="BVF682" s="613"/>
      <c r="BVG682" s="613"/>
      <c r="BVH682" s="613"/>
      <c r="BVI682" s="613"/>
      <c r="BVJ682" s="613"/>
      <c r="BVK682" s="613"/>
      <c r="BVL682" s="613"/>
      <c r="BVM682" s="613"/>
      <c r="BVN682" s="613"/>
      <c r="BVO682" s="613"/>
      <c r="BVP682" s="613"/>
      <c r="BVQ682" s="613"/>
      <c r="BVR682" s="613"/>
      <c r="BVS682" s="613"/>
      <c r="BVT682" s="613"/>
      <c r="BVU682" s="613"/>
      <c r="BVV682" s="613"/>
      <c r="BVW682" s="613"/>
      <c r="BVX682" s="613"/>
      <c r="BVY682" s="613"/>
      <c r="BVZ682" s="613"/>
      <c r="BWA682" s="613"/>
      <c r="BWB682" s="613"/>
      <c r="BWC682" s="613"/>
      <c r="BWD682" s="613"/>
      <c r="BWE682" s="613"/>
      <c r="BWF682" s="613"/>
      <c r="BWG682" s="613"/>
      <c r="BWH682" s="613"/>
      <c r="BWI682" s="613"/>
      <c r="BWJ682" s="613"/>
      <c r="BWK682" s="613"/>
      <c r="BWL682" s="613"/>
      <c r="BWM682" s="613"/>
      <c r="BWN682" s="613"/>
      <c r="BWO682" s="613"/>
      <c r="BWP682" s="613"/>
      <c r="BWQ682" s="613"/>
      <c r="BWR682" s="613"/>
      <c r="BWS682" s="613"/>
      <c r="BWT682" s="613"/>
      <c r="BWU682" s="613"/>
      <c r="BWV682" s="613"/>
      <c r="BWW682" s="613"/>
      <c r="BWX682" s="613"/>
      <c r="BWY682" s="613"/>
      <c r="BWZ682" s="613"/>
      <c r="BXA682" s="613"/>
      <c r="BXB682" s="613"/>
      <c r="BXC682" s="613"/>
      <c r="BXD682" s="613"/>
      <c r="BXE682" s="613"/>
      <c r="BXF682" s="613"/>
      <c r="BXG682" s="613"/>
      <c r="BXH682" s="613"/>
      <c r="BXI682" s="613"/>
      <c r="BXJ682" s="613"/>
      <c r="BXK682" s="613"/>
      <c r="BXL682" s="613"/>
      <c r="BXM682" s="613"/>
      <c r="BXN682" s="613"/>
      <c r="BXO682" s="613"/>
      <c r="BXP682" s="613"/>
      <c r="BXQ682" s="613"/>
      <c r="BXR682" s="613"/>
      <c r="BXS682" s="613"/>
      <c r="BXT682" s="613"/>
      <c r="BXU682" s="613"/>
      <c r="BXV682" s="613"/>
      <c r="BXW682" s="613"/>
      <c r="BXX682" s="613"/>
      <c r="BXY682" s="613"/>
      <c r="BXZ682" s="613"/>
      <c r="BYA682" s="613"/>
      <c r="BYB682" s="613"/>
      <c r="BYC682" s="613"/>
      <c r="BYD682" s="613"/>
      <c r="BYE682" s="613"/>
      <c r="BYF682" s="613"/>
      <c r="BYG682" s="613"/>
      <c r="BYH682" s="613"/>
      <c r="BYI682" s="613"/>
      <c r="BYJ682" s="613"/>
      <c r="BYK682" s="613"/>
      <c r="BYL682" s="613"/>
      <c r="BYM682" s="613"/>
      <c r="BYN682" s="613"/>
      <c r="BYO682" s="613"/>
      <c r="BYP682" s="613"/>
      <c r="BYQ682" s="613"/>
      <c r="BYR682" s="613"/>
      <c r="BYS682" s="613"/>
      <c r="BYT682" s="613"/>
      <c r="BYU682" s="613"/>
      <c r="BYV682" s="613"/>
      <c r="BYW682" s="613"/>
      <c r="BYX682" s="613"/>
      <c r="BYY682" s="613"/>
      <c r="BYZ682" s="613"/>
      <c r="BZA682" s="613"/>
      <c r="BZB682" s="613"/>
      <c r="BZC682" s="613"/>
      <c r="BZD682" s="613"/>
      <c r="BZE682" s="613"/>
      <c r="BZF682" s="613"/>
      <c r="BZG682" s="613"/>
      <c r="BZH682" s="613"/>
      <c r="BZI682" s="613"/>
      <c r="BZJ682" s="613"/>
      <c r="BZK682" s="613"/>
      <c r="BZL682" s="613"/>
      <c r="BZM682" s="613"/>
      <c r="BZN682" s="613"/>
      <c r="BZO682" s="613"/>
      <c r="BZP682" s="613"/>
      <c r="BZQ682" s="613"/>
      <c r="BZR682" s="613"/>
      <c r="BZS682" s="613"/>
      <c r="BZT682" s="613"/>
      <c r="BZU682" s="613"/>
      <c r="BZV682" s="613"/>
      <c r="BZW682" s="613"/>
      <c r="BZX682" s="613"/>
      <c r="BZY682" s="613"/>
      <c r="BZZ682" s="613"/>
      <c r="CAA682" s="613"/>
      <c r="CAB682" s="613"/>
      <c r="CAC682" s="613"/>
      <c r="CAD682" s="613"/>
      <c r="CAE682" s="613"/>
      <c r="CAF682" s="613"/>
      <c r="CAG682" s="613"/>
      <c r="CAH682" s="613"/>
      <c r="CAI682" s="613"/>
      <c r="CAJ682" s="613"/>
      <c r="CAK682" s="613"/>
      <c r="CAL682" s="613"/>
      <c r="CAM682" s="613"/>
      <c r="CAN682" s="613"/>
      <c r="CAO682" s="613"/>
      <c r="CAP682" s="613"/>
      <c r="CAQ682" s="613"/>
      <c r="CAR682" s="613"/>
      <c r="CAS682" s="613"/>
      <c r="CAT682" s="613"/>
      <c r="CAU682" s="613"/>
      <c r="CAV682" s="613"/>
      <c r="CAW682" s="613"/>
      <c r="CAX682" s="613"/>
      <c r="CAY682" s="613"/>
      <c r="CAZ682" s="613"/>
      <c r="CBA682" s="613"/>
      <c r="CBB682" s="613"/>
      <c r="CBC682" s="613"/>
      <c r="CBD682" s="613"/>
      <c r="CBE682" s="613"/>
      <c r="CBF682" s="613"/>
      <c r="CBG682" s="613"/>
      <c r="CBH682" s="613"/>
      <c r="CBI682" s="613"/>
      <c r="CBJ682" s="613"/>
      <c r="CBK682" s="613"/>
      <c r="CBL682" s="613"/>
      <c r="CBM682" s="613"/>
      <c r="CBN682" s="613"/>
      <c r="CBO682" s="613"/>
      <c r="CBP682" s="613"/>
      <c r="CBQ682" s="613"/>
      <c r="CBR682" s="613"/>
      <c r="CBS682" s="613"/>
      <c r="CBT682" s="613"/>
      <c r="CBU682" s="613"/>
      <c r="CBV682" s="613"/>
      <c r="CBW682" s="613"/>
      <c r="CBX682" s="613"/>
      <c r="CBY682" s="613"/>
      <c r="CBZ682" s="613"/>
      <c r="CCA682" s="613"/>
      <c r="CCB682" s="613"/>
      <c r="CCC682" s="613"/>
      <c r="CCD682" s="613"/>
      <c r="CCE682" s="613"/>
      <c r="CCF682" s="613"/>
      <c r="CCG682" s="613"/>
      <c r="CCH682" s="613"/>
      <c r="CCI682" s="613"/>
      <c r="CCJ682" s="613"/>
      <c r="CCK682" s="613"/>
      <c r="CCL682" s="613"/>
      <c r="CCM682" s="613"/>
      <c r="CCN682" s="613"/>
      <c r="CCO682" s="613"/>
      <c r="CCP682" s="613"/>
      <c r="CCQ682" s="613"/>
      <c r="CCR682" s="613"/>
      <c r="CCS682" s="613"/>
      <c r="CCT682" s="613"/>
      <c r="CCU682" s="613"/>
      <c r="CCV682" s="613"/>
      <c r="CCW682" s="613"/>
      <c r="CCX682" s="613"/>
      <c r="CCY682" s="613"/>
      <c r="CCZ682" s="613"/>
      <c r="CDA682" s="613"/>
      <c r="CDB682" s="613"/>
      <c r="CDC682" s="613"/>
      <c r="CDD682" s="613"/>
      <c r="CDE682" s="613"/>
      <c r="CDF682" s="613"/>
      <c r="CDG682" s="613"/>
      <c r="CDH682" s="613"/>
      <c r="CDI682" s="613"/>
      <c r="CDJ682" s="613"/>
      <c r="CDK682" s="613"/>
      <c r="CDL682" s="613"/>
      <c r="CDM682" s="613"/>
      <c r="CDN682" s="613"/>
      <c r="CDO682" s="613"/>
      <c r="CDP682" s="613"/>
      <c r="CDQ682" s="613"/>
      <c r="CDR682" s="613"/>
      <c r="CDS682" s="613"/>
      <c r="CDT682" s="613"/>
      <c r="CDU682" s="613"/>
      <c r="CDV682" s="613"/>
      <c r="CDW682" s="613"/>
      <c r="CDX682" s="613"/>
      <c r="CDY682" s="613"/>
      <c r="CDZ682" s="613"/>
      <c r="CEA682" s="613"/>
      <c r="CEB682" s="613"/>
      <c r="CEC682" s="613"/>
      <c r="CED682" s="613"/>
      <c r="CEE682" s="613"/>
      <c r="CEF682" s="613"/>
      <c r="CEG682" s="613"/>
      <c r="CEH682" s="613"/>
      <c r="CEI682" s="613"/>
      <c r="CEJ682" s="613"/>
      <c r="CEK682" s="613"/>
      <c r="CEL682" s="613"/>
      <c r="CEM682" s="613"/>
      <c r="CEN682" s="613"/>
      <c r="CEO682" s="613"/>
      <c r="CEP682" s="613"/>
      <c r="CEQ682" s="613"/>
      <c r="CER682" s="613"/>
      <c r="CES682" s="613"/>
      <c r="CET682" s="613"/>
      <c r="CEU682" s="613"/>
      <c r="CEV682" s="613"/>
      <c r="CEW682" s="613"/>
      <c r="CEX682" s="613"/>
      <c r="CEY682" s="613"/>
      <c r="CEZ682" s="613"/>
      <c r="CFA682" s="613"/>
      <c r="CFB682" s="613"/>
      <c r="CFC682" s="613"/>
      <c r="CFD682" s="613"/>
      <c r="CFE682" s="613"/>
      <c r="CFF682" s="613"/>
      <c r="CFG682" s="613"/>
      <c r="CFH682" s="613"/>
      <c r="CFI682" s="613"/>
      <c r="CFJ682" s="613"/>
      <c r="CFK682" s="613"/>
      <c r="CFL682" s="613"/>
      <c r="CFM682" s="613"/>
      <c r="CFN682" s="613"/>
      <c r="CFO682" s="613"/>
      <c r="CFP682" s="613"/>
      <c r="CFQ682" s="613"/>
      <c r="CFR682" s="613"/>
      <c r="CFS682" s="613"/>
      <c r="CFT682" s="613"/>
      <c r="CFU682" s="613"/>
      <c r="CFV682" s="613"/>
      <c r="CFW682" s="613"/>
      <c r="CFX682" s="613"/>
      <c r="CFY682" s="613"/>
      <c r="CFZ682" s="613"/>
      <c r="CGA682" s="613"/>
      <c r="CGB682" s="613"/>
      <c r="CGC682" s="613"/>
      <c r="CGD682" s="613"/>
      <c r="CGE682" s="613"/>
      <c r="CGF682" s="613"/>
      <c r="CGG682" s="613"/>
      <c r="CGH682" s="613"/>
      <c r="CGI682" s="613"/>
      <c r="CGJ682" s="613"/>
      <c r="CGK682" s="613"/>
      <c r="CGL682" s="613"/>
      <c r="CGM682" s="613"/>
      <c r="CGN682" s="613"/>
      <c r="CGO682" s="613"/>
      <c r="CGP682" s="613"/>
      <c r="CGQ682" s="613"/>
      <c r="CGR682" s="613"/>
      <c r="CGS682" s="613"/>
      <c r="CGT682" s="613"/>
      <c r="CGU682" s="613"/>
      <c r="CGV682" s="613"/>
      <c r="CGW682" s="613"/>
      <c r="CGX682" s="613"/>
      <c r="CGY682" s="613"/>
      <c r="CGZ682" s="613"/>
      <c r="CHA682" s="613"/>
      <c r="CHB682" s="613"/>
      <c r="CHC682" s="613"/>
      <c r="CHD682" s="613"/>
      <c r="CHE682" s="613"/>
      <c r="CHF682" s="613"/>
      <c r="CHG682" s="613"/>
      <c r="CHH682" s="613"/>
      <c r="CHI682" s="613"/>
      <c r="CHJ682" s="613"/>
      <c r="CHK682" s="613"/>
      <c r="CHL682" s="613"/>
      <c r="CHM682" s="613"/>
      <c r="CHN682" s="613"/>
      <c r="CHO682" s="613"/>
      <c r="CHP682" s="613"/>
      <c r="CHQ682" s="613"/>
      <c r="CHR682" s="613"/>
      <c r="CHS682" s="613"/>
      <c r="CHT682" s="613"/>
      <c r="CHU682" s="613"/>
      <c r="CHV682" s="613"/>
      <c r="CHW682" s="613"/>
      <c r="CHX682" s="613"/>
      <c r="CHY682" s="613"/>
      <c r="CHZ682" s="613"/>
      <c r="CIA682" s="613"/>
      <c r="CIB682" s="613"/>
      <c r="CIC682" s="613"/>
      <c r="CID682" s="613"/>
      <c r="CIE682" s="613"/>
      <c r="CIF682" s="613"/>
      <c r="CIG682" s="613"/>
      <c r="CIH682" s="613"/>
      <c r="CII682" s="613"/>
      <c r="CIJ682" s="613"/>
      <c r="CIK682" s="613"/>
      <c r="CIL682" s="613"/>
      <c r="CIM682" s="613"/>
      <c r="CIN682" s="613"/>
      <c r="CIO682" s="613"/>
      <c r="CIP682" s="613"/>
      <c r="CIQ682" s="613"/>
      <c r="CIR682" s="613"/>
      <c r="CIS682" s="613"/>
      <c r="CIT682" s="613"/>
      <c r="CIU682" s="613"/>
      <c r="CIV682" s="613"/>
      <c r="CIW682" s="613"/>
      <c r="CIX682" s="613"/>
      <c r="CIY682" s="613"/>
      <c r="CIZ682" s="613"/>
      <c r="CJA682" s="613"/>
      <c r="CJB682" s="613"/>
      <c r="CJC682" s="613"/>
      <c r="CJD682" s="613"/>
      <c r="CJE682" s="613"/>
      <c r="CJF682" s="613"/>
      <c r="CJG682" s="613"/>
      <c r="CJH682" s="613"/>
      <c r="CJI682" s="613"/>
      <c r="CJJ682" s="613"/>
      <c r="CJK682" s="613"/>
      <c r="CJL682" s="613"/>
      <c r="CJM682" s="613"/>
      <c r="CJN682" s="613"/>
      <c r="CJO682" s="613"/>
      <c r="CJP682" s="613"/>
      <c r="CJQ682" s="613"/>
      <c r="CJR682" s="613"/>
      <c r="CJS682" s="613"/>
      <c r="CJT682" s="613"/>
      <c r="CJU682" s="613"/>
      <c r="CJV682" s="613"/>
      <c r="CJW682" s="613"/>
      <c r="CJX682" s="613"/>
      <c r="CJY682" s="613"/>
      <c r="CJZ682" s="613"/>
      <c r="CKA682" s="613"/>
      <c r="CKB682" s="613"/>
      <c r="CKC682" s="613"/>
      <c r="CKD682" s="613"/>
      <c r="CKE682" s="613"/>
      <c r="CKF682" s="613"/>
      <c r="CKG682" s="613"/>
      <c r="CKH682" s="613"/>
      <c r="CKI682" s="613"/>
      <c r="CKJ682" s="613"/>
      <c r="CKK682" s="613"/>
      <c r="CKL682" s="613"/>
      <c r="CKM682" s="613"/>
      <c r="CKN682" s="613"/>
      <c r="CKO682" s="613"/>
      <c r="CKP682" s="613"/>
      <c r="CKQ682" s="613"/>
      <c r="CKR682" s="613"/>
      <c r="CKS682" s="613"/>
      <c r="CKT682" s="613"/>
      <c r="CKU682" s="613"/>
      <c r="CKV682" s="613"/>
      <c r="CKW682" s="613"/>
      <c r="CKX682" s="613"/>
      <c r="CKY682" s="613"/>
      <c r="CKZ682" s="613"/>
      <c r="CLA682" s="613"/>
      <c r="CLB682" s="613"/>
      <c r="CLC682" s="613"/>
      <c r="CLD682" s="613"/>
      <c r="CLE682" s="613"/>
      <c r="CLF682" s="613"/>
      <c r="CLG682" s="613"/>
      <c r="CLH682" s="613"/>
      <c r="CLI682" s="613"/>
      <c r="CLJ682" s="613"/>
      <c r="CLK682" s="613"/>
      <c r="CLL682" s="613"/>
      <c r="CLM682" s="613"/>
      <c r="CLN682" s="613"/>
      <c r="CLO682" s="613"/>
      <c r="CLP682" s="613"/>
      <c r="CLQ682" s="613"/>
      <c r="CLR682" s="613"/>
      <c r="CLS682" s="613"/>
      <c r="CLT682" s="613"/>
      <c r="CLU682" s="613"/>
      <c r="CLV682" s="613"/>
      <c r="CLW682" s="613"/>
      <c r="CLX682" s="613"/>
      <c r="CLY682" s="613"/>
      <c r="CLZ682" s="613"/>
      <c r="CMA682" s="613"/>
      <c r="CMB682" s="613"/>
      <c r="CMC682" s="613"/>
      <c r="CMD682" s="613"/>
      <c r="CME682" s="613"/>
      <c r="CMF682" s="613"/>
      <c r="CMG682" s="613"/>
      <c r="CMH682" s="613"/>
      <c r="CMI682" s="613"/>
      <c r="CMJ682" s="613"/>
      <c r="CMK682" s="613"/>
      <c r="CML682" s="613"/>
      <c r="CMM682" s="613"/>
      <c r="CMN682" s="613"/>
      <c r="CMO682" s="613"/>
      <c r="CMP682" s="613"/>
      <c r="CMQ682" s="613"/>
      <c r="CMR682" s="613"/>
      <c r="CMS682" s="613"/>
      <c r="CMT682" s="613"/>
      <c r="CMU682" s="613"/>
      <c r="CMV682" s="613"/>
      <c r="CMW682" s="613"/>
      <c r="CMX682" s="613"/>
      <c r="CMY682" s="613"/>
      <c r="CMZ682" s="613"/>
      <c r="CNA682" s="613"/>
      <c r="CNB682" s="613"/>
      <c r="CNC682" s="613"/>
      <c r="CND682" s="613"/>
      <c r="CNE682" s="613"/>
      <c r="CNF682" s="613"/>
      <c r="CNG682" s="613"/>
      <c r="CNH682" s="613"/>
      <c r="CNI682" s="613"/>
      <c r="CNJ682" s="613"/>
      <c r="CNK682" s="613"/>
      <c r="CNL682" s="613"/>
      <c r="CNM682" s="613"/>
      <c r="CNN682" s="613"/>
      <c r="CNO682" s="613"/>
      <c r="CNP682" s="613"/>
      <c r="CNQ682" s="613"/>
      <c r="CNR682" s="613"/>
      <c r="CNS682" s="613"/>
      <c r="CNT682" s="613"/>
      <c r="CNU682" s="613"/>
      <c r="CNV682" s="613"/>
      <c r="CNW682" s="613"/>
      <c r="CNX682" s="613"/>
      <c r="CNY682" s="613"/>
      <c r="CNZ682" s="613"/>
      <c r="COA682" s="613"/>
      <c r="COB682" s="613"/>
      <c r="COC682" s="613"/>
      <c r="COD682" s="613"/>
      <c r="COE682" s="613"/>
      <c r="COF682" s="613"/>
      <c r="COG682" s="613"/>
      <c r="COH682" s="613"/>
      <c r="COI682" s="613"/>
      <c r="COJ682" s="613"/>
      <c r="COK682" s="613"/>
      <c r="COL682" s="613"/>
      <c r="COM682" s="613"/>
      <c r="CON682" s="613"/>
      <c r="COO682" s="613"/>
      <c r="COP682" s="613"/>
      <c r="COQ682" s="613"/>
      <c r="COR682" s="613"/>
      <c r="COS682" s="613"/>
      <c r="COT682" s="613"/>
      <c r="COU682" s="613"/>
      <c r="COV682" s="613"/>
      <c r="COW682" s="613"/>
      <c r="COX682" s="613"/>
      <c r="COY682" s="613"/>
      <c r="COZ682" s="613"/>
      <c r="CPA682" s="613"/>
      <c r="CPB682" s="613"/>
      <c r="CPC682" s="613"/>
      <c r="CPD682" s="613"/>
      <c r="CPE682" s="613"/>
      <c r="CPF682" s="613"/>
      <c r="CPG682" s="613"/>
      <c r="CPH682" s="613"/>
      <c r="CPI682" s="613"/>
      <c r="CPJ682" s="613"/>
      <c r="CPK682" s="613"/>
      <c r="CPL682" s="613"/>
      <c r="CPM682" s="613"/>
      <c r="CPN682" s="613"/>
      <c r="CPO682" s="613"/>
      <c r="CPP682" s="613"/>
      <c r="CPQ682" s="613"/>
      <c r="CPR682" s="613"/>
      <c r="CPS682" s="613"/>
      <c r="CPT682" s="613"/>
      <c r="CPU682" s="613"/>
      <c r="CPV682" s="613"/>
      <c r="CPW682" s="613"/>
      <c r="CPX682" s="613"/>
      <c r="CPY682" s="613"/>
      <c r="CPZ682" s="613"/>
      <c r="CQA682" s="613"/>
      <c r="CQB682" s="613"/>
      <c r="CQC682" s="613"/>
      <c r="CQD682" s="613"/>
      <c r="CQE682" s="613"/>
      <c r="CQF682" s="613"/>
      <c r="CQG682" s="613"/>
      <c r="CQH682" s="613"/>
      <c r="CQI682" s="613"/>
      <c r="CQJ682" s="613"/>
      <c r="CQK682" s="613"/>
      <c r="CQL682" s="613"/>
      <c r="CQM682" s="613"/>
      <c r="CQN682" s="613"/>
      <c r="CQO682" s="613"/>
      <c r="CQP682" s="613"/>
      <c r="CQQ682" s="613"/>
      <c r="CQR682" s="613"/>
      <c r="CQS682" s="613"/>
      <c r="CQT682" s="613"/>
      <c r="CQU682" s="613"/>
      <c r="CQV682" s="613"/>
      <c r="CQW682" s="613"/>
      <c r="CQX682" s="613"/>
      <c r="CQY682" s="613"/>
      <c r="CQZ682" s="613"/>
      <c r="CRA682" s="613"/>
      <c r="CRB682" s="613"/>
      <c r="CRC682" s="613"/>
      <c r="CRD682" s="613"/>
      <c r="CRE682" s="613"/>
      <c r="CRF682" s="613"/>
      <c r="CRG682" s="613"/>
      <c r="CRH682" s="613"/>
      <c r="CRI682" s="613"/>
      <c r="CRJ682" s="613"/>
      <c r="CRK682" s="613"/>
      <c r="CRL682" s="613"/>
      <c r="CRM682" s="613"/>
      <c r="CRN682" s="613"/>
      <c r="CRO682" s="613"/>
      <c r="CRP682" s="613"/>
      <c r="CRQ682" s="613"/>
      <c r="CRR682" s="613"/>
      <c r="CRS682" s="613"/>
      <c r="CRT682" s="613"/>
      <c r="CRU682" s="613"/>
      <c r="CRV682" s="613"/>
      <c r="CRW682" s="613"/>
      <c r="CRX682" s="613"/>
      <c r="CRY682" s="613"/>
      <c r="CRZ682" s="613"/>
      <c r="CSA682" s="613"/>
      <c r="CSB682" s="613"/>
      <c r="CSC682" s="613"/>
      <c r="CSD682" s="613"/>
      <c r="CSE682" s="613"/>
      <c r="CSF682" s="613"/>
      <c r="CSG682" s="613"/>
      <c r="CSH682" s="613"/>
      <c r="CSI682" s="613"/>
      <c r="CSJ682" s="613"/>
      <c r="CSK682" s="613"/>
      <c r="CSL682" s="613"/>
      <c r="CSM682" s="613"/>
      <c r="CSN682" s="613"/>
      <c r="CSO682" s="613"/>
      <c r="CSP682" s="613"/>
      <c r="CSQ682" s="613"/>
      <c r="CSR682" s="613"/>
      <c r="CSS682" s="613"/>
      <c r="CST682" s="613"/>
      <c r="CSU682" s="613"/>
      <c r="CSV682" s="613"/>
      <c r="CSW682" s="613"/>
      <c r="CSX682" s="613"/>
      <c r="CSY682" s="613"/>
      <c r="CSZ682" s="613"/>
      <c r="CTA682" s="613"/>
      <c r="CTB682" s="613"/>
      <c r="CTC682" s="613"/>
      <c r="CTD682" s="613"/>
      <c r="CTE682" s="613"/>
      <c r="CTF682" s="613"/>
      <c r="CTG682" s="613"/>
      <c r="CTH682" s="613"/>
      <c r="CTI682" s="613"/>
      <c r="CTJ682" s="613"/>
      <c r="CTK682" s="613"/>
      <c r="CTL682" s="613"/>
      <c r="CTM682" s="613"/>
      <c r="CTN682" s="613"/>
      <c r="CTO682" s="613"/>
      <c r="CTP682" s="613"/>
      <c r="CTQ682" s="613"/>
      <c r="CTR682" s="613"/>
      <c r="CTS682" s="613"/>
      <c r="CTT682" s="613"/>
      <c r="CTU682" s="613"/>
      <c r="CTV682" s="613"/>
      <c r="CTW682" s="613"/>
      <c r="CTX682" s="613"/>
      <c r="CTY682" s="613"/>
      <c r="CTZ682" s="613"/>
      <c r="CUA682" s="613"/>
      <c r="CUB682" s="613"/>
      <c r="CUC682" s="613"/>
      <c r="CUD682" s="613"/>
      <c r="CUE682" s="613"/>
      <c r="CUF682" s="613"/>
      <c r="CUG682" s="613"/>
      <c r="CUH682" s="613"/>
      <c r="CUI682" s="613"/>
      <c r="CUJ682" s="613"/>
      <c r="CUK682" s="613"/>
      <c r="CUL682" s="613"/>
      <c r="CUM682" s="613"/>
      <c r="CUN682" s="613"/>
      <c r="CUO682" s="613"/>
      <c r="CUP682" s="613"/>
      <c r="CUQ682" s="613"/>
      <c r="CUR682" s="613"/>
      <c r="CUS682" s="613"/>
      <c r="CUT682" s="613"/>
      <c r="CUU682" s="613"/>
      <c r="CUV682" s="613"/>
      <c r="CUW682" s="613"/>
      <c r="CUX682" s="613"/>
      <c r="CUY682" s="613"/>
      <c r="CUZ682" s="613"/>
      <c r="CVA682" s="613"/>
      <c r="CVB682" s="613"/>
      <c r="CVC682" s="613"/>
      <c r="CVD682" s="613"/>
      <c r="CVE682" s="613"/>
      <c r="CVF682" s="613"/>
      <c r="CVG682" s="613"/>
      <c r="CVH682" s="613"/>
      <c r="CVI682" s="613"/>
      <c r="CVJ682" s="613"/>
      <c r="CVK682" s="613"/>
      <c r="CVL682" s="613"/>
      <c r="CVM682" s="613"/>
      <c r="CVN682" s="613"/>
      <c r="CVO682" s="613"/>
      <c r="CVP682" s="613"/>
      <c r="CVQ682" s="613"/>
      <c r="CVR682" s="613"/>
      <c r="CVS682" s="613"/>
      <c r="CVT682" s="613"/>
      <c r="CVU682" s="613"/>
      <c r="CVV682" s="613"/>
      <c r="CVW682" s="613"/>
      <c r="CVX682" s="613"/>
      <c r="CVY682" s="613"/>
      <c r="CVZ682" s="613"/>
      <c r="CWA682" s="613"/>
      <c r="CWB682" s="613"/>
      <c r="CWC682" s="613"/>
      <c r="CWD682" s="613"/>
      <c r="CWE682" s="613"/>
      <c r="CWF682" s="613"/>
      <c r="CWG682" s="613"/>
      <c r="CWH682" s="613"/>
      <c r="CWI682" s="613"/>
      <c r="CWJ682" s="613"/>
      <c r="CWK682" s="613"/>
      <c r="CWL682" s="613"/>
      <c r="CWM682" s="613"/>
      <c r="CWN682" s="613"/>
      <c r="CWO682" s="613"/>
      <c r="CWP682" s="613"/>
      <c r="CWQ682" s="613"/>
      <c r="CWR682" s="613"/>
      <c r="CWS682" s="613"/>
      <c r="CWT682" s="613"/>
      <c r="CWU682" s="613"/>
      <c r="CWV682" s="613"/>
      <c r="CWW682" s="613"/>
      <c r="CWX682" s="613"/>
      <c r="CWY682" s="613"/>
      <c r="CWZ682" s="613"/>
      <c r="CXA682" s="613"/>
      <c r="CXB682" s="613"/>
      <c r="CXC682" s="613"/>
      <c r="CXD682" s="613"/>
      <c r="CXE682" s="613"/>
      <c r="CXF682" s="613"/>
      <c r="CXG682" s="613"/>
      <c r="CXH682" s="613"/>
      <c r="CXI682" s="613"/>
      <c r="CXJ682" s="613"/>
      <c r="CXK682" s="613"/>
      <c r="CXL682" s="613"/>
      <c r="CXM682" s="613"/>
      <c r="CXN682" s="613"/>
      <c r="CXO682" s="613"/>
      <c r="CXP682" s="613"/>
      <c r="CXQ682" s="613"/>
      <c r="CXR682" s="613"/>
      <c r="CXS682" s="613"/>
      <c r="CXT682" s="613"/>
      <c r="CXU682" s="613"/>
      <c r="CXV682" s="613"/>
      <c r="CXW682" s="613"/>
      <c r="CXX682" s="613"/>
      <c r="CXY682" s="613"/>
      <c r="CXZ682" s="613"/>
      <c r="CYA682" s="613"/>
      <c r="CYB682" s="613"/>
      <c r="CYC682" s="613"/>
      <c r="CYD682" s="613"/>
      <c r="CYE682" s="613"/>
      <c r="CYF682" s="613"/>
      <c r="CYG682" s="613"/>
      <c r="CYH682" s="613"/>
      <c r="CYI682" s="613"/>
      <c r="CYJ682" s="613"/>
      <c r="CYK682" s="613"/>
      <c r="CYL682" s="613"/>
      <c r="CYM682" s="613"/>
      <c r="CYN682" s="613"/>
      <c r="CYO682" s="613"/>
      <c r="CYP682" s="613"/>
      <c r="CYQ682" s="613"/>
      <c r="CYR682" s="613"/>
      <c r="CYS682" s="613"/>
      <c r="CYT682" s="613"/>
      <c r="CYU682" s="613"/>
      <c r="CYV682" s="613"/>
      <c r="CYW682" s="613"/>
      <c r="CYX682" s="613"/>
      <c r="CYY682" s="613"/>
      <c r="CYZ682" s="613"/>
      <c r="CZA682" s="613"/>
      <c r="CZB682" s="613"/>
      <c r="CZC682" s="613"/>
      <c r="CZD682" s="613"/>
      <c r="CZE682" s="613"/>
      <c r="CZF682" s="613"/>
      <c r="CZG682" s="613"/>
      <c r="CZH682" s="613"/>
      <c r="CZI682" s="613"/>
      <c r="CZJ682" s="613"/>
      <c r="CZK682" s="613"/>
      <c r="CZL682" s="613"/>
      <c r="CZM682" s="613"/>
      <c r="CZN682" s="613"/>
      <c r="CZO682" s="613"/>
      <c r="CZP682" s="613"/>
      <c r="CZQ682" s="613"/>
      <c r="CZR682" s="613"/>
      <c r="CZS682" s="613"/>
      <c r="CZT682" s="613"/>
      <c r="CZU682" s="613"/>
      <c r="CZV682" s="613"/>
      <c r="CZW682" s="613"/>
      <c r="CZX682" s="613"/>
      <c r="CZY682" s="613"/>
      <c r="CZZ682" s="613"/>
      <c r="DAA682" s="613"/>
      <c r="DAB682" s="613"/>
      <c r="DAC682" s="613"/>
      <c r="DAD682" s="613"/>
      <c r="DAE682" s="613"/>
      <c r="DAF682" s="613"/>
      <c r="DAG682" s="613"/>
      <c r="DAH682" s="613"/>
      <c r="DAI682" s="613"/>
      <c r="DAJ682" s="613"/>
      <c r="DAK682" s="613"/>
      <c r="DAL682" s="613"/>
      <c r="DAM682" s="613"/>
      <c r="DAN682" s="613"/>
      <c r="DAO682" s="613"/>
      <c r="DAP682" s="613"/>
      <c r="DAQ682" s="613"/>
      <c r="DAR682" s="613"/>
      <c r="DAS682" s="613"/>
      <c r="DAT682" s="613"/>
      <c r="DAU682" s="613"/>
      <c r="DAV682" s="613"/>
      <c r="DAW682" s="613"/>
      <c r="DAX682" s="613"/>
      <c r="DAY682" s="613"/>
      <c r="DAZ682" s="613"/>
      <c r="DBA682" s="613"/>
      <c r="DBB682" s="613"/>
      <c r="DBC682" s="613"/>
      <c r="DBD682" s="613"/>
      <c r="DBE682" s="613"/>
      <c r="DBF682" s="613"/>
      <c r="DBG682" s="613"/>
      <c r="DBH682" s="613"/>
      <c r="DBI682" s="613"/>
      <c r="DBJ682" s="613"/>
      <c r="DBK682" s="613"/>
      <c r="DBL682" s="613"/>
      <c r="DBM682" s="613"/>
      <c r="DBN682" s="613"/>
      <c r="DBO682" s="613"/>
      <c r="DBP682" s="613"/>
      <c r="DBQ682" s="613"/>
      <c r="DBR682" s="613"/>
      <c r="DBS682" s="613"/>
      <c r="DBT682" s="613"/>
      <c r="DBU682" s="613"/>
      <c r="DBV682" s="613"/>
      <c r="DBW682" s="613"/>
      <c r="DBX682" s="613"/>
      <c r="DBY682" s="613"/>
      <c r="DBZ682" s="613"/>
      <c r="DCA682" s="613"/>
      <c r="DCB682" s="613"/>
      <c r="DCC682" s="613"/>
      <c r="DCD682" s="613"/>
      <c r="DCE682" s="613"/>
      <c r="DCF682" s="613"/>
      <c r="DCG682" s="613"/>
      <c r="DCH682" s="613"/>
      <c r="DCI682" s="613"/>
      <c r="DCJ682" s="613"/>
      <c r="DCK682" s="613"/>
      <c r="DCL682" s="613"/>
      <c r="DCM682" s="613"/>
      <c r="DCN682" s="613"/>
      <c r="DCO682" s="613"/>
      <c r="DCP682" s="613"/>
      <c r="DCQ682" s="613"/>
      <c r="DCR682" s="613"/>
      <c r="DCS682" s="613"/>
      <c r="DCT682" s="613"/>
      <c r="DCU682" s="613"/>
      <c r="DCV682" s="613"/>
      <c r="DCW682" s="613"/>
      <c r="DCX682" s="613"/>
      <c r="DCY682" s="613"/>
      <c r="DCZ682" s="613"/>
      <c r="DDA682" s="613"/>
      <c r="DDB682" s="613"/>
      <c r="DDC682" s="613"/>
      <c r="DDD682" s="613"/>
      <c r="DDE682" s="613"/>
      <c r="DDF682" s="613"/>
      <c r="DDG682" s="613"/>
      <c r="DDH682" s="613"/>
      <c r="DDI682" s="613"/>
      <c r="DDJ682" s="613"/>
      <c r="DDK682" s="613"/>
      <c r="DDL682" s="613"/>
      <c r="DDM682" s="613"/>
      <c r="DDN682" s="613"/>
      <c r="DDO682" s="613"/>
      <c r="DDP682" s="613"/>
      <c r="DDQ682" s="613"/>
      <c r="DDR682" s="613"/>
      <c r="DDS682" s="613"/>
      <c r="DDT682" s="613"/>
      <c r="DDU682" s="613"/>
      <c r="DDV682" s="613"/>
      <c r="DDW682" s="613"/>
      <c r="DDX682" s="613"/>
      <c r="DDY682" s="613"/>
      <c r="DDZ682" s="613"/>
      <c r="DEA682" s="613"/>
      <c r="DEB682" s="613"/>
      <c r="DEC682" s="613"/>
      <c r="DED682" s="613"/>
      <c r="DEE682" s="613"/>
      <c r="DEF682" s="613"/>
      <c r="DEG682" s="613"/>
      <c r="DEH682" s="613"/>
      <c r="DEI682" s="613"/>
      <c r="DEJ682" s="613"/>
      <c r="DEK682" s="613"/>
      <c r="DEL682" s="613"/>
      <c r="DEM682" s="613"/>
      <c r="DEN682" s="613"/>
      <c r="DEO682" s="613"/>
      <c r="DEP682" s="613"/>
      <c r="DEQ682" s="613"/>
      <c r="DER682" s="613"/>
      <c r="DES682" s="613"/>
      <c r="DET682" s="613"/>
      <c r="DEU682" s="613"/>
      <c r="DEV682" s="613"/>
      <c r="DEW682" s="613"/>
      <c r="DEX682" s="613"/>
      <c r="DEY682" s="613"/>
      <c r="DEZ682" s="613"/>
      <c r="DFA682" s="613"/>
      <c r="DFB682" s="613"/>
      <c r="DFC682" s="613"/>
      <c r="DFD682" s="613"/>
      <c r="DFE682" s="613"/>
      <c r="DFF682" s="613"/>
      <c r="DFG682" s="613"/>
      <c r="DFH682" s="613"/>
      <c r="DFI682" s="613"/>
      <c r="DFJ682" s="613"/>
      <c r="DFK682" s="613"/>
      <c r="DFL682" s="613"/>
      <c r="DFM682" s="613"/>
      <c r="DFN682" s="613"/>
      <c r="DFO682" s="613"/>
      <c r="DFP682" s="613"/>
      <c r="DFQ682" s="613"/>
      <c r="DFR682" s="613"/>
      <c r="DFS682" s="613"/>
      <c r="DFT682" s="613"/>
      <c r="DFU682" s="613"/>
      <c r="DFV682" s="613"/>
      <c r="DFW682" s="613"/>
      <c r="DFX682" s="613"/>
      <c r="DFY682" s="613"/>
      <c r="DFZ682" s="613"/>
      <c r="DGA682" s="613"/>
      <c r="DGB682" s="613"/>
      <c r="DGC682" s="613"/>
      <c r="DGD682" s="613"/>
      <c r="DGE682" s="613"/>
      <c r="DGF682" s="613"/>
      <c r="DGG682" s="613"/>
      <c r="DGH682" s="613"/>
      <c r="DGI682" s="613"/>
      <c r="DGJ682" s="613"/>
      <c r="DGK682" s="613"/>
      <c r="DGL682" s="613"/>
      <c r="DGM682" s="613"/>
      <c r="DGN682" s="613"/>
      <c r="DGO682" s="613"/>
      <c r="DGP682" s="613"/>
      <c r="DGQ682" s="613"/>
      <c r="DGR682" s="613"/>
      <c r="DGS682" s="613"/>
      <c r="DGT682" s="613"/>
      <c r="DGU682" s="613"/>
      <c r="DGV682" s="613"/>
      <c r="DGW682" s="613"/>
      <c r="DGX682" s="613"/>
      <c r="DGY682" s="613"/>
      <c r="DGZ682" s="613"/>
      <c r="DHA682" s="613"/>
      <c r="DHB682" s="613"/>
      <c r="DHC682" s="613"/>
      <c r="DHD682" s="613"/>
      <c r="DHE682" s="613"/>
      <c r="DHF682" s="613"/>
      <c r="DHG682" s="613"/>
      <c r="DHH682" s="613"/>
      <c r="DHI682" s="613"/>
      <c r="DHJ682" s="613"/>
      <c r="DHK682" s="613"/>
      <c r="DHL682" s="613"/>
      <c r="DHM682" s="613"/>
      <c r="DHN682" s="613"/>
      <c r="DHO682" s="613"/>
      <c r="DHP682" s="613"/>
      <c r="DHQ682" s="613"/>
      <c r="DHR682" s="613"/>
      <c r="DHS682" s="613"/>
      <c r="DHT682" s="613"/>
      <c r="DHU682" s="613"/>
      <c r="DHV682" s="613"/>
      <c r="DHW682" s="613"/>
      <c r="DHX682" s="613"/>
      <c r="DHY682" s="613"/>
      <c r="DHZ682" s="613"/>
      <c r="DIA682" s="613"/>
      <c r="DIB682" s="613"/>
      <c r="DIC682" s="613"/>
      <c r="DID682" s="613"/>
      <c r="DIE682" s="613"/>
      <c r="DIF682" s="613"/>
      <c r="DIG682" s="613"/>
      <c r="DIH682" s="613"/>
      <c r="DII682" s="613"/>
      <c r="DIJ682" s="613"/>
      <c r="DIK682" s="613"/>
      <c r="DIL682" s="613"/>
      <c r="DIM682" s="613"/>
      <c r="DIN682" s="613"/>
      <c r="DIO682" s="613"/>
      <c r="DIP682" s="613"/>
      <c r="DIQ682" s="613"/>
      <c r="DIR682" s="613"/>
      <c r="DIS682" s="613"/>
      <c r="DIT682" s="613"/>
      <c r="DIU682" s="613"/>
      <c r="DIV682" s="613"/>
      <c r="DIW682" s="613"/>
      <c r="DIX682" s="613"/>
      <c r="DIY682" s="613"/>
      <c r="DIZ682" s="613"/>
      <c r="DJA682" s="613"/>
      <c r="DJB682" s="613"/>
      <c r="DJC682" s="613"/>
      <c r="DJD682" s="613"/>
      <c r="DJE682" s="613"/>
      <c r="DJF682" s="613"/>
      <c r="DJG682" s="613"/>
      <c r="DJH682" s="613"/>
      <c r="DJI682" s="613"/>
      <c r="DJJ682" s="613"/>
      <c r="DJK682" s="613"/>
      <c r="DJL682" s="613"/>
      <c r="DJM682" s="613"/>
      <c r="DJN682" s="613"/>
      <c r="DJO682" s="613"/>
      <c r="DJP682" s="613"/>
      <c r="DJQ682" s="613"/>
      <c r="DJR682" s="613"/>
      <c r="DJS682" s="613"/>
      <c r="DJT682" s="613"/>
      <c r="DJU682" s="613"/>
      <c r="DJV682" s="613"/>
      <c r="DJW682" s="613"/>
      <c r="DJX682" s="613"/>
      <c r="DJY682" s="613"/>
      <c r="DJZ682" s="613"/>
      <c r="DKA682" s="613"/>
      <c r="DKB682" s="613"/>
      <c r="DKC682" s="613"/>
      <c r="DKD682" s="613"/>
      <c r="DKE682" s="613"/>
      <c r="DKF682" s="613"/>
      <c r="DKG682" s="613"/>
      <c r="DKH682" s="613"/>
      <c r="DKI682" s="613"/>
      <c r="DKJ682" s="613"/>
      <c r="DKK682" s="613"/>
      <c r="DKL682" s="613"/>
      <c r="DKM682" s="613"/>
      <c r="DKN682" s="613"/>
      <c r="DKO682" s="613"/>
      <c r="DKP682" s="613"/>
      <c r="DKQ682" s="613"/>
      <c r="DKR682" s="613"/>
      <c r="DKS682" s="613"/>
      <c r="DKT682" s="613"/>
      <c r="DKU682" s="613"/>
      <c r="DKV682" s="613"/>
      <c r="DKW682" s="613"/>
      <c r="DKX682" s="613"/>
      <c r="DKY682" s="613"/>
      <c r="DKZ682" s="613"/>
      <c r="DLA682" s="613"/>
      <c r="DLB682" s="613"/>
      <c r="DLC682" s="613"/>
      <c r="DLD682" s="613"/>
      <c r="DLE682" s="613"/>
      <c r="DLF682" s="613"/>
      <c r="DLG682" s="613"/>
      <c r="DLH682" s="613"/>
      <c r="DLI682" s="613"/>
      <c r="DLJ682" s="613"/>
      <c r="DLK682" s="613"/>
      <c r="DLL682" s="613"/>
      <c r="DLM682" s="613"/>
      <c r="DLN682" s="613"/>
      <c r="DLO682" s="613"/>
      <c r="DLP682" s="613"/>
      <c r="DLQ682" s="613"/>
      <c r="DLR682" s="613"/>
      <c r="DLS682" s="613"/>
      <c r="DLT682" s="613"/>
      <c r="DLU682" s="613"/>
      <c r="DLV682" s="613"/>
      <c r="DLW682" s="613"/>
      <c r="DLX682" s="613"/>
      <c r="DLY682" s="613"/>
      <c r="DLZ682" s="613"/>
      <c r="DMA682" s="613"/>
      <c r="DMB682" s="613"/>
      <c r="DMC682" s="613"/>
      <c r="DMD682" s="613"/>
      <c r="DME682" s="613"/>
      <c r="DMF682" s="613"/>
      <c r="DMG682" s="613"/>
      <c r="DMH682" s="613"/>
      <c r="DMI682" s="613"/>
      <c r="DMJ682" s="613"/>
      <c r="DMK682" s="613"/>
      <c r="DML682" s="613"/>
      <c r="DMM682" s="613"/>
      <c r="DMN682" s="613"/>
      <c r="DMO682" s="613"/>
      <c r="DMP682" s="613"/>
      <c r="DMQ682" s="613"/>
      <c r="DMR682" s="613"/>
      <c r="DMS682" s="613"/>
      <c r="DMT682" s="613"/>
      <c r="DMU682" s="613"/>
      <c r="DMV682" s="613"/>
      <c r="DMW682" s="613"/>
      <c r="DMX682" s="613"/>
      <c r="DMY682" s="613"/>
      <c r="DMZ682" s="613"/>
      <c r="DNA682" s="613"/>
      <c r="DNB682" s="613"/>
      <c r="DNC682" s="613"/>
      <c r="DND682" s="613"/>
      <c r="DNE682" s="613"/>
      <c r="DNF682" s="613"/>
      <c r="DNG682" s="613"/>
      <c r="DNH682" s="613"/>
      <c r="DNI682" s="613"/>
      <c r="DNJ682" s="613"/>
      <c r="DNK682" s="613"/>
      <c r="DNL682" s="613"/>
      <c r="DNM682" s="613"/>
      <c r="DNN682" s="613"/>
      <c r="DNO682" s="613"/>
      <c r="DNP682" s="613"/>
      <c r="DNQ682" s="613"/>
      <c r="DNR682" s="613"/>
      <c r="DNS682" s="613"/>
      <c r="DNT682" s="613"/>
      <c r="DNU682" s="613"/>
      <c r="DNV682" s="613"/>
      <c r="DNW682" s="613"/>
      <c r="DNX682" s="613"/>
      <c r="DNY682" s="613"/>
      <c r="DNZ682" s="613"/>
      <c r="DOA682" s="613"/>
      <c r="DOB682" s="613"/>
      <c r="DOC682" s="613"/>
      <c r="DOD682" s="613"/>
      <c r="DOE682" s="613"/>
      <c r="DOF682" s="613"/>
      <c r="DOG682" s="613"/>
      <c r="DOH682" s="613"/>
      <c r="DOI682" s="613"/>
      <c r="DOJ682" s="613"/>
      <c r="DOK682" s="613"/>
      <c r="DOL682" s="613"/>
      <c r="DOM682" s="613"/>
      <c r="DON682" s="613"/>
      <c r="DOO682" s="613"/>
      <c r="DOP682" s="613"/>
      <c r="DOQ682" s="613"/>
      <c r="DOR682" s="613"/>
      <c r="DOS682" s="613"/>
      <c r="DOT682" s="613"/>
      <c r="DOU682" s="613"/>
      <c r="DOV682" s="613"/>
      <c r="DOW682" s="613"/>
      <c r="DOX682" s="613"/>
      <c r="DOY682" s="613"/>
      <c r="DOZ682" s="613"/>
      <c r="DPA682" s="613"/>
      <c r="DPB682" s="613"/>
      <c r="DPC682" s="613"/>
      <c r="DPD682" s="613"/>
      <c r="DPE682" s="613"/>
      <c r="DPF682" s="613"/>
      <c r="DPG682" s="613"/>
      <c r="DPH682" s="613"/>
      <c r="DPI682" s="613"/>
      <c r="DPJ682" s="613"/>
      <c r="DPK682" s="613"/>
      <c r="DPL682" s="613"/>
      <c r="DPM682" s="613"/>
      <c r="DPN682" s="613"/>
      <c r="DPO682" s="613"/>
      <c r="DPP682" s="613"/>
      <c r="DPQ682" s="613"/>
      <c r="DPR682" s="613"/>
      <c r="DPS682" s="613"/>
      <c r="DPT682" s="613"/>
      <c r="DPU682" s="613"/>
      <c r="DPV682" s="613"/>
      <c r="DPW682" s="613"/>
      <c r="DPX682" s="613"/>
      <c r="DPY682" s="613"/>
      <c r="DPZ682" s="613"/>
      <c r="DQA682" s="613"/>
      <c r="DQB682" s="613"/>
      <c r="DQC682" s="613"/>
      <c r="DQD682" s="613"/>
      <c r="DQE682" s="613"/>
      <c r="DQF682" s="613"/>
      <c r="DQG682" s="613"/>
      <c r="DQH682" s="613"/>
      <c r="DQI682" s="613"/>
      <c r="DQJ682" s="613"/>
      <c r="DQK682" s="613"/>
      <c r="DQL682" s="613"/>
      <c r="DQM682" s="613"/>
      <c r="DQN682" s="613"/>
      <c r="DQO682" s="613"/>
      <c r="DQP682" s="613"/>
      <c r="DQQ682" s="613"/>
      <c r="DQR682" s="613"/>
      <c r="DQS682" s="613"/>
      <c r="DQT682" s="613"/>
      <c r="DQU682" s="613"/>
      <c r="DQV682" s="613"/>
      <c r="DQW682" s="613"/>
      <c r="DQX682" s="613"/>
      <c r="DQY682" s="613"/>
      <c r="DQZ682" s="613"/>
      <c r="DRA682" s="613"/>
      <c r="DRB682" s="613"/>
      <c r="DRC682" s="613"/>
      <c r="DRD682" s="613"/>
      <c r="DRE682" s="613"/>
      <c r="DRF682" s="613"/>
      <c r="DRG682" s="613"/>
      <c r="DRH682" s="613"/>
      <c r="DRI682" s="613"/>
      <c r="DRJ682" s="613"/>
      <c r="DRK682" s="613"/>
      <c r="DRL682" s="613"/>
      <c r="DRM682" s="613"/>
      <c r="DRN682" s="613"/>
      <c r="DRO682" s="613"/>
      <c r="DRP682" s="613"/>
      <c r="DRQ682" s="613"/>
      <c r="DRR682" s="613"/>
      <c r="DRS682" s="613"/>
      <c r="DRT682" s="613"/>
      <c r="DRU682" s="613"/>
      <c r="DRV682" s="613"/>
      <c r="DRW682" s="613"/>
      <c r="DRX682" s="613"/>
      <c r="DRY682" s="613"/>
      <c r="DRZ682" s="613"/>
      <c r="DSA682" s="613"/>
      <c r="DSB682" s="613"/>
      <c r="DSC682" s="613"/>
      <c r="DSD682" s="613"/>
      <c r="DSE682" s="613"/>
      <c r="DSF682" s="613"/>
      <c r="DSG682" s="613"/>
      <c r="DSH682" s="613"/>
      <c r="DSI682" s="613"/>
      <c r="DSJ682" s="613"/>
      <c r="DSK682" s="613"/>
      <c r="DSL682" s="613"/>
      <c r="DSM682" s="613"/>
      <c r="DSN682" s="613"/>
      <c r="DSO682" s="613"/>
      <c r="DSP682" s="613"/>
      <c r="DSQ682" s="613"/>
      <c r="DSR682" s="613"/>
      <c r="DSS682" s="613"/>
      <c r="DST682" s="613"/>
      <c r="DSU682" s="613"/>
      <c r="DSV682" s="613"/>
      <c r="DSW682" s="613"/>
      <c r="DSX682" s="613"/>
      <c r="DSY682" s="613"/>
      <c r="DSZ682" s="613"/>
      <c r="DTA682" s="613"/>
      <c r="DTB682" s="613"/>
      <c r="DTC682" s="613"/>
      <c r="DTD682" s="613"/>
      <c r="DTE682" s="613"/>
      <c r="DTF682" s="613"/>
      <c r="DTG682" s="613"/>
      <c r="DTH682" s="613"/>
      <c r="DTI682" s="613"/>
      <c r="DTJ682" s="613"/>
      <c r="DTK682" s="613"/>
      <c r="DTL682" s="613"/>
      <c r="DTM682" s="613"/>
      <c r="DTN682" s="613"/>
      <c r="DTO682" s="613"/>
      <c r="DTP682" s="613"/>
      <c r="DTQ682" s="613"/>
      <c r="DTR682" s="613"/>
      <c r="DTS682" s="613"/>
      <c r="DTT682" s="613"/>
      <c r="DTU682" s="613"/>
      <c r="DTV682" s="613"/>
      <c r="DTW682" s="613"/>
      <c r="DTX682" s="613"/>
      <c r="DTY682" s="613"/>
      <c r="DTZ682" s="613"/>
      <c r="DUA682" s="613"/>
      <c r="DUB682" s="613"/>
      <c r="DUC682" s="613"/>
      <c r="DUD682" s="613"/>
      <c r="DUE682" s="613"/>
      <c r="DUF682" s="613"/>
      <c r="DUG682" s="613"/>
      <c r="DUH682" s="613"/>
      <c r="DUI682" s="613"/>
      <c r="DUJ682" s="613"/>
      <c r="DUK682" s="613"/>
      <c r="DUL682" s="613"/>
      <c r="DUM682" s="613"/>
      <c r="DUN682" s="613"/>
      <c r="DUO682" s="613"/>
      <c r="DUP682" s="613"/>
      <c r="DUQ682" s="613"/>
      <c r="DUR682" s="613"/>
      <c r="DUS682" s="613"/>
      <c r="DUT682" s="613"/>
      <c r="DUU682" s="613"/>
      <c r="DUV682" s="613"/>
      <c r="DUW682" s="613"/>
      <c r="DUX682" s="613"/>
      <c r="DUY682" s="613"/>
      <c r="DUZ682" s="613"/>
      <c r="DVA682" s="613"/>
      <c r="DVB682" s="613"/>
      <c r="DVC682" s="613"/>
      <c r="DVD682" s="613"/>
      <c r="DVE682" s="613"/>
      <c r="DVF682" s="613"/>
      <c r="DVG682" s="613"/>
      <c r="DVH682" s="613"/>
      <c r="DVI682" s="613"/>
      <c r="DVJ682" s="613"/>
      <c r="DVK682" s="613"/>
      <c r="DVL682" s="613"/>
      <c r="DVM682" s="613"/>
      <c r="DVN682" s="613"/>
      <c r="DVO682" s="613"/>
      <c r="DVP682" s="613"/>
      <c r="DVQ682" s="613"/>
      <c r="DVR682" s="613"/>
      <c r="DVS682" s="613"/>
      <c r="DVT682" s="613"/>
      <c r="DVU682" s="613"/>
      <c r="DVV682" s="613"/>
      <c r="DVW682" s="613"/>
      <c r="DVX682" s="613"/>
      <c r="DVY682" s="613"/>
      <c r="DVZ682" s="613"/>
      <c r="DWA682" s="613"/>
      <c r="DWB682" s="613"/>
      <c r="DWC682" s="613"/>
      <c r="DWD682" s="613"/>
      <c r="DWE682" s="613"/>
      <c r="DWF682" s="613"/>
      <c r="DWG682" s="613"/>
      <c r="DWH682" s="613"/>
      <c r="DWI682" s="613"/>
      <c r="DWJ682" s="613"/>
      <c r="DWK682" s="613"/>
      <c r="DWL682" s="613"/>
      <c r="DWM682" s="613"/>
      <c r="DWN682" s="613"/>
      <c r="DWO682" s="613"/>
      <c r="DWP682" s="613"/>
      <c r="DWQ682" s="613"/>
      <c r="DWR682" s="613"/>
      <c r="DWS682" s="613"/>
      <c r="DWT682" s="613"/>
      <c r="DWU682" s="613"/>
      <c r="DWV682" s="613"/>
      <c r="DWW682" s="613"/>
      <c r="DWX682" s="613"/>
      <c r="DWY682" s="613"/>
      <c r="DWZ682" s="613"/>
      <c r="DXA682" s="613"/>
      <c r="DXB682" s="613"/>
      <c r="DXC682" s="613"/>
      <c r="DXD682" s="613"/>
      <c r="DXE682" s="613"/>
      <c r="DXF682" s="613"/>
      <c r="DXG682" s="613"/>
      <c r="DXH682" s="613"/>
      <c r="DXI682" s="613"/>
      <c r="DXJ682" s="613"/>
      <c r="DXK682" s="613"/>
      <c r="DXL682" s="613"/>
      <c r="DXM682" s="613"/>
      <c r="DXN682" s="613"/>
      <c r="DXO682" s="613"/>
      <c r="DXP682" s="613"/>
      <c r="DXQ682" s="613"/>
      <c r="DXR682" s="613"/>
      <c r="DXS682" s="613"/>
      <c r="DXT682" s="613"/>
      <c r="DXU682" s="613"/>
      <c r="DXV682" s="613"/>
      <c r="DXW682" s="613"/>
      <c r="DXX682" s="613"/>
      <c r="DXY682" s="613"/>
      <c r="DXZ682" s="613"/>
      <c r="DYA682" s="613"/>
      <c r="DYB682" s="613"/>
      <c r="DYC682" s="613"/>
      <c r="DYD682" s="613"/>
      <c r="DYE682" s="613"/>
      <c r="DYF682" s="613"/>
      <c r="DYG682" s="613"/>
      <c r="DYH682" s="613"/>
      <c r="DYI682" s="613"/>
      <c r="DYJ682" s="613"/>
      <c r="DYK682" s="613"/>
      <c r="DYL682" s="613"/>
      <c r="DYM682" s="613"/>
      <c r="DYN682" s="613"/>
      <c r="DYO682" s="613"/>
      <c r="DYP682" s="613"/>
      <c r="DYQ682" s="613"/>
      <c r="DYR682" s="613"/>
      <c r="DYS682" s="613"/>
      <c r="DYT682" s="613"/>
      <c r="DYU682" s="613"/>
      <c r="DYV682" s="613"/>
      <c r="DYW682" s="613"/>
      <c r="DYX682" s="613"/>
      <c r="DYY682" s="613"/>
      <c r="DYZ682" s="613"/>
      <c r="DZA682" s="613"/>
      <c r="DZB682" s="613"/>
      <c r="DZC682" s="613"/>
      <c r="DZD682" s="613"/>
      <c r="DZE682" s="613"/>
      <c r="DZF682" s="613"/>
      <c r="DZG682" s="613"/>
      <c r="DZH682" s="613"/>
      <c r="DZI682" s="613"/>
      <c r="DZJ682" s="613"/>
      <c r="DZK682" s="613"/>
      <c r="DZL682" s="613"/>
      <c r="DZM682" s="613"/>
      <c r="DZN682" s="613"/>
      <c r="DZO682" s="613"/>
      <c r="DZP682" s="613"/>
      <c r="DZQ682" s="613"/>
      <c r="DZR682" s="613"/>
      <c r="DZS682" s="613"/>
      <c r="DZT682" s="613"/>
      <c r="DZU682" s="613"/>
      <c r="DZV682" s="613"/>
      <c r="DZW682" s="613"/>
      <c r="DZX682" s="613"/>
      <c r="DZY682" s="613"/>
      <c r="DZZ682" s="613"/>
      <c r="EAA682" s="613"/>
      <c r="EAB682" s="613"/>
      <c r="EAC682" s="613"/>
      <c r="EAD682" s="613"/>
      <c r="EAE682" s="613"/>
      <c r="EAF682" s="613"/>
      <c r="EAG682" s="613"/>
      <c r="EAH682" s="613"/>
      <c r="EAI682" s="613"/>
      <c r="EAJ682" s="613"/>
      <c r="EAK682" s="613"/>
      <c r="EAL682" s="613"/>
      <c r="EAM682" s="613"/>
      <c r="EAN682" s="613"/>
      <c r="EAO682" s="613"/>
      <c r="EAP682" s="613"/>
      <c r="EAQ682" s="613"/>
      <c r="EAR682" s="613"/>
      <c r="EAS682" s="613"/>
      <c r="EAT682" s="613"/>
      <c r="EAU682" s="613"/>
      <c r="EAV682" s="613"/>
      <c r="EAW682" s="613"/>
      <c r="EAX682" s="613"/>
      <c r="EAY682" s="613"/>
      <c r="EAZ682" s="613"/>
      <c r="EBA682" s="613"/>
      <c r="EBB682" s="613"/>
      <c r="EBC682" s="613"/>
      <c r="EBD682" s="613"/>
      <c r="EBE682" s="613"/>
      <c r="EBF682" s="613"/>
      <c r="EBG682" s="613"/>
      <c r="EBH682" s="613"/>
      <c r="EBI682" s="613"/>
      <c r="EBJ682" s="613"/>
      <c r="EBK682" s="613"/>
      <c r="EBL682" s="613"/>
      <c r="EBM682" s="613"/>
      <c r="EBN682" s="613"/>
      <c r="EBO682" s="613"/>
      <c r="EBP682" s="613"/>
      <c r="EBQ682" s="613"/>
      <c r="EBR682" s="613"/>
      <c r="EBS682" s="613"/>
      <c r="EBT682" s="613"/>
      <c r="EBU682" s="613"/>
      <c r="EBV682" s="613"/>
      <c r="EBW682" s="613"/>
      <c r="EBX682" s="613"/>
      <c r="EBY682" s="613"/>
      <c r="EBZ682" s="613"/>
      <c r="ECA682" s="613"/>
      <c r="ECB682" s="613"/>
      <c r="ECC682" s="613"/>
      <c r="ECD682" s="613"/>
      <c r="ECE682" s="613"/>
      <c r="ECF682" s="613"/>
      <c r="ECG682" s="613"/>
      <c r="ECH682" s="613"/>
      <c r="ECI682" s="613"/>
      <c r="ECJ682" s="613"/>
      <c r="ECK682" s="613"/>
      <c r="ECL682" s="613"/>
      <c r="ECM682" s="613"/>
      <c r="ECN682" s="613"/>
      <c r="ECO682" s="613"/>
      <c r="ECP682" s="613"/>
      <c r="ECQ682" s="613"/>
      <c r="ECR682" s="613"/>
      <c r="ECS682" s="613"/>
      <c r="ECT682" s="613"/>
      <c r="ECU682" s="613"/>
      <c r="ECV682" s="613"/>
      <c r="ECW682" s="613"/>
      <c r="ECX682" s="613"/>
      <c r="ECY682" s="613"/>
      <c r="ECZ682" s="613"/>
      <c r="EDA682" s="613"/>
      <c r="EDB682" s="613"/>
      <c r="EDC682" s="613"/>
      <c r="EDD682" s="613"/>
      <c r="EDE682" s="613"/>
      <c r="EDF682" s="613"/>
      <c r="EDG682" s="613"/>
      <c r="EDH682" s="613"/>
      <c r="EDI682" s="613"/>
      <c r="EDJ682" s="613"/>
      <c r="EDK682" s="613"/>
      <c r="EDL682" s="613"/>
      <c r="EDM682" s="613"/>
      <c r="EDN682" s="613"/>
      <c r="EDO682" s="613"/>
      <c r="EDP682" s="613"/>
      <c r="EDQ682" s="613"/>
      <c r="EDR682" s="613"/>
      <c r="EDS682" s="613"/>
      <c r="EDT682" s="613"/>
      <c r="EDU682" s="613"/>
      <c r="EDV682" s="613"/>
      <c r="EDW682" s="613"/>
      <c r="EDX682" s="613"/>
      <c r="EDY682" s="613"/>
      <c r="EDZ682" s="613"/>
      <c r="EEA682" s="613"/>
      <c r="EEB682" s="613"/>
      <c r="EEC682" s="613"/>
      <c r="EED682" s="613"/>
      <c r="EEE682" s="613"/>
      <c r="EEF682" s="613"/>
      <c r="EEG682" s="613"/>
      <c r="EEH682" s="613"/>
      <c r="EEI682" s="613"/>
      <c r="EEJ682" s="613"/>
      <c r="EEK682" s="613"/>
      <c r="EEL682" s="613"/>
      <c r="EEM682" s="613"/>
      <c r="EEN682" s="613"/>
      <c r="EEO682" s="613"/>
      <c r="EEP682" s="613"/>
      <c r="EEQ682" s="613"/>
      <c r="EER682" s="613"/>
      <c r="EES682" s="613"/>
      <c r="EET682" s="613"/>
      <c r="EEU682" s="613"/>
      <c r="EEV682" s="613"/>
      <c r="EEW682" s="613"/>
      <c r="EEX682" s="613"/>
      <c r="EEY682" s="613"/>
      <c r="EEZ682" s="613"/>
      <c r="EFA682" s="613"/>
      <c r="EFB682" s="613"/>
      <c r="EFC682" s="613"/>
      <c r="EFD682" s="613"/>
      <c r="EFE682" s="613"/>
      <c r="EFF682" s="613"/>
      <c r="EFG682" s="613"/>
      <c r="EFH682" s="613"/>
      <c r="EFI682" s="613"/>
      <c r="EFJ682" s="613"/>
      <c r="EFK682" s="613"/>
      <c r="EFL682" s="613"/>
      <c r="EFM682" s="613"/>
      <c r="EFN682" s="613"/>
      <c r="EFO682" s="613"/>
      <c r="EFP682" s="613"/>
      <c r="EFQ682" s="613"/>
      <c r="EFR682" s="613"/>
      <c r="EFS682" s="613"/>
      <c r="EFT682" s="613"/>
      <c r="EFU682" s="613"/>
      <c r="EFV682" s="613"/>
      <c r="EFW682" s="613"/>
      <c r="EFX682" s="613"/>
      <c r="EFY682" s="613"/>
      <c r="EFZ682" s="613"/>
      <c r="EGA682" s="613"/>
      <c r="EGB682" s="613"/>
      <c r="EGC682" s="613"/>
      <c r="EGD682" s="613"/>
      <c r="EGE682" s="613"/>
      <c r="EGF682" s="613"/>
      <c r="EGG682" s="613"/>
      <c r="EGH682" s="613"/>
      <c r="EGI682" s="613"/>
      <c r="EGJ682" s="613"/>
      <c r="EGK682" s="613"/>
      <c r="EGL682" s="613"/>
      <c r="EGM682" s="613"/>
      <c r="EGN682" s="613"/>
      <c r="EGO682" s="613"/>
      <c r="EGP682" s="613"/>
      <c r="EGQ682" s="613"/>
      <c r="EGR682" s="613"/>
      <c r="EGS682" s="613"/>
      <c r="EGT682" s="613"/>
      <c r="EGU682" s="613"/>
      <c r="EGV682" s="613"/>
      <c r="EGW682" s="613"/>
      <c r="EGX682" s="613"/>
      <c r="EGY682" s="613"/>
      <c r="EGZ682" s="613"/>
      <c r="EHA682" s="613"/>
      <c r="EHB682" s="613"/>
      <c r="EHC682" s="613"/>
      <c r="EHD682" s="613"/>
      <c r="EHE682" s="613"/>
      <c r="EHF682" s="613"/>
      <c r="EHG682" s="613"/>
      <c r="EHH682" s="613"/>
      <c r="EHI682" s="613"/>
      <c r="EHJ682" s="613"/>
      <c r="EHK682" s="613"/>
      <c r="EHL682" s="613"/>
      <c r="EHM682" s="613"/>
      <c r="EHN682" s="613"/>
      <c r="EHO682" s="613"/>
      <c r="EHP682" s="613"/>
      <c r="EHQ682" s="613"/>
      <c r="EHR682" s="613"/>
      <c r="EHS682" s="613"/>
      <c r="EHT682" s="613"/>
      <c r="EHU682" s="613"/>
      <c r="EHV682" s="613"/>
      <c r="EHW682" s="613"/>
      <c r="EHX682" s="613"/>
      <c r="EHY682" s="613"/>
      <c r="EHZ682" s="613"/>
      <c r="EIA682" s="613"/>
      <c r="EIB682" s="613"/>
      <c r="EIC682" s="613"/>
      <c r="EID682" s="613"/>
      <c r="EIE682" s="613"/>
      <c r="EIF682" s="613"/>
      <c r="EIG682" s="613"/>
      <c r="EIH682" s="613"/>
      <c r="EII682" s="613"/>
      <c r="EIJ682" s="613"/>
      <c r="EIK682" s="613"/>
      <c r="EIL682" s="613"/>
      <c r="EIM682" s="613"/>
      <c r="EIN682" s="613"/>
      <c r="EIO682" s="613"/>
      <c r="EIP682" s="613"/>
      <c r="EIQ682" s="613"/>
      <c r="EIR682" s="613"/>
      <c r="EIS682" s="613"/>
      <c r="EIT682" s="613"/>
      <c r="EIU682" s="613"/>
      <c r="EIV682" s="613"/>
      <c r="EIW682" s="613"/>
      <c r="EIX682" s="613"/>
      <c r="EIY682" s="613"/>
      <c r="EIZ682" s="613"/>
      <c r="EJA682" s="613"/>
      <c r="EJB682" s="613"/>
      <c r="EJC682" s="613"/>
      <c r="EJD682" s="613"/>
      <c r="EJE682" s="613"/>
      <c r="EJF682" s="613"/>
      <c r="EJG682" s="613"/>
      <c r="EJH682" s="613"/>
      <c r="EJI682" s="613"/>
      <c r="EJJ682" s="613"/>
      <c r="EJK682" s="613"/>
      <c r="EJL682" s="613"/>
      <c r="EJM682" s="613"/>
      <c r="EJN682" s="613"/>
      <c r="EJO682" s="613"/>
      <c r="EJP682" s="613"/>
      <c r="EJQ682" s="613"/>
      <c r="EJR682" s="613"/>
      <c r="EJS682" s="613"/>
      <c r="EJT682" s="613"/>
      <c r="EJU682" s="613"/>
      <c r="EJV682" s="613"/>
      <c r="EJW682" s="613"/>
      <c r="EJX682" s="613"/>
      <c r="EJY682" s="613"/>
      <c r="EJZ682" s="613"/>
      <c r="EKA682" s="613"/>
      <c r="EKB682" s="613"/>
      <c r="EKC682" s="613"/>
      <c r="EKD682" s="613"/>
      <c r="EKE682" s="613"/>
      <c r="EKF682" s="613"/>
      <c r="EKG682" s="613"/>
      <c r="EKH682" s="613"/>
      <c r="EKI682" s="613"/>
      <c r="EKJ682" s="613"/>
      <c r="EKK682" s="613"/>
      <c r="EKL682" s="613"/>
      <c r="EKM682" s="613"/>
      <c r="EKN682" s="613"/>
      <c r="EKO682" s="613"/>
      <c r="EKP682" s="613"/>
      <c r="EKQ682" s="613"/>
      <c r="EKR682" s="613"/>
      <c r="EKS682" s="613"/>
      <c r="EKT682" s="613"/>
      <c r="EKU682" s="613"/>
      <c r="EKV682" s="613"/>
      <c r="EKW682" s="613"/>
      <c r="EKX682" s="613"/>
      <c r="EKY682" s="613"/>
      <c r="EKZ682" s="613"/>
      <c r="ELA682" s="613"/>
      <c r="ELB682" s="613"/>
      <c r="ELC682" s="613"/>
      <c r="ELD682" s="613"/>
      <c r="ELE682" s="613"/>
      <c r="ELF682" s="613"/>
      <c r="ELG682" s="613"/>
      <c r="ELH682" s="613"/>
      <c r="ELI682" s="613"/>
      <c r="ELJ682" s="613"/>
      <c r="ELK682" s="613"/>
      <c r="ELL682" s="613"/>
      <c r="ELM682" s="613"/>
      <c r="ELN682" s="613"/>
      <c r="ELO682" s="613"/>
      <c r="ELP682" s="613"/>
      <c r="ELQ682" s="613"/>
      <c r="ELR682" s="613"/>
      <c r="ELS682" s="613"/>
      <c r="ELT682" s="613"/>
      <c r="ELU682" s="613"/>
      <c r="ELV682" s="613"/>
      <c r="ELW682" s="613"/>
      <c r="ELX682" s="613"/>
      <c r="ELY682" s="613"/>
      <c r="ELZ682" s="613"/>
      <c r="EMA682" s="613"/>
      <c r="EMB682" s="613"/>
      <c r="EMC682" s="613"/>
      <c r="EMD682" s="613"/>
      <c r="EME682" s="613"/>
      <c r="EMF682" s="613"/>
      <c r="EMG682" s="613"/>
      <c r="EMH682" s="613"/>
      <c r="EMI682" s="613"/>
      <c r="EMJ682" s="613"/>
      <c r="EMK682" s="613"/>
      <c r="EML682" s="613"/>
      <c r="EMM682" s="613"/>
      <c r="EMN682" s="613"/>
      <c r="EMO682" s="613"/>
      <c r="EMP682" s="613"/>
      <c r="EMQ682" s="613"/>
      <c r="EMR682" s="613"/>
      <c r="EMS682" s="613"/>
      <c r="EMT682" s="613"/>
      <c r="EMU682" s="613"/>
      <c r="EMV682" s="613"/>
      <c r="EMW682" s="613"/>
      <c r="EMX682" s="613"/>
      <c r="EMY682" s="613"/>
      <c r="EMZ682" s="613"/>
      <c r="ENA682" s="613"/>
      <c r="ENB682" s="613"/>
      <c r="ENC682" s="613"/>
      <c r="END682" s="613"/>
      <c r="ENE682" s="613"/>
      <c r="ENF682" s="613"/>
      <c r="ENG682" s="613"/>
      <c r="ENH682" s="613"/>
      <c r="ENI682" s="613"/>
      <c r="ENJ682" s="613"/>
      <c r="ENK682" s="613"/>
      <c r="ENL682" s="613"/>
      <c r="ENM682" s="613"/>
      <c r="ENN682" s="613"/>
      <c r="ENO682" s="613"/>
      <c r="ENP682" s="613"/>
      <c r="ENQ682" s="613"/>
      <c r="ENR682" s="613"/>
      <c r="ENS682" s="613"/>
      <c r="ENT682" s="613"/>
      <c r="ENU682" s="613"/>
      <c r="ENV682" s="613"/>
      <c r="ENW682" s="613"/>
      <c r="ENX682" s="613"/>
      <c r="ENY682" s="613"/>
      <c r="ENZ682" s="613"/>
      <c r="EOA682" s="613"/>
      <c r="EOB682" s="613"/>
      <c r="EOC682" s="613"/>
      <c r="EOD682" s="613"/>
      <c r="EOE682" s="613"/>
      <c r="EOF682" s="613"/>
      <c r="EOG682" s="613"/>
      <c r="EOH682" s="613"/>
      <c r="EOI682" s="613"/>
      <c r="EOJ682" s="613"/>
      <c r="EOK682" s="613"/>
      <c r="EOL682" s="613"/>
      <c r="EOM682" s="613"/>
      <c r="EON682" s="613"/>
      <c r="EOO682" s="613"/>
      <c r="EOP682" s="613"/>
      <c r="EOQ682" s="613"/>
      <c r="EOR682" s="613"/>
      <c r="EOS682" s="613"/>
      <c r="EOT682" s="613"/>
      <c r="EOU682" s="613"/>
      <c r="EOV682" s="613"/>
      <c r="EOW682" s="613"/>
      <c r="EOX682" s="613"/>
      <c r="EOY682" s="613"/>
      <c r="EOZ682" s="613"/>
      <c r="EPA682" s="613"/>
      <c r="EPB682" s="613"/>
      <c r="EPC682" s="613"/>
      <c r="EPD682" s="613"/>
      <c r="EPE682" s="613"/>
      <c r="EPF682" s="613"/>
      <c r="EPG682" s="613"/>
      <c r="EPH682" s="613"/>
      <c r="EPI682" s="613"/>
      <c r="EPJ682" s="613"/>
      <c r="EPK682" s="613"/>
      <c r="EPL682" s="613"/>
      <c r="EPM682" s="613"/>
      <c r="EPN682" s="613"/>
      <c r="EPO682" s="613"/>
      <c r="EPP682" s="613"/>
      <c r="EPQ682" s="613"/>
      <c r="EPR682" s="613"/>
      <c r="EPS682" s="613"/>
      <c r="EPT682" s="613"/>
      <c r="EPU682" s="613"/>
      <c r="EPV682" s="613"/>
      <c r="EPW682" s="613"/>
      <c r="EPX682" s="613"/>
      <c r="EPY682" s="613"/>
      <c r="EPZ682" s="613"/>
      <c r="EQA682" s="613"/>
      <c r="EQB682" s="613"/>
      <c r="EQC682" s="613"/>
      <c r="EQD682" s="613"/>
      <c r="EQE682" s="613"/>
      <c r="EQF682" s="613"/>
      <c r="EQG682" s="613"/>
      <c r="EQH682" s="613"/>
      <c r="EQI682" s="613"/>
      <c r="EQJ682" s="613"/>
      <c r="EQK682" s="613"/>
      <c r="EQL682" s="613"/>
      <c r="EQM682" s="613"/>
      <c r="EQN682" s="613"/>
      <c r="EQO682" s="613"/>
      <c r="EQP682" s="613"/>
      <c r="EQQ682" s="613"/>
      <c r="EQR682" s="613"/>
      <c r="EQS682" s="613"/>
      <c r="EQT682" s="613"/>
      <c r="EQU682" s="613"/>
      <c r="EQV682" s="613"/>
      <c r="EQW682" s="613"/>
      <c r="EQX682" s="613"/>
      <c r="EQY682" s="613"/>
      <c r="EQZ682" s="613"/>
      <c r="ERA682" s="613"/>
      <c r="ERB682" s="613"/>
      <c r="ERC682" s="613"/>
      <c r="ERD682" s="613"/>
      <c r="ERE682" s="613"/>
      <c r="ERF682" s="613"/>
      <c r="ERG682" s="613"/>
      <c r="ERH682" s="613"/>
      <c r="ERI682" s="613"/>
      <c r="ERJ682" s="613"/>
      <c r="ERK682" s="613"/>
      <c r="ERL682" s="613"/>
      <c r="ERM682" s="613"/>
      <c r="ERN682" s="613"/>
      <c r="ERO682" s="613"/>
      <c r="ERP682" s="613"/>
      <c r="ERQ682" s="613"/>
      <c r="ERR682" s="613"/>
      <c r="ERS682" s="613"/>
      <c r="ERT682" s="613"/>
      <c r="ERU682" s="613"/>
      <c r="ERV682" s="613"/>
      <c r="ERW682" s="613"/>
      <c r="ERX682" s="613"/>
      <c r="ERY682" s="613"/>
      <c r="ERZ682" s="613"/>
      <c r="ESA682" s="613"/>
      <c r="ESB682" s="613"/>
      <c r="ESC682" s="613"/>
      <c r="ESD682" s="613"/>
      <c r="ESE682" s="613"/>
      <c r="ESF682" s="613"/>
      <c r="ESG682" s="613"/>
      <c r="ESH682" s="613"/>
      <c r="ESI682" s="613"/>
      <c r="ESJ682" s="613"/>
      <c r="ESK682" s="613"/>
      <c r="ESL682" s="613"/>
      <c r="ESM682" s="613"/>
      <c r="ESN682" s="613"/>
      <c r="ESO682" s="613"/>
      <c r="ESP682" s="613"/>
      <c r="ESQ682" s="613"/>
      <c r="ESR682" s="613"/>
      <c r="ESS682" s="613"/>
      <c r="EST682" s="613"/>
      <c r="ESU682" s="613"/>
      <c r="ESV682" s="613"/>
      <c r="ESW682" s="613"/>
      <c r="ESX682" s="613"/>
      <c r="ESY682" s="613"/>
      <c r="ESZ682" s="613"/>
      <c r="ETA682" s="613"/>
      <c r="ETB682" s="613"/>
      <c r="ETC682" s="613"/>
      <c r="ETD682" s="613"/>
      <c r="ETE682" s="613"/>
      <c r="ETF682" s="613"/>
      <c r="ETG682" s="613"/>
      <c r="ETH682" s="613"/>
      <c r="ETI682" s="613"/>
      <c r="ETJ682" s="613"/>
      <c r="ETK682" s="613"/>
      <c r="ETL682" s="613"/>
      <c r="ETM682" s="613"/>
      <c r="ETN682" s="613"/>
      <c r="ETO682" s="613"/>
      <c r="ETP682" s="613"/>
      <c r="ETQ682" s="613"/>
      <c r="ETR682" s="613"/>
      <c r="ETS682" s="613"/>
      <c r="ETT682" s="613"/>
      <c r="ETU682" s="613"/>
      <c r="ETV682" s="613"/>
      <c r="ETW682" s="613"/>
      <c r="ETX682" s="613"/>
      <c r="ETY682" s="613"/>
      <c r="ETZ682" s="613"/>
      <c r="EUA682" s="613"/>
      <c r="EUB682" s="613"/>
      <c r="EUC682" s="613"/>
      <c r="EUD682" s="613"/>
      <c r="EUE682" s="613"/>
      <c r="EUF682" s="613"/>
      <c r="EUG682" s="613"/>
      <c r="EUH682" s="613"/>
      <c r="EUI682" s="613"/>
      <c r="EUJ682" s="613"/>
      <c r="EUK682" s="613"/>
      <c r="EUL682" s="613"/>
      <c r="EUM682" s="613"/>
      <c r="EUN682" s="613"/>
      <c r="EUO682" s="613"/>
      <c r="EUP682" s="613"/>
      <c r="EUQ682" s="613"/>
      <c r="EUR682" s="613"/>
      <c r="EUS682" s="613"/>
      <c r="EUT682" s="613"/>
      <c r="EUU682" s="613"/>
      <c r="EUV682" s="613"/>
      <c r="EUW682" s="613"/>
      <c r="EUX682" s="613"/>
      <c r="EUY682" s="613"/>
      <c r="EUZ682" s="613"/>
      <c r="EVA682" s="613"/>
      <c r="EVB682" s="613"/>
      <c r="EVC682" s="613"/>
      <c r="EVD682" s="613"/>
      <c r="EVE682" s="613"/>
      <c r="EVF682" s="613"/>
      <c r="EVG682" s="613"/>
      <c r="EVH682" s="613"/>
      <c r="EVI682" s="613"/>
      <c r="EVJ682" s="613"/>
      <c r="EVK682" s="613"/>
      <c r="EVL682" s="613"/>
      <c r="EVM682" s="613"/>
      <c r="EVN682" s="613"/>
      <c r="EVO682" s="613"/>
      <c r="EVP682" s="613"/>
      <c r="EVQ682" s="613"/>
      <c r="EVR682" s="613"/>
      <c r="EVS682" s="613"/>
      <c r="EVT682" s="613"/>
      <c r="EVU682" s="613"/>
      <c r="EVV682" s="613"/>
      <c r="EVW682" s="613"/>
      <c r="EVX682" s="613"/>
      <c r="EVY682" s="613"/>
      <c r="EVZ682" s="613"/>
      <c r="EWA682" s="613"/>
      <c r="EWB682" s="613"/>
      <c r="EWC682" s="613"/>
      <c r="EWD682" s="613"/>
      <c r="EWE682" s="613"/>
      <c r="EWF682" s="613"/>
      <c r="EWG682" s="613"/>
      <c r="EWH682" s="613"/>
      <c r="EWI682" s="613"/>
      <c r="EWJ682" s="613"/>
      <c r="EWK682" s="613"/>
      <c r="EWL682" s="613"/>
      <c r="EWM682" s="613"/>
      <c r="EWN682" s="613"/>
      <c r="EWO682" s="613"/>
      <c r="EWP682" s="613"/>
      <c r="EWQ682" s="613"/>
      <c r="EWR682" s="613"/>
      <c r="EWS682" s="613"/>
      <c r="EWT682" s="613"/>
      <c r="EWU682" s="613"/>
      <c r="EWV682" s="613"/>
      <c r="EWW682" s="613"/>
      <c r="EWX682" s="613"/>
      <c r="EWY682" s="613"/>
      <c r="EWZ682" s="613"/>
      <c r="EXA682" s="613"/>
      <c r="EXB682" s="613"/>
      <c r="EXC682" s="613"/>
      <c r="EXD682" s="613"/>
      <c r="EXE682" s="613"/>
      <c r="EXF682" s="613"/>
      <c r="EXG682" s="613"/>
      <c r="EXH682" s="613"/>
      <c r="EXI682" s="613"/>
      <c r="EXJ682" s="613"/>
      <c r="EXK682" s="613"/>
      <c r="EXL682" s="613"/>
      <c r="EXM682" s="613"/>
      <c r="EXN682" s="613"/>
      <c r="EXO682" s="613"/>
      <c r="EXP682" s="613"/>
      <c r="EXQ682" s="613"/>
      <c r="EXR682" s="613"/>
      <c r="EXS682" s="613"/>
      <c r="EXT682" s="613"/>
      <c r="EXU682" s="613"/>
      <c r="EXV682" s="613"/>
      <c r="EXW682" s="613"/>
      <c r="EXX682" s="613"/>
      <c r="EXY682" s="613"/>
      <c r="EXZ682" s="613"/>
      <c r="EYA682" s="613"/>
      <c r="EYB682" s="613"/>
      <c r="EYC682" s="613"/>
      <c r="EYD682" s="613"/>
      <c r="EYE682" s="613"/>
      <c r="EYF682" s="613"/>
      <c r="EYG682" s="613"/>
      <c r="EYH682" s="613"/>
      <c r="EYI682" s="613"/>
      <c r="EYJ682" s="613"/>
      <c r="EYK682" s="613"/>
      <c r="EYL682" s="613"/>
      <c r="EYM682" s="613"/>
      <c r="EYN682" s="613"/>
      <c r="EYO682" s="613"/>
      <c r="EYP682" s="613"/>
      <c r="EYQ682" s="613"/>
      <c r="EYR682" s="613"/>
      <c r="EYS682" s="613"/>
      <c r="EYT682" s="613"/>
      <c r="EYU682" s="613"/>
      <c r="EYV682" s="613"/>
      <c r="EYW682" s="613"/>
      <c r="EYX682" s="613"/>
      <c r="EYY682" s="613"/>
      <c r="EYZ682" s="613"/>
      <c r="EZA682" s="613"/>
      <c r="EZB682" s="613"/>
      <c r="EZC682" s="613"/>
      <c r="EZD682" s="613"/>
      <c r="EZE682" s="613"/>
      <c r="EZF682" s="613"/>
      <c r="EZG682" s="613"/>
      <c r="EZH682" s="613"/>
      <c r="EZI682" s="613"/>
      <c r="EZJ682" s="613"/>
      <c r="EZK682" s="613"/>
      <c r="EZL682" s="613"/>
      <c r="EZM682" s="613"/>
      <c r="EZN682" s="613"/>
      <c r="EZO682" s="613"/>
      <c r="EZP682" s="613"/>
      <c r="EZQ682" s="613"/>
      <c r="EZR682" s="613"/>
      <c r="EZS682" s="613"/>
      <c r="EZT682" s="613"/>
      <c r="EZU682" s="613"/>
      <c r="EZV682" s="613"/>
      <c r="EZW682" s="613"/>
      <c r="EZX682" s="613"/>
      <c r="EZY682" s="613"/>
      <c r="EZZ682" s="613"/>
      <c r="FAA682" s="613"/>
      <c r="FAB682" s="613"/>
      <c r="FAC682" s="613"/>
      <c r="FAD682" s="613"/>
      <c r="FAE682" s="613"/>
      <c r="FAF682" s="613"/>
      <c r="FAG682" s="613"/>
      <c r="FAH682" s="613"/>
      <c r="FAI682" s="613"/>
      <c r="FAJ682" s="613"/>
      <c r="FAK682" s="613"/>
      <c r="FAL682" s="613"/>
      <c r="FAM682" s="613"/>
      <c r="FAN682" s="613"/>
      <c r="FAO682" s="613"/>
      <c r="FAP682" s="613"/>
      <c r="FAQ682" s="613"/>
      <c r="FAR682" s="613"/>
      <c r="FAS682" s="613"/>
      <c r="FAT682" s="613"/>
      <c r="FAU682" s="613"/>
      <c r="FAV682" s="613"/>
      <c r="FAW682" s="613"/>
      <c r="FAX682" s="613"/>
      <c r="FAY682" s="613"/>
      <c r="FAZ682" s="613"/>
      <c r="FBA682" s="613"/>
      <c r="FBB682" s="613"/>
      <c r="FBC682" s="613"/>
      <c r="FBD682" s="613"/>
      <c r="FBE682" s="613"/>
      <c r="FBF682" s="613"/>
      <c r="FBG682" s="613"/>
      <c r="FBH682" s="613"/>
      <c r="FBI682" s="613"/>
      <c r="FBJ682" s="613"/>
      <c r="FBK682" s="613"/>
      <c r="FBL682" s="613"/>
      <c r="FBM682" s="613"/>
      <c r="FBN682" s="613"/>
      <c r="FBO682" s="613"/>
      <c r="FBP682" s="613"/>
      <c r="FBQ682" s="613"/>
      <c r="FBR682" s="613"/>
      <c r="FBS682" s="613"/>
      <c r="FBT682" s="613"/>
      <c r="FBU682" s="613"/>
      <c r="FBV682" s="613"/>
      <c r="FBW682" s="613"/>
      <c r="FBX682" s="613"/>
      <c r="FBY682" s="613"/>
      <c r="FBZ682" s="613"/>
      <c r="FCA682" s="613"/>
      <c r="FCB682" s="613"/>
      <c r="FCC682" s="613"/>
      <c r="FCD682" s="613"/>
      <c r="FCE682" s="613"/>
      <c r="FCF682" s="613"/>
      <c r="FCG682" s="613"/>
      <c r="FCH682" s="613"/>
      <c r="FCI682" s="613"/>
      <c r="FCJ682" s="613"/>
      <c r="FCK682" s="613"/>
      <c r="FCL682" s="613"/>
      <c r="FCM682" s="613"/>
      <c r="FCN682" s="613"/>
      <c r="FCO682" s="613"/>
      <c r="FCP682" s="613"/>
      <c r="FCQ682" s="613"/>
      <c r="FCR682" s="613"/>
      <c r="FCS682" s="613"/>
      <c r="FCT682" s="613"/>
      <c r="FCU682" s="613"/>
      <c r="FCV682" s="613"/>
      <c r="FCW682" s="613"/>
      <c r="FCX682" s="613"/>
      <c r="FCY682" s="613"/>
      <c r="FCZ682" s="613"/>
      <c r="FDA682" s="613"/>
      <c r="FDB682" s="613"/>
      <c r="FDC682" s="613"/>
      <c r="FDD682" s="613"/>
      <c r="FDE682" s="613"/>
      <c r="FDF682" s="613"/>
      <c r="FDG682" s="613"/>
      <c r="FDH682" s="613"/>
      <c r="FDI682" s="613"/>
      <c r="FDJ682" s="613"/>
      <c r="FDK682" s="613"/>
      <c r="FDL682" s="613"/>
      <c r="FDM682" s="613"/>
      <c r="FDN682" s="613"/>
      <c r="FDO682" s="613"/>
      <c r="FDP682" s="613"/>
      <c r="FDQ682" s="613"/>
      <c r="FDR682" s="613"/>
      <c r="FDS682" s="613"/>
      <c r="FDT682" s="613"/>
      <c r="FDU682" s="613"/>
      <c r="FDV682" s="613"/>
      <c r="FDW682" s="613"/>
      <c r="FDX682" s="613"/>
      <c r="FDY682" s="613"/>
      <c r="FDZ682" s="613"/>
      <c r="FEA682" s="613"/>
      <c r="FEB682" s="613"/>
      <c r="FEC682" s="613"/>
      <c r="FED682" s="613"/>
      <c r="FEE682" s="613"/>
      <c r="FEF682" s="613"/>
      <c r="FEG682" s="613"/>
      <c r="FEH682" s="613"/>
      <c r="FEI682" s="613"/>
      <c r="FEJ682" s="613"/>
      <c r="FEK682" s="613"/>
      <c r="FEL682" s="613"/>
      <c r="FEM682" s="613"/>
      <c r="FEN682" s="613"/>
      <c r="FEO682" s="613"/>
      <c r="FEP682" s="613"/>
      <c r="FEQ682" s="613"/>
      <c r="FER682" s="613"/>
      <c r="FES682" s="613"/>
      <c r="FET682" s="613"/>
      <c r="FEU682" s="613"/>
      <c r="FEV682" s="613"/>
      <c r="FEW682" s="613"/>
      <c r="FEX682" s="613"/>
      <c r="FEY682" s="613"/>
      <c r="FEZ682" s="613"/>
      <c r="FFA682" s="613"/>
      <c r="FFB682" s="613"/>
      <c r="FFC682" s="613"/>
      <c r="FFD682" s="613"/>
      <c r="FFE682" s="613"/>
      <c r="FFF682" s="613"/>
      <c r="FFG682" s="613"/>
      <c r="FFH682" s="613"/>
      <c r="FFI682" s="613"/>
      <c r="FFJ682" s="613"/>
      <c r="FFK682" s="613"/>
      <c r="FFL682" s="613"/>
      <c r="FFM682" s="613"/>
      <c r="FFN682" s="613"/>
      <c r="FFO682" s="613"/>
      <c r="FFP682" s="613"/>
      <c r="FFQ682" s="613"/>
      <c r="FFR682" s="613"/>
      <c r="FFS682" s="613"/>
      <c r="FFT682" s="613"/>
      <c r="FFU682" s="613"/>
      <c r="FFV682" s="613"/>
      <c r="FFW682" s="613"/>
      <c r="FFX682" s="613"/>
      <c r="FFY682" s="613"/>
      <c r="FFZ682" s="613"/>
      <c r="FGA682" s="613"/>
      <c r="FGB682" s="613"/>
      <c r="FGC682" s="613"/>
      <c r="FGD682" s="613"/>
      <c r="FGE682" s="613"/>
      <c r="FGF682" s="613"/>
      <c r="FGG682" s="613"/>
      <c r="FGH682" s="613"/>
      <c r="FGI682" s="613"/>
      <c r="FGJ682" s="613"/>
      <c r="FGK682" s="613"/>
      <c r="FGL682" s="613"/>
      <c r="FGM682" s="613"/>
      <c r="FGN682" s="613"/>
      <c r="FGO682" s="613"/>
      <c r="FGP682" s="613"/>
      <c r="FGQ682" s="613"/>
      <c r="FGR682" s="613"/>
      <c r="FGS682" s="613"/>
      <c r="FGT682" s="613"/>
      <c r="FGU682" s="613"/>
      <c r="FGV682" s="613"/>
      <c r="FGW682" s="613"/>
      <c r="FGX682" s="613"/>
      <c r="FGY682" s="613"/>
      <c r="FGZ682" s="613"/>
      <c r="FHA682" s="613"/>
      <c r="FHB682" s="613"/>
      <c r="FHC682" s="613"/>
      <c r="FHD682" s="613"/>
      <c r="FHE682" s="613"/>
      <c r="FHF682" s="613"/>
      <c r="FHG682" s="613"/>
      <c r="FHH682" s="613"/>
      <c r="FHI682" s="613"/>
      <c r="FHJ682" s="613"/>
      <c r="FHK682" s="613"/>
      <c r="FHL682" s="613"/>
      <c r="FHM682" s="613"/>
      <c r="FHN682" s="613"/>
      <c r="FHO682" s="613"/>
      <c r="FHP682" s="613"/>
      <c r="FHQ682" s="613"/>
      <c r="FHR682" s="613"/>
      <c r="FHS682" s="613"/>
      <c r="FHT682" s="613"/>
      <c r="FHU682" s="613"/>
      <c r="FHV682" s="613"/>
      <c r="FHW682" s="613"/>
      <c r="FHX682" s="613"/>
      <c r="FHY682" s="613"/>
      <c r="FHZ682" s="613"/>
      <c r="FIA682" s="613"/>
      <c r="FIB682" s="613"/>
      <c r="FIC682" s="613"/>
      <c r="FID682" s="613"/>
      <c r="FIE682" s="613"/>
      <c r="FIF682" s="613"/>
      <c r="FIG682" s="613"/>
      <c r="FIH682" s="613"/>
      <c r="FII682" s="613"/>
      <c r="FIJ682" s="613"/>
      <c r="FIK682" s="613"/>
      <c r="FIL682" s="613"/>
      <c r="FIM682" s="613"/>
      <c r="FIN682" s="613"/>
      <c r="FIO682" s="613"/>
      <c r="FIP682" s="613"/>
      <c r="FIQ682" s="613"/>
      <c r="FIR682" s="613"/>
      <c r="FIS682" s="613"/>
      <c r="FIT682" s="613"/>
      <c r="FIU682" s="613"/>
      <c r="FIV682" s="613"/>
      <c r="FIW682" s="613"/>
      <c r="FIX682" s="613"/>
      <c r="FIY682" s="613"/>
      <c r="FIZ682" s="613"/>
      <c r="FJA682" s="613"/>
      <c r="FJB682" s="613"/>
      <c r="FJC682" s="613"/>
      <c r="FJD682" s="613"/>
      <c r="FJE682" s="613"/>
      <c r="FJF682" s="613"/>
      <c r="FJG682" s="613"/>
      <c r="FJH682" s="613"/>
      <c r="FJI682" s="613"/>
      <c r="FJJ682" s="613"/>
      <c r="FJK682" s="613"/>
      <c r="FJL682" s="613"/>
      <c r="FJM682" s="613"/>
      <c r="FJN682" s="613"/>
      <c r="FJO682" s="613"/>
      <c r="FJP682" s="613"/>
      <c r="FJQ682" s="613"/>
      <c r="FJR682" s="613"/>
      <c r="FJS682" s="613"/>
      <c r="FJT682" s="613"/>
      <c r="FJU682" s="613"/>
      <c r="FJV682" s="613"/>
      <c r="FJW682" s="613"/>
      <c r="FJX682" s="613"/>
      <c r="FJY682" s="613"/>
      <c r="FJZ682" s="613"/>
      <c r="FKA682" s="613"/>
      <c r="FKB682" s="613"/>
      <c r="FKC682" s="613"/>
      <c r="FKD682" s="613"/>
      <c r="FKE682" s="613"/>
      <c r="FKF682" s="613"/>
      <c r="FKG682" s="613"/>
      <c r="FKH682" s="613"/>
      <c r="FKI682" s="613"/>
      <c r="FKJ682" s="613"/>
      <c r="FKK682" s="613"/>
      <c r="FKL682" s="613"/>
      <c r="FKM682" s="613"/>
      <c r="FKN682" s="613"/>
      <c r="FKO682" s="613"/>
      <c r="FKP682" s="613"/>
      <c r="FKQ682" s="613"/>
      <c r="FKR682" s="613"/>
      <c r="FKS682" s="613"/>
      <c r="FKT682" s="613"/>
      <c r="FKU682" s="613"/>
      <c r="FKV682" s="613"/>
      <c r="FKW682" s="613"/>
      <c r="FKX682" s="613"/>
      <c r="FKY682" s="613"/>
      <c r="FKZ682" s="613"/>
      <c r="FLA682" s="613"/>
      <c r="FLB682" s="613"/>
      <c r="FLC682" s="613"/>
      <c r="FLD682" s="613"/>
      <c r="FLE682" s="613"/>
      <c r="FLF682" s="613"/>
      <c r="FLG682" s="613"/>
      <c r="FLH682" s="613"/>
      <c r="FLI682" s="613"/>
      <c r="FLJ682" s="613"/>
      <c r="FLK682" s="613"/>
      <c r="FLL682" s="613"/>
      <c r="FLM682" s="613"/>
      <c r="FLN682" s="613"/>
      <c r="FLO682" s="613"/>
      <c r="FLP682" s="613"/>
      <c r="FLQ682" s="613"/>
      <c r="FLR682" s="613"/>
      <c r="FLS682" s="613"/>
      <c r="FLT682" s="613"/>
      <c r="FLU682" s="613"/>
      <c r="FLV682" s="613"/>
      <c r="FLW682" s="613"/>
      <c r="FLX682" s="613"/>
      <c r="FLY682" s="613"/>
      <c r="FLZ682" s="613"/>
      <c r="FMA682" s="613"/>
      <c r="FMB682" s="613"/>
      <c r="FMC682" s="613"/>
      <c r="FMD682" s="613"/>
      <c r="FME682" s="613"/>
      <c r="FMF682" s="613"/>
      <c r="FMG682" s="613"/>
      <c r="FMH682" s="613"/>
      <c r="FMI682" s="613"/>
      <c r="FMJ682" s="613"/>
      <c r="FMK682" s="613"/>
      <c r="FML682" s="613"/>
      <c r="FMM682" s="613"/>
      <c r="FMN682" s="613"/>
      <c r="FMO682" s="613"/>
      <c r="FMP682" s="613"/>
      <c r="FMQ682" s="613"/>
      <c r="FMR682" s="613"/>
      <c r="FMS682" s="613"/>
      <c r="FMT682" s="613"/>
      <c r="FMU682" s="613"/>
      <c r="FMV682" s="613"/>
      <c r="FMW682" s="613"/>
      <c r="FMX682" s="613"/>
      <c r="FMY682" s="613"/>
      <c r="FMZ682" s="613"/>
      <c r="FNA682" s="613"/>
      <c r="FNB682" s="613"/>
      <c r="FNC682" s="613"/>
      <c r="FND682" s="613"/>
      <c r="FNE682" s="613"/>
      <c r="FNF682" s="613"/>
      <c r="FNG682" s="613"/>
      <c r="FNH682" s="613"/>
      <c r="FNI682" s="613"/>
      <c r="FNJ682" s="613"/>
      <c r="FNK682" s="613"/>
      <c r="FNL682" s="613"/>
      <c r="FNM682" s="613"/>
      <c r="FNN682" s="613"/>
      <c r="FNO682" s="613"/>
      <c r="FNP682" s="613"/>
      <c r="FNQ682" s="613"/>
      <c r="FNR682" s="613"/>
      <c r="FNS682" s="613"/>
      <c r="FNT682" s="613"/>
      <c r="FNU682" s="613"/>
      <c r="FNV682" s="613"/>
      <c r="FNW682" s="613"/>
      <c r="FNX682" s="613"/>
      <c r="FNY682" s="613"/>
      <c r="FNZ682" s="613"/>
      <c r="FOA682" s="613"/>
      <c r="FOB682" s="613"/>
      <c r="FOC682" s="613"/>
      <c r="FOD682" s="613"/>
      <c r="FOE682" s="613"/>
      <c r="FOF682" s="613"/>
      <c r="FOG682" s="613"/>
      <c r="FOH682" s="613"/>
      <c r="FOI682" s="613"/>
      <c r="FOJ682" s="613"/>
      <c r="FOK682" s="613"/>
      <c r="FOL682" s="613"/>
      <c r="FOM682" s="613"/>
      <c r="FON682" s="613"/>
      <c r="FOO682" s="613"/>
      <c r="FOP682" s="613"/>
      <c r="FOQ682" s="613"/>
      <c r="FOR682" s="613"/>
      <c r="FOS682" s="613"/>
      <c r="FOT682" s="613"/>
      <c r="FOU682" s="613"/>
      <c r="FOV682" s="613"/>
      <c r="FOW682" s="613"/>
      <c r="FOX682" s="613"/>
      <c r="FOY682" s="613"/>
      <c r="FOZ682" s="613"/>
      <c r="FPA682" s="613"/>
      <c r="FPB682" s="613"/>
      <c r="FPC682" s="613"/>
      <c r="FPD682" s="613"/>
      <c r="FPE682" s="613"/>
      <c r="FPF682" s="613"/>
      <c r="FPG682" s="613"/>
      <c r="FPH682" s="613"/>
      <c r="FPI682" s="613"/>
      <c r="FPJ682" s="613"/>
      <c r="FPK682" s="613"/>
      <c r="FPL682" s="613"/>
      <c r="FPM682" s="613"/>
      <c r="FPN682" s="613"/>
      <c r="FPO682" s="613"/>
      <c r="FPP682" s="613"/>
      <c r="FPQ682" s="613"/>
      <c r="FPR682" s="613"/>
      <c r="FPS682" s="613"/>
      <c r="FPT682" s="613"/>
      <c r="FPU682" s="613"/>
      <c r="FPV682" s="613"/>
      <c r="FPW682" s="613"/>
      <c r="FPX682" s="613"/>
      <c r="FPY682" s="613"/>
      <c r="FPZ682" s="613"/>
      <c r="FQA682" s="613"/>
      <c r="FQB682" s="613"/>
      <c r="FQC682" s="613"/>
      <c r="FQD682" s="613"/>
      <c r="FQE682" s="613"/>
      <c r="FQF682" s="613"/>
      <c r="FQG682" s="613"/>
      <c r="FQH682" s="613"/>
      <c r="FQI682" s="613"/>
      <c r="FQJ682" s="613"/>
      <c r="FQK682" s="613"/>
      <c r="FQL682" s="613"/>
      <c r="FQM682" s="613"/>
      <c r="FQN682" s="613"/>
      <c r="FQO682" s="613"/>
      <c r="FQP682" s="613"/>
      <c r="FQQ682" s="613"/>
      <c r="FQR682" s="613"/>
      <c r="FQS682" s="613"/>
      <c r="FQT682" s="613"/>
      <c r="FQU682" s="613"/>
      <c r="FQV682" s="613"/>
      <c r="FQW682" s="613"/>
      <c r="FQX682" s="613"/>
      <c r="FQY682" s="613"/>
      <c r="FQZ682" s="613"/>
      <c r="FRA682" s="613"/>
      <c r="FRB682" s="613"/>
      <c r="FRC682" s="613"/>
      <c r="FRD682" s="613"/>
      <c r="FRE682" s="613"/>
      <c r="FRF682" s="613"/>
      <c r="FRG682" s="613"/>
      <c r="FRH682" s="613"/>
      <c r="FRI682" s="613"/>
      <c r="FRJ682" s="613"/>
      <c r="FRK682" s="613"/>
      <c r="FRL682" s="613"/>
      <c r="FRM682" s="613"/>
      <c r="FRN682" s="613"/>
      <c r="FRO682" s="613"/>
      <c r="FRP682" s="613"/>
      <c r="FRQ682" s="613"/>
      <c r="FRR682" s="613"/>
      <c r="FRS682" s="613"/>
      <c r="FRT682" s="613"/>
      <c r="FRU682" s="613"/>
      <c r="FRV682" s="613"/>
      <c r="FRW682" s="613"/>
      <c r="FRX682" s="613"/>
      <c r="FRY682" s="613"/>
      <c r="FRZ682" s="613"/>
      <c r="FSA682" s="613"/>
      <c r="FSB682" s="613"/>
      <c r="FSC682" s="613"/>
      <c r="FSD682" s="613"/>
      <c r="FSE682" s="613"/>
      <c r="FSF682" s="613"/>
      <c r="FSG682" s="613"/>
      <c r="FSH682" s="613"/>
      <c r="FSI682" s="613"/>
      <c r="FSJ682" s="613"/>
      <c r="FSK682" s="613"/>
      <c r="FSL682" s="613"/>
      <c r="FSM682" s="613"/>
      <c r="FSN682" s="613"/>
      <c r="FSO682" s="613"/>
      <c r="FSP682" s="613"/>
      <c r="FSQ682" s="613"/>
      <c r="FSR682" s="613"/>
      <c r="FSS682" s="613"/>
      <c r="FST682" s="613"/>
      <c r="FSU682" s="613"/>
      <c r="FSV682" s="613"/>
      <c r="FSW682" s="613"/>
      <c r="FSX682" s="613"/>
      <c r="FSY682" s="613"/>
      <c r="FSZ682" s="613"/>
      <c r="FTA682" s="613"/>
      <c r="FTB682" s="613"/>
      <c r="FTC682" s="613"/>
      <c r="FTD682" s="613"/>
      <c r="FTE682" s="613"/>
      <c r="FTF682" s="613"/>
      <c r="FTG682" s="613"/>
      <c r="FTH682" s="613"/>
      <c r="FTI682" s="613"/>
      <c r="FTJ682" s="613"/>
      <c r="FTK682" s="613"/>
      <c r="FTL682" s="613"/>
      <c r="FTM682" s="613"/>
      <c r="FTN682" s="613"/>
      <c r="FTO682" s="613"/>
      <c r="FTP682" s="613"/>
      <c r="FTQ682" s="613"/>
      <c r="FTR682" s="613"/>
      <c r="FTS682" s="613"/>
      <c r="FTT682" s="613"/>
      <c r="FTU682" s="613"/>
      <c r="FTV682" s="613"/>
      <c r="FTW682" s="613"/>
      <c r="FTX682" s="613"/>
      <c r="FTY682" s="613"/>
      <c r="FTZ682" s="613"/>
      <c r="FUA682" s="613"/>
      <c r="FUB682" s="613"/>
      <c r="FUC682" s="613"/>
      <c r="FUD682" s="613"/>
      <c r="FUE682" s="613"/>
      <c r="FUF682" s="613"/>
      <c r="FUG682" s="613"/>
      <c r="FUH682" s="613"/>
      <c r="FUI682" s="613"/>
      <c r="FUJ682" s="613"/>
      <c r="FUK682" s="613"/>
      <c r="FUL682" s="613"/>
      <c r="FUM682" s="613"/>
      <c r="FUN682" s="613"/>
      <c r="FUO682" s="613"/>
      <c r="FUP682" s="613"/>
      <c r="FUQ682" s="613"/>
      <c r="FUR682" s="613"/>
      <c r="FUS682" s="613"/>
      <c r="FUT682" s="613"/>
      <c r="FUU682" s="613"/>
      <c r="FUV682" s="613"/>
      <c r="FUW682" s="613"/>
      <c r="FUX682" s="613"/>
      <c r="FUY682" s="613"/>
      <c r="FUZ682" s="613"/>
      <c r="FVA682" s="613"/>
      <c r="FVB682" s="613"/>
      <c r="FVC682" s="613"/>
      <c r="FVD682" s="613"/>
      <c r="FVE682" s="613"/>
      <c r="FVF682" s="613"/>
      <c r="FVG682" s="613"/>
      <c r="FVH682" s="613"/>
      <c r="FVI682" s="613"/>
      <c r="FVJ682" s="613"/>
      <c r="FVK682" s="613"/>
      <c r="FVL682" s="613"/>
      <c r="FVM682" s="613"/>
      <c r="FVN682" s="613"/>
      <c r="FVO682" s="613"/>
      <c r="FVP682" s="613"/>
      <c r="FVQ682" s="613"/>
      <c r="FVR682" s="613"/>
      <c r="FVS682" s="613"/>
      <c r="FVT682" s="613"/>
      <c r="FVU682" s="613"/>
      <c r="FVV682" s="613"/>
      <c r="FVW682" s="613"/>
      <c r="FVX682" s="613"/>
      <c r="FVY682" s="613"/>
      <c r="FVZ682" s="613"/>
      <c r="FWA682" s="613"/>
      <c r="FWB682" s="613"/>
      <c r="FWC682" s="613"/>
      <c r="FWD682" s="613"/>
      <c r="FWE682" s="613"/>
      <c r="FWF682" s="613"/>
      <c r="FWG682" s="613"/>
      <c r="FWH682" s="613"/>
      <c r="FWI682" s="613"/>
      <c r="FWJ682" s="613"/>
      <c r="FWK682" s="613"/>
      <c r="FWL682" s="613"/>
      <c r="FWM682" s="613"/>
      <c r="FWN682" s="613"/>
      <c r="FWO682" s="613"/>
      <c r="FWP682" s="613"/>
      <c r="FWQ682" s="613"/>
      <c r="FWR682" s="613"/>
      <c r="FWS682" s="613"/>
      <c r="FWT682" s="613"/>
      <c r="FWU682" s="613"/>
      <c r="FWV682" s="613"/>
      <c r="FWW682" s="613"/>
      <c r="FWX682" s="613"/>
      <c r="FWY682" s="613"/>
      <c r="FWZ682" s="613"/>
      <c r="FXA682" s="613"/>
      <c r="FXB682" s="613"/>
      <c r="FXC682" s="613"/>
      <c r="FXD682" s="613"/>
      <c r="FXE682" s="613"/>
      <c r="FXF682" s="613"/>
      <c r="FXG682" s="613"/>
      <c r="FXH682" s="613"/>
      <c r="FXI682" s="613"/>
      <c r="FXJ682" s="613"/>
      <c r="FXK682" s="613"/>
      <c r="FXL682" s="613"/>
      <c r="FXM682" s="613"/>
      <c r="FXN682" s="613"/>
      <c r="FXO682" s="613"/>
      <c r="FXP682" s="613"/>
      <c r="FXQ682" s="613"/>
      <c r="FXR682" s="613"/>
      <c r="FXS682" s="613"/>
      <c r="FXT682" s="613"/>
      <c r="FXU682" s="613"/>
      <c r="FXV682" s="613"/>
      <c r="FXW682" s="613"/>
      <c r="FXX682" s="613"/>
      <c r="FXY682" s="613"/>
      <c r="FXZ682" s="613"/>
      <c r="FYA682" s="613"/>
      <c r="FYB682" s="613"/>
      <c r="FYC682" s="613"/>
      <c r="FYD682" s="613"/>
      <c r="FYE682" s="613"/>
      <c r="FYF682" s="613"/>
      <c r="FYG682" s="613"/>
      <c r="FYH682" s="613"/>
      <c r="FYI682" s="613"/>
      <c r="FYJ682" s="613"/>
      <c r="FYK682" s="613"/>
      <c r="FYL682" s="613"/>
      <c r="FYM682" s="613"/>
      <c r="FYN682" s="613"/>
      <c r="FYO682" s="613"/>
      <c r="FYP682" s="613"/>
      <c r="FYQ682" s="613"/>
      <c r="FYR682" s="613"/>
      <c r="FYS682" s="613"/>
      <c r="FYT682" s="613"/>
      <c r="FYU682" s="613"/>
      <c r="FYV682" s="613"/>
      <c r="FYW682" s="613"/>
      <c r="FYX682" s="613"/>
      <c r="FYY682" s="613"/>
      <c r="FYZ682" s="613"/>
      <c r="FZA682" s="613"/>
      <c r="FZB682" s="613"/>
      <c r="FZC682" s="613"/>
      <c r="FZD682" s="613"/>
      <c r="FZE682" s="613"/>
      <c r="FZF682" s="613"/>
      <c r="FZG682" s="613"/>
      <c r="FZH682" s="613"/>
      <c r="FZI682" s="613"/>
      <c r="FZJ682" s="613"/>
      <c r="FZK682" s="613"/>
      <c r="FZL682" s="613"/>
      <c r="FZM682" s="613"/>
      <c r="FZN682" s="613"/>
      <c r="FZO682" s="613"/>
      <c r="FZP682" s="613"/>
      <c r="FZQ682" s="613"/>
      <c r="FZR682" s="613"/>
      <c r="FZS682" s="613"/>
      <c r="FZT682" s="613"/>
      <c r="FZU682" s="613"/>
      <c r="FZV682" s="613"/>
      <c r="FZW682" s="613"/>
      <c r="FZX682" s="613"/>
      <c r="FZY682" s="613"/>
      <c r="FZZ682" s="613"/>
      <c r="GAA682" s="613"/>
      <c r="GAB682" s="613"/>
      <c r="GAC682" s="613"/>
      <c r="GAD682" s="613"/>
      <c r="GAE682" s="613"/>
      <c r="GAF682" s="613"/>
      <c r="GAG682" s="613"/>
      <c r="GAH682" s="613"/>
      <c r="GAI682" s="613"/>
      <c r="GAJ682" s="613"/>
      <c r="GAK682" s="613"/>
      <c r="GAL682" s="613"/>
      <c r="GAM682" s="613"/>
      <c r="GAN682" s="613"/>
      <c r="GAO682" s="613"/>
      <c r="GAP682" s="613"/>
      <c r="GAQ682" s="613"/>
      <c r="GAR682" s="613"/>
      <c r="GAS682" s="613"/>
      <c r="GAT682" s="613"/>
      <c r="GAU682" s="613"/>
      <c r="GAV682" s="613"/>
      <c r="GAW682" s="613"/>
      <c r="GAX682" s="613"/>
      <c r="GAY682" s="613"/>
      <c r="GAZ682" s="613"/>
      <c r="GBA682" s="613"/>
      <c r="GBB682" s="613"/>
      <c r="GBC682" s="613"/>
      <c r="GBD682" s="613"/>
      <c r="GBE682" s="613"/>
      <c r="GBF682" s="613"/>
      <c r="GBG682" s="613"/>
      <c r="GBH682" s="613"/>
      <c r="GBI682" s="613"/>
      <c r="GBJ682" s="613"/>
      <c r="GBK682" s="613"/>
      <c r="GBL682" s="613"/>
      <c r="GBM682" s="613"/>
      <c r="GBN682" s="613"/>
      <c r="GBO682" s="613"/>
      <c r="GBP682" s="613"/>
      <c r="GBQ682" s="613"/>
      <c r="GBR682" s="613"/>
      <c r="GBS682" s="613"/>
      <c r="GBT682" s="613"/>
      <c r="GBU682" s="613"/>
      <c r="GBV682" s="613"/>
      <c r="GBW682" s="613"/>
      <c r="GBX682" s="613"/>
      <c r="GBY682" s="613"/>
      <c r="GBZ682" s="613"/>
      <c r="GCA682" s="613"/>
      <c r="GCB682" s="613"/>
      <c r="GCC682" s="613"/>
      <c r="GCD682" s="613"/>
      <c r="GCE682" s="613"/>
      <c r="GCF682" s="613"/>
      <c r="GCG682" s="613"/>
      <c r="GCH682" s="613"/>
      <c r="GCI682" s="613"/>
      <c r="GCJ682" s="613"/>
      <c r="GCK682" s="613"/>
      <c r="GCL682" s="613"/>
      <c r="GCM682" s="613"/>
      <c r="GCN682" s="613"/>
      <c r="GCO682" s="613"/>
      <c r="GCP682" s="613"/>
      <c r="GCQ682" s="613"/>
      <c r="GCR682" s="613"/>
      <c r="GCS682" s="613"/>
      <c r="GCT682" s="613"/>
      <c r="GCU682" s="613"/>
      <c r="GCV682" s="613"/>
      <c r="GCW682" s="613"/>
      <c r="GCX682" s="613"/>
      <c r="GCY682" s="613"/>
      <c r="GCZ682" s="613"/>
      <c r="GDA682" s="613"/>
      <c r="GDB682" s="613"/>
      <c r="GDC682" s="613"/>
      <c r="GDD682" s="613"/>
      <c r="GDE682" s="613"/>
      <c r="GDF682" s="613"/>
      <c r="GDG682" s="613"/>
      <c r="GDH682" s="613"/>
      <c r="GDI682" s="613"/>
      <c r="GDJ682" s="613"/>
      <c r="GDK682" s="613"/>
      <c r="GDL682" s="613"/>
      <c r="GDM682" s="613"/>
      <c r="GDN682" s="613"/>
      <c r="GDO682" s="613"/>
      <c r="GDP682" s="613"/>
      <c r="GDQ682" s="613"/>
      <c r="GDR682" s="613"/>
      <c r="GDS682" s="613"/>
      <c r="GDT682" s="613"/>
      <c r="GDU682" s="613"/>
      <c r="GDV682" s="613"/>
      <c r="GDW682" s="613"/>
      <c r="GDX682" s="613"/>
      <c r="GDY682" s="613"/>
      <c r="GDZ682" s="613"/>
      <c r="GEA682" s="613"/>
      <c r="GEB682" s="613"/>
      <c r="GEC682" s="613"/>
      <c r="GED682" s="613"/>
      <c r="GEE682" s="613"/>
      <c r="GEF682" s="613"/>
      <c r="GEG682" s="613"/>
      <c r="GEH682" s="613"/>
      <c r="GEI682" s="613"/>
      <c r="GEJ682" s="613"/>
      <c r="GEK682" s="613"/>
      <c r="GEL682" s="613"/>
      <c r="GEM682" s="613"/>
      <c r="GEN682" s="613"/>
      <c r="GEO682" s="613"/>
      <c r="GEP682" s="613"/>
      <c r="GEQ682" s="613"/>
      <c r="GER682" s="613"/>
      <c r="GES682" s="613"/>
      <c r="GET682" s="613"/>
      <c r="GEU682" s="613"/>
      <c r="GEV682" s="613"/>
      <c r="GEW682" s="613"/>
      <c r="GEX682" s="613"/>
      <c r="GEY682" s="613"/>
      <c r="GEZ682" s="613"/>
      <c r="GFA682" s="613"/>
      <c r="GFB682" s="613"/>
      <c r="GFC682" s="613"/>
      <c r="GFD682" s="613"/>
      <c r="GFE682" s="613"/>
      <c r="GFF682" s="613"/>
      <c r="GFG682" s="613"/>
      <c r="GFH682" s="613"/>
      <c r="GFI682" s="613"/>
      <c r="GFJ682" s="613"/>
      <c r="GFK682" s="613"/>
      <c r="GFL682" s="613"/>
      <c r="GFM682" s="613"/>
      <c r="GFN682" s="613"/>
      <c r="GFO682" s="613"/>
      <c r="GFP682" s="613"/>
      <c r="GFQ682" s="613"/>
      <c r="GFR682" s="613"/>
      <c r="GFS682" s="613"/>
      <c r="GFT682" s="613"/>
      <c r="GFU682" s="613"/>
      <c r="GFV682" s="613"/>
      <c r="GFW682" s="613"/>
      <c r="GFX682" s="613"/>
      <c r="GFY682" s="613"/>
      <c r="GFZ682" s="613"/>
      <c r="GGA682" s="613"/>
      <c r="GGB682" s="613"/>
      <c r="GGC682" s="613"/>
      <c r="GGD682" s="613"/>
      <c r="GGE682" s="613"/>
      <c r="GGF682" s="613"/>
      <c r="GGG682" s="613"/>
      <c r="GGH682" s="613"/>
      <c r="GGI682" s="613"/>
      <c r="GGJ682" s="613"/>
      <c r="GGK682" s="613"/>
      <c r="GGL682" s="613"/>
      <c r="GGM682" s="613"/>
      <c r="GGN682" s="613"/>
      <c r="GGO682" s="613"/>
      <c r="GGP682" s="613"/>
      <c r="GGQ682" s="613"/>
      <c r="GGR682" s="613"/>
      <c r="GGS682" s="613"/>
      <c r="GGT682" s="613"/>
      <c r="GGU682" s="613"/>
      <c r="GGV682" s="613"/>
      <c r="GGW682" s="613"/>
      <c r="GGX682" s="613"/>
      <c r="GGY682" s="613"/>
      <c r="GGZ682" s="613"/>
      <c r="GHA682" s="613"/>
      <c r="GHB682" s="613"/>
      <c r="GHC682" s="613"/>
      <c r="GHD682" s="613"/>
      <c r="GHE682" s="613"/>
      <c r="GHF682" s="613"/>
      <c r="GHG682" s="613"/>
      <c r="GHH682" s="613"/>
      <c r="GHI682" s="613"/>
      <c r="GHJ682" s="613"/>
      <c r="GHK682" s="613"/>
      <c r="GHL682" s="613"/>
      <c r="GHM682" s="613"/>
      <c r="GHN682" s="613"/>
      <c r="GHO682" s="613"/>
      <c r="GHP682" s="613"/>
      <c r="GHQ682" s="613"/>
      <c r="GHR682" s="613"/>
      <c r="GHS682" s="613"/>
      <c r="GHT682" s="613"/>
      <c r="GHU682" s="613"/>
      <c r="GHV682" s="613"/>
      <c r="GHW682" s="613"/>
      <c r="GHX682" s="613"/>
      <c r="GHY682" s="613"/>
      <c r="GHZ682" s="613"/>
      <c r="GIA682" s="613"/>
      <c r="GIB682" s="613"/>
      <c r="GIC682" s="613"/>
      <c r="GID682" s="613"/>
      <c r="GIE682" s="613"/>
      <c r="GIF682" s="613"/>
      <c r="GIG682" s="613"/>
      <c r="GIH682" s="613"/>
      <c r="GII682" s="613"/>
      <c r="GIJ682" s="613"/>
      <c r="GIK682" s="613"/>
      <c r="GIL682" s="613"/>
      <c r="GIM682" s="613"/>
      <c r="GIN682" s="613"/>
      <c r="GIO682" s="613"/>
      <c r="GIP682" s="613"/>
      <c r="GIQ682" s="613"/>
      <c r="GIR682" s="613"/>
      <c r="GIS682" s="613"/>
      <c r="GIT682" s="613"/>
      <c r="GIU682" s="613"/>
      <c r="GIV682" s="613"/>
      <c r="GIW682" s="613"/>
      <c r="GIX682" s="613"/>
      <c r="GIY682" s="613"/>
      <c r="GIZ682" s="613"/>
      <c r="GJA682" s="613"/>
      <c r="GJB682" s="613"/>
      <c r="GJC682" s="613"/>
      <c r="GJD682" s="613"/>
      <c r="GJE682" s="613"/>
      <c r="GJF682" s="613"/>
      <c r="GJG682" s="613"/>
      <c r="GJH682" s="613"/>
      <c r="GJI682" s="613"/>
      <c r="GJJ682" s="613"/>
      <c r="GJK682" s="613"/>
      <c r="GJL682" s="613"/>
      <c r="GJM682" s="613"/>
      <c r="GJN682" s="613"/>
      <c r="GJO682" s="613"/>
      <c r="GJP682" s="613"/>
      <c r="GJQ682" s="613"/>
      <c r="GJR682" s="613"/>
      <c r="GJS682" s="613"/>
      <c r="GJT682" s="613"/>
      <c r="GJU682" s="613"/>
      <c r="GJV682" s="613"/>
      <c r="GJW682" s="613"/>
      <c r="GJX682" s="613"/>
      <c r="GJY682" s="613"/>
      <c r="GJZ682" s="613"/>
      <c r="GKA682" s="613"/>
      <c r="GKB682" s="613"/>
      <c r="GKC682" s="613"/>
      <c r="GKD682" s="613"/>
      <c r="GKE682" s="613"/>
      <c r="GKF682" s="613"/>
      <c r="GKG682" s="613"/>
      <c r="GKH682" s="613"/>
      <c r="GKI682" s="613"/>
      <c r="GKJ682" s="613"/>
      <c r="GKK682" s="613"/>
      <c r="GKL682" s="613"/>
      <c r="GKM682" s="613"/>
      <c r="GKN682" s="613"/>
      <c r="GKO682" s="613"/>
      <c r="GKP682" s="613"/>
      <c r="GKQ682" s="613"/>
      <c r="GKR682" s="613"/>
      <c r="GKS682" s="613"/>
      <c r="GKT682" s="613"/>
      <c r="GKU682" s="613"/>
      <c r="GKV682" s="613"/>
      <c r="GKW682" s="613"/>
      <c r="GKX682" s="613"/>
      <c r="GKY682" s="613"/>
      <c r="GKZ682" s="613"/>
      <c r="GLA682" s="613"/>
      <c r="GLB682" s="613"/>
      <c r="GLC682" s="613"/>
      <c r="GLD682" s="613"/>
      <c r="GLE682" s="613"/>
      <c r="GLF682" s="613"/>
      <c r="GLG682" s="613"/>
      <c r="GLH682" s="613"/>
      <c r="GLI682" s="613"/>
      <c r="GLJ682" s="613"/>
      <c r="GLK682" s="613"/>
      <c r="GLL682" s="613"/>
      <c r="GLM682" s="613"/>
      <c r="GLN682" s="613"/>
      <c r="GLO682" s="613"/>
      <c r="GLP682" s="613"/>
      <c r="GLQ682" s="613"/>
      <c r="GLR682" s="613"/>
      <c r="GLS682" s="613"/>
      <c r="GLT682" s="613"/>
      <c r="GLU682" s="613"/>
      <c r="GLV682" s="613"/>
      <c r="GLW682" s="613"/>
      <c r="GLX682" s="613"/>
      <c r="GLY682" s="613"/>
      <c r="GLZ682" s="613"/>
      <c r="GMA682" s="613"/>
      <c r="GMB682" s="613"/>
      <c r="GMC682" s="613"/>
      <c r="GMD682" s="613"/>
      <c r="GME682" s="613"/>
      <c r="GMF682" s="613"/>
      <c r="GMG682" s="613"/>
      <c r="GMH682" s="613"/>
      <c r="GMI682" s="613"/>
      <c r="GMJ682" s="613"/>
      <c r="GMK682" s="613"/>
      <c r="GML682" s="613"/>
      <c r="GMM682" s="613"/>
      <c r="GMN682" s="613"/>
      <c r="GMO682" s="613"/>
      <c r="GMP682" s="613"/>
      <c r="GMQ682" s="613"/>
      <c r="GMR682" s="613"/>
      <c r="GMS682" s="613"/>
      <c r="GMT682" s="613"/>
      <c r="GMU682" s="613"/>
      <c r="GMV682" s="613"/>
      <c r="GMW682" s="613"/>
      <c r="GMX682" s="613"/>
      <c r="GMY682" s="613"/>
      <c r="GMZ682" s="613"/>
      <c r="GNA682" s="613"/>
      <c r="GNB682" s="613"/>
      <c r="GNC682" s="613"/>
      <c r="GND682" s="613"/>
      <c r="GNE682" s="613"/>
      <c r="GNF682" s="613"/>
      <c r="GNG682" s="613"/>
      <c r="GNH682" s="613"/>
      <c r="GNI682" s="613"/>
      <c r="GNJ682" s="613"/>
      <c r="GNK682" s="613"/>
      <c r="GNL682" s="613"/>
      <c r="GNM682" s="613"/>
      <c r="GNN682" s="613"/>
      <c r="GNO682" s="613"/>
      <c r="GNP682" s="613"/>
      <c r="GNQ682" s="613"/>
      <c r="GNR682" s="613"/>
      <c r="GNS682" s="613"/>
      <c r="GNT682" s="613"/>
      <c r="GNU682" s="613"/>
      <c r="GNV682" s="613"/>
      <c r="GNW682" s="613"/>
      <c r="GNX682" s="613"/>
      <c r="GNY682" s="613"/>
      <c r="GNZ682" s="613"/>
      <c r="GOA682" s="613"/>
      <c r="GOB682" s="613"/>
      <c r="GOC682" s="613"/>
      <c r="GOD682" s="613"/>
      <c r="GOE682" s="613"/>
      <c r="GOF682" s="613"/>
      <c r="GOG682" s="613"/>
      <c r="GOH682" s="613"/>
      <c r="GOI682" s="613"/>
      <c r="GOJ682" s="613"/>
      <c r="GOK682" s="613"/>
      <c r="GOL682" s="613"/>
      <c r="GOM682" s="613"/>
      <c r="GON682" s="613"/>
      <c r="GOO682" s="613"/>
      <c r="GOP682" s="613"/>
      <c r="GOQ682" s="613"/>
      <c r="GOR682" s="613"/>
      <c r="GOS682" s="613"/>
      <c r="GOT682" s="613"/>
      <c r="GOU682" s="613"/>
      <c r="GOV682" s="613"/>
      <c r="GOW682" s="613"/>
      <c r="GOX682" s="613"/>
      <c r="GOY682" s="613"/>
      <c r="GOZ682" s="613"/>
      <c r="GPA682" s="613"/>
      <c r="GPB682" s="613"/>
      <c r="GPC682" s="613"/>
      <c r="GPD682" s="613"/>
      <c r="GPE682" s="613"/>
      <c r="GPF682" s="613"/>
      <c r="GPG682" s="613"/>
      <c r="GPH682" s="613"/>
      <c r="GPI682" s="613"/>
      <c r="GPJ682" s="613"/>
      <c r="GPK682" s="613"/>
      <c r="GPL682" s="613"/>
      <c r="GPM682" s="613"/>
      <c r="GPN682" s="613"/>
      <c r="GPO682" s="613"/>
      <c r="GPP682" s="613"/>
      <c r="GPQ682" s="613"/>
      <c r="GPR682" s="613"/>
      <c r="GPS682" s="613"/>
      <c r="GPT682" s="613"/>
      <c r="GPU682" s="613"/>
      <c r="GPV682" s="613"/>
      <c r="GPW682" s="613"/>
      <c r="GPX682" s="613"/>
      <c r="GPY682" s="613"/>
      <c r="GPZ682" s="613"/>
      <c r="GQA682" s="613"/>
      <c r="GQB682" s="613"/>
      <c r="GQC682" s="613"/>
      <c r="GQD682" s="613"/>
      <c r="GQE682" s="613"/>
      <c r="GQF682" s="613"/>
      <c r="GQG682" s="613"/>
      <c r="GQH682" s="613"/>
      <c r="GQI682" s="613"/>
      <c r="GQJ682" s="613"/>
      <c r="GQK682" s="613"/>
      <c r="GQL682" s="613"/>
      <c r="GQM682" s="613"/>
      <c r="GQN682" s="613"/>
      <c r="GQO682" s="613"/>
      <c r="GQP682" s="613"/>
      <c r="GQQ682" s="613"/>
      <c r="GQR682" s="613"/>
      <c r="GQS682" s="613"/>
      <c r="GQT682" s="613"/>
      <c r="GQU682" s="613"/>
      <c r="GQV682" s="613"/>
      <c r="GQW682" s="613"/>
      <c r="GQX682" s="613"/>
      <c r="GQY682" s="613"/>
      <c r="GQZ682" s="613"/>
      <c r="GRA682" s="613"/>
      <c r="GRB682" s="613"/>
      <c r="GRC682" s="613"/>
      <c r="GRD682" s="613"/>
      <c r="GRE682" s="613"/>
      <c r="GRF682" s="613"/>
      <c r="GRG682" s="613"/>
      <c r="GRH682" s="613"/>
      <c r="GRI682" s="613"/>
      <c r="GRJ682" s="613"/>
      <c r="GRK682" s="613"/>
      <c r="GRL682" s="613"/>
      <c r="GRM682" s="613"/>
      <c r="GRN682" s="613"/>
      <c r="GRO682" s="613"/>
      <c r="GRP682" s="613"/>
      <c r="GRQ682" s="613"/>
      <c r="GRR682" s="613"/>
      <c r="GRS682" s="613"/>
      <c r="GRT682" s="613"/>
      <c r="GRU682" s="613"/>
      <c r="GRV682" s="613"/>
      <c r="GRW682" s="613"/>
      <c r="GRX682" s="613"/>
      <c r="GRY682" s="613"/>
      <c r="GRZ682" s="613"/>
      <c r="GSA682" s="613"/>
      <c r="GSB682" s="613"/>
      <c r="GSC682" s="613"/>
      <c r="GSD682" s="613"/>
      <c r="GSE682" s="613"/>
      <c r="GSF682" s="613"/>
      <c r="GSG682" s="613"/>
      <c r="GSH682" s="613"/>
      <c r="GSI682" s="613"/>
      <c r="GSJ682" s="613"/>
      <c r="GSK682" s="613"/>
      <c r="GSL682" s="613"/>
      <c r="GSM682" s="613"/>
      <c r="GSN682" s="613"/>
      <c r="GSO682" s="613"/>
      <c r="GSP682" s="613"/>
      <c r="GSQ682" s="613"/>
      <c r="GSR682" s="613"/>
      <c r="GSS682" s="613"/>
      <c r="GST682" s="613"/>
      <c r="GSU682" s="613"/>
      <c r="GSV682" s="613"/>
      <c r="GSW682" s="613"/>
      <c r="GSX682" s="613"/>
      <c r="GSY682" s="613"/>
      <c r="GSZ682" s="613"/>
      <c r="GTA682" s="613"/>
      <c r="GTB682" s="613"/>
      <c r="GTC682" s="613"/>
      <c r="GTD682" s="613"/>
      <c r="GTE682" s="613"/>
      <c r="GTF682" s="613"/>
      <c r="GTG682" s="613"/>
      <c r="GTH682" s="613"/>
      <c r="GTI682" s="613"/>
      <c r="GTJ682" s="613"/>
      <c r="GTK682" s="613"/>
      <c r="GTL682" s="613"/>
      <c r="GTM682" s="613"/>
      <c r="GTN682" s="613"/>
      <c r="GTO682" s="613"/>
      <c r="GTP682" s="613"/>
      <c r="GTQ682" s="613"/>
      <c r="GTR682" s="613"/>
      <c r="GTS682" s="613"/>
      <c r="GTT682" s="613"/>
      <c r="GTU682" s="613"/>
      <c r="GTV682" s="613"/>
      <c r="GTW682" s="613"/>
      <c r="GTX682" s="613"/>
      <c r="GTY682" s="613"/>
      <c r="GTZ682" s="613"/>
      <c r="GUA682" s="613"/>
      <c r="GUB682" s="613"/>
      <c r="GUC682" s="613"/>
      <c r="GUD682" s="613"/>
      <c r="GUE682" s="613"/>
      <c r="GUF682" s="613"/>
      <c r="GUG682" s="613"/>
      <c r="GUH682" s="613"/>
      <c r="GUI682" s="613"/>
      <c r="GUJ682" s="613"/>
      <c r="GUK682" s="613"/>
      <c r="GUL682" s="613"/>
      <c r="GUM682" s="613"/>
      <c r="GUN682" s="613"/>
      <c r="GUO682" s="613"/>
      <c r="GUP682" s="613"/>
      <c r="GUQ682" s="613"/>
      <c r="GUR682" s="613"/>
      <c r="GUS682" s="613"/>
      <c r="GUT682" s="613"/>
      <c r="GUU682" s="613"/>
      <c r="GUV682" s="613"/>
      <c r="GUW682" s="613"/>
      <c r="GUX682" s="613"/>
      <c r="GUY682" s="613"/>
      <c r="GUZ682" s="613"/>
      <c r="GVA682" s="613"/>
      <c r="GVB682" s="613"/>
      <c r="GVC682" s="613"/>
      <c r="GVD682" s="613"/>
      <c r="GVE682" s="613"/>
      <c r="GVF682" s="613"/>
      <c r="GVG682" s="613"/>
      <c r="GVH682" s="613"/>
      <c r="GVI682" s="613"/>
      <c r="GVJ682" s="613"/>
      <c r="GVK682" s="613"/>
      <c r="GVL682" s="613"/>
      <c r="GVM682" s="613"/>
      <c r="GVN682" s="613"/>
      <c r="GVO682" s="613"/>
      <c r="GVP682" s="613"/>
      <c r="GVQ682" s="613"/>
      <c r="GVR682" s="613"/>
      <c r="GVS682" s="613"/>
      <c r="GVT682" s="613"/>
      <c r="GVU682" s="613"/>
      <c r="GVV682" s="613"/>
      <c r="GVW682" s="613"/>
      <c r="GVX682" s="613"/>
      <c r="GVY682" s="613"/>
      <c r="GVZ682" s="613"/>
      <c r="GWA682" s="613"/>
      <c r="GWB682" s="613"/>
      <c r="GWC682" s="613"/>
      <c r="GWD682" s="613"/>
      <c r="GWE682" s="613"/>
      <c r="GWF682" s="613"/>
      <c r="GWG682" s="613"/>
      <c r="GWH682" s="613"/>
      <c r="GWI682" s="613"/>
      <c r="GWJ682" s="613"/>
      <c r="GWK682" s="613"/>
      <c r="GWL682" s="613"/>
      <c r="GWM682" s="613"/>
      <c r="GWN682" s="613"/>
      <c r="GWO682" s="613"/>
      <c r="GWP682" s="613"/>
      <c r="GWQ682" s="613"/>
      <c r="GWR682" s="613"/>
      <c r="GWS682" s="613"/>
      <c r="GWT682" s="613"/>
      <c r="GWU682" s="613"/>
      <c r="GWV682" s="613"/>
      <c r="GWW682" s="613"/>
      <c r="GWX682" s="613"/>
      <c r="GWY682" s="613"/>
      <c r="GWZ682" s="613"/>
      <c r="GXA682" s="613"/>
      <c r="GXB682" s="613"/>
      <c r="GXC682" s="613"/>
      <c r="GXD682" s="613"/>
      <c r="GXE682" s="613"/>
      <c r="GXF682" s="613"/>
      <c r="GXG682" s="613"/>
      <c r="GXH682" s="613"/>
      <c r="GXI682" s="613"/>
      <c r="GXJ682" s="613"/>
      <c r="GXK682" s="613"/>
      <c r="GXL682" s="613"/>
      <c r="GXM682" s="613"/>
      <c r="GXN682" s="613"/>
      <c r="GXO682" s="613"/>
      <c r="GXP682" s="613"/>
      <c r="GXQ682" s="613"/>
      <c r="GXR682" s="613"/>
      <c r="GXS682" s="613"/>
      <c r="GXT682" s="613"/>
      <c r="GXU682" s="613"/>
      <c r="GXV682" s="613"/>
      <c r="GXW682" s="613"/>
      <c r="GXX682" s="613"/>
      <c r="GXY682" s="613"/>
      <c r="GXZ682" s="613"/>
      <c r="GYA682" s="613"/>
      <c r="GYB682" s="613"/>
      <c r="GYC682" s="613"/>
      <c r="GYD682" s="613"/>
      <c r="GYE682" s="613"/>
      <c r="GYF682" s="613"/>
      <c r="GYG682" s="613"/>
      <c r="GYH682" s="613"/>
      <c r="GYI682" s="613"/>
      <c r="GYJ682" s="613"/>
      <c r="GYK682" s="613"/>
      <c r="GYL682" s="613"/>
      <c r="GYM682" s="613"/>
      <c r="GYN682" s="613"/>
      <c r="GYO682" s="613"/>
      <c r="GYP682" s="613"/>
      <c r="GYQ682" s="613"/>
      <c r="GYR682" s="613"/>
      <c r="GYS682" s="613"/>
      <c r="GYT682" s="613"/>
      <c r="GYU682" s="613"/>
      <c r="GYV682" s="613"/>
      <c r="GYW682" s="613"/>
      <c r="GYX682" s="613"/>
      <c r="GYY682" s="613"/>
      <c r="GYZ682" s="613"/>
      <c r="GZA682" s="613"/>
      <c r="GZB682" s="613"/>
      <c r="GZC682" s="613"/>
      <c r="GZD682" s="613"/>
      <c r="GZE682" s="613"/>
      <c r="GZF682" s="613"/>
      <c r="GZG682" s="613"/>
      <c r="GZH682" s="613"/>
      <c r="GZI682" s="613"/>
      <c r="GZJ682" s="613"/>
      <c r="GZK682" s="613"/>
      <c r="GZL682" s="613"/>
      <c r="GZM682" s="613"/>
      <c r="GZN682" s="613"/>
      <c r="GZO682" s="613"/>
      <c r="GZP682" s="613"/>
      <c r="GZQ682" s="613"/>
      <c r="GZR682" s="613"/>
      <c r="GZS682" s="613"/>
      <c r="GZT682" s="613"/>
      <c r="GZU682" s="613"/>
      <c r="GZV682" s="613"/>
      <c r="GZW682" s="613"/>
      <c r="GZX682" s="613"/>
      <c r="GZY682" s="613"/>
      <c r="GZZ682" s="613"/>
      <c r="HAA682" s="613"/>
      <c r="HAB682" s="613"/>
      <c r="HAC682" s="613"/>
      <c r="HAD682" s="613"/>
      <c r="HAE682" s="613"/>
      <c r="HAF682" s="613"/>
      <c r="HAG682" s="613"/>
      <c r="HAH682" s="613"/>
      <c r="HAI682" s="613"/>
      <c r="HAJ682" s="613"/>
      <c r="HAK682" s="613"/>
      <c r="HAL682" s="613"/>
      <c r="HAM682" s="613"/>
      <c r="HAN682" s="613"/>
      <c r="HAO682" s="613"/>
      <c r="HAP682" s="613"/>
      <c r="HAQ682" s="613"/>
      <c r="HAR682" s="613"/>
      <c r="HAS682" s="613"/>
      <c r="HAT682" s="613"/>
      <c r="HAU682" s="613"/>
      <c r="HAV682" s="613"/>
      <c r="HAW682" s="613"/>
      <c r="HAX682" s="613"/>
      <c r="HAY682" s="613"/>
      <c r="HAZ682" s="613"/>
      <c r="HBA682" s="613"/>
      <c r="HBB682" s="613"/>
      <c r="HBC682" s="613"/>
      <c r="HBD682" s="613"/>
      <c r="HBE682" s="613"/>
      <c r="HBF682" s="613"/>
      <c r="HBG682" s="613"/>
      <c r="HBH682" s="613"/>
      <c r="HBI682" s="613"/>
      <c r="HBJ682" s="613"/>
      <c r="HBK682" s="613"/>
      <c r="HBL682" s="613"/>
      <c r="HBM682" s="613"/>
      <c r="HBN682" s="613"/>
      <c r="HBO682" s="613"/>
      <c r="HBP682" s="613"/>
      <c r="HBQ682" s="613"/>
      <c r="HBR682" s="613"/>
      <c r="HBS682" s="613"/>
      <c r="HBT682" s="613"/>
      <c r="HBU682" s="613"/>
      <c r="HBV682" s="613"/>
      <c r="HBW682" s="613"/>
      <c r="HBX682" s="613"/>
      <c r="HBY682" s="613"/>
      <c r="HBZ682" s="613"/>
      <c r="HCA682" s="613"/>
      <c r="HCB682" s="613"/>
      <c r="HCC682" s="613"/>
      <c r="HCD682" s="613"/>
      <c r="HCE682" s="613"/>
      <c r="HCF682" s="613"/>
      <c r="HCG682" s="613"/>
      <c r="HCH682" s="613"/>
      <c r="HCI682" s="613"/>
      <c r="HCJ682" s="613"/>
      <c r="HCK682" s="613"/>
      <c r="HCL682" s="613"/>
      <c r="HCM682" s="613"/>
      <c r="HCN682" s="613"/>
      <c r="HCO682" s="613"/>
      <c r="HCP682" s="613"/>
      <c r="HCQ682" s="613"/>
      <c r="HCR682" s="613"/>
      <c r="HCS682" s="613"/>
      <c r="HCT682" s="613"/>
      <c r="HCU682" s="613"/>
      <c r="HCV682" s="613"/>
      <c r="HCW682" s="613"/>
      <c r="HCX682" s="613"/>
      <c r="HCY682" s="613"/>
      <c r="HCZ682" s="613"/>
      <c r="HDA682" s="613"/>
      <c r="HDB682" s="613"/>
      <c r="HDC682" s="613"/>
      <c r="HDD682" s="613"/>
      <c r="HDE682" s="613"/>
      <c r="HDF682" s="613"/>
      <c r="HDG682" s="613"/>
      <c r="HDH682" s="613"/>
      <c r="HDI682" s="613"/>
      <c r="HDJ682" s="613"/>
      <c r="HDK682" s="613"/>
      <c r="HDL682" s="613"/>
      <c r="HDM682" s="613"/>
      <c r="HDN682" s="613"/>
      <c r="HDO682" s="613"/>
      <c r="HDP682" s="613"/>
      <c r="HDQ682" s="613"/>
      <c r="HDR682" s="613"/>
      <c r="HDS682" s="613"/>
      <c r="HDT682" s="613"/>
      <c r="HDU682" s="613"/>
      <c r="HDV682" s="613"/>
      <c r="HDW682" s="613"/>
      <c r="HDX682" s="613"/>
      <c r="HDY682" s="613"/>
      <c r="HDZ682" s="613"/>
      <c r="HEA682" s="613"/>
      <c r="HEB682" s="613"/>
      <c r="HEC682" s="613"/>
      <c r="HED682" s="613"/>
      <c r="HEE682" s="613"/>
      <c r="HEF682" s="613"/>
      <c r="HEG682" s="613"/>
      <c r="HEH682" s="613"/>
      <c r="HEI682" s="613"/>
      <c r="HEJ682" s="613"/>
      <c r="HEK682" s="613"/>
      <c r="HEL682" s="613"/>
      <c r="HEM682" s="613"/>
      <c r="HEN682" s="613"/>
      <c r="HEO682" s="613"/>
      <c r="HEP682" s="613"/>
      <c r="HEQ682" s="613"/>
      <c r="HER682" s="613"/>
      <c r="HES682" s="613"/>
      <c r="HET682" s="613"/>
      <c r="HEU682" s="613"/>
      <c r="HEV682" s="613"/>
      <c r="HEW682" s="613"/>
      <c r="HEX682" s="613"/>
      <c r="HEY682" s="613"/>
      <c r="HEZ682" s="613"/>
      <c r="HFA682" s="613"/>
      <c r="HFB682" s="613"/>
      <c r="HFC682" s="613"/>
      <c r="HFD682" s="613"/>
      <c r="HFE682" s="613"/>
      <c r="HFF682" s="613"/>
      <c r="HFG682" s="613"/>
      <c r="HFH682" s="613"/>
      <c r="HFI682" s="613"/>
      <c r="HFJ682" s="613"/>
      <c r="HFK682" s="613"/>
      <c r="HFL682" s="613"/>
      <c r="HFM682" s="613"/>
      <c r="HFN682" s="613"/>
      <c r="HFO682" s="613"/>
      <c r="HFP682" s="613"/>
      <c r="HFQ682" s="613"/>
      <c r="HFR682" s="613"/>
      <c r="HFS682" s="613"/>
      <c r="HFT682" s="613"/>
      <c r="HFU682" s="613"/>
      <c r="HFV682" s="613"/>
      <c r="HFW682" s="613"/>
      <c r="HFX682" s="613"/>
      <c r="HFY682" s="613"/>
      <c r="HFZ682" s="613"/>
      <c r="HGA682" s="613"/>
      <c r="HGB682" s="613"/>
      <c r="HGC682" s="613"/>
      <c r="HGD682" s="613"/>
      <c r="HGE682" s="613"/>
      <c r="HGF682" s="613"/>
      <c r="HGG682" s="613"/>
      <c r="HGH682" s="613"/>
      <c r="HGI682" s="613"/>
      <c r="HGJ682" s="613"/>
      <c r="HGK682" s="613"/>
      <c r="HGL682" s="613"/>
      <c r="HGM682" s="613"/>
      <c r="HGN682" s="613"/>
      <c r="HGO682" s="613"/>
      <c r="HGP682" s="613"/>
      <c r="HGQ682" s="613"/>
      <c r="HGR682" s="613"/>
      <c r="HGS682" s="613"/>
      <c r="HGT682" s="613"/>
      <c r="HGU682" s="613"/>
      <c r="HGV682" s="613"/>
      <c r="HGW682" s="613"/>
      <c r="HGX682" s="613"/>
      <c r="HGY682" s="613"/>
      <c r="HGZ682" s="613"/>
      <c r="HHA682" s="613"/>
      <c r="HHB682" s="613"/>
      <c r="HHC682" s="613"/>
      <c r="HHD682" s="613"/>
      <c r="HHE682" s="613"/>
      <c r="HHF682" s="613"/>
      <c r="HHG682" s="613"/>
      <c r="HHH682" s="613"/>
      <c r="HHI682" s="613"/>
      <c r="HHJ682" s="613"/>
      <c r="HHK682" s="613"/>
      <c r="HHL682" s="613"/>
      <c r="HHM682" s="613"/>
      <c r="HHN682" s="613"/>
      <c r="HHO682" s="613"/>
      <c r="HHP682" s="613"/>
      <c r="HHQ682" s="613"/>
      <c r="HHR682" s="613"/>
      <c r="HHS682" s="613"/>
      <c r="HHT682" s="613"/>
      <c r="HHU682" s="613"/>
      <c r="HHV682" s="613"/>
      <c r="HHW682" s="613"/>
      <c r="HHX682" s="613"/>
      <c r="HHY682" s="613"/>
      <c r="HHZ682" s="613"/>
      <c r="HIA682" s="613"/>
      <c r="HIB682" s="613"/>
      <c r="HIC682" s="613"/>
      <c r="HID682" s="613"/>
      <c r="HIE682" s="613"/>
      <c r="HIF682" s="613"/>
      <c r="HIG682" s="613"/>
      <c r="HIH682" s="613"/>
      <c r="HII682" s="613"/>
      <c r="HIJ682" s="613"/>
      <c r="HIK682" s="613"/>
      <c r="HIL682" s="613"/>
      <c r="HIM682" s="613"/>
      <c r="HIN682" s="613"/>
      <c r="HIO682" s="613"/>
      <c r="HIP682" s="613"/>
      <c r="HIQ682" s="613"/>
      <c r="HIR682" s="613"/>
      <c r="HIS682" s="613"/>
      <c r="HIT682" s="613"/>
      <c r="HIU682" s="613"/>
      <c r="HIV682" s="613"/>
      <c r="HIW682" s="613"/>
      <c r="HIX682" s="613"/>
      <c r="HIY682" s="613"/>
      <c r="HIZ682" s="613"/>
      <c r="HJA682" s="613"/>
      <c r="HJB682" s="613"/>
      <c r="HJC682" s="613"/>
      <c r="HJD682" s="613"/>
      <c r="HJE682" s="613"/>
      <c r="HJF682" s="613"/>
      <c r="HJG682" s="613"/>
      <c r="HJH682" s="613"/>
      <c r="HJI682" s="613"/>
      <c r="HJJ682" s="613"/>
      <c r="HJK682" s="613"/>
      <c r="HJL682" s="613"/>
      <c r="HJM682" s="613"/>
      <c r="HJN682" s="613"/>
      <c r="HJO682" s="613"/>
      <c r="HJP682" s="613"/>
      <c r="HJQ682" s="613"/>
      <c r="HJR682" s="613"/>
      <c r="HJS682" s="613"/>
      <c r="HJT682" s="613"/>
      <c r="HJU682" s="613"/>
      <c r="HJV682" s="613"/>
      <c r="HJW682" s="613"/>
      <c r="HJX682" s="613"/>
      <c r="HJY682" s="613"/>
      <c r="HJZ682" s="613"/>
      <c r="HKA682" s="613"/>
      <c r="HKB682" s="613"/>
      <c r="HKC682" s="613"/>
      <c r="HKD682" s="613"/>
      <c r="HKE682" s="613"/>
      <c r="HKF682" s="613"/>
      <c r="HKG682" s="613"/>
      <c r="HKH682" s="613"/>
      <c r="HKI682" s="613"/>
      <c r="HKJ682" s="613"/>
      <c r="HKK682" s="613"/>
      <c r="HKL682" s="613"/>
      <c r="HKM682" s="613"/>
      <c r="HKN682" s="613"/>
      <c r="HKO682" s="613"/>
      <c r="HKP682" s="613"/>
      <c r="HKQ682" s="613"/>
      <c r="HKR682" s="613"/>
      <c r="HKS682" s="613"/>
      <c r="HKT682" s="613"/>
      <c r="HKU682" s="613"/>
      <c r="HKV682" s="613"/>
      <c r="HKW682" s="613"/>
      <c r="HKX682" s="613"/>
      <c r="HKY682" s="613"/>
      <c r="HKZ682" s="613"/>
      <c r="HLA682" s="613"/>
      <c r="HLB682" s="613"/>
      <c r="HLC682" s="613"/>
      <c r="HLD682" s="613"/>
      <c r="HLE682" s="613"/>
      <c r="HLF682" s="613"/>
      <c r="HLG682" s="613"/>
      <c r="HLH682" s="613"/>
      <c r="HLI682" s="613"/>
      <c r="HLJ682" s="613"/>
      <c r="HLK682" s="613"/>
      <c r="HLL682" s="613"/>
      <c r="HLM682" s="613"/>
      <c r="HLN682" s="613"/>
      <c r="HLO682" s="613"/>
      <c r="HLP682" s="613"/>
      <c r="HLQ682" s="613"/>
      <c r="HLR682" s="613"/>
      <c r="HLS682" s="613"/>
      <c r="HLT682" s="613"/>
      <c r="HLU682" s="613"/>
      <c r="HLV682" s="613"/>
      <c r="HLW682" s="613"/>
      <c r="HLX682" s="613"/>
      <c r="HLY682" s="613"/>
      <c r="HLZ682" s="613"/>
      <c r="HMA682" s="613"/>
      <c r="HMB682" s="613"/>
      <c r="HMC682" s="613"/>
      <c r="HMD682" s="613"/>
      <c r="HME682" s="613"/>
      <c r="HMF682" s="613"/>
      <c r="HMG682" s="613"/>
      <c r="HMH682" s="613"/>
      <c r="HMI682" s="613"/>
      <c r="HMJ682" s="613"/>
      <c r="HMK682" s="613"/>
      <c r="HML682" s="613"/>
      <c r="HMM682" s="613"/>
      <c r="HMN682" s="613"/>
      <c r="HMO682" s="613"/>
      <c r="HMP682" s="613"/>
      <c r="HMQ682" s="613"/>
      <c r="HMR682" s="613"/>
      <c r="HMS682" s="613"/>
      <c r="HMT682" s="613"/>
      <c r="HMU682" s="613"/>
      <c r="HMV682" s="613"/>
      <c r="HMW682" s="613"/>
      <c r="HMX682" s="613"/>
      <c r="HMY682" s="613"/>
      <c r="HMZ682" s="613"/>
      <c r="HNA682" s="613"/>
      <c r="HNB682" s="613"/>
      <c r="HNC682" s="613"/>
      <c r="HND682" s="613"/>
      <c r="HNE682" s="613"/>
      <c r="HNF682" s="613"/>
      <c r="HNG682" s="613"/>
      <c r="HNH682" s="613"/>
      <c r="HNI682" s="613"/>
      <c r="HNJ682" s="613"/>
      <c r="HNK682" s="613"/>
      <c r="HNL682" s="613"/>
      <c r="HNM682" s="613"/>
      <c r="HNN682" s="613"/>
      <c r="HNO682" s="613"/>
      <c r="HNP682" s="613"/>
      <c r="HNQ682" s="613"/>
      <c r="HNR682" s="613"/>
      <c r="HNS682" s="613"/>
      <c r="HNT682" s="613"/>
      <c r="HNU682" s="613"/>
      <c r="HNV682" s="613"/>
      <c r="HNW682" s="613"/>
      <c r="HNX682" s="613"/>
      <c r="HNY682" s="613"/>
      <c r="HNZ682" s="613"/>
      <c r="HOA682" s="613"/>
      <c r="HOB682" s="613"/>
      <c r="HOC682" s="613"/>
      <c r="HOD682" s="613"/>
      <c r="HOE682" s="613"/>
      <c r="HOF682" s="613"/>
      <c r="HOG682" s="613"/>
      <c r="HOH682" s="613"/>
      <c r="HOI682" s="613"/>
      <c r="HOJ682" s="613"/>
      <c r="HOK682" s="613"/>
      <c r="HOL682" s="613"/>
      <c r="HOM682" s="613"/>
      <c r="HON682" s="613"/>
      <c r="HOO682" s="613"/>
      <c r="HOP682" s="613"/>
      <c r="HOQ682" s="613"/>
      <c r="HOR682" s="613"/>
      <c r="HOS682" s="613"/>
      <c r="HOT682" s="613"/>
      <c r="HOU682" s="613"/>
      <c r="HOV682" s="613"/>
      <c r="HOW682" s="613"/>
      <c r="HOX682" s="613"/>
      <c r="HOY682" s="613"/>
      <c r="HOZ682" s="613"/>
      <c r="HPA682" s="613"/>
      <c r="HPB682" s="613"/>
      <c r="HPC682" s="613"/>
      <c r="HPD682" s="613"/>
      <c r="HPE682" s="613"/>
      <c r="HPF682" s="613"/>
      <c r="HPG682" s="613"/>
      <c r="HPH682" s="613"/>
      <c r="HPI682" s="613"/>
      <c r="HPJ682" s="613"/>
      <c r="HPK682" s="613"/>
      <c r="HPL682" s="613"/>
      <c r="HPM682" s="613"/>
      <c r="HPN682" s="613"/>
      <c r="HPO682" s="613"/>
      <c r="HPP682" s="613"/>
      <c r="HPQ682" s="613"/>
      <c r="HPR682" s="613"/>
      <c r="HPS682" s="613"/>
      <c r="HPT682" s="613"/>
      <c r="HPU682" s="613"/>
      <c r="HPV682" s="613"/>
      <c r="HPW682" s="613"/>
      <c r="HPX682" s="613"/>
      <c r="HPY682" s="613"/>
      <c r="HPZ682" s="613"/>
      <c r="HQA682" s="613"/>
      <c r="HQB682" s="613"/>
      <c r="HQC682" s="613"/>
      <c r="HQD682" s="613"/>
      <c r="HQE682" s="613"/>
      <c r="HQF682" s="613"/>
      <c r="HQG682" s="613"/>
      <c r="HQH682" s="613"/>
      <c r="HQI682" s="613"/>
      <c r="HQJ682" s="613"/>
      <c r="HQK682" s="613"/>
      <c r="HQL682" s="613"/>
      <c r="HQM682" s="613"/>
      <c r="HQN682" s="613"/>
      <c r="HQO682" s="613"/>
      <c r="HQP682" s="613"/>
      <c r="HQQ682" s="613"/>
      <c r="HQR682" s="613"/>
      <c r="HQS682" s="613"/>
      <c r="HQT682" s="613"/>
      <c r="HQU682" s="613"/>
      <c r="HQV682" s="613"/>
      <c r="HQW682" s="613"/>
      <c r="HQX682" s="613"/>
      <c r="HQY682" s="613"/>
      <c r="HQZ682" s="613"/>
      <c r="HRA682" s="613"/>
      <c r="HRB682" s="613"/>
      <c r="HRC682" s="613"/>
      <c r="HRD682" s="613"/>
      <c r="HRE682" s="613"/>
      <c r="HRF682" s="613"/>
      <c r="HRG682" s="613"/>
      <c r="HRH682" s="613"/>
      <c r="HRI682" s="613"/>
      <c r="HRJ682" s="613"/>
      <c r="HRK682" s="613"/>
      <c r="HRL682" s="613"/>
      <c r="HRM682" s="613"/>
      <c r="HRN682" s="613"/>
      <c r="HRO682" s="613"/>
      <c r="HRP682" s="613"/>
      <c r="HRQ682" s="613"/>
      <c r="HRR682" s="613"/>
      <c r="HRS682" s="613"/>
      <c r="HRT682" s="613"/>
      <c r="HRU682" s="613"/>
      <c r="HRV682" s="613"/>
      <c r="HRW682" s="613"/>
      <c r="HRX682" s="613"/>
      <c r="HRY682" s="613"/>
      <c r="HRZ682" s="613"/>
      <c r="HSA682" s="613"/>
      <c r="HSB682" s="613"/>
      <c r="HSC682" s="613"/>
      <c r="HSD682" s="613"/>
      <c r="HSE682" s="613"/>
      <c r="HSF682" s="613"/>
      <c r="HSG682" s="613"/>
      <c r="HSH682" s="613"/>
      <c r="HSI682" s="613"/>
      <c r="HSJ682" s="613"/>
      <c r="HSK682" s="613"/>
      <c r="HSL682" s="613"/>
      <c r="HSM682" s="613"/>
      <c r="HSN682" s="613"/>
      <c r="HSO682" s="613"/>
      <c r="HSP682" s="613"/>
      <c r="HSQ682" s="613"/>
      <c r="HSR682" s="613"/>
      <c r="HSS682" s="613"/>
      <c r="HST682" s="613"/>
      <c r="HSU682" s="613"/>
      <c r="HSV682" s="613"/>
      <c r="HSW682" s="613"/>
      <c r="HSX682" s="613"/>
      <c r="HSY682" s="613"/>
      <c r="HSZ682" s="613"/>
      <c r="HTA682" s="613"/>
      <c r="HTB682" s="613"/>
      <c r="HTC682" s="613"/>
      <c r="HTD682" s="613"/>
      <c r="HTE682" s="613"/>
      <c r="HTF682" s="613"/>
      <c r="HTG682" s="613"/>
      <c r="HTH682" s="613"/>
      <c r="HTI682" s="613"/>
      <c r="HTJ682" s="613"/>
      <c r="HTK682" s="613"/>
      <c r="HTL682" s="613"/>
      <c r="HTM682" s="613"/>
      <c r="HTN682" s="613"/>
      <c r="HTO682" s="613"/>
      <c r="HTP682" s="613"/>
      <c r="HTQ682" s="613"/>
      <c r="HTR682" s="613"/>
      <c r="HTS682" s="613"/>
      <c r="HTT682" s="613"/>
      <c r="HTU682" s="613"/>
      <c r="HTV682" s="613"/>
      <c r="HTW682" s="613"/>
      <c r="HTX682" s="613"/>
      <c r="HTY682" s="613"/>
      <c r="HTZ682" s="613"/>
      <c r="HUA682" s="613"/>
      <c r="HUB682" s="613"/>
      <c r="HUC682" s="613"/>
      <c r="HUD682" s="613"/>
      <c r="HUE682" s="613"/>
      <c r="HUF682" s="613"/>
      <c r="HUG682" s="613"/>
      <c r="HUH682" s="613"/>
      <c r="HUI682" s="613"/>
      <c r="HUJ682" s="613"/>
      <c r="HUK682" s="613"/>
      <c r="HUL682" s="613"/>
      <c r="HUM682" s="613"/>
      <c r="HUN682" s="613"/>
      <c r="HUO682" s="613"/>
      <c r="HUP682" s="613"/>
      <c r="HUQ682" s="613"/>
      <c r="HUR682" s="613"/>
      <c r="HUS682" s="613"/>
      <c r="HUT682" s="613"/>
      <c r="HUU682" s="613"/>
      <c r="HUV682" s="613"/>
      <c r="HUW682" s="613"/>
      <c r="HUX682" s="613"/>
      <c r="HUY682" s="613"/>
      <c r="HUZ682" s="613"/>
      <c r="HVA682" s="613"/>
      <c r="HVB682" s="613"/>
      <c r="HVC682" s="613"/>
      <c r="HVD682" s="613"/>
      <c r="HVE682" s="613"/>
      <c r="HVF682" s="613"/>
      <c r="HVG682" s="613"/>
      <c r="HVH682" s="613"/>
      <c r="HVI682" s="613"/>
      <c r="HVJ682" s="613"/>
      <c r="HVK682" s="613"/>
      <c r="HVL682" s="613"/>
      <c r="HVM682" s="613"/>
      <c r="HVN682" s="613"/>
      <c r="HVO682" s="613"/>
      <c r="HVP682" s="613"/>
      <c r="HVQ682" s="613"/>
      <c r="HVR682" s="613"/>
      <c r="HVS682" s="613"/>
      <c r="HVT682" s="613"/>
      <c r="HVU682" s="613"/>
      <c r="HVV682" s="613"/>
      <c r="HVW682" s="613"/>
      <c r="HVX682" s="613"/>
      <c r="HVY682" s="613"/>
      <c r="HVZ682" s="613"/>
      <c r="HWA682" s="613"/>
      <c r="HWB682" s="613"/>
      <c r="HWC682" s="613"/>
      <c r="HWD682" s="613"/>
      <c r="HWE682" s="613"/>
      <c r="HWF682" s="613"/>
      <c r="HWG682" s="613"/>
      <c r="HWH682" s="613"/>
      <c r="HWI682" s="613"/>
      <c r="HWJ682" s="613"/>
      <c r="HWK682" s="613"/>
      <c r="HWL682" s="613"/>
      <c r="HWM682" s="613"/>
      <c r="HWN682" s="613"/>
      <c r="HWO682" s="613"/>
      <c r="HWP682" s="613"/>
      <c r="HWQ682" s="613"/>
      <c r="HWR682" s="613"/>
      <c r="HWS682" s="613"/>
      <c r="HWT682" s="613"/>
      <c r="HWU682" s="613"/>
      <c r="HWV682" s="613"/>
      <c r="HWW682" s="613"/>
      <c r="HWX682" s="613"/>
      <c r="HWY682" s="613"/>
      <c r="HWZ682" s="613"/>
      <c r="HXA682" s="613"/>
      <c r="HXB682" s="613"/>
      <c r="HXC682" s="613"/>
      <c r="HXD682" s="613"/>
      <c r="HXE682" s="613"/>
      <c r="HXF682" s="613"/>
      <c r="HXG682" s="613"/>
      <c r="HXH682" s="613"/>
      <c r="HXI682" s="613"/>
      <c r="HXJ682" s="613"/>
      <c r="HXK682" s="613"/>
      <c r="HXL682" s="613"/>
      <c r="HXM682" s="613"/>
      <c r="HXN682" s="613"/>
      <c r="HXO682" s="613"/>
      <c r="HXP682" s="613"/>
      <c r="HXQ682" s="613"/>
      <c r="HXR682" s="613"/>
      <c r="HXS682" s="613"/>
      <c r="HXT682" s="613"/>
      <c r="HXU682" s="613"/>
      <c r="HXV682" s="613"/>
      <c r="HXW682" s="613"/>
      <c r="HXX682" s="613"/>
      <c r="HXY682" s="613"/>
      <c r="HXZ682" s="613"/>
      <c r="HYA682" s="613"/>
      <c r="HYB682" s="613"/>
      <c r="HYC682" s="613"/>
      <c r="HYD682" s="613"/>
      <c r="HYE682" s="613"/>
      <c r="HYF682" s="613"/>
      <c r="HYG682" s="613"/>
      <c r="HYH682" s="613"/>
      <c r="HYI682" s="613"/>
      <c r="HYJ682" s="613"/>
      <c r="HYK682" s="613"/>
      <c r="HYL682" s="613"/>
      <c r="HYM682" s="613"/>
      <c r="HYN682" s="613"/>
      <c r="HYO682" s="613"/>
      <c r="HYP682" s="613"/>
      <c r="HYQ682" s="613"/>
      <c r="HYR682" s="613"/>
      <c r="HYS682" s="613"/>
      <c r="HYT682" s="613"/>
      <c r="HYU682" s="613"/>
      <c r="HYV682" s="613"/>
      <c r="HYW682" s="613"/>
      <c r="HYX682" s="613"/>
      <c r="HYY682" s="613"/>
      <c r="HYZ682" s="613"/>
      <c r="HZA682" s="613"/>
      <c r="HZB682" s="613"/>
      <c r="HZC682" s="613"/>
      <c r="HZD682" s="613"/>
      <c r="HZE682" s="613"/>
      <c r="HZF682" s="613"/>
      <c r="HZG682" s="613"/>
      <c r="HZH682" s="613"/>
      <c r="HZI682" s="613"/>
      <c r="HZJ682" s="613"/>
      <c r="HZK682" s="613"/>
      <c r="HZL682" s="613"/>
      <c r="HZM682" s="613"/>
      <c r="HZN682" s="613"/>
      <c r="HZO682" s="613"/>
      <c r="HZP682" s="613"/>
      <c r="HZQ682" s="613"/>
      <c r="HZR682" s="613"/>
      <c r="HZS682" s="613"/>
      <c r="HZT682" s="613"/>
      <c r="HZU682" s="613"/>
      <c r="HZV682" s="613"/>
      <c r="HZW682" s="613"/>
      <c r="HZX682" s="613"/>
      <c r="HZY682" s="613"/>
      <c r="HZZ682" s="613"/>
      <c r="IAA682" s="613"/>
      <c r="IAB682" s="613"/>
      <c r="IAC682" s="613"/>
      <c r="IAD682" s="613"/>
      <c r="IAE682" s="613"/>
      <c r="IAF682" s="613"/>
      <c r="IAG682" s="613"/>
      <c r="IAH682" s="613"/>
      <c r="IAI682" s="613"/>
      <c r="IAJ682" s="613"/>
      <c r="IAK682" s="613"/>
      <c r="IAL682" s="613"/>
      <c r="IAM682" s="613"/>
      <c r="IAN682" s="613"/>
      <c r="IAO682" s="613"/>
      <c r="IAP682" s="613"/>
      <c r="IAQ682" s="613"/>
      <c r="IAR682" s="613"/>
      <c r="IAS682" s="613"/>
      <c r="IAT682" s="613"/>
      <c r="IAU682" s="613"/>
      <c r="IAV682" s="613"/>
      <c r="IAW682" s="613"/>
      <c r="IAX682" s="613"/>
      <c r="IAY682" s="613"/>
      <c r="IAZ682" s="613"/>
      <c r="IBA682" s="613"/>
      <c r="IBB682" s="613"/>
      <c r="IBC682" s="613"/>
      <c r="IBD682" s="613"/>
      <c r="IBE682" s="613"/>
      <c r="IBF682" s="613"/>
      <c r="IBG682" s="613"/>
      <c r="IBH682" s="613"/>
      <c r="IBI682" s="613"/>
      <c r="IBJ682" s="613"/>
      <c r="IBK682" s="613"/>
      <c r="IBL682" s="613"/>
      <c r="IBM682" s="613"/>
      <c r="IBN682" s="613"/>
      <c r="IBO682" s="613"/>
      <c r="IBP682" s="613"/>
      <c r="IBQ682" s="613"/>
      <c r="IBR682" s="613"/>
      <c r="IBS682" s="613"/>
      <c r="IBT682" s="613"/>
      <c r="IBU682" s="613"/>
      <c r="IBV682" s="613"/>
      <c r="IBW682" s="613"/>
      <c r="IBX682" s="613"/>
      <c r="IBY682" s="613"/>
      <c r="IBZ682" s="613"/>
      <c r="ICA682" s="613"/>
      <c r="ICB682" s="613"/>
      <c r="ICC682" s="613"/>
      <c r="ICD682" s="613"/>
      <c r="ICE682" s="613"/>
      <c r="ICF682" s="613"/>
      <c r="ICG682" s="613"/>
      <c r="ICH682" s="613"/>
      <c r="ICI682" s="613"/>
      <c r="ICJ682" s="613"/>
      <c r="ICK682" s="613"/>
      <c r="ICL682" s="613"/>
      <c r="ICM682" s="613"/>
      <c r="ICN682" s="613"/>
      <c r="ICO682" s="613"/>
      <c r="ICP682" s="613"/>
      <c r="ICQ682" s="613"/>
      <c r="ICR682" s="613"/>
      <c r="ICS682" s="613"/>
      <c r="ICT682" s="613"/>
      <c r="ICU682" s="613"/>
      <c r="ICV682" s="613"/>
      <c r="ICW682" s="613"/>
      <c r="ICX682" s="613"/>
      <c r="ICY682" s="613"/>
      <c r="ICZ682" s="613"/>
      <c r="IDA682" s="613"/>
      <c r="IDB682" s="613"/>
      <c r="IDC682" s="613"/>
      <c r="IDD682" s="613"/>
      <c r="IDE682" s="613"/>
      <c r="IDF682" s="613"/>
      <c r="IDG682" s="613"/>
      <c r="IDH682" s="613"/>
      <c r="IDI682" s="613"/>
      <c r="IDJ682" s="613"/>
      <c r="IDK682" s="613"/>
      <c r="IDL682" s="613"/>
      <c r="IDM682" s="613"/>
      <c r="IDN682" s="613"/>
      <c r="IDO682" s="613"/>
      <c r="IDP682" s="613"/>
      <c r="IDQ682" s="613"/>
      <c r="IDR682" s="613"/>
      <c r="IDS682" s="613"/>
      <c r="IDT682" s="613"/>
      <c r="IDU682" s="613"/>
      <c r="IDV682" s="613"/>
      <c r="IDW682" s="613"/>
      <c r="IDX682" s="613"/>
      <c r="IDY682" s="613"/>
      <c r="IDZ682" s="613"/>
      <c r="IEA682" s="613"/>
      <c r="IEB682" s="613"/>
      <c r="IEC682" s="613"/>
      <c r="IED682" s="613"/>
      <c r="IEE682" s="613"/>
      <c r="IEF682" s="613"/>
      <c r="IEG682" s="613"/>
      <c r="IEH682" s="613"/>
      <c r="IEI682" s="613"/>
      <c r="IEJ682" s="613"/>
      <c r="IEK682" s="613"/>
      <c r="IEL682" s="613"/>
      <c r="IEM682" s="613"/>
      <c r="IEN682" s="613"/>
      <c r="IEO682" s="613"/>
      <c r="IEP682" s="613"/>
      <c r="IEQ682" s="613"/>
      <c r="IER682" s="613"/>
      <c r="IES682" s="613"/>
      <c r="IET682" s="613"/>
      <c r="IEU682" s="613"/>
      <c r="IEV682" s="613"/>
      <c r="IEW682" s="613"/>
      <c r="IEX682" s="613"/>
      <c r="IEY682" s="613"/>
      <c r="IEZ682" s="613"/>
      <c r="IFA682" s="613"/>
      <c r="IFB682" s="613"/>
      <c r="IFC682" s="613"/>
      <c r="IFD682" s="613"/>
      <c r="IFE682" s="613"/>
      <c r="IFF682" s="613"/>
      <c r="IFG682" s="613"/>
      <c r="IFH682" s="613"/>
      <c r="IFI682" s="613"/>
      <c r="IFJ682" s="613"/>
      <c r="IFK682" s="613"/>
      <c r="IFL682" s="613"/>
      <c r="IFM682" s="613"/>
      <c r="IFN682" s="613"/>
      <c r="IFO682" s="613"/>
      <c r="IFP682" s="613"/>
      <c r="IFQ682" s="613"/>
      <c r="IFR682" s="613"/>
      <c r="IFS682" s="613"/>
      <c r="IFT682" s="613"/>
      <c r="IFU682" s="613"/>
      <c r="IFV682" s="613"/>
      <c r="IFW682" s="613"/>
      <c r="IFX682" s="613"/>
      <c r="IFY682" s="613"/>
      <c r="IFZ682" s="613"/>
      <c r="IGA682" s="613"/>
      <c r="IGB682" s="613"/>
      <c r="IGC682" s="613"/>
      <c r="IGD682" s="613"/>
      <c r="IGE682" s="613"/>
      <c r="IGF682" s="613"/>
      <c r="IGG682" s="613"/>
      <c r="IGH682" s="613"/>
      <c r="IGI682" s="613"/>
      <c r="IGJ682" s="613"/>
      <c r="IGK682" s="613"/>
      <c r="IGL682" s="613"/>
      <c r="IGM682" s="613"/>
      <c r="IGN682" s="613"/>
      <c r="IGO682" s="613"/>
      <c r="IGP682" s="613"/>
      <c r="IGQ682" s="613"/>
      <c r="IGR682" s="613"/>
      <c r="IGS682" s="613"/>
      <c r="IGT682" s="613"/>
      <c r="IGU682" s="613"/>
      <c r="IGV682" s="613"/>
      <c r="IGW682" s="613"/>
      <c r="IGX682" s="613"/>
      <c r="IGY682" s="613"/>
      <c r="IGZ682" s="613"/>
      <c r="IHA682" s="613"/>
      <c r="IHB682" s="613"/>
      <c r="IHC682" s="613"/>
      <c r="IHD682" s="613"/>
      <c r="IHE682" s="613"/>
      <c r="IHF682" s="613"/>
      <c r="IHG682" s="613"/>
      <c r="IHH682" s="613"/>
      <c r="IHI682" s="613"/>
      <c r="IHJ682" s="613"/>
      <c r="IHK682" s="613"/>
      <c r="IHL682" s="613"/>
      <c r="IHM682" s="613"/>
      <c r="IHN682" s="613"/>
      <c r="IHO682" s="613"/>
      <c r="IHP682" s="613"/>
      <c r="IHQ682" s="613"/>
      <c r="IHR682" s="613"/>
      <c r="IHS682" s="613"/>
      <c r="IHT682" s="613"/>
      <c r="IHU682" s="613"/>
      <c r="IHV682" s="613"/>
      <c r="IHW682" s="613"/>
      <c r="IHX682" s="613"/>
      <c r="IHY682" s="613"/>
      <c r="IHZ682" s="613"/>
      <c r="IIA682" s="613"/>
      <c r="IIB682" s="613"/>
      <c r="IIC682" s="613"/>
      <c r="IID682" s="613"/>
      <c r="IIE682" s="613"/>
      <c r="IIF682" s="613"/>
      <c r="IIG682" s="613"/>
      <c r="IIH682" s="613"/>
      <c r="III682" s="613"/>
      <c r="IIJ682" s="613"/>
      <c r="IIK682" s="613"/>
      <c r="IIL682" s="613"/>
      <c r="IIM682" s="613"/>
      <c r="IIN682" s="613"/>
      <c r="IIO682" s="613"/>
      <c r="IIP682" s="613"/>
      <c r="IIQ682" s="613"/>
      <c r="IIR682" s="613"/>
      <c r="IIS682" s="613"/>
      <c r="IIT682" s="613"/>
      <c r="IIU682" s="613"/>
      <c r="IIV682" s="613"/>
      <c r="IIW682" s="613"/>
      <c r="IIX682" s="613"/>
      <c r="IIY682" s="613"/>
      <c r="IIZ682" s="613"/>
      <c r="IJA682" s="613"/>
      <c r="IJB682" s="613"/>
      <c r="IJC682" s="613"/>
      <c r="IJD682" s="613"/>
      <c r="IJE682" s="613"/>
      <c r="IJF682" s="613"/>
      <c r="IJG682" s="613"/>
      <c r="IJH682" s="613"/>
      <c r="IJI682" s="613"/>
      <c r="IJJ682" s="613"/>
      <c r="IJK682" s="613"/>
      <c r="IJL682" s="613"/>
      <c r="IJM682" s="613"/>
      <c r="IJN682" s="613"/>
      <c r="IJO682" s="613"/>
      <c r="IJP682" s="613"/>
      <c r="IJQ682" s="613"/>
      <c r="IJR682" s="613"/>
      <c r="IJS682" s="613"/>
      <c r="IJT682" s="613"/>
      <c r="IJU682" s="613"/>
      <c r="IJV682" s="613"/>
      <c r="IJW682" s="613"/>
      <c r="IJX682" s="613"/>
      <c r="IJY682" s="613"/>
      <c r="IJZ682" s="613"/>
      <c r="IKA682" s="613"/>
      <c r="IKB682" s="613"/>
      <c r="IKC682" s="613"/>
      <c r="IKD682" s="613"/>
      <c r="IKE682" s="613"/>
      <c r="IKF682" s="613"/>
      <c r="IKG682" s="613"/>
      <c r="IKH682" s="613"/>
      <c r="IKI682" s="613"/>
      <c r="IKJ682" s="613"/>
      <c r="IKK682" s="613"/>
      <c r="IKL682" s="613"/>
      <c r="IKM682" s="613"/>
      <c r="IKN682" s="613"/>
      <c r="IKO682" s="613"/>
      <c r="IKP682" s="613"/>
      <c r="IKQ682" s="613"/>
      <c r="IKR682" s="613"/>
      <c r="IKS682" s="613"/>
      <c r="IKT682" s="613"/>
      <c r="IKU682" s="613"/>
      <c r="IKV682" s="613"/>
      <c r="IKW682" s="613"/>
      <c r="IKX682" s="613"/>
      <c r="IKY682" s="613"/>
      <c r="IKZ682" s="613"/>
      <c r="ILA682" s="613"/>
      <c r="ILB682" s="613"/>
      <c r="ILC682" s="613"/>
      <c r="ILD682" s="613"/>
      <c r="ILE682" s="613"/>
      <c r="ILF682" s="613"/>
      <c r="ILG682" s="613"/>
      <c r="ILH682" s="613"/>
      <c r="ILI682" s="613"/>
      <c r="ILJ682" s="613"/>
      <c r="ILK682" s="613"/>
      <c r="ILL682" s="613"/>
      <c r="ILM682" s="613"/>
      <c r="ILN682" s="613"/>
      <c r="ILO682" s="613"/>
      <c r="ILP682" s="613"/>
      <c r="ILQ682" s="613"/>
      <c r="ILR682" s="613"/>
      <c r="ILS682" s="613"/>
      <c r="ILT682" s="613"/>
      <c r="ILU682" s="613"/>
      <c r="ILV682" s="613"/>
      <c r="ILW682" s="613"/>
      <c r="ILX682" s="613"/>
      <c r="ILY682" s="613"/>
      <c r="ILZ682" s="613"/>
      <c r="IMA682" s="613"/>
      <c r="IMB682" s="613"/>
      <c r="IMC682" s="613"/>
      <c r="IMD682" s="613"/>
      <c r="IME682" s="613"/>
      <c r="IMF682" s="613"/>
      <c r="IMG682" s="613"/>
      <c r="IMH682" s="613"/>
      <c r="IMI682" s="613"/>
      <c r="IMJ682" s="613"/>
      <c r="IMK682" s="613"/>
      <c r="IML682" s="613"/>
      <c r="IMM682" s="613"/>
      <c r="IMN682" s="613"/>
      <c r="IMO682" s="613"/>
      <c r="IMP682" s="613"/>
      <c r="IMQ682" s="613"/>
      <c r="IMR682" s="613"/>
      <c r="IMS682" s="613"/>
      <c r="IMT682" s="613"/>
      <c r="IMU682" s="613"/>
      <c r="IMV682" s="613"/>
      <c r="IMW682" s="613"/>
      <c r="IMX682" s="613"/>
      <c r="IMY682" s="613"/>
      <c r="IMZ682" s="613"/>
      <c r="INA682" s="613"/>
      <c r="INB682" s="613"/>
      <c r="INC682" s="613"/>
      <c r="IND682" s="613"/>
      <c r="INE682" s="613"/>
      <c r="INF682" s="613"/>
      <c r="ING682" s="613"/>
      <c r="INH682" s="613"/>
      <c r="INI682" s="613"/>
      <c r="INJ682" s="613"/>
      <c r="INK682" s="613"/>
      <c r="INL682" s="613"/>
      <c r="INM682" s="613"/>
      <c r="INN682" s="613"/>
      <c r="INO682" s="613"/>
      <c r="INP682" s="613"/>
      <c r="INQ682" s="613"/>
      <c r="INR682" s="613"/>
      <c r="INS682" s="613"/>
      <c r="INT682" s="613"/>
      <c r="INU682" s="613"/>
      <c r="INV682" s="613"/>
      <c r="INW682" s="613"/>
      <c r="INX682" s="613"/>
      <c r="INY682" s="613"/>
      <c r="INZ682" s="613"/>
      <c r="IOA682" s="613"/>
      <c r="IOB682" s="613"/>
      <c r="IOC682" s="613"/>
      <c r="IOD682" s="613"/>
      <c r="IOE682" s="613"/>
      <c r="IOF682" s="613"/>
      <c r="IOG682" s="613"/>
      <c r="IOH682" s="613"/>
      <c r="IOI682" s="613"/>
      <c r="IOJ682" s="613"/>
      <c r="IOK682" s="613"/>
      <c r="IOL682" s="613"/>
      <c r="IOM682" s="613"/>
      <c r="ION682" s="613"/>
      <c r="IOO682" s="613"/>
      <c r="IOP682" s="613"/>
      <c r="IOQ682" s="613"/>
      <c r="IOR682" s="613"/>
      <c r="IOS682" s="613"/>
      <c r="IOT682" s="613"/>
      <c r="IOU682" s="613"/>
      <c r="IOV682" s="613"/>
      <c r="IOW682" s="613"/>
      <c r="IOX682" s="613"/>
      <c r="IOY682" s="613"/>
      <c r="IOZ682" s="613"/>
      <c r="IPA682" s="613"/>
      <c r="IPB682" s="613"/>
      <c r="IPC682" s="613"/>
      <c r="IPD682" s="613"/>
      <c r="IPE682" s="613"/>
      <c r="IPF682" s="613"/>
      <c r="IPG682" s="613"/>
      <c r="IPH682" s="613"/>
      <c r="IPI682" s="613"/>
      <c r="IPJ682" s="613"/>
      <c r="IPK682" s="613"/>
      <c r="IPL682" s="613"/>
      <c r="IPM682" s="613"/>
      <c r="IPN682" s="613"/>
      <c r="IPO682" s="613"/>
      <c r="IPP682" s="613"/>
      <c r="IPQ682" s="613"/>
      <c r="IPR682" s="613"/>
      <c r="IPS682" s="613"/>
      <c r="IPT682" s="613"/>
      <c r="IPU682" s="613"/>
      <c r="IPV682" s="613"/>
      <c r="IPW682" s="613"/>
      <c r="IPX682" s="613"/>
      <c r="IPY682" s="613"/>
      <c r="IPZ682" s="613"/>
      <c r="IQA682" s="613"/>
      <c r="IQB682" s="613"/>
      <c r="IQC682" s="613"/>
      <c r="IQD682" s="613"/>
      <c r="IQE682" s="613"/>
      <c r="IQF682" s="613"/>
      <c r="IQG682" s="613"/>
      <c r="IQH682" s="613"/>
      <c r="IQI682" s="613"/>
      <c r="IQJ682" s="613"/>
      <c r="IQK682" s="613"/>
      <c r="IQL682" s="613"/>
      <c r="IQM682" s="613"/>
      <c r="IQN682" s="613"/>
      <c r="IQO682" s="613"/>
      <c r="IQP682" s="613"/>
      <c r="IQQ682" s="613"/>
      <c r="IQR682" s="613"/>
      <c r="IQS682" s="613"/>
      <c r="IQT682" s="613"/>
      <c r="IQU682" s="613"/>
      <c r="IQV682" s="613"/>
      <c r="IQW682" s="613"/>
      <c r="IQX682" s="613"/>
      <c r="IQY682" s="613"/>
      <c r="IQZ682" s="613"/>
      <c r="IRA682" s="613"/>
      <c r="IRB682" s="613"/>
      <c r="IRC682" s="613"/>
      <c r="IRD682" s="613"/>
      <c r="IRE682" s="613"/>
      <c r="IRF682" s="613"/>
      <c r="IRG682" s="613"/>
      <c r="IRH682" s="613"/>
      <c r="IRI682" s="613"/>
      <c r="IRJ682" s="613"/>
      <c r="IRK682" s="613"/>
      <c r="IRL682" s="613"/>
      <c r="IRM682" s="613"/>
      <c r="IRN682" s="613"/>
      <c r="IRO682" s="613"/>
      <c r="IRP682" s="613"/>
      <c r="IRQ682" s="613"/>
      <c r="IRR682" s="613"/>
      <c r="IRS682" s="613"/>
      <c r="IRT682" s="613"/>
      <c r="IRU682" s="613"/>
      <c r="IRV682" s="613"/>
      <c r="IRW682" s="613"/>
      <c r="IRX682" s="613"/>
      <c r="IRY682" s="613"/>
      <c r="IRZ682" s="613"/>
      <c r="ISA682" s="613"/>
      <c r="ISB682" s="613"/>
      <c r="ISC682" s="613"/>
      <c r="ISD682" s="613"/>
      <c r="ISE682" s="613"/>
      <c r="ISF682" s="613"/>
      <c r="ISG682" s="613"/>
      <c r="ISH682" s="613"/>
      <c r="ISI682" s="613"/>
      <c r="ISJ682" s="613"/>
      <c r="ISK682" s="613"/>
      <c r="ISL682" s="613"/>
      <c r="ISM682" s="613"/>
      <c r="ISN682" s="613"/>
      <c r="ISO682" s="613"/>
      <c r="ISP682" s="613"/>
      <c r="ISQ682" s="613"/>
      <c r="ISR682" s="613"/>
      <c r="ISS682" s="613"/>
      <c r="IST682" s="613"/>
      <c r="ISU682" s="613"/>
      <c r="ISV682" s="613"/>
      <c r="ISW682" s="613"/>
      <c r="ISX682" s="613"/>
      <c r="ISY682" s="613"/>
      <c r="ISZ682" s="613"/>
      <c r="ITA682" s="613"/>
      <c r="ITB682" s="613"/>
      <c r="ITC682" s="613"/>
      <c r="ITD682" s="613"/>
      <c r="ITE682" s="613"/>
      <c r="ITF682" s="613"/>
      <c r="ITG682" s="613"/>
      <c r="ITH682" s="613"/>
      <c r="ITI682" s="613"/>
      <c r="ITJ682" s="613"/>
      <c r="ITK682" s="613"/>
      <c r="ITL682" s="613"/>
      <c r="ITM682" s="613"/>
      <c r="ITN682" s="613"/>
      <c r="ITO682" s="613"/>
      <c r="ITP682" s="613"/>
      <c r="ITQ682" s="613"/>
      <c r="ITR682" s="613"/>
      <c r="ITS682" s="613"/>
      <c r="ITT682" s="613"/>
      <c r="ITU682" s="613"/>
      <c r="ITV682" s="613"/>
      <c r="ITW682" s="613"/>
      <c r="ITX682" s="613"/>
      <c r="ITY682" s="613"/>
      <c r="ITZ682" s="613"/>
      <c r="IUA682" s="613"/>
      <c r="IUB682" s="613"/>
      <c r="IUC682" s="613"/>
      <c r="IUD682" s="613"/>
      <c r="IUE682" s="613"/>
      <c r="IUF682" s="613"/>
      <c r="IUG682" s="613"/>
      <c r="IUH682" s="613"/>
      <c r="IUI682" s="613"/>
      <c r="IUJ682" s="613"/>
      <c r="IUK682" s="613"/>
      <c r="IUL682" s="613"/>
      <c r="IUM682" s="613"/>
      <c r="IUN682" s="613"/>
      <c r="IUO682" s="613"/>
      <c r="IUP682" s="613"/>
      <c r="IUQ682" s="613"/>
      <c r="IUR682" s="613"/>
      <c r="IUS682" s="613"/>
      <c r="IUT682" s="613"/>
      <c r="IUU682" s="613"/>
      <c r="IUV682" s="613"/>
      <c r="IUW682" s="613"/>
      <c r="IUX682" s="613"/>
      <c r="IUY682" s="613"/>
      <c r="IUZ682" s="613"/>
      <c r="IVA682" s="613"/>
      <c r="IVB682" s="613"/>
      <c r="IVC682" s="613"/>
      <c r="IVD682" s="613"/>
      <c r="IVE682" s="613"/>
      <c r="IVF682" s="613"/>
      <c r="IVG682" s="613"/>
      <c r="IVH682" s="613"/>
      <c r="IVI682" s="613"/>
      <c r="IVJ682" s="613"/>
      <c r="IVK682" s="613"/>
      <c r="IVL682" s="613"/>
      <c r="IVM682" s="613"/>
      <c r="IVN682" s="613"/>
      <c r="IVO682" s="613"/>
      <c r="IVP682" s="613"/>
      <c r="IVQ682" s="613"/>
      <c r="IVR682" s="613"/>
      <c r="IVS682" s="613"/>
      <c r="IVT682" s="613"/>
      <c r="IVU682" s="613"/>
      <c r="IVV682" s="613"/>
      <c r="IVW682" s="613"/>
      <c r="IVX682" s="613"/>
      <c r="IVY682" s="613"/>
      <c r="IVZ682" s="613"/>
      <c r="IWA682" s="613"/>
      <c r="IWB682" s="613"/>
      <c r="IWC682" s="613"/>
      <c r="IWD682" s="613"/>
      <c r="IWE682" s="613"/>
      <c r="IWF682" s="613"/>
      <c r="IWG682" s="613"/>
      <c r="IWH682" s="613"/>
      <c r="IWI682" s="613"/>
      <c r="IWJ682" s="613"/>
      <c r="IWK682" s="613"/>
      <c r="IWL682" s="613"/>
      <c r="IWM682" s="613"/>
      <c r="IWN682" s="613"/>
      <c r="IWO682" s="613"/>
      <c r="IWP682" s="613"/>
      <c r="IWQ682" s="613"/>
      <c r="IWR682" s="613"/>
      <c r="IWS682" s="613"/>
      <c r="IWT682" s="613"/>
      <c r="IWU682" s="613"/>
      <c r="IWV682" s="613"/>
      <c r="IWW682" s="613"/>
      <c r="IWX682" s="613"/>
      <c r="IWY682" s="613"/>
      <c r="IWZ682" s="613"/>
      <c r="IXA682" s="613"/>
      <c r="IXB682" s="613"/>
      <c r="IXC682" s="613"/>
      <c r="IXD682" s="613"/>
      <c r="IXE682" s="613"/>
      <c r="IXF682" s="613"/>
      <c r="IXG682" s="613"/>
      <c r="IXH682" s="613"/>
      <c r="IXI682" s="613"/>
      <c r="IXJ682" s="613"/>
      <c r="IXK682" s="613"/>
      <c r="IXL682" s="613"/>
      <c r="IXM682" s="613"/>
      <c r="IXN682" s="613"/>
      <c r="IXO682" s="613"/>
      <c r="IXP682" s="613"/>
      <c r="IXQ682" s="613"/>
      <c r="IXR682" s="613"/>
      <c r="IXS682" s="613"/>
      <c r="IXT682" s="613"/>
      <c r="IXU682" s="613"/>
      <c r="IXV682" s="613"/>
      <c r="IXW682" s="613"/>
      <c r="IXX682" s="613"/>
      <c r="IXY682" s="613"/>
      <c r="IXZ682" s="613"/>
      <c r="IYA682" s="613"/>
      <c r="IYB682" s="613"/>
      <c r="IYC682" s="613"/>
      <c r="IYD682" s="613"/>
      <c r="IYE682" s="613"/>
      <c r="IYF682" s="613"/>
      <c r="IYG682" s="613"/>
      <c r="IYH682" s="613"/>
      <c r="IYI682" s="613"/>
      <c r="IYJ682" s="613"/>
      <c r="IYK682" s="613"/>
      <c r="IYL682" s="613"/>
      <c r="IYM682" s="613"/>
      <c r="IYN682" s="613"/>
      <c r="IYO682" s="613"/>
      <c r="IYP682" s="613"/>
      <c r="IYQ682" s="613"/>
      <c r="IYR682" s="613"/>
      <c r="IYS682" s="613"/>
      <c r="IYT682" s="613"/>
      <c r="IYU682" s="613"/>
      <c r="IYV682" s="613"/>
      <c r="IYW682" s="613"/>
      <c r="IYX682" s="613"/>
      <c r="IYY682" s="613"/>
      <c r="IYZ682" s="613"/>
      <c r="IZA682" s="613"/>
      <c r="IZB682" s="613"/>
      <c r="IZC682" s="613"/>
      <c r="IZD682" s="613"/>
      <c r="IZE682" s="613"/>
      <c r="IZF682" s="613"/>
      <c r="IZG682" s="613"/>
      <c r="IZH682" s="613"/>
      <c r="IZI682" s="613"/>
      <c r="IZJ682" s="613"/>
      <c r="IZK682" s="613"/>
      <c r="IZL682" s="613"/>
      <c r="IZM682" s="613"/>
      <c r="IZN682" s="613"/>
      <c r="IZO682" s="613"/>
      <c r="IZP682" s="613"/>
      <c r="IZQ682" s="613"/>
      <c r="IZR682" s="613"/>
      <c r="IZS682" s="613"/>
      <c r="IZT682" s="613"/>
      <c r="IZU682" s="613"/>
      <c r="IZV682" s="613"/>
      <c r="IZW682" s="613"/>
      <c r="IZX682" s="613"/>
      <c r="IZY682" s="613"/>
      <c r="IZZ682" s="613"/>
      <c r="JAA682" s="613"/>
      <c r="JAB682" s="613"/>
      <c r="JAC682" s="613"/>
      <c r="JAD682" s="613"/>
      <c r="JAE682" s="613"/>
      <c r="JAF682" s="613"/>
      <c r="JAG682" s="613"/>
      <c r="JAH682" s="613"/>
      <c r="JAI682" s="613"/>
      <c r="JAJ682" s="613"/>
      <c r="JAK682" s="613"/>
      <c r="JAL682" s="613"/>
      <c r="JAM682" s="613"/>
      <c r="JAN682" s="613"/>
      <c r="JAO682" s="613"/>
      <c r="JAP682" s="613"/>
      <c r="JAQ682" s="613"/>
      <c r="JAR682" s="613"/>
      <c r="JAS682" s="613"/>
      <c r="JAT682" s="613"/>
      <c r="JAU682" s="613"/>
      <c r="JAV682" s="613"/>
      <c r="JAW682" s="613"/>
      <c r="JAX682" s="613"/>
      <c r="JAY682" s="613"/>
      <c r="JAZ682" s="613"/>
      <c r="JBA682" s="613"/>
      <c r="JBB682" s="613"/>
      <c r="JBC682" s="613"/>
      <c r="JBD682" s="613"/>
      <c r="JBE682" s="613"/>
      <c r="JBF682" s="613"/>
      <c r="JBG682" s="613"/>
      <c r="JBH682" s="613"/>
      <c r="JBI682" s="613"/>
      <c r="JBJ682" s="613"/>
      <c r="JBK682" s="613"/>
      <c r="JBL682" s="613"/>
      <c r="JBM682" s="613"/>
      <c r="JBN682" s="613"/>
      <c r="JBO682" s="613"/>
      <c r="JBP682" s="613"/>
      <c r="JBQ682" s="613"/>
      <c r="JBR682" s="613"/>
      <c r="JBS682" s="613"/>
      <c r="JBT682" s="613"/>
      <c r="JBU682" s="613"/>
      <c r="JBV682" s="613"/>
      <c r="JBW682" s="613"/>
      <c r="JBX682" s="613"/>
      <c r="JBY682" s="613"/>
      <c r="JBZ682" s="613"/>
      <c r="JCA682" s="613"/>
      <c r="JCB682" s="613"/>
      <c r="JCC682" s="613"/>
      <c r="JCD682" s="613"/>
      <c r="JCE682" s="613"/>
      <c r="JCF682" s="613"/>
      <c r="JCG682" s="613"/>
      <c r="JCH682" s="613"/>
      <c r="JCI682" s="613"/>
      <c r="JCJ682" s="613"/>
      <c r="JCK682" s="613"/>
      <c r="JCL682" s="613"/>
      <c r="JCM682" s="613"/>
      <c r="JCN682" s="613"/>
      <c r="JCO682" s="613"/>
      <c r="JCP682" s="613"/>
      <c r="JCQ682" s="613"/>
      <c r="JCR682" s="613"/>
      <c r="JCS682" s="613"/>
      <c r="JCT682" s="613"/>
      <c r="JCU682" s="613"/>
      <c r="JCV682" s="613"/>
      <c r="JCW682" s="613"/>
      <c r="JCX682" s="613"/>
      <c r="JCY682" s="613"/>
      <c r="JCZ682" s="613"/>
      <c r="JDA682" s="613"/>
      <c r="JDB682" s="613"/>
      <c r="JDC682" s="613"/>
      <c r="JDD682" s="613"/>
      <c r="JDE682" s="613"/>
      <c r="JDF682" s="613"/>
      <c r="JDG682" s="613"/>
      <c r="JDH682" s="613"/>
      <c r="JDI682" s="613"/>
      <c r="JDJ682" s="613"/>
      <c r="JDK682" s="613"/>
      <c r="JDL682" s="613"/>
      <c r="JDM682" s="613"/>
      <c r="JDN682" s="613"/>
      <c r="JDO682" s="613"/>
      <c r="JDP682" s="613"/>
      <c r="JDQ682" s="613"/>
      <c r="JDR682" s="613"/>
      <c r="JDS682" s="613"/>
      <c r="JDT682" s="613"/>
      <c r="JDU682" s="613"/>
      <c r="JDV682" s="613"/>
      <c r="JDW682" s="613"/>
      <c r="JDX682" s="613"/>
      <c r="JDY682" s="613"/>
      <c r="JDZ682" s="613"/>
      <c r="JEA682" s="613"/>
      <c r="JEB682" s="613"/>
      <c r="JEC682" s="613"/>
      <c r="JED682" s="613"/>
      <c r="JEE682" s="613"/>
      <c r="JEF682" s="613"/>
      <c r="JEG682" s="613"/>
      <c r="JEH682" s="613"/>
      <c r="JEI682" s="613"/>
      <c r="JEJ682" s="613"/>
      <c r="JEK682" s="613"/>
      <c r="JEL682" s="613"/>
      <c r="JEM682" s="613"/>
      <c r="JEN682" s="613"/>
      <c r="JEO682" s="613"/>
      <c r="JEP682" s="613"/>
      <c r="JEQ682" s="613"/>
      <c r="JER682" s="613"/>
      <c r="JES682" s="613"/>
      <c r="JET682" s="613"/>
      <c r="JEU682" s="613"/>
      <c r="JEV682" s="613"/>
      <c r="JEW682" s="613"/>
      <c r="JEX682" s="613"/>
      <c r="JEY682" s="613"/>
      <c r="JEZ682" s="613"/>
      <c r="JFA682" s="613"/>
      <c r="JFB682" s="613"/>
      <c r="JFC682" s="613"/>
      <c r="JFD682" s="613"/>
      <c r="JFE682" s="613"/>
      <c r="JFF682" s="613"/>
      <c r="JFG682" s="613"/>
      <c r="JFH682" s="613"/>
      <c r="JFI682" s="613"/>
      <c r="JFJ682" s="613"/>
      <c r="JFK682" s="613"/>
      <c r="JFL682" s="613"/>
      <c r="JFM682" s="613"/>
      <c r="JFN682" s="613"/>
      <c r="JFO682" s="613"/>
      <c r="JFP682" s="613"/>
      <c r="JFQ682" s="613"/>
      <c r="JFR682" s="613"/>
      <c r="JFS682" s="613"/>
      <c r="JFT682" s="613"/>
      <c r="JFU682" s="613"/>
      <c r="JFV682" s="613"/>
      <c r="JFW682" s="613"/>
      <c r="JFX682" s="613"/>
      <c r="JFY682" s="613"/>
      <c r="JFZ682" s="613"/>
      <c r="JGA682" s="613"/>
      <c r="JGB682" s="613"/>
      <c r="JGC682" s="613"/>
      <c r="JGD682" s="613"/>
      <c r="JGE682" s="613"/>
      <c r="JGF682" s="613"/>
      <c r="JGG682" s="613"/>
      <c r="JGH682" s="613"/>
      <c r="JGI682" s="613"/>
      <c r="JGJ682" s="613"/>
      <c r="JGK682" s="613"/>
      <c r="JGL682" s="613"/>
      <c r="JGM682" s="613"/>
      <c r="JGN682" s="613"/>
      <c r="JGO682" s="613"/>
      <c r="JGP682" s="613"/>
      <c r="JGQ682" s="613"/>
      <c r="JGR682" s="613"/>
      <c r="JGS682" s="613"/>
      <c r="JGT682" s="613"/>
      <c r="JGU682" s="613"/>
      <c r="JGV682" s="613"/>
      <c r="JGW682" s="613"/>
      <c r="JGX682" s="613"/>
      <c r="JGY682" s="613"/>
      <c r="JGZ682" s="613"/>
      <c r="JHA682" s="613"/>
      <c r="JHB682" s="613"/>
      <c r="JHC682" s="613"/>
      <c r="JHD682" s="613"/>
      <c r="JHE682" s="613"/>
      <c r="JHF682" s="613"/>
      <c r="JHG682" s="613"/>
      <c r="JHH682" s="613"/>
      <c r="JHI682" s="613"/>
      <c r="JHJ682" s="613"/>
      <c r="JHK682" s="613"/>
      <c r="JHL682" s="613"/>
      <c r="JHM682" s="613"/>
      <c r="JHN682" s="613"/>
      <c r="JHO682" s="613"/>
      <c r="JHP682" s="613"/>
      <c r="JHQ682" s="613"/>
      <c r="JHR682" s="613"/>
      <c r="JHS682" s="613"/>
      <c r="JHT682" s="613"/>
      <c r="JHU682" s="613"/>
      <c r="JHV682" s="613"/>
      <c r="JHW682" s="613"/>
      <c r="JHX682" s="613"/>
      <c r="JHY682" s="613"/>
      <c r="JHZ682" s="613"/>
      <c r="JIA682" s="613"/>
      <c r="JIB682" s="613"/>
      <c r="JIC682" s="613"/>
      <c r="JID682" s="613"/>
      <c r="JIE682" s="613"/>
      <c r="JIF682" s="613"/>
      <c r="JIG682" s="613"/>
      <c r="JIH682" s="613"/>
      <c r="JII682" s="613"/>
      <c r="JIJ682" s="613"/>
      <c r="JIK682" s="613"/>
      <c r="JIL682" s="613"/>
      <c r="JIM682" s="613"/>
      <c r="JIN682" s="613"/>
      <c r="JIO682" s="613"/>
      <c r="JIP682" s="613"/>
      <c r="JIQ682" s="613"/>
      <c r="JIR682" s="613"/>
      <c r="JIS682" s="613"/>
      <c r="JIT682" s="613"/>
      <c r="JIU682" s="613"/>
      <c r="JIV682" s="613"/>
      <c r="JIW682" s="613"/>
      <c r="JIX682" s="613"/>
      <c r="JIY682" s="613"/>
      <c r="JIZ682" s="613"/>
      <c r="JJA682" s="613"/>
      <c r="JJB682" s="613"/>
      <c r="JJC682" s="613"/>
      <c r="JJD682" s="613"/>
      <c r="JJE682" s="613"/>
      <c r="JJF682" s="613"/>
      <c r="JJG682" s="613"/>
      <c r="JJH682" s="613"/>
      <c r="JJI682" s="613"/>
      <c r="JJJ682" s="613"/>
      <c r="JJK682" s="613"/>
      <c r="JJL682" s="613"/>
      <c r="JJM682" s="613"/>
      <c r="JJN682" s="613"/>
      <c r="JJO682" s="613"/>
      <c r="JJP682" s="613"/>
      <c r="JJQ682" s="613"/>
      <c r="JJR682" s="613"/>
      <c r="JJS682" s="613"/>
      <c r="JJT682" s="613"/>
      <c r="JJU682" s="613"/>
      <c r="JJV682" s="613"/>
      <c r="JJW682" s="613"/>
      <c r="JJX682" s="613"/>
      <c r="JJY682" s="613"/>
      <c r="JJZ682" s="613"/>
      <c r="JKA682" s="613"/>
      <c r="JKB682" s="613"/>
      <c r="JKC682" s="613"/>
      <c r="JKD682" s="613"/>
      <c r="JKE682" s="613"/>
      <c r="JKF682" s="613"/>
      <c r="JKG682" s="613"/>
      <c r="JKH682" s="613"/>
      <c r="JKI682" s="613"/>
      <c r="JKJ682" s="613"/>
      <c r="JKK682" s="613"/>
      <c r="JKL682" s="613"/>
      <c r="JKM682" s="613"/>
      <c r="JKN682" s="613"/>
      <c r="JKO682" s="613"/>
      <c r="JKP682" s="613"/>
      <c r="JKQ682" s="613"/>
      <c r="JKR682" s="613"/>
      <c r="JKS682" s="613"/>
      <c r="JKT682" s="613"/>
      <c r="JKU682" s="613"/>
      <c r="JKV682" s="613"/>
      <c r="JKW682" s="613"/>
      <c r="JKX682" s="613"/>
      <c r="JKY682" s="613"/>
      <c r="JKZ682" s="613"/>
      <c r="JLA682" s="613"/>
      <c r="JLB682" s="613"/>
      <c r="JLC682" s="613"/>
      <c r="JLD682" s="613"/>
      <c r="JLE682" s="613"/>
      <c r="JLF682" s="613"/>
      <c r="JLG682" s="613"/>
      <c r="JLH682" s="613"/>
      <c r="JLI682" s="613"/>
      <c r="JLJ682" s="613"/>
      <c r="JLK682" s="613"/>
      <c r="JLL682" s="613"/>
      <c r="JLM682" s="613"/>
      <c r="JLN682" s="613"/>
      <c r="JLO682" s="613"/>
      <c r="JLP682" s="613"/>
      <c r="JLQ682" s="613"/>
      <c r="JLR682" s="613"/>
      <c r="JLS682" s="613"/>
      <c r="JLT682" s="613"/>
      <c r="JLU682" s="613"/>
      <c r="JLV682" s="613"/>
      <c r="JLW682" s="613"/>
      <c r="JLX682" s="613"/>
      <c r="JLY682" s="613"/>
      <c r="JLZ682" s="613"/>
      <c r="JMA682" s="613"/>
      <c r="JMB682" s="613"/>
      <c r="JMC682" s="613"/>
      <c r="JMD682" s="613"/>
      <c r="JME682" s="613"/>
      <c r="JMF682" s="613"/>
      <c r="JMG682" s="613"/>
      <c r="JMH682" s="613"/>
      <c r="JMI682" s="613"/>
      <c r="JMJ682" s="613"/>
      <c r="JMK682" s="613"/>
      <c r="JML682" s="613"/>
      <c r="JMM682" s="613"/>
      <c r="JMN682" s="613"/>
      <c r="JMO682" s="613"/>
      <c r="JMP682" s="613"/>
      <c r="JMQ682" s="613"/>
      <c r="JMR682" s="613"/>
      <c r="JMS682" s="613"/>
      <c r="JMT682" s="613"/>
      <c r="JMU682" s="613"/>
      <c r="JMV682" s="613"/>
      <c r="JMW682" s="613"/>
      <c r="JMX682" s="613"/>
      <c r="JMY682" s="613"/>
      <c r="JMZ682" s="613"/>
      <c r="JNA682" s="613"/>
      <c r="JNB682" s="613"/>
      <c r="JNC682" s="613"/>
      <c r="JND682" s="613"/>
      <c r="JNE682" s="613"/>
      <c r="JNF682" s="613"/>
      <c r="JNG682" s="613"/>
      <c r="JNH682" s="613"/>
      <c r="JNI682" s="613"/>
      <c r="JNJ682" s="613"/>
      <c r="JNK682" s="613"/>
      <c r="JNL682" s="613"/>
      <c r="JNM682" s="613"/>
      <c r="JNN682" s="613"/>
      <c r="JNO682" s="613"/>
      <c r="JNP682" s="613"/>
      <c r="JNQ682" s="613"/>
      <c r="JNR682" s="613"/>
      <c r="JNS682" s="613"/>
      <c r="JNT682" s="613"/>
      <c r="JNU682" s="613"/>
      <c r="JNV682" s="613"/>
      <c r="JNW682" s="613"/>
      <c r="JNX682" s="613"/>
      <c r="JNY682" s="613"/>
      <c r="JNZ682" s="613"/>
      <c r="JOA682" s="613"/>
      <c r="JOB682" s="613"/>
      <c r="JOC682" s="613"/>
      <c r="JOD682" s="613"/>
      <c r="JOE682" s="613"/>
      <c r="JOF682" s="613"/>
      <c r="JOG682" s="613"/>
      <c r="JOH682" s="613"/>
      <c r="JOI682" s="613"/>
      <c r="JOJ682" s="613"/>
      <c r="JOK682" s="613"/>
      <c r="JOL682" s="613"/>
      <c r="JOM682" s="613"/>
      <c r="JON682" s="613"/>
      <c r="JOO682" s="613"/>
      <c r="JOP682" s="613"/>
      <c r="JOQ682" s="613"/>
      <c r="JOR682" s="613"/>
      <c r="JOS682" s="613"/>
      <c r="JOT682" s="613"/>
      <c r="JOU682" s="613"/>
      <c r="JOV682" s="613"/>
      <c r="JOW682" s="613"/>
      <c r="JOX682" s="613"/>
      <c r="JOY682" s="613"/>
      <c r="JOZ682" s="613"/>
      <c r="JPA682" s="613"/>
      <c r="JPB682" s="613"/>
      <c r="JPC682" s="613"/>
      <c r="JPD682" s="613"/>
      <c r="JPE682" s="613"/>
      <c r="JPF682" s="613"/>
      <c r="JPG682" s="613"/>
      <c r="JPH682" s="613"/>
      <c r="JPI682" s="613"/>
      <c r="JPJ682" s="613"/>
      <c r="JPK682" s="613"/>
      <c r="JPL682" s="613"/>
      <c r="JPM682" s="613"/>
      <c r="JPN682" s="613"/>
      <c r="JPO682" s="613"/>
      <c r="JPP682" s="613"/>
      <c r="JPQ682" s="613"/>
      <c r="JPR682" s="613"/>
      <c r="JPS682" s="613"/>
      <c r="JPT682" s="613"/>
      <c r="JPU682" s="613"/>
      <c r="JPV682" s="613"/>
      <c r="JPW682" s="613"/>
      <c r="JPX682" s="613"/>
      <c r="JPY682" s="613"/>
      <c r="JPZ682" s="613"/>
      <c r="JQA682" s="613"/>
      <c r="JQB682" s="613"/>
      <c r="JQC682" s="613"/>
      <c r="JQD682" s="613"/>
      <c r="JQE682" s="613"/>
      <c r="JQF682" s="613"/>
      <c r="JQG682" s="613"/>
      <c r="JQH682" s="613"/>
      <c r="JQI682" s="613"/>
      <c r="JQJ682" s="613"/>
      <c r="JQK682" s="613"/>
      <c r="JQL682" s="613"/>
      <c r="JQM682" s="613"/>
      <c r="JQN682" s="613"/>
      <c r="JQO682" s="613"/>
      <c r="JQP682" s="613"/>
      <c r="JQQ682" s="613"/>
      <c r="JQR682" s="613"/>
      <c r="JQS682" s="613"/>
      <c r="JQT682" s="613"/>
      <c r="JQU682" s="613"/>
      <c r="JQV682" s="613"/>
      <c r="JQW682" s="613"/>
      <c r="JQX682" s="613"/>
      <c r="JQY682" s="613"/>
      <c r="JQZ682" s="613"/>
      <c r="JRA682" s="613"/>
      <c r="JRB682" s="613"/>
      <c r="JRC682" s="613"/>
      <c r="JRD682" s="613"/>
      <c r="JRE682" s="613"/>
      <c r="JRF682" s="613"/>
      <c r="JRG682" s="613"/>
      <c r="JRH682" s="613"/>
      <c r="JRI682" s="613"/>
      <c r="JRJ682" s="613"/>
      <c r="JRK682" s="613"/>
      <c r="JRL682" s="613"/>
      <c r="JRM682" s="613"/>
      <c r="JRN682" s="613"/>
      <c r="JRO682" s="613"/>
      <c r="JRP682" s="613"/>
      <c r="JRQ682" s="613"/>
      <c r="JRR682" s="613"/>
      <c r="JRS682" s="613"/>
      <c r="JRT682" s="613"/>
      <c r="JRU682" s="613"/>
      <c r="JRV682" s="613"/>
      <c r="JRW682" s="613"/>
      <c r="JRX682" s="613"/>
      <c r="JRY682" s="613"/>
      <c r="JRZ682" s="613"/>
      <c r="JSA682" s="613"/>
      <c r="JSB682" s="613"/>
      <c r="JSC682" s="613"/>
      <c r="JSD682" s="613"/>
      <c r="JSE682" s="613"/>
      <c r="JSF682" s="613"/>
      <c r="JSG682" s="613"/>
      <c r="JSH682" s="613"/>
      <c r="JSI682" s="613"/>
      <c r="JSJ682" s="613"/>
      <c r="JSK682" s="613"/>
      <c r="JSL682" s="613"/>
      <c r="JSM682" s="613"/>
      <c r="JSN682" s="613"/>
      <c r="JSO682" s="613"/>
      <c r="JSP682" s="613"/>
      <c r="JSQ682" s="613"/>
      <c r="JSR682" s="613"/>
      <c r="JSS682" s="613"/>
      <c r="JST682" s="613"/>
      <c r="JSU682" s="613"/>
      <c r="JSV682" s="613"/>
      <c r="JSW682" s="613"/>
      <c r="JSX682" s="613"/>
      <c r="JSY682" s="613"/>
      <c r="JSZ682" s="613"/>
      <c r="JTA682" s="613"/>
      <c r="JTB682" s="613"/>
      <c r="JTC682" s="613"/>
      <c r="JTD682" s="613"/>
      <c r="JTE682" s="613"/>
      <c r="JTF682" s="613"/>
      <c r="JTG682" s="613"/>
      <c r="JTH682" s="613"/>
      <c r="JTI682" s="613"/>
      <c r="JTJ682" s="613"/>
      <c r="JTK682" s="613"/>
      <c r="JTL682" s="613"/>
      <c r="JTM682" s="613"/>
      <c r="JTN682" s="613"/>
      <c r="JTO682" s="613"/>
      <c r="JTP682" s="613"/>
      <c r="JTQ682" s="613"/>
      <c r="JTR682" s="613"/>
      <c r="JTS682" s="613"/>
      <c r="JTT682" s="613"/>
      <c r="JTU682" s="613"/>
      <c r="JTV682" s="613"/>
      <c r="JTW682" s="613"/>
      <c r="JTX682" s="613"/>
      <c r="JTY682" s="613"/>
      <c r="JTZ682" s="613"/>
      <c r="JUA682" s="613"/>
      <c r="JUB682" s="613"/>
      <c r="JUC682" s="613"/>
      <c r="JUD682" s="613"/>
      <c r="JUE682" s="613"/>
      <c r="JUF682" s="613"/>
      <c r="JUG682" s="613"/>
      <c r="JUH682" s="613"/>
      <c r="JUI682" s="613"/>
      <c r="JUJ682" s="613"/>
      <c r="JUK682" s="613"/>
      <c r="JUL682" s="613"/>
      <c r="JUM682" s="613"/>
      <c r="JUN682" s="613"/>
      <c r="JUO682" s="613"/>
      <c r="JUP682" s="613"/>
      <c r="JUQ682" s="613"/>
      <c r="JUR682" s="613"/>
      <c r="JUS682" s="613"/>
      <c r="JUT682" s="613"/>
      <c r="JUU682" s="613"/>
      <c r="JUV682" s="613"/>
      <c r="JUW682" s="613"/>
      <c r="JUX682" s="613"/>
      <c r="JUY682" s="613"/>
      <c r="JUZ682" s="613"/>
      <c r="JVA682" s="613"/>
      <c r="JVB682" s="613"/>
      <c r="JVC682" s="613"/>
      <c r="JVD682" s="613"/>
      <c r="JVE682" s="613"/>
      <c r="JVF682" s="613"/>
      <c r="JVG682" s="613"/>
      <c r="JVH682" s="613"/>
      <c r="JVI682" s="613"/>
      <c r="JVJ682" s="613"/>
      <c r="JVK682" s="613"/>
      <c r="JVL682" s="613"/>
      <c r="JVM682" s="613"/>
      <c r="JVN682" s="613"/>
      <c r="JVO682" s="613"/>
      <c r="JVP682" s="613"/>
      <c r="JVQ682" s="613"/>
      <c r="JVR682" s="613"/>
      <c r="JVS682" s="613"/>
      <c r="JVT682" s="613"/>
      <c r="JVU682" s="613"/>
      <c r="JVV682" s="613"/>
      <c r="JVW682" s="613"/>
      <c r="JVX682" s="613"/>
      <c r="JVY682" s="613"/>
      <c r="JVZ682" s="613"/>
      <c r="JWA682" s="613"/>
      <c r="JWB682" s="613"/>
      <c r="JWC682" s="613"/>
      <c r="JWD682" s="613"/>
      <c r="JWE682" s="613"/>
      <c r="JWF682" s="613"/>
      <c r="JWG682" s="613"/>
      <c r="JWH682" s="613"/>
      <c r="JWI682" s="613"/>
      <c r="JWJ682" s="613"/>
      <c r="JWK682" s="613"/>
      <c r="JWL682" s="613"/>
      <c r="JWM682" s="613"/>
      <c r="JWN682" s="613"/>
      <c r="JWO682" s="613"/>
      <c r="JWP682" s="613"/>
      <c r="JWQ682" s="613"/>
      <c r="JWR682" s="613"/>
      <c r="JWS682" s="613"/>
      <c r="JWT682" s="613"/>
      <c r="JWU682" s="613"/>
      <c r="JWV682" s="613"/>
      <c r="JWW682" s="613"/>
      <c r="JWX682" s="613"/>
      <c r="JWY682" s="613"/>
      <c r="JWZ682" s="613"/>
      <c r="JXA682" s="613"/>
      <c r="JXB682" s="613"/>
      <c r="JXC682" s="613"/>
      <c r="JXD682" s="613"/>
      <c r="JXE682" s="613"/>
      <c r="JXF682" s="613"/>
      <c r="JXG682" s="613"/>
      <c r="JXH682" s="613"/>
      <c r="JXI682" s="613"/>
      <c r="JXJ682" s="613"/>
      <c r="JXK682" s="613"/>
      <c r="JXL682" s="613"/>
      <c r="JXM682" s="613"/>
      <c r="JXN682" s="613"/>
      <c r="JXO682" s="613"/>
      <c r="JXP682" s="613"/>
      <c r="JXQ682" s="613"/>
      <c r="JXR682" s="613"/>
      <c r="JXS682" s="613"/>
      <c r="JXT682" s="613"/>
      <c r="JXU682" s="613"/>
      <c r="JXV682" s="613"/>
      <c r="JXW682" s="613"/>
      <c r="JXX682" s="613"/>
      <c r="JXY682" s="613"/>
      <c r="JXZ682" s="613"/>
      <c r="JYA682" s="613"/>
      <c r="JYB682" s="613"/>
      <c r="JYC682" s="613"/>
      <c r="JYD682" s="613"/>
      <c r="JYE682" s="613"/>
      <c r="JYF682" s="613"/>
      <c r="JYG682" s="613"/>
      <c r="JYH682" s="613"/>
      <c r="JYI682" s="613"/>
      <c r="JYJ682" s="613"/>
      <c r="JYK682" s="613"/>
      <c r="JYL682" s="613"/>
      <c r="JYM682" s="613"/>
      <c r="JYN682" s="613"/>
      <c r="JYO682" s="613"/>
      <c r="JYP682" s="613"/>
      <c r="JYQ682" s="613"/>
      <c r="JYR682" s="613"/>
      <c r="JYS682" s="613"/>
      <c r="JYT682" s="613"/>
      <c r="JYU682" s="613"/>
      <c r="JYV682" s="613"/>
      <c r="JYW682" s="613"/>
      <c r="JYX682" s="613"/>
      <c r="JYY682" s="613"/>
      <c r="JYZ682" s="613"/>
      <c r="JZA682" s="613"/>
      <c r="JZB682" s="613"/>
      <c r="JZC682" s="613"/>
      <c r="JZD682" s="613"/>
      <c r="JZE682" s="613"/>
      <c r="JZF682" s="613"/>
      <c r="JZG682" s="613"/>
      <c r="JZH682" s="613"/>
      <c r="JZI682" s="613"/>
      <c r="JZJ682" s="613"/>
      <c r="JZK682" s="613"/>
      <c r="JZL682" s="613"/>
      <c r="JZM682" s="613"/>
      <c r="JZN682" s="613"/>
      <c r="JZO682" s="613"/>
      <c r="JZP682" s="613"/>
      <c r="JZQ682" s="613"/>
      <c r="JZR682" s="613"/>
      <c r="JZS682" s="613"/>
      <c r="JZT682" s="613"/>
      <c r="JZU682" s="613"/>
      <c r="JZV682" s="613"/>
      <c r="JZW682" s="613"/>
      <c r="JZX682" s="613"/>
      <c r="JZY682" s="613"/>
      <c r="JZZ682" s="613"/>
      <c r="KAA682" s="613"/>
      <c r="KAB682" s="613"/>
      <c r="KAC682" s="613"/>
      <c r="KAD682" s="613"/>
      <c r="KAE682" s="613"/>
      <c r="KAF682" s="613"/>
      <c r="KAG682" s="613"/>
      <c r="KAH682" s="613"/>
      <c r="KAI682" s="613"/>
      <c r="KAJ682" s="613"/>
      <c r="KAK682" s="613"/>
      <c r="KAL682" s="613"/>
      <c r="KAM682" s="613"/>
      <c r="KAN682" s="613"/>
      <c r="KAO682" s="613"/>
      <c r="KAP682" s="613"/>
      <c r="KAQ682" s="613"/>
      <c r="KAR682" s="613"/>
      <c r="KAS682" s="613"/>
      <c r="KAT682" s="613"/>
      <c r="KAU682" s="613"/>
      <c r="KAV682" s="613"/>
      <c r="KAW682" s="613"/>
      <c r="KAX682" s="613"/>
      <c r="KAY682" s="613"/>
      <c r="KAZ682" s="613"/>
      <c r="KBA682" s="613"/>
      <c r="KBB682" s="613"/>
      <c r="KBC682" s="613"/>
      <c r="KBD682" s="613"/>
      <c r="KBE682" s="613"/>
      <c r="KBF682" s="613"/>
      <c r="KBG682" s="613"/>
      <c r="KBH682" s="613"/>
      <c r="KBI682" s="613"/>
      <c r="KBJ682" s="613"/>
      <c r="KBK682" s="613"/>
      <c r="KBL682" s="613"/>
      <c r="KBM682" s="613"/>
      <c r="KBN682" s="613"/>
      <c r="KBO682" s="613"/>
      <c r="KBP682" s="613"/>
      <c r="KBQ682" s="613"/>
      <c r="KBR682" s="613"/>
      <c r="KBS682" s="613"/>
      <c r="KBT682" s="613"/>
      <c r="KBU682" s="613"/>
      <c r="KBV682" s="613"/>
      <c r="KBW682" s="613"/>
      <c r="KBX682" s="613"/>
      <c r="KBY682" s="613"/>
      <c r="KBZ682" s="613"/>
      <c r="KCA682" s="613"/>
      <c r="KCB682" s="613"/>
      <c r="KCC682" s="613"/>
      <c r="KCD682" s="613"/>
      <c r="KCE682" s="613"/>
      <c r="KCF682" s="613"/>
      <c r="KCG682" s="613"/>
      <c r="KCH682" s="613"/>
      <c r="KCI682" s="613"/>
      <c r="KCJ682" s="613"/>
      <c r="KCK682" s="613"/>
      <c r="KCL682" s="613"/>
      <c r="KCM682" s="613"/>
      <c r="KCN682" s="613"/>
      <c r="KCO682" s="613"/>
      <c r="KCP682" s="613"/>
      <c r="KCQ682" s="613"/>
      <c r="KCR682" s="613"/>
      <c r="KCS682" s="613"/>
      <c r="KCT682" s="613"/>
      <c r="KCU682" s="613"/>
      <c r="KCV682" s="613"/>
      <c r="KCW682" s="613"/>
      <c r="KCX682" s="613"/>
      <c r="KCY682" s="613"/>
      <c r="KCZ682" s="613"/>
      <c r="KDA682" s="613"/>
      <c r="KDB682" s="613"/>
      <c r="KDC682" s="613"/>
      <c r="KDD682" s="613"/>
      <c r="KDE682" s="613"/>
      <c r="KDF682" s="613"/>
      <c r="KDG682" s="613"/>
      <c r="KDH682" s="613"/>
      <c r="KDI682" s="613"/>
      <c r="KDJ682" s="613"/>
      <c r="KDK682" s="613"/>
      <c r="KDL682" s="613"/>
      <c r="KDM682" s="613"/>
      <c r="KDN682" s="613"/>
      <c r="KDO682" s="613"/>
      <c r="KDP682" s="613"/>
      <c r="KDQ682" s="613"/>
      <c r="KDR682" s="613"/>
      <c r="KDS682" s="613"/>
      <c r="KDT682" s="613"/>
      <c r="KDU682" s="613"/>
      <c r="KDV682" s="613"/>
      <c r="KDW682" s="613"/>
      <c r="KDX682" s="613"/>
      <c r="KDY682" s="613"/>
      <c r="KDZ682" s="613"/>
      <c r="KEA682" s="613"/>
      <c r="KEB682" s="613"/>
      <c r="KEC682" s="613"/>
      <c r="KED682" s="613"/>
      <c r="KEE682" s="613"/>
      <c r="KEF682" s="613"/>
      <c r="KEG682" s="613"/>
      <c r="KEH682" s="613"/>
      <c r="KEI682" s="613"/>
      <c r="KEJ682" s="613"/>
      <c r="KEK682" s="613"/>
      <c r="KEL682" s="613"/>
      <c r="KEM682" s="613"/>
      <c r="KEN682" s="613"/>
      <c r="KEO682" s="613"/>
      <c r="KEP682" s="613"/>
      <c r="KEQ682" s="613"/>
      <c r="KER682" s="613"/>
      <c r="KES682" s="613"/>
      <c r="KET682" s="613"/>
      <c r="KEU682" s="613"/>
      <c r="KEV682" s="613"/>
      <c r="KEW682" s="613"/>
      <c r="KEX682" s="613"/>
      <c r="KEY682" s="613"/>
      <c r="KEZ682" s="613"/>
      <c r="KFA682" s="613"/>
      <c r="KFB682" s="613"/>
      <c r="KFC682" s="613"/>
      <c r="KFD682" s="613"/>
      <c r="KFE682" s="613"/>
      <c r="KFF682" s="613"/>
      <c r="KFG682" s="613"/>
      <c r="KFH682" s="613"/>
      <c r="KFI682" s="613"/>
      <c r="KFJ682" s="613"/>
      <c r="KFK682" s="613"/>
      <c r="KFL682" s="613"/>
      <c r="KFM682" s="613"/>
      <c r="KFN682" s="613"/>
      <c r="KFO682" s="613"/>
      <c r="KFP682" s="613"/>
      <c r="KFQ682" s="613"/>
      <c r="KFR682" s="613"/>
      <c r="KFS682" s="613"/>
      <c r="KFT682" s="613"/>
      <c r="KFU682" s="613"/>
      <c r="KFV682" s="613"/>
      <c r="KFW682" s="613"/>
      <c r="KFX682" s="613"/>
      <c r="KFY682" s="613"/>
      <c r="KFZ682" s="613"/>
      <c r="KGA682" s="613"/>
      <c r="KGB682" s="613"/>
      <c r="KGC682" s="613"/>
      <c r="KGD682" s="613"/>
      <c r="KGE682" s="613"/>
      <c r="KGF682" s="613"/>
      <c r="KGG682" s="613"/>
      <c r="KGH682" s="613"/>
      <c r="KGI682" s="613"/>
      <c r="KGJ682" s="613"/>
      <c r="KGK682" s="613"/>
      <c r="KGL682" s="613"/>
      <c r="KGM682" s="613"/>
      <c r="KGN682" s="613"/>
      <c r="KGO682" s="613"/>
      <c r="KGP682" s="613"/>
      <c r="KGQ682" s="613"/>
      <c r="KGR682" s="613"/>
      <c r="KGS682" s="613"/>
      <c r="KGT682" s="613"/>
      <c r="KGU682" s="613"/>
      <c r="KGV682" s="613"/>
      <c r="KGW682" s="613"/>
      <c r="KGX682" s="613"/>
      <c r="KGY682" s="613"/>
      <c r="KGZ682" s="613"/>
      <c r="KHA682" s="613"/>
      <c r="KHB682" s="613"/>
      <c r="KHC682" s="613"/>
      <c r="KHD682" s="613"/>
      <c r="KHE682" s="613"/>
      <c r="KHF682" s="613"/>
      <c r="KHG682" s="613"/>
      <c r="KHH682" s="613"/>
      <c r="KHI682" s="613"/>
      <c r="KHJ682" s="613"/>
      <c r="KHK682" s="613"/>
      <c r="KHL682" s="613"/>
      <c r="KHM682" s="613"/>
      <c r="KHN682" s="613"/>
      <c r="KHO682" s="613"/>
      <c r="KHP682" s="613"/>
      <c r="KHQ682" s="613"/>
      <c r="KHR682" s="613"/>
      <c r="KHS682" s="613"/>
      <c r="KHT682" s="613"/>
      <c r="KHU682" s="613"/>
      <c r="KHV682" s="613"/>
      <c r="KHW682" s="613"/>
      <c r="KHX682" s="613"/>
      <c r="KHY682" s="613"/>
      <c r="KHZ682" s="613"/>
      <c r="KIA682" s="613"/>
      <c r="KIB682" s="613"/>
      <c r="KIC682" s="613"/>
      <c r="KID682" s="613"/>
      <c r="KIE682" s="613"/>
      <c r="KIF682" s="613"/>
      <c r="KIG682" s="613"/>
      <c r="KIH682" s="613"/>
      <c r="KII682" s="613"/>
      <c r="KIJ682" s="613"/>
      <c r="KIK682" s="613"/>
      <c r="KIL682" s="613"/>
      <c r="KIM682" s="613"/>
      <c r="KIN682" s="613"/>
      <c r="KIO682" s="613"/>
      <c r="KIP682" s="613"/>
      <c r="KIQ682" s="613"/>
      <c r="KIR682" s="613"/>
      <c r="KIS682" s="613"/>
      <c r="KIT682" s="613"/>
      <c r="KIU682" s="613"/>
      <c r="KIV682" s="613"/>
      <c r="KIW682" s="613"/>
      <c r="KIX682" s="613"/>
      <c r="KIY682" s="613"/>
      <c r="KIZ682" s="613"/>
      <c r="KJA682" s="613"/>
      <c r="KJB682" s="613"/>
      <c r="KJC682" s="613"/>
      <c r="KJD682" s="613"/>
      <c r="KJE682" s="613"/>
      <c r="KJF682" s="613"/>
      <c r="KJG682" s="613"/>
      <c r="KJH682" s="613"/>
      <c r="KJI682" s="613"/>
      <c r="KJJ682" s="613"/>
      <c r="KJK682" s="613"/>
      <c r="KJL682" s="613"/>
      <c r="KJM682" s="613"/>
      <c r="KJN682" s="613"/>
      <c r="KJO682" s="613"/>
      <c r="KJP682" s="613"/>
      <c r="KJQ682" s="613"/>
      <c r="KJR682" s="613"/>
      <c r="KJS682" s="613"/>
      <c r="KJT682" s="613"/>
      <c r="KJU682" s="613"/>
      <c r="KJV682" s="613"/>
      <c r="KJW682" s="613"/>
      <c r="KJX682" s="613"/>
      <c r="KJY682" s="613"/>
      <c r="KJZ682" s="613"/>
      <c r="KKA682" s="613"/>
      <c r="KKB682" s="613"/>
      <c r="KKC682" s="613"/>
      <c r="KKD682" s="613"/>
      <c r="KKE682" s="613"/>
      <c r="KKF682" s="613"/>
      <c r="KKG682" s="613"/>
      <c r="KKH682" s="613"/>
      <c r="KKI682" s="613"/>
      <c r="KKJ682" s="613"/>
      <c r="KKK682" s="613"/>
      <c r="KKL682" s="613"/>
      <c r="KKM682" s="613"/>
      <c r="KKN682" s="613"/>
      <c r="KKO682" s="613"/>
      <c r="KKP682" s="613"/>
      <c r="KKQ682" s="613"/>
      <c r="KKR682" s="613"/>
      <c r="KKS682" s="613"/>
      <c r="KKT682" s="613"/>
      <c r="KKU682" s="613"/>
      <c r="KKV682" s="613"/>
      <c r="KKW682" s="613"/>
      <c r="KKX682" s="613"/>
      <c r="KKY682" s="613"/>
      <c r="KKZ682" s="613"/>
      <c r="KLA682" s="613"/>
      <c r="KLB682" s="613"/>
      <c r="KLC682" s="613"/>
      <c r="KLD682" s="613"/>
      <c r="KLE682" s="613"/>
      <c r="KLF682" s="613"/>
      <c r="KLG682" s="613"/>
      <c r="KLH682" s="613"/>
      <c r="KLI682" s="613"/>
      <c r="KLJ682" s="613"/>
      <c r="KLK682" s="613"/>
      <c r="KLL682" s="613"/>
      <c r="KLM682" s="613"/>
      <c r="KLN682" s="613"/>
      <c r="KLO682" s="613"/>
      <c r="KLP682" s="613"/>
      <c r="KLQ682" s="613"/>
      <c r="KLR682" s="613"/>
      <c r="KLS682" s="613"/>
      <c r="KLT682" s="613"/>
      <c r="KLU682" s="613"/>
      <c r="KLV682" s="613"/>
      <c r="KLW682" s="613"/>
      <c r="KLX682" s="613"/>
      <c r="KLY682" s="613"/>
      <c r="KLZ682" s="613"/>
      <c r="KMA682" s="613"/>
      <c r="KMB682" s="613"/>
      <c r="KMC682" s="613"/>
      <c r="KMD682" s="613"/>
      <c r="KME682" s="613"/>
      <c r="KMF682" s="613"/>
      <c r="KMG682" s="613"/>
      <c r="KMH682" s="613"/>
      <c r="KMI682" s="613"/>
      <c r="KMJ682" s="613"/>
      <c r="KMK682" s="613"/>
      <c r="KML682" s="613"/>
      <c r="KMM682" s="613"/>
      <c r="KMN682" s="613"/>
      <c r="KMO682" s="613"/>
      <c r="KMP682" s="613"/>
      <c r="KMQ682" s="613"/>
      <c r="KMR682" s="613"/>
      <c r="KMS682" s="613"/>
      <c r="KMT682" s="613"/>
      <c r="KMU682" s="613"/>
      <c r="KMV682" s="613"/>
      <c r="KMW682" s="613"/>
      <c r="KMX682" s="613"/>
      <c r="KMY682" s="613"/>
      <c r="KMZ682" s="613"/>
      <c r="KNA682" s="613"/>
      <c r="KNB682" s="613"/>
      <c r="KNC682" s="613"/>
      <c r="KND682" s="613"/>
      <c r="KNE682" s="613"/>
      <c r="KNF682" s="613"/>
      <c r="KNG682" s="613"/>
      <c r="KNH682" s="613"/>
      <c r="KNI682" s="613"/>
      <c r="KNJ682" s="613"/>
      <c r="KNK682" s="613"/>
      <c r="KNL682" s="613"/>
      <c r="KNM682" s="613"/>
      <c r="KNN682" s="613"/>
      <c r="KNO682" s="613"/>
      <c r="KNP682" s="613"/>
      <c r="KNQ682" s="613"/>
      <c r="KNR682" s="613"/>
      <c r="KNS682" s="613"/>
      <c r="KNT682" s="613"/>
      <c r="KNU682" s="613"/>
      <c r="KNV682" s="613"/>
      <c r="KNW682" s="613"/>
      <c r="KNX682" s="613"/>
      <c r="KNY682" s="613"/>
      <c r="KNZ682" s="613"/>
      <c r="KOA682" s="613"/>
      <c r="KOB682" s="613"/>
      <c r="KOC682" s="613"/>
      <c r="KOD682" s="613"/>
      <c r="KOE682" s="613"/>
      <c r="KOF682" s="613"/>
      <c r="KOG682" s="613"/>
      <c r="KOH682" s="613"/>
      <c r="KOI682" s="613"/>
      <c r="KOJ682" s="613"/>
      <c r="KOK682" s="613"/>
      <c r="KOL682" s="613"/>
      <c r="KOM682" s="613"/>
      <c r="KON682" s="613"/>
      <c r="KOO682" s="613"/>
      <c r="KOP682" s="613"/>
      <c r="KOQ682" s="613"/>
      <c r="KOR682" s="613"/>
      <c r="KOS682" s="613"/>
      <c r="KOT682" s="613"/>
      <c r="KOU682" s="613"/>
      <c r="KOV682" s="613"/>
      <c r="KOW682" s="613"/>
      <c r="KOX682" s="613"/>
      <c r="KOY682" s="613"/>
      <c r="KOZ682" s="613"/>
      <c r="KPA682" s="613"/>
      <c r="KPB682" s="613"/>
      <c r="KPC682" s="613"/>
      <c r="KPD682" s="613"/>
      <c r="KPE682" s="613"/>
      <c r="KPF682" s="613"/>
      <c r="KPG682" s="613"/>
      <c r="KPH682" s="613"/>
      <c r="KPI682" s="613"/>
      <c r="KPJ682" s="613"/>
      <c r="KPK682" s="613"/>
      <c r="KPL682" s="613"/>
      <c r="KPM682" s="613"/>
      <c r="KPN682" s="613"/>
      <c r="KPO682" s="613"/>
      <c r="KPP682" s="613"/>
      <c r="KPQ682" s="613"/>
      <c r="KPR682" s="613"/>
      <c r="KPS682" s="613"/>
      <c r="KPT682" s="613"/>
      <c r="KPU682" s="613"/>
      <c r="KPV682" s="613"/>
      <c r="KPW682" s="613"/>
      <c r="KPX682" s="613"/>
      <c r="KPY682" s="613"/>
      <c r="KPZ682" s="613"/>
      <c r="KQA682" s="613"/>
      <c r="KQB682" s="613"/>
      <c r="KQC682" s="613"/>
      <c r="KQD682" s="613"/>
      <c r="KQE682" s="613"/>
      <c r="KQF682" s="613"/>
      <c r="KQG682" s="613"/>
      <c r="KQH682" s="613"/>
      <c r="KQI682" s="613"/>
      <c r="KQJ682" s="613"/>
      <c r="KQK682" s="613"/>
      <c r="KQL682" s="613"/>
      <c r="KQM682" s="613"/>
      <c r="KQN682" s="613"/>
      <c r="KQO682" s="613"/>
      <c r="KQP682" s="613"/>
      <c r="KQQ682" s="613"/>
      <c r="KQR682" s="613"/>
      <c r="KQS682" s="613"/>
      <c r="KQT682" s="613"/>
      <c r="KQU682" s="613"/>
      <c r="KQV682" s="613"/>
      <c r="KQW682" s="613"/>
      <c r="KQX682" s="613"/>
      <c r="KQY682" s="613"/>
      <c r="KQZ682" s="613"/>
      <c r="KRA682" s="613"/>
      <c r="KRB682" s="613"/>
      <c r="KRC682" s="613"/>
      <c r="KRD682" s="613"/>
      <c r="KRE682" s="613"/>
      <c r="KRF682" s="613"/>
      <c r="KRG682" s="613"/>
      <c r="KRH682" s="613"/>
      <c r="KRI682" s="613"/>
      <c r="KRJ682" s="613"/>
      <c r="KRK682" s="613"/>
      <c r="KRL682" s="613"/>
      <c r="KRM682" s="613"/>
      <c r="KRN682" s="613"/>
      <c r="KRO682" s="613"/>
      <c r="KRP682" s="613"/>
      <c r="KRQ682" s="613"/>
      <c r="KRR682" s="613"/>
      <c r="KRS682" s="613"/>
      <c r="KRT682" s="613"/>
      <c r="KRU682" s="613"/>
      <c r="KRV682" s="613"/>
      <c r="KRW682" s="613"/>
      <c r="KRX682" s="613"/>
      <c r="KRY682" s="613"/>
      <c r="KRZ682" s="613"/>
      <c r="KSA682" s="613"/>
      <c r="KSB682" s="613"/>
      <c r="KSC682" s="613"/>
      <c r="KSD682" s="613"/>
      <c r="KSE682" s="613"/>
      <c r="KSF682" s="613"/>
      <c r="KSG682" s="613"/>
      <c r="KSH682" s="613"/>
      <c r="KSI682" s="613"/>
      <c r="KSJ682" s="613"/>
      <c r="KSK682" s="613"/>
      <c r="KSL682" s="613"/>
      <c r="KSM682" s="613"/>
      <c r="KSN682" s="613"/>
      <c r="KSO682" s="613"/>
      <c r="KSP682" s="613"/>
      <c r="KSQ682" s="613"/>
      <c r="KSR682" s="613"/>
      <c r="KSS682" s="613"/>
      <c r="KST682" s="613"/>
      <c r="KSU682" s="613"/>
      <c r="KSV682" s="613"/>
      <c r="KSW682" s="613"/>
      <c r="KSX682" s="613"/>
      <c r="KSY682" s="613"/>
      <c r="KSZ682" s="613"/>
      <c r="KTA682" s="613"/>
      <c r="KTB682" s="613"/>
      <c r="KTC682" s="613"/>
      <c r="KTD682" s="613"/>
      <c r="KTE682" s="613"/>
      <c r="KTF682" s="613"/>
      <c r="KTG682" s="613"/>
      <c r="KTH682" s="613"/>
      <c r="KTI682" s="613"/>
      <c r="KTJ682" s="613"/>
      <c r="KTK682" s="613"/>
      <c r="KTL682" s="613"/>
      <c r="KTM682" s="613"/>
      <c r="KTN682" s="613"/>
      <c r="KTO682" s="613"/>
      <c r="KTP682" s="613"/>
      <c r="KTQ682" s="613"/>
      <c r="KTR682" s="613"/>
      <c r="KTS682" s="613"/>
      <c r="KTT682" s="613"/>
      <c r="KTU682" s="613"/>
      <c r="KTV682" s="613"/>
      <c r="KTW682" s="613"/>
      <c r="KTX682" s="613"/>
      <c r="KTY682" s="613"/>
      <c r="KTZ682" s="613"/>
      <c r="KUA682" s="613"/>
      <c r="KUB682" s="613"/>
      <c r="KUC682" s="613"/>
      <c r="KUD682" s="613"/>
      <c r="KUE682" s="613"/>
      <c r="KUF682" s="613"/>
      <c r="KUG682" s="613"/>
      <c r="KUH682" s="613"/>
      <c r="KUI682" s="613"/>
      <c r="KUJ682" s="613"/>
      <c r="KUK682" s="613"/>
      <c r="KUL682" s="613"/>
      <c r="KUM682" s="613"/>
      <c r="KUN682" s="613"/>
      <c r="KUO682" s="613"/>
      <c r="KUP682" s="613"/>
      <c r="KUQ682" s="613"/>
      <c r="KUR682" s="613"/>
      <c r="KUS682" s="613"/>
      <c r="KUT682" s="613"/>
      <c r="KUU682" s="613"/>
      <c r="KUV682" s="613"/>
      <c r="KUW682" s="613"/>
      <c r="KUX682" s="613"/>
      <c r="KUY682" s="613"/>
      <c r="KUZ682" s="613"/>
      <c r="KVA682" s="613"/>
      <c r="KVB682" s="613"/>
      <c r="KVC682" s="613"/>
      <c r="KVD682" s="613"/>
      <c r="KVE682" s="613"/>
      <c r="KVF682" s="613"/>
      <c r="KVG682" s="613"/>
      <c r="KVH682" s="613"/>
      <c r="KVI682" s="613"/>
      <c r="KVJ682" s="613"/>
      <c r="KVK682" s="613"/>
      <c r="KVL682" s="613"/>
      <c r="KVM682" s="613"/>
      <c r="KVN682" s="613"/>
      <c r="KVO682" s="613"/>
      <c r="KVP682" s="613"/>
      <c r="KVQ682" s="613"/>
      <c r="KVR682" s="613"/>
      <c r="KVS682" s="613"/>
      <c r="KVT682" s="613"/>
      <c r="KVU682" s="613"/>
      <c r="KVV682" s="613"/>
      <c r="KVW682" s="613"/>
      <c r="KVX682" s="613"/>
      <c r="KVY682" s="613"/>
      <c r="KVZ682" s="613"/>
      <c r="KWA682" s="613"/>
      <c r="KWB682" s="613"/>
      <c r="KWC682" s="613"/>
      <c r="KWD682" s="613"/>
      <c r="KWE682" s="613"/>
      <c r="KWF682" s="613"/>
      <c r="KWG682" s="613"/>
      <c r="KWH682" s="613"/>
      <c r="KWI682" s="613"/>
      <c r="KWJ682" s="613"/>
      <c r="KWK682" s="613"/>
      <c r="KWL682" s="613"/>
      <c r="KWM682" s="613"/>
      <c r="KWN682" s="613"/>
      <c r="KWO682" s="613"/>
      <c r="KWP682" s="613"/>
      <c r="KWQ682" s="613"/>
      <c r="KWR682" s="613"/>
      <c r="KWS682" s="613"/>
      <c r="KWT682" s="613"/>
      <c r="KWU682" s="613"/>
      <c r="KWV682" s="613"/>
      <c r="KWW682" s="613"/>
      <c r="KWX682" s="613"/>
      <c r="KWY682" s="613"/>
      <c r="KWZ682" s="613"/>
      <c r="KXA682" s="613"/>
      <c r="KXB682" s="613"/>
      <c r="KXC682" s="613"/>
      <c r="KXD682" s="613"/>
      <c r="KXE682" s="613"/>
      <c r="KXF682" s="613"/>
      <c r="KXG682" s="613"/>
      <c r="KXH682" s="613"/>
      <c r="KXI682" s="613"/>
      <c r="KXJ682" s="613"/>
      <c r="KXK682" s="613"/>
      <c r="KXL682" s="613"/>
      <c r="KXM682" s="613"/>
      <c r="KXN682" s="613"/>
      <c r="KXO682" s="613"/>
      <c r="KXP682" s="613"/>
      <c r="KXQ682" s="613"/>
      <c r="KXR682" s="613"/>
      <c r="KXS682" s="613"/>
      <c r="KXT682" s="613"/>
      <c r="KXU682" s="613"/>
      <c r="KXV682" s="613"/>
      <c r="KXW682" s="613"/>
      <c r="KXX682" s="613"/>
      <c r="KXY682" s="613"/>
      <c r="KXZ682" s="613"/>
      <c r="KYA682" s="613"/>
      <c r="KYB682" s="613"/>
      <c r="KYC682" s="613"/>
      <c r="KYD682" s="613"/>
      <c r="KYE682" s="613"/>
      <c r="KYF682" s="613"/>
      <c r="KYG682" s="613"/>
      <c r="KYH682" s="613"/>
      <c r="KYI682" s="613"/>
      <c r="KYJ682" s="613"/>
      <c r="KYK682" s="613"/>
      <c r="KYL682" s="613"/>
      <c r="KYM682" s="613"/>
      <c r="KYN682" s="613"/>
      <c r="KYO682" s="613"/>
      <c r="KYP682" s="613"/>
      <c r="KYQ682" s="613"/>
      <c r="KYR682" s="613"/>
      <c r="KYS682" s="613"/>
      <c r="KYT682" s="613"/>
      <c r="KYU682" s="613"/>
      <c r="KYV682" s="613"/>
      <c r="KYW682" s="613"/>
      <c r="KYX682" s="613"/>
      <c r="KYY682" s="613"/>
      <c r="KYZ682" s="613"/>
      <c r="KZA682" s="613"/>
      <c r="KZB682" s="613"/>
      <c r="KZC682" s="613"/>
      <c r="KZD682" s="613"/>
      <c r="KZE682" s="613"/>
      <c r="KZF682" s="613"/>
      <c r="KZG682" s="613"/>
      <c r="KZH682" s="613"/>
      <c r="KZI682" s="613"/>
      <c r="KZJ682" s="613"/>
      <c r="KZK682" s="613"/>
      <c r="KZL682" s="613"/>
      <c r="KZM682" s="613"/>
      <c r="KZN682" s="613"/>
      <c r="KZO682" s="613"/>
      <c r="KZP682" s="613"/>
      <c r="KZQ682" s="613"/>
      <c r="KZR682" s="613"/>
      <c r="KZS682" s="613"/>
      <c r="KZT682" s="613"/>
      <c r="KZU682" s="613"/>
      <c r="KZV682" s="613"/>
      <c r="KZW682" s="613"/>
      <c r="KZX682" s="613"/>
      <c r="KZY682" s="613"/>
      <c r="KZZ682" s="613"/>
      <c r="LAA682" s="613"/>
      <c r="LAB682" s="613"/>
      <c r="LAC682" s="613"/>
      <c r="LAD682" s="613"/>
      <c r="LAE682" s="613"/>
      <c r="LAF682" s="613"/>
      <c r="LAG682" s="613"/>
      <c r="LAH682" s="613"/>
      <c r="LAI682" s="613"/>
      <c r="LAJ682" s="613"/>
      <c r="LAK682" s="613"/>
      <c r="LAL682" s="613"/>
      <c r="LAM682" s="613"/>
      <c r="LAN682" s="613"/>
      <c r="LAO682" s="613"/>
      <c r="LAP682" s="613"/>
      <c r="LAQ682" s="613"/>
      <c r="LAR682" s="613"/>
      <c r="LAS682" s="613"/>
      <c r="LAT682" s="613"/>
      <c r="LAU682" s="613"/>
      <c r="LAV682" s="613"/>
      <c r="LAW682" s="613"/>
      <c r="LAX682" s="613"/>
      <c r="LAY682" s="613"/>
      <c r="LAZ682" s="613"/>
      <c r="LBA682" s="613"/>
      <c r="LBB682" s="613"/>
      <c r="LBC682" s="613"/>
      <c r="LBD682" s="613"/>
      <c r="LBE682" s="613"/>
      <c r="LBF682" s="613"/>
      <c r="LBG682" s="613"/>
      <c r="LBH682" s="613"/>
      <c r="LBI682" s="613"/>
      <c r="LBJ682" s="613"/>
      <c r="LBK682" s="613"/>
      <c r="LBL682" s="613"/>
      <c r="LBM682" s="613"/>
      <c r="LBN682" s="613"/>
      <c r="LBO682" s="613"/>
      <c r="LBP682" s="613"/>
      <c r="LBQ682" s="613"/>
      <c r="LBR682" s="613"/>
      <c r="LBS682" s="613"/>
      <c r="LBT682" s="613"/>
      <c r="LBU682" s="613"/>
      <c r="LBV682" s="613"/>
      <c r="LBW682" s="613"/>
      <c r="LBX682" s="613"/>
      <c r="LBY682" s="613"/>
      <c r="LBZ682" s="613"/>
      <c r="LCA682" s="613"/>
      <c r="LCB682" s="613"/>
      <c r="LCC682" s="613"/>
      <c r="LCD682" s="613"/>
      <c r="LCE682" s="613"/>
      <c r="LCF682" s="613"/>
      <c r="LCG682" s="613"/>
      <c r="LCH682" s="613"/>
      <c r="LCI682" s="613"/>
      <c r="LCJ682" s="613"/>
      <c r="LCK682" s="613"/>
      <c r="LCL682" s="613"/>
      <c r="LCM682" s="613"/>
      <c r="LCN682" s="613"/>
      <c r="LCO682" s="613"/>
      <c r="LCP682" s="613"/>
      <c r="LCQ682" s="613"/>
      <c r="LCR682" s="613"/>
      <c r="LCS682" s="613"/>
      <c r="LCT682" s="613"/>
      <c r="LCU682" s="613"/>
      <c r="LCV682" s="613"/>
      <c r="LCW682" s="613"/>
      <c r="LCX682" s="613"/>
      <c r="LCY682" s="613"/>
      <c r="LCZ682" s="613"/>
      <c r="LDA682" s="613"/>
      <c r="LDB682" s="613"/>
      <c r="LDC682" s="613"/>
      <c r="LDD682" s="613"/>
      <c r="LDE682" s="613"/>
      <c r="LDF682" s="613"/>
      <c r="LDG682" s="613"/>
      <c r="LDH682" s="613"/>
      <c r="LDI682" s="613"/>
      <c r="LDJ682" s="613"/>
      <c r="LDK682" s="613"/>
      <c r="LDL682" s="613"/>
      <c r="LDM682" s="613"/>
      <c r="LDN682" s="613"/>
      <c r="LDO682" s="613"/>
      <c r="LDP682" s="613"/>
      <c r="LDQ682" s="613"/>
      <c r="LDR682" s="613"/>
      <c r="LDS682" s="613"/>
      <c r="LDT682" s="613"/>
      <c r="LDU682" s="613"/>
      <c r="LDV682" s="613"/>
      <c r="LDW682" s="613"/>
      <c r="LDX682" s="613"/>
      <c r="LDY682" s="613"/>
      <c r="LDZ682" s="613"/>
      <c r="LEA682" s="613"/>
      <c r="LEB682" s="613"/>
      <c r="LEC682" s="613"/>
      <c r="LED682" s="613"/>
      <c r="LEE682" s="613"/>
      <c r="LEF682" s="613"/>
      <c r="LEG682" s="613"/>
      <c r="LEH682" s="613"/>
      <c r="LEI682" s="613"/>
      <c r="LEJ682" s="613"/>
      <c r="LEK682" s="613"/>
      <c r="LEL682" s="613"/>
      <c r="LEM682" s="613"/>
      <c r="LEN682" s="613"/>
      <c r="LEO682" s="613"/>
      <c r="LEP682" s="613"/>
      <c r="LEQ682" s="613"/>
      <c r="LER682" s="613"/>
      <c r="LES682" s="613"/>
      <c r="LET682" s="613"/>
      <c r="LEU682" s="613"/>
      <c r="LEV682" s="613"/>
      <c r="LEW682" s="613"/>
      <c r="LEX682" s="613"/>
      <c r="LEY682" s="613"/>
      <c r="LEZ682" s="613"/>
      <c r="LFA682" s="613"/>
      <c r="LFB682" s="613"/>
      <c r="LFC682" s="613"/>
      <c r="LFD682" s="613"/>
      <c r="LFE682" s="613"/>
      <c r="LFF682" s="613"/>
      <c r="LFG682" s="613"/>
      <c r="LFH682" s="613"/>
      <c r="LFI682" s="613"/>
      <c r="LFJ682" s="613"/>
      <c r="LFK682" s="613"/>
      <c r="LFL682" s="613"/>
      <c r="LFM682" s="613"/>
      <c r="LFN682" s="613"/>
      <c r="LFO682" s="613"/>
      <c r="LFP682" s="613"/>
      <c r="LFQ682" s="613"/>
      <c r="LFR682" s="613"/>
      <c r="LFS682" s="613"/>
      <c r="LFT682" s="613"/>
      <c r="LFU682" s="613"/>
      <c r="LFV682" s="613"/>
      <c r="LFW682" s="613"/>
      <c r="LFX682" s="613"/>
      <c r="LFY682" s="613"/>
      <c r="LFZ682" s="613"/>
      <c r="LGA682" s="613"/>
      <c r="LGB682" s="613"/>
      <c r="LGC682" s="613"/>
      <c r="LGD682" s="613"/>
      <c r="LGE682" s="613"/>
      <c r="LGF682" s="613"/>
      <c r="LGG682" s="613"/>
      <c r="LGH682" s="613"/>
      <c r="LGI682" s="613"/>
      <c r="LGJ682" s="613"/>
      <c r="LGK682" s="613"/>
      <c r="LGL682" s="613"/>
      <c r="LGM682" s="613"/>
      <c r="LGN682" s="613"/>
      <c r="LGO682" s="613"/>
      <c r="LGP682" s="613"/>
      <c r="LGQ682" s="613"/>
      <c r="LGR682" s="613"/>
      <c r="LGS682" s="613"/>
      <c r="LGT682" s="613"/>
      <c r="LGU682" s="613"/>
      <c r="LGV682" s="613"/>
      <c r="LGW682" s="613"/>
      <c r="LGX682" s="613"/>
      <c r="LGY682" s="613"/>
      <c r="LGZ682" s="613"/>
      <c r="LHA682" s="613"/>
      <c r="LHB682" s="613"/>
      <c r="LHC682" s="613"/>
      <c r="LHD682" s="613"/>
      <c r="LHE682" s="613"/>
      <c r="LHF682" s="613"/>
      <c r="LHG682" s="613"/>
      <c r="LHH682" s="613"/>
      <c r="LHI682" s="613"/>
      <c r="LHJ682" s="613"/>
      <c r="LHK682" s="613"/>
      <c r="LHL682" s="613"/>
      <c r="LHM682" s="613"/>
      <c r="LHN682" s="613"/>
      <c r="LHO682" s="613"/>
      <c r="LHP682" s="613"/>
      <c r="LHQ682" s="613"/>
      <c r="LHR682" s="613"/>
      <c r="LHS682" s="613"/>
      <c r="LHT682" s="613"/>
      <c r="LHU682" s="613"/>
      <c r="LHV682" s="613"/>
      <c r="LHW682" s="613"/>
      <c r="LHX682" s="613"/>
      <c r="LHY682" s="613"/>
      <c r="LHZ682" s="613"/>
      <c r="LIA682" s="613"/>
      <c r="LIB682" s="613"/>
      <c r="LIC682" s="613"/>
      <c r="LID682" s="613"/>
      <c r="LIE682" s="613"/>
      <c r="LIF682" s="613"/>
      <c r="LIG682" s="613"/>
      <c r="LIH682" s="613"/>
      <c r="LII682" s="613"/>
      <c r="LIJ682" s="613"/>
      <c r="LIK682" s="613"/>
      <c r="LIL682" s="613"/>
      <c r="LIM682" s="613"/>
      <c r="LIN682" s="613"/>
      <c r="LIO682" s="613"/>
      <c r="LIP682" s="613"/>
      <c r="LIQ682" s="613"/>
      <c r="LIR682" s="613"/>
      <c r="LIS682" s="613"/>
      <c r="LIT682" s="613"/>
      <c r="LIU682" s="613"/>
      <c r="LIV682" s="613"/>
      <c r="LIW682" s="613"/>
      <c r="LIX682" s="613"/>
      <c r="LIY682" s="613"/>
      <c r="LIZ682" s="613"/>
      <c r="LJA682" s="613"/>
      <c r="LJB682" s="613"/>
      <c r="LJC682" s="613"/>
      <c r="LJD682" s="613"/>
      <c r="LJE682" s="613"/>
      <c r="LJF682" s="613"/>
      <c r="LJG682" s="613"/>
      <c r="LJH682" s="613"/>
      <c r="LJI682" s="613"/>
      <c r="LJJ682" s="613"/>
      <c r="LJK682" s="613"/>
      <c r="LJL682" s="613"/>
      <c r="LJM682" s="613"/>
      <c r="LJN682" s="613"/>
      <c r="LJO682" s="613"/>
      <c r="LJP682" s="613"/>
      <c r="LJQ682" s="613"/>
      <c r="LJR682" s="613"/>
      <c r="LJS682" s="613"/>
      <c r="LJT682" s="613"/>
      <c r="LJU682" s="613"/>
      <c r="LJV682" s="613"/>
      <c r="LJW682" s="613"/>
      <c r="LJX682" s="613"/>
      <c r="LJY682" s="613"/>
      <c r="LJZ682" s="613"/>
      <c r="LKA682" s="613"/>
      <c r="LKB682" s="613"/>
      <c r="LKC682" s="613"/>
      <c r="LKD682" s="613"/>
      <c r="LKE682" s="613"/>
      <c r="LKF682" s="613"/>
      <c r="LKG682" s="613"/>
      <c r="LKH682" s="613"/>
      <c r="LKI682" s="613"/>
      <c r="LKJ682" s="613"/>
      <c r="LKK682" s="613"/>
      <c r="LKL682" s="613"/>
      <c r="LKM682" s="613"/>
      <c r="LKN682" s="613"/>
      <c r="LKO682" s="613"/>
      <c r="LKP682" s="613"/>
      <c r="LKQ682" s="613"/>
      <c r="LKR682" s="613"/>
      <c r="LKS682" s="613"/>
      <c r="LKT682" s="613"/>
      <c r="LKU682" s="613"/>
      <c r="LKV682" s="613"/>
      <c r="LKW682" s="613"/>
      <c r="LKX682" s="613"/>
      <c r="LKY682" s="613"/>
      <c r="LKZ682" s="613"/>
      <c r="LLA682" s="613"/>
      <c r="LLB682" s="613"/>
      <c r="LLC682" s="613"/>
      <c r="LLD682" s="613"/>
      <c r="LLE682" s="613"/>
      <c r="LLF682" s="613"/>
      <c r="LLG682" s="613"/>
      <c r="LLH682" s="613"/>
      <c r="LLI682" s="613"/>
      <c r="LLJ682" s="613"/>
      <c r="LLK682" s="613"/>
      <c r="LLL682" s="613"/>
      <c r="LLM682" s="613"/>
      <c r="LLN682" s="613"/>
      <c r="LLO682" s="613"/>
      <c r="LLP682" s="613"/>
      <c r="LLQ682" s="613"/>
      <c r="LLR682" s="613"/>
      <c r="LLS682" s="613"/>
      <c r="LLT682" s="613"/>
      <c r="LLU682" s="613"/>
      <c r="LLV682" s="613"/>
      <c r="LLW682" s="613"/>
      <c r="LLX682" s="613"/>
      <c r="LLY682" s="613"/>
      <c r="LLZ682" s="613"/>
      <c r="LMA682" s="613"/>
      <c r="LMB682" s="613"/>
      <c r="LMC682" s="613"/>
      <c r="LMD682" s="613"/>
      <c r="LME682" s="613"/>
      <c r="LMF682" s="613"/>
      <c r="LMG682" s="613"/>
      <c r="LMH682" s="613"/>
      <c r="LMI682" s="613"/>
      <c r="LMJ682" s="613"/>
      <c r="LMK682" s="613"/>
      <c r="LML682" s="613"/>
      <c r="LMM682" s="613"/>
      <c r="LMN682" s="613"/>
      <c r="LMO682" s="613"/>
      <c r="LMP682" s="613"/>
      <c r="LMQ682" s="613"/>
      <c r="LMR682" s="613"/>
      <c r="LMS682" s="613"/>
      <c r="LMT682" s="613"/>
      <c r="LMU682" s="613"/>
      <c r="LMV682" s="613"/>
      <c r="LMW682" s="613"/>
      <c r="LMX682" s="613"/>
      <c r="LMY682" s="613"/>
      <c r="LMZ682" s="613"/>
      <c r="LNA682" s="613"/>
      <c r="LNB682" s="613"/>
      <c r="LNC682" s="613"/>
      <c r="LND682" s="613"/>
      <c r="LNE682" s="613"/>
      <c r="LNF682" s="613"/>
      <c r="LNG682" s="613"/>
      <c r="LNH682" s="613"/>
      <c r="LNI682" s="613"/>
      <c r="LNJ682" s="613"/>
      <c r="LNK682" s="613"/>
      <c r="LNL682" s="613"/>
      <c r="LNM682" s="613"/>
      <c r="LNN682" s="613"/>
      <c r="LNO682" s="613"/>
      <c r="LNP682" s="613"/>
      <c r="LNQ682" s="613"/>
      <c r="LNR682" s="613"/>
      <c r="LNS682" s="613"/>
      <c r="LNT682" s="613"/>
      <c r="LNU682" s="613"/>
      <c r="LNV682" s="613"/>
      <c r="LNW682" s="613"/>
      <c r="LNX682" s="613"/>
      <c r="LNY682" s="613"/>
      <c r="LNZ682" s="613"/>
      <c r="LOA682" s="613"/>
      <c r="LOB682" s="613"/>
      <c r="LOC682" s="613"/>
      <c r="LOD682" s="613"/>
      <c r="LOE682" s="613"/>
      <c r="LOF682" s="613"/>
      <c r="LOG682" s="613"/>
      <c r="LOH682" s="613"/>
      <c r="LOI682" s="613"/>
      <c r="LOJ682" s="613"/>
      <c r="LOK682" s="613"/>
      <c r="LOL682" s="613"/>
      <c r="LOM682" s="613"/>
      <c r="LON682" s="613"/>
      <c r="LOO682" s="613"/>
      <c r="LOP682" s="613"/>
      <c r="LOQ682" s="613"/>
      <c r="LOR682" s="613"/>
      <c r="LOS682" s="613"/>
      <c r="LOT682" s="613"/>
      <c r="LOU682" s="613"/>
      <c r="LOV682" s="613"/>
      <c r="LOW682" s="613"/>
      <c r="LOX682" s="613"/>
      <c r="LOY682" s="613"/>
      <c r="LOZ682" s="613"/>
      <c r="LPA682" s="613"/>
      <c r="LPB682" s="613"/>
      <c r="LPC682" s="613"/>
      <c r="LPD682" s="613"/>
      <c r="LPE682" s="613"/>
      <c r="LPF682" s="613"/>
      <c r="LPG682" s="613"/>
      <c r="LPH682" s="613"/>
      <c r="LPI682" s="613"/>
      <c r="LPJ682" s="613"/>
      <c r="LPK682" s="613"/>
      <c r="LPL682" s="613"/>
      <c r="LPM682" s="613"/>
      <c r="LPN682" s="613"/>
      <c r="LPO682" s="613"/>
      <c r="LPP682" s="613"/>
      <c r="LPQ682" s="613"/>
      <c r="LPR682" s="613"/>
      <c r="LPS682" s="613"/>
      <c r="LPT682" s="613"/>
      <c r="LPU682" s="613"/>
      <c r="LPV682" s="613"/>
      <c r="LPW682" s="613"/>
      <c r="LPX682" s="613"/>
      <c r="LPY682" s="613"/>
      <c r="LPZ682" s="613"/>
      <c r="LQA682" s="613"/>
      <c r="LQB682" s="613"/>
      <c r="LQC682" s="613"/>
      <c r="LQD682" s="613"/>
      <c r="LQE682" s="613"/>
      <c r="LQF682" s="613"/>
      <c r="LQG682" s="613"/>
      <c r="LQH682" s="613"/>
      <c r="LQI682" s="613"/>
      <c r="LQJ682" s="613"/>
      <c r="LQK682" s="613"/>
      <c r="LQL682" s="613"/>
      <c r="LQM682" s="613"/>
      <c r="LQN682" s="613"/>
      <c r="LQO682" s="613"/>
      <c r="LQP682" s="613"/>
      <c r="LQQ682" s="613"/>
      <c r="LQR682" s="613"/>
      <c r="LQS682" s="613"/>
      <c r="LQT682" s="613"/>
      <c r="LQU682" s="613"/>
      <c r="LQV682" s="613"/>
      <c r="LQW682" s="613"/>
      <c r="LQX682" s="613"/>
      <c r="LQY682" s="613"/>
      <c r="LQZ682" s="613"/>
      <c r="LRA682" s="613"/>
      <c r="LRB682" s="613"/>
      <c r="LRC682" s="613"/>
      <c r="LRD682" s="613"/>
      <c r="LRE682" s="613"/>
      <c r="LRF682" s="613"/>
      <c r="LRG682" s="613"/>
      <c r="LRH682" s="613"/>
      <c r="LRI682" s="613"/>
      <c r="LRJ682" s="613"/>
      <c r="LRK682" s="613"/>
      <c r="LRL682" s="613"/>
      <c r="LRM682" s="613"/>
      <c r="LRN682" s="613"/>
      <c r="LRO682" s="613"/>
      <c r="LRP682" s="613"/>
      <c r="LRQ682" s="613"/>
      <c r="LRR682" s="613"/>
      <c r="LRS682" s="613"/>
      <c r="LRT682" s="613"/>
      <c r="LRU682" s="613"/>
      <c r="LRV682" s="613"/>
      <c r="LRW682" s="613"/>
      <c r="LRX682" s="613"/>
      <c r="LRY682" s="613"/>
      <c r="LRZ682" s="613"/>
      <c r="LSA682" s="613"/>
      <c r="LSB682" s="613"/>
      <c r="LSC682" s="613"/>
      <c r="LSD682" s="613"/>
      <c r="LSE682" s="613"/>
      <c r="LSF682" s="613"/>
      <c r="LSG682" s="613"/>
      <c r="LSH682" s="613"/>
      <c r="LSI682" s="613"/>
      <c r="LSJ682" s="613"/>
      <c r="LSK682" s="613"/>
      <c r="LSL682" s="613"/>
      <c r="LSM682" s="613"/>
      <c r="LSN682" s="613"/>
      <c r="LSO682" s="613"/>
      <c r="LSP682" s="613"/>
      <c r="LSQ682" s="613"/>
      <c r="LSR682" s="613"/>
      <c r="LSS682" s="613"/>
      <c r="LST682" s="613"/>
      <c r="LSU682" s="613"/>
      <c r="LSV682" s="613"/>
      <c r="LSW682" s="613"/>
      <c r="LSX682" s="613"/>
      <c r="LSY682" s="613"/>
      <c r="LSZ682" s="613"/>
      <c r="LTA682" s="613"/>
      <c r="LTB682" s="613"/>
      <c r="LTC682" s="613"/>
      <c r="LTD682" s="613"/>
      <c r="LTE682" s="613"/>
      <c r="LTF682" s="613"/>
      <c r="LTG682" s="613"/>
      <c r="LTH682" s="613"/>
      <c r="LTI682" s="613"/>
      <c r="LTJ682" s="613"/>
      <c r="LTK682" s="613"/>
      <c r="LTL682" s="613"/>
      <c r="LTM682" s="613"/>
      <c r="LTN682" s="613"/>
      <c r="LTO682" s="613"/>
      <c r="LTP682" s="613"/>
      <c r="LTQ682" s="613"/>
      <c r="LTR682" s="613"/>
      <c r="LTS682" s="613"/>
      <c r="LTT682" s="613"/>
      <c r="LTU682" s="613"/>
      <c r="LTV682" s="613"/>
      <c r="LTW682" s="613"/>
      <c r="LTX682" s="613"/>
      <c r="LTY682" s="613"/>
      <c r="LTZ682" s="613"/>
      <c r="LUA682" s="613"/>
      <c r="LUB682" s="613"/>
      <c r="LUC682" s="613"/>
      <c r="LUD682" s="613"/>
      <c r="LUE682" s="613"/>
      <c r="LUF682" s="613"/>
      <c r="LUG682" s="613"/>
      <c r="LUH682" s="613"/>
      <c r="LUI682" s="613"/>
      <c r="LUJ682" s="613"/>
      <c r="LUK682" s="613"/>
      <c r="LUL682" s="613"/>
      <c r="LUM682" s="613"/>
      <c r="LUN682" s="613"/>
      <c r="LUO682" s="613"/>
      <c r="LUP682" s="613"/>
      <c r="LUQ682" s="613"/>
      <c r="LUR682" s="613"/>
      <c r="LUS682" s="613"/>
      <c r="LUT682" s="613"/>
      <c r="LUU682" s="613"/>
      <c r="LUV682" s="613"/>
      <c r="LUW682" s="613"/>
      <c r="LUX682" s="613"/>
      <c r="LUY682" s="613"/>
      <c r="LUZ682" s="613"/>
      <c r="LVA682" s="613"/>
      <c r="LVB682" s="613"/>
      <c r="LVC682" s="613"/>
      <c r="LVD682" s="613"/>
      <c r="LVE682" s="613"/>
      <c r="LVF682" s="613"/>
      <c r="LVG682" s="613"/>
      <c r="LVH682" s="613"/>
      <c r="LVI682" s="613"/>
      <c r="LVJ682" s="613"/>
      <c r="LVK682" s="613"/>
      <c r="LVL682" s="613"/>
      <c r="LVM682" s="613"/>
      <c r="LVN682" s="613"/>
      <c r="LVO682" s="613"/>
      <c r="LVP682" s="613"/>
      <c r="LVQ682" s="613"/>
      <c r="LVR682" s="613"/>
      <c r="LVS682" s="613"/>
      <c r="LVT682" s="613"/>
      <c r="LVU682" s="613"/>
      <c r="LVV682" s="613"/>
      <c r="LVW682" s="613"/>
      <c r="LVX682" s="613"/>
      <c r="LVY682" s="613"/>
      <c r="LVZ682" s="613"/>
      <c r="LWA682" s="613"/>
      <c r="LWB682" s="613"/>
      <c r="LWC682" s="613"/>
      <c r="LWD682" s="613"/>
      <c r="LWE682" s="613"/>
      <c r="LWF682" s="613"/>
      <c r="LWG682" s="613"/>
      <c r="LWH682" s="613"/>
      <c r="LWI682" s="613"/>
      <c r="LWJ682" s="613"/>
      <c r="LWK682" s="613"/>
      <c r="LWL682" s="613"/>
      <c r="LWM682" s="613"/>
      <c r="LWN682" s="613"/>
      <c r="LWO682" s="613"/>
      <c r="LWP682" s="613"/>
      <c r="LWQ682" s="613"/>
      <c r="LWR682" s="613"/>
      <c r="LWS682" s="613"/>
      <c r="LWT682" s="613"/>
      <c r="LWU682" s="613"/>
      <c r="LWV682" s="613"/>
      <c r="LWW682" s="613"/>
      <c r="LWX682" s="613"/>
      <c r="LWY682" s="613"/>
      <c r="LWZ682" s="613"/>
      <c r="LXA682" s="613"/>
      <c r="LXB682" s="613"/>
      <c r="LXC682" s="613"/>
      <c r="LXD682" s="613"/>
      <c r="LXE682" s="613"/>
      <c r="LXF682" s="613"/>
      <c r="LXG682" s="613"/>
      <c r="LXH682" s="613"/>
      <c r="LXI682" s="613"/>
      <c r="LXJ682" s="613"/>
      <c r="LXK682" s="613"/>
      <c r="LXL682" s="613"/>
      <c r="LXM682" s="613"/>
      <c r="LXN682" s="613"/>
      <c r="LXO682" s="613"/>
      <c r="LXP682" s="613"/>
      <c r="LXQ682" s="613"/>
      <c r="LXR682" s="613"/>
      <c r="LXS682" s="613"/>
      <c r="LXT682" s="613"/>
      <c r="LXU682" s="613"/>
      <c r="LXV682" s="613"/>
      <c r="LXW682" s="613"/>
      <c r="LXX682" s="613"/>
      <c r="LXY682" s="613"/>
      <c r="LXZ682" s="613"/>
      <c r="LYA682" s="613"/>
      <c r="LYB682" s="613"/>
      <c r="LYC682" s="613"/>
      <c r="LYD682" s="613"/>
      <c r="LYE682" s="613"/>
      <c r="LYF682" s="613"/>
      <c r="LYG682" s="613"/>
      <c r="LYH682" s="613"/>
      <c r="LYI682" s="613"/>
      <c r="LYJ682" s="613"/>
      <c r="LYK682" s="613"/>
      <c r="LYL682" s="613"/>
      <c r="LYM682" s="613"/>
      <c r="LYN682" s="613"/>
      <c r="LYO682" s="613"/>
      <c r="LYP682" s="613"/>
      <c r="LYQ682" s="613"/>
      <c r="LYR682" s="613"/>
      <c r="LYS682" s="613"/>
      <c r="LYT682" s="613"/>
      <c r="LYU682" s="613"/>
      <c r="LYV682" s="613"/>
      <c r="LYW682" s="613"/>
      <c r="LYX682" s="613"/>
      <c r="LYY682" s="613"/>
      <c r="LYZ682" s="613"/>
      <c r="LZA682" s="613"/>
      <c r="LZB682" s="613"/>
      <c r="LZC682" s="613"/>
      <c r="LZD682" s="613"/>
      <c r="LZE682" s="613"/>
      <c r="LZF682" s="613"/>
      <c r="LZG682" s="613"/>
      <c r="LZH682" s="613"/>
      <c r="LZI682" s="613"/>
      <c r="LZJ682" s="613"/>
      <c r="LZK682" s="613"/>
      <c r="LZL682" s="613"/>
      <c r="LZM682" s="613"/>
      <c r="LZN682" s="613"/>
      <c r="LZO682" s="613"/>
      <c r="LZP682" s="613"/>
      <c r="LZQ682" s="613"/>
      <c r="LZR682" s="613"/>
      <c r="LZS682" s="613"/>
      <c r="LZT682" s="613"/>
      <c r="LZU682" s="613"/>
      <c r="LZV682" s="613"/>
      <c r="LZW682" s="613"/>
      <c r="LZX682" s="613"/>
      <c r="LZY682" s="613"/>
      <c r="LZZ682" s="613"/>
      <c r="MAA682" s="613"/>
      <c r="MAB682" s="613"/>
      <c r="MAC682" s="613"/>
      <c r="MAD682" s="613"/>
      <c r="MAE682" s="613"/>
      <c r="MAF682" s="613"/>
      <c r="MAG682" s="613"/>
      <c r="MAH682" s="613"/>
      <c r="MAI682" s="613"/>
      <c r="MAJ682" s="613"/>
      <c r="MAK682" s="613"/>
      <c r="MAL682" s="613"/>
      <c r="MAM682" s="613"/>
      <c r="MAN682" s="613"/>
      <c r="MAO682" s="613"/>
      <c r="MAP682" s="613"/>
      <c r="MAQ682" s="613"/>
      <c r="MAR682" s="613"/>
      <c r="MAS682" s="613"/>
      <c r="MAT682" s="613"/>
      <c r="MAU682" s="613"/>
      <c r="MAV682" s="613"/>
      <c r="MAW682" s="613"/>
      <c r="MAX682" s="613"/>
      <c r="MAY682" s="613"/>
      <c r="MAZ682" s="613"/>
      <c r="MBA682" s="613"/>
      <c r="MBB682" s="613"/>
      <c r="MBC682" s="613"/>
      <c r="MBD682" s="613"/>
      <c r="MBE682" s="613"/>
      <c r="MBF682" s="613"/>
      <c r="MBG682" s="613"/>
      <c r="MBH682" s="613"/>
      <c r="MBI682" s="613"/>
      <c r="MBJ682" s="613"/>
      <c r="MBK682" s="613"/>
      <c r="MBL682" s="613"/>
      <c r="MBM682" s="613"/>
      <c r="MBN682" s="613"/>
      <c r="MBO682" s="613"/>
      <c r="MBP682" s="613"/>
      <c r="MBQ682" s="613"/>
      <c r="MBR682" s="613"/>
      <c r="MBS682" s="613"/>
      <c r="MBT682" s="613"/>
      <c r="MBU682" s="613"/>
      <c r="MBV682" s="613"/>
      <c r="MBW682" s="613"/>
      <c r="MBX682" s="613"/>
      <c r="MBY682" s="613"/>
      <c r="MBZ682" s="613"/>
      <c r="MCA682" s="613"/>
      <c r="MCB682" s="613"/>
      <c r="MCC682" s="613"/>
      <c r="MCD682" s="613"/>
      <c r="MCE682" s="613"/>
      <c r="MCF682" s="613"/>
      <c r="MCG682" s="613"/>
      <c r="MCH682" s="613"/>
      <c r="MCI682" s="613"/>
      <c r="MCJ682" s="613"/>
      <c r="MCK682" s="613"/>
      <c r="MCL682" s="613"/>
      <c r="MCM682" s="613"/>
      <c r="MCN682" s="613"/>
      <c r="MCO682" s="613"/>
      <c r="MCP682" s="613"/>
      <c r="MCQ682" s="613"/>
      <c r="MCR682" s="613"/>
      <c r="MCS682" s="613"/>
      <c r="MCT682" s="613"/>
      <c r="MCU682" s="613"/>
      <c r="MCV682" s="613"/>
      <c r="MCW682" s="613"/>
      <c r="MCX682" s="613"/>
      <c r="MCY682" s="613"/>
      <c r="MCZ682" s="613"/>
      <c r="MDA682" s="613"/>
      <c r="MDB682" s="613"/>
      <c r="MDC682" s="613"/>
      <c r="MDD682" s="613"/>
      <c r="MDE682" s="613"/>
      <c r="MDF682" s="613"/>
      <c r="MDG682" s="613"/>
      <c r="MDH682" s="613"/>
      <c r="MDI682" s="613"/>
      <c r="MDJ682" s="613"/>
      <c r="MDK682" s="613"/>
      <c r="MDL682" s="613"/>
      <c r="MDM682" s="613"/>
      <c r="MDN682" s="613"/>
      <c r="MDO682" s="613"/>
      <c r="MDP682" s="613"/>
      <c r="MDQ682" s="613"/>
      <c r="MDR682" s="613"/>
      <c r="MDS682" s="613"/>
      <c r="MDT682" s="613"/>
      <c r="MDU682" s="613"/>
      <c r="MDV682" s="613"/>
      <c r="MDW682" s="613"/>
      <c r="MDX682" s="613"/>
      <c r="MDY682" s="613"/>
      <c r="MDZ682" s="613"/>
      <c r="MEA682" s="613"/>
      <c r="MEB682" s="613"/>
      <c r="MEC682" s="613"/>
      <c r="MED682" s="613"/>
      <c r="MEE682" s="613"/>
      <c r="MEF682" s="613"/>
      <c r="MEG682" s="613"/>
      <c r="MEH682" s="613"/>
      <c r="MEI682" s="613"/>
      <c r="MEJ682" s="613"/>
      <c r="MEK682" s="613"/>
      <c r="MEL682" s="613"/>
      <c r="MEM682" s="613"/>
      <c r="MEN682" s="613"/>
      <c r="MEO682" s="613"/>
      <c r="MEP682" s="613"/>
      <c r="MEQ682" s="613"/>
      <c r="MER682" s="613"/>
      <c r="MES682" s="613"/>
      <c r="MET682" s="613"/>
      <c r="MEU682" s="613"/>
      <c r="MEV682" s="613"/>
      <c r="MEW682" s="613"/>
      <c r="MEX682" s="613"/>
      <c r="MEY682" s="613"/>
      <c r="MEZ682" s="613"/>
      <c r="MFA682" s="613"/>
      <c r="MFB682" s="613"/>
      <c r="MFC682" s="613"/>
      <c r="MFD682" s="613"/>
      <c r="MFE682" s="613"/>
      <c r="MFF682" s="613"/>
      <c r="MFG682" s="613"/>
      <c r="MFH682" s="613"/>
      <c r="MFI682" s="613"/>
      <c r="MFJ682" s="613"/>
      <c r="MFK682" s="613"/>
      <c r="MFL682" s="613"/>
      <c r="MFM682" s="613"/>
      <c r="MFN682" s="613"/>
      <c r="MFO682" s="613"/>
      <c r="MFP682" s="613"/>
      <c r="MFQ682" s="613"/>
      <c r="MFR682" s="613"/>
      <c r="MFS682" s="613"/>
      <c r="MFT682" s="613"/>
      <c r="MFU682" s="613"/>
      <c r="MFV682" s="613"/>
      <c r="MFW682" s="613"/>
      <c r="MFX682" s="613"/>
      <c r="MFY682" s="613"/>
      <c r="MFZ682" s="613"/>
      <c r="MGA682" s="613"/>
      <c r="MGB682" s="613"/>
      <c r="MGC682" s="613"/>
      <c r="MGD682" s="613"/>
      <c r="MGE682" s="613"/>
      <c r="MGF682" s="613"/>
      <c r="MGG682" s="613"/>
      <c r="MGH682" s="613"/>
      <c r="MGI682" s="613"/>
      <c r="MGJ682" s="613"/>
      <c r="MGK682" s="613"/>
      <c r="MGL682" s="613"/>
      <c r="MGM682" s="613"/>
      <c r="MGN682" s="613"/>
      <c r="MGO682" s="613"/>
      <c r="MGP682" s="613"/>
      <c r="MGQ682" s="613"/>
      <c r="MGR682" s="613"/>
      <c r="MGS682" s="613"/>
      <c r="MGT682" s="613"/>
      <c r="MGU682" s="613"/>
      <c r="MGV682" s="613"/>
      <c r="MGW682" s="613"/>
      <c r="MGX682" s="613"/>
      <c r="MGY682" s="613"/>
      <c r="MGZ682" s="613"/>
      <c r="MHA682" s="613"/>
      <c r="MHB682" s="613"/>
      <c r="MHC682" s="613"/>
      <c r="MHD682" s="613"/>
      <c r="MHE682" s="613"/>
      <c r="MHF682" s="613"/>
      <c r="MHG682" s="613"/>
      <c r="MHH682" s="613"/>
      <c r="MHI682" s="613"/>
      <c r="MHJ682" s="613"/>
      <c r="MHK682" s="613"/>
      <c r="MHL682" s="613"/>
      <c r="MHM682" s="613"/>
      <c r="MHN682" s="613"/>
      <c r="MHO682" s="613"/>
      <c r="MHP682" s="613"/>
      <c r="MHQ682" s="613"/>
      <c r="MHR682" s="613"/>
      <c r="MHS682" s="613"/>
      <c r="MHT682" s="613"/>
      <c r="MHU682" s="613"/>
      <c r="MHV682" s="613"/>
      <c r="MHW682" s="613"/>
      <c r="MHX682" s="613"/>
      <c r="MHY682" s="613"/>
      <c r="MHZ682" s="613"/>
      <c r="MIA682" s="613"/>
      <c r="MIB682" s="613"/>
      <c r="MIC682" s="613"/>
      <c r="MID682" s="613"/>
      <c r="MIE682" s="613"/>
      <c r="MIF682" s="613"/>
      <c r="MIG682" s="613"/>
      <c r="MIH682" s="613"/>
      <c r="MII682" s="613"/>
      <c r="MIJ682" s="613"/>
      <c r="MIK682" s="613"/>
      <c r="MIL682" s="613"/>
      <c r="MIM682" s="613"/>
      <c r="MIN682" s="613"/>
      <c r="MIO682" s="613"/>
      <c r="MIP682" s="613"/>
      <c r="MIQ682" s="613"/>
      <c r="MIR682" s="613"/>
      <c r="MIS682" s="613"/>
      <c r="MIT682" s="613"/>
      <c r="MIU682" s="613"/>
      <c r="MIV682" s="613"/>
      <c r="MIW682" s="613"/>
      <c r="MIX682" s="613"/>
      <c r="MIY682" s="613"/>
      <c r="MIZ682" s="613"/>
      <c r="MJA682" s="613"/>
      <c r="MJB682" s="613"/>
      <c r="MJC682" s="613"/>
      <c r="MJD682" s="613"/>
      <c r="MJE682" s="613"/>
      <c r="MJF682" s="613"/>
      <c r="MJG682" s="613"/>
      <c r="MJH682" s="613"/>
      <c r="MJI682" s="613"/>
      <c r="MJJ682" s="613"/>
      <c r="MJK682" s="613"/>
      <c r="MJL682" s="613"/>
      <c r="MJM682" s="613"/>
      <c r="MJN682" s="613"/>
      <c r="MJO682" s="613"/>
      <c r="MJP682" s="613"/>
      <c r="MJQ682" s="613"/>
      <c r="MJR682" s="613"/>
      <c r="MJS682" s="613"/>
      <c r="MJT682" s="613"/>
      <c r="MJU682" s="613"/>
      <c r="MJV682" s="613"/>
      <c r="MJW682" s="613"/>
      <c r="MJX682" s="613"/>
      <c r="MJY682" s="613"/>
      <c r="MJZ682" s="613"/>
      <c r="MKA682" s="613"/>
      <c r="MKB682" s="613"/>
      <c r="MKC682" s="613"/>
      <c r="MKD682" s="613"/>
      <c r="MKE682" s="613"/>
      <c r="MKF682" s="613"/>
      <c r="MKG682" s="613"/>
      <c r="MKH682" s="613"/>
      <c r="MKI682" s="613"/>
      <c r="MKJ682" s="613"/>
      <c r="MKK682" s="613"/>
      <c r="MKL682" s="613"/>
      <c r="MKM682" s="613"/>
      <c r="MKN682" s="613"/>
      <c r="MKO682" s="613"/>
      <c r="MKP682" s="613"/>
      <c r="MKQ682" s="613"/>
      <c r="MKR682" s="613"/>
      <c r="MKS682" s="613"/>
      <c r="MKT682" s="613"/>
      <c r="MKU682" s="613"/>
      <c r="MKV682" s="613"/>
      <c r="MKW682" s="613"/>
      <c r="MKX682" s="613"/>
      <c r="MKY682" s="613"/>
      <c r="MKZ682" s="613"/>
      <c r="MLA682" s="613"/>
      <c r="MLB682" s="613"/>
      <c r="MLC682" s="613"/>
      <c r="MLD682" s="613"/>
      <c r="MLE682" s="613"/>
      <c r="MLF682" s="613"/>
      <c r="MLG682" s="613"/>
      <c r="MLH682" s="613"/>
      <c r="MLI682" s="613"/>
      <c r="MLJ682" s="613"/>
      <c r="MLK682" s="613"/>
      <c r="MLL682" s="613"/>
      <c r="MLM682" s="613"/>
      <c r="MLN682" s="613"/>
      <c r="MLO682" s="613"/>
      <c r="MLP682" s="613"/>
      <c r="MLQ682" s="613"/>
      <c r="MLR682" s="613"/>
      <c r="MLS682" s="613"/>
      <c r="MLT682" s="613"/>
      <c r="MLU682" s="613"/>
      <c r="MLV682" s="613"/>
      <c r="MLW682" s="613"/>
      <c r="MLX682" s="613"/>
      <c r="MLY682" s="613"/>
      <c r="MLZ682" s="613"/>
      <c r="MMA682" s="613"/>
      <c r="MMB682" s="613"/>
      <c r="MMC682" s="613"/>
      <c r="MMD682" s="613"/>
      <c r="MME682" s="613"/>
      <c r="MMF682" s="613"/>
      <c r="MMG682" s="613"/>
      <c r="MMH682" s="613"/>
      <c r="MMI682" s="613"/>
      <c r="MMJ682" s="613"/>
      <c r="MMK682" s="613"/>
      <c r="MML682" s="613"/>
      <c r="MMM682" s="613"/>
      <c r="MMN682" s="613"/>
      <c r="MMO682" s="613"/>
      <c r="MMP682" s="613"/>
      <c r="MMQ682" s="613"/>
      <c r="MMR682" s="613"/>
      <c r="MMS682" s="613"/>
      <c r="MMT682" s="613"/>
      <c r="MMU682" s="613"/>
      <c r="MMV682" s="613"/>
      <c r="MMW682" s="613"/>
      <c r="MMX682" s="613"/>
      <c r="MMY682" s="613"/>
      <c r="MMZ682" s="613"/>
      <c r="MNA682" s="613"/>
      <c r="MNB682" s="613"/>
      <c r="MNC682" s="613"/>
      <c r="MND682" s="613"/>
      <c r="MNE682" s="613"/>
      <c r="MNF682" s="613"/>
      <c r="MNG682" s="613"/>
      <c r="MNH682" s="613"/>
      <c r="MNI682" s="613"/>
      <c r="MNJ682" s="613"/>
      <c r="MNK682" s="613"/>
      <c r="MNL682" s="613"/>
      <c r="MNM682" s="613"/>
      <c r="MNN682" s="613"/>
      <c r="MNO682" s="613"/>
      <c r="MNP682" s="613"/>
      <c r="MNQ682" s="613"/>
      <c r="MNR682" s="613"/>
      <c r="MNS682" s="613"/>
      <c r="MNT682" s="613"/>
      <c r="MNU682" s="613"/>
      <c r="MNV682" s="613"/>
      <c r="MNW682" s="613"/>
      <c r="MNX682" s="613"/>
      <c r="MNY682" s="613"/>
      <c r="MNZ682" s="613"/>
      <c r="MOA682" s="613"/>
      <c r="MOB682" s="613"/>
      <c r="MOC682" s="613"/>
      <c r="MOD682" s="613"/>
      <c r="MOE682" s="613"/>
      <c r="MOF682" s="613"/>
      <c r="MOG682" s="613"/>
      <c r="MOH682" s="613"/>
      <c r="MOI682" s="613"/>
      <c r="MOJ682" s="613"/>
      <c r="MOK682" s="613"/>
      <c r="MOL682" s="613"/>
      <c r="MOM682" s="613"/>
      <c r="MON682" s="613"/>
      <c r="MOO682" s="613"/>
      <c r="MOP682" s="613"/>
      <c r="MOQ682" s="613"/>
      <c r="MOR682" s="613"/>
      <c r="MOS682" s="613"/>
      <c r="MOT682" s="613"/>
      <c r="MOU682" s="613"/>
      <c r="MOV682" s="613"/>
      <c r="MOW682" s="613"/>
      <c r="MOX682" s="613"/>
      <c r="MOY682" s="613"/>
      <c r="MOZ682" s="613"/>
      <c r="MPA682" s="613"/>
      <c r="MPB682" s="613"/>
      <c r="MPC682" s="613"/>
      <c r="MPD682" s="613"/>
      <c r="MPE682" s="613"/>
      <c r="MPF682" s="613"/>
      <c r="MPG682" s="613"/>
      <c r="MPH682" s="613"/>
      <c r="MPI682" s="613"/>
      <c r="MPJ682" s="613"/>
      <c r="MPK682" s="613"/>
      <c r="MPL682" s="613"/>
      <c r="MPM682" s="613"/>
      <c r="MPN682" s="613"/>
      <c r="MPO682" s="613"/>
      <c r="MPP682" s="613"/>
      <c r="MPQ682" s="613"/>
      <c r="MPR682" s="613"/>
      <c r="MPS682" s="613"/>
      <c r="MPT682" s="613"/>
      <c r="MPU682" s="613"/>
      <c r="MPV682" s="613"/>
      <c r="MPW682" s="613"/>
      <c r="MPX682" s="613"/>
      <c r="MPY682" s="613"/>
      <c r="MPZ682" s="613"/>
      <c r="MQA682" s="613"/>
      <c r="MQB682" s="613"/>
      <c r="MQC682" s="613"/>
      <c r="MQD682" s="613"/>
      <c r="MQE682" s="613"/>
      <c r="MQF682" s="613"/>
      <c r="MQG682" s="613"/>
      <c r="MQH682" s="613"/>
      <c r="MQI682" s="613"/>
      <c r="MQJ682" s="613"/>
      <c r="MQK682" s="613"/>
      <c r="MQL682" s="613"/>
      <c r="MQM682" s="613"/>
      <c r="MQN682" s="613"/>
      <c r="MQO682" s="613"/>
      <c r="MQP682" s="613"/>
      <c r="MQQ682" s="613"/>
      <c r="MQR682" s="613"/>
      <c r="MQS682" s="613"/>
      <c r="MQT682" s="613"/>
      <c r="MQU682" s="613"/>
      <c r="MQV682" s="613"/>
      <c r="MQW682" s="613"/>
      <c r="MQX682" s="613"/>
      <c r="MQY682" s="613"/>
      <c r="MQZ682" s="613"/>
      <c r="MRA682" s="613"/>
      <c r="MRB682" s="613"/>
      <c r="MRC682" s="613"/>
      <c r="MRD682" s="613"/>
      <c r="MRE682" s="613"/>
      <c r="MRF682" s="613"/>
      <c r="MRG682" s="613"/>
      <c r="MRH682" s="613"/>
      <c r="MRI682" s="613"/>
      <c r="MRJ682" s="613"/>
      <c r="MRK682" s="613"/>
      <c r="MRL682" s="613"/>
      <c r="MRM682" s="613"/>
      <c r="MRN682" s="613"/>
      <c r="MRO682" s="613"/>
      <c r="MRP682" s="613"/>
      <c r="MRQ682" s="613"/>
      <c r="MRR682" s="613"/>
      <c r="MRS682" s="613"/>
      <c r="MRT682" s="613"/>
      <c r="MRU682" s="613"/>
      <c r="MRV682" s="613"/>
      <c r="MRW682" s="613"/>
      <c r="MRX682" s="613"/>
      <c r="MRY682" s="613"/>
      <c r="MRZ682" s="613"/>
      <c r="MSA682" s="613"/>
      <c r="MSB682" s="613"/>
      <c r="MSC682" s="613"/>
      <c r="MSD682" s="613"/>
      <c r="MSE682" s="613"/>
      <c r="MSF682" s="613"/>
      <c r="MSG682" s="613"/>
      <c r="MSH682" s="613"/>
      <c r="MSI682" s="613"/>
      <c r="MSJ682" s="613"/>
      <c r="MSK682" s="613"/>
      <c r="MSL682" s="613"/>
      <c r="MSM682" s="613"/>
      <c r="MSN682" s="613"/>
      <c r="MSO682" s="613"/>
      <c r="MSP682" s="613"/>
      <c r="MSQ682" s="613"/>
      <c r="MSR682" s="613"/>
      <c r="MSS682" s="613"/>
      <c r="MST682" s="613"/>
      <c r="MSU682" s="613"/>
      <c r="MSV682" s="613"/>
      <c r="MSW682" s="613"/>
      <c r="MSX682" s="613"/>
      <c r="MSY682" s="613"/>
      <c r="MSZ682" s="613"/>
      <c r="MTA682" s="613"/>
      <c r="MTB682" s="613"/>
      <c r="MTC682" s="613"/>
      <c r="MTD682" s="613"/>
      <c r="MTE682" s="613"/>
      <c r="MTF682" s="613"/>
      <c r="MTG682" s="613"/>
      <c r="MTH682" s="613"/>
      <c r="MTI682" s="613"/>
      <c r="MTJ682" s="613"/>
      <c r="MTK682" s="613"/>
      <c r="MTL682" s="613"/>
      <c r="MTM682" s="613"/>
      <c r="MTN682" s="613"/>
      <c r="MTO682" s="613"/>
      <c r="MTP682" s="613"/>
      <c r="MTQ682" s="613"/>
      <c r="MTR682" s="613"/>
      <c r="MTS682" s="613"/>
      <c r="MTT682" s="613"/>
      <c r="MTU682" s="613"/>
      <c r="MTV682" s="613"/>
      <c r="MTW682" s="613"/>
      <c r="MTX682" s="613"/>
      <c r="MTY682" s="613"/>
      <c r="MTZ682" s="613"/>
      <c r="MUA682" s="613"/>
      <c r="MUB682" s="613"/>
      <c r="MUC682" s="613"/>
      <c r="MUD682" s="613"/>
      <c r="MUE682" s="613"/>
      <c r="MUF682" s="613"/>
      <c r="MUG682" s="613"/>
      <c r="MUH682" s="613"/>
      <c r="MUI682" s="613"/>
      <c r="MUJ682" s="613"/>
      <c r="MUK682" s="613"/>
      <c r="MUL682" s="613"/>
      <c r="MUM682" s="613"/>
      <c r="MUN682" s="613"/>
      <c r="MUO682" s="613"/>
      <c r="MUP682" s="613"/>
      <c r="MUQ682" s="613"/>
      <c r="MUR682" s="613"/>
      <c r="MUS682" s="613"/>
      <c r="MUT682" s="613"/>
      <c r="MUU682" s="613"/>
      <c r="MUV682" s="613"/>
      <c r="MUW682" s="613"/>
      <c r="MUX682" s="613"/>
      <c r="MUY682" s="613"/>
      <c r="MUZ682" s="613"/>
      <c r="MVA682" s="613"/>
      <c r="MVB682" s="613"/>
      <c r="MVC682" s="613"/>
      <c r="MVD682" s="613"/>
      <c r="MVE682" s="613"/>
      <c r="MVF682" s="613"/>
      <c r="MVG682" s="613"/>
      <c r="MVH682" s="613"/>
      <c r="MVI682" s="613"/>
      <c r="MVJ682" s="613"/>
      <c r="MVK682" s="613"/>
      <c r="MVL682" s="613"/>
      <c r="MVM682" s="613"/>
      <c r="MVN682" s="613"/>
      <c r="MVO682" s="613"/>
      <c r="MVP682" s="613"/>
      <c r="MVQ682" s="613"/>
      <c r="MVR682" s="613"/>
      <c r="MVS682" s="613"/>
      <c r="MVT682" s="613"/>
      <c r="MVU682" s="613"/>
      <c r="MVV682" s="613"/>
      <c r="MVW682" s="613"/>
      <c r="MVX682" s="613"/>
      <c r="MVY682" s="613"/>
      <c r="MVZ682" s="613"/>
      <c r="MWA682" s="613"/>
      <c r="MWB682" s="613"/>
      <c r="MWC682" s="613"/>
      <c r="MWD682" s="613"/>
      <c r="MWE682" s="613"/>
      <c r="MWF682" s="613"/>
      <c r="MWG682" s="613"/>
      <c r="MWH682" s="613"/>
      <c r="MWI682" s="613"/>
      <c r="MWJ682" s="613"/>
      <c r="MWK682" s="613"/>
      <c r="MWL682" s="613"/>
      <c r="MWM682" s="613"/>
      <c r="MWN682" s="613"/>
      <c r="MWO682" s="613"/>
      <c r="MWP682" s="613"/>
      <c r="MWQ682" s="613"/>
      <c r="MWR682" s="613"/>
      <c r="MWS682" s="613"/>
      <c r="MWT682" s="613"/>
      <c r="MWU682" s="613"/>
      <c r="MWV682" s="613"/>
      <c r="MWW682" s="613"/>
      <c r="MWX682" s="613"/>
      <c r="MWY682" s="613"/>
      <c r="MWZ682" s="613"/>
      <c r="MXA682" s="613"/>
      <c r="MXB682" s="613"/>
      <c r="MXC682" s="613"/>
      <c r="MXD682" s="613"/>
      <c r="MXE682" s="613"/>
      <c r="MXF682" s="613"/>
      <c r="MXG682" s="613"/>
      <c r="MXH682" s="613"/>
      <c r="MXI682" s="613"/>
      <c r="MXJ682" s="613"/>
      <c r="MXK682" s="613"/>
      <c r="MXL682" s="613"/>
      <c r="MXM682" s="613"/>
      <c r="MXN682" s="613"/>
      <c r="MXO682" s="613"/>
      <c r="MXP682" s="613"/>
      <c r="MXQ682" s="613"/>
      <c r="MXR682" s="613"/>
      <c r="MXS682" s="613"/>
      <c r="MXT682" s="613"/>
      <c r="MXU682" s="613"/>
      <c r="MXV682" s="613"/>
      <c r="MXW682" s="613"/>
      <c r="MXX682" s="613"/>
      <c r="MXY682" s="613"/>
      <c r="MXZ682" s="613"/>
      <c r="MYA682" s="613"/>
      <c r="MYB682" s="613"/>
      <c r="MYC682" s="613"/>
      <c r="MYD682" s="613"/>
      <c r="MYE682" s="613"/>
      <c r="MYF682" s="613"/>
      <c r="MYG682" s="613"/>
      <c r="MYH682" s="613"/>
      <c r="MYI682" s="613"/>
      <c r="MYJ682" s="613"/>
      <c r="MYK682" s="613"/>
      <c r="MYL682" s="613"/>
      <c r="MYM682" s="613"/>
      <c r="MYN682" s="613"/>
      <c r="MYO682" s="613"/>
      <c r="MYP682" s="613"/>
      <c r="MYQ682" s="613"/>
      <c r="MYR682" s="613"/>
      <c r="MYS682" s="613"/>
      <c r="MYT682" s="613"/>
      <c r="MYU682" s="613"/>
      <c r="MYV682" s="613"/>
      <c r="MYW682" s="613"/>
      <c r="MYX682" s="613"/>
      <c r="MYY682" s="613"/>
      <c r="MYZ682" s="613"/>
      <c r="MZA682" s="613"/>
      <c r="MZB682" s="613"/>
      <c r="MZC682" s="613"/>
      <c r="MZD682" s="613"/>
      <c r="MZE682" s="613"/>
      <c r="MZF682" s="613"/>
      <c r="MZG682" s="613"/>
      <c r="MZH682" s="613"/>
      <c r="MZI682" s="613"/>
      <c r="MZJ682" s="613"/>
      <c r="MZK682" s="613"/>
      <c r="MZL682" s="613"/>
      <c r="MZM682" s="613"/>
      <c r="MZN682" s="613"/>
      <c r="MZO682" s="613"/>
      <c r="MZP682" s="613"/>
      <c r="MZQ682" s="613"/>
      <c r="MZR682" s="613"/>
      <c r="MZS682" s="613"/>
      <c r="MZT682" s="613"/>
      <c r="MZU682" s="613"/>
      <c r="MZV682" s="613"/>
      <c r="MZW682" s="613"/>
      <c r="MZX682" s="613"/>
      <c r="MZY682" s="613"/>
      <c r="MZZ682" s="613"/>
      <c r="NAA682" s="613"/>
      <c r="NAB682" s="613"/>
      <c r="NAC682" s="613"/>
      <c r="NAD682" s="613"/>
      <c r="NAE682" s="613"/>
      <c r="NAF682" s="613"/>
      <c r="NAG682" s="613"/>
      <c r="NAH682" s="613"/>
      <c r="NAI682" s="613"/>
      <c r="NAJ682" s="613"/>
      <c r="NAK682" s="613"/>
      <c r="NAL682" s="613"/>
      <c r="NAM682" s="613"/>
      <c r="NAN682" s="613"/>
      <c r="NAO682" s="613"/>
      <c r="NAP682" s="613"/>
      <c r="NAQ682" s="613"/>
      <c r="NAR682" s="613"/>
      <c r="NAS682" s="613"/>
      <c r="NAT682" s="613"/>
      <c r="NAU682" s="613"/>
      <c r="NAV682" s="613"/>
      <c r="NAW682" s="613"/>
      <c r="NAX682" s="613"/>
      <c r="NAY682" s="613"/>
      <c r="NAZ682" s="613"/>
      <c r="NBA682" s="613"/>
      <c r="NBB682" s="613"/>
      <c r="NBC682" s="613"/>
      <c r="NBD682" s="613"/>
      <c r="NBE682" s="613"/>
      <c r="NBF682" s="613"/>
      <c r="NBG682" s="613"/>
      <c r="NBH682" s="613"/>
      <c r="NBI682" s="613"/>
      <c r="NBJ682" s="613"/>
      <c r="NBK682" s="613"/>
      <c r="NBL682" s="613"/>
      <c r="NBM682" s="613"/>
      <c r="NBN682" s="613"/>
      <c r="NBO682" s="613"/>
      <c r="NBP682" s="613"/>
      <c r="NBQ682" s="613"/>
      <c r="NBR682" s="613"/>
      <c r="NBS682" s="613"/>
      <c r="NBT682" s="613"/>
      <c r="NBU682" s="613"/>
      <c r="NBV682" s="613"/>
      <c r="NBW682" s="613"/>
      <c r="NBX682" s="613"/>
      <c r="NBY682" s="613"/>
      <c r="NBZ682" s="613"/>
      <c r="NCA682" s="613"/>
      <c r="NCB682" s="613"/>
      <c r="NCC682" s="613"/>
      <c r="NCD682" s="613"/>
      <c r="NCE682" s="613"/>
      <c r="NCF682" s="613"/>
      <c r="NCG682" s="613"/>
      <c r="NCH682" s="613"/>
      <c r="NCI682" s="613"/>
      <c r="NCJ682" s="613"/>
      <c r="NCK682" s="613"/>
      <c r="NCL682" s="613"/>
      <c r="NCM682" s="613"/>
      <c r="NCN682" s="613"/>
      <c r="NCO682" s="613"/>
      <c r="NCP682" s="613"/>
      <c r="NCQ682" s="613"/>
      <c r="NCR682" s="613"/>
      <c r="NCS682" s="613"/>
      <c r="NCT682" s="613"/>
      <c r="NCU682" s="613"/>
      <c r="NCV682" s="613"/>
      <c r="NCW682" s="613"/>
      <c r="NCX682" s="613"/>
      <c r="NCY682" s="613"/>
      <c r="NCZ682" s="613"/>
      <c r="NDA682" s="613"/>
      <c r="NDB682" s="613"/>
      <c r="NDC682" s="613"/>
      <c r="NDD682" s="613"/>
      <c r="NDE682" s="613"/>
      <c r="NDF682" s="613"/>
      <c r="NDG682" s="613"/>
      <c r="NDH682" s="613"/>
      <c r="NDI682" s="613"/>
      <c r="NDJ682" s="613"/>
      <c r="NDK682" s="613"/>
      <c r="NDL682" s="613"/>
      <c r="NDM682" s="613"/>
      <c r="NDN682" s="613"/>
      <c r="NDO682" s="613"/>
      <c r="NDP682" s="613"/>
      <c r="NDQ682" s="613"/>
      <c r="NDR682" s="613"/>
      <c r="NDS682" s="613"/>
      <c r="NDT682" s="613"/>
      <c r="NDU682" s="613"/>
      <c r="NDV682" s="613"/>
      <c r="NDW682" s="613"/>
      <c r="NDX682" s="613"/>
      <c r="NDY682" s="613"/>
      <c r="NDZ682" s="613"/>
      <c r="NEA682" s="613"/>
      <c r="NEB682" s="613"/>
      <c r="NEC682" s="613"/>
      <c r="NED682" s="613"/>
      <c r="NEE682" s="613"/>
      <c r="NEF682" s="613"/>
      <c r="NEG682" s="613"/>
      <c r="NEH682" s="613"/>
      <c r="NEI682" s="613"/>
      <c r="NEJ682" s="613"/>
      <c r="NEK682" s="613"/>
      <c r="NEL682" s="613"/>
      <c r="NEM682" s="613"/>
      <c r="NEN682" s="613"/>
      <c r="NEO682" s="613"/>
      <c r="NEP682" s="613"/>
      <c r="NEQ682" s="613"/>
      <c r="NER682" s="613"/>
      <c r="NES682" s="613"/>
      <c r="NET682" s="613"/>
      <c r="NEU682" s="613"/>
      <c r="NEV682" s="613"/>
      <c r="NEW682" s="613"/>
      <c r="NEX682" s="613"/>
      <c r="NEY682" s="613"/>
      <c r="NEZ682" s="613"/>
      <c r="NFA682" s="613"/>
      <c r="NFB682" s="613"/>
      <c r="NFC682" s="613"/>
      <c r="NFD682" s="613"/>
      <c r="NFE682" s="613"/>
      <c r="NFF682" s="613"/>
      <c r="NFG682" s="613"/>
      <c r="NFH682" s="613"/>
      <c r="NFI682" s="613"/>
      <c r="NFJ682" s="613"/>
      <c r="NFK682" s="613"/>
      <c r="NFL682" s="613"/>
      <c r="NFM682" s="613"/>
      <c r="NFN682" s="613"/>
      <c r="NFO682" s="613"/>
      <c r="NFP682" s="613"/>
      <c r="NFQ682" s="613"/>
      <c r="NFR682" s="613"/>
      <c r="NFS682" s="613"/>
      <c r="NFT682" s="613"/>
      <c r="NFU682" s="613"/>
      <c r="NFV682" s="613"/>
      <c r="NFW682" s="613"/>
      <c r="NFX682" s="613"/>
      <c r="NFY682" s="613"/>
      <c r="NFZ682" s="613"/>
      <c r="NGA682" s="613"/>
      <c r="NGB682" s="613"/>
      <c r="NGC682" s="613"/>
      <c r="NGD682" s="613"/>
      <c r="NGE682" s="613"/>
      <c r="NGF682" s="613"/>
      <c r="NGG682" s="613"/>
      <c r="NGH682" s="613"/>
      <c r="NGI682" s="613"/>
      <c r="NGJ682" s="613"/>
      <c r="NGK682" s="613"/>
      <c r="NGL682" s="613"/>
      <c r="NGM682" s="613"/>
      <c r="NGN682" s="613"/>
      <c r="NGO682" s="613"/>
      <c r="NGP682" s="613"/>
      <c r="NGQ682" s="613"/>
      <c r="NGR682" s="613"/>
      <c r="NGS682" s="613"/>
      <c r="NGT682" s="613"/>
      <c r="NGU682" s="613"/>
      <c r="NGV682" s="613"/>
      <c r="NGW682" s="613"/>
      <c r="NGX682" s="613"/>
      <c r="NGY682" s="613"/>
      <c r="NGZ682" s="613"/>
      <c r="NHA682" s="613"/>
      <c r="NHB682" s="613"/>
      <c r="NHC682" s="613"/>
      <c r="NHD682" s="613"/>
      <c r="NHE682" s="613"/>
      <c r="NHF682" s="613"/>
      <c r="NHG682" s="613"/>
      <c r="NHH682" s="613"/>
      <c r="NHI682" s="613"/>
      <c r="NHJ682" s="613"/>
      <c r="NHK682" s="613"/>
      <c r="NHL682" s="613"/>
      <c r="NHM682" s="613"/>
      <c r="NHN682" s="613"/>
      <c r="NHO682" s="613"/>
      <c r="NHP682" s="613"/>
      <c r="NHQ682" s="613"/>
      <c r="NHR682" s="613"/>
      <c r="NHS682" s="613"/>
      <c r="NHT682" s="613"/>
      <c r="NHU682" s="613"/>
      <c r="NHV682" s="613"/>
      <c r="NHW682" s="613"/>
      <c r="NHX682" s="613"/>
      <c r="NHY682" s="613"/>
      <c r="NHZ682" s="613"/>
      <c r="NIA682" s="613"/>
      <c r="NIB682" s="613"/>
      <c r="NIC682" s="613"/>
      <c r="NID682" s="613"/>
      <c r="NIE682" s="613"/>
      <c r="NIF682" s="613"/>
      <c r="NIG682" s="613"/>
      <c r="NIH682" s="613"/>
      <c r="NII682" s="613"/>
      <c r="NIJ682" s="613"/>
      <c r="NIK682" s="613"/>
      <c r="NIL682" s="613"/>
      <c r="NIM682" s="613"/>
      <c r="NIN682" s="613"/>
      <c r="NIO682" s="613"/>
      <c r="NIP682" s="613"/>
      <c r="NIQ682" s="613"/>
      <c r="NIR682" s="613"/>
      <c r="NIS682" s="613"/>
      <c r="NIT682" s="613"/>
      <c r="NIU682" s="613"/>
      <c r="NIV682" s="613"/>
      <c r="NIW682" s="613"/>
      <c r="NIX682" s="613"/>
      <c r="NIY682" s="613"/>
      <c r="NIZ682" s="613"/>
      <c r="NJA682" s="613"/>
      <c r="NJB682" s="613"/>
      <c r="NJC682" s="613"/>
      <c r="NJD682" s="613"/>
      <c r="NJE682" s="613"/>
      <c r="NJF682" s="613"/>
      <c r="NJG682" s="613"/>
      <c r="NJH682" s="613"/>
      <c r="NJI682" s="613"/>
      <c r="NJJ682" s="613"/>
      <c r="NJK682" s="613"/>
      <c r="NJL682" s="613"/>
      <c r="NJM682" s="613"/>
      <c r="NJN682" s="613"/>
      <c r="NJO682" s="613"/>
      <c r="NJP682" s="613"/>
      <c r="NJQ682" s="613"/>
      <c r="NJR682" s="613"/>
      <c r="NJS682" s="613"/>
      <c r="NJT682" s="613"/>
      <c r="NJU682" s="613"/>
      <c r="NJV682" s="613"/>
      <c r="NJW682" s="613"/>
      <c r="NJX682" s="613"/>
      <c r="NJY682" s="613"/>
      <c r="NJZ682" s="613"/>
      <c r="NKA682" s="613"/>
      <c r="NKB682" s="613"/>
      <c r="NKC682" s="613"/>
      <c r="NKD682" s="613"/>
      <c r="NKE682" s="613"/>
      <c r="NKF682" s="613"/>
      <c r="NKG682" s="613"/>
      <c r="NKH682" s="613"/>
      <c r="NKI682" s="613"/>
      <c r="NKJ682" s="613"/>
      <c r="NKK682" s="613"/>
      <c r="NKL682" s="613"/>
      <c r="NKM682" s="613"/>
      <c r="NKN682" s="613"/>
      <c r="NKO682" s="613"/>
      <c r="NKP682" s="613"/>
      <c r="NKQ682" s="613"/>
      <c r="NKR682" s="613"/>
      <c r="NKS682" s="613"/>
      <c r="NKT682" s="613"/>
      <c r="NKU682" s="613"/>
      <c r="NKV682" s="613"/>
      <c r="NKW682" s="613"/>
      <c r="NKX682" s="613"/>
      <c r="NKY682" s="613"/>
      <c r="NKZ682" s="613"/>
      <c r="NLA682" s="613"/>
      <c r="NLB682" s="613"/>
      <c r="NLC682" s="613"/>
      <c r="NLD682" s="613"/>
      <c r="NLE682" s="613"/>
      <c r="NLF682" s="613"/>
      <c r="NLG682" s="613"/>
      <c r="NLH682" s="613"/>
      <c r="NLI682" s="613"/>
      <c r="NLJ682" s="613"/>
      <c r="NLK682" s="613"/>
      <c r="NLL682" s="613"/>
      <c r="NLM682" s="613"/>
      <c r="NLN682" s="613"/>
      <c r="NLO682" s="613"/>
      <c r="NLP682" s="613"/>
      <c r="NLQ682" s="613"/>
      <c r="NLR682" s="613"/>
      <c r="NLS682" s="613"/>
      <c r="NLT682" s="613"/>
      <c r="NLU682" s="613"/>
      <c r="NLV682" s="613"/>
      <c r="NLW682" s="613"/>
      <c r="NLX682" s="613"/>
      <c r="NLY682" s="613"/>
      <c r="NLZ682" s="613"/>
      <c r="NMA682" s="613"/>
      <c r="NMB682" s="613"/>
      <c r="NMC682" s="613"/>
      <c r="NMD682" s="613"/>
      <c r="NME682" s="613"/>
      <c r="NMF682" s="613"/>
      <c r="NMG682" s="613"/>
      <c r="NMH682" s="613"/>
      <c r="NMI682" s="613"/>
      <c r="NMJ682" s="613"/>
      <c r="NMK682" s="613"/>
      <c r="NML682" s="613"/>
      <c r="NMM682" s="613"/>
      <c r="NMN682" s="613"/>
      <c r="NMO682" s="613"/>
      <c r="NMP682" s="613"/>
      <c r="NMQ682" s="613"/>
      <c r="NMR682" s="613"/>
      <c r="NMS682" s="613"/>
      <c r="NMT682" s="613"/>
      <c r="NMU682" s="613"/>
      <c r="NMV682" s="613"/>
      <c r="NMW682" s="613"/>
      <c r="NMX682" s="613"/>
      <c r="NMY682" s="613"/>
      <c r="NMZ682" s="613"/>
      <c r="NNA682" s="613"/>
      <c r="NNB682" s="613"/>
      <c r="NNC682" s="613"/>
      <c r="NND682" s="613"/>
      <c r="NNE682" s="613"/>
      <c r="NNF682" s="613"/>
      <c r="NNG682" s="613"/>
      <c r="NNH682" s="613"/>
      <c r="NNI682" s="613"/>
      <c r="NNJ682" s="613"/>
      <c r="NNK682" s="613"/>
      <c r="NNL682" s="613"/>
      <c r="NNM682" s="613"/>
      <c r="NNN682" s="613"/>
      <c r="NNO682" s="613"/>
      <c r="NNP682" s="613"/>
      <c r="NNQ682" s="613"/>
      <c r="NNR682" s="613"/>
      <c r="NNS682" s="613"/>
      <c r="NNT682" s="613"/>
      <c r="NNU682" s="613"/>
      <c r="NNV682" s="613"/>
      <c r="NNW682" s="613"/>
      <c r="NNX682" s="613"/>
      <c r="NNY682" s="613"/>
      <c r="NNZ682" s="613"/>
      <c r="NOA682" s="613"/>
      <c r="NOB682" s="613"/>
      <c r="NOC682" s="613"/>
      <c r="NOD682" s="613"/>
      <c r="NOE682" s="613"/>
      <c r="NOF682" s="613"/>
      <c r="NOG682" s="613"/>
      <c r="NOH682" s="613"/>
      <c r="NOI682" s="613"/>
      <c r="NOJ682" s="613"/>
      <c r="NOK682" s="613"/>
      <c r="NOL682" s="613"/>
      <c r="NOM682" s="613"/>
      <c r="NON682" s="613"/>
      <c r="NOO682" s="613"/>
      <c r="NOP682" s="613"/>
      <c r="NOQ682" s="613"/>
      <c r="NOR682" s="613"/>
      <c r="NOS682" s="613"/>
      <c r="NOT682" s="613"/>
      <c r="NOU682" s="613"/>
      <c r="NOV682" s="613"/>
      <c r="NOW682" s="613"/>
      <c r="NOX682" s="613"/>
      <c r="NOY682" s="613"/>
      <c r="NOZ682" s="613"/>
      <c r="NPA682" s="613"/>
      <c r="NPB682" s="613"/>
      <c r="NPC682" s="613"/>
      <c r="NPD682" s="613"/>
      <c r="NPE682" s="613"/>
      <c r="NPF682" s="613"/>
      <c r="NPG682" s="613"/>
      <c r="NPH682" s="613"/>
      <c r="NPI682" s="613"/>
      <c r="NPJ682" s="613"/>
      <c r="NPK682" s="613"/>
      <c r="NPL682" s="613"/>
      <c r="NPM682" s="613"/>
      <c r="NPN682" s="613"/>
      <c r="NPO682" s="613"/>
      <c r="NPP682" s="613"/>
      <c r="NPQ682" s="613"/>
      <c r="NPR682" s="613"/>
      <c r="NPS682" s="613"/>
      <c r="NPT682" s="613"/>
      <c r="NPU682" s="613"/>
      <c r="NPV682" s="613"/>
      <c r="NPW682" s="613"/>
      <c r="NPX682" s="613"/>
      <c r="NPY682" s="613"/>
      <c r="NPZ682" s="613"/>
      <c r="NQA682" s="613"/>
      <c r="NQB682" s="613"/>
      <c r="NQC682" s="613"/>
      <c r="NQD682" s="613"/>
      <c r="NQE682" s="613"/>
      <c r="NQF682" s="613"/>
      <c r="NQG682" s="613"/>
      <c r="NQH682" s="613"/>
      <c r="NQI682" s="613"/>
      <c r="NQJ682" s="613"/>
      <c r="NQK682" s="613"/>
      <c r="NQL682" s="613"/>
      <c r="NQM682" s="613"/>
      <c r="NQN682" s="613"/>
      <c r="NQO682" s="613"/>
      <c r="NQP682" s="613"/>
      <c r="NQQ682" s="613"/>
      <c r="NQR682" s="613"/>
      <c r="NQS682" s="613"/>
      <c r="NQT682" s="613"/>
      <c r="NQU682" s="613"/>
      <c r="NQV682" s="613"/>
      <c r="NQW682" s="613"/>
      <c r="NQX682" s="613"/>
      <c r="NQY682" s="613"/>
      <c r="NQZ682" s="613"/>
      <c r="NRA682" s="613"/>
      <c r="NRB682" s="613"/>
      <c r="NRC682" s="613"/>
      <c r="NRD682" s="613"/>
      <c r="NRE682" s="613"/>
      <c r="NRF682" s="613"/>
      <c r="NRG682" s="613"/>
      <c r="NRH682" s="613"/>
      <c r="NRI682" s="613"/>
      <c r="NRJ682" s="613"/>
      <c r="NRK682" s="613"/>
      <c r="NRL682" s="613"/>
      <c r="NRM682" s="613"/>
      <c r="NRN682" s="613"/>
      <c r="NRO682" s="613"/>
      <c r="NRP682" s="613"/>
      <c r="NRQ682" s="613"/>
      <c r="NRR682" s="613"/>
      <c r="NRS682" s="613"/>
      <c r="NRT682" s="613"/>
      <c r="NRU682" s="613"/>
      <c r="NRV682" s="613"/>
      <c r="NRW682" s="613"/>
      <c r="NRX682" s="613"/>
      <c r="NRY682" s="613"/>
      <c r="NRZ682" s="613"/>
      <c r="NSA682" s="613"/>
      <c r="NSB682" s="613"/>
      <c r="NSC682" s="613"/>
      <c r="NSD682" s="613"/>
      <c r="NSE682" s="613"/>
      <c r="NSF682" s="613"/>
      <c r="NSG682" s="613"/>
      <c r="NSH682" s="613"/>
      <c r="NSI682" s="613"/>
      <c r="NSJ682" s="613"/>
      <c r="NSK682" s="613"/>
      <c r="NSL682" s="613"/>
      <c r="NSM682" s="613"/>
      <c r="NSN682" s="613"/>
      <c r="NSO682" s="613"/>
      <c r="NSP682" s="613"/>
      <c r="NSQ682" s="613"/>
      <c r="NSR682" s="613"/>
      <c r="NSS682" s="613"/>
      <c r="NST682" s="613"/>
      <c r="NSU682" s="613"/>
      <c r="NSV682" s="613"/>
      <c r="NSW682" s="613"/>
      <c r="NSX682" s="613"/>
      <c r="NSY682" s="613"/>
      <c r="NSZ682" s="613"/>
      <c r="NTA682" s="613"/>
      <c r="NTB682" s="613"/>
      <c r="NTC682" s="613"/>
      <c r="NTD682" s="613"/>
      <c r="NTE682" s="613"/>
      <c r="NTF682" s="613"/>
      <c r="NTG682" s="613"/>
      <c r="NTH682" s="613"/>
      <c r="NTI682" s="613"/>
      <c r="NTJ682" s="613"/>
      <c r="NTK682" s="613"/>
      <c r="NTL682" s="613"/>
      <c r="NTM682" s="613"/>
      <c r="NTN682" s="613"/>
      <c r="NTO682" s="613"/>
      <c r="NTP682" s="613"/>
      <c r="NTQ682" s="613"/>
      <c r="NTR682" s="613"/>
      <c r="NTS682" s="613"/>
      <c r="NTT682" s="613"/>
      <c r="NTU682" s="613"/>
      <c r="NTV682" s="613"/>
      <c r="NTW682" s="613"/>
      <c r="NTX682" s="613"/>
      <c r="NTY682" s="613"/>
      <c r="NTZ682" s="613"/>
      <c r="NUA682" s="613"/>
      <c r="NUB682" s="613"/>
      <c r="NUC682" s="613"/>
      <c r="NUD682" s="613"/>
      <c r="NUE682" s="613"/>
      <c r="NUF682" s="613"/>
      <c r="NUG682" s="613"/>
      <c r="NUH682" s="613"/>
      <c r="NUI682" s="613"/>
      <c r="NUJ682" s="613"/>
      <c r="NUK682" s="613"/>
      <c r="NUL682" s="613"/>
      <c r="NUM682" s="613"/>
      <c r="NUN682" s="613"/>
      <c r="NUO682" s="613"/>
      <c r="NUP682" s="613"/>
      <c r="NUQ682" s="613"/>
      <c r="NUR682" s="613"/>
      <c r="NUS682" s="613"/>
      <c r="NUT682" s="613"/>
      <c r="NUU682" s="613"/>
      <c r="NUV682" s="613"/>
      <c r="NUW682" s="613"/>
      <c r="NUX682" s="613"/>
      <c r="NUY682" s="613"/>
      <c r="NUZ682" s="613"/>
      <c r="NVA682" s="613"/>
      <c r="NVB682" s="613"/>
      <c r="NVC682" s="613"/>
      <c r="NVD682" s="613"/>
      <c r="NVE682" s="613"/>
      <c r="NVF682" s="613"/>
      <c r="NVG682" s="613"/>
      <c r="NVH682" s="613"/>
      <c r="NVI682" s="613"/>
      <c r="NVJ682" s="613"/>
      <c r="NVK682" s="613"/>
      <c r="NVL682" s="613"/>
      <c r="NVM682" s="613"/>
      <c r="NVN682" s="613"/>
      <c r="NVO682" s="613"/>
      <c r="NVP682" s="613"/>
      <c r="NVQ682" s="613"/>
      <c r="NVR682" s="613"/>
      <c r="NVS682" s="613"/>
      <c r="NVT682" s="613"/>
      <c r="NVU682" s="613"/>
      <c r="NVV682" s="613"/>
      <c r="NVW682" s="613"/>
      <c r="NVX682" s="613"/>
      <c r="NVY682" s="613"/>
      <c r="NVZ682" s="613"/>
      <c r="NWA682" s="613"/>
      <c r="NWB682" s="613"/>
      <c r="NWC682" s="613"/>
      <c r="NWD682" s="613"/>
      <c r="NWE682" s="613"/>
      <c r="NWF682" s="613"/>
      <c r="NWG682" s="613"/>
      <c r="NWH682" s="613"/>
      <c r="NWI682" s="613"/>
      <c r="NWJ682" s="613"/>
      <c r="NWK682" s="613"/>
      <c r="NWL682" s="613"/>
      <c r="NWM682" s="613"/>
      <c r="NWN682" s="613"/>
      <c r="NWO682" s="613"/>
      <c r="NWP682" s="613"/>
      <c r="NWQ682" s="613"/>
      <c r="NWR682" s="613"/>
      <c r="NWS682" s="613"/>
      <c r="NWT682" s="613"/>
      <c r="NWU682" s="613"/>
      <c r="NWV682" s="613"/>
      <c r="NWW682" s="613"/>
      <c r="NWX682" s="613"/>
      <c r="NWY682" s="613"/>
      <c r="NWZ682" s="613"/>
      <c r="NXA682" s="613"/>
      <c r="NXB682" s="613"/>
      <c r="NXC682" s="613"/>
      <c r="NXD682" s="613"/>
      <c r="NXE682" s="613"/>
      <c r="NXF682" s="613"/>
      <c r="NXG682" s="613"/>
      <c r="NXH682" s="613"/>
      <c r="NXI682" s="613"/>
      <c r="NXJ682" s="613"/>
      <c r="NXK682" s="613"/>
      <c r="NXL682" s="613"/>
      <c r="NXM682" s="613"/>
      <c r="NXN682" s="613"/>
      <c r="NXO682" s="613"/>
      <c r="NXP682" s="613"/>
      <c r="NXQ682" s="613"/>
      <c r="NXR682" s="613"/>
      <c r="NXS682" s="613"/>
      <c r="NXT682" s="613"/>
      <c r="NXU682" s="613"/>
      <c r="NXV682" s="613"/>
      <c r="NXW682" s="613"/>
      <c r="NXX682" s="613"/>
      <c r="NXY682" s="613"/>
      <c r="NXZ682" s="613"/>
      <c r="NYA682" s="613"/>
      <c r="NYB682" s="613"/>
      <c r="NYC682" s="613"/>
      <c r="NYD682" s="613"/>
      <c r="NYE682" s="613"/>
      <c r="NYF682" s="613"/>
      <c r="NYG682" s="613"/>
      <c r="NYH682" s="613"/>
      <c r="NYI682" s="613"/>
      <c r="NYJ682" s="613"/>
      <c r="NYK682" s="613"/>
      <c r="NYL682" s="613"/>
      <c r="NYM682" s="613"/>
      <c r="NYN682" s="613"/>
      <c r="NYO682" s="613"/>
      <c r="NYP682" s="613"/>
      <c r="NYQ682" s="613"/>
      <c r="NYR682" s="613"/>
      <c r="NYS682" s="613"/>
      <c r="NYT682" s="613"/>
      <c r="NYU682" s="613"/>
      <c r="NYV682" s="613"/>
      <c r="NYW682" s="613"/>
      <c r="NYX682" s="613"/>
      <c r="NYY682" s="613"/>
      <c r="NYZ682" s="613"/>
      <c r="NZA682" s="613"/>
      <c r="NZB682" s="613"/>
      <c r="NZC682" s="613"/>
      <c r="NZD682" s="613"/>
      <c r="NZE682" s="613"/>
      <c r="NZF682" s="613"/>
      <c r="NZG682" s="613"/>
      <c r="NZH682" s="613"/>
      <c r="NZI682" s="613"/>
      <c r="NZJ682" s="613"/>
      <c r="NZK682" s="613"/>
      <c r="NZL682" s="613"/>
      <c r="NZM682" s="613"/>
      <c r="NZN682" s="613"/>
      <c r="NZO682" s="613"/>
      <c r="NZP682" s="613"/>
      <c r="NZQ682" s="613"/>
      <c r="NZR682" s="613"/>
      <c r="NZS682" s="613"/>
      <c r="NZT682" s="613"/>
      <c r="NZU682" s="613"/>
      <c r="NZV682" s="613"/>
      <c r="NZW682" s="613"/>
      <c r="NZX682" s="613"/>
      <c r="NZY682" s="613"/>
      <c r="NZZ682" s="613"/>
      <c r="OAA682" s="613"/>
      <c r="OAB682" s="613"/>
      <c r="OAC682" s="613"/>
      <c r="OAD682" s="613"/>
      <c r="OAE682" s="613"/>
      <c r="OAF682" s="613"/>
      <c r="OAG682" s="613"/>
      <c r="OAH682" s="613"/>
      <c r="OAI682" s="613"/>
      <c r="OAJ682" s="613"/>
      <c r="OAK682" s="613"/>
      <c r="OAL682" s="613"/>
      <c r="OAM682" s="613"/>
      <c r="OAN682" s="613"/>
      <c r="OAO682" s="613"/>
      <c r="OAP682" s="613"/>
      <c r="OAQ682" s="613"/>
      <c r="OAR682" s="613"/>
      <c r="OAS682" s="613"/>
      <c r="OAT682" s="613"/>
      <c r="OAU682" s="613"/>
      <c r="OAV682" s="613"/>
      <c r="OAW682" s="613"/>
      <c r="OAX682" s="613"/>
      <c r="OAY682" s="613"/>
      <c r="OAZ682" s="613"/>
      <c r="OBA682" s="613"/>
      <c r="OBB682" s="613"/>
      <c r="OBC682" s="613"/>
      <c r="OBD682" s="613"/>
      <c r="OBE682" s="613"/>
      <c r="OBF682" s="613"/>
      <c r="OBG682" s="613"/>
      <c r="OBH682" s="613"/>
      <c r="OBI682" s="613"/>
      <c r="OBJ682" s="613"/>
      <c r="OBK682" s="613"/>
      <c r="OBL682" s="613"/>
      <c r="OBM682" s="613"/>
      <c r="OBN682" s="613"/>
      <c r="OBO682" s="613"/>
      <c r="OBP682" s="613"/>
      <c r="OBQ682" s="613"/>
      <c r="OBR682" s="613"/>
      <c r="OBS682" s="613"/>
      <c r="OBT682" s="613"/>
      <c r="OBU682" s="613"/>
      <c r="OBV682" s="613"/>
      <c r="OBW682" s="613"/>
      <c r="OBX682" s="613"/>
      <c r="OBY682" s="613"/>
      <c r="OBZ682" s="613"/>
      <c r="OCA682" s="613"/>
      <c r="OCB682" s="613"/>
      <c r="OCC682" s="613"/>
      <c r="OCD682" s="613"/>
      <c r="OCE682" s="613"/>
      <c r="OCF682" s="613"/>
      <c r="OCG682" s="613"/>
      <c r="OCH682" s="613"/>
      <c r="OCI682" s="613"/>
      <c r="OCJ682" s="613"/>
      <c r="OCK682" s="613"/>
      <c r="OCL682" s="613"/>
      <c r="OCM682" s="613"/>
      <c r="OCN682" s="613"/>
      <c r="OCO682" s="613"/>
      <c r="OCP682" s="613"/>
      <c r="OCQ682" s="613"/>
      <c r="OCR682" s="613"/>
      <c r="OCS682" s="613"/>
      <c r="OCT682" s="613"/>
      <c r="OCU682" s="613"/>
      <c r="OCV682" s="613"/>
      <c r="OCW682" s="613"/>
      <c r="OCX682" s="613"/>
      <c r="OCY682" s="613"/>
      <c r="OCZ682" s="613"/>
      <c r="ODA682" s="613"/>
      <c r="ODB682" s="613"/>
      <c r="ODC682" s="613"/>
      <c r="ODD682" s="613"/>
      <c r="ODE682" s="613"/>
      <c r="ODF682" s="613"/>
      <c r="ODG682" s="613"/>
      <c r="ODH682" s="613"/>
      <c r="ODI682" s="613"/>
      <c r="ODJ682" s="613"/>
      <c r="ODK682" s="613"/>
      <c r="ODL682" s="613"/>
      <c r="ODM682" s="613"/>
      <c r="ODN682" s="613"/>
      <c r="ODO682" s="613"/>
      <c r="ODP682" s="613"/>
      <c r="ODQ682" s="613"/>
      <c r="ODR682" s="613"/>
      <c r="ODS682" s="613"/>
      <c r="ODT682" s="613"/>
      <c r="ODU682" s="613"/>
      <c r="ODV682" s="613"/>
      <c r="ODW682" s="613"/>
      <c r="ODX682" s="613"/>
      <c r="ODY682" s="613"/>
      <c r="ODZ682" s="613"/>
      <c r="OEA682" s="613"/>
      <c r="OEB682" s="613"/>
      <c r="OEC682" s="613"/>
      <c r="OED682" s="613"/>
      <c r="OEE682" s="613"/>
      <c r="OEF682" s="613"/>
      <c r="OEG682" s="613"/>
      <c r="OEH682" s="613"/>
      <c r="OEI682" s="613"/>
      <c r="OEJ682" s="613"/>
      <c r="OEK682" s="613"/>
      <c r="OEL682" s="613"/>
      <c r="OEM682" s="613"/>
      <c r="OEN682" s="613"/>
      <c r="OEO682" s="613"/>
      <c r="OEP682" s="613"/>
      <c r="OEQ682" s="613"/>
      <c r="OER682" s="613"/>
      <c r="OES682" s="613"/>
      <c r="OET682" s="613"/>
      <c r="OEU682" s="613"/>
      <c r="OEV682" s="613"/>
      <c r="OEW682" s="613"/>
      <c r="OEX682" s="613"/>
      <c r="OEY682" s="613"/>
      <c r="OEZ682" s="613"/>
      <c r="OFA682" s="613"/>
      <c r="OFB682" s="613"/>
      <c r="OFC682" s="613"/>
      <c r="OFD682" s="613"/>
      <c r="OFE682" s="613"/>
      <c r="OFF682" s="613"/>
      <c r="OFG682" s="613"/>
      <c r="OFH682" s="613"/>
      <c r="OFI682" s="613"/>
      <c r="OFJ682" s="613"/>
      <c r="OFK682" s="613"/>
      <c r="OFL682" s="613"/>
      <c r="OFM682" s="613"/>
      <c r="OFN682" s="613"/>
      <c r="OFO682" s="613"/>
      <c r="OFP682" s="613"/>
      <c r="OFQ682" s="613"/>
      <c r="OFR682" s="613"/>
      <c r="OFS682" s="613"/>
      <c r="OFT682" s="613"/>
      <c r="OFU682" s="613"/>
      <c r="OFV682" s="613"/>
      <c r="OFW682" s="613"/>
      <c r="OFX682" s="613"/>
      <c r="OFY682" s="613"/>
      <c r="OFZ682" s="613"/>
      <c r="OGA682" s="613"/>
      <c r="OGB682" s="613"/>
      <c r="OGC682" s="613"/>
      <c r="OGD682" s="613"/>
      <c r="OGE682" s="613"/>
      <c r="OGF682" s="613"/>
      <c r="OGG682" s="613"/>
      <c r="OGH682" s="613"/>
      <c r="OGI682" s="613"/>
      <c r="OGJ682" s="613"/>
      <c r="OGK682" s="613"/>
      <c r="OGL682" s="613"/>
      <c r="OGM682" s="613"/>
      <c r="OGN682" s="613"/>
      <c r="OGO682" s="613"/>
      <c r="OGP682" s="613"/>
      <c r="OGQ682" s="613"/>
      <c r="OGR682" s="613"/>
      <c r="OGS682" s="613"/>
      <c r="OGT682" s="613"/>
      <c r="OGU682" s="613"/>
      <c r="OGV682" s="613"/>
      <c r="OGW682" s="613"/>
      <c r="OGX682" s="613"/>
      <c r="OGY682" s="613"/>
      <c r="OGZ682" s="613"/>
      <c r="OHA682" s="613"/>
      <c r="OHB682" s="613"/>
      <c r="OHC682" s="613"/>
      <c r="OHD682" s="613"/>
      <c r="OHE682" s="613"/>
      <c r="OHF682" s="613"/>
      <c r="OHG682" s="613"/>
      <c r="OHH682" s="613"/>
      <c r="OHI682" s="613"/>
      <c r="OHJ682" s="613"/>
      <c r="OHK682" s="613"/>
      <c r="OHL682" s="613"/>
      <c r="OHM682" s="613"/>
      <c r="OHN682" s="613"/>
      <c r="OHO682" s="613"/>
      <c r="OHP682" s="613"/>
      <c r="OHQ682" s="613"/>
      <c r="OHR682" s="613"/>
      <c r="OHS682" s="613"/>
      <c r="OHT682" s="613"/>
      <c r="OHU682" s="613"/>
      <c r="OHV682" s="613"/>
      <c r="OHW682" s="613"/>
      <c r="OHX682" s="613"/>
      <c r="OHY682" s="613"/>
      <c r="OHZ682" s="613"/>
      <c r="OIA682" s="613"/>
      <c r="OIB682" s="613"/>
      <c r="OIC682" s="613"/>
      <c r="OID682" s="613"/>
      <c r="OIE682" s="613"/>
      <c r="OIF682" s="613"/>
      <c r="OIG682" s="613"/>
      <c r="OIH682" s="613"/>
      <c r="OII682" s="613"/>
      <c r="OIJ682" s="613"/>
      <c r="OIK682" s="613"/>
      <c r="OIL682" s="613"/>
      <c r="OIM682" s="613"/>
      <c r="OIN682" s="613"/>
      <c r="OIO682" s="613"/>
      <c r="OIP682" s="613"/>
      <c r="OIQ682" s="613"/>
      <c r="OIR682" s="613"/>
      <c r="OIS682" s="613"/>
      <c r="OIT682" s="613"/>
      <c r="OIU682" s="613"/>
      <c r="OIV682" s="613"/>
      <c r="OIW682" s="613"/>
      <c r="OIX682" s="613"/>
      <c r="OIY682" s="613"/>
      <c r="OIZ682" s="613"/>
      <c r="OJA682" s="613"/>
      <c r="OJB682" s="613"/>
      <c r="OJC682" s="613"/>
      <c r="OJD682" s="613"/>
      <c r="OJE682" s="613"/>
      <c r="OJF682" s="613"/>
      <c r="OJG682" s="613"/>
      <c r="OJH682" s="613"/>
      <c r="OJI682" s="613"/>
      <c r="OJJ682" s="613"/>
      <c r="OJK682" s="613"/>
      <c r="OJL682" s="613"/>
      <c r="OJM682" s="613"/>
      <c r="OJN682" s="613"/>
      <c r="OJO682" s="613"/>
      <c r="OJP682" s="613"/>
      <c r="OJQ682" s="613"/>
      <c r="OJR682" s="613"/>
      <c r="OJS682" s="613"/>
      <c r="OJT682" s="613"/>
      <c r="OJU682" s="613"/>
      <c r="OJV682" s="613"/>
      <c r="OJW682" s="613"/>
      <c r="OJX682" s="613"/>
      <c r="OJY682" s="613"/>
      <c r="OJZ682" s="613"/>
      <c r="OKA682" s="613"/>
      <c r="OKB682" s="613"/>
      <c r="OKC682" s="613"/>
      <c r="OKD682" s="613"/>
      <c r="OKE682" s="613"/>
      <c r="OKF682" s="613"/>
      <c r="OKG682" s="613"/>
      <c r="OKH682" s="613"/>
      <c r="OKI682" s="613"/>
      <c r="OKJ682" s="613"/>
      <c r="OKK682" s="613"/>
      <c r="OKL682" s="613"/>
      <c r="OKM682" s="613"/>
      <c r="OKN682" s="613"/>
      <c r="OKO682" s="613"/>
      <c r="OKP682" s="613"/>
      <c r="OKQ682" s="613"/>
      <c r="OKR682" s="613"/>
      <c r="OKS682" s="613"/>
      <c r="OKT682" s="613"/>
      <c r="OKU682" s="613"/>
      <c r="OKV682" s="613"/>
      <c r="OKW682" s="613"/>
      <c r="OKX682" s="613"/>
      <c r="OKY682" s="613"/>
      <c r="OKZ682" s="613"/>
      <c r="OLA682" s="613"/>
      <c r="OLB682" s="613"/>
      <c r="OLC682" s="613"/>
      <c r="OLD682" s="613"/>
      <c r="OLE682" s="613"/>
      <c r="OLF682" s="613"/>
      <c r="OLG682" s="613"/>
      <c r="OLH682" s="613"/>
      <c r="OLI682" s="613"/>
      <c r="OLJ682" s="613"/>
      <c r="OLK682" s="613"/>
      <c r="OLL682" s="613"/>
      <c r="OLM682" s="613"/>
      <c r="OLN682" s="613"/>
      <c r="OLO682" s="613"/>
      <c r="OLP682" s="613"/>
      <c r="OLQ682" s="613"/>
      <c r="OLR682" s="613"/>
      <c r="OLS682" s="613"/>
      <c r="OLT682" s="613"/>
      <c r="OLU682" s="613"/>
      <c r="OLV682" s="613"/>
      <c r="OLW682" s="613"/>
      <c r="OLX682" s="613"/>
      <c r="OLY682" s="613"/>
      <c r="OLZ682" s="613"/>
      <c r="OMA682" s="613"/>
      <c r="OMB682" s="613"/>
      <c r="OMC682" s="613"/>
      <c r="OMD682" s="613"/>
      <c r="OME682" s="613"/>
      <c r="OMF682" s="613"/>
      <c r="OMG682" s="613"/>
      <c r="OMH682" s="613"/>
      <c r="OMI682" s="613"/>
      <c r="OMJ682" s="613"/>
      <c r="OMK682" s="613"/>
      <c r="OML682" s="613"/>
      <c r="OMM682" s="613"/>
      <c r="OMN682" s="613"/>
      <c r="OMO682" s="613"/>
      <c r="OMP682" s="613"/>
      <c r="OMQ682" s="613"/>
      <c r="OMR682" s="613"/>
      <c r="OMS682" s="613"/>
      <c r="OMT682" s="613"/>
      <c r="OMU682" s="613"/>
      <c r="OMV682" s="613"/>
      <c r="OMW682" s="613"/>
      <c r="OMX682" s="613"/>
      <c r="OMY682" s="613"/>
      <c r="OMZ682" s="613"/>
      <c r="ONA682" s="613"/>
      <c r="ONB682" s="613"/>
      <c r="ONC682" s="613"/>
      <c r="OND682" s="613"/>
      <c r="ONE682" s="613"/>
      <c r="ONF682" s="613"/>
      <c r="ONG682" s="613"/>
      <c r="ONH682" s="613"/>
      <c r="ONI682" s="613"/>
      <c r="ONJ682" s="613"/>
      <c r="ONK682" s="613"/>
      <c r="ONL682" s="613"/>
      <c r="ONM682" s="613"/>
      <c r="ONN682" s="613"/>
      <c r="ONO682" s="613"/>
      <c r="ONP682" s="613"/>
      <c r="ONQ682" s="613"/>
      <c r="ONR682" s="613"/>
      <c r="ONS682" s="613"/>
      <c r="ONT682" s="613"/>
      <c r="ONU682" s="613"/>
      <c r="ONV682" s="613"/>
      <c r="ONW682" s="613"/>
      <c r="ONX682" s="613"/>
      <c r="ONY682" s="613"/>
      <c r="ONZ682" s="613"/>
      <c r="OOA682" s="613"/>
      <c r="OOB682" s="613"/>
      <c r="OOC682" s="613"/>
      <c r="OOD682" s="613"/>
      <c r="OOE682" s="613"/>
      <c r="OOF682" s="613"/>
      <c r="OOG682" s="613"/>
      <c r="OOH682" s="613"/>
      <c r="OOI682" s="613"/>
      <c r="OOJ682" s="613"/>
      <c r="OOK682" s="613"/>
      <c r="OOL682" s="613"/>
      <c r="OOM682" s="613"/>
      <c r="OON682" s="613"/>
      <c r="OOO682" s="613"/>
      <c r="OOP682" s="613"/>
      <c r="OOQ682" s="613"/>
      <c r="OOR682" s="613"/>
      <c r="OOS682" s="613"/>
      <c r="OOT682" s="613"/>
      <c r="OOU682" s="613"/>
      <c r="OOV682" s="613"/>
      <c r="OOW682" s="613"/>
      <c r="OOX682" s="613"/>
      <c r="OOY682" s="613"/>
      <c r="OOZ682" s="613"/>
      <c r="OPA682" s="613"/>
      <c r="OPB682" s="613"/>
      <c r="OPC682" s="613"/>
      <c r="OPD682" s="613"/>
      <c r="OPE682" s="613"/>
      <c r="OPF682" s="613"/>
      <c r="OPG682" s="613"/>
      <c r="OPH682" s="613"/>
      <c r="OPI682" s="613"/>
      <c r="OPJ682" s="613"/>
      <c r="OPK682" s="613"/>
      <c r="OPL682" s="613"/>
      <c r="OPM682" s="613"/>
      <c r="OPN682" s="613"/>
      <c r="OPO682" s="613"/>
      <c r="OPP682" s="613"/>
      <c r="OPQ682" s="613"/>
      <c r="OPR682" s="613"/>
      <c r="OPS682" s="613"/>
      <c r="OPT682" s="613"/>
      <c r="OPU682" s="613"/>
      <c r="OPV682" s="613"/>
      <c r="OPW682" s="613"/>
      <c r="OPX682" s="613"/>
      <c r="OPY682" s="613"/>
      <c r="OPZ682" s="613"/>
      <c r="OQA682" s="613"/>
      <c r="OQB682" s="613"/>
      <c r="OQC682" s="613"/>
      <c r="OQD682" s="613"/>
      <c r="OQE682" s="613"/>
      <c r="OQF682" s="613"/>
      <c r="OQG682" s="613"/>
      <c r="OQH682" s="613"/>
      <c r="OQI682" s="613"/>
      <c r="OQJ682" s="613"/>
      <c r="OQK682" s="613"/>
      <c r="OQL682" s="613"/>
      <c r="OQM682" s="613"/>
      <c r="OQN682" s="613"/>
      <c r="OQO682" s="613"/>
      <c r="OQP682" s="613"/>
      <c r="OQQ682" s="613"/>
      <c r="OQR682" s="613"/>
      <c r="OQS682" s="613"/>
      <c r="OQT682" s="613"/>
      <c r="OQU682" s="613"/>
      <c r="OQV682" s="613"/>
      <c r="OQW682" s="613"/>
      <c r="OQX682" s="613"/>
      <c r="OQY682" s="613"/>
      <c r="OQZ682" s="613"/>
      <c r="ORA682" s="613"/>
      <c r="ORB682" s="613"/>
      <c r="ORC682" s="613"/>
      <c r="ORD682" s="613"/>
      <c r="ORE682" s="613"/>
      <c r="ORF682" s="613"/>
      <c r="ORG682" s="613"/>
      <c r="ORH682" s="613"/>
      <c r="ORI682" s="613"/>
      <c r="ORJ682" s="613"/>
      <c r="ORK682" s="613"/>
      <c r="ORL682" s="613"/>
      <c r="ORM682" s="613"/>
      <c r="ORN682" s="613"/>
      <c r="ORO682" s="613"/>
      <c r="ORP682" s="613"/>
      <c r="ORQ682" s="613"/>
      <c r="ORR682" s="613"/>
      <c r="ORS682" s="613"/>
      <c r="ORT682" s="613"/>
      <c r="ORU682" s="613"/>
      <c r="ORV682" s="613"/>
      <c r="ORW682" s="613"/>
      <c r="ORX682" s="613"/>
      <c r="ORY682" s="613"/>
      <c r="ORZ682" s="613"/>
      <c r="OSA682" s="613"/>
      <c r="OSB682" s="613"/>
      <c r="OSC682" s="613"/>
      <c r="OSD682" s="613"/>
      <c r="OSE682" s="613"/>
      <c r="OSF682" s="613"/>
      <c r="OSG682" s="613"/>
      <c r="OSH682" s="613"/>
      <c r="OSI682" s="613"/>
      <c r="OSJ682" s="613"/>
      <c r="OSK682" s="613"/>
      <c r="OSL682" s="613"/>
      <c r="OSM682" s="613"/>
      <c r="OSN682" s="613"/>
      <c r="OSO682" s="613"/>
      <c r="OSP682" s="613"/>
      <c r="OSQ682" s="613"/>
      <c r="OSR682" s="613"/>
      <c r="OSS682" s="613"/>
      <c r="OST682" s="613"/>
      <c r="OSU682" s="613"/>
      <c r="OSV682" s="613"/>
      <c r="OSW682" s="613"/>
      <c r="OSX682" s="613"/>
      <c r="OSY682" s="613"/>
      <c r="OSZ682" s="613"/>
      <c r="OTA682" s="613"/>
      <c r="OTB682" s="613"/>
      <c r="OTC682" s="613"/>
      <c r="OTD682" s="613"/>
      <c r="OTE682" s="613"/>
      <c r="OTF682" s="613"/>
      <c r="OTG682" s="613"/>
      <c r="OTH682" s="613"/>
      <c r="OTI682" s="613"/>
      <c r="OTJ682" s="613"/>
      <c r="OTK682" s="613"/>
      <c r="OTL682" s="613"/>
      <c r="OTM682" s="613"/>
      <c r="OTN682" s="613"/>
      <c r="OTO682" s="613"/>
      <c r="OTP682" s="613"/>
      <c r="OTQ682" s="613"/>
      <c r="OTR682" s="613"/>
      <c r="OTS682" s="613"/>
      <c r="OTT682" s="613"/>
      <c r="OTU682" s="613"/>
      <c r="OTV682" s="613"/>
      <c r="OTW682" s="613"/>
      <c r="OTX682" s="613"/>
      <c r="OTY682" s="613"/>
      <c r="OTZ682" s="613"/>
      <c r="OUA682" s="613"/>
      <c r="OUB682" s="613"/>
      <c r="OUC682" s="613"/>
      <c r="OUD682" s="613"/>
      <c r="OUE682" s="613"/>
      <c r="OUF682" s="613"/>
      <c r="OUG682" s="613"/>
      <c r="OUH682" s="613"/>
      <c r="OUI682" s="613"/>
      <c r="OUJ682" s="613"/>
      <c r="OUK682" s="613"/>
      <c r="OUL682" s="613"/>
      <c r="OUM682" s="613"/>
      <c r="OUN682" s="613"/>
      <c r="OUO682" s="613"/>
      <c r="OUP682" s="613"/>
      <c r="OUQ682" s="613"/>
      <c r="OUR682" s="613"/>
      <c r="OUS682" s="613"/>
      <c r="OUT682" s="613"/>
      <c r="OUU682" s="613"/>
      <c r="OUV682" s="613"/>
      <c r="OUW682" s="613"/>
      <c r="OUX682" s="613"/>
      <c r="OUY682" s="613"/>
      <c r="OUZ682" s="613"/>
      <c r="OVA682" s="613"/>
      <c r="OVB682" s="613"/>
      <c r="OVC682" s="613"/>
      <c r="OVD682" s="613"/>
      <c r="OVE682" s="613"/>
      <c r="OVF682" s="613"/>
      <c r="OVG682" s="613"/>
      <c r="OVH682" s="613"/>
      <c r="OVI682" s="613"/>
      <c r="OVJ682" s="613"/>
      <c r="OVK682" s="613"/>
      <c r="OVL682" s="613"/>
      <c r="OVM682" s="613"/>
      <c r="OVN682" s="613"/>
      <c r="OVO682" s="613"/>
      <c r="OVP682" s="613"/>
      <c r="OVQ682" s="613"/>
      <c r="OVR682" s="613"/>
      <c r="OVS682" s="613"/>
      <c r="OVT682" s="613"/>
      <c r="OVU682" s="613"/>
      <c r="OVV682" s="613"/>
      <c r="OVW682" s="613"/>
      <c r="OVX682" s="613"/>
      <c r="OVY682" s="613"/>
      <c r="OVZ682" s="613"/>
      <c r="OWA682" s="613"/>
      <c r="OWB682" s="613"/>
      <c r="OWC682" s="613"/>
      <c r="OWD682" s="613"/>
      <c r="OWE682" s="613"/>
      <c r="OWF682" s="613"/>
      <c r="OWG682" s="613"/>
      <c r="OWH682" s="613"/>
      <c r="OWI682" s="613"/>
      <c r="OWJ682" s="613"/>
      <c r="OWK682" s="613"/>
      <c r="OWL682" s="613"/>
      <c r="OWM682" s="613"/>
      <c r="OWN682" s="613"/>
      <c r="OWO682" s="613"/>
      <c r="OWP682" s="613"/>
      <c r="OWQ682" s="613"/>
      <c r="OWR682" s="613"/>
      <c r="OWS682" s="613"/>
      <c r="OWT682" s="613"/>
      <c r="OWU682" s="613"/>
      <c r="OWV682" s="613"/>
      <c r="OWW682" s="613"/>
      <c r="OWX682" s="613"/>
      <c r="OWY682" s="613"/>
      <c r="OWZ682" s="613"/>
      <c r="OXA682" s="613"/>
      <c r="OXB682" s="613"/>
      <c r="OXC682" s="613"/>
      <c r="OXD682" s="613"/>
      <c r="OXE682" s="613"/>
      <c r="OXF682" s="613"/>
      <c r="OXG682" s="613"/>
      <c r="OXH682" s="613"/>
      <c r="OXI682" s="613"/>
      <c r="OXJ682" s="613"/>
      <c r="OXK682" s="613"/>
      <c r="OXL682" s="613"/>
      <c r="OXM682" s="613"/>
      <c r="OXN682" s="613"/>
      <c r="OXO682" s="613"/>
      <c r="OXP682" s="613"/>
      <c r="OXQ682" s="613"/>
      <c r="OXR682" s="613"/>
      <c r="OXS682" s="613"/>
      <c r="OXT682" s="613"/>
      <c r="OXU682" s="613"/>
      <c r="OXV682" s="613"/>
      <c r="OXW682" s="613"/>
      <c r="OXX682" s="613"/>
      <c r="OXY682" s="613"/>
      <c r="OXZ682" s="613"/>
      <c r="OYA682" s="613"/>
      <c r="OYB682" s="613"/>
      <c r="OYC682" s="613"/>
      <c r="OYD682" s="613"/>
      <c r="OYE682" s="613"/>
      <c r="OYF682" s="613"/>
      <c r="OYG682" s="613"/>
      <c r="OYH682" s="613"/>
      <c r="OYI682" s="613"/>
      <c r="OYJ682" s="613"/>
      <c r="OYK682" s="613"/>
      <c r="OYL682" s="613"/>
      <c r="OYM682" s="613"/>
      <c r="OYN682" s="613"/>
      <c r="OYO682" s="613"/>
      <c r="OYP682" s="613"/>
      <c r="OYQ682" s="613"/>
      <c r="OYR682" s="613"/>
      <c r="OYS682" s="613"/>
      <c r="OYT682" s="613"/>
      <c r="OYU682" s="613"/>
      <c r="OYV682" s="613"/>
      <c r="OYW682" s="613"/>
      <c r="OYX682" s="613"/>
      <c r="OYY682" s="613"/>
      <c r="OYZ682" s="613"/>
      <c r="OZA682" s="613"/>
      <c r="OZB682" s="613"/>
      <c r="OZC682" s="613"/>
      <c r="OZD682" s="613"/>
      <c r="OZE682" s="613"/>
      <c r="OZF682" s="613"/>
      <c r="OZG682" s="613"/>
      <c r="OZH682" s="613"/>
      <c r="OZI682" s="613"/>
      <c r="OZJ682" s="613"/>
      <c r="OZK682" s="613"/>
      <c r="OZL682" s="613"/>
      <c r="OZM682" s="613"/>
      <c r="OZN682" s="613"/>
      <c r="OZO682" s="613"/>
      <c r="OZP682" s="613"/>
      <c r="OZQ682" s="613"/>
      <c r="OZR682" s="613"/>
      <c r="OZS682" s="613"/>
      <c r="OZT682" s="613"/>
      <c r="OZU682" s="613"/>
      <c r="OZV682" s="613"/>
      <c r="OZW682" s="613"/>
      <c r="OZX682" s="613"/>
      <c r="OZY682" s="613"/>
      <c r="OZZ682" s="613"/>
      <c r="PAA682" s="613"/>
      <c r="PAB682" s="613"/>
      <c r="PAC682" s="613"/>
      <c r="PAD682" s="613"/>
      <c r="PAE682" s="613"/>
      <c r="PAF682" s="613"/>
      <c r="PAG682" s="613"/>
      <c r="PAH682" s="613"/>
      <c r="PAI682" s="613"/>
      <c r="PAJ682" s="613"/>
      <c r="PAK682" s="613"/>
      <c r="PAL682" s="613"/>
      <c r="PAM682" s="613"/>
      <c r="PAN682" s="613"/>
      <c r="PAO682" s="613"/>
      <c r="PAP682" s="613"/>
      <c r="PAQ682" s="613"/>
      <c r="PAR682" s="613"/>
      <c r="PAS682" s="613"/>
      <c r="PAT682" s="613"/>
      <c r="PAU682" s="613"/>
      <c r="PAV682" s="613"/>
      <c r="PAW682" s="613"/>
      <c r="PAX682" s="613"/>
      <c r="PAY682" s="613"/>
      <c r="PAZ682" s="613"/>
      <c r="PBA682" s="613"/>
      <c r="PBB682" s="613"/>
      <c r="PBC682" s="613"/>
      <c r="PBD682" s="613"/>
      <c r="PBE682" s="613"/>
      <c r="PBF682" s="613"/>
      <c r="PBG682" s="613"/>
      <c r="PBH682" s="613"/>
      <c r="PBI682" s="613"/>
      <c r="PBJ682" s="613"/>
      <c r="PBK682" s="613"/>
      <c r="PBL682" s="613"/>
      <c r="PBM682" s="613"/>
      <c r="PBN682" s="613"/>
      <c r="PBO682" s="613"/>
      <c r="PBP682" s="613"/>
      <c r="PBQ682" s="613"/>
      <c r="PBR682" s="613"/>
      <c r="PBS682" s="613"/>
      <c r="PBT682" s="613"/>
      <c r="PBU682" s="613"/>
      <c r="PBV682" s="613"/>
      <c r="PBW682" s="613"/>
      <c r="PBX682" s="613"/>
      <c r="PBY682" s="613"/>
      <c r="PBZ682" s="613"/>
      <c r="PCA682" s="613"/>
      <c r="PCB682" s="613"/>
      <c r="PCC682" s="613"/>
      <c r="PCD682" s="613"/>
      <c r="PCE682" s="613"/>
      <c r="PCF682" s="613"/>
      <c r="PCG682" s="613"/>
      <c r="PCH682" s="613"/>
      <c r="PCI682" s="613"/>
      <c r="PCJ682" s="613"/>
      <c r="PCK682" s="613"/>
      <c r="PCL682" s="613"/>
      <c r="PCM682" s="613"/>
      <c r="PCN682" s="613"/>
      <c r="PCO682" s="613"/>
      <c r="PCP682" s="613"/>
      <c r="PCQ682" s="613"/>
      <c r="PCR682" s="613"/>
      <c r="PCS682" s="613"/>
      <c r="PCT682" s="613"/>
      <c r="PCU682" s="613"/>
      <c r="PCV682" s="613"/>
      <c r="PCW682" s="613"/>
      <c r="PCX682" s="613"/>
      <c r="PCY682" s="613"/>
      <c r="PCZ682" s="613"/>
      <c r="PDA682" s="613"/>
      <c r="PDB682" s="613"/>
      <c r="PDC682" s="613"/>
      <c r="PDD682" s="613"/>
      <c r="PDE682" s="613"/>
      <c r="PDF682" s="613"/>
      <c r="PDG682" s="613"/>
      <c r="PDH682" s="613"/>
      <c r="PDI682" s="613"/>
      <c r="PDJ682" s="613"/>
      <c r="PDK682" s="613"/>
      <c r="PDL682" s="613"/>
      <c r="PDM682" s="613"/>
      <c r="PDN682" s="613"/>
      <c r="PDO682" s="613"/>
      <c r="PDP682" s="613"/>
      <c r="PDQ682" s="613"/>
      <c r="PDR682" s="613"/>
      <c r="PDS682" s="613"/>
      <c r="PDT682" s="613"/>
      <c r="PDU682" s="613"/>
      <c r="PDV682" s="613"/>
      <c r="PDW682" s="613"/>
      <c r="PDX682" s="613"/>
      <c r="PDY682" s="613"/>
      <c r="PDZ682" s="613"/>
      <c r="PEA682" s="613"/>
      <c r="PEB682" s="613"/>
      <c r="PEC682" s="613"/>
      <c r="PED682" s="613"/>
      <c r="PEE682" s="613"/>
      <c r="PEF682" s="613"/>
      <c r="PEG682" s="613"/>
      <c r="PEH682" s="613"/>
      <c r="PEI682" s="613"/>
      <c r="PEJ682" s="613"/>
      <c r="PEK682" s="613"/>
      <c r="PEL682" s="613"/>
      <c r="PEM682" s="613"/>
      <c r="PEN682" s="613"/>
      <c r="PEO682" s="613"/>
      <c r="PEP682" s="613"/>
      <c r="PEQ682" s="613"/>
      <c r="PER682" s="613"/>
      <c r="PES682" s="613"/>
      <c r="PET682" s="613"/>
      <c r="PEU682" s="613"/>
      <c r="PEV682" s="613"/>
      <c r="PEW682" s="613"/>
      <c r="PEX682" s="613"/>
      <c r="PEY682" s="613"/>
      <c r="PEZ682" s="613"/>
      <c r="PFA682" s="613"/>
      <c r="PFB682" s="613"/>
      <c r="PFC682" s="613"/>
      <c r="PFD682" s="613"/>
      <c r="PFE682" s="613"/>
      <c r="PFF682" s="613"/>
      <c r="PFG682" s="613"/>
      <c r="PFH682" s="613"/>
      <c r="PFI682" s="613"/>
      <c r="PFJ682" s="613"/>
      <c r="PFK682" s="613"/>
      <c r="PFL682" s="613"/>
      <c r="PFM682" s="613"/>
      <c r="PFN682" s="613"/>
      <c r="PFO682" s="613"/>
      <c r="PFP682" s="613"/>
      <c r="PFQ682" s="613"/>
      <c r="PFR682" s="613"/>
      <c r="PFS682" s="613"/>
      <c r="PFT682" s="613"/>
      <c r="PFU682" s="613"/>
      <c r="PFV682" s="613"/>
      <c r="PFW682" s="613"/>
      <c r="PFX682" s="613"/>
      <c r="PFY682" s="613"/>
      <c r="PFZ682" s="613"/>
      <c r="PGA682" s="613"/>
      <c r="PGB682" s="613"/>
      <c r="PGC682" s="613"/>
      <c r="PGD682" s="613"/>
      <c r="PGE682" s="613"/>
      <c r="PGF682" s="613"/>
      <c r="PGG682" s="613"/>
      <c r="PGH682" s="613"/>
      <c r="PGI682" s="613"/>
      <c r="PGJ682" s="613"/>
      <c r="PGK682" s="613"/>
      <c r="PGL682" s="613"/>
      <c r="PGM682" s="613"/>
      <c r="PGN682" s="613"/>
      <c r="PGO682" s="613"/>
      <c r="PGP682" s="613"/>
      <c r="PGQ682" s="613"/>
      <c r="PGR682" s="613"/>
      <c r="PGS682" s="613"/>
      <c r="PGT682" s="613"/>
      <c r="PGU682" s="613"/>
      <c r="PGV682" s="613"/>
      <c r="PGW682" s="613"/>
      <c r="PGX682" s="613"/>
      <c r="PGY682" s="613"/>
      <c r="PGZ682" s="613"/>
      <c r="PHA682" s="613"/>
      <c r="PHB682" s="613"/>
      <c r="PHC682" s="613"/>
      <c r="PHD682" s="613"/>
      <c r="PHE682" s="613"/>
      <c r="PHF682" s="613"/>
      <c r="PHG682" s="613"/>
      <c r="PHH682" s="613"/>
      <c r="PHI682" s="613"/>
      <c r="PHJ682" s="613"/>
      <c r="PHK682" s="613"/>
      <c r="PHL682" s="613"/>
      <c r="PHM682" s="613"/>
      <c r="PHN682" s="613"/>
      <c r="PHO682" s="613"/>
      <c r="PHP682" s="613"/>
      <c r="PHQ682" s="613"/>
      <c r="PHR682" s="613"/>
      <c r="PHS682" s="613"/>
      <c r="PHT682" s="613"/>
      <c r="PHU682" s="613"/>
      <c r="PHV682" s="613"/>
      <c r="PHW682" s="613"/>
      <c r="PHX682" s="613"/>
      <c r="PHY682" s="613"/>
      <c r="PHZ682" s="613"/>
      <c r="PIA682" s="613"/>
      <c r="PIB682" s="613"/>
      <c r="PIC682" s="613"/>
      <c r="PID682" s="613"/>
      <c r="PIE682" s="613"/>
      <c r="PIF682" s="613"/>
      <c r="PIG682" s="613"/>
      <c r="PIH682" s="613"/>
      <c r="PII682" s="613"/>
      <c r="PIJ682" s="613"/>
      <c r="PIK682" s="613"/>
      <c r="PIL682" s="613"/>
      <c r="PIM682" s="613"/>
      <c r="PIN682" s="613"/>
      <c r="PIO682" s="613"/>
      <c r="PIP682" s="613"/>
      <c r="PIQ682" s="613"/>
      <c r="PIR682" s="613"/>
      <c r="PIS682" s="613"/>
      <c r="PIT682" s="613"/>
      <c r="PIU682" s="613"/>
      <c r="PIV682" s="613"/>
      <c r="PIW682" s="613"/>
      <c r="PIX682" s="613"/>
      <c r="PIY682" s="613"/>
      <c r="PIZ682" s="613"/>
      <c r="PJA682" s="613"/>
      <c r="PJB682" s="613"/>
      <c r="PJC682" s="613"/>
      <c r="PJD682" s="613"/>
      <c r="PJE682" s="613"/>
      <c r="PJF682" s="613"/>
      <c r="PJG682" s="613"/>
      <c r="PJH682" s="613"/>
      <c r="PJI682" s="613"/>
      <c r="PJJ682" s="613"/>
      <c r="PJK682" s="613"/>
      <c r="PJL682" s="613"/>
      <c r="PJM682" s="613"/>
      <c r="PJN682" s="613"/>
      <c r="PJO682" s="613"/>
      <c r="PJP682" s="613"/>
      <c r="PJQ682" s="613"/>
      <c r="PJR682" s="613"/>
      <c r="PJS682" s="613"/>
      <c r="PJT682" s="613"/>
      <c r="PJU682" s="613"/>
      <c r="PJV682" s="613"/>
      <c r="PJW682" s="613"/>
      <c r="PJX682" s="613"/>
      <c r="PJY682" s="613"/>
      <c r="PJZ682" s="613"/>
      <c r="PKA682" s="613"/>
      <c r="PKB682" s="613"/>
      <c r="PKC682" s="613"/>
      <c r="PKD682" s="613"/>
      <c r="PKE682" s="613"/>
      <c r="PKF682" s="613"/>
      <c r="PKG682" s="613"/>
      <c r="PKH682" s="613"/>
      <c r="PKI682" s="613"/>
      <c r="PKJ682" s="613"/>
      <c r="PKK682" s="613"/>
      <c r="PKL682" s="613"/>
      <c r="PKM682" s="613"/>
      <c r="PKN682" s="613"/>
      <c r="PKO682" s="613"/>
      <c r="PKP682" s="613"/>
      <c r="PKQ682" s="613"/>
      <c r="PKR682" s="613"/>
      <c r="PKS682" s="613"/>
      <c r="PKT682" s="613"/>
      <c r="PKU682" s="613"/>
      <c r="PKV682" s="613"/>
      <c r="PKW682" s="613"/>
      <c r="PKX682" s="613"/>
      <c r="PKY682" s="613"/>
      <c r="PKZ682" s="613"/>
      <c r="PLA682" s="613"/>
      <c r="PLB682" s="613"/>
      <c r="PLC682" s="613"/>
      <c r="PLD682" s="613"/>
      <c r="PLE682" s="613"/>
      <c r="PLF682" s="613"/>
      <c r="PLG682" s="613"/>
      <c r="PLH682" s="613"/>
      <c r="PLI682" s="613"/>
      <c r="PLJ682" s="613"/>
      <c r="PLK682" s="613"/>
      <c r="PLL682" s="613"/>
      <c r="PLM682" s="613"/>
      <c r="PLN682" s="613"/>
      <c r="PLO682" s="613"/>
      <c r="PLP682" s="613"/>
      <c r="PLQ682" s="613"/>
      <c r="PLR682" s="613"/>
      <c r="PLS682" s="613"/>
      <c r="PLT682" s="613"/>
      <c r="PLU682" s="613"/>
      <c r="PLV682" s="613"/>
      <c r="PLW682" s="613"/>
      <c r="PLX682" s="613"/>
      <c r="PLY682" s="613"/>
      <c r="PLZ682" s="613"/>
      <c r="PMA682" s="613"/>
      <c r="PMB682" s="613"/>
      <c r="PMC682" s="613"/>
      <c r="PMD682" s="613"/>
      <c r="PME682" s="613"/>
      <c r="PMF682" s="613"/>
      <c r="PMG682" s="613"/>
      <c r="PMH682" s="613"/>
      <c r="PMI682" s="613"/>
      <c r="PMJ682" s="613"/>
      <c r="PMK682" s="613"/>
      <c r="PML682" s="613"/>
      <c r="PMM682" s="613"/>
      <c r="PMN682" s="613"/>
      <c r="PMO682" s="613"/>
      <c r="PMP682" s="613"/>
      <c r="PMQ682" s="613"/>
      <c r="PMR682" s="613"/>
      <c r="PMS682" s="613"/>
      <c r="PMT682" s="613"/>
      <c r="PMU682" s="613"/>
      <c r="PMV682" s="613"/>
      <c r="PMW682" s="613"/>
      <c r="PMX682" s="613"/>
      <c r="PMY682" s="613"/>
      <c r="PMZ682" s="613"/>
      <c r="PNA682" s="613"/>
      <c r="PNB682" s="613"/>
      <c r="PNC682" s="613"/>
      <c r="PND682" s="613"/>
      <c r="PNE682" s="613"/>
      <c r="PNF682" s="613"/>
      <c r="PNG682" s="613"/>
      <c r="PNH682" s="613"/>
      <c r="PNI682" s="613"/>
      <c r="PNJ682" s="613"/>
      <c r="PNK682" s="613"/>
      <c r="PNL682" s="613"/>
      <c r="PNM682" s="613"/>
      <c r="PNN682" s="613"/>
      <c r="PNO682" s="613"/>
      <c r="PNP682" s="613"/>
      <c r="PNQ682" s="613"/>
      <c r="PNR682" s="613"/>
      <c r="PNS682" s="613"/>
      <c r="PNT682" s="613"/>
      <c r="PNU682" s="613"/>
      <c r="PNV682" s="613"/>
      <c r="PNW682" s="613"/>
      <c r="PNX682" s="613"/>
      <c r="PNY682" s="613"/>
      <c r="PNZ682" s="613"/>
      <c r="POA682" s="613"/>
      <c r="POB682" s="613"/>
      <c r="POC682" s="613"/>
      <c r="POD682" s="613"/>
      <c r="POE682" s="613"/>
      <c r="POF682" s="613"/>
      <c r="POG682" s="613"/>
      <c r="POH682" s="613"/>
      <c r="POI682" s="613"/>
      <c r="POJ682" s="613"/>
      <c r="POK682" s="613"/>
      <c r="POL682" s="613"/>
      <c r="POM682" s="613"/>
      <c r="PON682" s="613"/>
      <c r="POO682" s="613"/>
      <c r="POP682" s="613"/>
      <c r="POQ682" s="613"/>
      <c r="POR682" s="613"/>
      <c r="POS682" s="613"/>
      <c r="POT682" s="613"/>
      <c r="POU682" s="613"/>
      <c r="POV682" s="613"/>
      <c r="POW682" s="613"/>
      <c r="POX682" s="613"/>
      <c r="POY682" s="613"/>
      <c r="POZ682" s="613"/>
      <c r="PPA682" s="613"/>
      <c r="PPB682" s="613"/>
      <c r="PPC682" s="613"/>
      <c r="PPD682" s="613"/>
      <c r="PPE682" s="613"/>
      <c r="PPF682" s="613"/>
      <c r="PPG682" s="613"/>
      <c r="PPH682" s="613"/>
      <c r="PPI682" s="613"/>
      <c r="PPJ682" s="613"/>
      <c r="PPK682" s="613"/>
      <c r="PPL682" s="613"/>
      <c r="PPM682" s="613"/>
      <c r="PPN682" s="613"/>
      <c r="PPO682" s="613"/>
      <c r="PPP682" s="613"/>
      <c r="PPQ682" s="613"/>
      <c r="PPR682" s="613"/>
      <c r="PPS682" s="613"/>
      <c r="PPT682" s="613"/>
      <c r="PPU682" s="613"/>
      <c r="PPV682" s="613"/>
      <c r="PPW682" s="613"/>
      <c r="PPX682" s="613"/>
      <c r="PPY682" s="613"/>
      <c r="PPZ682" s="613"/>
      <c r="PQA682" s="613"/>
      <c r="PQB682" s="613"/>
      <c r="PQC682" s="613"/>
      <c r="PQD682" s="613"/>
      <c r="PQE682" s="613"/>
      <c r="PQF682" s="613"/>
      <c r="PQG682" s="613"/>
      <c r="PQH682" s="613"/>
      <c r="PQI682" s="613"/>
      <c r="PQJ682" s="613"/>
      <c r="PQK682" s="613"/>
      <c r="PQL682" s="613"/>
      <c r="PQM682" s="613"/>
      <c r="PQN682" s="613"/>
      <c r="PQO682" s="613"/>
      <c r="PQP682" s="613"/>
      <c r="PQQ682" s="613"/>
      <c r="PQR682" s="613"/>
      <c r="PQS682" s="613"/>
      <c r="PQT682" s="613"/>
      <c r="PQU682" s="613"/>
      <c r="PQV682" s="613"/>
      <c r="PQW682" s="613"/>
      <c r="PQX682" s="613"/>
      <c r="PQY682" s="613"/>
      <c r="PQZ682" s="613"/>
      <c r="PRA682" s="613"/>
      <c r="PRB682" s="613"/>
      <c r="PRC682" s="613"/>
      <c r="PRD682" s="613"/>
      <c r="PRE682" s="613"/>
      <c r="PRF682" s="613"/>
      <c r="PRG682" s="613"/>
      <c r="PRH682" s="613"/>
      <c r="PRI682" s="613"/>
      <c r="PRJ682" s="613"/>
      <c r="PRK682" s="613"/>
      <c r="PRL682" s="613"/>
      <c r="PRM682" s="613"/>
      <c r="PRN682" s="613"/>
      <c r="PRO682" s="613"/>
      <c r="PRP682" s="613"/>
      <c r="PRQ682" s="613"/>
      <c r="PRR682" s="613"/>
      <c r="PRS682" s="613"/>
      <c r="PRT682" s="613"/>
      <c r="PRU682" s="613"/>
      <c r="PRV682" s="613"/>
      <c r="PRW682" s="613"/>
      <c r="PRX682" s="613"/>
      <c r="PRY682" s="613"/>
      <c r="PRZ682" s="613"/>
      <c r="PSA682" s="613"/>
      <c r="PSB682" s="613"/>
      <c r="PSC682" s="613"/>
      <c r="PSD682" s="613"/>
      <c r="PSE682" s="613"/>
      <c r="PSF682" s="613"/>
      <c r="PSG682" s="613"/>
      <c r="PSH682" s="613"/>
      <c r="PSI682" s="613"/>
      <c r="PSJ682" s="613"/>
      <c r="PSK682" s="613"/>
      <c r="PSL682" s="613"/>
      <c r="PSM682" s="613"/>
      <c r="PSN682" s="613"/>
      <c r="PSO682" s="613"/>
      <c r="PSP682" s="613"/>
      <c r="PSQ682" s="613"/>
      <c r="PSR682" s="613"/>
      <c r="PSS682" s="613"/>
      <c r="PST682" s="613"/>
      <c r="PSU682" s="613"/>
      <c r="PSV682" s="613"/>
      <c r="PSW682" s="613"/>
      <c r="PSX682" s="613"/>
      <c r="PSY682" s="613"/>
      <c r="PSZ682" s="613"/>
      <c r="PTA682" s="613"/>
      <c r="PTB682" s="613"/>
      <c r="PTC682" s="613"/>
      <c r="PTD682" s="613"/>
      <c r="PTE682" s="613"/>
      <c r="PTF682" s="613"/>
      <c r="PTG682" s="613"/>
      <c r="PTH682" s="613"/>
      <c r="PTI682" s="613"/>
      <c r="PTJ682" s="613"/>
      <c r="PTK682" s="613"/>
      <c r="PTL682" s="613"/>
      <c r="PTM682" s="613"/>
      <c r="PTN682" s="613"/>
      <c r="PTO682" s="613"/>
      <c r="PTP682" s="613"/>
      <c r="PTQ682" s="613"/>
      <c r="PTR682" s="613"/>
      <c r="PTS682" s="613"/>
      <c r="PTT682" s="613"/>
      <c r="PTU682" s="613"/>
      <c r="PTV682" s="613"/>
      <c r="PTW682" s="613"/>
      <c r="PTX682" s="613"/>
      <c r="PTY682" s="613"/>
      <c r="PTZ682" s="613"/>
      <c r="PUA682" s="613"/>
      <c r="PUB682" s="613"/>
      <c r="PUC682" s="613"/>
      <c r="PUD682" s="613"/>
      <c r="PUE682" s="613"/>
      <c r="PUF682" s="613"/>
      <c r="PUG682" s="613"/>
      <c r="PUH682" s="613"/>
      <c r="PUI682" s="613"/>
      <c r="PUJ682" s="613"/>
      <c r="PUK682" s="613"/>
      <c r="PUL682" s="613"/>
      <c r="PUM682" s="613"/>
      <c r="PUN682" s="613"/>
      <c r="PUO682" s="613"/>
      <c r="PUP682" s="613"/>
      <c r="PUQ682" s="613"/>
      <c r="PUR682" s="613"/>
      <c r="PUS682" s="613"/>
      <c r="PUT682" s="613"/>
      <c r="PUU682" s="613"/>
      <c r="PUV682" s="613"/>
      <c r="PUW682" s="613"/>
      <c r="PUX682" s="613"/>
      <c r="PUY682" s="613"/>
      <c r="PUZ682" s="613"/>
      <c r="PVA682" s="613"/>
      <c r="PVB682" s="613"/>
      <c r="PVC682" s="613"/>
      <c r="PVD682" s="613"/>
      <c r="PVE682" s="613"/>
      <c r="PVF682" s="613"/>
      <c r="PVG682" s="613"/>
      <c r="PVH682" s="613"/>
      <c r="PVI682" s="613"/>
      <c r="PVJ682" s="613"/>
      <c r="PVK682" s="613"/>
      <c r="PVL682" s="613"/>
      <c r="PVM682" s="613"/>
      <c r="PVN682" s="613"/>
      <c r="PVO682" s="613"/>
      <c r="PVP682" s="613"/>
      <c r="PVQ682" s="613"/>
      <c r="PVR682" s="613"/>
      <c r="PVS682" s="613"/>
      <c r="PVT682" s="613"/>
      <c r="PVU682" s="613"/>
      <c r="PVV682" s="613"/>
      <c r="PVW682" s="613"/>
      <c r="PVX682" s="613"/>
      <c r="PVY682" s="613"/>
      <c r="PVZ682" s="613"/>
      <c r="PWA682" s="613"/>
      <c r="PWB682" s="613"/>
      <c r="PWC682" s="613"/>
      <c r="PWD682" s="613"/>
      <c r="PWE682" s="613"/>
      <c r="PWF682" s="613"/>
      <c r="PWG682" s="613"/>
      <c r="PWH682" s="613"/>
      <c r="PWI682" s="613"/>
      <c r="PWJ682" s="613"/>
      <c r="PWK682" s="613"/>
      <c r="PWL682" s="613"/>
      <c r="PWM682" s="613"/>
      <c r="PWN682" s="613"/>
      <c r="PWO682" s="613"/>
      <c r="PWP682" s="613"/>
      <c r="PWQ682" s="613"/>
      <c r="PWR682" s="613"/>
      <c r="PWS682" s="613"/>
      <c r="PWT682" s="613"/>
      <c r="PWU682" s="613"/>
      <c r="PWV682" s="613"/>
      <c r="PWW682" s="613"/>
      <c r="PWX682" s="613"/>
      <c r="PWY682" s="613"/>
      <c r="PWZ682" s="613"/>
      <c r="PXA682" s="613"/>
      <c r="PXB682" s="613"/>
      <c r="PXC682" s="613"/>
      <c r="PXD682" s="613"/>
      <c r="PXE682" s="613"/>
      <c r="PXF682" s="613"/>
      <c r="PXG682" s="613"/>
      <c r="PXH682" s="613"/>
      <c r="PXI682" s="613"/>
      <c r="PXJ682" s="613"/>
      <c r="PXK682" s="613"/>
      <c r="PXL682" s="613"/>
      <c r="PXM682" s="613"/>
      <c r="PXN682" s="613"/>
      <c r="PXO682" s="613"/>
      <c r="PXP682" s="613"/>
      <c r="PXQ682" s="613"/>
      <c r="PXR682" s="613"/>
      <c r="PXS682" s="613"/>
      <c r="PXT682" s="613"/>
      <c r="PXU682" s="613"/>
      <c r="PXV682" s="613"/>
      <c r="PXW682" s="613"/>
      <c r="PXX682" s="613"/>
      <c r="PXY682" s="613"/>
      <c r="PXZ682" s="613"/>
      <c r="PYA682" s="613"/>
      <c r="PYB682" s="613"/>
      <c r="PYC682" s="613"/>
      <c r="PYD682" s="613"/>
      <c r="PYE682" s="613"/>
      <c r="PYF682" s="613"/>
      <c r="PYG682" s="613"/>
      <c r="PYH682" s="613"/>
      <c r="PYI682" s="613"/>
      <c r="PYJ682" s="613"/>
      <c r="PYK682" s="613"/>
      <c r="PYL682" s="613"/>
      <c r="PYM682" s="613"/>
      <c r="PYN682" s="613"/>
      <c r="PYO682" s="613"/>
      <c r="PYP682" s="613"/>
      <c r="PYQ682" s="613"/>
      <c r="PYR682" s="613"/>
      <c r="PYS682" s="613"/>
      <c r="PYT682" s="613"/>
      <c r="PYU682" s="613"/>
      <c r="PYV682" s="613"/>
      <c r="PYW682" s="613"/>
      <c r="PYX682" s="613"/>
      <c r="PYY682" s="613"/>
      <c r="PYZ682" s="613"/>
      <c r="PZA682" s="613"/>
      <c r="PZB682" s="613"/>
      <c r="PZC682" s="613"/>
      <c r="PZD682" s="613"/>
      <c r="PZE682" s="613"/>
      <c r="PZF682" s="613"/>
      <c r="PZG682" s="613"/>
      <c r="PZH682" s="613"/>
      <c r="PZI682" s="613"/>
      <c r="PZJ682" s="613"/>
      <c r="PZK682" s="613"/>
      <c r="PZL682" s="613"/>
      <c r="PZM682" s="613"/>
      <c r="PZN682" s="613"/>
      <c r="PZO682" s="613"/>
      <c r="PZP682" s="613"/>
      <c r="PZQ682" s="613"/>
      <c r="PZR682" s="613"/>
      <c r="PZS682" s="613"/>
      <c r="PZT682" s="613"/>
      <c r="PZU682" s="613"/>
      <c r="PZV682" s="613"/>
      <c r="PZW682" s="613"/>
      <c r="PZX682" s="613"/>
      <c r="PZY682" s="613"/>
      <c r="PZZ682" s="613"/>
      <c r="QAA682" s="613"/>
      <c r="QAB682" s="613"/>
      <c r="QAC682" s="613"/>
      <c r="QAD682" s="613"/>
      <c r="QAE682" s="613"/>
      <c r="QAF682" s="613"/>
      <c r="QAG682" s="613"/>
      <c r="QAH682" s="613"/>
      <c r="QAI682" s="613"/>
      <c r="QAJ682" s="613"/>
      <c r="QAK682" s="613"/>
      <c r="QAL682" s="613"/>
      <c r="QAM682" s="613"/>
      <c r="QAN682" s="613"/>
      <c r="QAO682" s="613"/>
      <c r="QAP682" s="613"/>
      <c r="QAQ682" s="613"/>
      <c r="QAR682" s="613"/>
      <c r="QAS682" s="613"/>
      <c r="QAT682" s="613"/>
      <c r="QAU682" s="613"/>
      <c r="QAV682" s="613"/>
      <c r="QAW682" s="613"/>
      <c r="QAX682" s="613"/>
      <c r="QAY682" s="613"/>
      <c r="QAZ682" s="613"/>
      <c r="QBA682" s="613"/>
      <c r="QBB682" s="613"/>
      <c r="QBC682" s="613"/>
      <c r="QBD682" s="613"/>
      <c r="QBE682" s="613"/>
      <c r="QBF682" s="613"/>
      <c r="QBG682" s="613"/>
      <c r="QBH682" s="613"/>
      <c r="QBI682" s="613"/>
      <c r="QBJ682" s="613"/>
      <c r="QBK682" s="613"/>
      <c r="QBL682" s="613"/>
      <c r="QBM682" s="613"/>
      <c r="QBN682" s="613"/>
      <c r="QBO682" s="613"/>
      <c r="QBP682" s="613"/>
      <c r="QBQ682" s="613"/>
      <c r="QBR682" s="613"/>
      <c r="QBS682" s="613"/>
      <c r="QBT682" s="613"/>
      <c r="QBU682" s="613"/>
      <c r="QBV682" s="613"/>
      <c r="QBW682" s="613"/>
      <c r="QBX682" s="613"/>
      <c r="QBY682" s="613"/>
      <c r="QBZ682" s="613"/>
      <c r="QCA682" s="613"/>
      <c r="QCB682" s="613"/>
      <c r="QCC682" s="613"/>
      <c r="QCD682" s="613"/>
      <c r="QCE682" s="613"/>
      <c r="QCF682" s="613"/>
      <c r="QCG682" s="613"/>
      <c r="QCH682" s="613"/>
      <c r="QCI682" s="613"/>
      <c r="QCJ682" s="613"/>
      <c r="QCK682" s="613"/>
      <c r="QCL682" s="613"/>
      <c r="QCM682" s="613"/>
      <c r="QCN682" s="613"/>
      <c r="QCO682" s="613"/>
      <c r="QCP682" s="613"/>
      <c r="QCQ682" s="613"/>
      <c r="QCR682" s="613"/>
      <c r="QCS682" s="613"/>
      <c r="QCT682" s="613"/>
      <c r="QCU682" s="613"/>
      <c r="QCV682" s="613"/>
      <c r="QCW682" s="613"/>
      <c r="QCX682" s="613"/>
      <c r="QCY682" s="613"/>
      <c r="QCZ682" s="613"/>
      <c r="QDA682" s="613"/>
      <c r="QDB682" s="613"/>
      <c r="QDC682" s="613"/>
      <c r="QDD682" s="613"/>
      <c r="QDE682" s="613"/>
      <c r="QDF682" s="613"/>
      <c r="QDG682" s="613"/>
      <c r="QDH682" s="613"/>
      <c r="QDI682" s="613"/>
      <c r="QDJ682" s="613"/>
      <c r="QDK682" s="613"/>
      <c r="QDL682" s="613"/>
      <c r="QDM682" s="613"/>
      <c r="QDN682" s="613"/>
      <c r="QDO682" s="613"/>
      <c r="QDP682" s="613"/>
      <c r="QDQ682" s="613"/>
      <c r="QDR682" s="613"/>
      <c r="QDS682" s="613"/>
      <c r="QDT682" s="613"/>
      <c r="QDU682" s="613"/>
      <c r="QDV682" s="613"/>
      <c r="QDW682" s="613"/>
      <c r="QDX682" s="613"/>
      <c r="QDY682" s="613"/>
      <c r="QDZ682" s="613"/>
      <c r="QEA682" s="613"/>
      <c r="QEB682" s="613"/>
      <c r="QEC682" s="613"/>
      <c r="QED682" s="613"/>
      <c r="QEE682" s="613"/>
      <c r="QEF682" s="613"/>
      <c r="QEG682" s="613"/>
      <c r="QEH682" s="613"/>
      <c r="QEI682" s="613"/>
      <c r="QEJ682" s="613"/>
      <c r="QEK682" s="613"/>
      <c r="QEL682" s="613"/>
      <c r="QEM682" s="613"/>
      <c r="QEN682" s="613"/>
      <c r="QEO682" s="613"/>
      <c r="QEP682" s="613"/>
      <c r="QEQ682" s="613"/>
      <c r="QER682" s="613"/>
      <c r="QES682" s="613"/>
      <c r="QET682" s="613"/>
      <c r="QEU682" s="613"/>
      <c r="QEV682" s="613"/>
      <c r="QEW682" s="613"/>
      <c r="QEX682" s="613"/>
      <c r="QEY682" s="613"/>
      <c r="QEZ682" s="613"/>
      <c r="QFA682" s="613"/>
      <c r="QFB682" s="613"/>
      <c r="QFC682" s="613"/>
      <c r="QFD682" s="613"/>
      <c r="QFE682" s="613"/>
      <c r="QFF682" s="613"/>
      <c r="QFG682" s="613"/>
      <c r="QFH682" s="613"/>
      <c r="QFI682" s="613"/>
      <c r="QFJ682" s="613"/>
      <c r="QFK682" s="613"/>
      <c r="QFL682" s="613"/>
      <c r="QFM682" s="613"/>
      <c r="QFN682" s="613"/>
      <c r="QFO682" s="613"/>
      <c r="QFP682" s="613"/>
      <c r="QFQ682" s="613"/>
      <c r="QFR682" s="613"/>
      <c r="QFS682" s="613"/>
      <c r="QFT682" s="613"/>
      <c r="QFU682" s="613"/>
      <c r="QFV682" s="613"/>
      <c r="QFW682" s="613"/>
      <c r="QFX682" s="613"/>
      <c r="QFY682" s="613"/>
      <c r="QFZ682" s="613"/>
      <c r="QGA682" s="613"/>
      <c r="QGB682" s="613"/>
      <c r="QGC682" s="613"/>
      <c r="QGD682" s="613"/>
      <c r="QGE682" s="613"/>
      <c r="QGF682" s="613"/>
      <c r="QGG682" s="613"/>
      <c r="QGH682" s="613"/>
      <c r="QGI682" s="613"/>
      <c r="QGJ682" s="613"/>
      <c r="QGK682" s="613"/>
      <c r="QGL682" s="613"/>
      <c r="QGM682" s="613"/>
      <c r="QGN682" s="613"/>
      <c r="QGO682" s="613"/>
      <c r="QGP682" s="613"/>
      <c r="QGQ682" s="613"/>
      <c r="QGR682" s="613"/>
      <c r="QGS682" s="613"/>
      <c r="QGT682" s="613"/>
      <c r="QGU682" s="613"/>
      <c r="QGV682" s="613"/>
      <c r="QGW682" s="613"/>
      <c r="QGX682" s="613"/>
      <c r="QGY682" s="613"/>
      <c r="QGZ682" s="613"/>
      <c r="QHA682" s="613"/>
      <c r="QHB682" s="613"/>
      <c r="QHC682" s="613"/>
      <c r="QHD682" s="613"/>
      <c r="QHE682" s="613"/>
      <c r="QHF682" s="613"/>
      <c r="QHG682" s="613"/>
      <c r="QHH682" s="613"/>
      <c r="QHI682" s="613"/>
      <c r="QHJ682" s="613"/>
      <c r="QHK682" s="613"/>
      <c r="QHL682" s="613"/>
      <c r="QHM682" s="613"/>
      <c r="QHN682" s="613"/>
      <c r="QHO682" s="613"/>
      <c r="QHP682" s="613"/>
      <c r="QHQ682" s="613"/>
      <c r="QHR682" s="613"/>
      <c r="QHS682" s="613"/>
      <c r="QHT682" s="613"/>
      <c r="QHU682" s="613"/>
      <c r="QHV682" s="613"/>
      <c r="QHW682" s="613"/>
      <c r="QHX682" s="613"/>
      <c r="QHY682" s="613"/>
      <c r="QHZ682" s="613"/>
      <c r="QIA682" s="613"/>
      <c r="QIB682" s="613"/>
      <c r="QIC682" s="613"/>
      <c r="QID682" s="613"/>
      <c r="QIE682" s="613"/>
      <c r="QIF682" s="613"/>
      <c r="QIG682" s="613"/>
      <c r="QIH682" s="613"/>
      <c r="QII682" s="613"/>
      <c r="QIJ682" s="613"/>
      <c r="QIK682" s="613"/>
      <c r="QIL682" s="613"/>
      <c r="QIM682" s="613"/>
      <c r="QIN682" s="613"/>
      <c r="QIO682" s="613"/>
      <c r="QIP682" s="613"/>
      <c r="QIQ682" s="613"/>
      <c r="QIR682" s="613"/>
      <c r="QIS682" s="613"/>
      <c r="QIT682" s="613"/>
      <c r="QIU682" s="613"/>
      <c r="QIV682" s="613"/>
      <c r="QIW682" s="613"/>
      <c r="QIX682" s="613"/>
      <c r="QIY682" s="613"/>
      <c r="QIZ682" s="613"/>
      <c r="QJA682" s="613"/>
      <c r="QJB682" s="613"/>
      <c r="QJC682" s="613"/>
      <c r="QJD682" s="613"/>
      <c r="QJE682" s="613"/>
      <c r="QJF682" s="613"/>
      <c r="QJG682" s="613"/>
      <c r="QJH682" s="613"/>
      <c r="QJI682" s="613"/>
      <c r="QJJ682" s="613"/>
      <c r="QJK682" s="613"/>
      <c r="QJL682" s="613"/>
      <c r="QJM682" s="613"/>
      <c r="QJN682" s="613"/>
      <c r="QJO682" s="613"/>
      <c r="QJP682" s="613"/>
      <c r="QJQ682" s="613"/>
      <c r="QJR682" s="613"/>
      <c r="QJS682" s="613"/>
      <c r="QJT682" s="613"/>
      <c r="QJU682" s="613"/>
      <c r="QJV682" s="613"/>
      <c r="QJW682" s="613"/>
      <c r="QJX682" s="613"/>
      <c r="QJY682" s="613"/>
      <c r="QJZ682" s="613"/>
      <c r="QKA682" s="613"/>
      <c r="QKB682" s="613"/>
      <c r="QKC682" s="613"/>
      <c r="QKD682" s="613"/>
      <c r="QKE682" s="613"/>
      <c r="QKF682" s="613"/>
      <c r="QKG682" s="613"/>
      <c r="QKH682" s="613"/>
      <c r="QKI682" s="613"/>
      <c r="QKJ682" s="613"/>
      <c r="QKK682" s="613"/>
      <c r="QKL682" s="613"/>
      <c r="QKM682" s="613"/>
      <c r="QKN682" s="613"/>
      <c r="QKO682" s="613"/>
      <c r="QKP682" s="613"/>
      <c r="QKQ682" s="613"/>
      <c r="QKR682" s="613"/>
      <c r="QKS682" s="613"/>
      <c r="QKT682" s="613"/>
      <c r="QKU682" s="613"/>
      <c r="QKV682" s="613"/>
      <c r="QKW682" s="613"/>
      <c r="QKX682" s="613"/>
      <c r="QKY682" s="613"/>
      <c r="QKZ682" s="613"/>
      <c r="QLA682" s="613"/>
      <c r="QLB682" s="613"/>
      <c r="QLC682" s="613"/>
      <c r="QLD682" s="613"/>
      <c r="QLE682" s="613"/>
      <c r="QLF682" s="613"/>
      <c r="QLG682" s="613"/>
      <c r="QLH682" s="613"/>
      <c r="QLI682" s="613"/>
      <c r="QLJ682" s="613"/>
      <c r="QLK682" s="613"/>
      <c r="QLL682" s="613"/>
      <c r="QLM682" s="613"/>
      <c r="QLN682" s="613"/>
      <c r="QLO682" s="613"/>
      <c r="QLP682" s="613"/>
      <c r="QLQ682" s="613"/>
      <c r="QLR682" s="613"/>
      <c r="QLS682" s="613"/>
      <c r="QLT682" s="613"/>
      <c r="QLU682" s="613"/>
      <c r="QLV682" s="613"/>
      <c r="QLW682" s="613"/>
      <c r="QLX682" s="613"/>
      <c r="QLY682" s="613"/>
      <c r="QLZ682" s="613"/>
      <c r="QMA682" s="613"/>
      <c r="QMB682" s="613"/>
      <c r="QMC682" s="613"/>
      <c r="QMD682" s="613"/>
      <c r="QME682" s="613"/>
      <c r="QMF682" s="613"/>
      <c r="QMG682" s="613"/>
      <c r="QMH682" s="613"/>
      <c r="QMI682" s="613"/>
      <c r="QMJ682" s="613"/>
      <c r="QMK682" s="613"/>
      <c r="QML682" s="613"/>
      <c r="QMM682" s="613"/>
      <c r="QMN682" s="613"/>
      <c r="QMO682" s="613"/>
      <c r="QMP682" s="613"/>
      <c r="QMQ682" s="613"/>
      <c r="QMR682" s="613"/>
      <c r="QMS682" s="613"/>
      <c r="QMT682" s="613"/>
      <c r="QMU682" s="613"/>
      <c r="QMV682" s="613"/>
      <c r="QMW682" s="613"/>
      <c r="QMX682" s="613"/>
      <c r="QMY682" s="613"/>
      <c r="QMZ682" s="613"/>
      <c r="QNA682" s="613"/>
      <c r="QNB682" s="613"/>
      <c r="QNC682" s="613"/>
      <c r="QND682" s="613"/>
      <c r="QNE682" s="613"/>
      <c r="QNF682" s="613"/>
      <c r="QNG682" s="613"/>
      <c r="QNH682" s="613"/>
      <c r="QNI682" s="613"/>
      <c r="QNJ682" s="613"/>
      <c r="QNK682" s="613"/>
      <c r="QNL682" s="613"/>
      <c r="QNM682" s="613"/>
      <c r="QNN682" s="613"/>
      <c r="QNO682" s="613"/>
      <c r="QNP682" s="613"/>
      <c r="QNQ682" s="613"/>
      <c r="QNR682" s="613"/>
      <c r="QNS682" s="613"/>
      <c r="QNT682" s="613"/>
      <c r="QNU682" s="613"/>
      <c r="QNV682" s="613"/>
      <c r="QNW682" s="613"/>
      <c r="QNX682" s="613"/>
      <c r="QNY682" s="613"/>
      <c r="QNZ682" s="613"/>
      <c r="QOA682" s="613"/>
      <c r="QOB682" s="613"/>
      <c r="QOC682" s="613"/>
      <c r="QOD682" s="613"/>
      <c r="QOE682" s="613"/>
      <c r="QOF682" s="613"/>
      <c r="QOG682" s="613"/>
      <c r="QOH682" s="613"/>
      <c r="QOI682" s="613"/>
      <c r="QOJ682" s="613"/>
      <c r="QOK682" s="613"/>
      <c r="QOL682" s="613"/>
      <c r="QOM682" s="613"/>
      <c r="QON682" s="613"/>
      <c r="QOO682" s="613"/>
      <c r="QOP682" s="613"/>
      <c r="QOQ682" s="613"/>
      <c r="QOR682" s="613"/>
      <c r="QOS682" s="613"/>
      <c r="QOT682" s="613"/>
      <c r="QOU682" s="613"/>
      <c r="QOV682" s="613"/>
      <c r="QOW682" s="613"/>
      <c r="QOX682" s="613"/>
      <c r="QOY682" s="613"/>
      <c r="QOZ682" s="613"/>
      <c r="QPA682" s="613"/>
      <c r="QPB682" s="613"/>
      <c r="QPC682" s="613"/>
      <c r="QPD682" s="613"/>
      <c r="QPE682" s="613"/>
      <c r="QPF682" s="613"/>
      <c r="QPG682" s="613"/>
      <c r="QPH682" s="613"/>
      <c r="QPI682" s="613"/>
      <c r="QPJ682" s="613"/>
      <c r="QPK682" s="613"/>
      <c r="QPL682" s="613"/>
      <c r="QPM682" s="613"/>
      <c r="QPN682" s="613"/>
      <c r="QPO682" s="613"/>
      <c r="QPP682" s="613"/>
      <c r="QPQ682" s="613"/>
      <c r="QPR682" s="613"/>
      <c r="QPS682" s="613"/>
      <c r="QPT682" s="613"/>
      <c r="QPU682" s="613"/>
      <c r="QPV682" s="613"/>
      <c r="QPW682" s="613"/>
      <c r="QPX682" s="613"/>
      <c r="QPY682" s="613"/>
      <c r="QPZ682" s="613"/>
      <c r="QQA682" s="613"/>
      <c r="QQB682" s="613"/>
      <c r="QQC682" s="613"/>
      <c r="QQD682" s="613"/>
      <c r="QQE682" s="613"/>
      <c r="QQF682" s="613"/>
      <c r="QQG682" s="613"/>
      <c r="QQH682" s="613"/>
      <c r="QQI682" s="613"/>
      <c r="QQJ682" s="613"/>
      <c r="QQK682" s="613"/>
      <c r="QQL682" s="613"/>
      <c r="QQM682" s="613"/>
      <c r="QQN682" s="613"/>
      <c r="QQO682" s="613"/>
      <c r="QQP682" s="613"/>
      <c r="QQQ682" s="613"/>
      <c r="QQR682" s="613"/>
      <c r="QQS682" s="613"/>
      <c r="QQT682" s="613"/>
      <c r="QQU682" s="613"/>
      <c r="QQV682" s="613"/>
      <c r="QQW682" s="613"/>
      <c r="QQX682" s="613"/>
      <c r="QQY682" s="613"/>
      <c r="QQZ682" s="613"/>
      <c r="QRA682" s="613"/>
      <c r="QRB682" s="613"/>
      <c r="QRC682" s="613"/>
      <c r="QRD682" s="613"/>
      <c r="QRE682" s="613"/>
      <c r="QRF682" s="613"/>
      <c r="QRG682" s="613"/>
      <c r="QRH682" s="613"/>
      <c r="QRI682" s="613"/>
      <c r="QRJ682" s="613"/>
      <c r="QRK682" s="613"/>
      <c r="QRL682" s="613"/>
      <c r="QRM682" s="613"/>
      <c r="QRN682" s="613"/>
      <c r="QRO682" s="613"/>
      <c r="QRP682" s="613"/>
      <c r="QRQ682" s="613"/>
      <c r="QRR682" s="613"/>
      <c r="QRS682" s="613"/>
      <c r="QRT682" s="613"/>
      <c r="QRU682" s="613"/>
      <c r="QRV682" s="613"/>
      <c r="QRW682" s="613"/>
      <c r="QRX682" s="613"/>
      <c r="QRY682" s="613"/>
      <c r="QRZ682" s="613"/>
      <c r="QSA682" s="613"/>
      <c r="QSB682" s="613"/>
      <c r="QSC682" s="613"/>
      <c r="QSD682" s="613"/>
      <c r="QSE682" s="613"/>
      <c r="QSF682" s="613"/>
      <c r="QSG682" s="613"/>
      <c r="QSH682" s="613"/>
      <c r="QSI682" s="613"/>
      <c r="QSJ682" s="613"/>
      <c r="QSK682" s="613"/>
      <c r="QSL682" s="613"/>
      <c r="QSM682" s="613"/>
      <c r="QSN682" s="613"/>
      <c r="QSO682" s="613"/>
      <c r="QSP682" s="613"/>
      <c r="QSQ682" s="613"/>
      <c r="QSR682" s="613"/>
      <c r="QSS682" s="613"/>
      <c r="QST682" s="613"/>
      <c r="QSU682" s="613"/>
      <c r="QSV682" s="613"/>
      <c r="QSW682" s="613"/>
      <c r="QSX682" s="613"/>
      <c r="QSY682" s="613"/>
      <c r="QSZ682" s="613"/>
      <c r="QTA682" s="613"/>
      <c r="QTB682" s="613"/>
      <c r="QTC682" s="613"/>
      <c r="QTD682" s="613"/>
      <c r="QTE682" s="613"/>
      <c r="QTF682" s="613"/>
      <c r="QTG682" s="613"/>
      <c r="QTH682" s="613"/>
      <c r="QTI682" s="613"/>
      <c r="QTJ682" s="613"/>
      <c r="QTK682" s="613"/>
      <c r="QTL682" s="613"/>
      <c r="QTM682" s="613"/>
      <c r="QTN682" s="613"/>
      <c r="QTO682" s="613"/>
      <c r="QTP682" s="613"/>
      <c r="QTQ682" s="613"/>
      <c r="QTR682" s="613"/>
      <c r="QTS682" s="613"/>
      <c r="QTT682" s="613"/>
      <c r="QTU682" s="613"/>
      <c r="QTV682" s="613"/>
      <c r="QTW682" s="613"/>
      <c r="QTX682" s="613"/>
      <c r="QTY682" s="613"/>
      <c r="QTZ682" s="613"/>
      <c r="QUA682" s="613"/>
      <c r="QUB682" s="613"/>
      <c r="QUC682" s="613"/>
      <c r="QUD682" s="613"/>
      <c r="QUE682" s="613"/>
      <c r="QUF682" s="613"/>
      <c r="QUG682" s="613"/>
      <c r="QUH682" s="613"/>
      <c r="QUI682" s="613"/>
      <c r="QUJ682" s="613"/>
      <c r="QUK682" s="613"/>
      <c r="QUL682" s="613"/>
      <c r="QUM682" s="613"/>
      <c r="QUN682" s="613"/>
      <c r="QUO682" s="613"/>
      <c r="QUP682" s="613"/>
      <c r="QUQ682" s="613"/>
      <c r="QUR682" s="613"/>
      <c r="QUS682" s="613"/>
      <c r="QUT682" s="613"/>
      <c r="QUU682" s="613"/>
      <c r="QUV682" s="613"/>
      <c r="QUW682" s="613"/>
      <c r="QUX682" s="613"/>
      <c r="QUY682" s="613"/>
      <c r="QUZ682" s="613"/>
      <c r="QVA682" s="613"/>
      <c r="QVB682" s="613"/>
      <c r="QVC682" s="613"/>
      <c r="QVD682" s="613"/>
      <c r="QVE682" s="613"/>
      <c r="QVF682" s="613"/>
      <c r="QVG682" s="613"/>
      <c r="QVH682" s="613"/>
      <c r="QVI682" s="613"/>
      <c r="QVJ682" s="613"/>
      <c r="QVK682" s="613"/>
      <c r="QVL682" s="613"/>
      <c r="QVM682" s="613"/>
      <c r="QVN682" s="613"/>
      <c r="QVO682" s="613"/>
      <c r="QVP682" s="613"/>
      <c r="QVQ682" s="613"/>
      <c r="QVR682" s="613"/>
      <c r="QVS682" s="613"/>
      <c r="QVT682" s="613"/>
      <c r="QVU682" s="613"/>
      <c r="QVV682" s="613"/>
      <c r="QVW682" s="613"/>
      <c r="QVX682" s="613"/>
      <c r="QVY682" s="613"/>
      <c r="QVZ682" s="613"/>
      <c r="QWA682" s="613"/>
      <c r="QWB682" s="613"/>
      <c r="QWC682" s="613"/>
      <c r="QWD682" s="613"/>
      <c r="QWE682" s="613"/>
      <c r="QWF682" s="613"/>
      <c r="QWG682" s="613"/>
      <c r="QWH682" s="613"/>
      <c r="QWI682" s="613"/>
      <c r="QWJ682" s="613"/>
      <c r="QWK682" s="613"/>
      <c r="QWL682" s="613"/>
      <c r="QWM682" s="613"/>
      <c r="QWN682" s="613"/>
      <c r="QWO682" s="613"/>
      <c r="QWP682" s="613"/>
      <c r="QWQ682" s="613"/>
      <c r="QWR682" s="613"/>
      <c r="QWS682" s="613"/>
      <c r="QWT682" s="613"/>
      <c r="QWU682" s="613"/>
      <c r="QWV682" s="613"/>
      <c r="QWW682" s="613"/>
      <c r="QWX682" s="613"/>
      <c r="QWY682" s="613"/>
      <c r="QWZ682" s="613"/>
      <c r="QXA682" s="613"/>
      <c r="QXB682" s="613"/>
      <c r="QXC682" s="613"/>
      <c r="QXD682" s="613"/>
      <c r="QXE682" s="613"/>
      <c r="QXF682" s="613"/>
      <c r="QXG682" s="613"/>
      <c r="QXH682" s="613"/>
      <c r="QXI682" s="613"/>
      <c r="QXJ682" s="613"/>
      <c r="QXK682" s="613"/>
      <c r="QXL682" s="613"/>
      <c r="QXM682" s="613"/>
      <c r="QXN682" s="613"/>
      <c r="QXO682" s="613"/>
      <c r="QXP682" s="613"/>
      <c r="QXQ682" s="613"/>
      <c r="QXR682" s="613"/>
      <c r="QXS682" s="613"/>
      <c r="QXT682" s="613"/>
      <c r="QXU682" s="613"/>
      <c r="QXV682" s="613"/>
      <c r="QXW682" s="613"/>
      <c r="QXX682" s="613"/>
      <c r="QXY682" s="613"/>
      <c r="QXZ682" s="613"/>
      <c r="QYA682" s="613"/>
      <c r="QYB682" s="613"/>
      <c r="QYC682" s="613"/>
      <c r="QYD682" s="613"/>
      <c r="QYE682" s="613"/>
      <c r="QYF682" s="613"/>
      <c r="QYG682" s="613"/>
      <c r="QYH682" s="613"/>
      <c r="QYI682" s="613"/>
      <c r="QYJ682" s="613"/>
      <c r="QYK682" s="613"/>
      <c r="QYL682" s="613"/>
      <c r="QYM682" s="613"/>
      <c r="QYN682" s="613"/>
      <c r="QYO682" s="613"/>
      <c r="QYP682" s="613"/>
      <c r="QYQ682" s="613"/>
      <c r="QYR682" s="613"/>
      <c r="QYS682" s="613"/>
      <c r="QYT682" s="613"/>
      <c r="QYU682" s="613"/>
      <c r="QYV682" s="613"/>
      <c r="QYW682" s="613"/>
      <c r="QYX682" s="613"/>
      <c r="QYY682" s="613"/>
      <c r="QYZ682" s="613"/>
      <c r="QZA682" s="613"/>
      <c r="QZB682" s="613"/>
      <c r="QZC682" s="613"/>
      <c r="QZD682" s="613"/>
      <c r="QZE682" s="613"/>
      <c r="QZF682" s="613"/>
      <c r="QZG682" s="613"/>
      <c r="QZH682" s="613"/>
      <c r="QZI682" s="613"/>
      <c r="QZJ682" s="613"/>
      <c r="QZK682" s="613"/>
      <c r="QZL682" s="613"/>
      <c r="QZM682" s="613"/>
      <c r="QZN682" s="613"/>
      <c r="QZO682" s="613"/>
      <c r="QZP682" s="613"/>
      <c r="QZQ682" s="613"/>
      <c r="QZR682" s="613"/>
      <c r="QZS682" s="613"/>
      <c r="QZT682" s="613"/>
      <c r="QZU682" s="613"/>
      <c r="QZV682" s="613"/>
      <c r="QZW682" s="613"/>
      <c r="QZX682" s="613"/>
      <c r="QZY682" s="613"/>
      <c r="QZZ682" s="613"/>
      <c r="RAA682" s="613"/>
      <c r="RAB682" s="613"/>
      <c r="RAC682" s="613"/>
      <c r="RAD682" s="613"/>
      <c r="RAE682" s="613"/>
      <c r="RAF682" s="613"/>
      <c r="RAG682" s="613"/>
      <c r="RAH682" s="613"/>
      <c r="RAI682" s="613"/>
      <c r="RAJ682" s="613"/>
      <c r="RAK682" s="613"/>
      <c r="RAL682" s="613"/>
      <c r="RAM682" s="613"/>
      <c r="RAN682" s="613"/>
      <c r="RAO682" s="613"/>
      <c r="RAP682" s="613"/>
      <c r="RAQ682" s="613"/>
      <c r="RAR682" s="613"/>
      <c r="RAS682" s="613"/>
      <c r="RAT682" s="613"/>
      <c r="RAU682" s="613"/>
      <c r="RAV682" s="613"/>
      <c r="RAW682" s="613"/>
      <c r="RAX682" s="613"/>
      <c r="RAY682" s="613"/>
      <c r="RAZ682" s="613"/>
      <c r="RBA682" s="613"/>
      <c r="RBB682" s="613"/>
      <c r="RBC682" s="613"/>
      <c r="RBD682" s="613"/>
      <c r="RBE682" s="613"/>
      <c r="RBF682" s="613"/>
      <c r="RBG682" s="613"/>
      <c r="RBH682" s="613"/>
      <c r="RBI682" s="613"/>
      <c r="RBJ682" s="613"/>
      <c r="RBK682" s="613"/>
      <c r="RBL682" s="613"/>
      <c r="RBM682" s="613"/>
      <c r="RBN682" s="613"/>
      <c r="RBO682" s="613"/>
      <c r="RBP682" s="613"/>
      <c r="RBQ682" s="613"/>
      <c r="RBR682" s="613"/>
      <c r="RBS682" s="613"/>
      <c r="RBT682" s="613"/>
      <c r="RBU682" s="613"/>
      <c r="RBV682" s="613"/>
      <c r="RBW682" s="613"/>
      <c r="RBX682" s="613"/>
      <c r="RBY682" s="613"/>
      <c r="RBZ682" s="613"/>
      <c r="RCA682" s="613"/>
      <c r="RCB682" s="613"/>
      <c r="RCC682" s="613"/>
      <c r="RCD682" s="613"/>
      <c r="RCE682" s="613"/>
      <c r="RCF682" s="613"/>
      <c r="RCG682" s="613"/>
      <c r="RCH682" s="613"/>
      <c r="RCI682" s="613"/>
      <c r="RCJ682" s="613"/>
      <c r="RCK682" s="613"/>
      <c r="RCL682" s="613"/>
      <c r="RCM682" s="613"/>
      <c r="RCN682" s="613"/>
      <c r="RCO682" s="613"/>
      <c r="RCP682" s="613"/>
      <c r="RCQ682" s="613"/>
      <c r="RCR682" s="613"/>
      <c r="RCS682" s="613"/>
      <c r="RCT682" s="613"/>
      <c r="RCU682" s="613"/>
      <c r="RCV682" s="613"/>
      <c r="RCW682" s="613"/>
      <c r="RCX682" s="613"/>
      <c r="RCY682" s="613"/>
      <c r="RCZ682" s="613"/>
      <c r="RDA682" s="613"/>
      <c r="RDB682" s="613"/>
      <c r="RDC682" s="613"/>
      <c r="RDD682" s="613"/>
      <c r="RDE682" s="613"/>
      <c r="RDF682" s="613"/>
      <c r="RDG682" s="613"/>
      <c r="RDH682" s="613"/>
      <c r="RDI682" s="613"/>
      <c r="RDJ682" s="613"/>
      <c r="RDK682" s="613"/>
      <c r="RDL682" s="613"/>
      <c r="RDM682" s="613"/>
      <c r="RDN682" s="613"/>
      <c r="RDO682" s="613"/>
      <c r="RDP682" s="613"/>
      <c r="RDQ682" s="613"/>
      <c r="RDR682" s="613"/>
      <c r="RDS682" s="613"/>
      <c r="RDT682" s="613"/>
      <c r="RDU682" s="613"/>
      <c r="RDV682" s="613"/>
      <c r="RDW682" s="613"/>
      <c r="RDX682" s="613"/>
      <c r="RDY682" s="613"/>
      <c r="RDZ682" s="613"/>
      <c r="REA682" s="613"/>
      <c r="REB682" s="613"/>
      <c r="REC682" s="613"/>
      <c r="RED682" s="613"/>
      <c r="REE682" s="613"/>
      <c r="REF682" s="613"/>
      <c r="REG682" s="613"/>
      <c r="REH682" s="613"/>
      <c r="REI682" s="613"/>
      <c r="REJ682" s="613"/>
      <c r="REK682" s="613"/>
      <c r="REL682" s="613"/>
      <c r="REM682" s="613"/>
      <c r="REN682" s="613"/>
      <c r="REO682" s="613"/>
      <c r="REP682" s="613"/>
      <c r="REQ682" s="613"/>
      <c r="RER682" s="613"/>
      <c r="RES682" s="613"/>
      <c r="RET682" s="613"/>
      <c r="REU682" s="613"/>
      <c r="REV682" s="613"/>
      <c r="REW682" s="613"/>
      <c r="REX682" s="613"/>
      <c r="REY682" s="613"/>
      <c r="REZ682" s="613"/>
      <c r="RFA682" s="613"/>
      <c r="RFB682" s="613"/>
      <c r="RFC682" s="613"/>
      <c r="RFD682" s="613"/>
      <c r="RFE682" s="613"/>
      <c r="RFF682" s="613"/>
      <c r="RFG682" s="613"/>
      <c r="RFH682" s="613"/>
      <c r="RFI682" s="613"/>
      <c r="RFJ682" s="613"/>
      <c r="RFK682" s="613"/>
      <c r="RFL682" s="613"/>
      <c r="RFM682" s="613"/>
      <c r="RFN682" s="613"/>
      <c r="RFO682" s="613"/>
      <c r="RFP682" s="613"/>
      <c r="RFQ682" s="613"/>
      <c r="RFR682" s="613"/>
      <c r="RFS682" s="613"/>
      <c r="RFT682" s="613"/>
      <c r="RFU682" s="613"/>
      <c r="RFV682" s="613"/>
      <c r="RFW682" s="613"/>
      <c r="RFX682" s="613"/>
      <c r="RFY682" s="613"/>
      <c r="RFZ682" s="613"/>
      <c r="RGA682" s="613"/>
      <c r="RGB682" s="613"/>
      <c r="RGC682" s="613"/>
      <c r="RGD682" s="613"/>
      <c r="RGE682" s="613"/>
      <c r="RGF682" s="613"/>
      <c r="RGG682" s="613"/>
      <c r="RGH682" s="613"/>
      <c r="RGI682" s="613"/>
      <c r="RGJ682" s="613"/>
      <c r="RGK682" s="613"/>
      <c r="RGL682" s="613"/>
      <c r="RGM682" s="613"/>
      <c r="RGN682" s="613"/>
      <c r="RGO682" s="613"/>
      <c r="RGP682" s="613"/>
      <c r="RGQ682" s="613"/>
      <c r="RGR682" s="613"/>
      <c r="RGS682" s="613"/>
      <c r="RGT682" s="613"/>
      <c r="RGU682" s="613"/>
      <c r="RGV682" s="613"/>
      <c r="RGW682" s="613"/>
      <c r="RGX682" s="613"/>
      <c r="RGY682" s="613"/>
      <c r="RGZ682" s="613"/>
      <c r="RHA682" s="613"/>
      <c r="RHB682" s="613"/>
      <c r="RHC682" s="613"/>
      <c r="RHD682" s="613"/>
      <c r="RHE682" s="613"/>
      <c r="RHF682" s="613"/>
      <c r="RHG682" s="613"/>
      <c r="RHH682" s="613"/>
      <c r="RHI682" s="613"/>
      <c r="RHJ682" s="613"/>
      <c r="RHK682" s="613"/>
      <c r="RHL682" s="613"/>
      <c r="RHM682" s="613"/>
      <c r="RHN682" s="613"/>
      <c r="RHO682" s="613"/>
      <c r="RHP682" s="613"/>
      <c r="RHQ682" s="613"/>
      <c r="RHR682" s="613"/>
      <c r="RHS682" s="613"/>
      <c r="RHT682" s="613"/>
      <c r="RHU682" s="613"/>
      <c r="RHV682" s="613"/>
      <c r="RHW682" s="613"/>
      <c r="RHX682" s="613"/>
      <c r="RHY682" s="613"/>
      <c r="RHZ682" s="613"/>
      <c r="RIA682" s="613"/>
      <c r="RIB682" s="613"/>
      <c r="RIC682" s="613"/>
      <c r="RID682" s="613"/>
      <c r="RIE682" s="613"/>
      <c r="RIF682" s="613"/>
      <c r="RIG682" s="613"/>
      <c r="RIH682" s="613"/>
      <c r="RII682" s="613"/>
      <c r="RIJ682" s="613"/>
      <c r="RIK682" s="613"/>
      <c r="RIL682" s="613"/>
      <c r="RIM682" s="613"/>
      <c r="RIN682" s="613"/>
      <c r="RIO682" s="613"/>
      <c r="RIP682" s="613"/>
      <c r="RIQ682" s="613"/>
      <c r="RIR682" s="613"/>
      <c r="RIS682" s="613"/>
      <c r="RIT682" s="613"/>
      <c r="RIU682" s="613"/>
      <c r="RIV682" s="613"/>
      <c r="RIW682" s="613"/>
      <c r="RIX682" s="613"/>
      <c r="RIY682" s="613"/>
      <c r="RIZ682" s="613"/>
      <c r="RJA682" s="613"/>
      <c r="RJB682" s="613"/>
      <c r="RJC682" s="613"/>
      <c r="RJD682" s="613"/>
      <c r="RJE682" s="613"/>
      <c r="RJF682" s="613"/>
      <c r="RJG682" s="613"/>
      <c r="RJH682" s="613"/>
      <c r="RJI682" s="613"/>
      <c r="RJJ682" s="613"/>
      <c r="RJK682" s="613"/>
      <c r="RJL682" s="613"/>
      <c r="RJM682" s="613"/>
      <c r="RJN682" s="613"/>
      <c r="RJO682" s="613"/>
      <c r="RJP682" s="613"/>
      <c r="RJQ682" s="613"/>
      <c r="RJR682" s="613"/>
      <c r="RJS682" s="613"/>
      <c r="RJT682" s="613"/>
      <c r="RJU682" s="613"/>
      <c r="RJV682" s="613"/>
      <c r="RJW682" s="613"/>
      <c r="RJX682" s="613"/>
      <c r="RJY682" s="613"/>
      <c r="RJZ682" s="613"/>
      <c r="RKA682" s="613"/>
      <c r="RKB682" s="613"/>
      <c r="RKC682" s="613"/>
      <c r="RKD682" s="613"/>
      <c r="RKE682" s="613"/>
      <c r="RKF682" s="613"/>
      <c r="RKG682" s="613"/>
      <c r="RKH682" s="613"/>
      <c r="RKI682" s="613"/>
      <c r="RKJ682" s="613"/>
      <c r="RKK682" s="613"/>
      <c r="RKL682" s="613"/>
      <c r="RKM682" s="613"/>
      <c r="RKN682" s="613"/>
      <c r="RKO682" s="613"/>
      <c r="RKP682" s="613"/>
      <c r="RKQ682" s="613"/>
      <c r="RKR682" s="613"/>
      <c r="RKS682" s="613"/>
      <c r="RKT682" s="613"/>
      <c r="RKU682" s="613"/>
      <c r="RKV682" s="613"/>
      <c r="RKW682" s="613"/>
      <c r="RKX682" s="613"/>
      <c r="RKY682" s="613"/>
      <c r="RKZ682" s="613"/>
      <c r="RLA682" s="613"/>
      <c r="RLB682" s="613"/>
      <c r="RLC682" s="613"/>
      <c r="RLD682" s="613"/>
      <c r="RLE682" s="613"/>
      <c r="RLF682" s="613"/>
      <c r="RLG682" s="613"/>
      <c r="RLH682" s="613"/>
      <c r="RLI682" s="613"/>
      <c r="RLJ682" s="613"/>
      <c r="RLK682" s="613"/>
      <c r="RLL682" s="613"/>
      <c r="RLM682" s="613"/>
      <c r="RLN682" s="613"/>
      <c r="RLO682" s="613"/>
      <c r="RLP682" s="613"/>
      <c r="RLQ682" s="613"/>
      <c r="RLR682" s="613"/>
      <c r="RLS682" s="613"/>
      <c r="RLT682" s="613"/>
      <c r="RLU682" s="613"/>
      <c r="RLV682" s="613"/>
      <c r="RLW682" s="613"/>
      <c r="RLX682" s="613"/>
      <c r="RLY682" s="613"/>
      <c r="RLZ682" s="613"/>
      <c r="RMA682" s="613"/>
      <c r="RMB682" s="613"/>
      <c r="RMC682" s="613"/>
      <c r="RMD682" s="613"/>
      <c r="RME682" s="613"/>
      <c r="RMF682" s="613"/>
      <c r="RMG682" s="613"/>
      <c r="RMH682" s="613"/>
      <c r="RMI682" s="613"/>
      <c r="RMJ682" s="613"/>
      <c r="RMK682" s="613"/>
      <c r="RML682" s="613"/>
      <c r="RMM682" s="613"/>
      <c r="RMN682" s="613"/>
      <c r="RMO682" s="613"/>
      <c r="RMP682" s="613"/>
      <c r="RMQ682" s="613"/>
      <c r="RMR682" s="613"/>
      <c r="RMS682" s="613"/>
      <c r="RMT682" s="613"/>
      <c r="RMU682" s="613"/>
      <c r="RMV682" s="613"/>
      <c r="RMW682" s="613"/>
      <c r="RMX682" s="613"/>
      <c r="RMY682" s="613"/>
      <c r="RMZ682" s="613"/>
      <c r="RNA682" s="613"/>
      <c r="RNB682" s="613"/>
      <c r="RNC682" s="613"/>
      <c r="RND682" s="613"/>
      <c r="RNE682" s="613"/>
      <c r="RNF682" s="613"/>
      <c r="RNG682" s="613"/>
      <c r="RNH682" s="613"/>
      <c r="RNI682" s="613"/>
      <c r="RNJ682" s="613"/>
      <c r="RNK682" s="613"/>
      <c r="RNL682" s="613"/>
      <c r="RNM682" s="613"/>
      <c r="RNN682" s="613"/>
      <c r="RNO682" s="613"/>
      <c r="RNP682" s="613"/>
      <c r="RNQ682" s="613"/>
      <c r="RNR682" s="613"/>
      <c r="RNS682" s="613"/>
      <c r="RNT682" s="613"/>
      <c r="RNU682" s="613"/>
      <c r="RNV682" s="613"/>
      <c r="RNW682" s="613"/>
      <c r="RNX682" s="613"/>
      <c r="RNY682" s="613"/>
      <c r="RNZ682" s="613"/>
      <c r="ROA682" s="613"/>
      <c r="ROB682" s="613"/>
      <c r="ROC682" s="613"/>
      <c r="ROD682" s="613"/>
      <c r="ROE682" s="613"/>
      <c r="ROF682" s="613"/>
      <c r="ROG682" s="613"/>
      <c r="ROH682" s="613"/>
      <c r="ROI682" s="613"/>
      <c r="ROJ682" s="613"/>
      <c r="ROK682" s="613"/>
      <c r="ROL682" s="613"/>
      <c r="ROM682" s="613"/>
      <c r="RON682" s="613"/>
      <c r="ROO682" s="613"/>
      <c r="ROP682" s="613"/>
      <c r="ROQ682" s="613"/>
      <c r="ROR682" s="613"/>
      <c r="ROS682" s="613"/>
      <c r="ROT682" s="613"/>
      <c r="ROU682" s="613"/>
      <c r="ROV682" s="613"/>
      <c r="ROW682" s="613"/>
      <c r="ROX682" s="613"/>
      <c r="ROY682" s="613"/>
      <c r="ROZ682" s="613"/>
      <c r="RPA682" s="613"/>
      <c r="RPB682" s="613"/>
      <c r="RPC682" s="613"/>
      <c r="RPD682" s="613"/>
      <c r="RPE682" s="613"/>
      <c r="RPF682" s="613"/>
      <c r="RPG682" s="613"/>
      <c r="RPH682" s="613"/>
      <c r="RPI682" s="613"/>
      <c r="RPJ682" s="613"/>
      <c r="RPK682" s="613"/>
      <c r="RPL682" s="613"/>
      <c r="RPM682" s="613"/>
      <c r="RPN682" s="613"/>
      <c r="RPO682" s="613"/>
      <c r="RPP682" s="613"/>
      <c r="RPQ682" s="613"/>
      <c r="RPR682" s="613"/>
      <c r="RPS682" s="613"/>
      <c r="RPT682" s="613"/>
      <c r="RPU682" s="613"/>
      <c r="RPV682" s="613"/>
      <c r="RPW682" s="613"/>
      <c r="RPX682" s="613"/>
      <c r="RPY682" s="613"/>
      <c r="RPZ682" s="613"/>
      <c r="RQA682" s="613"/>
      <c r="RQB682" s="613"/>
      <c r="RQC682" s="613"/>
      <c r="RQD682" s="613"/>
      <c r="RQE682" s="613"/>
      <c r="RQF682" s="613"/>
      <c r="RQG682" s="613"/>
      <c r="RQH682" s="613"/>
      <c r="RQI682" s="613"/>
      <c r="RQJ682" s="613"/>
      <c r="RQK682" s="613"/>
      <c r="RQL682" s="613"/>
      <c r="RQM682" s="613"/>
      <c r="RQN682" s="613"/>
      <c r="RQO682" s="613"/>
      <c r="RQP682" s="613"/>
      <c r="RQQ682" s="613"/>
      <c r="RQR682" s="613"/>
      <c r="RQS682" s="613"/>
      <c r="RQT682" s="613"/>
      <c r="RQU682" s="613"/>
      <c r="RQV682" s="613"/>
      <c r="RQW682" s="613"/>
      <c r="RQX682" s="613"/>
      <c r="RQY682" s="613"/>
      <c r="RQZ682" s="613"/>
      <c r="RRA682" s="613"/>
      <c r="RRB682" s="613"/>
      <c r="RRC682" s="613"/>
      <c r="RRD682" s="613"/>
      <c r="RRE682" s="613"/>
      <c r="RRF682" s="613"/>
      <c r="RRG682" s="613"/>
      <c r="RRH682" s="613"/>
      <c r="RRI682" s="613"/>
      <c r="RRJ682" s="613"/>
      <c r="RRK682" s="613"/>
      <c r="RRL682" s="613"/>
      <c r="RRM682" s="613"/>
      <c r="RRN682" s="613"/>
      <c r="RRO682" s="613"/>
      <c r="RRP682" s="613"/>
      <c r="RRQ682" s="613"/>
      <c r="RRR682" s="613"/>
      <c r="RRS682" s="613"/>
      <c r="RRT682" s="613"/>
      <c r="RRU682" s="613"/>
      <c r="RRV682" s="613"/>
      <c r="RRW682" s="613"/>
      <c r="RRX682" s="613"/>
      <c r="RRY682" s="613"/>
      <c r="RRZ682" s="613"/>
      <c r="RSA682" s="613"/>
      <c r="RSB682" s="613"/>
      <c r="RSC682" s="613"/>
      <c r="RSD682" s="613"/>
      <c r="RSE682" s="613"/>
      <c r="RSF682" s="613"/>
      <c r="RSG682" s="613"/>
      <c r="RSH682" s="613"/>
      <c r="RSI682" s="613"/>
      <c r="RSJ682" s="613"/>
      <c r="RSK682" s="613"/>
      <c r="RSL682" s="613"/>
      <c r="RSM682" s="613"/>
      <c r="RSN682" s="613"/>
      <c r="RSO682" s="613"/>
      <c r="RSP682" s="613"/>
      <c r="RSQ682" s="613"/>
      <c r="RSR682" s="613"/>
      <c r="RSS682" s="613"/>
      <c r="RST682" s="613"/>
      <c r="RSU682" s="613"/>
      <c r="RSV682" s="613"/>
      <c r="RSW682" s="613"/>
      <c r="RSX682" s="613"/>
      <c r="RSY682" s="613"/>
      <c r="RSZ682" s="613"/>
      <c r="RTA682" s="613"/>
      <c r="RTB682" s="613"/>
      <c r="RTC682" s="613"/>
      <c r="RTD682" s="613"/>
      <c r="RTE682" s="613"/>
      <c r="RTF682" s="613"/>
      <c r="RTG682" s="613"/>
      <c r="RTH682" s="613"/>
      <c r="RTI682" s="613"/>
      <c r="RTJ682" s="613"/>
      <c r="RTK682" s="613"/>
      <c r="RTL682" s="613"/>
      <c r="RTM682" s="613"/>
      <c r="RTN682" s="613"/>
      <c r="RTO682" s="613"/>
      <c r="RTP682" s="613"/>
      <c r="RTQ682" s="613"/>
      <c r="RTR682" s="613"/>
      <c r="RTS682" s="613"/>
      <c r="RTT682" s="613"/>
      <c r="RTU682" s="613"/>
      <c r="RTV682" s="613"/>
      <c r="RTW682" s="613"/>
      <c r="RTX682" s="613"/>
      <c r="RTY682" s="613"/>
      <c r="RTZ682" s="613"/>
      <c r="RUA682" s="613"/>
      <c r="RUB682" s="613"/>
      <c r="RUC682" s="613"/>
      <c r="RUD682" s="613"/>
      <c r="RUE682" s="613"/>
      <c r="RUF682" s="613"/>
      <c r="RUG682" s="613"/>
      <c r="RUH682" s="613"/>
      <c r="RUI682" s="613"/>
      <c r="RUJ682" s="613"/>
      <c r="RUK682" s="613"/>
      <c r="RUL682" s="613"/>
      <c r="RUM682" s="613"/>
      <c r="RUN682" s="613"/>
      <c r="RUO682" s="613"/>
      <c r="RUP682" s="613"/>
      <c r="RUQ682" s="613"/>
      <c r="RUR682" s="613"/>
      <c r="RUS682" s="613"/>
      <c r="RUT682" s="613"/>
      <c r="RUU682" s="613"/>
      <c r="RUV682" s="613"/>
      <c r="RUW682" s="613"/>
      <c r="RUX682" s="613"/>
      <c r="RUY682" s="613"/>
      <c r="RUZ682" s="613"/>
      <c r="RVA682" s="613"/>
      <c r="RVB682" s="613"/>
      <c r="RVC682" s="613"/>
      <c r="RVD682" s="613"/>
      <c r="RVE682" s="613"/>
      <c r="RVF682" s="613"/>
      <c r="RVG682" s="613"/>
      <c r="RVH682" s="613"/>
      <c r="RVI682" s="613"/>
      <c r="RVJ682" s="613"/>
      <c r="RVK682" s="613"/>
      <c r="RVL682" s="613"/>
      <c r="RVM682" s="613"/>
      <c r="RVN682" s="613"/>
      <c r="RVO682" s="613"/>
      <c r="RVP682" s="613"/>
      <c r="RVQ682" s="613"/>
      <c r="RVR682" s="613"/>
      <c r="RVS682" s="613"/>
      <c r="RVT682" s="613"/>
      <c r="RVU682" s="613"/>
      <c r="RVV682" s="613"/>
      <c r="RVW682" s="613"/>
      <c r="RVX682" s="613"/>
      <c r="RVY682" s="613"/>
      <c r="RVZ682" s="613"/>
      <c r="RWA682" s="613"/>
      <c r="RWB682" s="613"/>
      <c r="RWC682" s="613"/>
      <c r="RWD682" s="613"/>
      <c r="RWE682" s="613"/>
      <c r="RWF682" s="613"/>
      <c r="RWG682" s="613"/>
      <c r="RWH682" s="613"/>
      <c r="RWI682" s="613"/>
      <c r="RWJ682" s="613"/>
      <c r="RWK682" s="613"/>
      <c r="RWL682" s="613"/>
      <c r="RWM682" s="613"/>
      <c r="RWN682" s="613"/>
      <c r="RWO682" s="613"/>
      <c r="RWP682" s="613"/>
      <c r="RWQ682" s="613"/>
      <c r="RWR682" s="613"/>
      <c r="RWS682" s="613"/>
      <c r="RWT682" s="613"/>
      <c r="RWU682" s="613"/>
      <c r="RWV682" s="613"/>
      <c r="RWW682" s="613"/>
      <c r="RWX682" s="613"/>
      <c r="RWY682" s="613"/>
      <c r="RWZ682" s="613"/>
      <c r="RXA682" s="613"/>
      <c r="RXB682" s="613"/>
      <c r="RXC682" s="613"/>
      <c r="RXD682" s="613"/>
      <c r="RXE682" s="613"/>
      <c r="RXF682" s="613"/>
      <c r="RXG682" s="613"/>
      <c r="RXH682" s="613"/>
      <c r="RXI682" s="613"/>
      <c r="RXJ682" s="613"/>
      <c r="RXK682" s="613"/>
      <c r="RXL682" s="613"/>
      <c r="RXM682" s="613"/>
      <c r="RXN682" s="613"/>
      <c r="RXO682" s="613"/>
      <c r="RXP682" s="613"/>
      <c r="RXQ682" s="613"/>
      <c r="RXR682" s="613"/>
      <c r="RXS682" s="613"/>
      <c r="RXT682" s="613"/>
      <c r="RXU682" s="613"/>
      <c r="RXV682" s="613"/>
      <c r="RXW682" s="613"/>
      <c r="RXX682" s="613"/>
      <c r="RXY682" s="613"/>
      <c r="RXZ682" s="613"/>
      <c r="RYA682" s="613"/>
      <c r="RYB682" s="613"/>
      <c r="RYC682" s="613"/>
      <c r="RYD682" s="613"/>
      <c r="RYE682" s="613"/>
      <c r="RYF682" s="613"/>
      <c r="RYG682" s="613"/>
      <c r="RYH682" s="613"/>
      <c r="RYI682" s="613"/>
      <c r="RYJ682" s="613"/>
      <c r="RYK682" s="613"/>
      <c r="RYL682" s="613"/>
      <c r="RYM682" s="613"/>
      <c r="RYN682" s="613"/>
      <c r="RYO682" s="613"/>
      <c r="RYP682" s="613"/>
      <c r="RYQ682" s="613"/>
      <c r="RYR682" s="613"/>
      <c r="RYS682" s="613"/>
      <c r="RYT682" s="613"/>
      <c r="RYU682" s="613"/>
      <c r="RYV682" s="613"/>
      <c r="RYW682" s="613"/>
      <c r="RYX682" s="613"/>
      <c r="RYY682" s="613"/>
      <c r="RYZ682" s="613"/>
      <c r="RZA682" s="613"/>
      <c r="RZB682" s="613"/>
      <c r="RZC682" s="613"/>
      <c r="RZD682" s="613"/>
      <c r="RZE682" s="613"/>
      <c r="RZF682" s="613"/>
      <c r="RZG682" s="613"/>
      <c r="RZH682" s="613"/>
      <c r="RZI682" s="613"/>
      <c r="RZJ682" s="613"/>
      <c r="RZK682" s="613"/>
      <c r="RZL682" s="613"/>
      <c r="RZM682" s="613"/>
      <c r="RZN682" s="613"/>
      <c r="RZO682" s="613"/>
      <c r="RZP682" s="613"/>
      <c r="RZQ682" s="613"/>
      <c r="RZR682" s="613"/>
      <c r="RZS682" s="613"/>
      <c r="RZT682" s="613"/>
      <c r="RZU682" s="613"/>
      <c r="RZV682" s="613"/>
      <c r="RZW682" s="613"/>
      <c r="RZX682" s="613"/>
      <c r="RZY682" s="613"/>
      <c r="RZZ682" s="613"/>
      <c r="SAA682" s="613"/>
      <c r="SAB682" s="613"/>
      <c r="SAC682" s="613"/>
      <c r="SAD682" s="613"/>
      <c r="SAE682" s="613"/>
      <c r="SAF682" s="613"/>
      <c r="SAG682" s="613"/>
      <c r="SAH682" s="613"/>
      <c r="SAI682" s="613"/>
      <c r="SAJ682" s="613"/>
      <c r="SAK682" s="613"/>
      <c r="SAL682" s="613"/>
      <c r="SAM682" s="613"/>
      <c r="SAN682" s="613"/>
      <c r="SAO682" s="613"/>
      <c r="SAP682" s="613"/>
      <c r="SAQ682" s="613"/>
      <c r="SAR682" s="613"/>
      <c r="SAS682" s="613"/>
      <c r="SAT682" s="613"/>
      <c r="SAU682" s="613"/>
      <c r="SAV682" s="613"/>
      <c r="SAW682" s="613"/>
      <c r="SAX682" s="613"/>
      <c r="SAY682" s="613"/>
      <c r="SAZ682" s="613"/>
      <c r="SBA682" s="613"/>
      <c r="SBB682" s="613"/>
      <c r="SBC682" s="613"/>
      <c r="SBD682" s="613"/>
      <c r="SBE682" s="613"/>
      <c r="SBF682" s="613"/>
      <c r="SBG682" s="613"/>
      <c r="SBH682" s="613"/>
      <c r="SBI682" s="613"/>
      <c r="SBJ682" s="613"/>
      <c r="SBK682" s="613"/>
      <c r="SBL682" s="613"/>
      <c r="SBM682" s="613"/>
      <c r="SBN682" s="613"/>
      <c r="SBO682" s="613"/>
      <c r="SBP682" s="613"/>
      <c r="SBQ682" s="613"/>
      <c r="SBR682" s="613"/>
      <c r="SBS682" s="613"/>
      <c r="SBT682" s="613"/>
      <c r="SBU682" s="613"/>
      <c r="SBV682" s="613"/>
      <c r="SBW682" s="613"/>
      <c r="SBX682" s="613"/>
      <c r="SBY682" s="613"/>
      <c r="SBZ682" s="613"/>
      <c r="SCA682" s="613"/>
      <c r="SCB682" s="613"/>
      <c r="SCC682" s="613"/>
      <c r="SCD682" s="613"/>
      <c r="SCE682" s="613"/>
      <c r="SCF682" s="613"/>
      <c r="SCG682" s="613"/>
      <c r="SCH682" s="613"/>
      <c r="SCI682" s="613"/>
      <c r="SCJ682" s="613"/>
      <c r="SCK682" s="613"/>
      <c r="SCL682" s="613"/>
      <c r="SCM682" s="613"/>
      <c r="SCN682" s="613"/>
      <c r="SCO682" s="613"/>
      <c r="SCP682" s="613"/>
      <c r="SCQ682" s="613"/>
      <c r="SCR682" s="613"/>
      <c r="SCS682" s="613"/>
      <c r="SCT682" s="613"/>
      <c r="SCU682" s="613"/>
      <c r="SCV682" s="613"/>
      <c r="SCW682" s="613"/>
      <c r="SCX682" s="613"/>
      <c r="SCY682" s="613"/>
      <c r="SCZ682" s="613"/>
      <c r="SDA682" s="613"/>
      <c r="SDB682" s="613"/>
      <c r="SDC682" s="613"/>
      <c r="SDD682" s="613"/>
      <c r="SDE682" s="613"/>
      <c r="SDF682" s="613"/>
      <c r="SDG682" s="613"/>
      <c r="SDH682" s="613"/>
      <c r="SDI682" s="613"/>
      <c r="SDJ682" s="613"/>
      <c r="SDK682" s="613"/>
      <c r="SDL682" s="613"/>
      <c r="SDM682" s="613"/>
      <c r="SDN682" s="613"/>
      <c r="SDO682" s="613"/>
      <c r="SDP682" s="613"/>
      <c r="SDQ682" s="613"/>
      <c r="SDR682" s="613"/>
      <c r="SDS682" s="613"/>
      <c r="SDT682" s="613"/>
      <c r="SDU682" s="613"/>
      <c r="SDV682" s="613"/>
      <c r="SDW682" s="613"/>
      <c r="SDX682" s="613"/>
      <c r="SDY682" s="613"/>
      <c r="SDZ682" s="613"/>
      <c r="SEA682" s="613"/>
      <c r="SEB682" s="613"/>
      <c r="SEC682" s="613"/>
      <c r="SED682" s="613"/>
      <c r="SEE682" s="613"/>
      <c r="SEF682" s="613"/>
      <c r="SEG682" s="613"/>
      <c r="SEH682" s="613"/>
      <c r="SEI682" s="613"/>
      <c r="SEJ682" s="613"/>
      <c r="SEK682" s="613"/>
      <c r="SEL682" s="613"/>
      <c r="SEM682" s="613"/>
      <c r="SEN682" s="613"/>
      <c r="SEO682" s="613"/>
      <c r="SEP682" s="613"/>
      <c r="SEQ682" s="613"/>
      <c r="SER682" s="613"/>
      <c r="SES682" s="613"/>
      <c r="SET682" s="613"/>
      <c r="SEU682" s="613"/>
      <c r="SEV682" s="613"/>
      <c r="SEW682" s="613"/>
      <c r="SEX682" s="613"/>
      <c r="SEY682" s="613"/>
      <c r="SEZ682" s="613"/>
      <c r="SFA682" s="613"/>
      <c r="SFB682" s="613"/>
      <c r="SFC682" s="613"/>
      <c r="SFD682" s="613"/>
      <c r="SFE682" s="613"/>
      <c r="SFF682" s="613"/>
      <c r="SFG682" s="613"/>
      <c r="SFH682" s="613"/>
      <c r="SFI682" s="613"/>
      <c r="SFJ682" s="613"/>
      <c r="SFK682" s="613"/>
      <c r="SFL682" s="613"/>
      <c r="SFM682" s="613"/>
      <c r="SFN682" s="613"/>
      <c r="SFO682" s="613"/>
      <c r="SFP682" s="613"/>
      <c r="SFQ682" s="613"/>
      <c r="SFR682" s="613"/>
      <c r="SFS682" s="613"/>
      <c r="SFT682" s="613"/>
      <c r="SFU682" s="613"/>
      <c r="SFV682" s="613"/>
      <c r="SFW682" s="613"/>
      <c r="SFX682" s="613"/>
      <c r="SFY682" s="613"/>
      <c r="SFZ682" s="613"/>
      <c r="SGA682" s="613"/>
      <c r="SGB682" s="613"/>
      <c r="SGC682" s="613"/>
      <c r="SGD682" s="613"/>
      <c r="SGE682" s="613"/>
      <c r="SGF682" s="613"/>
      <c r="SGG682" s="613"/>
      <c r="SGH682" s="613"/>
      <c r="SGI682" s="613"/>
      <c r="SGJ682" s="613"/>
      <c r="SGK682" s="613"/>
      <c r="SGL682" s="613"/>
      <c r="SGM682" s="613"/>
      <c r="SGN682" s="613"/>
      <c r="SGO682" s="613"/>
      <c r="SGP682" s="613"/>
      <c r="SGQ682" s="613"/>
      <c r="SGR682" s="613"/>
      <c r="SGS682" s="613"/>
      <c r="SGT682" s="613"/>
      <c r="SGU682" s="613"/>
      <c r="SGV682" s="613"/>
      <c r="SGW682" s="613"/>
      <c r="SGX682" s="613"/>
      <c r="SGY682" s="613"/>
      <c r="SGZ682" s="613"/>
      <c r="SHA682" s="613"/>
      <c r="SHB682" s="613"/>
      <c r="SHC682" s="613"/>
      <c r="SHD682" s="613"/>
      <c r="SHE682" s="613"/>
      <c r="SHF682" s="613"/>
      <c r="SHG682" s="613"/>
      <c r="SHH682" s="613"/>
      <c r="SHI682" s="613"/>
      <c r="SHJ682" s="613"/>
      <c r="SHK682" s="613"/>
      <c r="SHL682" s="613"/>
      <c r="SHM682" s="613"/>
      <c r="SHN682" s="613"/>
      <c r="SHO682" s="613"/>
      <c r="SHP682" s="613"/>
      <c r="SHQ682" s="613"/>
      <c r="SHR682" s="613"/>
      <c r="SHS682" s="613"/>
      <c r="SHT682" s="613"/>
      <c r="SHU682" s="613"/>
      <c r="SHV682" s="613"/>
      <c r="SHW682" s="613"/>
      <c r="SHX682" s="613"/>
      <c r="SHY682" s="613"/>
      <c r="SHZ682" s="613"/>
      <c r="SIA682" s="613"/>
      <c r="SIB682" s="613"/>
      <c r="SIC682" s="613"/>
      <c r="SID682" s="613"/>
      <c r="SIE682" s="613"/>
      <c r="SIF682" s="613"/>
      <c r="SIG682" s="613"/>
      <c r="SIH682" s="613"/>
      <c r="SII682" s="613"/>
      <c r="SIJ682" s="613"/>
      <c r="SIK682" s="613"/>
      <c r="SIL682" s="613"/>
      <c r="SIM682" s="613"/>
      <c r="SIN682" s="613"/>
      <c r="SIO682" s="613"/>
      <c r="SIP682" s="613"/>
      <c r="SIQ682" s="613"/>
      <c r="SIR682" s="613"/>
      <c r="SIS682" s="613"/>
      <c r="SIT682" s="613"/>
      <c r="SIU682" s="613"/>
      <c r="SIV682" s="613"/>
      <c r="SIW682" s="613"/>
      <c r="SIX682" s="613"/>
      <c r="SIY682" s="613"/>
      <c r="SIZ682" s="613"/>
      <c r="SJA682" s="613"/>
      <c r="SJB682" s="613"/>
      <c r="SJC682" s="613"/>
      <c r="SJD682" s="613"/>
      <c r="SJE682" s="613"/>
      <c r="SJF682" s="613"/>
      <c r="SJG682" s="613"/>
      <c r="SJH682" s="613"/>
      <c r="SJI682" s="613"/>
      <c r="SJJ682" s="613"/>
      <c r="SJK682" s="613"/>
      <c r="SJL682" s="613"/>
      <c r="SJM682" s="613"/>
      <c r="SJN682" s="613"/>
      <c r="SJO682" s="613"/>
      <c r="SJP682" s="613"/>
      <c r="SJQ682" s="613"/>
      <c r="SJR682" s="613"/>
      <c r="SJS682" s="613"/>
      <c r="SJT682" s="613"/>
      <c r="SJU682" s="613"/>
      <c r="SJV682" s="613"/>
      <c r="SJW682" s="613"/>
      <c r="SJX682" s="613"/>
      <c r="SJY682" s="613"/>
      <c r="SJZ682" s="613"/>
      <c r="SKA682" s="613"/>
      <c r="SKB682" s="613"/>
      <c r="SKC682" s="613"/>
      <c r="SKD682" s="613"/>
      <c r="SKE682" s="613"/>
      <c r="SKF682" s="613"/>
      <c r="SKG682" s="613"/>
      <c r="SKH682" s="613"/>
      <c r="SKI682" s="613"/>
      <c r="SKJ682" s="613"/>
      <c r="SKK682" s="613"/>
      <c r="SKL682" s="613"/>
      <c r="SKM682" s="613"/>
      <c r="SKN682" s="613"/>
      <c r="SKO682" s="613"/>
      <c r="SKP682" s="613"/>
      <c r="SKQ682" s="613"/>
      <c r="SKR682" s="613"/>
      <c r="SKS682" s="613"/>
      <c r="SKT682" s="613"/>
      <c r="SKU682" s="613"/>
      <c r="SKV682" s="613"/>
      <c r="SKW682" s="613"/>
      <c r="SKX682" s="613"/>
      <c r="SKY682" s="613"/>
      <c r="SKZ682" s="613"/>
      <c r="SLA682" s="613"/>
      <c r="SLB682" s="613"/>
      <c r="SLC682" s="613"/>
      <c r="SLD682" s="613"/>
      <c r="SLE682" s="613"/>
      <c r="SLF682" s="613"/>
      <c r="SLG682" s="613"/>
      <c r="SLH682" s="613"/>
      <c r="SLI682" s="613"/>
      <c r="SLJ682" s="613"/>
      <c r="SLK682" s="613"/>
      <c r="SLL682" s="613"/>
      <c r="SLM682" s="613"/>
      <c r="SLN682" s="613"/>
      <c r="SLO682" s="613"/>
      <c r="SLP682" s="613"/>
      <c r="SLQ682" s="613"/>
      <c r="SLR682" s="613"/>
      <c r="SLS682" s="613"/>
      <c r="SLT682" s="613"/>
      <c r="SLU682" s="613"/>
      <c r="SLV682" s="613"/>
      <c r="SLW682" s="613"/>
      <c r="SLX682" s="613"/>
      <c r="SLY682" s="613"/>
      <c r="SLZ682" s="613"/>
      <c r="SMA682" s="613"/>
      <c r="SMB682" s="613"/>
      <c r="SMC682" s="613"/>
      <c r="SMD682" s="613"/>
      <c r="SME682" s="613"/>
      <c r="SMF682" s="613"/>
      <c r="SMG682" s="613"/>
      <c r="SMH682" s="613"/>
      <c r="SMI682" s="613"/>
      <c r="SMJ682" s="613"/>
      <c r="SMK682" s="613"/>
      <c r="SML682" s="613"/>
      <c r="SMM682" s="613"/>
      <c r="SMN682" s="613"/>
      <c r="SMO682" s="613"/>
      <c r="SMP682" s="613"/>
      <c r="SMQ682" s="613"/>
      <c r="SMR682" s="613"/>
      <c r="SMS682" s="613"/>
      <c r="SMT682" s="613"/>
      <c r="SMU682" s="613"/>
      <c r="SMV682" s="613"/>
      <c r="SMW682" s="613"/>
      <c r="SMX682" s="613"/>
      <c r="SMY682" s="613"/>
      <c r="SMZ682" s="613"/>
      <c r="SNA682" s="613"/>
      <c r="SNB682" s="613"/>
      <c r="SNC682" s="613"/>
      <c r="SND682" s="613"/>
      <c r="SNE682" s="613"/>
      <c r="SNF682" s="613"/>
      <c r="SNG682" s="613"/>
      <c r="SNH682" s="613"/>
      <c r="SNI682" s="613"/>
      <c r="SNJ682" s="613"/>
      <c r="SNK682" s="613"/>
      <c r="SNL682" s="613"/>
      <c r="SNM682" s="613"/>
      <c r="SNN682" s="613"/>
      <c r="SNO682" s="613"/>
      <c r="SNP682" s="613"/>
      <c r="SNQ682" s="613"/>
      <c r="SNR682" s="613"/>
      <c r="SNS682" s="613"/>
      <c r="SNT682" s="613"/>
      <c r="SNU682" s="613"/>
      <c r="SNV682" s="613"/>
      <c r="SNW682" s="613"/>
      <c r="SNX682" s="613"/>
      <c r="SNY682" s="613"/>
      <c r="SNZ682" s="613"/>
      <c r="SOA682" s="613"/>
      <c r="SOB682" s="613"/>
      <c r="SOC682" s="613"/>
      <c r="SOD682" s="613"/>
      <c r="SOE682" s="613"/>
      <c r="SOF682" s="613"/>
      <c r="SOG682" s="613"/>
      <c r="SOH682" s="613"/>
      <c r="SOI682" s="613"/>
      <c r="SOJ682" s="613"/>
      <c r="SOK682" s="613"/>
      <c r="SOL682" s="613"/>
      <c r="SOM682" s="613"/>
      <c r="SON682" s="613"/>
      <c r="SOO682" s="613"/>
      <c r="SOP682" s="613"/>
      <c r="SOQ682" s="613"/>
      <c r="SOR682" s="613"/>
      <c r="SOS682" s="613"/>
      <c r="SOT682" s="613"/>
      <c r="SOU682" s="613"/>
      <c r="SOV682" s="613"/>
      <c r="SOW682" s="613"/>
      <c r="SOX682" s="613"/>
      <c r="SOY682" s="613"/>
      <c r="SOZ682" s="613"/>
      <c r="SPA682" s="613"/>
      <c r="SPB682" s="613"/>
      <c r="SPC682" s="613"/>
      <c r="SPD682" s="613"/>
      <c r="SPE682" s="613"/>
      <c r="SPF682" s="613"/>
      <c r="SPG682" s="613"/>
      <c r="SPH682" s="613"/>
      <c r="SPI682" s="613"/>
      <c r="SPJ682" s="613"/>
      <c r="SPK682" s="613"/>
      <c r="SPL682" s="613"/>
      <c r="SPM682" s="613"/>
      <c r="SPN682" s="613"/>
      <c r="SPO682" s="613"/>
      <c r="SPP682" s="613"/>
      <c r="SPQ682" s="613"/>
      <c r="SPR682" s="613"/>
      <c r="SPS682" s="613"/>
      <c r="SPT682" s="613"/>
      <c r="SPU682" s="613"/>
      <c r="SPV682" s="613"/>
      <c r="SPW682" s="613"/>
      <c r="SPX682" s="613"/>
      <c r="SPY682" s="613"/>
      <c r="SPZ682" s="613"/>
      <c r="SQA682" s="613"/>
      <c r="SQB682" s="613"/>
      <c r="SQC682" s="613"/>
      <c r="SQD682" s="613"/>
      <c r="SQE682" s="613"/>
      <c r="SQF682" s="613"/>
      <c r="SQG682" s="613"/>
      <c r="SQH682" s="613"/>
      <c r="SQI682" s="613"/>
      <c r="SQJ682" s="613"/>
      <c r="SQK682" s="613"/>
      <c r="SQL682" s="613"/>
      <c r="SQM682" s="613"/>
      <c r="SQN682" s="613"/>
      <c r="SQO682" s="613"/>
      <c r="SQP682" s="613"/>
      <c r="SQQ682" s="613"/>
      <c r="SQR682" s="613"/>
      <c r="SQS682" s="613"/>
      <c r="SQT682" s="613"/>
      <c r="SQU682" s="613"/>
      <c r="SQV682" s="613"/>
      <c r="SQW682" s="613"/>
      <c r="SQX682" s="613"/>
      <c r="SQY682" s="613"/>
      <c r="SQZ682" s="613"/>
      <c r="SRA682" s="613"/>
      <c r="SRB682" s="613"/>
      <c r="SRC682" s="613"/>
      <c r="SRD682" s="613"/>
      <c r="SRE682" s="613"/>
      <c r="SRF682" s="613"/>
      <c r="SRG682" s="613"/>
      <c r="SRH682" s="613"/>
      <c r="SRI682" s="613"/>
      <c r="SRJ682" s="613"/>
      <c r="SRK682" s="613"/>
      <c r="SRL682" s="613"/>
      <c r="SRM682" s="613"/>
      <c r="SRN682" s="613"/>
      <c r="SRO682" s="613"/>
      <c r="SRP682" s="613"/>
      <c r="SRQ682" s="613"/>
      <c r="SRR682" s="613"/>
      <c r="SRS682" s="613"/>
      <c r="SRT682" s="613"/>
      <c r="SRU682" s="613"/>
      <c r="SRV682" s="613"/>
      <c r="SRW682" s="613"/>
      <c r="SRX682" s="613"/>
      <c r="SRY682" s="613"/>
      <c r="SRZ682" s="613"/>
      <c r="SSA682" s="613"/>
      <c r="SSB682" s="613"/>
      <c r="SSC682" s="613"/>
      <c r="SSD682" s="613"/>
      <c r="SSE682" s="613"/>
      <c r="SSF682" s="613"/>
      <c r="SSG682" s="613"/>
      <c r="SSH682" s="613"/>
      <c r="SSI682" s="613"/>
      <c r="SSJ682" s="613"/>
      <c r="SSK682" s="613"/>
      <c r="SSL682" s="613"/>
      <c r="SSM682" s="613"/>
      <c r="SSN682" s="613"/>
      <c r="SSO682" s="613"/>
      <c r="SSP682" s="613"/>
      <c r="SSQ682" s="613"/>
      <c r="SSR682" s="613"/>
      <c r="SSS682" s="613"/>
      <c r="SST682" s="613"/>
      <c r="SSU682" s="613"/>
      <c r="SSV682" s="613"/>
      <c r="SSW682" s="613"/>
      <c r="SSX682" s="613"/>
      <c r="SSY682" s="613"/>
      <c r="SSZ682" s="613"/>
      <c r="STA682" s="613"/>
      <c r="STB682" s="613"/>
      <c r="STC682" s="613"/>
      <c r="STD682" s="613"/>
      <c r="STE682" s="613"/>
      <c r="STF682" s="613"/>
      <c r="STG682" s="613"/>
      <c r="STH682" s="613"/>
      <c r="STI682" s="613"/>
      <c r="STJ682" s="613"/>
      <c r="STK682" s="613"/>
      <c r="STL682" s="613"/>
      <c r="STM682" s="613"/>
      <c r="STN682" s="613"/>
      <c r="STO682" s="613"/>
      <c r="STP682" s="613"/>
      <c r="STQ682" s="613"/>
      <c r="STR682" s="613"/>
      <c r="STS682" s="613"/>
      <c r="STT682" s="613"/>
      <c r="STU682" s="613"/>
      <c r="STV682" s="613"/>
      <c r="STW682" s="613"/>
      <c r="STX682" s="613"/>
      <c r="STY682" s="613"/>
      <c r="STZ682" s="613"/>
      <c r="SUA682" s="613"/>
      <c r="SUB682" s="613"/>
      <c r="SUC682" s="613"/>
      <c r="SUD682" s="613"/>
      <c r="SUE682" s="613"/>
      <c r="SUF682" s="613"/>
      <c r="SUG682" s="613"/>
      <c r="SUH682" s="613"/>
      <c r="SUI682" s="613"/>
      <c r="SUJ682" s="613"/>
      <c r="SUK682" s="613"/>
      <c r="SUL682" s="613"/>
      <c r="SUM682" s="613"/>
      <c r="SUN682" s="613"/>
      <c r="SUO682" s="613"/>
      <c r="SUP682" s="613"/>
      <c r="SUQ682" s="613"/>
      <c r="SUR682" s="613"/>
      <c r="SUS682" s="613"/>
      <c r="SUT682" s="613"/>
      <c r="SUU682" s="613"/>
      <c r="SUV682" s="613"/>
      <c r="SUW682" s="613"/>
      <c r="SUX682" s="613"/>
      <c r="SUY682" s="613"/>
      <c r="SUZ682" s="613"/>
      <c r="SVA682" s="613"/>
      <c r="SVB682" s="613"/>
      <c r="SVC682" s="613"/>
      <c r="SVD682" s="613"/>
      <c r="SVE682" s="613"/>
      <c r="SVF682" s="613"/>
      <c r="SVG682" s="613"/>
      <c r="SVH682" s="613"/>
      <c r="SVI682" s="613"/>
      <c r="SVJ682" s="613"/>
      <c r="SVK682" s="613"/>
      <c r="SVL682" s="613"/>
      <c r="SVM682" s="613"/>
      <c r="SVN682" s="613"/>
      <c r="SVO682" s="613"/>
      <c r="SVP682" s="613"/>
      <c r="SVQ682" s="613"/>
      <c r="SVR682" s="613"/>
      <c r="SVS682" s="613"/>
      <c r="SVT682" s="613"/>
      <c r="SVU682" s="613"/>
      <c r="SVV682" s="613"/>
      <c r="SVW682" s="613"/>
      <c r="SVX682" s="613"/>
      <c r="SVY682" s="613"/>
      <c r="SVZ682" s="613"/>
      <c r="SWA682" s="613"/>
      <c r="SWB682" s="613"/>
      <c r="SWC682" s="613"/>
      <c r="SWD682" s="613"/>
      <c r="SWE682" s="613"/>
      <c r="SWF682" s="613"/>
      <c r="SWG682" s="613"/>
      <c r="SWH682" s="613"/>
      <c r="SWI682" s="613"/>
      <c r="SWJ682" s="613"/>
      <c r="SWK682" s="613"/>
      <c r="SWL682" s="613"/>
      <c r="SWM682" s="613"/>
      <c r="SWN682" s="613"/>
      <c r="SWO682" s="613"/>
      <c r="SWP682" s="613"/>
      <c r="SWQ682" s="613"/>
      <c r="SWR682" s="613"/>
      <c r="SWS682" s="613"/>
      <c r="SWT682" s="613"/>
      <c r="SWU682" s="613"/>
      <c r="SWV682" s="613"/>
      <c r="SWW682" s="613"/>
      <c r="SWX682" s="613"/>
      <c r="SWY682" s="613"/>
      <c r="SWZ682" s="613"/>
      <c r="SXA682" s="613"/>
      <c r="SXB682" s="613"/>
      <c r="SXC682" s="613"/>
      <c r="SXD682" s="613"/>
      <c r="SXE682" s="613"/>
      <c r="SXF682" s="613"/>
      <c r="SXG682" s="613"/>
      <c r="SXH682" s="613"/>
      <c r="SXI682" s="613"/>
      <c r="SXJ682" s="613"/>
      <c r="SXK682" s="613"/>
      <c r="SXL682" s="613"/>
      <c r="SXM682" s="613"/>
      <c r="SXN682" s="613"/>
      <c r="SXO682" s="613"/>
      <c r="SXP682" s="613"/>
      <c r="SXQ682" s="613"/>
      <c r="SXR682" s="613"/>
      <c r="SXS682" s="613"/>
      <c r="SXT682" s="613"/>
      <c r="SXU682" s="613"/>
      <c r="SXV682" s="613"/>
      <c r="SXW682" s="613"/>
      <c r="SXX682" s="613"/>
      <c r="SXY682" s="613"/>
      <c r="SXZ682" s="613"/>
      <c r="SYA682" s="613"/>
      <c r="SYB682" s="613"/>
      <c r="SYC682" s="613"/>
      <c r="SYD682" s="613"/>
      <c r="SYE682" s="613"/>
      <c r="SYF682" s="613"/>
      <c r="SYG682" s="613"/>
      <c r="SYH682" s="613"/>
      <c r="SYI682" s="613"/>
      <c r="SYJ682" s="613"/>
      <c r="SYK682" s="613"/>
      <c r="SYL682" s="613"/>
      <c r="SYM682" s="613"/>
      <c r="SYN682" s="613"/>
      <c r="SYO682" s="613"/>
      <c r="SYP682" s="613"/>
      <c r="SYQ682" s="613"/>
      <c r="SYR682" s="613"/>
      <c r="SYS682" s="613"/>
      <c r="SYT682" s="613"/>
      <c r="SYU682" s="613"/>
      <c r="SYV682" s="613"/>
      <c r="SYW682" s="613"/>
      <c r="SYX682" s="613"/>
      <c r="SYY682" s="613"/>
      <c r="SYZ682" s="613"/>
      <c r="SZA682" s="613"/>
      <c r="SZB682" s="613"/>
      <c r="SZC682" s="613"/>
      <c r="SZD682" s="613"/>
      <c r="SZE682" s="613"/>
      <c r="SZF682" s="613"/>
      <c r="SZG682" s="613"/>
      <c r="SZH682" s="613"/>
      <c r="SZI682" s="613"/>
      <c r="SZJ682" s="613"/>
      <c r="SZK682" s="613"/>
      <c r="SZL682" s="613"/>
      <c r="SZM682" s="613"/>
      <c r="SZN682" s="613"/>
      <c r="SZO682" s="613"/>
      <c r="SZP682" s="613"/>
      <c r="SZQ682" s="613"/>
      <c r="SZR682" s="613"/>
      <c r="SZS682" s="613"/>
      <c r="SZT682" s="613"/>
      <c r="SZU682" s="613"/>
      <c r="SZV682" s="613"/>
      <c r="SZW682" s="613"/>
      <c r="SZX682" s="613"/>
      <c r="SZY682" s="613"/>
      <c r="SZZ682" s="613"/>
      <c r="TAA682" s="613"/>
      <c r="TAB682" s="613"/>
      <c r="TAC682" s="613"/>
      <c r="TAD682" s="613"/>
      <c r="TAE682" s="613"/>
      <c r="TAF682" s="613"/>
      <c r="TAG682" s="613"/>
      <c r="TAH682" s="613"/>
      <c r="TAI682" s="613"/>
      <c r="TAJ682" s="613"/>
      <c r="TAK682" s="613"/>
      <c r="TAL682" s="613"/>
      <c r="TAM682" s="613"/>
      <c r="TAN682" s="613"/>
      <c r="TAO682" s="613"/>
      <c r="TAP682" s="613"/>
      <c r="TAQ682" s="613"/>
      <c r="TAR682" s="613"/>
      <c r="TAS682" s="613"/>
      <c r="TAT682" s="613"/>
      <c r="TAU682" s="613"/>
      <c r="TAV682" s="613"/>
      <c r="TAW682" s="613"/>
      <c r="TAX682" s="613"/>
      <c r="TAY682" s="613"/>
      <c r="TAZ682" s="613"/>
      <c r="TBA682" s="613"/>
      <c r="TBB682" s="613"/>
      <c r="TBC682" s="613"/>
      <c r="TBD682" s="613"/>
      <c r="TBE682" s="613"/>
      <c r="TBF682" s="613"/>
      <c r="TBG682" s="613"/>
      <c r="TBH682" s="613"/>
      <c r="TBI682" s="613"/>
      <c r="TBJ682" s="613"/>
      <c r="TBK682" s="613"/>
      <c r="TBL682" s="613"/>
      <c r="TBM682" s="613"/>
      <c r="TBN682" s="613"/>
      <c r="TBO682" s="613"/>
      <c r="TBP682" s="613"/>
      <c r="TBQ682" s="613"/>
      <c r="TBR682" s="613"/>
      <c r="TBS682" s="613"/>
      <c r="TBT682" s="613"/>
      <c r="TBU682" s="613"/>
      <c r="TBV682" s="613"/>
      <c r="TBW682" s="613"/>
      <c r="TBX682" s="613"/>
      <c r="TBY682" s="613"/>
      <c r="TBZ682" s="613"/>
      <c r="TCA682" s="613"/>
      <c r="TCB682" s="613"/>
      <c r="TCC682" s="613"/>
      <c r="TCD682" s="613"/>
      <c r="TCE682" s="613"/>
      <c r="TCF682" s="613"/>
      <c r="TCG682" s="613"/>
      <c r="TCH682" s="613"/>
      <c r="TCI682" s="613"/>
      <c r="TCJ682" s="613"/>
      <c r="TCK682" s="613"/>
      <c r="TCL682" s="613"/>
      <c r="TCM682" s="613"/>
      <c r="TCN682" s="613"/>
      <c r="TCO682" s="613"/>
      <c r="TCP682" s="613"/>
      <c r="TCQ682" s="613"/>
      <c r="TCR682" s="613"/>
      <c r="TCS682" s="613"/>
      <c r="TCT682" s="613"/>
      <c r="TCU682" s="613"/>
      <c r="TCV682" s="613"/>
      <c r="TCW682" s="613"/>
      <c r="TCX682" s="613"/>
      <c r="TCY682" s="613"/>
      <c r="TCZ682" s="613"/>
      <c r="TDA682" s="613"/>
      <c r="TDB682" s="613"/>
      <c r="TDC682" s="613"/>
      <c r="TDD682" s="613"/>
      <c r="TDE682" s="613"/>
      <c r="TDF682" s="613"/>
      <c r="TDG682" s="613"/>
      <c r="TDH682" s="613"/>
      <c r="TDI682" s="613"/>
      <c r="TDJ682" s="613"/>
      <c r="TDK682" s="613"/>
      <c r="TDL682" s="613"/>
      <c r="TDM682" s="613"/>
      <c r="TDN682" s="613"/>
      <c r="TDO682" s="613"/>
      <c r="TDP682" s="613"/>
      <c r="TDQ682" s="613"/>
      <c r="TDR682" s="613"/>
      <c r="TDS682" s="613"/>
      <c r="TDT682" s="613"/>
      <c r="TDU682" s="613"/>
      <c r="TDV682" s="613"/>
      <c r="TDW682" s="613"/>
      <c r="TDX682" s="613"/>
      <c r="TDY682" s="613"/>
      <c r="TDZ682" s="613"/>
      <c r="TEA682" s="613"/>
      <c r="TEB682" s="613"/>
      <c r="TEC682" s="613"/>
      <c r="TED682" s="613"/>
      <c r="TEE682" s="613"/>
      <c r="TEF682" s="613"/>
      <c r="TEG682" s="613"/>
      <c r="TEH682" s="613"/>
      <c r="TEI682" s="613"/>
      <c r="TEJ682" s="613"/>
      <c r="TEK682" s="613"/>
      <c r="TEL682" s="613"/>
      <c r="TEM682" s="613"/>
      <c r="TEN682" s="613"/>
      <c r="TEO682" s="613"/>
      <c r="TEP682" s="613"/>
      <c r="TEQ682" s="613"/>
      <c r="TER682" s="613"/>
      <c r="TES682" s="613"/>
      <c r="TET682" s="613"/>
      <c r="TEU682" s="613"/>
      <c r="TEV682" s="613"/>
      <c r="TEW682" s="613"/>
      <c r="TEX682" s="613"/>
      <c r="TEY682" s="613"/>
      <c r="TEZ682" s="613"/>
      <c r="TFA682" s="613"/>
      <c r="TFB682" s="613"/>
      <c r="TFC682" s="613"/>
      <c r="TFD682" s="613"/>
      <c r="TFE682" s="613"/>
      <c r="TFF682" s="613"/>
      <c r="TFG682" s="613"/>
      <c r="TFH682" s="613"/>
      <c r="TFI682" s="613"/>
      <c r="TFJ682" s="613"/>
      <c r="TFK682" s="613"/>
      <c r="TFL682" s="613"/>
      <c r="TFM682" s="613"/>
      <c r="TFN682" s="613"/>
      <c r="TFO682" s="613"/>
      <c r="TFP682" s="613"/>
      <c r="TFQ682" s="613"/>
      <c r="TFR682" s="613"/>
      <c r="TFS682" s="613"/>
      <c r="TFT682" s="613"/>
      <c r="TFU682" s="613"/>
      <c r="TFV682" s="613"/>
      <c r="TFW682" s="613"/>
      <c r="TFX682" s="613"/>
      <c r="TFY682" s="613"/>
      <c r="TFZ682" s="613"/>
      <c r="TGA682" s="613"/>
      <c r="TGB682" s="613"/>
      <c r="TGC682" s="613"/>
      <c r="TGD682" s="613"/>
      <c r="TGE682" s="613"/>
      <c r="TGF682" s="613"/>
      <c r="TGG682" s="613"/>
      <c r="TGH682" s="613"/>
      <c r="TGI682" s="613"/>
      <c r="TGJ682" s="613"/>
      <c r="TGK682" s="613"/>
      <c r="TGL682" s="613"/>
      <c r="TGM682" s="613"/>
      <c r="TGN682" s="613"/>
      <c r="TGO682" s="613"/>
      <c r="TGP682" s="613"/>
      <c r="TGQ682" s="613"/>
      <c r="TGR682" s="613"/>
      <c r="TGS682" s="613"/>
      <c r="TGT682" s="613"/>
      <c r="TGU682" s="613"/>
      <c r="TGV682" s="613"/>
      <c r="TGW682" s="613"/>
      <c r="TGX682" s="613"/>
      <c r="TGY682" s="613"/>
      <c r="TGZ682" s="613"/>
      <c r="THA682" s="613"/>
      <c r="THB682" s="613"/>
      <c r="THC682" s="613"/>
      <c r="THD682" s="613"/>
      <c r="THE682" s="613"/>
      <c r="THF682" s="613"/>
      <c r="THG682" s="613"/>
      <c r="THH682" s="613"/>
      <c r="THI682" s="613"/>
      <c r="THJ682" s="613"/>
      <c r="THK682" s="613"/>
      <c r="THL682" s="613"/>
      <c r="THM682" s="613"/>
      <c r="THN682" s="613"/>
      <c r="THO682" s="613"/>
      <c r="THP682" s="613"/>
      <c r="THQ682" s="613"/>
      <c r="THR682" s="613"/>
      <c r="THS682" s="613"/>
      <c r="THT682" s="613"/>
      <c r="THU682" s="613"/>
      <c r="THV682" s="613"/>
      <c r="THW682" s="613"/>
      <c r="THX682" s="613"/>
      <c r="THY682" s="613"/>
      <c r="THZ682" s="613"/>
      <c r="TIA682" s="613"/>
      <c r="TIB682" s="613"/>
      <c r="TIC682" s="613"/>
      <c r="TID682" s="613"/>
      <c r="TIE682" s="613"/>
      <c r="TIF682" s="613"/>
      <c r="TIG682" s="613"/>
      <c r="TIH682" s="613"/>
      <c r="TII682" s="613"/>
      <c r="TIJ682" s="613"/>
      <c r="TIK682" s="613"/>
      <c r="TIL682" s="613"/>
      <c r="TIM682" s="613"/>
      <c r="TIN682" s="613"/>
      <c r="TIO682" s="613"/>
      <c r="TIP682" s="613"/>
      <c r="TIQ682" s="613"/>
      <c r="TIR682" s="613"/>
      <c r="TIS682" s="613"/>
      <c r="TIT682" s="613"/>
      <c r="TIU682" s="613"/>
      <c r="TIV682" s="613"/>
      <c r="TIW682" s="613"/>
      <c r="TIX682" s="613"/>
      <c r="TIY682" s="613"/>
      <c r="TIZ682" s="613"/>
      <c r="TJA682" s="613"/>
      <c r="TJB682" s="613"/>
      <c r="TJC682" s="613"/>
      <c r="TJD682" s="613"/>
      <c r="TJE682" s="613"/>
      <c r="TJF682" s="613"/>
      <c r="TJG682" s="613"/>
      <c r="TJH682" s="613"/>
      <c r="TJI682" s="613"/>
      <c r="TJJ682" s="613"/>
      <c r="TJK682" s="613"/>
      <c r="TJL682" s="613"/>
      <c r="TJM682" s="613"/>
      <c r="TJN682" s="613"/>
      <c r="TJO682" s="613"/>
      <c r="TJP682" s="613"/>
      <c r="TJQ682" s="613"/>
      <c r="TJR682" s="613"/>
      <c r="TJS682" s="613"/>
      <c r="TJT682" s="613"/>
      <c r="TJU682" s="613"/>
      <c r="TJV682" s="613"/>
      <c r="TJW682" s="613"/>
      <c r="TJX682" s="613"/>
      <c r="TJY682" s="613"/>
      <c r="TJZ682" s="613"/>
      <c r="TKA682" s="613"/>
      <c r="TKB682" s="613"/>
      <c r="TKC682" s="613"/>
      <c r="TKD682" s="613"/>
      <c r="TKE682" s="613"/>
      <c r="TKF682" s="613"/>
      <c r="TKG682" s="613"/>
      <c r="TKH682" s="613"/>
      <c r="TKI682" s="613"/>
      <c r="TKJ682" s="613"/>
      <c r="TKK682" s="613"/>
      <c r="TKL682" s="613"/>
      <c r="TKM682" s="613"/>
      <c r="TKN682" s="613"/>
      <c r="TKO682" s="613"/>
      <c r="TKP682" s="613"/>
      <c r="TKQ682" s="613"/>
      <c r="TKR682" s="613"/>
      <c r="TKS682" s="613"/>
      <c r="TKT682" s="613"/>
      <c r="TKU682" s="613"/>
      <c r="TKV682" s="613"/>
      <c r="TKW682" s="613"/>
      <c r="TKX682" s="613"/>
      <c r="TKY682" s="613"/>
      <c r="TKZ682" s="613"/>
      <c r="TLA682" s="613"/>
      <c r="TLB682" s="613"/>
      <c r="TLC682" s="613"/>
      <c r="TLD682" s="613"/>
      <c r="TLE682" s="613"/>
      <c r="TLF682" s="613"/>
      <c r="TLG682" s="613"/>
      <c r="TLH682" s="613"/>
      <c r="TLI682" s="613"/>
      <c r="TLJ682" s="613"/>
      <c r="TLK682" s="613"/>
      <c r="TLL682" s="613"/>
      <c r="TLM682" s="613"/>
      <c r="TLN682" s="613"/>
      <c r="TLO682" s="613"/>
      <c r="TLP682" s="613"/>
      <c r="TLQ682" s="613"/>
      <c r="TLR682" s="613"/>
      <c r="TLS682" s="613"/>
      <c r="TLT682" s="613"/>
      <c r="TLU682" s="613"/>
      <c r="TLV682" s="613"/>
      <c r="TLW682" s="613"/>
      <c r="TLX682" s="613"/>
      <c r="TLY682" s="613"/>
      <c r="TLZ682" s="613"/>
      <c r="TMA682" s="613"/>
      <c r="TMB682" s="613"/>
      <c r="TMC682" s="613"/>
      <c r="TMD682" s="613"/>
      <c r="TME682" s="613"/>
      <c r="TMF682" s="613"/>
      <c r="TMG682" s="613"/>
      <c r="TMH682" s="613"/>
      <c r="TMI682" s="613"/>
      <c r="TMJ682" s="613"/>
      <c r="TMK682" s="613"/>
      <c r="TML682" s="613"/>
      <c r="TMM682" s="613"/>
      <c r="TMN682" s="613"/>
      <c r="TMO682" s="613"/>
      <c r="TMP682" s="613"/>
      <c r="TMQ682" s="613"/>
      <c r="TMR682" s="613"/>
      <c r="TMS682" s="613"/>
      <c r="TMT682" s="613"/>
      <c r="TMU682" s="613"/>
      <c r="TMV682" s="613"/>
      <c r="TMW682" s="613"/>
      <c r="TMX682" s="613"/>
      <c r="TMY682" s="613"/>
      <c r="TMZ682" s="613"/>
      <c r="TNA682" s="613"/>
      <c r="TNB682" s="613"/>
      <c r="TNC682" s="613"/>
      <c r="TND682" s="613"/>
      <c r="TNE682" s="613"/>
      <c r="TNF682" s="613"/>
      <c r="TNG682" s="613"/>
      <c r="TNH682" s="613"/>
      <c r="TNI682" s="613"/>
      <c r="TNJ682" s="613"/>
      <c r="TNK682" s="613"/>
      <c r="TNL682" s="613"/>
      <c r="TNM682" s="613"/>
      <c r="TNN682" s="613"/>
      <c r="TNO682" s="613"/>
      <c r="TNP682" s="613"/>
      <c r="TNQ682" s="613"/>
      <c r="TNR682" s="613"/>
      <c r="TNS682" s="613"/>
      <c r="TNT682" s="613"/>
      <c r="TNU682" s="613"/>
      <c r="TNV682" s="613"/>
      <c r="TNW682" s="613"/>
      <c r="TNX682" s="613"/>
      <c r="TNY682" s="613"/>
      <c r="TNZ682" s="613"/>
      <c r="TOA682" s="613"/>
      <c r="TOB682" s="613"/>
      <c r="TOC682" s="613"/>
      <c r="TOD682" s="613"/>
      <c r="TOE682" s="613"/>
      <c r="TOF682" s="613"/>
      <c r="TOG682" s="613"/>
      <c r="TOH682" s="613"/>
      <c r="TOI682" s="613"/>
      <c r="TOJ682" s="613"/>
      <c r="TOK682" s="613"/>
      <c r="TOL682" s="613"/>
      <c r="TOM682" s="613"/>
      <c r="TON682" s="613"/>
      <c r="TOO682" s="613"/>
      <c r="TOP682" s="613"/>
      <c r="TOQ682" s="613"/>
      <c r="TOR682" s="613"/>
      <c r="TOS682" s="613"/>
      <c r="TOT682" s="613"/>
      <c r="TOU682" s="613"/>
      <c r="TOV682" s="613"/>
      <c r="TOW682" s="613"/>
      <c r="TOX682" s="613"/>
      <c r="TOY682" s="613"/>
      <c r="TOZ682" s="613"/>
      <c r="TPA682" s="613"/>
      <c r="TPB682" s="613"/>
      <c r="TPC682" s="613"/>
      <c r="TPD682" s="613"/>
      <c r="TPE682" s="613"/>
      <c r="TPF682" s="613"/>
      <c r="TPG682" s="613"/>
      <c r="TPH682" s="613"/>
      <c r="TPI682" s="613"/>
      <c r="TPJ682" s="613"/>
      <c r="TPK682" s="613"/>
      <c r="TPL682" s="613"/>
      <c r="TPM682" s="613"/>
      <c r="TPN682" s="613"/>
      <c r="TPO682" s="613"/>
      <c r="TPP682" s="613"/>
      <c r="TPQ682" s="613"/>
      <c r="TPR682" s="613"/>
      <c r="TPS682" s="613"/>
      <c r="TPT682" s="613"/>
      <c r="TPU682" s="613"/>
      <c r="TPV682" s="613"/>
      <c r="TPW682" s="613"/>
      <c r="TPX682" s="613"/>
      <c r="TPY682" s="613"/>
      <c r="TPZ682" s="613"/>
      <c r="TQA682" s="613"/>
      <c r="TQB682" s="613"/>
      <c r="TQC682" s="613"/>
      <c r="TQD682" s="613"/>
      <c r="TQE682" s="613"/>
      <c r="TQF682" s="613"/>
      <c r="TQG682" s="613"/>
      <c r="TQH682" s="613"/>
      <c r="TQI682" s="613"/>
      <c r="TQJ682" s="613"/>
      <c r="TQK682" s="613"/>
      <c r="TQL682" s="613"/>
      <c r="TQM682" s="613"/>
      <c r="TQN682" s="613"/>
      <c r="TQO682" s="613"/>
      <c r="TQP682" s="613"/>
      <c r="TQQ682" s="613"/>
      <c r="TQR682" s="613"/>
      <c r="TQS682" s="613"/>
      <c r="TQT682" s="613"/>
      <c r="TQU682" s="613"/>
      <c r="TQV682" s="613"/>
      <c r="TQW682" s="613"/>
      <c r="TQX682" s="613"/>
      <c r="TQY682" s="613"/>
      <c r="TQZ682" s="613"/>
      <c r="TRA682" s="613"/>
      <c r="TRB682" s="613"/>
      <c r="TRC682" s="613"/>
      <c r="TRD682" s="613"/>
      <c r="TRE682" s="613"/>
      <c r="TRF682" s="613"/>
      <c r="TRG682" s="613"/>
      <c r="TRH682" s="613"/>
      <c r="TRI682" s="613"/>
      <c r="TRJ682" s="613"/>
      <c r="TRK682" s="613"/>
      <c r="TRL682" s="613"/>
      <c r="TRM682" s="613"/>
      <c r="TRN682" s="613"/>
      <c r="TRO682" s="613"/>
      <c r="TRP682" s="613"/>
      <c r="TRQ682" s="613"/>
      <c r="TRR682" s="613"/>
      <c r="TRS682" s="613"/>
      <c r="TRT682" s="613"/>
      <c r="TRU682" s="613"/>
      <c r="TRV682" s="613"/>
      <c r="TRW682" s="613"/>
      <c r="TRX682" s="613"/>
      <c r="TRY682" s="613"/>
      <c r="TRZ682" s="613"/>
      <c r="TSA682" s="613"/>
      <c r="TSB682" s="613"/>
      <c r="TSC682" s="613"/>
      <c r="TSD682" s="613"/>
      <c r="TSE682" s="613"/>
      <c r="TSF682" s="613"/>
      <c r="TSG682" s="613"/>
      <c r="TSH682" s="613"/>
      <c r="TSI682" s="613"/>
      <c r="TSJ682" s="613"/>
      <c r="TSK682" s="613"/>
      <c r="TSL682" s="613"/>
      <c r="TSM682" s="613"/>
      <c r="TSN682" s="613"/>
      <c r="TSO682" s="613"/>
      <c r="TSP682" s="613"/>
      <c r="TSQ682" s="613"/>
      <c r="TSR682" s="613"/>
      <c r="TSS682" s="613"/>
      <c r="TST682" s="613"/>
      <c r="TSU682" s="613"/>
      <c r="TSV682" s="613"/>
      <c r="TSW682" s="613"/>
      <c r="TSX682" s="613"/>
      <c r="TSY682" s="613"/>
      <c r="TSZ682" s="613"/>
      <c r="TTA682" s="613"/>
      <c r="TTB682" s="613"/>
      <c r="TTC682" s="613"/>
      <c r="TTD682" s="613"/>
      <c r="TTE682" s="613"/>
      <c r="TTF682" s="613"/>
      <c r="TTG682" s="613"/>
      <c r="TTH682" s="613"/>
      <c r="TTI682" s="613"/>
      <c r="TTJ682" s="613"/>
      <c r="TTK682" s="613"/>
      <c r="TTL682" s="613"/>
      <c r="TTM682" s="613"/>
      <c r="TTN682" s="613"/>
      <c r="TTO682" s="613"/>
      <c r="TTP682" s="613"/>
      <c r="TTQ682" s="613"/>
      <c r="TTR682" s="613"/>
      <c r="TTS682" s="613"/>
      <c r="TTT682" s="613"/>
      <c r="TTU682" s="613"/>
      <c r="TTV682" s="613"/>
      <c r="TTW682" s="613"/>
      <c r="TTX682" s="613"/>
      <c r="TTY682" s="613"/>
      <c r="TTZ682" s="613"/>
      <c r="TUA682" s="613"/>
      <c r="TUB682" s="613"/>
      <c r="TUC682" s="613"/>
      <c r="TUD682" s="613"/>
      <c r="TUE682" s="613"/>
      <c r="TUF682" s="613"/>
      <c r="TUG682" s="613"/>
      <c r="TUH682" s="613"/>
      <c r="TUI682" s="613"/>
      <c r="TUJ682" s="613"/>
      <c r="TUK682" s="613"/>
      <c r="TUL682" s="613"/>
      <c r="TUM682" s="613"/>
      <c r="TUN682" s="613"/>
      <c r="TUO682" s="613"/>
      <c r="TUP682" s="613"/>
      <c r="TUQ682" s="613"/>
      <c r="TUR682" s="613"/>
      <c r="TUS682" s="613"/>
      <c r="TUT682" s="613"/>
      <c r="TUU682" s="613"/>
      <c r="TUV682" s="613"/>
      <c r="TUW682" s="613"/>
      <c r="TUX682" s="613"/>
      <c r="TUY682" s="613"/>
      <c r="TUZ682" s="613"/>
      <c r="TVA682" s="613"/>
      <c r="TVB682" s="613"/>
      <c r="TVC682" s="613"/>
      <c r="TVD682" s="613"/>
      <c r="TVE682" s="613"/>
      <c r="TVF682" s="613"/>
      <c r="TVG682" s="613"/>
      <c r="TVH682" s="613"/>
      <c r="TVI682" s="613"/>
      <c r="TVJ682" s="613"/>
      <c r="TVK682" s="613"/>
      <c r="TVL682" s="613"/>
      <c r="TVM682" s="613"/>
      <c r="TVN682" s="613"/>
      <c r="TVO682" s="613"/>
      <c r="TVP682" s="613"/>
      <c r="TVQ682" s="613"/>
      <c r="TVR682" s="613"/>
      <c r="TVS682" s="613"/>
      <c r="TVT682" s="613"/>
      <c r="TVU682" s="613"/>
      <c r="TVV682" s="613"/>
      <c r="TVW682" s="613"/>
      <c r="TVX682" s="613"/>
      <c r="TVY682" s="613"/>
      <c r="TVZ682" s="613"/>
      <c r="TWA682" s="613"/>
      <c r="TWB682" s="613"/>
      <c r="TWC682" s="613"/>
      <c r="TWD682" s="613"/>
      <c r="TWE682" s="613"/>
      <c r="TWF682" s="613"/>
      <c r="TWG682" s="613"/>
      <c r="TWH682" s="613"/>
      <c r="TWI682" s="613"/>
      <c r="TWJ682" s="613"/>
      <c r="TWK682" s="613"/>
      <c r="TWL682" s="613"/>
      <c r="TWM682" s="613"/>
      <c r="TWN682" s="613"/>
      <c r="TWO682" s="613"/>
      <c r="TWP682" s="613"/>
      <c r="TWQ682" s="613"/>
      <c r="TWR682" s="613"/>
      <c r="TWS682" s="613"/>
      <c r="TWT682" s="613"/>
      <c r="TWU682" s="613"/>
      <c r="TWV682" s="613"/>
      <c r="TWW682" s="613"/>
      <c r="TWX682" s="613"/>
      <c r="TWY682" s="613"/>
      <c r="TWZ682" s="613"/>
      <c r="TXA682" s="613"/>
      <c r="TXB682" s="613"/>
      <c r="TXC682" s="613"/>
      <c r="TXD682" s="613"/>
      <c r="TXE682" s="613"/>
      <c r="TXF682" s="613"/>
      <c r="TXG682" s="613"/>
      <c r="TXH682" s="613"/>
      <c r="TXI682" s="613"/>
      <c r="TXJ682" s="613"/>
      <c r="TXK682" s="613"/>
      <c r="TXL682" s="613"/>
      <c r="TXM682" s="613"/>
      <c r="TXN682" s="613"/>
      <c r="TXO682" s="613"/>
      <c r="TXP682" s="613"/>
      <c r="TXQ682" s="613"/>
      <c r="TXR682" s="613"/>
      <c r="TXS682" s="613"/>
      <c r="TXT682" s="613"/>
      <c r="TXU682" s="613"/>
      <c r="TXV682" s="613"/>
      <c r="TXW682" s="613"/>
      <c r="TXX682" s="613"/>
      <c r="TXY682" s="613"/>
      <c r="TXZ682" s="613"/>
      <c r="TYA682" s="613"/>
      <c r="TYB682" s="613"/>
      <c r="TYC682" s="613"/>
      <c r="TYD682" s="613"/>
      <c r="TYE682" s="613"/>
      <c r="TYF682" s="613"/>
      <c r="TYG682" s="613"/>
      <c r="TYH682" s="613"/>
      <c r="TYI682" s="613"/>
      <c r="TYJ682" s="613"/>
      <c r="TYK682" s="613"/>
      <c r="TYL682" s="613"/>
      <c r="TYM682" s="613"/>
      <c r="TYN682" s="613"/>
      <c r="TYO682" s="613"/>
      <c r="TYP682" s="613"/>
      <c r="TYQ682" s="613"/>
      <c r="TYR682" s="613"/>
      <c r="TYS682" s="613"/>
      <c r="TYT682" s="613"/>
      <c r="TYU682" s="613"/>
      <c r="TYV682" s="613"/>
      <c r="TYW682" s="613"/>
      <c r="TYX682" s="613"/>
      <c r="TYY682" s="613"/>
      <c r="TYZ682" s="613"/>
      <c r="TZA682" s="613"/>
      <c r="TZB682" s="613"/>
      <c r="TZC682" s="613"/>
      <c r="TZD682" s="613"/>
      <c r="TZE682" s="613"/>
      <c r="TZF682" s="613"/>
      <c r="TZG682" s="613"/>
      <c r="TZH682" s="613"/>
      <c r="TZI682" s="613"/>
      <c r="TZJ682" s="613"/>
      <c r="TZK682" s="613"/>
      <c r="TZL682" s="613"/>
      <c r="TZM682" s="613"/>
      <c r="TZN682" s="613"/>
      <c r="TZO682" s="613"/>
      <c r="TZP682" s="613"/>
      <c r="TZQ682" s="613"/>
      <c r="TZR682" s="613"/>
      <c r="TZS682" s="613"/>
      <c r="TZT682" s="613"/>
      <c r="TZU682" s="613"/>
      <c r="TZV682" s="613"/>
      <c r="TZW682" s="613"/>
      <c r="TZX682" s="613"/>
      <c r="TZY682" s="613"/>
      <c r="TZZ682" s="613"/>
      <c r="UAA682" s="613"/>
      <c r="UAB682" s="613"/>
      <c r="UAC682" s="613"/>
      <c r="UAD682" s="613"/>
      <c r="UAE682" s="613"/>
      <c r="UAF682" s="613"/>
      <c r="UAG682" s="613"/>
      <c r="UAH682" s="613"/>
      <c r="UAI682" s="613"/>
      <c r="UAJ682" s="613"/>
      <c r="UAK682" s="613"/>
      <c r="UAL682" s="613"/>
      <c r="UAM682" s="613"/>
      <c r="UAN682" s="613"/>
      <c r="UAO682" s="613"/>
      <c r="UAP682" s="613"/>
      <c r="UAQ682" s="613"/>
      <c r="UAR682" s="613"/>
      <c r="UAS682" s="613"/>
      <c r="UAT682" s="613"/>
      <c r="UAU682" s="613"/>
      <c r="UAV682" s="613"/>
      <c r="UAW682" s="613"/>
      <c r="UAX682" s="613"/>
      <c r="UAY682" s="613"/>
      <c r="UAZ682" s="613"/>
      <c r="UBA682" s="613"/>
      <c r="UBB682" s="613"/>
      <c r="UBC682" s="613"/>
      <c r="UBD682" s="613"/>
      <c r="UBE682" s="613"/>
      <c r="UBF682" s="613"/>
      <c r="UBG682" s="613"/>
      <c r="UBH682" s="613"/>
      <c r="UBI682" s="613"/>
      <c r="UBJ682" s="613"/>
      <c r="UBK682" s="613"/>
      <c r="UBL682" s="613"/>
      <c r="UBM682" s="613"/>
      <c r="UBN682" s="613"/>
      <c r="UBO682" s="613"/>
      <c r="UBP682" s="613"/>
      <c r="UBQ682" s="613"/>
      <c r="UBR682" s="613"/>
      <c r="UBS682" s="613"/>
      <c r="UBT682" s="613"/>
      <c r="UBU682" s="613"/>
      <c r="UBV682" s="613"/>
      <c r="UBW682" s="613"/>
      <c r="UBX682" s="613"/>
      <c r="UBY682" s="613"/>
      <c r="UBZ682" s="613"/>
      <c r="UCA682" s="613"/>
      <c r="UCB682" s="613"/>
      <c r="UCC682" s="613"/>
      <c r="UCD682" s="613"/>
      <c r="UCE682" s="613"/>
      <c r="UCF682" s="613"/>
      <c r="UCG682" s="613"/>
      <c r="UCH682" s="613"/>
      <c r="UCI682" s="613"/>
      <c r="UCJ682" s="613"/>
      <c r="UCK682" s="613"/>
      <c r="UCL682" s="613"/>
      <c r="UCM682" s="613"/>
      <c r="UCN682" s="613"/>
      <c r="UCO682" s="613"/>
      <c r="UCP682" s="613"/>
      <c r="UCQ682" s="613"/>
      <c r="UCR682" s="613"/>
      <c r="UCS682" s="613"/>
      <c r="UCT682" s="613"/>
      <c r="UCU682" s="613"/>
      <c r="UCV682" s="613"/>
      <c r="UCW682" s="613"/>
      <c r="UCX682" s="613"/>
      <c r="UCY682" s="613"/>
      <c r="UCZ682" s="613"/>
      <c r="UDA682" s="613"/>
      <c r="UDB682" s="613"/>
      <c r="UDC682" s="613"/>
      <c r="UDD682" s="613"/>
      <c r="UDE682" s="613"/>
      <c r="UDF682" s="613"/>
      <c r="UDG682" s="613"/>
      <c r="UDH682" s="613"/>
      <c r="UDI682" s="613"/>
      <c r="UDJ682" s="613"/>
      <c r="UDK682" s="613"/>
      <c r="UDL682" s="613"/>
      <c r="UDM682" s="613"/>
      <c r="UDN682" s="613"/>
      <c r="UDO682" s="613"/>
      <c r="UDP682" s="613"/>
      <c r="UDQ682" s="613"/>
      <c r="UDR682" s="613"/>
      <c r="UDS682" s="613"/>
      <c r="UDT682" s="613"/>
      <c r="UDU682" s="613"/>
      <c r="UDV682" s="613"/>
      <c r="UDW682" s="613"/>
      <c r="UDX682" s="613"/>
      <c r="UDY682" s="613"/>
      <c r="UDZ682" s="613"/>
      <c r="UEA682" s="613"/>
      <c r="UEB682" s="613"/>
      <c r="UEC682" s="613"/>
      <c r="UED682" s="613"/>
      <c r="UEE682" s="613"/>
      <c r="UEF682" s="613"/>
      <c r="UEG682" s="613"/>
      <c r="UEH682" s="613"/>
      <c r="UEI682" s="613"/>
      <c r="UEJ682" s="613"/>
      <c r="UEK682" s="613"/>
      <c r="UEL682" s="613"/>
      <c r="UEM682" s="613"/>
      <c r="UEN682" s="613"/>
      <c r="UEO682" s="613"/>
      <c r="UEP682" s="613"/>
      <c r="UEQ682" s="613"/>
      <c r="UER682" s="613"/>
      <c r="UES682" s="613"/>
      <c r="UET682" s="613"/>
      <c r="UEU682" s="613"/>
      <c r="UEV682" s="613"/>
      <c r="UEW682" s="613"/>
      <c r="UEX682" s="613"/>
      <c r="UEY682" s="613"/>
      <c r="UEZ682" s="613"/>
      <c r="UFA682" s="613"/>
      <c r="UFB682" s="613"/>
      <c r="UFC682" s="613"/>
      <c r="UFD682" s="613"/>
      <c r="UFE682" s="613"/>
      <c r="UFF682" s="613"/>
      <c r="UFG682" s="613"/>
      <c r="UFH682" s="613"/>
      <c r="UFI682" s="613"/>
      <c r="UFJ682" s="613"/>
      <c r="UFK682" s="613"/>
      <c r="UFL682" s="613"/>
      <c r="UFM682" s="613"/>
      <c r="UFN682" s="613"/>
      <c r="UFO682" s="613"/>
      <c r="UFP682" s="613"/>
      <c r="UFQ682" s="613"/>
      <c r="UFR682" s="613"/>
      <c r="UFS682" s="613"/>
      <c r="UFT682" s="613"/>
      <c r="UFU682" s="613"/>
      <c r="UFV682" s="613"/>
      <c r="UFW682" s="613"/>
      <c r="UFX682" s="613"/>
      <c r="UFY682" s="613"/>
      <c r="UFZ682" s="613"/>
      <c r="UGA682" s="613"/>
      <c r="UGB682" s="613"/>
      <c r="UGC682" s="613"/>
      <c r="UGD682" s="613"/>
      <c r="UGE682" s="613"/>
      <c r="UGF682" s="613"/>
      <c r="UGG682" s="613"/>
      <c r="UGH682" s="613"/>
      <c r="UGI682" s="613"/>
      <c r="UGJ682" s="613"/>
      <c r="UGK682" s="613"/>
      <c r="UGL682" s="613"/>
      <c r="UGM682" s="613"/>
      <c r="UGN682" s="613"/>
      <c r="UGO682" s="613"/>
      <c r="UGP682" s="613"/>
      <c r="UGQ682" s="613"/>
      <c r="UGR682" s="613"/>
      <c r="UGS682" s="613"/>
      <c r="UGT682" s="613"/>
      <c r="UGU682" s="613"/>
      <c r="UGV682" s="613"/>
      <c r="UGW682" s="613"/>
      <c r="UGX682" s="613"/>
      <c r="UGY682" s="613"/>
      <c r="UGZ682" s="613"/>
      <c r="UHA682" s="613"/>
      <c r="UHB682" s="613"/>
      <c r="UHC682" s="613"/>
      <c r="UHD682" s="613"/>
      <c r="UHE682" s="613"/>
      <c r="UHF682" s="613"/>
      <c r="UHG682" s="613"/>
      <c r="UHH682" s="613"/>
      <c r="UHI682" s="613"/>
      <c r="UHJ682" s="613"/>
      <c r="UHK682" s="613"/>
      <c r="UHL682" s="613"/>
      <c r="UHM682" s="613"/>
      <c r="UHN682" s="613"/>
      <c r="UHO682" s="613"/>
      <c r="UHP682" s="613"/>
      <c r="UHQ682" s="613"/>
      <c r="UHR682" s="613"/>
      <c r="UHS682" s="613"/>
      <c r="UHT682" s="613"/>
      <c r="UHU682" s="613"/>
      <c r="UHV682" s="613"/>
      <c r="UHW682" s="613"/>
      <c r="UHX682" s="613"/>
      <c r="UHY682" s="613"/>
      <c r="UHZ682" s="613"/>
      <c r="UIA682" s="613"/>
      <c r="UIB682" s="613"/>
      <c r="UIC682" s="613"/>
      <c r="UID682" s="613"/>
      <c r="UIE682" s="613"/>
      <c r="UIF682" s="613"/>
      <c r="UIG682" s="613"/>
      <c r="UIH682" s="613"/>
      <c r="UII682" s="613"/>
      <c r="UIJ682" s="613"/>
      <c r="UIK682" s="613"/>
      <c r="UIL682" s="613"/>
      <c r="UIM682" s="613"/>
      <c r="UIN682" s="613"/>
      <c r="UIO682" s="613"/>
      <c r="UIP682" s="613"/>
      <c r="UIQ682" s="613"/>
      <c r="UIR682" s="613"/>
      <c r="UIS682" s="613"/>
      <c r="UIT682" s="613"/>
      <c r="UIU682" s="613"/>
      <c r="UIV682" s="613"/>
      <c r="UIW682" s="613"/>
      <c r="UIX682" s="613"/>
      <c r="UIY682" s="613"/>
      <c r="UIZ682" s="613"/>
      <c r="UJA682" s="613"/>
      <c r="UJB682" s="613"/>
      <c r="UJC682" s="613"/>
      <c r="UJD682" s="613"/>
      <c r="UJE682" s="613"/>
      <c r="UJF682" s="613"/>
      <c r="UJG682" s="613"/>
      <c r="UJH682" s="613"/>
      <c r="UJI682" s="613"/>
      <c r="UJJ682" s="613"/>
      <c r="UJK682" s="613"/>
      <c r="UJL682" s="613"/>
      <c r="UJM682" s="613"/>
      <c r="UJN682" s="613"/>
      <c r="UJO682" s="613"/>
      <c r="UJP682" s="613"/>
      <c r="UJQ682" s="613"/>
      <c r="UJR682" s="613"/>
      <c r="UJS682" s="613"/>
      <c r="UJT682" s="613"/>
      <c r="UJU682" s="613"/>
      <c r="UJV682" s="613"/>
      <c r="UJW682" s="613"/>
      <c r="UJX682" s="613"/>
      <c r="UJY682" s="613"/>
      <c r="UJZ682" s="613"/>
      <c r="UKA682" s="613"/>
      <c r="UKB682" s="613"/>
      <c r="UKC682" s="613"/>
      <c r="UKD682" s="613"/>
      <c r="UKE682" s="613"/>
      <c r="UKF682" s="613"/>
      <c r="UKG682" s="613"/>
      <c r="UKH682" s="613"/>
      <c r="UKI682" s="613"/>
      <c r="UKJ682" s="613"/>
      <c r="UKK682" s="613"/>
      <c r="UKL682" s="613"/>
      <c r="UKM682" s="613"/>
      <c r="UKN682" s="613"/>
      <c r="UKO682" s="613"/>
      <c r="UKP682" s="613"/>
      <c r="UKQ682" s="613"/>
      <c r="UKR682" s="613"/>
      <c r="UKS682" s="613"/>
      <c r="UKT682" s="613"/>
      <c r="UKU682" s="613"/>
      <c r="UKV682" s="613"/>
      <c r="UKW682" s="613"/>
      <c r="UKX682" s="613"/>
      <c r="UKY682" s="613"/>
      <c r="UKZ682" s="613"/>
      <c r="ULA682" s="613"/>
      <c r="ULB682" s="613"/>
      <c r="ULC682" s="613"/>
      <c r="ULD682" s="613"/>
      <c r="ULE682" s="613"/>
      <c r="ULF682" s="613"/>
      <c r="ULG682" s="613"/>
      <c r="ULH682" s="613"/>
      <c r="ULI682" s="613"/>
      <c r="ULJ682" s="613"/>
      <c r="ULK682" s="613"/>
      <c r="ULL682" s="613"/>
      <c r="ULM682" s="613"/>
      <c r="ULN682" s="613"/>
      <c r="ULO682" s="613"/>
      <c r="ULP682" s="613"/>
      <c r="ULQ682" s="613"/>
      <c r="ULR682" s="613"/>
      <c r="ULS682" s="613"/>
      <c r="ULT682" s="613"/>
      <c r="ULU682" s="613"/>
      <c r="ULV682" s="613"/>
      <c r="ULW682" s="613"/>
      <c r="ULX682" s="613"/>
      <c r="ULY682" s="613"/>
      <c r="ULZ682" s="613"/>
      <c r="UMA682" s="613"/>
      <c r="UMB682" s="613"/>
      <c r="UMC682" s="613"/>
      <c r="UMD682" s="613"/>
      <c r="UME682" s="613"/>
      <c r="UMF682" s="613"/>
      <c r="UMG682" s="613"/>
      <c r="UMH682" s="613"/>
      <c r="UMI682" s="613"/>
      <c r="UMJ682" s="613"/>
      <c r="UMK682" s="613"/>
      <c r="UML682" s="613"/>
      <c r="UMM682" s="613"/>
      <c r="UMN682" s="613"/>
      <c r="UMO682" s="613"/>
      <c r="UMP682" s="613"/>
      <c r="UMQ682" s="613"/>
      <c r="UMR682" s="613"/>
      <c r="UMS682" s="613"/>
      <c r="UMT682" s="613"/>
      <c r="UMU682" s="613"/>
      <c r="UMV682" s="613"/>
      <c r="UMW682" s="613"/>
      <c r="UMX682" s="613"/>
      <c r="UMY682" s="613"/>
      <c r="UMZ682" s="613"/>
      <c r="UNA682" s="613"/>
      <c r="UNB682" s="613"/>
      <c r="UNC682" s="613"/>
      <c r="UND682" s="613"/>
      <c r="UNE682" s="613"/>
      <c r="UNF682" s="613"/>
      <c r="UNG682" s="613"/>
      <c r="UNH682" s="613"/>
      <c r="UNI682" s="613"/>
      <c r="UNJ682" s="613"/>
      <c r="UNK682" s="613"/>
      <c r="UNL682" s="613"/>
      <c r="UNM682" s="613"/>
      <c r="UNN682" s="613"/>
      <c r="UNO682" s="613"/>
      <c r="UNP682" s="613"/>
      <c r="UNQ682" s="613"/>
      <c r="UNR682" s="613"/>
      <c r="UNS682" s="613"/>
      <c r="UNT682" s="613"/>
      <c r="UNU682" s="613"/>
      <c r="UNV682" s="613"/>
      <c r="UNW682" s="613"/>
      <c r="UNX682" s="613"/>
      <c r="UNY682" s="613"/>
      <c r="UNZ682" s="613"/>
      <c r="UOA682" s="613"/>
      <c r="UOB682" s="613"/>
      <c r="UOC682" s="613"/>
      <c r="UOD682" s="613"/>
      <c r="UOE682" s="613"/>
      <c r="UOF682" s="613"/>
      <c r="UOG682" s="613"/>
      <c r="UOH682" s="613"/>
      <c r="UOI682" s="613"/>
      <c r="UOJ682" s="613"/>
      <c r="UOK682" s="613"/>
      <c r="UOL682" s="613"/>
      <c r="UOM682" s="613"/>
      <c r="UON682" s="613"/>
      <c r="UOO682" s="613"/>
      <c r="UOP682" s="613"/>
      <c r="UOQ682" s="613"/>
      <c r="UOR682" s="613"/>
      <c r="UOS682" s="613"/>
      <c r="UOT682" s="613"/>
      <c r="UOU682" s="613"/>
      <c r="UOV682" s="613"/>
      <c r="UOW682" s="613"/>
      <c r="UOX682" s="613"/>
      <c r="UOY682" s="613"/>
      <c r="UOZ682" s="613"/>
      <c r="UPA682" s="613"/>
      <c r="UPB682" s="613"/>
      <c r="UPC682" s="613"/>
      <c r="UPD682" s="613"/>
      <c r="UPE682" s="613"/>
      <c r="UPF682" s="613"/>
      <c r="UPG682" s="613"/>
      <c r="UPH682" s="613"/>
      <c r="UPI682" s="613"/>
      <c r="UPJ682" s="613"/>
      <c r="UPK682" s="613"/>
      <c r="UPL682" s="613"/>
      <c r="UPM682" s="613"/>
      <c r="UPN682" s="613"/>
      <c r="UPO682" s="613"/>
      <c r="UPP682" s="613"/>
      <c r="UPQ682" s="613"/>
      <c r="UPR682" s="613"/>
      <c r="UPS682" s="613"/>
      <c r="UPT682" s="613"/>
      <c r="UPU682" s="613"/>
      <c r="UPV682" s="613"/>
      <c r="UPW682" s="613"/>
      <c r="UPX682" s="613"/>
      <c r="UPY682" s="613"/>
      <c r="UPZ682" s="613"/>
      <c r="UQA682" s="613"/>
      <c r="UQB682" s="613"/>
      <c r="UQC682" s="613"/>
      <c r="UQD682" s="613"/>
      <c r="UQE682" s="613"/>
      <c r="UQF682" s="613"/>
      <c r="UQG682" s="613"/>
      <c r="UQH682" s="613"/>
      <c r="UQI682" s="613"/>
      <c r="UQJ682" s="613"/>
      <c r="UQK682" s="613"/>
      <c r="UQL682" s="613"/>
      <c r="UQM682" s="613"/>
      <c r="UQN682" s="613"/>
      <c r="UQO682" s="613"/>
      <c r="UQP682" s="613"/>
      <c r="UQQ682" s="613"/>
      <c r="UQR682" s="613"/>
      <c r="UQS682" s="613"/>
      <c r="UQT682" s="613"/>
      <c r="UQU682" s="613"/>
      <c r="UQV682" s="613"/>
      <c r="UQW682" s="613"/>
      <c r="UQX682" s="613"/>
      <c r="UQY682" s="613"/>
      <c r="UQZ682" s="613"/>
      <c r="URA682" s="613"/>
      <c r="URB682" s="613"/>
      <c r="URC682" s="613"/>
      <c r="URD682" s="613"/>
      <c r="URE682" s="613"/>
      <c r="URF682" s="613"/>
      <c r="URG682" s="613"/>
      <c r="URH682" s="613"/>
      <c r="URI682" s="613"/>
      <c r="URJ682" s="613"/>
      <c r="URK682" s="613"/>
      <c r="URL682" s="613"/>
      <c r="URM682" s="613"/>
      <c r="URN682" s="613"/>
      <c r="URO682" s="613"/>
      <c r="URP682" s="613"/>
      <c r="URQ682" s="613"/>
      <c r="URR682" s="613"/>
      <c r="URS682" s="613"/>
      <c r="URT682" s="613"/>
      <c r="URU682" s="613"/>
      <c r="URV682" s="613"/>
      <c r="URW682" s="613"/>
      <c r="URX682" s="613"/>
      <c r="URY682" s="613"/>
      <c r="URZ682" s="613"/>
      <c r="USA682" s="613"/>
      <c r="USB682" s="613"/>
      <c r="USC682" s="613"/>
      <c r="USD682" s="613"/>
      <c r="USE682" s="613"/>
      <c r="USF682" s="613"/>
      <c r="USG682" s="613"/>
      <c r="USH682" s="613"/>
      <c r="USI682" s="613"/>
      <c r="USJ682" s="613"/>
      <c r="USK682" s="613"/>
      <c r="USL682" s="613"/>
      <c r="USM682" s="613"/>
      <c r="USN682" s="613"/>
      <c r="USO682" s="613"/>
      <c r="USP682" s="613"/>
      <c r="USQ682" s="613"/>
      <c r="USR682" s="613"/>
      <c r="USS682" s="613"/>
      <c r="UST682" s="613"/>
      <c r="USU682" s="613"/>
      <c r="USV682" s="613"/>
      <c r="USW682" s="613"/>
      <c r="USX682" s="613"/>
      <c r="USY682" s="613"/>
      <c r="USZ682" s="613"/>
      <c r="UTA682" s="613"/>
      <c r="UTB682" s="613"/>
      <c r="UTC682" s="613"/>
      <c r="UTD682" s="613"/>
      <c r="UTE682" s="613"/>
      <c r="UTF682" s="613"/>
      <c r="UTG682" s="613"/>
      <c r="UTH682" s="613"/>
      <c r="UTI682" s="613"/>
      <c r="UTJ682" s="613"/>
      <c r="UTK682" s="613"/>
      <c r="UTL682" s="613"/>
      <c r="UTM682" s="613"/>
      <c r="UTN682" s="613"/>
      <c r="UTO682" s="613"/>
      <c r="UTP682" s="613"/>
      <c r="UTQ682" s="613"/>
      <c r="UTR682" s="613"/>
      <c r="UTS682" s="613"/>
      <c r="UTT682" s="613"/>
      <c r="UTU682" s="613"/>
      <c r="UTV682" s="613"/>
      <c r="UTW682" s="613"/>
      <c r="UTX682" s="613"/>
      <c r="UTY682" s="613"/>
      <c r="UTZ682" s="613"/>
      <c r="UUA682" s="613"/>
      <c r="UUB682" s="613"/>
      <c r="UUC682" s="613"/>
      <c r="UUD682" s="613"/>
      <c r="UUE682" s="613"/>
      <c r="UUF682" s="613"/>
      <c r="UUG682" s="613"/>
      <c r="UUH682" s="613"/>
      <c r="UUI682" s="613"/>
      <c r="UUJ682" s="613"/>
      <c r="UUK682" s="613"/>
      <c r="UUL682" s="613"/>
      <c r="UUM682" s="613"/>
      <c r="UUN682" s="613"/>
      <c r="UUO682" s="613"/>
      <c r="UUP682" s="613"/>
      <c r="UUQ682" s="613"/>
      <c r="UUR682" s="613"/>
      <c r="UUS682" s="613"/>
      <c r="UUT682" s="613"/>
      <c r="UUU682" s="613"/>
      <c r="UUV682" s="613"/>
      <c r="UUW682" s="613"/>
      <c r="UUX682" s="613"/>
      <c r="UUY682" s="613"/>
      <c r="UUZ682" s="613"/>
      <c r="UVA682" s="613"/>
      <c r="UVB682" s="613"/>
      <c r="UVC682" s="613"/>
      <c r="UVD682" s="613"/>
      <c r="UVE682" s="613"/>
      <c r="UVF682" s="613"/>
      <c r="UVG682" s="613"/>
      <c r="UVH682" s="613"/>
      <c r="UVI682" s="613"/>
      <c r="UVJ682" s="613"/>
      <c r="UVK682" s="613"/>
      <c r="UVL682" s="613"/>
      <c r="UVM682" s="613"/>
      <c r="UVN682" s="613"/>
      <c r="UVO682" s="613"/>
      <c r="UVP682" s="613"/>
      <c r="UVQ682" s="613"/>
      <c r="UVR682" s="613"/>
      <c r="UVS682" s="613"/>
      <c r="UVT682" s="613"/>
      <c r="UVU682" s="613"/>
      <c r="UVV682" s="613"/>
      <c r="UVW682" s="613"/>
      <c r="UVX682" s="613"/>
      <c r="UVY682" s="613"/>
      <c r="UVZ682" s="613"/>
      <c r="UWA682" s="613"/>
      <c r="UWB682" s="613"/>
      <c r="UWC682" s="613"/>
      <c r="UWD682" s="613"/>
      <c r="UWE682" s="613"/>
      <c r="UWF682" s="613"/>
      <c r="UWG682" s="613"/>
      <c r="UWH682" s="613"/>
      <c r="UWI682" s="613"/>
      <c r="UWJ682" s="613"/>
      <c r="UWK682" s="613"/>
      <c r="UWL682" s="613"/>
      <c r="UWM682" s="613"/>
      <c r="UWN682" s="613"/>
      <c r="UWO682" s="613"/>
      <c r="UWP682" s="613"/>
      <c r="UWQ682" s="613"/>
      <c r="UWR682" s="613"/>
      <c r="UWS682" s="613"/>
      <c r="UWT682" s="613"/>
      <c r="UWU682" s="613"/>
      <c r="UWV682" s="613"/>
      <c r="UWW682" s="613"/>
      <c r="UWX682" s="613"/>
      <c r="UWY682" s="613"/>
      <c r="UWZ682" s="613"/>
      <c r="UXA682" s="613"/>
      <c r="UXB682" s="613"/>
      <c r="UXC682" s="613"/>
      <c r="UXD682" s="613"/>
      <c r="UXE682" s="613"/>
      <c r="UXF682" s="613"/>
      <c r="UXG682" s="613"/>
      <c r="UXH682" s="613"/>
      <c r="UXI682" s="613"/>
      <c r="UXJ682" s="613"/>
      <c r="UXK682" s="613"/>
      <c r="UXL682" s="613"/>
      <c r="UXM682" s="613"/>
      <c r="UXN682" s="613"/>
      <c r="UXO682" s="613"/>
      <c r="UXP682" s="613"/>
      <c r="UXQ682" s="613"/>
      <c r="UXR682" s="613"/>
      <c r="UXS682" s="613"/>
      <c r="UXT682" s="613"/>
      <c r="UXU682" s="613"/>
      <c r="UXV682" s="613"/>
      <c r="UXW682" s="613"/>
      <c r="UXX682" s="613"/>
      <c r="UXY682" s="613"/>
      <c r="UXZ682" s="613"/>
      <c r="UYA682" s="613"/>
      <c r="UYB682" s="613"/>
      <c r="UYC682" s="613"/>
      <c r="UYD682" s="613"/>
      <c r="UYE682" s="613"/>
      <c r="UYF682" s="613"/>
      <c r="UYG682" s="613"/>
      <c r="UYH682" s="613"/>
      <c r="UYI682" s="613"/>
      <c r="UYJ682" s="613"/>
      <c r="UYK682" s="613"/>
      <c r="UYL682" s="613"/>
      <c r="UYM682" s="613"/>
      <c r="UYN682" s="613"/>
      <c r="UYO682" s="613"/>
      <c r="UYP682" s="613"/>
      <c r="UYQ682" s="613"/>
      <c r="UYR682" s="613"/>
      <c r="UYS682" s="613"/>
      <c r="UYT682" s="613"/>
      <c r="UYU682" s="613"/>
      <c r="UYV682" s="613"/>
      <c r="UYW682" s="613"/>
      <c r="UYX682" s="613"/>
      <c r="UYY682" s="613"/>
      <c r="UYZ682" s="613"/>
      <c r="UZA682" s="613"/>
      <c r="UZB682" s="613"/>
      <c r="UZC682" s="613"/>
      <c r="UZD682" s="613"/>
      <c r="UZE682" s="613"/>
      <c r="UZF682" s="613"/>
      <c r="UZG682" s="613"/>
      <c r="UZH682" s="613"/>
      <c r="UZI682" s="613"/>
      <c r="UZJ682" s="613"/>
      <c r="UZK682" s="613"/>
      <c r="UZL682" s="613"/>
      <c r="UZM682" s="613"/>
      <c r="UZN682" s="613"/>
      <c r="UZO682" s="613"/>
      <c r="UZP682" s="613"/>
      <c r="UZQ682" s="613"/>
      <c r="UZR682" s="613"/>
      <c r="UZS682" s="613"/>
      <c r="UZT682" s="613"/>
      <c r="UZU682" s="613"/>
      <c r="UZV682" s="613"/>
      <c r="UZW682" s="613"/>
      <c r="UZX682" s="613"/>
      <c r="UZY682" s="613"/>
      <c r="UZZ682" s="613"/>
      <c r="VAA682" s="613"/>
      <c r="VAB682" s="613"/>
      <c r="VAC682" s="613"/>
      <c r="VAD682" s="613"/>
      <c r="VAE682" s="613"/>
      <c r="VAF682" s="613"/>
      <c r="VAG682" s="613"/>
      <c r="VAH682" s="613"/>
      <c r="VAI682" s="613"/>
      <c r="VAJ682" s="613"/>
      <c r="VAK682" s="613"/>
      <c r="VAL682" s="613"/>
      <c r="VAM682" s="613"/>
      <c r="VAN682" s="613"/>
      <c r="VAO682" s="613"/>
      <c r="VAP682" s="613"/>
      <c r="VAQ682" s="613"/>
      <c r="VAR682" s="613"/>
      <c r="VAS682" s="613"/>
      <c r="VAT682" s="613"/>
      <c r="VAU682" s="613"/>
      <c r="VAV682" s="613"/>
      <c r="VAW682" s="613"/>
      <c r="VAX682" s="613"/>
      <c r="VAY682" s="613"/>
      <c r="VAZ682" s="613"/>
      <c r="VBA682" s="613"/>
      <c r="VBB682" s="613"/>
      <c r="VBC682" s="613"/>
      <c r="VBD682" s="613"/>
      <c r="VBE682" s="613"/>
      <c r="VBF682" s="613"/>
      <c r="VBG682" s="613"/>
      <c r="VBH682" s="613"/>
      <c r="VBI682" s="613"/>
      <c r="VBJ682" s="613"/>
      <c r="VBK682" s="613"/>
      <c r="VBL682" s="613"/>
      <c r="VBM682" s="613"/>
      <c r="VBN682" s="613"/>
      <c r="VBO682" s="613"/>
      <c r="VBP682" s="613"/>
      <c r="VBQ682" s="613"/>
      <c r="VBR682" s="613"/>
      <c r="VBS682" s="613"/>
      <c r="VBT682" s="613"/>
      <c r="VBU682" s="613"/>
      <c r="VBV682" s="613"/>
      <c r="VBW682" s="613"/>
      <c r="VBX682" s="613"/>
      <c r="VBY682" s="613"/>
      <c r="VBZ682" s="613"/>
      <c r="VCA682" s="613"/>
      <c r="VCB682" s="613"/>
      <c r="VCC682" s="613"/>
      <c r="VCD682" s="613"/>
      <c r="VCE682" s="613"/>
      <c r="VCF682" s="613"/>
      <c r="VCG682" s="613"/>
      <c r="VCH682" s="613"/>
      <c r="VCI682" s="613"/>
      <c r="VCJ682" s="613"/>
      <c r="VCK682" s="613"/>
      <c r="VCL682" s="613"/>
      <c r="VCM682" s="613"/>
      <c r="VCN682" s="613"/>
      <c r="VCO682" s="613"/>
      <c r="VCP682" s="613"/>
      <c r="VCQ682" s="613"/>
      <c r="VCR682" s="613"/>
      <c r="VCS682" s="613"/>
      <c r="VCT682" s="613"/>
      <c r="VCU682" s="613"/>
      <c r="VCV682" s="613"/>
      <c r="VCW682" s="613"/>
      <c r="VCX682" s="613"/>
      <c r="VCY682" s="613"/>
      <c r="VCZ682" s="613"/>
      <c r="VDA682" s="613"/>
      <c r="VDB682" s="613"/>
      <c r="VDC682" s="613"/>
      <c r="VDD682" s="613"/>
      <c r="VDE682" s="613"/>
      <c r="VDF682" s="613"/>
      <c r="VDG682" s="613"/>
      <c r="VDH682" s="613"/>
      <c r="VDI682" s="613"/>
      <c r="VDJ682" s="613"/>
      <c r="VDK682" s="613"/>
      <c r="VDL682" s="613"/>
      <c r="VDM682" s="613"/>
      <c r="VDN682" s="613"/>
      <c r="VDO682" s="613"/>
      <c r="VDP682" s="613"/>
      <c r="VDQ682" s="613"/>
      <c r="VDR682" s="613"/>
      <c r="VDS682" s="613"/>
      <c r="VDT682" s="613"/>
      <c r="VDU682" s="613"/>
      <c r="VDV682" s="613"/>
      <c r="VDW682" s="613"/>
      <c r="VDX682" s="613"/>
      <c r="VDY682" s="613"/>
      <c r="VDZ682" s="613"/>
      <c r="VEA682" s="613"/>
      <c r="VEB682" s="613"/>
      <c r="VEC682" s="613"/>
      <c r="VED682" s="613"/>
      <c r="VEE682" s="613"/>
      <c r="VEF682" s="613"/>
      <c r="VEG682" s="613"/>
      <c r="VEH682" s="613"/>
      <c r="VEI682" s="613"/>
      <c r="VEJ682" s="613"/>
      <c r="VEK682" s="613"/>
      <c r="VEL682" s="613"/>
      <c r="VEM682" s="613"/>
      <c r="VEN682" s="613"/>
      <c r="VEO682" s="613"/>
      <c r="VEP682" s="613"/>
      <c r="VEQ682" s="613"/>
      <c r="VER682" s="613"/>
      <c r="VES682" s="613"/>
      <c r="VET682" s="613"/>
      <c r="VEU682" s="613"/>
      <c r="VEV682" s="613"/>
      <c r="VEW682" s="613"/>
      <c r="VEX682" s="613"/>
      <c r="VEY682" s="613"/>
      <c r="VEZ682" s="613"/>
      <c r="VFA682" s="613"/>
      <c r="VFB682" s="613"/>
      <c r="VFC682" s="613"/>
      <c r="VFD682" s="613"/>
      <c r="VFE682" s="613"/>
      <c r="VFF682" s="613"/>
      <c r="VFG682" s="613"/>
      <c r="VFH682" s="613"/>
      <c r="VFI682" s="613"/>
      <c r="VFJ682" s="613"/>
      <c r="VFK682" s="613"/>
      <c r="VFL682" s="613"/>
      <c r="VFM682" s="613"/>
      <c r="VFN682" s="613"/>
      <c r="VFO682" s="613"/>
      <c r="VFP682" s="613"/>
      <c r="VFQ682" s="613"/>
      <c r="VFR682" s="613"/>
      <c r="VFS682" s="613"/>
      <c r="VFT682" s="613"/>
      <c r="VFU682" s="613"/>
      <c r="VFV682" s="613"/>
      <c r="VFW682" s="613"/>
      <c r="VFX682" s="613"/>
      <c r="VFY682" s="613"/>
      <c r="VFZ682" s="613"/>
      <c r="VGA682" s="613"/>
      <c r="VGB682" s="613"/>
      <c r="VGC682" s="613"/>
      <c r="VGD682" s="613"/>
      <c r="VGE682" s="613"/>
      <c r="VGF682" s="613"/>
      <c r="VGG682" s="613"/>
      <c r="VGH682" s="613"/>
      <c r="VGI682" s="613"/>
      <c r="VGJ682" s="613"/>
      <c r="VGK682" s="613"/>
      <c r="VGL682" s="613"/>
      <c r="VGM682" s="613"/>
      <c r="VGN682" s="613"/>
      <c r="VGO682" s="613"/>
      <c r="VGP682" s="613"/>
      <c r="VGQ682" s="613"/>
      <c r="VGR682" s="613"/>
      <c r="VGS682" s="613"/>
      <c r="VGT682" s="613"/>
      <c r="VGU682" s="613"/>
      <c r="VGV682" s="613"/>
      <c r="VGW682" s="613"/>
      <c r="VGX682" s="613"/>
      <c r="VGY682" s="613"/>
      <c r="VGZ682" s="613"/>
      <c r="VHA682" s="613"/>
      <c r="VHB682" s="613"/>
      <c r="VHC682" s="613"/>
      <c r="VHD682" s="613"/>
      <c r="VHE682" s="613"/>
      <c r="VHF682" s="613"/>
      <c r="VHG682" s="613"/>
      <c r="VHH682" s="613"/>
      <c r="VHI682" s="613"/>
      <c r="VHJ682" s="613"/>
      <c r="VHK682" s="613"/>
      <c r="VHL682" s="613"/>
      <c r="VHM682" s="613"/>
      <c r="VHN682" s="613"/>
      <c r="VHO682" s="613"/>
      <c r="VHP682" s="613"/>
      <c r="VHQ682" s="613"/>
      <c r="VHR682" s="613"/>
      <c r="VHS682" s="613"/>
      <c r="VHT682" s="613"/>
      <c r="VHU682" s="613"/>
      <c r="VHV682" s="613"/>
      <c r="VHW682" s="613"/>
      <c r="VHX682" s="613"/>
      <c r="VHY682" s="613"/>
      <c r="VHZ682" s="613"/>
      <c r="VIA682" s="613"/>
      <c r="VIB682" s="613"/>
      <c r="VIC682" s="613"/>
      <c r="VID682" s="613"/>
      <c r="VIE682" s="613"/>
      <c r="VIF682" s="613"/>
      <c r="VIG682" s="613"/>
      <c r="VIH682" s="613"/>
      <c r="VII682" s="613"/>
      <c r="VIJ682" s="613"/>
      <c r="VIK682" s="613"/>
      <c r="VIL682" s="613"/>
      <c r="VIM682" s="613"/>
      <c r="VIN682" s="613"/>
      <c r="VIO682" s="613"/>
      <c r="VIP682" s="613"/>
      <c r="VIQ682" s="613"/>
      <c r="VIR682" s="613"/>
      <c r="VIS682" s="613"/>
      <c r="VIT682" s="613"/>
      <c r="VIU682" s="613"/>
      <c r="VIV682" s="613"/>
      <c r="VIW682" s="613"/>
      <c r="VIX682" s="613"/>
      <c r="VIY682" s="613"/>
      <c r="VIZ682" s="613"/>
      <c r="VJA682" s="613"/>
      <c r="VJB682" s="613"/>
      <c r="VJC682" s="613"/>
      <c r="VJD682" s="613"/>
      <c r="VJE682" s="613"/>
      <c r="VJF682" s="613"/>
      <c r="VJG682" s="613"/>
      <c r="VJH682" s="613"/>
      <c r="VJI682" s="613"/>
      <c r="VJJ682" s="613"/>
      <c r="VJK682" s="613"/>
      <c r="VJL682" s="613"/>
      <c r="VJM682" s="613"/>
      <c r="VJN682" s="613"/>
      <c r="VJO682" s="613"/>
      <c r="VJP682" s="613"/>
      <c r="VJQ682" s="613"/>
      <c r="VJR682" s="613"/>
      <c r="VJS682" s="613"/>
      <c r="VJT682" s="613"/>
      <c r="VJU682" s="613"/>
      <c r="VJV682" s="613"/>
      <c r="VJW682" s="613"/>
      <c r="VJX682" s="613"/>
      <c r="VJY682" s="613"/>
      <c r="VJZ682" s="613"/>
      <c r="VKA682" s="613"/>
      <c r="VKB682" s="613"/>
      <c r="VKC682" s="613"/>
      <c r="VKD682" s="613"/>
      <c r="VKE682" s="613"/>
      <c r="VKF682" s="613"/>
      <c r="VKG682" s="613"/>
      <c r="VKH682" s="613"/>
      <c r="VKI682" s="613"/>
      <c r="VKJ682" s="613"/>
      <c r="VKK682" s="613"/>
      <c r="VKL682" s="613"/>
      <c r="VKM682" s="613"/>
      <c r="VKN682" s="613"/>
      <c r="VKO682" s="613"/>
      <c r="VKP682" s="613"/>
      <c r="VKQ682" s="613"/>
      <c r="VKR682" s="613"/>
      <c r="VKS682" s="613"/>
      <c r="VKT682" s="613"/>
      <c r="VKU682" s="613"/>
      <c r="VKV682" s="613"/>
      <c r="VKW682" s="613"/>
      <c r="VKX682" s="613"/>
      <c r="VKY682" s="613"/>
      <c r="VKZ682" s="613"/>
      <c r="VLA682" s="613"/>
      <c r="VLB682" s="613"/>
      <c r="VLC682" s="613"/>
      <c r="VLD682" s="613"/>
      <c r="VLE682" s="613"/>
      <c r="VLF682" s="613"/>
      <c r="VLG682" s="613"/>
      <c r="VLH682" s="613"/>
      <c r="VLI682" s="613"/>
      <c r="VLJ682" s="613"/>
      <c r="VLK682" s="613"/>
      <c r="VLL682" s="613"/>
      <c r="VLM682" s="613"/>
      <c r="VLN682" s="613"/>
      <c r="VLO682" s="613"/>
      <c r="VLP682" s="613"/>
      <c r="VLQ682" s="613"/>
      <c r="VLR682" s="613"/>
      <c r="VLS682" s="613"/>
      <c r="VLT682" s="613"/>
      <c r="VLU682" s="613"/>
      <c r="VLV682" s="613"/>
      <c r="VLW682" s="613"/>
      <c r="VLX682" s="613"/>
      <c r="VLY682" s="613"/>
      <c r="VLZ682" s="613"/>
      <c r="VMA682" s="613"/>
      <c r="VMB682" s="613"/>
      <c r="VMC682" s="613"/>
      <c r="VMD682" s="613"/>
      <c r="VME682" s="613"/>
      <c r="VMF682" s="613"/>
      <c r="VMG682" s="613"/>
      <c r="VMH682" s="613"/>
      <c r="VMI682" s="613"/>
      <c r="VMJ682" s="613"/>
      <c r="VMK682" s="613"/>
      <c r="VML682" s="613"/>
      <c r="VMM682" s="613"/>
      <c r="VMN682" s="613"/>
      <c r="VMO682" s="613"/>
      <c r="VMP682" s="613"/>
      <c r="VMQ682" s="613"/>
      <c r="VMR682" s="613"/>
      <c r="VMS682" s="613"/>
      <c r="VMT682" s="613"/>
      <c r="VMU682" s="613"/>
      <c r="VMV682" s="613"/>
      <c r="VMW682" s="613"/>
      <c r="VMX682" s="613"/>
      <c r="VMY682" s="613"/>
      <c r="VMZ682" s="613"/>
      <c r="VNA682" s="613"/>
      <c r="VNB682" s="613"/>
      <c r="VNC682" s="613"/>
      <c r="VND682" s="613"/>
      <c r="VNE682" s="613"/>
      <c r="VNF682" s="613"/>
      <c r="VNG682" s="613"/>
      <c r="VNH682" s="613"/>
      <c r="VNI682" s="613"/>
      <c r="VNJ682" s="613"/>
      <c r="VNK682" s="613"/>
      <c r="VNL682" s="613"/>
      <c r="VNM682" s="613"/>
      <c r="VNN682" s="613"/>
      <c r="VNO682" s="613"/>
      <c r="VNP682" s="613"/>
      <c r="VNQ682" s="613"/>
      <c r="VNR682" s="613"/>
      <c r="VNS682" s="613"/>
      <c r="VNT682" s="613"/>
      <c r="VNU682" s="613"/>
      <c r="VNV682" s="613"/>
      <c r="VNW682" s="613"/>
      <c r="VNX682" s="613"/>
      <c r="VNY682" s="613"/>
      <c r="VNZ682" s="613"/>
      <c r="VOA682" s="613"/>
      <c r="VOB682" s="613"/>
      <c r="VOC682" s="613"/>
      <c r="VOD682" s="613"/>
      <c r="VOE682" s="613"/>
      <c r="VOF682" s="613"/>
      <c r="VOG682" s="613"/>
      <c r="VOH682" s="613"/>
      <c r="VOI682" s="613"/>
      <c r="VOJ682" s="613"/>
      <c r="VOK682" s="613"/>
      <c r="VOL682" s="613"/>
      <c r="VOM682" s="613"/>
      <c r="VON682" s="613"/>
      <c r="VOO682" s="613"/>
      <c r="VOP682" s="613"/>
      <c r="VOQ682" s="613"/>
      <c r="VOR682" s="613"/>
      <c r="VOS682" s="613"/>
      <c r="VOT682" s="613"/>
      <c r="VOU682" s="613"/>
      <c r="VOV682" s="613"/>
      <c r="VOW682" s="613"/>
      <c r="VOX682" s="613"/>
      <c r="VOY682" s="613"/>
      <c r="VOZ682" s="613"/>
      <c r="VPA682" s="613"/>
      <c r="VPB682" s="613"/>
      <c r="VPC682" s="613"/>
      <c r="VPD682" s="613"/>
      <c r="VPE682" s="613"/>
      <c r="VPF682" s="613"/>
      <c r="VPG682" s="613"/>
      <c r="VPH682" s="613"/>
      <c r="VPI682" s="613"/>
      <c r="VPJ682" s="613"/>
      <c r="VPK682" s="613"/>
      <c r="VPL682" s="613"/>
      <c r="VPM682" s="613"/>
      <c r="VPN682" s="613"/>
      <c r="VPO682" s="613"/>
      <c r="VPP682" s="613"/>
      <c r="VPQ682" s="613"/>
      <c r="VPR682" s="613"/>
      <c r="VPS682" s="613"/>
      <c r="VPT682" s="613"/>
      <c r="VPU682" s="613"/>
      <c r="VPV682" s="613"/>
      <c r="VPW682" s="613"/>
      <c r="VPX682" s="613"/>
      <c r="VPY682" s="613"/>
      <c r="VPZ682" s="613"/>
      <c r="VQA682" s="613"/>
      <c r="VQB682" s="613"/>
      <c r="VQC682" s="613"/>
      <c r="VQD682" s="613"/>
      <c r="VQE682" s="613"/>
      <c r="VQF682" s="613"/>
      <c r="VQG682" s="613"/>
      <c r="VQH682" s="613"/>
      <c r="VQI682" s="613"/>
      <c r="VQJ682" s="613"/>
      <c r="VQK682" s="613"/>
      <c r="VQL682" s="613"/>
      <c r="VQM682" s="613"/>
      <c r="VQN682" s="613"/>
      <c r="VQO682" s="613"/>
      <c r="VQP682" s="613"/>
      <c r="VQQ682" s="613"/>
      <c r="VQR682" s="613"/>
      <c r="VQS682" s="613"/>
      <c r="VQT682" s="613"/>
      <c r="VQU682" s="613"/>
      <c r="VQV682" s="613"/>
      <c r="VQW682" s="613"/>
      <c r="VQX682" s="613"/>
      <c r="VQY682" s="613"/>
      <c r="VQZ682" s="613"/>
      <c r="VRA682" s="613"/>
      <c r="VRB682" s="613"/>
      <c r="VRC682" s="613"/>
      <c r="VRD682" s="613"/>
      <c r="VRE682" s="613"/>
      <c r="VRF682" s="613"/>
      <c r="VRG682" s="613"/>
      <c r="VRH682" s="613"/>
      <c r="VRI682" s="613"/>
      <c r="VRJ682" s="613"/>
      <c r="VRK682" s="613"/>
      <c r="VRL682" s="613"/>
      <c r="VRM682" s="613"/>
      <c r="VRN682" s="613"/>
      <c r="VRO682" s="613"/>
      <c r="VRP682" s="613"/>
      <c r="VRQ682" s="613"/>
      <c r="VRR682" s="613"/>
      <c r="VRS682" s="613"/>
      <c r="VRT682" s="613"/>
      <c r="VRU682" s="613"/>
      <c r="VRV682" s="613"/>
      <c r="VRW682" s="613"/>
      <c r="VRX682" s="613"/>
      <c r="VRY682" s="613"/>
      <c r="VRZ682" s="613"/>
      <c r="VSA682" s="613"/>
      <c r="VSB682" s="613"/>
      <c r="VSC682" s="613"/>
      <c r="VSD682" s="613"/>
      <c r="VSE682" s="613"/>
      <c r="VSF682" s="613"/>
      <c r="VSG682" s="613"/>
      <c r="VSH682" s="613"/>
      <c r="VSI682" s="613"/>
      <c r="VSJ682" s="613"/>
      <c r="VSK682" s="613"/>
      <c r="VSL682" s="613"/>
      <c r="VSM682" s="613"/>
      <c r="VSN682" s="613"/>
      <c r="VSO682" s="613"/>
      <c r="VSP682" s="613"/>
      <c r="VSQ682" s="613"/>
      <c r="VSR682" s="613"/>
      <c r="VSS682" s="613"/>
      <c r="VST682" s="613"/>
      <c r="VSU682" s="613"/>
      <c r="VSV682" s="613"/>
      <c r="VSW682" s="613"/>
      <c r="VSX682" s="613"/>
      <c r="VSY682" s="613"/>
      <c r="VSZ682" s="613"/>
      <c r="VTA682" s="613"/>
      <c r="VTB682" s="613"/>
      <c r="VTC682" s="613"/>
      <c r="VTD682" s="613"/>
      <c r="VTE682" s="613"/>
      <c r="VTF682" s="613"/>
      <c r="VTG682" s="613"/>
      <c r="VTH682" s="613"/>
      <c r="VTI682" s="613"/>
      <c r="VTJ682" s="613"/>
      <c r="VTK682" s="613"/>
      <c r="VTL682" s="613"/>
      <c r="VTM682" s="613"/>
      <c r="VTN682" s="613"/>
      <c r="VTO682" s="613"/>
      <c r="VTP682" s="613"/>
      <c r="VTQ682" s="613"/>
      <c r="VTR682" s="613"/>
      <c r="VTS682" s="613"/>
      <c r="VTT682" s="613"/>
      <c r="VTU682" s="613"/>
      <c r="VTV682" s="613"/>
      <c r="VTW682" s="613"/>
      <c r="VTX682" s="613"/>
      <c r="VTY682" s="613"/>
      <c r="VTZ682" s="613"/>
      <c r="VUA682" s="613"/>
      <c r="VUB682" s="613"/>
      <c r="VUC682" s="613"/>
      <c r="VUD682" s="613"/>
      <c r="VUE682" s="613"/>
      <c r="VUF682" s="613"/>
      <c r="VUG682" s="613"/>
      <c r="VUH682" s="613"/>
      <c r="VUI682" s="613"/>
      <c r="VUJ682" s="613"/>
      <c r="VUK682" s="613"/>
      <c r="VUL682" s="613"/>
      <c r="VUM682" s="613"/>
      <c r="VUN682" s="613"/>
      <c r="VUO682" s="613"/>
      <c r="VUP682" s="613"/>
      <c r="VUQ682" s="613"/>
      <c r="VUR682" s="613"/>
      <c r="VUS682" s="613"/>
      <c r="VUT682" s="613"/>
      <c r="VUU682" s="613"/>
      <c r="VUV682" s="613"/>
      <c r="VUW682" s="613"/>
      <c r="VUX682" s="613"/>
      <c r="VUY682" s="613"/>
      <c r="VUZ682" s="613"/>
      <c r="VVA682" s="613"/>
      <c r="VVB682" s="613"/>
      <c r="VVC682" s="613"/>
      <c r="VVD682" s="613"/>
      <c r="VVE682" s="613"/>
      <c r="VVF682" s="613"/>
      <c r="VVG682" s="613"/>
      <c r="VVH682" s="613"/>
      <c r="VVI682" s="613"/>
      <c r="VVJ682" s="613"/>
      <c r="VVK682" s="613"/>
      <c r="VVL682" s="613"/>
      <c r="VVM682" s="613"/>
      <c r="VVN682" s="613"/>
      <c r="VVO682" s="613"/>
      <c r="VVP682" s="613"/>
      <c r="VVQ682" s="613"/>
      <c r="VVR682" s="613"/>
      <c r="VVS682" s="613"/>
      <c r="VVT682" s="613"/>
      <c r="VVU682" s="613"/>
      <c r="VVV682" s="613"/>
      <c r="VVW682" s="613"/>
      <c r="VVX682" s="613"/>
      <c r="VVY682" s="613"/>
      <c r="VVZ682" s="613"/>
      <c r="VWA682" s="613"/>
      <c r="VWB682" s="613"/>
      <c r="VWC682" s="613"/>
      <c r="VWD682" s="613"/>
      <c r="VWE682" s="613"/>
      <c r="VWF682" s="613"/>
      <c r="VWG682" s="613"/>
      <c r="VWH682" s="613"/>
      <c r="VWI682" s="613"/>
      <c r="VWJ682" s="613"/>
      <c r="VWK682" s="613"/>
      <c r="VWL682" s="613"/>
      <c r="VWM682" s="613"/>
      <c r="VWN682" s="613"/>
      <c r="VWO682" s="613"/>
      <c r="VWP682" s="613"/>
      <c r="VWQ682" s="613"/>
      <c r="VWR682" s="613"/>
      <c r="VWS682" s="613"/>
      <c r="VWT682" s="613"/>
      <c r="VWU682" s="613"/>
      <c r="VWV682" s="613"/>
      <c r="VWW682" s="613"/>
      <c r="VWX682" s="613"/>
      <c r="VWY682" s="613"/>
      <c r="VWZ682" s="613"/>
      <c r="VXA682" s="613"/>
      <c r="VXB682" s="613"/>
      <c r="VXC682" s="613"/>
      <c r="VXD682" s="613"/>
      <c r="VXE682" s="613"/>
      <c r="VXF682" s="613"/>
      <c r="VXG682" s="613"/>
      <c r="VXH682" s="613"/>
      <c r="VXI682" s="613"/>
      <c r="VXJ682" s="613"/>
      <c r="VXK682" s="613"/>
      <c r="VXL682" s="613"/>
      <c r="VXM682" s="613"/>
      <c r="VXN682" s="613"/>
      <c r="VXO682" s="613"/>
      <c r="VXP682" s="613"/>
      <c r="VXQ682" s="613"/>
      <c r="VXR682" s="613"/>
      <c r="VXS682" s="613"/>
      <c r="VXT682" s="613"/>
      <c r="VXU682" s="613"/>
      <c r="VXV682" s="613"/>
      <c r="VXW682" s="613"/>
      <c r="VXX682" s="613"/>
      <c r="VXY682" s="613"/>
      <c r="VXZ682" s="613"/>
      <c r="VYA682" s="613"/>
      <c r="VYB682" s="613"/>
      <c r="VYC682" s="613"/>
      <c r="VYD682" s="613"/>
      <c r="VYE682" s="613"/>
      <c r="VYF682" s="613"/>
      <c r="VYG682" s="613"/>
      <c r="VYH682" s="613"/>
      <c r="VYI682" s="613"/>
      <c r="VYJ682" s="613"/>
      <c r="VYK682" s="613"/>
      <c r="VYL682" s="613"/>
      <c r="VYM682" s="613"/>
      <c r="VYN682" s="613"/>
      <c r="VYO682" s="613"/>
      <c r="VYP682" s="613"/>
      <c r="VYQ682" s="613"/>
      <c r="VYR682" s="613"/>
      <c r="VYS682" s="613"/>
      <c r="VYT682" s="613"/>
      <c r="VYU682" s="613"/>
      <c r="VYV682" s="613"/>
      <c r="VYW682" s="613"/>
      <c r="VYX682" s="613"/>
      <c r="VYY682" s="613"/>
      <c r="VYZ682" s="613"/>
      <c r="VZA682" s="613"/>
      <c r="VZB682" s="613"/>
      <c r="VZC682" s="613"/>
      <c r="VZD682" s="613"/>
      <c r="VZE682" s="613"/>
      <c r="VZF682" s="613"/>
      <c r="VZG682" s="613"/>
      <c r="VZH682" s="613"/>
      <c r="VZI682" s="613"/>
      <c r="VZJ682" s="613"/>
      <c r="VZK682" s="613"/>
      <c r="VZL682" s="613"/>
      <c r="VZM682" s="613"/>
      <c r="VZN682" s="613"/>
      <c r="VZO682" s="613"/>
      <c r="VZP682" s="613"/>
      <c r="VZQ682" s="613"/>
      <c r="VZR682" s="613"/>
      <c r="VZS682" s="613"/>
      <c r="VZT682" s="613"/>
      <c r="VZU682" s="613"/>
      <c r="VZV682" s="613"/>
      <c r="VZW682" s="613"/>
      <c r="VZX682" s="613"/>
      <c r="VZY682" s="613"/>
      <c r="VZZ682" s="613"/>
      <c r="WAA682" s="613"/>
      <c r="WAB682" s="613"/>
      <c r="WAC682" s="613"/>
      <c r="WAD682" s="613"/>
      <c r="WAE682" s="613"/>
      <c r="WAF682" s="613"/>
      <c r="WAG682" s="613"/>
      <c r="WAH682" s="613"/>
      <c r="WAI682" s="613"/>
      <c r="WAJ682" s="613"/>
      <c r="WAK682" s="613"/>
      <c r="WAL682" s="613"/>
      <c r="WAM682" s="613"/>
      <c r="WAN682" s="613"/>
      <c r="WAO682" s="613"/>
      <c r="WAP682" s="613"/>
      <c r="WAQ682" s="613"/>
      <c r="WAR682" s="613"/>
      <c r="WAS682" s="613"/>
      <c r="WAT682" s="613"/>
      <c r="WAU682" s="613"/>
      <c r="WAV682" s="613"/>
      <c r="WAW682" s="613"/>
      <c r="WAX682" s="613"/>
      <c r="WAY682" s="613"/>
      <c r="WAZ682" s="613"/>
      <c r="WBA682" s="613"/>
      <c r="WBB682" s="613"/>
      <c r="WBC682" s="613"/>
      <c r="WBD682" s="613"/>
      <c r="WBE682" s="613"/>
      <c r="WBF682" s="613"/>
      <c r="WBG682" s="613"/>
      <c r="WBH682" s="613"/>
      <c r="WBI682" s="613"/>
      <c r="WBJ682" s="613"/>
      <c r="WBK682" s="613"/>
      <c r="WBL682" s="613"/>
      <c r="WBM682" s="613"/>
      <c r="WBN682" s="613"/>
      <c r="WBO682" s="613"/>
      <c r="WBP682" s="613"/>
      <c r="WBQ682" s="613"/>
      <c r="WBR682" s="613"/>
      <c r="WBS682" s="613"/>
      <c r="WBT682" s="613"/>
      <c r="WBU682" s="613"/>
      <c r="WBV682" s="613"/>
      <c r="WBW682" s="613"/>
      <c r="WBX682" s="613"/>
      <c r="WBY682" s="613"/>
      <c r="WBZ682" s="613"/>
      <c r="WCA682" s="613"/>
      <c r="WCB682" s="613"/>
      <c r="WCC682" s="613"/>
      <c r="WCD682" s="613"/>
      <c r="WCE682" s="613"/>
      <c r="WCF682" s="613"/>
      <c r="WCG682" s="613"/>
      <c r="WCH682" s="613"/>
      <c r="WCI682" s="613"/>
      <c r="WCJ682" s="613"/>
      <c r="WCK682" s="613"/>
      <c r="WCL682" s="613"/>
      <c r="WCM682" s="613"/>
      <c r="WCN682" s="613"/>
      <c r="WCO682" s="613"/>
      <c r="WCP682" s="613"/>
      <c r="WCQ682" s="613"/>
      <c r="WCR682" s="613"/>
      <c r="WCS682" s="613"/>
      <c r="WCT682" s="613"/>
      <c r="WCU682" s="613"/>
      <c r="WCV682" s="613"/>
      <c r="WCW682" s="613"/>
      <c r="WCX682" s="613"/>
      <c r="WCY682" s="613"/>
      <c r="WCZ682" s="613"/>
      <c r="WDA682" s="613"/>
      <c r="WDB682" s="613"/>
      <c r="WDC682" s="613"/>
      <c r="WDD682" s="613"/>
      <c r="WDE682" s="613"/>
      <c r="WDF682" s="613"/>
      <c r="WDG682" s="613"/>
      <c r="WDH682" s="613"/>
      <c r="WDI682" s="613"/>
      <c r="WDJ682" s="613"/>
      <c r="WDK682" s="613"/>
      <c r="WDL682" s="613"/>
      <c r="WDM682" s="613"/>
      <c r="WDN682" s="613"/>
      <c r="WDO682" s="613"/>
      <c r="WDP682" s="613"/>
      <c r="WDQ682" s="613"/>
      <c r="WDR682" s="613"/>
      <c r="WDS682" s="613"/>
      <c r="WDT682" s="613"/>
      <c r="WDU682" s="613"/>
      <c r="WDV682" s="613"/>
      <c r="WDW682" s="613"/>
      <c r="WDX682" s="613"/>
      <c r="WDY682" s="613"/>
      <c r="WDZ682" s="613"/>
      <c r="WEA682" s="613"/>
      <c r="WEB682" s="613"/>
      <c r="WEC682" s="613"/>
      <c r="WED682" s="613"/>
      <c r="WEE682" s="613"/>
      <c r="WEF682" s="613"/>
      <c r="WEG682" s="613"/>
      <c r="WEH682" s="613"/>
      <c r="WEI682" s="613"/>
      <c r="WEJ682" s="613"/>
      <c r="WEK682" s="613"/>
      <c r="WEL682" s="613"/>
      <c r="WEM682" s="613"/>
      <c r="WEN682" s="613"/>
      <c r="WEO682" s="613"/>
      <c r="WEP682" s="613"/>
      <c r="WEQ682" s="613"/>
      <c r="WER682" s="613"/>
      <c r="WES682" s="613"/>
      <c r="WET682" s="613"/>
      <c r="WEU682" s="613"/>
      <c r="WEV682" s="613"/>
      <c r="WEW682" s="613"/>
      <c r="WEX682" s="613"/>
      <c r="WEY682" s="613"/>
      <c r="WEZ682" s="613"/>
      <c r="WFA682" s="613"/>
      <c r="WFB682" s="613"/>
      <c r="WFC682" s="613"/>
      <c r="WFD682" s="613"/>
      <c r="WFE682" s="613"/>
      <c r="WFF682" s="613"/>
      <c r="WFG682" s="613"/>
      <c r="WFH682" s="613"/>
      <c r="WFI682" s="613"/>
      <c r="WFJ682" s="613"/>
      <c r="WFK682" s="613"/>
      <c r="WFL682" s="613"/>
      <c r="WFM682" s="613"/>
      <c r="WFN682" s="613"/>
      <c r="WFO682" s="613"/>
      <c r="WFP682" s="613"/>
      <c r="WFQ682" s="613"/>
      <c r="WFR682" s="613"/>
      <c r="WFS682" s="613"/>
      <c r="WFT682" s="613"/>
      <c r="WFU682" s="613"/>
      <c r="WFV682" s="613"/>
      <c r="WFW682" s="613"/>
      <c r="WFX682" s="613"/>
      <c r="WFY682" s="613"/>
      <c r="WFZ682" s="613"/>
      <c r="WGA682" s="613"/>
      <c r="WGB682" s="613"/>
      <c r="WGC682" s="613"/>
      <c r="WGD682" s="613"/>
      <c r="WGE682" s="613"/>
      <c r="WGF682" s="613"/>
      <c r="WGG682" s="613"/>
      <c r="WGH682" s="613"/>
      <c r="WGI682" s="613"/>
      <c r="WGJ682" s="613"/>
      <c r="WGK682" s="613"/>
      <c r="WGL682" s="613"/>
      <c r="WGM682" s="613"/>
      <c r="WGN682" s="613"/>
      <c r="WGO682" s="613"/>
      <c r="WGP682" s="613"/>
      <c r="WGQ682" s="613"/>
      <c r="WGR682" s="613"/>
      <c r="WGS682" s="613"/>
      <c r="WGT682" s="613"/>
      <c r="WGU682" s="613"/>
      <c r="WGV682" s="613"/>
      <c r="WGW682" s="613"/>
      <c r="WGX682" s="613"/>
      <c r="WGY682" s="613"/>
      <c r="WGZ682" s="613"/>
      <c r="WHA682" s="613"/>
      <c r="WHB682" s="613"/>
      <c r="WHC682" s="613"/>
      <c r="WHD682" s="613"/>
      <c r="WHE682" s="613"/>
      <c r="WHF682" s="613"/>
      <c r="WHG682" s="613"/>
      <c r="WHH682" s="613"/>
      <c r="WHI682" s="613"/>
      <c r="WHJ682" s="613"/>
      <c r="WHK682" s="613"/>
      <c r="WHL682" s="613"/>
      <c r="WHM682" s="613"/>
      <c r="WHN682" s="613"/>
      <c r="WHO682" s="613"/>
      <c r="WHP682" s="613"/>
      <c r="WHQ682" s="613"/>
      <c r="WHR682" s="613"/>
      <c r="WHS682" s="613"/>
      <c r="WHT682" s="613"/>
      <c r="WHU682" s="613"/>
      <c r="WHV682" s="613"/>
      <c r="WHW682" s="613"/>
      <c r="WHX682" s="613"/>
      <c r="WHY682" s="613"/>
      <c r="WHZ682" s="613"/>
      <c r="WIA682" s="613"/>
      <c r="WIB682" s="613"/>
      <c r="WIC682" s="613"/>
      <c r="WID682" s="613"/>
      <c r="WIE682" s="613"/>
      <c r="WIF682" s="613"/>
      <c r="WIG682" s="613"/>
      <c r="WIH682" s="613"/>
      <c r="WII682" s="613"/>
      <c r="WIJ682" s="613"/>
      <c r="WIK682" s="613"/>
      <c r="WIL682" s="613"/>
      <c r="WIM682" s="613"/>
      <c r="WIN682" s="613"/>
      <c r="WIO682" s="613"/>
      <c r="WIP682" s="613"/>
      <c r="WIQ682" s="613"/>
      <c r="WIR682" s="613"/>
      <c r="WIS682" s="613"/>
      <c r="WIT682" s="613"/>
      <c r="WIU682" s="613"/>
      <c r="WIV682" s="613"/>
      <c r="WIW682" s="613"/>
      <c r="WIX682" s="613"/>
      <c r="WIY682" s="613"/>
      <c r="WIZ682" s="613"/>
      <c r="WJA682" s="613"/>
      <c r="WJB682" s="613"/>
      <c r="WJC682" s="613"/>
      <c r="WJD682" s="613"/>
      <c r="WJE682" s="613"/>
      <c r="WJF682" s="613"/>
      <c r="WJG682" s="613"/>
      <c r="WJH682" s="613"/>
      <c r="WJI682" s="613"/>
      <c r="WJJ682" s="613"/>
      <c r="WJK682" s="613"/>
      <c r="WJL682" s="613"/>
      <c r="WJM682" s="613"/>
      <c r="WJN682" s="613"/>
      <c r="WJO682" s="613"/>
      <c r="WJP682" s="613"/>
      <c r="WJQ682" s="613"/>
      <c r="WJR682" s="613"/>
      <c r="WJS682" s="613"/>
      <c r="WJT682" s="613"/>
      <c r="WJU682" s="613"/>
      <c r="WJV682" s="613"/>
      <c r="WJW682" s="613"/>
      <c r="WJX682" s="613"/>
      <c r="WJY682" s="613"/>
      <c r="WJZ682" s="613"/>
      <c r="WKA682" s="613"/>
      <c r="WKB682" s="613"/>
      <c r="WKC682" s="613"/>
      <c r="WKD682" s="613"/>
      <c r="WKE682" s="613"/>
      <c r="WKF682" s="613"/>
      <c r="WKG682" s="613"/>
      <c r="WKH682" s="613"/>
      <c r="WKI682" s="613"/>
      <c r="WKJ682" s="613"/>
      <c r="WKK682" s="613"/>
      <c r="WKL682" s="613"/>
      <c r="WKM682" s="613"/>
      <c r="WKN682" s="613"/>
      <c r="WKO682" s="613"/>
      <c r="WKP682" s="613"/>
      <c r="WKQ682" s="613"/>
      <c r="WKR682" s="613"/>
      <c r="WKS682" s="613"/>
      <c r="WKT682" s="613"/>
      <c r="WKU682" s="613"/>
      <c r="WKV682" s="613"/>
      <c r="WKW682" s="613"/>
      <c r="WKX682" s="613"/>
      <c r="WKY682" s="613"/>
      <c r="WKZ682" s="613"/>
      <c r="WLA682" s="613"/>
      <c r="WLB682" s="613"/>
      <c r="WLC682" s="613"/>
      <c r="WLD682" s="613"/>
      <c r="WLE682" s="613"/>
      <c r="WLF682" s="613"/>
      <c r="WLG682" s="613"/>
      <c r="WLH682" s="613"/>
      <c r="WLI682" s="613"/>
      <c r="WLJ682" s="613"/>
      <c r="WLK682" s="613"/>
      <c r="WLL682" s="613"/>
      <c r="WLM682" s="613"/>
      <c r="WLN682" s="613"/>
      <c r="WLO682" s="613"/>
      <c r="WLP682" s="613"/>
      <c r="WLQ682" s="613"/>
      <c r="WLR682" s="613"/>
      <c r="WLS682" s="613"/>
      <c r="WLT682" s="613"/>
      <c r="WLU682" s="613"/>
      <c r="WLV682" s="613"/>
      <c r="WLW682" s="613"/>
      <c r="WLX682" s="613"/>
      <c r="WLY682" s="613"/>
      <c r="WLZ682" s="613"/>
      <c r="WMA682" s="613"/>
      <c r="WMB682" s="613"/>
      <c r="WMC682" s="613"/>
      <c r="WMD682" s="613"/>
      <c r="WME682" s="613"/>
      <c r="WMF682" s="613"/>
      <c r="WMG682" s="613"/>
      <c r="WMH682" s="613"/>
      <c r="WMI682" s="613"/>
      <c r="WMJ682" s="613"/>
      <c r="WMK682" s="613"/>
      <c r="WML682" s="613"/>
      <c r="WMM682" s="613"/>
      <c r="WMN682" s="613"/>
      <c r="WMO682" s="613"/>
      <c r="WMP682" s="613"/>
      <c r="WMQ682" s="613"/>
      <c r="WMR682" s="613"/>
      <c r="WMS682" s="613"/>
      <c r="WMT682" s="613"/>
      <c r="WMU682" s="613"/>
      <c r="WMV682" s="613"/>
      <c r="WMW682" s="613"/>
      <c r="WMX682" s="613"/>
      <c r="WMY682" s="613"/>
      <c r="WMZ682" s="613"/>
      <c r="WNA682" s="613"/>
      <c r="WNB682" s="613"/>
      <c r="WNC682" s="613"/>
      <c r="WND682" s="613"/>
      <c r="WNE682" s="613"/>
      <c r="WNF682" s="613"/>
      <c r="WNG682" s="613"/>
      <c r="WNH682" s="613"/>
      <c r="WNI682" s="613"/>
      <c r="WNJ682" s="613"/>
      <c r="WNK682" s="613"/>
      <c r="WNL682" s="613"/>
      <c r="WNM682" s="613"/>
      <c r="WNN682" s="613"/>
      <c r="WNO682" s="613"/>
      <c r="WNP682" s="613"/>
      <c r="WNQ682" s="613"/>
      <c r="WNR682" s="613"/>
      <c r="WNS682" s="613"/>
      <c r="WNT682" s="613"/>
      <c r="WNU682" s="613"/>
      <c r="WNV682" s="613"/>
      <c r="WNW682" s="613"/>
      <c r="WNX682" s="613"/>
      <c r="WNY682" s="613"/>
      <c r="WNZ682" s="613"/>
      <c r="WOA682" s="613"/>
      <c r="WOB682" s="613"/>
      <c r="WOC682" s="613"/>
      <c r="WOD682" s="613"/>
      <c r="WOE682" s="613"/>
      <c r="WOF682" s="613"/>
      <c r="WOG682" s="613"/>
      <c r="WOH682" s="613"/>
      <c r="WOI682" s="613"/>
      <c r="WOJ682" s="613"/>
      <c r="WOK682" s="613"/>
      <c r="WOL682" s="613"/>
      <c r="WOM682" s="613"/>
      <c r="WON682" s="613"/>
      <c r="WOO682" s="613"/>
      <c r="WOP682" s="613"/>
      <c r="WOQ682" s="613"/>
      <c r="WOR682" s="613"/>
      <c r="WOS682" s="613"/>
      <c r="WOT682" s="613"/>
      <c r="WOU682" s="613"/>
      <c r="WOV682" s="613"/>
      <c r="WOW682" s="613"/>
      <c r="WOX682" s="613"/>
      <c r="WOY682" s="613"/>
      <c r="WOZ682" s="613"/>
      <c r="WPA682" s="613"/>
      <c r="WPB682" s="613"/>
      <c r="WPC682" s="613"/>
      <c r="WPD682" s="613"/>
      <c r="WPE682" s="613"/>
      <c r="WPF682" s="613"/>
      <c r="WPG682" s="613"/>
      <c r="WPH682" s="613"/>
      <c r="WPI682" s="613"/>
      <c r="WPJ682" s="613"/>
      <c r="WPK682" s="613"/>
      <c r="WPL682" s="613"/>
      <c r="WPM682" s="613"/>
      <c r="WPN682" s="613"/>
      <c r="WPO682" s="613"/>
      <c r="WPP682" s="613"/>
      <c r="WPQ682" s="613"/>
      <c r="WPR682" s="613"/>
      <c r="WPS682" s="613"/>
      <c r="WPT682" s="613"/>
      <c r="WPU682" s="613"/>
      <c r="WPV682" s="613"/>
      <c r="WPW682" s="613"/>
      <c r="WPX682" s="613"/>
      <c r="WPY682" s="613"/>
      <c r="WPZ682" s="613"/>
      <c r="WQA682" s="613"/>
      <c r="WQB682" s="613"/>
      <c r="WQC682" s="613"/>
      <c r="WQD682" s="613"/>
      <c r="WQE682" s="613"/>
      <c r="WQF682" s="613"/>
      <c r="WQG682" s="613"/>
      <c r="WQH682" s="613"/>
      <c r="WQI682" s="613"/>
      <c r="WQJ682" s="613"/>
      <c r="WQK682" s="613"/>
      <c r="WQL682" s="613"/>
      <c r="WQM682" s="613"/>
      <c r="WQN682" s="613"/>
      <c r="WQO682" s="613"/>
      <c r="WQP682" s="613"/>
      <c r="WQQ682" s="613"/>
      <c r="WQR682" s="613"/>
      <c r="WQS682" s="613"/>
      <c r="WQT682" s="613"/>
      <c r="WQU682" s="613"/>
      <c r="WQV682" s="613"/>
      <c r="WQW682" s="613"/>
      <c r="WQX682" s="613"/>
      <c r="WQY682" s="613"/>
      <c r="WQZ682" s="613"/>
      <c r="WRA682" s="613"/>
      <c r="WRB682" s="613"/>
      <c r="WRC682" s="613"/>
      <c r="WRD682" s="613"/>
      <c r="WRE682" s="613"/>
      <c r="WRF682" s="613"/>
      <c r="WRG682" s="613"/>
      <c r="WRH682" s="613"/>
      <c r="WRI682" s="613"/>
      <c r="WRJ682" s="613"/>
      <c r="WRK682" s="613"/>
      <c r="WRL682" s="613"/>
      <c r="WRM682" s="613"/>
      <c r="WRN682" s="613"/>
      <c r="WRO682" s="613"/>
      <c r="WRP682" s="613"/>
      <c r="WRQ682" s="613"/>
      <c r="WRR682" s="613"/>
      <c r="WRS682" s="613"/>
      <c r="WRT682" s="613"/>
      <c r="WRU682" s="613"/>
      <c r="WRV682" s="613"/>
      <c r="WRW682" s="613"/>
      <c r="WRX682" s="613"/>
      <c r="WRY682" s="613"/>
      <c r="WRZ682" s="613"/>
      <c r="WSA682" s="613"/>
      <c r="WSB682" s="613"/>
      <c r="WSC682" s="613"/>
      <c r="WSD682" s="613"/>
      <c r="WSE682" s="613"/>
      <c r="WSF682" s="613"/>
      <c r="WSG682" s="613"/>
      <c r="WSH682" s="613"/>
      <c r="WSI682" s="613"/>
      <c r="WSJ682" s="613"/>
      <c r="WSK682" s="613"/>
      <c r="WSL682" s="613"/>
      <c r="WSM682" s="613"/>
      <c r="WSN682" s="613"/>
      <c r="WSO682" s="613"/>
      <c r="WSP682" s="613"/>
      <c r="WSQ682" s="613"/>
      <c r="WSR682" s="613"/>
      <c r="WSS682" s="613"/>
      <c r="WST682" s="613"/>
      <c r="WSU682" s="613"/>
      <c r="WSV682" s="613"/>
      <c r="WSW682" s="613"/>
      <c r="WSX682" s="613"/>
      <c r="WSY682" s="613"/>
      <c r="WSZ682" s="613"/>
      <c r="WTA682" s="613"/>
      <c r="WTB682" s="613"/>
      <c r="WTC682" s="613"/>
      <c r="WTD682" s="613"/>
      <c r="WTE682" s="613"/>
      <c r="WTF682" s="613"/>
      <c r="WTG682" s="613"/>
      <c r="WTH682" s="613"/>
      <c r="WTI682" s="613"/>
      <c r="WTJ682" s="613"/>
      <c r="WTK682" s="613"/>
      <c r="WTL682" s="613"/>
      <c r="WTM682" s="613"/>
      <c r="WTN682" s="613"/>
      <c r="WTO682" s="613"/>
      <c r="WTP682" s="613"/>
      <c r="WTQ682" s="613"/>
      <c r="WTR682" s="613"/>
      <c r="WTS682" s="613"/>
      <c r="WTT682" s="613"/>
      <c r="WTU682" s="613"/>
      <c r="WTV682" s="613"/>
      <c r="WTW682" s="613"/>
      <c r="WTX682" s="613"/>
      <c r="WTY682" s="613"/>
      <c r="WTZ682" s="613"/>
      <c r="WUA682" s="613"/>
      <c r="WUB682" s="613"/>
      <c r="WUC682" s="613"/>
      <c r="WUD682" s="613"/>
      <c r="WUE682" s="613"/>
      <c r="WUF682" s="613"/>
      <c r="WUG682" s="613"/>
      <c r="WUH682" s="613"/>
      <c r="WUI682" s="613"/>
      <c r="WUJ682" s="613"/>
      <c r="WUK682" s="613"/>
      <c r="WUL682" s="613"/>
      <c r="WUM682" s="613"/>
      <c r="WUN682" s="613"/>
      <c r="WUO682" s="613"/>
      <c r="WUP682" s="613"/>
      <c r="WUQ682" s="613"/>
      <c r="WUR682" s="613"/>
      <c r="WUS682" s="613"/>
      <c r="WUT682" s="613"/>
      <c r="WUU682" s="613"/>
      <c r="WUV682" s="613"/>
      <c r="WUW682" s="613"/>
      <c r="WUX682" s="613"/>
      <c r="WUY682" s="613"/>
      <c r="WUZ682" s="613"/>
      <c r="WVA682" s="613"/>
      <c r="WVB682" s="613"/>
      <c r="WVC682" s="613"/>
      <c r="WVD682" s="613"/>
      <c r="WVE682" s="613"/>
      <c r="WVF682" s="613"/>
      <c r="WVG682" s="613"/>
      <c r="WVH682" s="613"/>
      <c r="WVI682" s="613"/>
      <c r="WVJ682" s="613"/>
      <c r="WVK682" s="613"/>
      <c r="WVL682" s="613"/>
      <c r="WVM682" s="613"/>
      <c r="WVN682" s="613"/>
      <c r="WVO682" s="613"/>
      <c r="WVP682" s="613"/>
      <c r="WVQ682" s="613"/>
      <c r="WVR682" s="613"/>
      <c r="WVS682" s="613"/>
      <c r="WVT682" s="613"/>
      <c r="WVU682" s="613"/>
      <c r="WVV682" s="613"/>
      <c r="WVW682" s="613"/>
      <c r="WVX682" s="613"/>
      <c r="WVY682" s="613"/>
      <c r="WVZ682" s="613"/>
      <c r="WWA682" s="613"/>
      <c r="WWB682" s="613"/>
      <c r="WWC682" s="613"/>
      <c r="WWD682" s="613"/>
      <c r="WWE682" s="613"/>
      <c r="WWF682" s="613"/>
      <c r="WWG682" s="613"/>
      <c r="WWH682" s="613"/>
      <c r="WWI682" s="613"/>
      <c r="WWJ682" s="613"/>
      <c r="WWK682" s="613"/>
      <c r="WWL682" s="613"/>
      <c r="WWM682" s="613"/>
      <c r="WWN682" s="613"/>
      <c r="WWO682" s="613"/>
      <c r="WWP682" s="613"/>
      <c r="WWQ682" s="613"/>
      <c r="WWR682" s="613"/>
      <c r="WWS682" s="613"/>
      <c r="WWT682" s="613"/>
      <c r="WWU682" s="613"/>
      <c r="WWV682" s="613"/>
      <c r="WWW682" s="613"/>
      <c r="WWX682" s="613"/>
      <c r="WWY682" s="613"/>
      <c r="WWZ682" s="613"/>
      <c r="WXA682" s="613"/>
      <c r="WXB682" s="613"/>
      <c r="WXC682" s="613"/>
      <c r="WXD682" s="613"/>
      <c r="WXE682" s="613"/>
      <c r="WXF682" s="613"/>
      <c r="WXG682" s="613"/>
      <c r="WXH682" s="613"/>
      <c r="WXI682" s="613"/>
      <c r="WXJ682" s="613"/>
      <c r="WXK682" s="613"/>
      <c r="WXL682" s="613"/>
      <c r="WXM682" s="613"/>
      <c r="WXN682" s="613"/>
      <c r="WXO682" s="613"/>
      <c r="WXP682" s="613"/>
      <c r="WXQ682" s="613"/>
      <c r="WXR682" s="613"/>
      <c r="WXS682" s="613"/>
      <c r="WXT682" s="613"/>
      <c r="WXU682" s="613"/>
      <c r="WXV682" s="613"/>
      <c r="WXW682" s="613"/>
      <c r="WXX682" s="613"/>
      <c r="WXY682" s="613"/>
      <c r="WXZ682" s="613"/>
      <c r="WYA682" s="613"/>
      <c r="WYB682" s="613"/>
      <c r="WYC682" s="613"/>
      <c r="WYD682" s="613"/>
      <c r="WYE682" s="613"/>
      <c r="WYF682" s="613"/>
      <c r="WYG682" s="613"/>
      <c r="WYH682" s="613"/>
      <c r="WYI682" s="613"/>
      <c r="WYJ682" s="613"/>
      <c r="WYK682" s="613"/>
      <c r="WYL682" s="613"/>
      <c r="WYM682" s="613"/>
      <c r="WYN682" s="613"/>
      <c r="WYO682" s="613"/>
      <c r="WYP682" s="613"/>
      <c r="WYQ682" s="613"/>
      <c r="WYR682" s="613"/>
      <c r="WYS682" s="613"/>
      <c r="WYT682" s="613"/>
      <c r="WYU682" s="613"/>
      <c r="WYV682" s="613"/>
      <c r="WYW682" s="613"/>
      <c r="WYX682" s="613"/>
      <c r="WYY682" s="613"/>
      <c r="WYZ682" s="613"/>
      <c r="WZA682" s="613"/>
      <c r="WZB682" s="613"/>
      <c r="WZC682" s="613"/>
      <c r="WZD682" s="613"/>
      <c r="WZE682" s="613"/>
      <c r="WZF682" s="613"/>
      <c r="WZG682" s="613"/>
      <c r="WZH682" s="613"/>
      <c r="WZI682" s="613"/>
      <c r="WZJ682" s="613"/>
      <c r="WZK682" s="613"/>
      <c r="WZL682" s="613"/>
      <c r="WZM682" s="613"/>
      <c r="WZN682" s="613"/>
      <c r="WZO682" s="613"/>
      <c r="WZP682" s="613"/>
      <c r="WZQ682" s="613"/>
      <c r="WZR682" s="613"/>
      <c r="WZS682" s="613"/>
      <c r="WZT682" s="613"/>
      <c r="WZU682" s="613"/>
      <c r="WZV682" s="613"/>
      <c r="WZW682" s="613"/>
      <c r="WZX682" s="613"/>
      <c r="WZY682" s="613"/>
      <c r="WZZ682" s="613"/>
      <c r="XAA682" s="613"/>
      <c r="XAB682" s="613"/>
      <c r="XAC682" s="613"/>
      <c r="XAD682" s="613"/>
      <c r="XAE682" s="613"/>
      <c r="XAF682" s="613"/>
      <c r="XAG682" s="613"/>
      <c r="XAH682" s="613"/>
      <c r="XAI682" s="613"/>
      <c r="XAJ682" s="613"/>
      <c r="XAK682" s="613"/>
      <c r="XAL682" s="613"/>
      <c r="XAM682" s="613"/>
      <c r="XAN682" s="613"/>
      <c r="XAO682" s="613"/>
      <c r="XAP682" s="613"/>
      <c r="XAQ682" s="613"/>
      <c r="XAR682" s="613"/>
      <c r="XAS682" s="613"/>
      <c r="XAT682" s="613"/>
      <c r="XAU682" s="613"/>
      <c r="XAV682" s="613"/>
      <c r="XAW682" s="613"/>
      <c r="XAX682" s="613"/>
      <c r="XAY682" s="613"/>
      <c r="XAZ682" s="613"/>
      <c r="XBA682" s="613"/>
      <c r="XBB682" s="613"/>
      <c r="XBC682" s="613"/>
      <c r="XBD682" s="613"/>
      <c r="XBE682" s="613"/>
      <c r="XBF682" s="613"/>
      <c r="XBG682" s="613"/>
      <c r="XBH682" s="613"/>
      <c r="XBI682" s="613"/>
      <c r="XBJ682" s="613"/>
      <c r="XBK682" s="613"/>
      <c r="XBL682" s="613"/>
      <c r="XBM682" s="613"/>
      <c r="XBN682" s="613"/>
      <c r="XBO682" s="613"/>
      <c r="XBP682" s="613"/>
      <c r="XBQ682" s="613"/>
      <c r="XBR682" s="613"/>
      <c r="XBS682" s="613"/>
      <c r="XBT682" s="613"/>
      <c r="XBU682" s="613"/>
      <c r="XBV682" s="613"/>
      <c r="XBW682" s="613"/>
      <c r="XBX682" s="613"/>
      <c r="XBY682" s="613"/>
      <c r="XBZ682" s="613"/>
      <c r="XCA682" s="613"/>
      <c r="XCB682" s="613"/>
      <c r="XCC682" s="613"/>
      <c r="XCD682" s="613"/>
      <c r="XCE682" s="613"/>
      <c r="XCF682" s="613"/>
      <c r="XCG682" s="613"/>
      <c r="XCH682" s="613"/>
      <c r="XCI682" s="613"/>
      <c r="XCJ682" s="613"/>
      <c r="XCK682" s="613"/>
      <c r="XCL682" s="613"/>
      <c r="XCM682" s="613"/>
      <c r="XCN682" s="613"/>
      <c r="XCO682" s="613"/>
      <c r="XCP682" s="613"/>
      <c r="XCQ682" s="613"/>
    </row>
    <row r="683" spans="1:16319" ht="56.1" customHeight="1" x14ac:dyDescent="0.2">
      <c r="A683" s="494"/>
      <c r="B683" s="77"/>
      <c r="C683" s="494"/>
      <c r="D683" s="481">
        <v>155</v>
      </c>
      <c r="E683" s="481"/>
      <c r="F683" s="481" t="s">
        <v>2481</v>
      </c>
      <c r="G683" s="482" t="s">
        <v>53</v>
      </c>
      <c r="H683" s="481" t="s">
        <v>329</v>
      </c>
      <c r="I683" s="654" t="s">
        <v>396</v>
      </c>
      <c r="J683" s="654" t="s">
        <v>369</v>
      </c>
      <c r="K683" s="495" t="s">
        <v>407</v>
      </c>
      <c r="L683" s="621"/>
      <c r="M683" s="484" t="s">
        <v>58</v>
      </c>
      <c r="N683" s="327" t="s">
        <v>1366</v>
      </c>
      <c r="O683" s="484" t="s">
        <v>2996</v>
      </c>
      <c r="P683" s="484" t="s">
        <v>81</v>
      </c>
      <c r="Q683" s="667" t="s">
        <v>334</v>
      </c>
      <c r="R683" s="484" t="s">
        <v>334</v>
      </c>
      <c r="S683" s="484" t="s">
        <v>380</v>
      </c>
      <c r="T683" s="484"/>
      <c r="U683" s="620" t="s">
        <v>63</v>
      </c>
      <c r="V683" s="620" t="s">
        <v>63</v>
      </c>
      <c r="W683" s="723">
        <v>85372</v>
      </c>
      <c r="X683" s="723"/>
      <c r="Y683" s="654" t="s">
        <v>226</v>
      </c>
      <c r="Z683" s="654"/>
      <c r="AA683" s="723">
        <v>85372</v>
      </c>
      <c r="AB683" s="652" t="s">
        <v>82</v>
      </c>
      <c r="AC683" s="652"/>
      <c r="AD683" s="496"/>
      <c r="AE683" s="496"/>
      <c r="AF683" s="496"/>
      <c r="AG683" s="496"/>
      <c r="AH683" s="496"/>
      <c r="AI683" s="496"/>
      <c r="AJ683" s="487" t="s">
        <v>66</v>
      </c>
      <c r="AK683" s="496"/>
      <c r="AL683" s="496"/>
      <c r="AM683" s="496"/>
      <c r="AN683" s="496"/>
      <c r="AO683" s="496"/>
      <c r="AP683" s="496"/>
      <c r="AQ683" s="496"/>
      <c r="AR683" s="496"/>
      <c r="AS683" s="496"/>
      <c r="AT683" s="496"/>
      <c r="AU683" s="487"/>
      <c r="AV683" s="487"/>
      <c r="AW683" s="487"/>
      <c r="AX683" s="487"/>
      <c r="AY683" s="487"/>
      <c r="AZ683" s="487"/>
      <c r="BA683" s="484"/>
      <c r="BB683" s="484" t="s">
        <v>399</v>
      </c>
      <c r="BC683" s="484" t="s">
        <v>3041</v>
      </c>
      <c r="BD683" s="494"/>
      <c r="BE683" s="494"/>
      <c r="BF683" s="613"/>
      <c r="BG683" s="613"/>
      <c r="BH683" s="613"/>
      <c r="BI683" s="613"/>
      <c r="BJ683" s="613"/>
      <c r="BK683" s="613"/>
      <c r="BL683" s="613"/>
      <c r="BM683" s="613"/>
      <c r="BN683" s="613"/>
      <c r="BO683" s="613"/>
      <c r="BP683" s="613"/>
      <c r="BQ683" s="613"/>
      <c r="BR683" s="613"/>
      <c r="BS683" s="613"/>
      <c r="BT683" s="613"/>
      <c r="BU683" s="613"/>
      <c r="BV683" s="613"/>
      <c r="BW683" s="613"/>
      <c r="BX683" s="613"/>
      <c r="BY683" s="613"/>
      <c r="BZ683" s="613"/>
      <c r="CA683" s="613"/>
      <c r="CB683" s="613"/>
      <c r="CC683" s="613"/>
      <c r="CD683" s="613"/>
      <c r="CE683" s="613"/>
      <c r="CF683" s="613"/>
      <c r="CG683" s="613"/>
      <c r="CH683" s="613"/>
      <c r="CI683" s="613"/>
      <c r="CJ683" s="613"/>
      <c r="CK683" s="613"/>
      <c r="CL683" s="613"/>
      <c r="CM683" s="613"/>
      <c r="CN683" s="613"/>
      <c r="CO683" s="613"/>
      <c r="CP683" s="613"/>
      <c r="CQ683" s="613"/>
      <c r="CR683" s="613"/>
      <c r="CS683" s="613"/>
      <c r="CT683" s="613"/>
      <c r="CU683" s="613"/>
      <c r="CV683" s="613"/>
      <c r="CW683" s="613"/>
      <c r="CX683" s="613"/>
      <c r="CY683" s="613"/>
      <c r="CZ683" s="613"/>
      <c r="DA683" s="613"/>
      <c r="DB683" s="613"/>
      <c r="DC683" s="613"/>
      <c r="DD683" s="613"/>
      <c r="DE683" s="613"/>
      <c r="DF683" s="613"/>
      <c r="DG683" s="613"/>
      <c r="DH683" s="613"/>
      <c r="DI683" s="613"/>
      <c r="DJ683" s="613"/>
      <c r="DK683" s="613"/>
      <c r="DL683" s="613"/>
      <c r="DM683" s="613"/>
      <c r="DN683" s="613"/>
      <c r="DO683" s="613"/>
      <c r="DP683" s="613"/>
      <c r="DQ683" s="613"/>
      <c r="DR683" s="613"/>
      <c r="DS683" s="613"/>
      <c r="DT683" s="613"/>
      <c r="DU683" s="613"/>
      <c r="DV683" s="613"/>
      <c r="DW683" s="613"/>
      <c r="DX683" s="613"/>
      <c r="DY683" s="613"/>
      <c r="DZ683" s="613"/>
      <c r="EA683" s="613"/>
      <c r="EB683" s="613"/>
      <c r="EC683" s="613"/>
      <c r="ED683" s="613"/>
      <c r="EE683" s="613"/>
      <c r="EF683" s="613"/>
      <c r="EG683" s="613"/>
      <c r="EH683" s="613"/>
      <c r="EI683" s="613"/>
      <c r="EJ683" s="613"/>
      <c r="EK683" s="613"/>
      <c r="EL683" s="613"/>
      <c r="EM683" s="613"/>
      <c r="EN683" s="613"/>
      <c r="EO683" s="613"/>
      <c r="EP683" s="613"/>
      <c r="EQ683" s="613"/>
      <c r="ER683" s="613"/>
      <c r="ES683" s="613"/>
      <c r="ET683" s="613"/>
      <c r="EU683" s="613"/>
      <c r="EV683" s="613"/>
      <c r="EW683" s="613"/>
      <c r="EX683" s="613"/>
      <c r="EY683" s="613"/>
      <c r="EZ683" s="613"/>
      <c r="FA683" s="613"/>
      <c r="FB683" s="613"/>
      <c r="FC683" s="613"/>
      <c r="FD683" s="613"/>
      <c r="FE683" s="613"/>
      <c r="FF683" s="613"/>
      <c r="FG683" s="613"/>
      <c r="FH683" s="613"/>
      <c r="FI683" s="613"/>
      <c r="FJ683" s="613"/>
      <c r="FK683" s="613"/>
      <c r="FL683" s="613"/>
      <c r="FM683" s="613"/>
      <c r="FN683" s="613"/>
      <c r="FO683" s="613"/>
      <c r="FP683" s="613"/>
      <c r="FQ683" s="613"/>
      <c r="FR683" s="613"/>
      <c r="FS683" s="613"/>
      <c r="FT683" s="613"/>
      <c r="FU683" s="613"/>
      <c r="FV683" s="613"/>
      <c r="FW683" s="613"/>
      <c r="FX683" s="613"/>
      <c r="FY683" s="613"/>
      <c r="FZ683" s="613"/>
      <c r="GA683" s="613"/>
      <c r="GB683" s="613"/>
      <c r="GC683" s="613"/>
      <c r="GD683" s="613"/>
      <c r="GE683" s="613"/>
      <c r="GF683" s="613"/>
      <c r="GG683" s="613"/>
      <c r="GH683" s="613"/>
      <c r="GI683" s="613"/>
      <c r="GJ683" s="613"/>
      <c r="GK683" s="613"/>
      <c r="GL683" s="613"/>
      <c r="GM683" s="613"/>
      <c r="GN683" s="613"/>
      <c r="GO683" s="613"/>
      <c r="GP683" s="613"/>
      <c r="GQ683" s="613"/>
      <c r="GR683" s="613"/>
      <c r="GS683" s="613"/>
      <c r="GT683" s="613"/>
      <c r="GU683" s="613"/>
      <c r="GV683" s="613"/>
      <c r="GW683" s="613"/>
      <c r="GX683" s="613"/>
      <c r="GY683" s="613"/>
      <c r="GZ683" s="613"/>
      <c r="HA683" s="613"/>
      <c r="HB683" s="613"/>
      <c r="HC683" s="613"/>
      <c r="HD683" s="613"/>
      <c r="HE683" s="613"/>
      <c r="HF683" s="613"/>
      <c r="HG683" s="613"/>
      <c r="HH683" s="613"/>
      <c r="HI683" s="613"/>
      <c r="HJ683" s="613"/>
      <c r="HK683" s="613"/>
      <c r="HL683" s="613"/>
      <c r="HM683" s="613"/>
      <c r="HN683" s="613"/>
      <c r="HO683" s="613"/>
      <c r="HP683" s="613"/>
      <c r="HQ683" s="613"/>
      <c r="HR683" s="613"/>
      <c r="HS683" s="613"/>
      <c r="HT683" s="613"/>
      <c r="HU683" s="613"/>
      <c r="HV683" s="613"/>
      <c r="HW683" s="613"/>
      <c r="HX683" s="613"/>
      <c r="HY683" s="613"/>
      <c r="HZ683" s="613"/>
      <c r="IA683" s="613"/>
      <c r="IB683" s="613"/>
      <c r="IC683" s="613"/>
      <c r="ID683" s="613"/>
      <c r="IE683" s="613"/>
      <c r="IF683" s="613"/>
      <c r="IG683" s="613"/>
      <c r="IH683" s="613"/>
      <c r="II683" s="613"/>
      <c r="IJ683" s="613"/>
      <c r="IK683" s="613"/>
      <c r="IL683" s="613"/>
      <c r="IM683" s="613"/>
      <c r="IN683" s="613"/>
      <c r="IO683" s="613"/>
      <c r="IP683" s="613"/>
      <c r="IQ683" s="613"/>
      <c r="IR683" s="613"/>
      <c r="IS683" s="613"/>
      <c r="IT683" s="613"/>
      <c r="IU683" s="613"/>
      <c r="IV683" s="613"/>
      <c r="IW683" s="613"/>
      <c r="IX683" s="613"/>
      <c r="IY683" s="613"/>
      <c r="IZ683" s="613"/>
      <c r="JA683" s="613"/>
      <c r="JB683" s="613"/>
      <c r="JC683" s="613"/>
      <c r="JD683" s="613"/>
      <c r="JE683" s="613"/>
      <c r="JF683" s="613"/>
      <c r="JG683" s="613"/>
      <c r="JH683" s="613"/>
      <c r="JI683" s="613"/>
      <c r="JJ683" s="613"/>
      <c r="JK683" s="613"/>
      <c r="JL683" s="613"/>
      <c r="JM683" s="613"/>
      <c r="JN683" s="613"/>
      <c r="JO683" s="613"/>
      <c r="JP683" s="613"/>
      <c r="JQ683" s="613"/>
      <c r="JR683" s="613"/>
      <c r="JS683" s="613"/>
      <c r="JT683" s="613"/>
      <c r="JU683" s="613"/>
      <c r="JV683" s="613"/>
      <c r="JW683" s="613"/>
      <c r="JX683" s="613"/>
      <c r="JY683" s="613"/>
      <c r="JZ683" s="613"/>
      <c r="KA683" s="613"/>
      <c r="KB683" s="613"/>
      <c r="KC683" s="613"/>
      <c r="KD683" s="613"/>
      <c r="KE683" s="613"/>
      <c r="KF683" s="613"/>
      <c r="KG683" s="613"/>
      <c r="KH683" s="613"/>
      <c r="KI683" s="613"/>
      <c r="KJ683" s="613"/>
      <c r="KK683" s="613"/>
      <c r="KL683" s="613"/>
      <c r="KM683" s="613"/>
      <c r="KN683" s="613"/>
      <c r="KO683" s="613"/>
      <c r="KP683" s="613"/>
      <c r="KQ683" s="613"/>
      <c r="KR683" s="613"/>
      <c r="KS683" s="613"/>
      <c r="KT683" s="613"/>
      <c r="KU683" s="613"/>
      <c r="KV683" s="613"/>
      <c r="KW683" s="613"/>
      <c r="KX683" s="613"/>
      <c r="KY683" s="613"/>
      <c r="KZ683" s="613"/>
      <c r="LA683" s="613"/>
      <c r="LB683" s="613"/>
      <c r="LC683" s="613"/>
      <c r="LD683" s="613"/>
      <c r="LE683" s="613"/>
      <c r="LF683" s="613"/>
      <c r="LG683" s="613"/>
      <c r="LH683" s="613"/>
      <c r="LI683" s="613"/>
      <c r="LJ683" s="613"/>
      <c r="LK683" s="613"/>
      <c r="LL683" s="613"/>
      <c r="LM683" s="613"/>
      <c r="LN683" s="613"/>
      <c r="LO683" s="613"/>
      <c r="LP683" s="613"/>
      <c r="LQ683" s="613"/>
      <c r="LR683" s="613"/>
      <c r="LS683" s="613"/>
      <c r="LT683" s="613"/>
      <c r="LU683" s="613"/>
      <c r="LV683" s="613"/>
      <c r="LW683" s="613"/>
      <c r="LX683" s="613"/>
      <c r="LY683" s="613"/>
      <c r="LZ683" s="613"/>
      <c r="MA683" s="613"/>
      <c r="MB683" s="613"/>
      <c r="MC683" s="613"/>
      <c r="MD683" s="613"/>
      <c r="ME683" s="613"/>
      <c r="MF683" s="613"/>
      <c r="MG683" s="613"/>
      <c r="MH683" s="613"/>
      <c r="MI683" s="613"/>
      <c r="MJ683" s="613"/>
      <c r="MK683" s="613"/>
      <c r="ML683" s="613"/>
      <c r="MM683" s="613"/>
      <c r="MN683" s="613"/>
      <c r="MO683" s="613"/>
      <c r="MP683" s="613"/>
      <c r="MQ683" s="613"/>
      <c r="MR683" s="613"/>
      <c r="MS683" s="613"/>
      <c r="MT683" s="613"/>
      <c r="MU683" s="613"/>
      <c r="MV683" s="613"/>
      <c r="MW683" s="613"/>
      <c r="MX683" s="613"/>
      <c r="MY683" s="613"/>
      <c r="MZ683" s="613"/>
      <c r="NA683" s="613"/>
      <c r="NB683" s="613"/>
      <c r="NC683" s="613"/>
      <c r="ND683" s="613"/>
      <c r="NE683" s="613"/>
      <c r="NF683" s="613"/>
      <c r="NG683" s="613"/>
      <c r="NH683" s="613"/>
      <c r="NI683" s="613"/>
      <c r="NJ683" s="613"/>
      <c r="NK683" s="613"/>
      <c r="NL683" s="613"/>
      <c r="NM683" s="613"/>
      <c r="NN683" s="613"/>
      <c r="NO683" s="613"/>
      <c r="NP683" s="613"/>
      <c r="NQ683" s="613"/>
      <c r="NR683" s="613"/>
      <c r="NS683" s="613"/>
      <c r="NT683" s="613"/>
      <c r="NU683" s="613"/>
      <c r="NV683" s="613"/>
      <c r="NW683" s="613"/>
      <c r="NX683" s="613"/>
      <c r="NY683" s="613"/>
      <c r="NZ683" s="613"/>
      <c r="OA683" s="613"/>
      <c r="OB683" s="613"/>
      <c r="OC683" s="613"/>
      <c r="OD683" s="613"/>
      <c r="OE683" s="613"/>
      <c r="OF683" s="613"/>
      <c r="OG683" s="613"/>
      <c r="OH683" s="613"/>
      <c r="OI683" s="613"/>
      <c r="OJ683" s="613"/>
      <c r="OK683" s="613"/>
      <c r="OL683" s="613"/>
      <c r="OM683" s="613"/>
      <c r="ON683" s="613"/>
      <c r="OO683" s="613"/>
      <c r="OP683" s="613"/>
      <c r="OQ683" s="613"/>
      <c r="OR683" s="613"/>
      <c r="OS683" s="613"/>
      <c r="OT683" s="613"/>
      <c r="OU683" s="613"/>
      <c r="OV683" s="613"/>
      <c r="OW683" s="613"/>
      <c r="OX683" s="613"/>
      <c r="OY683" s="613"/>
      <c r="OZ683" s="613"/>
      <c r="PA683" s="613"/>
      <c r="PB683" s="613"/>
      <c r="PC683" s="613"/>
      <c r="PD683" s="613"/>
      <c r="PE683" s="613"/>
      <c r="PF683" s="613"/>
      <c r="PG683" s="613"/>
      <c r="PH683" s="613"/>
      <c r="PI683" s="613"/>
      <c r="PJ683" s="613"/>
      <c r="PK683" s="613"/>
      <c r="PL683" s="613"/>
      <c r="PM683" s="613"/>
      <c r="PN683" s="613"/>
      <c r="PO683" s="613"/>
      <c r="PP683" s="613"/>
      <c r="PQ683" s="613"/>
      <c r="PR683" s="613"/>
      <c r="PS683" s="613"/>
      <c r="PT683" s="613"/>
      <c r="PU683" s="613"/>
      <c r="PV683" s="613"/>
      <c r="PW683" s="613"/>
      <c r="PX683" s="613"/>
      <c r="PY683" s="613"/>
      <c r="PZ683" s="613"/>
      <c r="QA683" s="613"/>
      <c r="QB683" s="613"/>
      <c r="QC683" s="613"/>
      <c r="QD683" s="613"/>
      <c r="QE683" s="613"/>
      <c r="QF683" s="613"/>
      <c r="QG683" s="613"/>
      <c r="QH683" s="613"/>
      <c r="QI683" s="613"/>
      <c r="QJ683" s="613"/>
      <c r="QK683" s="613"/>
      <c r="QL683" s="613"/>
      <c r="QM683" s="613"/>
      <c r="QN683" s="613"/>
      <c r="QO683" s="613"/>
      <c r="QP683" s="613"/>
      <c r="QQ683" s="613"/>
      <c r="QR683" s="613"/>
      <c r="QS683" s="613"/>
      <c r="QT683" s="613"/>
      <c r="QU683" s="613"/>
      <c r="QV683" s="613"/>
      <c r="QW683" s="613"/>
      <c r="QX683" s="613"/>
      <c r="QY683" s="613"/>
      <c r="QZ683" s="613"/>
      <c r="RA683" s="613"/>
      <c r="RB683" s="613"/>
      <c r="RC683" s="613"/>
      <c r="RD683" s="613"/>
      <c r="RE683" s="613"/>
      <c r="RF683" s="613"/>
      <c r="RG683" s="613"/>
      <c r="RH683" s="613"/>
      <c r="RI683" s="613"/>
      <c r="RJ683" s="613"/>
      <c r="RK683" s="613"/>
      <c r="RL683" s="613"/>
      <c r="RM683" s="613"/>
      <c r="RN683" s="613"/>
      <c r="RO683" s="613"/>
      <c r="RP683" s="613"/>
      <c r="RQ683" s="613"/>
      <c r="RR683" s="613"/>
      <c r="RS683" s="613"/>
      <c r="RT683" s="613"/>
      <c r="RU683" s="613"/>
      <c r="RV683" s="613"/>
      <c r="RW683" s="613"/>
      <c r="RX683" s="613"/>
      <c r="RY683" s="613"/>
      <c r="RZ683" s="613"/>
      <c r="SA683" s="613"/>
      <c r="SB683" s="613"/>
      <c r="SC683" s="613"/>
      <c r="SD683" s="613"/>
      <c r="SE683" s="613"/>
      <c r="SF683" s="613"/>
      <c r="SG683" s="613"/>
      <c r="SH683" s="613"/>
      <c r="SI683" s="613"/>
      <c r="SJ683" s="613"/>
      <c r="SK683" s="613"/>
      <c r="SL683" s="613"/>
      <c r="SM683" s="613"/>
      <c r="SN683" s="613"/>
      <c r="SO683" s="613"/>
      <c r="SP683" s="613"/>
      <c r="SQ683" s="613"/>
      <c r="SR683" s="613"/>
      <c r="SS683" s="613"/>
      <c r="ST683" s="613"/>
      <c r="SU683" s="613"/>
      <c r="SV683" s="613"/>
      <c r="SW683" s="613"/>
      <c r="SX683" s="613"/>
      <c r="SY683" s="613"/>
      <c r="SZ683" s="613"/>
      <c r="TA683" s="613"/>
      <c r="TB683" s="613"/>
      <c r="TC683" s="613"/>
      <c r="TD683" s="613"/>
      <c r="TE683" s="613"/>
      <c r="TF683" s="613"/>
      <c r="TG683" s="613"/>
      <c r="TH683" s="613"/>
      <c r="TI683" s="613"/>
      <c r="TJ683" s="613"/>
      <c r="TK683" s="613"/>
      <c r="TL683" s="613"/>
      <c r="TM683" s="613"/>
      <c r="TN683" s="613"/>
      <c r="TO683" s="613"/>
      <c r="TP683" s="613"/>
      <c r="TQ683" s="613"/>
      <c r="TR683" s="613"/>
      <c r="TS683" s="613"/>
      <c r="TT683" s="613"/>
      <c r="TU683" s="613"/>
      <c r="TV683" s="613"/>
      <c r="TW683" s="613"/>
      <c r="TX683" s="613"/>
      <c r="TY683" s="613"/>
      <c r="TZ683" s="613"/>
      <c r="UA683" s="613"/>
      <c r="UB683" s="613"/>
      <c r="UC683" s="613"/>
      <c r="UD683" s="613"/>
      <c r="UE683" s="613"/>
      <c r="UF683" s="613"/>
      <c r="UG683" s="613"/>
      <c r="UH683" s="613"/>
      <c r="UI683" s="613"/>
      <c r="UJ683" s="613"/>
      <c r="UK683" s="613"/>
      <c r="UL683" s="613"/>
      <c r="UM683" s="613"/>
      <c r="UN683" s="613"/>
      <c r="UO683" s="613"/>
      <c r="UP683" s="613"/>
      <c r="UQ683" s="613"/>
      <c r="UR683" s="613"/>
      <c r="US683" s="613"/>
      <c r="UT683" s="613"/>
      <c r="UU683" s="613"/>
      <c r="UV683" s="613"/>
      <c r="UW683" s="613"/>
      <c r="UX683" s="613"/>
      <c r="UY683" s="613"/>
      <c r="UZ683" s="613"/>
      <c r="VA683" s="613"/>
      <c r="VB683" s="613"/>
      <c r="VC683" s="613"/>
      <c r="VD683" s="613"/>
      <c r="VE683" s="613"/>
      <c r="VF683" s="613"/>
      <c r="VG683" s="613"/>
      <c r="VH683" s="613"/>
      <c r="VI683" s="613"/>
      <c r="VJ683" s="613"/>
      <c r="VK683" s="613"/>
      <c r="VL683" s="613"/>
      <c r="VM683" s="613"/>
      <c r="VN683" s="613"/>
      <c r="VO683" s="613"/>
      <c r="VP683" s="613"/>
      <c r="VQ683" s="613"/>
      <c r="VR683" s="613"/>
      <c r="VS683" s="613"/>
      <c r="VT683" s="613"/>
      <c r="VU683" s="613"/>
      <c r="VV683" s="613"/>
      <c r="VW683" s="613"/>
      <c r="VX683" s="613"/>
      <c r="VY683" s="613"/>
      <c r="VZ683" s="613"/>
      <c r="WA683" s="613"/>
      <c r="WB683" s="613"/>
      <c r="WC683" s="613"/>
      <c r="WD683" s="613"/>
      <c r="WE683" s="613"/>
      <c r="WF683" s="613"/>
      <c r="WG683" s="613"/>
      <c r="WH683" s="613"/>
      <c r="WI683" s="613"/>
      <c r="WJ683" s="613"/>
      <c r="WK683" s="613"/>
      <c r="WL683" s="613"/>
      <c r="WM683" s="613"/>
      <c r="WN683" s="613"/>
      <c r="WO683" s="613"/>
      <c r="WP683" s="613"/>
      <c r="WQ683" s="613"/>
      <c r="WR683" s="613"/>
      <c r="WS683" s="613"/>
      <c r="WT683" s="613"/>
      <c r="WU683" s="613"/>
      <c r="WV683" s="613"/>
      <c r="WW683" s="613"/>
      <c r="WX683" s="613"/>
      <c r="WY683" s="613"/>
      <c r="WZ683" s="613"/>
      <c r="XA683" s="613"/>
      <c r="XB683" s="613"/>
      <c r="XC683" s="613"/>
      <c r="XD683" s="613"/>
      <c r="XE683" s="613"/>
      <c r="XF683" s="613"/>
      <c r="XG683" s="613"/>
      <c r="XH683" s="613"/>
      <c r="XI683" s="613"/>
      <c r="XJ683" s="613"/>
      <c r="XK683" s="613"/>
      <c r="XL683" s="613"/>
      <c r="XM683" s="613"/>
      <c r="XN683" s="613"/>
      <c r="XO683" s="613"/>
      <c r="XP683" s="613"/>
      <c r="XQ683" s="613"/>
      <c r="XR683" s="613"/>
      <c r="XS683" s="613"/>
      <c r="XT683" s="613"/>
      <c r="XU683" s="613"/>
      <c r="XV683" s="613"/>
      <c r="XW683" s="613"/>
      <c r="XX683" s="613"/>
      <c r="XY683" s="613"/>
      <c r="XZ683" s="613"/>
      <c r="YA683" s="613"/>
      <c r="YB683" s="613"/>
      <c r="YC683" s="613"/>
      <c r="YD683" s="613"/>
      <c r="YE683" s="613"/>
      <c r="YF683" s="613"/>
      <c r="YG683" s="613"/>
      <c r="YH683" s="613"/>
      <c r="YI683" s="613"/>
      <c r="YJ683" s="613"/>
      <c r="YK683" s="613"/>
      <c r="YL683" s="613"/>
      <c r="YM683" s="613"/>
      <c r="YN683" s="613"/>
      <c r="YO683" s="613"/>
      <c r="YP683" s="613"/>
      <c r="YQ683" s="613"/>
      <c r="YR683" s="613"/>
      <c r="YS683" s="613"/>
      <c r="YT683" s="613"/>
      <c r="YU683" s="613"/>
      <c r="YV683" s="613"/>
      <c r="YW683" s="613"/>
      <c r="YX683" s="613"/>
      <c r="YY683" s="613"/>
      <c r="YZ683" s="613"/>
      <c r="ZA683" s="613"/>
      <c r="ZB683" s="613"/>
      <c r="ZC683" s="613"/>
      <c r="ZD683" s="613"/>
      <c r="ZE683" s="613"/>
      <c r="ZF683" s="613"/>
      <c r="ZG683" s="613"/>
      <c r="ZH683" s="613"/>
      <c r="ZI683" s="613"/>
      <c r="ZJ683" s="613"/>
      <c r="ZK683" s="613"/>
      <c r="ZL683" s="613"/>
      <c r="ZM683" s="613"/>
      <c r="ZN683" s="613"/>
      <c r="ZO683" s="613"/>
      <c r="ZP683" s="613"/>
      <c r="ZQ683" s="613"/>
      <c r="ZR683" s="613"/>
      <c r="ZS683" s="613"/>
      <c r="ZT683" s="613"/>
      <c r="ZU683" s="613"/>
      <c r="ZV683" s="613"/>
      <c r="ZW683" s="613"/>
      <c r="ZX683" s="613"/>
      <c r="ZY683" s="613"/>
      <c r="ZZ683" s="613"/>
      <c r="AAA683" s="613"/>
      <c r="AAB683" s="613"/>
      <c r="AAC683" s="613"/>
      <c r="AAD683" s="613"/>
      <c r="AAE683" s="613"/>
      <c r="AAF683" s="613"/>
      <c r="AAG683" s="613"/>
      <c r="AAH683" s="613"/>
      <c r="AAI683" s="613"/>
      <c r="AAJ683" s="613"/>
      <c r="AAK683" s="613"/>
      <c r="AAL683" s="613"/>
      <c r="AAM683" s="613"/>
      <c r="AAN683" s="613"/>
      <c r="AAO683" s="613"/>
      <c r="AAP683" s="613"/>
      <c r="AAQ683" s="613"/>
      <c r="AAR683" s="613"/>
      <c r="AAS683" s="613"/>
      <c r="AAT683" s="613"/>
      <c r="AAU683" s="613"/>
      <c r="AAV683" s="613"/>
      <c r="AAW683" s="613"/>
      <c r="AAX683" s="613"/>
      <c r="AAY683" s="613"/>
      <c r="AAZ683" s="613"/>
      <c r="ABA683" s="613"/>
      <c r="ABB683" s="613"/>
      <c r="ABC683" s="613"/>
      <c r="ABD683" s="613"/>
      <c r="ABE683" s="613"/>
      <c r="ABF683" s="613"/>
      <c r="ABG683" s="613"/>
      <c r="ABH683" s="613"/>
      <c r="ABI683" s="613"/>
      <c r="ABJ683" s="613"/>
      <c r="ABK683" s="613"/>
      <c r="ABL683" s="613"/>
      <c r="ABM683" s="613"/>
      <c r="ABN683" s="613"/>
      <c r="ABO683" s="613"/>
      <c r="ABP683" s="613"/>
      <c r="ABQ683" s="613"/>
      <c r="ABR683" s="613"/>
      <c r="ABS683" s="613"/>
      <c r="ABT683" s="613"/>
      <c r="ABU683" s="613"/>
      <c r="ABV683" s="613"/>
      <c r="ABW683" s="613"/>
      <c r="ABX683" s="613"/>
      <c r="ABY683" s="613"/>
      <c r="ABZ683" s="613"/>
      <c r="ACA683" s="613"/>
      <c r="ACB683" s="613"/>
      <c r="ACC683" s="613"/>
      <c r="ACD683" s="613"/>
      <c r="ACE683" s="613"/>
      <c r="ACF683" s="613"/>
      <c r="ACG683" s="613"/>
      <c r="ACH683" s="613"/>
      <c r="ACI683" s="613"/>
      <c r="ACJ683" s="613"/>
      <c r="ACK683" s="613"/>
      <c r="ACL683" s="613"/>
      <c r="ACM683" s="613"/>
      <c r="ACN683" s="613"/>
      <c r="ACO683" s="613"/>
      <c r="ACP683" s="613"/>
      <c r="ACQ683" s="613"/>
      <c r="ACR683" s="613"/>
      <c r="ACS683" s="613"/>
      <c r="ACT683" s="613"/>
      <c r="ACU683" s="613"/>
      <c r="ACV683" s="613"/>
      <c r="ACW683" s="613"/>
      <c r="ACX683" s="613"/>
      <c r="ACY683" s="613"/>
      <c r="ACZ683" s="613"/>
      <c r="ADA683" s="613"/>
      <c r="ADB683" s="613"/>
      <c r="ADC683" s="613"/>
      <c r="ADD683" s="613"/>
      <c r="ADE683" s="613"/>
      <c r="ADF683" s="613"/>
      <c r="ADG683" s="613"/>
      <c r="ADH683" s="613"/>
      <c r="ADI683" s="613"/>
      <c r="ADJ683" s="613"/>
      <c r="ADK683" s="613"/>
      <c r="ADL683" s="613"/>
      <c r="ADM683" s="613"/>
      <c r="ADN683" s="613"/>
      <c r="ADO683" s="613"/>
      <c r="ADP683" s="613"/>
      <c r="ADQ683" s="613"/>
      <c r="ADR683" s="613"/>
      <c r="ADS683" s="613"/>
      <c r="ADT683" s="613"/>
      <c r="ADU683" s="613"/>
      <c r="ADV683" s="613"/>
      <c r="ADW683" s="613"/>
      <c r="ADX683" s="613"/>
      <c r="ADY683" s="613"/>
      <c r="ADZ683" s="613"/>
      <c r="AEA683" s="613"/>
      <c r="AEB683" s="613"/>
      <c r="AEC683" s="613"/>
      <c r="AED683" s="613"/>
      <c r="AEE683" s="613"/>
      <c r="AEF683" s="613"/>
      <c r="AEG683" s="613"/>
      <c r="AEH683" s="613"/>
      <c r="AEI683" s="613"/>
      <c r="AEJ683" s="613"/>
      <c r="AEK683" s="613"/>
      <c r="AEL683" s="613"/>
      <c r="AEM683" s="613"/>
      <c r="AEN683" s="613"/>
      <c r="AEO683" s="613"/>
      <c r="AEP683" s="613"/>
      <c r="AEQ683" s="613"/>
      <c r="AER683" s="613"/>
      <c r="AES683" s="613"/>
      <c r="AET683" s="613"/>
      <c r="AEU683" s="613"/>
      <c r="AEV683" s="613"/>
      <c r="AEW683" s="613"/>
      <c r="AEX683" s="613"/>
      <c r="AEY683" s="613"/>
      <c r="AEZ683" s="613"/>
      <c r="AFA683" s="613"/>
      <c r="AFB683" s="613"/>
      <c r="AFC683" s="613"/>
      <c r="AFD683" s="613"/>
      <c r="AFE683" s="613"/>
      <c r="AFF683" s="613"/>
      <c r="AFG683" s="613"/>
      <c r="AFH683" s="613"/>
      <c r="AFI683" s="613"/>
      <c r="AFJ683" s="613"/>
      <c r="AFK683" s="613"/>
      <c r="AFL683" s="613"/>
      <c r="AFM683" s="613"/>
      <c r="AFN683" s="613"/>
      <c r="AFO683" s="613"/>
      <c r="AFP683" s="613"/>
      <c r="AFQ683" s="613"/>
      <c r="AFR683" s="613"/>
      <c r="AFS683" s="613"/>
      <c r="AFT683" s="613"/>
      <c r="AFU683" s="613"/>
      <c r="AFV683" s="613"/>
      <c r="AFW683" s="613"/>
      <c r="AFX683" s="613"/>
      <c r="AFY683" s="613"/>
      <c r="AFZ683" s="613"/>
      <c r="AGA683" s="613"/>
      <c r="AGB683" s="613"/>
      <c r="AGC683" s="613"/>
      <c r="AGD683" s="613"/>
      <c r="AGE683" s="613"/>
      <c r="AGF683" s="613"/>
      <c r="AGG683" s="613"/>
      <c r="AGH683" s="613"/>
      <c r="AGI683" s="613"/>
      <c r="AGJ683" s="613"/>
      <c r="AGK683" s="613"/>
      <c r="AGL683" s="613"/>
      <c r="AGM683" s="613"/>
      <c r="AGN683" s="613"/>
      <c r="AGO683" s="613"/>
      <c r="AGP683" s="613"/>
      <c r="AGQ683" s="613"/>
      <c r="AGR683" s="613"/>
      <c r="AGS683" s="613"/>
      <c r="AGT683" s="613"/>
      <c r="AGU683" s="613"/>
      <c r="AGV683" s="613"/>
      <c r="AGW683" s="613"/>
      <c r="AGX683" s="613"/>
      <c r="AGY683" s="613"/>
      <c r="AGZ683" s="613"/>
      <c r="AHA683" s="613"/>
      <c r="AHB683" s="613"/>
      <c r="AHC683" s="613"/>
      <c r="AHD683" s="613"/>
      <c r="AHE683" s="613"/>
      <c r="AHF683" s="613"/>
      <c r="AHG683" s="613"/>
      <c r="AHH683" s="613"/>
      <c r="AHI683" s="613"/>
      <c r="AHJ683" s="613"/>
      <c r="AHK683" s="613"/>
      <c r="AHL683" s="613"/>
      <c r="AHM683" s="613"/>
      <c r="AHN683" s="613"/>
      <c r="AHO683" s="613"/>
      <c r="AHP683" s="613"/>
      <c r="AHQ683" s="613"/>
      <c r="AHR683" s="613"/>
      <c r="AHS683" s="613"/>
      <c r="AHT683" s="613"/>
      <c r="AHU683" s="613"/>
      <c r="AHV683" s="613"/>
      <c r="AHW683" s="613"/>
      <c r="AHX683" s="613"/>
      <c r="AHY683" s="613"/>
      <c r="AHZ683" s="613"/>
      <c r="AIA683" s="613"/>
      <c r="AIB683" s="613"/>
      <c r="AIC683" s="613"/>
      <c r="AID683" s="613"/>
      <c r="AIE683" s="613"/>
      <c r="AIF683" s="613"/>
      <c r="AIG683" s="613"/>
      <c r="AIH683" s="613"/>
      <c r="AII683" s="613"/>
      <c r="AIJ683" s="613"/>
      <c r="AIK683" s="613"/>
      <c r="AIL683" s="613"/>
      <c r="AIM683" s="613"/>
      <c r="AIN683" s="613"/>
      <c r="AIO683" s="613"/>
      <c r="AIP683" s="613"/>
      <c r="AIQ683" s="613"/>
      <c r="AIR683" s="613"/>
      <c r="AIS683" s="613"/>
      <c r="AIT683" s="613"/>
      <c r="AIU683" s="613"/>
      <c r="AIV683" s="613"/>
      <c r="AIW683" s="613"/>
      <c r="AIX683" s="613"/>
      <c r="AIY683" s="613"/>
      <c r="AIZ683" s="613"/>
      <c r="AJA683" s="613"/>
      <c r="AJB683" s="613"/>
      <c r="AJC683" s="613"/>
      <c r="AJD683" s="613"/>
      <c r="AJE683" s="613"/>
      <c r="AJF683" s="613"/>
      <c r="AJG683" s="613"/>
      <c r="AJH683" s="613"/>
      <c r="AJI683" s="613"/>
      <c r="AJJ683" s="613"/>
      <c r="AJK683" s="613"/>
      <c r="AJL683" s="613"/>
      <c r="AJM683" s="613"/>
      <c r="AJN683" s="613"/>
      <c r="AJO683" s="613"/>
      <c r="AJP683" s="613"/>
      <c r="AJQ683" s="613"/>
      <c r="AJR683" s="613"/>
      <c r="AJS683" s="613"/>
      <c r="AJT683" s="613"/>
      <c r="AJU683" s="613"/>
      <c r="AJV683" s="613"/>
      <c r="AJW683" s="613"/>
      <c r="AJX683" s="613"/>
      <c r="AJY683" s="613"/>
      <c r="AJZ683" s="613"/>
      <c r="AKA683" s="613"/>
      <c r="AKB683" s="613"/>
      <c r="AKC683" s="613"/>
      <c r="AKD683" s="613"/>
      <c r="AKE683" s="613"/>
      <c r="AKF683" s="613"/>
      <c r="AKG683" s="613"/>
      <c r="AKH683" s="613"/>
      <c r="AKI683" s="613"/>
      <c r="AKJ683" s="613"/>
      <c r="AKK683" s="613"/>
      <c r="AKL683" s="613"/>
      <c r="AKM683" s="613"/>
      <c r="AKN683" s="613"/>
      <c r="AKO683" s="613"/>
      <c r="AKP683" s="613"/>
      <c r="AKQ683" s="613"/>
      <c r="AKR683" s="613"/>
      <c r="AKS683" s="613"/>
      <c r="AKT683" s="613"/>
      <c r="AKU683" s="613"/>
      <c r="AKV683" s="613"/>
      <c r="AKW683" s="613"/>
      <c r="AKX683" s="613"/>
      <c r="AKY683" s="613"/>
      <c r="AKZ683" s="613"/>
      <c r="ALA683" s="613"/>
      <c r="ALB683" s="613"/>
      <c r="ALC683" s="613"/>
      <c r="ALD683" s="613"/>
      <c r="ALE683" s="613"/>
      <c r="ALF683" s="613"/>
      <c r="ALG683" s="613"/>
      <c r="ALH683" s="613"/>
      <c r="ALI683" s="613"/>
      <c r="ALJ683" s="613"/>
      <c r="ALK683" s="613"/>
      <c r="ALL683" s="613"/>
      <c r="ALM683" s="613"/>
      <c r="ALN683" s="613"/>
      <c r="ALO683" s="613"/>
      <c r="ALP683" s="613"/>
      <c r="ALQ683" s="613"/>
      <c r="ALR683" s="613"/>
      <c r="ALS683" s="613"/>
      <c r="ALT683" s="613"/>
      <c r="ALU683" s="613"/>
      <c r="ALV683" s="613"/>
      <c r="ALW683" s="613"/>
      <c r="ALX683" s="613"/>
      <c r="ALY683" s="613"/>
      <c r="ALZ683" s="613"/>
      <c r="AMA683" s="613"/>
      <c r="AMB683" s="613"/>
      <c r="AMC683" s="613"/>
      <c r="AMD683" s="613"/>
      <c r="AME683" s="613"/>
      <c r="AMF683" s="613"/>
      <c r="AMG683" s="613"/>
      <c r="AMH683" s="613"/>
      <c r="AMI683" s="613"/>
      <c r="AMJ683" s="613"/>
      <c r="AMK683" s="613"/>
      <c r="AML683" s="613"/>
      <c r="AMM683" s="613"/>
      <c r="AMN683" s="613"/>
      <c r="AMO683" s="613"/>
      <c r="AMP683" s="613"/>
      <c r="AMQ683" s="613"/>
      <c r="AMR683" s="613"/>
      <c r="AMS683" s="613"/>
      <c r="AMT683" s="613"/>
      <c r="AMU683" s="613"/>
      <c r="AMV683" s="613"/>
      <c r="AMW683" s="613"/>
      <c r="AMX683" s="613"/>
      <c r="AMY683" s="613"/>
      <c r="AMZ683" s="613"/>
      <c r="ANA683" s="613"/>
      <c r="ANB683" s="613"/>
      <c r="ANC683" s="613"/>
      <c r="AND683" s="613"/>
      <c r="ANE683" s="613"/>
      <c r="ANF683" s="613"/>
      <c r="ANG683" s="613"/>
      <c r="ANH683" s="613"/>
      <c r="ANI683" s="613"/>
      <c r="ANJ683" s="613"/>
      <c r="ANK683" s="613"/>
      <c r="ANL683" s="613"/>
      <c r="ANM683" s="613"/>
      <c r="ANN683" s="613"/>
      <c r="ANO683" s="613"/>
      <c r="ANP683" s="613"/>
      <c r="ANQ683" s="613"/>
      <c r="ANR683" s="613"/>
      <c r="ANS683" s="613"/>
      <c r="ANT683" s="613"/>
      <c r="ANU683" s="613"/>
      <c r="ANV683" s="613"/>
      <c r="ANW683" s="613"/>
      <c r="ANX683" s="613"/>
      <c r="ANY683" s="613"/>
      <c r="ANZ683" s="613"/>
      <c r="AOA683" s="613"/>
      <c r="AOB683" s="613"/>
      <c r="AOC683" s="613"/>
      <c r="AOD683" s="613"/>
      <c r="AOE683" s="613"/>
      <c r="AOF683" s="613"/>
      <c r="AOG683" s="613"/>
      <c r="AOH683" s="613"/>
      <c r="AOI683" s="613"/>
      <c r="AOJ683" s="613"/>
      <c r="AOK683" s="613"/>
      <c r="AOL683" s="613"/>
      <c r="AOM683" s="613"/>
      <c r="AON683" s="613"/>
      <c r="AOO683" s="613"/>
      <c r="AOP683" s="613"/>
      <c r="AOQ683" s="613"/>
      <c r="AOR683" s="613"/>
      <c r="AOS683" s="613"/>
      <c r="AOT683" s="613"/>
      <c r="AOU683" s="613"/>
      <c r="AOV683" s="613"/>
      <c r="AOW683" s="613"/>
      <c r="AOX683" s="613"/>
      <c r="AOY683" s="613"/>
      <c r="AOZ683" s="613"/>
      <c r="APA683" s="613"/>
      <c r="APB683" s="613"/>
      <c r="APC683" s="613"/>
      <c r="APD683" s="613"/>
      <c r="APE683" s="613"/>
      <c r="APF683" s="613"/>
      <c r="APG683" s="613"/>
      <c r="APH683" s="613"/>
      <c r="API683" s="613"/>
      <c r="APJ683" s="613"/>
      <c r="APK683" s="613"/>
      <c r="APL683" s="613"/>
      <c r="APM683" s="613"/>
      <c r="APN683" s="613"/>
      <c r="APO683" s="613"/>
      <c r="APP683" s="613"/>
      <c r="APQ683" s="613"/>
      <c r="APR683" s="613"/>
      <c r="APS683" s="613"/>
      <c r="APT683" s="613"/>
      <c r="APU683" s="613"/>
      <c r="APV683" s="613"/>
      <c r="APW683" s="613"/>
      <c r="APX683" s="613"/>
      <c r="APY683" s="613"/>
      <c r="APZ683" s="613"/>
      <c r="AQA683" s="613"/>
      <c r="AQB683" s="613"/>
      <c r="AQC683" s="613"/>
      <c r="AQD683" s="613"/>
      <c r="AQE683" s="613"/>
      <c r="AQF683" s="613"/>
      <c r="AQG683" s="613"/>
      <c r="AQH683" s="613"/>
      <c r="AQI683" s="613"/>
      <c r="AQJ683" s="613"/>
      <c r="AQK683" s="613"/>
      <c r="AQL683" s="613"/>
      <c r="AQM683" s="613"/>
      <c r="AQN683" s="613"/>
      <c r="AQO683" s="613"/>
      <c r="AQP683" s="613"/>
      <c r="AQQ683" s="613"/>
      <c r="AQR683" s="613"/>
      <c r="AQS683" s="613"/>
      <c r="AQT683" s="613"/>
      <c r="AQU683" s="613"/>
      <c r="AQV683" s="613"/>
      <c r="AQW683" s="613"/>
      <c r="AQX683" s="613"/>
      <c r="AQY683" s="613"/>
      <c r="AQZ683" s="613"/>
      <c r="ARA683" s="613"/>
      <c r="ARB683" s="613"/>
      <c r="ARC683" s="613"/>
      <c r="ARD683" s="613"/>
      <c r="ARE683" s="613"/>
      <c r="ARF683" s="613"/>
      <c r="ARG683" s="613"/>
      <c r="ARH683" s="613"/>
      <c r="ARI683" s="613"/>
      <c r="ARJ683" s="613"/>
      <c r="ARK683" s="613"/>
      <c r="ARL683" s="613"/>
      <c r="ARM683" s="613"/>
      <c r="ARN683" s="613"/>
      <c r="ARO683" s="613"/>
      <c r="ARP683" s="613"/>
      <c r="ARQ683" s="613"/>
      <c r="ARR683" s="613"/>
      <c r="ARS683" s="613"/>
      <c r="ART683" s="613"/>
      <c r="ARU683" s="613"/>
      <c r="ARV683" s="613"/>
      <c r="ARW683" s="613"/>
      <c r="ARX683" s="613"/>
      <c r="ARY683" s="613"/>
      <c r="ARZ683" s="613"/>
      <c r="ASA683" s="613"/>
      <c r="ASB683" s="613"/>
      <c r="ASC683" s="613"/>
      <c r="ASD683" s="613"/>
      <c r="ASE683" s="613"/>
      <c r="ASF683" s="613"/>
      <c r="ASG683" s="613"/>
      <c r="ASH683" s="613"/>
      <c r="ASI683" s="613"/>
      <c r="ASJ683" s="613"/>
      <c r="ASK683" s="613"/>
      <c r="ASL683" s="613"/>
      <c r="ASM683" s="613"/>
      <c r="ASN683" s="613"/>
      <c r="ASO683" s="613"/>
      <c r="ASP683" s="613"/>
      <c r="ASQ683" s="613"/>
      <c r="ASR683" s="613"/>
      <c r="ASS683" s="613"/>
      <c r="AST683" s="613"/>
      <c r="ASU683" s="613"/>
      <c r="ASV683" s="613"/>
      <c r="ASW683" s="613"/>
      <c r="ASX683" s="613"/>
      <c r="ASY683" s="613"/>
      <c r="ASZ683" s="613"/>
      <c r="ATA683" s="613"/>
      <c r="ATB683" s="613"/>
      <c r="ATC683" s="613"/>
      <c r="ATD683" s="613"/>
      <c r="ATE683" s="613"/>
      <c r="ATF683" s="613"/>
      <c r="ATG683" s="613"/>
      <c r="ATH683" s="613"/>
      <c r="ATI683" s="613"/>
      <c r="ATJ683" s="613"/>
      <c r="ATK683" s="613"/>
      <c r="ATL683" s="613"/>
      <c r="ATM683" s="613"/>
      <c r="ATN683" s="613"/>
      <c r="ATO683" s="613"/>
      <c r="ATP683" s="613"/>
      <c r="ATQ683" s="613"/>
      <c r="ATR683" s="613"/>
      <c r="ATS683" s="613"/>
      <c r="ATT683" s="613"/>
      <c r="ATU683" s="613"/>
      <c r="ATV683" s="613"/>
      <c r="ATW683" s="613"/>
      <c r="ATX683" s="613"/>
      <c r="ATY683" s="613"/>
      <c r="ATZ683" s="613"/>
      <c r="AUA683" s="613"/>
      <c r="AUB683" s="613"/>
      <c r="AUC683" s="613"/>
      <c r="AUD683" s="613"/>
      <c r="AUE683" s="613"/>
      <c r="AUF683" s="613"/>
      <c r="AUG683" s="613"/>
      <c r="AUH683" s="613"/>
      <c r="AUI683" s="613"/>
      <c r="AUJ683" s="613"/>
      <c r="AUK683" s="613"/>
      <c r="AUL683" s="613"/>
      <c r="AUM683" s="613"/>
      <c r="AUN683" s="613"/>
      <c r="AUO683" s="613"/>
      <c r="AUP683" s="613"/>
      <c r="AUQ683" s="613"/>
      <c r="AUR683" s="613"/>
      <c r="AUS683" s="613"/>
      <c r="AUT683" s="613"/>
      <c r="AUU683" s="613"/>
      <c r="AUV683" s="613"/>
      <c r="AUW683" s="613"/>
      <c r="AUX683" s="613"/>
      <c r="AUY683" s="613"/>
      <c r="AUZ683" s="613"/>
      <c r="AVA683" s="613"/>
      <c r="AVB683" s="613"/>
      <c r="AVC683" s="613"/>
      <c r="AVD683" s="613"/>
      <c r="AVE683" s="613"/>
      <c r="AVF683" s="613"/>
      <c r="AVG683" s="613"/>
      <c r="AVH683" s="613"/>
      <c r="AVI683" s="613"/>
      <c r="AVJ683" s="613"/>
      <c r="AVK683" s="613"/>
      <c r="AVL683" s="613"/>
      <c r="AVM683" s="613"/>
      <c r="AVN683" s="613"/>
      <c r="AVO683" s="613"/>
      <c r="AVP683" s="613"/>
      <c r="AVQ683" s="613"/>
      <c r="AVR683" s="613"/>
      <c r="AVS683" s="613"/>
      <c r="AVT683" s="613"/>
      <c r="AVU683" s="613"/>
      <c r="AVV683" s="613"/>
      <c r="AVW683" s="613"/>
      <c r="AVX683" s="613"/>
      <c r="AVY683" s="613"/>
      <c r="AVZ683" s="613"/>
      <c r="AWA683" s="613"/>
      <c r="AWB683" s="613"/>
      <c r="AWC683" s="613"/>
      <c r="AWD683" s="613"/>
      <c r="AWE683" s="613"/>
      <c r="AWF683" s="613"/>
      <c r="AWG683" s="613"/>
      <c r="AWH683" s="613"/>
      <c r="AWI683" s="613"/>
      <c r="AWJ683" s="613"/>
      <c r="AWK683" s="613"/>
      <c r="AWL683" s="613"/>
      <c r="AWM683" s="613"/>
      <c r="AWN683" s="613"/>
      <c r="AWO683" s="613"/>
      <c r="AWP683" s="613"/>
      <c r="AWQ683" s="613"/>
      <c r="AWR683" s="613"/>
      <c r="AWS683" s="613"/>
      <c r="AWT683" s="613"/>
      <c r="AWU683" s="613"/>
      <c r="AWV683" s="613"/>
      <c r="AWW683" s="613"/>
      <c r="AWX683" s="613"/>
      <c r="AWY683" s="613"/>
      <c r="AWZ683" s="613"/>
      <c r="AXA683" s="613"/>
      <c r="AXB683" s="613"/>
      <c r="AXC683" s="613"/>
      <c r="AXD683" s="613"/>
      <c r="AXE683" s="613"/>
      <c r="AXF683" s="613"/>
      <c r="AXG683" s="613"/>
      <c r="AXH683" s="613"/>
      <c r="AXI683" s="613"/>
      <c r="AXJ683" s="613"/>
      <c r="AXK683" s="613"/>
      <c r="AXL683" s="613"/>
      <c r="AXM683" s="613"/>
      <c r="AXN683" s="613"/>
      <c r="AXO683" s="613"/>
      <c r="AXP683" s="613"/>
      <c r="AXQ683" s="613"/>
      <c r="AXR683" s="613"/>
      <c r="AXS683" s="613"/>
      <c r="AXT683" s="613"/>
      <c r="AXU683" s="613"/>
      <c r="AXV683" s="613"/>
      <c r="AXW683" s="613"/>
      <c r="AXX683" s="613"/>
      <c r="AXY683" s="613"/>
      <c r="AXZ683" s="613"/>
      <c r="AYA683" s="613"/>
      <c r="AYB683" s="613"/>
      <c r="AYC683" s="613"/>
      <c r="AYD683" s="613"/>
      <c r="AYE683" s="613"/>
      <c r="AYF683" s="613"/>
      <c r="AYG683" s="613"/>
      <c r="AYH683" s="613"/>
      <c r="AYI683" s="613"/>
      <c r="AYJ683" s="613"/>
      <c r="AYK683" s="613"/>
      <c r="AYL683" s="613"/>
      <c r="AYM683" s="613"/>
      <c r="AYN683" s="613"/>
      <c r="AYO683" s="613"/>
      <c r="AYP683" s="613"/>
      <c r="AYQ683" s="613"/>
      <c r="AYR683" s="613"/>
      <c r="AYS683" s="613"/>
      <c r="AYT683" s="613"/>
      <c r="AYU683" s="613"/>
      <c r="AYV683" s="613"/>
      <c r="AYW683" s="613"/>
      <c r="AYX683" s="613"/>
      <c r="AYY683" s="613"/>
      <c r="AYZ683" s="613"/>
      <c r="AZA683" s="613"/>
      <c r="AZB683" s="613"/>
      <c r="AZC683" s="613"/>
      <c r="AZD683" s="613"/>
      <c r="AZE683" s="613"/>
      <c r="AZF683" s="613"/>
      <c r="AZG683" s="613"/>
      <c r="AZH683" s="613"/>
      <c r="AZI683" s="613"/>
      <c r="AZJ683" s="613"/>
      <c r="AZK683" s="613"/>
      <c r="AZL683" s="613"/>
      <c r="AZM683" s="613"/>
      <c r="AZN683" s="613"/>
      <c r="AZO683" s="613"/>
      <c r="AZP683" s="613"/>
      <c r="AZQ683" s="613"/>
      <c r="AZR683" s="613"/>
      <c r="AZS683" s="613"/>
      <c r="AZT683" s="613"/>
      <c r="AZU683" s="613"/>
      <c r="AZV683" s="613"/>
      <c r="AZW683" s="613"/>
      <c r="AZX683" s="613"/>
      <c r="AZY683" s="613"/>
      <c r="AZZ683" s="613"/>
      <c r="BAA683" s="613"/>
      <c r="BAB683" s="613"/>
      <c r="BAC683" s="613"/>
      <c r="BAD683" s="613"/>
      <c r="BAE683" s="613"/>
      <c r="BAF683" s="613"/>
      <c r="BAG683" s="613"/>
      <c r="BAH683" s="613"/>
      <c r="BAI683" s="613"/>
      <c r="BAJ683" s="613"/>
      <c r="BAK683" s="613"/>
      <c r="BAL683" s="613"/>
      <c r="BAM683" s="613"/>
      <c r="BAN683" s="613"/>
      <c r="BAO683" s="613"/>
      <c r="BAP683" s="613"/>
      <c r="BAQ683" s="613"/>
      <c r="BAR683" s="613"/>
      <c r="BAS683" s="613"/>
      <c r="BAT683" s="613"/>
      <c r="BAU683" s="613"/>
      <c r="BAV683" s="613"/>
      <c r="BAW683" s="613"/>
      <c r="BAX683" s="613"/>
      <c r="BAY683" s="613"/>
      <c r="BAZ683" s="613"/>
      <c r="BBA683" s="613"/>
      <c r="BBB683" s="613"/>
      <c r="BBC683" s="613"/>
      <c r="BBD683" s="613"/>
      <c r="BBE683" s="613"/>
      <c r="BBF683" s="613"/>
      <c r="BBG683" s="613"/>
      <c r="BBH683" s="613"/>
      <c r="BBI683" s="613"/>
      <c r="BBJ683" s="613"/>
      <c r="BBK683" s="613"/>
      <c r="BBL683" s="613"/>
      <c r="BBM683" s="613"/>
      <c r="BBN683" s="613"/>
      <c r="BBO683" s="613"/>
      <c r="BBP683" s="613"/>
      <c r="BBQ683" s="613"/>
      <c r="BBR683" s="613"/>
      <c r="BBS683" s="613"/>
      <c r="BBT683" s="613"/>
      <c r="BBU683" s="613"/>
      <c r="BBV683" s="613"/>
      <c r="BBW683" s="613"/>
      <c r="BBX683" s="613"/>
      <c r="BBY683" s="613"/>
      <c r="BBZ683" s="613"/>
      <c r="BCA683" s="613"/>
      <c r="BCB683" s="613"/>
      <c r="BCC683" s="613"/>
      <c r="BCD683" s="613"/>
      <c r="BCE683" s="613"/>
      <c r="BCF683" s="613"/>
      <c r="BCG683" s="613"/>
      <c r="BCH683" s="613"/>
      <c r="BCI683" s="613"/>
      <c r="BCJ683" s="613"/>
      <c r="BCK683" s="613"/>
      <c r="BCL683" s="613"/>
      <c r="BCM683" s="613"/>
      <c r="BCN683" s="613"/>
      <c r="BCO683" s="613"/>
      <c r="BCP683" s="613"/>
      <c r="BCQ683" s="613"/>
      <c r="BCR683" s="613"/>
      <c r="BCS683" s="613"/>
      <c r="BCT683" s="613"/>
      <c r="BCU683" s="613"/>
      <c r="BCV683" s="613"/>
      <c r="BCW683" s="613"/>
      <c r="BCX683" s="613"/>
      <c r="BCY683" s="613"/>
      <c r="BCZ683" s="613"/>
      <c r="BDA683" s="613"/>
      <c r="BDB683" s="613"/>
      <c r="BDC683" s="613"/>
      <c r="BDD683" s="613"/>
      <c r="BDE683" s="613"/>
      <c r="BDF683" s="613"/>
      <c r="BDG683" s="613"/>
      <c r="BDH683" s="613"/>
      <c r="BDI683" s="613"/>
      <c r="BDJ683" s="613"/>
      <c r="BDK683" s="613"/>
      <c r="BDL683" s="613"/>
      <c r="BDM683" s="613"/>
      <c r="BDN683" s="613"/>
      <c r="BDO683" s="613"/>
      <c r="BDP683" s="613"/>
      <c r="BDQ683" s="613"/>
      <c r="BDR683" s="613"/>
      <c r="BDS683" s="613"/>
      <c r="BDT683" s="613"/>
      <c r="BDU683" s="613"/>
      <c r="BDV683" s="613"/>
      <c r="BDW683" s="613"/>
      <c r="BDX683" s="613"/>
      <c r="BDY683" s="613"/>
      <c r="BDZ683" s="613"/>
      <c r="BEA683" s="613"/>
      <c r="BEB683" s="613"/>
      <c r="BEC683" s="613"/>
      <c r="BED683" s="613"/>
      <c r="BEE683" s="613"/>
      <c r="BEF683" s="613"/>
      <c r="BEG683" s="613"/>
      <c r="BEH683" s="613"/>
      <c r="BEI683" s="613"/>
      <c r="BEJ683" s="613"/>
      <c r="BEK683" s="613"/>
      <c r="BEL683" s="613"/>
      <c r="BEM683" s="613"/>
      <c r="BEN683" s="613"/>
      <c r="BEO683" s="613"/>
      <c r="BEP683" s="613"/>
      <c r="BEQ683" s="613"/>
      <c r="BER683" s="613"/>
      <c r="BES683" s="613"/>
      <c r="BET683" s="613"/>
      <c r="BEU683" s="613"/>
      <c r="BEV683" s="613"/>
      <c r="BEW683" s="613"/>
      <c r="BEX683" s="613"/>
      <c r="BEY683" s="613"/>
      <c r="BEZ683" s="613"/>
      <c r="BFA683" s="613"/>
      <c r="BFB683" s="613"/>
      <c r="BFC683" s="613"/>
      <c r="BFD683" s="613"/>
      <c r="BFE683" s="613"/>
      <c r="BFF683" s="613"/>
      <c r="BFG683" s="613"/>
      <c r="BFH683" s="613"/>
      <c r="BFI683" s="613"/>
      <c r="BFJ683" s="613"/>
      <c r="BFK683" s="613"/>
      <c r="BFL683" s="613"/>
      <c r="BFM683" s="613"/>
      <c r="BFN683" s="613"/>
      <c r="BFO683" s="613"/>
      <c r="BFP683" s="613"/>
      <c r="BFQ683" s="613"/>
      <c r="BFR683" s="613"/>
      <c r="BFS683" s="613"/>
      <c r="BFT683" s="613"/>
      <c r="BFU683" s="613"/>
      <c r="BFV683" s="613"/>
      <c r="BFW683" s="613"/>
      <c r="BFX683" s="613"/>
      <c r="BFY683" s="613"/>
      <c r="BFZ683" s="613"/>
      <c r="BGA683" s="613"/>
      <c r="BGB683" s="613"/>
      <c r="BGC683" s="613"/>
      <c r="BGD683" s="613"/>
      <c r="BGE683" s="613"/>
      <c r="BGF683" s="613"/>
      <c r="BGG683" s="613"/>
      <c r="BGH683" s="613"/>
      <c r="BGI683" s="613"/>
      <c r="BGJ683" s="613"/>
      <c r="BGK683" s="613"/>
      <c r="BGL683" s="613"/>
      <c r="BGM683" s="613"/>
      <c r="BGN683" s="613"/>
      <c r="BGO683" s="613"/>
      <c r="BGP683" s="613"/>
      <c r="BGQ683" s="613"/>
      <c r="BGR683" s="613"/>
      <c r="BGS683" s="613"/>
      <c r="BGT683" s="613"/>
      <c r="BGU683" s="613"/>
      <c r="BGV683" s="613"/>
      <c r="BGW683" s="613"/>
      <c r="BGX683" s="613"/>
      <c r="BGY683" s="613"/>
      <c r="BGZ683" s="613"/>
      <c r="BHA683" s="613"/>
      <c r="BHB683" s="613"/>
      <c r="BHC683" s="613"/>
      <c r="BHD683" s="613"/>
      <c r="BHE683" s="613"/>
      <c r="BHF683" s="613"/>
      <c r="BHG683" s="613"/>
      <c r="BHH683" s="613"/>
      <c r="BHI683" s="613"/>
      <c r="BHJ683" s="613"/>
      <c r="BHK683" s="613"/>
      <c r="BHL683" s="613"/>
      <c r="BHM683" s="613"/>
      <c r="BHN683" s="613"/>
      <c r="BHO683" s="613"/>
      <c r="BHP683" s="613"/>
      <c r="BHQ683" s="613"/>
      <c r="BHR683" s="613"/>
      <c r="BHS683" s="613"/>
      <c r="BHT683" s="613"/>
      <c r="BHU683" s="613"/>
      <c r="BHV683" s="613"/>
      <c r="BHW683" s="613"/>
      <c r="BHX683" s="613"/>
      <c r="BHY683" s="613"/>
      <c r="BHZ683" s="613"/>
      <c r="BIA683" s="613"/>
      <c r="BIB683" s="613"/>
      <c r="BIC683" s="613"/>
      <c r="BID683" s="613"/>
      <c r="BIE683" s="613"/>
      <c r="BIF683" s="613"/>
      <c r="BIG683" s="613"/>
      <c r="BIH683" s="613"/>
      <c r="BII683" s="613"/>
      <c r="BIJ683" s="613"/>
      <c r="BIK683" s="613"/>
      <c r="BIL683" s="613"/>
      <c r="BIM683" s="613"/>
      <c r="BIN683" s="613"/>
      <c r="BIO683" s="613"/>
      <c r="BIP683" s="613"/>
      <c r="BIQ683" s="613"/>
      <c r="BIR683" s="613"/>
      <c r="BIS683" s="613"/>
      <c r="BIT683" s="613"/>
      <c r="BIU683" s="613"/>
      <c r="BIV683" s="613"/>
      <c r="BIW683" s="613"/>
      <c r="BIX683" s="613"/>
      <c r="BIY683" s="613"/>
      <c r="BIZ683" s="613"/>
      <c r="BJA683" s="613"/>
      <c r="BJB683" s="613"/>
      <c r="BJC683" s="613"/>
      <c r="BJD683" s="613"/>
      <c r="BJE683" s="613"/>
      <c r="BJF683" s="613"/>
      <c r="BJG683" s="613"/>
      <c r="BJH683" s="613"/>
      <c r="BJI683" s="613"/>
      <c r="BJJ683" s="613"/>
      <c r="BJK683" s="613"/>
      <c r="BJL683" s="613"/>
      <c r="BJM683" s="613"/>
      <c r="BJN683" s="613"/>
      <c r="BJO683" s="613"/>
      <c r="BJP683" s="613"/>
      <c r="BJQ683" s="613"/>
      <c r="BJR683" s="613"/>
      <c r="BJS683" s="613"/>
      <c r="BJT683" s="613"/>
      <c r="BJU683" s="613"/>
      <c r="BJV683" s="613"/>
      <c r="BJW683" s="613"/>
      <c r="BJX683" s="613"/>
      <c r="BJY683" s="613"/>
      <c r="BJZ683" s="613"/>
      <c r="BKA683" s="613"/>
      <c r="BKB683" s="613"/>
      <c r="BKC683" s="613"/>
      <c r="BKD683" s="613"/>
      <c r="BKE683" s="613"/>
      <c r="BKF683" s="613"/>
      <c r="BKG683" s="613"/>
      <c r="BKH683" s="613"/>
      <c r="BKI683" s="613"/>
      <c r="BKJ683" s="613"/>
      <c r="BKK683" s="613"/>
      <c r="BKL683" s="613"/>
      <c r="BKM683" s="613"/>
      <c r="BKN683" s="613"/>
      <c r="BKO683" s="613"/>
      <c r="BKP683" s="613"/>
      <c r="BKQ683" s="613"/>
      <c r="BKR683" s="613"/>
      <c r="BKS683" s="613"/>
      <c r="BKT683" s="613"/>
      <c r="BKU683" s="613"/>
      <c r="BKV683" s="613"/>
      <c r="BKW683" s="613"/>
      <c r="BKX683" s="613"/>
      <c r="BKY683" s="613"/>
      <c r="BKZ683" s="613"/>
      <c r="BLA683" s="613"/>
      <c r="BLB683" s="613"/>
      <c r="BLC683" s="613"/>
      <c r="BLD683" s="613"/>
      <c r="BLE683" s="613"/>
      <c r="BLF683" s="613"/>
      <c r="BLG683" s="613"/>
      <c r="BLH683" s="613"/>
      <c r="BLI683" s="613"/>
      <c r="BLJ683" s="613"/>
      <c r="BLK683" s="613"/>
      <c r="BLL683" s="613"/>
      <c r="BLM683" s="613"/>
      <c r="BLN683" s="613"/>
      <c r="BLO683" s="613"/>
      <c r="BLP683" s="613"/>
      <c r="BLQ683" s="613"/>
      <c r="BLR683" s="613"/>
      <c r="BLS683" s="613"/>
      <c r="BLT683" s="613"/>
      <c r="BLU683" s="613"/>
      <c r="BLV683" s="613"/>
      <c r="BLW683" s="613"/>
      <c r="BLX683" s="613"/>
      <c r="BLY683" s="613"/>
      <c r="BLZ683" s="613"/>
      <c r="BMA683" s="613"/>
      <c r="BMB683" s="613"/>
      <c r="BMC683" s="613"/>
      <c r="BMD683" s="613"/>
      <c r="BME683" s="613"/>
      <c r="BMF683" s="613"/>
      <c r="BMG683" s="613"/>
      <c r="BMH683" s="613"/>
      <c r="BMI683" s="613"/>
      <c r="BMJ683" s="613"/>
      <c r="BMK683" s="613"/>
      <c r="BML683" s="613"/>
      <c r="BMM683" s="613"/>
      <c r="BMN683" s="613"/>
      <c r="BMO683" s="613"/>
      <c r="BMP683" s="613"/>
      <c r="BMQ683" s="613"/>
      <c r="BMR683" s="613"/>
      <c r="BMS683" s="613"/>
      <c r="BMT683" s="613"/>
      <c r="BMU683" s="613"/>
      <c r="BMV683" s="613"/>
      <c r="BMW683" s="613"/>
      <c r="BMX683" s="613"/>
      <c r="BMY683" s="613"/>
      <c r="BMZ683" s="613"/>
      <c r="BNA683" s="613"/>
      <c r="BNB683" s="613"/>
      <c r="BNC683" s="613"/>
      <c r="BND683" s="613"/>
      <c r="BNE683" s="613"/>
      <c r="BNF683" s="613"/>
      <c r="BNG683" s="613"/>
      <c r="BNH683" s="613"/>
      <c r="BNI683" s="613"/>
      <c r="BNJ683" s="613"/>
      <c r="BNK683" s="613"/>
      <c r="BNL683" s="613"/>
      <c r="BNM683" s="613"/>
      <c r="BNN683" s="613"/>
      <c r="BNO683" s="613"/>
      <c r="BNP683" s="613"/>
      <c r="BNQ683" s="613"/>
      <c r="BNR683" s="613"/>
      <c r="BNS683" s="613"/>
      <c r="BNT683" s="613"/>
      <c r="BNU683" s="613"/>
      <c r="BNV683" s="613"/>
      <c r="BNW683" s="613"/>
      <c r="BNX683" s="613"/>
      <c r="BNY683" s="613"/>
      <c r="BNZ683" s="613"/>
      <c r="BOA683" s="613"/>
      <c r="BOB683" s="613"/>
      <c r="BOC683" s="613"/>
      <c r="BOD683" s="613"/>
      <c r="BOE683" s="613"/>
      <c r="BOF683" s="613"/>
      <c r="BOG683" s="613"/>
      <c r="BOH683" s="613"/>
      <c r="BOI683" s="613"/>
      <c r="BOJ683" s="613"/>
      <c r="BOK683" s="613"/>
      <c r="BOL683" s="613"/>
      <c r="BOM683" s="613"/>
      <c r="BON683" s="613"/>
      <c r="BOO683" s="613"/>
      <c r="BOP683" s="613"/>
      <c r="BOQ683" s="613"/>
      <c r="BOR683" s="613"/>
      <c r="BOS683" s="613"/>
      <c r="BOT683" s="613"/>
      <c r="BOU683" s="613"/>
      <c r="BOV683" s="613"/>
      <c r="BOW683" s="613"/>
      <c r="BOX683" s="613"/>
      <c r="BOY683" s="613"/>
      <c r="BOZ683" s="613"/>
      <c r="BPA683" s="613"/>
      <c r="BPB683" s="613"/>
      <c r="BPC683" s="613"/>
      <c r="BPD683" s="613"/>
      <c r="BPE683" s="613"/>
      <c r="BPF683" s="613"/>
      <c r="BPG683" s="613"/>
      <c r="BPH683" s="613"/>
      <c r="BPI683" s="613"/>
      <c r="BPJ683" s="613"/>
      <c r="BPK683" s="613"/>
      <c r="BPL683" s="613"/>
      <c r="BPM683" s="613"/>
      <c r="BPN683" s="613"/>
      <c r="BPO683" s="613"/>
      <c r="BPP683" s="613"/>
      <c r="BPQ683" s="613"/>
      <c r="BPR683" s="613"/>
      <c r="BPS683" s="613"/>
      <c r="BPT683" s="613"/>
      <c r="BPU683" s="613"/>
      <c r="BPV683" s="613"/>
      <c r="BPW683" s="613"/>
      <c r="BPX683" s="613"/>
      <c r="BPY683" s="613"/>
      <c r="BPZ683" s="613"/>
      <c r="BQA683" s="613"/>
      <c r="BQB683" s="613"/>
      <c r="BQC683" s="613"/>
      <c r="BQD683" s="613"/>
      <c r="BQE683" s="613"/>
      <c r="BQF683" s="613"/>
      <c r="BQG683" s="613"/>
      <c r="BQH683" s="613"/>
      <c r="BQI683" s="613"/>
      <c r="BQJ683" s="613"/>
      <c r="BQK683" s="613"/>
      <c r="BQL683" s="613"/>
      <c r="BQM683" s="613"/>
      <c r="BQN683" s="613"/>
      <c r="BQO683" s="613"/>
      <c r="BQP683" s="613"/>
      <c r="BQQ683" s="613"/>
      <c r="BQR683" s="613"/>
      <c r="BQS683" s="613"/>
      <c r="BQT683" s="613"/>
      <c r="BQU683" s="613"/>
      <c r="BQV683" s="613"/>
      <c r="BQW683" s="613"/>
      <c r="BQX683" s="613"/>
      <c r="BQY683" s="613"/>
      <c r="BQZ683" s="613"/>
      <c r="BRA683" s="613"/>
      <c r="BRB683" s="613"/>
      <c r="BRC683" s="613"/>
      <c r="BRD683" s="613"/>
      <c r="BRE683" s="613"/>
      <c r="BRF683" s="613"/>
      <c r="BRG683" s="613"/>
      <c r="BRH683" s="613"/>
      <c r="BRI683" s="613"/>
      <c r="BRJ683" s="613"/>
      <c r="BRK683" s="613"/>
      <c r="BRL683" s="613"/>
      <c r="BRM683" s="613"/>
      <c r="BRN683" s="613"/>
      <c r="BRO683" s="613"/>
      <c r="BRP683" s="613"/>
      <c r="BRQ683" s="613"/>
      <c r="BRR683" s="613"/>
      <c r="BRS683" s="613"/>
      <c r="BRT683" s="613"/>
      <c r="BRU683" s="613"/>
      <c r="BRV683" s="613"/>
      <c r="BRW683" s="613"/>
      <c r="BRX683" s="613"/>
      <c r="BRY683" s="613"/>
      <c r="BRZ683" s="613"/>
      <c r="BSA683" s="613"/>
      <c r="BSB683" s="613"/>
      <c r="BSC683" s="613"/>
      <c r="BSD683" s="613"/>
      <c r="BSE683" s="613"/>
      <c r="BSF683" s="613"/>
      <c r="BSG683" s="613"/>
      <c r="BSH683" s="613"/>
      <c r="BSI683" s="613"/>
      <c r="BSJ683" s="613"/>
      <c r="BSK683" s="613"/>
      <c r="BSL683" s="613"/>
      <c r="BSM683" s="613"/>
      <c r="BSN683" s="613"/>
      <c r="BSO683" s="613"/>
      <c r="BSP683" s="613"/>
      <c r="BSQ683" s="613"/>
      <c r="BSR683" s="613"/>
      <c r="BSS683" s="613"/>
      <c r="BST683" s="613"/>
      <c r="BSU683" s="613"/>
      <c r="BSV683" s="613"/>
      <c r="BSW683" s="613"/>
      <c r="BSX683" s="613"/>
      <c r="BSY683" s="613"/>
      <c r="BSZ683" s="613"/>
      <c r="BTA683" s="613"/>
      <c r="BTB683" s="613"/>
      <c r="BTC683" s="613"/>
      <c r="BTD683" s="613"/>
      <c r="BTE683" s="613"/>
      <c r="BTF683" s="613"/>
      <c r="BTG683" s="613"/>
      <c r="BTH683" s="613"/>
      <c r="BTI683" s="613"/>
      <c r="BTJ683" s="613"/>
      <c r="BTK683" s="613"/>
      <c r="BTL683" s="613"/>
      <c r="BTM683" s="613"/>
      <c r="BTN683" s="613"/>
      <c r="BTO683" s="613"/>
      <c r="BTP683" s="613"/>
      <c r="BTQ683" s="613"/>
      <c r="BTR683" s="613"/>
      <c r="BTS683" s="613"/>
      <c r="BTT683" s="613"/>
      <c r="BTU683" s="613"/>
      <c r="BTV683" s="613"/>
      <c r="BTW683" s="613"/>
      <c r="BTX683" s="613"/>
      <c r="BTY683" s="613"/>
      <c r="BTZ683" s="613"/>
      <c r="BUA683" s="613"/>
      <c r="BUB683" s="613"/>
      <c r="BUC683" s="613"/>
      <c r="BUD683" s="613"/>
      <c r="BUE683" s="613"/>
      <c r="BUF683" s="613"/>
      <c r="BUG683" s="613"/>
      <c r="BUH683" s="613"/>
      <c r="BUI683" s="613"/>
      <c r="BUJ683" s="613"/>
      <c r="BUK683" s="613"/>
      <c r="BUL683" s="613"/>
      <c r="BUM683" s="613"/>
      <c r="BUN683" s="613"/>
      <c r="BUO683" s="613"/>
      <c r="BUP683" s="613"/>
      <c r="BUQ683" s="613"/>
      <c r="BUR683" s="613"/>
      <c r="BUS683" s="613"/>
      <c r="BUT683" s="613"/>
      <c r="BUU683" s="613"/>
      <c r="BUV683" s="613"/>
      <c r="BUW683" s="613"/>
      <c r="BUX683" s="613"/>
      <c r="BUY683" s="613"/>
      <c r="BUZ683" s="613"/>
      <c r="BVA683" s="613"/>
      <c r="BVB683" s="613"/>
      <c r="BVC683" s="613"/>
      <c r="BVD683" s="613"/>
      <c r="BVE683" s="613"/>
      <c r="BVF683" s="613"/>
      <c r="BVG683" s="613"/>
      <c r="BVH683" s="613"/>
      <c r="BVI683" s="613"/>
      <c r="BVJ683" s="613"/>
      <c r="BVK683" s="613"/>
      <c r="BVL683" s="613"/>
      <c r="BVM683" s="613"/>
      <c r="BVN683" s="613"/>
      <c r="BVO683" s="613"/>
      <c r="BVP683" s="613"/>
      <c r="BVQ683" s="613"/>
      <c r="BVR683" s="613"/>
      <c r="BVS683" s="613"/>
      <c r="BVT683" s="613"/>
      <c r="BVU683" s="613"/>
      <c r="BVV683" s="613"/>
      <c r="BVW683" s="613"/>
      <c r="BVX683" s="613"/>
      <c r="BVY683" s="613"/>
      <c r="BVZ683" s="613"/>
      <c r="BWA683" s="613"/>
      <c r="BWB683" s="613"/>
      <c r="BWC683" s="613"/>
      <c r="BWD683" s="613"/>
      <c r="BWE683" s="613"/>
      <c r="BWF683" s="613"/>
      <c r="BWG683" s="613"/>
      <c r="BWH683" s="613"/>
      <c r="BWI683" s="613"/>
      <c r="BWJ683" s="613"/>
      <c r="BWK683" s="613"/>
      <c r="BWL683" s="613"/>
      <c r="BWM683" s="613"/>
      <c r="BWN683" s="613"/>
      <c r="BWO683" s="613"/>
      <c r="BWP683" s="613"/>
      <c r="BWQ683" s="613"/>
      <c r="BWR683" s="613"/>
      <c r="BWS683" s="613"/>
      <c r="BWT683" s="613"/>
      <c r="BWU683" s="613"/>
      <c r="BWV683" s="613"/>
      <c r="BWW683" s="613"/>
      <c r="BWX683" s="613"/>
      <c r="BWY683" s="613"/>
      <c r="BWZ683" s="613"/>
      <c r="BXA683" s="613"/>
      <c r="BXB683" s="613"/>
      <c r="BXC683" s="613"/>
      <c r="BXD683" s="613"/>
      <c r="BXE683" s="613"/>
      <c r="BXF683" s="613"/>
      <c r="BXG683" s="613"/>
      <c r="BXH683" s="613"/>
      <c r="BXI683" s="613"/>
      <c r="BXJ683" s="613"/>
      <c r="BXK683" s="613"/>
      <c r="BXL683" s="613"/>
      <c r="BXM683" s="613"/>
      <c r="BXN683" s="613"/>
      <c r="BXO683" s="613"/>
      <c r="BXP683" s="613"/>
      <c r="BXQ683" s="613"/>
      <c r="BXR683" s="613"/>
      <c r="BXS683" s="613"/>
      <c r="BXT683" s="613"/>
      <c r="BXU683" s="613"/>
      <c r="BXV683" s="613"/>
      <c r="BXW683" s="613"/>
      <c r="BXX683" s="613"/>
      <c r="BXY683" s="613"/>
      <c r="BXZ683" s="613"/>
      <c r="BYA683" s="613"/>
      <c r="BYB683" s="613"/>
      <c r="BYC683" s="613"/>
      <c r="BYD683" s="613"/>
      <c r="BYE683" s="613"/>
      <c r="BYF683" s="613"/>
      <c r="BYG683" s="613"/>
      <c r="BYH683" s="613"/>
      <c r="BYI683" s="613"/>
      <c r="BYJ683" s="613"/>
      <c r="BYK683" s="613"/>
      <c r="BYL683" s="613"/>
      <c r="BYM683" s="613"/>
      <c r="BYN683" s="613"/>
      <c r="BYO683" s="613"/>
      <c r="BYP683" s="613"/>
      <c r="BYQ683" s="613"/>
      <c r="BYR683" s="613"/>
      <c r="BYS683" s="613"/>
      <c r="BYT683" s="613"/>
      <c r="BYU683" s="613"/>
      <c r="BYV683" s="613"/>
      <c r="BYW683" s="613"/>
      <c r="BYX683" s="613"/>
      <c r="BYY683" s="613"/>
      <c r="BYZ683" s="613"/>
      <c r="BZA683" s="613"/>
      <c r="BZB683" s="613"/>
      <c r="BZC683" s="613"/>
      <c r="BZD683" s="613"/>
      <c r="BZE683" s="613"/>
      <c r="BZF683" s="613"/>
      <c r="BZG683" s="613"/>
      <c r="BZH683" s="613"/>
      <c r="BZI683" s="613"/>
      <c r="BZJ683" s="613"/>
      <c r="BZK683" s="613"/>
      <c r="BZL683" s="613"/>
      <c r="BZM683" s="613"/>
      <c r="BZN683" s="613"/>
      <c r="BZO683" s="613"/>
      <c r="BZP683" s="613"/>
      <c r="BZQ683" s="613"/>
      <c r="BZR683" s="613"/>
      <c r="BZS683" s="613"/>
      <c r="BZT683" s="613"/>
      <c r="BZU683" s="613"/>
      <c r="BZV683" s="613"/>
      <c r="BZW683" s="613"/>
      <c r="BZX683" s="613"/>
      <c r="BZY683" s="613"/>
      <c r="BZZ683" s="613"/>
      <c r="CAA683" s="613"/>
      <c r="CAB683" s="613"/>
      <c r="CAC683" s="613"/>
      <c r="CAD683" s="613"/>
      <c r="CAE683" s="613"/>
      <c r="CAF683" s="613"/>
      <c r="CAG683" s="613"/>
      <c r="CAH683" s="613"/>
      <c r="CAI683" s="613"/>
      <c r="CAJ683" s="613"/>
      <c r="CAK683" s="613"/>
      <c r="CAL683" s="613"/>
      <c r="CAM683" s="613"/>
      <c r="CAN683" s="613"/>
      <c r="CAO683" s="613"/>
      <c r="CAP683" s="613"/>
      <c r="CAQ683" s="613"/>
      <c r="CAR683" s="613"/>
      <c r="CAS683" s="613"/>
      <c r="CAT683" s="613"/>
      <c r="CAU683" s="613"/>
      <c r="CAV683" s="613"/>
      <c r="CAW683" s="613"/>
      <c r="CAX683" s="613"/>
      <c r="CAY683" s="613"/>
      <c r="CAZ683" s="613"/>
      <c r="CBA683" s="613"/>
      <c r="CBB683" s="613"/>
      <c r="CBC683" s="613"/>
      <c r="CBD683" s="613"/>
      <c r="CBE683" s="613"/>
      <c r="CBF683" s="613"/>
      <c r="CBG683" s="613"/>
      <c r="CBH683" s="613"/>
      <c r="CBI683" s="613"/>
      <c r="CBJ683" s="613"/>
      <c r="CBK683" s="613"/>
      <c r="CBL683" s="613"/>
      <c r="CBM683" s="613"/>
      <c r="CBN683" s="613"/>
      <c r="CBO683" s="613"/>
      <c r="CBP683" s="613"/>
      <c r="CBQ683" s="613"/>
      <c r="CBR683" s="613"/>
      <c r="CBS683" s="613"/>
      <c r="CBT683" s="613"/>
      <c r="CBU683" s="613"/>
      <c r="CBV683" s="613"/>
      <c r="CBW683" s="613"/>
      <c r="CBX683" s="613"/>
      <c r="CBY683" s="613"/>
      <c r="CBZ683" s="613"/>
      <c r="CCA683" s="613"/>
      <c r="CCB683" s="613"/>
      <c r="CCC683" s="613"/>
      <c r="CCD683" s="613"/>
      <c r="CCE683" s="613"/>
      <c r="CCF683" s="613"/>
      <c r="CCG683" s="613"/>
      <c r="CCH683" s="613"/>
      <c r="CCI683" s="613"/>
      <c r="CCJ683" s="613"/>
      <c r="CCK683" s="613"/>
      <c r="CCL683" s="613"/>
      <c r="CCM683" s="613"/>
      <c r="CCN683" s="613"/>
      <c r="CCO683" s="613"/>
      <c r="CCP683" s="613"/>
      <c r="CCQ683" s="613"/>
      <c r="CCR683" s="613"/>
      <c r="CCS683" s="613"/>
      <c r="CCT683" s="613"/>
      <c r="CCU683" s="613"/>
      <c r="CCV683" s="613"/>
      <c r="CCW683" s="613"/>
      <c r="CCX683" s="613"/>
      <c r="CCY683" s="613"/>
      <c r="CCZ683" s="613"/>
      <c r="CDA683" s="613"/>
      <c r="CDB683" s="613"/>
      <c r="CDC683" s="613"/>
      <c r="CDD683" s="613"/>
      <c r="CDE683" s="613"/>
      <c r="CDF683" s="613"/>
      <c r="CDG683" s="613"/>
      <c r="CDH683" s="613"/>
      <c r="CDI683" s="613"/>
      <c r="CDJ683" s="613"/>
      <c r="CDK683" s="613"/>
      <c r="CDL683" s="613"/>
      <c r="CDM683" s="613"/>
      <c r="CDN683" s="613"/>
      <c r="CDO683" s="613"/>
      <c r="CDP683" s="613"/>
      <c r="CDQ683" s="613"/>
      <c r="CDR683" s="613"/>
      <c r="CDS683" s="613"/>
      <c r="CDT683" s="613"/>
      <c r="CDU683" s="613"/>
      <c r="CDV683" s="613"/>
      <c r="CDW683" s="613"/>
      <c r="CDX683" s="613"/>
      <c r="CDY683" s="613"/>
      <c r="CDZ683" s="613"/>
      <c r="CEA683" s="613"/>
      <c r="CEB683" s="613"/>
      <c r="CEC683" s="613"/>
      <c r="CED683" s="613"/>
      <c r="CEE683" s="613"/>
      <c r="CEF683" s="613"/>
      <c r="CEG683" s="613"/>
      <c r="CEH683" s="613"/>
      <c r="CEI683" s="613"/>
      <c r="CEJ683" s="613"/>
      <c r="CEK683" s="613"/>
      <c r="CEL683" s="613"/>
      <c r="CEM683" s="613"/>
      <c r="CEN683" s="613"/>
      <c r="CEO683" s="613"/>
      <c r="CEP683" s="613"/>
      <c r="CEQ683" s="613"/>
      <c r="CER683" s="613"/>
      <c r="CES683" s="613"/>
      <c r="CET683" s="613"/>
      <c r="CEU683" s="613"/>
      <c r="CEV683" s="613"/>
      <c r="CEW683" s="613"/>
      <c r="CEX683" s="613"/>
      <c r="CEY683" s="613"/>
      <c r="CEZ683" s="613"/>
      <c r="CFA683" s="613"/>
      <c r="CFB683" s="613"/>
      <c r="CFC683" s="613"/>
      <c r="CFD683" s="613"/>
      <c r="CFE683" s="613"/>
      <c r="CFF683" s="613"/>
      <c r="CFG683" s="613"/>
      <c r="CFH683" s="613"/>
      <c r="CFI683" s="613"/>
      <c r="CFJ683" s="613"/>
      <c r="CFK683" s="613"/>
      <c r="CFL683" s="613"/>
      <c r="CFM683" s="613"/>
      <c r="CFN683" s="613"/>
      <c r="CFO683" s="613"/>
      <c r="CFP683" s="613"/>
      <c r="CFQ683" s="613"/>
      <c r="CFR683" s="613"/>
      <c r="CFS683" s="613"/>
      <c r="CFT683" s="613"/>
      <c r="CFU683" s="613"/>
      <c r="CFV683" s="613"/>
      <c r="CFW683" s="613"/>
      <c r="CFX683" s="613"/>
      <c r="CFY683" s="613"/>
      <c r="CFZ683" s="613"/>
      <c r="CGA683" s="613"/>
      <c r="CGB683" s="613"/>
      <c r="CGC683" s="613"/>
      <c r="CGD683" s="613"/>
      <c r="CGE683" s="613"/>
      <c r="CGF683" s="613"/>
      <c r="CGG683" s="613"/>
      <c r="CGH683" s="613"/>
      <c r="CGI683" s="613"/>
      <c r="CGJ683" s="613"/>
      <c r="CGK683" s="613"/>
      <c r="CGL683" s="613"/>
      <c r="CGM683" s="613"/>
      <c r="CGN683" s="613"/>
      <c r="CGO683" s="613"/>
      <c r="CGP683" s="613"/>
      <c r="CGQ683" s="613"/>
      <c r="CGR683" s="613"/>
      <c r="CGS683" s="613"/>
      <c r="CGT683" s="613"/>
      <c r="CGU683" s="613"/>
      <c r="CGV683" s="613"/>
      <c r="CGW683" s="613"/>
      <c r="CGX683" s="613"/>
      <c r="CGY683" s="613"/>
      <c r="CGZ683" s="613"/>
      <c r="CHA683" s="613"/>
      <c r="CHB683" s="613"/>
      <c r="CHC683" s="613"/>
      <c r="CHD683" s="613"/>
      <c r="CHE683" s="613"/>
      <c r="CHF683" s="613"/>
      <c r="CHG683" s="613"/>
      <c r="CHH683" s="613"/>
      <c r="CHI683" s="613"/>
      <c r="CHJ683" s="613"/>
      <c r="CHK683" s="613"/>
      <c r="CHL683" s="613"/>
      <c r="CHM683" s="613"/>
      <c r="CHN683" s="613"/>
      <c r="CHO683" s="613"/>
      <c r="CHP683" s="613"/>
      <c r="CHQ683" s="613"/>
      <c r="CHR683" s="613"/>
      <c r="CHS683" s="613"/>
      <c r="CHT683" s="613"/>
      <c r="CHU683" s="613"/>
      <c r="CHV683" s="613"/>
      <c r="CHW683" s="613"/>
      <c r="CHX683" s="613"/>
      <c r="CHY683" s="613"/>
      <c r="CHZ683" s="613"/>
      <c r="CIA683" s="613"/>
      <c r="CIB683" s="613"/>
      <c r="CIC683" s="613"/>
      <c r="CID683" s="613"/>
      <c r="CIE683" s="613"/>
      <c r="CIF683" s="613"/>
      <c r="CIG683" s="613"/>
      <c r="CIH683" s="613"/>
      <c r="CII683" s="613"/>
      <c r="CIJ683" s="613"/>
      <c r="CIK683" s="613"/>
      <c r="CIL683" s="613"/>
      <c r="CIM683" s="613"/>
      <c r="CIN683" s="613"/>
      <c r="CIO683" s="613"/>
      <c r="CIP683" s="613"/>
      <c r="CIQ683" s="613"/>
      <c r="CIR683" s="613"/>
      <c r="CIS683" s="613"/>
      <c r="CIT683" s="613"/>
      <c r="CIU683" s="613"/>
      <c r="CIV683" s="613"/>
      <c r="CIW683" s="613"/>
      <c r="CIX683" s="613"/>
      <c r="CIY683" s="613"/>
      <c r="CIZ683" s="613"/>
      <c r="CJA683" s="613"/>
      <c r="CJB683" s="613"/>
      <c r="CJC683" s="613"/>
      <c r="CJD683" s="613"/>
      <c r="CJE683" s="613"/>
      <c r="CJF683" s="613"/>
      <c r="CJG683" s="613"/>
      <c r="CJH683" s="613"/>
      <c r="CJI683" s="613"/>
      <c r="CJJ683" s="613"/>
      <c r="CJK683" s="613"/>
      <c r="CJL683" s="613"/>
      <c r="CJM683" s="613"/>
      <c r="CJN683" s="613"/>
      <c r="CJO683" s="613"/>
      <c r="CJP683" s="613"/>
      <c r="CJQ683" s="613"/>
      <c r="CJR683" s="613"/>
      <c r="CJS683" s="613"/>
      <c r="CJT683" s="613"/>
      <c r="CJU683" s="613"/>
      <c r="CJV683" s="613"/>
      <c r="CJW683" s="613"/>
      <c r="CJX683" s="613"/>
      <c r="CJY683" s="613"/>
      <c r="CJZ683" s="613"/>
      <c r="CKA683" s="613"/>
      <c r="CKB683" s="613"/>
      <c r="CKC683" s="613"/>
      <c r="CKD683" s="613"/>
      <c r="CKE683" s="613"/>
      <c r="CKF683" s="613"/>
      <c r="CKG683" s="613"/>
      <c r="CKH683" s="613"/>
      <c r="CKI683" s="613"/>
      <c r="CKJ683" s="613"/>
      <c r="CKK683" s="613"/>
      <c r="CKL683" s="613"/>
      <c r="CKM683" s="613"/>
      <c r="CKN683" s="613"/>
      <c r="CKO683" s="613"/>
      <c r="CKP683" s="613"/>
      <c r="CKQ683" s="613"/>
      <c r="CKR683" s="613"/>
      <c r="CKS683" s="613"/>
      <c r="CKT683" s="613"/>
      <c r="CKU683" s="613"/>
      <c r="CKV683" s="613"/>
      <c r="CKW683" s="613"/>
      <c r="CKX683" s="613"/>
      <c r="CKY683" s="613"/>
      <c r="CKZ683" s="613"/>
      <c r="CLA683" s="613"/>
      <c r="CLB683" s="613"/>
      <c r="CLC683" s="613"/>
      <c r="CLD683" s="613"/>
      <c r="CLE683" s="613"/>
      <c r="CLF683" s="613"/>
      <c r="CLG683" s="613"/>
      <c r="CLH683" s="613"/>
      <c r="CLI683" s="613"/>
      <c r="CLJ683" s="613"/>
      <c r="CLK683" s="613"/>
      <c r="CLL683" s="613"/>
      <c r="CLM683" s="613"/>
      <c r="CLN683" s="613"/>
      <c r="CLO683" s="613"/>
      <c r="CLP683" s="613"/>
      <c r="CLQ683" s="613"/>
      <c r="CLR683" s="613"/>
      <c r="CLS683" s="613"/>
      <c r="CLT683" s="613"/>
      <c r="CLU683" s="613"/>
      <c r="CLV683" s="613"/>
      <c r="CLW683" s="613"/>
      <c r="CLX683" s="613"/>
      <c r="CLY683" s="613"/>
      <c r="CLZ683" s="613"/>
      <c r="CMA683" s="613"/>
      <c r="CMB683" s="613"/>
      <c r="CMC683" s="613"/>
      <c r="CMD683" s="613"/>
      <c r="CME683" s="613"/>
      <c r="CMF683" s="613"/>
      <c r="CMG683" s="613"/>
      <c r="CMH683" s="613"/>
      <c r="CMI683" s="613"/>
      <c r="CMJ683" s="613"/>
      <c r="CMK683" s="613"/>
      <c r="CML683" s="613"/>
      <c r="CMM683" s="613"/>
      <c r="CMN683" s="613"/>
      <c r="CMO683" s="613"/>
      <c r="CMP683" s="613"/>
      <c r="CMQ683" s="613"/>
      <c r="CMR683" s="613"/>
      <c r="CMS683" s="613"/>
      <c r="CMT683" s="613"/>
      <c r="CMU683" s="613"/>
      <c r="CMV683" s="613"/>
      <c r="CMW683" s="613"/>
      <c r="CMX683" s="613"/>
      <c r="CMY683" s="613"/>
      <c r="CMZ683" s="613"/>
      <c r="CNA683" s="613"/>
      <c r="CNB683" s="613"/>
      <c r="CNC683" s="613"/>
      <c r="CND683" s="613"/>
      <c r="CNE683" s="613"/>
      <c r="CNF683" s="613"/>
      <c r="CNG683" s="613"/>
      <c r="CNH683" s="613"/>
      <c r="CNI683" s="613"/>
      <c r="CNJ683" s="613"/>
      <c r="CNK683" s="613"/>
      <c r="CNL683" s="613"/>
      <c r="CNM683" s="613"/>
      <c r="CNN683" s="613"/>
      <c r="CNO683" s="613"/>
      <c r="CNP683" s="613"/>
      <c r="CNQ683" s="613"/>
      <c r="CNR683" s="613"/>
      <c r="CNS683" s="613"/>
      <c r="CNT683" s="613"/>
      <c r="CNU683" s="613"/>
      <c r="CNV683" s="613"/>
      <c r="CNW683" s="613"/>
      <c r="CNX683" s="613"/>
      <c r="CNY683" s="613"/>
      <c r="CNZ683" s="613"/>
      <c r="COA683" s="613"/>
      <c r="COB683" s="613"/>
      <c r="COC683" s="613"/>
      <c r="COD683" s="613"/>
      <c r="COE683" s="613"/>
      <c r="COF683" s="613"/>
      <c r="COG683" s="613"/>
      <c r="COH683" s="613"/>
      <c r="COI683" s="613"/>
      <c r="COJ683" s="613"/>
      <c r="COK683" s="613"/>
      <c r="COL683" s="613"/>
      <c r="COM683" s="613"/>
      <c r="CON683" s="613"/>
      <c r="COO683" s="613"/>
      <c r="COP683" s="613"/>
      <c r="COQ683" s="613"/>
      <c r="COR683" s="613"/>
      <c r="COS683" s="613"/>
      <c r="COT683" s="613"/>
      <c r="COU683" s="613"/>
      <c r="COV683" s="613"/>
      <c r="COW683" s="613"/>
      <c r="COX683" s="613"/>
      <c r="COY683" s="613"/>
      <c r="COZ683" s="613"/>
      <c r="CPA683" s="613"/>
      <c r="CPB683" s="613"/>
      <c r="CPC683" s="613"/>
      <c r="CPD683" s="613"/>
      <c r="CPE683" s="613"/>
      <c r="CPF683" s="613"/>
      <c r="CPG683" s="613"/>
      <c r="CPH683" s="613"/>
      <c r="CPI683" s="613"/>
      <c r="CPJ683" s="613"/>
      <c r="CPK683" s="613"/>
      <c r="CPL683" s="613"/>
      <c r="CPM683" s="613"/>
      <c r="CPN683" s="613"/>
      <c r="CPO683" s="613"/>
      <c r="CPP683" s="613"/>
      <c r="CPQ683" s="613"/>
      <c r="CPR683" s="613"/>
      <c r="CPS683" s="613"/>
      <c r="CPT683" s="613"/>
      <c r="CPU683" s="613"/>
      <c r="CPV683" s="613"/>
      <c r="CPW683" s="613"/>
      <c r="CPX683" s="613"/>
      <c r="CPY683" s="613"/>
      <c r="CPZ683" s="613"/>
      <c r="CQA683" s="613"/>
      <c r="CQB683" s="613"/>
      <c r="CQC683" s="613"/>
      <c r="CQD683" s="613"/>
      <c r="CQE683" s="613"/>
      <c r="CQF683" s="613"/>
      <c r="CQG683" s="613"/>
      <c r="CQH683" s="613"/>
      <c r="CQI683" s="613"/>
      <c r="CQJ683" s="613"/>
      <c r="CQK683" s="613"/>
      <c r="CQL683" s="613"/>
      <c r="CQM683" s="613"/>
      <c r="CQN683" s="613"/>
      <c r="CQO683" s="613"/>
      <c r="CQP683" s="613"/>
      <c r="CQQ683" s="613"/>
      <c r="CQR683" s="613"/>
      <c r="CQS683" s="613"/>
      <c r="CQT683" s="613"/>
      <c r="CQU683" s="613"/>
      <c r="CQV683" s="613"/>
      <c r="CQW683" s="613"/>
      <c r="CQX683" s="613"/>
      <c r="CQY683" s="613"/>
      <c r="CQZ683" s="613"/>
      <c r="CRA683" s="613"/>
      <c r="CRB683" s="613"/>
      <c r="CRC683" s="613"/>
      <c r="CRD683" s="613"/>
      <c r="CRE683" s="613"/>
      <c r="CRF683" s="613"/>
      <c r="CRG683" s="613"/>
      <c r="CRH683" s="613"/>
      <c r="CRI683" s="613"/>
      <c r="CRJ683" s="613"/>
      <c r="CRK683" s="613"/>
      <c r="CRL683" s="613"/>
      <c r="CRM683" s="613"/>
      <c r="CRN683" s="613"/>
      <c r="CRO683" s="613"/>
      <c r="CRP683" s="613"/>
      <c r="CRQ683" s="613"/>
      <c r="CRR683" s="613"/>
      <c r="CRS683" s="613"/>
      <c r="CRT683" s="613"/>
      <c r="CRU683" s="613"/>
      <c r="CRV683" s="613"/>
      <c r="CRW683" s="613"/>
      <c r="CRX683" s="613"/>
      <c r="CRY683" s="613"/>
      <c r="CRZ683" s="613"/>
      <c r="CSA683" s="613"/>
      <c r="CSB683" s="613"/>
      <c r="CSC683" s="613"/>
      <c r="CSD683" s="613"/>
      <c r="CSE683" s="613"/>
      <c r="CSF683" s="613"/>
      <c r="CSG683" s="613"/>
      <c r="CSH683" s="613"/>
      <c r="CSI683" s="613"/>
      <c r="CSJ683" s="613"/>
      <c r="CSK683" s="613"/>
      <c r="CSL683" s="613"/>
      <c r="CSM683" s="613"/>
      <c r="CSN683" s="613"/>
      <c r="CSO683" s="613"/>
      <c r="CSP683" s="613"/>
      <c r="CSQ683" s="613"/>
      <c r="CSR683" s="613"/>
      <c r="CSS683" s="613"/>
      <c r="CST683" s="613"/>
      <c r="CSU683" s="613"/>
      <c r="CSV683" s="613"/>
      <c r="CSW683" s="613"/>
      <c r="CSX683" s="613"/>
      <c r="CSY683" s="613"/>
      <c r="CSZ683" s="613"/>
      <c r="CTA683" s="613"/>
      <c r="CTB683" s="613"/>
      <c r="CTC683" s="613"/>
      <c r="CTD683" s="613"/>
      <c r="CTE683" s="613"/>
      <c r="CTF683" s="613"/>
      <c r="CTG683" s="613"/>
      <c r="CTH683" s="613"/>
      <c r="CTI683" s="613"/>
      <c r="CTJ683" s="613"/>
      <c r="CTK683" s="613"/>
      <c r="CTL683" s="613"/>
      <c r="CTM683" s="613"/>
      <c r="CTN683" s="613"/>
      <c r="CTO683" s="613"/>
      <c r="CTP683" s="613"/>
      <c r="CTQ683" s="613"/>
      <c r="CTR683" s="613"/>
      <c r="CTS683" s="613"/>
      <c r="CTT683" s="613"/>
      <c r="CTU683" s="613"/>
      <c r="CTV683" s="613"/>
      <c r="CTW683" s="613"/>
      <c r="CTX683" s="613"/>
      <c r="CTY683" s="613"/>
      <c r="CTZ683" s="613"/>
      <c r="CUA683" s="613"/>
      <c r="CUB683" s="613"/>
      <c r="CUC683" s="613"/>
      <c r="CUD683" s="613"/>
      <c r="CUE683" s="613"/>
      <c r="CUF683" s="613"/>
      <c r="CUG683" s="613"/>
      <c r="CUH683" s="613"/>
      <c r="CUI683" s="613"/>
      <c r="CUJ683" s="613"/>
      <c r="CUK683" s="613"/>
      <c r="CUL683" s="613"/>
      <c r="CUM683" s="613"/>
      <c r="CUN683" s="613"/>
      <c r="CUO683" s="613"/>
      <c r="CUP683" s="613"/>
      <c r="CUQ683" s="613"/>
      <c r="CUR683" s="613"/>
      <c r="CUS683" s="613"/>
      <c r="CUT683" s="613"/>
      <c r="CUU683" s="613"/>
      <c r="CUV683" s="613"/>
      <c r="CUW683" s="613"/>
      <c r="CUX683" s="613"/>
      <c r="CUY683" s="613"/>
      <c r="CUZ683" s="613"/>
      <c r="CVA683" s="613"/>
      <c r="CVB683" s="613"/>
      <c r="CVC683" s="613"/>
      <c r="CVD683" s="613"/>
      <c r="CVE683" s="613"/>
      <c r="CVF683" s="613"/>
      <c r="CVG683" s="613"/>
      <c r="CVH683" s="613"/>
      <c r="CVI683" s="613"/>
      <c r="CVJ683" s="613"/>
      <c r="CVK683" s="613"/>
      <c r="CVL683" s="613"/>
      <c r="CVM683" s="613"/>
      <c r="CVN683" s="613"/>
      <c r="CVO683" s="613"/>
      <c r="CVP683" s="613"/>
      <c r="CVQ683" s="613"/>
      <c r="CVR683" s="613"/>
      <c r="CVS683" s="613"/>
      <c r="CVT683" s="613"/>
      <c r="CVU683" s="613"/>
      <c r="CVV683" s="613"/>
      <c r="CVW683" s="613"/>
      <c r="CVX683" s="613"/>
      <c r="CVY683" s="613"/>
      <c r="CVZ683" s="613"/>
      <c r="CWA683" s="613"/>
      <c r="CWB683" s="613"/>
      <c r="CWC683" s="613"/>
      <c r="CWD683" s="613"/>
      <c r="CWE683" s="613"/>
      <c r="CWF683" s="613"/>
      <c r="CWG683" s="613"/>
      <c r="CWH683" s="613"/>
      <c r="CWI683" s="613"/>
      <c r="CWJ683" s="613"/>
      <c r="CWK683" s="613"/>
      <c r="CWL683" s="613"/>
      <c r="CWM683" s="613"/>
      <c r="CWN683" s="613"/>
      <c r="CWO683" s="613"/>
      <c r="CWP683" s="613"/>
      <c r="CWQ683" s="613"/>
      <c r="CWR683" s="613"/>
      <c r="CWS683" s="613"/>
      <c r="CWT683" s="613"/>
      <c r="CWU683" s="613"/>
      <c r="CWV683" s="613"/>
      <c r="CWW683" s="613"/>
      <c r="CWX683" s="613"/>
      <c r="CWY683" s="613"/>
      <c r="CWZ683" s="613"/>
      <c r="CXA683" s="613"/>
      <c r="CXB683" s="613"/>
      <c r="CXC683" s="613"/>
      <c r="CXD683" s="613"/>
      <c r="CXE683" s="613"/>
      <c r="CXF683" s="613"/>
      <c r="CXG683" s="613"/>
      <c r="CXH683" s="613"/>
      <c r="CXI683" s="613"/>
      <c r="CXJ683" s="613"/>
      <c r="CXK683" s="613"/>
      <c r="CXL683" s="613"/>
      <c r="CXM683" s="613"/>
      <c r="CXN683" s="613"/>
      <c r="CXO683" s="613"/>
      <c r="CXP683" s="613"/>
      <c r="CXQ683" s="613"/>
      <c r="CXR683" s="613"/>
      <c r="CXS683" s="613"/>
      <c r="CXT683" s="613"/>
      <c r="CXU683" s="613"/>
      <c r="CXV683" s="613"/>
      <c r="CXW683" s="613"/>
      <c r="CXX683" s="613"/>
      <c r="CXY683" s="613"/>
      <c r="CXZ683" s="613"/>
      <c r="CYA683" s="613"/>
      <c r="CYB683" s="613"/>
      <c r="CYC683" s="613"/>
      <c r="CYD683" s="613"/>
      <c r="CYE683" s="613"/>
      <c r="CYF683" s="613"/>
      <c r="CYG683" s="613"/>
      <c r="CYH683" s="613"/>
      <c r="CYI683" s="613"/>
      <c r="CYJ683" s="613"/>
      <c r="CYK683" s="613"/>
      <c r="CYL683" s="613"/>
      <c r="CYM683" s="613"/>
      <c r="CYN683" s="613"/>
      <c r="CYO683" s="613"/>
      <c r="CYP683" s="613"/>
      <c r="CYQ683" s="613"/>
      <c r="CYR683" s="613"/>
      <c r="CYS683" s="613"/>
      <c r="CYT683" s="613"/>
      <c r="CYU683" s="613"/>
      <c r="CYV683" s="613"/>
      <c r="CYW683" s="613"/>
      <c r="CYX683" s="613"/>
      <c r="CYY683" s="613"/>
      <c r="CYZ683" s="613"/>
      <c r="CZA683" s="613"/>
      <c r="CZB683" s="613"/>
      <c r="CZC683" s="613"/>
      <c r="CZD683" s="613"/>
      <c r="CZE683" s="613"/>
      <c r="CZF683" s="613"/>
      <c r="CZG683" s="613"/>
      <c r="CZH683" s="613"/>
      <c r="CZI683" s="613"/>
      <c r="CZJ683" s="613"/>
      <c r="CZK683" s="613"/>
      <c r="CZL683" s="613"/>
      <c r="CZM683" s="613"/>
      <c r="CZN683" s="613"/>
      <c r="CZO683" s="613"/>
      <c r="CZP683" s="613"/>
      <c r="CZQ683" s="613"/>
      <c r="CZR683" s="613"/>
      <c r="CZS683" s="613"/>
      <c r="CZT683" s="613"/>
      <c r="CZU683" s="613"/>
      <c r="CZV683" s="613"/>
      <c r="CZW683" s="613"/>
      <c r="CZX683" s="613"/>
      <c r="CZY683" s="613"/>
      <c r="CZZ683" s="613"/>
      <c r="DAA683" s="613"/>
      <c r="DAB683" s="613"/>
      <c r="DAC683" s="613"/>
      <c r="DAD683" s="613"/>
      <c r="DAE683" s="613"/>
      <c r="DAF683" s="613"/>
      <c r="DAG683" s="613"/>
      <c r="DAH683" s="613"/>
      <c r="DAI683" s="613"/>
      <c r="DAJ683" s="613"/>
      <c r="DAK683" s="613"/>
      <c r="DAL683" s="613"/>
      <c r="DAM683" s="613"/>
      <c r="DAN683" s="613"/>
      <c r="DAO683" s="613"/>
      <c r="DAP683" s="613"/>
      <c r="DAQ683" s="613"/>
      <c r="DAR683" s="613"/>
      <c r="DAS683" s="613"/>
      <c r="DAT683" s="613"/>
      <c r="DAU683" s="613"/>
      <c r="DAV683" s="613"/>
      <c r="DAW683" s="613"/>
      <c r="DAX683" s="613"/>
      <c r="DAY683" s="613"/>
      <c r="DAZ683" s="613"/>
      <c r="DBA683" s="613"/>
      <c r="DBB683" s="613"/>
      <c r="DBC683" s="613"/>
      <c r="DBD683" s="613"/>
      <c r="DBE683" s="613"/>
      <c r="DBF683" s="613"/>
      <c r="DBG683" s="613"/>
      <c r="DBH683" s="613"/>
      <c r="DBI683" s="613"/>
      <c r="DBJ683" s="613"/>
      <c r="DBK683" s="613"/>
      <c r="DBL683" s="613"/>
      <c r="DBM683" s="613"/>
      <c r="DBN683" s="613"/>
      <c r="DBO683" s="613"/>
      <c r="DBP683" s="613"/>
      <c r="DBQ683" s="613"/>
      <c r="DBR683" s="613"/>
      <c r="DBS683" s="613"/>
      <c r="DBT683" s="613"/>
      <c r="DBU683" s="613"/>
      <c r="DBV683" s="613"/>
      <c r="DBW683" s="613"/>
      <c r="DBX683" s="613"/>
      <c r="DBY683" s="613"/>
      <c r="DBZ683" s="613"/>
      <c r="DCA683" s="613"/>
      <c r="DCB683" s="613"/>
      <c r="DCC683" s="613"/>
      <c r="DCD683" s="613"/>
      <c r="DCE683" s="613"/>
      <c r="DCF683" s="613"/>
      <c r="DCG683" s="613"/>
      <c r="DCH683" s="613"/>
      <c r="DCI683" s="613"/>
      <c r="DCJ683" s="613"/>
      <c r="DCK683" s="613"/>
      <c r="DCL683" s="613"/>
      <c r="DCM683" s="613"/>
      <c r="DCN683" s="613"/>
      <c r="DCO683" s="613"/>
      <c r="DCP683" s="613"/>
      <c r="DCQ683" s="613"/>
      <c r="DCR683" s="613"/>
      <c r="DCS683" s="613"/>
      <c r="DCT683" s="613"/>
      <c r="DCU683" s="613"/>
      <c r="DCV683" s="613"/>
      <c r="DCW683" s="613"/>
      <c r="DCX683" s="613"/>
      <c r="DCY683" s="613"/>
      <c r="DCZ683" s="613"/>
      <c r="DDA683" s="613"/>
      <c r="DDB683" s="613"/>
      <c r="DDC683" s="613"/>
      <c r="DDD683" s="613"/>
      <c r="DDE683" s="613"/>
      <c r="DDF683" s="613"/>
      <c r="DDG683" s="613"/>
      <c r="DDH683" s="613"/>
      <c r="DDI683" s="613"/>
      <c r="DDJ683" s="613"/>
      <c r="DDK683" s="613"/>
      <c r="DDL683" s="613"/>
      <c r="DDM683" s="613"/>
      <c r="DDN683" s="613"/>
      <c r="DDO683" s="613"/>
      <c r="DDP683" s="613"/>
      <c r="DDQ683" s="613"/>
      <c r="DDR683" s="613"/>
      <c r="DDS683" s="613"/>
      <c r="DDT683" s="613"/>
      <c r="DDU683" s="613"/>
      <c r="DDV683" s="613"/>
      <c r="DDW683" s="613"/>
      <c r="DDX683" s="613"/>
      <c r="DDY683" s="613"/>
      <c r="DDZ683" s="613"/>
      <c r="DEA683" s="613"/>
      <c r="DEB683" s="613"/>
      <c r="DEC683" s="613"/>
      <c r="DED683" s="613"/>
      <c r="DEE683" s="613"/>
      <c r="DEF683" s="613"/>
      <c r="DEG683" s="613"/>
      <c r="DEH683" s="613"/>
      <c r="DEI683" s="613"/>
      <c r="DEJ683" s="613"/>
      <c r="DEK683" s="613"/>
      <c r="DEL683" s="613"/>
      <c r="DEM683" s="613"/>
      <c r="DEN683" s="613"/>
      <c r="DEO683" s="613"/>
      <c r="DEP683" s="613"/>
      <c r="DEQ683" s="613"/>
      <c r="DER683" s="613"/>
      <c r="DES683" s="613"/>
      <c r="DET683" s="613"/>
      <c r="DEU683" s="613"/>
      <c r="DEV683" s="613"/>
      <c r="DEW683" s="613"/>
      <c r="DEX683" s="613"/>
      <c r="DEY683" s="613"/>
      <c r="DEZ683" s="613"/>
      <c r="DFA683" s="613"/>
      <c r="DFB683" s="613"/>
      <c r="DFC683" s="613"/>
      <c r="DFD683" s="613"/>
      <c r="DFE683" s="613"/>
      <c r="DFF683" s="613"/>
      <c r="DFG683" s="613"/>
      <c r="DFH683" s="613"/>
      <c r="DFI683" s="613"/>
      <c r="DFJ683" s="613"/>
      <c r="DFK683" s="613"/>
      <c r="DFL683" s="613"/>
      <c r="DFM683" s="613"/>
      <c r="DFN683" s="613"/>
      <c r="DFO683" s="613"/>
      <c r="DFP683" s="613"/>
      <c r="DFQ683" s="613"/>
      <c r="DFR683" s="613"/>
      <c r="DFS683" s="613"/>
      <c r="DFT683" s="613"/>
      <c r="DFU683" s="613"/>
      <c r="DFV683" s="613"/>
      <c r="DFW683" s="613"/>
      <c r="DFX683" s="613"/>
      <c r="DFY683" s="613"/>
      <c r="DFZ683" s="613"/>
      <c r="DGA683" s="613"/>
      <c r="DGB683" s="613"/>
      <c r="DGC683" s="613"/>
      <c r="DGD683" s="613"/>
      <c r="DGE683" s="613"/>
      <c r="DGF683" s="613"/>
      <c r="DGG683" s="613"/>
      <c r="DGH683" s="613"/>
      <c r="DGI683" s="613"/>
      <c r="DGJ683" s="613"/>
      <c r="DGK683" s="613"/>
      <c r="DGL683" s="613"/>
      <c r="DGM683" s="613"/>
      <c r="DGN683" s="613"/>
      <c r="DGO683" s="613"/>
      <c r="DGP683" s="613"/>
      <c r="DGQ683" s="613"/>
      <c r="DGR683" s="613"/>
      <c r="DGS683" s="613"/>
      <c r="DGT683" s="613"/>
      <c r="DGU683" s="613"/>
      <c r="DGV683" s="613"/>
      <c r="DGW683" s="613"/>
      <c r="DGX683" s="613"/>
      <c r="DGY683" s="613"/>
      <c r="DGZ683" s="613"/>
      <c r="DHA683" s="613"/>
      <c r="DHB683" s="613"/>
      <c r="DHC683" s="613"/>
      <c r="DHD683" s="613"/>
      <c r="DHE683" s="613"/>
      <c r="DHF683" s="613"/>
      <c r="DHG683" s="613"/>
      <c r="DHH683" s="613"/>
      <c r="DHI683" s="613"/>
      <c r="DHJ683" s="613"/>
      <c r="DHK683" s="613"/>
      <c r="DHL683" s="613"/>
      <c r="DHM683" s="613"/>
      <c r="DHN683" s="613"/>
      <c r="DHO683" s="613"/>
      <c r="DHP683" s="613"/>
      <c r="DHQ683" s="613"/>
      <c r="DHR683" s="613"/>
      <c r="DHS683" s="613"/>
      <c r="DHT683" s="613"/>
      <c r="DHU683" s="613"/>
      <c r="DHV683" s="613"/>
      <c r="DHW683" s="613"/>
      <c r="DHX683" s="613"/>
      <c r="DHY683" s="613"/>
      <c r="DHZ683" s="613"/>
      <c r="DIA683" s="613"/>
      <c r="DIB683" s="613"/>
      <c r="DIC683" s="613"/>
      <c r="DID683" s="613"/>
      <c r="DIE683" s="613"/>
      <c r="DIF683" s="613"/>
      <c r="DIG683" s="613"/>
      <c r="DIH683" s="613"/>
      <c r="DII683" s="613"/>
      <c r="DIJ683" s="613"/>
      <c r="DIK683" s="613"/>
      <c r="DIL683" s="613"/>
      <c r="DIM683" s="613"/>
      <c r="DIN683" s="613"/>
      <c r="DIO683" s="613"/>
      <c r="DIP683" s="613"/>
      <c r="DIQ683" s="613"/>
      <c r="DIR683" s="613"/>
      <c r="DIS683" s="613"/>
      <c r="DIT683" s="613"/>
      <c r="DIU683" s="613"/>
      <c r="DIV683" s="613"/>
      <c r="DIW683" s="613"/>
      <c r="DIX683" s="613"/>
      <c r="DIY683" s="613"/>
      <c r="DIZ683" s="613"/>
      <c r="DJA683" s="613"/>
      <c r="DJB683" s="613"/>
      <c r="DJC683" s="613"/>
      <c r="DJD683" s="613"/>
      <c r="DJE683" s="613"/>
      <c r="DJF683" s="613"/>
      <c r="DJG683" s="613"/>
      <c r="DJH683" s="613"/>
      <c r="DJI683" s="613"/>
      <c r="DJJ683" s="613"/>
      <c r="DJK683" s="613"/>
      <c r="DJL683" s="613"/>
      <c r="DJM683" s="613"/>
      <c r="DJN683" s="613"/>
      <c r="DJO683" s="613"/>
      <c r="DJP683" s="613"/>
      <c r="DJQ683" s="613"/>
      <c r="DJR683" s="613"/>
      <c r="DJS683" s="613"/>
      <c r="DJT683" s="613"/>
      <c r="DJU683" s="613"/>
      <c r="DJV683" s="613"/>
      <c r="DJW683" s="613"/>
      <c r="DJX683" s="613"/>
      <c r="DJY683" s="613"/>
      <c r="DJZ683" s="613"/>
      <c r="DKA683" s="613"/>
      <c r="DKB683" s="613"/>
      <c r="DKC683" s="613"/>
      <c r="DKD683" s="613"/>
      <c r="DKE683" s="613"/>
      <c r="DKF683" s="613"/>
      <c r="DKG683" s="613"/>
      <c r="DKH683" s="613"/>
      <c r="DKI683" s="613"/>
      <c r="DKJ683" s="613"/>
      <c r="DKK683" s="613"/>
      <c r="DKL683" s="613"/>
      <c r="DKM683" s="613"/>
      <c r="DKN683" s="613"/>
      <c r="DKO683" s="613"/>
      <c r="DKP683" s="613"/>
      <c r="DKQ683" s="613"/>
      <c r="DKR683" s="613"/>
      <c r="DKS683" s="613"/>
      <c r="DKT683" s="613"/>
      <c r="DKU683" s="613"/>
      <c r="DKV683" s="613"/>
      <c r="DKW683" s="613"/>
      <c r="DKX683" s="613"/>
      <c r="DKY683" s="613"/>
      <c r="DKZ683" s="613"/>
      <c r="DLA683" s="613"/>
      <c r="DLB683" s="613"/>
      <c r="DLC683" s="613"/>
      <c r="DLD683" s="613"/>
      <c r="DLE683" s="613"/>
      <c r="DLF683" s="613"/>
      <c r="DLG683" s="613"/>
      <c r="DLH683" s="613"/>
      <c r="DLI683" s="613"/>
      <c r="DLJ683" s="613"/>
      <c r="DLK683" s="613"/>
      <c r="DLL683" s="613"/>
      <c r="DLM683" s="613"/>
      <c r="DLN683" s="613"/>
      <c r="DLO683" s="613"/>
      <c r="DLP683" s="613"/>
      <c r="DLQ683" s="613"/>
      <c r="DLR683" s="613"/>
      <c r="DLS683" s="613"/>
      <c r="DLT683" s="613"/>
      <c r="DLU683" s="613"/>
      <c r="DLV683" s="613"/>
      <c r="DLW683" s="613"/>
      <c r="DLX683" s="613"/>
      <c r="DLY683" s="613"/>
      <c r="DLZ683" s="613"/>
      <c r="DMA683" s="613"/>
      <c r="DMB683" s="613"/>
      <c r="DMC683" s="613"/>
      <c r="DMD683" s="613"/>
      <c r="DME683" s="613"/>
      <c r="DMF683" s="613"/>
      <c r="DMG683" s="613"/>
      <c r="DMH683" s="613"/>
      <c r="DMI683" s="613"/>
      <c r="DMJ683" s="613"/>
      <c r="DMK683" s="613"/>
      <c r="DML683" s="613"/>
      <c r="DMM683" s="613"/>
      <c r="DMN683" s="613"/>
      <c r="DMO683" s="613"/>
      <c r="DMP683" s="613"/>
      <c r="DMQ683" s="613"/>
      <c r="DMR683" s="613"/>
      <c r="DMS683" s="613"/>
      <c r="DMT683" s="613"/>
      <c r="DMU683" s="613"/>
      <c r="DMV683" s="613"/>
      <c r="DMW683" s="613"/>
      <c r="DMX683" s="613"/>
      <c r="DMY683" s="613"/>
      <c r="DMZ683" s="613"/>
      <c r="DNA683" s="613"/>
      <c r="DNB683" s="613"/>
      <c r="DNC683" s="613"/>
      <c r="DND683" s="613"/>
      <c r="DNE683" s="613"/>
      <c r="DNF683" s="613"/>
      <c r="DNG683" s="613"/>
      <c r="DNH683" s="613"/>
      <c r="DNI683" s="613"/>
      <c r="DNJ683" s="613"/>
      <c r="DNK683" s="613"/>
      <c r="DNL683" s="613"/>
      <c r="DNM683" s="613"/>
      <c r="DNN683" s="613"/>
      <c r="DNO683" s="613"/>
      <c r="DNP683" s="613"/>
      <c r="DNQ683" s="613"/>
      <c r="DNR683" s="613"/>
      <c r="DNS683" s="613"/>
      <c r="DNT683" s="613"/>
      <c r="DNU683" s="613"/>
      <c r="DNV683" s="613"/>
      <c r="DNW683" s="613"/>
      <c r="DNX683" s="613"/>
      <c r="DNY683" s="613"/>
      <c r="DNZ683" s="613"/>
      <c r="DOA683" s="613"/>
      <c r="DOB683" s="613"/>
      <c r="DOC683" s="613"/>
      <c r="DOD683" s="613"/>
      <c r="DOE683" s="613"/>
      <c r="DOF683" s="613"/>
      <c r="DOG683" s="613"/>
      <c r="DOH683" s="613"/>
      <c r="DOI683" s="613"/>
      <c r="DOJ683" s="613"/>
      <c r="DOK683" s="613"/>
      <c r="DOL683" s="613"/>
      <c r="DOM683" s="613"/>
      <c r="DON683" s="613"/>
      <c r="DOO683" s="613"/>
      <c r="DOP683" s="613"/>
      <c r="DOQ683" s="613"/>
      <c r="DOR683" s="613"/>
      <c r="DOS683" s="613"/>
      <c r="DOT683" s="613"/>
      <c r="DOU683" s="613"/>
      <c r="DOV683" s="613"/>
      <c r="DOW683" s="613"/>
      <c r="DOX683" s="613"/>
      <c r="DOY683" s="613"/>
      <c r="DOZ683" s="613"/>
      <c r="DPA683" s="613"/>
      <c r="DPB683" s="613"/>
      <c r="DPC683" s="613"/>
      <c r="DPD683" s="613"/>
      <c r="DPE683" s="613"/>
      <c r="DPF683" s="613"/>
      <c r="DPG683" s="613"/>
      <c r="DPH683" s="613"/>
      <c r="DPI683" s="613"/>
      <c r="DPJ683" s="613"/>
      <c r="DPK683" s="613"/>
      <c r="DPL683" s="613"/>
      <c r="DPM683" s="613"/>
      <c r="DPN683" s="613"/>
      <c r="DPO683" s="613"/>
      <c r="DPP683" s="613"/>
      <c r="DPQ683" s="613"/>
      <c r="DPR683" s="613"/>
      <c r="DPS683" s="613"/>
      <c r="DPT683" s="613"/>
      <c r="DPU683" s="613"/>
      <c r="DPV683" s="613"/>
      <c r="DPW683" s="613"/>
      <c r="DPX683" s="613"/>
      <c r="DPY683" s="613"/>
      <c r="DPZ683" s="613"/>
      <c r="DQA683" s="613"/>
      <c r="DQB683" s="613"/>
      <c r="DQC683" s="613"/>
      <c r="DQD683" s="613"/>
      <c r="DQE683" s="613"/>
      <c r="DQF683" s="613"/>
      <c r="DQG683" s="613"/>
      <c r="DQH683" s="613"/>
      <c r="DQI683" s="613"/>
      <c r="DQJ683" s="613"/>
      <c r="DQK683" s="613"/>
      <c r="DQL683" s="613"/>
      <c r="DQM683" s="613"/>
      <c r="DQN683" s="613"/>
      <c r="DQO683" s="613"/>
      <c r="DQP683" s="613"/>
      <c r="DQQ683" s="613"/>
      <c r="DQR683" s="613"/>
      <c r="DQS683" s="613"/>
      <c r="DQT683" s="613"/>
      <c r="DQU683" s="613"/>
      <c r="DQV683" s="613"/>
      <c r="DQW683" s="613"/>
      <c r="DQX683" s="613"/>
      <c r="DQY683" s="613"/>
      <c r="DQZ683" s="613"/>
      <c r="DRA683" s="613"/>
      <c r="DRB683" s="613"/>
      <c r="DRC683" s="613"/>
      <c r="DRD683" s="613"/>
      <c r="DRE683" s="613"/>
      <c r="DRF683" s="613"/>
      <c r="DRG683" s="613"/>
      <c r="DRH683" s="613"/>
      <c r="DRI683" s="613"/>
      <c r="DRJ683" s="613"/>
      <c r="DRK683" s="613"/>
      <c r="DRL683" s="613"/>
      <c r="DRM683" s="613"/>
      <c r="DRN683" s="613"/>
      <c r="DRO683" s="613"/>
      <c r="DRP683" s="613"/>
      <c r="DRQ683" s="613"/>
      <c r="DRR683" s="613"/>
      <c r="DRS683" s="613"/>
      <c r="DRT683" s="613"/>
      <c r="DRU683" s="613"/>
      <c r="DRV683" s="613"/>
      <c r="DRW683" s="613"/>
      <c r="DRX683" s="613"/>
      <c r="DRY683" s="613"/>
      <c r="DRZ683" s="613"/>
      <c r="DSA683" s="613"/>
      <c r="DSB683" s="613"/>
      <c r="DSC683" s="613"/>
      <c r="DSD683" s="613"/>
      <c r="DSE683" s="613"/>
      <c r="DSF683" s="613"/>
      <c r="DSG683" s="613"/>
      <c r="DSH683" s="613"/>
      <c r="DSI683" s="613"/>
      <c r="DSJ683" s="613"/>
      <c r="DSK683" s="613"/>
      <c r="DSL683" s="613"/>
      <c r="DSM683" s="613"/>
      <c r="DSN683" s="613"/>
      <c r="DSO683" s="613"/>
      <c r="DSP683" s="613"/>
      <c r="DSQ683" s="613"/>
      <c r="DSR683" s="613"/>
      <c r="DSS683" s="613"/>
      <c r="DST683" s="613"/>
      <c r="DSU683" s="613"/>
      <c r="DSV683" s="613"/>
      <c r="DSW683" s="613"/>
      <c r="DSX683" s="613"/>
      <c r="DSY683" s="613"/>
      <c r="DSZ683" s="613"/>
      <c r="DTA683" s="613"/>
      <c r="DTB683" s="613"/>
      <c r="DTC683" s="613"/>
      <c r="DTD683" s="613"/>
      <c r="DTE683" s="613"/>
      <c r="DTF683" s="613"/>
      <c r="DTG683" s="613"/>
      <c r="DTH683" s="613"/>
      <c r="DTI683" s="613"/>
      <c r="DTJ683" s="613"/>
      <c r="DTK683" s="613"/>
      <c r="DTL683" s="613"/>
      <c r="DTM683" s="613"/>
      <c r="DTN683" s="613"/>
      <c r="DTO683" s="613"/>
      <c r="DTP683" s="613"/>
      <c r="DTQ683" s="613"/>
      <c r="DTR683" s="613"/>
      <c r="DTS683" s="613"/>
      <c r="DTT683" s="613"/>
      <c r="DTU683" s="613"/>
      <c r="DTV683" s="613"/>
      <c r="DTW683" s="613"/>
      <c r="DTX683" s="613"/>
      <c r="DTY683" s="613"/>
      <c r="DTZ683" s="613"/>
      <c r="DUA683" s="613"/>
      <c r="DUB683" s="613"/>
      <c r="DUC683" s="613"/>
      <c r="DUD683" s="613"/>
      <c r="DUE683" s="613"/>
      <c r="DUF683" s="613"/>
      <c r="DUG683" s="613"/>
      <c r="DUH683" s="613"/>
      <c r="DUI683" s="613"/>
      <c r="DUJ683" s="613"/>
      <c r="DUK683" s="613"/>
      <c r="DUL683" s="613"/>
      <c r="DUM683" s="613"/>
      <c r="DUN683" s="613"/>
      <c r="DUO683" s="613"/>
      <c r="DUP683" s="613"/>
      <c r="DUQ683" s="613"/>
      <c r="DUR683" s="613"/>
      <c r="DUS683" s="613"/>
      <c r="DUT683" s="613"/>
      <c r="DUU683" s="613"/>
      <c r="DUV683" s="613"/>
      <c r="DUW683" s="613"/>
      <c r="DUX683" s="613"/>
      <c r="DUY683" s="613"/>
      <c r="DUZ683" s="613"/>
      <c r="DVA683" s="613"/>
      <c r="DVB683" s="613"/>
      <c r="DVC683" s="613"/>
      <c r="DVD683" s="613"/>
      <c r="DVE683" s="613"/>
      <c r="DVF683" s="613"/>
      <c r="DVG683" s="613"/>
      <c r="DVH683" s="613"/>
      <c r="DVI683" s="613"/>
      <c r="DVJ683" s="613"/>
      <c r="DVK683" s="613"/>
      <c r="DVL683" s="613"/>
      <c r="DVM683" s="613"/>
      <c r="DVN683" s="613"/>
      <c r="DVO683" s="613"/>
      <c r="DVP683" s="613"/>
      <c r="DVQ683" s="613"/>
      <c r="DVR683" s="613"/>
      <c r="DVS683" s="613"/>
      <c r="DVT683" s="613"/>
      <c r="DVU683" s="613"/>
      <c r="DVV683" s="613"/>
      <c r="DVW683" s="613"/>
      <c r="DVX683" s="613"/>
      <c r="DVY683" s="613"/>
      <c r="DVZ683" s="613"/>
      <c r="DWA683" s="613"/>
      <c r="DWB683" s="613"/>
      <c r="DWC683" s="613"/>
      <c r="DWD683" s="613"/>
      <c r="DWE683" s="613"/>
      <c r="DWF683" s="613"/>
      <c r="DWG683" s="613"/>
      <c r="DWH683" s="613"/>
      <c r="DWI683" s="613"/>
      <c r="DWJ683" s="613"/>
      <c r="DWK683" s="613"/>
      <c r="DWL683" s="613"/>
      <c r="DWM683" s="613"/>
      <c r="DWN683" s="613"/>
      <c r="DWO683" s="613"/>
      <c r="DWP683" s="613"/>
      <c r="DWQ683" s="613"/>
      <c r="DWR683" s="613"/>
      <c r="DWS683" s="613"/>
      <c r="DWT683" s="613"/>
      <c r="DWU683" s="613"/>
      <c r="DWV683" s="613"/>
      <c r="DWW683" s="613"/>
      <c r="DWX683" s="613"/>
      <c r="DWY683" s="613"/>
      <c r="DWZ683" s="613"/>
      <c r="DXA683" s="613"/>
      <c r="DXB683" s="613"/>
      <c r="DXC683" s="613"/>
      <c r="DXD683" s="613"/>
      <c r="DXE683" s="613"/>
      <c r="DXF683" s="613"/>
      <c r="DXG683" s="613"/>
      <c r="DXH683" s="613"/>
      <c r="DXI683" s="613"/>
      <c r="DXJ683" s="613"/>
      <c r="DXK683" s="613"/>
      <c r="DXL683" s="613"/>
      <c r="DXM683" s="613"/>
      <c r="DXN683" s="613"/>
      <c r="DXO683" s="613"/>
      <c r="DXP683" s="613"/>
      <c r="DXQ683" s="613"/>
      <c r="DXR683" s="613"/>
      <c r="DXS683" s="613"/>
      <c r="DXT683" s="613"/>
      <c r="DXU683" s="613"/>
      <c r="DXV683" s="613"/>
      <c r="DXW683" s="613"/>
      <c r="DXX683" s="613"/>
      <c r="DXY683" s="613"/>
      <c r="DXZ683" s="613"/>
      <c r="DYA683" s="613"/>
      <c r="DYB683" s="613"/>
      <c r="DYC683" s="613"/>
      <c r="DYD683" s="613"/>
      <c r="DYE683" s="613"/>
      <c r="DYF683" s="613"/>
      <c r="DYG683" s="613"/>
      <c r="DYH683" s="613"/>
      <c r="DYI683" s="613"/>
      <c r="DYJ683" s="613"/>
      <c r="DYK683" s="613"/>
      <c r="DYL683" s="613"/>
      <c r="DYM683" s="613"/>
      <c r="DYN683" s="613"/>
      <c r="DYO683" s="613"/>
      <c r="DYP683" s="613"/>
      <c r="DYQ683" s="613"/>
      <c r="DYR683" s="613"/>
      <c r="DYS683" s="613"/>
      <c r="DYT683" s="613"/>
      <c r="DYU683" s="613"/>
      <c r="DYV683" s="613"/>
      <c r="DYW683" s="613"/>
      <c r="DYX683" s="613"/>
      <c r="DYY683" s="613"/>
      <c r="DYZ683" s="613"/>
      <c r="DZA683" s="613"/>
      <c r="DZB683" s="613"/>
      <c r="DZC683" s="613"/>
      <c r="DZD683" s="613"/>
      <c r="DZE683" s="613"/>
      <c r="DZF683" s="613"/>
      <c r="DZG683" s="613"/>
      <c r="DZH683" s="613"/>
      <c r="DZI683" s="613"/>
      <c r="DZJ683" s="613"/>
      <c r="DZK683" s="613"/>
      <c r="DZL683" s="613"/>
      <c r="DZM683" s="613"/>
      <c r="DZN683" s="613"/>
      <c r="DZO683" s="613"/>
      <c r="DZP683" s="613"/>
      <c r="DZQ683" s="613"/>
      <c r="DZR683" s="613"/>
      <c r="DZS683" s="613"/>
      <c r="DZT683" s="613"/>
      <c r="DZU683" s="613"/>
      <c r="DZV683" s="613"/>
      <c r="DZW683" s="613"/>
      <c r="DZX683" s="613"/>
      <c r="DZY683" s="613"/>
      <c r="DZZ683" s="613"/>
      <c r="EAA683" s="613"/>
      <c r="EAB683" s="613"/>
      <c r="EAC683" s="613"/>
      <c r="EAD683" s="613"/>
      <c r="EAE683" s="613"/>
      <c r="EAF683" s="613"/>
      <c r="EAG683" s="613"/>
      <c r="EAH683" s="613"/>
      <c r="EAI683" s="613"/>
      <c r="EAJ683" s="613"/>
      <c r="EAK683" s="613"/>
      <c r="EAL683" s="613"/>
      <c r="EAM683" s="613"/>
      <c r="EAN683" s="613"/>
      <c r="EAO683" s="613"/>
      <c r="EAP683" s="613"/>
      <c r="EAQ683" s="613"/>
      <c r="EAR683" s="613"/>
      <c r="EAS683" s="613"/>
      <c r="EAT683" s="613"/>
      <c r="EAU683" s="613"/>
      <c r="EAV683" s="613"/>
      <c r="EAW683" s="613"/>
      <c r="EAX683" s="613"/>
      <c r="EAY683" s="613"/>
      <c r="EAZ683" s="613"/>
      <c r="EBA683" s="613"/>
      <c r="EBB683" s="613"/>
      <c r="EBC683" s="613"/>
      <c r="EBD683" s="613"/>
      <c r="EBE683" s="613"/>
      <c r="EBF683" s="613"/>
      <c r="EBG683" s="613"/>
      <c r="EBH683" s="613"/>
      <c r="EBI683" s="613"/>
      <c r="EBJ683" s="613"/>
      <c r="EBK683" s="613"/>
      <c r="EBL683" s="613"/>
      <c r="EBM683" s="613"/>
      <c r="EBN683" s="613"/>
      <c r="EBO683" s="613"/>
      <c r="EBP683" s="613"/>
      <c r="EBQ683" s="613"/>
      <c r="EBR683" s="613"/>
      <c r="EBS683" s="613"/>
      <c r="EBT683" s="613"/>
      <c r="EBU683" s="613"/>
      <c r="EBV683" s="613"/>
      <c r="EBW683" s="613"/>
      <c r="EBX683" s="613"/>
      <c r="EBY683" s="613"/>
      <c r="EBZ683" s="613"/>
      <c r="ECA683" s="613"/>
      <c r="ECB683" s="613"/>
      <c r="ECC683" s="613"/>
      <c r="ECD683" s="613"/>
      <c r="ECE683" s="613"/>
      <c r="ECF683" s="613"/>
      <c r="ECG683" s="613"/>
      <c r="ECH683" s="613"/>
      <c r="ECI683" s="613"/>
      <c r="ECJ683" s="613"/>
      <c r="ECK683" s="613"/>
      <c r="ECL683" s="613"/>
      <c r="ECM683" s="613"/>
      <c r="ECN683" s="613"/>
      <c r="ECO683" s="613"/>
      <c r="ECP683" s="613"/>
      <c r="ECQ683" s="613"/>
      <c r="ECR683" s="613"/>
      <c r="ECS683" s="613"/>
      <c r="ECT683" s="613"/>
      <c r="ECU683" s="613"/>
      <c r="ECV683" s="613"/>
      <c r="ECW683" s="613"/>
      <c r="ECX683" s="613"/>
      <c r="ECY683" s="613"/>
      <c r="ECZ683" s="613"/>
      <c r="EDA683" s="613"/>
      <c r="EDB683" s="613"/>
      <c r="EDC683" s="613"/>
      <c r="EDD683" s="613"/>
      <c r="EDE683" s="613"/>
      <c r="EDF683" s="613"/>
      <c r="EDG683" s="613"/>
      <c r="EDH683" s="613"/>
      <c r="EDI683" s="613"/>
      <c r="EDJ683" s="613"/>
      <c r="EDK683" s="613"/>
      <c r="EDL683" s="613"/>
      <c r="EDM683" s="613"/>
      <c r="EDN683" s="613"/>
      <c r="EDO683" s="613"/>
      <c r="EDP683" s="613"/>
      <c r="EDQ683" s="613"/>
      <c r="EDR683" s="613"/>
      <c r="EDS683" s="613"/>
      <c r="EDT683" s="613"/>
      <c r="EDU683" s="613"/>
      <c r="EDV683" s="613"/>
      <c r="EDW683" s="613"/>
      <c r="EDX683" s="613"/>
      <c r="EDY683" s="613"/>
      <c r="EDZ683" s="613"/>
      <c r="EEA683" s="613"/>
      <c r="EEB683" s="613"/>
      <c r="EEC683" s="613"/>
      <c r="EED683" s="613"/>
      <c r="EEE683" s="613"/>
      <c r="EEF683" s="613"/>
      <c r="EEG683" s="613"/>
      <c r="EEH683" s="613"/>
      <c r="EEI683" s="613"/>
      <c r="EEJ683" s="613"/>
      <c r="EEK683" s="613"/>
      <c r="EEL683" s="613"/>
      <c r="EEM683" s="613"/>
      <c r="EEN683" s="613"/>
      <c r="EEO683" s="613"/>
      <c r="EEP683" s="613"/>
      <c r="EEQ683" s="613"/>
      <c r="EER683" s="613"/>
      <c r="EES683" s="613"/>
      <c r="EET683" s="613"/>
      <c r="EEU683" s="613"/>
      <c r="EEV683" s="613"/>
      <c r="EEW683" s="613"/>
      <c r="EEX683" s="613"/>
      <c r="EEY683" s="613"/>
      <c r="EEZ683" s="613"/>
      <c r="EFA683" s="613"/>
      <c r="EFB683" s="613"/>
      <c r="EFC683" s="613"/>
      <c r="EFD683" s="613"/>
      <c r="EFE683" s="613"/>
      <c r="EFF683" s="613"/>
      <c r="EFG683" s="613"/>
      <c r="EFH683" s="613"/>
      <c r="EFI683" s="613"/>
      <c r="EFJ683" s="613"/>
      <c r="EFK683" s="613"/>
      <c r="EFL683" s="613"/>
      <c r="EFM683" s="613"/>
      <c r="EFN683" s="613"/>
      <c r="EFO683" s="613"/>
      <c r="EFP683" s="613"/>
      <c r="EFQ683" s="613"/>
      <c r="EFR683" s="613"/>
      <c r="EFS683" s="613"/>
      <c r="EFT683" s="613"/>
      <c r="EFU683" s="613"/>
      <c r="EFV683" s="613"/>
      <c r="EFW683" s="613"/>
      <c r="EFX683" s="613"/>
      <c r="EFY683" s="613"/>
      <c r="EFZ683" s="613"/>
      <c r="EGA683" s="613"/>
      <c r="EGB683" s="613"/>
      <c r="EGC683" s="613"/>
      <c r="EGD683" s="613"/>
      <c r="EGE683" s="613"/>
      <c r="EGF683" s="613"/>
      <c r="EGG683" s="613"/>
      <c r="EGH683" s="613"/>
      <c r="EGI683" s="613"/>
      <c r="EGJ683" s="613"/>
      <c r="EGK683" s="613"/>
      <c r="EGL683" s="613"/>
      <c r="EGM683" s="613"/>
      <c r="EGN683" s="613"/>
      <c r="EGO683" s="613"/>
      <c r="EGP683" s="613"/>
      <c r="EGQ683" s="613"/>
      <c r="EGR683" s="613"/>
      <c r="EGS683" s="613"/>
      <c r="EGT683" s="613"/>
      <c r="EGU683" s="613"/>
      <c r="EGV683" s="613"/>
      <c r="EGW683" s="613"/>
      <c r="EGX683" s="613"/>
      <c r="EGY683" s="613"/>
      <c r="EGZ683" s="613"/>
      <c r="EHA683" s="613"/>
      <c r="EHB683" s="613"/>
      <c r="EHC683" s="613"/>
      <c r="EHD683" s="613"/>
      <c r="EHE683" s="613"/>
      <c r="EHF683" s="613"/>
      <c r="EHG683" s="613"/>
      <c r="EHH683" s="613"/>
      <c r="EHI683" s="613"/>
      <c r="EHJ683" s="613"/>
      <c r="EHK683" s="613"/>
      <c r="EHL683" s="613"/>
      <c r="EHM683" s="613"/>
      <c r="EHN683" s="613"/>
      <c r="EHO683" s="613"/>
      <c r="EHP683" s="613"/>
      <c r="EHQ683" s="613"/>
      <c r="EHR683" s="613"/>
      <c r="EHS683" s="613"/>
      <c r="EHT683" s="613"/>
      <c r="EHU683" s="613"/>
      <c r="EHV683" s="613"/>
      <c r="EHW683" s="613"/>
      <c r="EHX683" s="613"/>
      <c r="EHY683" s="613"/>
      <c r="EHZ683" s="613"/>
      <c r="EIA683" s="613"/>
      <c r="EIB683" s="613"/>
      <c r="EIC683" s="613"/>
      <c r="EID683" s="613"/>
      <c r="EIE683" s="613"/>
      <c r="EIF683" s="613"/>
      <c r="EIG683" s="613"/>
      <c r="EIH683" s="613"/>
      <c r="EII683" s="613"/>
      <c r="EIJ683" s="613"/>
      <c r="EIK683" s="613"/>
      <c r="EIL683" s="613"/>
      <c r="EIM683" s="613"/>
      <c r="EIN683" s="613"/>
      <c r="EIO683" s="613"/>
      <c r="EIP683" s="613"/>
      <c r="EIQ683" s="613"/>
      <c r="EIR683" s="613"/>
      <c r="EIS683" s="613"/>
      <c r="EIT683" s="613"/>
      <c r="EIU683" s="613"/>
      <c r="EIV683" s="613"/>
      <c r="EIW683" s="613"/>
      <c r="EIX683" s="613"/>
      <c r="EIY683" s="613"/>
      <c r="EIZ683" s="613"/>
      <c r="EJA683" s="613"/>
      <c r="EJB683" s="613"/>
      <c r="EJC683" s="613"/>
      <c r="EJD683" s="613"/>
      <c r="EJE683" s="613"/>
      <c r="EJF683" s="613"/>
      <c r="EJG683" s="613"/>
      <c r="EJH683" s="613"/>
      <c r="EJI683" s="613"/>
      <c r="EJJ683" s="613"/>
      <c r="EJK683" s="613"/>
      <c r="EJL683" s="613"/>
      <c r="EJM683" s="613"/>
      <c r="EJN683" s="613"/>
      <c r="EJO683" s="613"/>
      <c r="EJP683" s="613"/>
      <c r="EJQ683" s="613"/>
      <c r="EJR683" s="613"/>
      <c r="EJS683" s="613"/>
      <c r="EJT683" s="613"/>
      <c r="EJU683" s="613"/>
      <c r="EJV683" s="613"/>
      <c r="EJW683" s="613"/>
      <c r="EJX683" s="613"/>
      <c r="EJY683" s="613"/>
      <c r="EJZ683" s="613"/>
      <c r="EKA683" s="613"/>
      <c r="EKB683" s="613"/>
      <c r="EKC683" s="613"/>
      <c r="EKD683" s="613"/>
      <c r="EKE683" s="613"/>
      <c r="EKF683" s="613"/>
      <c r="EKG683" s="613"/>
      <c r="EKH683" s="613"/>
      <c r="EKI683" s="613"/>
      <c r="EKJ683" s="613"/>
      <c r="EKK683" s="613"/>
      <c r="EKL683" s="613"/>
      <c r="EKM683" s="613"/>
      <c r="EKN683" s="613"/>
      <c r="EKO683" s="613"/>
      <c r="EKP683" s="613"/>
      <c r="EKQ683" s="613"/>
      <c r="EKR683" s="613"/>
      <c r="EKS683" s="613"/>
      <c r="EKT683" s="613"/>
      <c r="EKU683" s="613"/>
      <c r="EKV683" s="613"/>
      <c r="EKW683" s="613"/>
      <c r="EKX683" s="613"/>
      <c r="EKY683" s="613"/>
      <c r="EKZ683" s="613"/>
      <c r="ELA683" s="613"/>
      <c r="ELB683" s="613"/>
      <c r="ELC683" s="613"/>
      <c r="ELD683" s="613"/>
      <c r="ELE683" s="613"/>
      <c r="ELF683" s="613"/>
      <c r="ELG683" s="613"/>
      <c r="ELH683" s="613"/>
      <c r="ELI683" s="613"/>
      <c r="ELJ683" s="613"/>
      <c r="ELK683" s="613"/>
      <c r="ELL683" s="613"/>
      <c r="ELM683" s="613"/>
      <c r="ELN683" s="613"/>
      <c r="ELO683" s="613"/>
      <c r="ELP683" s="613"/>
      <c r="ELQ683" s="613"/>
      <c r="ELR683" s="613"/>
      <c r="ELS683" s="613"/>
      <c r="ELT683" s="613"/>
      <c r="ELU683" s="613"/>
      <c r="ELV683" s="613"/>
      <c r="ELW683" s="613"/>
      <c r="ELX683" s="613"/>
      <c r="ELY683" s="613"/>
      <c r="ELZ683" s="613"/>
      <c r="EMA683" s="613"/>
      <c r="EMB683" s="613"/>
      <c r="EMC683" s="613"/>
      <c r="EMD683" s="613"/>
      <c r="EME683" s="613"/>
      <c r="EMF683" s="613"/>
      <c r="EMG683" s="613"/>
      <c r="EMH683" s="613"/>
      <c r="EMI683" s="613"/>
      <c r="EMJ683" s="613"/>
      <c r="EMK683" s="613"/>
      <c r="EML683" s="613"/>
      <c r="EMM683" s="613"/>
      <c r="EMN683" s="613"/>
      <c r="EMO683" s="613"/>
      <c r="EMP683" s="613"/>
      <c r="EMQ683" s="613"/>
      <c r="EMR683" s="613"/>
      <c r="EMS683" s="613"/>
      <c r="EMT683" s="613"/>
      <c r="EMU683" s="613"/>
      <c r="EMV683" s="613"/>
      <c r="EMW683" s="613"/>
      <c r="EMX683" s="613"/>
      <c r="EMY683" s="613"/>
      <c r="EMZ683" s="613"/>
      <c r="ENA683" s="613"/>
      <c r="ENB683" s="613"/>
      <c r="ENC683" s="613"/>
      <c r="END683" s="613"/>
      <c r="ENE683" s="613"/>
      <c r="ENF683" s="613"/>
      <c r="ENG683" s="613"/>
      <c r="ENH683" s="613"/>
      <c r="ENI683" s="613"/>
      <c r="ENJ683" s="613"/>
      <c r="ENK683" s="613"/>
      <c r="ENL683" s="613"/>
      <c r="ENM683" s="613"/>
      <c r="ENN683" s="613"/>
      <c r="ENO683" s="613"/>
      <c r="ENP683" s="613"/>
      <c r="ENQ683" s="613"/>
      <c r="ENR683" s="613"/>
      <c r="ENS683" s="613"/>
      <c r="ENT683" s="613"/>
      <c r="ENU683" s="613"/>
      <c r="ENV683" s="613"/>
      <c r="ENW683" s="613"/>
      <c r="ENX683" s="613"/>
      <c r="ENY683" s="613"/>
      <c r="ENZ683" s="613"/>
      <c r="EOA683" s="613"/>
      <c r="EOB683" s="613"/>
      <c r="EOC683" s="613"/>
      <c r="EOD683" s="613"/>
      <c r="EOE683" s="613"/>
      <c r="EOF683" s="613"/>
      <c r="EOG683" s="613"/>
      <c r="EOH683" s="613"/>
      <c r="EOI683" s="613"/>
      <c r="EOJ683" s="613"/>
      <c r="EOK683" s="613"/>
      <c r="EOL683" s="613"/>
      <c r="EOM683" s="613"/>
      <c r="EON683" s="613"/>
      <c r="EOO683" s="613"/>
      <c r="EOP683" s="613"/>
      <c r="EOQ683" s="613"/>
      <c r="EOR683" s="613"/>
      <c r="EOS683" s="613"/>
      <c r="EOT683" s="613"/>
      <c r="EOU683" s="613"/>
      <c r="EOV683" s="613"/>
      <c r="EOW683" s="613"/>
      <c r="EOX683" s="613"/>
      <c r="EOY683" s="613"/>
      <c r="EOZ683" s="613"/>
      <c r="EPA683" s="613"/>
      <c r="EPB683" s="613"/>
      <c r="EPC683" s="613"/>
      <c r="EPD683" s="613"/>
      <c r="EPE683" s="613"/>
      <c r="EPF683" s="613"/>
      <c r="EPG683" s="613"/>
      <c r="EPH683" s="613"/>
      <c r="EPI683" s="613"/>
      <c r="EPJ683" s="613"/>
      <c r="EPK683" s="613"/>
      <c r="EPL683" s="613"/>
      <c r="EPM683" s="613"/>
      <c r="EPN683" s="613"/>
      <c r="EPO683" s="613"/>
      <c r="EPP683" s="613"/>
      <c r="EPQ683" s="613"/>
      <c r="EPR683" s="613"/>
      <c r="EPS683" s="613"/>
      <c r="EPT683" s="613"/>
      <c r="EPU683" s="613"/>
      <c r="EPV683" s="613"/>
      <c r="EPW683" s="613"/>
      <c r="EPX683" s="613"/>
      <c r="EPY683" s="613"/>
      <c r="EPZ683" s="613"/>
      <c r="EQA683" s="613"/>
      <c r="EQB683" s="613"/>
      <c r="EQC683" s="613"/>
      <c r="EQD683" s="613"/>
      <c r="EQE683" s="613"/>
      <c r="EQF683" s="613"/>
      <c r="EQG683" s="613"/>
      <c r="EQH683" s="613"/>
      <c r="EQI683" s="613"/>
      <c r="EQJ683" s="613"/>
      <c r="EQK683" s="613"/>
      <c r="EQL683" s="613"/>
      <c r="EQM683" s="613"/>
      <c r="EQN683" s="613"/>
      <c r="EQO683" s="613"/>
      <c r="EQP683" s="613"/>
      <c r="EQQ683" s="613"/>
      <c r="EQR683" s="613"/>
      <c r="EQS683" s="613"/>
      <c r="EQT683" s="613"/>
      <c r="EQU683" s="613"/>
      <c r="EQV683" s="613"/>
      <c r="EQW683" s="613"/>
      <c r="EQX683" s="613"/>
      <c r="EQY683" s="613"/>
      <c r="EQZ683" s="613"/>
      <c r="ERA683" s="613"/>
      <c r="ERB683" s="613"/>
      <c r="ERC683" s="613"/>
      <c r="ERD683" s="613"/>
      <c r="ERE683" s="613"/>
      <c r="ERF683" s="613"/>
      <c r="ERG683" s="613"/>
      <c r="ERH683" s="613"/>
      <c r="ERI683" s="613"/>
      <c r="ERJ683" s="613"/>
      <c r="ERK683" s="613"/>
      <c r="ERL683" s="613"/>
      <c r="ERM683" s="613"/>
      <c r="ERN683" s="613"/>
      <c r="ERO683" s="613"/>
      <c r="ERP683" s="613"/>
      <c r="ERQ683" s="613"/>
      <c r="ERR683" s="613"/>
      <c r="ERS683" s="613"/>
      <c r="ERT683" s="613"/>
      <c r="ERU683" s="613"/>
      <c r="ERV683" s="613"/>
      <c r="ERW683" s="613"/>
      <c r="ERX683" s="613"/>
      <c r="ERY683" s="613"/>
      <c r="ERZ683" s="613"/>
      <c r="ESA683" s="613"/>
      <c r="ESB683" s="613"/>
      <c r="ESC683" s="613"/>
      <c r="ESD683" s="613"/>
      <c r="ESE683" s="613"/>
      <c r="ESF683" s="613"/>
      <c r="ESG683" s="613"/>
      <c r="ESH683" s="613"/>
      <c r="ESI683" s="613"/>
      <c r="ESJ683" s="613"/>
      <c r="ESK683" s="613"/>
      <c r="ESL683" s="613"/>
      <c r="ESM683" s="613"/>
      <c r="ESN683" s="613"/>
      <c r="ESO683" s="613"/>
      <c r="ESP683" s="613"/>
      <c r="ESQ683" s="613"/>
      <c r="ESR683" s="613"/>
      <c r="ESS683" s="613"/>
      <c r="EST683" s="613"/>
      <c r="ESU683" s="613"/>
      <c r="ESV683" s="613"/>
      <c r="ESW683" s="613"/>
      <c r="ESX683" s="613"/>
      <c r="ESY683" s="613"/>
      <c r="ESZ683" s="613"/>
      <c r="ETA683" s="613"/>
      <c r="ETB683" s="613"/>
      <c r="ETC683" s="613"/>
      <c r="ETD683" s="613"/>
      <c r="ETE683" s="613"/>
      <c r="ETF683" s="613"/>
      <c r="ETG683" s="613"/>
      <c r="ETH683" s="613"/>
      <c r="ETI683" s="613"/>
      <c r="ETJ683" s="613"/>
      <c r="ETK683" s="613"/>
      <c r="ETL683" s="613"/>
      <c r="ETM683" s="613"/>
      <c r="ETN683" s="613"/>
      <c r="ETO683" s="613"/>
      <c r="ETP683" s="613"/>
      <c r="ETQ683" s="613"/>
      <c r="ETR683" s="613"/>
      <c r="ETS683" s="613"/>
      <c r="ETT683" s="613"/>
      <c r="ETU683" s="613"/>
      <c r="ETV683" s="613"/>
      <c r="ETW683" s="613"/>
      <c r="ETX683" s="613"/>
      <c r="ETY683" s="613"/>
      <c r="ETZ683" s="613"/>
      <c r="EUA683" s="613"/>
      <c r="EUB683" s="613"/>
      <c r="EUC683" s="613"/>
      <c r="EUD683" s="613"/>
      <c r="EUE683" s="613"/>
      <c r="EUF683" s="613"/>
      <c r="EUG683" s="613"/>
      <c r="EUH683" s="613"/>
      <c r="EUI683" s="613"/>
      <c r="EUJ683" s="613"/>
      <c r="EUK683" s="613"/>
      <c r="EUL683" s="613"/>
      <c r="EUM683" s="613"/>
      <c r="EUN683" s="613"/>
      <c r="EUO683" s="613"/>
      <c r="EUP683" s="613"/>
      <c r="EUQ683" s="613"/>
      <c r="EUR683" s="613"/>
      <c r="EUS683" s="613"/>
      <c r="EUT683" s="613"/>
      <c r="EUU683" s="613"/>
      <c r="EUV683" s="613"/>
      <c r="EUW683" s="613"/>
      <c r="EUX683" s="613"/>
      <c r="EUY683" s="613"/>
      <c r="EUZ683" s="613"/>
      <c r="EVA683" s="613"/>
      <c r="EVB683" s="613"/>
      <c r="EVC683" s="613"/>
      <c r="EVD683" s="613"/>
      <c r="EVE683" s="613"/>
      <c r="EVF683" s="613"/>
      <c r="EVG683" s="613"/>
      <c r="EVH683" s="613"/>
      <c r="EVI683" s="613"/>
      <c r="EVJ683" s="613"/>
      <c r="EVK683" s="613"/>
      <c r="EVL683" s="613"/>
      <c r="EVM683" s="613"/>
      <c r="EVN683" s="613"/>
      <c r="EVO683" s="613"/>
      <c r="EVP683" s="613"/>
      <c r="EVQ683" s="613"/>
      <c r="EVR683" s="613"/>
      <c r="EVS683" s="613"/>
      <c r="EVT683" s="613"/>
      <c r="EVU683" s="613"/>
      <c r="EVV683" s="613"/>
      <c r="EVW683" s="613"/>
      <c r="EVX683" s="613"/>
      <c r="EVY683" s="613"/>
      <c r="EVZ683" s="613"/>
      <c r="EWA683" s="613"/>
      <c r="EWB683" s="613"/>
      <c r="EWC683" s="613"/>
      <c r="EWD683" s="613"/>
      <c r="EWE683" s="613"/>
      <c r="EWF683" s="613"/>
      <c r="EWG683" s="613"/>
      <c r="EWH683" s="613"/>
      <c r="EWI683" s="613"/>
      <c r="EWJ683" s="613"/>
      <c r="EWK683" s="613"/>
      <c r="EWL683" s="613"/>
      <c r="EWM683" s="613"/>
      <c r="EWN683" s="613"/>
      <c r="EWO683" s="613"/>
      <c r="EWP683" s="613"/>
      <c r="EWQ683" s="613"/>
      <c r="EWR683" s="613"/>
      <c r="EWS683" s="613"/>
      <c r="EWT683" s="613"/>
      <c r="EWU683" s="613"/>
      <c r="EWV683" s="613"/>
      <c r="EWW683" s="613"/>
      <c r="EWX683" s="613"/>
      <c r="EWY683" s="613"/>
      <c r="EWZ683" s="613"/>
      <c r="EXA683" s="613"/>
      <c r="EXB683" s="613"/>
      <c r="EXC683" s="613"/>
      <c r="EXD683" s="613"/>
      <c r="EXE683" s="613"/>
      <c r="EXF683" s="613"/>
      <c r="EXG683" s="613"/>
      <c r="EXH683" s="613"/>
      <c r="EXI683" s="613"/>
      <c r="EXJ683" s="613"/>
      <c r="EXK683" s="613"/>
      <c r="EXL683" s="613"/>
      <c r="EXM683" s="613"/>
      <c r="EXN683" s="613"/>
      <c r="EXO683" s="613"/>
      <c r="EXP683" s="613"/>
      <c r="EXQ683" s="613"/>
      <c r="EXR683" s="613"/>
      <c r="EXS683" s="613"/>
      <c r="EXT683" s="613"/>
      <c r="EXU683" s="613"/>
      <c r="EXV683" s="613"/>
      <c r="EXW683" s="613"/>
      <c r="EXX683" s="613"/>
      <c r="EXY683" s="613"/>
      <c r="EXZ683" s="613"/>
      <c r="EYA683" s="613"/>
      <c r="EYB683" s="613"/>
      <c r="EYC683" s="613"/>
      <c r="EYD683" s="613"/>
      <c r="EYE683" s="613"/>
      <c r="EYF683" s="613"/>
      <c r="EYG683" s="613"/>
      <c r="EYH683" s="613"/>
      <c r="EYI683" s="613"/>
      <c r="EYJ683" s="613"/>
      <c r="EYK683" s="613"/>
      <c r="EYL683" s="613"/>
      <c r="EYM683" s="613"/>
      <c r="EYN683" s="613"/>
      <c r="EYO683" s="613"/>
      <c r="EYP683" s="613"/>
      <c r="EYQ683" s="613"/>
      <c r="EYR683" s="613"/>
      <c r="EYS683" s="613"/>
      <c r="EYT683" s="613"/>
      <c r="EYU683" s="613"/>
      <c r="EYV683" s="613"/>
      <c r="EYW683" s="613"/>
      <c r="EYX683" s="613"/>
      <c r="EYY683" s="613"/>
      <c r="EYZ683" s="613"/>
      <c r="EZA683" s="613"/>
      <c r="EZB683" s="613"/>
      <c r="EZC683" s="613"/>
      <c r="EZD683" s="613"/>
      <c r="EZE683" s="613"/>
      <c r="EZF683" s="613"/>
      <c r="EZG683" s="613"/>
      <c r="EZH683" s="613"/>
      <c r="EZI683" s="613"/>
      <c r="EZJ683" s="613"/>
      <c r="EZK683" s="613"/>
      <c r="EZL683" s="613"/>
      <c r="EZM683" s="613"/>
      <c r="EZN683" s="613"/>
      <c r="EZO683" s="613"/>
      <c r="EZP683" s="613"/>
      <c r="EZQ683" s="613"/>
      <c r="EZR683" s="613"/>
      <c r="EZS683" s="613"/>
      <c r="EZT683" s="613"/>
      <c r="EZU683" s="613"/>
      <c r="EZV683" s="613"/>
      <c r="EZW683" s="613"/>
      <c r="EZX683" s="613"/>
      <c r="EZY683" s="613"/>
      <c r="EZZ683" s="613"/>
      <c r="FAA683" s="613"/>
      <c r="FAB683" s="613"/>
      <c r="FAC683" s="613"/>
      <c r="FAD683" s="613"/>
      <c r="FAE683" s="613"/>
      <c r="FAF683" s="613"/>
      <c r="FAG683" s="613"/>
      <c r="FAH683" s="613"/>
      <c r="FAI683" s="613"/>
      <c r="FAJ683" s="613"/>
      <c r="FAK683" s="613"/>
      <c r="FAL683" s="613"/>
      <c r="FAM683" s="613"/>
      <c r="FAN683" s="613"/>
      <c r="FAO683" s="613"/>
      <c r="FAP683" s="613"/>
      <c r="FAQ683" s="613"/>
      <c r="FAR683" s="613"/>
      <c r="FAS683" s="613"/>
      <c r="FAT683" s="613"/>
      <c r="FAU683" s="613"/>
      <c r="FAV683" s="613"/>
      <c r="FAW683" s="613"/>
      <c r="FAX683" s="613"/>
      <c r="FAY683" s="613"/>
      <c r="FAZ683" s="613"/>
      <c r="FBA683" s="613"/>
      <c r="FBB683" s="613"/>
      <c r="FBC683" s="613"/>
      <c r="FBD683" s="613"/>
      <c r="FBE683" s="613"/>
      <c r="FBF683" s="613"/>
      <c r="FBG683" s="613"/>
      <c r="FBH683" s="613"/>
      <c r="FBI683" s="613"/>
      <c r="FBJ683" s="613"/>
      <c r="FBK683" s="613"/>
      <c r="FBL683" s="613"/>
      <c r="FBM683" s="613"/>
      <c r="FBN683" s="613"/>
      <c r="FBO683" s="613"/>
      <c r="FBP683" s="613"/>
      <c r="FBQ683" s="613"/>
      <c r="FBR683" s="613"/>
      <c r="FBS683" s="613"/>
      <c r="FBT683" s="613"/>
      <c r="FBU683" s="613"/>
      <c r="FBV683" s="613"/>
      <c r="FBW683" s="613"/>
      <c r="FBX683" s="613"/>
      <c r="FBY683" s="613"/>
      <c r="FBZ683" s="613"/>
      <c r="FCA683" s="613"/>
      <c r="FCB683" s="613"/>
      <c r="FCC683" s="613"/>
      <c r="FCD683" s="613"/>
      <c r="FCE683" s="613"/>
      <c r="FCF683" s="613"/>
      <c r="FCG683" s="613"/>
      <c r="FCH683" s="613"/>
      <c r="FCI683" s="613"/>
      <c r="FCJ683" s="613"/>
      <c r="FCK683" s="613"/>
      <c r="FCL683" s="613"/>
      <c r="FCM683" s="613"/>
      <c r="FCN683" s="613"/>
      <c r="FCO683" s="613"/>
      <c r="FCP683" s="613"/>
      <c r="FCQ683" s="613"/>
      <c r="FCR683" s="613"/>
      <c r="FCS683" s="613"/>
      <c r="FCT683" s="613"/>
      <c r="FCU683" s="613"/>
      <c r="FCV683" s="613"/>
      <c r="FCW683" s="613"/>
      <c r="FCX683" s="613"/>
      <c r="FCY683" s="613"/>
      <c r="FCZ683" s="613"/>
      <c r="FDA683" s="613"/>
      <c r="FDB683" s="613"/>
      <c r="FDC683" s="613"/>
      <c r="FDD683" s="613"/>
      <c r="FDE683" s="613"/>
      <c r="FDF683" s="613"/>
      <c r="FDG683" s="613"/>
      <c r="FDH683" s="613"/>
      <c r="FDI683" s="613"/>
      <c r="FDJ683" s="613"/>
      <c r="FDK683" s="613"/>
      <c r="FDL683" s="613"/>
      <c r="FDM683" s="613"/>
      <c r="FDN683" s="613"/>
      <c r="FDO683" s="613"/>
      <c r="FDP683" s="613"/>
      <c r="FDQ683" s="613"/>
      <c r="FDR683" s="613"/>
      <c r="FDS683" s="613"/>
      <c r="FDT683" s="613"/>
      <c r="FDU683" s="613"/>
      <c r="FDV683" s="613"/>
      <c r="FDW683" s="613"/>
      <c r="FDX683" s="613"/>
      <c r="FDY683" s="613"/>
      <c r="FDZ683" s="613"/>
      <c r="FEA683" s="613"/>
      <c r="FEB683" s="613"/>
      <c r="FEC683" s="613"/>
      <c r="FED683" s="613"/>
      <c r="FEE683" s="613"/>
      <c r="FEF683" s="613"/>
      <c r="FEG683" s="613"/>
      <c r="FEH683" s="613"/>
      <c r="FEI683" s="613"/>
      <c r="FEJ683" s="613"/>
      <c r="FEK683" s="613"/>
      <c r="FEL683" s="613"/>
      <c r="FEM683" s="613"/>
      <c r="FEN683" s="613"/>
      <c r="FEO683" s="613"/>
      <c r="FEP683" s="613"/>
      <c r="FEQ683" s="613"/>
      <c r="FER683" s="613"/>
      <c r="FES683" s="613"/>
      <c r="FET683" s="613"/>
      <c r="FEU683" s="613"/>
      <c r="FEV683" s="613"/>
      <c r="FEW683" s="613"/>
      <c r="FEX683" s="613"/>
      <c r="FEY683" s="613"/>
      <c r="FEZ683" s="613"/>
      <c r="FFA683" s="613"/>
      <c r="FFB683" s="613"/>
      <c r="FFC683" s="613"/>
      <c r="FFD683" s="613"/>
      <c r="FFE683" s="613"/>
      <c r="FFF683" s="613"/>
      <c r="FFG683" s="613"/>
      <c r="FFH683" s="613"/>
      <c r="FFI683" s="613"/>
      <c r="FFJ683" s="613"/>
      <c r="FFK683" s="613"/>
      <c r="FFL683" s="613"/>
      <c r="FFM683" s="613"/>
      <c r="FFN683" s="613"/>
      <c r="FFO683" s="613"/>
      <c r="FFP683" s="613"/>
      <c r="FFQ683" s="613"/>
      <c r="FFR683" s="613"/>
      <c r="FFS683" s="613"/>
      <c r="FFT683" s="613"/>
      <c r="FFU683" s="613"/>
      <c r="FFV683" s="613"/>
      <c r="FFW683" s="613"/>
      <c r="FFX683" s="613"/>
      <c r="FFY683" s="613"/>
      <c r="FFZ683" s="613"/>
      <c r="FGA683" s="613"/>
      <c r="FGB683" s="613"/>
      <c r="FGC683" s="613"/>
      <c r="FGD683" s="613"/>
      <c r="FGE683" s="613"/>
      <c r="FGF683" s="613"/>
      <c r="FGG683" s="613"/>
      <c r="FGH683" s="613"/>
      <c r="FGI683" s="613"/>
      <c r="FGJ683" s="613"/>
      <c r="FGK683" s="613"/>
      <c r="FGL683" s="613"/>
      <c r="FGM683" s="613"/>
      <c r="FGN683" s="613"/>
      <c r="FGO683" s="613"/>
      <c r="FGP683" s="613"/>
      <c r="FGQ683" s="613"/>
      <c r="FGR683" s="613"/>
      <c r="FGS683" s="613"/>
      <c r="FGT683" s="613"/>
      <c r="FGU683" s="613"/>
      <c r="FGV683" s="613"/>
      <c r="FGW683" s="613"/>
      <c r="FGX683" s="613"/>
      <c r="FGY683" s="613"/>
      <c r="FGZ683" s="613"/>
      <c r="FHA683" s="613"/>
      <c r="FHB683" s="613"/>
      <c r="FHC683" s="613"/>
      <c r="FHD683" s="613"/>
      <c r="FHE683" s="613"/>
      <c r="FHF683" s="613"/>
      <c r="FHG683" s="613"/>
      <c r="FHH683" s="613"/>
      <c r="FHI683" s="613"/>
      <c r="FHJ683" s="613"/>
      <c r="FHK683" s="613"/>
      <c r="FHL683" s="613"/>
      <c r="FHM683" s="613"/>
      <c r="FHN683" s="613"/>
      <c r="FHO683" s="613"/>
      <c r="FHP683" s="613"/>
      <c r="FHQ683" s="613"/>
      <c r="FHR683" s="613"/>
      <c r="FHS683" s="613"/>
      <c r="FHT683" s="613"/>
      <c r="FHU683" s="613"/>
      <c r="FHV683" s="613"/>
      <c r="FHW683" s="613"/>
      <c r="FHX683" s="613"/>
      <c r="FHY683" s="613"/>
      <c r="FHZ683" s="613"/>
      <c r="FIA683" s="613"/>
      <c r="FIB683" s="613"/>
      <c r="FIC683" s="613"/>
      <c r="FID683" s="613"/>
      <c r="FIE683" s="613"/>
      <c r="FIF683" s="613"/>
      <c r="FIG683" s="613"/>
      <c r="FIH683" s="613"/>
      <c r="FII683" s="613"/>
      <c r="FIJ683" s="613"/>
      <c r="FIK683" s="613"/>
      <c r="FIL683" s="613"/>
      <c r="FIM683" s="613"/>
      <c r="FIN683" s="613"/>
      <c r="FIO683" s="613"/>
      <c r="FIP683" s="613"/>
      <c r="FIQ683" s="613"/>
      <c r="FIR683" s="613"/>
      <c r="FIS683" s="613"/>
      <c r="FIT683" s="613"/>
      <c r="FIU683" s="613"/>
      <c r="FIV683" s="613"/>
      <c r="FIW683" s="613"/>
      <c r="FIX683" s="613"/>
      <c r="FIY683" s="613"/>
      <c r="FIZ683" s="613"/>
      <c r="FJA683" s="613"/>
      <c r="FJB683" s="613"/>
      <c r="FJC683" s="613"/>
      <c r="FJD683" s="613"/>
      <c r="FJE683" s="613"/>
      <c r="FJF683" s="613"/>
      <c r="FJG683" s="613"/>
      <c r="FJH683" s="613"/>
      <c r="FJI683" s="613"/>
      <c r="FJJ683" s="613"/>
      <c r="FJK683" s="613"/>
      <c r="FJL683" s="613"/>
      <c r="FJM683" s="613"/>
      <c r="FJN683" s="613"/>
      <c r="FJO683" s="613"/>
      <c r="FJP683" s="613"/>
      <c r="FJQ683" s="613"/>
      <c r="FJR683" s="613"/>
      <c r="FJS683" s="613"/>
      <c r="FJT683" s="613"/>
      <c r="FJU683" s="613"/>
      <c r="FJV683" s="613"/>
      <c r="FJW683" s="613"/>
      <c r="FJX683" s="613"/>
      <c r="FJY683" s="613"/>
      <c r="FJZ683" s="613"/>
      <c r="FKA683" s="613"/>
      <c r="FKB683" s="613"/>
      <c r="FKC683" s="613"/>
      <c r="FKD683" s="613"/>
      <c r="FKE683" s="613"/>
      <c r="FKF683" s="613"/>
      <c r="FKG683" s="613"/>
      <c r="FKH683" s="613"/>
      <c r="FKI683" s="613"/>
      <c r="FKJ683" s="613"/>
      <c r="FKK683" s="613"/>
      <c r="FKL683" s="613"/>
      <c r="FKM683" s="613"/>
      <c r="FKN683" s="613"/>
      <c r="FKO683" s="613"/>
      <c r="FKP683" s="613"/>
      <c r="FKQ683" s="613"/>
      <c r="FKR683" s="613"/>
      <c r="FKS683" s="613"/>
      <c r="FKT683" s="613"/>
      <c r="FKU683" s="613"/>
      <c r="FKV683" s="613"/>
      <c r="FKW683" s="613"/>
      <c r="FKX683" s="613"/>
      <c r="FKY683" s="613"/>
      <c r="FKZ683" s="613"/>
      <c r="FLA683" s="613"/>
      <c r="FLB683" s="613"/>
      <c r="FLC683" s="613"/>
      <c r="FLD683" s="613"/>
      <c r="FLE683" s="613"/>
      <c r="FLF683" s="613"/>
      <c r="FLG683" s="613"/>
      <c r="FLH683" s="613"/>
      <c r="FLI683" s="613"/>
      <c r="FLJ683" s="613"/>
      <c r="FLK683" s="613"/>
      <c r="FLL683" s="613"/>
      <c r="FLM683" s="613"/>
      <c r="FLN683" s="613"/>
      <c r="FLO683" s="613"/>
      <c r="FLP683" s="613"/>
      <c r="FLQ683" s="613"/>
      <c r="FLR683" s="613"/>
      <c r="FLS683" s="613"/>
      <c r="FLT683" s="613"/>
      <c r="FLU683" s="613"/>
      <c r="FLV683" s="613"/>
      <c r="FLW683" s="613"/>
      <c r="FLX683" s="613"/>
      <c r="FLY683" s="613"/>
      <c r="FLZ683" s="613"/>
      <c r="FMA683" s="613"/>
      <c r="FMB683" s="613"/>
      <c r="FMC683" s="613"/>
      <c r="FMD683" s="613"/>
      <c r="FME683" s="613"/>
      <c r="FMF683" s="613"/>
      <c r="FMG683" s="613"/>
      <c r="FMH683" s="613"/>
      <c r="FMI683" s="613"/>
      <c r="FMJ683" s="613"/>
      <c r="FMK683" s="613"/>
      <c r="FML683" s="613"/>
      <c r="FMM683" s="613"/>
      <c r="FMN683" s="613"/>
      <c r="FMO683" s="613"/>
      <c r="FMP683" s="613"/>
      <c r="FMQ683" s="613"/>
      <c r="FMR683" s="613"/>
      <c r="FMS683" s="613"/>
      <c r="FMT683" s="613"/>
      <c r="FMU683" s="613"/>
      <c r="FMV683" s="613"/>
      <c r="FMW683" s="613"/>
      <c r="FMX683" s="613"/>
      <c r="FMY683" s="613"/>
      <c r="FMZ683" s="613"/>
      <c r="FNA683" s="613"/>
      <c r="FNB683" s="613"/>
      <c r="FNC683" s="613"/>
      <c r="FND683" s="613"/>
      <c r="FNE683" s="613"/>
      <c r="FNF683" s="613"/>
      <c r="FNG683" s="613"/>
      <c r="FNH683" s="613"/>
      <c r="FNI683" s="613"/>
      <c r="FNJ683" s="613"/>
      <c r="FNK683" s="613"/>
      <c r="FNL683" s="613"/>
      <c r="FNM683" s="613"/>
      <c r="FNN683" s="613"/>
      <c r="FNO683" s="613"/>
      <c r="FNP683" s="613"/>
      <c r="FNQ683" s="613"/>
      <c r="FNR683" s="613"/>
      <c r="FNS683" s="613"/>
      <c r="FNT683" s="613"/>
      <c r="FNU683" s="613"/>
      <c r="FNV683" s="613"/>
      <c r="FNW683" s="613"/>
      <c r="FNX683" s="613"/>
      <c r="FNY683" s="613"/>
      <c r="FNZ683" s="613"/>
      <c r="FOA683" s="613"/>
      <c r="FOB683" s="613"/>
      <c r="FOC683" s="613"/>
      <c r="FOD683" s="613"/>
      <c r="FOE683" s="613"/>
      <c r="FOF683" s="613"/>
      <c r="FOG683" s="613"/>
      <c r="FOH683" s="613"/>
      <c r="FOI683" s="613"/>
      <c r="FOJ683" s="613"/>
      <c r="FOK683" s="613"/>
      <c r="FOL683" s="613"/>
      <c r="FOM683" s="613"/>
      <c r="FON683" s="613"/>
      <c r="FOO683" s="613"/>
      <c r="FOP683" s="613"/>
      <c r="FOQ683" s="613"/>
      <c r="FOR683" s="613"/>
      <c r="FOS683" s="613"/>
      <c r="FOT683" s="613"/>
      <c r="FOU683" s="613"/>
      <c r="FOV683" s="613"/>
      <c r="FOW683" s="613"/>
      <c r="FOX683" s="613"/>
      <c r="FOY683" s="613"/>
      <c r="FOZ683" s="613"/>
      <c r="FPA683" s="613"/>
      <c r="FPB683" s="613"/>
      <c r="FPC683" s="613"/>
      <c r="FPD683" s="613"/>
      <c r="FPE683" s="613"/>
      <c r="FPF683" s="613"/>
      <c r="FPG683" s="613"/>
      <c r="FPH683" s="613"/>
      <c r="FPI683" s="613"/>
      <c r="FPJ683" s="613"/>
      <c r="FPK683" s="613"/>
      <c r="FPL683" s="613"/>
      <c r="FPM683" s="613"/>
      <c r="FPN683" s="613"/>
      <c r="FPO683" s="613"/>
      <c r="FPP683" s="613"/>
      <c r="FPQ683" s="613"/>
      <c r="FPR683" s="613"/>
      <c r="FPS683" s="613"/>
      <c r="FPT683" s="613"/>
      <c r="FPU683" s="613"/>
      <c r="FPV683" s="613"/>
      <c r="FPW683" s="613"/>
      <c r="FPX683" s="613"/>
      <c r="FPY683" s="613"/>
      <c r="FPZ683" s="613"/>
      <c r="FQA683" s="613"/>
      <c r="FQB683" s="613"/>
      <c r="FQC683" s="613"/>
      <c r="FQD683" s="613"/>
      <c r="FQE683" s="613"/>
      <c r="FQF683" s="613"/>
      <c r="FQG683" s="613"/>
      <c r="FQH683" s="613"/>
      <c r="FQI683" s="613"/>
      <c r="FQJ683" s="613"/>
      <c r="FQK683" s="613"/>
      <c r="FQL683" s="613"/>
      <c r="FQM683" s="613"/>
      <c r="FQN683" s="613"/>
      <c r="FQO683" s="613"/>
      <c r="FQP683" s="613"/>
      <c r="FQQ683" s="613"/>
      <c r="FQR683" s="613"/>
      <c r="FQS683" s="613"/>
      <c r="FQT683" s="613"/>
      <c r="FQU683" s="613"/>
      <c r="FQV683" s="613"/>
      <c r="FQW683" s="613"/>
      <c r="FQX683" s="613"/>
      <c r="FQY683" s="613"/>
      <c r="FQZ683" s="613"/>
      <c r="FRA683" s="613"/>
      <c r="FRB683" s="613"/>
      <c r="FRC683" s="613"/>
      <c r="FRD683" s="613"/>
      <c r="FRE683" s="613"/>
      <c r="FRF683" s="613"/>
      <c r="FRG683" s="613"/>
      <c r="FRH683" s="613"/>
      <c r="FRI683" s="613"/>
      <c r="FRJ683" s="613"/>
      <c r="FRK683" s="613"/>
      <c r="FRL683" s="613"/>
      <c r="FRM683" s="613"/>
      <c r="FRN683" s="613"/>
      <c r="FRO683" s="613"/>
      <c r="FRP683" s="613"/>
      <c r="FRQ683" s="613"/>
      <c r="FRR683" s="613"/>
      <c r="FRS683" s="613"/>
      <c r="FRT683" s="613"/>
      <c r="FRU683" s="613"/>
      <c r="FRV683" s="613"/>
      <c r="FRW683" s="613"/>
      <c r="FRX683" s="613"/>
      <c r="FRY683" s="613"/>
      <c r="FRZ683" s="613"/>
      <c r="FSA683" s="613"/>
      <c r="FSB683" s="613"/>
      <c r="FSC683" s="613"/>
      <c r="FSD683" s="613"/>
      <c r="FSE683" s="613"/>
      <c r="FSF683" s="613"/>
      <c r="FSG683" s="613"/>
      <c r="FSH683" s="613"/>
      <c r="FSI683" s="613"/>
      <c r="FSJ683" s="613"/>
      <c r="FSK683" s="613"/>
      <c r="FSL683" s="613"/>
      <c r="FSM683" s="613"/>
      <c r="FSN683" s="613"/>
      <c r="FSO683" s="613"/>
      <c r="FSP683" s="613"/>
      <c r="FSQ683" s="613"/>
      <c r="FSR683" s="613"/>
      <c r="FSS683" s="613"/>
      <c r="FST683" s="613"/>
      <c r="FSU683" s="613"/>
      <c r="FSV683" s="613"/>
      <c r="FSW683" s="613"/>
      <c r="FSX683" s="613"/>
      <c r="FSY683" s="613"/>
      <c r="FSZ683" s="613"/>
      <c r="FTA683" s="613"/>
      <c r="FTB683" s="613"/>
      <c r="FTC683" s="613"/>
      <c r="FTD683" s="613"/>
      <c r="FTE683" s="613"/>
      <c r="FTF683" s="613"/>
      <c r="FTG683" s="613"/>
      <c r="FTH683" s="613"/>
      <c r="FTI683" s="613"/>
      <c r="FTJ683" s="613"/>
      <c r="FTK683" s="613"/>
      <c r="FTL683" s="613"/>
      <c r="FTM683" s="613"/>
      <c r="FTN683" s="613"/>
      <c r="FTO683" s="613"/>
      <c r="FTP683" s="613"/>
      <c r="FTQ683" s="613"/>
      <c r="FTR683" s="613"/>
      <c r="FTS683" s="613"/>
      <c r="FTT683" s="613"/>
      <c r="FTU683" s="613"/>
      <c r="FTV683" s="613"/>
      <c r="FTW683" s="613"/>
      <c r="FTX683" s="613"/>
      <c r="FTY683" s="613"/>
      <c r="FTZ683" s="613"/>
      <c r="FUA683" s="613"/>
      <c r="FUB683" s="613"/>
      <c r="FUC683" s="613"/>
      <c r="FUD683" s="613"/>
      <c r="FUE683" s="613"/>
      <c r="FUF683" s="613"/>
      <c r="FUG683" s="613"/>
      <c r="FUH683" s="613"/>
      <c r="FUI683" s="613"/>
      <c r="FUJ683" s="613"/>
      <c r="FUK683" s="613"/>
      <c r="FUL683" s="613"/>
      <c r="FUM683" s="613"/>
      <c r="FUN683" s="613"/>
      <c r="FUO683" s="613"/>
      <c r="FUP683" s="613"/>
      <c r="FUQ683" s="613"/>
      <c r="FUR683" s="613"/>
      <c r="FUS683" s="613"/>
      <c r="FUT683" s="613"/>
      <c r="FUU683" s="613"/>
      <c r="FUV683" s="613"/>
      <c r="FUW683" s="613"/>
      <c r="FUX683" s="613"/>
      <c r="FUY683" s="613"/>
      <c r="FUZ683" s="613"/>
      <c r="FVA683" s="613"/>
      <c r="FVB683" s="613"/>
      <c r="FVC683" s="613"/>
      <c r="FVD683" s="613"/>
      <c r="FVE683" s="613"/>
      <c r="FVF683" s="613"/>
      <c r="FVG683" s="613"/>
      <c r="FVH683" s="613"/>
      <c r="FVI683" s="613"/>
      <c r="FVJ683" s="613"/>
      <c r="FVK683" s="613"/>
      <c r="FVL683" s="613"/>
      <c r="FVM683" s="613"/>
      <c r="FVN683" s="613"/>
      <c r="FVO683" s="613"/>
      <c r="FVP683" s="613"/>
      <c r="FVQ683" s="613"/>
      <c r="FVR683" s="613"/>
      <c r="FVS683" s="613"/>
      <c r="FVT683" s="613"/>
      <c r="FVU683" s="613"/>
      <c r="FVV683" s="613"/>
      <c r="FVW683" s="613"/>
      <c r="FVX683" s="613"/>
      <c r="FVY683" s="613"/>
      <c r="FVZ683" s="613"/>
      <c r="FWA683" s="613"/>
      <c r="FWB683" s="613"/>
      <c r="FWC683" s="613"/>
      <c r="FWD683" s="613"/>
      <c r="FWE683" s="613"/>
      <c r="FWF683" s="613"/>
      <c r="FWG683" s="613"/>
      <c r="FWH683" s="613"/>
      <c r="FWI683" s="613"/>
      <c r="FWJ683" s="613"/>
      <c r="FWK683" s="613"/>
      <c r="FWL683" s="613"/>
      <c r="FWM683" s="613"/>
      <c r="FWN683" s="613"/>
      <c r="FWO683" s="613"/>
      <c r="FWP683" s="613"/>
      <c r="FWQ683" s="613"/>
      <c r="FWR683" s="613"/>
      <c r="FWS683" s="613"/>
      <c r="FWT683" s="613"/>
      <c r="FWU683" s="613"/>
      <c r="FWV683" s="613"/>
      <c r="FWW683" s="613"/>
      <c r="FWX683" s="613"/>
      <c r="FWY683" s="613"/>
      <c r="FWZ683" s="613"/>
      <c r="FXA683" s="613"/>
      <c r="FXB683" s="613"/>
      <c r="FXC683" s="613"/>
      <c r="FXD683" s="613"/>
      <c r="FXE683" s="613"/>
      <c r="FXF683" s="613"/>
      <c r="FXG683" s="613"/>
      <c r="FXH683" s="613"/>
      <c r="FXI683" s="613"/>
      <c r="FXJ683" s="613"/>
      <c r="FXK683" s="613"/>
      <c r="FXL683" s="613"/>
      <c r="FXM683" s="613"/>
      <c r="FXN683" s="613"/>
      <c r="FXO683" s="613"/>
      <c r="FXP683" s="613"/>
      <c r="FXQ683" s="613"/>
      <c r="FXR683" s="613"/>
      <c r="FXS683" s="613"/>
      <c r="FXT683" s="613"/>
      <c r="FXU683" s="613"/>
      <c r="FXV683" s="613"/>
      <c r="FXW683" s="613"/>
      <c r="FXX683" s="613"/>
      <c r="FXY683" s="613"/>
      <c r="FXZ683" s="613"/>
      <c r="FYA683" s="613"/>
      <c r="FYB683" s="613"/>
      <c r="FYC683" s="613"/>
      <c r="FYD683" s="613"/>
      <c r="FYE683" s="613"/>
      <c r="FYF683" s="613"/>
      <c r="FYG683" s="613"/>
      <c r="FYH683" s="613"/>
      <c r="FYI683" s="613"/>
      <c r="FYJ683" s="613"/>
      <c r="FYK683" s="613"/>
      <c r="FYL683" s="613"/>
      <c r="FYM683" s="613"/>
      <c r="FYN683" s="613"/>
      <c r="FYO683" s="613"/>
      <c r="FYP683" s="613"/>
      <c r="FYQ683" s="613"/>
      <c r="FYR683" s="613"/>
      <c r="FYS683" s="613"/>
      <c r="FYT683" s="613"/>
      <c r="FYU683" s="613"/>
      <c r="FYV683" s="613"/>
      <c r="FYW683" s="613"/>
      <c r="FYX683" s="613"/>
      <c r="FYY683" s="613"/>
      <c r="FYZ683" s="613"/>
      <c r="FZA683" s="613"/>
      <c r="FZB683" s="613"/>
      <c r="FZC683" s="613"/>
      <c r="FZD683" s="613"/>
      <c r="FZE683" s="613"/>
      <c r="FZF683" s="613"/>
      <c r="FZG683" s="613"/>
      <c r="FZH683" s="613"/>
      <c r="FZI683" s="613"/>
      <c r="FZJ683" s="613"/>
      <c r="FZK683" s="613"/>
      <c r="FZL683" s="613"/>
      <c r="FZM683" s="613"/>
      <c r="FZN683" s="613"/>
      <c r="FZO683" s="613"/>
      <c r="FZP683" s="613"/>
      <c r="FZQ683" s="613"/>
      <c r="FZR683" s="613"/>
      <c r="FZS683" s="613"/>
      <c r="FZT683" s="613"/>
      <c r="FZU683" s="613"/>
      <c r="FZV683" s="613"/>
      <c r="FZW683" s="613"/>
      <c r="FZX683" s="613"/>
      <c r="FZY683" s="613"/>
      <c r="FZZ683" s="613"/>
      <c r="GAA683" s="613"/>
      <c r="GAB683" s="613"/>
      <c r="GAC683" s="613"/>
      <c r="GAD683" s="613"/>
      <c r="GAE683" s="613"/>
      <c r="GAF683" s="613"/>
      <c r="GAG683" s="613"/>
      <c r="GAH683" s="613"/>
      <c r="GAI683" s="613"/>
      <c r="GAJ683" s="613"/>
      <c r="GAK683" s="613"/>
      <c r="GAL683" s="613"/>
      <c r="GAM683" s="613"/>
      <c r="GAN683" s="613"/>
      <c r="GAO683" s="613"/>
      <c r="GAP683" s="613"/>
      <c r="GAQ683" s="613"/>
      <c r="GAR683" s="613"/>
      <c r="GAS683" s="613"/>
      <c r="GAT683" s="613"/>
      <c r="GAU683" s="613"/>
      <c r="GAV683" s="613"/>
      <c r="GAW683" s="613"/>
      <c r="GAX683" s="613"/>
      <c r="GAY683" s="613"/>
      <c r="GAZ683" s="613"/>
      <c r="GBA683" s="613"/>
      <c r="GBB683" s="613"/>
      <c r="GBC683" s="613"/>
      <c r="GBD683" s="613"/>
      <c r="GBE683" s="613"/>
      <c r="GBF683" s="613"/>
      <c r="GBG683" s="613"/>
      <c r="GBH683" s="613"/>
      <c r="GBI683" s="613"/>
      <c r="GBJ683" s="613"/>
      <c r="GBK683" s="613"/>
      <c r="GBL683" s="613"/>
      <c r="GBM683" s="613"/>
      <c r="GBN683" s="613"/>
      <c r="GBO683" s="613"/>
      <c r="GBP683" s="613"/>
      <c r="GBQ683" s="613"/>
      <c r="GBR683" s="613"/>
      <c r="GBS683" s="613"/>
      <c r="GBT683" s="613"/>
      <c r="GBU683" s="613"/>
      <c r="GBV683" s="613"/>
      <c r="GBW683" s="613"/>
      <c r="GBX683" s="613"/>
      <c r="GBY683" s="613"/>
      <c r="GBZ683" s="613"/>
      <c r="GCA683" s="613"/>
      <c r="GCB683" s="613"/>
      <c r="GCC683" s="613"/>
      <c r="GCD683" s="613"/>
      <c r="GCE683" s="613"/>
      <c r="GCF683" s="613"/>
      <c r="GCG683" s="613"/>
      <c r="GCH683" s="613"/>
      <c r="GCI683" s="613"/>
      <c r="GCJ683" s="613"/>
      <c r="GCK683" s="613"/>
      <c r="GCL683" s="613"/>
      <c r="GCM683" s="613"/>
      <c r="GCN683" s="613"/>
      <c r="GCO683" s="613"/>
      <c r="GCP683" s="613"/>
      <c r="GCQ683" s="613"/>
      <c r="GCR683" s="613"/>
      <c r="GCS683" s="613"/>
      <c r="GCT683" s="613"/>
      <c r="GCU683" s="613"/>
      <c r="GCV683" s="613"/>
      <c r="GCW683" s="613"/>
      <c r="GCX683" s="613"/>
      <c r="GCY683" s="613"/>
      <c r="GCZ683" s="613"/>
      <c r="GDA683" s="613"/>
      <c r="GDB683" s="613"/>
      <c r="GDC683" s="613"/>
      <c r="GDD683" s="613"/>
      <c r="GDE683" s="613"/>
      <c r="GDF683" s="613"/>
      <c r="GDG683" s="613"/>
      <c r="GDH683" s="613"/>
      <c r="GDI683" s="613"/>
      <c r="GDJ683" s="613"/>
      <c r="GDK683" s="613"/>
      <c r="GDL683" s="613"/>
      <c r="GDM683" s="613"/>
      <c r="GDN683" s="613"/>
      <c r="GDO683" s="613"/>
      <c r="GDP683" s="613"/>
      <c r="GDQ683" s="613"/>
      <c r="GDR683" s="613"/>
      <c r="GDS683" s="613"/>
      <c r="GDT683" s="613"/>
      <c r="GDU683" s="613"/>
      <c r="GDV683" s="613"/>
      <c r="GDW683" s="613"/>
      <c r="GDX683" s="613"/>
      <c r="GDY683" s="613"/>
      <c r="GDZ683" s="613"/>
      <c r="GEA683" s="613"/>
      <c r="GEB683" s="613"/>
      <c r="GEC683" s="613"/>
      <c r="GED683" s="613"/>
      <c r="GEE683" s="613"/>
      <c r="GEF683" s="613"/>
      <c r="GEG683" s="613"/>
      <c r="GEH683" s="613"/>
      <c r="GEI683" s="613"/>
      <c r="GEJ683" s="613"/>
      <c r="GEK683" s="613"/>
      <c r="GEL683" s="613"/>
      <c r="GEM683" s="613"/>
      <c r="GEN683" s="613"/>
      <c r="GEO683" s="613"/>
      <c r="GEP683" s="613"/>
      <c r="GEQ683" s="613"/>
      <c r="GER683" s="613"/>
      <c r="GES683" s="613"/>
      <c r="GET683" s="613"/>
      <c r="GEU683" s="613"/>
      <c r="GEV683" s="613"/>
      <c r="GEW683" s="613"/>
      <c r="GEX683" s="613"/>
      <c r="GEY683" s="613"/>
      <c r="GEZ683" s="613"/>
      <c r="GFA683" s="613"/>
      <c r="GFB683" s="613"/>
      <c r="GFC683" s="613"/>
      <c r="GFD683" s="613"/>
      <c r="GFE683" s="613"/>
      <c r="GFF683" s="613"/>
      <c r="GFG683" s="613"/>
      <c r="GFH683" s="613"/>
      <c r="GFI683" s="613"/>
      <c r="GFJ683" s="613"/>
      <c r="GFK683" s="613"/>
      <c r="GFL683" s="613"/>
      <c r="GFM683" s="613"/>
      <c r="GFN683" s="613"/>
      <c r="GFO683" s="613"/>
      <c r="GFP683" s="613"/>
      <c r="GFQ683" s="613"/>
      <c r="GFR683" s="613"/>
      <c r="GFS683" s="613"/>
      <c r="GFT683" s="613"/>
      <c r="GFU683" s="613"/>
      <c r="GFV683" s="613"/>
      <c r="GFW683" s="613"/>
      <c r="GFX683" s="613"/>
      <c r="GFY683" s="613"/>
      <c r="GFZ683" s="613"/>
      <c r="GGA683" s="613"/>
      <c r="GGB683" s="613"/>
      <c r="GGC683" s="613"/>
      <c r="GGD683" s="613"/>
      <c r="GGE683" s="613"/>
      <c r="GGF683" s="613"/>
      <c r="GGG683" s="613"/>
      <c r="GGH683" s="613"/>
      <c r="GGI683" s="613"/>
      <c r="GGJ683" s="613"/>
      <c r="GGK683" s="613"/>
      <c r="GGL683" s="613"/>
      <c r="GGM683" s="613"/>
      <c r="GGN683" s="613"/>
      <c r="GGO683" s="613"/>
      <c r="GGP683" s="613"/>
      <c r="GGQ683" s="613"/>
      <c r="GGR683" s="613"/>
      <c r="GGS683" s="613"/>
      <c r="GGT683" s="613"/>
      <c r="GGU683" s="613"/>
      <c r="GGV683" s="613"/>
      <c r="GGW683" s="613"/>
      <c r="GGX683" s="613"/>
      <c r="GGY683" s="613"/>
      <c r="GGZ683" s="613"/>
      <c r="GHA683" s="613"/>
      <c r="GHB683" s="613"/>
      <c r="GHC683" s="613"/>
      <c r="GHD683" s="613"/>
      <c r="GHE683" s="613"/>
      <c r="GHF683" s="613"/>
      <c r="GHG683" s="613"/>
      <c r="GHH683" s="613"/>
      <c r="GHI683" s="613"/>
      <c r="GHJ683" s="613"/>
      <c r="GHK683" s="613"/>
      <c r="GHL683" s="613"/>
      <c r="GHM683" s="613"/>
      <c r="GHN683" s="613"/>
      <c r="GHO683" s="613"/>
      <c r="GHP683" s="613"/>
      <c r="GHQ683" s="613"/>
      <c r="GHR683" s="613"/>
      <c r="GHS683" s="613"/>
      <c r="GHT683" s="613"/>
      <c r="GHU683" s="613"/>
      <c r="GHV683" s="613"/>
      <c r="GHW683" s="613"/>
      <c r="GHX683" s="613"/>
      <c r="GHY683" s="613"/>
      <c r="GHZ683" s="613"/>
      <c r="GIA683" s="613"/>
      <c r="GIB683" s="613"/>
      <c r="GIC683" s="613"/>
      <c r="GID683" s="613"/>
      <c r="GIE683" s="613"/>
      <c r="GIF683" s="613"/>
      <c r="GIG683" s="613"/>
      <c r="GIH683" s="613"/>
      <c r="GII683" s="613"/>
      <c r="GIJ683" s="613"/>
      <c r="GIK683" s="613"/>
      <c r="GIL683" s="613"/>
      <c r="GIM683" s="613"/>
      <c r="GIN683" s="613"/>
      <c r="GIO683" s="613"/>
      <c r="GIP683" s="613"/>
      <c r="GIQ683" s="613"/>
      <c r="GIR683" s="613"/>
      <c r="GIS683" s="613"/>
      <c r="GIT683" s="613"/>
      <c r="GIU683" s="613"/>
      <c r="GIV683" s="613"/>
      <c r="GIW683" s="613"/>
      <c r="GIX683" s="613"/>
      <c r="GIY683" s="613"/>
      <c r="GIZ683" s="613"/>
      <c r="GJA683" s="613"/>
      <c r="GJB683" s="613"/>
      <c r="GJC683" s="613"/>
      <c r="GJD683" s="613"/>
      <c r="GJE683" s="613"/>
      <c r="GJF683" s="613"/>
      <c r="GJG683" s="613"/>
      <c r="GJH683" s="613"/>
      <c r="GJI683" s="613"/>
      <c r="GJJ683" s="613"/>
      <c r="GJK683" s="613"/>
      <c r="GJL683" s="613"/>
      <c r="GJM683" s="613"/>
      <c r="GJN683" s="613"/>
      <c r="GJO683" s="613"/>
      <c r="GJP683" s="613"/>
      <c r="GJQ683" s="613"/>
      <c r="GJR683" s="613"/>
      <c r="GJS683" s="613"/>
      <c r="GJT683" s="613"/>
      <c r="GJU683" s="613"/>
      <c r="GJV683" s="613"/>
      <c r="GJW683" s="613"/>
      <c r="GJX683" s="613"/>
      <c r="GJY683" s="613"/>
      <c r="GJZ683" s="613"/>
      <c r="GKA683" s="613"/>
      <c r="GKB683" s="613"/>
      <c r="GKC683" s="613"/>
      <c r="GKD683" s="613"/>
      <c r="GKE683" s="613"/>
      <c r="GKF683" s="613"/>
      <c r="GKG683" s="613"/>
      <c r="GKH683" s="613"/>
      <c r="GKI683" s="613"/>
      <c r="GKJ683" s="613"/>
      <c r="GKK683" s="613"/>
      <c r="GKL683" s="613"/>
      <c r="GKM683" s="613"/>
      <c r="GKN683" s="613"/>
      <c r="GKO683" s="613"/>
      <c r="GKP683" s="613"/>
      <c r="GKQ683" s="613"/>
      <c r="GKR683" s="613"/>
      <c r="GKS683" s="613"/>
      <c r="GKT683" s="613"/>
      <c r="GKU683" s="613"/>
      <c r="GKV683" s="613"/>
      <c r="GKW683" s="613"/>
      <c r="GKX683" s="613"/>
      <c r="GKY683" s="613"/>
      <c r="GKZ683" s="613"/>
      <c r="GLA683" s="613"/>
      <c r="GLB683" s="613"/>
      <c r="GLC683" s="613"/>
      <c r="GLD683" s="613"/>
      <c r="GLE683" s="613"/>
      <c r="GLF683" s="613"/>
      <c r="GLG683" s="613"/>
      <c r="GLH683" s="613"/>
      <c r="GLI683" s="613"/>
      <c r="GLJ683" s="613"/>
      <c r="GLK683" s="613"/>
      <c r="GLL683" s="613"/>
      <c r="GLM683" s="613"/>
      <c r="GLN683" s="613"/>
      <c r="GLO683" s="613"/>
      <c r="GLP683" s="613"/>
      <c r="GLQ683" s="613"/>
      <c r="GLR683" s="613"/>
      <c r="GLS683" s="613"/>
      <c r="GLT683" s="613"/>
      <c r="GLU683" s="613"/>
      <c r="GLV683" s="613"/>
      <c r="GLW683" s="613"/>
      <c r="GLX683" s="613"/>
      <c r="GLY683" s="613"/>
      <c r="GLZ683" s="613"/>
      <c r="GMA683" s="613"/>
      <c r="GMB683" s="613"/>
      <c r="GMC683" s="613"/>
      <c r="GMD683" s="613"/>
      <c r="GME683" s="613"/>
      <c r="GMF683" s="613"/>
      <c r="GMG683" s="613"/>
      <c r="GMH683" s="613"/>
      <c r="GMI683" s="613"/>
      <c r="GMJ683" s="613"/>
      <c r="GMK683" s="613"/>
      <c r="GML683" s="613"/>
      <c r="GMM683" s="613"/>
      <c r="GMN683" s="613"/>
      <c r="GMO683" s="613"/>
      <c r="GMP683" s="613"/>
      <c r="GMQ683" s="613"/>
      <c r="GMR683" s="613"/>
      <c r="GMS683" s="613"/>
      <c r="GMT683" s="613"/>
      <c r="GMU683" s="613"/>
      <c r="GMV683" s="613"/>
      <c r="GMW683" s="613"/>
      <c r="GMX683" s="613"/>
      <c r="GMY683" s="613"/>
      <c r="GMZ683" s="613"/>
      <c r="GNA683" s="613"/>
      <c r="GNB683" s="613"/>
      <c r="GNC683" s="613"/>
      <c r="GND683" s="613"/>
      <c r="GNE683" s="613"/>
      <c r="GNF683" s="613"/>
      <c r="GNG683" s="613"/>
      <c r="GNH683" s="613"/>
      <c r="GNI683" s="613"/>
      <c r="GNJ683" s="613"/>
      <c r="GNK683" s="613"/>
      <c r="GNL683" s="613"/>
      <c r="GNM683" s="613"/>
      <c r="GNN683" s="613"/>
      <c r="GNO683" s="613"/>
      <c r="GNP683" s="613"/>
      <c r="GNQ683" s="613"/>
      <c r="GNR683" s="613"/>
      <c r="GNS683" s="613"/>
      <c r="GNT683" s="613"/>
      <c r="GNU683" s="613"/>
      <c r="GNV683" s="613"/>
      <c r="GNW683" s="613"/>
      <c r="GNX683" s="613"/>
      <c r="GNY683" s="613"/>
      <c r="GNZ683" s="613"/>
      <c r="GOA683" s="613"/>
      <c r="GOB683" s="613"/>
      <c r="GOC683" s="613"/>
      <c r="GOD683" s="613"/>
      <c r="GOE683" s="613"/>
      <c r="GOF683" s="613"/>
      <c r="GOG683" s="613"/>
      <c r="GOH683" s="613"/>
      <c r="GOI683" s="613"/>
      <c r="GOJ683" s="613"/>
      <c r="GOK683" s="613"/>
      <c r="GOL683" s="613"/>
      <c r="GOM683" s="613"/>
      <c r="GON683" s="613"/>
      <c r="GOO683" s="613"/>
      <c r="GOP683" s="613"/>
      <c r="GOQ683" s="613"/>
      <c r="GOR683" s="613"/>
      <c r="GOS683" s="613"/>
      <c r="GOT683" s="613"/>
      <c r="GOU683" s="613"/>
      <c r="GOV683" s="613"/>
      <c r="GOW683" s="613"/>
      <c r="GOX683" s="613"/>
      <c r="GOY683" s="613"/>
      <c r="GOZ683" s="613"/>
      <c r="GPA683" s="613"/>
      <c r="GPB683" s="613"/>
      <c r="GPC683" s="613"/>
      <c r="GPD683" s="613"/>
      <c r="GPE683" s="613"/>
      <c r="GPF683" s="613"/>
      <c r="GPG683" s="613"/>
      <c r="GPH683" s="613"/>
      <c r="GPI683" s="613"/>
      <c r="GPJ683" s="613"/>
      <c r="GPK683" s="613"/>
      <c r="GPL683" s="613"/>
      <c r="GPM683" s="613"/>
      <c r="GPN683" s="613"/>
      <c r="GPO683" s="613"/>
      <c r="GPP683" s="613"/>
      <c r="GPQ683" s="613"/>
      <c r="GPR683" s="613"/>
      <c r="GPS683" s="613"/>
      <c r="GPT683" s="613"/>
      <c r="GPU683" s="613"/>
      <c r="GPV683" s="613"/>
      <c r="GPW683" s="613"/>
      <c r="GPX683" s="613"/>
      <c r="GPY683" s="613"/>
      <c r="GPZ683" s="613"/>
      <c r="GQA683" s="613"/>
      <c r="GQB683" s="613"/>
      <c r="GQC683" s="613"/>
      <c r="GQD683" s="613"/>
      <c r="GQE683" s="613"/>
      <c r="GQF683" s="613"/>
      <c r="GQG683" s="613"/>
      <c r="GQH683" s="613"/>
      <c r="GQI683" s="613"/>
      <c r="GQJ683" s="613"/>
      <c r="GQK683" s="613"/>
      <c r="GQL683" s="613"/>
      <c r="GQM683" s="613"/>
      <c r="GQN683" s="613"/>
      <c r="GQO683" s="613"/>
      <c r="GQP683" s="613"/>
      <c r="GQQ683" s="613"/>
      <c r="GQR683" s="613"/>
      <c r="GQS683" s="613"/>
      <c r="GQT683" s="613"/>
      <c r="GQU683" s="613"/>
      <c r="GQV683" s="613"/>
      <c r="GQW683" s="613"/>
      <c r="GQX683" s="613"/>
      <c r="GQY683" s="613"/>
      <c r="GQZ683" s="613"/>
      <c r="GRA683" s="613"/>
      <c r="GRB683" s="613"/>
      <c r="GRC683" s="613"/>
      <c r="GRD683" s="613"/>
      <c r="GRE683" s="613"/>
      <c r="GRF683" s="613"/>
      <c r="GRG683" s="613"/>
      <c r="GRH683" s="613"/>
      <c r="GRI683" s="613"/>
      <c r="GRJ683" s="613"/>
      <c r="GRK683" s="613"/>
      <c r="GRL683" s="613"/>
      <c r="GRM683" s="613"/>
      <c r="GRN683" s="613"/>
      <c r="GRO683" s="613"/>
      <c r="GRP683" s="613"/>
      <c r="GRQ683" s="613"/>
      <c r="GRR683" s="613"/>
      <c r="GRS683" s="613"/>
      <c r="GRT683" s="613"/>
      <c r="GRU683" s="613"/>
      <c r="GRV683" s="613"/>
      <c r="GRW683" s="613"/>
      <c r="GRX683" s="613"/>
      <c r="GRY683" s="613"/>
      <c r="GRZ683" s="613"/>
      <c r="GSA683" s="613"/>
      <c r="GSB683" s="613"/>
      <c r="GSC683" s="613"/>
      <c r="GSD683" s="613"/>
      <c r="GSE683" s="613"/>
      <c r="GSF683" s="613"/>
      <c r="GSG683" s="613"/>
      <c r="GSH683" s="613"/>
      <c r="GSI683" s="613"/>
      <c r="GSJ683" s="613"/>
      <c r="GSK683" s="613"/>
      <c r="GSL683" s="613"/>
      <c r="GSM683" s="613"/>
      <c r="GSN683" s="613"/>
      <c r="GSO683" s="613"/>
      <c r="GSP683" s="613"/>
      <c r="GSQ683" s="613"/>
      <c r="GSR683" s="613"/>
      <c r="GSS683" s="613"/>
      <c r="GST683" s="613"/>
      <c r="GSU683" s="613"/>
      <c r="GSV683" s="613"/>
      <c r="GSW683" s="613"/>
      <c r="GSX683" s="613"/>
      <c r="GSY683" s="613"/>
      <c r="GSZ683" s="613"/>
      <c r="GTA683" s="613"/>
      <c r="GTB683" s="613"/>
      <c r="GTC683" s="613"/>
      <c r="GTD683" s="613"/>
      <c r="GTE683" s="613"/>
      <c r="GTF683" s="613"/>
      <c r="GTG683" s="613"/>
      <c r="GTH683" s="613"/>
      <c r="GTI683" s="613"/>
      <c r="GTJ683" s="613"/>
      <c r="GTK683" s="613"/>
      <c r="GTL683" s="613"/>
      <c r="GTM683" s="613"/>
      <c r="GTN683" s="613"/>
      <c r="GTO683" s="613"/>
      <c r="GTP683" s="613"/>
      <c r="GTQ683" s="613"/>
      <c r="GTR683" s="613"/>
      <c r="GTS683" s="613"/>
      <c r="GTT683" s="613"/>
      <c r="GTU683" s="613"/>
      <c r="GTV683" s="613"/>
      <c r="GTW683" s="613"/>
      <c r="GTX683" s="613"/>
      <c r="GTY683" s="613"/>
      <c r="GTZ683" s="613"/>
      <c r="GUA683" s="613"/>
      <c r="GUB683" s="613"/>
      <c r="GUC683" s="613"/>
      <c r="GUD683" s="613"/>
      <c r="GUE683" s="613"/>
      <c r="GUF683" s="613"/>
      <c r="GUG683" s="613"/>
      <c r="GUH683" s="613"/>
      <c r="GUI683" s="613"/>
      <c r="GUJ683" s="613"/>
      <c r="GUK683" s="613"/>
      <c r="GUL683" s="613"/>
      <c r="GUM683" s="613"/>
      <c r="GUN683" s="613"/>
      <c r="GUO683" s="613"/>
      <c r="GUP683" s="613"/>
      <c r="GUQ683" s="613"/>
      <c r="GUR683" s="613"/>
      <c r="GUS683" s="613"/>
      <c r="GUT683" s="613"/>
      <c r="GUU683" s="613"/>
      <c r="GUV683" s="613"/>
      <c r="GUW683" s="613"/>
      <c r="GUX683" s="613"/>
      <c r="GUY683" s="613"/>
      <c r="GUZ683" s="613"/>
      <c r="GVA683" s="613"/>
      <c r="GVB683" s="613"/>
      <c r="GVC683" s="613"/>
      <c r="GVD683" s="613"/>
      <c r="GVE683" s="613"/>
      <c r="GVF683" s="613"/>
      <c r="GVG683" s="613"/>
      <c r="GVH683" s="613"/>
      <c r="GVI683" s="613"/>
      <c r="GVJ683" s="613"/>
      <c r="GVK683" s="613"/>
      <c r="GVL683" s="613"/>
      <c r="GVM683" s="613"/>
      <c r="GVN683" s="613"/>
      <c r="GVO683" s="613"/>
      <c r="GVP683" s="613"/>
      <c r="GVQ683" s="613"/>
      <c r="GVR683" s="613"/>
      <c r="GVS683" s="613"/>
      <c r="GVT683" s="613"/>
      <c r="GVU683" s="613"/>
      <c r="GVV683" s="613"/>
      <c r="GVW683" s="613"/>
      <c r="GVX683" s="613"/>
      <c r="GVY683" s="613"/>
      <c r="GVZ683" s="613"/>
      <c r="GWA683" s="613"/>
      <c r="GWB683" s="613"/>
      <c r="GWC683" s="613"/>
      <c r="GWD683" s="613"/>
      <c r="GWE683" s="613"/>
      <c r="GWF683" s="613"/>
      <c r="GWG683" s="613"/>
      <c r="GWH683" s="613"/>
      <c r="GWI683" s="613"/>
      <c r="GWJ683" s="613"/>
      <c r="GWK683" s="613"/>
      <c r="GWL683" s="613"/>
      <c r="GWM683" s="613"/>
      <c r="GWN683" s="613"/>
      <c r="GWO683" s="613"/>
      <c r="GWP683" s="613"/>
      <c r="GWQ683" s="613"/>
      <c r="GWR683" s="613"/>
      <c r="GWS683" s="613"/>
      <c r="GWT683" s="613"/>
      <c r="GWU683" s="613"/>
      <c r="GWV683" s="613"/>
      <c r="GWW683" s="613"/>
      <c r="GWX683" s="613"/>
      <c r="GWY683" s="613"/>
      <c r="GWZ683" s="613"/>
      <c r="GXA683" s="613"/>
      <c r="GXB683" s="613"/>
      <c r="GXC683" s="613"/>
      <c r="GXD683" s="613"/>
      <c r="GXE683" s="613"/>
      <c r="GXF683" s="613"/>
      <c r="GXG683" s="613"/>
      <c r="GXH683" s="613"/>
      <c r="GXI683" s="613"/>
      <c r="GXJ683" s="613"/>
      <c r="GXK683" s="613"/>
      <c r="GXL683" s="613"/>
      <c r="GXM683" s="613"/>
      <c r="GXN683" s="613"/>
      <c r="GXO683" s="613"/>
      <c r="GXP683" s="613"/>
      <c r="GXQ683" s="613"/>
      <c r="GXR683" s="613"/>
      <c r="GXS683" s="613"/>
      <c r="GXT683" s="613"/>
      <c r="GXU683" s="613"/>
      <c r="GXV683" s="613"/>
      <c r="GXW683" s="613"/>
      <c r="GXX683" s="613"/>
      <c r="GXY683" s="613"/>
      <c r="GXZ683" s="613"/>
      <c r="GYA683" s="613"/>
      <c r="GYB683" s="613"/>
      <c r="GYC683" s="613"/>
      <c r="GYD683" s="613"/>
      <c r="GYE683" s="613"/>
      <c r="GYF683" s="613"/>
      <c r="GYG683" s="613"/>
      <c r="GYH683" s="613"/>
      <c r="GYI683" s="613"/>
      <c r="GYJ683" s="613"/>
      <c r="GYK683" s="613"/>
      <c r="GYL683" s="613"/>
      <c r="GYM683" s="613"/>
      <c r="GYN683" s="613"/>
      <c r="GYO683" s="613"/>
      <c r="GYP683" s="613"/>
      <c r="GYQ683" s="613"/>
      <c r="GYR683" s="613"/>
      <c r="GYS683" s="613"/>
      <c r="GYT683" s="613"/>
      <c r="GYU683" s="613"/>
      <c r="GYV683" s="613"/>
      <c r="GYW683" s="613"/>
      <c r="GYX683" s="613"/>
      <c r="GYY683" s="613"/>
      <c r="GYZ683" s="613"/>
      <c r="GZA683" s="613"/>
      <c r="GZB683" s="613"/>
      <c r="GZC683" s="613"/>
      <c r="GZD683" s="613"/>
      <c r="GZE683" s="613"/>
      <c r="GZF683" s="613"/>
      <c r="GZG683" s="613"/>
      <c r="GZH683" s="613"/>
      <c r="GZI683" s="613"/>
      <c r="GZJ683" s="613"/>
      <c r="GZK683" s="613"/>
      <c r="GZL683" s="613"/>
      <c r="GZM683" s="613"/>
      <c r="GZN683" s="613"/>
      <c r="GZO683" s="613"/>
      <c r="GZP683" s="613"/>
      <c r="GZQ683" s="613"/>
      <c r="GZR683" s="613"/>
      <c r="GZS683" s="613"/>
      <c r="GZT683" s="613"/>
      <c r="GZU683" s="613"/>
      <c r="GZV683" s="613"/>
      <c r="GZW683" s="613"/>
      <c r="GZX683" s="613"/>
      <c r="GZY683" s="613"/>
      <c r="GZZ683" s="613"/>
      <c r="HAA683" s="613"/>
      <c r="HAB683" s="613"/>
      <c r="HAC683" s="613"/>
      <c r="HAD683" s="613"/>
      <c r="HAE683" s="613"/>
      <c r="HAF683" s="613"/>
      <c r="HAG683" s="613"/>
      <c r="HAH683" s="613"/>
      <c r="HAI683" s="613"/>
      <c r="HAJ683" s="613"/>
      <c r="HAK683" s="613"/>
      <c r="HAL683" s="613"/>
      <c r="HAM683" s="613"/>
      <c r="HAN683" s="613"/>
      <c r="HAO683" s="613"/>
      <c r="HAP683" s="613"/>
      <c r="HAQ683" s="613"/>
      <c r="HAR683" s="613"/>
      <c r="HAS683" s="613"/>
      <c r="HAT683" s="613"/>
      <c r="HAU683" s="613"/>
      <c r="HAV683" s="613"/>
      <c r="HAW683" s="613"/>
      <c r="HAX683" s="613"/>
      <c r="HAY683" s="613"/>
      <c r="HAZ683" s="613"/>
      <c r="HBA683" s="613"/>
      <c r="HBB683" s="613"/>
      <c r="HBC683" s="613"/>
      <c r="HBD683" s="613"/>
      <c r="HBE683" s="613"/>
      <c r="HBF683" s="613"/>
      <c r="HBG683" s="613"/>
      <c r="HBH683" s="613"/>
      <c r="HBI683" s="613"/>
      <c r="HBJ683" s="613"/>
      <c r="HBK683" s="613"/>
      <c r="HBL683" s="613"/>
      <c r="HBM683" s="613"/>
      <c r="HBN683" s="613"/>
      <c r="HBO683" s="613"/>
      <c r="HBP683" s="613"/>
      <c r="HBQ683" s="613"/>
      <c r="HBR683" s="613"/>
      <c r="HBS683" s="613"/>
      <c r="HBT683" s="613"/>
      <c r="HBU683" s="613"/>
      <c r="HBV683" s="613"/>
      <c r="HBW683" s="613"/>
      <c r="HBX683" s="613"/>
      <c r="HBY683" s="613"/>
      <c r="HBZ683" s="613"/>
      <c r="HCA683" s="613"/>
      <c r="HCB683" s="613"/>
      <c r="HCC683" s="613"/>
      <c r="HCD683" s="613"/>
      <c r="HCE683" s="613"/>
      <c r="HCF683" s="613"/>
      <c r="HCG683" s="613"/>
      <c r="HCH683" s="613"/>
      <c r="HCI683" s="613"/>
      <c r="HCJ683" s="613"/>
      <c r="HCK683" s="613"/>
      <c r="HCL683" s="613"/>
      <c r="HCM683" s="613"/>
      <c r="HCN683" s="613"/>
      <c r="HCO683" s="613"/>
      <c r="HCP683" s="613"/>
      <c r="HCQ683" s="613"/>
      <c r="HCR683" s="613"/>
      <c r="HCS683" s="613"/>
      <c r="HCT683" s="613"/>
      <c r="HCU683" s="613"/>
      <c r="HCV683" s="613"/>
      <c r="HCW683" s="613"/>
      <c r="HCX683" s="613"/>
      <c r="HCY683" s="613"/>
      <c r="HCZ683" s="613"/>
      <c r="HDA683" s="613"/>
      <c r="HDB683" s="613"/>
      <c r="HDC683" s="613"/>
      <c r="HDD683" s="613"/>
      <c r="HDE683" s="613"/>
      <c r="HDF683" s="613"/>
      <c r="HDG683" s="613"/>
      <c r="HDH683" s="613"/>
      <c r="HDI683" s="613"/>
      <c r="HDJ683" s="613"/>
      <c r="HDK683" s="613"/>
      <c r="HDL683" s="613"/>
      <c r="HDM683" s="613"/>
      <c r="HDN683" s="613"/>
      <c r="HDO683" s="613"/>
      <c r="HDP683" s="613"/>
      <c r="HDQ683" s="613"/>
      <c r="HDR683" s="613"/>
      <c r="HDS683" s="613"/>
      <c r="HDT683" s="613"/>
      <c r="HDU683" s="613"/>
      <c r="HDV683" s="613"/>
      <c r="HDW683" s="613"/>
      <c r="HDX683" s="613"/>
      <c r="HDY683" s="613"/>
      <c r="HDZ683" s="613"/>
      <c r="HEA683" s="613"/>
      <c r="HEB683" s="613"/>
      <c r="HEC683" s="613"/>
      <c r="HED683" s="613"/>
      <c r="HEE683" s="613"/>
      <c r="HEF683" s="613"/>
      <c r="HEG683" s="613"/>
      <c r="HEH683" s="613"/>
      <c r="HEI683" s="613"/>
      <c r="HEJ683" s="613"/>
      <c r="HEK683" s="613"/>
      <c r="HEL683" s="613"/>
      <c r="HEM683" s="613"/>
      <c r="HEN683" s="613"/>
      <c r="HEO683" s="613"/>
      <c r="HEP683" s="613"/>
      <c r="HEQ683" s="613"/>
      <c r="HER683" s="613"/>
      <c r="HES683" s="613"/>
      <c r="HET683" s="613"/>
      <c r="HEU683" s="613"/>
      <c r="HEV683" s="613"/>
      <c r="HEW683" s="613"/>
      <c r="HEX683" s="613"/>
      <c r="HEY683" s="613"/>
      <c r="HEZ683" s="613"/>
      <c r="HFA683" s="613"/>
      <c r="HFB683" s="613"/>
      <c r="HFC683" s="613"/>
      <c r="HFD683" s="613"/>
      <c r="HFE683" s="613"/>
      <c r="HFF683" s="613"/>
      <c r="HFG683" s="613"/>
      <c r="HFH683" s="613"/>
      <c r="HFI683" s="613"/>
      <c r="HFJ683" s="613"/>
      <c r="HFK683" s="613"/>
      <c r="HFL683" s="613"/>
      <c r="HFM683" s="613"/>
      <c r="HFN683" s="613"/>
      <c r="HFO683" s="613"/>
      <c r="HFP683" s="613"/>
      <c r="HFQ683" s="613"/>
      <c r="HFR683" s="613"/>
      <c r="HFS683" s="613"/>
      <c r="HFT683" s="613"/>
      <c r="HFU683" s="613"/>
      <c r="HFV683" s="613"/>
      <c r="HFW683" s="613"/>
      <c r="HFX683" s="613"/>
      <c r="HFY683" s="613"/>
      <c r="HFZ683" s="613"/>
      <c r="HGA683" s="613"/>
      <c r="HGB683" s="613"/>
      <c r="HGC683" s="613"/>
      <c r="HGD683" s="613"/>
      <c r="HGE683" s="613"/>
      <c r="HGF683" s="613"/>
      <c r="HGG683" s="613"/>
      <c r="HGH683" s="613"/>
      <c r="HGI683" s="613"/>
      <c r="HGJ683" s="613"/>
      <c r="HGK683" s="613"/>
      <c r="HGL683" s="613"/>
      <c r="HGM683" s="613"/>
      <c r="HGN683" s="613"/>
      <c r="HGO683" s="613"/>
      <c r="HGP683" s="613"/>
      <c r="HGQ683" s="613"/>
      <c r="HGR683" s="613"/>
      <c r="HGS683" s="613"/>
      <c r="HGT683" s="613"/>
      <c r="HGU683" s="613"/>
      <c r="HGV683" s="613"/>
      <c r="HGW683" s="613"/>
      <c r="HGX683" s="613"/>
      <c r="HGY683" s="613"/>
      <c r="HGZ683" s="613"/>
      <c r="HHA683" s="613"/>
      <c r="HHB683" s="613"/>
      <c r="HHC683" s="613"/>
      <c r="HHD683" s="613"/>
      <c r="HHE683" s="613"/>
      <c r="HHF683" s="613"/>
      <c r="HHG683" s="613"/>
      <c r="HHH683" s="613"/>
      <c r="HHI683" s="613"/>
      <c r="HHJ683" s="613"/>
      <c r="HHK683" s="613"/>
      <c r="HHL683" s="613"/>
      <c r="HHM683" s="613"/>
      <c r="HHN683" s="613"/>
      <c r="HHO683" s="613"/>
      <c r="HHP683" s="613"/>
      <c r="HHQ683" s="613"/>
      <c r="HHR683" s="613"/>
      <c r="HHS683" s="613"/>
      <c r="HHT683" s="613"/>
      <c r="HHU683" s="613"/>
      <c r="HHV683" s="613"/>
      <c r="HHW683" s="613"/>
      <c r="HHX683" s="613"/>
      <c r="HHY683" s="613"/>
      <c r="HHZ683" s="613"/>
      <c r="HIA683" s="613"/>
      <c r="HIB683" s="613"/>
      <c r="HIC683" s="613"/>
      <c r="HID683" s="613"/>
      <c r="HIE683" s="613"/>
      <c r="HIF683" s="613"/>
      <c r="HIG683" s="613"/>
      <c r="HIH683" s="613"/>
      <c r="HII683" s="613"/>
      <c r="HIJ683" s="613"/>
      <c r="HIK683" s="613"/>
      <c r="HIL683" s="613"/>
      <c r="HIM683" s="613"/>
      <c r="HIN683" s="613"/>
      <c r="HIO683" s="613"/>
      <c r="HIP683" s="613"/>
      <c r="HIQ683" s="613"/>
      <c r="HIR683" s="613"/>
      <c r="HIS683" s="613"/>
      <c r="HIT683" s="613"/>
      <c r="HIU683" s="613"/>
      <c r="HIV683" s="613"/>
      <c r="HIW683" s="613"/>
      <c r="HIX683" s="613"/>
      <c r="HIY683" s="613"/>
      <c r="HIZ683" s="613"/>
      <c r="HJA683" s="613"/>
      <c r="HJB683" s="613"/>
      <c r="HJC683" s="613"/>
      <c r="HJD683" s="613"/>
      <c r="HJE683" s="613"/>
      <c r="HJF683" s="613"/>
      <c r="HJG683" s="613"/>
      <c r="HJH683" s="613"/>
      <c r="HJI683" s="613"/>
      <c r="HJJ683" s="613"/>
      <c r="HJK683" s="613"/>
      <c r="HJL683" s="613"/>
      <c r="HJM683" s="613"/>
      <c r="HJN683" s="613"/>
      <c r="HJO683" s="613"/>
      <c r="HJP683" s="613"/>
      <c r="HJQ683" s="613"/>
      <c r="HJR683" s="613"/>
      <c r="HJS683" s="613"/>
      <c r="HJT683" s="613"/>
      <c r="HJU683" s="613"/>
      <c r="HJV683" s="613"/>
      <c r="HJW683" s="613"/>
      <c r="HJX683" s="613"/>
      <c r="HJY683" s="613"/>
      <c r="HJZ683" s="613"/>
      <c r="HKA683" s="613"/>
      <c r="HKB683" s="613"/>
      <c r="HKC683" s="613"/>
      <c r="HKD683" s="613"/>
      <c r="HKE683" s="613"/>
      <c r="HKF683" s="613"/>
      <c r="HKG683" s="613"/>
      <c r="HKH683" s="613"/>
      <c r="HKI683" s="613"/>
      <c r="HKJ683" s="613"/>
      <c r="HKK683" s="613"/>
      <c r="HKL683" s="613"/>
      <c r="HKM683" s="613"/>
      <c r="HKN683" s="613"/>
      <c r="HKO683" s="613"/>
      <c r="HKP683" s="613"/>
      <c r="HKQ683" s="613"/>
      <c r="HKR683" s="613"/>
      <c r="HKS683" s="613"/>
      <c r="HKT683" s="613"/>
      <c r="HKU683" s="613"/>
      <c r="HKV683" s="613"/>
      <c r="HKW683" s="613"/>
      <c r="HKX683" s="613"/>
      <c r="HKY683" s="613"/>
      <c r="HKZ683" s="613"/>
      <c r="HLA683" s="613"/>
      <c r="HLB683" s="613"/>
      <c r="HLC683" s="613"/>
      <c r="HLD683" s="613"/>
      <c r="HLE683" s="613"/>
      <c r="HLF683" s="613"/>
      <c r="HLG683" s="613"/>
      <c r="HLH683" s="613"/>
      <c r="HLI683" s="613"/>
      <c r="HLJ683" s="613"/>
      <c r="HLK683" s="613"/>
      <c r="HLL683" s="613"/>
      <c r="HLM683" s="613"/>
      <c r="HLN683" s="613"/>
      <c r="HLO683" s="613"/>
      <c r="HLP683" s="613"/>
      <c r="HLQ683" s="613"/>
      <c r="HLR683" s="613"/>
      <c r="HLS683" s="613"/>
      <c r="HLT683" s="613"/>
      <c r="HLU683" s="613"/>
      <c r="HLV683" s="613"/>
      <c r="HLW683" s="613"/>
      <c r="HLX683" s="613"/>
      <c r="HLY683" s="613"/>
      <c r="HLZ683" s="613"/>
      <c r="HMA683" s="613"/>
      <c r="HMB683" s="613"/>
      <c r="HMC683" s="613"/>
      <c r="HMD683" s="613"/>
      <c r="HME683" s="613"/>
      <c r="HMF683" s="613"/>
      <c r="HMG683" s="613"/>
      <c r="HMH683" s="613"/>
      <c r="HMI683" s="613"/>
      <c r="HMJ683" s="613"/>
      <c r="HMK683" s="613"/>
      <c r="HML683" s="613"/>
      <c r="HMM683" s="613"/>
      <c r="HMN683" s="613"/>
      <c r="HMO683" s="613"/>
      <c r="HMP683" s="613"/>
      <c r="HMQ683" s="613"/>
      <c r="HMR683" s="613"/>
      <c r="HMS683" s="613"/>
      <c r="HMT683" s="613"/>
      <c r="HMU683" s="613"/>
      <c r="HMV683" s="613"/>
      <c r="HMW683" s="613"/>
      <c r="HMX683" s="613"/>
      <c r="HMY683" s="613"/>
      <c r="HMZ683" s="613"/>
      <c r="HNA683" s="613"/>
      <c r="HNB683" s="613"/>
      <c r="HNC683" s="613"/>
      <c r="HND683" s="613"/>
      <c r="HNE683" s="613"/>
      <c r="HNF683" s="613"/>
      <c r="HNG683" s="613"/>
      <c r="HNH683" s="613"/>
      <c r="HNI683" s="613"/>
      <c r="HNJ683" s="613"/>
      <c r="HNK683" s="613"/>
      <c r="HNL683" s="613"/>
      <c r="HNM683" s="613"/>
      <c r="HNN683" s="613"/>
      <c r="HNO683" s="613"/>
      <c r="HNP683" s="613"/>
      <c r="HNQ683" s="613"/>
      <c r="HNR683" s="613"/>
      <c r="HNS683" s="613"/>
      <c r="HNT683" s="613"/>
      <c r="HNU683" s="613"/>
      <c r="HNV683" s="613"/>
      <c r="HNW683" s="613"/>
      <c r="HNX683" s="613"/>
      <c r="HNY683" s="613"/>
      <c r="HNZ683" s="613"/>
      <c r="HOA683" s="613"/>
      <c r="HOB683" s="613"/>
      <c r="HOC683" s="613"/>
      <c r="HOD683" s="613"/>
      <c r="HOE683" s="613"/>
      <c r="HOF683" s="613"/>
      <c r="HOG683" s="613"/>
      <c r="HOH683" s="613"/>
      <c r="HOI683" s="613"/>
      <c r="HOJ683" s="613"/>
      <c r="HOK683" s="613"/>
      <c r="HOL683" s="613"/>
      <c r="HOM683" s="613"/>
      <c r="HON683" s="613"/>
      <c r="HOO683" s="613"/>
      <c r="HOP683" s="613"/>
      <c r="HOQ683" s="613"/>
      <c r="HOR683" s="613"/>
      <c r="HOS683" s="613"/>
      <c r="HOT683" s="613"/>
      <c r="HOU683" s="613"/>
      <c r="HOV683" s="613"/>
      <c r="HOW683" s="613"/>
      <c r="HOX683" s="613"/>
      <c r="HOY683" s="613"/>
      <c r="HOZ683" s="613"/>
      <c r="HPA683" s="613"/>
      <c r="HPB683" s="613"/>
      <c r="HPC683" s="613"/>
      <c r="HPD683" s="613"/>
      <c r="HPE683" s="613"/>
      <c r="HPF683" s="613"/>
      <c r="HPG683" s="613"/>
      <c r="HPH683" s="613"/>
      <c r="HPI683" s="613"/>
      <c r="HPJ683" s="613"/>
      <c r="HPK683" s="613"/>
      <c r="HPL683" s="613"/>
      <c r="HPM683" s="613"/>
      <c r="HPN683" s="613"/>
      <c r="HPO683" s="613"/>
      <c r="HPP683" s="613"/>
      <c r="HPQ683" s="613"/>
      <c r="HPR683" s="613"/>
      <c r="HPS683" s="613"/>
      <c r="HPT683" s="613"/>
      <c r="HPU683" s="613"/>
      <c r="HPV683" s="613"/>
      <c r="HPW683" s="613"/>
      <c r="HPX683" s="613"/>
      <c r="HPY683" s="613"/>
      <c r="HPZ683" s="613"/>
      <c r="HQA683" s="613"/>
      <c r="HQB683" s="613"/>
      <c r="HQC683" s="613"/>
      <c r="HQD683" s="613"/>
      <c r="HQE683" s="613"/>
      <c r="HQF683" s="613"/>
      <c r="HQG683" s="613"/>
      <c r="HQH683" s="613"/>
      <c r="HQI683" s="613"/>
      <c r="HQJ683" s="613"/>
      <c r="HQK683" s="613"/>
      <c r="HQL683" s="613"/>
      <c r="HQM683" s="613"/>
      <c r="HQN683" s="613"/>
      <c r="HQO683" s="613"/>
      <c r="HQP683" s="613"/>
      <c r="HQQ683" s="613"/>
      <c r="HQR683" s="613"/>
      <c r="HQS683" s="613"/>
      <c r="HQT683" s="613"/>
      <c r="HQU683" s="613"/>
      <c r="HQV683" s="613"/>
      <c r="HQW683" s="613"/>
      <c r="HQX683" s="613"/>
      <c r="HQY683" s="613"/>
      <c r="HQZ683" s="613"/>
      <c r="HRA683" s="613"/>
      <c r="HRB683" s="613"/>
      <c r="HRC683" s="613"/>
      <c r="HRD683" s="613"/>
      <c r="HRE683" s="613"/>
      <c r="HRF683" s="613"/>
      <c r="HRG683" s="613"/>
      <c r="HRH683" s="613"/>
      <c r="HRI683" s="613"/>
      <c r="HRJ683" s="613"/>
      <c r="HRK683" s="613"/>
      <c r="HRL683" s="613"/>
      <c r="HRM683" s="613"/>
      <c r="HRN683" s="613"/>
      <c r="HRO683" s="613"/>
      <c r="HRP683" s="613"/>
      <c r="HRQ683" s="613"/>
      <c r="HRR683" s="613"/>
      <c r="HRS683" s="613"/>
      <c r="HRT683" s="613"/>
      <c r="HRU683" s="613"/>
      <c r="HRV683" s="613"/>
      <c r="HRW683" s="613"/>
      <c r="HRX683" s="613"/>
      <c r="HRY683" s="613"/>
      <c r="HRZ683" s="613"/>
      <c r="HSA683" s="613"/>
      <c r="HSB683" s="613"/>
      <c r="HSC683" s="613"/>
      <c r="HSD683" s="613"/>
      <c r="HSE683" s="613"/>
      <c r="HSF683" s="613"/>
      <c r="HSG683" s="613"/>
      <c r="HSH683" s="613"/>
      <c r="HSI683" s="613"/>
      <c r="HSJ683" s="613"/>
      <c r="HSK683" s="613"/>
      <c r="HSL683" s="613"/>
      <c r="HSM683" s="613"/>
      <c r="HSN683" s="613"/>
      <c r="HSO683" s="613"/>
      <c r="HSP683" s="613"/>
      <c r="HSQ683" s="613"/>
      <c r="HSR683" s="613"/>
      <c r="HSS683" s="613"/>
      <c r="HST683" s="613"/>
      <c r="HSU683" s="613"/>
      <c r="HSV683" s="613"/>
      <c r="HSW683" s="613"/>
      <c r="HSX683" s="613"/>
      <c r="HSY683" s="613"/>
      <c r="HSZ683" s="613"/>
      <c r="HTA683" s="613"/>
      <c r="HTB683" s="613"/>
      <c r="HTC683" s="613"/>
      <c r="HTD683" s="613"/>
      <c r="HTE683" s="613"/>
      <c r="HTF683" s="613"/>
      <c r="HTG683" s="613"/>
      <c r="HTH683" s="613"/>
      <c r="HTI683" s="613"/>
      <c r="HTJ683" s="613"/>
      <c r="HTK683" s="613"/>
      <c r="HTL683" s="613"/>
      <c r="HTM683" s="613"/>
      <c r="HTN683" s="613"/>
      <c r="HTO683" s="613"/>
      <c r="HTP683" s="613"/>
      <c r="HTQ683" s="613"/>
      <c r="HTR683" s="613"/>
      <c r="HTS683" s="613"/>
      <c r="HTT683" s="613"/>
      <c r="HTU683" s="613"/>
      <c r="HTV683" s="613"/>
      <c r="HTW683" s="613"/>
      <c r="HTX683" s="613"/>
      <c r="HTY683" s="613"/>
      <c r="HTZ683" s="613"/>
      <c r="HUA683" s="613"/>
      <c r="HUB683" s="613"/>
      <c r="HUC683" s="613"/>
      <c r="HUD683" s="613"/>
      <c r="HUE683" s="613"/>
      <c r="HUF683" s="613"/>
      <c r="HUG683" s="613"/>
      <c r="HUH683" s="613"/>
      <c r="HUI683" s="613"/>
      <c r="HUJ683" s="613"/>
      <c r="HUK683" s="613"/>
      <c r="HUL683" s="613"/>
      <c r="HUM683" s="613"/>
      <c r="HUN683" s="613"/>
      <c r="HUO683" s="613"/>
      <c r="HUP683" s="613"/>
      <c r="HUQ683" s="613"/>
      <c r="HUR683" s="613"/>
      <c r="HUS683" s="613"/>
      <c r="HUT683" s="613"/>
      <c r="HUU683" s="613"/>
      <c r="HUV683" s="613"/>
      <c r="HUW683" s="613"/>
      <c r="HUX683" s="613"/>
      <c r="HUY683" s="613"/>
      <c r="HUZ683" s="613"/>
      <c r="HVA683" s="613"/>
      <c r="HVB683" s="613"/>
      <c r="HVC683" s="613"/>
      <c r="HVD683" s="613"/>
      <c r="HVE683" s="613"/>
      <c r="HVF683" s="613"/>
      <c r="HVG683" s="613"/>
      <c r="HVH683" s="613"/>
      <c r="HVI683" s="613"/>
      <c r="HVJ683" s="613"/>
      <c r="HVK683" s="613"/>
      <c r="HVL683" s="613"/>
      <c r="HVM683" s="613"/>
      <c r="HVN683" s="613"/>
      <c r="HVO683" s="613"/>
      <c r="HVP683" s="613"/>
      <c r="HVQ683" s="613"/>
      <c r="HVR683" s="613"/>
      <c r="HVS683" s="613"/>
      <c r="HVT683" s="613"/>
      <c r="HVU683" s="613"/>
      <c r="HVV683" s="613"/>
      <c r="HVW683" s="613"/>
      <c r="HVX683" s="613"/>
      <c r="HVY683" s="613"/>
      <c r="HVZ683" s="613"/>
      <c r="HWA683" s="613"/>
      <c r="HWB683" s="613"/>
      <c r="HWC683" s="613"/>
      <c r="HWD683" s="613"/>
      <c r="HWE683" s="613"/>
      <c r="HWF683" s="613"/>
      <c r="HWG683" s="613"/>
      <c r="HWH683" s="613"/>
      <c r="HWI683" s="613"/>
      <c r="HWJ683" s="613"/>
      <c r="HWK683" s="613"/>
      <c r="HWL683" s="613"/>
      <c r="HWM683" s="613"/>
      <c r="HWN683" s="613"/>
      <c r="HWO683" s="613"/>
      <c r="HWP683" s="613"/>
      <c r="HWQ683" s="613"/>
      <c r="HWR683" s="613"/>
      <c r="HWS683" s="613"/>
      <c r="HWT683" s="613"/>
      <c r="HWU683" s="613"/>
      <c r="HWV683" s="613"/>
      <c r="HWW683" s="613"/>
      <c r="HWX683" s="613"/>
      <c r="HWY683" s="613"/>
      <c r="HWZ683" s="613"/>
      <c r="HXA683" s="613"/>
      <c r="HXB683" s="613"/>
      <c r="HXC683" s="613"/>
      <c r="HXD683" s="613"/>
      <c r="HXE683" s="613"/>
      <c r="HXF683" s="613"/>
      <c r="HXG683" s="613"/>
      <c r="HXH683" s="613"/>
      <c r="HXI683" s="613"/>
      <c r="HXJ683" s="613"/>
      <c r="HXK683" s="613"/>
      <c r="HXL683" s="613"/>
      <c r="HXM683" s="613"/>
      <c r="HXN683" s="613"/>
      <c r="HXO683" s="613"/>
      <c r="HXP683" s="613"/>
      <c r="HXQ683" s="613"/>
      <c r="HXR683" s="613"/>
      <c r="HXS683" s="613"/>
      <c r="HXT683" s="613"/>
      <c r="HXU683" s="613"/>
      <c r="HXV683" s="613"/>
      <c r="HXW683" s="613"/>
      <c r="HXX683" s="613"/>
      <c r="HXY683" s="613"/>
      <c r="HXZ683" s="613"/>
      <c r="HYA683" s="613"/>
      <c r="HYB683" s="613"/>
      <c r="HYC683" s="613"/>
      <c r="HYD683" s="613"/>
      <c r="HYE683" s="613"/>
      <c r="HYF683" s="613"/>
      <c r="HYG683" s="613"/>
      <c r="HYH683" s="613"/>
      <c r="HYI683" s="613"/>
      <c r="HYJ683" s="613"/>
      <c r="HYK683" s="613"/>
      <c r="HYL683" s="613"/>
      <c r="HYM683" s="613"/>
      <c r="HYN683" s="613"/>
      <c r="HYO683" s="613"/>
      <c r="HYP683" s="613"/>
      <c r="HYQ683" s="613"/>
      <c r="HYR683" s="613"/>
      <c r="HYS683" s="613"/>
      <c r="HYT683" s="613"/>
      <c r="HYU683" s="613"/>
      <c r="HYV683" s="613"/>
      <c r="HYW683" s="613"/>
      <c r="HYX683" s="613"/>
      <c r="HYY683" s="613"/>
      <c r="HYZ683" s="613"/>
      <c r="HZA683" s="613"/>
      <c r="HZB683" s="613"/>
      <c r="HZC683" s="613"/>
      <c r="HZD683" s="613"/>
      <c r="HZE683" s="613"/>
      <c r="HZF683" s="613"/>
      <c r="HZG683" s="613"/>
      <c r="HZH683" s="613"/>
      <c r="HZI683" s="613"/>
      <c r="HZJ683" s="613"/>
      <c r="HZK683" s="613"/>
      <c r="HZL683" s="613"/>
      <c r="HZM683" s="613"/>
      <c r="HZN683" s="613"/>
      <c r="HZO683" s="613"/>
      <c r="HZP683" s="613"/>
      <c r="HZQ683" s="613"/>
      <c r="HZR683" s="613"/>
      <c r="HZS683" s="613"/>
      <c r="HZT683" s="613"/>
      <c r="HZU683" s="613"/>
      <c r="HZV683" s="613"/>
      <c r="HZW683" s="613"/>
      <c r="HZX683" s="613"/>
      <c r="HZY683" s="613"/>
      <c r="HZZ683" s="613"/>
      <c r="IAA683" s="613"/>
      <c r="IAB683" s="613"/>
      <c r="IAC683" s="613"/>
      <c r="IAD683" s="613"/>
      <c r="IAE683" s="613"/>
      <c r="IAF683" s="613"/>
      <c r="IAG683" s="613"/>
      <c r="IAH683" s="613"/>
      <c r="IAI683" s="613"/>
      <c r="IAJ683" s="613"/>
      <c r="IAK683" s="613"/>
      <c r="IAL683" s="613"/>
      <c r="IAM683" s="613"/>
      <c r="IAN683" s="613"/>
      <c r="IAO683" s="613"/>
      <c r="IAP683" s="613"/>
      <c r="IAQ683" s="613"/>
      <c r="IAR683" s="613"/>
      <c r="IAS683" s="613"/>
      <c r="IAT683" s="613"/>
      <c r="IAU683" s="613"/>
      <c r="IAV683" s="613"/>
      <c r="IAW683" s="613"/>
      <c r="IAX683" s="613"/>
      <c r="IAY683" s="613"/>
      <c r="IAZ683" s="613"/>
      <c r="IBA683" s="613"/>
      <c r="IBB683" s="613"/>
      <c r="IBC683" s="613"/>
      <c r="IBD683" s="613"/>
      <c r="IBE683" s="613"/>
      <c r="IBF683" s="613"/>
      <c r="IBG683" s="613"/>
      <c r="IBH683" s="613"/>
      <c r="IBI683" s="613"/>
      <c r="IBJ683" s="613"/>
      <c r="IBK683" s="613"/>
      <c r="IBL683" s="613"/>
      <c r="IBM683" s="613"/>
      <c r="IBN683" s="613"/>
      <c r="IBO683" s="613"/>
      <c r="IBP683" s="613"/>
      <c r="IBQ683" s="613"/>
      <c r="IBR683" s="613"/>
      <c r="IBS683" s="613"/>
      <c r="IBT683" s="613"/>
      <c r="IBU683" s="613"/>
      <c r="IBV683" s="613"/>
      <c r="IBW683" s="613"/>
      <c r="IBX683" s="613"/>
      <c r="IBY683" s="613"/>
      <c r="IBZ683" s="613"/>
      <c r="ICA683" s="613"/>
      <c r="ICB683" s="613"/>
      <c r="ICC683" s="613"/>
      <c r="ICD683" s="613"/>
      <c r="ICE683" s="613"/>
      <c r="ICF683" s="613"/>
      <c r="ICG683" s="613"/>
      <c r="ICH683" s="613"/>
      <c r="ICI683" s="613"/>
      <c r="ICJ683" s="613"/>
      <c r="ICK683" s="613"/>
      <c r="ICL683" s="613"/>
      <c r="ICM683" s="613"/>
      <c r="ICN683" s="613"/>
      <c r="ICO683" s="613"/>
      <c r="ICP683" s="613"/>
      <c r="ICQ683" s="613"/>
      <c r="ICR683" s="613"/>
      <c r="ICS683" s="613"/>
      <c r="ICT683" s="613"/>
      <c r="ICU683" s="613"/>
      <c r="ICV683" s="613"/>
      <c r="ICW683" s="613"/>
      <c r="ICX683" s="613"/>
      <c r="ICY683" s="613"/>
      <c r="ICZ683" s="613"/>
      <c r="IDA683" s="613"/>
      <c r="IDB683" s="613"/>
      <c r="IDC683" s="613"/>
      <c r="IDD683" s="613"/>
      <c r="IDE683" s="613"/>
      <c r="IDF683" s="613"/>
      <c r="IDG683" s="613"/>
      <c r="IDH683" s="613"/>
      <c r="IDI683" s="613"/>
      <c r="IDJ683" s="613"/>
      <c r="IDK683" s="613"/>
      <c r="IDL683" s="613"/>
      <c r="IDM683" s="613"/>
      <c r="IDN683" s="613"/>
      <c r="IDO683" s="613"/>
      <c r="IDP683" s="613"/>
      <c r="IDQ683" s="613"/>
      <c r="IDR683" s="613"/>
      <c r="IDS683" s="613"/>
      <c r="IDT683" s="613"/>
      <c r="IDU683" s="613"/>
      <c r="IDV683" s="613"/>
      <c r="IDW683" s="613"/>
      <c r="IDX683" s="613"/>
      <c r="IDY683" s="613"/>
      <c r="IDZ683" s="613"/>
      <c r="IEA683" s="613"/>
      <c r="IEB683" s="613"/>
      <c r="IEC683" s="613"/>
      <c r="IED683" s="613"/>
      <c r="IEE683" s="613"/>
      <c r="IEF683" s="613"/>
      <c r="IEG683" s="613"/>
      <c r="IEH683" s="613"/>
      <c r="IEI683" s="613"/>
      <c r="IEJ683" s="613"/>
      <c r="IEK683" s="613"/>
      <c r="IEL683" s="613"/>
      <c r="IEM683" s="613"/>
      <c r="IEN683" s="613"/>
      <c r="IEO683" s="613"/>
      <c r="IEP683" s="613"/>
      <c r="IEQ683" s="613"/>
      <c r="IER683" s="613"/>
      <c r="IES683" s="613"/>
      <c r="IET683" s="613"/>
      <c r="IEU683" s="613"/>
      <c r="IEV683" s="613"/>
      <c r="IEW683" s="613"/>
      <c r="IEX683" s="613"/>
      <c r="IEY683" s="613"/>
      <c r="IEZ683" s="613"/>
      <c r="IFA683" s="613"/>
      <c r="IFB683" s="613"/>
      <c r="IFC683" s="613"/>
      <c r="IFD683" s="613"/>
      <c r="IFE683" s="613"/>
      <c r="IFF683" s="613"/>
      <c r="IFG683" s="613"/>
      <c r="IFH683" s="613"/>
      <c r="IFI683" s="613"/>
      <c r="IFJ683" s="613"/>
      <c r="IFK683" s="613"/>
      <c r="IFL683" s="613"/>
      <c r="IFM683" s="613"/>
      <c r="IFN683" s="613"/>
      <c r="IFO683" s="613"/>
      <c r="IFP683" s="613"/>
      <c r="IFQ683" s="613"/>
      <c r="IFR683" s="613"/>
      <c r="IFS683" s="613"/>
      <c r="IFT683" s="613"/>
      <c r="IFU683" s="613"/>
      <c r="IFV683" s="613"/>
      <c r="IFW683" s="613"/>
      <c r="IFX683" s="613"/>
      <c r="IFY683" s="613"/>
      <c r="IFZ683" s="613"/>
      <c r="IGA683" s="613"/>
      <c r="IGB683" s="613"/>
      <c r="IGC683" s="613"/>
      <c r="IGD683" s="613"/>
      <c r="IGE683" s="613"/>
      <c r="IGF683" s="613"/>
      <c r="IGG683" s="613"/>
      <c r="IGH683" s="613"/>
      <c r="IGI683" s="613"/>
      <c r="IGJ683" s="613"/>
      <c r="IGK683" s="613"/>
      <c r="IGL683" s="613"/>
      <c r="IGM683" s="613"/>
      <c r="IGN683" s="613"/>
      <c r="IGO683" s="613"/>
      <c r="IGP683" s="613"/>
      <c r="IGQ683" s="613"/>
      <c r="IGR683" s="613"/>
      <c r="IGS683" s="613"/>
      <c r="IGT683" s="613"/>
      <c r="IGU683" s="613"/>
      <c r="IGV683" s="613"/>
      <c r="IGW683" s="613"/>
      <c r="IGX683" s="613"/>
      <c r="IGY683" s="613"/>
      <c r="IGZ683" s="613"/>
      <c r="IHA683" s="613"/>
      <c r="IHB683" s="613"/>
      <c r="IHC683" s="613"/>
      <c r="IHD683" s="613"/>
      <c r="IHE683" s="613"/>
      <c r="IHF683" s="613"/>
      <c r="IHG683" s="613"/>
      <c r="IHH683" s="613"/>
      <c r="IHI683" s="613"/>
      <c r="IHJ683" s="613"/>
      <c r="IHK683" s="613"/>
      <c r="IHL683" s="613"/>
      <c r="IHM683" s="613"/>
      <c r="IHN683" s="613"/>
      <c r="IHO683" s="613"/>
      <c r="IHP683" s="613"/>
      <c r="IHQ683" s="613"/>
      <c r="IHR683" s="613"/>
      <c r="IHS683" s="613"/>
      <c r="IHT683" s="613"/>
      <c r="IHU683" s="613"/>
      <c r="IHV683" s="613"/>
      <c r="IHW683" s="613"/>
      <c r="IHX683" s="613"/>
      <c r="IHY683" s="613"/>
      <c r="IHZ683" s="613"/>
      <c r="IIA683" s="613"/>
      <c r="IIB683" s="613"/>
      <c r="IIC683" s="613"/>
      <c r="IID683" s="613"/>
      <c r="IIE683" s="613"/>
      <c r="IIF683" s="613"/>
      <c r="IIG683" s="613"/>
      <c r="IIH683" s="613"/>
      <c r="III683" s="613"/>
      <c r="IIJ683" s="613"/>
      <c r="IIK683" s="613"/>
      <c r="IIL683" s="613"/>
      <c r="IIM683" s="613"/>
      <c r="IIN683" s="613"/>
      <c r="IIO683" s="613"/>
      <c r="IIP683" s="613"/>
      <c r="IIQ683" s="613"/>
      <c r="IIR683" s="613"/>
      <c r="IIS683" s="613"/>
      <c r="IIT683" s="613"/>
      <c r="IIU683" s="613"/>
      <c r="IIV683" s="613"/>
      <c r="IIW683" s="613"/>
      <c r="IIX683" s="613"/>
      <c r="IIY683" s="613"/>
      <c r="IIZ683" s="613"/>
      <c r="IJA683" s="613"/>
      <c r="IJB683" s="613"/>
      <c r="IJC683" s="613"/>
      <c r="IJD683" s="613"/>
      <c r="IJE683" s="613"/>
      <c r="IJF683" s="613"/>
      <c r="IJG683" s="613"/>
      <c r="IJH683" s="613"/>
      <c r="IJI683" s="613"/>
      <c r="IJJ683" s="613"/>
      <c r="IJK683" s="613"/>
      <c r="IJL683" s="613"/>
      <c r="IJM683" s="613"/>
      <c r="IJN683" s="613"/>
      <c r="IJO683" s="613"/>
      <c r="IJP683" s="613"/>
      <c r="IJQ683" s="613"/>
      <c r="IJR683" s="613"/>
      <c r="IJS683" s="613"/>
      <c r="IJT683" s="613"/>
      <c r="IJU683" s="613"/>
      <c r="IJV683" s="613"/>
      <c r="IJW683" s="613"/>
      <c r="IJX683" s="613"/>
      <c r="IJY683" s="613"/>
      <c r="IJZ683" s="613"/>
      <c r="IKA683" s="613"/>
      <c r="IKB683" s="613"/>
      <c r="IKC683" s="613"/>
      <c r="IKD683" s="613"/>
      <c r="IKE683" s="613"/>
      <c r="IKF683" s="613"/>
      <c r="IKG683" s="613"/>
      <c r="IKH683" s="613"/>
      <c r="IKI683" s="613"/>
      <c r="IKJ683" s="613"/>
      <c r="IKK683" s="613"/>
      <c r="IKL683" s="613"/>
      <c r="IKM683" s="613"/>
      <c r="IKN683" s="613"/>
      <c r="IKO683" s="613"/>
      <c r="IKP683" s="613"/>
      <c r="IKQ683" s="613"/>
      <c r="IKR683" s="613"/>
      <c r="IKS683" s="613"/>
      <c r="IKT683" s="613"/>
      <c r="IKU683" s="613"/>
      <c r="IKV683" s="613"/>
      <c r="IKW683" s="613"/>
      <c r="IKX683" s="613"/>
      <c r="IKY683" s="613"/>
      <c r="IKZ683" s="613"/>
      <c r="ILA683" s="613"/>
      <c r="ILB683" s="613"/>
      <c r="ILC683" s="613"/>
      <c r="ILD683" s="613"/>
      <c r="ILE683" s="613"/>
      <c r="ILF683" s="613"/>
      <c r="ILG683" s="613"/>
      <c r="ILH683" s="613"/>
      <c r="ILI683" s="613"/>
      <c r="ILJ683" s="613"/>
      <c r="ILK683" s="613"/>
      <c r="ILL683" s="613"/>
      <c r="ILM683" s="613"/>
      <c r="ILN683" s="613"/>
      <c r="ILO683" s="613"/>
      <c r="ILP683" s="613"/>
      <c r="ILQ683" s="613"/>
      <c r="ILR683" s="613"/>
      <c r="ILS683" s="613"/>
      <c r="ILT683" s="613"/>
      <c r="ILU683" s="613"/>
      <c r="ILV683" s="613"/>
      <c r="ILW683" s="613"/>
      <c r="ILX683" s="613"/>
      <c r="ILY683" s="613"/>
      <c r="ILZ683" s="613"/>
      <c r="IMA683" s="613"/>
      <c r="IMB683" s="613"/>
      <c r="IMC683" s="613"/>
      <c r="IMD683" s="613"/>
      <c r="IME683" s="613"/>
      <c r="IMF683" s="613"/>
      <c r="IMG683" s="613"/>
      <c r="IMH683" s="613"/>
      <c r="IMI683" s="613"/>
      <c r="IMJ683" s="613"/>
      <c r="IMK683" s="613"/>
      <c r="IML683" s="613"/>
      <c r="IMM683" s="613"/>
      <c r="IMN683" s="613"/>
      <c r="IMO683" s="613"/>
      <c r="IMP683" s="613"/>
      <c r="IMQ683" s="613"/>
      <c r="IMR683" s="613"/>
      <c r="IMS683" s="613"/>
      <c r="IMT683" s="613"/>
      <c r="IMU683" s="613"/>
      <c r="IMV683" s="613"/>
      <c r="IMW683" s="613"/>
      <c r="IMX683" s="613"/>
      <c r="IMY683" s="613"/>
      <c r="IMZ683" s="613"/>
      <c r="INA683" s="613"/>
      <c r="INB683" s="613"/>
      <c r="INC683" s="613"/>
      <c r="IND683" s="613"/>
      <c r="INE683" s="613"/>
      <c r="INF683" s="613"/>
      <c r="ING683" s="613"/>
      <c r="INH683" s="613"/>
      <c r="INI683" s="613"/>
      <c r="INJ683" s="613"/>
      <c r="INK683" s="613"/>
      <c r="INL683" s="613"/>
      <c r="INM683" s="613"/>
      <c r="INN683" s="613"/>
      <c r="INO683" s="613"/>
      <c r="INP683" s="613"/>
      <c r="INQ683" s="613"/>
      <c r="INR683" s="613"/>
      <c r="INS683" s="613"/>
      <c r="INT683" s="613"/>
      <c r="INU683" s="613"/>
      <c r="INV683" s="613"/>
      <c r="INW683" s="613"/>
      <c r="INX683" s="613"/>
      <c r="INY683" s="613"/>
      <c r="INZ683" s="613"/>
      <c r="IOA683" s="613"/>
      <c r="IOB683" s="613"/>
      <c r="IOC683" s="613"/>
      <c r="IOD683" s="613"/>
      <c r="IOE683" s="613"/>
      <c r="IOF683" s="613"/>
      <c r="IOG683" s="613"/>
      <c r="IOH683" s="613"/>
      <c r="IOI683" s="613"/>
      <c r="IOJ683" s="613"/>
      <c r="IOK683" s="613"/>
      <c r="IOL683" s="613"/>
      <c r="IOM683" s="613"/>
      <c r="ION683" s="613"/>
      <c r="IOO683" s="613"/>
      <c r="IOP683" s="613"/>
      <c r="IOQ683" s="613"/>
      <c r="IOR683" s="613"/>
      <c r="IOS683" s="613"/>
      <c r="IOT683" s="613"/>
      <c r="IOU683" s="613"/>
      <c r="IOV683" s="613"/>
      <c r="IOW683" s="613"/>
      <c r="IOX683" s="613"/>
      <c r="IOY683" s="613"/>
      <c r="IOZ683" s="613"/>
      <c r="IPA683" s="613"/>
      <c r="IPB683" s="613"/>
      <c r="IPC683" s="613"/>
      <c r="IPD683" s="613"/>
      <c r="IPE683" s="613"/>
      <c r="IPF683" s="613"/>
      <c r="IPG683" s="613"/>
      <c r="IPH683" s="613"/>
      <c r="IPI683" s="613"/>
      <c r="IPJ683" s="613"/>
      <c r="IPK683" s="613"/>
      <c r="IPL683" s="613"/>
      <c r="IPM683" s="613"/>
      <c r="IPN683" s="613"/>
      <c r="IPO683" s="613"/>
      <c r="IPP683" s="613"/>
      <c r="IPQ683" s="613"/>
      <c r="IPR683" s="613"/>
      <c r="IPS683" s="613"/>
      <c r="IPT683" s="613"/>
      <c r="IPU683" s="613"/>
      <c r="IPV683" s="613"/>
      <c r="IPW683" s="613"/>
      <c r="IPX683" s="613"/>
      <c r="IPY683" s="613"/>
      <c r="IPZ683" s="613"/>
      <c r="IQA683" s="613"/>
      <c r="IQB683" s="613"/>
      <c r="IQC683" s="613"/>
      <c r="IQD683" s="613"/>
      <c r="IQE683" s="613"/>
      <c r="IQF683" s="613"/>
      <c r="IQG683" s="613"/>
      <c r="IQH683" s="613"/>
      <c r="IQI683" s="613"/>
      <c r="IQJ683" s="613"/>
      <c r="IQK683" s="613"/>
      <c r="IQL683" s="613"/>
      <c r="IQM683" s="613"/>
      <c r="IQN683" s="613"/>
      <c r="IQO683" s="613"/>
      <c r="IQP683" s="613"/>
      <c r="IQQ683" s="613"/>
      <c r="IQR683" s="613"/>
      <c r="IQS683" s="613"/>
      <c r="IQT683" s="613"/>
      <c r="IQU683" s="613"/>
      <c r="IQV683" s="613"/>
      <c r="IQW683" s="613"/>
      <c r="IQX683" s="613"/>
      <c r="IQY683" s="613"/>
      <c r="IQZ683" s="613"/>
      <c r="IRA683" s="613"/>
      <c r="IRB683" s="613"/>
      <c r="IRC683" s="613"/>
      <c r="IRD683" s="613"/>
      <c r="IRE683" s="613"/>
      <c r="IRF683" s="613"/>
      <c r="IRG683" s="613"/>
      <c r="IRH683" s="613"/>
      <c r="IRI683" s="613"/>
      <c r="IRJ683" s="613"/>
      <c r="IRK683" s="613"/>
      <c r="IRL683" s="613"/>
      <c r="IRM683" s="613"/>
      <c r="IRN683" s="613"/>
      <c r="IRO683" s="613"/>
      <c r="IRP683" s="613"/>
      <c r="IRQ683" s="613"/>
      <c r="IRR683" s="613"/>
      <c r="IRS683" s="613"/>
      <c r="IRT683" s="613"/>
      <c r="IRU683" s="613"/>
      <c r="IRV683" s="613"/>
      <c r="IRW683" s="613"/>
      <c r="IRX683" s="613"/>
      <c r="IRY683" s="613"/>
      <c r="IRZ683" s="613"/>
      <c r="ISA683" s="613"/>
      <c r="ISB683" s="613"/>
      <c r="ISC683" s="613"/>
      <c r="ISD683" s="613"/>
      <c r="ISE683" s="613"/>
      <c r="ISF683" s="613"/>
      <c r="ISG683" s="613"/>
      <c r="ISH683" s="613"/>
      <c r="ISI683" s="613"/>
      <c r="ISJ683" s="613"/>
      <c r="ISK683" s="613"/>
      <c r="ISL683" s="613"/>
      <c r="ISM683" s="613"/>
      <c r="ISN683" s="613"/>
      <c r="ISO683" s="613"/>
      <c r="ISP683" s="613"/>
      <c r="ISQ683" s="613"/>
      <c r="ISR683" s="613"/>
      <c r="ISS683" s="613"/>
      <c r="IST683" s="613"/>
      <c r="ISU683" s="613"/>
      <c r="ISV683" s="613"/>
      <c r="ISW683" s="613"/>
      <c r="ISX683" s="613"/>
      <c r="ISY683" s="613"/>
      <c r="ISZ683" s="613"/>
      <c r="ITA683" s="613"/>
      <c r="ITB683" s="613"/>
      <c r="ITC683" s="613"/>
      <c r="ITD683" s="613"/>
      <c r="ITE683" s="613"/>
      <c r="ITF683" s="613"/>
      <c r="ITG683" s="613"/>
      <c r="ITH683" s="613"/>
      <c r="ITI683" s="613"/>
      <c r="ITJ683" s="613"/>
      <c r="ITK683" s="613"/>
      <c r="ITL683" s="613"/>
      <c r="ITM683" s="613"/>
      <c r="ITN683" s="613"/>
      <c r="ITO683" s="613"/>
      <c r="ITP683" s="613"/>
      <c r="ITQ683" s="613"/>
      <c r="ITR683" s="613"/>
      <c r="ITS683" s="613"/>
      <c r="ITT683" s="613"/>
      <c r="ITU683" s="613"/>
      <c r="ITV683" s="613"/>
      <c r="ITW683" s="613"/>
      <c r="ITX683" s="613"/>
      <c r="ITY683" s="613"/>
      <c r="ITZ683" s="613"/>
      <c r="IUA683" s="613"/>
      <c r="IUB683" s="613"/>
      <c r="IUC683" s="613"/>
      <c r="IUD683" s="613"/>
      <c r="IUE683" s="613"/>
      <c r="IUF683" s="613"/>
      <c r="IUG683" s="613"/>
      <c r="IUH683" s="613"/>
      <c r="IUI683" s="613"/>
      <c r="IUJ683" s="613"/>
      <c r="IUK683" s="613"/>
      <c r="IUL683" s="613"/>
      <c r="IUM683" s="613"/>
      <c r="IUN683" s="613"/>
      <c r="IUO683" s="613"/>
      <c r="IUP683" s="613"/>
      <c r="IUQ683" s="613"/>
      <c r="IUR683" s="613"/>
      <c r="IUS683" s="613"/>
      <c r="IUT683" s="613"/>
      <c r="IUU683" s="613"/>
      <c r="IUV683" s="613"/>
      <c r="IUW683" s="613"/>
      <c r="IUX683" s="613"/>
      <c r="IUY683" s="613"/>
      <c r="IUZ683" s="613"/>
      <c r="IVA683" s="613"/>
      <c r="IVB683" s="613"/>
      <c r="IVC683" s="613"/>
      <c r="IVD683" s="613"/>
      <c r="IVE683" s="613"/>
      <c r="IVF683" s="613"/>
      <c r="IVG683" s="613"/>
      <c r="IVH683" s="613"/>
      <c r="IVI683" s="613"/>
      <c r="IVJ683" s="613"/>
      <c r="IVK683" s="613"/>
      <c r="IVL683" s="613"/>
      <c r="IVM683" s="613"/>
      <c r="IVN683" s="613"/>
      <c r="IVO683" s="613"/>
      <c r="IVP683" s="613"/>
      <c r="IVQ683" s="613"/>
      <c r="IVR683" s="613"/>
      <c r="IVS683" s="613"/>
      <c r="IVT683" s="613"/>
      <c r="IVU683" s="613"/>
      <c r="IVV683" s="613"/>
      <c r="IVW683" s="613"/>
      <c r="IVX683" s="613"/>
      <c r="IVY683" s="613"/>
      <c r="IVZ683" s="613"/>
      <c r="IWA683" s="613"/>
      <c r="IWB683" s="613"/>
      <c r="IWC683" s="613"/>
      <c r="IWD683" s="613"/>
      <c r="IWE683" s="613"/>
      <c r="IWF683" s="613"/>
      <c r="IWG683" s="613"/>
      <c r="IWH683" s="613"/>
      <c r="IWI683" s="613"/>
      <c r="IWJ683" s="613"/>
      <c r="IWK683" s="613"/>
      <c r="IWL683" s="613"/>
      <c r="IWM683" s="613"/>
      <c r="IWN683" s="613"/>
      <c r="IWO683" s="613"/>
      <c r="IWP683" s="613"/>
      <c r="IWQ683" s="613"/>
      <c r="IWR683" s="613"/>
      <c r="IWS683" s="613"/>
      <c r="IWT683" s="613"/>
      <c r="IWU683" s="613"/>
      <c r="IWV683" s="613"/>
      <c r="IWW683" s="613"/>
      <c r="IWX683" s="613"/>
      <c r="IWY683" s="613"/>
      <c r="IWZ683" s="613"/>
      <c r="IXA683" s="613"/>
      <c r="IXB683" s="613"/>
      <c r="IXC683" s="613"/>
      <c r="IXD683" s="613"/>
      <c r="IXE683" s="613"/>
      <c r="IXF683" s="613"/>
      <c r="IXG683" s="613"/>
      <c r="IXH683" s="613"/>
      <c r="IXI683" s="613"/>
      <c r="IXJ683" s="613"/>
      <c r="IXK683" s="613"/>
      <c r="IXL683" s="613"/>
      <c r="IXM683" s="613"/>
      <c r="IXN683" s="613"/>
      <c r="IXO683" s="613"/>
      <c r="IXP683" s="613"/>
      <c r="IXQ683" s="613"/>
      <c r="IXR683" s="613"/>
      <c r="IXS683" s="613"/>
      <c r="IXT683" s="613"/>
      <c r="IXU683" s="613"/>
      <c r="IXV683" s="613"/>
      <c r="IXW683" s="613"/>
      <c r="IXX683" s="613"/>
      <c r="IXY683" s="613"/>
      <c r="IXZ683" s="613"/>
      <c r="IYA683" s="613"/>
      <c r="IYB683" s="613"/>
      <c r="IYC683" s="613"/>
      <c r="IYD683" s="613"/>
      <c r="IYE683" s="613"/>
      <c r="IYF683" s="613"/>
      <c r="IYG683" s="613"/>
      <c r="IYH683" s="613"/>
      <c r="IYI683" s="613"/>
      <c r="IYJ683" s="613"/>
      <c r="IYK683" s="613"/>
      <c r="IYL683" s="613"/>
      <c r="IYM683" s="613"/>
      <c r="IYN683" s="613"/>
      <c r="IYO683" s="613"/>
      <c r="IYP683" s="613"/>
      <c r="IYQ683" s="613"/>
      <c r="IYR683" s="613"/>
      <c r="IYS683" s="613"/>
      <c r="IYT683" s="613"/>
      <c r="IYU683" s="613"/>
      <c r="IYV683" s="613"/>
      <c r="IYW683" s="613"/>
      <c r="IYX683" s="613"/>
      <c r="IYY683" s="613"/>
      <c r="IYZ683" s="613"/>
      <c r="IZA683" s="613"/>
      <c r="IZB683" s="613"/>
      <c r="IZC683" s="613"/>
      <c r="IZD683" s="613"/>
      <c r="IZE683" s="613"/>
      <c r="IZF683" s="613"/>
      <c r="IZG683" s="613"/>
      <c r="IZH683" s="613"/>
      <c r="IZI683" s="613"/>
      <c r="IZJ683" s="613"/>
      <c r="IZK683" s="613"/>
      <c r="IZL683" s="613"/>
      <c r="IZM683" s="613"/>
      <c r="IZN683" s="613"/>
      <c r="IZO683" s="613"/>
      <c r="IZP683" s="613"/>
      <c r="IZQ683" s="613"/>
      <c r="IZR683" s="613"/>
      <c r="IZS683" s="613"/>
      <c r="IZT683" s="613"/>
      <c r="IZU683" s="613"/>
      <c r="IZV683" s="613"/>
      <c r="IZW683" s="613"/>
      <c r="IZX683" s="613"/>
      <c r="IZY683" s="613"/>
      <c r="IZZ683" s="613"/>
      <c r="JAA683" s="613"/>
      <c r="JAB683" s="613"/>
      <c r="JAC683" s="613"/>
      <c r="JAD683" s="613"/>
      <c r="JAE683" s="613"/>
      <c r="JAF683" s="613"/>
      <c r="JAG683" s="613"/>
      <c r="JAH683" s="613"/>
      <c r="JAI683" s="613"/>
      <c r="JAJ683" s="613"/>
      <c r="JAK683" s="613"/>
      <c r="JAL683" s="613"/>
      <c r="JAM683" s="613"/>
      <c r="JAN683" s="613"/>
      <c r="JAO683" s="613"/>
      <c r="JAP683" s="613"/>
      <c r="JAQ683" s="613"/>
      <c r="JAR683" s="613"/>
      <c r="JAS683" s="613"/>
      <c r="JAT683" s="613"/>
      <c r="JAU683" s="613"/>
      <c r="JAV683" s="613"/>
      <c r="JAW683" s="613"/>
      <c r="JAX683" s="613"/>
      <c r="JAY683" s="613"/>
      <c r="JAZ683" s="613"/>
      <c r="JBA683" s="613"/>
      <c r="JBB683" s="613"/>
      <c r="JBC683" s="613"/>
      <c r="JBD683" s="613"/>
      <c r="JBE683" s="613"/>
      <c r="JBF683" s="613"/>
      <c r="JBG683" s="613"/>
      <c r="JBH683" s="613"/>
      <c r="JBI683" s="613"/>
      <c r="JBJ683" s="613"/>
      <c r="JBK683" s="613"/>
      <c r="JBL683" s="613"/>
      <c r="JBM683" s="613"/>
      <c r="JBN683" s="613"/>
      <c r="JBO683" s="613"/>
      <c r="JBP683" s="613"/>
      <c r="JBQ683" s="613"/>
      <c r="JBR683" s="613"/>
      <c r="JBS683" s="613"/>
      <c r="JBT683" s="613"/>
      <c r="JBU683" s="613"/>
      <c r="JBV683" s="613"/>
      <c r="JBW683" s="613"/>
      <c r="JBX683" s="613"/>
      <c r="JBY683" s="613"/>
      <c r="JBZ683" s="613"/>
      <c r="JCA683" s="613"/>
      <c r="JCB683" s="613"/>
      <c r="JCC683" s="613"/>
      <c r="JCD683" s="613"/>
      <c r="JCE683" s="613"/>
      <c r="JCF683" s="613"/>
      <c r="JCG683" s="613"/>
      <c r="JCH683" s="613"/>
      <c r="JCI683" s="613"/>
      <c r="JCJ683" s="613"/>
      <c r="JCK683" s="613"/>
      <c r="JCL683" s="613"/>
      <c r="JCM683" s="613"/>
      <c r="JCN683" s="613"/>
      <c r="JCO683" s="613"/>
      <c r="JCP683" s="613"/>
      <c r="JCQ683" s="613"/>
      <c r="JCR683" s="613"/>
      <c r="JCS683" s="613"/>
      <c r="JCT683" s="613"/>
      <c r="JCU683" s="613"/>
      <c r="JCV683" s="613"/>
      <c r="JCW683" s="613"/>
      <c r="JCX683" s="613"/>
      <c r="JCY683" s="613"/>
      <c r="JCZ683" s="613"/>
      <c r="JDA683" s="613"/>
      <c r="JDB683" s="613"/>
      <c r="JDC683" s="613"/>
      <c r="JDD683" s="613"/>
      <c r="JDE683" s="613"/>
      <c r="JDF683" s="613"/>
      <c r="JDG683" s="613"/>
      <c r="JDH683" s="613"/>
      <c r="JDI683" s="613"/>
      <c r="JDJ683" s="613"/>
      <c r="JDK683" s="613"/>
      <c r="JDL683" s="613"/>
      <c r="JDM683" s="613"/>
      <c r="JDN683" s="613"/>
      <c r="JDO683" s="613"/>
      <c r="JDP683" s="613"/>
      <c r="JDQ683" s="613"/>
      <c r="JDR683" s="613"/>
      <c r="JDS683" s="613"/>
      <c r="JDT683" s="613"/>
      <c r="JDU683" s="613"/>
      <c r="JDV683" s="613"/>
      <c r="JDW683" s="613"/>
      <c r="JDX683" s="613"/>
      <c r="JDY683" s="613"/>
      <c r="JDZ683" s="613"/>
      <c r="JEA683" s="613"/>
      <c r="JEB683" s="613"/>
      <c r="JEC683" s="613"/>
      <c r="JED683" s="613"/>
      <c r="JEE683" s="613"/>
      <c r="JEF683" s="613"/>
      <c r="JEG683" s="613"/>
      <c r="JEH683" s="613"/>
      <c r="JEI683" s="613"/>
      <c r="JEJ683" s="613"/>
      <c r="JEK683" s="613"/>
      <c r="JEL683" s="613"/>
      <c r="JEM683" s="613"/>
      <c r="JEN683" s="613"/>
      <c r="JEO683" s="613"/>
      <c r="JEP683" s="613"/>
      <c r="JEQ683" s="613"/>
      <c r="JER683" s="613"/>
      <c r="JES683" s="613"/>
      <c r="JET683" s="613"/>
      <c r="JEU683" s="613"/>
      <c r="JEV683" s="613"/>
      <c r="JEW683" s="613"/>
      <c r="JEX683" s="613"/>
      <c r="JEY683" s="613"/>
      <c r="JEZ683" s="613"/>
      <c r="JFA683" s="613"/>
      <c r="JFB683" s="613"/>
      <c r="JFC683" s="613"/>
      <c r="JFD683" s="613"/>
      <c r="JFE683" s="613"/>
      <c r="JFF683" s="613"/>
      <c r="JFG683" s="613"/>
      <c r="JFH683" s="613"/>
      <c r="JFI683" s="613"/>
      <c r="JFJ683" s="613"/>
      <c r="JFK683" s="613"/>
      <c r="JFL683" s="613"/>
      <c r="JFM683" s="613"/>
      <c r="JFN683" s="613"/>
      <c r="JFO683" s="613"/>
      <c r="JFP683" s="613"/>
      <c r="JFQ683" s="613"/>
      <c r="JFR683" s="613"/>
      <c r="JFS683" s="613"/>
      <c r="JFT683" s="613"/>
      <c r="JFU683" s="613"/>
      <c r="JFV683" s="613"/>
      <c r="JFW683" s="613"/>
      <c r="JFX683" s="613"/>
      <c r="JFY683" s="613"/>
      <c r="JFZ683" s="613"/>
      <c r="JGA683" s="613"/>
      <c r="JGB683" s="613"/>
      <c r="JGC683" s="613"/>
      <c r="JGD683" s="613"/>
      <c r="JGE683" s="613"/>
      <c r="JGF683" s="613"/>
      <c r="JGG683" s="613"/>
      <c r="JGH683" s="613"/>
      <c r="JGI683" s="613"/>
      <c r="JGJ683" s="613"/>
      <c r="JGK683" s="613"/>
      <c r="JGL683" s="613"/>
      <c r="JGM683" s="613"/>
      <c r="JGN683" s="613"/>
      <c r="JGO683" s="613"/>
      <c r="JGP683" s="613"/>
      <c r="JGQ683" s="613"/>
      <c r="JGR683" s="613"/>
      <c r="JGS683" s="613"/>
      <c r="JGT683" s="613"/>
      <c r="JGU683" s="613"/>
      <c r="JGV683" s="613"/>
      <c r="JGW683" s="613"/>
      <c r="JGX683" s="613"/>
      <c r="JGY683" s="613"/>
      <c r="JGZ683" s="613"/>
      <c r="JHA683" s="613"/>
      <c r="JHB683" s="613"/>
      <c r="JHC683" s="613"/>
      <c r="JHD683" s="613"/>
      <c r="JHE683" s="613"/>
      <c r="JHF683" s="613"/>
      <c r="JHG683" s="613"/>
      <c r="JHH683" s="613"/>
      <c r="JHI683" s="613"/>
      <c r="JHJ683" s="613"/>
      <c r="JHK683" s="613"/>
      <c r="JHL683" s="613"/>
      <c r="JHM683" s="613"/>
      <c r="JHN683" s="613"/>
      <c r="JHO683" s="613"/>
      <c r="JHP683" s="613"/>
      <c r="JHQ683" s="613"/>
      <c r="JHR683" s="613"/>
      <c r="JHS683" s="613"/>
      <c r="JHT683" s="613"/>
      <c r="JHU683" s="613"/>
      <c r="JHV683" s="613"/>
      <c r="JHW683" s="613"/>
      <c r="JHX683" s="613"/>
      <c r="JHY683" s="613"/>
      <c r="JHZ683" s="613"/>
      <c r="JIA683" s="613"/>
      <c r="JIB683" s="613"/>
      <c r="JIC683" s="613"/>
      <c r="JID683" s="613"/>
      <c r="JIE683" s="613"/>
      <c r="JIF683" s="613"/>
      <c r="JIG683" s="613"/>
      <c r="JIH683" s="613"/>
      <c r="JII683" s="613"/>
      <c r="JIJ683" s="613"/>
      <c r="JIK683" s="613"/>
      <c r="JIL683" s="613"/>
      <c r="JIM683" s="613"/>
      <c r="JIN683" s="613"/>
      <c r="JIO683" s="613"/>
      <c r="JIP683" s="613"/>
      <c r="JIQ683" s="613"/>
      <c r="JIR683" s="613"/>
      <c r="JIS683" s="613"/>
      <c r="JIT683" s="613"/>
      <c r="JIU683" s="613"/>
      <c r="JIV683" s="613"/>
      <c r="JIW683" s="613"/>
      <c r="JIX683" s="613"/>
      <c r="JIY683" s="613"/>
      <c r="JIZ683" s="613"/>
      <c r="JJA683" s="613"/>
      <c r="JJB683" s="613"/>
      <c r="JJC683" s="613"/>
      <c r="JJD683" s="613"/>
      <c r="JJE683" s="613"/>
      <c r="JJF683" s="613"/>
      <c r="JJG683" s="613"/>
      <c r="JJH683" s="613"/>
      <c r="JJI683" s="613"/>
      <c r="JJJ683" s="613"/>
      <c r="JJK683" s="613"/>
      <c r="JJL683" s="613"/>
      <c r="JJM683" s="613"/>
      <c r="JJN683" s="613"/>
      <c r="JJO683" s="613"/>
      <c r="JJP683" s="613"/>
      <c r="JJQ683" s="613"/>
      <c r="JJR683" s="613"/>
      <c r="JJS683" s="613"/>
      <c r="JJT683" s="613"/>
      <c r="JJU683" s="613"/>
      <c r="JJV683" s="613"/>
      <c r="JJW683" s="613"/>
      <c r="JJX683" s="613"/>
      <c r="JJY683" s="613"/>
      <c r="JJZ683" s="613"/>
      <c r="JKA683" s="613"/>
      <c r="JKB683" s="613"/>
      <c r="JKC683" s="613"/>
      <c r="JKD683" s="613"/>
      <c r="JKE683" s="613"/>
      <c r="JKF683" s="613"/>
      <c r="JKG683" s="613"/>
      <c r="JKH683" s="613"/>
      <c r="JKI683" s="613"/>
      <c r="JKJ683" s="613"/>
      <c r="JKK683" s="613"/>
      <c r="JKL683" s="613"/>
      <c r="JKM683" s="613"/>
      <c r="JKN683" s="613"/>
      <c r="JKO683" s="613"/>
      <c r="JKP683" s="613"/>
      <c r="JKQ683" s="613"/>
      <c r="JKR683" s="613"/>
      <c r="JKS683" s="613"/>
      <c r="JKT683" s="613"/>
      <c r="JKU683" s="613"/>
      <c r="JKV683" s="613"/>
      <c r="JKW683" s="613"/>
      <c r="JKX683" s="613"/>
      <c r="JKY683" s="613"/>
      <c r="JKZ683" s="613"/>
      <c r="JLA683" s="613"/>
      <c r="JLB683" s="613"/>
      <c r="JLC683" s="613"/>
      <c r="JLD683" s="613"/>
      <c r="JLE683" s="613"/>
      <c r="JLF683" s="613"/>
      <c r="JLG683" s="613"/>
      <c r="JLH683" s="613"/>
      <c r="JLI683" s="613"/>
      <c r="JLJ683" s="613"/>
      <c r="JLK683" s="613"/>
      <c r="JLL683" s="613"/>
      <c r="JLM683" s="613"/>
      <c r="JLN683" s="613"/>
      <c r="JLO683" s="613"/>
      <c r="JLP683" s="613"/>
      <c r="JLQ683" s="613"/>
      <c r="JLR683" s="613"/>
      <c r="JLS683" s="613"/>
      <c r="JLT683" s="613"/>
      <c r="JLU683" s="613"/>
      <c r="JLV683" s="613"/>
      <c r="JLW683" s="613"/>
      <c r="JLX683" s="613"/>
      <c r="JLY683" s="613"/>
      <c r="JLZ683" s="613"/>
      <c r="JMA683" s="613"/>
      <c r="JMB683" s="613"/>
      <c r="JMC683" s="613"/>
      <c r="JMD683" s="613"/>
      <c r="JME683" s="613"/>
      <c r="JMF683" s="613"/>
      <c r="JMG683" s="613"/>
      <c r="JMH683" s="613"/>
      <c r="JMI683" s="613"/>
      <c r="JMJ683" s="613"/>
      <c r="JMK683" s="613"/>
      <c r="JML683" s="613"/>
      <c r="JMM683" s="613"/>
      <c r="JMN683" s="613"/>
      <c r="JMO683" s="613"/>
      <c r="JMP683" s="613"/>
      <c r="JMQ683" s="613"/>
      <c r="JMR683" s="613"/>
      <c r="JMS683" s="613"/>
      <c r="JMT683" s="613"/>
      <c r="JMU683" s="613"/>
      <c r="JMV683" s="613"/>
      <c r="JMW683" s="613"/>
      <c r="JMX683" s="613"/>
      <c r="JMY683" s="613"/>
      <c r="JMZ683" s="613"/>
      <c r="JNA683" s="613"/>
      <c r="JNB683" s="613"/>
      <c r="JNC683" s="613"/>
      <c r="JND683" s="613"/>
      <c r="JNE683" s="613"/>
      <c r="JNF683" s="613"/>
      <c r="JNG683" s="613"/>
      <c r="JNH683" s="613"/>
      <c r="JNI683" s="613"/>
      <c r="JNJ683" s="613"/>
      <c r="JNK683" s="613"/>
      <c r="JNL683" s="613"/>
      <c r="JNM683" s="613"/>
      <c r="JNN683" s="613"/>
      <c r="JNO683" s="613"/>
      <c r="JNP683" s="613"/>
      <c r="JNQ683" s="613"/>
      <c r="JNR683" s="613"/>
      <c r="JNS683" s="613"/>
      <c r="JNT683" s="613"/>
      <c r="JNU683" s="613"/>
      <c r="JNV683" s="613"/>
      <c r="JNW683" s="613"/>
      <c r="JNX683" s="613"/>
      <c r="JNY683" s="613"/>
      <c r="JNZ683" s="613"/>
      <c r="JOA683" s="613"/>
      <c r="JOB683" s="613"/>
      <c r="JOC683" s="613"/>
      <c r="JOD683" s="613"/>
      <c r="JOE683" s="613"/>
      <c r="JOF683" s="613"/>
      <c r="JOG683" s="613"/>
      <c r="JOH683" s="613"/>
      <c r="JOI683" s="613"/>
      <c r="JOJ683" s="613"/>
      <c r="JOK683" s="613"/>
      <c r="JOL683" s="613"/>
      <c r="JOM683" s="613"/>
      <c r="JON683" s="613"/>
      <c r="JOO683" s="613"/>
      <c r="JOP683" s="613"/>
      <c r="JOQ683" s="613"/>
      <c r="JOR683" s="613"/>
      <c r="JOS683" s="613"/>
      <c r="JOT683" s="613"/>
      <c r="JOU683" s="613"/>
      <c r="JOV683" s="613"/>
      <c r="JOW683" s="613"/>
      <c r="JOX683" s="613"/>
      <c r="JOY683" s="613"/>
      <c r="JOZ683" s="613"/>
      <c r="JPA683" s="613"/>
      <c r="JPB683" s="613"/>
      <c r="JPC683" s="613"/>
      <c r="JPD683" s="613"/>
      <c r="JPE683" s="613"/>
      <c r="JPF683" s="613"/>
      <c r="JPG683" s="613"/>
      <c r="JPH683" s="613"/>
      <c r="JPI683" s="613"/>
      <c r="JPJ683" s="613"/>
      <c r="JPK683" s="613"/>
      <c r="JPL683" s="613"/>
      <c r="JPM683" s="613"/>
      <c r="JPN683" s="613"/>
      <c r="JPO683" s="613"/>
      <c r="JPP683" s="613"/>
      <c r="JPQ683" s="613"/>
      <c r="JPR683" s="613"/>
      <c r="JPS683" s="613"/>
      <c r="JPT683" s="613"/>
      <c r="JPU683" s="613"/>
      <c r="JPV683" s="613"/>
      <c r="JPW683" s="613"/>
      <c r="JPX683" s="613"/>
      <c r="JPY683" s="613"/>
      <c r="JPZ683" s="613"/>
      <c r="JQA683" s="613"/>
      <c r="JQB683" s="613"/>
      <c r="JQC683" s="613"/>
      <c r="JQD683" s="613"/>
      <c r="JQE683" s="613"/>
      <c r="JQF683" s="613"/>
      <c r="JQG683" s="613"/>
      <c r="JQH683" s="613"/>
      <c r="JQI683" s="613"/>
      <c r="JQJ683" s="613"/>
      <c r="JQK683" s="613"/>
      <c r="JQL683" s="613"/>
      <c r="JQM683" s="613"/>
      <c r="JQN683" s="613"/>
      <c r="JQO683" s="613"/>
      <c r="JQP683" s="613"/>
      <c r="JQQ683" s="613"/>
      <c r="JQR683" s="613"/>
      <c r="JQS683" s="613"/>
      <c r="JQT683" s="613"/>
      <c r="JQU683" s="613"/>
      <c r="JQV683" s="613"/>
      <c r="JQW683" s="613"/>
      <c r="JQX683" s="613"/>
      <c r="JQY683" s="613"/>
      <c r="JQZ683" s="613"/>
      <c r="JRA683" s="613"/>
      <c r="JRB683" s="613"/>
      <c r="JRC683" s="613"/>
      <c r="JRD683" s="613"/>
      <c r="JRE683" s="613"/>
      <c r="JRF683" s="613"/>
      <c r="JRG683" s="613"/>
      <c r="JRH683" s="613"/>
      <c r="JRI683" s="613"/>
      <c r="JRJ683" s="613"/>
      <c r="JRK683" s="613"/>
      <c r="JRL683" s="613"/>
      <c r="JRM683" s="613"/>
      <c r="JRN683" s="613"/>
      <c r="JRO683" s="613"/>
      <c r="JRP683" s="613"/>
      <c r="JRQ683" s="613"/>
      <c r="JRR683" s="613"/>
      <c r="JRS683" s="613"/>
      <c r="JRT683" s="613"/>
      <c r="JRU683" s="613"/>
      <c r="JRV683" s="613"/>
      <c r="JRW683" s="613"/>
      <c r="JRX683" s="613"/>
      <c r="JRY683" s="613"/>
      <c r="JRZ683" s="613"/>
      <c r="JSA683" s="613"/>
      <c r="JSB683" s="613"/>
      <c r="JSC683" s="613"/>
      <c r="JSD683" s="613"/>
      <c r="JSE683" s="613"/>
      <c r="JSF683" s="613"/>
      <c r="JSG683" s="613"/>
      <c r="JSH683" s="613"/>
      <c r="JSI683" s="613"/>
      <c r="JSJ683" s="613"/>
      <c r="JSK683" s="613"/>
      <c r="JSL683" s="613"/>
      <c r="JSM683" s="613"/>
      <c r="JSN683" s="613"/>
      <c r="JSO683" s="613"/>
      <c r="JSP683" s="613"/>
      <c r="JSQ683" s="613"/>
      <c r="JSR683" s="613"/>
      <c r="JSS683" s="613"/>
      <c r="JST683" s="613"/>
      <c r="JSU683" s="613"/>
      <c r="JSV683" s="613"/>
      <c r="JSW683" s="613"/>
      <c r="JSX683" s="613"/>
      <c r="JSY683" s="613"/>
      <c r="JSZ683" s="613"/>
      <c r="JTA683" s="613"/>
      <c r="JTB683" s="613"/>
      <c r="JTC683" s="613"/>
      <c r="JTD683" s="613"/>
      <c r="JTE683" s="613"/>
      <c r="JTF683" s="613"/>
      <c r="JTG683" s="613"/>
      <c r="JTH683" s="613"/>
      <c r="JTI683" s="613"/>
      <c r="JTJ683" s="613"/>
      <c r="JTK683" s="613"/>
      <c r="JTL683" s="613"/>
      <c r="JTM683" s="613"/>
      <c r="JTN683" s="613"/>
      <c r="JTO683" s="613"/>
      <c r="JTP683" s="613"/>
      <c r="JTQ683" s="613"/>
      <c r="JTR683" s="613"/>
      <c r="JTS683" s="613"/>
      <c r="JTT683" s="613"/>
      <c r="JTU683" s="613"/>
      <c r="JTV683" s="613"/>
      <c r="JTW683" s="613"/>
      <c r="JTX683" s="613"/>
      <c r="JTY683" s="613"/>
      <c r="JTZ683" s="613"/>
      <c r="JUA683" s="613"/>
      <c r="JUB683" s="613"/>
      <c r="JUC683" s="613"/>
      <c r="JUD683" s="613"/>
      <c r="JUE683" s="613"/>
      <c r="JUF683" s="613"/>
      <c r="JUG683" s="613"/>
      <c r="JUH683" s="613"/>
      <c r="JUI683" s="613"/>
      <c r="JUJ683" s="613"/>
      <c r="JUK683" s="613"/>
      <c r="JUL683" s="613"/>
      <c r="JUM683" s="613"/>
      <c r="JUN683" s="613"/>
      <c r="JUO683" s="613"/>
      <c r="JUP683" s="613"/>
      <c r="JUQ683" s="613"/>
      <c r="JUR683" s="613"/>
      <c r="JUS683" s="613"/>
      <c r="JUT683" s="613"/>
      <c r="JUU683" s="613"/>
      <c r="JUV683" s="613"/>
      <c r="JUW683" s="613"/>
      <c r="JUX683" s="613"/>
      <c r="JUY683" s="613"/>
      <c r="JUZ683" s="613"/>
      <c r="JVA683" s="613"/>
      <c r="JVB683" s="613"/>
      <c r="JVC683" s="613"/>
      <c r="JVD683" s="613"/>
      <c r="JVE683" s="613"/>
      <c r="JVF683" s="613"/>
      <c r="JVG683" s="613"/>
      <c r="JVH683" s="613"/>
      <c r="JVI683" s="613"/>
      <c r="JVJ683" s="613"/>
      <c r="JVK683" s="613"/>
      <c r="JVL683" s="613"/>
      <c r="JVM683" s="613"/>
      <c r="JVN683" s="613"/>
      <c r="JVO683" s="613"/>
      <c r="JVP683" s="613"/>
      <c r="JVQ683" s="613"/>
      <c r="JVR683" s="613"/>
      <c r="JVS683" s="613"/>
      <c r="JVT683" s="613"/>
      <c r="JVU683" s="613"/>
      <c r="JVV683" s="613"/>
      <c r="JVW683" s="613"/>
      <c r="JVX683" s="613"/>
      <c r="JVY683" s="613"/>
      <c r="JVZ683" s="613"/>
      <c r="JWA683" s="613"/>
      <c r="JWB683" s="613"/>
      <c r="JWC683" s="613"/>
      <c r="JWD683" s="613"/>
      <c r="JWE683" s="613"/>
      <c r="JWF683" s="613"/>
      <c r="JWG683" s="613"/>
      <c r="JWH683" s="613"/>
      <c r="JWI683" s="613"/>
      <c r="JWJ683" s="613"/>
      <c r="JWK683" s="613"/>
      <c r="JWL683" s="613"/>
      <c r="JWM683" s="613"/>
      <c r="JWN683" s="613"/>
      <c r="JWO683" s="613"/>
      <c r="JWP683" s="613"/>
      <c r="JWQ683" s="613"/>
      <c r="JWR683" s="613"/>
      <c r="JWS683" s="613"/>
      <c r="JWT683" s="613"/>
      <c r="JWU683" s="613"/>
      <c r="JWV683" s="613"/>
      <c r="JWW683" s="613"/>
      <c r="JWX683" s="613"/>
      <c r="JWY683" s="613"/>
      <c r="JWZ683" s="613"/>
      <c r="JXA683" s="613"/>
      <c r="JXB683" s="613"/>
      <c r="JXC683" s="613"/>
      <c r="JXD683" s="613"/>
      <c r="JXE683" s="613"/>
      <c r="JXF683" s="613"/>
      <c r="JXG683" s="613"/>
      <c r="JXH683" s="613"/>
      <c r="JXI683" s="613"/>
      <c r="JXJ683" s="613"/>
      <c r="JXK683" s="613"/>
      <c r="JXL683" s="613"/>
      <c r="JXM683" s="613"/>
      <c r="JXN683" s="613"/>
      <c r="JXO683" s="613"/>
      <c r="JXP683" s="613"/>
      <c r="JXQ683" s="613"/>
      <c r="JXR683" s="613"/>
      <c r="JXS683" s="613"/>
      <c r="JXT683" s="613"/>
      <c r="JXU683" s="613"/>
      <c r="JXV683" s="613"/>
      <c r="JXW683" s="613"/>
      <c r="JXX683" s="613"/>
      <c r="JXY683" s="613"/>
      <c r="JXZ683" s="613"/>
      <c r="JYA683" s="613"/>
      <c r="JYB683" s="613"/>
      <c r="JYC683" s="613"/>
      <c r="JYD683" s="613"/>
      <c r="JYE683" s="613"/>
      <c r="JYF683" s="613"/>
      <c r="JYG683" s="613"/>
      <c r="JYH683" s="613"/>
      <c r="JYI683" s="613"/>
      <c r="JYJ683" s="613"/>
      <c r="JYK683" s="613"/>
      <c r="JYL683" s="613"/>
      <c r="JYM683" s="613"/>
      <c r="JYN683" s="613"/>
      <c r="JYO683" s="613"/>
      <c r="JYP683" s="613"/>
      <c r="JYQ683" s="613"/>
      <c r="JYR683" s="613"/>
      <c r="JYS683" s="613"/>
      <c r="JYT683" s="613"/>
      <c r="JYU683" s="613"/>
      <c r="JYV683" s="613"/>
      <c r="JYW683" s="613"/>
      <c r="JYX683" s="613"/>
      <c r="JYY683" s="613"/>
      <c r="JYZ683" s="613"/>
      <c r="JZA683" s="613"/>
      <c r="JZB683" s="613"/>
      <c r="JZC683" s="613"/>
      <c r="JZD683" s="613"/>
      <c r="JZE683" s="613"/>
      <c r="JZF683" s="613"/>
      <c r="JZG683" s="613"/>
      <c r="JZH683" s="613"/>
      <c r="JZI683" s="613"/>
      <c r="JZJ683" s="613"/>
      <c r="JZK683" s="613"/>
      <c r="JZL683" s="613"/>
      <c r="JZM683" s="613"/>
      <c r="JZN683" s="613"/>
      <c r="JZO683" s="613"/>
      <c r="JZP683" s="613"/>
      <c r="JZQ683" s="613"/>
      <c r="JZR683" s="613"/>
      <c r="JZS683" s="613"/>
      <c r="JZT683" s="613"/>
      <c r="JZU683" s="613"/>
      <c r="JZV683" s="613"/>
      <c r="JZW683" s="613"/>
      <c r="JZX683" s="613"/>
      <c r="JZY683" s="613"/>
      <c r="JZZ683" s="613"/>
      <c r="KAA683" s="613"/>
      <c r="KAB683" s="613"/>
      <c r="KAC683" s="613"/>
      <c r="KAD683" s="613"/>
      <c r="KAE683" s="613"/>
      <c r="KAF683" s="613"/>
      <c r="KAG683" s="613"/>
      <c r="KAH683" s="613"/>
      <c r="KAI683" s="613"/>
      <c r="KAJ683" s="613"/>
      <c r="KAK683" s="613"/>
      <c r="KAL683" s="613"/>
      <c r="KAM683" s="613"/>
      <c r="KAN683" s="613"/>
      <c r="KAO683" s="613"/>
      <c r="KAP683" s="613"/>
      <c r="KAQ683" s="613"/>
      <c r="KAR683" s="613"/>
      <c r="KAS683" s="613"/>
      <c r="KAT683" s="613"/>
      <c r="KAU683" s="613"/>
      <c r="KAV683" s="613"/>
      <c r="KAW683" s="613"/>
      <c r="KAX683" s="613"/>
      <c r="KAY683" s="613"/>
      <c r="KAZ683" s="613"/>
      <c r="KBA683" s="613"/>
      <c r="KBB683" s="613"/>
      <c r="KBC683" s="613"/>
      <c r="KBD683" s="613"/>
      <c r="KBE683" s="613"/>
      <c r="KBF683" s="613"/>
      <c r="KBG683" s="613"/>
      <c r="KBH683" s="613"/>
      <c r="KBI683" s="613"/>
      <c r="KBJ683" s="613"/>
      <c r="KBK683" s="613"/>
      <c r="KBL683" s="613"/>
      <c r="KBM683" s="613"/>
      <c r="KBN683" s="613"/>
      <c r="KBO683" s="613"/>
      <c r="KBP683" s="613"/>
      <c r="KBQ683" s="613"/>
      <c r="KBR683" s="613"/>
      <c r="KBS683" s="613"/>
      <c r="KBT683" s="613"/>
      <c r="KBU683" s="613"/>
      <c r="KBV683" s="613"/>
      <c r="KBW683" s="613"/>
      <c r="KBX683" s="613"/>
      <c r="KBY683" s="613"/>
      <c r="KBZ683" s="613"/>
      <c r="KCA683" s="613"/>
      <c r="KCB683" s="613"/>
      <c r="KCC683" s="613"/>
      <c r="KCD683" s="613"/>
      <c r="KCE683" s="613"/>
      <c r="KCF683" s="613"/>
      <c r="KCG683" s="613"/>
      <c r="KCH683" s="613"/>
      <c r="KCI683" s="613"/>
      <c r="KCJ683" s="613"/>
      <c r="KCK683" s="613"/>
      <c r="KCL683" s="613"/>
      <c r="KCM683" s="613"/>
      <c r="KCN683" s="613"/>
      <c r="KCO683" s="613"/>
      <c r="KCP683" s="613"/>
      <c r="KCQ683" s="613"/>
      <c r="KCR683" s="613"/>
      <c r="KCS683" s="613"/>
      <c r="KCT683" s="613"/>
      <c r="KCU683" s="613"/>
      <c r="KCV683" s="613"/>
      <c r="KCW683" s="613"/>
      <c r="KCX683" s="613"/>
      <c r="KCY683" s="613"/>
      <c r="KCZ683" s="613"/>
      <c r="KDA683" s="613"/>
      <c r="KDB683" s="613"/>
      <c r="KDC683" s="613"/>
      <c r="KDD683" s="613"/>
      <c r="KDE683" s="613"/>
      <c r="KDF683" s="613"/>
      <c r="KDG683" s="613"/>
      <c r="KDH683" s="613"/>
      <c r="KDI683" s="613"/>
      <c r="KDJ683" s="613"/>
      <c r="KDK683" s="613"/>
      <c r="KDL683" s="613"/>
      <c r="KDM683" s="613"/>
      <c r="KDN683" s="613"/>
      <c r="KDO683" s="613"/>
      <c r="KDP683" s="613"/>
      <c r="KDQ683" s="613"/>
      <c r="KDR683" s="613"/>
      <c r="KDS683" s="613"/>
      <c r="KDT683" s="613"/>
      <c r="KDU683" s="613"/>
      <c r="KDV683" s="613"/>
      <c r="KDW683" s="613"/>
      <c r="KDX683" s="613"/>
      <c r="KDY683" s="613"/>
      <c r="KDZ683" s="613"/>
      <c r="KEA683" s="613"/>
      <c r="KEB683" s="613"/>
      <c r="KEC683" s="613"/>
      <c r="KED683" s="613"/>
      <c r="KEE683" s="613"/>
      <c r="KEF683" s="613"/>
      <c r="KEG683" s="613"/>
      <c r="KEH683" s="613"/>
      <c r="KEI683" s="613"/>
      <c r="KEJ683" s="613"/>
      <c r="KEK683" s="613"/>
      <c r="KEL683" s="613"/>
      <c r="KEM683" s="613"/>
      <c r="KEN683" s="613"/>
      <c r="KEO683" s="613"/>
      <c r="KEP683" s="613"/>
      <c r="KEQ683" s="613"/>
      <c r="KER683" s="613"/>
      <c r="KES683" s="613"/>
      <c r="KET683" s="613"/>
      <c r="KEU683" s="613"/>
      <c r="KEV683" s="613"/>
      <c r="KEW683" s="613"/>
      <c r="KEX683" s="613"/>
      <c r="KEY683" s="613"/>
      <c r="KEZ683" s="613"/>
      <c r="KFA683" s="613"/>
      <c r="KFB683" s="613"/>
      <c r="KFC683" s="613"/>
      <c r="KFD683" s="613"/>
      <c r="KFE683" s="613"/>
      <c r="KFF683" s="613"/>
      <c r="KFG683" s="613"/>
      <c r="KFH683" s="613"/>
      <c r="KFI683" s="613"/>
      <c r="KFJ683" s="613"/>
      <c r="KFK683" s="613"/>
      <c r="KFL683" s="613"/>
      <c r="KFM683" s="613"/>
      <c r="KFN683" s="613"/>
      <c r="KFO683" s="613"/>
      <c r="KFP683" s="613"/>
      <c r="KFQ683" s="613"/>
      <c r="KFR683" s="613"/>
      <c r="KFS683" s="613"/>
      <c r="KFT683" s="613"/>
      <c r="KFU683" s="613"/>
      <c r="KFV683" s="613"/>
      <c r="KFW683" s="613"/>
      <c r="KFX683" s="613"/>
      <c r="KFY683" s="613"/>
      <c r="KFZ683" s="613"/>
      <c r="KGA683" s="613"/>
      <c r="KGB683" s="613"/>
      <c r="KGC683" s="613"/>
      <c r="KGD683" s="613"/>
      <c r="KGE683" s="613"/>
      <c r="KGF683" s="613"/>
      <c r="KGG683" s="613"/>
      <c r="KGH683" s="613"/>
      <c r="KGI683" s="613"/>
      <c r="KGJ683" s="613"/>
      <c r="KGK683" s="613"/>
      <c r="KGL683" s="613"/>
      <c r="KGM683" s="613"/>
      <c r="KGN683" s="613"/>
      <c r="KGO683" s="613"/>
      <c r="KGP683" s="613"/>
      <c r="KGQ683" s="613"/>
      <c r="KGR683" s="613"/>
      <c r="KGS683" s="613"/>
      <c r="KGT683" s="613"/>
      <c r="KGU683" s="613"/>
      <c r="KGV683" s="613"/>
      <c r="KGW683" s="613"/>
      <c r="KGX683" s="613"/>
      <c r="KGY683" s="613"/>
      <c r="KGZ683" s="613"/>
      <c r="KHA683" s="613"/>
      <c r="KHB683" s="613"/>
      <c r="KHC683" s="613"/>
      <c r="KHD683" s="613"/>
      <c r="KHE683" s="613"/>
      <c r="KHF683" s="613"/>
      <c r="KHG683" s="613"/>
      <c r="KHH683" s="613"/>
      <c r="KHI683" s="613"/>
      <c r="KHJ683" s="613"/>
      <c r="KHK683" s="613"/>
      <c r="KHL683" s="613"/>
      <c r="KHM683" s="613"/>
      <c r="KHN683" s="613"/>
      <c r="KHO683" s="613"/>
      <c r="KHP683" s="613"/>
      <c r="KHQ683" s="613"/>
      <c r="KHR683" s="613"/>
      <c r="KHS683" s="613"/>
      <c r="KHT683" s="613"/>
      <c r="KHU683" s="613"/>
      <c r="KHV683" s="613"/>
      <c r="KHW683" s="613"/>
      <c r="KHX683" s="613"/>
      <c r="KHY683" s="613"/>
      <c r="KHZ683" s="613"/>
      <c r="KIA683" s="613"/>
      <c r="KIB683" s="613"/>
      <c r="KIC683" s="613"/>
      <c r="KID683" s="613"/>
      <c r="KIE683" s="613"/>
      <c r="KIF683" s="613"/>
      <c r="KIG683" s="613"/>
      <c r="KIH683" s="613"/>
      <c r="KII683" s="613"/>
      <c r="KIJ683" s="613"/>
      <c r="KIK683" s="613"/>
      <c r="KIL683" s="613"/>
      <c r="KIM683" s="613"/>
      <c r="KIN683" s="613"/>
      <c r="KIO683" s="613"/>
      <c r="KIP683" s="613"/>
      <c r="KIQ683" s="613"/>
      <c r="KIR683" s="613"/>
      <c r="KIS683" s="613"/>
      <c r="KIT683" s="613"/>
      <c r="KIU683" s="613"/>
      <c r="KIV683" s="613"/>
      <c r="KIW683" s="613"/>
      <c r="KIX683" s="613"/>
      <c r="KIY683" s="613"/>
      <c r="KIZ683" s="613"/>
      <c r="KJA683" s="613"/>
      <c r="KJB683" s="613"/>
      <c r="KJC683" s="613"/>
      <c r="KJD683" s="613"/>
      <c r="KJE683" s="613"/>
      <c r="KJF683" s="613"/>
      <c r="KJG683" s="613"/>
      <c r="KJH683" s="613"/>
      <c r="KJI683" s="613"/>
      <c r="KJJ683" s="613"/>
      <c r="KJK683" s="613"/>
      <c r="KJL683" s="613"/>
      <c r="KJM683" s="613"/>
      <c r="KJN683" s="613"/>
      <c r="KJO683" s="613"/>
      <c r="KJP683" s="613"/>
      <c r="KJQ683" s="613"/>
      <c r="KJR683" s="613"/>
      <c r="KJS683" s="613"/>
      <c r="KJT683" s="613"/>
      <c r="KJU683" s="613"/>
      <c r="KJV683" s="613"/>
      <c r="KJW683" s="613"/>
      <c r="KJX683" s="613"/>
      <c r="KJY683" s="613"/>
      <c r="KJZ683" s="613"/>
      <c r="KKA683" s="613"/>
      <c r="KKB683" s="613"/>
      <c r="KKC683" s="613"/>
      <c r="KKD683" s="613"/>
      <c r="KKE683" s="613"/>
      <c r="KKF683" s="613"/>
      <c r="KKG683" s="613"/>
      <c r="KKH683" s="613"/>
      <c r="KKI683" s="613"/>
      <c r="KKJ683" s="613"/>
      <c r="KKK683" s="613"/>
      <c r="KKL683" s="613"/>
      <c r="KKM683" s="613"/>
      <c r="KKN683" s="613"/>
      <c r="KKO683" s="613"/>
      <c r="KKP683" s="613"/>
      <c r="KKQ683" s="613"/>
      <c r="KKR683" s="613"/>
      <c r="KKS683" s="613"/>
      <c r="KKT683" s="613"/>
      <c r="KKU683" s="613"/>
      <c r="KKV683" s="613"/>
      <c r="KKW683" s="613"/>
      <c r="KKX683" s="613"/>
      <c r="KKY683" s="613"/>
      <c r="KKZ683" s="613"/>
      <c r="KLA683" s="613"/>
      <c r="KLB683" s="613"/>
      <c r="KLC683" s="613"/>
      <c r="KLD683" s="613"/>
      <c r="KLE683" s="613"/>
      <c r="KLF683" s="613"/>
      <c r="KLG683" s="613"/>
      <c r="KLH683" s="613"/>
      <c r="KLI683" s="613"/>
      <c r="KLJ683" s="613"/>
      <c r="KLK683" s="613"/>
      <c r="KLL683" s="613"/>
      <c r="KLM683" s="613"/>
      <c r="KLN683" s="613"/>
      <c r="KLO683" s="613"/>
      <c r="KLP683" s="613"/>
      <c r="KLQ683" s="613"/>
      <c r="KLR683" s="613"/>
      <c r="KLS683" s="613"/>
      <c r="KLT683" s="613"/>
      <c r="KLU683" s="613"/>
      <c r="KLV683" s="613"/>
      <c r="KLW683" s="613"/>
      <c r="KLX683" s="613"/>
      <c r="KLY683" s="613"/>
      <c r="KLZ683" s="613"/>
      <c r="KMA683" s="613"/>
      <c r="KMB683" s="613"/>
      <c r="KMC683" s="613"/>
      <c r="KMD683" s="613"/>
      <c r="KME683" s="613"/>
      <c r="KMF683" s="613"/>
      <c r="KMG683" s="613"/>
      <c r="KMH683" s="613"/>
      <c r="KMI683" s="613"/>
      <c r="KMJ683" s="613"/>
      <c r="KMK683" s="613"/>
      <c r="KML683" s="613"/>
      <c r="KMM683" s="613"/>
      <c r="KMN683" s="613"/>
      <c r="KMO683" s="613"/>
      <c r="KMP683" s="613"/>
      <c r="KMQ683" s="613"/>
      <c r="KMR683" s="613"/>
      <c r="KMS683" s="613"/>
      <c r="KMT683" s="613"/>
      <c r="KMU683" s="613"/>
      <c r="KMV683" s="613"/>
      <c r="KMW683" s="613"/>
      <c r="KMX683" s="613"/>
      <c r="KMY683" s="613"/>
      <c r="KMZ683" s="613"/>
      <c r="KNA683" s="613"/>
      <c r="KNB683" s="613"/>
      <c r="KNC683" s="613"/>
      <c r="KND683" s="613"/>
      <c r="KNE683" s="613"/>
      <c r="KNF683" s="613"/>
      <c r="KNG683" s="613"/>
      <c r="KNH683" s="613"/>
      <c r="KNI683" s="613"/>
      <c r="KNJ683" s="613"/>
      <c r="KNK683" s="613"/>
      <c r="KNL683" s="613"/>
      <c r="KNM683" s="613"/>
      <c r="KNN683" s="613"/>
      <c r="KNO683" s="613"/>
      <c r="KNP683" s="613"/>
      <c r="KNQ683" s="613"/>
      <c r="KNR683" s="613"/>
      <c r="KNS683" s="613"/>
      <c r="KNT683" s="613"/>
      <c r="KNU683" s="613"/>
      <c r="KNV683" s="613"/>
      <c r="KNW683" s="613"/>
      <c r="KNX683" s="613"/>
      <c r="KNY683" s="613"/>
      <c r="KNZ683" s="613"/>
      <c r="KOA683" s="613"/>
      <c r="KOB683" s="613"/>
      <c r="KOC683" s="613"/>
      <c r="KOD683" s="613"/>
      <c r="KOE683" s="613"/>
      <c r="KOF683" s="613"/>
      <c r="KOG683" s="613"/>
      <c r="KOH683" s="613"/>
      <c r="KOI683" s="613"/>
      <c r="KOJ683" s="613"/>
      <c r="KOK683" s="613"/>
      <c r="KOL683" s="613"/>
      <c r="KOM683" s="613"/>
      <c r="KON683" s="613"/>
      <c r="KOO683" s="613"/>
      <c r="KOP683" s="613"/>
      <c r="KOQ683" s="613"/>
      <c r="KOR683" s="613"/>
      <c r="KOS683" s="613"/>
      <c r="KOT683" s="613"/>
      <c r="KOU683" s="613"/>
      <c r="KOV683" s="613"/>
      <c r="KOW683" s="613"/>
      <c r="KOX683" s="613"/>
      <c r="KOY683" s="613"/>
      <c r="KOZ683" s="613"/>
      <c r="KPA683" s="613"/>
      <c r="KPB683" s="613"/>
      <c r="KPC683" s="613"/>
      <c r="KPD683" s="613"/>
      <c r="KPE683" s="613"/>
      <c r="KPF683" s="613"/>
      <c r="KPG683" s="613"/>
      <c r="KPH683" s="613"/>
      <c r="KPI683" s="613"/>
      <c r="KPJ683" s="613"/>
      <c r="KPK683" s="613"/>
      <c r="KPL683" s="613"/>
      <c r="KPM683" s="613"/>
      <c r="KPN683" s="613"/>
      <c r="KPO683" s="613"/>
      <c r="KPP683" s="613"/>
      <c r="KPQ683" s="613"/>
      <c r="KPR683" s="613"/>
      <c r="KPS683" s="613"/>
      <c r="KPT683" s="613"/>
      <c r="KPU683" s="613"/>
      <c r="KPV683" s="613"/>
      <c r="KPW683" s="613"/>
      <c r="KPX683" s="613"/>
      <c r="KPY683" s="613"/>
      <c r="KPZ683" s="613"/>
      <c r="KQA683" s="613"/>
      <c r="KQB683" s="613"/>
      <c r="KQC683" s="613"/>
      <c r="KQD683" s="613"/>
      <c r="KQE683" s="613"/>
      <c r="KQF683" s="613"/>
      <c r="KQG683" s="613"/>
      <c r="KQH683" s="613"/>
      <c r="KQI683" s="613"/>
      <c r="KQJ683" s="613"/>
      <c r="KQK683" s="613"/>
      <c r="KQL683" s="613"/>
      <c r="KQM683" s="613"/>
      <c r="KQN683" s="613"/>
      <c r="KQO683" s="613"/>
      <c r="KQP683" s="613"/>
      <c r="KQQ683" s="613"/>
      <c r="KQR683" s="613"/>
      <c r="KQS683" s="613"/>
      <c r="KQT683" s="613"/>
      <c r="KQU683" s="613"/>
      <c r="KQV683" s="613"/>
      <c r="KQW683" s="613"/>
      <c r="KQX683" s="613"/>
      <c r="KQY683" s="613"/>
      <c r="KQZ683" s="613"/>
      <c r="KRA683" s="613"/>
      <c r="KRB683" s="613"/>
      <c r="KRC683" s="613"/>
      <c r="KRD683" s="613"/>
      <c r="KRE683" s="613"/>
      <c r="KRF683" s="613"/>
      <c r="KRG683" s="613"/>
      <c r="KRH683" s="613"/>
      <c r="KRI683" s="613"/>
      <c r="KRJ683" s="613"/>
      <c r="KRK683" s="613"/>
      <c r="KRL683" s="613"/>
      <c r="KRM683" s="613"/>
      <c r="KRN683" s="613"/>
      <c r="KRO683" s="613"/>
      <c r="KRP683" s="613"/>
      <c r="KRQ683" s="613"/>
      <c r="KRR683" s="613"/>
      <c r="KRS683" s="613"/>
      <c r="KRT683" s="613"/>
      <c r="KRU683" s="613"/>
      <c r="KRV683" s="613"/>
      <c r="KRW683" s="613"/>
      <c r="KRX683" s="613"/>
      <c r="KRY683" s="613"/>
      <c r="KRZ683" s="613"/>
      <c r="KSA683" s="613"/>
      <c r="KSB683" s="613"/>
      <c r="KSC683" s="613"/>
      <c r="KSD683" s="613"/>
      <c r="KSE683" s="613"/>
      <c r="KSF683" s="613"/>
      <c r="KSG683" s="613"/>
      <c r="KSH683" s="613"/>
      <c r="KSI683" s="613"/>
      <c r="KSJ683" s="613"/>
      <c r="KSK683" s="613"/>
      <c r="KSL683" s="613"/>
      <c r="KSM683" s="613"/>
      <c r="KSN683" s="613"/>
      <c r="KSO683" s="613"/>
      <c r="KSP683" s="613"/>
      <c r="KSQ683" s="613"/>
      <c r="KSR683" s="613"/>
      <c r="KSS683" s="613"/>
      <c r="KST683" s="613"/>
      <c r="KSU683" s="613"/>
      <c r="KSV683" s="613"/>
      <c r="KSW683" s="613"/>
      <c r="KSX683" s="613"/>
      <c r="KSY683" s="613"/>
      <c r="KSZ683" s="613"/>
      <c r="KTA683" s="613"/>
      <c r="KTB683" s="613"/>
      <c r="KTC683" s="613"/>
      <c r="KTD683" s="613"/>
      <c r="KTE683" s="613"/>
      <c r="KTF683" s="613"/>
      <c r="KTG683" s="613"/>
      <c r="KTH683" s="613"/>
      <c r="KTI683" s="613"/>
      <c r="KTJ683" s="613"/>
      <c r="KTK683" s="613"/>
      <c r="KTL683" s="613"/>
      <c r="KTM683" s="613"/>
      <c r="KTN683" s="613"/>
      <c r="KTO683" s="613"/>
      <c r="KTP683" s="613"/>
      <c r="KTQ683" s="613"/>
      <c r="KTR683" s="613"/>
      <c r="KTS683" s="613"/>
      <c r="KTT683" s="613"/>
      <c r="KTU683" s="613"/>
      <c r="KTV683" s="613"/>
      <c r="KTW683" s="613"/>
      <c r="KTX683" s="613"/>
      <c r="KTY683" s="613"/>
      <c r="KTZ683" s="613"/>
      <c r="KUA683" s="613"/>
      <c r="KUB683" s="613"/>
      <c r="KUC683" s="613"/>
      <c r="KUD683" s="613"/>
      <c r="KUE683" s="613"/>
      <c r="KUF683" s="613"/>
      <c r="KUG683" s="613"/>
      <c r="KUH683" s="613"/>
      <c r="KUI683" s="613"/>
      <c r="KUJ683" s="613"/>
      <c r="KUK683" s="613"/>
      <c r="KUL683" s="613"/>
      <c r="KUM683" s="613"/>
      <c r="KUN683" s="613"/>
      <c r="KUO683" s="613"/>
      <c r="KUP683" s="613"/>
      <c r="KUQ683" s="613"/>
      <c r="KUR683" s="613"/>
      <c r="KUS683" s="613"/>
      <c r="KUT683" s="613"/>
      <c r="KUU683" s="613"/>
      <c r="KUV683" s="613"/>
      <c r="KUW683" s="613"/>
      <c r="KUX683" s="613"/>
      <c r="KUY683" s="613"/>
      <c r="KUZ683" s="613"/>
      <c r="KVA683" s="613"/>
      <c r="KVB683" s="613"/>
      <c r="KVC683" s="613"/>
      <c r="KVD683" s="613"/>
      <c r="KVE683" s="613"/>
      <c r="KVF683" s="613"/>
      <c r="KVG683" s="613"/>
      <c r="KVH683" s="613"/>
      <c r="KVI683" s="613"/>
      <c r="KVJ683" s="613"/>
      <c r="KVK683" s="613"/>
      <c r="KVL683" s="613"/>
      <c r="KVM683" s="613"/>
      <c r="KVN683" s="613"/>
      <c r="KVO683" s="613"/>
      <c r="KVP683" s="613"/>
      <c r="KVQ683" s="613"/>
      <c r="KVR683" s="613"/>
      <c r="KVS683" s="613"/>
      <c r="KVT683" s="613"/>
      <c r="KVU683" s="613"/>
      <c r="KVV683" s="613"/>
      <c r="KVW683" s="613"/>
      <c r="KVX683" s="613"/>
      <c r="KVY683" s="613"/>
      <c r="KVZ683" s="613"/>
      <c r="KWA683" s="613"/>
      <c r="KWB683" s="613"/>
      <c r="KWC683" s="613"/>
      <c r="KWD683" s="613"/>
      <c r="KWE683" s="613"/>
      <c r="KWF683" s="613"/>
      <c r="KWG683" s="613"/>
      <c r="KWH683" s="613"/>
      <c r="KWI683" s="613"/>
      <c r="KWJ683" s="613"/>
      <c r="KWK683" s="613"/>
      <c r="KWL683" s="613"/>
      <c r="KWM683" s="613"/>
      <c r="KWN683" s="613"/>
      <c r="KWO683" s="613"/>
      <c r="KWP683" s="613"/>
      <c r="KWQ683" s="613"/>
      <c r="KWR683" s="613"/>
      <c r="KWS683" s="613"/>
      <c r="KWT683" s="613"/>
      <c r="KWU683" s="613"/>
      <c r="KWV683" s="613"/>
      <c r="KWW683" s="613"/>
      <c r="KWX683" s="613"/>
      <c r="KWY683" s="613"/>
      <c r="KWZ683" s="613"/>
      <c r="KXA683" s="613"/>
      <c r="KXB683" s="613"/>
      <c r="KXC683" s="613"/>
      <c r="KXD683" s="613"/>
      <c r="KXE683" s="613"/>
      <c r="KXF683" s="613"/>
      <c r="KXG683" s="613"/>
      <c r="KXH683" s="613"/>
      <c r="KXI683" s="613"/>
      <c r="KXJ683" s="613"/>
      <c r="KXK683" s="613"/>
      <c r="KXL683" s="613"/>
      <c r="KXM683" s="613"/>
      <c r="KXN683" s="613"/>
      <c r="KXO683" s="613"/>
      <c r="KXP683" s="613"/>
      <c r="KXQ683" s="613"/>
      <c r="KXR683" s="613"/>
      <c r="KXS683" s="613"/>
      <c r="KXT683" s="613"/>
      <c r="KXU683" s="613"/>
      <c r="KXV683" s="613"/>
      <c r="KXW683" s="613"/>
      <c r="KXX683" s="613"/>
      <c r="KXY683" s="613"/>
      <c r="KXZ683" s="613"/>
      <c r="KYA683" s="613"/>
      <c r="KYB683" s="613"/>
      <c r="KYC683" s="613"/>
      <c r="KYD683" s="613"/>
      <c r="KYE683" s="613"/>
      <c r="KYF683" s="613"/>
      <c r="KYG683" s="613"/>
      <c r="KYH683" s="613"/>
      <c r="KYI683" s="613"/>
      <c r="KYJ683" s="613"/>
      <c r="KYK683" s="613"/>
      <c r="KYL683" s="613"/>
      <c r="KYM683" s="613"/>
      <c r="KYN683" s="613"/>
      <c r="KYO683" s="613"/>
      <c r="KYP683" s="613"/>
      <c r="KYQ683" s="613"/>
      <c r="KYR683" s="613"/>
      <c r="KYS683" s="613"/>
      <c r="KYT683" s="613"/>
      <c r="KYU683" s="613"/>
      <c r="KYV683" s="613"/>
      <c r="KYW683" s="613"/>
      <c r="KYX683" s="613"/>
      <c r="KYY683" s="613"/>
      <c r="KYZ683" s="613"/>
      <c r="KZA683" s="613"/>
      <c r="KZB683" s="613"/>
      <c r="KZC683" s="613"/>
      <c r="KZD683" s="613"/>
      <c r="KZE683" s="613"/>
      <c r="KZF683" s="613"/>
      <c r="KZG683" s="613"/>
      <c r="KZH683" s="613"/>
      <c r="KZI683" s="613"/>
      <c r="KZJ683" s="613"/>
      <c r="KZK683" s="613"/>
      <c r="KZL683" s="613"/>
      <c r="KZM683" s="613"/>
      <c r="KZN683" s="613"/>
      <c r="KZO683" s="613"/>
      <c r="KZP683" s="613"/>
      <c r="KZQ683" s="613"/>
      <c r="KZR683" s="613"/>
      <c r="KZS683" s="613"/>
      <c r="KZT683" s="613"/>
      <c r="KZU683" s="613"/>
      <c r="KZV683" s="613"/>
      <c r="KZW683" s="613"/>
      <c r="KZX683" s="613"/>
      <c r="KZY683" s="613"/>
      <c r="KZZ683" s="613"/>
      <c r="LAA683" s="613"/>
      <c r="LAB683" s="613"/>
      <c r="LAC683" s="613"/>
      <c r="LAD683" s="613"/>
      <c r="LAE683" s="613"/>
      <c r="LAF683" s="613"/>
      <c r="LAG683" s="613"/>
      <c r="LAH683" s="613"/>
      <c r="LAI683" s="613"/>
      <c r="LAJ683" s="613"/>
      <c r="LAK683" s="613"/>
      <c r="LAL683" s="613"/>
      <c r="LAM683" s="613"/>
      <c r="LAN683" s="613"/>
      <c r="LAO683" s="613"/>
      <c r="LAP683" s="613"/>
      <c r="LAQ683" s="613"/>
      <c r="LAR683" s="613"/>
      <c r="LAS683" s="613"/>
      <c r="LAT683" s="613"/>
      <c r="LAU683" s="613"/>
      <c r="LAV683" s="613"/>
      <c r="LAW683" s="613"/>
      <c r="LAX683" s="613"/>
      <c r="LAY683" s="613"/>
      <c r="LAZ683" s="613"/>
      <c r="LBA683" s="613"/>
      <c r="LBB683" s="613"/>
      <c r="LBC683" s="613"/>
      <c r="LBD683" s="613"/>
      <c r="LBE683" s="613"/>
      <c r="LBF683" s="613"/>
      <c r="LBG683" s="613"/>
      <c r="LBH683" s="613"/>
      <c r="LBI683" s="613"/>
      <c r="LBJ683" s="613"/>
      <c r="LBK683" s="613"/>
      <c r="LBL683" s="613"/>
      <c r="LBM683" s="613"/>
      <c r="LBN683" s="613"/>
      <c r="LBO683" s="613"/>
      <c r="LBP683" s="613"/>
      <c r="LBQ683" s="613"/>
      <c r="LBR683" s="613"/>
      <c r="LBS683" s="613"/>
      <c r="LBT683" s="613"/>
      <c r="LBU683" s="613"/>
      <c r="LBV683" s="613"/>
      <c r="LBW683" s="613"/>
      <c r="LBX683" s="613"/>
      <c r="LBY683" s="613"/>
      <c r="LBZ683" s="613"/>
      <c r="LCA683" s="613"/>
      <c r="LCB683" s="613"/>
      <c r="LCC683" s="613"/>
      <c r="LCD683" s="613"/>
      <c r="LCE683" s="613"/>
      <c r="LCF683" s="613"/>
      <c r="LCG683" s="613"/>
      <c r="LCH683" s="613"/>
      <c r="LCI683" s="613"/>
      <c r="LCJ683" s="613"/>
      <c r="LCK683" s="613"/>
      <c r="LCL683" s="613"/>
      <c r="LCM683" s="613"/>
      <c r="LCN683" s="613"/>
      <c r="LCO683" s="613"/>
      <c r="LCP683" s="613"/>
      <c r="LCQ683" s="613"/>
      <c r="LCR683" s="613"/>
      <c r="LCS683" s="613"/>
      <c r="LCT683" s="613"/>
      <c r="LCU683" s="613"/>
      <c r="LCV683" s="613"/>
      <c r="LCW683" s="613"/>
      <c r="LCX683" s="613"/>
      <c r="LCY683" s="613"/>
      <c r="LCZ683" s="613"/>
      <c r="LDA683" s="613"/>
      <c r="LDB683" s="613"/>
      <c r="LDC683" s="613"/>
      <c r="LDD683" s="613"/>
      <c r="LDE683" s="613"/>
      <c r="LDF683" s="613"/>
      <c r="LDG683" s="613"/>
      <c r="LDH683" s="613"/>
      <c r="LDI683" s="613"/>
      <c r="LDJ683" s="613"/>
      <c r="LDK683" s="613"/>
      <c r="LDL683" s="613"/>
      <c r="LDM683" s="613"/>
      <c r="LDN683" s="613"/>
      <c r="LDO683" s="613"/>
      <c r="LDP683" s="613"/>
      <c r="LDQ683" s="613"/>
      <c r="LDR683" s="613"/>
      <c r="LDS683" s="613"/>
      <c r="LDT683" s="613"/>
      <c r="LDU683" s="613"/>
      <c r="LDV683" s="613"/>
      <c r="LDW683" s="613"/>
      <c r="LDX683" s="613"/>
      <c r="LDY683" s="613"/>
      <c r="LDZ683" s="613"/>
      <c r="LEA683" s="613"/>
      <c r="LEB683" s="613"/>
      <c r="LEC683" s="613"/>
      <c r="LED683" s="613"/>
      <c r="LEE683" s="613"/>
      <c r="LEF683" s="613"/>
      <c r="LEG683" s="613"/>
      <c r="LEH683" s="613"/>
      <c r="LEI683" s="613"/>
      <c r="LEJ683" s="613"/>
      <c r="LEK683" s="613"/>
      <c r="LEL683" s="613"/>
      <c r="LEM683" s="613"/>
      <c r="LEN683" s="613"/>
      <c r="LEO683" s="613"/>
      <c r="LEP683" s="613"/>
      <c r="LEQ683" s="613"/>
      <c r="LER683" s="613"/>
      <c r="LES683" s="613"/>
      <c r="LET683" s="613"/>
      <c r="LEU683" s="613"/>
      <c r="LEV683" s="613"/>
      <c r="LEW683" s="613"/>
      <c r="LEX683" s="613"/>
      <c r="LEY683" s="613"/>
      <c r="LEZ683" s="613"/>
      <c r="LFA683" s="613"/>
      <c r="LFB683" s="613"/>
      <c r="LFC683" s="613"/>
      <c r="LFD683" s="613"/>
      <c r="LFE683" s="613"/>
      <c r="LFF683" s="613"/>
      <c r="LFG683" s="613"/>
      <c r="LFH683" s="613"/>
      <c r="LFI683" s="613"/>
      <c r="LFJ683" s="613"/>
      <c r="LFK683" s="613"/>
      <c r="LFL683" s="613"/>
      <c r="LFM683" s="613"/>
      <c r="LFN683" s="613"/>
      <c r="LFO683" s="613"/>
      <c r="LFP683" s="613"/>
      <c r="LFQ683" s="613"/>
      <c r="LFR683" s="613"/>
      <c r="LFS683" s="613"/>
      <c r="LFT683" s="613"/>
      <c r="LFU683" s="613"/>
      <c r="LFV683" s="613"/>
      <c r="LFW683" s="613"/>
      <c r="LFX683" s="613"/>
      <c r="LFY683" s="613"/>
      <c r="LFZ683" s="613"/>
      <c r="LGA683" s="613"/>
      <c r="LGB683" s="613"/>
      <c r="LGC683" s="613"/>
      <c r="LGD683" s="613"/>
      <c r="LGE683" s="613"/>
      <c r="LGF683" s="613"/>
      <c r="LGG683" s="613"/>
      <c r="LGH683" s="613"/>
      <c r="LGI683" s="613"/>
      <c r="LGJ683" s="613"/>
      <c r="LGK683" s="613"/>
      <c r="LGL683" s="613"/>
      <c r="LGM683" s="613"/>
      <c r="LGN683" s="613"/>
      <c r="LGO683" s="613"/>
      <c r="LGP683" s="613"/>
      <c r="LGQ683" s="613"/>
      <c r="LGR683" s="613"/>
      <c r="LGS683" s="613"/>
      <c r="LGT683" s="613"/>
      <c r="LGU683" s="613"/>
      <c r="LGV683" s="613"/>
      <c r="LGW683" s="613"/>
      <c r="LGX683" s="613"/>
      <c r="LGY683" s="613"/>
      <c r="LGZ683" s="613"/>
      <c r="LHA683" s="613"/>
      <c r="LHB683" s="613"/>
      <c r="LHC683" s="613"/>
      <c r="LHD683" s="613"/>
      <c r="LHE683" s="613"/>
      <c r="LHF683" s="613"/>
      <c r="LHG683" s="613"/>
      <c r="LHH683" s="613"/>
      <c r="LHI683" s="613"/>
      <c r="LHJ683" s="613"/>
      <c r="LHK683" s="613"/>
      <c r="LHL683" s="613"/>
      <c r="LHM683" s="613"/>
      <c r="LHN683" s="613"/>
      <c r="LHO683" s="613"/>
      <c r="LHP683" s="613"/>
      <c r="LHQ683" s="613"/>
      <c r="LHR683" s="613"/>
      <c r="LHS683" s="613"/>
      <c r="LHT683" s="613"/>
      <c r="LHU683" s="613"/>
      <c r="LHV683" s="613"/>
      <c r="LHW683" s="613"/>
      <c r="LHX683" s="613"/>
      <c r="LHY683" s="613"/>
      <c r="LHZ683" s="613"/>
      <c r="LIA683" s="613"/>
      <c r="LIB683" s="613"/>
      <c r="LIC683" s="613"/>
      <c r="LID683" s="613"/>
      <c r="LIE683" s="613"/>
      <c r="LIF683" s="613"/>
      <c r="LIG683" s="613"/>
      <c r="LIH683" s="613"/>
      <c r="LII683" s="613"/>
      <c r="LIJ683" s="613"/>
      <c r="LIK683" s="613"/>
      <c r="LIL683" s="613"/>
      <c r="LIM683" s="613"/>
      <c r="LIN683" s="613"/>
      <c r="LIO683" s="613"/>
      <c r="LIP683" s="613"/>
      <c r="LIQ683" s="613"/>
      <c r="LIR683" s="613"/>
      <c r="LIS683" s="613"/>
      <c r="LIT683" s="613"/>
      <c r="LIU683" s="613"/>
      <c r="LIV683" s="613"/>
      <c r="LIW683" s="613"/>
      <c r="LIX683" s="613"/>
      <c r="LIY683" s="613"/>
      <c r="LIZ683" s="613"/>
      <c r="LJA683" s="613"/>
      <c r="LJB683" s="613"/>
      <c r="LJC683" s="613"/>
      <c r="LJD683" s="613"/>
      <c r="LJE683" s="613"/>
      <c r="LJF683" s="613"/>
      <c r="LJG683" s="613"/>
      <c r="LJH683" s="613"/>
      <c r="LJI683" s="613"/>
      <c r="LJJ683" s="613"/>
      <c r="LJK683" s="613"/>
      <c r="LJL683" s="613"/>
      <c r="LJM683" s="613"/>
      <c r="LJN683" s="613"/>
      <c r="LJO683" s="613"/>
      <c r="LJP683" s="613"/>
      <c r="LJQ683" s="613"/>
      <c r="LJR683" s="613"/>
      <c r="LJS683" s="613"/>
      <c r="LJT683" s="613"/>
      <c r="LJU683" s="613"/>
      <c r="LJV683" s="613"/>
      <c r="LJW683" s="613"/>
      <c r="LJX683" s="613"/>
      <c r="LJY683" s="613"/>
      <c r="LJZ683" s="613"/>
      <c r="LKA683" s="613"/>
      <c r="LKB683" s="613"/>
      <c r="LKC683" s="613"/>
      <c r="LKD683" s="613"/>
      <c r="LKE683" s="613"/>
      <c r="LKF683" s="613"/>
      <c r="LKG683" s="613"/>
      <c r="LKH683" s="613"/>
      <c r="LKI683" s="613"/>
      <c r="LKJ683" s="613"/>
      <c r="LKK683" s="613"/>
      <c r="LKL683" s="613"/>
      <c r="LKM683" s="613"/>
      <c r="LKN683" s="613"/>
      <c r="LKO683" s="613"/>
      <c r="LKP683" s="613"/>
      <c r="LKQ683" s="613"/>
      <c r="LKR683" s="613"/>
      <c r="LKS683" s="613"/>
      <c r="LKT683" s="613"/>
      <c r="LKU683" s="613"/>
      <c r="LKV683" s="613"/>
      <c r="LKW683" s="613"/>
      <c r="LKX683" s="613"/>
      <c r="LKY683" s="613"/>
      <c r="LKZ683" s="613"/>
      <c r="LLA683" s="613"/>
      <c r="LLB683" s="613"/>
      <c r="LLC683" s="613"/>
      <c r="LLD683" s="613"/>
      <c r="LLE683" s="613"/>
      <c r="LLF683" s="613"/>
      <c r="LLG683" s="613"/>
      <c r="LLH683" s="613"/>
      <c r="LLI683" s="613"/>
      <c r="LLJ683" s="613"/>
      <c r="LLK683" s="613"/>
      <c r="LLL683" s="613"/>
      <c r="LLM683" s="613"/>
      <c r="LLN683" s="613"/>
      <c r="LLO683" s="613"/>
      <c r="LLP683" s="613"/>
      <c r="LLQ683" s="613"/>
      <c r="LLR683" s="613"/>
      <c r="LLS683" s="613"/>
      <c r="LLT683" s="613"/>
      <c r="LLU683" s="613"/>
      <c r="LLV683" s="613"/>
      <c r="LLW683" s="613"/>
      <c r="LLX683" s="613"/>
      <c r="LLY683" s="613"/>
      <c r="LLZ683" s="613"/>
      <c r="LMA683" s="613"/>
      <c r="LMB683" s="613"/>
      <c r="LMC683" s="613"/>
      <c r="LMD683" s="613"/>
      <c r="LME683" s="613"/>
      <c r="LMF683" s="613"/>
      <c r="LMG683" s="613"/>
      <c r="LMH683" s="613"/>
      <c r="LMI683" s="613"/>
      <c r="LMJ683" s="613"/>
      <c r="LMK683" s="613"/>
      <c r="LML683" s="613"/>
      <c r="LMM683" s="613"/>
      <c r="LMN683" s="613"/>
      <c r="LMO683" s="613"/>
      <c r="LMP683" s="613"/>
      <c r="LMQ683" s="613"/>
      <c r="LMR683" s="613"/>
      <c r="LMS683" s="613"/>
      <c r="LMT683" s="613"/>
      <c r="LMU683" s="613"/>
      <c r="LMV683" s="613"/>
      <c r="LMW683" s="613"/>
      <c r="LMX683" s="613"/>
      <c r="LMY683" s="613"/>
      <c r="LMZ683" s="613"/>
      <c r="LNA683" s="613"/>
      <c r="LNB683" s="613"/>
      <c r="LNC683" s="613"/>
      <c r="LND683" s="613"/>
      <c r="LNE683" s="613"/>
      <c r="LNF683" s="613"/>
      <c r="LNG683" s="613"/>
      <c r="LNH683" s="613"/>
      <c r="LNI683" s="613"/>
      <c r="LNJ683" s="613"/>
      <c r="LNK683" s="613"/>
      <c r="LNL683" s="613"/>
      <c r="LNM683" s="613"/>
      <c r="LNN683" s="613"/>
      <c r="LNO683" s="613"/>
      <c r="LNP683" s="613"/>
      <c r="LNQ683" s="613"/>
      <c r="LNR683" s="613"/>
      <c r="LNS683" s="613"/>
      <c r="LNT683" s="613"/>
      <c r="LNU683" s="613"/>
      <c r="LNV683" s="613"/>
      <c r="LNW683" s="613"/>
      <c r="LNX683" s="613"/>
      <c r="LNY683" s="613"/>
      <c r="LNZ683" s="613"/>
      <c r="LOA683" s="613"/>
      <c r="LOB683" s="613"/>
      <c r="LOC683" s="613"/>
      <c r="LOD683" s="613"/>
      <c r="LOE683" s="613"/>
      <c r="LOF683" s="613"/>
      <c r="LOG683" s="613"/>
      <c r="LOH683" s="613"/>
      <c r="LOI683" s="613"/>
      <c r="LOJ683" s="613"/>
      <c r="LOK683" s="613"/>
      <c r="LOL683" s="613"/>
      <c r="LOM683" s="613"/>
      <c r="LON683" s="613"/>
      <c r="LOO683" s="613"/>
      <c r="LOP683" s="613"/>
      <c r="LOQ683" s="613"/>
      <c r="LOR683" s="613"/>
      <c r="LOS683" s="613"/>
      <c r="LOT683" s="613"/>
      <c r="LOU683" s="613"/>
      <c r="LOV683" s="613"/>
      <c r="LOW683" s="613"/>
      <c r="LOX683" s="613"/>
      <c r="LOY683" s="613"/>
      <c r="LOZ683" s="613"/>
      <c r="LPA683" s="613"/>
      <c r="LPB683" s="613"/>
      <c r="LPC683" s="613"/>
      <c r="LPD683" s="613"/>
      <c r="LPE683" s="613"/>
      <c r="LPF683" s="613"/>
      <c r="LPG683" s="613"/>
      <c r="LPH683" s="613"/>
      <c r="LPI683" s="613"/>
      <c r="LPJ683" s="613"/>
      <c r="LPK683" s="613"/>
      <c r="LPL683" s="613"/>
      <c r="LPM683" s="613"/>
      <c r="LPN683" s="613"/>
      <c r="LPO683" s="613"/>
      <c r="LPP683" s="613"/>
      <c r="LPQ683" s="613"/>
      <c r="LPR683" s="613"/>
      <c r="LPS683" s="613"/>
      <c r="LPT683" s="613"/>
      <c r="LPU683" s="613"/>
      <c r="LPV683" s="613"/>
      <c r="LPW683" s="613"/>
      <c r="LPX683" s="613"/>
      <c r="LPY683" s="613"/>
      <c r="LPZ683" s="613"/>
      <c r="LQA683" s="613"/>
      <c r="LQB683" s="613"/>
      <c r="LQC683" s="613"/>
      <c r="LQD683" s="613"/>
      <c r="LQE683" s="613"/>
      <c r="LQF683" s="613"/>
      <c r="LQG683" s="613"/>
      <c r="LQH683" s="613"/>
      <c r="LQI683" s="613"/>
      <c r="LQJ683" s="613"/>
      <c r="LQK683" s="613"/>
      <c r="LQL683" s="613"/>
      <c r="LQM683" s="613"/>
      <c r="LQN683" s="613"/>
      <c r="LQO683" s="613"/>
      <c r="LQP683" s="613"/>
      <c r="LQQ683" s="613"/>
      <c r="LQR683" s="613"/>
      <c r="LQS683" s="613"/>
      <c r="LQT683" s="613"/>
      <c r="LQU683" s="613"/>
      <c r="LQV683" s="613"/>
      <c r="LQW683" s="613"/>
      <c r="LQX683" s="613"/>
      <c r="LQY683" s="613"/>
      <c r="LQZ683" s="613"/>
      <c r="LRA683" s="613"/>
      <c r="LRB683" s="613"/>
      <c r="LRC683" s="613"/>
      <c r="LRD683" s="613"/>
      <c r="LRE683" s="613"/>
      <c r="LRF683" s="613"/>
      <c r="LRG683" s="613"/>
      <c r="LRH683" s="613"/>
      <c r="LRI683" s="613"/>
      <c r="LRJ683" s="613"/>
      <c r="LRK683" s="613"/>
      <c r="LRL683" s="613"/>
      <c r="LRM683" s="613"/>
      <c r="LRN683" s="613"/>
      <c r="LRO683" s="613"/>
      <c r="LRP683" s="613"/>
      <c r="LRQ683" s="613"/>
      <c r="LRR683" s="613"/>
      <c r="LRS683" s="613"/>
      <c r="LRT683" s="613"/>
      <c r="LRU683" s="613"/>
      <c r="LRV683" s="613"/>
      <c r="LRW683" s="613"/>
      <c r="LRX683" s="613"/>
      <c r="LRY683" s="613"/>
      <c r="LRZ683" s="613"/>
      <c r="LSA683" s="613"/>
      <c r="LSB683" s="613"/>
      <c r="LSC683" s="613"/>
      <c r="LSD683" s="613"/>
      <c r="LSE683" s="613"/>
      <c r="LSF683" s="613"/>
      <c r="LSG683" s="613"/>
      <c r="LSH683" s="613"/>
      <c r="LSI683" s="613"/>
      <c r="LSJ683" s="613"/>
      <c r="LSK683" s="613"/>
      <c r="LSL683" s="613"/>
      <c r="LSM683" s="613"/>
      <c r="LSN683" s="613"/>
      <c r="LSO683" s="613"/>
      <c r="LSP683" s="613"/>
      <c r="LSQ683" s="613"/>
      <c r="LSR683" s="613"/>
      <c r="LSS683" s="613"/>
      <c r="LST683" s="613"/>
      <c r="LSU683" s="613"/>
      <c r="LSV683" s="613"/>
      <c r="LSW683" s="613"/>
      <c r="LSX683" s="613"/>
      <c r="LSY683" s="613"/>
      <c r="LSZ683" s="613"/>
      <c r="LTA683" s="613"/>
      <c r="LTB683" s="613"/>
      <c r="LTC683" s="613"/>
      <c r="LTD683" s="613"/>
      <c r="LTE683" s="613"/>
      <c r="LTF683" s="613"/>
      <c r="LTG683" s="613"/>
      <c r="LTH683" s="613"/>
      <c r="LTI683" s="613"/>
      <c r="LTJ683" s="613"/>
      <c r="LTK683" s="613"/>
      <c r="LTL683" s="613"/>
      <c r="LTM683" s="613"/>
      <c r="LTN683" s="613"/>
      <c r="LTO683" s="613"/>
      <c r="LTP683" s="613"/>
      <c r="LTQ683" s="613"/>
      <c r="LTR683" s="613"/>
      <c r="LTS683" s="613"/>
      <c r="LTT683" s="613"/>
      <c r="LTU683" s="613"/>
      <c r="LTV683" s="613"/>
      <c r="LTW683" s="613"/>
      <c r="LTX683" s="613"/>
      <c r="LTY683" s="613"/>
      <c r="LTZ683" s="613"/>
      <c r="LUA683" s="613"/>
      <c r="LUB683" s="613"/>
      <c r="LUC683" s="613"/>
      <c r="LUD683" s="613"/>
      <c r="LUE683" s="613"/>
      <c r="LUF683" s="613"/>
      <c r="LUG683" s="613"/>
      <c r="LUH683" s="613"/>
      <c r="LUI683" s="613"/>
      <c r="LUJ683" s="613"/>
      <c r="LUK683" s="613"/>
      <c r="LUL683" s="613"/>
      <c r="LUM683" s="613"/>
      <c r="LUN683" s="613"/>
      <c r="LUO683" s="613"/>
      <c r="LUP683" s="613"/>
      <c r="LUQ683" s="613"/>
      <c r="LUR683" s="613"/>
      <c r="LUS683" s="613"/>
      <c r="LUT683" s="613"/>
      <c r="LUU683" s="613"/>
      <c r="LUV683" s="613"/>
      <c r="LUW683" s="613"/>
      <c r="LUX683" s="613"/>
      <c r="LUY683" s="613"/>
      <c r="LUZ683" s="613"/>
      <c r="LVA683" s="613"/>
      <c r="LVB683" s="613"/>
      <c r="LVC683" s="613"/>
      <c r="LVD683" s="613"/>
      <c r="LVE683" s="613"/>
      <c r="LVF683" s="613"/>
      <c r="LVG683" s="613"/>
      <c r="LVH683" s="613"/>
      <c r="LVI683" s="613"/>
      <c r="LVJ683" s="613"/>
      <c r="LVK683" s="613"/>
      <c r="LVL683" s="613"/>
      <c r="LVM683" s="613"/>
      <c r="LVN683" s="613"/>
      <c r="LVO683" s="613"/>
      <c r="LVP683" s="613"/>
      <c r="LVQ683" s="613"/>
      <c r="LVR683" s="613"/>
      <c r="LVS683" s="613"/>
      <c r="LVT683" s="613"/>
      <c r="LVU683" s="613"/>
      <c r="LVV683" s="613"/>
      <c r="LVW683" s="613"/>
      <c r="LVX683" s="613"/>
      <c r="LVY683" s="613"/>
      <c r="LVZ683" s="613"/>
      <c r="LWA683" s="613"/>
      <c r="LWB683" s="613"/>
      <c r="LWC683" s="613"/>
      <c r="LWD683" s="613"/>
      <c r="LWE683" s="613"/>
      <c r="LWF683" s="613"/>
      <c r="LWG683" s="613"/>
      <c r="LWH683" s="613"/>
      <c r="LWI683" s="613"/>
      <c r="LWJ683" s="613"/>
      <c r="LWK683" s="613"/>
      <c r="LWL683" s="613"/>
      <c r="LWM683" s="613"/>
      <c r="LWN683" s="613"/>
      <c r="LWO683" s="613"/>
      <c r="LWP683" s="613"/>
      <c r="LWQ683" s="613"/>
      <c r="LWR683" s="613"/>
      <c r="LWS683" s="613"/>
      <c r="LWT683" s="613"/>
      <c r="LWU683" s="613"/>
      <c r="LWV683" s="613"/>
      <c r="LWW683" s="613"/>
      <c r="LWX683" s="613"/>
      <c r="LWY683" s="613"/>
      <c r="LWZ683" s="613"/>
      <c r="LXA683" s="613"/>
      <c r="LXB683" s="613"/>
      <c r="LXC683" s="613"/>
      <c r="LXD683" s="613"/>
      <c r="LXE683" s="613"/>
      <c r="LXF683" s="613"/>
      <c r="LXG683" s="613"/>
      <c r="LXH683" s="613"/>
      <c r="LXI683" s="613"/>
      <c r="LXJ683" s="613"/>
      <c r="LXK683" s="613"/>
      <c r="LXL683" s="613"/>
      <c r="LXM683" s="613"/>
      <c r="LXN683" s="613"/>
      <c r="LXO683" s="613"/>
      <c r="LXP683" s="613"/>
      <c r="LXQ683" s="613"/>
      <c r="LXR683" s="613"/>
      <c r="LXS683" s="613"/>
      <c r="LXT683" s="613"/>
      <c r="LXU683" s="613"/>
      <c r="LXV683" s="613"/>
      <c r="LXW683" s="613"/>
      <c r="LXX683" s="613"/>
      <c r="LXY683" s="613"/>
      <c r="LXZ683" s="613"/>
      <c r="LYA683" s="613"/>
      <c r="LYB683" s="613"/>
      <c r="LYC683" s="613"/>
      <c r="LYD683" s="613"/>
      <c r="LYE683" s="613"/>
      <c r="LYF683" s="613"/>
      <c r="LYG683" s="613"/>
      <c r="LYH683" s="613"/>
      <c r="LYI683" s="613"/>
      <c r="LYJ683" s="613"/>
      <c r="LYK683" s="613"/>
      <c r="LYL683" s="613"/>
      <c r="LYM683" s="613"/>
      <c r="LYN683" s="613"/>
      <c r="LYO683" s="613"/>
      <c r="LYP683" s="613"/>
      <c r="LYQ683" s="613"/>
      <c r="LYR683" s="613"/>
      <c r="LYS683" s="613"/>
      <c r="LYT683" s="613"/>
      <c r="LYU683" s="613"/>
      <c r="LYV683" s="613"/>
      <c r="LYW683" s="613"/>
      <c r="LYX683" s="613"/>
      <c r="LYY683" s="613"/>
      <c r="LYZ683" s="613"/>
      <c r="LZA683" s="613"/>
      <c r="LZB683" s="613"/>
      <c r="LZC683" s="613"/>
      <c r="LZD683" s="613"/>
      <c r="LZE683" s="613"/>
      <c r="LZF683" s="613"/>
      <c r="LZG683" s="613"/>
      <c r="LZH683" s="613"/>
      <c r="LZI683" s="613"/>
      <c r="LZJ683" s="613"/>
      <c r="LZK683" s="613"/>
      <c r="LZL683" s="613"/>
      <c r="LZM683" s="613"/>
      <c r="LZN683" s="613"/>
      <c r="LZO683" s="613"/>
      <c r="LZP683" s="613"/>
      <c r="LZQ683" s="613"/>
      <c r="LZR683" s="613"/>
      <c r="LZS683" s="613"/>
      <c r="LZT683" s="613"/>
      <c r="LZU683" s="613"/>
      <c r="LZV683" s="613"/>
      <c r="LZW683" s="613"/>
      <c r="LZX683" s="613"/>
      <c r="LZY683" s="613"/>
      <c r="LZZ683" s="613"/>
      <c r="MAA683" s="613"/>
      <c r="MAB683" s="613"/>
      <c r="MAC683" s="613"/>
      <c r="MAD683" s="613"/>
      <c r="MAE683" s="613"/>
      <c r="MAF683" s="613"/>
      <c r="MAG683" s="613"/>
      <c r="MAH683" s="613"/>
      <c r="MAI683" s="613"/>
      <c r="MAJ683" s="613"/>
      <c r="MAK683" s="613"/>
      <c r="MAL683" s="613"/>
      <c r="MAM683" s="613"/>
      <c r="MAN683" s="613"/>
      <c r="MAO683" s="613"/>
      <c r="MAP683" s="613"/>
      <c r="MAQ683" s="613"/>
      <c r="MAR683" s="613"/>
      <c r="MAS683" s="613"/>
      <c r="MAT683" s="613"/>
      <c r="MAU683" s="613"/>
      <c r="MAV683" s="613"/>
      <c r="MAW683" s="613"/>
      <c r="MAX683" s="613"/>
      <c r="MAY683" s="613"/>
      <c r="MAZ683" s="613"/>
      <c r="MBA683" s="613"/>
      <c r="MBB683" s="613"/>
      <c r="MBC683" s="613"/>
      <c r="MBD683" s="613"/>
      <c r="MBE683" s="613"/>
      <c r="MBF683" s="613"/>
      <c r="MBG683" s="613"/>
      <c r="MBH683" s="613"/>
      <c r="MBI683" s="613"/>
      <c r="MBJ683" s="613"/>
      <c r="MBK683" s="613"/>
      <c r="MBL683" s="613"/>
      <c r="MBM683" s="613"/>
      <c r="MBN683" s="613"/>
      <c r="MBO683" s="613"/>
      <c r="MBP683" s="613"/>
      <c r="MBQ683" s="613"/>
      <c r="MBR683" s="613"/>
      <c r="MBS683" s="613"/>
      <c r="MBT683" s="613"/>
      <c r="MBU683" s="613"/>
      <c r="MBV683" s="613"/>
      <c r="MBW683" s="613"/>
      <c r="MBX683" s="613"/>
      <c r="MBY683" s="613"/>
      <c r="MBZ683" s="613"/>
      <c r="MCA683" s="613"/>
      <c r="MCB683" s="613"/>
      <c r="MCC683" s="613"/>
      <c r="MCD683" s="613"/>
      <c r="MCE683" s="613"/>
      <c r="MCF683" s="613"/>
      <c r="MCG683" s="613"/>
      <c r="MCH683" s="613"/>
      <c r="MCI683" s="613"/>
      <c r="MCJ683" s="613"/>
      <c r="MCK683" s="613"/>
      <c r="MCL683" s="613"/>
      <c r="MCM683" s="613"/>
      <c r="MCN683" s="613"/>
      <c r="MCO683" s="613"/>
      <c r="MCP683" s="613"/>
      <c r="MCQ683" s="613"/>
      <c r="MCR683" s="613"/>
      <c r="MCS683" s="613"/>
      <c r="MCT683" s="613"/>
      <c r="MCU683" s="613"/>
      <c r="MCV683" s="613"/>
      <c r="MCW683" s="613"/>
      <c r="MCX683" s="613"/>
      <c r="MCY683" s="613"/>
      <c r="MCZ683" s="613"/>
      <c r="MDA683" s="613"/>
      <c r="MDB683" s="613"/>
      <c r="MDC683" s="613"/>
      <c r="MDD683" s="613"/>
      <c r="MDE683" s="613"/>
      <c r="MDF683" s="613"/>
      <c r="MDG683" s="613"/>
      <c r="MDH683" s="613"/>
      <c r="MDI683" s="613"/>
      <c r="MDJ683" s="613"/>
      <c r="MDK683" s="613"/>
      <c r="MDL683" s="613"/>
      <c r="MDM683" s="613"/>
      <c r="MDN683" s="613"/>
      <c r="MDO683" s="613"/>
      <c r="MDP683" s="613"/>
      <c r="MDQ683" s="613"/>
      <c r="MDR683" s="613"/>
      <c r="MDS683" s="613"/>
      <c r="MDT683" s="613"/>
      <c r="MDU683" s="613"/>
      <c r="MDV683" s="613"/>
      <c r="MDW683" s="613"/>
      <c r="MDX683" s="613"/>
      <c r="MDY683" s="613"/>
      <c r="MDZ683" s="613"/>
      <c r="MEA683" s="613"/>
      <c r="MEB683" s="613"/>
      <c r="MEC683" s="613"/>
      <c r="MED683" s="613"/>
      <c r="MEE683" s="613"/>
      <c r="MEF683" s="613"/>
      <c r="MEG683" s="613"/>
      <c r="MEH683" s="613"/>
      <c r="MEI683" s="613"/>
      <c r="MEJ683" s="613"/>
      <c r="MEK683" s="613"/>
      <c r="MEL683" s="613"/>
      <c r="MEM683" s="613"/>
      <c r="MEN683" s="613"/>
      <c r="MEO683" s="613"/>
      <c r="MEP683" s="613"/>
      <c r="MEQ683" s="613"/>
      <c r="MER683" s="613"/>
      <c r="MES683" s="613"/>
      <c r="MET683" s="613"/>
      <c r="MEU683" s="613"/>
      <c r="MEV683" s="613"/>
      <c r="MEW683" s="613"/>
      <c r="MEX683" s="613"/>
      <c r="MEY683" s="613"/>
      <c r="MEZ683" s="613"/>
      <c r="MFA683" s="613"/>
      <c r="MFB683" s="613"/>
      <c r="MFC683" s="613"/>
      <c r="MFD683" s="613"/>
      <c r="MFE683" s="613"/>
      <c r="MFF683" s="613"/>
      <c r="MFG683" s="613"/>
      <c r="MFH683" s="613"/>
      <c r="MFI683" s="613"/>
      <c r="MFJ683" s="613"/>
      <c r="MFK683" s="613"/>
      <c r="MFL683" s="613"/>
      <c r="MFM683" s="613"/>
      <c r="MFN683" s="613"/>
      <c r="MFO683" s="613"/>
      <c r="MFP683" s="613"/>
      <c r="MFQ683" s="613"/>
      <c r="MFR683" s="613"/>
      <c r="MFS683" s="613"/>
      <c r="MFT683" s="613"/>
      <c r="MFU683" s="613"/>
      <c r="MFV683" s="613"/>
      <c r="MFW683" s="613"/>
      <c r="MFX683" s="613"/>
      <c r="MFY683" s="613"/>
      <c r="MFZ683" s="613"/>
      <c r="MGA683" s="613"/>
      <c r="MGB683" s="613"/>
      <c r="MGC683" s="613"/>
      <c r="MGD683" s="613"/>
      <c r="MGE683" s="613"/>
      <c r="MGF683" s="613"/>
      <c r="MGG683" s="613"/>
      <c r="MGH683" s="613"/>
      <c r="MGI683" s="613"/>
      <c r="MGJ683" s="613"/>
      <c r="MGK683" s="613"/>
      <c r="MGL683" s="613"/>
      <c r="MGM683" s="613"/>
      <c r="MGN683" s="613"/>
      <c r="MGO683" s="613"/>
      <c r="MGP683" s="613"/>
      <c r="MGQ683" s="613"/>
      <c r="MGR683" s="613"/>
      <c r="MGS683" s="613"/>
      <c r="MGT683" s="613"/>
      <c r="MGU683" s="613"/>
      <c r="MGV683" s="613"/>
      <c r="MGW683" s="613"/>
      <c r="MGX683" s="613"/>
      <c r="MGY683" s="613"/>
      <c r="MGZ683" s="613"/>
      <c r="MHA683" s="613"/>
      <c r="MHB683" s="613"/>
      <c r="MHC683" s="613"/>
      <c r="MHD683" s="613"/>
      <c r="MHE683" s="613"/>
      <c r="MHF683" s="613"/>
      <c r="MHG683" s="613"/>
      <c r="MHH683" s="613"/>
      <c r="MHI683" s="613"/>
      <c r="MHJ683" s="613"/>
      <c r="MHK683" s="613"/>
      <c r="MHL683" s="613"/>
      <c r="MHM683" s="613"/>
      <c r="MHN683" s="613"/>
      <c r="MHO683" s="613"/>
      <c r="MHP683" s="613"/>
      <c r="MHQ683" s="613"/>
      <c r="MHR683" s="613"/>
      <c r="MHS683" s="613"/>
      <c r="MHT683" s="613"/>
      <c r="MHU683" s="613"/>
      <c r="MHV683" s="613"/>
      <c r="MHW683" s="613"/>
      <c r="MHX683" s="613"/>
      <c r="MHY683" s="613"/>
      <c r="MHZ683" s="613"/>
      <c r="MIA683" s="613"/>
      <c r="MIB683" s="613"/>
      <c r="MIC683" s="613"/>
      <c r="MID683" s="613"/>
      <c r="MIE683" s="613"/>
      <c r="MIF683" s="613"/>
      <c r="MIG683" s="613"/>
      <c r="MIH683" s="613"/>
      <c r="MII683" s="613"/>
      <c r="MIJ683" s="613"/>
      <c r="MIK683" s="613"/>
      <c r="MIL683" s="613"/>
      <c r="MIM683" s="613"/>
      <c r="MIN683" s="613"/>
      <c r="MIO683" s="613"/>
      <c r="MIP683" s="613"/>
      <c r="MIQ683" s="613"/>
      <c r="MIR683" s="613"/>
      <c r="MIS683" s="613"/>
      <c r="MIT683" s="613"/>
      <c r="MIU683" s="613"/>
      <c r="MIV683" s="613"/>
      <c r="MIW683" s="613"/>
      <c r="MIX683" s="613"/>
      <c r="MIY683" s="613"/>
      <c r="MIZ683" s="613"/>
      <c r="MJA683" s="613"/>
      <c r="MJB683" s="613"/>
      <c r="MJC683" s="613"/>
      <c r="MJD683" s="613"/>
      <c r="MJE683" s="613"/>
      <c r="MJF683" s="613"/>
      <c r="MJG683" s="613"/>
      <c r="MJH683" s="613"/>
      <c r="MJI683" s="613"/>
      <c r="MJJ683" s="613"/>
      <c r="MJK683" s="613"/>
      <c r="MJL683" s="613"/>
      <c r="MJM683" s="613"/>
      <c r="MJN683" s="613"/>
      <c r="MJO683" s="613"/>
      <c r="MJP683" s="613"/>
      <c r="MJQ683" s="613"/>
      <c r="MJR683" s="613"/>
      <c r="MJS683" s="613"/>
      <c r="MJT683" s="613"/>
      <c r="MJU683" s="613"/>
      <c r="MJV683" s="613"/>
      <c r="MJW683" s="613"/>
      <c r="MJX683" s="613"/>
      <c r="MJY683" s="613"/>
      <c r="MJZ683" s="613"/>
      <c r="MKA683" s="613"/>
      <c r="MKB683" s="613"/>
      <c r="MKC683" s="613"/>
      <c r="MKD683" s="613"/>
      <c r="MKE683" s="613"/>
      <c r="MKF683" s="613"/>
      <c r="MKG683" s="613"/>
      <c r="MKH683" s="613"/>
      <c r="MKI683" s="613"/>
      <c r="MKJ683" s="613"/>
      <c r="MKK683" s="613"/>
      <c r="MKL683" s="613"/>
      <c r="MKM683" s="613"/>
      <c r="MKN683" s="613"/>
      <c r="MKO683" s="613"/>
      <c r="MKP683" s="613"/>
      <c r="MKQ683" s="613"/>
      <c r="MKR683" s="613"/>
      <c r="MKS683" s="613"/>
      <c r="MKT683" s="613"/>
      <c r="MKU683" s="613"/>
      <c r="MKV683" s="613"/>
      <c r="MKW683" s="613"/>
      <c r="MKX683" s="613"/>
      <c r="MKY683" s="613"/>
      <c r="MKZ683" s="613"/>
      <c r="MLA683" s="613"/>
      <c r="MLB683" s="613"/>
      <c r="MLC683" s="613"/>
      <c r="MLD683" s="613"/>
      <c r="MLE683" s="613"/>
      <c r="MLF683" s="613"/>
      <c r="MLG683" s="613"/>
      <c r="MLH683" s="613"/>
      <c r="MLI683" s="613"/>
      <c r="MLJ683" s="613"/>
      <c r="MLK683" s="613"/>
      <c r="MLL683" s="613"/>
      <c r="MLM683" s="613"/>
      <c r="MLN683" s="613"/>
      <c r="MLO683" s="613"/>
      <c r="MLP683" s="613"/>
      <c r="MLQ683" s="613"/>
      <c r="MLR683" s="613"/>
      <c r="MLS683" s="613"/>
      <c r="MLT683" s="613"/>
      <c r="MLU683" s="613"/>
      <c r="MLV683" s="613"/>
      <c r="MLW683" s="613"/>
      <c r="MLX683" s="613"/>
      <c r="MLY683" s="613"/>
      <c r="MLZ683" s="613"/>
      <c r="MMA683" s="613"/>
      <c r="MMB683" s="613"/>
      <c r="MMC683" s="613"/>
      <c r="MMD683" s="613"/>
      <c r="MME683" s="613"/>
      <c r="MMF683" s="613"/>
      <c r="MMG683" s="613"/>
      <c r="MMH683" s="613"/>
      <c r="MMI683" s="613"/>
      <c r="MMJ683" s="613"/>
      <c r="MMK683" s="613"/>
      <c r="MML683" s="613"/>
      <c r="MMM683" s="613"/>
      <c r="MMN683" s="613"/>
      <c r="MMO683" s="613"/>
      <c r="MMP683" s="613"/>
      <c r="MMQ683" s="613"/>
      <c r="MMR683" s="613"/>
      <c r="MMS683" s="613"/>
      <c r="MMT683" s="613"/>
      <c r="MMU683" s="613"/>
      <c r="MMV683" s="613"/>
      <c r="MMW683" s="613"/>
      <c r="MMX683" s="613"/>
      <c r="MMY683" s="613"/>
      <c r="MMZ683" s="613"/>
      <c r="MNA683" s="613"/>
      <c r="MNB683" s="613"/>
      <c r="MNC683" s="613"/>
      <c r="MND683" s="613"/>
      <c r="MNE683" s="613"/>
      <c r="MNF683" s="613"/>
      <c r="MNG683" s="613"/>
      <c r="MNH683" s="613"/>
      <c r="MNI683" s="613"/>
      <c r="MNJ683" s="613"/>
      <c r="MNK683" s="613"/>
      <c r="MNL683" s="613"/>
      <c r="MNM683" s="613"/>
      <c r="MNN683" s="613"/>
      <c r="MNO683" s="613"/>
      <c r="MNP683" s="613"/>
      <c r="MNQ683" s="613"/>
      <c r="MNR683" s="613"/>
      <c r="MNS683" s="613"/>
      <c r="MNT683" s="613"/>
      <c r="MNU683" s="613"/>
      <c r="MNV683" s="613"/>
      <c r="MNW683" s="613"/>
      <c r="MNX683" s="613"/>
      <c r="MNY683" s="613"/>
      <c r="MNZ683" s="613"/>
      <c r="MOA683" s="613"/>
      <c r="MOB683" s="613"/>
      <c r="MOC683" s="613"/>
      <c r="MOD683" s="613"/>
      <c r="MOE683" s="613"/>
      <c r="MOF683" s="613"/>
      <c r="MOG683" s="613"/>
      <c r="MOH683" s="613"/>
      <c r="MOI683" s="613"/>
      <c r="MOJ683" s="613"/>
      <c r="MOK683" s="613"/>
      <c r="MOL683" s="613"/>
      <c r="MOM683" s="613"/>
      <c r="MON683" s="613"/>
      <c r="MOO683" s="613"/>
      <c r="MOP683" s="613"/>
      <c r="MOQ683" s="613"/>
      <c r="MOR683" s="613"/>
      <c r="MOS683" s="613"/>
      <c r="MOT683" s="613"/>
      <c r="MOU683" s="613"/>
      <c r="MOV683" s="613"/>
      <c r="MOW683" s="613"/>
      <c r="MOX683" s="613"/>
      <c r="MOY683" s="613"/>
      <c r="MOZ683" s="613"/>
      <c r="MPA683" s="613"/>
      <c r="MPB683" s="613"/>
      <c r="MPC683" s="613"/>
      <c r="MPD683" s="613"/>
      <c r="MPE683" s="613"/>
      <c r="MPF683" s="613"/>
      <c r="MPG683" s="613"/>
      <c r="MPH683" s="613"/>
      <c r="MPI683" s="613"/>
      <c r="MPJ683" s="613"/>
      <c r="MPK683" s="613"/>
      <c r="MPL683" s="613"/>
      <c r="MPM683" s="613"/>
      <c r="MPN683" s="613"/>
      <c r="MPO683" s="613"/>
      <c r="MPP683" s="613"/>
      <c r="MPQ683" s="613"/>
      <c r="MPR683" s="613"/>
      <c r="MPS683" s="613"/>
      <c r="MPT683" s="613"/>
      <c r="MPU683" s="613"/>
      <c r="MPV683" s="613"/>
      <c r="MPW683" s="613"/>
      <c r="MPX683" s="613"/>
      <c r="MPY683" s="613"/>
      <c r="MPZ683" s="613"/>
      <c r="MQA683" s="613"/>
      <c r="MQB683" s="613"/>
      <c r="MQC683" s="613"/>
      <c r="MQD683" s="613"/>
      <c r="MQE683" s="613"/>
      <c r="MQF683" s="613"/>
      <c r="MQG683" s="613"/>
      <c r="MQH683" s="613"/>
      <c r="MQI683" s="613"/>
      <c r="MQJ683" s="613"/>
      <c r="MQK683" s="613"/>
      <c r="MQL683" s="613"/>
      <c r="MQM683" s="613"/>
      <c r="MQN683" s="613"/>
      <c r="MQO683" s="613"/>
      <c r="MQP683" s="613"/>
      <c r="MQQ683" s="613"/>
      <c r="MQR683" s="613"/>
      <c r="MQS683" s="613"/>
      <c r="MQT683" s="613"/>
      <c r="MQU683" s="613"/>
      <c r="MQV683" s="613"/>
      <c r="MQW683" s="613"/>
      <c r="MQX683" s="613"/>
      <c r="MQY683" s="613"/>
      <c r="MQZ683" s="613"/>
      <c r="MRA683" s="613"/>
      <c r="MRB683" s="613"/>
      <c r="MRC683" s="613"/>
      <c r="MRD683" s="613"/>
      <c r="MRE683" s="613"/>
      <c r="MRF683" s="613"/>
      <c r="MRG683" s="613"/>
      <c r="MRH683" s="613"/>
      <c r="MRI683" s="613"/>
      <c r="MRJ683" s="613"/>
      <c r="MRK683" s="613"/>
      <c r="MRL683" s="613"/>
      <c r="MRM683" s="613"/>
      <c r="MRN683" s="613"/>
      <c r="MRO683" s="613"/>
      <c r="MRP683" s="613"/>
      <c r="MRQ683" s="613"/>
      <c r="MRR683" s="613"/>
      <c r="MRS683" s="613"/>
      <c r="MRT683" s="613"/>
      <c r="MRU683" s="613"/>
      <c r="MRV683" s="613"/>
      <c r="MRW683" s="613"/>
      <c r="MRX683" s="613"/>
      <c r="MRY683" s="613"/>
      <c r="MRZ683" s="613"/>
      <c r="MSA683" s="613"/>
      <c r="MSB683" s="613"/>
      <c r="MSC683" s="613"/>
      <c r="MSD683" s="613"/>
      <c r="MSE683" s="613"/>
      <c r="MSF683" s="613"/>
      <c r="MSG683" s="613"/>
      <c r="MSH683" s="613"/>
      <c r="MSI683" s="613"/>
      <c r="MSJ683" s="613"/>
      <c r="MSK683" s="613"/>
      <c r="MSL683" s="613"/>
      <c r="MSM683" s="613"/>
      <c r="MSN683" s="613"/>
      <c r="MSO683" s="613"/>
      <c r="MSP683" s="613"/>
      <c r="MSQ683" s="613"/>
      <c r="MSR683" s="613"/>
      <c r="MSS683" s="613"/>
      <c r="MST683" s="613"/>
      <c r="MSU683" s="613"/>
      <c r="MSV683" s="613"/>
      <c r="MSW683" s="613"/>
      <c r="MSX683" s="613"/>
      <c r="MSY683" s="613"/>
      <c r="MSZ683" s="613"/>
      <c r="MTA683" s="613"/>
      <c r="MTB683" s="613"/>
      <c r="MTC683" s="613"/>
      <c r="MTD683" s="613"/>
      <c r="MTE683" s="613"/>
      <c r="MTF683" s="613"/>
      <c r="MTG683" s="613"/>
      <c r="MTH683" s="613"/>
      <c r="MTI683" s="613"/>
      <c r="MTJ683" s="613"/>
      <c r="MTK683" s="613"/>
      <c r="MTL683" s="613"/>
      <c r="MTM683" s="613"/>
      <c r="MTN683" s="613"/>
      <c r="MTO683" s="613"/>
      <c r="MTP683" s="613"/>
      <c r="MTQ683" s="613"/>
      <c r="MTR683" s="613"/>
      <c r="MTS683" s="613"/>
      <c r="MTT683" s="613"/>
      <c r="MTU683" s="613"/>
      <c r="MTV683" s="613"/>
      <c r="MTW683" s="613"/>
      <c r="MTX683" s="613"/>
      <c r="MTY683" s="613"/>
      <c r="MTZ683" s="613"/>
      <c r="MUA683" s="613"/>
      <c r="MUB683" s="613"/>
      <c r="MUC683" s="613"/>
      <c r="MUD683" s="613"/>
      <c r="MUE683" s="613"/>
      <c r="MUF683" s="613"/>
      <c r="MUG683" s="613"/>
      <c r="MUH683" s="613"/>
      <c r="MUI683" s="613"/>
      <c r="MUJ683" s="613"/>
      <c r="MUK683" s="613"/>
      <c r="MUL683" s="613"/>
      <c r="MUM683" s="613"/>
      <c r="MUN683" s="613"/>
      <c r="MUO683" s="613"/>
      <c r="MUP683" s="613"/>
      <c r="MUQ683" s="613"/>
      <c r="MUR683" s="613"/>
      <c r="MUS683" s="613"/>
      <c r="MUT683" s="613"/>
      <c r="MUU683" s="613"/>
      <c r="MUV683" s="613"/>
      <c r="MUW683" s="613"/>
      <c r="MUX683" s="613"/>
      <c r="MUY683" s="613"/>
      <c r="MUZ683" s="613"/>
      <c r="MVA683" s="613"/>
      <c r="MVB683" s="613"/>
      <c r="MVC683" s="613"/>
      <c r="MVD683" s="613"/>
      <c r="MVE683" s="613"/>
      <c r="MVF683" s="613"/>
      <c r="MVG683" s="613"/>
      <c r="MVH683" s="613"/>
      <c r="MVI683" s="613"/>
      <c r="MVJ683" s="613"/>
      <c r="MVK683" s="613"/>
      <c r="MVL683" s="613"/>
      <c r="MVM683" s="613"/>
      <c r="MVN683" s="613"/>
      <c r="MVO683" s="613"/>
      <c r="MVP683" s="613"/>
      <c r="MVQ683" s="613"/>
      <c r="MVR683" s="613"/>
      <c r="MVS683" s="613"/>
      <c r="MVT683" s="613"/>
      <c r="MVU683" s="613"/>
      <c r="MVV683" s="613"/>
      <c r="MVW683" s="613"/>
      <c r="MVX683" s="613"/>
      <c r="MVY683" s="613"/>
      <c r="MVZ683" s="613"/>
      <c r="MWA683" s="613"/>
      <c r="MWB683" s="613"/>
      <c r="MWC683" s="613"/>
      <c r="MWD683" s="613"/>
      <c r="MWE683" s="613"/>
      <c r="MWF683" s="613"/>
      <c r="MWG683" s="613"/>
      <c r="MWH683" s="613"/>
      <c r="MWI683" s="613"/>
      <c r="MWJ683" s="613"/>
      <c r="MWK683" s="613"/>
      <c r="MWL683" s="613"/>
      <c r="MWM683" s="613"/>
      <c r="MWN683" s="613"/>
      <c r="MWO683" s="613"/>
      <c r="MWP683" s="613"/>
      <c r="MWQ683" s="613"/>
      <c r="MWR683" s="613"/>
      <c r="MWS683" s="613"/>
      <c r="MWT683" s="613"/>
      <c r="MWU683" s="613"/>
      <c r="MWV683" s="613"/>
      <c r="MWW683" s="613"/>
      <c r="MWX683" s="613"/>
      <c r="MWY683" s="613"/>
      <c r="MWZ683" s="613"/>
      <c r="MXA683" s="613"/>
      <c r="MXB683" s="613"/>
      <c r="MXC683" s="613"/>
      <c r="MXD683" s="613"/>
      <c r="MXE683" s="613"/>
      <c r="MXF683" s="613"/>
      <c r="MXG683" s="613"/>
      <c r="MXH683" s="613"/>
      <c r="MXI683" s="613"/>
      <c r="MXJ683" s="613"/>
      <c r="MXK683" s="613"/>
      <c r="MXL683" s="613"/>
      <c r="MXM683" s="613"/>
      <c r="MXN683" s="613"/>
      <c r="MXO683" s="613"/>
      <c r="MXP683" s="613"/>
      <c r="MXQ683" s="613"/>
      <c r="MXR683" s="613"/>
      <c r="MXS683" s="613"/>
      <c r="MXT683" s="613"/>
      <c r="MXU683" s="613"/>
      <c r="MXV683" s="613"/>
      <c r="MXW683" s="613"/>
      <c r="MXX683" s="613"/>
      <c r="MXY683" s="613"/>
      <c r="MXZ683" s="613"/>
      <c r="MYA683" s="613"/>
      <c r="MYB683" s="613"/>
      <c r="MYC683" s="613"/>
      <c r="MYD683" s="613"/>
      <c r="MYE683" s="613"/>
      <c r="MYF683" s="613"/>
      <c r="MYG683" s="613"/>
      <c r="MYH683" s="613"/>
      <c r="MYI683" s="613"/>
      <c r="MYJ683" s="613"/>
      <c r="MYK683" s="613"/>
      <c r="MYL683" s="613"/>
      <c r="MYM683" s="613"/>
      <c r="MYN683" s="613"/>
      <c r="MYO683" s="613"/>
      <c r="MYP683" s="613"/>
      <c r="MYQ683" s="613"/>
      <c r="MYR683" s="613"/>
      <c r="MYS683" s="613"/>
      <c r="MYT683" s="613"/>
      <c r="MYU683" s="613"/>
      <c r="MYV683" s="613"/>
      <c r="MYW683" s="613"/>
      <c r="MYX683" s="613"/>
      <c r="MYY683" s="613"/>
      <c r="MYZ683" s="613"/>
      <c r="MZA683" s="613"/>
      <c r="MZB683" s="613"/>
      <c r="MZC683" s="613"/>
      <c r="MZD683" s="613"/>
      <c r="MZE683" s="613"/>
      <c r="MZF683" s="613"/>
      <c r="MZG683" s="613"/>
      <c r="MZH683" s="613"/>
      <c r="MZI683" s="613"/>
      <c r="MZJ683" s="613"/>
      <c r="MZK683" s="613"/>
      <c r="MZL683" s="613"/>
      <c r="MZM683" s="613"/>
      <c r="MZN683" s="613"/>
      <c r="MZO683" s="613"/>
      <c r="MZP683" s="613"/>
      <c r="MZQ683" s="613"/>
      <c r="MZR683" s="613"/>
      <c r="MZS683" s="613"/>
      <c r="MZT683" s="613"/>
      <c r="MZU683" s="613"/>
      <c r="MZV683" s="613"/>
      <c r="MZW683" s="613"/>
      <c r="MZX683" s="613"/>
      <c r="MZY683" s="613"/>
      <c r="MZZ683" s="613"/>
      <c r="NAA683" s="613"/>
      <c r="NAB683" s="613"/>
      <c r="NAC683" s="613"/>
      <c r="NAD683" s="613"/>
      <c r="NAE683" s="613"/>
      <c r="NAF683" s="613"/>
      <c r="NAG683" s="613"/>
      <c r="NAH683" s="613"/>
      <c r="NAI683" s="613"/>
      <c r="NAJ683" s="613"/>
      <c r="NAK683" s="613"/>
      <c r="NAL683" s="613"/>
      <c r="NAM683" s="613"/>
      <c r="NAN683" s="613"/>
      <c r="NAO683" s="613"/>
      <c r="NAP683" s="613"/>
      <c r="NAQ683" s="613"/>
      <c r="NAR683" s="613"/>
      <c r="NAS683" s="613"/>
      <c r="NAT683" s="613"/>
      <c r="NAU683" s="613"/>
      <c r="NAV683" s="613"/>
      <c r="NAW683" s="613"/>
      <c r="NAX683" s="613"/>
      <c r="NAY683" s="613"/>
      <c r="NAZ683" s="613"/>
      <c r="NBA683" s="613"/>
      <c r="NBB683" s="613"/>
      <c r="NBC683" s="613"/>
      <c r="NBD683" s="613"/>
      <c r="NBE683" s="613"/>
      <c r="NBF683" s="613"/>
      <c r="NBG683" s="613"/>
      <c r="NBH683" s="613"/>
      <c r="NBI683" s="613"/>
      <c r="NBJ683" s="613"/>
      <c r="NBK683" s="613"/>
      <c r="NBL683" s="613"/>
      <c r="NBM683" s="613"/>
      <c r="NBN683" s="613"/>
      <c r="NBO683" s="613"/>
      <c r="NBP683" s="613"/>
      <c r="NBQ683" s="613"/>
      <c r="NBR683" s="613"/>
      <c r="NBS683" s="613"/>
      <c r="NBT683" s="613"/>
      <c r="NBU683" s="613"/>
      <c r="NBV683" s="613"/>
      <c r="NBW683" s="613"/>
      <c r="NBX683" s="613"/>
      <c r="NBY683" s="613"/>
      <c r="NBZ683" s="613"/>
      <c r="NCA683" s="613"/>
      <c r="NCB683" s="613"/>
      <c r="NCC683" s="613"/>
      <c r="NCD683" s="613"/>
      <c r="NCE683" s="613"/>
      <c r="NCF683" s="613"/>
      <c r="NCG683" s="613"/>
      <c r="NCH683" s="613"/>
      <c r="NCI683" s="613"/>
      <c r="NCJ683" s="613"/>
      <c r="NCK683" s="613"/>
      <c r="NCL683" s="613"/>
      <c r="NCM683" s="613"/>
      <c r="NCN683" s="613"/>
      <c r="NCO683" s="613"/>
      <c r="NCP683" s="613"/>
      <c r="NCQ683" s="613"/>
      <c r="NCR683" s="613"/>
      <c r="NCS683" s="613"/>
      <c r="NCT683" s="613"/>
      <c r="NCU683" s="613"/>
      <c r="NCV683" s="613"/>
      <c r="NCW683" s="613"/>
      <c r="NCX683" s="613"/>
      <c r="NCY683" s="613"/>
      <c r="NCZ683" s="613"/>
      <c r="NDA683" s="613"/>
      <c r="NDB683" s="613"/>
      <c r="NDC683" s="613"/>
      <c r="NDD683" s="613"/>
      <c r="NDE683" s="613"/>
      <c r="NDF683" s="613"/>
      <c r="NDG683" s="613"/>
      <c r="NDH683" s="613"/>
      <c r="NDI683" s="613"/>
      <c r="NDJ683" s="613"/>
      <c r="NDK683" s="613"/>
      <c r="NDL683" s="613"/>
      <c r="NDM683" s="613"/>
      <c r="NDN683" s="613"/>
      <c r="NDO683" s="613"/>
      <c r="NDP683" s="613"/>
      <c r="NDQ683" s="613"/>
      <c r="NDR683" s="613"/>
      <c r="NDS683" s="613"/>
      <c r="NDT683" s="613"/>
      <c r="NDU683" s="613"/>
      <c r="NDV683" s="613"/>
      <c r="NDW683" s="613"/>
      <c r="NDX683" s="613"/>
      <c r="NDY683" s="613"/>
      <c r="NDZ683" s="613"/>
      <c r="NEA683" s="613"/>
      <c r="NEB683" s="613"/>
      <c r="NEC683" s="613"/>
      <c r="NED683" s="613"/>
      <c r="NEE683" s="613"/>
      <c r="NEF683" s="613"/>
      <c r="NEG683" s="613"/>
      <c r="NEH683" s="613"/>
      <c r="NEI683" s="613"/>
      <c r="NEJ683" s="613"/>
      <c r="NEK683" s="613"/>
      <c r="NEL683" s="613"/>
      <c r="NEM683" s="613"/>
      <c r="NEN683" s="613"/>
      <c r="NEO683" s="613"/>
      <c r="NEP683" s="613"/>
      <c r="NEQ683" s="613"/>
      <c r="NER683" s="613"/>
      <c r="NES683" s="613"/>
      <c r="NET683" s="613"/>
      <c r="NEU683" s="613"/>
      <c r="NEV683" s="613"/>
      <c r="NEW683" s="613"/>
      <c r="NEX683" s="613"/>
      <c r="NEY683" s="613"/>
      <c r="NEZ683" s="613"/>
      <c r="NFA683" s="613"/>
      <c r="NFB683" s="613"/>
      <c r="NFC683" s="613"/>
      <c r="NFD683" s="613"/>
      <c r="NFE683" s="613"/>
      <c r="NFF683" s="613"/>
      <c r="NFG683" s="613"/>
      <c r="NFH683" s="613"/>
      <c r="NFI683" s="613"/>
      <c r="NFJ683" s="613"/>
      <c r="NFK683" s="613"/>
      <c r="NFL683" s="613"/>
      <c r="NFM683" s="613"/>
      <c r="NFN683" s="613"/>
      <c r="NFO683" s="613"/>
      <c r="NFP683" s="613"/>
      <c r="NFQ683" s="613"/>
      <c r="NFR683" s="613"/>
      <c r="NFS683" s="613"/>
      <c r="NFT683" s="613"/>
      <c r="NFU683" s="613"/>
      <c r="NFV683" s="613"/>
      <c r="NFW683" s="613"/>
      <c r="NFX683" s="613"/>
      <c r="NFY683" s="613"/>
      <c r="NFZ683" s="613"/>
      <c r="NGA683" s="613"/>
      <c r="NGB683" s="613"/>
      <c r="NGC683" s="613"/>
      <c r="NGD683" s="613"/>
      <c r="NGE683" s="613"/>
      <c r="NGF683" s="613"/>
      <c r="NGG683" s="613"/>
      <c r="NGH683" s="613"/>
      <c r="NGI683" s="613"/>
      <c r="NGJ683" s="613"/>
      <c r="NGK683" s="613"/>
      <c r="NGL683" s="613"/>
      <c r="NGM683" s="613"/>
      <c r="NGN683" s="613"/>
      <c r="NGO683" s="613"/>
      <c r="NGP683" s="613"/>
      <c r="NGQ683" s="613"/>
      <c r="NGR683" s="613"/>
      <c r="NGS683" s="613"/>
      <c r="NGT683" s="613"/>
      <c r="NGU683" s="613"/>
      <c r="NGV683" s="613"/>
      <c r="NGW683" s="613"/>
      <c r="NGX683" s="613"/>
      <c r="NGY683" s="613"/>
      <c r="NGZ683" s="613"/>
      <c r="NHA683" s="613"/>
      <c r="NHB683" s="613"/>
      <c r="NHC683" s="613"/>
      <c r="NHD683" s="613"/>
      <c r="NHE683" s="613"/>
      <c r="NHF683" s="613"/>
      <c r="NHG683" s="613"/>
      <c r="NHH683" s="613"/>
      <c r="NHI683" s="613"/>
      <c r="NHJ683" s="613"/>
      <c r="NHK683" s="613"/>
      <c r="NHL683" s="613"/>
      <c r="NHM683" s="613"/>
      <c r="NHN683" s="613"/>
      <c r="NHO683" s="613"/>
      <c r="NHP683" s="613"/>
      <c r="NHQ683" s="613"/>
      <c r="NHR683" s="613"/>
      <c r="NHS683" s="613"/>
      <c r="NHT683" s="613"/>
      <c r="NHU683" s="613"/>
      <c r="NHV683" s="613"/>
      <c r="NHW683" s="613"/>
      <c r="NHX683" s="613"/>
      <c r="NHY683" s="613"/>
      <c r="NHZ683" s="613"/>
      <c r="NIA683" s="613"/>
      <c r="NIB683" s="613"/>
      <c r="NIC683" s="613"/>
      <c r="NID683" s="613"/>
      <c r="NIE683" s="613"/>
      <c r="NIF683" s="613"/>
      <c r="NIG683" s="613"/>
      <c r="NIH683" s="613"/>
      <c r="NII683" s="613"/>
      <c r="NIJ683" s="613"/>
      <c r="NIK683" s="613"/>
      <c r="NIL683" s="613"/>
      <c r="NIM683" s="613"/>
      <c r="NIN683" s="613"/>
      <c r="NIO683" s="613"/>
      <c r="NIP683" s="613"/>
      <c r="NIQ683" s="613"/>
      <c r="NIR683" s="613"/>
      <c r="NIS683" s="613"/>
      <c r="NIT683" s="613"/>
      <c r="NIU683" s="613"/>
      <c r="NIV683" s="613"/>
      <c r="NIW683" s="613"/>
      <c r="NIX683" s="613"/>
      <c r="NIY683" s="613"/>
      <c r="NIZ683" s="613"/>
      <c r="NJA683" s="613"/>
      <c r="NJB683" s="613"/>
      <c r="NJC683" s="613"/>
      <c r="NJD683" s="613"/>
      <c r="NJE683" s="613"/>
      <c r="NJF683" s="613"/>
      <c r="NJG683" s="613"/>
      <c r="NJH683" s="613"/>
      <c r="NJI683" s="613"/>
      <c r="NJJ683" s="613"/>
      <c r="NJK683" s="613"/>
      <c r="NJL683" s="613"/>
      <c r="NJM683" s="613"/>
      <c r="NJN683" s="613"/>
      <c r="NJO683" s="613"/>
      <c r="NJP683" s="613"/>
      <c r="NJQ683" s="613"/>
      <c r="NJR683" s="613"/>
      <c r="NJS683" s="613"/>
      <c r="NJT683" s="613"/>
      <c r="NJU683" s="613"/>
      <c r="NJV683" s="613"/>
      <c r="NJW683" s="613"/>
      <c r="NJX683" s="613"/>
      <c r="NJY683" s="613"/>
      <c r="NJZ683" s="613"/>
      <c r="NKA683" s="613"/>
      <c r="NKB683" s="613"/>
      <c r="NKC683" s="613"/>
      <c r="NKD683" s="613"/>
      <c r="NKE683" s="613"/>
      <c r="NKF683" s="613"/>
      <c r="NKG683" s="613"/>
      <c r="NKH683" s="613"/>
      <c r="NKI683" s="613"/>
      <c r="NKJ683" s="613"/>
      <c r="NKK683" s="613"/>
      <c r="NKL683" s="613"/>
      <c r="NKM683" s="613"/>
      <c r="NKN683" s="613"/>
      <c r="NKO683" s="613"/>
      <c r="NKP683" s="613"/>
      <c r="NKQ683" s="613"/>
      <c r="NKR683" s="613"/>
      <c r="NKS683" s="613"/>
      <c r="NKT683" s="613"/>
      <c r="NKU683" s="613"/>
      <c r="NKV683" s="613"/>
      <c r="NKW683" s="613"/>
      <c r="NKX683" s="613"/>
      <c r="NKY683" s="613"/>
      <c r="NKZ683" s="613"/>
      <c r="NLA683" s="613"/>
      <c r="NLB683" s="613"/>
      <c r="NLC683" s="613"/>
      <c r="NLD683" s="613"/>
      <c r="NLE683" s="613"/>
      <c r="NLF683" s="613"/>
      <c r="NLG683" s="613"/>
      <c r="NLH683" s="613"/>
      <c r="NLI683" s="613"/>
      <c r="NLJ683" s="613"/>
      <c r="NLK683" s="613"/>
      <c r="NLL683" s="613"/>
      <c r="NLM683" s="613"/>
      <c r="NLN683" s="613"/>
      <c r="NLO683" s="613"/>
      <c r="NLP683" s="613"/>
      <c r="NLQ683" s="613"/>
      <c r="NLR683" s="613"/>
      <c r="NLS683" s="613"/>
      <c r="NLT683" s="613"/>
      <c r="NLU683" s="613"/>
      <c r="NLV683" s="613"/>
      <c r="NLW683" s="613"/>
      <c r="NLX683" s="613"/>
      <c r="NLY683" s="613"/>
      <c r="NLZ683" s="613"/>
      <c r="NMA683" s="613"/>
      <c r="NMB683" s="613"/>
      <c r="NMC683" s="613"/>
      <c r="NMD683" s="613"/>
      <c r="NME683" s="613"/>
      <c r="NMF683" s="613"/>
      <c r="NMG683" s="613"/>
      <c r="NMH683" s="613"/>
      <c r="NMI683" s="613"/>
      <c r="NMJ683" s="613"/>
      <c r="NMK683" s="613"/>
      <c r="NML683" s="613"/>
      <c r="NMM683" s="613"/>
      <c r="NMN683" s="613"/>
      <c r="NMO683" s="613"/>
      <c r="NMP683" s="613"/>
      <c r="NMQ683" s="613"/>
      <c r="NMR683" s="613"/>
      <c r="NMS683" s="613"/>
      <c r="NMT683" s="613"/>
      <c r="NMU683" s="613"/>
      <c r="NMV683" s="613"/>
      <c r="NMW683" s="613"/>
      <c r="NMX683" s="613"/>
      <c r="NMY683" s="613"/>
      <c r="NMZ683" s="613"/>
      <c r="NNA683" s="613"/>
      <c r="NNB683" s="613"/>
      <c r="NNC683" s="613"/>
      <c r="NND683" s="613"/>
      <c r="NNE683" s="613"/>
      <c r="NNF683" s="613"/>
      <c r="NNG683" s="613"/>
      <c r="NNH683" s="613"/>
      <c r="NNI683" s="613"/>
      <c r="NNJ683" s="613"/>
      <c r="NNK683" s="613"/>
      <c r="NNL683" s="613"/>
      <c r="NNM683" s="613"/>
      <c r="NNN683" s="613"/>
      <c r="NNO683" s="613"/>
      <c r="NNP683" s="613"/>
      <c r="NNQ683" s="613"/>
      <c r="NNR683" s="613"/>
      <c r="NNS683" s="613"/>
      <c r="NNT683" s="613"/>
      <c r="NNU683" s="613"/>
      <c r="NNV683" s="613"/>
      <c r="NNW683" s="613"/>
      <c r="NNX683" s="613"/>
      <c r="NNY683" s="613"/>
      <c r="NNZ683" s="613"/>
      <c r="NOA683" s="613"/>
      <c r="NOB683" s="613"/>
      <c r="NOC683" s="613"/>
      <c r="NOD683" s="613"/>
      <c r="NOE683" s="613"/>
      <c r="NOF683" s="613"/>
      <c r="NOG683" s="613"/>
      <c r="NOH683" s="613"/>
      <c r="NOI683" s="613"/>
      <c r="NOJ683" s="613"/>
      <c r="NOK683" s="613"/>
      <c r="NOL683" s="613"/>
      <c r="NOM683" s="613"/>
      <c r="NON683" s="613"/>
      <c r="NOO683" s="613"/>
      <c r="NOP683" s="613"/>
      <c r="NOQ683" s="613"/>
      <c r="NOR683" s="613"/>
      <c r="NOS683" s="613"/>
      <c r="NOT683" s="613"/>
      <c r="NOU683" s="613"/>
      <c r="NOV683" s="613"/>
      <c r="NOW683" s="613"/>
      <c r="NOX683" s="613"/>
      <c r="NOY683" s="613"/>
      <c r="NOZ683" s="613"/>
      <c r="NPA683" s="613"/>
      <c r="NPB683" s="613"/>
      <c r="NPC683" s="613"/>
      <c r="NPD683" s="613"/>
      <c r="NPE683" s="613"/>
      <c r="NPF683" s="613"/>
      <c r="NPG683" s="613"/>
      <c r="NPH683" s="613"/>
      <c r="NPI683" s="613"/>
      <c r="NPJ683" s="613"/>
      <c r="NPK683" s="613"/>
      <c r="NPL683" s="613"/>
      <c r="NPM683" s="613"/>
      <c r="NPN683" s="613"/>
      <c r="NPO683" s="613"/>
      <c r="NPP683" s="613"/>
      <c r="NPQ683" s="613"/>
      <c r="NPR683" s="613"/>
      <c r="NPS683" s="613"/>
      <c r="NPT683" s="613"/>
      <c r="NPU683" s="613"/>
      <c r="NPV683" s="613"/>
      <c r="NPW683" s="613"/>
      <c r="NPX683" s="613"/>
      <c r="NPY683" s="613"/>
      <c r="NPZ683" s="613"/>
      <c r="NQA683" s="613"/>
      <c r="NQB683" s="613"/>
      <c r="NQC683" s="613"/>
      <c r="NQD683" s="613"/>
      <c r="NQE683" s="613"/>
      <c r="NQF683" s="613"/>
      <c r="NQG683" s="613"/>
      <c r="NQH683" s="613"/>
      <c r="NQI683" s="613"/>
      <c r="NQJ683" s="613"/>
      <c r="NQK683" s="613"/>
      <c r="NQL683" s="613"/>
      <c r="NQM683" s="613"/>
      <c r="NQN683" s="613"/>
      <c r="NQO683" s="613"/>
      <c r="NQP683" s="613"/>
      <c r="NQQ683" s="613"/>
      <c r="NQR683" s="613"/>
      <c r="NQS683" s="613"/>
      <c r="NQT683" s="613"/>
      <c r="NQU683" s="613"/>
      <c r="NQV683" s="613"/>
      <c r="NQW683" s="613"/>
      <c r="NQX683" s="613"/>
      <c r="NQY683" s="613"/>
      <c r="NQZ683" s="613"/>
      <c r="NRA683" s="613"/>
      <c r="NRB683" s="613"/>
      <c r="NRC683" s="613"/>
      <c r="NRD683" s="613"/>
      <c r="NRE683" s="613"/>
      <c r="NRF683" s="613"/>
      <c r="NRG683" s="613"/>
      <c r="NRH683" s="613"/>
      <c r="NRI683" s="613"/>
      <c r="NRJ683" s="613"/>
      <c r="NRK683" s="613"/>
      <c r="NRL683" s="613"/>
      <c r="NRM683" s="613"/>
      <c r="NRN683" s="613"/>
      <c r="NRO683" s="613"/>
      <c r="NRP683" s="613"/>
      <c r="NRQ683" s="613"/>
      <c r="NRR683" s="613"/>
      <c r="NRS683" s="613"/>
      <c r="NRT683" s="613"/>
      <c r="NRU683" s="613"/>
      <c r="NRV683" s="613"/>
      <c r="NRW683" s="613"/>
      <c r="NRX683" s="613"/>
      <c r="NRY683" s="613"/>
      <c r="NRZ683" s="613"/>
      <c r="NSA683" s="613"/>
      <c r="NSB683" s="613"/>
      <c r="NSC683" s="613"/>
      <c r="NSD683" s="613"/>
      <c r="NSE683" s="613"/>
      <c r="NSF683" s="613"/>
      <c r="NSG683" s="613"/>
      <c r="NSH683" s="613"/>
      <c r="NSI683" s="613"/>
      <c r="NSJ683" s="613"/>
      <c r="NSK683" s="613"/>
      <c r="NSL683" s="613"/>
      <c r="NSM683" s="613"/>
      <c r="NSN683" s="613"/>
      <c r="NSO683" s="613"/>
      <c r="NSP683" s="613"/>
      <c r="NSQ683" s="613"/>
      <c r="NSR683" s="613"/>
      <c r="NSS683" s="613"/>
      <c r="NST683" s="613"/>
      <c r="NSU683" s="613"/>
      <c r="NSV683" s="613"/>
      <c r="NSW683" s="613"/>
      <c r="NSX683" s="613"/>
      <c r="NSY683" s="613"/>
      <c r="NSZ683" s="613"/>
      <c r="NTA683" s="613"/>
      <c r="NTB683" s="613"/>
      <c r="NTC683" s="613"/>
      <c r="NTD683" s="613"/>
      <c r="NTE683" s="613"/>
      <c r="NTF683" s="613"/>
      <c r="NTG683" s="613"/>
      <c r="NTH683" s="613"/>
      <c r="NTI683" s="613"/>
      <c r="NTJ683" s="613"/>
      <c r="NTK683" s="613"/>
      <c r="NTL683" s="613"/>
      <c r="NTM683" s="613"/>
      <c r="NTN683" s="613"/>
      <c r="NTO683" s="613"/>
      <c r="NTP683" s="613"/>
      <c r="NTQ683" s="613"/>
      <c r="NTR683" s="613"/>
      <c r="NTS683" s="613"/>
      <c r="NTT683" s="613"/>
      <c r="NTU683" s="613"/>
      <c r="NTV683" s="613"/>
      <c r="NTW683" s="613"/>
      <c r="NTX683" s="613"/>
      <c r="NTY683" s="613"/>
      <c r="NTZ683" s="613"/>
      <c r="NUA683" s="613"/>
      <c r="NUB683" s="613"/>
      <c r="NUC683" s="613"/>
      <c r="NUD683" s="613"/>
      <c r="NUE683" s="613"/>
      <c r="NUF683" s="613"/>
      <c r="NUG683" s="613"/>
      <c r="NUH683" s="613"/>
      <c r="NUI683" s="613"/>
      <c r="NUJ683" s="613"/>
      <c r="NUK683" s="613"/>
      <c r="NUL683" s="613"/>
      <c r="NUM683" s="613"/>
      <c r="NUN683" s="613"/>
      <c r="NUO683" s="613"/>
      <c r="NUP683" s="613"/>
      <c r="NUQ683" s="613"/>
      <c r="NUR683" s="613"/>
      <c r="NUS683" s="613"/>
      <c r="NUT683" s="613"/>
      <c r="NUU683" s="613"/>
      <c r="NUV683" s="613"/>
      <c r="NUW683" s="613"/>
      <c r="NUX683" s="613"/>
      <c r="NUY683" s="613"/>
      <c r="NUZ683" s="613"/>
      <c r="NVA683" s="613"/>
      <c r="NVB683" s="613"/>
      <c r="NVC683" s="613"/>
      <c r="NVD683" s="613"/>
      <c r="NVE683" s="613"/>
      <c r="NVF683" s="613"/>
      <c r="NVG683" s="613"/>
      <c r="NVH683" s="613"/>
      <c r="NVI683" s="613"/>
      <c r="NVJ683" s="613"/>
      <c r="NVK683" s="613"/>
      <c r="NVL683" s="613"/>
      <c r="NVM683" s="613"/>
      <c r="NVN683" s="613"/>
      <c r="NVO683" s="613"/>
      <c r="NVP683" s="613"/>
      <c r="NVQ683" s="613"/>
      <c r="NVR683" s="613"/>
      <c r="NVS683" s="613"/>
      <c r="NVT683" s="613"/>
      <c r="NVU683" s="613"/>
      <c r="NVV683" s="613"/>
      <c r="NVW683" s="613"/>
      <c r="NVX683" s="613"/>
      <c r="NVY683" s="613"/>
      <c r="NVZ683" s="613"/>
      <c r="NWA683" s="613"/>
      <c r="NWB683" s="613"/>
      <c r="NWC683" s="613"/>
      <c r="NWD683" s="613"/>
      <c r="NWE683" s="613"/>
      <c r="NWF683" s="613"/>
      <c r="NWG683" s="613"/>
      <c r="NWH683" s="613"/>
      <c r="NWI683" s="613"/>
      <c r="NWJ683" s="613"/>
      <c r="NWK683" s="613"/>
      <c r="NWL683" s="613"/>
      <c r="NWM683" s="613"/>
      <c r="NWN683" s="613"/>
      <c r="NWO683" s="613"/>
      <c r="NWP683" s="613"/>
      <c r="NWQ683" s="613"/>
      <c r="NWR683" s="613"/>
      <c r="NWS683" s="613"/>
      <c r="NWT683" s="613"/>
      <c r="NWU683" s="613"/>
      <c r="NWV683" s="613"/>
      <c r="NWW683" s="613"/>
      <c r="NWX683" s="613"/>
      <c r="NWY683" s="613"/>
      <c r="NWZ683" s="613"/>
      <c r="NXA683" s="613"/>
      <c r="NXB683" s="613"/>
      <c r="NXC683" s="613"/>
      <c r="NXD683" s="613"/>
      <c r="NXE683" s="613"/>
      <c r="NXF683" s="613"/>
      <c r="NXG683" s="613"/>
      <c r="NXH683" s="613"/>
      <c r="NXI683" s="613"/>
      <c r="NXJ683" s="613"/>
      <c r="NXK683" s="613"/>
      <c r="NXL683" s="613"/>
      <c r="NXM683" s="613"/>
      <c r="NXN683" s="613"/>
      <c r="NXO683" s="613"/>
      <c r="NXP683" s="613"/>
      <c r="NXQ683" s="613"/>
      <c r="NXR683" s="613"/>
      <c r="NXS683" s="613"/>
      <c r="NXT683" s="613"/>
      <c r="NXU683" s="613"/>
      <c r="NXV683" s="613"/>
      <c r="NXW683" s="613"/>
      <c r="NXX683" s="613"/>
      <c r="NXY683" s="613"/>
      <c r="NXZ683" s="613"/>
      <c r="NYA683" s="613"/>
      <c r="NYB683" s="613"/>
      <c r="NYC683" s="613"/>
      <c r="NYD683" s="613"/>
      <c r="NYE683" s="613"/>
      <c r="NYF683" s="613"/>
      <c r="NYG683" s="613"/>
      <c r="NYH683" s="613"/>
      <c r="NYI683" s="613"/>
      <c r="NYJ683" s="613"/>
      <c r="NYK683" s="613"/>
      <c r="NYL683" s="613"/>
      <c r="NYM683" s="613"/>
      <c r="NYN683" s="613"/>
      <c r="NYO683" s="613"/>
      <c r="NYP683" s="613"/>
      <c r="NYQ683" s="613"/>
      <c r="NYR683" s="613"/>
      <c r="NYS683" s="613"/>
      <c r="NYT683" s="613"/>
      <c r="NYU683" s="613"/>
      <c r="NYV683" s="613"/>
      <c r="NYW683" s="613"/>
      <c r="NYX683" s="613"/>
      <c r="NYY683" s="613"/>
      <c r="NYZ683" s="613"/>
      <c r="NZA683" s="613"/>
      <c r="NZB683" s="613"/>
      <c r="NZC683" s="613"/>
      <c r="NZD683" s="613"/>
      <c r="NZE683" s="613"/>
      <c r="NZF683" s="613"/>
      <c r="NZG683" s="613"/>
      <c r="NZH683" s="613"/>
      <c r="NZI683" s="613"/>
      <c r="NZJ683" s="613"/>
      <c r="NZK683" s="613"/>
      <c r="NZL683" s="613"/>
      <c r="NZM683" s="613"/>
      <c r="NZN683" s="613"/>
      <c r="NZO683" s="613"/>
      <c r="NZP683" s="613"/>
      <c r="NZQ683" s="613"/>
      <c r="NZR683" s="613"/>
      <c r="NZS683" s="613"/>
      <c r="NZT683" s="613"/>
      <c r="NZU683" s="613"/>
      <c r="NZV683" s="613"/>
      <c r="NZW683" s="613"/>
      <c r="NZX683" s="613"/>
      <c r="NZY683" s="613"/>
      <c r="NZZ683" s="613"/>
      <c r="OAA683" s="613"/>
      <c r="OAB683" s="613"/>
      <c r="OAC683" s="613"/>
      <c r="OAD683" s="613"/>
      <c r="OAE683" s="613"/>
      <c r="OAF683" s="613"/>
      <c r="OAG683" s="613"/>
      <c r="OAH683" s="613"/>
      <c r="OAI683" s="613"/>
      <c r="OAJ683" s="613"/>
      <c r="OAK683" s="613"/>
      <c r="OAL683" s="613"/>
      <c r="OAM683" s="613"/>
      <c r="OAN683" s="613"/>
      <c r="OAO683" s="613"/>
      <c r="OAP683" s="613"/>
      <c r="OAQ683" s="613"/>
      <c r="OAR683" s="613"/>
      <c r="OAS683" s="613"/>
      <c r="OAT683" s="613"/>
      <c r="OAU683" s="613"/>
      <c r="OAV683" s="613"/>
      <c r="OAW683" s="613"/>
      <c r="OAX683" s="613"/>
      <c r="OAY683" s="613"/>
      <c r="OAZ683" s="613"/>
      <c r="OBA683" s="613"/>
      <c r="OBB683" s="613"/>
      <c r="OBC683" s="613"/>
      <c r="OBD683" s="613"/>
      <c r="OBE683" s="613"/>
      <c r="OBF683" s="613"/>
      <c r="OBG683" s="613"/>
      <c r="OBH683" s="613"/>
      <c r="OBI683" s="613"/>
      <c r="OBJ683" s="613"/>
      <c r="OBK683" s="613"/>
      <c r="OBL683" s="613"/>
      <c r="OBM683" s="613"/>
      <c r="OBN683" s="613"/>
      <c r="OBO683" s="613"/>
      <c r="OBP683" s="613"/>
      <c r="OBQ683" s="613"/>
      <c r="OBR683" s="613"/>
      <c r="OBS683" s="613"/>
      <c r="OBT683" s="613"/>
      <c r="OBU683" s="613"/>
      <c r="OBV683" s="613"/>
      <c r="OBW683" s="613"/>
      <c r="OBX683" s="613"/>
      <c r="OBY683" s="613"/>
      <c r="OBZ683" s="613"/>
      <c r="OCA683" s="613"/>
      <c r="OCB683" s="613"/>
      <c r="OCC683" s="613"/>
      <c r="OCD683" s="613"/>
      <c r="OCE683" s="613"/>
      <c r="OCF683" s="613"/>
      <c r="OCG683" s="613"/>
      <c r="OCH683" s="613"/>
      <c r="OCI683" s="613"/>
      <c r="OCJ683" s="613"/>
      <c r="OCK683" s="613"/>
      <c r="OCL683" s="613"/>
      <c r="OCM683" s="613"/>
      <c r="OCN683" s="613"/>
      <c r="OCO683" s="613"/>
      <c r="OCP683" s="613"/>
      <c r="OCQ683" s="613"/>
      <c r="OCR683" s="613"/>
      <c r="OCS683" s="613"/>
      <c r="OCT683" s="613"/>
      <c r="OCU683" s="613"/>
      <c r="OCV683" s="613"/>
      <c r="OCW683" s="613"/>
      <c r="OCX683" s="613"/>
      <c r="OCY683" s="613"/>
      <c r="OCZ683" s="613"/>
      <c r="ODA683" s="613"/>
      <c r="ODB683" s="613"/>
      <c r="ODC683" s="613"/>
      <c r="ODD683" s="613"/>
      <c r="ODE683" s="613"/>
      <c r="ODF683" s="613"/>
      <c r="ODG683" s="613"/>
      <c r="ODH683" s="613"/>
      <c r="ODI683" s="613"/>
      <c r="ODJ683" s="613"/>
      <c r="ODK683" s="613"/>
      <c r="ODL683" s="613"/>
      <c r="ODM683" s="613"/>
      <c r="ODN683" s="613"/>
      <c r="ODO683" s="613"/>
      <c r="ODP683" s="613"/>
      <c r="ODQ683" s="613"/>
      <c r="ODR683" s="613"/>
      <c r="ODS683" s="613"/>
      <c r="ODT683" s="613"/>
      <c r="ODU683" s="613"/>
      <c r="ODV683" s="613"/>
      <c r="ODW683" s="613"/>
      <c r="ODX683" s="613"/>
      <c r="ODY683" s="613"/>
      <c r="ODZ683" s="613"/>
      <c r="OEA683" s="613"/>
      <c r="OEB683" s="613"/>
      <c r="OEC683" s="613"/>
      <c r="OED683" s="613"/>
      <c r="OEE683" s="613"/>
      <c r="OEF683" s="613"/>
      <c r="OEG683" s="613"/>
      <c r="OEH683" s="613"/>
      <c r="OEI683" s="613"/>
      <c r="OEJ683" s="613"/>
      <c r="OEK683" s="613"/>
      <c r="OEL683" s="613"/>
      <c r="OEM683" s="613"/>
      <c r="OEN683" s="613"/>
      <c r="OEO683" s="613"/>
      <c r="OEP683" s="613"/>
      <c r="OEQ683" s="613"/>
      <c r="OER683" s="613"/>
      <c r="OES683" s="613"/>
      <c r="OET683" s="613"/>
      <c r="OEU683" s="613"/>
      <c r="OEV683" s="613"/>
      <c r="OEW683" s="613"/>
      <c r="OEX683" s="613"/>
      <c r="OEY683" s="613"/>
      <c r="OEZ683" s="613"/>
      <c r="OFA683" s="613"/>
      <c r="OFB683" s="613"/>
      <c r="OFC683" s="613"/>
      <c r="OFD683" s="613"/>
      <c r="OFE683" s="613"/>
      <c r="OFF683" s="613"/>
      <c r="OFG683" s="613"/>
      <c r="OFH683" s="613"/>
      <c r="OFI683" s="613"/>
      <c r="OFJ683" s="613"/>
      <c r="OFK683" s="613"/>
      <c r="OFL683" s="613"/>
      <c r="OFM683" s="613"/>
      <c r="OFN683" s="613"/>
      <c r="OFO683" s="613"/>
      <c r="OFP683" s="613"/>
      <c r="OFQ683" s="613"/>
      <c r="OFR683" s="613"/>
      <c r="OFS683" s="613"/>
      <c r="OFT683" s="613"/>
      <c r="OFU683" s="613"/>
      <c r="OFV683" s="613"/>
      <c r="OFW683" s="613"/>
      <c r="OFX683" s="613"/>
      <c r="OFY683" s="613"/>
      <c r="OFZ683" s="613"/>
      <c r="OGA683" s="613"/>
      <c r="OGB683" s="613"/>
      <c r="OGC683" s="613"/>
      <c r="OGD683" s="613"/>
      <c r="OGE683" s="613"/>
      <c r="OGF683" s="613"/>
      <c r="OGG683" s="613"/>
      <c r="OGH683" s="613"/>
      <c r="OGI683" s="613"/>
      <c r="OGJ683" s="613"/>
      <c r="OGK683" s="613"/>
      <c r="OGL683" s="613"/>
      <c r="OGM683" s="613"/>
      <c r="OGN683" s="613"/>
      <c r="OGO683" s="613"/>
      <c r="OGP683" s="613"/>
      <c r="OGQ683" s="613"/>
      <c r="OGR683" s="613"/>
      <c r="OGS683" s="613"/>
      <c r="OGT683" s="613"/>
      <c r="OGU683" s="613"/>
      <c r="OGV683" s="613"/>
      <c r="OGW683" s="613"/>
      <c r="OGX683" s="613"/>
      <c r="OGY683" s="613"/>
      <c r="OGZ683" s="613"/>
      <c r="OHA683" s="613"/>
      <c r="OHB683" s="613"/>
      <c r="OHC683" s="613"/>
      <c r="OHD683" s="613"/>
      <c r="OHE683" s="613"/>
      <c r="OHF683" s="613"/>
      <c r="OHG683" s="613"/>
      <c r="OHH683" s="613"/>
      <c r="OHI683" s="613"/>
      <c r="OHJ683" s="613"/>
      <c r="OHK683" s="613"/>
      <c r="OHL683" s="613"/>
      <c r="OHM683" s="613"/>
      <c r="OHN683" s="613"/>
      <c r="OHO683" s="613"/>
      <c r="OHP683" s="613"/>
      <c r="OHQ683" s="613"/>
      <c r="OHR683" s="613"/>
      <c r="OHS683" s="613"/>
      <c r="OHT683" s="613"/>
      <c r="OHU683" s="613"/>
      <c r="OHV683" s="613"/>
      <c r="OHW683" s="613"/>
      <c r="OHX683" s="613"/>
      <c r="OHY683" s="613"/>
      <c r="OHZ683" s="613"/>
      <c r="OIA683" s="613"/>
      <c r="OIB683" s="613"/>
      <c r="OIC683" s="613"/>
      <c r="OID683" s="613"/>
      <c r="OIE683" s="613"/>
      <c r="OIF683" s="613"/>
      <c r="OIG683" s="613"/>
      <c r="OIH683" s="613"/>
      <c r="OII683" s="613"/>
      <c r="OIJ683" s="613"/>
      <c r="OIK683" s="613"/>
      <c r="OIL683" s="613"/>
      <c r="OIM683" s="613"/>
      <c r="OIN683" s="613"/>
      <c r="OIO683" s="613"/>
      <c r="OIP683" s="613"/>
      <c r="OIQ683" s="613"/>
      <c r="OIR683" s="613"/>
      <c r="OIS683" s="613"/>
      <c r="OIT683" s="613"/>
      <c r="OIU683" s="613"/>
      <c r="OIV683" s="613"/>
      <c r="OIW683" s="613"/>
      <c r="OIX683" s="613"/>
      <c r="OIY683" s="613"/>
      <c r="OIZ683" s="613"/>
      <c r="OJA683" s="613"/>
      <c r="OJB683" s="613"/>
      <c r="OJC683" s="613"/>
      <c r="OJD683" s="613"/>
      <c r="OJE683" s="613"/>
      <c r="OJF683" s="613"/>
      <c r="OJG683" s="613"/>
      <c r="OJH683" s="613"/>
      <c r="OJI683" s="613"/>
      <c r="OJJ683" s="613"/>
      <c r="OJK683" s="613"/>
      <c r="OJL683" s="613"/>
      <c r="OJM683" s="613"/>
      <c r="OJN683" s="613"/>
      <c r="OJO683" s="613"/>
      <c r="OJP683" s="613"/>
      <c r="OJQ683" s="613"/>
      <c r="OJR683" s="613"/>
      <c r="OJS683" s="613"/>
      <c r="OJT683" s="613"/>
      <c r="OJU683" s="613"/>
      <c r="OJV683" s="613"/>
      <c r="OJW683" s="613"/>
      <c r="OJX683" s="613"/>
      <c r="OJY683" s="613"/>
      <c r="OJZ683" s="613"/>
      <c r="OKA683" s="613"/>
      <c r="OKB683" s="613"/>
      <c r="OKC683" s="613"/>
      <c r="OKD683" s="613"/>
      <c r="OKE683" s="613"/>
      <c r="OKF683" s="613"/>
      <c r="OKG683" s="613"/>
      <c r="OKH683" s="613"/>
      <c r="OKI683" s="613"/>
      <c r="OKJ683" s="613"/>
      <c r="OKK683" s="613"/>
      <c r="OKL683" s="613"/>
      <c r="OKM683" s="613"/>
      <c r="OKN683" s="613"/>
      <c r="OKO683" s="613"/>
      <c r="OKP683" s="613"/>
      <c r="OKQ683" s="613"/>
      <c r="OKR683" s="613"/>
      <c r="OKS683" s="613"/>
      <c r="OKT683" s="613"/>
      <c r="OKU683" s="613"/>
      <c r="OKV683" s="613"/>
      <c r="OKW683" s="613"/>
      <c r="OKX683" s="613"/>
      <c r="OKY683" s="613"/>
      <c r="OKZ683" s="613"/>
      <c r="OLA683" s="613"/>
      <c r="OLB683" s="613"/>
      <c r="OLC683" s="613"/>
      <c r="OLD683" s="613"/>
      <c r="OLE683" s="613"/>
      <c r="OLF683" s="613"/>
      <c r="OLG683" s="613"/>
      <c r="OLH683" s="613"/>
      <c r="OLI683" s="613"/>
      <c r="OLJ683" s="613"/>
      <c r="OLK683" s="613"/>
      <c r="OLL683" s="613"/>
      <c r="OLM683" s="613"/>
      <c r="OLN683" s="613"/>
      <c r="OLO683" s="613"/>
      <c r="OLP683" s="613"/>
      <c r="OLQ683" s="613"/>
      <c r="OLR683" s="613"/>
      <c r="OLS683" s="613"/>
      <c r="OLT683" s="613"/>
      <c r="OLU683" s="613"/>
      <c r="OLV683" s="613"/>
      <c r="OLW683" s="613"/>
      <c r="OLX683" s="613"/>
      <c r="OLY683" s="613"/>
      <c r="OLZ683" s="613"/>
      <c r="OMA683" s="613"/>
      <c r="OMB683" s="613"/>
      <c r="OMC683" s="613"/>
      <c r="OMD683" s="613"/>
      <c r="OME683" s="613"/>
      <c r="OMF683" s="613"/>
      <c r="OMG683" s="613"/>
      <c r="OMH683" s="613"/>
      <c r="OMI683" s="613"/>
      <c r="OMJ683" s="613"/>
      <c r="OMK683" s="613"/>
      <c r="OML683" s="613"/>
      <c r="OMM683" s="613"/>
      <c r="OMN683" s="613"/>
      <c r="OMO683" s="613"/>
      <c r="OMP683" s="613"/>
      <c r="OMQ683" s="613"/>
      <c r="OMR683" s="613"/>
      <c r="OMS683" s="613"/>
      <c r="OMT683" s="613"/>
      <c r="OMU683" s="613"/>
      <c r="OMV683" s="613"/>
      <c r="OMW683" s="613"/>
      <c r="OMX683" s="613"/>
      <c r="OMY683" s="613"/>
      <c r="OMZ683" s="613"/>
      <c r="ONA683" s="613"/>
      <c r="ONB683" s="613"/>
      <c r="ONC683" s="613"/>
      <c r="OND683" s="613"/>
      <c r="ONE683" s="613"/>
      <c r="ONF683" s="613"/>
      <c r="ONG683" s="613"/>
      <c r="ONH683" s="613"/>
      <c r="ONI683" s="613"/>
      <c r="ONJ683" s="613"/>
      <c r="ONK683" s="613"/>
      <c r="ONL683" s="613"/>
      <c r="ONM683" s="613"/>
      <c r="ONN683" s="613"/>
      <c r="ONO683" s="613"/>
      <c r="ONP683" s="613"/>
      <c r="ONQ683" s="613"/>
      <c r="ONR683" s="613"/>
      <c r="ONS683" s="613"/>
      <c r="ONT683" s="613"/>
      <c r="ONU683" s="613"/>
      <c r="ONV683" s="613"/>
      <c r="ONW683" s="613"/>
      <c r="ONX683" s="613"/>
      <c r="ONY683" s="613"/>
      <c r="ONZ683" s="613"/>
      <c r="OOA683" s="613"/>
      <c r="OOB683" s="613"/>
      <c r="OOC683" s="613"/>
      <c r="OOD683" s="613"/>
      <c r="OOE683" s="613"/>
      <c r="OOF683" s="613"/>
      <c r="OOG683" s="613"/>
      <c r="OOH683" s="613"/>
      <c r="OOI683" s="613"/>
      <c r="OOJ683" s="613"/>
      <c r="OOK683" s="613"/>
      <c r="OOL683" s="613"/>
      <c r="OOM683" s="613"/>
      <c r="OON683" s="613"/>
      <c r="OOO683" s="613"/>
      <c r="OOP683" s="613"/>
      <c r="OOQ683" s="613"/>
      <c r="OOR683" s="613"/>
      <c r="OOS683" s="613"/>
      <c r="OOT683" s="613"/>
      <c r="OOU683" s="613"/>
      <c r="OOV683" s="613"/>
      <c r="OOW683" s="613"/>
      <c r="OOX683" s="613"/>
      <c r="OOY683" s="613"/>
      <c r="OOZ683" s="613"/>
      <c r="OPA683" s="613"/>
      <c r="OPB683" s="613"/>
      <c r="OPC683" s="613"/>
      <c r="OPD683" s="613"/>
      <c r="OPE683" s="613"/>
      <c r="OPF683" s="613"/>
      <c r="OPG683" s="613"/>
      <c r="OPH683" s="613"/>
      <c r="OPI683" s="613"/>
      <c r="OPJ683" s="613"/>
      <c r="OPK683" s="613"/>
      <c r="OPL683" s="613"/>
      <c r="OPM683" s="613"/>
      <c r="OPN683" s="613"/>
      <c r="OPO683" s="613"/>
      <c r="OPP683" s="613"/>
      <c r="OPQ683" s="613"/>
      <c r="OPR683" s="613"/>
      <c r="OPS683" s="613"/>
      <c r="OPT683" s="613"/>
      <c r="OPU683" s="613"/>
      <c r="OPV683" s="613"/>
      <c r="OPW683" s="613"/>
      <c r="OPX683" s="613"/>
      <c r="OPY683" s="613"/>
      <c r="OPZ683" s="613"/>
      <c r="OQA683" s="613"/>
      <c r="OQB683" s="613"/>
      <c r="OQC683" s="613"/>
      <c r="OQD683" s="613"/>
      <c r="OQE683" s="613"/>
      <c r="OQF683" s="613"/>
      <c r="OQG683" s="613"/>
      <c r="OQH683" s="613"/>
      <c r="OQI683" s="613"/>
      <c r="OQJ683" s="613"/>
      <c r="OQK683" s="613"/>
      <c r="OQL683" s="613"/>
      <c r="OQM683" s="613"/>
      <c r="OQN683" s="613"/>
      <c r="OQO683" s="613"/>
      <c r="OQP683" s="613"/>
      <c r="OQQ683" s="613"/>
      <c r="OQR683" s="613"/>
      <c r="OQS683" s="613"/>
      <c r="OQT683" s="613"/>
      <c r="OQU683" s="613"/>
      <c r="OQV683" s="613"/>
      <c r="OQW683" s="613"/>
      <c r="OQX683" s="613"/>
      <c r="OQY683" s="613"/>
      <c r="OQZ683" s="613"/>
      <c r="ORA683" s="613"/>
      <c r="ORB683" s="613"/>
      <c r="ORC683" s="613"/>
      <c r="ORD683" s="613"/>
      <c r="ORE683" s="613"/>
      <c r="ORF683" s="613"/>
      <c r="ORG683" s="613"/>
      <c r="ORH683" s="613"/>
      <c r="ORI683" s="613"/>
      <c r="ORJ683" s="613"/>
      <c r="ORK683" s="613"/>
      <c r="ORL683" s="613"/>
      <c r="ORM683" s="613"/>
      <c r="ORN683" s="613"/>
      <c r="ORO683" s="613"/>
      <c r="ORP683" s="613"/>
      <c r="ORQ683" s="613"/>
      <c r="ORR683" s="613"/>
      <c r="ORS683" s="613"/>
      <c r="ORT683" s="613"/>
      <c r="ORU683" s="613"/>
      <c r="ORV683" s="613"/>
      <c r="ORW683" s="613"/>
      <c r="ORX683" s="613"/>
      <c r="ORY683" s="613"/>
      <c r="ORZ683" s="613"/>
      <c r="OSA683" s="613"/>
      <c r="OSB683" s="613"/>
      <c r="OSC683" s="613"/>
      <c r="OSD683" s="613"/>
      <c r="OSE683" s="613"/>
      <c r="OSF683" s="613"/>
      <c r="OSG683" s="613"/>
      <c r="OSH683" s="613"/>
      <c r="OSI683" s="613"/>
      <c r="OSJ683" s="613"/>
      <c r="OSK683" s="613"/>
      <c r="OSL683" s="613"/>
      <c r="OSM683" s="613"/>
      <c r="OSN683" s="613"/>
      <c r="OSO683" s="613"/>
      <c r="OSP683" s="613"/>
      <c r="OSQ683" s="613"/>
      <c r="OSR683" s="613"/>
      <c r="OSS683" s="613"/>
      <c r="OST683" s="613"/>
      <c r="OSU683" s="613"/>
      <c r="OSV683" s="613"/>
      <c r="OSW683" s="613"/>
      <c r="OSX683" s="613"/>
      <c r="OSY683" s="613"/>
      <c r="OSZ683" s="613"/>
      <c r="OTA683" s="613"/>
      <c r="OTB683" s="613"/>
      <c r="OTC683" s="613"/>
      <c r="OTD683" s="613"/>
      <c r="OTE683" s="613"/>
      <c r="OTF683" s="613"/>
      <c r="OTG683" s="613"/>
      <c r="OTH683" s="613"/>
      <c r="OTI683" s="613"/>
      <c r="OTJ683" s="613"/>
      <c r="OTK683" s="613"/>
      <c r="OTL683" s="613"/>
      <c r="OTM683" s="613"/>
      <c r="OTN683" s="613"/>
      <c r="OTO683" s="613"/>
      <c r="OTP683" s="613"/>
      <c r="OTQ683" s="613"/>
      <c r="OTR683" s="613"/>
      <c r="OTS683" s="613"/>
      <c r="OTT683" s="613"/>
      <c r="OTU683" s="613"/>
      <c r="OTV683" s="613"/>
      <c r="OTW683" s="613"/>
      <c r="OTX683" s="613"/>
      <c r="OTY683" s="613"/>
      <c r="OTZ683" s="613"/>
      <c r="OUA683" s="613"/>
      <c r="OUB683" s="613"/>
      <c r="OUC683" s="613"/>
      <c r="OUD683" s="613"/>
      <c r="OUE683" s="613"/>
      <c r="OUF683" s="613"/>
      <c r="OUG683" s="613"/>
      <c r="OUH683" s="613"/>
      <c r="OUI683" s="613"/>
      <c r="OUJ683" s="613"/>
      <c r="OUK683" s="613"/>
      <c r="OUL683" s="613"/>
      <c r="OUM683" s="613"/>
      <c r="OUN683" s="613"/>
      <c r="OUO683" s="613"/>
      <c r="OUP683" s="613"/>
      <c r="OUQ683" s="613"/>
      <c r="OUR683" s="613"/>
      <c r="OUS683" s="613"/>
      <c r="OUT683" s="613"/>
      <c r="OUU683" s="613"/>
      <c r="OUV683" s="613"/>
      <c r="OUW683" s="613"/>
      <c r="OUX683" s="613"/>
      <c r="OUY683" s="613"/>
      <c r="OUZ683" s="613"/>
      <c r="OVA683" s="613"/>
      <c r="OVB683" s="613"/>
      <c r="OVC683" s="613"/>
      <c r="OVD683" s="613"/>
      <c r="OVE683" s="613"/>
      <c r="OVF683" s="613"/>
      <c r="OVG683" s="613"/>
      <c r="OVH683" s="613"/>
      <c r="OVI683" s="613"/>
      <c r="OVJ683" s="613"/>
      <c r="OVK683" s="613"/>
      <c r="OVL683" s="613"/>
      <c r="OVM683" s="613"/>
      <c r="OVN683" s="613"/>
      <c r="OVO683" s="613"/>
      <c r="OVP683" s="613"/>
      <c r="OVQ683" s="613"/>
      <c r="OVR683" s="613"/>
      <c r="OVS683" s="613"/>
      <c r="OVT683" s="613"/>
      <c r="OVU683" s="613"/>
      <c r="OVV683" s="613"/>
      <c r="OVW683" s="613"/>
      <c r="OVX683" s="613"/>
      <c r="OVY683" s="613"/>
      <c r="OVZ683" s="613"/>
      <c r="OWA683" s="613"/>
      <c r="OWB683" s="613"/>
      <c r="OWC683" s="613"/>
      <c r="OWD683" s="613"/>
      <c r="OWE683" s="613"/>
      <c r="OWF683" s="613"/>
      <c r="OWG683" s="613"/>
      <c r="OWH683" s="613"/>
      <c r="OWI683" s="613"/>
      <c r="OWJ683" s="613"/>
      <c r="OWK683" s="613"/>
      <c r="OWL683" s="613"/>
      <c r="OWM683" s="613"/>
      <c r="OWN683" s="613"/>
      <c r="OWO683" s="613"/>
      <c r="OWP683" s="613"/>
      <c r="OWQ683" s="613"/>
      <c r="OWR683" s="613"/>
      <c r="OWS683" s="613"/>
      <c r="OWT683" s="613"/>
      <c r="OWU683" s="613"/>
      <c r="OWV683" s="613"/>
      <c r="OWW683" s="613"/>
      <c r="OWX683" s="613"/>
      <c r="OWY683" s="613"/>
      <c r="OWZ683" s="613"/>
      <c r="OXA683" s="613"/>
      <c r="OXB683" s="613"/>
      <c r="OXC683" s="613"/>
      <c r="OXD683" s="613"/>
      <c r="OXE683" s="613"/>
      <c r="OXF683" s="613"/>
      <c r="OXG683" s="613"/>
      <c r="OXH683" s="613"/>
      <c r="OXI683" s="613"/>
      <c r="OXJ683" s="613"/>
      <c r="OXK683" s="613"/>
      <c r="OXL683" s="613"/>
      <c r="OXM683" s="613"/>
      <c r="OXN683" s="613"/>
      <c r="OXO683" s="613"/>
      <c r="OXP683" s="613"/>
      <c r="OXQ683" s="613"/>
      <c r="OXR683" s="613"/>
      <c r="OXS683" s="613"/>
      <c r="OXT683" s="613"/>
      <c r="OXU683" s="613"/>
      <c r="OXV683" s="613"/>
      <c r="OXW683" s="613"/>
      <c r="OXX683" s="613"/>
      <c r="OXY683" s="613"/>
      <c r="OXZ683" s="613"/>
      <c r="OYA683" s="613"/>
      <c r="OYB683" s="613"/>
      <c r="OYC683" s="613"/>
      <c r="OYD683" s="613"/>
      <c r="OYE683" s="613"/>
      <c r="OYF683" s="613"/>
      <c r="OYG683" s="613"/>
      <c r="OYH683" s="613"/>
      <c r="OYI683" s="613"/>
      <c r="OYJ683" s="613"/>
      <c r="OYK683" s="613"/>
      <c r="OYL683" s="613"/>
      <c r="OYM683" s="613"/>
      <c r="OYN683" s="613"/>
      <c r="OYO683" s="613"/>
      <c r="OYP683" s="613"/>
      <c r="OYQ683" s="613"/>
      <c r="OYR683" s="613"/>
      <c r="OYS683" s="613"/>
      <c r="OYT683" s="613"/>
      <c r="OYU683" s="613"/>
      <c r="OYV683" s="613"/>
      <c r="OYW683" s="613"/>
      <c r="OYX683" s="613"/>
      <c r="OYY683" s="613"/>
      <c r="OYZ683" s="613"/>
      <c r="OZA683" s="613"/>
      <c r="OZB683" s="613"/>
      <c r="OZC683" s="613"/>
      <c r="OZD683" s="613"/>
      <c r="OZE683" s="613"/>
      <c r="OZF683" s="613"/>
      <c r="OZG683" s="613"/>
      <c r="OZH683" s="613"/>
      <c r="OZI683" s="613"/>
      <c r="OZJ683" s="613"/>
      <c r="OZK683" s="613"/>
      <c r="OZL683" s="613"/>
      <c r="OZM683" s="613"/>
      <c r="OZN683" s="613"/>
      <c r="OZO683" s="613"/>
      <c r="OZP683" s="613"/>
      <c r="OZQ683" s="613"/>
      <c r="OZR683" s="613"/>
      <c r="OZS683" s="613"/>
      <c r="OZT683" s="613"/>
      <c r="OZU683" s="613"/>
      <c r="OZV683" s="613"/>
      <c r="OZW683" s="613"/>
      <c r="OZX683" s="613"/>
      <c r="OZY683" s="613"/>
      <c r="OZZ683" s="613"/>
      <c r="PAA683" s="613"/>
      <c r="PAB683" s="613"/>
      <c r="PAC683" s="613"/>
      <c r="PAD683" s="613"/>
      <c r="PAE683" s="613"/>
      <c r="PAF683" s="613"/>
      <c r="PAG683" s="613"/>
      <c r="PAH683" s="613"/>
      <c r="PAI683" s="613"/>
      <c r="PAJ683" s="613"/>
      <c r="PAK683" s="613"/>
      <c r="PAL683" s="613"/>
      <c r="PAM683" s="613"/>
      <c r="PAN683" s="613"/>
      <c r="PAO683" s="613"/>
      <c r="PAP683" s="613"/>
      <c r="PAQ683" s="613"/>
      <c r="PAR683" s="613"/>
      <c r="PAS683" s="613"/>
      <c r="PAT683" s="613"/>
      <c r="PAU683" s="613"/>
      <c r="PAV683" s="613"/>
      <c r="PAW683" s="613"/>
      <c r="PAX683" s="613"/>
      <c r="PAY683" s="613"/>
      <c r="PAZ683" s="613"/>
      <c r="PBA683" s="613"/>
      <c r="PBB683" s="613"/>
      <c r="PBC683" s="613"/>
      <c r="PBD683" s="613"/>
      <c r="PBE683" s="613"/>
      <c r="PBF683" s="613"/>
      <c r="PBG683" s="613"/>
      <c r="PBH683" s="613"/>
      <c r="PBI683" s="613"/>
      <c r="PBJ683" s="613"/>
      <c r="PBK683" s="613"/>
      <c r="PBL683" s="613"/>
      <c r="PBM683" s="613"/>
      <c r="PBN683" s="613"/>
      <c r="PBO683" s="613"/>
      <c r="PBP683" s="613"/>
      <c r="PBQ683" s="613"/>
      <c r="PBR683" s="613"/>
      <c r="PBS683" s="613"/>
      <c r="PBT683" s="613"/>
      <c r="PBU683" s="613"/>
      <c r="PBV683" s="613"/>
      <c r="PBW683" s="613"/>
      <c r="PBX683" s="613"/>
      <c r="PBY683" s="613"/>
      <c r="PBZ683" s="613"/>
      <c r="PCA683" s="613"/>
      <c r="PCB683" s="613"/>
      <c r="PCC683" s="613"/>
      <c r="PCD683" s="613"/>
      <c r="PCE683" s="613"/>
      <c r="PCF683" s="613"/>
      <c r="PCG683" s="613"/>
      <c r="PCH683" s="613"/>
      <c r="PCI683" s="613"/>
      <c r="PCJ683" s="613"/>
      <c r="PCK683" s="613"/>
      <c r="PCL683" s="613"/>
      <c r="PCM683" s="613"/>
      <c r="PCN683" s="613"/>
      <c r="PCO683" s="613"/>
      <c r="PCP683" s="613"/>
      <c r="PCQ683" s="613"/>
      <c r="PCR683" s="613"/>
      <c r="PCS683" s="613"/>
      <c r="PCT683" s="613"/>
      <c r="PCU683" s="613"/>
      <c r="PCV683" s="613"/>
      <c r="PCW683" s="613"/>
      <c r="PCX683" s="613"/>
      <c r="PCY683" s="613"/>
      <c r="PCZ683" s="613"/>
      <c r="PDA683" s="613"/>
      <c r="PDB683" s="613"/>
      <c r="PDC683" s="613"/>
      <c r="PDD683" s="613"/>
      <c r="PDE683" s="613"/>
      <c r="PDF683" s="613"/>
      <c r="PDG683" s="613"/>
      <c r="PDH683" s="613"/>
      <c r="PDI683" s="613"/>
      <c r="PDJ683" s="613"/>
      <c r="PDK683" s="613"/>
      <c r="PDL683" s="613"/>
      <c r="PDM683" s="613"/>
      <c r="PDN683" s="613"/>
      <c r="PDO683" s="613"/>
      <c r="PDP683" s="613"/>
      <c r="PDQ683" s="613"/>
      <c r="PDR683" s="613"/>
      <c r="PDS683" s="613"/>
      <c r="PDT683" s="613"/>
      <c r="PDU683" s="613"/>
      <c r="PDV683" s="613"/>
      <c r="PDW683" s="613"/>
      <c r="PDX683" s="613"/>
      <c r="PDY683" s="613"/>
      <c r="PDZ683" s="613"/>
      <c r="PEA683" s="613"/>
      <c r="PEB683" s="613"/>
      <c r="PEC683" s="613"/>
      <c r="PED683" s="613"/>
      <c r="PEE683" s="613"/>
      <c r="PEF683" s="613"/>
      <c r="PEG683" s="613"/>
      <c r="PEH683" s="613"/>
      <c r="PEI683" s="613"/>
      <c r="PEJ683" s="613"/>
      <c r="PEK683" s="613"/>
      <c r="PEL683" s="613"/>
      <c r="PEM683" s="613"/>
      <c r="PEN683" s="613"/>
      <c r="PEO683" s="613"/>
      <c r="PEP683" s="613"/>
      <c r="PEQ683" s="613"/>
      <c r="PER683" s="613"/>
      <c r="PES683" s="613"/>
      <c r="PET683" s="613"/>
      <c r="PEU683" s="613"/>
      <c r="PEV683" s="613"/>
      <c r="PEW683" s="613"/>
      <c r="PEX683" s="613"/>
      <c r="PEY683" s="613"/>
      <c r="PEZ683" s="613"/>
      <c r="PFA683" s="613"/>
      <c r="PFB683" s="613"/>
      <c r="PFC683" s="613"/>
      <c r="PFD683" s="613"/>
      <c r="PFE683" s="613"/>
      <c r="PFF683" s="613"/>
      <c r="PFG683" s="613"/>
      <c r="PFH683" s="613"/>
      <c r="PFI683" s="613"/>
      <c r="PFJ683" s="613"/>
      <c r="PFK683" s="613"/>
      <c r="PFL683" s="613"/>
      <c r="PFM683" s="613"/>
      <c r="PFN683" s="613"/>
      <c r="PFO683" s="613"/>
      <c r="PFP683" s="613"/>
      <c r="PFQ683" s="613"/>
      <c r="PFR683" s="613"/>
      <c r="PFS683" s="613"/>
      <c r="PFT683" s="613"/>
      <c r="PFU683" s="613"/>
      <c r="PFV683" s="613"/>
      <c r="PFW683" s="613"/>
      <c r="PFX683" s="613"/>
      <c r="PFY683" s="613"/>
      <c r="PFZ683" s="613"/>
      <c r="PGA683" s="613"/>
      <c r="PGB683" s="613"/>
      <c r="PGC683" s="613"/>
      <c r="PGD683" s="613"/>
      <c r="PGE683" s="613"/>
      <c r="PGF683" s="613"/>
      <c r="PGG683" s="613"/>
      <c r="PGH683" s="613"/>
      <c r="PGI683" s="613"/>
      <c r="PGJ683" s="613"/>
      <c r="PGK683" s="613"/>
      <c r="PGL683" s="613"/>
      <c r="PGM683" s="613"/>
      <c r="PGN683" s="613"/>
      <c r="PGO683" s="613"/>
      <c r="PGP683" s="613"/>
      <c r="PGQ683" s="613"/>
      <c r="PGR683" s="613"/>
      <c r="PGS683" s="613"/>
      <c r="PGT683" s="613"/>
      <c r="PGU683" s="613"/>
      <c r="PGV683" s="613"/>
      <c r="PGW683" s="613"/>
      <c r="PGX683" s="613"/>
      <c r="PGY683" s="613"/>
      <c r="PGZ683" s="613"/>
      <c r="PHA683" s="613"/>
      <c r="PHB683" s="613"/>
      <c r="PHC683" s="613"/>
      <c r="PHD683" s="613"/>
      <c r="PHE683" s="613"/>
      <c r="PHF683" s="613"/>
      <c r="PHG683" s="613"/>
      <c r="PHH683" s="613"/>
      <c r="PHI683" s="613"/>
      <c r="PHJ683" s="613"/>
      <c r="PHK683" s="613"/>
      <c r="PHL683" s="613"/>
      <c r="PHM683" s="613"/>
      <c r="PHN683" s="613"/>
      <c r="PHO683" s="613"/>
      <c r="PHP683" s="613"/>
      <c r="PHQ683" s="613"/>
      <c r="PHR683" s="613"/>
      <c r="PHS683" s="613"/>
      <c r="PHT683" s="613"/>
      <c r="PHU683" s="613"/>
      <c r="PHV683" s="613"/>
      <c r="PHW683" s="613"/>
      <c r="PHX683" s="613"/>
      <c r="PHY683" s="613"/>
      <c r="PHZ683" s="613"/>
      <c r="PIA683" s="613"/>
      <c r="PIB683" s="613"/>
      <c r="PIC683" s="613"/>
      <c r="PID683" s="613"/>
      <c r="PIE683" s="613"/>
      <c r="PIF683" s="613"/>
      <c r="PIG683" s="613"/>
      <c r="PIH683" s="613"/>
      <c r="PII683" s="613"/>
      <c r="PIJ683" s="613"/>
      <c r="PIK683" s="613"/>
      <c r="PIL683" s="613"/>
      <c r="PIM683" s="613"/>
      <c r="PIN683" s="613"/>
      <c r="PIO683" s="613"/>
      <c r="PIP683" s="613"/>
      <c r="PIQ683" s="613"/>
      <c r="PIR683" s="613"/>
      <c r="PIS683" s="613"/>
      <c r="PIT683" s="613"/>
      <c r="PIU683" s="613"/>
      <c r="PIV683" s="613"/>
      <c r="PIW683" s="613"/>
      <c r="PIX683" s="613"/>
      <c r="PIY683" s="613"/>
      <c r="PIZ683" s="613"/>
      <c r="PJA683" s="613"/>
      <c r="PJB683" s="613"/>
      <c r="PJC683" s="613"/>
      <c r="PJD683" s="613"/>
      <c r="PJE683" s="613"/>
      <c r="PJF683" s="613"/>
      <c r="PJG683" s="613"/>
      <c r="PJH683" s="613"/>
      <c r="PJI683" s="613"/>
      <c r="PJJ683" s="613"/>
      <c r="PJK683" s="613"/>
      <c r="PJL683" s="613"/>
      <c r="PJM683" s="613"/>
      <c r="PJN683" s="613"/>
      <c r="PJO683" s="613"/>
      <c r="PJP683" s="613"/>
      <c r="PJQ683" s="613"/>
      <c r="PJR683" s="613"/>
      <c r="PJS683" s="613"/>
      <c r="PJT683" s="613"/>
      <c r="PJU683" s="613"/>
      <c r="PJV683" s="613"/>
      <c r="PJW683" s="613"/>
      <c r="PJX683" s="613"/>
      <c r="PJY683" s="613"/>
      <c r="PJZ683" s="613"/>
      <c r="PKA683" s="613"/>
      <c r="PKB683" s="613"/>
      <c r="PKC683" s="613"/>
      <c r="PKD683" s="613"/>
      <c r="PKE683" s="613"/>
      <c r="PKF683" s="613"/>
      <c r="PKG683" s="613"/>
      <c r="PKH683" s="613"/>
      <c r="PKI683" s="613"/>
      <c r="PKJ683" s="613"/>
      <c r="PKK683" s="613"/>
      <c r="PKL683" s="613"/>
      <c r="PKM683" s="613"/>
      <c r="PKN683" s="613"/>
      <c r="PKO683" s="613"/>
      <c r="PKP683" s="613"/>
      <c r="PKQ683" s="613"/>
      <c r="PKR683" s="613"/>
      <c r="PKS683" s="613"/>
      <c r="PKT683" s="613"/>
      <c r="PKU683" s="613"/>
      <c r="PKV683" s="613"/>
      <c r="PKW683" s="613"/>
      <c r="PKX683" s="613"/>
      <c r="PKY683" s="613"/>
      <c r="PKZ683" s="613"/>
      <c r="PLA683" s="613"/>
      <c r="PLB683" s="613"/>
      <c r="PLC683" s="613"/>
      <c r="PLD683" s="613"/>
      <c r="PLE683" s="613"/>
      <c r="PLF683" s="613"/>
      <c r="PLG683" s="613"/>
      <c r="PLH683" s="613"/>
      <c r="PLI683" s="613"/>
      <c r="PLJ683" s="613"/>
      <c r="PLK683" s="613"/>
      <c r="PLL683" s="613"/>
      <c r="PLM683" s="613"/>
      <c r="PLN683" s="613"/>
      <c r="PLO683" s="613"/>
      <c r="PLP683" s="613"/>
      <c r="PLQ683" s="613"/>
      <c r="PLR683" s="613"/>
      <c r="PLS683" s="613"/>
      <c r="PLT683" s="613"/>
      <c r="PLU683" s="613"/>
      <c r="PLV683" s="613"/>
      <c r="PLW683" s="613"/>
      <c r="PLX683" s="613"/>
      <c r="PLY683" s="613"/>
      <c r="PLZ683" s="613"/>
      <c r="PMA683" s="613"/>
      <c r="PMB683" s="613"/>
      <c r="PMC683" s="613"/>
      <c r="PMD683" s="613"/>
      <c r="PME683" s="613"/>
      <c r="PMF683" s="613"/>
      <c r="PMG683" s="613"/>
      <c r="PMH683" s="613"/>
      <c r="PMI683" s="613"/>
      <c r="PMJ683" s="613"/>
      <c r="PMK683" s="613"/>
      <c r="PML683" s="613"/>
      <c r="PMM683" s="613"/>
      <c r="PMN683" s="613"/>
      <c r="PMO683" s="613"/>
      <c r="PMP683" s="613"/>
      <c r="PMQ683" s="613"/>
      <c r="PMR683" s="613"/>
      <c r="PMS683" s="613"/>
      <c r="PMT683" s="613"/>
      <c r="PMU683" s="613"/>
      <c r="PMV683" s="613"/>
      <c r="PMW683" s="613"/>
      <c r="PMX683" s="613"/>
      <c r="PMY683" s="613"/>
      <c r="PMZ683" s="613"/>
      <c r="PNA683" s="613"/>
      <c r="PNB683" s="613"/>
      <c r="PNC683" s="613"/>
      <c r="PND683" s="613"/>
      <c r="PNE683" s="613"/>
      <c r="PNF683" s="613"/>
      <c r="PNG683" s="613"/>
      <c r="PNH683" s="613"/>
      <c r="PNI683" s="613"/>
      <c r="PNJ683" s="613"/>
      <c r="PNK683" s="613"/>
      <c r="PNL683" s="613"/>
      <c r="PNM683" s="613"/>
      <c r="PNN683" s="613"/>
      <c r="PNO683" s="613"/>
      <c r="PNP683" s="613"/>
      <c r="PNQ683" s="613"/>
      <c r="PNR683" s="613"/>
      <c r="PNS683" s="613"/>
      <c r="PNT683" s="613"/>
      <c r="PNU683" s="613"/>
      <c r="PNV683" s="613"/>
      <c r="PNW683" s="613"/>
      <c r="PNX683" s="613"/>
      <c r="PNY683" s="613"/>
      <c r="PNZ683" s="613"/>
      <c r="POA683" s="613"/>
      <c r="POB683" s="613"/>
      <c r="POC683" s="613"/>
      <c r="POD683" s="613"/>
      <c r="POE683" s="613"/>
      <c r="POF683" s="613"/>
      <c r="POG683" s="613"/>
      <c r="POH683" s="613"/>
      <c r="POI683" s="613"/>
      <c r="POJ683" s="613"/>
      <c r="POK683" s="613"/>
      <c r="POL683" s="613"/>
      <c r="POM683" s="613"/>
      <c r="PON683" s="613"/>
      <c r="POO683" s="613"/>
      <c r="POP683" s="613"/>
      <c r="POQ683" s="613"/>
      <c r="POR683" s="613"/>
      <c r="POS683" s="613"/>
      <c r="POT683" s="613"/>
      <c r="POU683" s="613"/>
      <c r="POV683" s="613"/>
      <c r="POW683" s="613"/>
      <c r="POX683" s="613"/>
      <c r="POY683" s="613"/>
      <c r="POZ683" s="613"/>
      <c r="PPA683" s="613"/>
      <c r="PPB683" s="613"/>
      <c r="PPC683" s="613"/>
      <c r="PPD683" s="613"/>
      <c r="PPE683" s="613"/>
      <c r="PPF683" s="613"/>
      <c r="PPG683" s="613"/>
      <c r="PPH683" s="613"/>
      <c r="PPI683" s="613"/>
      <c r="PPJ683" s="613"/>
      <c r="PPK683" s="613"/>
      <c r="PPL683" s="613"/>
      <c r="PPM683" s="613"/>
      <c r="PPN683" s="613"/>
      <c r="PPO683" s="613"/>
      <c r="PPP683" s="613"/>
      <c r="PPQ683" s="613"/>
      <c r="PPR683" s="613"/>
      <c r="PPS683" s="613"/>
      <c r="PPT683" s="613"/>
      <c r="PPU683" s="613"/>
      <c r="PPV683" s="613"/>
      <c r="PPW683" s="613"/>
      <c r="PPX683" s="613"/>
      <c r="PPY683" s="613"/>
      <c r="PPZ683" s="613"/>
      <c r="PQA683" s="613"/>
      <c r="PQB683" s="613"/>
      <c r="PQC683" s="613"/>
      <c r="PQD683" s="613"/>
      <c r="PQE683" s="613"/>
      <c r="PQF683" s="613"/>
      <c r="PQG683" s="613"/>
      <c r="PQH683" s="613"/>
      <c r="PQI683" s="613"/>
      <c r="PQJ683" s="613"/>
      <c r="PQK683" s="613"/>
      <c r="PQL683" s="613"/>
      <c r="PQM683" s="613"/>
      <c r="PQN683" s="613"/>
      <c r="PQO683" s="613"/>
      <c r="PQP683" s="613"/>
      <c r="PQQ683" s="613"/>
      <c r="PQR683" s="613"/>
      <c r="PQS683" s="613"/>
      <c r="PQT683" s="613"/>
      <c r="PQU683" s="613"/>
      <c r="PQV683" s="613"/>
      <c r="PQW683" s="613"/>
      <c r="PQX683" s="613"/>
      <c r="PQY683" s="613"/>
      <c r="PQZ683" s="613"/>
      <c r="PRA683" s="613"/>
      <c r="PRB683" s="613"/>
      <c r="PRC683" s="613"/>
      <c r="PRD683" s="613"/>
      <c r="PRE683" s="613"/>
      <c r="PRF683" s="613"/>
      <c r="PRG683" s="613"/>
      <c r="PRH683" s="613"/>
      <c r="PRI683" s="613"/>
      <c r="PRJ683" s="613"/>
      <c r="PRK683" s="613"/>
      <c r="PRL683" s="613"/>
      <c r="PRM683" s="613"/>
      <c r="PRN683" s="613"/>
      <c r="PRO683" s="613"/>
      <c r="PRP683" s="613"/>
      <c r="PRQ683" s="613"/>
      <c r="PRR683" s="613"/>
      <c r="PRS683" s="613"/>
      <c r="PRT683" s="613"/>
      <c r="PRU683" s="613"/>
      <c r="PRV683" s="613"/>
      <c r="PRW683" s="613"/>
      <c r="PRX683" s="613"/>
      <c r="PRY683" s="613"/>
      <c r="PRZ683" s="613"/>
      <c r="PSA683" s="613"/>
      <c r="PSB683" s="613"/>
      <c r="PSC683" s="613"/>
      <c r="PSD683" s="613"/>
      <c r="PSE683" s="613"/>
      <c r="PSF683" s="613"/>
      <c r="PSG683" s="613"/>
      <c r="PSH683" s="613"/>
      <c r="PSI683" s="613"/>
      <c r="PSJ683" s="613"/>
      <c r="PSK683" s="613"/>
      <c r="PSL683" s="613"/>
      <c r="PSM683" s="613"/>
      <c r="PSN683" s="613"/>
      <c r="PSO683" s="613"/>
      <c r="PSP683" s="613"/>
      <c r="PSQ683" s="613"/>
      <c r="PSR683" s="613"/>
      <c r="PSS683" s="613"/>
      <c r="PST683" s="613"/>
      <c r="PSU683" s="613"/>
      <c r="PSV683" s="613"/>
      <c r="PSW683" s="613"/>
      <c r="PSX683" s="613"/>
      <c r="PSY683" s="613"/>
      <c r="PSZ683" s="613"/>
      <c r="PTA683" s="613"/>
      <c r="PTB683" s="613"/>
      <c r="PTC683" s="613"/>
      <c r="PTD683" s="613"/>
      <c r="PTE683" s="613"/>
      <c r="PTF683" s="613"/>
      <c r="PTG683" s="613"/>
      <c r="PTH683" s="613"/>
      <c r="PTI683" s="613"/>
      <c r="PTJ683" s="613"/>
      <c r="PTK683" s="613"/>
      <c r="PTL683" s="613"/>
      <c r="PTM683" s="613"/>
      <c r="PTN683" s="613"/>
      <c r="PTO683" s="613"/>
      <c r="PTP683" s="613"/>
      <c r="PTQ683" s="613"/>
      <c r="PTR683" s="613"/>
      <c r="PTS683" s="613"/>
      <c r="PTT683" s="613"/>
      <c r="PTU683" s="613"/>
      <c r="PTV683" s="613"/>
      <c r="PTW683" s="613"/>
      <c r="PTX683" s="613"/>
      <c r="PTY683" s="613"/>
      <c r="PTZ683" s="613"/>
      <c r="PUA683" s="613"/>
      <c r="PUB683" s="613"/>
      <c r="PUC683" s="613"/>
      <c r="PUD683" s="613"/>
      <c r="PUE683" s="613"/>
      <c r="PUF683" s="613"/>
      <c r="PUG683" s="613"/>
      <c r="PUH683" s="613"/>
      <c r="PUI683" s="613"/>
      <c r="PUJ683" s="613"/>
      <c r="PUK683" s="613"/>
      <c r="PUL683" s="613"/>
      <c r="PUM683" s="613"/>
      <c r="PUN683" s="613"/>
      <c r="PUO683" s="613"/>
      <c r="PUP683" s="613"/>
      <c r="PUQ683" s="613"/>
      <c r="PUR683" s="613"/>
      <c r="PUS683" s="613"/>
      <c r="PUT683" s="613"/>
      <c r="PUU683" s="613"/>
      <c r="PUV683" s="613"/>
      <c r="PUW683" s="613"/>
      <c r="PUX683" s="613"/>
      <c r="PUY683" s="613"/>
      <c r="PUZ683" s="613"/>
      <c r="PVA683" s="613"/>
      <c r="PVB683" s="613"/>
      <c r="PVC683" s="613"/>
      <c r="PVD683" s="613"/>
      <c r="PVE683" s="613"/>
      <c r="PVF683" s="613"/>
      <c r="PVG683" s="613"/>
      <c r="PVH683" s="613"/>
      <c r="PVI683" s="613"/>
      <c r="PVJ683" s="613"/>
      <c r="PVK683" s="613"/>
      <c r="PVL683" s="613"/>
      <c r="PVM683" s="613"/>
      <c r="PVN683" s="613"/>
      <c r="PVO683" s="613"/>
      <c r="PVP683" s="613"/>
      <c r="PVQ683" s="613"/>
      <c r="PVR683" s="613"/>
      <c r="PVS683" s="613"/>
      <c r="PVT683" s="613"/>
      <c r="PVU683" s="613"/>
      <c r="PVV683" s="613"/>
      <c r="PVW683" s="613"/>
      <c r="PVX683" s="613"/>
      <c r="PVY683" s="613"/>
      <c r="PVZ683" s="613"/>
      <c r="PWA683" s="613"/>
      <c r="PWB683" s="613"/>
      <c r="PWC683" s="613"/>
      <c r="PWD683" s="613"/>
      <c r="PWE683" s="613"/>
      <c r="PWF683" s="613"/>
      <c r="PWG683" s="613"/>
      <c r="PWH683" s="613"/>
      <c r="PWI683" s="613"/>
      <c r="PWJ683" s="613"/>
      <c r="PWK683" s="613"/>
      <c r="PWL683" s="613"/>
      <c r="PWM683" s="613"/>
      <c r="PWN683" s="613"/>
      <c r="PWO683" s="613"/>
      <c r="PWP683" s="613"/>
      <c r="PWQ683" s="613"/>
      <c r="PWR683" s="613"/>
      <c r="PWS683" s="613"/>
      <c r="PWT683" s="613"/>
      <c r="PWU683" s="613"/>
      <c r="PWV683" s="613"/>
      <c r="PWW683" s="613"/>
      <c r="PWX683" s="613"/>
      <c r="PWY683" s="613"/>
      <c r="PWZ683" s="613"/>
      <c r="PXA683" s="613"/>
      <c r="PXB683" s="613"/>
      <c r="PXC683" s="613"/>
      <c r="PXD683" s="613"/>
      <c r="PXE683" s="613"/>
      <c r="PXF683" s="613"/>
      <c r="PXG683" s="613"/>
      <c r="PXH683" s="613"/>
      <c r="PXI683" s="613"/>
      <c r="PXJ683" s="613"/>
      <c r="PXK683" s="613"/>
      <c r="PXL683" s="613"/>
      <c r="PXM683" s="613"/>
      <c r="PXN683" s="613"/>
      <c r="PXO683" s="613"/>
      <c r="PXP683" s="613"/>
      <c r="PXQ683" s="613"/>
      <c r="PXR683" s="613"/>
      <c r="PXS683" s="613"/>
      <c r="PXT683" s="613"/>
      <c r="PXU683" s="613"/>
      <c r="PXV683" s="613"/>
      <c r="PXW683" s="613"/>
      <c r="PXX683" s="613"/>
      <c r="PXY683" s="613"/>
      <c r="PXZ683" s="613"/>
      <c r="PYA683" s="613"/>
      <c r="PYB683" s="613"/>
      <c r="PYC683" s="613"/>
      <c r="PYD683" s="613"/>
      <c r="PYE683" s="613"/>
      <c r="PYF683" s="613"/>
      <c r="PYG683" s="613"/>
      <c r="PYH683" s="613"/>
      <c r="PYI683" s="613"/>
      <c r="PYJ683" s="613"/>
      <c r="PYK683" s="613"/>
      <c r="PYL683" s="613"/>
      <c r="PYM683" s="613"/>
      <c r="PYN683" s="613"/>
      <c r="PYO683" s="613"/>
      <c r="PYP683" s="613"/>
      <c r="PYQ683" s="613"/>
      <c r="PYR683" s="613"/>
      <c r="PYS683" s="613"/>
      <c r="PYT683" s="613"/>
      <c r="PYU683" s="613"/>
      <c r="PYV683" s="613"/>
      <c r="PYW683" s="613"/>
      <c r="PYX683" s="613"/>
      <c r="PYY683" s="613"/>
      <c r="PYZ683" s="613"/>
      <c r="PZA683" s="613"/>
      <c r="PZB683" s="613"/>
      <c r="PZC683" s="613"/>
      <c r="PZD683" s="613"/>
      <c r="PZE683" s="613"/>
      <c r="PZF683" s="613"/>
      <c r="PZG683" s="613"/>
      <c r="PZH683" s="613"/>
      <c r="PZI683" s="613"/>
      <c r="PZJ683" s="613"/>
      <c r="PZK683" s="613"/>
      <c r="PZL683" s="613"/>
      <c r="PZM683" s="613"/>
      <c r="PZN683" s="613"/>
      <c r="PZO683" s="613"/>
      <c r="PZP683" s="613"/>
      <c r="PZQ683" s="613"/>
      <c r="PZR683" s="613"/>
      <c r="PZS683" s="613"/>
      <c r="PZT683" s="613"/>
      <c r="PZU683" s="613"/>
      <c r="PZV683" s="613"/>
      <c r="PZW683" s="613"/>
      <c r="PZX683" s="613"/>
      <c r="PZY683" s="613"/>
      <c r="PZZ683" s="613"/>
      <c r="QAA683" s="613"/>
      <c r="QAB683" s="613"/>
      <c r="QAC683" s="613"/>
      <c r="QAD683" s="613"/>
      <c r="QAE683" s="613"/>
      <c r="QAF683" s="613"/>
      <c r="QAG683" s="613"/>
      <c r="QAH683" s="613"/>
      <c r="QAI683" s="613"/>
      <c r="QAJ683" s="613"/>
      <c r="QAK683" s="613"/>
      <c r="QAL683" s="613"/>
      <c r="QAM683" s="613"/>
      <c r="QAN683" s="613"/>
      <c r="QAO683" s="613"/>
      <c r="QAP683" s="613"/>
      <c r="QAQ683" s="613"/>
      <c r="QAR683" s="613"/>
      <c r="QAS683" s="613"/>
      <c r="QAT683" s="613"/>
      <c r="QAU683" s="613"/>
      <c r="QAV683" s="613"/>
      <c r="QAW683" s="613"/>
      <c r="QAX683" s="613"/>
      <c r="QAY683" s="613"/>
      <c r="QAZ683" s="613"/>
      <c r="QBA683" s="613"/>
      <c r="QBB683" s="613"/>
      <c r="QBC683" s="613"/>
      <c r="QBD683" s="613"/>
      <c r="QBE683" s="613"/>
      <c r="QBF683" s="613"/>
      <c r="QBG683" s="613"/>
      <c r="QBH683" s="613"/>
      <c r="QBI683" s="613"/>
      <c r="QBJ683" s="613"/>
      <c r="QBK683" s="613"/>
      <c r="QBL683" s="613"/>
      <c r="QBM683" s="613"/>
      <c r="QBN683" s="613"/>
      <c r="QBO683" s="613"/>
      <c r="QBP683" s="613"/>
      <c r="QBQ683" s="613"/>
      <c r="QBR683" s="613"/>
      <c r="QBS683" s="613"/>
      <c r="QBT683" s="613"/>
      <c r="QBU683" s="613"/>
      <c r="QBV683" s="613"/>
      <c r="QBW683" s="613"/>
      <c r="QBX683" s="613"/>
      <c r="QBY683" s="613"/>
      <c r="QBZ683" s="613"/>
      <c r="QCA683" s="613"/>
      <c r="QCB683" s="613"/>
      <c r="QCC683" s="613"/>
      <c r="QCD683" s="613"/>
      <c r="QCE683" s="613"/>
      <c r="QCF683" s="613"/>
      <c r="QCG683" s="613"/>
      <c r="QCH683" s="613"/>
      <c r="QCI683" s="613"/>
      <c r="QCJ683" s="613"/>
      <c r="QCK683" s="613"/>
      <c r="QCL683" s="613"/>
      <c r="QCM683" s="613"/>
      <c r="QCN683" s="613"/>
      <c r="QCO683" s="613"/>
      <c r="QCP683" s="613"/>
      <c r="QCQ683" s="613"/>
      <c r="QCR683" s="613"/>
      <c r="QCS683" s="613"/>
      <c r="QCT683" s="613"/>
      <c r="QCU683" s="613"/>
      <c r="QCV683" s="613"/>
      <c r="QCW683" s="613"/>
      <c r="QCX683" s="613"/>
      <c r="QCY683" s="613"/>
      <c r="QCZ683" s="613"/>
      <c r="QDA683" s="613"/>
      <c r="QDB683" s="613"/>
      <c r="QDC683" s="613"/>
      <c r="QDD683" s="613"/>
      <c r="QDE683" s="613"/>
      <c r="QDF683" s="613"/>
      <c r="QDG683" s="613"/>
      <c r="QDH683" s="613"/>
      <c r="QDI683" s="613"/>
      <c r="QDJ683" s="613"/>
      <c r="QDK683" s="613"/>
      <c r="QDL683" s="613"/>
      <c r="QDM683" s="613"/>
      <c r="QDN683" s="613"/>
      <c r="QDO683" s="613"/>
      <c r="QDP683" s="613"/>
      <c r="QDQ683" s="613"/>
      <c r="QDR683" s="613"/>
      <c r="QDS683" s="613"/>
      <c r="QDT683" s="613"/>
      <c r="QDU683" s="613"/>
      <c r="QDV683" s="613"/>
      <c r="QDW683" s="613"/>
      <c r="QDX683" s="613"/>
      <c r="QDY683" s="613"/>
      <c r="QDZ683" s="613"/>
      <c r="QEA683" s="613"/>
      <c r="QEB683" s="613"/>
      <c r="QEC683" s="613"/>
      <c r="QED683" s="613"/>
      <c r="QEE683" s="613"/>
      <c r="QEF683" s="613"/>
      <c r="QEG683" s="613"/>
      <c r="QEH683" s="613"/>
      <c r="QEI683" s="613"/>
      <c r="QEJ683" s="613"/>
      <c r="QEK683" s="613"/>
      <c r="QEL683" s="613"/>
      <c r="QEM683" s="613"/>
      <c r="QEN683" s="613"/>
      <c r="QEO683" s="613"/>
      <c r="QEP683" s="613"/>
      <c r="QEQ683" s="613"/>
      <c r="QER683" s="613"/>
      <c r="QES683" s="613"/>
      <c r="QET683" s="613"/>
      <c r="QEU683" s="613"/>
      <c r="QEV683" s="613"/>
      <c r="QEW683" s="613"/>
      <c r="QEX683" s="613"/>
      <c r="QEY683" s="613"/>
      <c r="QEZ683" s="613"/>
      <c r="QFA683" s="613"/>
      <c r="QFB683" s="613"/>
      <c r="QFC683" s="613"/>
      <c r="QFD683" s="613"/>
      <c r="QFE683" s="613"/>
      <c r="QFF683" s="613"/>
      <c r="QFG683" s="613"/>
      <c r="QFH683" s="613"/>
      <c r="QFI683" s="613"/>
      <c r="QFJ683" s="613"/>
      <c r="QFK683" s="613"/>
      <c r="QFL683" s="613"/>
      <c r="QFM683" s="613"/>
      <c r="QFN683" s="613"/>
      <c r="QFO683" s="613"/>
      <c r="QFP683" s="613"/>
      <c r="QFQ683" s="613"/>
      <c r="QFR683" s="613"/>
      <c r="QFS683" s="613"/>
      <c r="QFT683" s="613"/>
      <c r="QFU683" s="613"/>
      <c r="QFV683" s="613"/>
      <c r="QFW683" s="613"/>
      <c r="QFX683" s="613"/>
      <c r="QFY683" s="613"/>
      <c r="QFZ683" s="613"/>
      <c r="QGA683" s="613"/>
      <c r="QGB683" s="613"/>
      <c r="QGC683" s="613"/>
      <c r="QGD683" s="613"/>
      <c r="QGE683" s="613"/>
      <c r="QGF683" s="613"/>
      <c r="QGG683" s="613"/>
      <c r="QGH683" s="613"/>
      <c r="QGI683" s="613"/>
      <c r="QGJ683" s="613"/>
      <c r="QGK683" s="613"/>
      <c r="QGL683" s="613"/>
      <c r="QGM683" s="613"/>
      <c r="QGN683" s="613"/>
      <c r="QGO683" s="613"/>
      <c r="QGP683" s="613"/>
      <c r="QGQ683" s="613"/>
      <c r="QGR683" s="613"/>
      <c r="QGS683" s="613"/>
      <c r="QGT683" s="613"/>
      <c r="QGU683" s="613"/>
      <c r="QGV683" s="613"/>
      <c r="QGW683" s="613"/>
      <c r="QGX683" s="613"/>
      <c r="QGY683" s="613"/>
      <c r="QGZ683" s="613"/>
      <c r="QHA683" s="613"/>
      <c r="QHB683" s="613"/>
      <c r="QHC683" s="613"/>
      <c r="QHD683" s="613"/>
      <c r="QHE683" s="613"/>
      <c r="QHF683" s="613"/>
      <c r="QHG683" s="613"/>
      <c r="QHH683" s="613"/>
      <c r="QHI683" s="613"/>
      <c r="QHJ683" s="613"/>
      <c r="QHK683" s="613"/>
      <c r="QHL683" s="613"/>
      <c r="QHM683" s="613"/>
      <c r="QHN683" s="613"/>
      <c r="QHO683" s="613"/>
      <c r="QHP683" s="613"/>
      <c r="QHQ683" s="613"/>
      <c r="QHR683" s="613"/>
      <c r="QHS683" s="613"/>
      <c r="QHT683" s="613"/>
      <c r="QHU683" s="613"/>
      <c r="QHV683" s="613"/>
      <c r="QHW683" s="613"/>
      <c r="QHX683" s="613"/>
      <c r="QHY683" s="613"/>
      <c r="QHZ683" s="613"/>
      <c r="QIA683" s="613"/>
      <c r="QIB683" s="613"/>
      <c r="QIC683" s="613"/>
      <c r="QID683" s="613"/>
      <c r="QIE683" s="613"/>
      <c r="QIF683" s="613"/>
      <c r="QIG683" s="613"/>
      <c r="QIH683" s="613"/>
      <c r="QII683" s="613"/>
      <c r="QIJ683" s="613"/>
      <c r="QIK683" s="613"/>
      <c r="QIL683" s="613"/>
      <c r="QIM683" s="613"/>
      <c r="QIN683" s="613"/>
      <c r="QIO683" s="613"/>
      <c r="QIP683" s="613"/>
      <c r="QIQ683" s="613"/>
      <c r="QIR683" s="613"/>
      <c r="QIS683" s="613"/>
      <c r="QIT683" s="613"/>
      <c r="QIU683" s="613"/>
      <c r="QIV683" s="613"/>
      <c r="QIW683" s="613"/>
      <c r="QIX683" s="613"/>
      <c r="QIY683" s="613"/>
      <c r="QIZ683" s="613"/>
      <c r="QJA683" s="613"/>
      <c r="QJB683" s="613"/>
      <c r="QJC683" s="613"/>
      <c r="QJD683" s="613"/>
      <c r="QJE683" s="613"/>
      <c r="QJF683" s="613"/>
      <c r="QJG683" s="613"/>
      <c r="QJH683" s="613"/>
      <c r="QJI683" s="613"/>
      <c r="QJJ683" s="613"/>
      <c r="QJK683" s="613"/>
      <c r="QJL683" s="613"/>
      <c r="QJM683" s="613"/>
      <c r="QJN683" s="613"/>
      <c r="QJO683" s="613"/>
      <c r="QJP683" s="613"/>
      <c r="QJQ683" s="613"/>
      <c r="QJR683" s="613"/>
      <c r="QJS683" s="613"/>
      <c r="QJT683" s="613"/>
      <c r="QJU683" s="613"/>
      <c r="QJV683" s="613"/>
      <c r="QJW683" s="613"/>
      <c r="QJX683" s="613"/>
      <c r="QJY683" s="613"/>
      <c r="QJZ683" s="613"/>
      <c r="QKA683" s="613"/>
      <c r="QKB683" s="613"/>
      <c r="QKC683" s="613"/>
      <c r="QKD683" s="613"/>
      <c r="QKE683" s="613"/>
      <c r="QKF683" s="613"/>
      <c r="QKG683" s="613"/>
      <c r="QKH683" s="613"/>
      <c r="QKI683" s="613"/>
      <c r="QKJ683" s="613"/>
      <c r="QKK683" s="613"/>
      <c r="QKL683" s="613"/>
      <c r="QKM683" s="613"/>
      <c r="QKN683" s="613"/>
      <c r="QKO683" s="613"/>
      <c r="QKP683" s="613"/>
      <c r="QKQ683" s="613"/>
      <c r="QKR683" s="613"/>
      <c r="QKS683" s="613"/>
      <c r="QKT683" s="613"/>
      <c r="QKU683" s="613"/>
      <c r="QKV683" s="613"/>
      <c r="QKW683" s="613"/>
      <c r="QKX683" s="613"/>
      <c r="QKY683" s="613"/>
      <c r="QKZ683" s="613"/>
      <c r="QLA683" s="613"/>
      <c r="QLB683" s="613"/>
      <c r="QLC683" s="613"/>
      <c r="QLD683" s="613"/>
      <c r="QLE683" s="613"/>
      <c r="QLF683" s="613"/>
      <c r="QLG683" s="613"/>
      <c r="QLH683" s="613"/>
      <c r="QLI683" s="613"/>
      <c r="QLJ683" s="613"/>
      <c r="QLK683" s="613"/>
      <c r="QLL683" s="613"/>
      <c r="QLM683" s="613"/>
      <c r="QLN683" s="613"/>
      <c r="QLO683" s="613"/>
      <c r="QLP683" s="613"/>
      <c r="QLQ683" s="613"/>
      <c r="QLR683" s="613"/>
      <c r="QLS683" s="613"/>
      <c r="QLT683" s="613"/>
      <c r="QLU683" s="613"/>
      <c r="QLV683" s="613"/>
      <c r="QLW683" s="613"/>
      <c r="QLX683" s="613"/>
      <c r="QLY683" s="613"/>
      <c r="QLZ683" s="613"/>
      <c r="QMA683" s="613"/>
      <c r="QMB683" s="613"/>
      <c r="QMC683" s="613"/>
      <c r="QMD683" s="613"/>
      <c r="QME683" s="613"/>
      <c r="QMF683" s="613"/>
      <c r="QMG683" s="613"/>
      <c r="QMH683" s="613"/>
      <c r="QMI683" s="613"/>
      <c r="QMJ683" s="613"/>
      <c r="QMK683" s="613"/>
      <c r="QML683" s="613"/>
      <c r="QMM683" s="613"/>
      <c r="QMN683" s="613"/>
      <c r="QMO683" s="613"/>
      <c r="QMP683" s="613"/>
      <c r="QMQ683" s="613"/>
      <c r="QMR683" s="613"/>
      <c r="QMS683" s="613"/>
      <c r="QMT683" s="613"/>
      <c r="QMU683" s="613"/>
      <c r="QMV683" s="613"/>
      <c r="QMW683" s="613"/>
      <c r="QMX683" s="613"/>
      <c r="QMY683" s="613"/>
      <c r="QMZ683" s="613"/>
      <c r="QNA683" s="613"/>
      <c r="QNB683" s="613"/>
      <c r="QNC683" s="613"/>
      <c r="QND683" s="613"/>
      <c r="QNE683" s="613"/>
      <c r="QNF683" s="613"/>
      <c r="QNG683" s="613"/>
      <c r="QNH683" s="613"/>
      <c r="QNI683" s="613"/>
      <c r="QNJ683" s="613"/>
      <c r="QNK683" s="613"/>
      <c r="QNL683" s="613"/>
      <c r="QNM683" s="613"/>
      <c r="QNN683" s="613"/>
      <c r="QNO683" s="613"/>
      <c r="QNP683" s="613"/>
      <c r="QNQ683" s="613"/>
      <c r="QNR683" s="613"/>
      <c r="QNS683" s="613"/>
      <c r="QNT683" s="613"/>
      <c r="QNU683" s="613"/>
      <c r="QNV683" s="613"/>
      <c r="QNW683" s="613"/>
      <c r="QNX683" s="613"/>
      <c r="QNY683" s="613"/>
      <c r="QNZ683" s="613"/>
      <c r="QOA683" s="613"/>
      <c r="QOB683" s="613"/>
      <c r="QOC683" s="613"/>
      <c r="QOD683" s="613"/>
      <c r="QOE683" s="613"/>
      <c r="QOF683" s="613"/>
      <c r="QOG683" s="613"/>
      <c r="QOH683" s="613"/>
      <c r="QOI683" s="613"/>
      <c r="QOJ683" s="613"/>
      <c r="QOK683" s="613"/>
      <c r="QOL683" s="613"/>
      <c r="QOM683" s="613"/>
      <c r="QON683" s="613"/>
      <c r="QOO683" s="613"/>
      <c r="QOP683" s="613"/>
      <c r="QOQ683" s="613"/>
      <c r="QOR683" s="613"/>
      <c r="QOS683" s="613"/>
      <c r="QOT683" s="613"/>
      <c r="QOU683" s="613"/>
      <c r="QOV683" s="613"/>
      <c r="QOW683" s="613"/>
      <c r="QOX683" s="613"/>
      <c r="QOY683" s="613"/>
      <c r="QOZ683" s="613"/>
      <c r="QPA683" s="613"/>
      <c r="QPB683" s="613"/>
      <c r="QPC683" s="613"/>
      <c r="QPD683" s="613"/>
      <c r="QPE683" s="613"/>
      <c r="QPF683" s="613"/>
      <c r="QPG683" s="613"/>
      <c r="QPH683" s="613"/>
      <c r="QPI683" s="613"/>
      <c r="QPJ683" s="613"/>
      <c r="QPK683" s="613"/>
      <c r="QPL683" s="613"/>
      <c r="QPM683" s="613"/>
      <c r="QPN683" s="613"/>
      <c r="QPO683" s="613"/>
      <c r="QPP683" s="613"/>
      <c r="QPQ683" s="613"/>
      <c r="QPR683" s="613"/>
      <c r="QPS683" s="613"/>
      <c r="QPT683" s="613"/>
      <c r="QPU683" s="613"/>
      <c r="QPV683" s="613"/>
      <c r="QPW683" s="613"/>
      <c r="QPX683" s="613"/>
      <c r="QPY683" s="613"/>
      <c r="QPZ683" s="613"/>
      <c r="QQA683" s="613"/>
      <c r="QQB683" s="613"/>
      <c r="QQC683" s="613"/>
      <c r="QQD683" s="613"/>
      <c r="QQE683" s="613"/>
      <c r="QQF683" s="613"/>
      <c r="QQG683" s="613"/>
      <c r="QQH683" s="613"/>
      <c r="QQI683" s="613"/>
      <c r="QQJ683" s="613"/>
      <c r="QQK683" s="613"/>
      <c r="QQL683" s="613"/>
      <c r="QQM683" s="613"/>
      <c r="QQN683" s="613"/>
      <c r="QQO683" s="613"/>
      <c r="QQP683" s="613"/>
      <c r="QQQ683" s="613"/>
      <c r="QQR683" s="613"/>
      <c r="QQS683" s="613"/>
      <c r="QQT683" s="613"/>
      <c r="QQU683" s="613"/>
      <c r="QQV683" s="613"/>
      <c r="QQW683" s="613"/>
      <c r="QQX683" s="613"/>
      <c r="QQY683" s="613"/>
      <c r="QQZ683" s="613"/>
      <c r="QRA683" s="613"/>
      <c r="QRB683" s="613"/>
      <c r="QRC683" s="613"/>
      <c r="QRD683" s="613"/>
      <c r="QRE683" s="613"/>
      <c r="QRF683" s="613"/>
      <c r="QRG683" s="613"/>
      <c r="QRH683" s="613"/>
      <c r="QRI683" s="613"/>
      <c r="QRJ683" s="613"/>
      <c r="QRK683" s="613"/>
      <c r="QRL683" s="613"/>
      <c r="QRM683" s="613"/>
      <c r="QRN683" s="613"/>
      <c r="QRO683" s="613"/>
      <c r="QRP683" s="613"/>
      <c r="QRQ683" s="613"/>
      <c r="QRR683" s="613"/>
      <c r="QRS683" s="613"/>
      <c r="QRT683" s="613"/>
      <c r="QRU683" s="613"/>
      <c r="QRV683" s="613"/>
      <c r="QRW683" s="613"/>
      <c r="QRX683" s="613"/>
      <c r="QRY683" s="613"/>
      <c r="QRZ683" s="613"/>
      <c r="QSA683" s="613"/>
      <c r="QSB683" s="613"/>
      <c r="QSC683" s="613"/>
      <c r="QSD683" s="613"/>
      <c r="QSE683" s="613"/>
      <c r="QSF683" s="613"/>
      <c r="QSG683" s="613"/>
      <c r="QSH683" s="613"/>
      <c r="QSI683" s="613"/>
      <c r="QSJ683" s="613"/>
      <c r="QSK683" s="613"/>
      <c r="QSL683" s="613"/>
      <c r="QSM683" s="613"/>
      <c r="QSN683" s="613"/>
      <c r="QSO683" s="613"/>
      <c r="QSP683" s="613"/>
      <c r="QSQ683" s="613"/>
      <c r="QSR683" s="613"/>
      <c r="QSS683" s="613"/>
      <c r="QST683" s="613"/>
      <c r="QSU683" s="613"/>
      <c r="QSV683" s="613"/>
      <c r="QSW683" s="613"/>
      <c r="QSX683" s="613"/>
      <c r="QSY683" s="613"/>
      <c r="QSZ683" s="613"/>
      <c r="QTA683" s="613"/>
      <c r="QTB683" s="613"/>
      <c r="QTC683" s="613"/>
      <c r="QTD683" s="613"/>
      <c r="QTE683" s="613"/>
      <c r="QTF683" s="613"/>
      <c r="QTG683" s="613"/>
      <c r="QTH683" s="613"/>
      <c r="QTI683" s="613"/>
      <c r="QTJ683" s="613"/>
      <c r="QTK683" s="613"/>
      <c r="QTL683" s="613"/>
      <c r="QTM683" s="613"/>
      <c r="QTN683" s="613"/>
      <c r="QTO683" s="613"/>
      <c r="QTP683" s="613"/>
      <c r="QTQ683" s="613"/>
      <c r="QTR683" s="613"/>
      <c r="QTS683" s="613"/>
      <c r="QTT683" s="613"/>
      <c r="QTU683" s="613"/>
      <c r="QTV683" s="613"/>
      <c r="QTW683" s="613"/>
      <c r="QTX683" s="613"/>
      <c r="QTY683" s="613"/>
      <c r="QTZ683" s="613"/>
      <c r="QUA683" s="613"/>
      <c r="QUB683" s="613"/>
      <c r="QUC683" s="613"/>
      <c r="QUD683" s="613"/>
      <c r="QUE683" s="613"/>
      <c r="QUF683" s="613"/>
      <c r="QUG683" s="613"/>
      <c r="QUH683" s="613"/>
      <c r="QUI683" s="613"/>
      <c r="QUJ683" s="613"/>
      <c r="QUK683" s="613"/>
      <c r="QUL683" s="613"/>
      <c r="QUM683" s="613"/>
      <c r="QUN683" s="613"/>
      <c r="QUO683" s="613"/>
      <c r="QUP683" s="613"/>
      <c r="QUQ683" s="613"/>
      <c r="QUR683" s="613"/>
      <c r="QUS683" s="613"/>
      <c r="QUT683" s="613"/>
      <c r="QUU683" s="613"/>
      <c r="QUV683" s="613"/>
      <c r="QUW683" s="613"/>
      <c r="QUX683" s="613"/>
      <c r="QUY683" s="613"/>
      <c r="QUZ683" s="613"/>
      <c r="QVA683" s="613"/>
      <c r="QVB683" s="613"/>
      <c r="QVC683" s="613"/>
      <c r="QVD683" s="613"/>
      <c r="QVE683" s="613"/>
      <c r="QVF683" s="613"/>
      <c r="QVG683" s="613"/>
      <c r="QVH683" s="613"/>
      <c r="QVI683" s="613"/>
      <c r="QVJ683" s="613"/>
      <c r="QVK683" s="613"/>
      <c r="QVL683" s="613"/>
      <c r="QVM683" s="613"/>
      <c r="QVN683" s="613"/>
      <c r="QVO683" s="613"/>
      <c r="QVP683" s="613"/>
      <c r="QVQ683" s="613"/>
      <c r="QVR683" s="613"/>
      <c r="QVS683" s="613"/>
      <c r="QVT683" s="613"/>
      <c r="QVU683" s="613"/>
      <c r="QVV683" s="613"/>
      <c r="QVW683" s="613"/>
      <c r="QVX683" s="613"/>
      <c r="QVY683" s="613"/>
      <c r="QVZ683" s="613"/>
      <c r="QWA683" s="613"/>
      <c r="QWB683" s="613"/>
      <c r="QWC683" s="613"/>
      <c r="QWD683" s="613"/>
      <c r="QWE683" s="613"/>
      <c r="QWF683" s="613"/>
      <c r="QWG683" s="613"/>
      <c r="QWH683" s="613"/>
      <c r="QWI683" s="613"/>
      <c r="QWJ683" s="613"/>
      <c r="QWK683" s="613"/>
      <c r="QWL683" s="613"/>
      <c r="QWM683" s="613"/>
      <c r="QWN683" s="613"/>
      <c r="QWO683" s="613"/>
      <c r="QWP683" s="613"/>
      <c r="QWQ683" s="613"/>
      <c r="QWR683" s="613"/>
      <c r="QWS683" s="613"/>
      <c r="QWT683" s="613"/>
      <c r="QWU683" s="613"/>
      <c r="QWV683" s="613"/>
      <c r="QWW683" s="613"/>
      <c r="QWX683" s="613"/>
      <c r="QWY683" s="613"/>
      <c r="QWZ683" s="613"/>
      <c r="QXA683" s="613"/>
      <c r="QXB683" s="613"/>
      <c r="QXC683" s="613"/>
      <c r="QXD683" s="613"/>
      <c r="QXE683" s="613"/>
      <c r="QXF683" s="613"/>
      <c r="QXG683" s="613"/>
      <c r="QXH683" s="613"/>
      <c r="QXI683" s="613"/>
      <c r="QXJ683" s="613"/>
      <c r="QXK683" s="613"/>
      <c r="QXL683" s="613"/>
      <c r="QXM683" s="613"/>
      <c r="QXN683" s="613"/>
      <c r="QXO683" s="613"/>
      <c r="QXP683" s="613"/>
      <c r="QXQ683" s="613"/>
      <c r="QXR683" s="613"/>
      <c r="QXS683" s="613"/>
      <c r="QXT683" s="613"/>
      <c r="QXU683" s="613"/>
      <c r="QXV683" s="613"/>
      <c r="QXW683" s="613"/>
      <c r="QXX683" s="613"/>
      <c r="QXY683" s="613"/>
      <c r="QXZ683" s="613"/>
      <c r="QYA683" s="613"/>
      <c r="QYB683" s="613"/>
      <c r="QYC683" s="613"/>
      <c r="QYD683" s="613"/>
      <c r="QYE683" s="613"/>
      <c r="QYF683" s="613"/>
      <c r="QYG683" s="613"/>
      <c r="QYH683" s="613"/>
      <c r="QYI683" s="613"/>
      <c r="QYJ683" s="613"/>
      <c r="QYK683" s="613"/>
      <c r="QYL683" s="613"/>
      <c r="QYM683" s="613"/>
      <c r="QYN683" s="613"/>
      <c r="QYO683" s="613"/>
      <c r="QYP683" s="613"/>
      <c r="QYQ683" s="613"/>
      <c r="QYR683" s="613"/>
      <c r="QYS683" s="613"/>
      <c r="QYT683" s="613"/>
      <c r="QYU683" s="613"/>
      <c r="QYV683" s="613"/>
      <c r="QYW683" s="613"/>
      <c r="QYX683" s="613"/>
      <c r="QYY683" s="613"/>
      <c r="QYZ683" s="613"/>
      <c r="QZA683" s="613"/>
      <c r="QZB683" s="613"/>
      <c r="QZC683" s="613"/>
      <c r="QZD683" s="613"/>
      <c r="QZE683" s="613"/>
      <c r="QZF683" s="613"/>
      <c r="QZG683" s="613"/>
      <c r="QZH683" s="613"/>
      <c r="QZI683" s="613"/>
      <c r="QZJ683" s="613"/>
      <c r="QZK683" s="613"/>
      <c r="QZL683" s="613"/>
      <c r="QZM683" s="613"/>
      <c r="QZN683" s="613"/>
      <c r="QZO683" s="613"/>
      <c r="QZP683" s="613"/>
      <c r="QZQ683" s="613"/>
      <c r="QZR683" s="613"/>
      <c r="QZS683" s="613"/>
      <c r="QZT683" s="613"/>
      <c r="QZU683" s="613"/>
      <c r="QZV683" s="613"/>
      <c r="QZW683" s="613"/>
      <c r="QZX683" s="613"/>
      <c r="QZY683" s="613"/>
      <c r="QZZ683" s="613"/>
      <c r="RAA683" s="613"/>
      <c r="RAB683" s="613"/>
      <c r="RAC683" s="613"/>
      <c r="RAD683" s="613"/>
      <c r="RAE683" s="613"/>
      <c r="RAF683" s="613"/>
      <c r="RAG683" s="613"/>
      <c r="RAH683" s="613"/>
      <c r="RAI683" s="613"/>
      <c r="RAJ683" s="613"/>
      <c r="RAK683" s="613"/>
      <c r="RAL683" s="613"/>
      <c r="RAM683" s="613"/>
      <c r="RAN683" s="613"/>
      <c r="RAO683" s="613"/>
      <c r="RAP683" s="613"/>
      <c r="RAQ683" s="613"/>
      <c r="RAR683" s="613"/>
      <c r="RAS683" s="613"/>
      <c r="RAT683" s="613"/>
      <c r="RAU683" s="613"/>
      <c r="RAV683" s="613"/>
      <c r="RAW683" s="613"/>
      <c r="RAX683" s="613"/>
      <c r="RAY683" s="613"/>
      <c r="RAZ683" s="613"/>
      <c r="RBA683" s="613"/>
      <c r="RBB683" s="613"/>
      <c r="RBC683" s="613"/>
      <c r="RBD683" s="613"/>
      <c r="RBE683" s="613"/>
      <c r="RBF683" s="613"/>
      <c r="RBG683" s="613"/>
      <c r="RBH683" s="613"/>
      <c r="RBI683" s="613"/>
      <c r="RBJ683" s="613"/>
      <c r="RBK683" s="613"/>
      <c r="RBL683" s="613"/>
      <c r="RBM683" s="613"/>
      <c r="RBN683" s="613"/>
      <c r="RBO683" s="613"/>
      <c r="RBP683" s="613"/>
      <c r="RBQ683" s="613"/>
      <c r="RBR683" s="613"/>
      <c r="RBS683" s="613"/>
      <c r="RBT683" s="613"/>
      <c r="RBU683" s="613"/>
      <c r="RBV683" s="613"/>
      <c r="RBW683" s="613"/>
      <c r="RBX683" s="613"/>
      <c r="RBY683" s="613"/>
      <c r="RBZ683" s="613"/>
      <c r="RCA683" s="613"/>
      <c r="RCB683" s="613"/>
      <c r="RCC683" s="613"/>
      <c r="RCD683" s="613"/>
      <c r="RCE683" s="613"/>
      <c r="RCF683" s="613"/>
      <c r="RCG683" s="613"/>
      <c r="RCH683" s="613"/>
      <c r="RCI683" s="613"/>
      <c r="RCJ683" s="613"/>
      <c r="RCK683" s="613"/>
      <c r="RCL683" s="613"/>
      <c r="RCM683" s="613"/>
      <c r="RCN683" s="613"/>
      <c r="RCO683" s="613"/>
      <c r="RCP683" s="613"/>
      <c r="RCQ683" s="613"/>
      <c r="RCR683" s="613"/>
      <c r="RCS683" s="613"/>
      <c r="RCT683" s="613"/>
      <c r="RCU683" s="613"/>
      <c r="RCV683" s="613"/>
      <c r="RCW683" s="613"/>
      <c r="RCX683" s="613"/>
      <c r="RCY683" s="613"/>
      <c r="RCZ683" s="613"/>
      <c r="RDA683" s="613"/>
      <c r="RDB683" s="613"/>
      <c r="RDC683" s="613"/>
      <c r="RDD683" s="613"/>
      <c r="RDE683" s="613"/>
      <c r="RDF683" s="613"/>
      <c r="RDG683" s="613"/>
      <c r="RDH683" s="613"/>
      <c r="RDI683" s="613"/>
      <c r="RDJ683" s="613"/>
      <c r="RDK683" s="613"/>
      <c r="RDL683" s="613"/>
      <c r="RDM683" s="613"/>
      <c r="RDN683" s="613"/>
      <c r="RDO683" s="613"/>
      <c r="RDP683" s="613"/>
      <c r="RDQ683" s="613"/>
      <c r="RDR683" s="613"/>
      <c r="RDS683" s="613"/>
      <c r="RDT683" s="613"/>
      <c r="RDU683" s="613"/>
      <c r="RDV683" s="613"/>
      <c r="RDW683" s="613"/>
      <c r="RDX683" s="613"/>
      <c r="RDY683" s="613"/>
      <c r="RDZ683" s="613"/>
      <c r="REA683" s="613"/>
      <c r="REB683" s="613"/>
      <c r="REC683" s="613"/>
      <c r="RED683" s="613"/>
      <c r="REE683" s="613"/>
      <c r="REF683" s="613"/>
      <c r="REG683" s="613"/>
      <c r="REH683" s="613"/>
      <c r="REI683" s="613"/>
      <c r="REJ683" s="613"/>
      <c r="REK683" s="613"/>
      <c r="REL683" s="613"/>
      <c r="REM683" s="613"/>
      <c r="REN683" s="613"/>
      <c r="REO683" s="613"/>
      <c r="REP683" s="613"/>
      <c r="REQ683" s="613"/>
      <c r="RER683" s="613"/>
      <c r="RES683" s="613"/>
      <c r="RET683" s="613"/>
      <c r="REU683" s="613"/>
      <c r="REV683" s="613"/>
      <c r="REW683" s="613"/>
      <c r="REX683" s="613"/>
      <c r="REY683" s="613"/>
      <c r="REZ683" s="613"/>
      <c r="RFA683" s="613"/>
      <c r="RFB683" s="613"/>
      <c r="RFC683" s="613"/>
      <c r="RFD683" s="613"/>
      <c r="RFE683" s="613"/>
      <c r="RFF683" s="613"/>
      <c r="RFG683" s="613"/>
      <c r="RFH683" s="613"/>
      <c r="RFI683" s="613"/>
      <c r="RFJ683" s="613"/>
      <c r="RFK683" s="613"/>
      <c r="RFL683" s="613"/>
      <c r="RFM683" s="613"/>
      <c r="RFN683" s="613"/>
      <c r="RFO683" s="613"/>
      <c r="RFP683" s="613"/>
      <c r="RFQ683" s="613"/>
      <c r="RFR683" s="613"/>
      <c r="RFS683" s="613"/>
      <c r="RFT683" s="613"/>
      <c r="RFU683" s="613"/>
      <c r="RFV683" s="613"/>
      <c r="RFW683" s="613"/>
      <c r="RFX683" s="613"/>
      <c r="RFY683" s="613"/>
      <c r="RFZ683" s="613"/>
      <c r="RGA683" s="613"/>
      <c r="RGB683" s="613"/>
      <c r="RGC683" s="613"/>
      <c r="RGD683" s="613"/>
      <c r="RGE683" s="613"/>
      <c r="RGF683" s="613"/>
      <c r="RGG683" s="613"/>
      <c r="RGH683" s="613"/>
      <c r="RGI683" s="613"/>
      <c r="RGJ683" s="613"/>
      <c r="RGK683" s="613"/>
      <c r="RGL683" s="613"/>
      <c r="RGM683" s="613"/>
      <c r="RGN683" s="613"/>
      <c r="RGO683" s="613"/>
      <c r="RGP683" s="613"/>
      <c r="RGQ683" s="613"/>
      <c r="RGR683" s="613"/>
      <c r="RGS683" s="613"/>
      <c r="RGT683" s="613"/>
      <c r="RGU683" s="613"/>
      <c r="RGV683" s="613"/>
      <c r="RGW683" s="613"/>
      <c r="RGX683" s="613"/>
      <c r="RGY683" s="613"/>
      <c r="RGZ683" s="613"/>
      <c r="RHA683" s="613"/>
      <c r="RHB683" s="613"/>
      <c r="RHC683" s="613"/>
      <c r="RHD683" s="613"/>
      <c r="RHE683" s="613"/>
      <c r="RHF683" s="613"/>
      <c r="RHG683" s="613"/>
      <c r="RHH683" s="613"/>
      <c r="RHI683" s="613"/>
      <c r="RHJ683" s="613"/>
      <c r="RHK683" s="613"/>
      <c r="RHL683" s="613"/>
      <c r="RHM683" s="613"/>
      <c r="RHN683" s="613"/>
      <c r="RHO683" s="613"/>
      <c r="RHP683" s="613"/>
      <c r="RHQ683" s="613"/>
      <c r="RHR683" s="613"/>
      <c r="RHS683" s="613"/>
      <c r="RHT683" s="613"/>
      <c r="RHU683" s="613"/>
      <c r="RHV683" s="613"/>
      <c r="RHW683" s="613"/>
      <c r="RHX683" s="613"/>
      <c r="RHY683" s="613"/>
      <c r="RHZ683" s="613"/>
      <c r="RIA683" s="613"/>
      <c r="RIB683" s="613"/>
      <c r="RIC683" s="613"/>
      <c r="RID683" s="613"/>
      <c r="RIE683" s="613"/>
      <c r="RIF683" s="613"/>
      <c r="RIG683" s="613"/>
      <c r="RIH683" s="613"/>
      <c r="RII683" s="613"/>
      <c r="RIJ683" s="613"/>
      <c r="RIK683" s="613"/>
      <c r="RIL683" s="613"/>
      <c r="RIM683" s="613"/>
      <c r="RIN683" s="613"/>
      <c r="RIO683" s="613"/>
      <c r="RIP683" s="613"/>
      <c r="RIQ683" s="613"/>
      <c r="RIR683" s="613"/>
      <c r="RIS683" s="613"/>
      <c r="RIT683" s="613"/>
      <c r="RIU683" s="613"/>
      <c r="RIV683" s="613"/>
      <c r="RIW683" s="613"/>
      <c r="RIX683" s="613"/>
      <c r="RIY683" s="613"/>
      <c r="RIZ683" s="613"/>
      <c r="RJA683" s="613"/>
      <c r="RJB683" s="613"/>
      <c r="RJC683" s="613"/>
      <c r="RJD683" s="613"/>
      <c r="RJE683" s="613"/>
      <c r="RJF683" s="613"/>
      <c r="RJG683" s="613"/>
      <c r="RJH683" s="613"/>
      <c r="RJI683" s="613"/>
      <c r="RJJ683" s="613"/>
      <c r="RJK683" s="613"/>
      <c r="RJL683" s="613"/>
      <c r="RJM683" s="613"/>
      <c r="RJN683" s="613"/>
      <c r="RJO683" s="613"/>
      <c r="RJP683" s="613"/>
      <c r="RJQ683" s="613"/>
      <c r="RJR683" s="613"/>
      <c r="RJS683" s="613"/>
      <c r="RJT683" s="613"/>
      <c r="RJU683" s="613"/>
      <c r="RJV683" s="613"/>
      <c r="RJW683" s="613"/>
      <c r="RJX683" s="613"/>
      <c r="RJY683" s="613"/>
      <c r="RJZ683" s="613"/>
      <c r="RKA683" s="613"/>
      <c r="RKB683" s="613"/>
      <c r="RKC683" s="613"/>
      <c r="RKD683" s="613"/>
      <c r="RKE683" s="613"/>
      <c r="RKF683" s="613"/>
      <c r="RKG683" s="613"/>
      <c r="RKH683" s="613"/>
      <c r="RKI683" s="613"/>
      <c r="RKJ683" s="613"/>
      <c r="RKK683" s="613"/>
      <c r="RKL683" s="613"/>
      <c r="RKM683" s="613"/>
      <c r="RKN683" s="613"/>
      <c r="RKO683" s="613"/>
      <c r="RKP683" s="613"/>
      <c r="RKQ683" s="613"/>
      <c r="RKR683" s="613"/>
      <c r="RKS683" s="613"/>
      <c r="RKT683" s="613"/>
      <c r="RKU683" s="613"/>
      <c r="RKV683" s="613"/>
      <c r="RKW683" s="613"/>
      <c r="RKX683" s="613"/>
      <c r="RKY683" s="613"/>
      <c r="RKZ683" s="613"/>
      <c r="RLA683" s="613"/>
      <c r="RLB683" s="613"/>
      <c r="RLC683" s="613"/>
      <c r="RLD683" s="613"/>
      <c r="RLE683" s="613"/>
      <c r="RLF683" s="613"/>
      <c r="RLG683" s="613"/>
      <c r="RLH683" s="613"/>
      <c r="RLI683" s="613"/>
      <c r="RLJ683" s="613"/>
      <c r="RLK683" s="613"/>
      <c r="RLL683" s="613"/>
      <c r="RLM683" s="613"/>
      <c r="RLN683" s="613"/>
      <c r="RLO683" s="613"/>
      <c r="RLP683" s="613"/>
      <c r="RLQ683" s="613"/>
      <c r="RLR683" s="613"/>
      <c r="RLS683" s="613"/>
      <c r="RLT683" s="613"/>
      <c r="RLU683" s="613"/>
      <c r="RLV683" s="613"/>
      <c r="RLW683" s="613"/>
      <c r="RLX683" s="613"/>
      <c r="RLY683" s="613"/>
      <c r="RLZ683" s="613"/>
      <c r="RMA683" s="613"/>
      <c r="RMB683" s="613"/>
      <c r="RMC683" s="613"/>
      <c r="RMD683" s="613"/>
      <c r="RME683" s="613"/>
      <c r="RMF683" s="613"/>
      <c r="RMG683" s="613"/>
      <c r="RMH683" s="613"/>
      <c r="RMI683" s="613"/>
      <c r="RMJ683" s="613"/>
      <c r="RMK683" s="613"/>
      <c r="RML683" s="613"/>
      <c r="RMM683" s="613"/>
      <c r="RMN683" s="613"/>
      <c r="RMO683" s="613"/>
      <c r="RMP683" s="613"/>
      <c r="RMQ683" s="613"/>
      <c r="RMR683" s="613"/>
      <c r="RMS683" s="613"/>
      <c r="RMT683" s="613"/>
      <c r="RMU683" s="613"/>
      <c r="RMV683" s="613"/>
      <c r="RMW683" s="613"/>
      <c r="RMX683" s="613"/>
      <c r="RMY683" s="613"/>
      <c r="RMZ683" s="613"/>
      <c r="RNA683" s="613"/>
      <c r="RNB683" s="613"/>
      <c r="RNC683" s="613"/>
      <c r="RND683" s="613"/>
      <c r="RNE683" s="613"/>
      <c r="RNF683" s="613"/>
      <c r="RNG683" s="613"/>
      <c r="RNH683" s="613"/>
      <c r="RNI683" s="613"/>
      <c r="RNJ683" s="613"/>
      <c r="RNK683" s="613"/>
      <c r="RNL683" s="613"/>
      <c r="RNM683" s="613"/>
      <c r="RNN683" s="613"/>
      <c r="RNO683" s="613"/>
      <c r="RNP683" s="613"/>
      <c r="RNQ683" s="613"/>
      <c r="RNR683" s="613"/>
      <c r="RNS683" s="613"/>
      <c r="RNT683" s="613"/>
      <c r="RNU683" s="613"/>
      <c r="RNV683" s="613"/>
      <c r="RNW683" s="613"/>
      <c r="RNX683" s="613"/>
      <c r="RNY683" s="613"/>
      <c r="RNZ683" s="613"/>
      <c r="ROA683" s="613"/>
      <c r="ROB683" s="613"/>
      <c r="ROC683" s="613"/>
      <c r="ROD683" s="613"/>
      <c r="ROE683" s="613"/>
      <c r="ROF683" s="613"/>
      <c r="ROG683" s="613"/>
      <c r="ROH683" s="613"/>
      <c r="ROI683" s="613"/>
      <c r="ROJ683" s="613"/>
      <c r="ROK683" s="613"/>
      <c r="ROL683" s="613"/>
      <c r="ROM683" s="613"/>
      <c r="RON683" s="613"/>
      <c r="ROO683" s="613"/>
      <c r="ROP683" s="613"/>
      <c r="ROQ683" s="613"/>
      <c r="ROR683" s="613"/>
      <c r="ROS683" s="613"/>
      <c r="ROT683" s="613"/>
      <c r="ROU683" s="613"/>
      <c r="ROV683" s="613"/>
      <c r="ROW683" s="613"/>
      <c r="ROX683" s="613"/>
      <c r="ROY683" s="613"/>
      <c r="ROZ683" s="613"/>
      <c r="RPA683" s="613"/>
      <c r="RPB683" s="613"/>
      <c r="RPC683" s="613"/>
      <c r="RPD683" s="613"/>
      <c r="RPE683" s="613"/>
      <c r="RPF683" s="613"/>
      <c r="RPG683" s="613"/>
      <c r="RPH683" s="613"/>
      <c r="RPI683" s="613"/>
      <c r="RPJ683" s="613"/>
      <c r="RPK683" s="613"/>
      <c r="RPL683" s="613"/>
      <c r="RPM683" s="613"/>
      <c r="RPN683" s="613"/>
      <c r="RPO683" s="613"/>
      <c r="RPP683" s="613"/>
      <c r="RPQ683" s="613"/>
      <c r="RPR683" s="613"/>
      <c r="RPS683" s="613"/>
      <c r="RPT683" s="613"/>
      <c r="RPU683" s="613"/>
      <c r="RPV683" s="613"/>
      <c r="RPW683" s="613"/>
      <c r="RPX683" s="613"/>
      <c r="RPY683" s="613"/>
      <c r="RPZ683" s="613"/>
      <c r="RQA683" s="613"/>
      <c r="RQB683" s="613"/>
      <c r="RQC683" s="613"/>
      <c r="RQD683" s="613"/>
      <c r="RQE683" s="613"/>
      <c r="RQF683" s="613"/>
      <c r="RQG683" s="613"/>
      <c r="RQH683" s="613"/>
      <c r="RQI683" s="613"/>
      <c r="RQJ683" s="613"/>
      <c r="RQK683" s="613"/>
      <c r="RQL683" s="613"/>
      <c r="RQM683" s="613"/>
      <c r="RQN683" s="613"/>
      <c r="RQO683" s="613"/>
      <c r="RQP683" s="613"/>
      <c r="RQQ683" s="613"/>
      <c r="RQR683" s="613"/>
      <c r="RQS683" s="613"/>
      <c r="RQT683" s="613"/>
      <c r="RQU683" s="613"/>
      <c r="RQV683" s="613"/>
      <c r="RQW683" s="613"/>
      <c r="RQX683" s="613"/>
      <c r="RQY683" s="613"/>
      <c r="RQZ683" s="613"/>
      <c r="RRA683" s="613"/>
      <c r="RRB683" s="613"/>
      <c r="RRC683" s="613"/>
      <c r="RRD683" s="613"/>
      <c r="RRE683" s="613"/>
      <c r="RRF683" s="613"/>
      <c r="RRG683" s="613"/>
      <c r="RRH683" s="613"/>
      <c r="RRI683" s="613"/>
      <c r="RRJ683" s="613"/>
      <c r="RRK683" s="613"/>
      <c r="RRL683" s="613"/>
      <c r="RRM683" s="613"/>
      <c r="RRN683" s="613"/>
      <c r="RRO683" s="613"/>
      <c r="RRP683" s="613"/>
      <c r="RRQ683" s="613"/>
      <c r="RRR683" s="613"/>
      <c r="RRS683" s="613"/>
      <c r="RRT683" s="613"/>
      <c r="RRU683" s="613"/>
      <c r="RRV683" s="613"/>
      <c r="RRW683" s="613"/>
      <c r="RRX683" s="613"/>
      <c r="RRY683" s="613"/>
      <c r="RRZ683" s="613"/>
      <c r="RSA683" s="613"/>
      <c r="RSB683" s="613"/>
      <c r="RSC683" s="613"/>
      <c r="RSD683" s="613"/>
      <c r="RSE683" s="613"/>
      <c r="RSF683" s="613"/>
      <c r="RSG683" s="613"/>
      <c r="RSH683" s="613"/>
      <c r="RSI683" s="613"/>
      <c r="RSJ683" s="613"/>
      <c r="RSK683" s="613"/>
      <c r="RSL683" s="613"/>
      <c r="RSM683" s="613"/>
      <c r="RSN683" s="613"/>
      <c r="RSO683" s="613"/>
      <c r="RSP683" s="613"/>
      <c r="RSQ683" s="613"/>
      <c r="RSR683" s="613"/>
      <c r="RSS683" s="613"/>
      <c r="RST683" s="613"/>
      <c r="RSU683" s="613"/>
      <c r="RSV683" s="613"/>
      <c r="RSW683" s="613"/>
      <c r="RSX683" s="613"/>
      <c r="RSY683" s="613"/>
      <c r="RSZ683" s="613"/>
      <c r="RTA683" s="613"/>
      <c r="RTB683" s="613"/>
      <c r="RTC683" s="613"/>
      <c r="RTD683" s="613"/>
      <c r="RTE683" s="613"/>
      <c r="RTF683" s="613"/>
      <c r="RTG683" s="613"/>
      <c r="RTH683" s="613"/>
      <c r="RTI683" s="613"/>
      <c r="RTJ683" s="613"/>
      <c r="RTK683" s="613"/>
      <c r="RTL683" s="613"/>
      <c r="RTM683" s="613"/>
      <c r="RTN683" s="613"/>
      <c r="RTO683" s="613"/>
      <c r="RTP683" s="613"/>
      <c r="RTQ683" s="613"/>
      <c r="RTR683" s="613"/>
      <c r="RTS683" s="613"/>
      <c r="RTT683" s="613"/>
      <c r="RTU683" s="613"/>
      <c r="RTV683" s="613"/>
      <c r="RTW683" s="613"/>
      <c r="RTX683" s="613"/>
      <c r="RTY683" s="613"/>
      <c r="RTZ683" s="613"/>
      <c r="RUA683" s="613"/>
      <c r="RUB683" s="613"/>
      <c r="RUC683" s="613"/>
      <c r="RUD683" s="613"/>
      <c r="RUE683" s="613"/>
      <c r="RUF683" s="613"/>
      <c r="RUG683" s="613"/>
      <c r="RUH683" s="613"/>
      <c r="RUI683" s="613"/>
      <c r="RUJ683" s="613"/>
      <c r="RUK683" s="613"/>
      <c r="RUL683" s="613"/>
      <c r="RUM683" s="613"/>
      <c r="RUN683" s="613"/>
      <c r="RUO683" s="613"/>
      <c r="RUP683" s="613"/>
      <c r="RUQ683" s="613"/>
      <c r="RUR683" s="613"/>
      <c r="RUS683" s="613"/>
      <c r="RUT683" s="613"/>
      <c r="RUU683" s="613"/>
      <c r="RUV683" s="613"/>
      <c r="RUW683" s="613"/>
      <c r="RUX683" s="613"/>
      <c r="RUY683" s="613"/>
      <c r="RUZ683" s="613"/>
      <c r="RVA683" s="613"/>
      <c r="RVB683" s="613"/>
      <c r="RVC683" s="613"/>
      <c r="RVD683" s="613"/>
      <c r="RVE683" s="613"/>
      <c r="RVF683" s="613"/>
      <c r="RVG683" s="613"/>
      <c r="RVH683" s="613"/>
      <c r="RVI683" s="613"/>
      <c r="RVJ683" s="613"/>
      <c r="RVK683" s="613"/>
      <c r="RVL683" s="613"/>
      <c r="RVM683" s="613"/>
      <c r="RVN683" s="613"/>
      <c r="RVO683" s="613"/>
      <c r="RVP683" s="613"/>
      <c r="RVQ683" s="613"/>
      <c r="RVR683" s="613"/>
      <c r="RVS683" s="613"/>
      <c r="RVT683" s="613"/>
      <c r="RVU683" s="613"/>
      <c r="RVV683" s="613"/>
      <c r="RVW683" s="613"/>
      <c r="RVX683" s="613"/>
      <c r="RVY683" s="613"/>
      <c r="RVZ683" s="613"/>
      <c r="RWA683" s="613"/>
      <c r="RWB683" s="613"/>
      <c r="RWC683" s="613"/>
      <c r="RWD683" s="613"/>
      <c r="RWE683" s="613"/>
      <c r="RWF683" s="613"/>
      <c r="RWG683" s="613"/>
      <c r="RWH683" s="613"/>
      <c r="RWI683" s="613"/>
      <c r="RWJ683" s="613"/>
      <c r="RWK683" s="613"/>
      <c r="RWL683" s="613"/>
      <c r="RWM683" s="613"/>
      <c r="RWN683" s="613"/>
      <c r="RWO683" s="613"/>
      <c r="RWP683" s="613"/>
      <c r="RWQ683" s="613"/>
      <c r="RWR683" s="613"/>
      <c r="RWS683" s="613"/>
      <c r="RWT683" s="613"/>
      <c r="RWU683" s="613"/>
      <c r="RWV683" s="613"/>
      <c r="RWW683" s="613"/>
      <c r="RWX683" s="613"/>
      <c r="RWY683" s="613"/>
      <c r="RWZ683" s="613"/>
      <c r="RXA683" s="613"/>
      <c r="RXB683" s="613"/>
      <c r="RXC683" s="613"/>
      <c r="RXD683" s="613"/>
      <c r="RXE683" s="613"/>
      <c r="RXF683" s="613"/>
      <c r="RXG683" s="613"/>
      <c r="RXH683" s="613"/>
      <c r="RXI683" s="613"/>
      <c r="RXJ683" s="613"/>
      <c r="RXK683" s="613"/>
      <c r="RXL683" s="613"/>
      <c r="RXM683" s="613"/>
      <c r="RXN683" s="613"/>
      <c r="RXO683" s="613"/>
      <c r="RXP683" s="613"/>
      <c r="RXQ683" s="613"/>
      <c r="RXR683" s="613"/>
      <c r="RXS683" s="613"/>
      <c r="RXT683" s="613"/>
      <c r="RXU683" s="613"/>
      <c r="RXV683" s="613"/>
      <c r="RXW683" s="613"/>
      <c r="RXX683" s="613"/>
      <c r="RXY683" s="613"/>
      <c r="RXZ683" s="613"/>
      <c r="RYA683" s="613"/>
      <c r="RYB683" s="613"/>
      <c r="RYC683" s="613"/>
      <c r="RYD683" s="613"/>
      <c r="RYE683" s="613"/>
      <c r="RYF683" s="613"/>
      <c r="RYG683" s="613"/>
      <c r="RYH683" s="613"/>
      <c r="RYI683" s="613"/>
      <c r="RYJ683" s="613"/>
      <c r="RYK683" s="613"/>
      <c r="RYL683" s="613"/>
      <c r="RYM683" s="613"/>
      <c r="RYN683" s="613"/>
      <c r="RYO683" s="613"/>
      <c r="RYP683" s="613"/>
      <c r="RYQ683" s="613"/>
      <c r="RYR683" s="613"/>
      <c r="RYS683" s="613"/>
      <c r="RYT683" s="613"/>
      <c r="RYU683" s="613"/>
      <c r="RYV683" s="613"/>
      <c r="RYW683" s="613"/>
      <c r="RYX683" s="613"/>
      <c r="RYY683" s="613"/>
      <c r="RYZ683" s="613"/>
      <c r="RZA683" s="613"/>
      <c r="RZB683" s="613"/>
      <c r="RZC683" s="613"/>
      <c r="RZD683" s="613"/>
      <c r="RZE683" s="613"/>
      <c r="RZF683" s="613"/>
      <c r="RZG683" s="613"/>
      <c r="RZH683" s="613"/>
      <c r="RZI683" s="613"/>
      <c r="RZJ683" s="613"/>
      <c r="RZK683" s="613"/>
      <c r="RZL683" s="613"/>
      <c r="RZM683" s="613"/>
      <c r="RZN683" s="613"/>
      <c r="RZO683" s="613"/>
      <c r="RZP683" s="613"/>
      <c r="RZQ683" s="613"/>
      <c r="RZR683" s="613"/>
      <c r="RZS683" s="613"/>
      <c r="RZT683" s="613"/>
      <c r="RZU683" s="613"/>
      <c r="RZV683" s="613"/>
      <c r="RZW683" s="613"/>
      <c r="RZX683" s="613"/>
      <c r="RZY683" s="613"/>
      <c r="RZZ683" s="613"/>
      <c r="SAA683" s="613"/>
      <c r="SAB683" s="613"/>
      <c r="SAC683" s="613"/>
      <c r="SAD683" s="613"/>
      <c r="SAE683" s="613"/>
      <c r="SAF683" s="613"/>
      <c r="SAG683" s="613"/>
      <c r="SAH683" s="613"/>
      <c r="SAI683" s="613"/>
      <c r="SAJ683" s="613"/>
      <c r="SAK683" s="613"/>
      <c r="SAL683" s="613"/>
      <c r="SAM683" s="613"/>
      <c r="SAN683" s="613"/>
      <c r="SAO683" s="613"/>
      <c r="SAP683" s="613"/>
      <c r="SAQ683" s="613"/>
      <c r="SAR683" s="613"/>
      <c r="SAS683" s="613"/>
      <c r="SAT683" s="613"/>
      <c r="SAU683" s="613"/>
      <c r="SAV683" s="613"/>
      <c r="SAW683" s="613"/>
      <c r="SAX683" s="613"/>
      <c r="SAY683" s="613"/>
      <c r="SAZ683" s="613"/>
      <c r="SBA683" s="613"/>
      <c r="SBB683" s="613"/>
      <c r="SBC683" s="613"/>
      <c r="SBD683" s="613"/>
      <c r="SBE683" s="613"/>
      <c r="SBF683" s="613"/>
      <c r="SBG683" s="613"/>
      <c r="SBH683" s="613"/>
      <c r="SBI683" s="613"/>
      <c r="SBJ683" s="613"/>
      <c r="SBK683" s="613"/>
      <c r="SBL683" s="613"/>
      <c r="SBM683" s="613"/>
      <c r="SBN683" s="613"/>
      <c r="SBO683" s="613"/>
      <c r="SBP683" s="613"/>
      <c r="SBQ683" s="613"/>
      <c r="SBR683" s="613"/>
      <c r="SBS683" s="613"/>
      <c r="SBT683" s="613"/>
      <c r="SBU683" s="613"/>
      <c r="SBV683" s="613"/>
      <c r="SBW683" s="613"/>
      <c r="SBX683" s="613"/>
      <c r="SBY683" s="613"/>
      <c r="SBZ683" s="613"/>
      <c r="SCA683" s="613"/>
      <c r="SCB683" s="613"/>
      <c r="SCC683" s="613"/>
      <c r="SCD683" s="613"/>
      <c r="SCE683" s="613"/>
      <c r="SCF683" s="613"/>
      <c r="SCG683" s="613"/>
      <c r="SCH683" s="613"/>
      <c r="SCI683" s="613"/>
      <c r="SCJ683" s="613"/>
      <c r="SCK683" s="613"/>
      <c r="SCL683" s="613"/>
      <c r="SCM683" s="613"/>
      <c r="SCN683" s="613"/>
      <c r="SCO683" s="613"/>
      <c r="SCP683" s="613"/>
      <c r="SCQ683" s="613"/>
      <c r="SCR683" s="613"/>
      <c r="SCS683" s="613"/>
      <c r="SCT683" s="613"/>
      <c r="SCU683" s="613"/>
      <c r="SCV683" s="613"/>
      <c r="SCW683" s="613"/>
      <c r="SCX683" s="613"/>
      <c r="SCY683" s="613"/>
      <c r="SCZ683" s="613"/>
      <c r="SDA683" s="613"/>
      <c r="SDB683" s="613"/>
      <c r="SDC683" s="613"/>
      <c r="SDD683" s="613"/>
      <c r="SDE683" s="613"/>
      <c r="SDF683" s="613"/>
      <c r="SDG683" s="613"/>
      <c r="SDH683" s="613"/>
      <c r="SDI683" s="613"/>
      <c r="SDJ683" s="613"/>
      <c r="SDK683" s="613"/>
      <c r="SDL683" s="613"/>
      <c r="SDM683" s="613"/>
      <c r="SDN683" s="613"/>
      <c r="SDO683" s="613"/>
      <c r="SDP683" s="613"/>
      <c r="SDQ683" s="613"/>
      <c r="SDR683" s="613"/>
      <c r="SDS683" s="613"/>
      <c r="SDT683" s="613"/>
      <c r="SDU683" s="613"/>
      <c r="SDV683" s="613"/>
      <c r="SDW683" s="613"/>
      <c r="SDX683" s="613"/>
      <c r="SDY683" s="613"/>
      <c r="SDZ683" s="613"/>
      <c r="SEA683" s="613"/>
      <c r="SEB683" s="613"/>
      <c r="SEC683" s="613"/>
      <c r="SED683" s="613"/>
      <c r="SEE683" s="613"/>
      <c r="SEF683" s="613"/>
      <c r="SEG683" s="613"/>
      <c r="SEH683" s="613"/>
      <c r="SEI683" s="613"/>
      <c r="SEJ683" s="613"/>
      <c r="SEK683" s="613"/>
      <c r="SEL683" s="613"/>
      <c r="SEM683" s="613"/>
      <c r="SEN683" s="613"/>
      <c r="SEO683" s="613"/>
      <c r="SEP683" s="613"/>
      <c r="SEQ683" s="613"/>
      <c r="SER683" s="613"/>
      <c r="SES683" s="613"/>
      <c r="SET683" s="613"/>
      <c r="SEU683" s="613"/>
      <c r="SEV683" s="613"/>
      <c r="SEW683" s="613"/>
      <c r="SEX683" s="613"/>
      <c r="SEY683" s="613"/>
      <c r="SEZ683" s="613"/>
      <c r="SFA683" s="613"/>
      <c r="SFB683" s="613"/>
      <c r="SFC683" s="613"/>
      <c r="SFD683" s="613"/>
      <c r="SFE683" s="613"/>
      <c r="SFF683" s="613"/>
      <c r="SFG683" s="613"/>
      <c r="SFH683" s="613"/>
      <c r="SFI683" s="613"/>
      <c r="SFJ683" s="613"/>
      <c r="SFK683" s="613"/>
      <c r="SFL683" s="613"/>
      <c r="SFM683" s="613"/>
      <c r="SFN683" s="613"/>
      <c r="SFO683" s="613"/>
      <c r="SFP683" s="613"/>
      <c r="SFQ683" s="613"/>
      <c r="SFR683" s="613"/>
      <c r="SFS683" s="613"/>
      <c r="SFT683" s="613"/>
      <c r="SFU683" s="613"/>
      <c r="SFV683" s="613"/>
      <c r="SFW683" s="613"/>
      <c r="SFX683" s="613"/>
      <c r="SFY683" s="613"/>
      <c r="SFZ683" s="613"/>
      <c r="SGA683" s="613"/>
      <c r="SGB683" s="613"/>
      <c r="SGC683" s="613"/>
      <c r="SGD683" s="613"/>
      <c r="SGE683" s="613"/>
      <c r="SGF683" s="613"/>
      <c r="SGG683" s="613"/>
      <c r="SGH683" s="613"/>
      <c r="SGI683" s="613"/>
      <c r="SGJ683" s="613"/>
      <c r="SGK683" s="613"/>
      <c r="SGL683" s="613"/>
      <c r="SGM683" s="613"/>
      <c r="SGN683" s="613"/>
      <c r="SGO683" s="613"/>
      <c r="SGP683" s="613"/>
      <c r="SGQ683" s="613"/>
      <c r="SGR683" s="613"/>
      <c r="SGS683" s="613"/>
      <c r="SGT683" s="613"/>
      <c r="SGU683" s="613"/>
      <c r="SGV683" s="613"/>
      <c r="SGW683" s="613"/>
      <c r="SGX683" s="613"/>
      <c r="SGY683" s="613"/>
      <c r="SGZ683" s="613"/>
      <c r="SHA683" s="613"/>
      <c r="SHB683" s="613"/>
      <c r="SHC683" s="613"/>
      <c r="SHD683" s="613"/>
      <c r="SHE683" s="613"/>
      <c r="SHF683" s="613"/>
      <c r="SHG683" s="613"/>
      <c r="SHH683" s="613"/>
      <c r="SHI683" s="613"/>
      <c r="SHJ683" s="613"/>
      <c r="SHK683" s="613"/>
      <c r="SHL683" s="613"/>
      <c r="SHM683" s="613"/>
      <c r="SHN683" s="613"/>
      <c r="SHO683" s="613"/>
      <c r="SHP683" s="613"/>
      <c r="SHQ683" s="613"/>
      <c r="SHR683" s="613"/>
      <c r="SHS683" s="613"/>
      <c r="SHT683" s="613"/>
      <c r="SHU683" s="613"/>
      <c r="SHV683" s="613"/>
      <c r="SHW683" s="613"/>
      <c r="SHX683" s="613"/>
      <c r="SHY683" s="613"/>
      <c r="SHZ683" s="613"/>
      <c r="SIA683" s="613"/>
      <c r="SIB683" s="613"/>
      <c r="SIC683" s="613"/>
      <c r="SID683" s="613"/>
      <c r="SIE683" s="613"/>
      <c r="SIF683" s="613"/>
      <c r="SIG683" s="613"/>
      <c r="SIH683" s="613"/>
      <c r="SII683" s="613"/>
      <c r="SIJ683" s="613"/>
      <c r="SIK683" s="613"/>
      <c r="SIL683" s="613"/>
      <c r="SIM683" s="613"/>
      <c r="SIN683" s="613"/>
      <c r="SIO683" s="613"/>
      <c r="SIP683" s="613"/>
      <c r="SIQ683" s="613"/>
      <c r="SIR683" s="613"/>
      <c r="SIS683" s="613"/>
      <c r="SIT683" s="613"/>
      <c r="SIU683" s="613"/>
      <c r="SIV683" s="613"/>
      <c r="SIW683" s="613"/>
      <c r="SIX683" s="613"/>
      <c r="SIY683" s="613"/>
      <c r="SIZ683" s="613"/>
      <c r="SJA683" s="613"/>
      <c r="SJB683" s="613"/>
      <c r="SJC683" s="613"/>
      <c r="SJD683" s="613"/>
      <c r="SJE683" s="613"/>
      <c r="SJF683" s="613"/>
      <c r="SJG683" s="613"/>
      <c r="SJH683" s="613"/>
      <c r="SJI683" s="613"/>
      <c r="SJJ683" s="613"/>
      <c r="SJK683" s="613"/>
      <c r="SJL683" s="613"/>
      <c r="SJM683" s="613"/>
      <c r="SJN683" s="613"/>
      <c r="SJO683" s="613"/>
      <c r="SJP683" s="613"/>
      <c r="SJQ683" s="613"/>
      <c r="SJR683" s="613"/>
      <c r="SJS683" s="613"/>
      <c r="SJT683" s="613"/>
      <c r="SJU683" s="613"/>
      <c r="SJV683" s="613"/>
      <c r="SJW683" s="613"/>
      <c r="SJX683" s="613"/>
      <c r="SJY683" s="613"/>
      <c r="SJZ683" s="613"/>
      <c r="SKA683" s="613"/>
      <c r="SKB683" s="613"/>
      <c r="SKC683" s="613"/>
      <c r="SKD683" s="613"/>
      <c r="SKE683" s="613"/>
      <c r="SKF683" s="613"/>
      <c r="SKG683" s="613"/>
      <c r="SKH683" s="613"/>
      <c r="SKI683" s="613"/>
      <c r="SKJ683" s="613"/>
      <c r="SKK683" s="613"/>
      <c r="SKL683" s="613"/>
      <c r="SKM683" s="613"/>
      <c r="SKN683" s="613"/>
      <c r="SKO683" s="613"/>
      <c r="SKP683" s="613"/>
      <c r="SKQ683" s="613"/>
      <c r="SKR683" s="613"/>
      <c r="SKS683" s="613"/>
      <c r="SKT683" s="613"/>
      <c r="SKU683" s="613"/>
      <c r="SKV683" s="613"/>
      <c r="SKW683" s="613"/>
      <c r="SKX683" s="613"/>
      <c r="SKY683" s="613"/>
      <c r="SKZ683" s="613"/>
      <c r="SLA683" s="613"/>
      <c r="SLB683" s="613"/>
      <c r="SLC683" s="613"/>
      <c r="SLD683" s="613"/>
      <c r="SLE683" s="613"/>
      <c r="SLF683" s="613"/>
      <c r="SLG683" s="613"/>
      <c r="SLH683" s="613"/>
      <c r="SLI683" s="613"/>
      <c r="SLJ683" s="613"/>
      <c r="SLK683" s="613"/>
      <c r="SLL683" s="613"/>
      <c r="SLM683" s="613"/>
      <c r="SLN683" s="613"/>
      <c r="SLO683" s="613"/>
      <c r="SLP683" s="613"/>
      <c r="SLQ683" s="613"/>
      <c r="SLR683" s="613"/>
      <c r="SLS683" s="613"/>
      <c r="SLT683" s="613"/>
      <c r="SLU683" s="613"/>
      <c r="SLV683" s="613"/>
      <c r="SLW683" s="613"/>
      <c r="SLX683" s="613"/>
      <c r="SLY683" s="613"/>
      <c r="SLZ683" s="613"/>
      <c r="SMA683" s="613"/>
      <c r="SMB683" s="613"/>
      <c r="SMC683" s="613"/>
      <c r="SMD683" s="613"/>
      <c r="SME683" s="613"/>
      <c r="SMF683" s="613"/>
      <c r="SMG683" s="613"/>
      <c r="SMH683" s="613"/>
      <c r="SMI683" s="613"/>
      <c r="SMJ683" s="613"/>
      <c r="SMK683" s="613"/>
      <c r="SML683" s="613"/>
      <c r="SMM683" s="613"/>
      <c r="SMN683" s="613"/>
      <c r="SMO683" s="613"/>
      <c r="SMP683" s="613"/>
      <c r="SMQ683" s="613"/>
      <c r="SMR683" s="613"/>
      <c r="SMS683" s="613"/>
      <c r="SMT683" s="613"/>
      <c r="SMU683" s="613"/>
      <c r="SMV683" s="613"/>
      <c r="SMW683" s="613"/>
      <c r="SMX683" s="613"/>
      <c r="SMY683" s="613"/>
      <c r="SMZ683" s="613"/>
      <c r="SNA683" s="613"/>
      <c r="SNB683" s="613"/>
      <c r="SNC683" s="613"/>
      <c r="SND683" s="613"/>
      <c r="SNE683" s="613"/>
      <c r="SNF683" s="613"/>
      <c r="SNG683" s="613"/>
      <c r="SNH683" s="613"/>
      <c r="SNI683" s="613"/>
      <c r="SNJ683" s="613"/>
      <c r="SNK683" s="613"/>
      <c r="SNL683" s="613"/>
      <c r="SNM683" s="613"/>
      <c r="SNN683" s="613"/>
      <c r="SNO683" s="613"/>
      <c r="SNP683" s="613"/>
      <c r="SNQ683" s="613"/>
      <c r="SNR683" s="613"/>
      <c r="SNS683" s="613"/>
      <c r="SNT683" s="613"/>
      <c r="SNU683" s="613"/>
      <c r="SNV683" s="613"/>
      <c r="SNW683" s="613"/>
      <c r="SNX683" s="613"/>
      <c r="SNY683" s="613"/>
      <c r="SNZ683" s="613"/>
      <c r="SOA683" s="613"/>
      <c r="SOB683" s="613"/>
      <c r="SOC683" s="613"/>
      <c r="SOD683" s="613"/>
      <c r="SOE683" s="613"/>
      <c r="SOF683" s="613"/>
      <c r="SOG683" s="613"/>
      <c r="SOH683" s="613"/>
      <c r="SOI683" s="613"/>
      <c r="SOJ683" s="613"/>
      <c r="SOK683" s="613"/>
      <c r="SOL683" s="613"/>
      <c r="SOM683" s="613"/>
      <c r="SON683" s="613"/>
      <c r="SOO683" s="613"/>
      <c r="SOP683" s="613"/>
      <c r="SOQ683" s="613"/>
      <c r="SOR683" s="613"/>
      <c r="SOS683" s="613"/>
      <c r="SOT683" s="613"/>
      <c r="SOU683" s="613"/>
      <c r="SOV683" s="613"/>
      <c r="SOW683" s="613"/>
      <c r="SOX683" s="613"/>
      <c r="SOY683" s="613"/>
      <c r="SOZ683" s="613"/>
      <c r="SPA683" s="613"/>
      <c r="SPB683" s="613"/>
      <c r="SPC683" s="613"/>
      <c r="SPD683" s="613"/>
      <c r="SPE683" s="613"/>
      <c r="SPF683" s="613"/>
      <c r="SPG683" s="613"/>
      <c r="SPH683" s="613"/>
      <c r="SPI683" s="613"/>
      <c r="SPJ683" s="613"/>
      <c r="SPK683" s="613"/>
      <c r="SPL683" s="613"/>
      <c r="SPM683" s="613"/>
      <c r="SPN683" s="613"/>
      <c r="SPO683" s="613"/>
      <c r="SPP683" s="613"/>
      <c r="SPQ683" s="613"/>
      <c r="SPR683" s="613"/>
      <c r="SPS683" s="613"/>
      <c r="SPT683" s="613"/>
      <c r="SPU683" s="613"/>
      <c r="SPV683" s="613"/>
      <c r="SPW683" s="613"/>
      <c r="SPX683" s="613"/>
      <c r="SPY683" s="613"/>
      <c r="SPZ683" s="613"/>
      <c r="SQA683" s="613"/>
      <c r="SQB683" s="613"/>
      <c r="SQC683" s="613"/>
      <c r="SQD683" s="613"/>
      <c r="SQE683" s="613"/>
      <c r="SQF683" s="613"/>
      <c r="SQG683" s="613"/>
      <c r="SQH683" s="613"/>
      <c r="SQI683" s="613"/>
      <c r="SQJ683" s="613"/>
      <c r="SQK683" s="613"/>
      <c r="SQL683" s="613"/>
      <c r="SQM683" s="613"/>
      <c r="SQN683" s="613"/>
      <c r="SQO683" s="613"/>
      <c r="SQP683" s="613"/>
      <c r="SQQ683" s="613"/>
      <c r="SQR683" s="613"/>
      <c r="SQS683" s="613"/>
      <c r="SQT683" s="613"/>
      <c r="SQU683" s="613"/>
      <c r="SQV683" s="613"/>
      <c r="SQW683" s="613"/>
      <c r="SQX683" s="613"/>
      <c r="SQY683" s="613"/>
      <c r="SQZ683" s="613"/>
      <c r="SRA683" s="613"/>
      <c r="SRB683" s="613"/>
      <c r="SRC683" s="613"/>
      <c r="SRD683" s="613"/>
      <c r="SRE683" s="613"/>
      <c r="SRF683" s="613"/>
      <c r="SRG683" s="613"/>
      <c r="SRH683" s="613"/>
      <c r="SRI683" s="613"/>
      <c r="SRJ683" s="613"/>
      <c r="SRK683" s="613"/>
      <c r="SRL683" s="613"/>
      <c r="SRM683" s="613"/>
      <c r="SRN683" s="613"/>
      <c r="SRO683" s="613"/>
      <c r="SRP683" s="613"/>
      <c r="SRQ683" s="613"/>
      <c r="SRR683" s="613"/>
      <c r="SRS683" s="613"/>
      <c r="SRT683" s="613"/>
      <c r="SRU683" s="613"/>
      <c r="SRV683" s="613"/>
      <c r="SRW683" s="613"/>
      <c r="SRX683" s="613"/>
      <c r="SRY683" s="613"/>
      <c r="SRZ683" s="613"/>
      <c r="SSA683" s="613"/>
      <c r="SSB683" s="613"/>
      <c r="SSC683" s="613"/>
      <c r="SSD683" s="613"/>
      <c r="SSE683" s="613"/>
      <c r="SSF683" s="613"/>
      <c r="SSG683" s="613"/>
      <c r="SSH683" s="613"/>
      <c r="SSI683" s="613"/>
      <c r="SSJ683" s="613"/>
      <c r="SSK683" s="613"/>
      <c r="SSL683" s="613"/>
      <c r="SSM683" s="613"/>
      <c r="SSN683" s="613"/>
      <c r="SSO683" s="613"/>
      <c r="SSP683" s="613"/>
      <c r="SSQ683" s="613"/>
      <c r="SSR683" s="613"/>
      <c r="SSS683" s="613"/>
      <c r="SST683" s="613"/>
      <c r="SSU683" s="613"/>
      <c r="SSV683" s="613"/>
      <c r="SSW683" s="613"/>
      <c r="SSX683" s="613"/>
      <c r="SSY683" s="613"/>
      <c r="SSZ683" s="613"/>
      <c r="STA683" s="613"/>
      <c r="STB683" s="613"/>
      <c r="STC683" s="613"/>
      <c r="STD683" s="613"/>
      <c r="STE683" s="613"/>
      <c r="STF683" s="613"/>
      <c r="STG683" s="613"/>
      <c r="STH683" s="613"/>
      <c r="STI683" s="613"/>
      <c r="STJ683" s="613"/>
      <c r="STK683" s="613"/>
      <c r="STL683" s="613"/>
      <c r="STM683" s="613"/>
      <c r="STN683" s="613"/>
      <c r="STO683" s="613"/>
      <c r="STP683" s="613"/>
      <c r="STQ683" s="613"/>
      <c r="STR683" s="613"/>
      <c r="STS683" s="613"/>
      <c r="STT683" s="613"/>
      <c r="STU683" s="613"/>
      <c r="STV683" s="613"/>
      <c r="STW683" s="613"/>
      <c r="STX683" s="613"/>
      <c r="STY683" s="613"/>
      <c r="STZ683" s="613"/>
      <c r="SUA683" s="613"/>
      <c r="SUB683" s="613"/>
      <c r="SUC683" s="613"/>
      <c r="SUD683" s="613"/>
      <c r="SUE683" s="613"/>
      <c r="SUF683" s="613"/>
      <c r="SUG683" s="613"/>
      <c r="SUH683" s="613"/>
      <c r="SUI683" s="613"/>
      <c r="SUJ683" s="613"/>
      <c r="SUK683" s="613"/>
      <c r="SUL683" s="613"/>
      <c r="SUM683" s="613"/>
      <c r="SUN683" s="613"/>
      <c r="SUO683" s="613"/>
      <c r="SUP683" s="613"/>
      <c r="SUQ683" s="613"/>
      <c r="SUR683" s="613"/>
      <c r="SUS683" s="613"/>
      <c r="SUT683" s="613"/>
      <c r="SUU683" s="613"/>
      <c r="SUV683" s="613"/>
      <c r="SUW683" s="613"/>
      <c r="SUX683" s="613"/>
      <c r="SUY683" s="613"/>
      <c r="SUZ683" s="613"/>
      <c r="SVA683" s="613"/>
      <c r="SVB683" s="613"/>
      <c r="SVC683" s="613"/>
      <c r="SVD683" s="613"/>
      <c r="SVE683" s="613"/>
      <c r="SVF683" s="613"/>
      <c r="SVG683" s="613"/>
      <c r="SVH683" s="613"/>
      <c r="SVI683" s="613"/>
      <c r="SVJ683" s="613"/>
      <c r="SVK683" s="613"/>
      <c r="SVL683" s="613"/>
      <c r="SVM683" s="613"/>
      <c r="SVN683" s="613"/>
      <c r="SVO683" s="613"/>
      <c r="SVP683" s="613"/>
      <c r="SVQ683" s="613"/>
      <c r="SVR683" s="613"/>
      <c r="SVS683" s="613"/>
      <c r="SVT683" s="613"/>
      <c r="SVU683" s="613"/>
      <c r="SVV683" s="613"/>
      <c r="SVW683" s="613"/>
      <c r="SVX683" s="613"/>
      <c r="SVY683" s="613"/>
      <c r="SVZ683" s="613"/>
      <c r="SWA683" s="613"/>
      <c r="SWB683" s="613"/>
      <c r="SWC683" s="613"/>
      <c r="SWD683" s="613"/>
      <c r="SWE683" s="613"/>
      <c r="SWF683" s="613"/>
      <c r="SWG683" s="613"/>
      <c r="SWH683" s="613"/>
      <c r="SWI683" s="613"/>
      <c r="SWJ683" s="613"/>
      <c r="SWK683" s="613"/>
      <c r="SWL683" s="613"/>
      <c r="SWM683" s="613"/>
      <c r="SWN683" s="613"/>
      <c r="SWO683" s="613"/>
      <c r="SWP683" s="613"/>
      <c r="SWQ683" s="613"/>
      <c r="SWR683" s="613"/>
      <c r="SWS683" s="613"/>
      <c r="SWT683" s="613"/>
      <c r="SWU683" s="613"/>
      <c r="SWV683" s="613"/>
      <c r="SWW683" s="613"/>
      <c r="SWX683" s="613"/>
      <c r="SWY683" s="613"/>
      <c r="SWZ683" s="613"/>
      <c r="SXA683" s="613"/>
      <c r="SXB683" s="613"/>
      <c r="SXC683" s="613"/>
      <c r="SXD683" s="613"/>
      <c r="SXE683" s="613"/>
      <c r="SXF683" s="613"/>
      <c r="SXG683" s="613"/>
      <c r="SXH683" s="613"/>
      <c r="SXI683" s="613"/>
      <c r="SXJ683" s="613"/>
      <c r="SXK683" s="613"/>
      <c r="SXL683" s="613"/>
      <c r="SXM683" s="613"/>
      <c r="SXN683" s="613"/>
      <c r="SXO683" s="613"/>
      <c r="SXP683" s="613"/>
      <c r="SXQ683" s="613"/>
      <c r="SXR683" s="613"/>
      <c r="SXS683" s="613"/>
      <c r="SXT683" s="613"/>
      <c r="SXU683" s="613"/>
      <c r="SXV683" s="613"/>
      <c r="SXW683" s="613"/>
      <c r="SXX683" s="613"/>
      <c r="SXY683" s="613"/>
      <c r="SXZ683" s="613"/>
      <c r="SYA683" s="613"/>
      <c r="SYB683" s="613"/>
      <c r="SYC683" s="613"/>
      <c r="SYD683" s="613"/>
      <c r="SYE683" s="613"/>
      <c r="SYF683" s="613"/>
      <c r="SYG683" s="613"/>
      <c r="SYH683" s="613"/>
      <c r="SYI683" s="613"/>
      <c r="SYJ683" s="613"/>
      <c r="SYK683" s="613"/>
      <c r="SYL683" s="613"/>
      <c r="SYM683" s="613"/>
      <c r="SYN683" s="613"/>
      <c r="SYO683" s="613"/>
      <c r="SYP683" s="613"/>
      <c r="SYQ683" s="613"/>
      <c r="SYR683" s="613"/>
      <c r="SYS683" s="613"/>
      <c r="SYT683" s="613"/>
      <c r="SYU683" s="613"/>
      <c r="SYV683" s="613"/>
      <c r="SYW683" s="613"/>
      <c r="SYX683" s="613"/>
      <c r="SYY683" s="613"/>
      <c r="SYZ683" s="613"/>
      <c r="SZA683" s="613"/>
      <c r="SZB683" s="613"/>
      <c r="SZC683" s="613"/>
      <c r="SZD683" s="613"/>
      <c r="SZE683" s="613"/>
      <c r="SZF683" s="613"/>
      <c r="SZG683" s="613"/>
      <c r="SZH683" s="613"/>
      <c r="SZI683" s="613"/>
      <c r="SZJ683" s="613"/>
      <c r="SZK683" s="613"/>
      <c r="SZL683" s="613"/>
      <c r="SZM683" s="613"/>
      <c r="SZN683" s="613"/>
      <c r="SZO683" s="613"/>
      <c r="SZP683" s="613"/>
      <c r="SZQ683" s="613"/>
      <c r="SZR683" s="613"/>
      <c r="SZS683" s="613"/>
      <c r="SZT683" s="613"/>
      <c r="SZU683" s="613"/>
      <c r="SZV683" s="613"/>
      <c r="SZW683" s="613"/>
      <c r="SZX683" s="613"/>
      <c r="SZY683" s="613"/>
      <c r="SZZ683" s="613"/>
      <c r="TAA683" s="613"/>
      <c r="TAB683" s="613"/>
      <c r="TAC683" s="613"/>
      <c r="TAD683" s="613"/>
      <c r="TAE683" s="613"/>
      <c r="TAF683" s="613"/>
      <c r="TAG683" s="613"/>
      <c r="TAH683" s="613"/>
      <c r="TAI683" s="613"/>
      <c r="TAJ683" s="613"/>
      <c r="TAK683" s="613"/>
      <c r="TAL683" s="613"/>
      <c r="TAM683" s="613"/>
      <c r="TAN683" s="613"/>
      <c r="TAO683" s="613"/>
      <c r="TAP683" s="613"/>
      <c r="TAQ683" s="613"/>
      <c r="TAR683" s="613"/>
      <c r="TAS683" s="613"/>
      <c r="TAT683" s="613"/>
      <c r="TAU683" s="613"/>
      <c r="TAV683" s="613"/>
      <c r="TAW683" s="613"/>
      <c r="TAX683" s="613"/>
      <c r="TAY683" s="613"/>
      <c r="TAZ683" s="613"/>
      <c r="TBA683" s="613"/>
      <c r="TBB683" s="613"/>
      <c r="TBC683" s="613"/>
      <c r="TBD683" s="613"/>
      <c r="TBE683" s="613"/>
      <c r="TBF683" s="613"/>
      <c r="TBG683" s="613"/>
      <c r="TBH683" s="613"/>
      <c r="TBI683" s="613"/>
      <c r="TBJ683" s="613"/>
      <c r="TBK683" s="613"/>
      <c r="TBL683" s="613"/>
      <c r="TBM683" s="613"/>
      <c r="TBN683" s="613"/>
      <c r="TBO683" s="613"/>
      <c r="TBP683" s="613"/>
      <c r="TBQ683" s="613"/>
      <c r="TBR683" s="613"/>
      <c r="TBS683" s="613"/>
      <c r="TBT683" s="613"/>
      <c r="TBU683" s="613"/>
      <c r="TBV683" s="613"/>
      <c r="TBW683" s="613"/>
      <c r="TBX683" s="613"/>
      <c r="TBY683" s="613"/>
      <c r="TBZ683" s="613"/>
      <c r="TCA683" s="613"/>
      <c r="TCB683" s="613"/>
      <c r="TCC683" s="613"/>
      <c r="TCD683" s="613"/>
      <c r="TCE683" s="613"/>
      <c r="TCF683" s="613"/>
      <c r="TCG683" s="613"/>
      <c r="TCH683" s="613"/>
      <c r="TCI683" s="613"/>
      <c r="TCJ683" s="613"/>
      <c r="TCK683" s="613"/>
      <c r="TCL683" s="613"/>
      <c r="TCM683" s="613"/>
      <c r="TCN683" s="613"/>
      <c r="TCO683" s="613"/>
      <c r="TCP683" s="613"/>
      <c r="TCQ683" s="613"/>
      <c r="TCR683" s="613"/>
      <c r="TCS683" s="613"/>
      <c r="TCT683" s="613"/>
      <c r="TCU683" s="613"/>
      <c r="TCV683" s="613"/>
      <c r="TCW683" s="613"/>
      <c r="TCX683" s="613"/>
      <c r="TCY683" s="613"/>
      <c r="TCZ683" s="613"/>
      <c r="TDA683" s="613"/>
      <c r="TDB683" s="613"/>
      <c r="TDC683" s="613"/>
      <c r="TDD683" s="613"/>
      <c r="TDE683" s="613"/>
      <c r="TDF683" s="613"/>
      <c r="TDG683" s="613"/>
      <c r="TDH683" s="613"/>
      <c r="TDI683" s="613"/>
      <c r="TDJ683" s="613"/>
      <c r="TDK683" s="613"/>
      <c r="TDL683" s="613"/>
      <c r="TDM683" s="613"/>
      <c r="TDN683" s="613"/>
      <c r="TDO683" s="613"/>
      <c r="TDP683" s="613"/>
      <c r="TDQ683" s="613"/>
      <c r="TDR683" s="613"/>
      <c r="TDS683" s="613"/>
      <c r="TDT683" s="613"/>
      <c r="TDU683" s="613"/>
      <c r="TDV683" s="613"/>
      <c r="TDW683" s="613"/>
      <c r="TDX683" s="613"/>
      <c r="TDY683" s="613"/>
      <c r="TDZ683" s="613"/>
      <c r="TEA683" s="613"/>
      <c r="TEB683" s="613"/>
      <c r="TEC683" s="613"/>
      <c r="TED683" s="613"/>
      <c r="TEE683" s="613"/>
      <c r="TEF683" s="613"/>
      <c r="TEG683" s="613"/>
      <c r="TEH683" s="613"/>
      <c r="TEI683" s="613"/>
      <c r="TEJ683" s="613"/>
      <c r="TEK683" s="613"/>
      <c r="TEL683" s="613"/>
      <c r="TEM683" s="613"/>
      <c r="TEN683" s="613"/>
      <c r="TEO683" s="613"/>
      <c r="TEP683" s="613"/>
      <c r="TEQ683" s="613"/>
      <c r="TER683" s="613"/>
      <c r="TES683" s="613"/>
      <c r="TET683" s="613"/>
      <c r="TEU683" s="613"/>
      <c r="TEV683" s="613"/>
      <c r="TEW683" s="613"/>
      <c r="TEX683" s="613"/>
      <c r="TEY683" s="613"/>
      <c r="TEZ683" s="613"/>
      <c r="TFA683" s="613"/>
      <c r="TFB683" s="613"/>
      <c r="TFC683" s="613"/>
      <c r="TFD683" s="613"/>
      <c r="TFE683" s="613"/>
      <c r="TFF683" s="613"/>
      <c r="TFG683" s="613"/>
      <c r="TFH683" s="613"/>
      <c r="TFI683" s="613"/>
      <c r="TFJ683" s="613"/>
      <c r="TFK683" s="613"/>
      <c r="TFL683" s="613"/>
      <c r="TFM683" s="613"/>
      <c r="TFN683" s="613"/>
      <c r="TFO683" s="613"/>
      <c r="TFP683" s="613"/>
      <c r="TFQ683" s="613"/>
      <c r="TFR683" s="613"/>
      <c r="TFS683" s="613"/>
      <c r="TFT683" s="613"/>
      <c r="TFU683" s="613"/>
      <c r="TFV683" s="613"/>
      <c r="TFW683" s="613"/>
      <c r="TFX683" s="613"/>
      <c r="TFY683" s="613"/>
      <c r="TFZ683" s="613"/>
      <c r="TGA683" s="613"/>
      <c r="TGB683" s="613"/>
      <c r="TGC683" s="613"/>
      <c r="TGD683" s="613"/>
      <c r="TGE683" s="613"/>
      <c r="TGF683" s="613"/>
      <c r="TGG683" s="613"/>
      <c r="TGH683" s="613"/>
      <c r="TGI683" s="613"/>
      <c r="TGJ683" s="613"/>
      <c r="TGK683" s="613"/>
      <c r="TGL683" s="613"/>
      <c r="TGM683" s="613"/>
      <c r="TGN683" s="613"/>
      <c r="TGO683" s="613"/>
      <c r="TGP683" s="613"/>
      <c r="TGQ683" s="613"/>
      <c r="TGR683" s="613"/>
      <c r="TGS683" s="613"/>
      <c r="TGT683" s="613"/>
      <c r="TGU683" s="613"/>
      <c r="TGV683" s="613"/>
      <c r="TGW683" s="613"/>
      <c r="TGX683" s="613"/>
      <c r="TGY683" s="613"/>
      <c r="TGZ683" s="613"/>
      <c r="THA683" s="613"/>
      <c r="THB683" s="613"/>
      <c r="THC683" s="613"/>
      <c r="THD683" s="613"/>
      <c r="THE683" s="613"/>
      <c r="THF683" s="613"/>
      <c r="THG683" s="613"/>
      <c r="THH683" s="613"/>
      <c r="THI683" s="613"/>
      <c r="THJ683" s="613"/>
      <c r="THK683" s="613"/>
      <c r="THL683" s="613"/>
      <c r="THM683" s="613"/>
      <c r="THN683" s="613"/>
      <c r="THO683" s="613"/>
      <c r="THP683" s="613"/>
      <c r="THQ683" s="613"/>
      <c r="THR683" s="613"/>
      <c r="THS683" s="613"/>
      <c r="THT683" s="613"/>
      <c r="THU683" s="613"/>
      <c r="THV683" s="613"/>
      <c r="THW683" s="613"/>
      <c r="THX683" s="613"/>
      <c r="THY683" s="613"/>
      <c r="THZ683" s="613"/>
      <c r="TIA683" s="613"/>
      <c r="TIB683" s="613"/>
      <c r="TIC683" s="613"/>
      <c r="TID683" s="613"/>
      <c r="TIE683" s="613"/>
      <c r="TIF683" s="613"/>
      <c r="TIG683" s="613"/>
      <c r="TIH683" s="613"/>
      <c r="TII683" s="613"/>
      <c r="TIJ683" s="613"/>
      <c r="TIK683" s="613"/>
      <c r="TIL683" s="613"/>
      <c r="TIM683" s="613"/>
      <c r="TIN683" s="613"/>
      <c r="TIO683" s="613"/>
      <c r="TIP683" s="613"/>
      <c r="TIQ683" s="613"/>
      <c r="TIR683" s="613"/>
      <c r="TIS683" s="613"/>
      <c r="TIT683" s="613"/>
      <c r="TIU683" s="613"/>
      <c r="TIV683" s="613"/>
      <c r="TIW683" s="613"/>
      <c r="TIX683" s="613"/>
      <c r="TIY683" s="613"/>
      <c r="TIZ683" s="613"/>
      <c r="TJA683" s="613"/>
      <c r="TJB683" s="613"/>
      <c r="TJC683" s="613"/>
      <c r="TJD683" s="613"/>
      <c r="TJE683" s="613"/>
      <c r="TJF683" s="613"/>
      <c r="TJG683" s="613"/>
      <c r="TJH683" s="613"/>
      <c r="TJI683" s="613"/>
      <c r="TJJ683" s="613"/>
      <c r="TJK683" s="613"/>
      <c r="TJL683" s="613"/>
      <c r="TJM683" s="613"/>
      <c r="TJN683" s="613"/>
      <c r="TJO683" s="613"/>
      <c r="TJP683" s="613"/>
      <c r="TJQ683" s="613"/>
      <c r="TJR683" s="613"/>
      <c r="TJS683" s="613"/>
      <c r="TJT683" s="613"/>
      <c r="TJU683" s="613"/>
      <c r="TJV683" s="613"/>
      <c r="TJW683" s="613"/>
      <c r="TJX683" s="613"/>
      <c r="TJY683" s="613"/>
      <c r="TJZ683" s="613"/>
      <c r="TKA683" s="613"/>
      <c r="TKB683" s="613"/>
      <c r="TKC683" s="613"/>
      <c r="TKD683" s="613"/>
      <c r="TKE683" s="613"/>
      <c r="TKF683" s="613"/>
      <c r="TKG683" s="613"/>
      <c r="TKH683" s="613"/>
      <c r="TKI683" s="613"/>
      <c r="TKJ683" s="613"/>
      <c r="TKK683" s="613"/>
      <c r="TKL683" s="613"/>
      <c r="TKM683" s="613"/>
      <c r="TKN683" s="613"/>
      <c r="TKO683" s="613"/>
      <c r="TKP683" s="613"/>
      <c r="TKQ683" s="613"/>
      <c r="TKR683" s="613"/>
      <c r="TKS683" s="613"/>
      <c r="TKT683" s="613"/>
      <c r="TKU683" s="613"/>
      <c r="TKV683" s="613"/>
      <c r="TKW683" s="613"/>
      <c r="TKX683" s="613"/>
      <c r="TKY683" s="613"/>
      <c r="TKZ683" s="613"/>
      <c r="TLA683" s="613"/>
      <c r="TLB683" s="613"/>
      <c r="TLC683" s="613"/>
      <c r="TLD683" s="613"/>
      <c r="TLE683" s="613"/>
      <c r="TLF683" s="613"/>
      <c r="TLG683" s="613"/>
      <c r="TLH683" s="613"/>
      <c r="TLI683" s="613"/>
      <c r="TLJ683" s="613"/>
      <c r="TLK683" s="613"/>
      <c r="TLL683" s="613"/>
      <c r="TLM683" s="613"/>
      <c r="TLN683" s="613"/>
      <c r="TLO683" s="613"/>
      <c r="TLP683" s="613"/>
      <c r="TLQ683" s="613"/>
      <c r="TLR683" s="613"/>
      <c r="TLS683" s="613"/>
      <c r="TLT683" s="613"/>
      <c r="TLU683" s="613"/>
      <c r="TLV683" s="613"/>
      <c r="TLW683" s="613"/>
      <c r="TLX683" s="613"/>
      <c r="TLY683" s="613"/>
      <c r="TLZ683" s="613"/>
      <c r="TMA683" s="613"/>
      <c r="TMB683" s="613"/>
      <c r="TMC683" s="613"/>
      <c r="TMD683" s="613"/>
      <c r="TME683" s="613"/>
      <c r="TMF683" s="613"/>
      <c r="TMG683" s="613"/>
      <c r="TMH683" s="613"/>
      <c r="TMI683" s="613"/>
      <c r="TMJ683" s="613"/>
      <c r="TMK683" s="613"/>
      <c r="TML683" s="613"/>
      <c r="TMM683" s="613"/>
      <c r="TMN683" s="613"/>
      <c r="TMO683" s="613"/>
      <c r="TMP683" s="613"/>
      <c r="TMQ683" s="613"/>
      <c r="TMR683" s="613"/>
      <c r="TMS683" s="613"/>
      <c r="TMT683" s="613"/>
      <c r="TMU683" s="613"/>
      <c r="TMV683" s="613"/>
      <c r="TMW683" s="613"/>
      <c r="TMX683" s="613"/>
      <c r="TMY683" s="613"/>
      <c r="TMZ683" s="613"/>
      <c r="TNA683" s="613"/>
      <c r="TNB683" s="613"/>
      <c r="TNC683" s="613"/>
      <c r="TND683" s="613"/>
      <c r="TNE683" s="613"/>
      <c r="TNF683" s="613"/>
      <c r="TNG683" s="613"/>
      <c r="TNH683" s="613"/>
      <c r="TNI683" s="613"/>
      <c r="TNJ683" s="613"/>
      <c r="TNK683" s="613"/>
      <c r="TNL683" s="613"/>
      <c r="TNM683" s="613"/>
      <c r="TNN683" s="613"/>
      <c r="TNO683" s="613"/>
      <c r="TNP683" s="613"/>
      <c r="TNQ683" s="613"/>
      <c r="TNR683" s="613"/>
      <c r="TNS683" s="613"/>
      <c r="TNT683" s="613"/>
      <c r="TNU683" s="613"/>
      <c r="TNV683" s="613"/>
      <c r="TNW683" s="613"/>
      <c r="TNX683" s="613"/>
      <c r="TNY683" s="613"/>
      <c r="TNZ683" s="613"/>
      <c r="TOA683" s="613"/>
      <c r="TOB683" s="613"/>
      <c r="TOC683" s="613"/>
      <c r="TOD683" s="613"/>
      <c r="TOE683" s="613"/>
      <c r="TOF683" s="613"/>
      <c r="TOG683" s="613"/>
      <c r="TOH683" s="613"/>
      <c r="TOI683" s="613"/>
      <c r="TOJ683" s="613"/>
      <c r="TOK683" s="613"/>
      <c r="TOL683" s="613"/>
      <c r="TOM683" s="613"/>
      <c r="TON683" s="613"/>
      <c r="TOO683" s="613"/>
      <c r="TOP683" s="613"/>
      <c r="TOQ683" s="613"/>
      <c r="TOR683" s="613"/>
      <c r="TOS683" s="613"/>
      <c r="TOT683" s="613"/>
      <c r="TOU683" s="613"/>
      <c r="TOV683" s="613"/>
      <c r="TOW683" s="613"/>
      <c r="TOX683" s="613"/>
      <c r="TOY683" s="613"/>
      <c r="TOZ683" s="613"/>
      <c r="TPA683" s="613"/>
      <c r="TPB683" s="613"/>
      <c r="TPC683" s="613"/>
      <c r="TPD683" s="613"/>
      <c r="TPE683" s="613"/>
      <c r="TPF683" s="613"/>
      <c r="TPG683" s="613"/>
      <c r="TPH683" s="613"/>
      <c r="TPI683" s="613"/>
      <c r="TPJ683" s="613"/>
      <c r="TPK683" s="613"/>
      <c r="TPL683" s="613"/>
      <c r="TPM683" s="613"/>
      <c r="TPN683" s="613"/>
      <c r="TPO683" s="613"/>
      <c r="TPP683" s="613"/>
      <c r="TPQ683" s="613"/>
      <c r="TPR683" s="613"/>
      <c r="TPS683" s="613"/>
      <c r="TPT683" s="613"/>
      <c r="TPU683" s="613"/>
      <c r="TPV683" s="613"/>
      <c r="TPW683" s="613"/>
      <c r="TPX683" s="613"/>
      <c r="TPY683" s="613"/>
      <c r="TPZ683" s="613"/>
      <c r="TQA683" s="613"/>
      <c r="TQB683" s="613"/>
      <c r="TQC683" s="613"/>
      <c r="TQD683" s="613"/>
      <c r="TQE683" s="613"/>
      <c r="TQF683" s="613"/>
      <c r="TQG683" s="613"/>
      <c r="TQH683" s="613"/>
      <c r="TQI683" s="613"/>
      <c r="TQJ683" s="613"/>
      <c r="TQK683" s="613"/>
      <c r="TQL683" s="613"/>
      <c r="TQM683" s="613"/>
      <c r="TQN683" s="613"/>
      <c r="TQO683" s="613"/>
      <c r="TQP683" s="613"/>
      <c r="TQQ683" s="613"/>
      <c r="TQR683" s="613"/>
      <c r="TQS683" s="613"/>
      <c r="TQT683" s="613"/>
      <c r="TQU683" s="613"/>
      <c r="TQV683" s="613"/>
      <c r="TQW683" s="613"/>
      <c r="TQX683" s="613"/>
      <c r="TQY683" s="613"/>
      <c r="TQZ683" s="613"/>
      <c r="TRA683" s="613"/>
      <c r="TRB683" s="613"/>
      <c r="TRC683" s="613"/>
      <c r="TRD683" s="613"/>
      <c r="TRE683" s="613"/>
      <c r="TRF683" s="613"/>
      <c r="TRG683" s="613"/>
      <c r="TRH683" s="613"/>
      <c r="TRI683" s="613"/>
      <c r="TRJ683" s="613"/>
      <c r="TRK683" s="613"/>
      <c r="TRL683" s="613"/>
      <c r="TRM683" s="613"/>
      <c r="TRN683" s="613"/>
      <c r="TRO683" s="613"/>
      <c r="TRP683" s="613"/>
      <c r="TRQ683" s="613"/>
      <c r="TRR683" s="613"/>
      <c r="TRS683" s="613"/>
      <c r="TRT683" s="613"/>
      <c r="TRU683" s="613"/>
      <c r="TRV683" s="613"/>
      <c r="TRW683" s="613"/>
      <c r="TRX683" s="613"/>
      <c r="TRY683" s="613"/>
      <c r="TRZ683" s="613"/>
      <c r="TSA683" s="613"/>
      <c r="TSB683" s="613"/>
      <c r="TSC683" s="613"/>
      <c r="TSD683" s="613"/>
      <c r="TSE683" s="613"/>
      <c r="TSF683" s="613"/>
      <c r="TSG683" s="613"/>
      <c r="TSH683" s="613"/>
      <c r="TSI683" s="613"/>
      <c r="TSJ683" s="613"/>
      <c r="TSK683" s="613"/>
      <c r="TSL683" s="613"/>
      <c r="TSM683" s="613"/>
      <c r="TSN683" s="613"/>
      <c r="TSO683" s="613"/>
      <c r="TSP683" s="613"/>
      <c r="TSQ683" s="613"/>
      <c r="TSR683" s="613"/>
      <c r="TSS683" s="613"/>
      <c r="TST683" s="613"/>
      <c r="TSU683" s="613"/>
      <c r="TSV683" s="613"/>
      <c r="TSW683" s="613"/>
      <c r="TSX683" s="613"/>
      <c r="TSY683" s="613"/>
      <c r="TSZ683" s="613"/>
      <c r="TTA683" s="613"/>
      <c r="TTB683" s="613"/>
      <c r="TTC683" s="613"/>
      <c r="TTD683" s="613"/>
      <c r="TTE683" s="613"/>
      <c r="TTF683" s="613"/>
      <c r="TTG683" s="613"/>
      <c r="TTH683" s="613"/>
      <c r="TTI683" s="613"/>
      <c r="TTJ683" s="613"/>
      <c r="TTK683" s="613"/>
      <c r="TTL683" s="613"/>
      <c r="TTM683" s="613"/>
      <c r="TTN683" s="613"/>
      <c r="TTO683" s="613"/>
      <c r="TTP683" s="613"/>
      <c r="TTQ683" s="613"/>
      <c r="TTR683" s="613"/>
      <c r="TTS683" s="613"/>
      <c r="TTT683" s="613"/>
      <c r="TTU683" s="613"/>
      <c r="TTV683" s="613"/>
      <c r="TTW683" s="613"/>
      <c r="TTX683" s="613"/>
      <c r="TTY683" s="613"/>
      <c r="TTZ683" s="613"/>
      <c r="TUA683" s="613"/>
      <c r="TUB683" s="613"/>
      <c r="TUC683" s="613"/>
      <c r="TUD683" s="613"/>
      <c r="TUE683" s="613"/>
      <c r="TUF683" s="613"/>
      <c r="TUG683" s="613"/>
      <c r="TUH683" s="613"/>
      <c r="TUI683" s="613"/>
      <c r="TUJ683" s="613"/>
      <c r="TUK683" s="613"/>
      <c r="TUL683" s="613"/>
      <c r="TUM683" s="613"/>
      <c r="TUN683" s="613"/>
      <c r="TUO683" s="613"/>
      <c r="TUP683" s="613"/>
      <c r="TUQ683" s="613"/>
      <c r="TUR683" s="613"/>
      <c r="TUS683" s="613"/>
      <c r="TUT683" s="613"/>
      <c r="TUU683" s="613"/>
      <c r="TUV683" s="613"/>
      <c r="TUW683" s="613"/>
      <c r="TUX683" s="613"/>
      <c r="TUY683" s="613"/>
      <c r="TUZ683" s="613"/>
      <c r="TVA683" s="613"/>
      <c r="TVB683" s="613"/>
      <c r="TVC683" s="613"/>
      <c r="TVD683" s="613"/>
      <c r="TVE683" s="613"/>
      <c r="TVF683" s="613"/>
      <c r="TVG683" s="613"/>
      <c r="TVH683" s="613"/>
      <c r="TVI683" s="613"/>
      <c r="TVJ683" s="613"/>
      <c r="TVK683" s="613"/>
      <c r="TVL683" s="613"/>
      <c r="TVM683" s="613"/>
      <c r="TVN683" s="613"/>
      <c r="TVO683" s="613"/>
      <c r="TVP683" s="613"/>
      <c r="TVQ683" s="613"/>
      <c r="TVR683" s="613"/>
      <c r="TVS683" s="613"/>
      <c r="TVT683" s="613"/>
      <c r="TVU683" s="613"/>
      <c r="TVV683" s="613"/>
      <c r="TVW683" s="613"/>
      <c r="TVX683" s="613"/>
      <c r="TVY683" s="613"/>
      <c r="TVZ683" s="613"/>
      <c r="TWA683" s="613"/>
      <c r="TWB683" s="613"/>
      <c r="TWC683" s="613"/>
      <c r="TWD683" s="613"/>
      <c r="TWE683" s="613"/>
      <c r="TWF683" s="613"/>
      <c r="TWG683" s="613"/>
      <c r="TWH683" s="613"/>
      <c r="TWI683" s="613"/>
      <c r="TWJ683" s="613"/>
      <c r="TWK683" s="613"/>
      <c r="TWL683" s="613"/>
      <c r="TWM683" s="613"/>
      <c r="TWN683" s="613"/>
      <c r="TWO683" s="613"/>
      <c r="TWP683" s="613"/>
      <c r="TWQ683" s="613"/>
      <c r="TWR683" s="613"/>
      <c r="TWS683" s="613"/>
      <c r="TWT683" s="613"/>
      <c r="TWU683" s="613"/>
      <c r="TWV683" s="613"/>
      <c r="TWW683" s="613"/>
      <c r="TWX683" s="613"/>
      <c r="TWY683" s="613"/>
      <c r="TWZ683" s="613"/>
      <c r="TXA683" s="613"/>
      <c r="TXB683" s="613"/>
      <c r="TXC683" s="613"/>
      <c r="TXD683" s="613"/>
      <c r="TXE683" s="613"/>
      <c r="TXF683" s="613"/>
      <c r="TXG683" s="613"/>
      <c r="TXH683" s="613"/>
      <c r="TXI683" s="613"/>
      <c r="TXJ683" s="613"/>
      <c r="TXK683" s="613"/>
      <c r="TXL683" s="613"/>
      <c r="TXM683" s="613"/>
      <c r="TXN683" s="613"/>
      <c r="TXO683" s="613"/>
      <c r="TXP683" s="613"/>
      <c r="TXQ683" s="613"/>
      <c r="TXR683" s="613"/>
      <c r="TXS683" s="613"/>
      <c r="TXT683" s="613"/>
      <c r="TXU683" s="613"/>
      <c r="TXV683" s="613"/>
      <c r="TXW683" s="613"/>
      <c r="TXX683" s="613"/>
      <c r="TXY683" s="613"/>
      <c r="TXZ683" s="613"/>
      <c r="TYA683" s="613"/>
      <c r="TYB683" s="613"/>
      <c r="TYC683" s="613"/>
      <c r="TYD683" s="613"/>
      <c r="TYE683" s="613"/>
      <c r="TYF683" s="613"/>
      <c r="TYG683" s="613"/>
      <c r="TYH683" s="613"/>
      <c r="TYI683" s="613"/>
      <c r="TYJ683" s="613"/>
      <c r="TYK683" s="613"/>
      <c r="TYL683" s="613"/>
      <c r="TYM683" s="613"/>
      <c r="TYN683" s="613"/>
      <c r="TYO683" s="613"/>
      <c r="TYP683" s="613"/>
      <c r="TYQ683" s="613"/>
      <c r="TYR683" s="613"/>
      <c r="TYS683" s="613"/>
      <c r="TYT683" s="613"/>
      <c r="TYU683" s="613"/>
      <c r="TYV683" s="613"/>
      <c r="TYW683" s="613"/>
      <c r="TYX683" s="613"/>
      <c r="TYY683" s="613"/>
      <c r="TYZ683" s="613"/>
      <c r="TZA683" s="613"/>
      <c r="TZB683" s="613"/>
      <c r="TZC683" s="613"/>
      <c r="TZD683" s="613"/>
      <c r="TZE683" s="613"/>
      <c r="TZF683" s="613"/>
      <c r="TZG683" s="613"/>
      <c r="TZH683" s="613"/>
      <c r="TZI683" s="613"/>
      <c r="TZJ683" s="613"/>
      <c r="TZK683" s="613"/>
      <c r="TZL683" s="613"/>
      <c r="TZM683" s="613"/>
      <c r="TZN683" s="613"/>
      <c r="TZO683" s="613"/>
      <c r="TZP683" s="613"/>
      <c r="TZQ683" s="613"/>
      <c r="TZR683" s="613"/>
      <c r="TZS683" s="613"/>
      <c r="TZT683" s="613"/>
      <c r="TZU683" s="613"/>
      <c r="TZV683" s="613"/>
      <c r="TZW683" s="613"/>
      <c r="TZX683" s="613"/>
      <c r="TZY683" s="613"/>
      <c r="TZZ683" s="613"/>
      <c r="UAA683" s="613"/>
      <c r="UAB683" s="613"/>
      <c r="UAC683" s="613"/>
      <c r="UAD683" s="613"/>
      <c r="UAE683" s="613"/>
      <c r="UAF683" s="613"/>
      <c r="UAG683" s="613"/>
      <c r="UAH683" s="613"/>
      <c r="UAI683" s="613"/>
      <c r="UAJ683" s="613"/>
      <c r="UAK683" s="613"/>
      <c r="UAL683" s="613"/>
      <c r="UAM683" s="613"/>
      <c r="UAN683" s="613"/>
      <c r="UAO683" s="613"/>
      <c r="UAP683" s="613"/>
      <c r="UAQ683" s="613"/>
      <c r="UAR683" s="613"/>
      <c r="UAS683" s="613"/>
      <c r="UAT683" s="613"/>
      <c r="UAU683" s="613"/>
      <c r="UAV683" s="613"/>
      <c r="UAW683" s="613"/>
      <c r="UAX683" s="613"/>
      <c r="UAY683" s="613"/>
      <c r="UAZ683" s="613"/>
      <c r="UBA683" s="613"/>
      <c r="UBB683" s="613"/>
      <c r="UBC683" s="613"/>
      <c r="UBD683" s="613"/>
      <c r="UBE683" s="613"/>
      <c r="UBF683" s="613"/>
      <c r="UBG683" s="613"/>
      <c r="UBH683" s="613"/>
      <c r="UBI683" s="613"/>
      <c r="UBJ683" s="613"/>
      <c r="UBK683" s="613"/>
      <c r="UBL683" s="613"/>
      <c r="UBM683" s="613"/>
      <c r="UBN683" s="613"/>
      <c r="UBO683" s="613"/>
      <c r="UBP683" s="613"/>
      <c r="UBQ683" s="613"/>
      <c r="UBR683" s="613"/>
      <c r="UBS683" s="613"/>
      <c r="UBT683" s="613"/>
      <c r="UBU683" s="613"/>
      <c r="UBV683" s="613"/>
      <c r="UBW683" s="613"/>
      <c r="UBX683" s="613"/>
      <c r="UBY683" s="613"/>
      <c r="UBZ683" s="613"/>
      <c r="UCA683" s="613"/>
      <c r="UCB683" s="613"/>
      <c r="UCC683" s="613"/>
      <c r="UCD683" s="613"/>
      <c r="UCE683" s="613"/>
      <c r="UCF683" s="613"/>
      <c r="UCG683" s="613"/>
      <c r="UCH683" s="613"/>
      <c r="UCI683" s="613"/>
      <c r="UCJ683" s="613"/>
      <c r="UCK683" s="613"/>
      <c r="UCL683" s="613"/>
      <c r="UCM683" s="613"/>
      <c r="UCN683" s="613"/>
      <c r="UCO683" s="613"/>
      <c r="UCP683" s="613"/>
      <c r="UCQ683" s="613"/>
      <c r="UCR683" s="613"/>
      <c r="UCS683" s="613"/>
      <c r="UCT683" s="613"/>
      <c r="UCU683" s="613"/>
      <c r="UCV683" s="613"/>
      <c r="UCW683" s="613"/>
      <c r="UCX683" s="613"/>
      <c r="UCY683" s="613"/>
      <c r="UCZ683" s="613"/>
      <c r="UDA683" s="613"/>
      <c r="UDB683" s="613"/>
      <c r="UDC683" s="613"/>
      <c r="UDD683" s="613"/>
      <c r="UDE683" s="613"/>
      <c r="UDF683" s="613"/>
      <c r="UDG683" s="613"/>
      <c r="UDH683" s="613"/>
      <c r="UDI683" s="613"/>
      <c r="UDJ683" s="613"/>
      <c r="UDK683" s="613"/>
      <c r="UDL683" s="613"/>
      <c r="UDM683" s="613"/>
      <c r="UDN683" s="613"/>
      <c r="UDO683" s="613"/>
      <c r="UDP683" s="613"/>
      <c r="UDQ683" s="613"/>
      <c r="UDR683" s="613"/>
      <c r="UDS683" s="613"/>
      <c r="UDT683" s="613"/>
      <c r="UDU683" s="613"/>
      <c r="UDV683" s="613"/>
      <c r="UDW683" s="613"/>
      <c r="UDX683" s="613"/>
      <c r="UDY683" s="613"/>
      <c r="UDZ683" s="613"/>
      <c r="UEA683" s="613"/>
      <c r="UEB683" s="613"/>
      <c r="UEC683" s="613"/>
      <c r="UED683" s="613"/>
      <c r="UEE683" s="613"/>
      <c r="UEF683" s="613"/>
      <c r="UEG683" s="613"/>
      <c r="UEH683" s="613"/>
      <c r="UEI683" s="613"/>
      <c r="UEJ683" s="613"/>
      <c r="UEK683" s="613"/>
      <c r="UEL683" s="613"/>
      <c r="UEM683" s="613"/>
      <c r="UEN683" s="613"/>
      <c r="UEO683" s="613"/>
      <c r="UEP683" s="613"/>
      <c r="UEQ683" s="613"/>
      <c r="UER683" s="613"/>
      <c r="UES683" s="613"/>
      <c r="UET683" s="613"/>
      <c r="UEU683" s="613"/>
      <c r="UEV683" s="613"/>
      <c r="UEW683" s="613"/>
      <c r="UEX683" s="613"/>
      <c r="UEY683" s="613"/>
      <c r="UEZ683" s="613"/>
      <c r="UFA683" s="613"/>
      <c r="UFB683" s="613"/>
      <c r="UFC683" s="613"/>
      <c r="UFD683" s="613"/>
      <c r="UFE683" s="613"/>
      <c r="UFF683" s="613"/>
      <c r="UFG683" s="613"/>
      <c r="UFH683" s="613"/>
      <c r="UFI683" s="613"/>
      <c r="UFJ683" s="613"/>
      <c r="UFK683" s="613"/>
      <c r="UFL683" s="613"/>
      <c r="UFM683" s="613"/>
      <c r="UFN683" s="613"/>
      <c r="UFO683" s="613"/>
      <c r="UFP683" s="613"/>
      <c r="UFQ683" s="613"/>
      <c r="UFR683" s="613"/>
      <c r="UFS683" s="613"/>
      <c r="UFT683" s="613"/>
      <c r="UFU683" s="613"/>
      <c r="UFV683" s="613"/>
      <c r="UFW683" s="613"/>
      <c r="UFX683" s="613"/>
      <c r="UFY683" s="613"/>
      <c r="UFZ683" s="613"/>
      <c r="UGA683" s="613"/>
      <c r="UGB683" s="613"/>
      <c r="UGC683" s="613"/>
      <c r="UGD683" s="613"/>
      <c r="UGE683" s="613"/>
      <c r="UGF683" s="613"/>
      <c r="UGG683" s="613"/>
      <c r="UGH683" s="613"/>
      <c r="UGI683" s="613"/>
      <c r="UGJ683" s="613"/>
      <c r="UGK683" s="613"/>
      <c r="UGL683" s="613"/>
      <c r="UGM683" s="613"/>
      <c r="UGN683" s="613"/>
      <c r="UGO683" s="613"/>
      <c r="UGP683" s="613"/>
      <c r="UGQ683" s="613"/>
      <c r="UGR683" s="613"/>
      <c r="UGS683" s="613"/>
      <c r="UGT683" s="613"/>
      <c r="UGU683" s="613"/>
      <c r="UGV683" s="613"/>
      <c r="UGW683" s="613"/>
      <c r="UGX683" s="613"/>
      <c r="UGY683" s="613"/>
      <c r="UGZ683" s="613"/>
      <c r="UHA683" s="613"/>
      <c r="UHB683" s="613"/>
      <c r="UHC683" s="613"/>
      <c r="UHD683" s="613"/>
      <c r="UHE683" s="613"/>
      <c r="UHF683" s="613"/>
      <c r="UHG683" s="613"/>
      <c r="UHH683" s="613"/>
      <c r="UHI683" s="613"/>
      <c r="UHJ683" s="613"/>
      <c r="UHK683" s="613"/>
      <c r="UHL683" s="613"/>
      <c r="UHM683" s="613"/>
      <c r="UHN683" s="613"/>
      <c r="UHO683" s="613"/>
      <c r="UHP683" s="613"/>
      <c r="UHQ683" s="613"/>
      <c r="UHR683" s="613"/>
      <c r="UHS683" s="613"/>
      <c r="UHT683" s="613"/>
      <c r="UHU683" s="613"/>
      <c r="UHV683" s="613"/>
      <c r="UHW683" s="613"/>
      <c r="UHX683" s="613"/>
      <c r="UHY683" s="613"/>
      <c r="UHZ683" s="613"/>
      <c r="UIA683" s="613"/>
      <c r="UIB683" s="613"/>
      <c r="UIC683" s="613"/>
      <c r="UID683" s="613"/>
      <c r="UIE683" s="613"/>
      <c r="UIF683" s="613"/>
      <c r="UIG683" s="613"/>
      <c r="UIH683" s="613"/>
      <c r="UII683" s="613"/>
      <c r="UIJ683" s="613"/>
      <c r="UIK683" s="613"/>
      <c r="UIL683" s="613"/>
      <c r="UIM683" s="613"/>
      <c r="UIN683" s="613"/>
      <c r="UIO683" s="613"/>
      <c r="UIP683" s="613"/>
      <c r="UIQ683" s="613"/>
      <c r="UIR683" s="613"/>
      <c r="UIS683" s="613"/>
      <c r="UIT683" s="613"/>
      <c r="UIU683" s="613"/>
      <c r="UIV683" s="613"/>
      <c r="UIW683" s="613"/>
      <c r="UIX683" s="613"/>
      <c r="UIY683" s="613"/>
      <c r="UIZ683" s="613"/>
      <c r="UJA683" s="613"/>
      <c r="UJB683" s="613"/>
      <c r="UJC683" s="613"/>
      <c r="UJD683" s="613"/>
      <c r="UJE683" s="613"/>
      <c r="UJF683" s="613"/>
      <c r="UJG683" s="613"/>
      <c r="UJH683" s="613"/>
      <c r="UJI683" s="613"/>
      <c r="UJJ683" s="613"/>
      <c r="UJK683" s="613"/>
      <c r="UJL683" s="613"/>
      <c r="UJM683" s="613"/>
      <c r="UJN683" s="613"/>
      <c r="UJO683" s="613"/>
      <c r="UJP683" s="613"/>
      <c r="UJQ683" s="613"/>
      <c r="UJR683" s="613"/>
      <c r="UJS683" s="613"/>
      <c r="UJT683" s="613"/>
      <c r="UJU683" s="613"/>
      <c r="UJV683" s="613"/>
      <c r="UJW683" s="613"/>
      <c r="UJX683" s="613"/>
      <c r="UJY683" s="613"/>
      <c r="UJZ683" s="613"/>
      <c r="UKA683" s="613"/>
      <c r="UKB683" s="613"/>
      <c r="UKC683" s="613"/>
      <c r="UKD683" s="613"/>
      <c r="UKE683" s="613"/>
      <c r="UKF683" s="613"/>
      <c r="UKG683" s="613"/>
      <c r="UKH683" s="613"/>
      <c r="UKI683" s="613"/>
      <c r="UKJ683" s="613"/>
      <c r="UKK683" s="613"/>
      <c r="UKL683" s="613"/>
      <c r="UKM683" s="613"/>
      <c r="UKN683" s="613"/>
      <c r="UKO683" s="613"/>
      <c r="UKP683" s="613"/>
      <c r="UKQ683" s="613"/>
      <c r="UKR683" s="613"/>
      <c r="UKS683" s="613"/>
      <c r="UKT683" s="613"/>
      <c r="UKU683" s="613"/>
      <c r="UKV683" s="613"/>
      <c r="UKW683" s="613"/>
      <c r="UKX683" s="613"/>
      <c r="UKY683" s="613"/>
      <c r="UKZ683" s="613"/>
      <c r="ULA683" s="613"/>
      <c r="ULB683" s="613"/>
      <c r="ULC683" s="613"/>
      <c r="ULD683" s="613"/>
      <c r="ULE683" s="613"/>
      <c r="ULF683" s="613"/>
      <c r="ULG683" s="613"/>
      <c r="ULH683" s="613"/>
      <c r="ULI683" s="613"/>
      <c r="ULJ683" s="613"/>
      <c r="ULK683" s="613"/>
      <c r="ULL683" s="613"/>
      <c r="ULM683" s="613"/>
      <c r="ULN683" s="613"/>
      <c r="ULO683" s="613"/>
      <c r="ULP683" s="613"/>
      <c r="ULQ683" s="613"/>
      <c r="ULR683" s="613"/>
      <c r="ULS683" s="613"/>
      <c r="ULT683" s="613"/>
      <c r="ULU683" s="613"/>
      <c r="ULV683" s="613"/>
      <c r="ULW683" s="613"/>
      <c r="ULX683" s="613"/>
      <c r="ULY683" s="613"/>
      <c r="ULZ683" s="613"/>
      <c r="UMA683" s="613"/>
      <c r="UMB683" s="613"/>
      <c r="UMC683" s="613"/>
      <c r="UMD683" s="613"/>
      <c r="UME683" s="613"/>
      <c r="UMF683" s="613"/>
      <c r="UMG683" s="613"/>
      <c r="UMH683" s="613"/>
      <c r="UMI683" s="613"/>
      <c r="UMJ683" s="613"/>
      <c r="UMK683" s="613"/>
      <c r="UML683" s="613"/>
      <c r="UMM683" s="613"/>
      <c r="UMN683" s="613"/>
      <c r="UMO683" s="613"/>
      <c r="UMP683" s="613"/>
      <c r="UMQ683" s="613"/>
      <c r="UMR683" s="613"/>
      <c r="UMS683" s="613"/>
      <c r="UMT683" s="613"/>
      <c r="UMU683" s="613"/>
      <c r="UMV683" s="613"/>
      <c r="UMW683" s="613"/>
      <c r="UMX683" s="613"/>
      <c r="UMY683" s="613"/>
      <c r="UMZ683" s="613"/>
      <c r="UNA683" s="613"/>
      <c r="UNB683" s="613"/>
      <c r="UNC683" s="613"/>
      <c r="UND683" s="613"/>
      <c r="UNE683" s="613"/>
      <c r="UNF683" s="613"/>
      <c r="UNG683" s="613"/>
      <c r="UNH683" s="613"/>
      <c r="UNI683" s="613"/>
      <c r="UNJ683" s="613"/>
      <c r="UNK683" s="613"/>
      <c r="UNL683" s="613"/>
      <c r="UNM683" s="613"/>
      <c r="UNN683" s="613"/>
      <c r="UNO683" s="613"/>
      <c r="UNP683" s="613"/>
      <c r="UNQ683" s="613"/>
      <c r="UNR683" s="613"/>
      <c r="UNS683" s="613"/>
      <c r="UNT683" s="613"/>
      <c r="UNU683" s="613"/>
      <c r="UNV683" s="613"/>
      <c r="UNW683" s="613"/>
      <c r="UNX683" s="613"/>
      <c r="UNY683" s="613"/>
      <c r="UNZ683" s="613"/>
      <c r="UOA683" s="613"/>
      <c r="UOB683" s="613"/>
      <c r="UOC683" s="613"/>
      <c r="UOD683" s="613"/>
      <c r="UOE683" s="613"/>
      <c r="UOF683" s="613"/>
      <c r="UOG683" s="613"/>
      <c r="UOH683" s="613"/>
      <c r="UOI683" s="613"/>
      <c r="UOJ683" s="613"/>
      <c r="UOK683" s="613"/>
      <c r="UOL683" s="613"/>
      <c r="UOM683" s="613"/>
      <c r="UON683" s="613"/>
      <c r="UOO683" s="613"/>
      <c r="UOP683" s="613"/>
      <c r="UOQ683" s="613"/>
      <c r="UOR683" s="613"/>
      <c r="UOS683" s="613"/>
      <c r="UOT683" s="613"/>
      <c r="UOU683" s="613"/>
      <c r="UOV683" s="613"/>
      <c r="UOW683" s="613"/>
      <c r="UOX683" s="613"/>
      <c r="UOY683" s="613"/>
      <c r="UOZ683" s="613"/>
      <c r="UPA683" s="613"/>
      <c r="UPB683" s="613"/>
      <c r="UPC683" s="613"/>
      <c r="UPD683" s="613"/>
      <c r="UPE683" s="613"/>
      <c r="UPF683" s="613"/>
      <c r="UPG683" s="613"/>
      <c r="UPH683" s="613"/>
      <c r="UPI683" s="613"/>
      <c r="UPJ683" s="613"/>
      <c r="UPK683" s="613"/>
      <c r="UPL683" s="613"/>
      <c r="UPM683" s="613"/>
      <c r="UPN683" s="613"/>
      <c r="UPO683" s="613"/>
      <c r="UPP683" s="613"/>
      <c r="UPQ683" s="613"/>
      <c r="UPR683" s="613"/>
      <c r="UPS683" s="613"/>
      <c r="UPT683" s="613"/>
      <c r="UPU683" s="613"/>
      <c r="UPV683" s="613"/>
      <c r="UPW683" s="613"/>
      <c r="UPX683" s="613"/>
      <c r="UPY683" s="613"/>
      <c r="UPZ683" s="613"/>
      <c r="UQA683" s="613"/>
      <c r="UQB683" s="613"/>
      <c r="UQC683" s="613"/>
      <c r="UQD683" s="613"/>
      <c r="UQE683" s="613"/>
      <c r="UQF683" s="613"/>
      <c r="UQG683" s="613"/>
      <c r="UQH683" s="613"/>
      <c r="UQI683" s="613"/>
      <c r="UQJ683" s="613"/>
      <c r="UQK683" s="613"/>
      <c r="UQL683" s="613"/>
      <c r="UQM683" s="613"/>
      <c r="UQN683" s="613"/>
      <c r="UQO683" s="613"/>
      <c r="UQP683" s="613"/>
      <c r="UQQ683" s="613"/>
      <c r="UQR683" s="613"/>
      <c r="UQS683" s="613"/>
      <c r="UQT683" s="613"/>
      <c r="UQU683" s="613"/>
      <c r="UQV683" s="613"/>
      <c r="UQW683" s="613"/>
      <c r="UQX683" s="613"/>
      <c r="UQY683" s="613"/>
      <c r="UQZ683" s="613"/>
      <c r="URA683" s="613"/>
      <c r="URB683" s="613"/>
      <c r="URC683" s="613"/>
      <c r="URD683" s="613"/>
      <c r="URE683" s="613"/>
      <c r="URF683" s="613"/>
      <c r="URG683" s="613"/>
      <c r="URH683" s="613"/>
      <c r="URI683" s="613"/>
      <c r="URJ683" s="613"/>
      <c r="URK683" s="613"/>
      <c r="URL683" s="613"/>
      <c r="URM683" s="613"/>
      <c r="URN683" s="613"/>
      <c r="URO683" s="613"/>
      <c r="URP683" s="613"/>
      <c r="URQ683" s="613"/>
      <c r="URR683" s="613"/>
      <c r="URS683" s="613"/>
      <c r="URT683" s="613"/>
      <c r="URU683" s="613"/>
      <c r="URV683" s="613"/>
      <c r="URW683" s="613"/>
      <c r="URX683" s="613"/>
      <c r="URY683" s="613"/>
      <c r="URZ683" s="613"/>
      <c r="USA683" s="613"/>
      <c r="USB683" s="613"/>
      <c r="USC683" s="613"/>
      <c r="USD683" s="613"/>
      <c r="USE683" s="613"/>
      <c r="USF683" s="613"/>
      <c r="USG683" s="613"/>
      <c r="USH683" s="613"/>
      <c r="USI683" s="613"/>
      <c r="USJ683" s="613"/>
      <c r="USK683" s="613"/>
      <c r="USL683" s="613"/>
      <c r="USM683" s="613"/>
      <c r="USN683" s="613"/>
      <c r="USO683" s="613"/>
      <c r="USP683" s="613"/>
      <c r="USQ683" s="613"/>
      <c r="USR683" s="613"/>
      <c r="USS683" s="613"/>
      <c r="UST683" s="613"/>
      <c r="USU683" s="613"/>
      <c r="USV683" s="613"/>
      <c r="USW683" s="613"/>
      <c r="USX683" s="613"/>
      <c r="USY683" s="613"/>
      <c r="USZ683" s="613"/>
      <c r="UTA683" s="613"/>
      <c r="UTB683" s="613"/>
      <c r="UTC683" s="613"/>
      <c r="UTD683" s="613"/>
      <c r="UTE683" s="613"/>
      <c r="UTF683" s="613"/>
      <c r="UTG683" s="613"/>
      <c r="UTH683" s="613"/>
      <c r="UTI683" s="613"/>
      <c r="UTJ683" s="613"/>
      <c r="UTK683" s="613"/>
      <c r="UTL683" s="613"/>
      <c r="UTM683" s="613"/>
      <c r="UTN683" s="613"/>
      <c r="UTO683" s="613"/>
      <c r="UTP683" s="613"/>
      <c r="UTQ683" s="613"/>
      <c r="UTR683" s="613"/>
      <c r="UTS683" s="613"/>
      <c r="UTT683" s="613"/>
      <c r="UTU683" s="613"/>
      <c r="UTV683" s="613"/>
      <c r="UTW683" s="613"/>
      <c r="UTX683" s="613"/>
      <c r="UTY683" s="613"/>
      <c r="UTZ683" s="613"/>
      <c r="UUA683" s="613"/>
      <c r="UUB683" s="613"/>
      <c r="UUC683" s="613"/>
      <c r="UUD683" s="613"/>
      <c r="UUE683" s="613"/>
      <c r="UUF683" s="613"/>
      <c r="UUG683" s="613"/>
      <c r="UUH683" s="613"/>
      <c r="UUI683" s="613"/>
      <c r="UUJ683" s="613"/>
      <c r="UUK683" s="613"/>
      <c r="UUL683" s="613"/>
      <c r="UUM683" s="613"/>
      <c r="UUN683" s="613"/>
      <c r="UUO683" s="613"/>
      <c r="UUP683" s="613"/>
      <c r="UUQ683" s="613"/>
      <c r="UUR683" s="613"/>
      <c r="UUS683" s="613"/>
      <c r="UUT683" s="613"/>
      <c r="UUU683" s="613"/>
      <c r="UUV683" s="613"/>
      <c r="UUW683" s="613"/>
      <c r="UUX683" s="613"/>
      <c r="UUY683" s="613"/>
      <c r="UUZ683" s="613"/>
      <c r="UVA683" s="613"/>
      <c r="UVB683" s="613"/>
      <c r="UVC683" s="613"/>
      <c r="UVD683" s="613"/>
      <c r="UVE683" s="613"/>
      <c r="UVF683" s="613"/>
      <c r="UVG683" s="613"/>
      <c r="UVH683" s="613"/>
      <c r="UVI683" s="613"/>
      <c r="UVJ683" s="613"/>
      <c r="UVK683" s="613"/>
      <c r="UVL683" s="613"/>
      <c r="UVM683" s="613"/>
      <c r="UVN683" s="613"/>
      <c r="UVO683" s="613"/>
      <c r="UVP683" s="613"/>
      <c r="UVQ683" s="613"/>
      <c r="UVR683" s="613"/>
      <c r="UVS683" s="613"/>
      <c r="UVT683" s="613"/>
      <c r="UVU683" s="613"/>
      <c r="UVV683" s="613"/>
      <c r="UVW683" s="613"/>
      <c r="UVX683" s="613"/>
      <c r="UVY683" s="613"/>
      <c r="UVZ683" s="613"/>
      <c r="UWA683" s="613"/>
      <c r="UWB683" s="613"/>
      <c r="UWC683" s="613"/>
      <c r="UWD683" s="613"/>
      <c r="UWE683" s="613"/>
      <c r="UWF683" s="613"/>
      <c r="UWG683" s="613"/>
      <c r="UWH683" s="613"/>
      <c r="UWI683" s="613"/>
      <c r="UWJ683" s="613"/>
      <c r="UWK683" s="613"/>
      <c r="UWL683" s="613"/>
      <c r="UWM683" s="613"/>
      <c r="UWN683" s="613"/>
      <c r="UWO683" s="613"/>
      <c r="UWP683" s="613"/>
      <c r="UWQ683" s="613"/>
      <c r="UWR683" s="613"/>
      <c r="UWS683" s="613"/>
      <c r="UWT683" s="613"/>
      <c r="UWU683" s="613"/>
      <c r="UWV683" s="613"/>
      <c r="UWW683" s="613"/>
      <c r="UWX683" s="613"/>
      <c r="UWY683" s="613"/>
      <c r="UWZ683" s="613"/>
      <c r="UXA683" s="613"/>
      <c r="UXB683" s="613"/>
      <c r="UXC683" s="613"/>
      <c r="UXD683" s="613"/>
      <c r="UXE683" s="613"/>
      <c r="UXF683" s="613"/>
      <c r="UXG683" s="613"/>
      <c r="UXH683" s="613"/>
      <c r="UXI683" s="613"/>
      <c r="UXJ683" s="613"/>
      <c r="UXK683" s="613"/>
      <c r="UXL683" s="613"/>
      <c r="UXM683" s="613"/>
      <c r="UXN683" s="613"/>
      <c r="UXO683" s="613"/>
      <c r="UXP683" s="613"/>
      <c r="UXQ683" s="613"/>
      <c r="UXR683" s="613"/>
      <c r="UXS683" s="613"/>
      <c r="UXT683" s="613"/>
      <c r="UXU683" s="613"/>
      <c r="UXV683" s="613"/>
      <c r="UXW683" s="613"/>
      <c r="UXX683" s="613"/>
      <c r="UXY683" s="613"/>
      <c r="UXZ683" s="613"/>
      <c r="UYA683" s="613"/>
      <c r="UYB683" s="613"/>
      <c r="UYC683" s="613"/>
      <c r="UYD683" s="613"/>
      <c r="UYE683" s="613"/>
      <c r="UYF683" s="613"/>
      <c r="UYG683" s="613"/>
      <c r="UYH683" s="613"/>
      <c r="UYI683" s="613"/>
      <c r="UYJ683" s="613"/>
      <c r="UYK683" s="613"/>
      <c r="UYL683" s="613"/>
      <c r="UYM683" s="613"/>
      <c r="UYN683" s="613"/>
      <c r="UYO683" s="613"/>
      <c r="UYP683" s="613"/>
      <c r="UYQ683" s="613"/>
      <c r="UYR683" s="613"/>
      <c r="UYS683" s="613"/>
      <c r="UYT683" s="613"/>
      <c r="UYU683" s="613"/>
      <c r="UYV683" s="613"/>
      <c r="UYW683" s="613"/>
      <c r="UYX683" s="613"/>
      <c r="UYY683" s="613"/>
      <c r="UYZ683" s="613"/>
      <c r="UZA683" s="613"/>
      <c r="UZB683" s="613"/>
      <c r="UZC683" s="613"/>
      <c r="UZD683" s="613"/>
      <c r="UZE683" s="613"/>
      <c r="UZF683" s="613"/>
      <c r="UZG683" s="613"/>
      <c r="UZH683" s="613"/>
      <c r="UZI683" s="613"/>
      <c r="UZJ683" s="613"/>
      <c r="UZK683" s="613"/>
      <c r="UZL683" s="613"/>
      <c r="UZM683" s="613"/>
      <c r="UZN683" s="613"/>
      <c r="UZO683" s="613"/>
      <c r="UZP683" s="613"/>
      <c r="UZQ683" s="613"/>
      <c r="UZR683" s="613"/>
      <c r="UZS683" s="613"/>
      <c r="UZT683" s="613"/>
      <c r="UZU683" s="613"/>
      <c r="UZV683" s="613"/>
      <c r="UZW683" s="613"/>
      <c r="UZX683" s="613"/>
      <c r="UZY683" s="613"/>
      <c r="UZZ683" s="613"/>
      <c r="VAA683" s="613"/>
      <c r="VAB683" s="613"/>
      <c r="VAC683" s="613"/>
      <c r="VAD683" s="613"/>
      <c r="VAE683" s="613"/>
      <c r="VAF683" s="613"/>
      <c r="VAG683" s="613"/>
      <c r="VAH683" s="613"/>
      <c r="VAI683" s="613"/>
      <c r="VAJ683" s="613"/>
      <c r="VAK683" s="613"/>
      <c r="VAL683" s="613"/>
      <c r="VAM683" s="613"/>
      <c r="VAN683" s="613"/>
      <c r="VAO683" s="613"/>
      <c r="VAP683" s="613"/>
      <c r="VAQ683" s="613"/>
      <c r="VAR683" s="613"/>
      <c r="VAS683" s="613"/>
      <c r="VAT683" s="613"/>
      <c r="VAU683" s="613"/>
      <c r="VAV683" s="613"/>
      <c r="VAW683" s="613"/>
      <c r="VAX683" s="613"/>
      <c r="VAY683" s="613"/>
      <c r="VAZ683" s="613"/>
      <c r="VBA683" s="613"/>
      <c r="VBB683" s="613"/>
      <c r="VBC683" s="613"/>
      <c r="VBD683" s="613"/>
      <c r="VBE683" s="613"/>
      <c r="VBF683" s="613"/>
      <c r="VBG683" s="613"/>
      <c r="VBH683" s="613"/>
      <c r="VBI683" s="613"/>
      <c r="VBJ683" s="613"/>
      <c r="VBK683" s="613"/>
      <c r="VBL683" s="613"/>
      <c r="VBM683" s="613"/>
      <c r="VBN683" s="613"/>
      <c r="VBO683" s="613"/>
      <c r="VBP683" s="613"/>
      <c r="VBQ683" s="613"/>
      <c r="VBR683" s="613"/>
      <c r="VBS683" s="613"/>
      <c r="VBT683" s="613"/>
      <c r="VBU683" s="613"/>
      <c r="VBV683" s="613"/>
      <c r="VBW683" s="613"/>
      <c r="VBX683" s="613"/>
      <c r="VBY683" s="613"/>
      <c r="VBZ683" s="613"/>
      <c r="VCA683" s="613"/>
      <c r="VCB683" s="613"/>
      <c r="VCC683" s="613"/>
      <c r="VCD683" s="613"/>
      <c r="VCE683" s="613"/>
      <c r="VCF683" s="613"/>
      <c r="VCG683" s="613"/>
      <c r="VCH683" s="613"/>
      <c r="VCI683" s="613"/>
      <c r="VCJ683" s="613"/>
      <c r="VCK683" s="613"/>
      <c r="VCL683" s="613"/>
      <c r="VCM683" s="613"/>
      <c r="VCN683" s="613"/>
      <c r="VCO683" s="613"/>
      <c r="VCP683" s="613"/>
      <c r="VCQ683" s="613"/>
      <c r="VCR683" s="613"/>
      <c r="VCS683" s="613"/>
      <c r="VCT683" s="613"/>
      <c r="VCU683" s="613"/>
      <c r="VCV683" s="613"/>
      <c r="VCW683" s="613"/>
      <c r="VCX683" s="613"/>
      <c r="VCY683" s="613"/>
      <c r="VCZ683" s="613"/>
      <c r="VDA683" s="613"/>
      <c r="VDB683" s="613"/>
      <c r="VDC683" s="613"/>
      <c r="VDD683" s="613"/>
      <c r="VDE683" s="613"/>
      <c r="VDF683" s="613"/>
      <c r="VDG683" s="613"/>
      <c r="VDH683" s="613"/>
      <c r="VDI683" s="613"/>
      <c r="VDJ683" s="613"/>
      <c r="VDK683" s="613"/>
      <c r="VDL683" s="613"/>
      <c r="VDM683" s="613"/>
      <c r="VDN683" s="613"/>
      <c r="VDO683" s="613"/>
      <c r="VDP683" s="613"/>
      <c r="VDQ683" s="613"/>
      <c r="VDR683" s="613"/>
      <c r="VDS683" s="613"/>
      <c r="VDT683" s="613"/>
      <c r="VDU683" s="613"/>
      <c r="VDV683" s="613"/>
      <c r="VDW683" s="613"/>
      <c r="VDX683" s="613"/>
      <c r="VDY683" s="613"/>
      <c r="VDZ683" s="613"/>
      <c r="VEA683" s="613"/>
      <c r="VEB683" s="613"/>
      <c r="VEC683" s="613"/>
      <c r="VED683" s="613"/>
      <c r="VEE683" s="613"/>
      <c r="VEF683" s="613"/>
      <c r="VEG683" s="613"/>
      <c r="VEH683" s="613"/>
      <c r="VEI683" s="613"/>
      <c r="VEJ683" s="613"/>
      <c r="VEK683" s="613"/>
      <c r="VEL683" s="613"/>
      <c r="VEM683" s="613"/>
      <c r="VEN683" s="613"/>
      <c r="VEO683" s="613"/>
      <c r="VEP683" s="613"/>
      <c r="VEQ683" s="613"/>
      <c r="VER683" s="613"/>
      <c r="VES683" s="613"/>
      <c r="VET683" s="613"/>
      <c r="VEU683" s="613"/>
      <c r="VEV683" s="613"/>
      <c r="VEW683" s="613"/>
      <c r="VEX683" s="613"/>
      <c r="VEY683" s="613"/>
      <c r="VEZ683" s="613"/>
      <c r="VFA683" s="613"/>
      <c r="VFB683" s="613"/>
      <c r="VFC683" s="613"/>
      <c r="VFD683" s="613"/>
      <c r="VFE683" s="613"/>
      <c r="VFF683" s="613"/>
      <c r="VFG683" s="613"/>
      <c r="VFH683" s="613"/>
      <c r="VFI683" s="613"/>
      <c r="VFJ683" s="613"/>
      <c r="VFK683" s="613"/>
      <c r="VFL683" s="613"/>
      <c r="VFM683" s="613"/>
      <c r="VFN683" s="613"/>
      <c r="VFO683" s="613"/>
      <c r="VFP683" s="613"/>
      <c r="VFQ683" s="613"/>
      <c r="VFR683" s="613"/>
      <c r="VFS683" s="613"/>
      <c r="VFT683" s="613"/>
      <c r="VFU683" s="613"/>
      <c r="VFV683" s="613"/>
      <c r="VFW683" s="613"/>
      <c r="VFX683" s="613"/>
      <c r="VFY683" s="613"/>
      <c r="VFZ683" s="613"/>
      <c r="VGA683" s="613"/>
      <c r="VGB683" s="613"/>
      <c r="VGC683" s="613"/>
      <c r="VGD683" s="613"/>
      <c r="VGE683" s="613"/>
      <c r="VGF683" s="613"/>
      <c r="VGG683" s="613"/>
      <c r="VGH683" s="613"/>
      <c r="VGI683" s="613"/>
      <c r="VGJ683" s="613"/>
      <c r="VGK683" s="613"/>
      <c r="VGL683" s="613"/>
      <c r="VGM683" s="613"/>
      <c r="VGN683" s="613"/>
      <c r="VGO683" s="613"/>
      <c r="VGP683" s="613"/>
      <c r="VGQ683" s="613"/>
      <c r="VGR683" s="613"/>
      <c r="VGS683" s="613"/>
      <c r="VGT683" s="613"/>
      <c r="VGU683" s="613"/>
      <c r="VGV683" s="613"/>
      <c r="VGW683" s="613"/>
      <c r="VGX683" s="613"/>
      <c r="VGY683" s="613"/>
      <c r="VGZ683" s="613"/>
      <c r="VHA683" s="613"/>
      <c r="VHB683" s="613"/>
      <c r="VHC683" s="613"/>
      <c r="VHD683" s="613"/>
      <c r="VHE683" s="613"/>
      <c r="VHF683" s="613"/>
      <c r="VHG683" s="613"/>
      <c r="VHH683" s="613"/>
      <c r="VHI683" s="613"/>
      <c r="VHJ683" s="613"/>
      <c r="VHK683" s="613"/>
      <c r="VHL683" s="613"/>
      <c r="VHM683" s="613"/>
      <c r="VHN683" s="613"/>
      <c r="VHO683" s="613"/>
      <c r="VHP683" s="613"/>
      <c r="VHQ683" s="613"/>
      <c r="VHR683" s="613"/>
      <c r="VHS683" s="613"/>
      <c r="VHT683" s="613"/>
      <c r="VHU683" s="613"/>
      <c r="VHV683" s="613"/>
      <c r="VHW683" s="613"/>
      <c r="VHX683" s="613"/>
      <c r="VHY683" s="613"/>
      <c r="VHZ683" s="613"/>
      <c r="VIA683" s="613"/>
      <c r="VIB683" s="613"/>
      <c r="VIC683" s="613"/>
      <c r="VID683" s="613"/>
      <c r="VIE683" s="613"/>
      <c r="VIF683" s="613"/>
      <c r="VIG683" s="613"/>
      <c r="VIH683" s="613"/>
      <c r="VII683" s="613"/>
      <c r="VIJ683" s="613"/>
      <c r="VIK683" s="613"/>
      <c r="VIL683" s="613"/>
      <c r="VIM683" s="613"/>
      <c r="VIN683" s="613"/>
      <c r="VIO683" s="613"/>
      <c r="VIP683" s="613"/>
      <c r="VIQ683" s="613"/>
      <c r="VIR683" s="613"/>
      <c r="VIS683" s="613"/>
      <c r="VIT683" s="613"/>
      <c r="VIU683" s="613"/>
      <c r="VIV683" s="613"/>
      <c r="VIW683" s="613"/>
      <c r="VIX683" s="613"/>
      <c r="VIY683" s="613"/>
      <c r="VIZ683" s="613"/>
      <c r="VJA683" s="613"/>
      <c r="VJB683" s="613"/>
      <c r="VJC683" s="613"/>
      <c r="VJD683" s="613"/>
      <c r="VJE683" s="613"/>
      <c r="VJF683" s="613"/>
      <c r="VJG683" s="613"/>
      <c r="VJH683" s="613"/>
      <c r="VJI683" s="613"/>
      <c r="VJJ683" s="613"/>
      <c r="VJK683" s="613"/>
      <c r="VJL683" s="613"/>
      <c r="VJM683" s="613"/>
      <c r="VJN683" s="613"/>
      <c r="VJO683" s="613"/>
      <c r="VJP683" s="613"/>
      <c r="VJQ683" s="613"/>
      <c r="VJR683" s="613"/>
      <c r="VJS683" s="613"/>
      <c r="VJT683" s="613"/>
      <c r="VJU683" s="613"/>
      <c r="VJV683" s="613"/>
      <c r="VJW683" s="613"/>
      <c r="VJX683" s="613"/>
      <c r="VJY683" s="613"/>
      <c r="VJZ683" s="613"/>
      <c r="VKA683" s="613"/>
      <c r="VKB683" s="613"/>
      <c r="VKC683" s="613"/>
      <c r="VKD683" s="613"/>
      <c r="VKE683" s="613"/>
      <c r="VKF683" s="613"/>
      <c r="VKG683" s="613"/>
      <c r="VKH683" s="613"/>
      <c r="VKI683" s="613"/>
      <c r="VKJ683" s="613"/>
      <c r="VKK683" s="613"/>
      <c r="VKL683" s="613"/>
      <c r="VKM683" s="613"/>
      <c r="VKN683" s="613"/>
      <c r="VKO683" s="613"/>
      <c r="VKP683" s="613"/>
      <c r="VKQ683" s="613"/>
      <c r="VKR683" s="613"/>
      <c r="VKS683" s="613"/>
      <c r="VKT683" s="613"/>
      <c r="VKU683" s="613"/>
      <c r="VKV683" s="613"/>
      <c r="VKW683" s="613"/>
      <c r="VKX683" s="613"/>
      <c r="VKY683" s="613"/>
      <c r="VKZ683" s="613"/>
      <c r="VLA683" s="613"/>
      <c r="VLB683" s="613"/>
      <c r="VLC683" s="613"/>
      <c r="VLD683" s="613"/>
      <c r="VLE683" s="613"/>
      <c r="VLF683" s="613"/>
      <c r="VLG683" s="613"/>
      <c r="VLH683" s="613"/>
      <c r="VLI683" s="613"/>
      <c r="VLJ683" s="613"/>
      <c r="VLK683" s="613"/>
      <c r="VLL683" s="613"/>
      <c r="VLM683" s="613"/>
      <c r="VLN683" s="613"/>
      <c r="VLO683" s="613"/>
      <c r="VLP683" s="613"/>
      <c r="VLQ683" s="613"/>
      <c r="VLR683" s="613"/>
      <c r="VLS683" s="613"/>
      <c r="VLT683" s="613"/>
      <c r="VLU683" s="613"/>
      <c r="VLV683" s="613"/>
      <c r="VLW683" s="613"/>
      <c r="VLX683" s="613"/>
      <c r="VLY683" s="613"/>
      <c r="VLZ683" s="613"/>
      <c r="VMA683" s="613"/>
      <c r="VMB683" s="613"/>
      <c r="VMC683" s="613"/>
      <c r="VMD683" s="613"/>
      <c r="VME683" s="613"/>
      <c r="VMF683" s="613"/>
      <c r="VMG683" s="613"/>
      <c r="VMH683" s="613"/>
      <c r="VMI683" s="613"/>
      <c r="VMJ683" s="613"/>
      <c r="VMK683" s="613"/>
      <c r="VML683" s="613"/>
      <c r="VMM683" s="613"/>
      <c r="VMN683" s="613"/>
      <c r="VMO683" s="613"/>
      <c r="VMP683" s="613"/>
      <c r="VMQ683" s="613"/>
      <c r="VMR683" s="613"/>
      <c r="VMS683" s="613"/>
      <c r="VMT683" s="613"/>
      <c r="VMU683" s="613"/>
      <c r="VMV683" s="613"/>
      <c r="VMW683" s="613"/>
      <c r="VMX683" s="613"/>
      <c r="VMY683" s="613"/>
      <c r="VMZ683" s="613"/>
      <c r="VNA683" s="613"/>
      <c r="VNB683" s="613"/>
      <c r="VNC683" s="613"/>
      <c r="VND683" s="613"/>
      <c r="VNE683" s="613"/>
      <c r="VNF683" s="613"/>
      <c r="VNG683" s="613"/>
      <c r="VNH683" s="613"/>
      <c r="VNI683" s="613"/>
      <c r="VNJ683" s="613"/>
      <c r="VNK683" s="613"/>
      <c r="VNL683" s="613"/>
      <c r="VNM683" s="613"/>
      <c r="VNN683" s="613"/>
      <c r="VNO683" s="613"/>
      <c r="VNP683" s="613"/>
      <c r="VNQ683" s="613"/>
      <c r="VNR683" s="613"/>
      <c r="VNS683" s="613"/>
      <c r="VNT683" s="613"/>
      <c r="VNU683" s="613"/>
      <c r="VNV683" s="613"/>
      <c r="VNW683" s="613"/>
      <c r="VNX683" s="613"/>
      <c r="VNY683" s="613"/>
      <c r="VNZ683" s="613"/>
      <c r="VOA683" s="613"/>
      <c r="VOB683" s="613"/>
      <c r="VOC683" s="613"/>
      <c r="VOD683" s="613"/>
      <c r="VOE683" s="613"/>
      <c r="VOF683" s="613"/>
      <c r="VOG683" s="613"/>
      <c r="VOH683" s="613"/>
      <c r="VOI683" s="613"/>
      <c r="VOJ683" s="613"/>
      <c r="VOK683" s="613"/>
      <c r="VOL683" s="613"/>
      <c r="VOM683" s="613"/>
      <c r="VON683" s="613"/>
      <c r="VOO683" s="613"/>
      <c r="VOP683" s="613"/>
      <c r="VOQ683" s="613"/>
      <c r="VOR683" s="613"/>
      <c r="VOS683" s="613"/>
      <c r="VOT683" s="613"/>
      <c r="VOU683" s="613"/>
      <c r="VOV683" s="613"/>
      <c r="VOW683" s="613"/>
      <c r="VOX683" s="613"/>
      <c r="VOY683" s="613"/>
      <c r="VOZ683" s="613"/>
      <c r="VPA683" s="613"/>
      <c r="VPB683" s="613"/>
      <c r="VPC683" s="613"/>
      <c r="VPD683" s="613"/>
      <c r="VPE683" s="613"/>
      <c r="VPF683" s="613"/>
      <c r="VPG683" s="613"/>
      <c r="VPH683" s="613"/>
      <c r="VPI683" s="613"/>
      <c r="VPJ683" s="613"/>
      <c r="VPK683" s="613"/>
      <c r="VPL683" s="613"/>
      <c r="VPM683" s="613"/>
      <c r="VPN683" s="613"/>
      <c r="VPO683" s="613"/>
      <c r="VPP683" s="613"/>
      <c r="VPQ683" s="613"/>
      <c r="VPR683" s="613"/>
      <c r="VPS683" s="613"/>
      <c r="VPT683" s="613"/>
      <c r="VPU683" s="613"/>
      <c r="VPV683" s="613"/>
      <c r="VPW683" s="613"/>
      <c r="VPX683" s="613"/>
      <c r="VPY683" s="613"/>
      <c r="VPZ683" s="613"/>
      <c r="VQA683" s="613"/>
      <c r="VQB683" s="613"/>
      <c r="VQC683" s="613"/>
      <c r="VQD683" s="613"/>
      <c r="VQE683" s="613"/>
      <c r="VQF683" s="613"/>
      <c r="VQG683" s="613"/>
      <c r="VQH683" s="613"/>
      <c r="VQI683" s="613"/>
      <c r="VQJ683" s="613"/>
      <c r="VQK683" s="613"/>
      <c r="VQL683" s="613"/>
      <c r="VQM683" s="613"/>
      <c r="VQN683" s="613"/>
      <c r="VQO683" s="613"/>
      <c r="VQP683" s="613"/>
      <c r="VQQ683" s="613"/>
      <c r="VQR683" s="613"/>
      <c r="VQS683" s="613"/>
      <c r="VQT683" s="613"/>
      <c r="VQU683" s="613"/>
      <c r="VQV683" s="613"/>
      <c r="VQW683" s="613"/>
      <c r="VQX683" s="613"/>
      <c r="VQY683" s="613"/>
      <c r="VQZ683" s="613"/>
      <c r="VRA683" s="613"/>
      <c r="VRB683" s="613"/>
      <c r="VRC683" s="613"/>
      <c r="VRD683" s="613"/>
      <c r="VRE683" s="613"/>
      <c r="VRF683" s="613"/>
      <c r="VRG683" s="613"/>
      <c r="VRH683" s="613"/>
      <c r="VRI683" s="613"/>
      <c r="VRJ683" s="613"/>
      <c r="VRK683" s="613"/>
      <c r="VRL683" s="613"/>
      <c r="VRM683" s="613"/>
      <c r="VRN683" s="613"/>
      <c r="VRO683" s="613"/>
      <c r="VRP683" s="613"/>
      <c r="VRQ683" s="613"/>
      <c r="VRR683" s="613"/>
      <c r="VRS683" s="613"/>
      <c r="VRT683" s="613"/>
      <c r="VRU683" s="613"/>
      <c r="VRV683" s="613"/>
      <c r="VRW683" s="613"/>
      <c r="VRX683" s="613"/>
      <c r="VRY683" s="613"/>
      <c r="VRZ683" s="613"/>
      <c r="VSA683" s="613"/>
      <c r="VSB683" s="613"/>
      <c r="VSC683" s="613"/>
      <c r="VSD683" s="613"/>
      <c r="VSE683" s="613"/>
      <c r="VSF683" s="613"/>
      <c r="VSG683" s="613"/>
      <c r="VSH683" s="613"/>
      <c r="VSI683" s="613"/>
      <c r="VSJ683" s="613"/>
      <c r="VSK683" s="613"/>
      <c r="VSL683" s="613"/>
      <c r="VSM683" s="613"/>
      <c r="VSN683" s="613"/>
      <c r="VSO683" s="613"/>
      <c r="VSP683" s="613"/>
      <c r="VSQ683" s="613"/>
      <c r="VSR683" s="613"/>
      <c r="VSS683" s="613"/>
      <c r="VST683" s="613"/>
      <c r="VSU683" s="613"/>
      <c r="VSV683" s="613"/>
      <c r="VSW683" s="613"/>
      <c r="VSX683" s="613"/>
      <c r="VSY683" s="613"/>
      <c r="VSZ683" s="613"/>
      <c r="VTA683" s="613"/>
      <c r="VTB683" s="613"/>
      <c r="VTC683" s="613"/>
      <c r="VTD683" s="613"/>
      <c r="VTE683" s="613"/>
      <c r="VTF683" s="613"/>
      <c r="VTG683" s="613"/>
      <c r="VTH683" s="613"/>
      <c r="VTI683" s="613"/>
      <c r="VTJ683" s="613"/>
      <c r="VTK683" s="613"/>
      <c r="VTL683" s="613"/>
      <c r="VTM683" s="613"/>
      <c r="VTN683" s="613"/>
      <c r="VTO683" s="613"/>
      <c r="VTP683" s="613"/>
      <c r="VTQ683" s="613"/>
      <c r="VTR683" s="613"/>
      <c r="VTS683" s="613"/>
      <c r="VTT683" s="613"/>
      <c r="VTU683" s="613"/>
      <c r="VTV683" s="613"/>
      <c r="VTW683" s="613"/>
      <c r="VTX683" s="613"/>
      <c r="VTY683" s="613"/>
      <c r="VTZ683" s="613"/>
      <c r="VUA683" s="613"/>
      <c r="VUB683" s="613"/>
      <c r="VUC683" s="613"/>
      <c r="VUD683" s="613"/>
      <c r="VUE683" s="613"/>
      <c r="VUF683" s="613"/>
      <c r="VUG683" s="613"/>
      <c r="VUH683" s="613"/>
      <c r="VUI683" s="613"/>
      <c r="VUJ683" s="613"/>
      <c r="VUK683" s="613"/>
      <c r="VUL683" s="613"/>
      <c r="VUM683" s="613"/>
      <c r="VUN683" s="613"/>
      <c r="VUO683" s="613"/>
      <c r="VUP683" s="613"/>
      <c r="VUQ683" s="613"/>
      <c r="VUR683" s="613"/>
      <c r="VUS683" s="613"/>
      <c r="VUT683" s="613"/>
      <c r="VUU683" s="613"/>
      <c r="VUV683" s="613"/>
      <c r="VUW683" s="613"/>
      <c r="VUX683" s="613"/>
      <c r="VUY683" s="613"/>
      <c r="VUZ683" s="613"/>
      <c r="VVA683" s="613"/>
      <c r="VVB683" s="613"/>
      <c r="VVC683" s="613"/>
      <c r="VVD683" s="613"/>
      <c r="VVE683" s="613"/>
      <c r="VVF683" s="613"/>
      <c r="VVG683" s="613"/>
      <c r="VVH683" s="613"/>
      <c r="VVI683" s="613"/>
      <c r="VVJ683" s="613"/>
      <c r="VVK683" s="613"/>
      <c r="VVL683" s="613"/>
      <c r="VVM683" s="613"/>
      <c r="VVN683" s="613"/>
      <c r="VVO683" s="613"/>
      <c r="VVP683" s="613"/>
      <c r="VVQ683" s="613"/>
      <c r="VVR683" s="613"/>
      <c r="VVS683" s="613"/>
      <c r="VVT683" s="613"/>
      <c r="VVU683" s="613"/>
      <c r="VVV683" s="613"/>
      <c r="VVW683" s="613"/>
      <c r="VVX683" s="613"/>
      <c r="VVY683" s="613"/>
      <c r="VVZ683" s="613"/>
      <c r="VWA683" s="613"/>
      <c r="VWB683" s="613"/>
      <c r="VWC683" s="613"/>
      <c r="VWD683" s="613"/>
      <c r="VWE683" s="613"/>
      <c r="VWF683" s="613"/>
      <c r="VWG683" s="613"/>
      <c r="VWH683" s="613"/>
      <c r="VWI683" s="613"/>
      <c r="VWJ683" s="613"/>
      <c r="VWK683" s="613"/>
      <c r="VWL683" s="613"/>
      <c r="VWM683" s="613"/>
      <c r="VWN683" s="613"/>
      <c r="VWO683" s="613"/>
      <c r="VWP683" s="613"/>
      <c r="VWQ683" s="613"/>
      <c r="VWR683" s="613"/>
      <c r="VWS683" s="613"/>
      <c r="VWT683" s="613"/>
      <c r="VWU683" s="613"/>
      <c r="VWV683" s="613"/>
      <c r="VWW683" s="613"/>
      <c r="VWX683" s="613"/>
      <c r="VWY683" s="613"/>
      <c r="VWZ683" s="613"/>
      <c r="VXA683" s="613"/>
      <c r="VXB683" s="613"/>
      <c r="VXC683" s="613"/>
      <c r="VXD683" s="613"/>
      <c r="VXE683" s="613"/>
      <c r="VXF683" s="613"/>
      <c r="VXG683" s="613"/>
      <c r="VXH683" s="613"/>
      <c r="VXI683" s="613"/>
      <c r="VXJ683" s="613"/>
      <c r="VXK683" s="613"/>
      <c r="VXL683" s="613"/>
      <c r="VXM683" s="613"/>
      <c r="VXN683" s="613"/>
      <c r="VXO683" s="613"/>
      <c r="VXP683" s="613"/>
      <c r="VXQ683" s="613"/>
      <c r="VXR683" s="613"/>
      <c r="VXS683" s="613"/>
      <c r="VXT683" s="613"/>
      <c r="VXU683" s="613"/>
      <c r="VXV683" s="613"/>
      <c r="VXW683" s="613"/>
      <c r="VXX683" s="613"/>
      <c r="VXY683" s="613"/>
      <c r="VXZ683" s="613"/>
      <c r="VYA683" s="613"/>
      <c r="VYB683" s="613"/>
      <c r="VYC683" s="613"/>
      <c r="VYD683" s="613"/>
      <c r="VYE683" s="613"/>
      <c r="VYF683" s="613"/>
      <c r="VYG683" s="613"/>
      <c r="VYH683" s="613"/>
      <c r="VYI683" s="613"/>
      <c r="VYJ683" s="613"/>
      <c r="VYK683" s="613"/>
      <c r="VYL683" s="613"/>
      <c r="VYM683" s="613"/>
      <c r="VYN683" s="613"/>
      <c r="VYO683" s="613"/>
      <c r="VYP683" s="613"/>
      <c r="VYQ683" s="613"/>
      <c r="VYR683" s="613"/>
      <c r="VYS683" s="613"/>
      <c r="VYT683" s="613"/>
      <c r="VYU683" s="613"/>
      <c r="VYV683" s="613"/>
      <c r="VYW683" s="613"/>
      <c r="VYX683" s="613"/>
      <c r="VYY683" s="613"/>
      <c r="VYZ683" s="613"/>
      <c r="VZA683" s="613"/>
      <c r="VZB683" s="613"/>
      <c r="VZC683" s="613"/>
      <c r="VZD683" s="613"/>
      <c r="VZE683" s="613"/>
      <c r="VZF683" s="613"/>
      <c r="VZG683" s="613"/>
      <c r="VZH683" s="613"/>
      <c r="VZI683" s="613"/>
      <c r="VZJ683" s="613"/>
      <c r="VZK683" s="613"/>
      <c r="VZL683" s="613"/>
      <c r="VZM683" s="613"/>
      <c r="VZN683" s="613"/>
      <c r="VZO683" s="613"/>
      <c r="VZP683" s="613"/>
      <c r="VZQ683" s="613"/>
      <c r="VZR683" s="613"/>
      <c r="VZS683" s="613"/>
      <c r="VZT683" s="613"/>
      <c r="VZU683" s="613"/>
      <c r="VZV683" s="613"/>
      <c r="VZW683" s="613"/>
      <c r="VZX683" s="613"/>
      <c r="VZY683" s="613"/>
      <c r="VZZ683" s="613"/>
      <c r="WAA683" s="613"/>
      <c r="WAB683" s="613"/>
      <c r="WAC683" s="613"/>
      <c r="WAD683" s="613"/>
      <c r="WAE683" s="613"/>
      <c r="WAF683" s="613"/>
      <c r="WAG683" s="613"/>
      <c r="WAH683" s="613"/>
      <c r="WAI683" s="613"/>
      <c r="WAJ683" s="613"/>
      <c r="WAK683" s="613"/>
      <c r="WAL683" s="613"/>
      <c r="WAM683" s="613"/>
      <c r="WAN683" s="613"/>
      <c r="WAO683" s="613"/>
      <c r="WAP683" s="613"/>
      <c r="WAQ683" s="613"/>
      <c r="WAR683" s="613"/>
      <c r="WAS683" s="613"/>
      <c r="WAT683" s="613"/>
      <c r="WAU683" s="613"/>
      <c r="WAV683" s="613"/>
      <c r="WAW683" s="613"/>
      <c r="WAX683" s="613"/>
      <c r="WAY683" s="613"/>
      <c r="WAZ683" s="613"/>
      <c r="WBA683" s="613"/>
      <c r="WBB683" s="613"/>
      <c r="WBC683" s="613"/>
      <c r="WBD683" s="613"/>
      <c r="WBE683" s="613"/>
      <c r="WBF683" s="613"/>
      <c r="WBG683" s="613"/>
      <c r="WBH683" s="613"/>
      <c r="WBI683" s="613"/>
      <c r="WBJ683" s="613"/>
      <c r="WBK683" s="613"/>
      <c r="WBL683" s="613"/>
      <c r="WBM683" s="613"/>
      <c r="WBN683" s="613"/>
      <c r="WBO683" s="613"/>
      <c r="WBP683" s="613"/>
      <c r="WBQ683" s="613"/>
      <c r="WBR683" s="613"/>
      <c r="WBS683" s="613"/>
      <c r="WBT683" s="613"/>
      <c r="WBU683" s="613"/>
      <c r="WBV683" s="613"/>
      <c r="WBW683" s="613"/>
      <c r="WBX683" s="613"/>
      <c r="WBY683" s="613"/>
      <c r="WBZ683" s="613"/>
      <c r="WCA683" s="613"/>
      <c r="WCB683" s="613"/>
      <c r="WCC683" s="613"/>
      <c r="WCD683" s="613"/>
      <c r="WCE683" s="613"/>
      <c r="WCF683" s="613"/>
      <c r="WCG683" s="613"/>
      <c r="WCH683" s="613"/>
      <c r="WCI683" s="613"/>
      <c r="WCJ683" s="613"/>
      <c r="WCK683" s="613"/>
      <c r="WCL683" s="613"/>
      <c r="WCM683" s="613"/>
      <c r="WCN683" s="613"/>
      <c r="WCO683" s="613"/>
      <c r="WCP683" s="613"/>
      <c r="WCQ683" s="613"/>
      <c r="WCR683" s="613"/>
      <c r="WCS683" s="613"/>
      <c r="WCT683" s="613"/>
      <c r="WCU683" s="613"/>
      <c r="WCV683" s="613"/>
      <c r="WCW683" s="613"/>
      <c r="WCX683" s="613"/>
      <c r="WCY683" s="613"/>
      <c r="WCZ683" s="613"/>
      <c r="WDA683" s="613"/>
      <c r="WDB683" s="613"/>
      <c r="WDC683" s="613"/>
      <c r="WDD683" s="613"/>
      <c r="WDE683" s="613"/>
      <c r="WDF683" s="613"/>
      <c r="WDG683" s="613"/>
      <c r="WDH683" s="613"/>
      <c r="WDI683" s="613"/>
      <c r="WDJ683" s="613"/>
      <c r="WDK683" s="613"/>
      <c r="WDL683" s="613"/>
      <c r="WDM683" s="613"/>
      <c r="WDN683" s="613"/>
      <c r="WDO683" s="613"/>
      <c r="WDP683" s="613"/>
      <c r="WDQ683" s="613"/>
      <c r="WDR683" s="613"/>
      <c r="WDS683" s="613"/>
      <c r="WDT683" s="613"/>
      <c r="WDU683" s="613"/>
      <c r="WDV683" s="613"/>
      <c r="WDW683" s="613"/>
      <c r="WDX683" s="613"/>
      <c r="WDY683" s="613"/>
      <c r="WDZ683" s="613"/>
      <c r="WEA683" s="613"/>
      <c r="WEB683" s="613"/>
      <c r="WEC683" s="613"/>
      <c r="WED683" s="613"/>
      <c r="WEE683" s="613"/>
      <c r="WEF683" s="613"/>
      <c r="WEG683" s="613"/>
      <c r="WEH683" s="613"/>
      <c r="WEI683" s="613"/>
      <c r="WEJ683" s="613"/>
      <c r="WEK683" s="613"/>
      <c r="WEL683" s="613"/>
      <c r="WEM683" s="613"/>
      <c r="WEN683" s="613"/>
      <c r="WEO683" s="613"/>
      <c r="WEP683" s="613"/>
      <c r="WEQ683" s="613"/>
      <c r="WER683" s="613"/>
      <c r="WES683" s="613"/>
      <c r="WET683" s="613"/>
      <c r="WEU683" s="613"/>
      <c r="WEV683" s="613"/>
      <c r="WEW683" s="613"/>
      <c r="WEX683" s="613"/>
      <c r="WEY683" s="613"/>
      <c r="WEZ683" s="613"/>
      <c r="WFA683" s="613"/>
      <c r="WFB683" s="613"/>
      <c r="WFC683" s="613"/>
      <c r="WFD683" s="613"/>
      <c r="WFE683" s="613"/>
      <c r="WFF683" s="613"/>
      <c r="WFG683" s="613"/>
      <c r="WFH683" s="613"/>
      <c r="WFI683" s="613"/>
      <c r="WFJ683" s="613"/>
      <c r="WFK683" s="613"/>
      <c r="WFL683" s="613"/>
      <c r="WFM683" s="613"/>
      <c r="WFN683" s="613"/>
      <c r="WFO683" s="613"/>
      <c r="WFP683" s="613"/>
      <c r="WFQ683" s="613"/>
      <c r="WFR683" s="613"/>
      <c r="WFS683" s="613"/>
      <c r="WFT683" s="613"/>
      <c r="WFU683" s="613"/>
      <c r="WFV683" s="613"/>
      <c r="WFW683" s="613"/>
      <c r="WFX683" s="613"/>
      <c r="WFY683" s="613"/>
      <c r="WFZ683" s="613"/>
      <c r="WGA683" s="613"/>
      <c r="WGB683" s="613"/>
      <c r="WGC683" s="613"/>
      <c r="WGD683" s="613"/>
      <c r="WGE683" s="613"/>
      <c r="WGF683" s="613"/>
      <c r="WGG683" s="613"/>
      <c r="WGH683" s="613"/>
      <c r="WGI683" s="613"/>
      <c r="WGJ683" s="613"/>
      <c r="WGK683" s="613"/>
      <c r="WGL683" s="613"/>
      <c r="WGM683" s="613"/>
      <c r="WGN683" s="613"/>
      <c r="WGO683" s="613"/>
      <c r="WGP683" s="613"/>
      <c r="WGQ683" s="613"/>
      <c r="WGR683" s="613"/>
      <c r="WGS683" s="613"/>
      <c r="WGT683" s="613"/>
      <c r="WGU683" s="613"/>
      <c r="WGV683" s="613"/>
      <c r="WGW683" s="613"/>
      <c r="WGX683" s="613"/>
      <c r="WGY683" s="613"/>
      <c r="WGZ683" s="613"/>
      <c r="WHA683" s="613"/>
      <c r="WHB683" s="613"/>
      <c r="WHC683" s="613"/>
      <c r="WHD683" s="613"/>
      <c r="WHE683" s="613"/>
      <c r="WHF683" s="613"/>
      <c r="WHG683" s="613"/>
      <c r="WHH683" s="613"/>
      <c r="WHI683" s="613"/>
      <c r="WHJ683" s="613"/>
      <c r="WHK683" s="613"/>
      <c r="WHL683" s="613"/>
      <c r="WHM683" s="613"/>
      <c r="WHN683" s="613"/>
      <c r="WHO683" s="613"/>
      <c r="WHP683" s="613"/>
      <c r="WHQ683" s="613"/>
      <c r="WHR683" s="613"/>
      <c r="WHS683" s="613"/>
      <c r="WHT683" s="613"/>
      <c r="WHU683" s="613"/>
      <c r="WHV683" s="613"/>
      <c r="WHW683" s="613"/>
      <c r="WHX683" s="613"/>
      <c r="WHY683" s="613"/>
      <c r="WHZ683" s="613"/>
      <c r="WIA683" s="613"/>
      <c r="WIB683" s="613"/>
      <c r="WIC683" s="613"/>
      <c r="WID683" s="613"/>
      <c r="WIE683" s="613"/>
      <c r="WIF683" s="613"/>
      <c r="WIG683" s="613"/>
      <c r="WIH683" s="613"/>
      <c r="WII683" s="613"/>
      <c r="WIJ683" s="613"/>
      <c r="WIK683" s="613"/>
      <c r="WIL683" s="613"/>
      <c r="WIM683" s="613"/>
      <c r="WIN683" s="613"/>
      <c r="WIO683" s="613"/>
      <c r="WIP683" s="613"/>
      <c r="WIQ683" s="613"/>
      <c r="WIR683" s="613"/>
      <c r="WIS683" s="613"/>
      <c r="WIT683" s="613"/>
      <c r="WIU683" s="613"/>
      <c r="WIV683" s="613"/>
      <c r="WIW683" s="613"/>
      <c r="WIX683" s="613"/>
      <c r="WIY683" s="613"/>
      <c r="WIZ683" s="613"/>
      <c r="WJA683" s="613"/>
      <c r="WJB683" s="613"/>
      <c r="WJC683" s="613"/>
      <c r="WJD683" s="613"/>
      <c r="WJE683" s="613"/>
      <c r="WJF683" s="613"/>
      <c r="WJG683" s="613"/>
      <c r="WJH683" s="613"/>
      <c r="WJI683" s="613"/>
      <c r="WJJ683" s="613"/>
      <c r="WJK683" s="613"/>
      <c r="WJL683" s="613"/>
      <c r="WJM683" s="613"/>
      <c r="WJN683" s="613"/>
      <c r="WJO683" s="613"/>
      <c r="WJP683" s="613"/>
      <c r="WJQ683" s="613"/>
      <c r="WJR683" s="613"/>
      <c r="WJS683" s="613"/>
      <c r="WJT683" s="613"/>
      <c r="WJU683" s="613"/>
      <c r="WJV683" s="613"/>
      <c r="WJW683" s="613"/>
      <c r="WJX683" s="613"/>
      <c r="WJY683" s="613"/>
      <c r="WJZ683" s="613"/>
      <c r="WKA683" s="613"/>
      <c r="WKB683" s="613"/>
      <c r="WKC683" s="613"/>
      <c r="WKD683" s="613"/>
      <c r="WKE683" s="613"/>
      <c r="WKF683" s="613"/>
      <c r="WKG683" s="613"/>
      <c r="WKH683" s="613"/>
      <c r="WKI683" s="613"/>
      <c r="WKJ683" s="613"/>
      <c r="WKK683" s="613"/>
      <c r="WKL683" s="613"/>
      <c r="WKM683" s="613"/>
      <c r="WKN683" s="613"/>
      <c r="WKO683" s="613"/>
      <c r="WKP683" s="613"/>
      <c r="WKQ683" s="613"/>
      <c r="WKR683" s="613"/>
      <c r="WKS683" s="613"/>
      <c r="WKT683" s="613"/>
      <c r="WKU683" s="613"/>
      <c r="WKV683" s="613"/>
      <c r="WKW683" s="613"/>
      <c r="WKX683" s="613"/>
      <c r="WKY683" s="613"/>
      <c r="WKZ683" s="613"/>
      <c r="WLA683" s="613"/>
      <c r="WLB683" s="613"/>
      <c r="WLC683" s="613"/>
      <c r="WLD683" s="613"/>
      <c r="WLE683" s="613"/>
      <c r="WLF683" s="613"/>
      <c r="WLG683" s="613"/>
      <c r="WLH683" s="613"/>
      <c r="WLI683" s="613"/>
      <c r="WLJ683" s="613"/>
      <c r="WLK683" s="613"/>
      <c r="WLL683" s="613"/>
      <c r="WLM683" s="613"/>
      <c r="WLN683" s="613"/>
      <c r="WLO683" s="613"/>
      <c r="WLP683" s="613"/>
      <c r="WLQ683" s="613"/>
      <c r="WLR683" s="613"/>
      <c r="WLS683" s="613"/>
      <c r="WLT683" s="613"/>
      <c r="WLU683" s="613"/>
      <c r="WLV683" s="613"/>
      <c r="WLW683" s="613"/>
      <c r="WLX683" s="613"/>
      <c r="WLY683" s="613"/>
      <c r="WLZ683" s="613"/>
      <c r="WMA683" s="613"/>
      <c r="WMB683" s="613"/>
      <c r="WMC683" s="613"/>
      <c r="WMD683" s="613"/>
      <c r="WME683" s="613"/>
      <c r="WMF683" s="613"/>
      <c r="WMG683" s="613"/>
      <c r="WMH683" s="613"/>
      <c r="WMI683" s="613"/>
      <c r="WMJ683" s="613"/>
      <c r="WMK683" s="613"/>
      <c r="WML683" s="613"/>
      <c r="WMM683" s="613"/>
      <c r="WMN683" s="613"/>
      <c r="WMO683" s="613"/>
      <c r="WMP683" s="613"/>
      <c r="WMQ683" s="613"/>
      <c r="WMR683" s="613"/>
      <c r="WMS683" s="613"/>
      <c r="WMT683" s="613"/>
      <c r="WMU683" s="613"/>
      <c r="WMV683" s="613"/>
      <c r="WMW683" s="613"/>
      <c r="WMX683" s="613"/>
      <c r="WMY683" s="613"/>
      <c r="WMZ683" s="613"/>
      <c r="WNA683" s="613"/>
      <c r="WNB683" s="613"/>
      <c r="WNC683" s="613"/>
      <c r="WND683" s="613"/>
      <c r="WNE683" s="613"/>
      <c r="WNF683" s="613"/>
      <c r="WNG683" s="613"/>
      <c r="WNH683" s="613"/>
      <c r="WNI683" s="613"/>
      <c r="WNJ683" s="613"/>
      <c r="WNK683" s="613"/>
      <c r="WNL683" s="613"/>
      <c r="WNM683" s="613"/>
      <c r="WNN683" s="613"/>
      <c r="WNO683" s="613"/>
      <c r="WNP683" s="613"/>
      <c r="WNQ683" s="613"/>
      <c r="WNR683" s="613"/>
      <c r="WNS683" s="613"/>
      <c r="WNT683" s="613"/>
      <c r="WNU683" s="613"/>
      <c r="WNV683" s="613"/>
      <c r="WNW683" s="613"/>
      <c r="WNX683" s="613"/>
      <c r="WNY683" s="613"/>
      <c r="WNZ683" s="613"/>
      <c r="WOA683" s="613"/>
      <c r="WOB683" s="613"/>
      <c r="WOC683" s="613"/>
      <c r="WOD683" s="613"/>
      <c r="WOE683" s="613"/>
      <c r="WOF683" s="613"/>
      <c r="WOG683" s="613"/>
      <c r="WOH683" s="613"/>
      <c r="WOI683" s="613"/>
      <c r="WOJ683" s="613"/>
      <c r="WOK683" s="613"/>
      <c r="WOL683" s="613"/>
      <c r="WOM683" s="613"/>
      <c r="WON683" s="613"/>
      <c r="WOO683" s="613"/>
      <c r="WOP683" s="613"/>
      <c r="WOQ683" s="613"/>
      <c r="WOR683" s="613"/>
      <c r="WOS683" s="613"/>
      <c r="WOT683" s="613"/>
      <c r="WOU683" s="613"/>
      <c r="WOV683" s="613"/>
      <c r="WOW683" s="613"/>
      <c r="WOX683" s="613"/>
      <c r="WOY683" s="613"/>
      <c r="WOZ683" s="613"/>
      <c r="WPA683" s="613"/>
      <c r="WPB683" s="613"/>
      <c r="WPC683" s="613"/>
      <c r="WPD683" s="613"/>
      <c r="WPE683" s="613"/>
      <c r="WPF683" s="613"/>
      <c r="WPG683" s="613"/>
      <c r="WPH683" s="613"/>
      <c r="WPI683" s="613"/>
      <c r="WPJ683" s="613"/>
      <c r="WPK683" s="613"/>
      <c r="WPL683" s="613"/>
      <c r="WPM683" s="613"/>
      <c r="WPN683" s="613"/>
      <c r="WPO683" s="613"/>
      <c r="WPP683" s="613"/>
      <c r="WPQ683" s="613"/>
      <c r="WPR683" s="613"/>
      <c r="WPS683" s="613"/>
      <c r="WPT683" s="613"/>
      <c r="WPU683" s="613"/>
      <c r="WPV683" s="613"/>
      <c r="WPW683" s="613"/>
      <c r="WPX683" s="613"/>
      <c r="WPY683" s="613"/>
      <c r="WPZ683" s="613"/>
      <c r="WQA683" s="613"/>
      <c r="WQB683" s="613"/>
      <c r="WQC683" s="613"/>
      <c r="WQD683" s="613"/>
      <c r="WQE683" s="613"/>
      <c r="WQF683" s="613"/>
      <c r="WQG683" s="613"/>
      <c r="WQH683" s="613"/>
      <c r="WQI683" s="613"/>
      <c r="WQJ683" s="613"/>
      <c r="WQK683" s="613"/>
      <c r="WQL683" s="613"/>
      <c r="WQM683" s="613"/>
      <c r="WQN683" s="613"/>
      <c r="WQO683" s="613"/>
      <c r="WQP683" s="613"/>
      <c r="WQQ683" s="613"/>
      <c r="WQR683" s="613"/>
      <c r="WQS683" s="613"/>
      <c r="WQT683" s="613"/>
      <c r="WQU683" s="613"/>
      <c r="WQV683" s="613"/>
      <c r="WQW683" s="613"/>
      <c r="WQX683" s="613"/>
      <c r="WQY683" s="613"/>
      <c r="WQZ683" s="613"/>
      <c r="WRA683" s="613"/>
      <c r="WRB683" s="613"/>
      <c r="WRC683" s="613"/>
      <c r="WRD683" s="613"/>
      <c r="WRE683" s="613"/>
      <c r="WRF683" s="613"/>
      <c r="WRG683" s="613"/>
      <c r="WRH683" s="613"/>
      <c r="WRI683" s="613"/>
      <c r="WRJ683" s="613"/>
      <c r="WRK683" s="613"/>
      <c r="WRL683" s="613"/>
      <c r="WRM683" s="613"/>
      <c r="WRN683" s="613"/>
      <c r="WRO683" s="613"/>
      <c r="WRP683" s="613"/>
      <c r="WRQ683" s="613"/>
      <c r="WRR683" s="613"/>
      <c r="WRS683" s="613"/>
      <c r="WRT683" s="613"/>
      <c r="WRU683" s="613"/>
      <c r="WRV683" s="613"/>
      <c r="WRW683" s="613"/>
      <c r="WRX683" s="613"/>
      <c r="WRY683" s="613"/>
      <c r="WRZ683" s="613"/>
      <c r="WSA683" s="613"/>
      <c r="WSB683" s="613"/>
      <c r="WSC683" s="613"/>
      <c r="WSD683" s="613"/>
      <c r="WSE683" s="613"/>
      <c r="WSF683" s="613"/>
      <c r="WSG683" s="613"/>
      <c r="WSH683" s="613"/>
      <c r="WSI683" s="613"/>
      <c r="WSJ683" s="613"/>
      <c r="WSK683" s="613"/>
      <c r="WSL683" s="613"/>
      <c r="WSM683" s="613"/>
      <c r="WSN683" s="613"/>
      <c r="WSO683" s="613"/>
      <c r="WSP683" s="613"/>
      <c r="WSQ683" s="613"/>
      <c r="WSR683" s="613"/>
      <c r="WSS683" s="613"/>
      <c r="WST683" s="613"/>
      <c r="WSU683" s="613"/>
      <c r="WSV683" s="613"/>
      <c r="WSW683" s="613"/>
      <c r="WSX683" s="613"/>
      <c r="WSY683" s="613"/>
      <c r="WSZ683" s="613"/>
      <c r="WTA683" s="613"/>
      <c r="WTB683" s="613"/>
      <c r="WTC683" s="613"/>
      <c r="WTD683" s="613"/>
      <c r="WTE683" s="613"/>
      <c r="WTF683" s="613"/>
      <c r="WTG683" s="613"/>
      <c r="WTH683" s="613"/>
      <c r="WTI683" s="613"/>
      <c r="WTJ683" s="613"/>
      <c r="WTK683" s="613"/>
      <c r="WTL683" s="613"/>
      <c r="WTM683" s="613"/>
      <c r="WTN683" s="613"/>
      <c r="WTO683" s="613"/>
      <c r="WTP683" s="613"/>
      <c r="WTQ683" s="613"/>
      <c r="WTR683" s="613"/>
      <c r="WTS683" s="613"/>
      <c r="WTT683" s="613"/>
      <c r="WTU683" s="613"/>
      <c r="WTV683" s="613"/>
      <c r="WTW683" s="613"/>
      <c r="WTX683" s="613"/>
      <c r="WTY683" s="613"/>
      <c r="WTZ683" s="613"/>
      <c r="WUA683" s="613"/>
      <c r="WUB683" s="613"/>
      <c r="WUC683" s="613"/>
      <c r="WUD683" s="613"/>
      <c r="WUE683" s="613"/>
      <c r="WUF683" s="613"/>
      <c r="WUG683" s="613"/>
      <c r="WUH683" s="613"/>
      <c r="WUI683" s="613"/>
      <c r="WUJ683" s="613"/>
      <c r="WUK683" s="613"/>
      <c r="WUL683" s="613"/>
      <c r="WUM683" s="613"/>
      <c r="WUN683" s="613"/>
      <c r="WUO683" s="613"/>
      <c r="WUP683" s="613"/>
      <c r="WUQ683" s="613"/>
      <c r="WUR683" s="613"/>
      <c r="WUS683" s="613"/>
      <c r="WUT683" s="613"/>
      <c r="WUU683" s="613"/>
      <c r="WUV683" s="613"/>
      <c r="WUW683" s="613"/>
      <c r="WUX683" s="613"/>
      <c r="WUY683" s="613"/>
      <c r="WUZ683" s="613"/>
      <c r="WVA683" s="613"/>
      <c r="WVB683" s="613"/>
      <c r="WVC683" s="613"/>
      <c r="WVD683" s="613"/>
      <c r="WVE683" s="613"/>
      <c r="WVF683" s="613"/>
      <c r="WVG683" s="613"/>
      <c r="WVH683" s="613"/>
      <c r="WVI683" s="613"/>
      <c r="WVJ683" s="613"/>
      <c r="WVK683" s="613"/>
      <c r="WVL683" s="613"/>
      <c r="WVM683" s="613"/>
      <c r="WVN683" s="613"/>
      <c r="WVO683" s="613"/>
      <c r="WVP683" s="613"/>
      <c r="WVQ683" s="613"/>
      <c r="WVR683" s="613"/>
      <c r="WVS683" s="613"/>
      <c r="WVT683" s="613"/>
      <c r="WVU683" s="613"/>
      <c r="WVV683" s="613"/>
      <c r="WVW683" s="613"/>
      <c r="WVX683" s="613"/>
      <c r="WVY683" s="613"/>
      <c r="WVZ683" s="613"/>
      <c r="WWA683" s="613"/>
      <c r="WWB683" s="613"/>
      <c r="WWC683" s="613"/>
      <c r="WWD683" s="613"/>
      <c r="WWE683" s="613"/>
      <c r="WWF683" s="613"/>
      <c r="WWG683" s="613"/>
      <c r="WWH683" s="613"/>
      <c r="WWI683" s="613"/>
      <c r="WWJ683" s="613"/>
      <c r="WWK683" s="613"/>
      <c r="WWL683" s="613"/>
      <c r="WWM683" s="613"/>
      <c r="WWN683" s="613"/>
      <c r="WWO683" s="613"/>
      <c r="WWP683" s="613"/>
      <c r="WWQ683" s="613"/>
      <c r="WWR683" s="613"/>
      <c r="WWS683" s="613"/>
      <c r="WWT683" s="613"/>
      <c r="WWU683" s="613"/>
      <c r="WWV683" s="613"/>
      <c r="WWW683" s="613"/>
      <c r="WWX683" s="613"/>
      <c r="WWY683" s="613"/>
      <c r="WWZ683" s="613"/>
      <c r="WXA683" s="613"/>
      <c r="WXB683" s="613"/>
      <c r="WXC683" s="613"/>
      <c r="WXD683" s="613"/>
      <c r="WXE683" s="613"/>
      <c r="WXF683" s="613"/>
      <c r="WXG683" s="613"/>
      <c r="WXH683" s="613"/>
      <c r="WXI683" s="613"/>
      <c r="WXJ683" s="613"/>
      <c r="WXK683" s="613"/>
      <c r="WXL683" s="613"/>
      <c r="WXM683" s="613"/>
      <c r="WXN683" s="613"/>
      <c r="WXO683" s="613"/>
      <c r="WXP683" s="613"/>
      <c r="WXQ683" s="613"/>
      <c r="WXR683" s="613"/>
      <c r="WXS683" s="613"/>
      <c r="WXT683" s="613"/>
      <c r="WXU683" s="613"/>
      <c r="WXV683" s="613"/>
      <c r="WXW683" s="613"/>
      <c r="WXX683" s="613"/>
      <c r="WXY683" s="613"/>
      <c r="WXZ683" s="613"/>
      <c r="WYA683" s="613"/>
      <c r="WYB683" s="613"/>
      <c r="WYC683" s="613"/>
      <c r="WYD683" s="613"/>
      <c r="WYE683" s="613"/>
      <c r="WYF683" s="613"/>
      <c r="WYG683" s="613"/>
      <c r="WYH683" s="613"/>
      <c r="WYI683" s="613"/>
      <c r="WYJ683" s="613"/>
      <c r="WYK683" s="613"/>
      <c r="WYL683" s="613"/>
      <c r="WYM683" s="613"/>
      <c r="WYN683" s="613"/>
      <c r="WYO683" s="613"/>
      <c r="WYP683" s="613"/>
      <c r="WYQ683" s="613"/>
      <c r="WYR683" s="613"/>
      <c r="WYS683" s="613"/>
      <c r="WYT683" s="613"/>
      <c r="WYU683" s="613"/>
      <c r="WYV683" s="613"/>
      <c r="WYW683" s="613"/>
      <c r="WYX683" s="613"/>
      <c r="WYY683" s="613"/>
      <c r="WYZ683" s="613"/>
      <c r="WZA683" s="613"/>
      <c r="WZB683" s="613"/>
      <c r="WZC683" s="613"/>
      <c r="WZD683" s="613"/>
      <c r="WZE683" s="613"/>
      <c r="WZF683" s="613"/>
      <c r="WZG683" s="613"/>
      <c r="WZH683" s="613"/>
      <c r="WZI683" s="613"/>
      <c r="WZJ683" s="613"/>
      <c r="WZK683" s="613"/>
      <c r="WZL683" s="613"/>
      <c r="WZM683" s="613"/>
      <c r="WZN683" s="613"/>
      <c r="WZO683" s="613"/>
      <c r="WZP683" s="613"/>
      <c r="WZQ683" s="613"/>
      <c r="WZR683" s="613"/>
      <c r="WZS683" s="613"/>
      <c r="WZT683" s="613"/>
      <c r="WZU683" s="613"/>
      <c r="WZV683" s="613"/>
      <c r="WZW683" s="613"/>
      <c r="WZX683" s="613"/>
      <c r="WZY683" s="613"/>
      <c r="WZZ683" s="613"/>
      <c r="XAA683" s="613"/>
      <c r="XAB683" s="613"/>
      <c r="XAC683" s="613"/>
      <c r="XAD683" s="613"/>
      <c r="XAE683" s="613"/>
      <c r="XAF683" s="613"/>
      <c r="XAG683" s="613"/>
      <c r="XAH683" s="613"/>
      <c r="XAI683" s="613"/>
      <c r="XAJ683" s="613"/>
      <c r="XAK683" s="613"/>
      <c r="XAL683" s="613"/>
      <c r="XAM683" s="613"/>
      <c r="XAN683" s="613"/>
      <c r="XAO683" s="613"/>
      <c r="XAP683" s="613"/>
      <c r="XAQ683" s="613"/>
      <c r="XAR683" s="613"/>
      <c r="XAS683" s="613"/>
      <c r="XAT683" s="613"/>
      <c r="XAU683" s="613"/>
      <c r="XAV683" s="613"/>
      <c r="XAW683" s="613"/>
      <c r="XAX683" s="613"/>
      <c r="XAY683" s="613"/>
      <c r="XAZ683" s="613"/>
      <c r="XBA683" s="613"/>
      <c r="XBB683" s="613"/>
      <c r="XBC683" s="613"/>
      <c r="XBD683" s="613"/>
      <c r="XBE683" s="613"/>
      <c r="XBF683" s="613"/>
      <c r="XBG683" s="613"/>
      <c r="XBH683" s="613"/>
      <c r="XBI683" s="613"/>
      <c r="XBJ683" s="613"/>
      <c r="XBK683" s="613"/>
      <c r="XBL683" s="613"/>
      <c r="XBM683" s="613"/>
      <c r="XBN683" s="613"/>
      <c r="XBO683" s="613"/>
      <c r="XBP683" s="613"/>
      <c r="XBQ683" s="613"/>
      <c r="XBR683" s="613"/>
      <c r="XBS683" s="613"/>
      <c r="XBT683" s="613"/>
      <c r="XBU683" s="613"/>
      <c r="XBV683" s="613"/>
      <c r="XBW683" s="613"/>
      <c r="XBX683" s="613"/>
      <c r="XBY683" s="613"/>
      <c r="XBZ683" s="613"/>
      <c r="XCA683" s="613"/>
      <c r="XCB683" s="613"/>
      <c r="XCC683" s="613"/>
      <c r="XCD683" s="613"/>
      <c r="XCE683" s="613"/>
      <c r="XCF683" s="613"/>
      <c r="XCG683" s="613"/>
      <c r="XCH683" s="613"/>
      <c r="XCI683" s="613"/>
      <c r="XCJ683" s="613"/>
      <c r="XCK683" s="613"/>
      <c r="XCL683" s="613"/>
      <c r="XCM683" s="613"/>
      <c r="XCN683" s="613"/>
      <c r="XCO683" s="613"/>
      <c r="XCP683" s="613"/>
      <c r="XCQ683" s="613"/>
    </row>
    <row r="684" spans="1:16319" ht="56.1" customHeight="1" x14ac:dyDescent="0.2">
      <c r="A684" s="232" t="s">
        <v>3020</v>
      </c>
      <c r="B684" s="499"/>
      <c r="C684" s="494"/>
      <c r="D684" s="481">
        <v>149</v>
      </c>
      <c r="E684" s="481"/>
      <c r="F684" s="481" t="s">
        <v>2481</v>
      </c>
      <c r="G684" s="482" t="s">
        <v>53</v>
      </c>
      <c r="H684" s="481" t="s">
        <v>329</v>
      </c>
      <c r="I684" s="654" t="s">
        <v>396</v>
      </c>
      <c r="J684" s="654" t="s">
        <v>369</v>
      </c>
      <c r="K684" s="495" t="s">
        <v>416</v>
      </c>
      <c r="L684" s="621"/>
      <c r="M684" s="484" t="s">
        <v>58</v>
      </c>
      <c r="N684" s="329" t="s">
        <v>347</v>
      </c>
      <c r="O684" s="484" t="s">
        <v>2996</v>
      </c>
      <c r="P684" s="484" t="s">
        <v>81</v>
      </c>
      <c r="Q684" s="667" t="s">
        <v>334</v>
      </c>
      <c r="R684" s="484" t="s">
        <v>334</v>
      </c>
      <c r="S684" s="484" t="s">
        <v>225</v>
      </c>
      <c r="T684" s="484"/>
      <c r="U684" s="620" t="s">
        <v>63</v>
      </c>
      <c r="V684" s="620" t="s">
        <v>63</v>
      </c>
      <c r="W684" s="723">
        <v>2035466</v>
      </c>
      <c r="X684" s="723"/>
      <c r="Y684" s="654" t="s">
        <v>226</v>
      </c>
      <c r="Z684" s="654"/>
      <c r="AA684" s="723">
        <v>2035466</v>
      </c>
      <c r="AB684" s="652" t="s">
        <v>82</v>
      </c>
      <c r="AC684" s="652"/>
      <c r="AD684" s="496"/>
      <c r="AE684" s="496"/>
      <c r="AF684" s="496"/>
      <c r="AG684" s="496"/>
      <c r="AH684" s="496"/>
      <c r="AI684" s="496"/>
      <c r="AJ684" s="496"/>
      <c r="AK684" s="496"/>
      <c r="AL684" s="496"/>
      <c r="AM684" s="496"/>
      <c r="AN684" s="496"/>
      <c r="AO684" s="496"/>
      <c r="AP684" s="496"/>
      <c r="AQ684" s="496"/>
      <c r="AR684" s="496"/>
      <c r="AS684" s="496"/>
      <c r="AT684" s="487" t="s">
        <v>66</v>
      </c>
      <c r="AU684" s="487"/>
      <c r="AV684" s="487"/>
      <c r="AW684" s="487"/>
      <c r="AX684" s="487"/>
      <c r="AY684" s="487"/>
      <c r="AZ684" s="487"/>
      <c r="BA684" s="484"/>
      <c r="BB684" s="484" t="s">
        <v>399</v>
      </c>
      <c r="BC684" s="484" t="s">
        <v>3041</v>
      </c>
      <c r="BD684" s="494"/>
      <c r="BE684" s="494"/>
      <c r="BF684" s="137"/>
      <c r="BG684" s="613"/>
      <c r="BH684" s="613"/>
      <c r="BI684" s="613"/>
      <c r="BJ684" s="613"/>
      <c r="BK684" s="613"/>
      <c r="BL684" s="613"/>
      <c r="BM684" s="613"/>
      <c r="BN684" s="613"/>
      <c r="BO684" s="613"/>
      <c r="BP684" s="613"/>
      <c r="BQ684" s="613"/>
      <c r="BR684" s="613"/>
      <c r="BS684" s="613"/>
      <c r="BT684" s="613"/>
      <c r="BU684" s="613"/>
      <c r="BV684" s="613"/>
      <c r="BW684" s="613"/>
      <c r="BX684" s="613"/>
      <c r="BY684" s="613"/>
      <c r="BZ684" s="613"/>
      <c r="CA684" s="613"/>
      <c r="CB684" s="613"/>
      <c r="CC684" s="613"/>
      <c r="CD684" s="613"/>
      <c r="CE684" s="613"/>
      <c r="CF684" s="613"/>
      <c r="CG684" s="613"/>
      <c r="CH684" s="613"/>
      <c r="CI684" s="613"/>
      <c r="CJ684" s="613"/>
      <c r="CK684" s="613"/>
      <c r="CL684" s="613"/>
      <c r="CM684" s="613"/>
      <c r="CN684" s="613"/>
      <c r="CO684" s="613"/>
      <c r="CP684" s="613"/>
      <c r="CQ684" s="613"/>
      <c r="CR684" s="613"/>
      <c r="CS684" s="613"/>
      <c r="CT684" s="613"/>
      <c r="CU684" s="613"/>
      <c r="CV684" s="613"/>
      <c r="CW684" s="613"/>
      <c r="CX684" s="613"/>
      <c r="CY684" s="613"/>
      <c r="CZ684" s="613"/>
      <c r="DA684" s="613"/>
      <c r="DB684" s="613"/>
      <c r="DC684" s="613"/>
      <c r="DD684" s="613"/>
      <c r="DE684" s="613"/>
      <c r="DF684" s="613"/>
      <c r="DG684" s="613"/>
      <c r="DH684" s="613"/>
      <c r="DI684" s="613"/>
      <c r="DJ684" s="613"/>
      <c r="DK684" s="613"/>
      <c r="DL684" s="613"/>
      <c r="DM684" s="613"/>
      <c r="DN684" s="613"/>
      <c r="DO684" s="613"/>
      <c r="DP684" s="613"/>
      <c r="DQ684" s="613"/>
      <c r="DR684" s="613"/>
      <c r="DS684" s="613"/>
      <c r="DT684" s="613"/>
      <c r="DU684" s="613"/>
      <c r="DV684" s="613"/>
      <c r="DW684" s="613"/>
      <c r="DX684" s="613"/>
      <c r="DY684" s="613"/>
      <c r="DZ684" s="613"/>
      <c r="EA684" s="613"/>
      <c r="EB684" s="613"/>
      <c r="EC684" s="613"/>
      <c r="ED684" s="613"/>
      <c r="EE684" s="613"/>
      <c r="EF684" s="613"/>
      <c r="EG684" s="613"/>
      <c r="EH684" s="613"/>
      <c r="EI684" s="613"/>
      <c r="EJ684" s="613"/>
      <c r="EK684" s="613"/>
      <c r="EL684" s="613"/>
      <c r="EM684" s="613"/>
      <c r="EN684" s="613"/>
      <c r="EO684" s="613"/>
      <c r="EP684" s="613"/>
      <c r="EQ684" s="613"/>
      <c r="ER684" s="613"/>
      <c r="ES684" s="613"/>
      <c r="ET684" s="613"/>
      <c r="EU684" s="613"/>
      <c r="EV684" s="613"/>
      <c r="EW684" s="613"/>
      <c r="EX684" s="613"/>
      <c r="EY684" s="613"/>
      <c r="EZ684" s="613"/>
      <c r="FA684" s="613"/>
      <c r="FB684" s="613"/>
      <c r="FC684" s="613"/>
      <c r="FD684" s="613"/>
      <c r="FE684" s="613"/>
      <c r="FF684" s="613"/>
      <c r="FG684" s="613"/>
      <c r="FH684" s="613"/>
      <c r="FI684" s="613"/>
      <c r="FJ684" s="613"/>
      <c r="FK684" s="613"/>
      <c r="FL684" s="613"/>
      <c r="FM684" s="613"/>
      <c r="FN684" s="613"/>
      <c r="FO684" s="613"/>
      <c r="FP684" s="613"/>
      <c r="FQ684" s="613"/>
      <c r="FR684" s="613"/>
      <c r="FS684" s="613"/>
      <c r="FT684" s="613"/>
      <c r="FU684" s="613"/>
      <c r="FV684" s="613"/>
      <c r="FW684" s="613"/>
      <c r="FX684" s="613"/>
      <c r="FY684" s="613"/>
      <c r="FZ684" s="613"/>
      <c r="GA684" s="613"/>
      <c r="GB684" s="613"/>
      <c r="GC684" s="613"/>
      <c r="GD684" s="613"/>
      <c r="GE684" s="613"/>
      <c r="GF684" s="613"/>
      <c r="GG684" s="613"/>
      <c r="GH684" s="613"/>
      <c r="GI684" s="613"/>
      <c r="GJ684" s="613"/>
      <c r="GK684" s="613"/>
      <c r="GL684" s="613"/>
      <c r="GM684" s="613"/>
      <c r="GN684" s="613"/>
      <c r="GO684" s="613"/>
      <c r="GP684" s="613"/>
      <c r="GQ684" s="613"/>
      <c r="GR684" s="613"/>
      <c r="GS684" s="613"/>
      <c r="GT684" s="613"/>
      <c r="GU684" s="613"/>
      <c r="GV684" s="613"/>
      <c r="GW684" s="613"/>
      <c r="GX684" s="613"/>
      <c r="GY684" s="613"/>
      <c r="GZ684" s="613"/>
      <c r="HA684" s="613"/>
      <c r="HB684" s="613"/>
      <c r="HC684" s="613"/>
      <c r="HD684" s="613"/>
      <c r="HE684" s="613"/>
      <c r="HF684" s="613"/>
      <c r="HG684" s="613"/>
      <c r="HH684" s="613"/>
      <c r="HI684" s="613"/>
      <c r="HJ684" s="613"/>
      <c r="HK684" s="613"/>
      <c r="HL684" s="613"/>
      <c r="HM684" s="613"/>
      <c r="HN684" s="613"/>
      <c r="HO684" s="613"/>
      <c r="HP684" s="613"/>
      <c r="HQ684" s="613"/>
      <c r="HR684" s="613"/>
      <c r="HS684" s="613"/>
      <c r="HT684" s="613"/>
      <c r="HU684" s="613"/>
      <c r="HV684" s="613"/>
      <c r="HW684" s="613"/>
      <c r="HX684" s="613"/>
      <c r="HY684" s="613"/>
      <c r="HZ684" s="613"/>
      <c r="IA684" s="613"/>
      <c r="IB684" s="613"/>
      <c r="IC684" s="613"/>
      <c r="ID684" s="613"/>
      <c r="IE684" s="613"/>
      <c r="IF684" s="613"/>
      <c r="IG684" s="613"/>
      <c r="IH684" s="613"/>
      <c r="II684" s="613"/>
      <c r="IJ684" s="613"/>
      <c r="IK684" s="613"/>
      <c r="IL684" s="613"/>
      <c r="IM684" s="613"/>
      <c r="IN684" s="613"/>
      <c r="IO684" s="613"/>
      <c r="IP684" s="613"/>
      <c r="IQ684" s="613"/>
      <c r="IR684" s="613"/>
      <c r="IS684" s="613"/>
      <c r="IT684" s="613"/>
      <c r="IU684" s="613"/>
      <c r="IV684" s="613"/>
      <c r="IW684" s="613"/>
      <c r="IX684" s="613"/>
      <c r="IY684" s="613"/>
      <c r="IZ684" s="613"/>
      <c r="JA684" s="613"/>
      <c r="JB684" s="613"/>
      <c r="JC684" s="613"/>
      <c r="JD684" s="613"/>
      <c r="JE684" s="613"/>
      <c r="JF684" s="613"/>
      <c r="JG684" s="613"/>
      <c r="JH684" s="613"/>
      <c r="JI684" s="613"/>
      <c r="JJ684" s="613"/>
      <c r="JK684" s="613"/>
      <c r="JL684" s="613"/>
      <c r="JM684" s="613"/>
      <c r="JN684" s="613"/>
      <c r="JO684" s="613"/>
      <c r="JP684" s="613"/>
      <c r="JQ684" s="613"/>
      <c r="JR684" s="613"/>
      <c r="JS684" s="613"/>
      <c r="JT684" s="613"/>
      <c r="JU684" s="613"/>
      <c r="JV684" s="613"/>
      <c r="JW684" s="613"/>
      <c r="JX684" s="613"/>
      <c r="JY684" s="613"/>
      <c r="JZ684" s="613"/>
      <c r="KA684" s="613"/>
      <c r="KB684" s="613"/>
      <c r="KC684" s="613"/>
      <c r="KD684" s="613"/>
      <c r="KE684" s="613"/>
      <c r="KF684" s="613"/>
      <c r="KG684" s="613"/>
      <c r="KH684" s="613"/>
      <c r="KI684" s="613"/>
      <c r="KJ684" s="613"/>
      <c r="KK684" s="613"/>
      <c r="KL684" s="613"/>
      <c r="KM684" s="613"/>
      <c r="KN684" s="613"/>
      <c r="KO684" s="613"/>
      <c r="KP684" s="613"/>
      <c r="KQ684" s="613"/>
      <c r="KR684" s="613"/>
      <c r="KS684" s="613"/>
      <c r="KT684" s="613"/>
      <c r="KU684" s="613"/>
      <c r="KV684" s="613"/>
      <c r="KW684" s="613"/>
      <c r="KX684" s="613"/>
      <c r="KY684" s="613"/>
      <c r="KZ684" s="613"/>
      <c r="LA684" s="613"/>
      <c r="LB684" s="613"/>
      <c r="LC684" s="613"/>
      <c r="LD684" s="613"/>
      <c r="LE684" s="613"/>
      <c r="LF684" s="613"/>
      <c r="LG684" s="613"/>
      <c r="LH684" s="613"/>
      <c r="LI684" s="613"/>
      <c r="LJ684" s="613"/>
      <c r="LK684" s="613"/>
      <c r="LL684" s="613"/>
      <c r="LM684" s="613"/>
      <c r="LN684" s="613"/>
      <c r="LO684" s="613"/>
      <c r="LP684" s="613"/>
      <c r="LQ684" s="613"/>
      <c r="LR684" s="613"/>
      <c r="LS684" s="613"/>
      <c r="LT684" s="613"/>
      <c r="LU684" s="613"/>
      <c r="LV684" s="613"/>
      <c r="LW684" s="613"/>
      <c r="LX684" s="613"/>
      <c r="LY684" s="613"/>
      <c r="LZ684" s="613"/>
      <c r="MA684" s="613"/>
      <c r="MB684" s="613"/>
      <c r="MC684" s="613"/>
      <c r="MD684" s="613"/>
      <c r="ME684" s="613"/>
      <c r="MF684" s="613"/>
      <c r="MG684" s="613"/>
      <c r="MH684" s="613"/>
      <c r="MI684" s="613"/>
      <c r="MJ684" s="613"/>
      <c r="MK684" s="613"/>
      <c r="ML684" s="613"/>
      <c r="MM684" s="613"/>
      <c r="MN684" s="613"/>
      <c r="MO684" s="613"/>
      <c r="MP684" s="613"/>
      <c r="MQ684" s="613"/>
      <c r="MR684" s="613"/>
      <c r="MS684" s="613"/>
      <c r="MT684" s="613"/>
      <c r="MU684" s="613"/>
      <c r="MV684" s="613"/>
      <c r="MW684" s="613"/>
      <c r="MX684" s="613"/>
      <c r="MY684" s="613"/>
      <c r="MZ684" s="613"/>
      <c r="NA684" s="613"/>
      <c r="NB684" s="613"/>
      <c r="NC684" s="613"/>
      <c r="ND684" s="613"/>
      <c r="NE684" s="613"/>
      <c r="NF684" s="613"/>
      <c r="NG684" s="613"/>
      <c r="NH684" s="613"/>
      <c r="NI684" s="613"/>
      <c r="NJ684" s="613"/>
      <c r="NK684" s="613"/>
      <c r="NL684" s="613"/>
      <c r="NM684" s="613"/>
      <c r="NN684" s="613"/>
      <c r="NO684" s="613"/>
      <c r="NP684" s="613"/>
      <c r="NQ684" s="613"/>
      <c r="NR684" s="613"/>
      <c r="NS684" s="613"/>
      <c r="NT684" s="613"/>
      <c r="NU684" s="613"/>
      <c r="NV684" s="613"/>
      <c r="NW684" s="613"/>
      <c r="NX684" s="613"/>
      <c r="NY684" s="613"/>
      <c r="NZ684" s="613"/>
      <c r="OA684" s="613"/>
      <c r="OB684" s="613"/>
      <c r="OC684" s="613"/>
      <c r="OD684" s="613"/>
      <c r="OE684" s="613"/>
      <c r="OF684" s="613"/>
      <c r="OG684" s="613"/>
      <c r="OH684" s="613"/>
      <c r="OI684" s="613"/>
      <c r="OJ684" s="613"/>
      <c r="OK684" s="613"/>
      <c r="OL684" s="613"/>
      <c r="OM684" s="613"/>
      <c r="ON684" s="613"/>
      <c r="OO684" s="613"/>
      <c r="OP684" s="613"/>
      <c r="OQ684" s="613"/>
      <c r="OR684" s="613"/>
      <c r="OS684" s="613"/>
      <c r="OT684" s="613"/>
      <c r="OU684" s="613"/>
      <c r="OV684" s="613"/>
      <c r="OW684" s="613"/>
      <c r="OX684" s="613"/>
      <c r="OY684" s="613"/>
      <c r="OZ684" s="613"/>
      <c r="PA684" s="613"/>
      <c r="PB684" s="613"/>
      <c r="PC684" s="613"/>
      <c r="PD684" s="613"/>
      <c r="PE684" s="613"/>
      <c r="PF684" s="613"/>
      <c r="PG684" s="613"/>
      <c r="PH684" s="613"/>
      <c r="PI684" s="613"/>
      <c r="PJ684" s="613"/>
      <c r="PK684" s="613"/>
      <c r="PL684" s="613"/>
      <c r="PM684" s="613"/>
      <c r="PN684" s="613"/>
      <c r="PO684" s="613"/>
      <c r="PP684" s="613"/>
      <c r="PQ684" s="613"/>
      <c r="PR684" s="613"/>
      <c r="PS684" s="613"/>
      <c r="PT684" s="613"/>
      <c r="PU684" s="613"/>
      <c r="PV684" s="613"/>
      <c r="PW684" s="613"/>
      <c r="PX684" s="613"/>
      <c r="PY684" s="613"/>
      <c r="PZ684" s="613"/>
      <c r="QA684" s="613"/>
      <c r="QB684" s="613"/>
      <c r="QC684" s="613"/>
      <c r="QD684" s="613"/>
      <c r="QE684" s="613"/>
      <c r="QF684" s="613"/>
      <c r="QG684" s="613"/>
      <c r="QH684" s="613"/>
      <c r="QI684" s="613"/>
      <c r="QJ684" s="613"/>
      <c r="QK684" s="613"/>
      <c r="QL684" s="613"/>
      <c r="QM684" s="613"/>
      <c r="QN684" s="613"/>
      <c r="QO684" s="613"/>
      <c r="QP684" s="613"/>
      <c r="QQ684" s="613"/>
      <c r="QR684" s="613"/>
      <c r="QS684" s="613"/>
      <c r="QT684" s="613"/>
      <c r="QU684" s="613"/>
      <c r="QV684" s="613"/>
      <c r="QW684" s="613"/>
      <c r="QX684" s="613"/>
      <c r="QY684" s="613"/>
      <c r="QZ684" s="613"/>
      <c r="RA684" s="613"/>
      <c r="RB684" s="613"/>
      <c r="RC684" s="613"/>
      <c r="RD684" s="613"/>
      <c r="RE684" s="613"/>
      <c r="RF684" s="613"/>
      <c r="RG684" s="613"/>
      <c r="RH684" s="613"/>
      <c r="RI684" s="613"/>
      <c r="RJ684" s="613"/>
      <c r="RK684" s="613"/>
      <c r="RL684" s="613"/>
      <c r="RM684" s="613"/>
      <c r="RN684" s="613"/>
      <c r="RO684" s="613"/>
      <c r="RP684" s="613"/>
      <c r="RQ684" s="613"/>
      <c r="RR684" s="613"/>
      <c r="RS684" s="613"/>
      <c r="RT684" s="613"/>
      <c r="RU684" s="613"/>
      <c r="RV684" s="613"/>
      <c r="RW684" s="613"/>
      <c r="RX684" s="613"/>
      <c r="RY684" s="613"/>
      <c r="RZ684" s="613"/>
      <c r="SA684" s="613"/>
      <c r="SB684" s="613"/>
      <c r="SC684" s="613"/>
      <c r="SD684" s="613"/>
      <c r="SE684" s="613"/>
      <c r="SF684" s="613"/>
      <c r="SG684" s="613"/>
      <c r="SH684" s="613"/>
      <c r="SI684" s="613"/>
      <c r="SJ684" s="613"/>
      <c r="SK684" s="613"/>
      <c r="SL684" s="613"/>
      <c r="SM684" s="613"/>
      <c r="SN684" s="613"/>
      <c r="SO684" s="613"/>
      <c r="SP684" s="613"/>
      <c r="SQ684" s="613"/>
      <c r="SR684" s="613"/>
      <c r="SS684" s="613"/>
      <c r="ST684" s="613"/>
      <c r="SU684" s="613"/>
      <c r="SV684" s="613"/>
      <c r="SW684" s="613"/>
      <c r="SX684" s="613"/>
      <c r="SY684" s="613"/>
      <c r="SZ684" s="613"/>
      <c r="TA684" s="613"/>
      <c r="TB684" s="613"/>
      <c r="TC684" s="613"/>
      <c r="TD684" s="613"/>
      <c r="TE684" s="613"/>
      <c r="TF684" s="613"/>
      <c r="TG684" s="613"/>
      <c r="TH684" s="613"/>
      <c r="TI684" s="613"/>
      <c r="TJ684" s="613"/>
      <c r="TK684" s="613"/>
      <c r="TL684" s="613"/>
      <c r="TM684" s="613"/>
      <c r="TN684" s="613"/>
      <c r="TO684" s="613"/>
      <c r="TP684" s="613"/>
      <c r="TQ684" s="613"/>
      <c r="TR684" s="613"/>
      <c r="TS684" s="613"/>
      <c r="TT684" s="613"/>
      <c r="TU684" s="613"/>
      <c r="TV684" s="613"/>
      <c r="TW684" s="613"/>
      <c r="TX684" s="613"/>
      <c r="TY684" s="613"/>
      <c r="TZ684" s="613"/>
      <c r="UA684" s="613"/>
      <c r="UB684" s="613"/>
      <c r="UC684" s="613"/>
      <c r="UD684" s="613"/>
      <c r="UE684" s="613"/>
      <c r="UF684" s="613"/>
      <c r="UG684" s="613"/>
      <c r="UH684" s="613"/>
      <c r="UI684" s="613"/>
      <c r="UJ684" s="613"/>
      <c r="UK684" s="613"/>
      <c r="UL684" s="613"/>
      <c r="UM684" s="613"/>
      <c r="UN684" s="613"/>
      <c r="UO684" s="613"/>
      <c r="UP684" s="613"/>
      <c r="UQ684" s="613"/>
      <c r="UR684" s="613"/>
      <c r="US684" s="613"/>
      <c r="UT684" s="613"/>
      <c r="UU684" s="613"/>
      <c r="UV684" s="613"/>
      <c r="UW684" s="613"/>
      <c r="UX684" s="613"/>
      <c r="UY684" s="613"/>
      <c r="UZ684" s="613"/>
      <c r="VA684" s="613"/>
      <c r="VB684" s="613"/>
      <c r="VC684" s="613"/>
      <c r="VD684" s="613"/>
      <c r="VE684" s="613"/>
      <c r="VF684" s="613"/>
      <c r="VG684" s="613"/>
      <c r="VH684" s="613"/>
      <c r="VI684" s="613"/>
      <c r="VJ684" s="613"/>
      <c r="VK684" s="613"/>
      <c r="VL684" s="613"/>
      <c r="VM684" s="613"/>
      <c r="VN684" s="613"/>
      <c r="VO684" s="613"/>
      <c r="VP684" s="613"/>
      <c r="VQ684" s="613"/>
      <c r="VR684" s="613"/>
      <c r="VS684" s="613"/>
      <c r="VT684" s="613"/>
      <c r="VU684" s="613"/>
      <c r="VV684" s="613"/>
      <c r="VW684" s="613"/>
      <c r="VX684" s="613"/>
      <c r="VY684" s="613"/>
      <c r="VZ684" s="613"/>
      <c r="WA684" s="613"/>
      <c r="WB684" s="613"/>
      <c r="WC684" s="613"/>
      <c r="WD684" s="613"/>
      <c r="WE684" s="613"/>
      <c r="WF684" s="613"/>
      <c r="WG684" s="613"/>
      <c r="WH684" s="613"/>
      <c r="WI684" s="613"/>
      <c r="WJ684" s="613"/>
      <c r="WK684" s="613"/>
      <c r="WL684" s="613"/>
      <c r="WM684" s="613"/>
      <c r="WN684" s="613"/>
      <c r="WO684" s="613"/>
      <c r="WP684" s="613"/>
      <c r="WQ684" s="613"/>
      <c r="WR684" s="613"/>
      <c r="WS684" s="613"/>
      <c r="WT684" s="613"/>
      <c r="WU684" s="613"/>
      <c r="WV684" s="613"/>
      <c r="WW684" s="613"/>
      <c r="WX684" s="613"/>
      <c r="WY684" s="613"/>
      <c r="WZ684" s="613"/>
      <c r="XA684" s="613"/>
      <c r="XB684" s="613"/>
      <c r="XC684" s="613"/>
      <c r="XD684" s="613"/>
      <c r="XE684" s="613"/>
      <c r="XF684" s="613"/>
      <c r="XG684" s="613"/>
      <c r="XH684" s="613"/>
      <c r="XI684" s="613"/>
      <c r="XJ684" s="613"/>
      <c r="XK684" s="613"/>
      <c r="XL684" s="613"/>
      <c r="XM684" s="613"/>
      <c r="XN684" s="613"/>
      <c r="XO684" s="613"/>
      <c r="XP684" s="613"/>
      <c r="XQ684" s="613"/>
      <c r="XR684" s="613"/>
      <c r="XS684" s="613"/>
      <c r="XT684" s="613"/>
      <c r="XU684" s="613"/>
      <c r="XV684" s="613"/>
      <c r="XW684" s="613"/>
      <c r="XX684" s="613"/>
      <c r="XY684" s="613"/>
      <c r="XZ684" s="613"/>
      <c r="YA684" s="613"/>
      <c r="YB684" s="613"/>
      <c r="YC684" s="613"/>
      <c r="YD684" s="613"/>
      <c r="YE684" s="613"/>
      <c r="YF684" s="613"/>
      <c r="YG684" s="613"/>
      <c r="YH684" s="613"/>
      <c r="YI684" s="613"/>
      <c r="YJ684" s="613"/>
      <c r="YK684" s="613"/>
      <c r="YL684" s="613"/>
      <c r="YM684" s="613"/>
      <c r="YN684" s="613"/>
      <c r="YO684" s="613"/>
      <c r="YP684" s="613"/>
      <c r="YQ684" s="613"/>
      <c r="YR684" s="613"/>
      <c r="YS684" s="613"/>
      <c r="YT684" s="613"/>
      <c r="YU684" s="613"/>
      <c r="YV684" s="613"/>
      <c r="YW684" s="613"/>
      <c r="YX684" s="613"/>
      <c r="YY684" s="613"/>
      <c r="YZ684" s="613"/>
      <c r="ZA684" s="613"/>
      <c r="ZB684" s="613"/>
      <c r="ZC684" s="613"/>
      <c r="ZD684" s="613"/>
      <c r="ZE684" s="613"/>
      <c r="ZF684" s="613"/>
      <c r="ZG684" s="613"/>
      <c r="ZH684" s="613"/>
      <c r="ZI684" s="613"/>
      <c r="ZJ684" s="613"/>
      <c r="ZK684" s="613"/>
      <c r="ZL684" s="613"/>
      <c r="ZM684" s="613"/>
      <c r="ZN684" s="613"/>
      <c r="ZO684" s="613"/>
      <c r="ZP684" s="613"/>
      <c r="ZQ684" s="613"/>
      <c r="ZR684" s="613"/>
      <c r="ZS684" s="613"/>
      <c r="ZT684" s="613"/>
      <c r="ZU684" s="613"/>
      <c r="ZV684" s="613"/>
      <c r="ZW684" s="613"/>
      <c r="ZX684" s="613"/>
      <c r="ZY684" s="613"/>
      <c r="ZZ684" s="613"/>
      <c r="AAA684" s="613"/>
      <c r="AAB684" s="613"/>
      <c r="AAC684" s="613"/>
      <c r="AAD684" s="613"/>
      <c r="AAE684" s="613"/>
      <c r="AAF684" s="613"/>
      <c r="AAG684" s="613"/>
      <c r="AAH684" s="613"/>
      <c r="AAI684" s="613"/>
      <c r="AAJ684" s="613"/>
      <c r="AAK684" s="613"/>
      <c r="AAL684" s="613"/>
      <c r="AAM684" s="613"/>
      <c r="AAN684" s="613"/>
      <c r="AAO684" s="613"/>
      <c r="AAP684" s="613"/>
      <c r="AAQ684" s="613"/>
      <c r="AAR684" s="613"/>
      <c r="AAS684" s="613"/>
      <c r="AAT684" s="613"/>
      <c r="AAU684" s="613"/>
      <c r="AAV684" s="613"/>
      <c r="AAW684" s="613"/>
      <c r="AAX684" s="613"/>
      <c r="AAY684" s="613"/>
      <c r="AAZ684" s="613"/>
      <c r="ABA684" s="613"/>
      <c r="ABB684" s="613"/>
      <c r="ABC684" s="613"/>
      <c r="ABD684" s="613"/>
      <c r="ABE684" s="613"/>
      <c r="ABF684" s="613"/>
      <c r="ABG684" s="613"/>
      <c r="ABH684" s="613"/>
      <c r="ABI684" s="613"/>
      <c r="ABJ684" s="613"/>
      <c r="ABK684" s="613"/>
      <c r="ABL684" s="613"/>
      <c r="ABM684" s="613"/>
      <c r="ABN684" s="613"/>
      <c r="ABO684" s="613"/>
      <c r="ABP684" s="613"/>
      <c r="ABQ684" s="613"/>
      <c r="ABR684" s="613"/>
      <c r="ABS684" s="613"/>
      <c r="ABT684" s="613"/>
      <c r="ABU684" s="613"/>
      <c r="ABV684" s="613"/>
      <c r="ABW684" s="613"/>
      <c r="ABX684" s="613"/>
      <c r="ABY684" s="613"/>
      <c r="ABZ684" s="613"/>
      <c r="ACA684" s="613"/>
      <c r="ACB684" s="613"/>
      <c r="ACC684" s="613"/>
      <c r="ACD684" s="613"/>
      <c r="ACE684" s="613"/>
      <c r="ACF684" s="613"/>
      <c r="ACG684" s="613"/>
      <c r="ACH684" s="613"/>
      <c r="ACI684" s="613"/>
      <c r="ACJ684" s="613"/>
      <c r="ACK684" s="613"/>
      <c r="ACL684" s="613"/>
      <c r="ACM684" s="613"/>
      <c r="ACN684" s="613"/>
      <c r="ACO684" s="613"/>
      <c r="ACP684" s="613"/>
      <c r="ACQ684" s="613"/>
      <c r="ACR684" s="613"/>
      <c r="ACS684" s="613"/>
      <c r="ACT684" s="613"/>
      <c r="ACU684" s="613"/>
      <c r="ACV684" s="613"/>
      <c r="ACW684" s="613"/>
      <c r="ACX684" s="613"/>
      <c r="ACY684" s="613"/>
      <c r="ACZ684" s="613"/>
      <c r="ADA684" s="613"/>
      <c r="ADB684" s="613"/>
      <c r="ADC684" s="613"/>
      <c r="ADD684" s="613"/>
      <c r="ADE684" s="613"/>
      <c r="ADF684" s="613"/>
      <c r="ADG684" s="613"/>
      <c r="ADH684" s="613"/>
      <c r="ADI684" s="613"/>
      <c r="ADJ684" s="613"/>
      <c r="ADK684" s="613"/>
      <c r="ADL684" s="613"/>
      <c r="ADM684" s="613"/>
      <c r="ADN684" s="613"/>
      <c r="ADO684" s="613"/>
      <c r="ADP684" s="613"/>
      <c r="ADQ684" s="613"/>
      <c r="ADR684" s="613"/>
      <c r="ADS684" s="613"/>
      <c r="ADT684" s="613"/>
      <c r="ADU684" s="613"/>
      <c r="ADV684" s="613"/>
      <c r="ADW684" s="613"/>
      <c r="ADX684" s="613"/>
      <c r="ADY684" s="613"/>
      <c r="ADZ684" s="613"/>
      <c r="AEA684" s="613"/>
      <c r="AEB684" s="613"/>
      <c r="AEC684" s="613"/>
      <c r="AED684" s="613"/>
      <c r="AEE684" s="613"/>
      <c r="AEF684" s="613"/>
      <c r="AEG684" s="613"/>
      <c r="AEH684" s="613"/>
      <c r="AEI684" s="613"/>
      <c r="AEJ684" s="613"/>
      <c r="AEK684" s="613"/>
      <c r="AEL684" s="613"/>
      <c r="AEM684" s="613"/>
      <c r="AEN684" s="613"/>
      <c r="AEO684" s="613"/>
      <c r="AEP684" s="613"/>
      <c r="AEQ684" s="613"/>
      <c r="AER684" s="613"/>
      <c r="AES684" s="613"/>
      <c r="AET684" s="613"/>
      <c r="AEU684" s="613"/>
      <c r="AEV684" s="613"/>
      <c r="AEW684" s="613"/>
      <c r="AEX684" s="613"/>
      <c r="AEY684" s="613"/>
      <c r="AEZ684" s="613"/>
      <c r="AFA684" s="613"/>
      <c r="AFB684" s="613"/>
      <c r="AFC684" s="613"/>
      <c r="AFD684" s="613"/>
      <c r="AFE684" s="613"/>
      <c r="AFF684" s="613"/>
      <c r="AFG684" s="613"/>
      <c r="AFH684" s="613"/>
      <c r="AFI684" s="613"/>
      <c r="AFJ684" s="613"/>
      <c r="AFK684" s="613"/>
      <c r="AFL684" s="613"/>
      <c r="AFM684" s="613"/>
      <c r="AFN684" s="613"/>
      <c r="AFO684" s="613"/>
      <c r="AFP684" s="613"/>
      <c r="AFQ684" s="613"/>
      <c r="AFR684" s="613"/>
      <c r="AFS684" s="613"/>
      <c r="AFT684" s="613"/>
      <c r="AFU684" s="613"/>
      <c r="AFV684" s="613"/>
      <c r="AFW684" s="613"/>
      <c r="AFX684" s="613"/>
      <c r="AFY684" s="613"/>
      <c r="AFZ684" s="613"/>
      <c r="AGA684" s="613"/>
      <c r="AGB684" s="613"/>
      <c r="AGC684" s="613"/>
      <c r="AGD684" s="613"/>
      <c r="AGE684" s="613"/>
      <c r="AGF684" s="613"/>
      <c r="AGG684" s="613"/>
      <c r="AGH684" s="613"/>
      <c r="AGI684" s="613"/>
      <c r="AGJ684" s="613"/>
      <c r="AGK684" s="613"/>
      <c r="AGL684" s="613"/>
      <c r="AGM684" s="613"/>
      <c r="AGN684" s="613"/>
      <c r="AGO684" s="613"/>
      <c r="AGP684" s="613"/>
      <c r="AGQ684" s="613"/>
      <c r="AGR684" s="613"/>
      <c r="AGS684" s="613"/>
      <c r="AGT684" s="613"/>
      <c r="AGU684" s="613"/>
      <c r="AGV684" s="613"/>
      <c r="AGW684" s="613"/>
      <c r="AGX684" s="613"/>
      <c r="AGY684" s="613"/>
      <c r="AGZ684" s="613"/>
      <c r="AHA684" s="613"/>
      <c r="AHB684" s="613"/>
      <c r="AHC684" s="613"/>
      <c r="AHD684" s="613"/>
      <c r="AHE684" s="613"/>
      <c r="AHF684" s="613"/>
      <c r="AHG684" s="613"/>
      <c r="AHH684" s="613"/>
      <c r="AHI684" s="613"/>
      <c r="AHJ684" s="613"/>
      <c r="AHK684" s="613"/>
      <c r="AHL684" s="613"/>
      <c r="AHM684" s="613"/>
      <c r="AHN684" s="613"/>
      <c r="AHO684" s="613"/>
      <c r="AHP684" s="613"/>
      <c r="AHQ684" s="613"/>
      <c r="AHR684" s="613"/>
      <c r="AHS684" s="613"/>
      <c r="AHT684" s="613"/>
      <c r="AHU684" s="613"/>
      <c r="AHV684" s="613"/>
      <c r="AHW684" s="613"/>
      <c r="AHX684" s="613"/>
      <c r="AHY684" s="613"/>
      <c r="AHZ684" s="613"/>
      <c r="AIA684" s="613"/>
      <c r="AIB684" s="613"/>
      <c r="AIC684" s="613"/>
      <c r="AID684" s="613"/>
      <c r="AIE684" s="613"/>
      <c r="AIF684" s="613"/>
      <c r="AIG684" s="613"/>
      <c r="AIH684" s="613"/>
      <c r="AII684" s="613"/>
      <c r="AIJ684" s="613"/>
      <c r="AIK684" s="613"/>
      <c r="AIL684" s="613"/>
      <c r="AIM684" s="613"/>
      <c r="AIN684" s="613"/>
      <c r="AIO684" s="613"/>
      <c r="AIP684" s="613"/>
      <c r="AIQ684" s="613"/>
      <c r="AIR684" s="613"/>
      <c r="AIS684" s="613"/>
      <c r="AIT684" s="613"/>
      <c r="AIU684" s="613"/>
      <c r="AIV684" s="613"/>
      <c r="AIW684" s="613"/>
      <c r="AIX684" s="613"/>
      <c r="AIY684" s="613"/>
      <c r="AIZ684" s="613"/>
      <c r="AJA684" s="613"/>
      <c r="AJB684" s="613"/>
      <c r="AJC684" s="613"/>
      <c r="AJD684" s="613"/>
      <c r="AJE684" s="613"/>
      <c r="AJF684" s="613"/>
      <c r="AJG684" s="613"/>
      <c r="AJH684" s="613"/>
      <c r="AJI684" s="613"/>
      <c r="AJJ684" s="613"/>
      <c r="AJK684" s="613"/>
      <c r="AJL684" s="613"/>
      <c r="AJM684" s="613"/>
      <c r="AJN684" s="613"/>
      <c r="AJO684" s="613"/>
      <c r="AJP684" s="613"/>
      <c r="AJQ684" s="613"/>
      <c r="AJR684" s="613"/>
      <c r="AJS684" s="613"/>
      <c r="AJT684" s="613"/>
      <c r="AJU684" s="613"/>
      <c r="AJV684" s="613"/>
      <c r="AJW684" s="613"/>
      <c r="AJX684" s="613"/>
      <c r="AJY684" s="613"/>
      <c r="AJZ684" s="613"/>
      <c r="AKA684" s="613"/>
      <c r="AKB684" s="613"/>
      <c r="AKC684" s="613"/>
      <c r="AKD684" s="613"/>
      <c r="AKE684" s="613"/>
      <c r="AKF684" s="613"/>
      <c r="AKG684" s="613"/>
      <c r="AKH684" s="613"/>
      <c r="AKI684" s="613"/>
      <c r="AKJ684" s="613"/>
      <c r="AKK684" s="613"/>
      <c r="AKL684" s="613"/>
      <c r="AKM684" s="613"/>
      <c r="AKN684" s="613"/>
      <c r="AKO684" s="613"/>
      <c r="AKP684" s="613"/>
      <c r="AKQ684" s="613"/>
      <c r="AKR684" s="613"/>
      <c r="AKS684" s="613"/>
      <c r="AKT684" s="613"/>
      <c r="AKU684" s="613"/>
      <c r="AKV684" s="613"/>
      <c r="AKW684" s="613"/>
      <c r="AKX684" s="613"/>
      <c r="AKY684" s="613"/>
      <c r="AKZ684" s="613"/>
      <c r="ALA684" s="613"/>
      <c r="ALB684" s="613"/>
      <c r="ALC684" s="613"/>
      <c r="ALD684" s="613"/>
      <c r="ALE684" s="613"/>
      <c r="ALF684" s="613"/>
      <c r="ALG684" s="613"/>
      <c r="ALH684" s="613"/>
      <c r="ALI684" s="613"/>
      <c r="ALJ684" s="613"/>
      <c r="ALK684" s="613"/>
      <c r="ALL684" s="613"/>
      <c r="ALM684" s="613"/>
      <c r="ALN684" s="613"/>
      <c r="ALO684" s="613"/>
      <c r="ALP684" s="613"/>
      <c r="ALQ684" s="613"/>
      <c r="ALR684" s="613"/>
      <c r="ALS684" s="613"/>
      <c r="ALT684" s="613"/>
      <c r="ALU684" s="613"/>
      <c r="ALV684" s="613"/>
      <c r="ALW684" s="613"/>
      <c r="ALX684" s="613"/>
      <c r="ALY684" s="613"/>
      <c r="ALZ684" s="613"/>
      <c r="AMA684" s="613"/>
      <c r="AMB684" s="613"/>
      <c r="AMC684" s="613"/>
      <c r="AMD684" s="613"/>
      <c r="AME684" s="613"/>
      <c r="AMF684" s="613"/>
      <c r="AMG684" s="613"/>
      <c r="AMH684" s="613"/>
      <c r="AMI684" s="613"/>
      <c r="AMJ684" s="613"/>
      <c r="AMK684" s="613"/>
      <c r="AML684" s="613"/>
      <c r="AMM684" s="613"/>
      <c r="AMN684" s="613"/>
      <c r="AMO684" s="613"/>
      <c r="AMP684" s="613"/>
      <c r="AMQ684" s="613"/>
      <c r="AMR684" s="613"/>
      <c r="AMS684" s="613"/>
      <c r="AMT684" s="613"/>
      <c r="AMU684" s="613"/>
      <c r="AMV684" s="613"/>
      <c r="AMW684" s="613"/>
      <c r="AMX684" s="613"/>
      <c r="AMY684" s="613"/>
      <c r="AMZ684" s="613"/>
      <c r="ANA684" s="613"/>
      <c r="ANB684" s="613"/>
      <c r="ANC684" s="613"/>
      <c r="AND684" s="613"/>
      <c r="ANE684" s="613"/>
      <c r="ANF684" s="613"/>
      <c r="ANG684" s="613"/>
      <c r="ANH684" s="613"/>
      <c r="ANI684" s="613"/>
      <c r="ANJ684" s="613"/>
      <c r="ANK684" s="613"/>
      <c r="ANL684" s="613"/>
      <c r="ANM684" s="613"/>
      <c r="ANN684" s="613"/>
      <c r="ANO684" s="613"/>
      <c r="ANP684" s="613"/>
      <c r="ANQ684" s="613"/>
      <c r="ANR684" s="613"/>
      <c r="ANS684" s="613"/>
      <c r="ANT684" s="613"/>
      <c r="ANU684" s="613"/>
      <c r="ANV684" s="613"/>
      <c r="ANW684" s="613"/>
      <c r="ANX684" s="613"/>
      <c r="ANY684" s="613"/>
      <c r="ANZ684" s="613"/>
      <c r="AOA684" s="613"/>
      <c r="AOB684" s="613"/>
      <c r="AOC684" s="613"/>
      <c r="AOD684" s="613"/>
      <c r="AOE684" s="613"/>
      <c r="AOF684" s="613"/>
      <c r="AOG684" s="613"/>
      <c r="AOH684" s="613"/>
      <c r="AOI684" s="613"/>
      <c r="AOJ684" s="613"/>
      <c r="AOK684" s="613"/>
      <c r="AOL684" s="613"/>
      <c r="AOM684" s="613"/>
      <c r="AON684" s="613"/>
      <c r="AOO684" s="613"/>
      <c r="AOP684" s="613"/>
      <c r="AOQ684" s="613"/>
      <c r="AOR684" s="613"/>
      <c r="AOS684" s="613"/>
      <c r="AOT684" s="613"/>
      <c r="AOU684" s="613"/>
      <c r="AOV684" s="613"/>
      <c r="AOW684" s="613"/>
      <c r="AOX684" s="613"/>
      <c r="AOY684" s="613"/>
      <c r="AOZ684" s="613"/>
      <c r="APA684" s="613"/>
      <c r="APB684" s="613"/>
      <c r="APC684" s="613"/>
      <c r="APD684" s="613"/>
      <c r="APE684" s="613"/>
      <c r="APF684" s="613"/>
      <c r="APG684" s="613"/>
      <c r="APH684" s="613"/>
      <c r="API684" s="613"/>
      <c r="APJ684" s="613"/>
      <c r="APK684" s="613"/>
      <c r="APL684" s="613"/>
      <c r="APM684" s="613"/>
      <c r="APN684" s="613"/>
      <c r="APO684" s="613"/>
      <c r="APP684" s="613"/>
      <c r="APQ684" s="613"/>
      <c r="APR684" s="613"/>
      <c r="APS684" s="613"/>
      <c r="APT684" s="613"/>
      <c r="APU684" s="613"/>
      <c r="APV684" s="613"/>
      <c r="APW684" s="613"/>
      <c r="APX684" s="613"/>
      <c r="APY684" s="613"/>
      <c r="APZ684" s="613"/>
      <c r="AQA684" s="613"/>
      <c r="AQB684" s="613"/>
      <c r="AQC684" s="613"/>
      <c r="AQD684" s="613"/>
      <c r="AQE684" s="613"/>
      <c r="AQF684" s="613"/>
      <c r="AQG684" s="613"/>
      <c r="AQH684" s="613"/>
      <c r="AQI684" s="613"/>
      <c r="AQJ684" s="613"/>
      <c r="AQK684" s="613"/>
      <c r="AQL684" s="613"/>
      <c r="AQM684" s="613"/>
      <c r="AQN684" s="613"/>
      <c r="AQO684" s="613"/>
      <c r="AQP684" s="613"/>
      <c r="AQQ684" s="613"/>
      <c r="AQR684" s="613"/>
      <c r="AQS684" s="613"/>
      <c r="AQT684" s="613"/>
      <c r="AQU684" s="613"/>
      <c r="AQV684" s="613"/>
      <c r="AQW684" s="613"/>
      <c r="AQX684" s="613"/>
      <c r="AQY684" s="613"/>
      <c r="AQZ684" s="613"/>
      <c r="ARA684" s="613"/>
      <c r="ARB684" s="613"/>
      <c r="ARC684" s="613"/>
      <c r="ARD684" s="613"/>
      <c r="ARE684" s="613"/>
      <c r="ARF684" s="613"/>
      <c r="ARG684" s="613"/>
      <c r="ARH684" s="613"/>
      <c r="ARI684" s="613"/>
      <c r="ARJ684" s="613"/>
      <c r="ARK684" s="613"/>
      <c r="ARL684" s="613"/>
      <c r="ARM684" s="613"/>
      <c r="ARN684" s="613"/>
      <c r="ARO684" s="613"/>
      <c r="ARP684" s="613"/>
      <c r="ARQ684" s="613"/>
      <c r="ARR684" s="613"/>
      <c r="ARS684" s="613"/>
      <c r="ART684" s="613"/>
      <c r="ARU684" s="613"/>
      <c r="ARV684" s="613"/>
      <c r="ARW684" s="613"/>
      <c r="ARX684" s="613"/>
      <c r="ARY684" s="613"/>
      <c r="ARZ684" s="613"/>
      <c r="ASA684" s="613"/>
      <c r="ASB684" s="613"/>
      <c r="ASC684" s="613"/>
      <c r="ASD684" s="613"/>
      <c r="ASE684" s="613"/>
      <c r="ASF684" s="613"/>
      <c r="ASG684" s="613"/>
      <c r="ASH684" s="613"/>
      <c r="ASI684" s="613"/>
      <c r="ASJ684" s="613"/>
      <c r="ASK684" s="613"/>
      <c r="ASL684" s="613"/>
      <c r="ASM684" s="613"/>
      <c r="ASN684" s="613"/>
      <c r="ASO684" s="613"/>
      <c r="ASP684" s="613"/>
      <c r="ASQ684" s="613"/>
      <c r="ASR684" s="613"/>
      <c r="ASS684" s="613"/>
      <c r="AST684" s="613"/>
      <c r="ASU684" s="613"/>
      <c r="ASV684" s="613"/>
      <c r="ASW684" s="613"/>
      <c r="ASX684" s="613"/>
      <c r="ASY684" s="613"/>
      <c r="ASZ684" s="613"/>
      <c r="ATA684" s="613"/>
      <c r="ATB684" s="613"/>
      <c r="ATC684" s="613"/>
      <c r="ATD684" s="613"/>
      <c r="ATE684" s="613"/>
      <c r="ATF684" s="613"/>
      <c r="ATG684" s="613"/>
      <c r="ATH684" s="613"/>
      <c r="ATI684" s="613"/>
      <c r="ATJ684" s="613"/>
      <c r="ATK684" s="613"/>
      <c r="ATL684" s="613"/>
      <c r="ATM684" s="613"/>
      <c r="ATN684" s="613"/>
      <c r="ATO684" s="613"/>
      <c r="ATP684" s="613"/>
      <c r="ATQ684" s="613"/>
      <c r="ATR684" s="613"/>
      <c r="ATS684" s="613"/>
      <c r="ATT684" s="613"/>
      <c r="ATU684" s="613"/>
      <c r="ATV684" s="613"/>
      <c r="ATW684" s="613"/>
      <c r="ATX684" s="613"/>
      <c r="ATY684" s="613"/>
      <c r="ATZ684" s="613"/>
      <c r="AUA684" s="613"/>
      <c r="AUB684" s="613"/>
      <c r="AUC684" s="613"/>
      <c r="AUD684" s="613"/>
      <c r="AUE684" s="613"/>
      <c r="AUF684" s="613"/>
      <c r="AUG684" s="613"/>
      <c r="AUH684" s="613"/>
      <c r="AUI684" s="613"/>
      <c r="AUJ684" s="613"/>
      <c r="AUK684" s="613"/>
      <c r="AUL684" s="613"/>
      <c r="AUM684" s="613"/>
      <c r="AUN684" s="613"/>
      <c r="AUO684" s="613"/>
      <c r="AUP684" s="613"/>
      <c r="AUQ684" s="613"/>
      <c r="AUR684" s="613"/>
      <c r="AUS684" s="613"/>
      <c r="AUT684" s="613"/>
      <c r="AUU684" s="613"/>
      <c r="AUV684" s="613"/>
      <c r="AUW684" s="613"/>
      <c r="AUX684" s="613"/>
      <c r="AUY684" s="613"/>
      <c r="AUZ684" s="613"/>
      <c r="AVA684" s="613"/>
      <c r="AVB684" s="613"/>
      <c r="AVC684" s="613"/>
      <c r="AVD684" s="613"/>
      <c r="AVE684" s="613"/>
      <c r="AVF684" s="613"/>
      <c r="AVG684" s="613"/>
      <c r="AVH684" s="613"/>
      <c r="AVI684" s="613"/>
      <c r="AVJ684" s="613"/>
      <c r="AVK684" s="613"/>
      <c r="AVL684" s="613"/>
      <c r="AVM684" s="613"/>
      <c r="AVN684" s="613"/>
      <c r="AVO684" s="613"/>
      <c r="AVP684" s="613"/>
      <c r="AVQ684" s="613"/>
      <c r="AVR684" s="613"/>
      <c r="AVS684" s="613"/>
      <c r="AVT684" s="613"/>
      <c r="AVU684" s="613"/>
      <c r="AVV684" s="613"/>
      <c r="AVW684" s="613"/>
      <c r="AVX684" s="613"/>
      <c r="AVY684" s="613"/>
      <c r="AVZ684" s="613"/>
      <c r="AWA684" s="613"/>
      <c r="AWB684" s="613"/>
      <c r="AWC684" s="613"/>
      <c r="AWD684" s="613"/>
      <c r="AWE684" s="613"/>
      <c r="AWF684" s="613"/>
      <c r="AWG684" s="613"/>
      <c r="AWH684" s="613"/>
      <c r="AWI684" s="613"/>
      <c r="AWJ684" s="613"/>
      <c r="AWK684" s="613"/>
      <c r="AWL684" s="613"/>
      <c r="AWM684" s="613"/>
      <c r="AWN684" s="613"/>
      <c r="AWO684" s="613"/>
      <c r="AWP684" s="613"/>
      <c r="AWQ684" s="613"/>
      <c r="AWR684" s="613"/>
      <c r="AWS684" s="613"/>
      <c r="AWT684" s="613"/>
      <c r="AWU684" s="613"/>
      <c r="AWV684" s="613"/>
      <c r="AWW684" s="613"/>
      <c r="AWX684" s="613"/>
      <c r="AWY684" s="613"/>
      <c r="AWZ684" s="613"/>
      <c r="AXA684" s="613"/>
      <c r="AXB684" s="613"/>
      <c r="AXC684" s="613"/>
      <c r="AXD684" s="613"/>
      <c r="AXE684" s="613"/>
      <c r="AXF684" s="613"/>
      <c r="AXG684" s="613"/>
      <c r="AXH684" s="613"/>
      <c r="AXI684" s="613"/>
      <c r="AXJ684" s="613"/>
      <c r="AXK684" s="613"/>
      <c r="AXL684" s="613"/>
      <c r="AXM684" s="613"/>
      <c r="AXN684" s="613"/>
      <c r="AXO684" s="613"/>
      <c r="AXP684" s="613"/>
      <c r="AXQ684" s="613"/>
      <c r="AXR684" s="613"/>
      <c r="AXS684" s="613"/>
      <c r="AXT684" s="613"/>
      <c r="AXU684" s="613"/>
      <c r="AXV684" s="613"/>
      <c r="AXW684" s="613"/>
      <c r="AXX684" s="613"/>
      <c r="AXY684" s="613"/>
      <c r="AXZ684" s="613"/>
      <c r="AYA684" s="613"/>
      <c r="AYB684" s="613"/>
      <c r="AYC684" s="613"/>
      <c r="AYD684" s="613"/>
      <c r="AYE684" s="613"/>
      <c r="AYF684" s="613"/>
      <c r="AYG684" s="613"/>
      <c r="AYH684" s="613"/>
      <c r="AYI684" s="613"/>
      <c r="AYJ684" s="613"/>
      <c r="AYK684" s="613"/>
      <c r="AYL684" s="613"/>
      <c r="AYM684" s="613"/>
      <c r="AYN684" s="613"/>
      <c r="AYO684" s="613"/>
      <c r="AYP684" s="613"/>
      <c r="AYQ684" s="613"/>
      <c r="AYR684" s="613"/>
      <c r="AYS684" s="613"/>
      <c r="AYT684" s="613"/>
      <c r="AYU684" s="613"/>
      <c r="AYV684" s="613"/>
      <c r="AYW684" s="613"/>
      <c r="AYX684" s="613"/>
      <c r="AYY684" s="613"/>
      <c r="AYZ684" s="613"/>
      <c r="AZA684" s="613"/>
      <c r="AZB684" s="613"/>
      <c r="AZC684" s="613"/>
      <c r="AZD684" s="613"/>
      <c r="AZE684" s="613"/>
      <c r="AZF684" s="613"/>
      <c r="AZG684" s="613"/>
      <c r="AZH684" s="613"/>
      <c r="AZI684" s="613"/>
      <c r="AZJ684" s="613"/>
      <c r="AZK684" s="613"/>
      <c r="AZL684" s="613"/>
      <c r="AZM684" s="613"/>
      <c r="AZN684" s="613"/>
      <c r="AZO684" s="613"/>
      <c r="AZP684" s="613"/>
      <c r="AZQ684" s="613"/>
      <c r="AZR684" s="613"/>
      <c r="AZS684" s="613"/>
      <c r="AZT684" s="613"/>
      <c r="AZU684" s="613"/>
      <c r="AZV684" s="613"/>
      <c r="AZW684" s="613"/>
      <c r="AZX684" s="613"/>
      <c r="AZY684" s="613"/>
      <c r="AZZ684" s="613"/>
      <c r="BAA684" s="613"/>
      <c r="BAB684" s="613"/>
      <c r="BAC684" s="613"/>
      <c r="BAD684" s="613"/>
      <c r="BAE684" s="613"/>
      <c r="BAF684" s="613"/>
      <c r="BAG684" s="613"/>
      <c r="BAH684" s="613"/>
      <c r="BAI684" s="613"/>
      <c r="BAJ684" s="613"/>
      <c r="BAK684" s="613"/>
      <c r="BAL684" s="613"/>
      <c r="BAM684" s="613"/>
      <c r="BAN684" s="613"/>
      <c r="BAO684" s="613"/>
      <c r="BAP684" s="613"/>
      <c r="BAQ684" s="613"/>
      <c r="BAR684" s="613"/>
      <c r="BAS684" s="613"/>
      <c r="BAT684" s="613"/>
      <c r="BAU684" s="613"/>
      <c r="BAV684" s="613"/>
      <c r="BAW684" s="613"/>
      <c r="BAX684" s="613"/>
      <c r="BAY684" s="613"/>
      <c r="BAZ684" s="613"/>
      <c r="BBA684" s="613"/>
      <c r="BBB684" s="613"/>
      <c r="BBC684" s="613"/>
      <c r="BBD684" s="613"/>
      <c r="BBE684" s="613"/>
      <c r="BBF684" s="613"/>
      <c r="BBG684" s="613"/>
      <c r="BBH684" s="613"/>
      <c r="BBI684" s="613"/>
      <c r="BBJ684" s="613"/>
      <c r="BBK684" s="613"/>
      <c r="BBL684" s="613"/>
      <c r="BBM684" s="613"/>
      <c r="BBN684" s="613"/>
      <c r="BBO684" s="613"/>
      <c r="BBP684" s="613"/>
      <c r="BBQ684" s="613"/>
      <c r="BBR684" s="613"/>
      <c r="BBS684" s="613"/>
      <c r="BBT684" s="613"/>
      <c r="BBU684" s="613"/>
      <c r="BBV684" s="613"/>
      <c r="BBW684" s="613"/>
      <c r="BBX684" s="613"/>
      <c r="BBY684" s="613"/>
      <c r="BBZ684" s="613"/>
      <c r="BCA684" s="613"/>
      <c r="BCB684" s="613"/>
      <c r="BCC684" s="613"/>
      <c r="BCD684" s="613"/>
      <c r="BCE684" s="613"/>
      <c r="BCF684" s="613"/>
      <c r="BCG684" s="613"/>
      <c r="BCH684" s="613"/>
      <c r="BCI684" s="613"/>
      <c r="BCJ684" s="613"/>
      <c r="BCK684" s="613"/>
      <c r="BCL684" s="613"/>
      <c r="BCM684" s="613"/>
      <c r="BCN684" s="613"/>
      <c r="BCO684" s="613"/>
      <c r="BCP684" s="613"/>
      <c r="BCQ684" s="613"/>
      <c r="BCR684" s="613"/>
      <c r="BCS684" s="613"/>
      <c r="BCT684" s="613"/>
      <c r="BCU684" s="613"/>
      <c r="BCV684" s="613"/>
      <c r="BCW684" s="613"/>
      <c r="BCX684" s="613"/>
      <c r="BCY684" s="613"/>
      <c r="BCZ684" s="613"/>
      <c r="BDA684" s="613"/>
      <c r="BDB684" s="613"/>
      <c r="BDC684" s="613"/>
      <c r="BDD684" s="613"/>
      <c r="BDE684" s="613"/>
      <c r="BDF684" s="613"/>
      <c r="BDG684" s="613"/>
      <c r="BDH684" s="613"/>
      <c r="BDI684" s="613"/>
      <c r="BDJ684" s="613"/>
      <c r="BDK684" s="613"/>
      <c r="BDL684" s="613"/>
      <c r="BDM684" s="613"/>
      <c r="BDN684" s="613"/>
      <c r="BDO684" s="613"/>
      <c r="BDP684" s="613"/>
      <c r="BDQ684" s="613"/>
      <c r="BDR684" s="613"/>
      <c r="BDS684" s="613"/>
      <c r="BDT684" s="613"/>
      <c r="BDU684" s="613"/>
      <c r="BDV684" s="613"/>
      <c r="BDW684" s="613"/>
      <c r="BDX684" s="613"/>
      <c r="BDY684" s="613"/>
      <c r="BDZ684" s="613"/>
      <c r="BEA684" s="613"/>
      <c r="BEB684" s="613"/>
      <c r="BEC684" s="613"/>
      <c r="BED684" s="613"/>
      <c r="BEE684" s="613"/>
      <c r="BEF684" s="613"/>
      <c r="BEG684" s="613"/>
      <c r="BEH684" s="613"/>
      <c r="BEI684" s="613"/>
      <c r="BEJ684" s="613"/>
      <c r="BEK684" s="613"/>
      <c r="BEL684" s="613"/>
      <c r="BEM684" s="613"/>
      <c r="BEN684" s="613"/>
      <c r="BEO684" s="613"/>
      <c r="BEP684" s="613"/>
      <c r="BEQ684" s="613"/>
      <c r="BER684" s="613"/>
      <c r="BES684" s="613"/>
      <c r="BET684" s="613"/>
      <c r="BEU684" s="613"/>
      <c r="BEV684" s="613"/>
      <c r="BEW684" s="613"/>
      <c r="BEX684" s="613"/>
      <c r="BEY684" s="613"/>
      <c r="BEZ684" s="613"/>
      <c r="BFA684" s="613"/>
      <c r="BFB684" s="613"/>
      <c r="BFC684" s="613"/>
      <c r="BFD684" s="613"/>
      <c r="BFE684" s="613"/>
      <c r="BFF684" s="613"/>
      <c r="BFG684" s="613"/>
      <c r="BFH684" s="613"/>
      <c r="BFI684" s="613"/>
      <c r="BFJ684" s="613"/>
      <c r="BFK684" s="613"/>
      <c r="BFL684" s="613"/>
      <c r="BFM684" s="613"/>
      <c r="BFN684" s="613"/>
      <c r="BFO684" s="613"/>
      <c r="BFP684" s="613"/>
      <c r="BFQ684" s="613"/>
      <c r="BFR684" s="613"/>
      <c r="BFS684" s="613"/>
      <c r="BFT684" s="613"/>
      <c r="BFU684" s="613"/>
      <c r="BFV684" s="613"/>
      <c r="BFW684" s="613"/>
      <c r="BFX684" s="613"/>
      <c r="BFY684" s="613"/>
      <c r="BFZ684" s="613"/>
      <c r="BGA684" s="613"/>
      <c r="BGB684" s="613"/>
      <c r="BGC684" s="613"/>
      <c r="BGD684" s="613"/>
      <c r="BGE684" s="613"/>
      <c r="BGF684" s="613"/>
      <c r="BGG684" s="613"/>
      <c r="BGH684" s="613"/>
      <c r="BGI684" s="613"/>
      <c r="BGJ684" s="613"/>
      <c r="BGK684" s="613"/>
      <c r="BGL684" s="613"/>
      <c r="BGM684" s="613"/>
      <c r="BGN684" s="613"/>
      <c r="BGO684" s="613"/>
      <c r="BGP684" s="613"/>
      <c r="BGQ684" s="613"/>
      <c r="BGR684" s="613"/>
      <c r="BGS684" s="613"/>
      <c r="BGT684" s="613"/>
      <c r="BGU684" s="613"/>
      <c r="BGV684" s="613"/>
      <c r="BGW684" s="613"/>
      <c r="BGX684" s="613"/>
      <c r="BGY684" s="613"/>
      <c r="BGZ684" s="613"/>
      <c r="BHA684" s="613"/>
      <c r="BHB684" s="613"/>
      <c r="BHC684" s="613"/>
      <c r="BHD684" s="613"/>
      <c r="BHE684" s="613"/>
      <c r="BHF684" s="613"/>
      <c r="BHG684" s="613"/>
      <c r="BHH684" s="613"/>
      <c r="BHI684" s="613"/>
      <c r="BHJ684" s="613"/>
      <c r="BHK684" s="613"/>
      <c r="BHL684" s="613"/>
      <c r="BHM684" s="613"/>
      <c r="BHN684" s="613"/>
      <c r="BHO684" s="613"/>
      <c r="BHP684" s="613"/>
      <c r="BHQ684" s="613"/>
      <c r="BHR684" s="613"/>
      <c r="BHS684" s="613"/>
      <c r="BHT684" s="613"/>
      <c r="BHU684" s="613"/>
      <c r="BHV684" s="613"/>
      <c r="BHW684" s="613"/>
      <c r="BHX684" s="613"/>
      <c r="BHY684" s="613"/>
      <c r="BHZ684" s="613"/>
      <c r="BIA684" s="613"/>
      <c r="BIB684" s="613"/>
      <c r="BIC684" s="613"/>
      <c r="BID684" s="613"/>
      <c r="BIE684" s="613"/>
      <c r="BIF684" s="613"/>
      <c r="BIG684" s="613"/>
      <c r="BIH684" s="613"/>
      <c r="BII684" s="613"/>
      <c r="BIJ684" s="613"/>
      <c r="BIK684" s="613"/>
      <c r="BIL684" s="613"/>
      <c r="BIM684" s="613"/>
      <c r="BIN684" s="613"/>
      <c r="BIO684" s="613"/>
      <c r="BIP684" s="613"/>
      <c r="BIQ684" s="613"/>
      <c r="BIR684" s="613"/>
      <c r="BIS684" s="613"/>
      <c r="BIT684" s="613"/>
      <c r="BIU684" s="613"/>
      <c r="BIV684" s="613"/>
      <c r="BIW684" s="613"/>
      <c r="BIX684" s="613"/>
      <c r="BIY684" s="613"/>
      <c r="BIZ684" s="613"/>
      <c r="BJA684" s="613"/>
      <c r="BJB684" s="613"/>
      <c r="BJC684" s="613"/>
      <c r="BJD684" s="613"/>
      <c r="BJE684" s="613"/>
      <c r="BJF684" s="613"/>
      <c r="BJG684" s="613"/>
      <c r="BJH684" s="613"/>
      <c r="BJI684" s="613"/>
      <c r="BJJ684" s="613"/>
      <c r="BJK684" s="613"/>
      <c r="BJL684" s="613"/>
      <c r="BJM684" s="613"/>
      <c r="BJN684" s="613"/>
      <c r="BJO684" s="613"/>
      <c r="BJP684" s="613"/>
      <c r="BJQ684" s="613"/>
      <c r="BJR684" s="613"/>
      <c r="BJS684" s="613"/>
      <c r="BJT684" s="613"/>
      <c r="BJU684" s="613"/>
      <c r="BJV684" s="613"/>
      <c r="BJW684" s="613"/>
      <c r="BJX684" s="613"/>
      <c r="BJY684" s="613"/>
      <c r="BJZ684" s="613"/>
      <c r="BKA684" s="613"/>
      <c r="BKB684" s="613"/>
      <c r="BKC684" s="613"/>
      <c r="BKD684" s="613"/>
      <c r="BKE684" s="613"/>
      <c r="BKF684" s="613"/>
      <c r="BKG684" s="613"/>
      <c r="BKH684" s="613"/>
      <c r="BKI684" s="613"/>
      <c r="BKJ684" s="613"/>
      <c r="BKK684" s="613"/>
      <c r="BKL684" s="613"/>
      <c r="BKM684" s="613"/>
      <c r="BKN684" s="613"/>
      <c r="BKO684" s="613"/>
      <c r="BKP684" s="613"/>
      <c r="BKQ684" s="613"/>
      <c r="BKR684" s="613"/>
      <c r="BKS684" s="613"/>
      <c r="BKT684" s="613"/>
      <c r="BKU684" s="613"/>
      <c r="BKV684" s="613"/>
      <c r="BKW684" s="613"/>
      <c r="BKX684" s="613"/>
      <c r="BKY684" s="613"/>
      <c r="BKZ684" s="613"/>
      <c r="BLA684" s="613"/>
      <c r="BLB684" s="613"/>
      <c r="BLC684" s="613"/>
      <c r="BLD684" s="613"/>
      <c r="BLE684" s="613"/>
      <c r="BLF684" s="613"/>
      <c r="BLG684" s="613"/>
      <c r="BLH684" s="613"/>
      <c r="BLI684" s="613"/>
      <c r="BLJ684" s="613"/>
      <c r="BLK684" s="613"/>
      <c r="BLL684" s="613"/>
      <c r="BLM684" s="613"/>
      <c r="BLN684" s="613"/>
      <c r="BLO684" s="613"/>
      <c r="BLP684" s="613"/>
      <c r="BLQ684" s="613"/>
      <c r="BLR684" s="613"/>
      <c r="BLS684" s="613"/>
      <c r="BLT684" s="613"/>
      <c r="BLU684" s="613"/>
      <c r="BLV684" s="613"/>
      <c r="BLW684" s="613"/>
      <c r="BLX684" s="613"/>
      <c r="BLY684" s="613"/>
      <c r="BLZ684" s="613"/>
      <c r="BMA684" s="613"/>
      <c r="BMB684" s="613"/>
      <c r="BMC684" s="613"/>
      <c r="BMD684" s="613"/>
      <c r="BME684" s="613"/>
      <c r="BMF684" s="613"/>
      <c r="BMG684" s="613"/>
      <c r="BMH684" s="613"/>
      <c r="BMI684" s="613"/>
      <c r="BMJ684" s="613"/>
      <c r="BMK684" s="613"/>
      <c r="BML684" s="613"/>
      <c r="BMM684" s="613"/>
      <c r="BMN684" s="613"/>
      <c r="BMO684" s="613"/>
      <c r="BMP684" s="613"/>
      <c r="BMQ684" s="613"/>
      <c r="BMR684" s="613"/>
      <c r="BMS684" s="613"/>
      <c r="BMT684" s="613"/>
      <c r="BMU684" s="613"/>
      <c r="BMV684" s="613"/>
      <c r="BMW684" s="613"/>
      <c r="BMX684" s="613"/>
      <c r="BMY684" s="613"/>
      <c r="BMZ684" s="613"/>
      <c r="BNA684" s="613"/>
      <c r="BNB684" s="613"/>
      <c r="BNC684" s="613"/>
      <c r="BND684" s="613"/>
      <c r="BNE684" s="613"/>
      <c r="BNF684" s="613"/>
      <c r="BNG684" s="613"/>
      <c r="BNH684" s="613"/>
      <c r="BNI684" s="613"/>
      <c r="BNJ684" s="613"/>
      <c r="BNK684" s="613"/>
      <c r="BNL684" s="613"/>
      <c r="BNM684" s="613"/>
      <c r="BNN684" s="613"/>
      <c r="BNO684" s="613"/>
      <c r="BNP684" s="613"/>
      <c r="BNQ684" s="613"/>
      <c r="BNR684" s="613"/>
      <c r="BNS684" s="613"/>
      <c r="BNT684" s="613"/>
      <c r="BNU684" s="613"/>
      <c r="BNV684" s="613"/>
      <c r="BNW684" s="613"/>
      <c r="BNX684" s="613"/>
      <c r="BNY684" s="613"/>
      <c r="BNZ684" s="613"/>
      <c r="BOA684" s="613"/>
      <c r="BOB684" s="613"/>
      <c r="BOC684" s="613"/>
      <c r="BOD684" s="613"/>
      <c r="BOE684" s="613"/>
      <c r="BOF684" s="613"/>
      <c r="BOG684" s="613"/>
      <c r="BOH684" s="613"/>
      <c r="BOI684" s="613"/>
      <c r="BOJ684" s="613"/>
      <c r="BOK684" s="613"/>
      <c r="BOL684" s="613"/>
      <c r="BOM684" s="613"/>
      <c r="BON684" s="613"/>
      <c r="BOO684" s="613"/>
      <c r="BOP684" s="613"/>
      <c r="BOQ684" s="613"/>
      <c r="BOR684" s="613"/>
      <c r="BOS684" s="613"/>
      <c r="BOT684" s="613"/>
      <c r="BOU684" s="613"/>
      <c r="BOV684" s="613"/>
      <c r="BOW684" s="613"/>
      <c r="BOX684" s="613"/>
      <c r="BOY684" s="613"/>
      <c r="BOZ684" s="613"/>
      <c r="BPA684" s="613"/>
      <c r="BPB684" s="613"/>
      <c r="BPC684" s="613"/>
      <c r="BPD684" s="613"/>
      <c r="BPE684" s="613"/>
      <c r="BPF684" s="613"/>
      <c r="BPG684" s="613"/>
      <c r="BPH684" s="613"/>
      <c r="BPI684" s="613"/>
      <c r="BPJ684" s="613"/>
      <c r="BPK684" s="613"/>
      <c r="BPL684" s="613"/>
      <c r="BPM684" s="613"/>
      <c r="BPN684" s="613"/>
      <c r="BPO684" s="613"/>
      <c r="BPP684" s="613"/>
      <c r="BPQ684" s="613"/>
      <c r="BPR684" s="613"/>
      <c r="BPS684" s="613"/>
      <c r="BPT684" s="613"/>
      <c r="BPU684" s="613"/>
      <c r="BPV684" s="613"/>
      <c r="BPW684" s="613"/>
      <c r="BPX684" s="613"/>
      <c r="BPY684" s="613"/>
      <c r="BPZ684" s="613"/>
      <c r="BQA684" s="613"/>
      <c r="BQB684" s="613"/>
      <c r="BQC684" s="613"/>
      <c r="BQD684" s="613"/>
      <c r="BQE684" s="613"/>
      <c r="BQF684" s="613"/>
      <c r="BQG684" s="613"/>
      <c r="BQH684" s="613"/>
      <c r="BQI684" s="613"/>
      <c r="BQJ684" s="613"/>
      <c r="BQK684" s="613"/>
      <c r="BQL684" s="613"/>
      <c r="BQM684" s="613"/>
      <c r="BQN684" s="613"/>
      <c r="BQO684" s="613"/>
      <c r="BQP684" s="613"/>
      <c r="BQQ684" s="613"/>
      <c r="BQR684" s="613"/>
      <c r="BQS684" s="613"/>
      <c r="BQT684" s="613"/>
      <c r="BQU684" s="613"/>
      <c r="BQV684" s="613"/>
      <c r="BQW684" s="613"/>
      <c r="BQX684" s="613"/>
      <c r="BQY684" s="613"/>
      <c r="BQZ684" s="613"/>
      <c r="BRA684" s="613"/>
      <c r="BRB684" s="613"/>
      <c r="BRC684" s="613"/>
      <c r="BRD684" s="613"/>
      <c r="BRE684" s="613"/>
      <c r="BRF684" s="613"/>
      <c r="BRG684" s="613"/>
      <c r="BRH684" s="613"/>
      <c r="BRI684" s="613"/>
      <c r="BRJ684" s="613"/>
      <c r="BRK684" s="613"/>
      <c r="BRL684" s="613"/>
      <c r="BRM684" s="613"/>
      <c r="BRN684" s="613"/>
      <c r="BRO684" s="613"/>
      <c r="BRP684" s="613"/>
      <c r="BRQ684" s="613"/>
      <c r="BRR684" s="613"/>
      <c r="BRS684" s="613"/>
      <c r="BRT684" s="613"/>
      <c r="BRU684" s="613"/>
      <c r="BRV684" s="613"/>
      <c r="BRW684" s="613"/>
      <c r="BRX684" s="613"/>
      <c r="BRY684" s="613"/>
      <c r="BRZ684" s="613"/>
      <c r="BSA684" s="613"/>
      <c r="BSB684" s="613"/>
      <c r="BSC684" s="613"/>
      <c r="BSD684" s="613"/>
      <c r="BSE684" s="613"/>
      <c r="BSF684" s="613"/>
      <c r="BSG684" s="613"/>
      <c r="BSH684" s="613"/>
      <c r="BSI684" s="613"/>
      <c r="BSJ684" s="613"/>
      <c r="BSK684" s="613"/>
      <c r="BSL684" s="613"/>
      <c r="BSM684" s="613"/>
      <c r="BSN684" s="613"/>
      <c r="BSO684" s="613"/>
      <c r="BSP684" s="613"/>
      <c r="BSQ684" s="613"/>
      <c r="BSR684" s="613"/>
      <c r="BSS684" s="613"/>
      <c r="BST684" s="613"/>
      <c r="BSU684" s="613"/>
      <c r="BSV684" s="613"/>
      <c r="BSW684" s="613"/>
      <c r="BSX684" s="613"/>
      <c r="BSY684" s="613"/>
      <c r="BSZ684" s="613"/>
      <c r="BTA684" s="613"/>
      <c r="BTB684" s="613"/>
      <c r="BTC684" s="613"/>
      <c r="BTD684" s="613"/>
      <c r="BTE684" s="613"/>
      <c r="BTF684" s="613"/>
      <c r="BTG684" s="613"/>
      <c r="BTH684" s="613"/>
      <c r="BTI684" s="613"/>
      <c r="BTJ684" s="613"/>
      <c r="BTK684" s="613"/>
      <c r="BTL684" s="613"/>
      <c r="BTM684" s="613"/>
      <c r="BTN684" s="613"/>
      <c r="BTO684" s="613"/>
      <c r="BTP684" s="613"/>
      <c r="BTQ684" s="613"/>
      <c r="BTR684" s="613"/>
      <c r="BTS684" s="613"/>
      <c r="BTT684" s="613"/>
      <c r="BTU684" s="613"/>
      <c r="BTV684" s="613"/>
      <c r="BTW684" s="613"/>
      <c r="BTX684" s="613"/>
      <c r="BTY684" s="613"/>
      <c r="BTZ684" s="613"/>
      <c r="BUA684" s="613"/>
      <c r="BUB684" s="613"/>
      <c r="BUC684" s="613"/>
      <c r="BUD684" s="613"/>
      <c r="BUE684" s="613"/>
      <c r="BUF684" s="613"/>
      <c r="BUG684" s="613"/>
      <c r="BUH684" s="613"/>
      <c r="BUI684" s="613"/>
      <c r="BUJ684" s="613"/>
      <c r="BUK684" s="613"/>
      <c r="BUL684" s="613"/>
      <c r="BUM684" s="613"/>
      <c r="BUN684" s="613"/>
      <c r="BUO684" s="613"/>
      <c r="BUP684" s="613"/>
      <c r="BUQ684" s="613"/>
      <c r="BUR684" s="613"/>
      <c r="BUS684" s="613"/>
      <c r="BUT684" s="613"/>
      <c r="BUU684" s="613"/>
      <c r="BUV684" s="613"/>
      <c r="BUW684" s="613"/>
      <c r="BUX684" s="613"/>
      <c r="BUY684" s="613"/>
      <c r="BUZ684" s="613"/>
      <c r="BVA684" s="613"/>
      <c r="BVB684" s="613"/>
      <c r="BVC684" s="613"/>
      <c r="BVD684" s="613"/>
      <c r="BVE684" s="613"/>
      <c r="BVF684" s="613"/>
      <c r="BVG684" s="613"/>
      <c r="BVH684" s="613"/>
      <c r="BVI684" s="613"/>
      <c r="BVJ684" s="613"/>
      <c r="BVK684" s="613"/>
      <c r="BVL684" s="613"/>
      <c r="BVM684" s="613"/>
      <c r="BVN684" s="613"/>
      <c r="BVO684" s="613"/>
      <c r="BVP684" s="613"/>
      <c r="BVQ684" s="613"/>
      <c r="BVR684" s="613"/>
      <c r="BVS684" s="613"/>
      <c r="BVT684" s="613"/>
      <c r="BVU684" s="613"/>
      <c r="BVV684" s="613"/>
      <c r="BVW684" s="613"/>
      <c r="BVX684" s="613"/>
      <c r="BVY684" s="613"/>
      <c r="BVZ684" s="613"/>
      <c r="BWA684" s="613"/>
      <c r="BWB684" s="613"/>
      <c r="BWC684" s="613"/>
      <c r="BWD684" s="613"/>
      <c r="BWE684" s="613"/>
      <c r="BWF684" s="613"/>
      <c r="BWG684" s="613"/>
      <c r="BWH684" s="613"/>
      <c r="BWI684" s="613"/>
      <c r="BWJ684" s="613"/>
      <c r="BWK684" s="613"/>
      <c r="BWL684" s="613"/>
      <c r="BWM684" s="613"/>
      <c r="BWN684" s="613"/>
      <c r="BWO684" s="613"/>
      <c r="BWP684" s="613"/>
      <c r="BWQ684" s="613"/>
      <c r="BWR684" s="613"/>
      <c r="BWS684" s="613"/>
      <c r="BWT684" s="613"/>
      <c r="BWU684" s="613"/>
      <c r="BWV684" s="613"/>
      <c r="BWW684" s="613"/>
      <c r="BWX684" s="613"/>
      <c r="BWY684" s="613"/>
      <c r="BWZ684" s="613"/>
      <c r="BXA684" s="613"/>
      <c r="BXB684" s="613"/>
      <c r="BXC684" s="613"/>
      <c r="BXD684" s="613"/>
      <c r="BXE684" s="613"/>
      <c r="BXF684" s="613"/>
      <c r="BXG684" s="613"/>
      <c r="BXH684" s="613"/>
      <c r="BXI684" s="613"/>
      <c r="BXJ684" s="613"/>
      <c r="BXK684" s="613"/>
      <c r="BXL684" s="613"/>
      <c r="BXM684" s="613"/>
      <c r="BXN684" s="613"/>
      <c r="BXO684" s="613"/>
      <c r="BXP684" s="613"/>
      <c r="BXQ684" s="613"/>
      <c r="BXR684" s="613"/>
      <c r="BXS684" s="613"/>
      <c r="BXT684" s="613"/>
      <c r="BXU684" s="613"/>
      <c r="BXV684" s="613"/>
      <c r="BXW684" s="613"/>
      <c r="BXX684" s="613"/>
      <c r="BXY684" s="613"/>
      <c r="BXZ684" s="613"/>
      <c r="BYA684" s="613"/>
      <c r="BYB684" s="613"/>
      <c r="BYC684" s="613"/>
      <c r="BYD684" s="613"/>
      <c r="BYE684" s="613"/>
      <c r="BYF684" s="613"/>
      <c r="BYG684" s="613"/>
      <c r="BYH684" s="613"/>
      <c r="BYI684" s="613"/>
      <c r="BYJ684" s="613"/>
      <c r="BYK684" s="613"/>
      <c r="BYL684" s="613"/>
      <c r="BYM684" s="613"/>
      <c r="BYN684" s="613"/>
      <c r="BYO684" s="613"/>
      <c r="BYP684" s="613"/>
      <c r="BYQ684" s="613"/>
      <c r="BYR684" s="613"/>
      <c r="BYS684" s="613"/>
      <c r="BYT684" s="613"/>
      <c r="BYU684" s="613"/>
      <c r="BYV684" s="613"/>
      <c r="BYW684" s="613"/>
      <c r="BYX684" s="613"/>
      <c r="BYY684" s="613"/>
      <c r="BYZ684" s="613"/>
      <c r="BZA684" s="613"/>
      <c r="BZB684" s="613"/>
      <c r="BZC684" s="613"/>
      <c r="BZD684" s="613"/>
      <c r="BZE684" s="613"/>
      <c r="BZF684" s="613"/>
      <c r="BZG684" s="613"/>
      <c r="BZH684" s="613"/>
      <c r="BZI684" s="613"/>
      <c r="BZJ684" s="613"/>
      <c r="BZK684" s="613"/>
      <c r="BZL684" s="613"/>
      <c r="BZM684" s="613"/>
      <c r="BZN684" s="613"/>
      <c r="BZO684" s="613"/>
      <c r="BZP684" s="613"/>
      <c r="BZQ684" s="613"/>
      <c r="BZR684" s="613"/>
      <c r="BZS684" s="613"/>
      <c r="BZT684" s="613"/>
      <c r="BZU684" s="613"/>
      <c r="BZV684" s="613"/>
      <c r="BZW684" s="613"/>
      <c r="BZX684" s="613"/>
      <c r="BZY684" s="613"/>
      <c r="BZZ684" s="613"/>
      <c r="CAA684" s="613"/>
      <c r="CAB684" s="613"/>
      <c r="CAC684" s="613"/>
      <c r="CAD684" s="613"/>
      <c r="CAE684" s="613"/>
      <c r="CAF684" s="613"/>
      <c r="CAG684" s="613"/>
      <c r="CAH684" s="613"/>
      <c r="CAI684" s="613"/>
      <c r="CAJ684" s="613"/>
      <c r="CAK684" s="613"/>
      <c r="CAL684" s="613"/>
      <c r="CAM684" s="613"/>
      <c r="CAN684" s="613"/>
      <c r="CAO684" s="613"/>
      <c r="CAP684" s="613"/>
      <c r="CAQ684" s="613"/>
      <c r="CAR684" s="613"/>
      <c r="CAS684" s="613"/>
      <c r="CAT684" s="613"/>
      <c r="CAU684" s="613"/>
      <c r="CAV684" s="613"/>
      <c r="CAW684" s="613"/>
      <c r="CAX684" s="613"/>
      <c r="CAY684" s="613"/>
      <c r="CAZ684" s="613"/>
      <c r="CBA684" s="613"/>
      <c r="CBB684" s="613"/>
      <c r="CBC684" s="613"/>
      <c r="CBD684" s="613"/>
      <c r="CBE684" s="613"/>
      <c r="CBF684" s="613"/>
      <c r="CBG684" s="613"/>
      <c r="CBH684" s="613"/>
      <c r="CBI684" s="613"/>
      <c r="CBJ684" s="613"/>
      <c r="CBK684" s="613"/>
      <c r="CBL684" s="613"/>
      <c r="CBM684" s="613"/>
      <c r="CBN684" s="613"/>
      <c r="CBO684" s="613"/>
      <c r="CBP684" s="613"/>
      <c r="CBQ684" s="613"/>
      <c r="CBR684" s="613"/>
      <c r="CBS684" s="613"/>
      <c r="CBT684" s="613"/>
      <c r="CBU684" s="613"/>
      <c r="CBV684" s="613"/>
      <c r="CBW684" s="613"/>
      <c r="CBX684" s="613"/>
      <c r="CBY684" s="613"/>
      <c r="CBZ684" s="613"/>
      <c r="CCA684" s="613"/>
      <c r="CCB684" s="613"/>
      <c r="CCC684" s="613"/>
      <c r="CCD684" s="613"/>
      <c r="CCE684" s="613"/>
      <c r="CCF684" s="613"/>
      <c r="CCG684" s="613"/>
      <c r="CCH684" s="613"/>
      <c r="CCI684" s="613"/>
      <c r="CCJ684" s="613"/>
      <c r="CCK684" s="613"/>
      <c r="CCL684" s="613"/>
      <c r="CCM684" s="613"/>
      <c r="CCN684" s="613"/>
      <c r="CCO684" s="613"/>
      <c r="CCP684" s="613"/>
      <c r="CCQ684" s="613"/>
      <c r="CCR684" s="613"/>
      <c r="CCS684" s="613"/>
      <c r="CCT684" s="613"/>
      <c r="CCU684" s="613"/>
      <c r="CCV684" s="613"/>
      <c r="CCW684" s="613"/>
      <c r="CCX684" s="613"/>
      <c r="CCY684" s="613"/>
      <c r="CCZ684" s="613"/>
      <c r="CDA684" s="613"/>
      <c r="CDB684" s="613"/>
      <c r="CDC684" s="613"/>
      <c r="CDD684" s="613"/>
      <c r="CDE684" s="613"/>
      <c r="CDF684" s="613"/>
      <c r="CDG684" s="613"/>
      <c r="CDH684" s="613"/>
      <c r="CDI684" s="613"/>
      <c r="CDJ684" s="613"/>
      <c r="CDK684" s="613"/>
      <c r="CDL684" s="613"/>
      <c r="CDM684" s="613"/>
      <c r="CDN684" s="613"/>
      <c r="CDO684" s="613"/>
      <c r="CDP684" s="613"/>
      <c r="CDQ684" s="613"/>
      <c r="CDR684" s="613"/>
      <c r="CDS684" s="613"/>
      <c r="CDT684" s="613"/>
      <c r="CDU684" s="613"/>
      <c r="CDV684" s="613"/>
      <c r="CDW684" s="613"/>
      <c r="CDX684" s="613"/>
      <c r="CDY684" s="613"/>
      <c r="CDZ684" s="613"/>
      <c r="CEA684" s="613"/>
      <c r="CEB684" s="613"/>
      <c r="CEC684" s="613"/>
      <c r="CED684" s="613"/>
      <c r="CEE684" s="613"/>
      <c r="CEF684" s="613"/>
      <c r="CEG684" s="613"/>
      <c r="CEH684" s="613"/>
      <c r="CEI684" s="613"/>
      <c r="CEJ684" s="613"/>
      <c r="CEK684" s="613"/>
      <c r="CEL684" s="613"/>
      <c r="CEM684" s="613"/>
      <c r="CEN684" s="613"/>
      <c r="CEO684" s="613"/>
      <c r="CEP684" s="613"/>
      <c r="CEQ684" s="613"/>
      <c r="CER684" s="613"/>
      <c r="CES684" s="613"/>
      <c r="CET684" s="613"/>
      <c r="CEU684" s="613"/>
      <c r="CEV684" s="613"/>
      <c r="CEW684" s="613"/>
      <c r="CEX684" s="613"/>
      <c r="CEY684" s="613"/>
      <c r="CEZ684" s="613"/>
      <c r="CFA684" s="613"/>
      <c r="CFB684" s="613"/>
      <c r="CFC684" s="613"/>
      <c r="CFD684" s="613"/>
      <c r="CFE684" s="613"/>
      <c r="CFF684" s="613"/>
      <c r="CFG684" s="613"/>
      <c r="CFH684" s="613"/>
      <c r="CFI684" s="613"/>
      <c r="CFJ684" s="613"/>
      <c r="CFK684" s="613"/>
      <c r="CFL684" s="613"/>
      <c r="CFM684" s="613"/>
      <c r="CFN684" s="613"/>
      <c r="CFO684" s="613"/>
      <c r="CFP684" s="613"/>
      <c r="CFQ684" s="613"/>
      <c r="CFR684" s="613"/>
      <c r="CFS684" s="613"/>
      <c r="CFT684" s="613"/>
      <c r="CFU684" s="613"/>
      <c r="CFV684" s="613"/>
      <c r="CFW684" s="613"/>
      <c r="CFX684" s="613"/>
      <c r="CFY684" s="613"/>
      <c r="CFZ684" s="613"/>
      <c r="CGA684" s="613"/>
      <c r="CGB684" s="613"/>
      <c r="CGC684" s="613"/>
      <c r="CGD684" s="613"/>
      <c r="CGE684" s="613"/>
      <c r="CGF684" s="613"/>
      <c r="CGG684" s="613"/>
      <c r="CGH684" s="613"/>
      <c r="CGI684" s="613"/>
      <c r="CGJ684" s="613"/>
      <c r="CGK684" s="613"/>
      <c r="CGL684" s="613"/>
      <c r="CGM684" s="613"/>
      <c r="CGN684" s="613"/>
      <c r="CGO684" s="613"/>
      <c r="CGP684" s="613"/>
      <c r="CGQ684" s="613"/>
      <c r="CGR684" s="613"/>
      <c r="CGS684" s="613"/>
      <c r="CGT684" s="613"/>
      <c r="CGU684" s="613"/>
      <c r="CGV684" s="613"/>
      <c r="CGW684" s="613"/>
      <c r="CGX684" s="613"/>
      <c r="CGY684" s="613"/>
      <c r="CGZ684" s="613"/>
      <c r="CHA684" s="613"/>
      <c r="CHB684" s="613"/>
      <c r="CHC684" s="613"/>
      <c r="CHD684" s="613"/>
      <c r="CHE684" s="613"/>
      <c r="CHF684" s="613"/>
      <c r="CHG684" s="613"/>
      <c r="CHH684" s="613"/>
      <c r="CHI684" s="613"/>
      <c r="CHJ684" s="613"/>
      <c r="CHK684" s="613"/>
      <c r="CHL684" s="613"/>
      <c r="CHM684" s="613"/>
      <c r="CHN684" s="613"/>
      <c r="CHO684" s="613"/>
      <c r="CHP684" s="613"/>
      <c r="CHQ684" s="613"/>
      <c r="CHR684" s="613"/>
      <c r="CHS684" s="613"/>
      <c r="CHT684" s="613"/>
      <c r="CHU684" s="613"/>
      <c r="CHV684" s="613"/>
      <c r="CHW684" s="613"/>
      <c r="CHX684" s="613"/>
      <c r="CHY684" s="613"/>
      <c r="CHZ684" s="613"/>
      <c r="CIA684" s="613"/>
      <c r="CIB684" s="613"/>
      <c r="CIC684" s="613"/>
      <c r="CID684" s="613"/>
      <c r="CIE684" s="613"/>
      <c r="CIF684" s="613"/>
      <c r="CIG684" s="613"/>
      <c r="CIH684" s="613"/>
      <c r="CII684" s="613"/>
      <c r="CIJ684" s="613"/>
      <c r="CIK684" s="613"/>
      <c r="CIL684" s="613"/>
      <c r="CIM684" s="613"/>
      <c r="CIN684" s="613"/>
      <c r="CIO684" s="613"/>
      <c r="CIP684" s="613"/>
      <c r="CIQ684" s="613"/>
      <c r="CIR684" s="613"/>
      <c r="CIS684" s="613"/>
      <c r="CIT684" s="613"/>
      <c r="CIU684" s="613"/>
      <c r="CIV684" s="613"/>
      <c r="CIW684" s="613"/>
      <c r="CIX684" s="613"/>
      <c r="CIY684" s="613"/>
      <c r="CIZ684" s="613"/>
      <c r="CJA684" s="613"/>
      <c r="CJB684" s="613"/>
      <c r="CJC684" s="613"/>
      <c r="CJD684" s="613"/>
      <c r="CJE684" s="613"/>
      <c r="CJF684" s="613"/>
      <c r="CJG684" s="613"/>
      <c r="CJH684" s="613"/>
      <c r="CJI684" s="613"/>
      <c r="CJJ684" s="613"/>
      <c r="CJK684" s="613"/>
      <c r="CJL684" s="613"/>
      <c r="CJM684" s="613"/>
      <c r="CJN684" s="613"/>
      <c r="CJO684" s="613"/>
      <c r="CJP684" s="613"/>
      <c r="CJQ684" s="613"/>
      <c r="CJR684" s="613"/>
      <c r="CJS684" s="613"/>
      <c r="CJT684" s="613"/>
      <c r="CJU684" s="613"/>
      <c r="CJV684" s="613"/>
      <c r="CJW684" s="613"/>
      <c r="CJX684" s="613"/>
      <c r="CJY684" s="613"/>
      <c r="CJZ684" s="613"/>
      <c r="CKA684" s="613"/>
      <c r="CKB684" s="613"/>
      <c r="CKC684" s="613"/>
      <c r="CKD684" s="613"/>
      <c r="CKE684" s="613"/>
      <c r="CKF684" s="613"/>
      <c r="CKG684" s="613"/>
      <c r="CKH684" s="613"/>
      <c r="CKI684" s="613"/>
      <c r="CKJ684" s="613"/>
      <c r="CKK684" s="613"/>
      <c r="CKL684" s="613"/>
      <c r="CKM684" s="613"/>
      <c r="CKN684" s="613"/>
      <c r="CKO684" s="613"/>
      <c r="CKP684" s="613"/>
      <c r="CKQ684" s="613"/>
      <c r="CKR684" s="613"/>
      <c r="CKS684" s="613"/>
      <c r="CKT684" s="613"/>
      <c r="CKU684" s="613"/>
      <c r="CKV684" s="613"/>
      <c r="CKW684" s="613"/>
      <c r="CKX684" s="613"/>
      <c r="CKY684" s="613"/>
      <c r="CKZ684" s="613"/>
      <c r="CLA684" s="613"/>
      <c r="CLB684" s="613"/>
      <c r="CLC684" s="613"/>
      <c r="CLD684" s="613"/>
      <c r="CLE684" s="613"/>
      <c r="CLF684" s="613"/>
      <c r="CLG684" s="613"/>
      <c r="CLH684" s="613"/>
      <c r="CLI684" s="613"/>
      <c r="CLJ684" s="613"/>
      <c r="CLK684" s="613"/>
      <c r="CLL684" s="613"/>
      <c r="CLM684" s="613"/>
      <c r="CLN684" s="613"/>
      <c r="CLO684" s="613"/>
      <c r="CLP684" s="613"/>
      <c r="CLQ684" s="613"/>
      <c r="CLR684" s="613"/>
      <c r="CLS684" s="613"/>
      <c r="CLT684" s="613"/>
      <c r="CLU684" s="613"/>
      <c r="CLV684" s="613"/>
      <c r="CLW684" s="613"/>
      <c r="CLX684" s="613"/>
      <c r="CLY684" s="613"/>
      <c r="CLZ684" s="613"/>
      <c r="CMA684" s="613"/>
      <c r="CMB684" s="613"/>
      <c r="CMC684" s="613"/>
      <c r="CMD684" s="613"/>
      <c r="CME684" s="613"/>
      <c r="CMF684" s="613"/>
      <c r="CMG684" s="613"/>
      <c r="CMH684" s="613"/>
      <c r="CMI684" s="613"/>
      <c r="CMJ684" s="613"/>
      <c r="CMK684" s="613"/>
      <c r="CML684" s="613"/>
      <c r="CMM684" s="613"/>
      <c r="CMN684" s="613"/>
      <c r="CMO684" s="613"/>
      <c r="CMP684" s="613"/>
      <c r="CMQ684" s="613"/>
      <c r="CMR684" s="613"/>
      <c r="CMS684" s="613"/>
      <c r="CMT684" s="613"/>
      <c r="CMU684" s="613"/>
      <c r="CMV684" s="613"/>
      <c r="CMW684" s="613"/>
      <c r="CMX684" s="613"/>
      <c r="CMY684" s="613"/>
      <c r="CMZ684" s="613"/>
      <c r="CNA684" s="613"/>
      <c r="CNB684" s="613"/>
      <c r="CNC684" s="613"/>
      <c r="CND684" s="613"/>
      <c r="CNE684" s="613"/>
      <c r="CNF684" s="613"/>
      <c r="CNG684" s="613"/>
      <c r="CNH684" s="613"/>
      <c r="CNI684" s="613"/>
      <c r="CNJ684" s="613"/>
      <c r="CNK684" s="613"/>
      <c r="CNL684" s="613"/>
      <c r="CNM684" s="613"/>
      <c r="CNN684" s="613"/>
      <c r="CNO684" s="613"/>
      <c r="CNP684" s="613"/>
      <c r="CNQ684" s="613"/>
      <c r="CNR684" s="613"/>
      <c r="CNS684" s="613"/>
      <c r="CNT684" s="613"/>
      <c r="CNU684" s="613"/>
      <c r="CNV684" s="613"/>
      <c r="CNW684" s="613"/>
      <c r="CNX684" s="613"/>
      <c r="CNY684" s="613"/>
      <c r="CNZ684" s="613"/>
      <c r="COA684" s="613"/>
      <c r="COB684" s="613"/>
      <c r="COC684" s="613"/>
      <c r="COD684" s="613"/>
      <c r="COE684" s="613"/>
      <c r="COF684" s="613"/>
      <c r="COG684" s="613"/>
      <c r="COH684" s="613"/>
      <c r="COI684" s="613"/>
      <c r="COJ684" s="613"/>
      <c r="COK684" s="613"/>
      <c r="COL684" s="613"/>
      <c r="COM684" s="613"/>
      <c r="CON684" s="613"/>
      <c r="COO684" s="613"/>
      <c r="COP684" s="613"/>
      <c r="COQ684" s="613"/>
      <c r="COR684" s="613"/>
      <c r="COS684" s="613"/>
      <c r="COT684" s="613"/>
      <c r="COU684" s="613"/>
      <c r="COV684" s="613"/>
      <c r="COW684" s="613"/>
      <c r="COX684" s="613"/>
      <c r="COY684" s="613"/>
      <c r="COZ684" s="613"/>
      <c r="CPA684" s="613"/>
      <c r="CPB684" s="613"/>
      <c r="CPC684" s="613"/>
      <c r="CPD684" s="613"/>
      <c r="CPE684" s="613"/>
      <c r="CPF684" s="613"/>
      <c r="CPG684" s="613"/>
      <c r="CPH684" s="613"/>
      <c r="CPI684" s="613"/>
      <c r="CPJ684" s="613"/>
      <c r="CPK684" s="613"/>
      <c r="CPL684" s="613"/>
      <c r="CPM684" s="613"/>
      <c r="CPN684" s="613"/>
      <c r="CPO684" s="613"/>
      <c r="CPP684" s="613"/>
      <c r="CPQ684" s="613"/>
      <c r="CPR684" s="613"/>
      <c r="CPS684" s="613"/>
      <c r="CPT684" s="613"/>
      <c r="CPU684" s="613"/>
      <c r="CPV684" s="613"/>
      <c r="CPW684" s="613"/>
      <c r="CPX684" s="613"/>
      <c r="CPY684" s="613"/>
      <c r="CPZ684" s="613"/>
      <c r="CQA684" s="613"/>
      <c r="CQB684" s="613"/>
      <c r="CQC684" s="613"/>
      <c r="CQD684" s="613"/>
      <c r="CQE684" s="613"/>
      <c r="CQF684" s="613"/>
      <c r="CQG684" s="613"/>
      <c r="CQH684" s="613"/>
      <c r="CQI684" s="613"/>
      <c r="CQJ684" s="613"/>
      <c r="CQK684" s="613"/>
      <c r="CQL684" s="613"/>
      <c r="CQM684" s="613"/>
      <c r="CQN684" s="613"/>
      <c r="CQO684" s="613"/>
      <c r="CQP684" s="613"/>
      <c r="CQQ684" s="613"/>
      <c r="CQR684" s="613"/>
      <c r="CQS684" s="613"/>
      <c r="CQT684" s="613"/>
      <c r="CQU684" s="613"/>
      <c r="CQV684" s="613"/>
      <c r="CQW684" s="613"/>
      <c r="CQX684" s="613"/>
      <c r="CQY684" s="613"/>
      <c r="CQZ684" s="613"/>
      <c r="CRA684" s="613"/>
      <c r="CRB684" s="613"/>
      <c r="CRC684" s="613"/>
      <c r="CRD684" s="613"/>
      <c r="CRE684" s="613"/>
      <c r="CRF684" s="613"/>
      <c r="CRG684" s="613"/>
      <c r="CRH684" s="613"/>
      <c r="CRI684" s="613"/>
      <c r="CRJ684" s="613"/>
      <c r="CRK684" s="613"/>
      <c r="CRL684" s="613"/>
      <c r="CRM684" s="613"/>
      <c r="CRN684" s="613"/>
      <c r="CRO684" s="613"/>
      <c r="CRP684" s="613"/>
      <c r="CRQ684" s="613"/>
      <c r="CRR684" s="613"/>
      <c r="CRS684" s="613"/>
      <c r="CRT684" s="613"/>
      <c r="CRU684" s="613"/>
      <c r="CRV684" s="613"/>
      <c r="CRW684" s="613"/>
      <c r="CRX684" s="613"/>
      <c r="CRY684" s="613"/>
      <c r="CRZ684" s="613"/>
      <c r="CSA684" s="613"/>
      <c r="CSB684" s="613"/>
      <c r="CSC684" s="613"/>
      <c r="CSD684" s="613"/>
      <c r="CSE684" s="613"/>
      <c r="CSF684" s="613"/>
      <c r="CSG684" s="613"/>
      <c r="CSH684" s="613"/>
      <c r="CSI684" s="613"/>
      <c r="CSJ684" s="613"/>
      <c r="CSK684" s="613"/>
      <c r="CSL684" s="613"/>
      <c r="CSM684" s="613"/>
      <c r="CSN684" s="613"/>
      <c r="CSO684" s="613"/>
      <c r="CSP684" s="613"/>
      <c r="CSQ684" s="613"/>
      <c r="CSR684" s="613"/>
      <c r="CSS684" s="613"/>
      <c r="CST684" s="613"/>
      <c r="CSU684" s="613"/>
      <c r="CSV684" s="613"/>
      <c r="CSW684" s="613"/>
      <c r="CSX684" s="613"/>
      <c r="CSY684" s="613"/>
      <c r="CSZ684" s="613"/>
      <c r="CTA684" s="613"/>
      <c r="CTB684" s="613"/>
      <c r="CTC684" s="613"/>
      <c r="CTD684" s="613"/>
      <c r="CTE684" s="613"/>
      <c r="CTF684" s="613"/>
      <c r="CTG684" s="613"/>
      <c r="CTH684" s="613"/>
      <c r="CTI684" s="613"/>
      <c r="CTJ684" s="613"/>
      <c r="CTK684" s="613"/>
      <c r="CTL684" s="613"/>
      <c r="CTM684" s="613"/>
      <c r="CTN684" s="613"/>
      <c r="CTO684" s="613"/>
      <c r="CTP684" s="613"/>
      <c r="CTQ684" s="613"/>
      <c r="CTR684" s="613"/>
      <c r="CTS684" s="613"/>
      <c r="CTT684" s="613"/>
      <c r="CTU684" s="613"/>
      <c r="CTV684" s="613"/>
      <c r="CTW684" s="613"/>
      <c r="CTX684" s="613"/>
      <c r="CTY684" s="613"/>
      <c r="CTZ684" s="613"/>
      <c r="CUA684" s="613"/>
      <c r="CUB684" s="613"/>
      <c r="CUC684" s="613"/>
      <c r="CUD684" s="613"/>
      <c r="CUE684" s="613"/>
      <c r="CUF684" s="613"/>
      <c r="CUG684" s="613"/>
      <c r="CUH684" s="613"/>
      <c r="CUI684" s="613"/>
      <c r="CUJ684" s="613"/>
      <c r="CUK684" s="613"/>
      <c r="CUL684" s="613"/>
      <c r="CUM684" s="613"/>
      <c r="CUN684" s="613"/>
      <c r="CUO684" s="613"/>
      <c r="CUP684" s="613"/>
      <c r="CUQ684" s="613"/>
      <c r="CUR684" s="613"/>
      <c r="CUS684" s="613"/>
      <c r="CUT684" s="613"/>
      <c r="CUU684" s="613"/>
      <c r="CUV684" s="613"/>
      <c r="CUW684" s="613"/>
      <c r="CUX684" s="613"/>
      <c r="CUY684" s="613"/>
      <c r="CUZ684" s="613"/>
      <c r="CVA684" s="613"/>
      <c r="CVB684" s="613"/>
      <c r="CVC684" s="613"/>
      <c r="CVD684" s="613"/>
      <c r="CVE684" s="613"/>
      <c r="CVF684" s="613"/>
      <c r="CVG684" s="613"/>
      <c r="CVH684" s="613"/>
      <c r="CVI684" s="613"/>
      <c r="CVJ684" s="613"/>
      <c r="CVK684" s="613"/>
      <c r="CVL684" s="613"/>
      <c r="CVM684" s="613"/>
      <c r="CVN684" s="613"/>
      <c r="CVO684" s="613"/>
      <c r="CVP684" s="613"/>
      <c r="CVQ684" s="613"/>
      <c r="CVR684" s="613"/>
      <c r="CVS684" s="613"/>
      <c r="CVT684" s="613"/>
      <c r="CVU684" s="613"/>
      <c r="CVV684" s="613"/>
      <c r="CVW684" s="613"/>
      <c r="CVX684" s="613"/>
      <c r="CVY684" s="613"/>
      <c r="CVZ684" s="613"/>
      <c r="CWA684" s="613"/>
      <c r="CWB684" s="613"/>
      <c r="CWC684" s="613"/>
      <c r="CWD684" s="613"/>
      <c r="CWE684" s="613"/>
      <c r="CWF684" s="613"/>
      <c r="CWG684" s="613"/>
      <c r="CWH684" s="613"/>
      <c r="CWI684" s="613"/>
      <c r="CWJ684" s="613"/>
      <c r="CWK684" s="613"/>
      <c r="CWL684" s="613"/>
      <c r="CWM684" s="613"/>
      <c r="CWN684" s="613"/>
      <c r="CWO684" s="613"/>
      <c r="CWP684" s="613"/>
      <c r="CWQ684" s="613"/>
      <c r="CWR684" s="613"/>
      <c r="CWS684" s="613"/>
      <c r="CWT684" s="613"/>
      <c r="CWU684" s="613"/>
      <c r="CWV684" s="613"/>
      <c r="CWW684" s="613"/>
      <c r="CWX684" s="613"/>
      <c r="CWY684" s="613"/>
      <c r="CWZ684" s="613"/>
      <c r="CXA684" s="613"/>
      <c r="CXB684" s="613"/>
      <c r="CXC684" s="613"/>
      <c r="CXD684" s="613"/>
      <c r="CXE684" s="613"/>
      <c r="CXF684" s="613"/>
      <c r="CXG684" s="613"/>
      <c r="CXH684" s="613"/>
      <c r="CXI684" s="613"/>
      <c r="CXJ684" s="613"/>
      <c r="CXK684" s="613"/>
      <c r="CXL684" s="613"/>
      <c r="CXM684" s="613"/>
      <c r="CXN684" s="613"/>
      <c r="CXO684" s="613"/>
      <c r="CXP684" s="613"/>
      <c r="CXQ684" s="613"/>
      <c r="CXR684" s="613"/>
      <c r="CXS684" s="613"/>
      <c r="CXT684" s="613"/>
      <c r="CXU684" s="613"/>
      <c r="CXV684" s="613"/>
      <c r="CXW684" s="613"/>
      <c r="CXX684" s="613"/>
      <c r="CXY684" s="613"/>
      <c r="CXZ684" s="613"/>
      <c r="CYA684" s="613"/>
      <c r="CYB684" s="613"/>
      <c r="CYC684" s="613"/>
      <c r="CYD684" s="613"/>
      <c r="CYE684" s="613"/>
      <c r="CYF684" s="613"/>
      <c r="CYG684" s="613"/>
      <c r="CYH684" s="613"/>
      <c r="CYI684" s="613"/>
      <c r="CYJ684" s="613"/>
      <c r="CYK684" s="613"/>
      <c r="CYL684" s="613"/>
      <c r="CYM684" s="613"/>
      <c r="CYN684" s="613"/>
      <c r="CYO684" s="613"/>
      <c r="CYP684" s="613"/>
      <c r="CYQ684" s="613"/>
      <c r="CYR684" s="613"/>
      <c r="CYS684" s="613"/>
      <c r="CYT684" s="613"/>
      <c r="CYU684" s="613"/>
      <c r="CYV684" s="613"/>
      <c r="CYW684" s="613"/>
      <c r="CYX684" s="613"/>
      <c r="CYY684" s="613"/>
      <c r="CYZ684" s="613"/>
      <c r="CZA684" s="613"/>
      <c r="CZB684" s="613"/>
      <c r="CZC684" s="613"/>
      <c r="CZD684" s="613"/>
      <c r="CZE684" s="613"/>
      <c r="CZF684" s="613"/>
      <c r="CZG684" s="613"/>
      <c r="CZH684" s="613"/>
      <c r="CZI684" s="613"/>
      <c r="CZJ684" s="613"/>
      <c r="CZK684" s="613"/>
      <c r="CZL684" s="613"/>
      <c r="CZM684" s="613"/>
      <c r="CZN684" s="613"/>
      <c r="CZO684" s="613"/>
      <c r="CZP684" s="613"/>
      <c r="CZQ684" s="613"/>
      <c r="CZR684" s="613"/>
      <c r="CZS684" s="613"/>
      <c r="CZT684" s="613"/>
      <c r="CZU684" s="613"/>
      <c r="CZV684" s="613"/>
      <c r="CZW684" s="613"/>
      <c r="CZX684" s="613"/>
      <c r="CZY684" s="613"/>
      <c r="CZZ684" s="613"/>
      <c r="DAA684" s="613"/>
      <c r="DAB684" s="613"/>
      <c r="DAC684" s="613"/>
      <c r="DAD684" s="613"/>
      <c r="DAE684" s="613"/>
      <c r="DAF684" s="613"/>
      <c r="DAG684" s="613"/>
      <c r="DAH684" s="613"/>
      <c r="DAI684" s="613"/>
      <c r="DAJ684" s="613"/>
      <c r="DAK684" s="613"/>
      <c r="DAL684" s="613"/>
      <c r="DAM684" s="613"/>
      <c r="DAN684" s="613"/>
      <c r="DAO684" s="613"/>
      <c r="DAP684" s="613"/>
      <c r="DAQ684" s="613"/>
      <c r="DAR684" s="613"/>
      <c r="DAS684" s="613"/>
      <c r="DAT684" s="613"/>
      <c r="DAU684" s="613"/>
      <c r="DAV684" s="613"/>
      <c r="DAW684" s="613"/>
      <c r="DAX684" s="613"/>
      <c r="DAY684" s="613"/>
      <c r="DAZ684" s="613"/>
      <c r="DBA684" s="613"/>
      <c r="DBB684" s="613"/>
      <c r="DBC684" s="613"/>
      <c r="DBD684" s="613"/>
      <c r="DBE684" s="613"/>
      <c r="DBF684" s="613"/>
      <c r="DBG684" s="613"/>
      <c r="DBH684" s="613"/>
      <c r="DBI684" s="613"/>
      <c r="DBJ684" s="613"/>
      <c r="DBK684" s="613"/>
      <c r="DBL684" s="613"/>
      <c r="DBM684" s="613"/>
      <c r="DBN684" s="613"/>
      <c r="DBO684" s="613"/>
      <c r="DBP684" s="613"/>
      <c r="DBQ684" s="613"/>
      <c r="DBR684" s="613"/>
      <c r="DBS684" s="613"/>
      <c r="DBT684" s="613"/>
      <c r="DBU684" s="613"/>
      <c r="DBV684" s="613"/>
      <c r="DBW684" s="613"/>
      <c r="DBX684" s="613"/>
      <c r="DBY684" s="613"/>
      <c r="DBZ684" s="613"/>
      <c r="DCA684" s="613"/>
      <c r="DCB684" s="613"/>
      <c r="DCC684" s="613"/>
      <c r="DCD684" s="613"/>
      <c r="DCE684" s="613"/>
      <c r="DCF684" s="613"/>
      <c r="DCG684" s="613"/>
      <c r="DCH684" s="613"/>
      <c r="DCI684" s="613"/>
      <c r="DCJ684" s="613"/>
      <c r="DCK684" s="613"/>
      <c r="DCL684" s="613"/>
      <c r="DCM684" s="613"/>
      <c r="DCN684" s="613"/>
      <c r="DCO684" s="613"/>
      <c r="DCP684" s="613"/>
      <c r="DCQ684" s="613"/>
      <c r="DCR684" s="613"/>
      <c r="DCS684" s="613"/>
      <c r="DCT684" s="613"/>
      <c r="DCU684" s="613"/>
      <c r="DCV684" s="613"/>
      <c r="DCW684" s="613"/>
      <c r="DCX684" s="613"/>
      <c r="DCY684" s="613"/>
      <c r="DCZ684" s="613"/>
      <c r="DDA684" s="613"/>
      <c r="DDB684" s="613"/>
      <c r="DDC684" s="613"/>
      <c r="DDD684" s="613"/>
      <c r="DDE684" s="613"/>
      <c r="DDF684" s="613"/>
      <c r="DDG684" s="613"/>
      <c r="DDH684" s="613"/>
      <c r="DDI684" s="613"/>
      <c r="DDJ684" s="613"/>
      <c r="DDK684" s="613"/>
      <c r="DDL684" s="613"/>
      <c r="DDM684" s="613"/>
      <c r="DDN684" s="613"/>
      <c r="DDO684" s="613"/>
      <c r="DDP684" s="613"/>
      <c r="DDQ684" s="613"/>
      <c r="DDR684" s="613"/>
      <c r="DDS684" s="613"/>
      <c r="DDT684" s="613"/>
      <c r="DDU684" s="613"/>
      <c r="DDV684" s="613"/>
      <c r="DDW684" s="613"/>
      <c r="DDX684" s="613"/>
      <c r="DDY684" s="613"/>
      <c r="DDZ684" s="613"/>
      <c r="DEA684" s="613"/>
      <c r="DEB684" s="613"/>
      <c r="DEC684" s="613"/>
      <c r="DED684" s="613"/>
      <c r="DEE684" s="613"/>
      <c r="DEF684" s="613"/>
      <c r="DEG684" s="613"/>
      <c r="DEH684" s="613"/>
      <c r="DEI684" s="613"/>
      <c r="DEJ684" s="613"/>
      <c r="DEK684" s="613"/>
      <c r="DEL684" s="613"/>
      <c r="DEM684" s="613"/>
      <c r="DEN684" s="613"/>
      <c r="DEO684" s="613"/>
      <c r="DEP684" s="613"/>
      <c r="DEQ684" s="613"/>
      <c r="DER684" s="613"/>
      <c r="DES684" s="613"/>
      <c r="DET684" s="613"/>
      <c r="DEU684" s="613"/>
      <c r="DEV684" s="613"/>
      <c r="DEW684" s="613"/>
      <c r="DEX684" s="613"/>
      <c r="DEY684" s="613"/>
      <c r="DEZ684" s="613"/>
      <c r="DFA684" s="613"/>
      <c r="DFB684" s="613"/>
      <c r="DFC684" s="613"/>
      <c r="DFD684" s="613"/>
      <c r="DFE684" s="613"/>
      <c r="DFF684" s="613"/>
      <c r="DFG684" s="613"/>
      <c r="DFH684" s="613"/>
      <c r="DFI684" s="613"/>
      <c r="DFJ684" s="613"/>
      <c r="DFK684" s="613"/>
      <c r="DFL684" s="613"/>
      <c r="DFM684" s="613"/>
      <c r="DFN684" s="613"/>
      <c r="DFO684" s="613"/>
      <c r="DFP684" s="613"/>
      <c r="DFQ684" s="613"/>
      <c r="DFR684" s="613"/>
      <c r="DFS684" s="613"/>
      <c r="DFT684" s="613"/>
      <c r="DFU684" s="613"/>
      <c r="DFV684" s="613"/>
      <c r="DFW684" s="613"/>
      <c r="DFX684" s="613"/>
      <c r="DFY684" s="613"/>
      <c r="DFZ684" s="613"/>
      <c r="DGA684" s="613"/>
      <c r="DGB684" s="613"/>
      <c r="DGC684" s="613"/>
      <c r="DGD684" s="613"/>
      <c r="DGE684" s="613"/>
      <c r="DGF684" s="613"/>
      <c r="DGG684" s="613"/>
      <c r="DGH684" s="613"/>
      <c r="DGI684" s="613"/>
      <c r="DGJ684" s="613"/>
      <c r="DGK684" s="613"/>
      <c r="DGL684" s="613"/>
      <c r="DGM684" s="613"/>
      <c r="DGN684" s="613"/>
      <c r="DGO684" s="613"/>
      <c r="DGP684" s="613"/>
      <c r="DGQ684" s="613"/>
      <c r="DGR684" s="613"/>
      <c r="DGS684" s="613"/>
      <c r="DGT684" s="613"/>
      <c r="DGU684" s="613"/>
      <c r="DGV684" s="613"/>
      <c r="DGW684" s="613"/>
      <c r="DGX684" s="613"/>
      <c r="DGY684" s="613"/>
      <c r="DGZ684" s="613"/>
      <c r="DHA684" s="613"/>
      <c r="DHB684" s="613"/>
      <c r="DHC684" s="613"/>
      <c r="DHD684" s="613"/>
      <c r="DHE684" s="613"/>
      <c r="DHF684" s="613"/>
      <c r="DHG684" s="613"/>
      <c r="DHH684" s="613"/>
      <c r="DHI684" s="613"/>
      <c r="DHJ684" s="613"/>
      <c r="DHK684" s="613"/>
      <c r="DHL684" s="613"/>
      <c r="DHM684" s="613"/>
      <c r="DHN684" s="613"/>
      <c r="DHO684" s="613"/>
      <c r="DHP684" s="613"/>
      <c r="DHQ684" s="613"/>
      <c r="DHR684" s="613"/>
      <c r="DHS684" s="613"/>
      <c r="DHT684" s="613"/>
      <c r="DHU684" s="613"/>
      <c r="DHV684" s="613"/>
      <c r="DHW684" s="613"/>
      <c r="DHX684" s="613"/>
      <c r="DHY684" s="613"/>
      <c r="DHZ684" s="613"/>
      <c r="DIA684" s="613"/>
      <c r="DIB684" s="613"/>
      <c r="DIC684" s="613"/>
      <c r="DID684" s="613"/>
      <c r="DIE684" s="613"/>
      <c r="DIF684" s="613"/>
      <c r="DIG684" s="613"/>
      <c r="DIH684" s="613"/>
      <c r="DII684" s="613"/>
      <c r="DIJ684" s="613"/>
      <c r="DIK684" s="613"/>
      <c r="DIL684" s="613"/>
      <c r="DIM684" s="613"/>
      <c r="DIN684" s="613"/>
      <c r="DIO684" s="613"/>
      <c r="DIP684" s="613"/>
      <c r="DIQ684" s="613"/>
      <c r="DIR684" s="613"/>
      <c r="DIS684" s="613"/>
      <c r="DIT684" s="613"/>
      <c r="DIU684" s="613"/>
      <c r="DIV684" s="613"/>
      <c r="DIW684" s="613"/>
      <c r="DIX684" s="613"/>
      <c r="DIY684" s="613"/>
      <c r="DIZ684" s="613"/>
      <c r="DJA684" s="613"/>
      <c r="DJB684" s="613"/>
      <c r="DJC684" s="613"/>
      <c r="DJD684" s="613"/>
      <c r="DJE684" s="613"/>
      <c r="DJF684" s="613"/>
      <c r="DJG684" s="613"/>
      <c r="DJH684" s="613"/>
      <c r="DJI684" s="613"/>
      <c r="DJJ684" s="613"/>
      <c r="DJK684" s="613"/>
      <c r="DJL684" s="613"/>
      <c r="DJM684" s="613"/>
      <c r="DJN684" s="613"/>
      <c r="DJO684" s="613"/>
      <c r="DJP684" s="613"/>
      <c r="DJQ684" s="613"/>
      <c r="DJR684" s="613"/>
      <c r="DJS684" s="613"/>
      <c r="DJT684" s="613"/>
      <c r="DJU684" s="613"/>
      <c r="DJV684" s="613"/>
      <c r="DJW684" s="613"/>
      <c r="DJX684" s="613"/>
      <c r="DJY684" s="613"/>
      <c r="DJZ684" s="613"/>
      <c r="DKA684" s="613"/>
      <c r="DKB684" s="613"/>
      <c r="DKC684" s="613"/>
      <c r="DKD684" s="613"/>
      <c r="DKE684" s="613"/>
      <c r="DKF684" s="613"/>
      <c r="DKG684" s="613"/>
      <c r="DKH684" s="613"/>
      <c r="DKI684" s="613"/>
      <c r="DKJ684" s="613"/>
      <c r="DKK684" s="613"/>
      <c r="DKL684" s="613"/>
      <c r="DKM684" s="613"/>
      <c r="DKN684" s="613"/>
      <c r="DKO684" s="613"/>
      <c r="DKP684" s="613"/>
      <c r="DKQ684" s="613"/>
      <c r="DKR684" s="613"/>
      <c r="DKS684" s="613"/>
      <c r="DKT684" s="613"/>
      <c r="DKU684" s="613"/>
      <c r="DKV684" s="613"/>
      <c r="DKW684" s="613"/>
      <c r="DKX684" s="613"/>
      <c r="DKY684" s="613"/>
      <c r="DKZ684" s="613"/>
      <c r="DLA684" s="613"/>
      <c r="DLB684" s="613"/>
      <c r="DLC684" s="613"/>
      <c r="DLD684" s="613"/>
      <c r="DLE684" s="613"/>
      <c r="DLF684" s="613"/>
      <c r="DLG684" s="613"/>
      <c r="DLH684" s="613"/>
      <c r="DLI684" s="613"/>
      <c r="DLJ684" s="613"/>
      <c r="DLK684" s="613"/>
      <c r="DLL684" s="613"/>
      <c r="DLM684" s="613"/>
      <c r="DLN684" s="613"/>
      <c r="DLO684" s="613"/>
      <c r="DLP684" s="613"/>
      <c r="DLQ684" s="613"/>
      <c r="DLR684" s="613"/>
      <c r="DLS684" s="613"/>
      <c r="DLT684" s="613"/>
      <c r="DLU684" s="613"/>
      <c r="DLV684" s="613"/>
      <c r="DLW684" s="613"/>
      <c r="DLX684" s="613"/>
      <c r="DLY684" s="613"/>
      <c r="DLZ684" s="613"/>
      <c r="DMA684" s="613"/>
      <c r="DMB684" s="613"/>
      <c r="DMC684" s="613"/>
      <c r="DMD684" s="613"/>
      <c r="DME684" s="613"/>
      <c r="DMF684" s="613"/>
      <c r="DMG684" s="613"/>
      <c r="DMH684" s="613"/>
      <c r="DMI684" s="613"/>
      <c r="DMJ684" s="613"/>
      <c r="DMK684" s="613"/>
      <c r="DML684" s="613"/>
      <c r="DMM684" s="613"/>
      <c r="DMN684" s="613"/>
      <c r="DMO684" s="613"/>
      <c r="DMP684" s="613"/>
      <c r="DMQ684" s="613"/>
      <c r="DMR684" s="613"/>
      <c r="DMS684" s="613"/>
      <c r="DMT684" s="613"/>
      <c r="DMU684" s="613"/>
      <c r="DMV684" s="613"/>
      <c r="DMW684" s="613"/>
      <c r="DMX684" s="613"/>
      <c r="DMY684" s="613"/>
      <c r="DMZ684" s="613"/>
      <c r="DNA684" s="613"/>
      <c r="DNB684" s="613"/>
      <c r="DNC684" s="613"/>
      <c r="DND684" s="613"/>
      <c r="DNE684" s="613"/>
      <c r="DNF684" s="613"/>
      <c r="DNG684" s="613"/>
      <c r="DNH684" s="613"/>
      <c r="DNI684" s="613"/>
      <c r="DNJ684" s="613"/>
      <c r="DNK684" s="613"/>
      <c r="DNL684" s="613"/>
      <c r="DNM684" s="613"/>
      <c r="DNN684" s="613"/>
      <c r="DNO684" s="613"/>
      <c r="DNP684" s="613"/>
      <c r="DNQ684" s="613"/>
      <c r="DNR684" s="613"/>
      <c r="DNS684" s="613"/>
      <c r="DNT684" s="613"/>
      <c r="DNU684" s="613"/>
      <c r="DNV684" s="613"/>
      <c r="DNW684" s="613"/>
      <c r="DNX684" s="613"/>
      <c r="DNY684" s="613"/>
      <c r="DNZ684" s="613"/>
      <c r="DOA684" s="613"/>
      <c r="DOB684" s="613"/>
      <c r="DOC684" s="613"/>
      <c r="DOD684" s="613"/>
      <c r="DOE684" s="613"/>
      <c r="DOF684" s="613"/>
      <c r="DOG684" s="613"/>
      <c r="DOH684" s="613"/>
      <c r="DOI684" s="613"/>
      <c r="DOJ684" s="613"/>
      <c r="DOK684" s="613"/>
      <c r="DOL684" s="613"/>
      <c r="DOM684" s="613"/>
      <c r="DON684" s="613"/>
      <c r="DOO684" s="613"/>
      <c r="DOP684" s="613"/>
      <c r="DOQ684" s="613"/>
      <c r="DOR684" s="613"/>
      <c r="DOS684" s="613"/>
      <c r="DOT684" s="613"/>
      <c r="DOU684" s="613"/>
      <c r="DOV684" s="613"/>
      <c r="DOW684" s="613"/>
      <c r="DOX684" s="613"/>
      <c r="DOY684" s="613"/>
      <c r="DOZ684" s="613"/>
      <c r="DPA684" s="613"/>
      <c r="DPB684" s="613"/>
      <c r="DPC684" s="613"/>
      <c r="DPD684" s="613"/>
      <c r="DPE684" s="613"/>
      <c r="DPF684" s="613"/>
      <c r="DPG684" s="613"/>
      <c r="DPH684" s="613"/>
      <c r="DPI684" s="613"/>
      <c r="DPJ684" s="613"/>
      <c r="DPK684" s="613"/>
      <c r="DPL684" s="613"/>
      <c r="DPM684" s="613"/>
      <c r="DPN684" s="613"/>
      <c r="DPO684" s="613"/>
      <c r="DPP684" s="613"/>
      <c r="DPQ684" s="613"/>
      <c r="DPR684" s="613"/>
      <c r="DPS684" s="613"/>
      <c r="DPT684" s="613"/>
      <c r="DPU684" s="613"/>
      <c r="DPV684" s="613"/>
      <c r="DPW684" s="613"/>
      <c r="DPX684" s="613"/>
      <c r="DPY684" s="613"/>
      <c r="DPZ684" s="613"/>
      <c r="DQA684" s="613"/>
      <c r="DQB684" s="613"/>
      <c r="DQC684" s="613"/>
      <c r="DQD684" s="613"/>
      <c r="DQE684" s="613"/>
      <c r="DQF684" s="613"/>
      <c r="DQG684" s="613"/>
      <c r="DQH684" s="613"/>
      <c r="DQI684" s="613"/>
      <c r="DQJ684" s="613"/>
      <c r="DQK684" s="613"/>
      <c r="DQL684" s="613"/>
      <c r="DQM684" s="613"/>
      <c r="DQN684" s="613"/>
      <c r="DQO684" s="613"/>
      <c r="DQP684" s="613"/>
      <c r="DQQ684" s="613"/>
      <c r="DQR684" s="613"/>
      <c r="DQS684" s="613"/>
      <c r="DQT684" s="613"/>
      <c r="DQU684" s="613"/>
      <c r="DQV684" s="613"/>
      <c r="DQW684" s="613"/>
      <c r="DQX684" s="613"/>
      <c r="DQY684" s="613"/>
      <c r="DQZ684" s="613"/>
      <c r="DRA684" s="613"/>
      <c r="DRB684" s="613"/>
      <c r="DRC684" s="613"/>
      <c r="DRD684" s="613"/>
      <c r="DRE684" s="613"/>
      <c r="DRF684" s="613"/>
      <c r="DRG684" s="613"/>
      <c r="DRH684" s="613"/>
      <c r="DRI684" s="613"/>
      <c r="DRJ684" s="613"/>
      <c r="DRK684" s="613"/>
      <c r="DRL684" s="613"/>
      <c r="DRM684" s="613"/>
      <c r="DRN684" s="613"/>
      <c r="DRO684" s="613"/>
      <c r="DRP684" s="613"/>
      <c r="DRQ684" s="613"/>
      <c r="DRR684" s="613"/>
      <c r="DRS684" s="613"/>
      <c r="DRT684" s="613"/>
      <c r="DRU684" s="613"/>
      <c r="DRV684" s="613"/>
      <c r="DRW684" s="613"/>
      <c r="DRX684" s="613"/>
      <c r="DRY684" s="613"/>
      <c r="DRZ684" s="613"/>
      <c r="DSA684" s="613"/>
      <c r="DSB684" s="613"/>
      <c r="DSC684" s="613"/>
      <c r="DSD684" s="613"/>
      <c r="DSE684" s="613"/>
      <c r="DSF684" s="613"/>
      <c r="DSG684" s="613"/>
      <c r="DSH684" s="613"/>
      <c r="DSI684" s="613"/>
      <c r="DSJ684" s="613"/>
      <c r="DSK684" s="613"/>
      <c r="DSL684" s="613"/>
      <c r="DSM684" s="613"/>
      <c r="DSN684" s="613"/>
      <c r="DSO684" s="613"/>
      <c r="DSP684" s="613"/>
      <c r="DSQ684" s="613"/>
      <c r="DSR684" s="613"/>
      <c r="DSS684" s="613"/>
      <c r="DST684" s="613"/>
      <c r="DSU684" s="613"/>
      <c r="DSV684" s="613"/>
      <c r="DSW684" s="613"/>
      <c r="DSX684" s="613"/>
      <c r="DSY684" s="613"/>
      <c r="DSZ684" s="613"/>
      <c r="DTA684" s="613"/>
      <c r="DTB684" s="613"/>
      <c r="DTC684" s="613"/>
      <c r="DTD684" s="613"/>
      <c r="DTE684" s="613"/>
      <c r="DTF684" s="613"/>
      <c r="DTG684" s="613"/>
      <c r="DTH684" s="613"/>
      <c r="DTI684" s="613"/>
      <c r="DTJ684" s="613"/>
      <c r="DTK684" s="613"/>
      <c r="DTL684" s="613"/>
      <c r="DTM684" s="613"/>
      <c r="DTN684" s="613"/>
      <c r="DTO684" s="613"/>
      <c r="DTP684" s="613"/>
      <c r="DTQ684" s="613"/>
      <c r="DTR684" s="613"/>
      <c r="DTS684" s="613"/>
      <c r="DTT684" s="613"/>
      <c r="DTU684" s="613"/>
      <c r="DTV684" s="613"/>
      <c r="DTW684" s="613"/>
      <c r="DTX684" s="613"/>
      <c r="DTY684" s="613"/>
      <c r="DTZ684" s="613"/>
      <c r="DUA684" s="613"/>
      <c r="DUB684" s="613"/>
      <c r="DUC684" s="613"/>
      <c r="DUD684" s="613"/>
      <c r="DUE684" s="613"/>
      <c r="DUF684" s="613"/>
      <c r="DUG684" s="613"/>
      <c r="DUH684" s="613"/>
      <c r="DUI684" s="613"/>
      <c r="DUJ684" s="613"/>
      <c r="DUK684" s="613"/>
      <c r="DUL684" s="613"/>
      <c r="DUM684" s="613"/>
      <c r="DUN684" s="613"/>
      <c r="DUO684" s="613"/>
      <c r="DUP684" s="613"/>
      <c r="DUQ684" s="613"/>
      <c r="DUR684" s="613"/>
      <c r="DUS684" s="613"/>
      <c r="DUT684" s="613"/>
      <c r="DUU684" s="613"/>
      <c r="DUV684" s="613"/>
      <c r="DUW684" s="613"/>
      <c r="DUX684" s="613"/>
      <c r="DUY684" s="613"/>
      <c r="DUZ684" s="613"/>
      <c r="DVA684" s="613"/>
      <c r="DVB684" s="613"/>
      <c r="DVC684" s="613"/>
      <c r="DVD684" s="613"/>
      <c r="DVE684" s="613"/>
      <c r="DVF684" s="613"/>
      <c r="DVG684" s="613"/>
      <c r="DVH684" s="613"/>
      <c r="DVI684" s="613"/>
      <c r="DVJ684" s="613"/>
      <c r="DVK684" s="613"/>
      <c r="DVL684" s="613"/>
      <c r="DVM684" s="613"/>
      <c r="DVN684" s="613"/>
      <c r="DVO684" s="613"/>
      <c r="DVP684" s="613"/>
      <c r="DVQ684" s="613"/>
      <c r="DVR684" s="613"/>
      <c r="DVS684" s="613"/>
      <c r="DVT684" s="613"/>
      <c r="DVU684" s="613"/>
      <c r="DVV684" s="613"/>
      <c r="DVW684" s="613"/>
      <c r="DVX684" s="613"/>
      <c r="DVY684" s="613"/>
      <c r="DVZ684" s="613"/>
      <c r="DWA684" s="613"/>
      <c r="DWB684" s="613"/>
      <c r="DWC684" s="613"/>
      <c r="DWD684" s="613"/>
      <c r="DWE684" s="613"/>
      <c r="DWF684" s="613"/>
      <c r="DWG684" s="613"/>
      <c r="DWH684" s="613"/>
      <c r="DWI684" s="613"/>
      <c r="DWJ684" s="613"/>
      <c r="DWK684" s="613"/>
      <c r="DWL684" s="613"/>
      <c r="DWM684" s="613"/>
      <c r="DWN684" s="613"/>
      <c r="DWO684" s="613"/>
      <c r="DWP684" s="613"/>
      <c r="DWQ684" s="613"/>
      <c r="DWR684" s="613"/>
      <c r="DWS684" s="613"/>
      <c r="DWT684" s="613"/>
      <c r="DWU684" s="613"/>
      <c r="DWV684" s="613"/>
      <c r="DWW684" s="613"/>
      <c r="DWX684" s="613"/>
      <c r="DWY684" s="613"/>
      <c r="DWZ684" s="613"/>
      <c r="DXA684" s="613"/>
      <c r="DXB684" s="613"/>
      <c r="DXC684" s="613"/>
      <c r="DXD684" s="613"/>
      <c r="DXE684" s="613"/>
      <c r="DXF684" s="613"/>
      <c r="DXG684" s="613"/>
      <c r="DXH684" s="613"/>
      <c r="DXI684" s="613"/>
      <c r="DXJ684" s="613"/>
      <c r="DXK684" s="613"/>
      <c r="DXL684" s="613"/>
      <c r="DXM684" s="613"/>
      <c r="DXN684" s="613"/>
      <c r="DXO684" s="613"/>
      <c r="DXP684" s="613"/>
      <c r="DXQ684" s="613"/>
      <c r="DXR684" s="613"/>
      <c r="DXS684" s="613"/>
      <c r="DXT684" s="613"/>
      <c r="DXU684" s="613"/>
      <c r="DXV684" s="613"/>
      <c r="DXW684" s="613"/>
      <c r="DXX684" s="613"/>
      <c r="DXY684" s="613"/>
      <c r="DXZ684" s="613"/>
      <c r="DYA684" s="613"/>
      <c r="DYB684" s="613"/>
      <c r="DYC684" s="613"/>
      <c r="DYD684" s="613"/>
      <c r="DYE684" s="613"/>
      <c r="DYF684" s="613"/>
      <c r="DYG684" s="613"/>
      <c r="DYH684" s="613"/>
      <c r="DYI684" s="613"/>
      <c r="DYJ684" s="613"/>
      <c r="DYK684" s="613"/>
      <c r="DYL684" s="613"/>
      <c r="DYM684" s="613"/>
      <c r="DYN684" s="613"/>
      <c r="DYO684" s="613"/>
      <c r="DYP684" s="613"/>
      <c r="DYQ684" s="613"/>
      <c r="DYR684" s="613"/>
      <c r="DYS684" s="613"/>
      <c r="DYT684" s="613"/>
      <c r="DYU684" s="613"/>
      <c r="DYV684" s="613"/>
      <c r="DYW684" s="613"/>
      <c r="DYX684" s="613"/>
      <c r="DYY684" s="613"/>
      <c r="DYZ684" s="613"/>
      <c r="DZA684" s="613"/>
      <c r="DZB684" s="613"/>
      <c r="DZC684" s="613"/>
      <c r="DZD684" s="613"/>
      <c r="DZE684" s="613"/>
      <c r="DZF684" s="613"/>
      <c r="DZG684" s="613"/>
      <c r="DZH684" s="613"/>
      <c r="DZI684" s="613"/>
      <c r="DZJ684" s="613"/>
      <c r="DZK684" s="613"/>
      <c r="DZL684" s="613"/>
      <c r="DZM684" s="613"/>
      <c r="DZN684" s="613"/>
      <c r="DZO684" s="613"/>
      <c r="DZP684" s="613"/>
      <c r="DZQ684" s="613"/>
      <c r="DZR684" s="613"/>
      <c r="DZS684" s="613"/>
      <c r="DZT684" s="613"/>
      <c r="DZU684" s="613"/>
      <c r="DZV684" s="613"/>
      <c r="DZW684" s="613"/>
      <c r="DZX684" s="613"/>
      <c r="DZY684" s="613"/>
      <c r="DZZ684" s="613"/>
      <c r="EAA684" s="613"/>
      <c r="EAB684" s="613"/>
      <c r="EAC684" s="613"/>
      <c r="EAD684" s="613"/>
      <c r="EAE684" s="613"/>
      <c r="EAF684" s="613"/>
      <c r="EAG684" s="613"/>
      <c r="EAH684" s="613"/>
      <c r="EAI684" s="613"/>
      <c r="EAJ684" s="613"/>
      <c r="EAK684" s="613"/>
      <c r="EAL684" s="613"/>
      <c r="EAM684" s="613"/>
      <c r="EAN684" s="613"/>
      <c r="EAO684" s="613"/>
      <c r="EAP684" s="613"/>
      <c r="EAQ684" s="613"/>
      <c r="EAR684" s="613"/>
      <c r="EAS684" s="613"/>
      <c r="EAT684" s="613"/>
      <c r="EAU684" s="613"/>
      <c r="EAV684" s="613"/>
      <c r="EAW684" s="613"/>
      <c r="EAX684" s="613"/>
      <c r="EAY684" s="613"/>
      <c r="EAZ684" s="613"/>
      <c r="EBA684" s="613"/>
      <c r="EBB684" s="613"/>
      <c r="EBC684" s="613"/>
      <c r="EBD684" s="613"/>
      <c r="EBE684" s="613"/>
      <c r="EBF684" s="613"/>
      <c r="EBG684" s="613"/>
      <c r="EBH684" s="613"/>
      <c r="EBI684" s="613"/>
      <c r="EBJ684" s="613"/>
      <c r="EBK684" s="613"/>
      <c r="EBL684" s="613"/>
      <c r="EBM684" s="613"/>
      <c r="EBN684" s="613"/>
      <c r="EBO684" s="613"/>
      <c r="EBP684" s="613"/>
      <c r="EBQ684" s="613"/>
      <c r="EBR684" s="613"/>
      <c r="EBS684" s="613"/>
      <c r="EBT684" s="613"/>
      <c r="EBU684" s="613"/>
      <c r="EBV684" s="613"/>
      <c r="EBW684" s="613"/>
      <c r="EBX684" s="613"/>
      <c r="EBY684" s="613"/>
      <c r="EBZ684" s="613"/>
      <c r="ECA684" s="613"/>
      <c r="ECB684" s="613"/>
      <c r="ECC684" s="613"/>
      <c r="ECD684" s="613"/>
      <c r="ECE684" s="613"/>
      <c r="ECF684" s="613"/>
      <c r="ECG684" s="613"/>
      <c r="ECH684" s="613"/>
      <c r="ECI684" s="613"/>
      <c r="ECJ684" s="613"/>
      <c r="ECK684" s="613"/>
      <c r="ECL684" s="613"/>
      <c r="ECM684" s="613"/>
      <c r="ECN684" s="613"/>
      <c r="ECO684" s="613"/>
      <c r="ECP684" s="613"/>
      <c r="ECQ684" s="613"/>
      <c r="ECR684" s="613"/>
      <c r="ECS684" s="613"/>
      <c r="ECT684" s="613"/>
      <c r="ECU684" s="613"/>
      <c r="ECV684" s="613"/>
      <c r="ECW684" s="613"/>
      <c r="ECX684" s="613"/>
      <c r="ECY684" s="613"/>
      <c r="ECZ684" s="613"/>
      <c r="EDA684" s="613"/>
      <c r="EDB684" s="613"/>
      <c r="EDC684" s="613"/>
      <c r="EDD684" s="613"/>
      <c r="EDE684" s="613"/>
      <c r="EDF684" s="613"/>
      <c r="EDG684" s="613"/>
      <c r="EDH684" s="613"/>
      <c r="EDI684" s="613"/>
      <c r="EDJ684" s="613"/>
      <c r="EDK684" s="613"/>
      <c r="EDL684" s="613"/>
      <c r="EDM684" s="613"/>
      <c r="EDN684" s="613"/>
      <c r="EDO684" s="613"/>
      <c r="EDP684" s="613"/>
      <c r="EDQ684" s="613"/>
      <c r="EDR684" s="613"/>
      <c r="EDS684" s="613"/>
      <c r="EDT684" s="613"/>
      <c r="EDU684" s="613"/>
      <c r="EDV684" s="613"/>
      <c r="EDW684" s="613"/>
      <c r="EDX684" s="613"/>
      <c r="EDY684" s="613"/>
      <c r="EDZ684" s="613"/>
      <c r="EEA684" s="613"/>
      <c r="EEB684" s="613"/>
      <c r="EEC684" s="613"/>
      <c r="EED684" s="613"/>
      <c r="EEE684" s="613"/>
      <c r="EEF684" s="613"/>
      <c r="EEG684" s="613"/>
      <c r="EEH684" s="613"/>
      <c r="EEI684" s="613"/>
      <c r="EEJ684" s="613"/>
      <c r="EEK684" s="613"/>
      <c r="EEL684" s="613"/>
      <c r="EEM684" s="613"/>
      <c r="EEN684" s="613"/>
      <c r="EEO684" s="613"/>
      <c r="EEP684" s="613"/>
      <c r="EEQ684" s="613"/>
      <c r="EER684" s="613"/>
      <c r="EES684" s="613"/>
      <c r="EET684" s="613"/>
      <c r="EEU684" s="613"/>
      <c r="EEV684" s="613"/>
      <c r="EEW684" s="613"/>
      <c r="EEX684" s="613"/>
      <c r="EEY684" s="613"/>
      <c r="EEZ684" s="613"/>
      <c r="EFA684" s="613"/>
      <c r="EFB684" s="613"/>
      <c r="EFC684" s="613"/>
      <c r="EFD684" s="613"/>
      <c r="EFE684" s="613"/>
      <c r="EFF684" s="613"/>
      <c r="EFG684" s="613"/>
      <c r="EFH684" s="613"/>
      <c r="EFI684" s="613"/>
      <c r="EFJ684" s="613"/>
      <c r="EFK684" s="613"/>
      <c r="EFL684" s="613"/>
      <c r="EFM684" s="613"/>
      <c r="EFN684" s="613"/>
      <c r="EFO684" s="613"/>
      <c r="EFP684" s="613"/>
      <c r="EFQ684" s="613"/>
      <c r="EFR684" s="613"/>
      <c r="EFS684" s="613"/>
      <c r="EFT684" s="613"/>
      <c r="EFU684" s="613"/>
      <c r="EFV684" s="613"/>
      <c r="EFW684" s="613"/>
      <c r="EFX684" s="613"/>
      <c r="EFY684" s="613"/>
      <c r="EFZ684" s="613"/>
      <c r="EGA684" s="613"/>
      <c r="EGB684" s="613"/>
      <c r="EGC684" s="613"/>
      <c r="EGD684" s="613"/>
      <c r="EGE684" s="613"/>
      <c r="EGF684" s="613"/>
      <c r="EGG684" s="613"/>
      <c r="EGH684" s="613"/>
      <c r="EGI684" s="613"/>
      <c r="EGJ684" s="613"/>
      <c r="EGK684" s="613"/>
      <c r="EGL684" s="613"/>
      <c r="EGM684" s="613"/>
      <c r="EGN684" s="613"/>
      <c r="EGO684" s="613"/>
      <c r="EGP684" s="613"/>
      <c r="EGQ684" s="613"/>
      <c r="EGR684" s="613"/>
      <c r="EGS684" s="613"/>
      <c r="EGT684" s="613"/>
      <c r="EGU684" s="613"/>
      <c r="EGV684" s="613"/>
      <c r="EGW684" s="613"/>
      <c r="EGX684" s="613"/>
      <c r="EGY684" s="613"/>
      <c r="EGZ684" s="613"/>
      <c r="EHA684" s="613"/>
      <c r="EHB684" s="613"/>
      <c r="EHC684" s="613"/>
      <c r="EHD684" s="613"/>
      <c r="EHE684" s="613"/>
      <c r="EHF684" s="613"/>
      <c r="EHG684" s="613"/>
      <c r="EHH684" s="613"/>
      <c r="EHI684" s="613"/>
      <c r="EHJ684" s="613"/>
      <c r="EHK684" s="613"/>
      <c r="EHL684" s="613"/>
      <c r="EHM684" s="613"/>
      <c r="EHN684" s="613"/>
      <c r="EHO684" s="613"/>
      <c r="EHP684" s="613"/>
      <c r="EHQ684" s="613"/>
      <c r="EHR684" s="613"/>
      <c r="EHS684" s="613"/>
      <c r="EHT684" s="613"/>
      <c r="EHU684" s="613"/>
      <c r="EHV684" s="613"/>
      <c r="EHW684" s="613"/>
      <c r="EHX684" s="613"/>
      <c r="EHY684" s="613"/>
      <c r="EHZ684" s="613"/>
      <c r="EIA684" s="613"/>
      <c r="EIB684" s="613"/>
      <c r="EIC684" s="613"/>
      <c r="EID684" s="613"/>
      <c r="EIE684" s="613"/>
      <c r="EIF684" s="613"/>
      <c r="EIG684" s="613"/>
      <c r="EIH684" s="613"/>
      <c r="EII684" s="613"/>
      <c r="EIJ684" s="613"/>
      <c r="EIK684" s="613"/>
      <c r="EIL684" s="613"/>
      <c r="EIM684" s="613"/>
      <c r="EIN684" s="613"/>
      <c r="EIO684" s="613"/>
      <c r="EIP684" s="613"/>
      <c r="EIQ684" s="613"/>
      <c r="EIR684" s="613"/>
      <c r="EIS684" s="613"/>
      <c r="EIT684" s="613"/>
      <c r="EIU684" s="613"/>
      <c r="EIV684" s="613"/>
      <c r="EIW684" s="613"/>
      <c r="EIX684" s="613"/>
      <c r="EIY684" s="613"/>
      <c r="EIZ684" s="613"/>
      <c r="EJA684" s="613"/>
      <c r="EJB684" s="613"/>
      <c r="EJC684" s="613"/>
      <c r="EJD684" s="613"/>
      <c r="EJE684" s="613"/>
      <c r="EJF684" s="613"/>
      <c r="EJG684" s="613"/>
      <c r="EJH684" s="613"/>
      <c r="EJI684" s="613"/>
      <c r="EJJ684" s="613"/>
      <c r="EJK684" s="613"/>
      <c r="EJL684" s="613"/>
      <c r="EJM684" s="613"/>
      <c r="EJN684" s="613"/>
      <c r="EJO684" s="613"/>
      <c r="EJP684" s="613"/>
      <c r="EJQ684" s="613"/>
      <c r="EJR684" s="613"/>
      <c r="EJS684" s="613"/>
      <c r="EJT684" s="613"/>
      <c r="EJU684" s="613"/>
      <c r="EJV684" s="613"/>
      <c r="EJW684" s="613"/>
      <c r="EJX684" s="613"/>
      <c r="EJY684" s="613"/>
      <c r="EJZ684" s="613"/>
      <c r="EKA684" s="613"/>
      <c r="EKB684" s="613"/>
      <c r="EKC684" s="613"/>
      <c r="EKD684" s="613"/>
      <c r="EKE684" s="613"/>
      <c r="EKF684" s="613"/>
      <c r="EKG684" s="613"/>
      <c r="EKH684" s="613"/>
      <c r="EKI684" s="613"/>
      <c r="EKJ684" s="613"/>
      <c r="EKK684" s="613"/>
      <c r="EKL684" s="613"/>
      <c r="EKM684" s="613"/>
      <c r="EKN684" s="613"/>
      <c r="EKO684" s="613"/>
      <c r="EKP684" s="613"/>
      <c r="EKQ684" s="613"/>
      <c r="EKR684" s="613"/>
      <c r="EKS684" s="613"/>
      <c r="EKT684" s="613"/>
      <c r="EKU684" s="613"/>
      <c r="EKV684" s="613"/>
      <c r="EKW684" s="613"/>
      <c r="EKX684" s="613"/>
      <c r="EKY684" s="613"/>
      <c r="EKZ684" s="613"/>
      <c r="ELA684" s="613"/>
      <c r="ELB684" s="613"/>
      <c r="ELC684" s="613"/>
      <c r="ELD684" s="613"/>
      <c r="ELE684" s="613"/>
      <c r="ELF684" s="613"/>
      <c r="ELG684" s="613"/>
      <c r="ELH684" s="613"/>
      <c r="ELI684" s="613"/>
      <c r="ELJ684" s="613"/>
      <c r="ELK684" s="613"/>
      <c r="ELL684" s="613"/>
      <c r="ELM684" s="613"/>
      <c r="ELN684" s="613"/>
      <c r="ELO684" s="613"/>
      <c r="ELP684" s="613"/>
      <c r="ELQ684" s="613"/>
      <c r="ELR684" s="613"/>
      <c r="ELS684" s="613"/>
      <c r="ELT684" s="613"/>
      <c r="ELU684" s="613"/>
      <c r="ELV684" s="613"/>
      <c r="ELW684" s="613"/>
      <c r="ELX684" s="613"/>
      <c r="ELY684" s="613"/>
      <c r="ELZ684" s="613"/>
      <c r="EMA684" s="613"/>
      <c r="EMB684" s="613"/>
      <c r="EMC684" s="613"/>
      <c r="EMD684" s="613"/>
      <c r="EME684" s="613"/>
      <c r="EMF684" s="613"/>
      <c r="EMG684" s="613"/>
      <c r="EMH684" s="613"/>
      <c r="EMI684" s="613"/>
      <c r="EMJ684" s="613"/>
      <c r="EMK684" s="613"/>
      <c r="EML684" s="613"/>
      <c r="EMM684" s="613"/>
      <c r="EMN684" s="613"/>
      <c r="EMO684" s="613"/>
      <c r="EMP684" s="613"/>
      <c r="EMQ684" s="613"/>
      <c r="EMR684" s="613"/>
      <c r="EMS684" s="613"/>
      <c r="EMT684" s="613"/>
      <c r="EMU684" s="613"/>
      <c r="EMV684" s="613"/>
      <c r="EMW684" s="613"/>
      <c r="EMX684" s="613"/>
      <c r="EMY684" s="613"/>
      <c r="EMZ684" s="613"/>
      <c r="ENA684" s="613"/>
      <c r="ENB684" s="613"/>
      <c r="ENC684" s="613"/>
      <c r="END684" s="613"/>
      <c r="ENE684" s="613"/>
      <c r="ENF684" s="613"/>
      <c r="ENG684" s="613"/>
      <c r="ENH684" s="613"/>
      <c r="ENI684" s="613"/>
      <c r="ENJ684" s="613"/>
      <c r="ENK684" s="613"/>
      <c r="ENL684" s="613"/>
      <c r="ENM684" s="613"/>
      <c r="ENN684" s="613"/>
      <c r="ENO684" s="613"/>
      <c r="ENP684" s="613"/>
      <c r="ENQ684" s="613"/>
      <c r="ENR684" s="613"/>
      <c r="ENS684" s="613"/>
      <c r="ENT684" s="613"/>
      <c r="ENU684" s="613"/>
      <c r="ENV684" s="613"/>
      <c r="ENW684" s="613"/>
      <c r="ENX684" s="613"/>
      <c r="ENY684" s="613"/>
      <c r="ENZ684" s="613"/>
      <c r="EOA684" s="613"/>
      <c r="EOB684" s="613"/>
      <c r="EOC684" s="613"/>
      <c r="EOD684" s="613"/>
      <c r="EOE684" s="613"/>
      <c r="EOF684" s="613"/>
      <c r="EOG684" s="613"/>
      <c r="EOH684" s="613"/>
      <c r="EOI684" s="613"/>
      <c r="EOJ684" s="613"/>
      <c r="EOK684" s="613"/>
      <c r="EOL684" s="613"/>
      <c r="EOM684" s="613"/>
      <c r="EON684" s="613"/>
      <c r="EOO684" s="613"/>
      <c r="EOP684" s="613"/>
      <c r="EOQ684" s="613"/>
      <c r="EOR684" s="613"/>
      <c r="EOS684" s="613"/>
      <c r="EOT684" s="613"/>
      <c r="EOU684" s="613"/>
      <c r="EOV684" s="613"/>
      <c r="EOW684" s="613"/>
      <c r="EOX684" s="613"/>
      <c r="EOY684" s="613"/>
      <c r="EOZ684" s="613"/>
      <c r="EPA684" s="613"/>
      <c r="EPB684" s="613"/>
      <c r="EPC684" s="613"/>
      <c r="EPD684" s="613"/>
      <c r="EPE684" s="613"/>
      <c r="EPF684" s="613"/>
      <c r="EPG684" s="613"/>
      <c r="EPH684" s="613"/>
      <c r="EPI684" s="613"/>
      <c r="EPJ684" s="613"/>
      <c r="EPK684" s="613"/>
      <c r="EPL684" s="613"/>
      <c r="EPM684" s="613"/>
      <c r="EPN684" s="613"/>
      <c r="EPO684" s="613"/>
      <c r="EPP684" s="613"/>
      <c r="EPQ684" s="613"/>
      <c r="EPR684" s="613"/>
      <c r="EPS684" s="613"/>
      <c r="EPT684" s="613"/>
      <c r="EPU684" s="613"/>
      <c r="EPV684" s="613"/>
      <c r="EPW684" s="613"/>
      <c r="EPX684" s="613"/>
      <c r="EPY684" s="613"/>
      <c r="EPZ684" s="613"/>
      <c r="EQA684" s="613"/>
      <c r="EQB684" s="613"/>
      <c r="EQC684" s="613"/>
      <c r="EQD684" s="613"/>
      <c r="EQE684" s="613"/>
      <c r="EQF684" s="613"/>
      <c r="EQG684" s="613"/>
      <c r="EQH684" s="613"/>
      <c r="EQI684" s="613"/>
      <c r="EQJ684" s="613"/>
      <c r="EQK684" s="613"/>
      <c r="EQL684" s="613"/>
      <c r="EQM684" s="613"/>
      <c r="EQN684" s="613"/>
      <c r="EQO684" s="613"/>
      <c r="EQP684" s="613"/>
      <c r="EQQ684" s="613"/>
      <c r="EQR684" s="613"/>
      <c r="EQS684" s="613"/>
      <c r="EQT684" s="613"/>
      <c r="EQU684" s="613"/>
      <c r="EQV684" s="613"/>
      <c r="EQW684" s="613"/>
      <c r="EQX684" s="613"/>
      <c r="EQY684" s="613"/>
      <c r="EQZ684" s="613"/>
      <c r="ERA684" s="613"/>
      <c r="ERB684" s="613"/>
      <c r="ERC684" s="613"/>
      <c r="ERD684" s="613"/>
      <c r="ERE684" s="613"/>
      <c r="ERF684" s="613"/>
      <c r="ERG684" s="613"/>
      <c r="ERH684" s="613"/>
      <c r="ERI684" s="613"/>
      <c r="ERJ684" s="613"/>
      <c r="ERK684" s="613"/>
      <c r="ERL684" s="613"/>
      <c r="ERM684" s="613"/>
      <c r="ERN684" s="613"/>
      <c r="ERO684" s="613"/>
      <c r="ERP684" s="613"/>
      <c r="ERQ684" s="613"/>
      <c r="ERR684" s="613"/>
      <c r="ERS684" s="613"/>
      <c r="ERT684" s="613"/>
      <c r="ERU684" s="613"/>
      <c r="ERV684" s="613"/>
      <c r="ERW684" s="613"/>
      <c r="ERX684" s="613"/>
      <c r="ERY684" s="613"/>
      <c r="ERZ684" s="613"/>
      <c r="ESA684" s="613"/>
      <c r="ESB684" s="613"/>
      <c r="ESC684" s="613"/>
      <c r="ESD684" s="613"/>
      <c r="ESE684" s="613"/>
      <c r="ESF684" s="613"/>
      <c r="ESG684" s="613"/>
      <c r="ESH684" s="613"/>
      <c r="ESI684" s="613"/>
      <c r="ESJ684" s="613"/>
      <c r="ESK684" s="613"/>
      <c r="ESL684" s="613"/>
      <c r="ESM684" s="613"/>
      <c r="ESN684" s="613"/>
      <c r="ESO684" s="613"/>
      <c r="ESP684" s="613"/>
      <c r="ESQ684" s="613"/>
      <c r="ESR684" s="613"/>
      <c r="ESS684" s="613"/>
      <c r="EST684" s="613"/>
      <c r="ESU684" s="613"/>
      <c r="ESV684" s="613"/>
      <c r="ESW684" s="613"/>
      <c r="ESX684" s="613"/>
      <c r="ESY684" s="613"/>
      <c r="ESZ684" s="613"/>
      <c r="ETA684" s="613"/>
      <c r="ETB684" s="613"/>
      <c r="ETC684" s="613"/>
      <c r="ETD684" s="613"/>
      <c r="ETE684" s="613"/>
      <c r="ETF684" s="613"/>
      <c r="ETG684" s="613"/>
      <c r="ETH684" s="613"/>
      <c r="ETI684" s="613"/>
      <c r="ETJ684" s="613"/>
      <c r="ETK684" s="613"/>
      <c r="ETL684" s="613"/>
      <c r="ETM684" s="613"/>
      <c r="ETN684" s="613"/>
      <c r="ETO684" s="613"/>
      <c r="ETP684" s="613"/>
      <c r="ETQ684" s="613"/>
      <c r="ETR684" s="613"/>
      <c r="ETS684" s="613"/>
      <c r="ETT684" s="613"/>
      <c r="ETU684" s="613"/>
      <c r="ETV684" s="613"/>
      <c r="ETW684" s="613"/>
      <c r="ETX684" s="613"/>
      <c r="ETY684" s="613"/>
      <c r="ETZ684" s="613"/>
      <c r="EUA684" s="613"/>
      <c r="EUB684" s="613"/>
      <c r="EUC684" s="613"/>
      <c r="EUD684" s="613"/>
      <c r="EUE684" s="613"/>
      <c r="EUF684" s="613"/>
      <c r="EUG684" s="613"/>
      <c r="EUH684" s="613"/>
      <c r="EUI684" s="613"/>
      <c r="EUJ684" s="613"/>
      <c r="EUK684" s="613"/>
      <c r="EUL684" s="613"/>
      <c r="EUM684" s="613"/>
      <c r="EUN684" s="613"/>
      <c r="EUO684" s="613"/>
      <c r="EUP684" s="613"/>
      <c r="EUQ684" s="613"/>
      <c r="EUR684" s="613"/>
      <c r="EUS684" s="613"/>
      <c r="EUT684" s="613"/>
      <c r="EUU684" s="613"/>
      <c r="EUV684" s="613"/>
      <c r="EUW684" s="613"/>
      <c r="EUX684" s="613"/>
      <c r="EUY684" s="613"/>
      <c r="EUZ684" s="613"/>
      <c r="EVA684" s="613"/>
      <c r="EVB684" s="613"/>
      <c r="EVC684" s="613"/>
      <c r="EVD684" s="613"/>
      <c r="EVE684" s="613"/>
      <c r="EVF684" s="613"/>
      <c r="EVG684" s="613"/>
      <c r="EVH684" s="613"/>
      <c r="EVI684" s="613"/>
      <c r="EVJ684" s="613"/>
      <c r="EVK684" s="613"/>
      <c r="EVL684" s="613"/>
      <c r="EVM684" s="613"/>
      <c r="EVN684" s="613"/>
      <c r="EVO684" s="613"/>
      <c r="EVP684" s="613"/>
      <c r="EVQ684" s="613"/>
      <c r="EVR684" s="613"/>
      <c r="EVS684" s="613"/>
      <c r="EVT684" s="613"/>
      <c r="EVU684" s="613"/>
      <c r="EVV684" s="613"/>
      <c r="EVW684" s="613"/>
      <c r="EVX684" s="613"/>
      <c r="EVY684" s="613"/>
      <c r="EVZ684" s="613"/>
      <c r="EWA684" s="613"/>
      <c r="EWB684" s="613"/>
      <c r="EWC684" s="613"/>
      <c r="EWD684" s="613"/>
      <c r="EWE684" s="613"/>
      <c r="EWF684" s="613"/>
      <c r="EWG684" s="613"/>
      <c r="EWH684" s="613"/>
      <c r="EWI684" s="613"/>
      <c r="EWJ684" s="613"/>
      <c r="EWK684" s="613"/>
      <c r="EWL684" s="613"/>
      <c r="EWM684" s="613"/>
      <c r="EWN684" s="613"/>
      <c r="EWO684" s="613"/>
      <c r="EWP684" s="613"/>
      <c r="EWQ684" s="613"/>
      <c r="EWR684" s="613"/>
      <c r="EWS684" s="613"/>
      <c r="EWT684" s="613"/>
      <c r="EWU684" s="613"/>
      <c r="EWV684" s="613"/>
      <c r="EWW684" s="613"/>
      <c r="EWX684" s="613"/>
      <c r="EWY684" s="613"/>
      <c r="EWZ684" s="613"/>
      <c r="EXA684" s="613"/>
      <c r="EXB684" s="613"/>
      <c r="EXC684" s="613"/>
      <c r="EXD684" s="613"/>
      <c r="EXE684" s="613"/>
      <c r="EXF684" s="613"/>
      <c r="EXG684" s="613"/>
      <c r="EXH684" s="613"/>
      <c r="EXI684" s="613"/>
      <c r="EXJ684" s="613"/>
      <c r="EXK684" s="613"/>
      <c r="EXL684" s="613"/>
      <c r="EXM684" s="613"/>
      <c r="EXN684" s="613"/>
      <c r="EXO684" s="613"/>
      <c r="EXP684" s="613"/>
      <c r="EXQ684" s="613"/>
      <c r="EXR684" s="613"/>
      <c r="EXS684" s="613"/>
      <c r="EXT684" s="613"/>
      <c r="EXU684" s="613"/>
      <c r="EXV684" s="613"/>
      <c r="EXW684" s="613"/>
      <c r="EXX684" s="613"/>
      <c r="EXY684" s="613"/>
      <c r="EXZ684" s="613"/>
      <c r="EYA684" s="613"/>
      <c r="EYB684" s="613"/>
      <c r="EYC684" s="613"/>
      <c r="EYD684" s="613"/>
      <c r="EYE684" s="613"/>
      <c r="EYF684" s="613"/>
      <c r="EYG684" s="613"/>
      <c r="EYH684" s="613"/>
      <c r="EYI684" s="613"/>
      <c r="EYJ684" s="613"/>
      <c r="EYK684" s="613"/>
      <c r="EYL684" s="613"/>
      <c r="EYM684" s="613"/>
      <c r="EYN684" s="613"/>
      <c r="EYO684" s="613"/>
      <c r="EYP684" s="613"/>
      <c r="EYQ684" s="613"/>
      <c r="EYR684" s="613"/>
      <c r="EYS684" s="613"/>
      <c r="EYT684" s="613"/>
      <c r="EYU684" s="613"/>
      <c r="EYV684" s="613"/>
      <c r="EYW684" s="613"/>
      <c r="EYX684" s="613"/>
      <c r="EYY684" s="613"/>
      <c r="EYZ684" s="613"/>
      <c r="EZA684" s="613"/>
      <c r="EZB684" s="613"/>
      <c r="EZC684" s="613"/>
      <c r="EZD684" s="613"/>
      <c r="EZE684" s="613"/>
      <c r="EZF684" s="613"/>
      <c r="EZG684" s="613"/>
      <c r="EZH684" s="613"/>
      <c r="EZI684" s="613"/>
      <c r="EZJ684" s="613"/>
      <c r="EZK684" s="613"/>
      <c r="EZL684" s="613"/>
      <c r="EZM684" s="613"/>
      <c r="EZN684" s="613"/>
      <c r="EZO684" s="613"/>
      <c r="EZP684" s="613"/>
      <c r="EZQ684" s="613"/>
      <c r="EZR684" s="613"/>
      <c r="EZS684" s="613"/>
      <c r="EZT684" s="613"/>
      <c r="EZU684" s="613"/>
      <c r="EZV684" s="613"/>
      <c r="EZW684" s="613"/>
      <c r="EZX684" s="613"/>
      <c r="EZY684" s="613"/>
      <c r="EZZ684" s="613"/>
      <c r="FAA684" s="613"/>
      <c r="FAB684" s="613"/>
      <c r="FAC684" s="613"/>
      <c r="FAD684" s="613"/>
      <c r="FAE684" s="613"/>
      <c r="FAF684" s="613"/>
      <c r="FAG684" s="613"/>
      <c r="FAH684" s="613"/>
      <c r="FAI684" s="613"/>
      <c r="FAJ684" s="613"/>
      <c r="FAK684" s="613"/>
      <c r="FAL684" s="613"/>
      <c r="FAM684" s="613"/>
      <c r="FAN684" s="613"/>
      <c r="FAO684" s="613"/>
      <c r="FAP684" s="613"/>
      <c r="FAQ684" s="613"/>
      <c r="FAR684" s="613"/>
      <c r="FAS684" s="613"/>
      <c r="FAT684" s="613"/>
      <c r="FAU684" s="613"/>
      <c r="FAV684" s="613"/>
      <c r="FAW684" s="613"/>
      <c r="FAX684" s="613"/>
      <c r="FAY684" s="613"/>
      <c r="FAZ684" s="613"/>
      <c r="FBA684" s="613"/>
      <c r="FBB684" s="613"/>
      <c r="FBC684" s="613"/>
      <c r="FBD684" s="613"/>
      <c r="FBE684" s="613"/>
      <c r="FBF684" s="613"/>
      <c r="FBG684" s="613"/>
      <c r="FBH684" s="613"/>
      <c r="FBI684" s="613"/>
      <c r="FBJ684" s="613"/>
      <c r="FBK684" s="613"/>
      <c r="FBL684" s="613"/>
      <c r="FBM684" s="613"/>
      <c r="FBN684" s="613"/>
      <c r="FBO684" s="613"/>
      <c r="FBP684" s="613"/>
      <c r="FBQ684" s="613"/>
      <c r="FBR684" s="613"/>
      <c r="FBS684" s="613"/>
      <c r="FBT684" s="613"/>
      <c r="FBU684" s="613"/>
      <c r="FBV684" s="613"/>
      <c r="FBW684" s="613"/>
      <c r="FBX684" s="613"/>
      <c r="FBY684" s="613"/>
      <c r="FBZ684" s="613"/>
      <c r="FCA684" s="613"/>
      <c r="FCB684" s="613"/>
      <c r="FCC684" s="613"/>
      <c r="FCD684" s="613"/>
      <c r="FCE684" s="613"/>
      <c r="FCF684" s="613"/>
      <c r="FCG684" s="613"/>
      <c r="FCH684" s="613"/>
      <c r="FCI684" s="613"/>
      <c r="FCJ684" s="613"/>
      <c r="FCK684" s="613"/>
      <c r="FCL684" s="613"/>
      <c r="FCM684" s="613"/>
      <c r="FCN684" s="613"/>
      <c r="FCO684" s="613"/>
      <c r="FCP684" s="613"/>
      <c r="FCQ684" s="613"/>
      <c r="FCR684" s="613"/>
      <c r="FCS684" s="613"/>
      <c r="FCT684" s="613"/>
      <c r="FCU684" s="613"/>
      <c r="FCV684" s="613"/>
      <c r="FCW684" s="613"/>
      <c r="FCX684" s="613"/>
      <c r="FCY684" s="613"/>
      <c r="FCZ684" s="613"/>
      <c r="FDA684" s="613"/>
      <c r="FDB684" s="613"/>
      <c r="FDC684" s="613"/>
      <c r="FDD684" s="613"/>
      <c r="FDE684" s="613"/>
      <c r="FDF684" s="613"/>
      <c r="FDG684" s="613"/>
      <c r="FDH684" s="613"/>
      <c r="FDI684" s="613"/>
      <c r="FDJ684" s="613"/>
      <c r="FDK684" s="613"/>
      <c r="FDL684" s="613"/>
      <c r="FDM684" s="613"/>
      <c r="FDN684" s="613"/>
      <c r="FDO684" s="613"/>
      <c r="FDP684" s="613"/>
      <c r="FDQ684" s="613"/>
      <c r="FDR684" s="613"/>
      <c r="FDS684" s="613"/>
      <c r="FDT684" s="613"/>
      <c r="FDU684" s="613"/>
      <c r="FDV684" s="613"/>
      <c r="FDW684" s="613"/>
      <c r="FDX684" s="613"/>
      <c r="FDY684" s="613"/>
      <c r="FDZ684" s="613"/>
      <c r="FEA684" s="613"/>
      <c r="FEB684" s="613"/>
      <c r="FEC684" s="613"/>
      <c r="FED684" s="613"/>
      <c r="FEE684" s="613"/>
      <c r="FEF684" s="613"/>
      <c r="FEG684" s="613"/>
      <c r="FEH684" s="613"/>
      <c r="FEI684" s="613"/>
      <c r="FEJ684" s="613"/>
      <c r="FEK684" s="613"/>
      <c r="FEL684" s="613"/>
      <c r="FEM684" s="613"/>
      <c r="FEN684" s="613"/>
      <c r="FEO684" s="613"/>
      <c r="FEP684" s="613"/>
      <c r="FEQ684" s="613"/>
      <c r="FER684" s="613"/>
      <c r="FES684" s="613"/>
      <c r="FET684" s="613"/>
      <c r="FEU684" s="613"/>
      <c r="FEV684" s="613"/>
      <c r="FEW684" s="613"/>
      <c r="FEX684" s="613"/>
      <c r="FEY684" s="613"/>
      <c r="FEZ684" s="613"/>
      <c r="FFA684" s="613"/>
      <c r="FFB684" s="613"/>
      <c r="FFC684" s="613"/>
      <c r="FFD684" s="613"/>
      <c r="FFE684" s="613"/>
      <c r="FFF684" s="613"/>
      <c r="FFG684" s="613"/>
      <c r="FFH684" s="613"/>
      <c r="FFI684" s="613"/>
      <c r="FFJ684" s="613"/>
      <c r="FFK684" s="613"/>
      <c r="FFL684" s="613"/>
      <c r="FFM684" s="613"/>
      <c r="FFN684" s="613"/>
      <c r="FFO684" s="613"/>
      <c r="FFP684" s="613"/>
      <c r="FFQ684" s="613"/>
      <c r="FFR684" s="613"/>
      <c r="FFS684" s="613"/>
      <c r="FFT684" s="613"/>
      <c r="FFU684" s="613"/>
      <c r="FFV684" s="613"/>
      <c r="FFW684" s="613"/>
      <c r="FFX684" s="613"/>
      <c r="FFY684" s="613"/>
      <c r="FFZ684" s="613"/>
      <c r="FGA684" s="613"/>
      <c r="FGB684" s="613"/>
      <c r="FGC684" s="613"/>
      <c r="FGD684" s="613"/>
      <c r="FGE684" s="613"/>
      <c r="FGF684" s="613"/>
      <c r="FGG684" s="613"/>
      <c r="FGH684" s="613"/>
      <c r="FGI684" s="613"/>
      <c r="FGJ684" s="613"/>
      <c r="FGK684" s="613"/>
      <c r="FGL684" s="613"/>
      <c r="FGM684" s="613"/>
      <c r="FGN684" s="613"/>
      <c r="FGO684" s="613"/>
      <c r="FGP684" s="613"/>
      <c r="FGQ684" s="613"/>
      <c r="FGR684" s="613"/>
      <c r="FGS684" s="613"/>
      <c r="FGT684" s="613"/>
      <c r="FGU684" s="613"/>
      <c r="FGV684" s="613"/>
      <c r="FGW684" s="613"/>
      <c r="FGX684" s="613"/>
      <c r="FGY684" s="613"/>
      <c r="FGZ684" s="613"/>
      <c r="FHA684" s="613"/>
      <c r="FHB684" s="613"/>
      <c r="FHC684" s="613"/>
      <c r="FHD684" s="613"/>
      <c r="FHE684" s="613"/>
      <c r="FHF684" s="613"/>
      <c r="FHG684" s="613"/>
      <c r="FHH684" s="613"/>
      <c r="FHI684" s="613"/>
      <c r="FHJ684" s="613"/>
      <c r="FHK684" s="613"/>
      <c r="FHL684" s="613"/>
      <c r="FHM684" s="613"/>
      <c r="FHN684" s="613"/>
      <c r="FHO684" s="613"/>
      <c r="FHP684" s="613"/>
      <c r="FHQ684" s="613"/>
      <c r="FHR684" s="613"/>
      <c r="FHS684" s="613"/>
      <c r="FHT684" s="613"/>
      <c r="FHU684" s="613"/>
      <c r="FHV684" s="613"/>
      <c r="FHW684" s="613"/>
      <c r="FHX684" s="613"/>
      <c r="FHY684" s="613"/>
      <c r="FHZ684" s="613"/>
      <c r="FIA684" s="613"/>
      <c r="FIB684" s="613"/>
      <c r="FIC684" s="613"/>
      <c r="FID684" s="613"/>
      <c r="FIE684" s="613"/>
      <c r="FIF684" s="613"/>
      <c r="FIG684" s="613"/>
      <c r="FIH684" s="613"/>
      <c r="FII684" s="613"/>
      <c r="FIJ684" s="613"/>
      <c r="FIK684" s="613"/>
      <c r="FIL684" s="613"/>
      <c r="FIM684" s="613"/>
      <c r="FIN684" s="613"/>
      <c r="FIO684" s="613"/>
      <c r="FIP684" s="613"/>
      <c r="FIQ684" s="613"/>
      <c r="FIR684" s="613"/>
      <c r="FIS684" s="613"/>
      <c r="FIT684" s="613"/>
      <c r="FIU684" s="613"/>
      <c r="FIV684" s="613"/>
      <c r="FIW684" s="613"/>
      <c r="FIX684" s="613"/>
      <c r="FIY684" s="613"/>
      <c r="FIZ684" s="613"/>
      <c r="FJA684" s="613"/>
      <c r="FJB684" s="613"/>
      <c r="FJC684" s="613"/>
      <c r="FJD684" s="613"/>
      <c r="FJE684" s="613"/>
      <c r="FJF684" s="613"/>
      <c r="FJG684" s="613"/>
      <c r="FJH684" s="613"/>
      <c r="FJI684" s="613"/>
      <c r="FJJ684" s="613"/>
      <c r="FJK684" s="613"/>
      <c r="FJL684" s="613"/>
      <c r="FJM684" s="613"/>
      <c r="FJN684" s="613"/>
      <c r="FJO684" s="613"/>
      <c r="FJP684" s="613"/>
      <c r="FJQ684" s="613"/>
      <c r="FJR684" s="613"/>
      <c r="FJS684" s="613"/>
      <c r="FJT684" s="613"/>
      <c r="FJU684" s="613"/>
      <c r="FJV684" s="613"/>
      <c r="FJW684" s="613"/>
      <c r="FJX684" s="613"/>
      <c r="FJY684" s="613"/>
      <c r="FJZ684" s="613"/>
      <c r="FKA684" s="613"/>
      <c r="FKB684" s="613"/>
      <c r="FKC684" s="613"/>
      <c r="FKD684" s="613"/>
      <c r="FKE684" s="613"/>
      <c r="FKF684" s="613"/>
      <c r="FKG684" s="613"/>
      <c r="FKH684" s="613"/>
      <c r="FKI684" s="613"/>
      <c r="FKJ684" s="613"/>
      <c r="FKK684" s="613"/>
      <c r="FKL684" s="613"/>
      <c r="FKM684" s="613"/>
      <c r="FKN684" s="613"/>
      <c r="FKO684" s="613"/>
      <c r="FKP684" s="613"/>
      <c r="FKQ684" s="613"/>
      <c r="FKR684" s="613"/>
      <c r="FKS684" s="613"/>
      <c r="FKT684" s="613"/>
      <c r="FKU684" s="613"/>
      <c r="FKV684" s="613"/>
      <c r="FKW684" s="613"/>
      <c r="FKX684" s="613"/>
      <c r="FKY684" s="613"/>
      <c r="FKZ684" s="613"/>
      <c r="FLA684" s="613"/>
      <c r="FLB684" s="613"/>
      <c r="FLC684" s="613"/>
      <c r="FLD684" s="613"/>
      <c r="FLE684" s="613"/>
      <c r="FLF684" s="613"/>
      <c r="FLG684" s="613"/>
      <c r="FLH684" s="613"/>
      <c r="FLI684" s="613"/>
      <c r="FLJ684" s="613"/>
      <c r="FLK684" s="613"/>
      <c r="FLL684" s="613"/>
      <c r="FLM684" s="613"/>
      <c r="FLN684" s="613"/>
      <c r="FLO684" s="613"/>
      <c r="FLP684" s="613"/>
      <c r="FLQ684" s="613"/>
      <c r="FLR684" s="613"/>
      <c r="FLS684" s="613"/>
      <c r="FLT684" s="613"/>
      <c r="FLU684" s="613"/>
      <c r="FLV684" s="613"/>
      <c r="FLW684" s="613"/>
      <c r="FLX684" s="613"/>
      <c r="FLY684" s="613"/>
      <c r="FLZ684" s="613"/>
      <c r="FMA684" s="613"/>
      <c r="FMB684" s="613"/>
      <c r="FMC684" s="613"/>
      <c r="FMD684" s="613"/>
      <c r="FME684" s="613"/>
      <c r="FMF684" s="613"/>
      <c r="FMG684" s="613"/>
      <c r="FMH684" s="613"/>
      <c r="FMI684" s="613"/>
      <c r="FMJ684" s="613"/>
      <c r="FMK684" s="613"/>
      <c r="FML684" s="613"/>
      <c r="FMM684" s="613"/>
      <c r="FMN684" s="613"/>
      <c r="FMO684" s="613"/>
      <c r="FMP684" s="613"/>
      <c r="FMQ684" s="613"/>
      <c r="FMR684" s="613"/>
      <c r="FMS684" s="613"/>
      <c r="FMT684" s="613"/>
      <c r="FMU684" s="613"/>
      <c r="FMV684" s="613"/>
      <c r="FMW684" s="613"/>
      <c r="FMX684" s="613"/>
      <c r="FMY684" s="613"/>
      <c r="FMZ684" s="613"/>
      <c r="FNA684" s="613"/>
      <c r="FNB684" s="613"/>
      <c r="FNC684" s="613"/>
      <c r="FND684" s="613"/>
      <c r="FNE684" s="613"/>
      <c r="FNF684" s="613"/>
      <c r="FNG684" s="613"/>
      <c r="FNH684" s="613"/>
      <c r="FNI684" s="613"/>
      <c r="FNJ684" s="613"/>
      <c r="FNK684" s="613"/>
      <c r="FNL684" s="613"/>
      <c r="FNM684" s="613"/>
      <c r="FNN684" s="613"/>
      <c r="FNO684" s="613"/>
      <c r="FNP684" s="613"/>
      <c r="FNQ684" s="613"/>
      <c r="FNR684" s="613"/>
      <c r="FNS684" s="613"/>
      <c r="FNT684" s="613"/>
      <c r="FNU684" s="613"/>
      <c r="FNV684" s="613"/>
      <c r="FNW684" s="613"/>
      <c r="FNX684" s="613"/>
      <c r="FNY684" s="613"/>
      <c r="FNZ684" s="613"/>
      <c r="FOA684" s="613"/>
      <c r="FOB684" s="613"/>
      <c r="FOC684" s="613"/>
      <c r="FOD684" s="613"/>
      <c r="FOE684" s="613"/>
      <c r="FOF684" s="613"/>
      <c r="FOG684" s="613"/>
      <c r="FOH684" s="613"/>
      <c r="FOI684" s="613"/>
      <c r="FOJ684" s="613"/>
      <c r="FOK684" s="613"/>
      <c r="FOL684" s="613"/>
      <c r="FOM684" s="613"/>
      <c r="FON684" s="613"/>
      <c r="FOO684" s="613"/>
      <c r="FOP684" s="613"/>
      <c r="FOQ684" s="613"/>
      <c r="FOR684" s="613"/>
      <c r="FOS684" s="613"/>
      <c r="FOT684" s="613"/>
      <c r="FOU684" s="613"/>
      <c r="FOV684" s="613"/>
      <c r="FOW684" s="613"/>
      <c r="FOX684" s="613"/>
      <c r="FOY684" s="613"/>
      <c r="FOZ684" s="613"/>
      <c r="FPA684" s="613"/>
      <c r="FPB684" s="613"/>
      <c r="FPC684" s="613"/>
      <c r="FPD684" s="613"/>
      <c r="FPE684" s="613"/>
      <c r="FPF684" s="613"/>
      <c r="FPG684" s="613"/>
      <c r="FPH684" s="613"/>
      <c r="FPI684" s="613"/>
      <c r="FPJ684" s="613"/>
      <c r="FPK684" s="613"/>
      <c r="FPL684" s="613"/>
      <c r="FPM684" s="613"/>
      <c r="FPN684" s="613"/>
      <c r="FPO684" s="613"/>
      <c r="FPP684" s="613"/>
      <c r="FPQ684" s="613"/>
      <c r="FPR684" s="613"/>
      <c r="FPS684" s="613"/>
      <c r="FPT684" s="613"/>
      <c r="FPU684" s="613"/>
      <c r="FPV684" s="613"/>
      <c r="FPW684" s="613"/>
      <c r="FPX684" s="613"/>
      <c r="FPY684" s="613"/>
      <c r="FPZ684" s="613"/>
      <c r="FQA684" s="613"/>
      <c r="FQB684" s="613"/>
      <c r="FQC684" s="613"/>
      <c r="FQD684" s="613"/>
      <c r="FQE684" s="613"/>
      <c r="FQF684" s="613"/>
      <c r="FQG684" s="613"/>
      <c r="FQH684" s="613"/>
      <c r="FQI684" s="613"/>
      <c r="FQJ684" s="613"/>
      <c r="FQK684" s="613"/>
      <c r="FQL684" s="613"/>
      <c r="FQM684" s="613"/>
      <c r="FQN684" s="613"/>
      <c r="FQO684" s="613"/>
      <c r="FQP684" s="613"/>
      <c r="FQQ684" s="613"/>
      <c r="FQR684" s="613"/>
      <c r="FQS684" s="613"/>
      <c r="FQT684" s="613"/>
      <c r="FQU684" s="613"/>
      <c r="FQV684" s="613"/>
      <c r="FQW684" s="613"/>
      <c r="FQX684" s="613"/>
      <c r="FQY684" s="613"/>
      <c r="FQZ684" s="613"/>
      <c r="FRA684" s="613"/>
      <c r="FRB684" s="613"/>
      <c r="FRC684" s="613"/>
      <c r="FRD684" s="613"/>
      <c r="FRE684" s="613"/>
      <c r="FRF684" s="613"/>
      <c r="FRG684" s="613"/>
      <c r="FRH684" s="613"/>
      <c r="FRI684" s="613"/>
      <c r="FRJ684" s="613"/>
      <c r="FRK684" s="613"/>
      <c r="FRL684" s="613"/>
      <c r="FRM684" s="613"/>
      <c r="FRN684" s="613"/>
      <c r="FRO684" s="613"/>
      <c r="FRP684" s="613"/>
      <c r="FRQ684" s="613"/>
      <c r="FRR684" s="613"/>
      <c r="FRS684" s="613"/>
      <c r="FRT684" s="613"/>
      <c r="FRU684" s="613"/>
      <c r="FRV684" s="613"/>
      <c r="FRW684" s="613"/>
      <c r="FRX684" s="613"/>
      <c r="FRY684" s="613"/>
      <c r="FRZ684" s="613"/>
      <c r="FSA684" s="613"/>
      <c r="FSB684" s="613"/>
      <c r="FSC684" s="613"/>
      <c r="FSD684" s="613"/>
      <c r="FSE684" s="613"/>
      <c r="FSF684" s="613"/>
      <c r="FSG684" s="613"/>
      <c r="FSH684" s="613"/>
      <c r="FSI684" s="613"/>
      <c r="FSJ684" s="613"/>
      <c r="FSK684" s="613"/>
      <c r="FSL684" s="613"/>
      <c r="FSM684" s="613"/>
      <c r="FSN684" s="613"/>
      <c r="FSO684" s="613"/>
      <c r="FSP684" s="613"/>
      <c r="FSQ684" s="613"/>
      <c r="FSR684" s="613"/>
      <c r="FSS684" s="613"/>
      <c r="FST684" s="613"/>
      <c r="FSU684" s="613"/>
      <c r="FSV684" s="613"/>
      <c r="FSW684" s="613"/>
      <c r="FSX684" s="613"/>
      <c r="FSY684" s="613"/>
      <c r="FSZ684" s="613"/>
      <c r="FTA684" s="613"/>
      <c r="FTB684" s="613"/>
      <c r="FTC684" s="613"/>
      <c r="FTD684" s="613"/>
      <c r="FTE684" s="613"/>
      <c r="FTF684" s="613"/>
      <c r="FTG684" s="613"/>
      <c r="FTH684" s="613"/>
      <c r="FTI684" s="613"/>
      <c r="FTJ684" s="613"/>
      <c r="FTK684" s="613"/>
      <c r="FTL684" s="613"/>
      <c r="FTM684" s="613"/>
      <c r="FTN684" s="613"/>
      <c r="FTO684" s="613"/>
      <c r="FTP684" s="613"/>
      <c r="FTQ684" s="613"/>
      <c r="FTR684" s="613"/>
      <c r="FTS684" s="613"/>
      <c r="FTT684" s="613"/>
      <c r="FTU684" s="613"/>
      <c r="FTV684" s="613"/>
      <c r="FTW684" s="613"/>
      <c r="FTX684" s="613"/>
      <c r="FTY684" s="613"/>
      <c r="FTZ684" s="613"/>
      <c r="FUA684" s="613"/>
      <c r="FUB684" s="613"/>
      <c r="FUC684" s="613"/>
      <c r="FUD684" s="613"/>
      <c r="FUE684" s="613"/>
      <c r="FUF684" s="613"/>
      <c r="FUG684" s="613"/>
      <c r="FUH684" s="613"/>
      <c r="FUI684" s="613"/>
      <c r="FUJ684" s="613"/>
      <c r="FUK684" s="613"/>
      <c r="FUL684" s="613"/>
      <c r="FUM684" s="613"/>
      <c r="FUN684" s="613"/>
      <c r="FUO684" s="613"/>
      <c r="FUP684" s="613"/>
      <c r="FUQ684" s="613"/>
      <c r="FUR684" s="613"/>
      <c r="FUS684" s="613"/>
      <c r="FUT684" s="613"/>
      <c r="FUU684" s="613"/>
      <c r="FUV684" s="613"/>
      <c r="FUW684" s="613"/>
      <c r="FUX684" s="613"/>
      <c r="FUY684" s="613"/>
      <c r="FUZ684" s="613"/>
      <c r="FVA684" s="613"/>
      <c r="FVB684" s="613"/>
      <c r="FVC684" s="613"/>
      <c r="FVD684" s="613"/>
      <c r="FVE684" s="613"/>
      <c r="FVF684" s="613"/>
      <c r="FVG684" s="613"/>
      <c r="FVH684" s="613"/>
      <c r="FVI684" s="613"/>
      <c r="FVJ684" s="613"/>
      <c r="FVK684" s="613"/>
      <c r="FVL684" s="613"/>
      <c r="FVM684" s="613"/>
      <c r="FVN684" s="613"/>
      <c r="FVO684" s="613"/>
      <c r="FVP684" s="613"/>
      <c r="FVQ684" s="613"/>
      <c r="FVR684" s="613"/>
      <c r="FVS684" s="613"/>
      <c r="FVT684" s="613"/>
      <c r="FVU684" s="613"/>
      <c r="FVV684" s="613"/>
      <c r="FVW684" s="613"/>
      <c r="FVX684" s="613"/>
      <c r="FVY684" s="613"/>
      <c r="FVZ684" s="613"/>
      <c r="FWA684" s="613"/>
      <c r="FWB684" s="613"/>
      <c r="FWC684" s="613"/>
      <c r="FWD684" s="613"/>
      <c r="FWE684" s="613"/>
      <c r="FWF684" s="613"/>
      <c r="FWG684" s="613"/>
      <c r="FWH684" s="613"/>
      <c r="FWI684" s="613"/>
      <c r="FWJ684" s="613"/>
      <c r="FWK684" s="613"/>
      <c r="FWL684" s="613"/>
      <c r="FWM684" s="613"/>
      <c r="FWN684" s="613"/>
      <c r="FWO684" s="613"/>
      <c r="FWP684" s="613"/>
      <c r="FWQ684" s="613"/>
      <c r="FWR684" s="613"/>
      <c r="FWS684" s="613"/>
      <c r="FWT684" s="613"/>
      <c r="FWU684" s="613"/>
      <c r="FWV684" s="613"/>
      <c r="FWW684" s="613"/>
      <c r="FWX684" s="613"/>
      <c r="FWY684" s="613"/>
      <c r="FWZ684" s="613"/>
      <c r="FXA684" s="613"/>
      <c r="FXB684" s="613"/>
      <c r="FXC684" s="613"/>
      <c r="FXD684" s="613"/>
      <c r="FXE684" s="613"/>
      <c r="FXF684" s="613"/>
      <c r="FXG684" s="613"/>
      <c r="FXH684" s="613"/>
      <c r="FXI684" s="613"/>
      <c r="FXJ684" s="613"/>
      <c r="FXK684" s="613"/>
      <c r="FXL684" s="613"/>
      <c r="FXM684" s="613"/>
      <c r="FXN684" s="613"/>
      <c r="FXO684" s="613"/>
      <c r="FXP684" s="613"/>
      <c r="FXQ684" s="613"/>
      <c r="FXR684" s="613"/>
      <c r="FXS684" s="613"/>
      <c r="FXT684" s="613"/>
      <c r="FXU684" s="613"/>
      <c r="FXV684" s="613"/>
      <c r="FXW684" s="613"/>
      <c r="FXX684" s="613"/>
      <c r="FXY684" s="613"/>
      <c r="FXZ684" s="613"/>
      <c r="FYA684" s="613"/>
      <c r="FYB684" s="613"/>
      <c r="FYC684" s="613"/>
      <c r="FYD684" s="613"/>
      <c r="FYE684" s="613"/>
      <c r="FYF684" s="613"/>
      <c r="FYG684" s="613"/>
      <c r="FYH684" s="613"/>
      <c r="FYI684" s="613"/>
      <c r="FYJ684" s="613"/>
      <c r="FYK684" s="613"/>
      <c r="FYL684" s="613"/>
      <c r="FYM684" s="613"/>
      <c r="FYN684" s="613"/>
      <c r="FYO684" s="613"/>
      <c r="FYP684" s="613"/>
      <c r="FYQ684" s="613"/>
      <c r="FYR684" s="613"/>
      <c r="FYS684" s="613"/>
      <c r="FYT684" s="613"/>
      <c r="FYU684" s="613"/>
      <c r="FYV684" s="613"/>
      <c r="FYW684" s="613"/>
      <c r="FYX684" s="613"/>
      <c r="FYY684" s="613"/>
      <c r="FYZ684" s="613"/>
      <c r="FZA684" s="613"/>
      <c r="FZB684" s="613"/>
      <c r="FZC684" s="613"/>
      <c r="FZD684" s="613"/>
      <c r="FZE684" s="613"/>
      <c r="FZF684" s="613"/>
      <c r="FZG684" s="613"/>
      <c r="FZH684" s="613"/>
      <c r="FZI684" s="613"/>
      <c r="FZJ684" s="613"/>
      <c r="FZK684" s="613"/>
      <c r="FZL684" s="613"/>
      <c r="FZM684" s="613"/>
      <c r="FZN684" s="613"/>
      <c r="FZO684" s="613"/>
      <c r="FZP684" s="613"/>
      <c r="FZQ684" s="613"/>
      <c r="FZR684" s="613"/>
      <c r="FZS684" s="613"/>
      <c r="FZT684" s="613"/>
      <c r="FZU684" s="613"/>
      <c r="FZV684" s="613"/>
      <c r="FZW684" s="613"/>
      <c r="FZX684" s="613"/>
      <c r="FZY684" s="613"/>
      <c r="FZZ684" s="613"/>
      <c r="GAA684" s="613"/>
      <c r="GAB684" s="613"/>
      <c r="GAC684" s="613"/>
      <c r="GAD684" s="613"/>
      <c r="GAE684" s="613"/>
      <c r="GAF684" s="613"/>
      <c r="GAG684" s="613"/>
      <c r="GAH684" s="613"/>
      <c r="GAI684" s="613"/>
      <c r="GAJ684" s="613"/>
      <c r="GAK684" s="613"/>
      <c r="GAL684" s="613"/>
      <c r="GAM684" s="613"/>
      <c r="GAN684" s="613"/>
      <c r="GAO684" s="613"/>
      <c r="GAP684" s="613"/>
      <c r="GAQ684" s="613"/>
      <c r="GAR684" s="613"/>
      <c r="GAS684" s="613"/>
      <c r="GAT684" s="613"/>
      <c r="GAU684" s="613"/>
      <c r="GAV684" s="613"/>
      <c r="GAW684" s="613"/>
      <c r="GAX684" s="613"/>
      <c r="GAY684" s="613"/>
      <c r="GAZ684" s="613"/>
      <c r="GBA684" s="613"/>
      <c r="GBB684" s="613"/>
      <c r="GBC684" s="613"/>
      <c r="GBD684" s="613"/>
      <c r="GBE684" s="613"/>
      <c r="GBF684" s="613"/>
      <c r="GBG684" s="613"/>
      <c r="GBH684" s="613"/>
      <c r="GBI684" s="613"/>
      <c r="GBJ684" s="613"/>
      <c r="GBK684" s="613"/>
      <c r="GBL684" s="613"/>
      <c r="GBM684" s="613"/>
      <c r="GBN684" s="613"/>
      <c r="GBO684" s="613"/>
      <c r="GBP684" s="613"/>
      <c r="GBQ684" s="613"/>
      <c r="GBR684" s="613"/>
      <c r="GBS684" s="613"/>
      <c r="GBT684" s="613"/>
      <c r="GBU684" s="613"/>
      <c r="GBV684" s="613"/>
      <c r="GBW684" s="613"/>
      <c r="GBX684" s="613"/>
      <c r="GBY684" s="613"/>
      <c r="GBZ684" s="613"/>
      <c r="GCA684" s="613"/>
      <c r="GCB684" s="613"/>
      <c r="GCC684" s="613"/>
      <c r="GCD684" s="613"/>
      <c r="GCE684" s="613"/>
      <c r="GCF684" s="613"/>
      <c r="GCG684" s="613"/>
      <c r="GCH684" s="613"/>
      <c r="GCI684" s="613"/>
      <c r="GCJ684" s="613"/>
      <c r="GCK684" s="613"/>
      <c r="GCL684" s="613"/>
      <c r="GCM684" s="613"/>
      <c r="GCN684" s="613"/>
      <c r="GCO684" s="613"/>
      <c r="GCP684" s="613"/>
      <c r="GCQ684" s="613"/>
      <c r="GCR684" s="613"/>
      <c r="GCS684" s="613"/>
      <c r="GCT684" s="613"/>
      <c r="GCU684" s="613"/>
      <c r="GCV684" s="613"/>
      <c r="GCW684" s="613"/>
      <c r="GCX684" s="613"/>
      <c r="GCY684" s="613"/>
      <c r="GCZ684" s="613"/>
      <c r="GDA684" s="613"/>
      <c r="GDB684" s="613"/>
      <c r="GDC684" s="613"/>
      <c r="GDD684" s="613"/>
      <c r="GDE684" s="613"/>
      <c r="GDF684" s="613"/>
      <c r="GDG684" s="613"/>
      <c r="GDH684" s="613"/>
      <c r="GDI684" s="613"/>
      <c r="GDJ684" s="613"/>
      <c r="GDK684" s="613"/>
      <c r="GDL684" s="613"/>
      <c r="GDM684" s="613"/>
      <c r="GDN684" s="613"/>
      <c r="GDO684" s="613"/>
      <c r="GDP684" s="613"/>
      <c r="GDQ684" s="613"/>
      <c r="GDR684" s="613"/>
      <c r="GDS684" s="613"/>
      <c r="GDT684" s="613"/>
      <c r="GDU684" s="613"/>
      <c r="GDV684" s="613"/>
      <c r="GDW684" s="613"/>
      <c r="GDX684" s="613"/>
      <c r="GDY684" s="613"/>
      <c r="GDZ684" s="613"/>
      <c r="GEA684" s="613"/>
      <c r="GEB684" s="613"/>
      <c r="GEC684" s="613"/>
      <c r="GED684" s="613"/>
      <c r="GEE684" s="613"/>
      <c r="GEF684" s="613"/>
      <c r="GEG684" s="613"/>
      <c r="GEH684" s="613"/>
      <c r="GEI684" s="613"/>
      <c r="GEJ684" s="613"/>
      <c r="GEK684" s="613"/>
      <c r="GEL684" s="613"/>
      <c r="GEM684" s="613"/>
      <c r="GEN684" s="613"/>
      <c r="GEO684" s="613"/>
      <c r="GEP684" s="613"/>
      <c r="GEQ684" s="613"/>
      <c r="GER684" s="613"/>
      <c r="GES684" s="613"/>
      <c r="GET684" s="613"/>
      <c r="GEU684" s="613"/>
      <c r="GEV684" s="613"/>
      <c r="GEW684" s="613"/>
      <c r="GEX684" s="613"/>
      <c r="GEY684" s="613"/>
      <c r="GEZ684" s="613"/>
      <c r="GFA684" s="613"/>
      <c r="GFB684" s="613"/>
      <c r="GFC684" s="613"/>
      <c r="GFD684" s="613"/>
      <c r="GFE684" s="613"/>
      <c r="GFF684" s="613"/>
      <c r="GFG684" s="613"/>
      <c r="GFH684" s="613"/>
      <c r="GFI684" s="613"/>
      <c r="GFJ684" s="613"/>
      <c r="GFK684" s="613"/>
      <c r="GFL684" s="613"/>
      <c r="GFM684" s="613"/>
      <c r="GFN684" s="613"/>
      <c r="GFO684" s="613"/>
      <c r="GFP684" s="613"/>
      <c r="GFQ684" s="613"/>
      <c r="GFR684" s="613"/>
      <c r="GFS684" s="613"/>
      <c r="GFT684" s="613"/>
      <c r="GFU684" s="613"/>
      <c r="GFV684" s="613"/>
      <c r="GFW684" s="613"/>
      <c r="GFX684" s="613"/>
      <c r="GFY684" s="613"/>
      <c r="GFZ684" s="613"/>
      <c r="GGA684" s="613"/>
      <c r="GGB684" s="613"/>
      <c r="GGC684" s="613"/>
      <c r="GGD684" s="613"/>
      <c r="GGE684" s="613"/>
      <c r="GGF684" s="613"/>
      <c r="GGG684" s="613"/>
      <c r="GGH684" s="613"/>
      <c r="GGI684" s="613"/>
      <c r="GGJ684" s="613"/>
      <c r="GGK684" s="613"/>
      <c r="GGL684" s="613"/>
      <c r="GGM684" s="613"/>
      <c r="GGN684" s="613"/>
      <c r="GGO684" s="613"/>
      <c r="GGP684" s="613"/>
      <c r="GGQ684" s="613"/>
      <c r="GGR684" s="613"/>
      <c r="GGS684" s="613"/>
      <c r="GGT684" s="613"/>
      <c r="GGU684" s="613"/>
      <c r="GGV684" s="613"/>
      <c r="GGW684" s="613"/>
      <c r="GGX684" s="613"/>
      <c r="GGY684" s="613"/>
      <c r="GGZ684" s="613"/>
      <c r="GHA684" s="613"/>
      <c r="GHB684" s="613"/>
      <c r="GHC684" s="613"/>
      <c r="GHD684" s="613"/>
      <c r="GHE684" s="613"/>
      <c r="GHF684" s="613"/>
      <c r="GHG684" s="613"/>
      <c r="GHH684" s="613"/>
      <c r="GHI684" s="613"/>
      <c r="GHJ684" s="613"/>
      <c r="GHK684" s="613"/>
      <c r="GHL684" s="613"/>
      <c r="GHM684" s="613"/>
      <c r="GHN684" s="613"/>
      <c r="GHO684" s="613"/>
      <c r="GHP684" s="613"/>
      <c r="GHQ684" s="613"/>
      <c r="GHR684" s="613"/>
      <c r="GHS684" s="613"/>
      <c r="GHT684" s="613"/>
      <c r="GHU684" s="613"/>
      <c r="GHV684" s="613"/>
      <c r="GHW684" s="613"/>
      <c r="GHX684" s="613"/>
      <c r="GHY684" s="613"/>
      <c r="GHZ684" s="613"/>
      <c r="GIA684" s="613"/>
      <c r="GIB684" s="613"/>
      <c r="GIC684" s="613"/>
      <c r="GID684" s="613"/>
      <c r="GIE684" s="613"/>
      <c r="GIF684" s="613"/>
      <c r="GIG684" s="613"/>
      <c r="GIH684" s="613"/>
      <c r="GII684" s="613"/>
      <c r="GIJ684" s="613"/>
      <c r="GIK684" s="613"/>
      <c r="GIL684" s="613"/>
      <c r="GIM684" s="613"/>
      <c r="GIN684" s="613"/>
      <c r="GIO684" s="613"/>
      <c r="GIP684" s="613"/>
      <c r="GIQ684" s="613"/>
      <c r="GIR684" s="613"/>
      <c r="GIS684" s="613"/>
      <c r="GIT684" s="613"/>
      <c r="GIU684" s="613"/>
      <c r="GIV684" s="613"/>
      <c r="GIW684" s="613"/>
      <c r="GIX684" s="613"/>
      <c r="GIY684" s="613"/>
      <c r="GIZ684" s="613"/>
      <c r="GJA684" s="613"/>
      <c r="GJB684" s="613"/>
      <c r="GJC684" s="613"/>
      <c r="GJD684" s="613"/>
      <c r="GJE684" s="613"/>
      <c r="GJF684" s="613"/>
      <c r="GJG684" s="613"/>
      <c r="GJH684" s="613"/>
      <c r="GJI684" s="613"/>
      <c r="GJJ684" s="613"/>
      <c r="GJK684" s="613"/>
      <c r="GJL684" s="613"/>
      <c r="GJM684" s="613"/>
      <c r="GJN684" s="613"/>
      <c r="GJO684" s="613"/>
      <c r="GJP684" s="613"/>
      <c r="GJQ684" s="613"/>
      <c r="GJR684" s="613"/>
      <c r="GJS684" s="613"/>
      <c r="GJT684" s="613"/>
      <c r="GJU684" s="613"/>
      <c r="GJV684" s="613"/>
      <c r="GJW684" s="613"/>
      <c r="GJX684" s="613"/>
      <c r="GJY684" s="613"/>
      <c r="GJZ684" s="613"/>
      <c r="GKA684" s="613"/>
      <c r="GKB684" s="613"/>
      <c r="GKC684" s="613"/>
      <c r="GKD684" s="613"/>
      <c r="GKE684" s="613"/>
      <c r="GKF684" s="613"/>
      <c r="GKG684" s="613"/>
      <c r="GKH684" s="613"/>
      <c r="GKI684" s="613"/>
      <c r="GKJ684" s="613"/>
      <c r="GKK684" s="613"/>
      <c r="GKL684" s="613"/>
      <c r="GKM684" s="613"/>
      <c r="GKN684" s="613"/>
      <c r="GKO684" s="613"/>
      <c r="GKP684" s="613"/>
      <c r="GKQ684" s="613"/>
      <c r="GKR684" s="613"/>
      <c r="GKS684" s="613"/>
      <c r="GKT684" s="613"/>
      <c r="GKU684" s="613"/>
      <c r="GKV684" s="613"/>
      <c r="GKW684" s="613"/>
      <c r="GKX684" s="613"/>
      <c r="GKY684" s="613"/>
      <c r="GKZ684" s="613"/>
      <c r="GLA684" s="613"/>
      <c r="GLB684" s="613"/>
      <c r="GLC684" s="613"/>
      <c r="GLD684" s="613"/>
      <c r="GLE684" s="613"/>
      <c r="GLF684" s="613"/>
      <c r="GLG684" s="613"/>
      <c r="GLH684" s="613"/>
      <c r="GLI684" s="613"/>
      <c r="GLJ684" s="613"/>
      <c r="GLK684" s="613"/>
      <c r="GLL684" s="613"/>
      <c r="GLM684" s="613"/>
      <c r="GLN684" s="613"/>
      <c r="GLO684" s="613"/>
      <c r="GLP684" s="613"/>
      <c r="GLQ684" s="613"/>
      <c r="GLR684" s="613"/>
      <c r="GLS684" s="613"/>
      <c r="GLT684" s="613"/>
      <c r="GLU684" s="613"/>
      <c r="GLV684" s="613"/>
      <c r="GLW684" s="613"/>
      <c r="GLX684" s="613"/>
      <c r="GLY684" s="613"/>
      <c r="GLZ684" s="613"/>
      <c r="GMA684" s="613"/>
      <c r="GMB684" s="613"/>
      <c r="GMC684" s="613"/>
      <c r="GMD684" s="613"/>
      <c r="GME684" s="613"/>
      <c r="GMF684" s="613"/>
      <c r="GMG684" s="613"/>
      <c r="GMH684" s="613"/>
      <c r="GMI684" s="613"/>
      <c r="GMJ684" s="613"/>
      <c r="GMK684" s="613"/>
      <c r="GML684" s="613"/>
      <c r="GMM684" s="613"/>
      <c r="GMN684" s="613"/>
      <c r="GMO684" s="613"/>
      <c r="GMP684" s="613"/>
      <c r="GMQ684" s="613"/>
      <c r="GMR684" s="613"/>
      <c r="GMS684" s="613"/>
      <c r="GMT684" s="613"/>
      <c r="GMU684" s="613"/>
      <c r="GMV684" s="613"/>
      <c r="GMW684" s="613"/>
      <c r="GMX684" s="613"/>
      <c r="GMY684" s="613"/>
      <c r="GMZ684" s="613"/>
      <c r="GNA684" s="613"/>
      <c r="GNB684" s="613"/>
      <c r="GNC684" s="613"/>
      <c r="GND684" s="613"/>
      <c r="GNE684" s="613"/>
      <c r="GNF684" s="613"/>
      <c r="GNG684" s="613"/>
      <c r="GNH684" s="613"/>
      <c r="GNI684" s="613"/>
      <c r="GNJ684" s="613"/>
      <c r="GNK684" s="613"/>
      <c r="GNL684" s="613"/>
      <c r="GNM684" s="613"/>
      <c r="GNN684" s="613"/>
      <c r="GNO684" s="613"/>
      <c r="GNP684" s="613"/>
      <c r="GNQ684" s="613"/>
      <c r="GNR684" s="613"/>
      <c r="GNS684" s="613"/>
      <c r="GNT684" s="613"/>
      <c r="GNU684" s="613"/>
      <c r="GNV684" s="613"/>
      <c r="GNW684" s="613"/>
      <c r="GNX684" s="613"/>
      <c r="GNY684" s="613"/>
      <c r="GNZ684" s="613"/>
      <c r="GOA684" s="613"/>
      <c r="GOB684" s="613"/>
      <c r="GOC684" s="613"/>
      <c r="GOD684" s="613"/>
      <c r="GOE684" s="613"/>
      <c r="GOF684" s="613"/>
      <c r="GOG684" s="613"/>
      <c r="GOH684" s="613"/>
      <c r="GOI684" s="613"/>
      <c r="GOJ684" s="613"/>
      <c r="GOK684" s="613"/>
      <c r="GOL684" s="613"/>
      <c r="GOM684" s="613"/>
      <c r="GON684" s="613"/>
      <c r="GOO684" s="613"/>
      <c r="GOP684" s="613"/>
      <c r="GOQ684" s="613"/>
      <c r="GOR684" s="613"/>
      <c r="GOS684" s="613"/>
      <c r="GOT684" s="613"/>
      <c r="GOU684" s="613"/>
      <c r="GOV684" s="613"/>
      <c r="GOW684" s="613"/>
      <c r="GOX684" s="613"/>
      <c r="GOY684" s="613"/>
      <c r="GOZ684" s="613"/>
      <c r="GPA684" s="613"/>
      <c r="GPB684" s="613"/>
      <c r="GPC684" s="613"/>
      <c r="GPD684" s="613"/>
      <c r="GPE684" s="613"/>
      <c r="GPF684" s="613"/>
      <c r="GPG684" s="613"/>
      <c r="GPH684" s="613"/>
      <c r="GPI684" s="613"/>
      <c r="GPJ684" s="613"/>
      <c r="GPK684" s="613"/>
      <c r="GPL684" s="613"/>
      <c r="GPM684" s="613"/>
      <c r="GPN684" s="613"/>
      <c r="GPO684" s="613"/>
      <c r="GPP684" s="613"/>
      <c r="GPQ684" s="613"/>
      <c r="GPR684" s="613"/>
      <c r="GPS684" s="613"/>
      <c r="GPT684" s="613"/>
      <c r="GPU684" s="613"/>
      <c r="GPV684" s="613"/>
      <c r="GPW684" s="613"/>
      <c r="GPX684" s="613"/>
      <c r="GPY684" s="613"/>
      <c r="GPZ684" s="613"/>
      <c r="GQA684" s="613"/>
      <c r="GQB684" s="613"/>
      <c r="GQC684" s="613"/>
      <c r="GQD684" s="613"/>
      <c r="GQE684" s="613"/>
      <c r="GQF684" s="613"/>
      <c r="GQG684" s="613"/>
      <c r="GQH684" s="613"/>
      <c r="GQI684" s="613"/>
      <c r="GQJ684" s="613"/>
      <c r="GQK684" s="613"/>
      <c r="GQL684" s="613"/>
      <c r="GQM684" s="613"/>
      <c r="GQN684" s="613"/>
      <c r="GQO684" s="613"/>
      <c r="GQP684" s="613"/>
      <c r="GQQ684" s="613"/>
      <c r="GQR684" s="613"/>
      <c r="GQS684" s="613"/>
      <c r="GQT684" s="613"/>
      <c r="GQU684" s="613"/>
      <c r="GQV684" s="613"/>
      <c r="GQW684" s="613"/>
      <c r="GQX684" s="613"/>
      <c r="GQY684" s="613"/>
      <c r="GQZ684" s="613"/>
      <c r="GRA684" s="613"/>
      <c r="GRB684" s="613"/>
      <c r="GRC684" s="613"/>
      <c r="GRD684" s="613"/>
      <c r="GRE684" s="613"/>
      <c r="GRF684" s="613"/>
      <c r="GRG684" s="613"/>
      <c r="GRH684" s="613"/>
      <c r="GRI684" s="613"/>
      <c r="GRJ684" s="613"/>
      <c r="GRK684" s="613"/>
      <c r="GRL684" s="613"/>
      <c r="GRM684" s="613"/>
      <c r="GRN684" s="613"/>
      <c r="GRO684" s="613"/>
      <c r="GRP684" s="613"/>
      <c r="GRQ684" s="613"/>
      <c r="GRR684" s="613"/>
      <c r="GRS684" s="613"/>
      <c r="GRT684" s="613"/>
      <c r="GRU684" s="613"/>
      <c r="GRV684" s="613"/>
      <c r="GRW684" s="613"/>
      <c r="GRX684" s="613"/>
      <c r="GRY684" s="613"/>
      <c r="GRZ684" s="613"/>
      <c r="GSA684" s="613"/>
      <c r="GSB684" s="613"/>
      <c r="GSC684" s="613"/>
      <c r="GSD684" s="613"/>
      <c r="GSE684" s="613"/>
      <c r="GSF684" s="613"/>
      <c r="GSG684" s="613"/>
      <c r="GSH684" s="613"/>
      <c r="GSI684" s="613"/>
      <c r="GSJ684" s="613"/>
      <c r="GSK684" s="613"/>
      <c r="GSL684" s="613"/>
      <c r="GSM684" s="613"/>
      <c r="GSN684" s="613"/>
      <c r="GSO684" s="613"/>
      <c r="GSP684" s="613"/>
      <c r="GSQ684" s="613"/>
      <c r="GSR684" s="613"/>
      <c r="GSS684" s="613"/>
      <c r="GST684" s="613"/>
      <c r="GSU684" s="613"/>
      <c r="GSV684" s="613"/>
      <c r="GSW684" s="613"/>
      <c r="GSX684" s="613"/>
      <c r="GSY684" s="613"/>
      <c r="GSZ684" s="613"/>
      <c r="GTA684" s="613"/>
      <c r="GTB684" s="613"/>
      <c r="GTC684" s="613"/>
      <c r="GTD684" s="613"/>
      <c r="GTE684" s="613"/>
      <c r="GTF684" s="613"/>
      <c r="GTG684" s="613"/>
      <c r="GTH684" s="613"/>
      <c r="GTI684" s="613"/>
      <c r="GTJ684" s="613"/>
      <c r="GTK684" s="613"/>
      <c r="GTL684" s="613"/>
      <c r="GTM684" s="613"/>
      <c r="GTN684" s="613"/>
      <c r="GTO684" s="613"/>
      <c r="GTP684" s="613"/>
      <c r="GTQ684" s="613"/>
      <c r="GTR684" s="613"/>
      <c r="GTS684" s="613"/>
      <c r="GTT684" s="613"/>
      <c r="GTU684" s="613"/>
      <c r="GTV684" s="613"/>
      <c r="GTW684" s="613"/>
      <c r="GTX684" s="613"/>
      <c r="GTY684" s="613"/>
      <c r="GTZ684" s="613"/>
      <c r="GUA684" s="613"/>
      <c r="GUB684" s="613"/>
      <c r="GUC684" s="613"/>
      <c r="GUD684" s="613"/>
      <c r="GUE684" s="613"/>
      <c r="GUF684" s="613"/>
      <c r="GUG684" s="613"/>
      <c r="GUH684" s="613"/>
      <c r="GUI684" s="613"/>
      <c r="GUJ684" s="613"/>
      <c r="GUK684" s="613"/>
      <c r="GUL684" s="613"/>
      <c r="GUM684" s="613"/>
      <c r="GUN684" s="613"/>
      <c r="GUO684" s="613"/>
      <c r="GUP684" s="613"/>
      <c r="GUQ684" s="613"/>
      <c r="GUR684" s="613"/>
      <c r="GUS684" s="613"/>
      <c r="GUT684" s="613"/>
      <c r="GUU684" s="613"/>
      <c r="GUV684" s="613"/>
      <c r="GUW684" s="613"/>
      <c r="GUX684" s="613"/>
      <c r="GUY684" s="613"/>
      <c r="GUZ684" s="613"/>
      <c r="GVA684" s="613"/>
      <c r="GVB684" s="613"/>
      <c r="GVC684" s="613"/>
      <c r="GVD684" s="613"/>
      <c r="GVE684" s="613"/>
      <c r="GVF684" s="613"/>
      <c r="GVG684" s="613"/>
      <c r="GVH684" s="613"/>
      <c r="GVI684" s="613"/>
      <c r="GVJ684" s="613"/>
      <c r="GVK684" s="613"/>
      <c r="GVL684" s="613"/>
      <c r="GVM684" s="613"/>
      <c r="GVN684" s="613"/>
      <c r="GVO684" s="613"/>
      <c r="GVP684" s="613"/>
      <c r="GVQ684" s="613"/>
      <c r="GVR684" s="613"/>
      <c r="GVS684" s="613"/>
      <c r="GVT684" s="613"/>
      <c r="GVU684" s="613"/>
      <c r="GVV684" s="613"/>
      <c r="GVW684" s="613"/>
      <c r="GVX684" s="613"/>
      <c r="GVY684" s="613"/>
      <c r="GVZ684" s="613"/>
      <c r="GWA684" s="613"/>
      <c r="GWB684" s="613"/>
      <c r="GWC684" s="613"/>
      <c r="GWD684" s="613"/>
      <c r="GWE684" s="613"/>
      <c r="GWF684" s="613"/>
      <c r="GWG684" s="613"/>
      <c r="GWH684" s="613"/>
      <c r="GWI684" s="613"/>
      <c r="GWJ684" s="613"/>
      <c r="GWK684" s="613"/>
      <c r="GWL684" s="613"/>
      <c r="GWM684" s="613"/>
      <c r="GWN684" s="613"/>
      <c r="GWO684" s="613"/>
      <c r="GWP684" s="613"/>
      <c r="GWQ684" s="613"/>
      <c r="GWR684" s="613"/>
      <c r="GWS684" s="613"/>
      <c r="GWT684" s="613"/>
      <c r="GWU684" s="613"/>
      <c r="GWV684" s="613"/>
      <c r="GWW684" s="613"/>
      <c r="GWX684" s="613"/>
      <c r="GWY684" s="613"/>
      <c r="GWZ684" s="613"/>
      <c r="GXA684" s="613"/>
      <c r="GXB684" s="613"/>
      <c r="GXC684" s="613"/>
      <c r="GXD684" s="613"/>
      <c r="GXE684" s="613"/>
      <c r="GXF684" s="613"/>
      <c r="GXG684" s="613"/>
      <c r="GXH684" s="613"/>
      <c r="GXI684" s="613"/>
      <c r="GXJ684" s="613"/>
      <c r="GXK684" s="613"/>
      <c r="GXL684" s="613"/>
      <c r="GXM684" s="613"/>
      <c r="GXN684" s="613"/>
      <c r="GXO684" s="613"/>
      <c r="GXP684" s="613"/>
      <c r="GXQ684" s="613"/>
      <c r="GXR684" s="613"/>
      <c r="GXS684" s="613"/>
      <c r="GXT684" s="613"/>
      <c r="GXU684" s="613"/>
      <c r="GXV684" s="613"/>
      <c r="GXW684" s="613"/>
      <c r="GXX684" s="613"/>
      <c r="GXY684" s="613"/>
      <c r="GXZ684" s="613"/>
      <c r="GYA684" s="613"/>
      <c r="GYB684" s="613"/>
      <c r="GYC684" s="613"/>
      <c r="GYD684" s="613"/>
      <c r="GYE684" s="613"/>
      <c r="GYF684" s="613"/>
      <c r="GYG684" s="613"/>
      <c r="GYH684" s="613"/>
      <c r="GYI684" s="613"/>
      <c r="GYJ684" s="613"/>
      <c r="GYK684" s="613"/>
      <c r="GYL684" s="613"/>
      <c r="GYM684" s="613"/>
      <c r="GYN684" s="613"/>
      <c r="GYO684" s="613"/>
      <c r="GYP684" s="613"/>
      <c r="GYQ684" s="613"/>
      <c r="GYR684" s="613"/>
      <c r="GYS684" s="613"/>
      <c r="GYT684" s="613"/>
      <c r="GYU684" s="613"/>
      <c r="GYV684" s="613"/>
      <c r="GYW684" s="613"/>
      <c r="GYX684" s="613"/>
      <c r="GYY684" s="613"/>
      <c r="GYZ684" s="613"/>
      <c r="GZA684" s="613"/>
      <c r="GZB684" s="613"/>
      <c r="GZC684" s="613"/>
      <c r="GZD684" s="613"/>
      <c r="GZE684" s="613"/>
      <c r="GZF684" s="613"/>
      <c r="GZG684" s="613"/>
      <c r="GZH684" s="613"/>
      <c r="GZI684" s="613"/>
      <c r="GZJ684" s="613"/>
      <c r="GZK684" s="613"/>
      <c r="GZL684" s="613"/>
      <c r="GZM684" s="613"/>
      <c r="GZN684" s="613"/>
      <c r="GZO684" s="613"/>
      <c r="GZP684" s="613"/>
      <c r="GZQ684" s="613"/>
      <c r="GZR684" s="613"/>
      <c r="GZS684" s="613"/>
      <c r="GZT684" s="613"/>
      <c r="GZU684" s="613"/>
      <c r="GZV684" s="613"/>
      <c r="GZW684" s="613"/>
      <c r="GZX684" s="613"/>
      <c r="GZY684" s="613"/>
      <c r="GZZ684" s="613"/>
      <c r="HAA684" s="613"/>
      <c r="HAB684" s="613"/>
      <c r="HAC684" s="613"/>
      <c r="HAD684" s="613"/>
      <c r="HAE684" s="613"/>
      <c r="HAF684" s="613"/>
      <c r="HAG684" s="613"/>
      <c r="HAH684" s="613"/>
      <c r="HAI684" s="613"/>
      <c r="HAJ684" s="613"/>
      <c r="HAK684" s="613"/>
      <c r="HAL684" s="613"/>
      <c r="HAM684" s="613"/>
      <c r="HAN684" s="613"/>
      <c r="HAO684" s="613"/>
      <c r="HAP684" s="613"/>
      <c r="HAQ684" s="613"/>
      <c r="HAR684" s="613"/>
      <c r="HAS684" s="613"/>
      <c r="HAT684" s="613"/>
      <c r="HAU684" s="613"/>
      <c r="HAV684" s="613"/>
      <c r="HAW684" s="613"/>
      <c r="HAX684" s="613"/>
      <c r="HAY684" s="613"/>
      <c r="HAZ684" s="613"/>
      <c r="HBA684" s="613"/>
      <c r="HBB684" s="613"/>
      <c r="HBC684" s="613"/>
      <c r="HBD684" s="613"/>
      <c r="HBE684" s="613"/>
      <c r="HBF684" s="613"/>
      <c r="HBG684" s="613"/>
      <c r="HBH684" s="613"/>
      <c r="HBI684" s="613"/>
      <c r="HBJ684" s="613"/>
      <c r="HBK684" s="613"/>
      <c r="HBL684" s="613"/>
      <c r="HBM684" s="613"/>
      <c r="HBN684" s="613"/>
      <c r="HBO684" s="613"/>
      <c r="HBP684" s="613"/>
      <c r="HBQ684" s="613"/>
      <c r="HBR684" s="613"/>
      <c r="HBS684" s="613"/>
      <c r="HBT684" s="613"/>
      <c r="HBU684" s="613"/>
      <c r="HBV684" s="613"/>
      <c r="HBW684" s="613"/>
      <c r="HBX684" s="613"/>
      <c r="HBY684" s="613"/>
      <c r="HBZ684" s="613"/>
      <c r="HCA684" s="613"/>
      <c r="HCB684" s="613"/>
      <c r="HCC684" s="613"/>
      <c r="HCD684" s="613"/>
      <c r="HCE684" s="613"/>
      <c r="HCF684" s="613"/>
      <c r="HCG684" s="613"/>
      <c r="HCH684" s="613"/>
      <c r="HCI684" s="613"/>
      <c r="HCJ684" s="613"/>
      <c r="HCK684" s="613"/>
      <c r="HCL684" s="613"/>
      <c r="HCM684" s="613"/>
      <c r="HCN684" s="613"/>
      <c r="HCO684" s="613"/>
      <c r="HCP684" s="613"/>
      <c r="HCQ684" s="613"/>
      <c r="HCR684" s="613"/>
      <c r="HCS684" s="613"/>
      <c r="HCT684" s="613"/>
      <c r="HCU684" s="613"/>
      <c r="HCV684" s="613"/>
      <c r="HCW684" s="613"/>
      <c r="HCX684" s="613"/>
      <c r="HCY684" s="613"/>
      <c r="HCZ684" s="613"/>
      <c r="HDA684" s="613"/>
      <c r="HDB684" s="613"/>
      <c r="HDC684" s="613"/>
      <c r="HDD684" s="613"/>
      <c r="HDE684" s="613"/>
      <c r="HDF684" s="613"/>
      <c r="HDG684" s="613"/>
      <c r="HDH684" s="613"/>
      <c r="HDI684" s="613"/>
      <c r="HDJ684" s="613"/>
      <c r="HDK684" s="613"/>
      <c r="HDL684" s="613"/>
      <c r="HDM684" s="613"/>
      <c r="HDN684" s="613"/>
      <c r="HDO684" s="613"/>
      <c r="HDP684" s="613"/>
      <c r="HDQ684" s="613"/>
      <c r="HDR684" s="613"/>
      <c r="HDS684" s="613"/>
      <c r="HDT684" s="613"/>
      <c r="HDU684" s="613"/>
      <c r="HDV684" s="613"/>
      <c r="HDW684" s="613"/>
      <c r="HDX684" s="613"/>
      <c r="HDY684" s="613"/>
      <c r="HDZ684" s="613"/>
      <c r="HEA684" s="613"/>
      <c r="HEB684" s="613"/>
      <c r="HEC684" s="613"/>
      <c r="HED684" s="613"/>
      <c r="HEE684" s="613"/>
      <c r="HEF684" s="613"/>
      <c r="HEG684" s="613"/>
      <c r="HEH684" s="613"/>
      <c r="HEI684" s="613"/>
      <c r="HEJ684" s="613"/>
      <c r="HEK684" s="613"/>
      <c r="HEL684" s="613"/>
      <c r="HEM684" s="613"/>
      <c r="HEN684" s="613"/>
      <c r="HEO684" s="613"/>
      <c r="HEP684" s="613"/>
      <c r="HEQ684" s="613"/>
      <c r="HER684" s="613"/>
      <c r="HES684" s="613"/>
      <c r="HET684" s="613"/>
      <c r="HEU684" s="613"/>
      <c r="HEV684" s="613"/>
      <c r="HEW684" s="613"/>
      <c r="HEX684" s="613"/>
      <c r="HEY684" s="613"/>
      <c r="HEZ684" s="613"/>
      <c r="HFA684" s="613"/>
      <c r="HFB684" s="613"/>
      <c r="HFC684" s="613"/>
      <c r="HFD684" s="613"/>
      <c r="HFE684" s="613"/>
      <c r="HFF684" s="613"/>
      <c r="HFG684" s="613"/>
      <c r="HFH684" s="613"/>
      <c r="HFI684" s="613"/>
      <c r="HFJ684" s="613"/>
      <c r="HFK684" s="613"/>
      <c r="HFL684" s="613"/>
      <c r="HFM684" s="613"/>
      <c r="HFN684" s="613"/>
      <c r="HFO684" s="613"/>
      <c r="HFP684" s="613"/>
      <c r="HFQ684" s="613"/>
      <c r="HFR684" s="613"/>
      <c r="HFS684" s="613"/>
      <c r="HFT684" s="613"/>
      <c r="HFU684" s="613"/>
      <c r="HFV684" s="613"/>
      <c r="HFW684" s="613"/>
      <c r="HFX684" s="613"/>
      <c r="HFY684" s="613"/>
      <c r="HFZ684" s="613"/>
      <c r="HGA684" s="613"/>
      <c r="HGB684" s="613"/>
      <c r="HGC684" s="613"/>
      <c r="HGD684" s="613"/>
      <c r="HGE684" s="613"/>
      <c r="HGF684" s="613"/>
      <c r="HGG684" s="613"/>
      <c r="HGH684" s="613"/>
      <c r="HGI684" s="613"/>
      <c r="HGJ684" s="613"/>
      <c r="HGK684" s="613"/>
      <c r="HGL684" s="613"/>
      <c r="HGM684" s="613"/>
      <c r="HGN684" s="613"/>
      <c r="HGO684" s="613"/>
      <c r="HGP684" s="613"/>
      <c r="HGQ684" s="613"/>
      <c r="HGR684" s="613"/>
      <c r="HGS684" s="613"/>
      <c r="HGT684" s="613"/>
      <c r="HGU684" s="613"/>
      <c r="HGV684" s="613"/>
      <c r="HGW684" s="613"/>
      <c r="HGX684" s="613"/>
      <c r="HGY684" s="613"/>
      <c r="HGZ684" s="613"/>
      <c r="HHA684" s="613"/>
      <c r="HHB684" s="613"/>
      <c r="HHC684" s="613"/>
      <c r="HHD684" s="613"/>
      <c r="HHE684" s="613"/>
      <c r="HHF684" s="613"/>
      <c r="HHG684" s="613"/>
      <c r="HHH684" s="613"/>
      <c r="HHI684" s="613"/>
      <c r="HHJ684" s="613"/>
      <c r="HHK684" s="613"/>
      <c r="HHL684" s="613"/>
      <c r="HHM684" s="613"/>
      <c r="HHN684" s="613"/>
      <c r="HHO684" s="613"/>
      <c r="HHP684" s="613"/>
      <c r="HHQ684" s="613"/>
      <c r="HHR684" s="613"/>
      <c r="HHS684" s="613"/>
      <c r="HHT684" s="613"/>
      <c r="HHU684" s="613"/>
      <c r="HHV684" s="613"/>
      <c r="HHW684" s="613"/>
      <c r="HHX684" s="613"/>
      <c r="HHY684" s="613"/>
      <c r="HHZ684" s="613"/>
      <c r="HIA684" s="613"/>
      <c r="HIB684" s="613"/>
      <c r="HIC684" s="613"/>
      <c r="HID684" s="613"/>
      <c r="HIE684" s="613"/>
      <c r="HIF684" s="613"/>
      <c r="HIG684" s="613"/>
      <c r="HIH684" s="613"/>
      <c r="HII684" s="613"/>
      <c r="HIJ684" s="613"/>
      <c r="HIK684" s="613"/>
      <c r="HIL684" s="613"/>
      <c r="HIM684" s="613"/>
      <c r="HIN684" s="613"/>
      <c r="HIO684" s="613"/>
      <c r="HIP684" s="613"/>
      <c r="HIQ684" s="613"/>
      <c r="HIR684" s="613"/>
      <c r="HIS684" s="613"/>
      <c r="HIT684" s="613"/>
      <c r="HIU684" s="613"/>
      <c r="HIV684" s="613"/>
      <c r="HIW684" s="613"/>
      <c r="HIX684" s="613"/>
      <c r="HIY684" s="613"/>
      <c r="HIZ684" s="613"/>
      <c r="HJA684" s="613"/>
      <c r="HJB684" s="613"/>
      <c r="HJC684" s="613"/>
      <c r="HJD684" s="613"/>
      <c r="HJE684" s="613"/>
      <c r="HJF684" s="613"/>
      <c r="HJG684" s="613"/>
      <c r="HJH684" s="613"/>
      <c r="HJI684" s="613"/>
      <c r="HJJ684" s="613"/>
      <c r="HJK684" s="613"/>
      <c r="HJL684" s="613"/>
      <c r="HJM684" s="613"/>
      <c r="HJN684" s="613"/>
      <c r="HJO684" s="613"/>
      <c r="HJP684" s="613"/>
      <c r="HJQ684" s="613"/>
      <c r="HJR684" s="613"/>
      <c r="HJS684" s="613"/>
      <c r="HJT684" s="613"/>
      <c r="HJU684" s="613"/>
      <c r="HJV684" s="613"/>
      <c r="HJW684" s="613"/>
      <c r="HJX684" s="613"/>
      <c r="HJY684" s="613"/>
      <c r="HJZ684" s="613"/>
      <c r="HKA684" s="613"/>
      <c r="HKB684" s="613"/>
      <c r="HKC684" s="613"/>
      <c r="HKD684" s="613"/>
      <c r="HKE684" s="613"/>
      <c r="HKF684" s="613"/>
      <c r="HKG684" s="613"/>
      <c r="HKH684" s="613"/>
      <c r="HKI684" s="613"/>
      <c r="HKJ684" s="613"/>
      <c r="HKK684" s="613"/>
      <c r="HKL684" s="613"/>
      <c r="HKM684" s="613"/>
      <c r="HKN684" s="613"/>
      <c r="HKO684" s="613"/>
      <c r="HKP684" s="613"/>
      <c r="HKQ684" s="613"/>
      <c r="HKR684" s="613"/>
      <c r="HKS684" s="613"/>
      <c r="HKT684" s="613"/>
      <c r="HKU684" s="613"/>
      <c r="HKV684" s="613"/>
      <c r="HKW684" s="613"/>
      <c r="HKX684" s="613"/>
      <c r="HKY684" s="613"/>
      <c r="HKZ684" s="613"/>
      <c r="HLA684" s="613"/>
      <c r="HLB684" s="613"/>
      <c r="HLC684" s="613"/>
      <c r="HLD684" s="613"/>
      <c r="HLE684" s="613"/>
      <c r="HLF684" s="613"/>
      <c r="HLG684" s="613"/>
      <c r="HLH684" s="613"/>
      <c r="HLI684" s="613"/>
      <c r="HLJ684" s="613"/>
      <c r="HLK684" s="613"/>
      <c r="HLL684" s="613"/>
      <c r="HLM684" s="613"/>
      <c r="HLN684" s="613"/>
      <c r="HLO684" s="613"/>
      <c r="HLP684" s="613"/>
      <c r="HLQ684" s="613"/>
      <c r="HLR684" s="613"/>
      <c r="HLS684" s="613"/>
      <c r="HLT684" s="613"/>
      <c r="HLU684" s="613"/>
      <c r="HLV684" s="613"/>
      <c r="HLW684" s="613"/>
      <c r="HLX684" s="613"/>
      <c r="HLY684" s="613"/>
      <c r="HLZ684" s="613"/>
      <c r="HMA684" s="613"/>
      <c r="HMB684" s="613"/>
      <c r="HMC684" s="613"/>
      <c r="HMD684" s="613"/>
      <c r="HME684" s="613"/>
      <c r="HMF684" s="613"/>
      <c r="HMG684" s="613"/>
      <c r="HMH684" s="613"/>
      <c r="HMI684" s="613"/>
      <c r="HMJ684" s="613"/>
      <c r="HMK684" s="613"/>
      <c r="HML684" s="613"/>
      <c r="HMM684" s="613"/>
      <c r="HMN684" s="613"/>
      <c r="HMO684" s="613"/>
      <c r="HMP684" s="613"/>
      <c r="HMQ684" s="613"/>
      <c r="HMR684" s="613"/>
      <c r="HMS684" s="613"/>
      <c r="HMT684" s="613"/>
      <c r="HMU684" s="613"/>
      <c r="HMV684" s="613"/>
      <c r="HMW684" s="613"/>
      <c r="HMX684" s="613"/>
      <c r="HMY684" s="613"/>
      <c r="HMZ684" s="613"/>
      <c r="HNA684" s="613"/>
      <c r="HNB684" s="613"/>
      <c r="HNC684" s="613"/>
      <c r="HND684" s="613"/>
      <c r="HNE684" s="613"/>
      <c r="HNF684" s="613"/>
      <c r="HNG684" s="613"/>
      <c r="HNH684" s="613"/>
      <c r="HNI684" s="613"/>
      <c r="HNJ684" s="613"/>
      <c r="HNK684" s="613"/>
      <c r="HNL684" s="613"/>
      <c r="HNM684" s="613"/>
      <c r="HNN684" s="613"/>
      <c r="HNO684" s="613"/>
      <c r="HNP684" s="613"/>
      <c r="HNQ684" s="613"/>
      <c r="HNR684" s="613"/>
      <c r="HNS684" s="613"/>
      <c r="HNT684" s="613"/>
      <c r="HNU684" s="613"/>
      <c r="HNV684" s="613"/>
      <c r="HNW684" s="613"/>
      <c r="HNX684" s="613"/>
      <c r="HNY684" s="613"/>
      <c r="HNZ684" s="613"/>
      <c r="HOA684" s="613"/>
      <c r="HOB684" s="613"/>
      <c r="HOC684" s="613"/>
      <c r="HOD684" s="613"/>
      <c r="HOE684" s="613"/>
      <c r="HOF684" s="613"/>
      <c r="HOG684" s="613"/>
      <c r="HOH684" s="613"/>
      <c r="HOI684" s="613"/>
      <c r="HOJ684" s="613"/>
      <c r="HOK684" s="613"/>
      <c r="HOL684" s="613"/>
      <c r="HOM684" s="613"/>
      <c r="HON684" s="613"/>
      <c r="HOO684" s="613"/>
      <c r="HOP684" s="613"/>
      <c r="HOQ684" s="613"/>
      <c r="HOR684" s="613"/>
      <c r="HOS684" s="613"/>
      <c r="HOT684" s="613"/>
      <c r="HOU684" s="613"/>
      <c r="HOV684" s="613"/>
      <c r="HOW684" s="613"/>
      <c r="HOX684" s="613"/>
      <c r="HOY684" s="613"/>
      <c r="HOZ684" s="613"/>
      <c r="HPA684" s="613"/>
      <c r="HPB684" s="613"/>
      <c r="HPC684" s="613"/>
      <c r="HPD684" s="613"/>
      <c r="HPE684" s="613"/>
      <c r="HPF684" s="613"/>
      <c r="HPG684" s="613"/>
      <c r="HPH684" s="613"/>
      <c r="HPI684" s="613"/>
      <c r="HPJ684" s="613"/>
      <c r="HPK684" s="613"/>
      <c r="HPL684" s="613"/>
      <c r="HPM684" s="613"/>
      <c r="HPN684" s="613"/>
      <c r="HPO684" s="613"/>
      <c r="HPP684" s="613"/>
      <c r="HPQ684" s="613"/>
      <c r="HPR684" s="613"/>
      <c r="HPS684" s="613"/>
      <c r="HPT684" s="613"/>
      <c r="HPU684" s="613"/>
      <c r="HPV684" s="613"/>
      <c r="HPW684" s="613"/>
      <c r="HPX684" s="613"/>
      <c r="HPY684" s="613"/>
      <c r="HPZ684" s="613"/>
      <c r="HQA684" s="613"/>
      <c r="HQB684" s="613"/>
      <c r="HQC684" s="613"/>
      <c r="HQD684" s="613"/>
      <c r="HQE684" s="613"/>
      <c r="HQF684" s="613"/>
      <c r="HQG684" s="613"/>
      <c r="HQH684" s="613"/>
      <c r="HQI684" s="613"/>
      <c r="HQJ684" s="613"/>
      <c r="HQK684" s="613"/>
      <c r="HQL684" s="613"/>
      <c r="HQM684" s="613"/>
      <c r="HQN684" s="613"/>
      <c r="HQO684" s="613"/>
      <c r="HQP684" s="613"/>
      <c r="HQQ684" s="613"/>
      <c r="HQR684" s="613"/>
      <c r="HQS684" s="613"/>
      <c r="HQT684" s="613"/>
      <c r="HQU684" s="613"/>
      <c r="HQV684" s="613"/>
      <c r="HQW684" s="613"/>
      <c r="HQX684" s="613"/>
      <c r="HQY684" s="613"/>
      <c r="HQZ684" s="613"/>
      <c r="HRA684" s="613"/>
      <c r="HRB684" s="613"/>
      <c r="HRC684" s="613"/>
      <c r="HRD684" s="613"/>
      <c r="HRE684" s="613"/>
      <c r="HRF684" s="613"/>
      <c r="HRG684" s="613"/>
      <c r="HRH684" s="613"/>
      <c r="HRI684" s="613"/>
      <c r="HRJ684" s="613"/>
      <c r="HRK684" s="613"/>
      <c r="HRL684" s="613"/>
      <c r="HRM684" s="613"/>
      <c r="HRN684" s="613"/>
      <c r="HRO684" s="613"/>
      <c r="HRP684" s="613"/>
      <c r="HRQ684" s="613"/>
      <c r="HRR684" s="613"/>
      <c r="HRS684" s="613"/>
      <c r="HRT684" s="613"/>
      <c r="HRU684" s="613"/>
      <c r="HRV684" s="613"/>
      <c r="HRW684" s="613"/>
      <c r="HRX684" s="613"/>
      <c r="HRY684" s="613"/>
      <c r="HRZ684" s="613"/>
      <c r="HSA684" s="613"/>
      <c r="HSB684" s="613"/>
      <c r="HSC684" s="613"/>
      <c r="HSD684" s="613"/>
      <c r="HSE684" s="613"/>
      <c r="HSF684" s="613"/>
      <c r="HSG684" s="613"/>
      <c r="HSH684" s="613"/>
      <c r="HSI684" s="613"/>
      <c r="HSJ684" s="613"/>
      <c r="HSK684" s="613"/>
      <c r="HSL684" s="613"/>
      <c r="HSM684" s="613"/>
      <c r="HSN684" s="613"/>
      <c r="HSO684" s="613"/>
      <c r="HSP684" s="613"/>
      <c r="HSQ684" s="613"/>
      <c r="HSR684" s="613"/>
      <c r="HSS684" s="613"/>
      <c r="HST684" s="613"/>
      <c r="HSU684" s="613"/>
      <c r="HSV684" s="613"/>
      <c r="HSW684" s="613"/>
      <c r="HSX684" s="613"/>
      <c r="HSY684" s="613"/>
      <c r="HSZ684" s="613"/>
      <c r="HTA684" s="613"/>
      <c r="HTB684" s="613"/>
      <c r="HTC684" s="613"/>
      <c r="HTD684" s="613"/>
      <c r="HTE684" s="613"/>
      <c r="HTF684" s="613"/>
      <c r="HTG684" s="613"/>
      <c r="HTH684" s="613"/>
      <c r="HTI684" s="613"/>
      <c r="HTJ684" s="613"/>
      <c r="HTK684" s="613"/>
      <c r="HTL684" s="613"/>
      <c r="HTM684" s="613"/>
      <c r="HTN684" s="613"/>
      <c r="HTO684" s="613"/>
      <c r="HTP684" s="613"/>
      <c r="HTQ684" s="613"/>
      <c r="HTR684" s="613"/>
      <c r="HTS684" s="613"/>
      <c r="HTT684" s="613"/>
      <c r="HTU684" s="613"/>
      <c r="HTV684" s="613"/>
      <c r="HTW684" s="613"/>
      <c r="HTX684" s="613"/>
      <c r="HTY684" s="613"/>
      <c r="HTZ684" s="613"/>
      <c r="HUA684" s="613"/>
      <c r="HUB684" s="613"/>
      <c r="HUC684" s="613"/>
      <c r="HUD684" s="613"/>
      <c r="HUE684" s="613"/>
      <c r="HUF684" s="613"/>
      <c r="HUG684" s="613"/>
      <c r="HUH684" s="613"/>
      <c r="HUI684" s="613"/>
      <c r="HUJ684" s="613"/>
      <c r="HUK684" s="613"/>
      <c r="HUL684" s="613"/>
      <c r="HUM684" s="613"/>
      <c r="HUN684" s="613"/>
      <c r="HUO684" s="613"/>
      <c r="HUP684" s="613"/>
      <c r="HUQ684" s="613"/>
      <c r="HUR684" s="613"/>
      <c r="HUS684" s="613"/>
      <c r="HUT684" s="613"/>
      <c r="HUU684" s="613"/>
      <c r="HUV684" s="613"/>
      <c r="HUW684" s="613"/>
      <c r="HUX684" s="613"/>
      <c r="HUY684" s="613"/>
      <c r="HUZ684" s="613"/>
      <c r="HVA684" s="613"/>
      <c r="HVB684" s="613"/>
      <c r="HVC684" s="613"/>
      <c r="HVD684" s="613"/>
      <c r="HVE684" s="613"/>
      <c r="HVF684" s="613"/>
      <c r="HVG684" s="613"/>
      <c r="HVH684" s="613"/>
      <c r="HVI684" s="613"/>
      <c r="HVJ684" s="613"/>
      <c r="HVK684" s="613"/>
      <c r="HVL684" s="613"/>
      <c r="HVM684" s="613"/>
      <c r="HVN684" s="613"/>
      <c r="HVO684" s="613"/>
      <c r="HVP684" s="613"/>
      <c r="HVQ684" s="613"/>
      <c r="HVR684" s="613"/>
      <c r="HVS684" s="613"/>
      <c r="HVT684" s="613"/>
      <c r="HVU684" s="613"/>
      <c r="HVV684" s="613"/>
      <c r="HVW684" s="613"/>
      <c r="HVX684" s="613"/>
      <c r="HVY684" s="613"/>
      <c r="HVZ684" s="613"/>
      <c r="HWA684" s="613"/>
      <c r="HWB684" s="613"/>
      <c r="HWC684" s="613"/>
      <c r="HWD684" s="613"/>
      <c r="HWE684" s="613"/>
      <c r="HWF684" s="613"/>
      <c r="HWG684" s="613"/>
      <c r="HWH684" s="613"/>
      <c r="HWI684" s="613"/>
      <c r="HWJ684" s="613"/>
      <c r="HWK684" s="613"/>
      <c r="HWL684" s="613"/>
      <c r="HWM684" s="613"/>
      <c r="HWN684" s="613"/>
      <c r="HWO684" s="613"/>
      <c r="HWP684" s="613"/>
      <c r="HWQ684" s="613"/>
      <c r="HWR684" s="613"/>
      <c r="HWS684" s="613"/>
      <c r="HWT684" s="613"/>
      <c r="HWU684" s="613"/>
      <c r="HWV684" s="613"/>
      <c r="HWW684" s="613"/>
      <c r="HWX684" s="613"/>
      <c r="HWY684" s="613"/>
      <c r="HWZ684" s="613"/>
      <c r="HXA684" s="613"/>
      <c r="HXB684" s="613"/>
      <c r="HXC684" s="613"/>
      <c r="HXD684" s="613"/>
      <c r="HXE684" s="613"/>
      <c r="HXF684" s="613"/>
      <c r="HXG684" s="613"/>
      <c r="HXH684" s="613"/>
      <c r="HXI684" s="613"/>
      <c r="HXJ684" s="613"/>
      <c r="HXK684" s="613"/>
      <c r="HXL684" s="613"/>
      <c r="HXM684" s="613"/>
      <c r="HXN684" s="613"/>
      <c r="HXO684" s="613"/>
      <c r="HXP684" s="613"/>
      <c r="HXQ684" s="613"/>
      <c r="HXR684" s="613"/>
      <c r="HXS684" s="613"/>
      <c r="HXT684" s="613"/>
      <c r="HXU684" s="613"/>
      <c r="HXV684" s="613"/>
      <c r="HXW684" s="613"/>
      <c r="HXX684" s="613"/>
      <c r="HXY684" s="613"/>
      <c r="HXZ684" s="613"/>
      <c r="HYA684" s="613"/>
      <c r="HYB684" s="613"/>
      <c r="HYC684" s="613"/>
      <c r="HYD684" s="613"/>
      <c r="HYE684" s="613"/>
      <c r="HYF684" s="613"/>
      <c r="HYG684" s="613"/>
      <c r="HYH684" s="613"/>
      <c r="HYI684" s="613"/>
      <c r="HYJ684" s="613"/>
      <c r="HYK684" s="613"/>
      <c r="HYL684" s="613"/>
      <c r="HYM684" s="613"/>
      <c r="HYN684" s="613"/>
      <c r="HYO684" s="613"/>
      <c r="HYP684" s="613"/>
      <c r="HYQ684" s="613"/>
      <c r="HYR684" s="613"/>
      <c r="HYS684" s="613"/>
      <c r="HYT684" s="613"/>
      <c r="HYU684" s="613"/>
      <c r="HYV684" s="613"/>
      <c r="HYW684" s="613"/>
      <c r="HYX684" s="613"/>
      <c r="HYY684" s="613"/>
      <c r="HYZ684" s="613"/>
      <c r="HZA684" s="613"/>
      <c r="HZB684" s="613"/>
      <c r="HZC684" s="613"/>
      <c r="HZD684" s="613"/>
      <c r="HZE684" s="613"/>
      <c r="HZF684" s="613"/>
      <c r="HZG684" s="613"/>
      <c r="HZH684" s="613"/>
      <c r="HZI684" s="613"/>
      <c r="HZJ684" s="613"/>
      <c r="HZK684" s="613"/>
      <c r="HZL684" s="613"/>
      <c r="HZM684" s="613"/>
      <c r="HZN684" s="613"/>
      <c r="HZO684" s="613"/>
      <c r="HZP684" s="613"/>
      <c r="HZQ684" s="613"/>
      <c r="HZR684" s="613"/>
      <c r="HZS684" s="613"/>
      <c r="HZT684" s="613"/>
      <c r="HZU684" s="613"/>
      <c r="HZV684" s="613"/>
      <c r="HZW684" s="613"/>
      <c r="HZX684" s="613"/>
      <c r="HZY684" s="613"/>
      <c r="HZZ684" s="613"/>
      <c r="IAA684" s="613"/>
      <c r="IAB684" s="613"/>
      <c r="IAC684" s="613"/>
      <c r="IAD684" s="613"/>
      <c r="IAE684" s="613"/>
      <c r="IAF684" s="613"/>
      <c r="IAG684" s="613"/>
      <c r="IAH684" s="613"/>
      <c r="IAI684" s="613"/>
      <c r="IAJ684" s="613"/>
      <c r="IAK684" s="613"/>
      <c r="IAL684" s="613"/>
      <c r="IAM684" s="613"/>
      <c r="IAN684" s="613"/>
      <c r="IAO684" s="613"/>
      <c r="IAP684" s="613"/>
      <c r="IAQ684" s="613"/>
      <c r="IAR684" s="613"/>
      <c r="IAS684" s="613"/>
      <c r="IAT684" s="613"/>
      <c r="IAU684" s="613"/>
      <c r="IAV684" s="613"/>
      <c r="IAW684" s="613"/>
      <c r="IAX684" s="613"/>
      <c r="IAY684" s="613"/>
      <c r="IAZ684" s="613"/>
      <c r="IBA684" s="613"/>
      <c r="IBB684" s="613"/>
      <c r="IBC684" s="613"/>
      <c r="IBD684" s="613"/>
      <c r="IBE684" s="613"/>
      <c r="IBF684" s="613"/>
      <c r="IBG684" s="613"/>
      <c r="IBH684" s="613"/>
      <c r="IBI684" s="613"/>
      <c r="IBJ684" s="613"/>
      <c r="IBK684" s="613"/>
      <c r="IBL684" s="613"/>
      <c r="IBM684" s="613"/>
      <c r="IBN684" s="613"/>
      <c r="IBO684" s="613"/>
      <c r="IBP684" s="613"/>
      <c r="IBQ684" s="613"/>
      <c r="IBR684" s="613"/>
      <c r="IBS684" s="613"/>
      <c r="IBT684" s="613"/>
      <c r="IBU684" s="613"/>
      <c r="IBV684" s="613"/>
      <c r="IBW684" s="613"/>
      <c r="IBX684" s="613"/>
      <c r="IBY684" s="613"/>
      <c r="IBZ684" s="613"/>
      <c r="ICA684" s="613"/>
      <c r="ICB684" s="613"/>
      <c r="ICC684" s="613"/>
      <c r="ICD684" s="613"/>
      <c r="ICE684" s="613"/>
      <c r="ICF684" s="613"/>
      <c r="ICG684" s="613"/>
      <c r="ICH684" s="613"/>
      <c r="ICI684" s="613"/>
      <c r="ICJ684" s="613"/>
      <c r="ICK684" s="613"/>
      <c r="ICL684" s="613"/>
      <c r="ICM684" s="613"/>
      <c r="ICN684" s="613"/>
      <c r="ICO684" s="613"/>
      <c r="ICP684" s="613"/>
      <c r="ICQ684" s="613"/>
      <c r="ICR684" s="613"/>
      <c r="ICS684" s="613"/>
      <c r="ICT684" s="613"/>
      <c r="ICU684" s="613"/>
      <c r="ICV684" s="613"/>
      <c r="ICW684" s="613"/>
      <c r="ICX684" s="613"/>
      <c r="ICY684" s="613"/>
      <c r="ICZ684" s="613"/>
      <c r="IDA684" s="613"/>
      <c r="IDB684" s="613"/>
      <c r="IDC684" s="613"/>
      <c r="IDD684" s="613"/>
      <c r="IDE684" s="613"/>
      <c r="IDF684" s="613"/>
      <c r="IDG684" s="613"/>
      <c r="IDH684" s="613"/>
      <c r="IDI684" s="613"/>
      <c r="IDJ684" s="613"/>
      <c r="IDK684" s="613"/>
      <c r="IDL684" s="613"/>
      <c r="IDM684" s="613"/>
      <c r="IDN684" s="613"/>
      <c r="IDO684" s="613"/>
      <c r="IDP684" s="613"/>
      <c r="IDQ684" s="613"/>
      <c r="IDR684" s="613"/>
      <c r="IDS684" s="613"/>
      <c r="IDT684" s="613"/>
      <c r="IDU684" s="613"/>
      <c r="IDV684" s="613"/>
      <c r="IDW684" s="613"/>
      <c r="IDX684" s="613"/>
      <c r="IDY684" s="613"/>
      <c r="IDZ684" s="613"/>
      <c r="IEA684" s="613"/>
      <c r="IEB684" s="613"/>
      <c r="IEC684" s="613"/>
      <c r="IED684" s="613"/>
      <c r="IEE684" s="613"/>
      <c r="IEF684" s="613"/>
      <c r="IEG684" s="613"/>
      <c r="IEH684" s="613"/>
      <c r="IEI684" s="613"/>
      <c r="IEJ684" s="613"/>
      <c r="IEK684" s="613"/>
      <c r="IEL684" s="613"/>
      <c r="IEM684" s="613"/>
      <c r="IEN684" s="613"/>
      <c r="IEO684" s="613"/>
      <c r="IEP684" s="613"/>
      <c r="IEQ684" s="613"/>
      <c r="IER684" s="613"/>
      <c r="IES684" s="613"/>
      <c r="IET684" s="613"/>
      <c r="IEU684" s="613"/>
      <c r="IEV684" s="613"/>
      <c r="IEW684" s="613"/>
      <c r="IEX684" s="613"/>
      <c r="IEY684" s="613"/>
      <c r="IEZ684" s="613"/>
      <c r="IFA684" s="613"/>
      <c r="IFB684" s="613"/>
      <c r="IFC684" s="613"/>
      <c r="IFD684" s="613"/>
      <c r="IFE684" s="613"/>
      <c r="IFF684" s="613"/>
      <c r="IFG684" s="613"/>
      <c r="IFH684" s="613"/>
      <c r="IFI684" s="613"/>
      <c r="IFJ684" s="613"/>
      <c r="IFK684" s="613"/>
      <c r="IFL684" s="613"/>
      <c r="IFM684" s="613"/>
      <c r="IFN684" s="613"/>
      <c r="IFO684" s="613"/>
      <c r="IFP684" s="613"/>
      <c r="IFQ684" s="613"/>
      <c r="IFR684" s="613"/>
      <c r="IFS684" s="613"/>
      <c r="IFT684" s="613"/>
      <c r="IFU684" s="613"/>
      <c r="IFV684" s="613"/>
      <c r="IFW684" s="613"/>
      <c r="IFX684" s="613"/>
      <c r="IFY684" s="613"/>
      <c r="IFZ684" s="613"/>
      <c r="IGA684" s="613"/>
      <c r="IGB684" s="613"/>
      <c r="IGC684" s="613"/>
      <c r="IGD684" s="613"/>
      <c r="IGE684" s="613"/>
      <c r="IGF684" s="613"/>
      <c r="IGG684" s="613"/>
      <c r="IGH684" s="613"/>
      <c r="IGI684" s="613"/>
      <c r="IGJ684" s="613"/>
      <c r="IGK684" s="613"/>
      <c r="IGL684" s="613"/>
      <c r="IGM684" s="613"/>
      <c r="IGN684" s="613"/>
      <c r="IGO684" s="613"/>
      <c r="IGP684" s="613"/>
      <c r="IGQ684" s="613"/>
      <c r="IGR684" s="613"/>
      <c r="IGS684" s="613"/>
      <c r="IGT684" s="613"/>
      <c r="IGU684" s="613"/>
      <c r="IGV684" s="613"/>
      <c r="IGW684" s="613"/>
      <c r="IGX684" s="613"/>
      <c r="IGY684" s="613"/>
      <c r="IGZ684" s="613"/>
      <c r="IHA684" s="613"/>
      <c r="IHB684" s="613"/>
      <c r="IHC684" s="613"/>
      <c r="IHD684" s="613"/>
      <c r="IHE684" s="613"/>
      <c r="IHF684" s="613"/>
      <c r="IHG684" s="613"/>
      <c r="IHH684" s="613"/>
      <c r="IHI684" s="613"/>
      <c r="IHJ684" s="613"/>
      <c r="IHK684" s="613"/>
      <c r="IHL684" s="613"/>
      <c r="IHM684" s="613"/>
      <c r="IHN684" s="613"/>
      <c r="IHO684" s="613"/>
      <c r="IHP684" s="613"/>
      <c r="IHQ684" s="613"/>
      <c r="IHR684" s="613"/>
      <c r="IHS684" s="613"/>
      <c r="IHT684" s="613"/>
      <c r="IHU684" s="613"/>
      <c r="IHV684" s="613"/>
      <c r="IHW684" s="613"/>
      <c r="IHX684" s="613"/>
      <c r="IHY684" s="613"/>
      <c r="IHZ684" s="613"/>
      <c r="IIA684" s="613"/>
      <c r="IIB684" s="613"/>
      <c r="IIC684" s="613"/>
      <c r="IID684" s="613"/>
      <c r="IIE684" s="613"/>
      <c r="IIF684" s="613"/>
      <c r="IIG684" s="613"/>
      <c r="IIH684" s="613"/>
      <c r="III684" s="613"/>
      <c r="IIJ684" s="613"/>
      <c r="IIK684" s="613"/>
      <c r="IIL684" s="613"/>
      <c r="IIM684" s="613"/>
      <c r="IIN684" s="613"/>
      <c r="IIO684" s="613"/>
      <c r="IIP684" s="613"/>
      <c r="IIQ684" s="613"/>
      <c r="IIR684" s="613"/>
      <c r="IIS684" s="613"/>
      <c r="IIT684" s="613"/>
      <c r="IIU684" s="613"/>
      <c r="IIV684" s="613"/>
      <c r="IIW684" s="613"/>
      <c r="IIX684" s="613"/>
      <c r="IIY684" s="613"/>
      <c r="IIZ684" s="613"/>
      <c r="IJA684" s="613"/>
      <c r="IJB684" s="613"/>
      <c r="IJC684" s="613"/>
      <c r="IJD684" s="613"/>
      <c r="IJE684" s="613"/>
      <c r="IJF684" s="613"/>
      <c r="IJG684" s="613"/>
      <c r="IJH684" s="613"/>
      <c r="IJI684" s="613"/>
      <c r="IJJ684" s="613"/>
      <c r="IJK684" s="613"/>
      <c r="IJL684" s="613"/>
      <c r="IJM684" s="613"/>
      <c r="IJN684" s="613"/>
      <c r="IJO684" s="613"/>
      <c r="IJP684" s="613"/>
      <c r="IJQ684" s="613"/>
      <c r="IJR684" s="613"/>
      <c r="IJS684" s="613"/>
      <c r="IJT684" s="613"/>
      <c r="IJU684" s="613"/>
      <c r="IJV684" s="613"/>
      <c r="IJW684" s="613"/>
      <c r="IJX684" s="613"/>
      <c r="IJY684" s="613"/>
      <c r="IJZ684" s="613"/>
      <c r="IKA684" s="613"/>
      <c r="IKB684" s="613"/>
      <c r="IKC684" s="613"/>
      <c r="IKD684" s="613"/>
      <c r="IKE684" s="613"/>
      <c r="IKF684" s="613"/>
      <c r="IKG684" s="613"/>
      <c r="IKH684" s="613"/>
      <c r="IKI684" s="613"/>
      <c r="IKJ684" s="613"/>
      <c r="IKK684" s="613"/>
      <c r="IKL684" s="613"/>
      <c r="IKM684" s="613"/>
      <c r="IKN684" s="613"/>
      <c r="IKO684" s="613"/>
      <c r="IKP684" s="613"/>
      <c r="IKQ684" s="613"/>
      <c r="IKR684" s="613"/>
      <c r="IKS684" s="613"/>
      <c r="IKT684" s="613"/>
      <c r="IKU684" s="613"/>
      <c r="IKV684" s="613"/>
      <c r="IKW684" s="613"/>
      <c r="IKX684" s="613"/>
      <c r="IKY684" s="613"/>
      <c r="IKZ684" s="613"/>
      <c r="ILA684" s="613"/>
      <c r="ILB684" s="613"/>
      <c r="ILC684" s="613"/>
      <c r="ILD684" s="613"/>
      <c r="ILE684" s="613"/>
      <c r="ILF684" s="613"/>
      <c r="ILG684" s="613"/>
      <c r="ILH684" s="613"/>
      <c r="ILI684" s="613"/>
      <c r="ILJ684" s="613"/>
      <c r="ILK684" s="613"/>
      <c r="ILL684" s="613"/>
      <c r="ILM684" s="613"/>
      <c r="ILN684" s="613"/>
      <c r="ILO684" s="613"/>
      <c r="ILP684" s="613"/>
      <c r="ILQ684" s="613"/>
      <c r="ILR684" s="613"/>
      <c r="ILS684" s="613"/>
      <c r="ILT684" s="613"/>
      <c r="ILU684" s="613"/>
      <c r="ILV684" s="613"/>
      <c r="ILW684" s="613"/>
      <c r="ILX684" s="613"/>
      <c r="ILY684" s="613"/>
      <c r="ILZ684" s="613"/>
      <c r="IMA684" s="613"/>
      <c r="IMB684" s="613"/>
      <c r="IMC684" s="613"/>
      <c r="IMD684" s="613"/>
      <c r="IME684" s="613"/>
      <c r="IMF684" s="613"/>
      <c r="IMG684" s="613"/>
      <c r="IMH684" s="613"/>
      <c r="IMI684" s="613"/>
      <c r="IMJ684" s="613"/>
      <c r="IMK684" s="613"/>
      <c r="IML684" s="613"/>
      <c r="IMM684" s="613"/>
      <c r="IMN684" s="613"/>
      <c r="IMO684" s="613"/>
      <c r="IMP684" s="613"/>
      <c r="IMQ684" s="613"/>
      <c r="IMR684" s="613"/>
      <c r="IMS684" s="613"/>
      <c r="IMT684" s="613"/>
      <c r="IMU684" s="613"/>
      <c r="IMV684" s="613"/>
      <c r="IMW684" s="613"/>
      <c r="IMX684" s="613"/>
      <c r="IMY684" s="613"/>
      <c r="IMZ684" s="613"/>
      <c r="INA684" s="613"/>
      <c r="INB684" s="613"/>
      <c r="INC684" s="613"/>
      <c r="IND684" s="613"/>
      <c r="INE684" s="613"/>
      <c r="INF684" s="613"/>
      <c r="ING684" s="613"/>
      <c r="INH684" s="613"/>
      <c r="INI684" s="613"/>
      <c r="INJ684" s="613"/>
      <c r="INK684" s="613"/>
      <c r="INL684" s="613"/>
      <c r="INM684" s="613"/>
      <c r="INN684" s="613"/>
      <c r="INO684" s="613"/>
      <c r="INP684" s="613"/>
      <c r="INQ684" s="613"/>
      <c r="INR684" s="613"/>
      <c r="INS684" s="613"/>
      <c r="INT684" s="613"/>
      <c r="INU684" s="613"/>
      <c r="INV684" s="613"/>
      <c r="INW684" s="613"/>
      <c r="INX684" s="613"/>
      <c r="INY684" s="613"/>
      <c r="INZ684" s="613"/>
      <c r="IOA684" s="613"/>
      <c r="IOB684" s="613"/>
      <c r="IOC684" s="613"/>
      <c r="IOD684" s="613"/>
      <c r="IOE684" s="613"/>
      <c r="IOF684" s="613"/>
      <c r="IOG684" s="613"/>
      <c r="IOH684" s="613"/>
      <c r="IOI684" s="613"/>
      <c r="IOJ684" s="613"/>
      <c r="IOK684" s="613"/>
      <c r="IOL684" s="613"/>
      <c r="IOM684" s="613"/>
      <c r="ION684" s="613"/>
      <c r="IOO684" s="613"/>
      <c r="IOP684" s="613"/>
      <c r="IOQ684" s="613"/>
      <c r="IOR684" s="613"/>
      <c r="IOS684" s="613"/>
      <c r="IOT684" s="613"/>
      <c r="IOU684" s="613"/>
      <c r="IOV684" s="613"/>
      <c r="IOW684" s="613"/>
      <c r="IOX684" s="613"/>
      <c r="IOY684" s="613"/>
      <c r="IOZ684" s="613"/>
      <c r="IPA684" s="613"/>
      <c r="IPB684" s="613"/>
      <c r="IPC684" s="613"/>
      <c r="IPD684" s="613"/>
      <c r="IPE684" s="613"/>
      <c r="IPF684" s="613"/>
      <c r="IPG684" s="613"/>
      <c r="IPH684" s="613"/>
      <c r="IPI684" s="613"/>
      <c r="IPJ684" s="613"/>
      <c r="IPK684" s="613"/>
      <c r="IPL684" s="613"/>
      <c r="IPM684" s="613"/>
      <c r="IPN684" s="613"/>
      <c r="IPO684" s="613"/>
      <c r="IPP684" s="613"/>
      <c r="IPQ684" s="613"/>
      <c r="IPR684" s="613"/>
      <c r="IPS684" s="613"/>
      <c r="IPT684" s="613"/>
      <c r="IPU684" s="613"/>
      <c r="IPV684" s="613"/>
      <c r="IPW684" s="613"/>
      <c r="IPX684" s="613"/>
      <c r="IPY684" s="613"/>
      <c r="IPZ684" s="613"/>
      <c r="IQA684" s="613"/>
      <c r="IQB684" s="613"/>
      <c r="IQC684" s="613"/>
      <c r="IQD684" s="613"/>
      <c r="IQE684" s="613"/>
      <c r="IQF684" s="613"/>
      <c r="IQG684" s="613"/>
      <c r="IQH684" s="613"/>
      <c r="IQI684" s="613"/>
      <c r="IQJ684" s="613"/>
      <c r="IQK684" s="613"/>
      <c r="IQL684" s="613"/>
      <c r="IQM684" s="613"/>
      <c r="IQN684" s="613"/>
      <c r="IQO684" s="613"/>
      <c r="IQP684" s="613"/>
      <c r="IQQ684" s="613"/>
      <c r="IQR684" s="613"/>
      <c r="IQS684" s="613"/>
      <c r="IQT684" s="613"/>
      <c r="IQU684" s="613"/>
      <c r="IQV684" s="613"/>
      <c r="IQW684" s="613"/>
      <c r="IQX684" s="613"/>
      <c r="IQY684" s="613"/>
      <c r="IQZ684" s="613"/>
      <c r="IRA684" s="613"/>
      <c r="IRB684" s="613"/>
      <c r="IRC684" s="613"/>
      <c r="IRD684" s="613"/>
      <c r="IRE684" s="613"/>
      <c r="IRF684" s="613"/>
      <c r="IRG684" s="613"/>
      <c r="IRH684" s="613"/>
      <c r="IRI684" s="613"/>
      <c r="IRJ684" s="613"/>
      <c r="IRK684" s="613"/>
      <c r="IRL684" s="613"/>
      <c r="IRM684" s="613"/>
      <c r="IRN684" s="613"/>
      <c r="IRO684" s="613"/>
      <c r="IRP684" s="613"/>
      <c r="IRQ684" s="613"/>
      <c r="IRR684" s="613"/>
      <c r="IRS684" s="613"/>
      <c r="IRT684" s="613"/>
      <c r="IRU684" s="613"/>
      <c r="IRV684" s="613"/>
      <c r="IRW684" s="613"/>
      <c r="IRX684" s="613"/>
      <c r="IRY684" s="613"/>
      <c r="IRZ684" s="613"/>
      <c r="ISA684" s="613"/>
      <c r="ISB684" s="613"/>
      <c r="ISC684" s="613"/>
      <c r="ISD684" s="613"/>
      <c r="ISE684" s="613"/>
      <c r="ISF684" s="613"/>
      <c r="ISG684" s="613"/>
      <c r="ISH684" s="613"/>
      <c r="ISI684" s="613"/>
      <c r="ISJ684" s="613"/>
      <c r="ISK684" s="613"/>
      <c r="ISL684" s="613"/>
      <c r="ISM684" s="613"/>
      <c r="ISN684" s="613"/>
      <c r="ISO684" s="613"/>
      <c r="ISP684" s="613"/>
      <c r="ISQ684" s="613"/>
      <c r="ISR684" s="613"/>
      <c r="ISS684" s="613"/>
      <c r="IST684" s="613"/>
      <c r="ISU684" s="613"/>
      <c r="ISV684" s="613"/>
      <c r="ISW684" s="613"/>
      <c r="ISX684" s="613"/>
      <c r="ISY684" s="613"/>
      <c r="ISZ684" s="613"/>
      <c r="ITA684" s="613"/>
      <c r="ITB684" s="613"/>
      <c r="ITC684" s="613"/>
      <c r="ITD684" s="613"/>
      <c r="ITE684" s="613"/>
      <c r="ITF684" s="613"/>
      <c r="ITG684" s="613"/>
      <c r="ITH684" s="613"/>
      <c r="ITI684" s="613"/>
      <c r="ITJ684" s="613"/>
      <c r="ITK684" s="613"/>
      <c r="ITL684" s="613"/>
      <c r="ITM684" s="613"/>
      <c r="ITN684" s="613"/>
      <c r="ITO684" s="613"/>
      <c r="ITP684" s="613"/>
      <c r="ITQ684" s="613"/>
      <c r="ITR684" s="613"/>
      <c r="ITS684" s="613"/>
      <c r="ITT684" s="613"/>
      <c r="ITU684" s="613"/>
      <c r="ITV684" s="613"/>
      <c r="ITW684" s="613"/>
      <c r="ITX684" s="613"/>
      <c r="ITY684" s="613"/>
      <c r="ITZ684" s="613"/>
      <c r="IUA684" s="613"/>
      <c r="IUB684" s="613"/>
      <c r="IUC684" s="613"/>
      <c r="IUD684" s="613"/>
      <c r="IUE684" s="613"/>
      <c r="IUF684" s="613"/>
      <c r="IUG684" s="613"/>
      <c r="IUH684" s="613"/>
      <c r="IUI684" s="613"/>
      <c r="IUJ684" s="613"/>
      <c r="IUK684" s="613"/>
      <c r="IUL684" s="613"/>
      <c r="IUM684" s="613"/>
      <c r="IUN684" s="613"/>
      <c r="IUO684" s="613"/>
      <c r="IUP684" s="613"/>
      <c r="IUQ684" s="613"/>
      <c r="IUR684" s="613"/>
      <c r="IUS684" s="613"/>
      <c r="IUT684" s="613"/>
      <c r="IUU684" s="613"/>
      <c r="IUV684" s="613"/>
      <c r="IUW684" s="613"/>
      <c r="IUX684" s="613"/>
      <c r="IUY684" s="613"/>
      <c r="IUZ684" s="613"/>
      <c r="IVA684" s="613"/>
      <c r="IVB684" s="613"/>
      <c r="IVC684" s="613"/>
      <c r="IVD684" s="613"/>
      <c r="IVE684" s="613"/>
      <c r="IVF684" s="613"/>
      <c r="IVG684" s="613"/>
      <c r="IVH684" s="613"/>
      <c r="IVI684" s="613"/>
      <c r="IVJ684" s="613"/>
      <c r="IVK684" s="613"/>
      <c r="IVL684" s="613"/>
      <c r="IVM684" s="613"/>
      <c r="IVN684" s="613"/>
      <c r="IVO684" s="613"/>
      <c r="IVP684" s="613"/>
      <c r="IVQ684" s="613"/>
      <c r="IVR684" s="613"/>
      <c r="IVS684" s="613"/>
      <c r="IVT684" s="613"/>
      <c r="IVU684" s="613"/>
      <c r="IVV684" s="613"/>
      <c r="IVW684" s="613"/>
      <c r="IVX684" s="613"/>
      <c r="IVY684" s="613"/>
      <c r="IVZ684" s="613"/>
      <c r="IWA684" s="613"/>
      <c r="IWB684" s="613"/>
      <c r="IWC684" s="613"/>
      <c r="IWD684" s="613"/>
      <c r="IWE684" s="613"/>
      <c r="IWF684" s="613"/>
      <c r="IWG684" s="613"/>
      <c r="IWH684" s="613"/>
      <c r="IWI684" s="613"/>
      <c r="IWJ684" s="613"/>
      <c r="IWK684" s="613"/>
      <c r="IWL684" s="613"/>
      <c r="IWM684" s="613"/>
      <c r="IWN684" s="613"/>
      <c r="IWO684" s="613"/>
      <c r="IWP684" s="613"/>
      <c r="IWQ684" s="613"/>
      <c r="IWR684" s="613"/>
      <c r="IWS684" s="613"/>
      <c r="IWT684" s="613"/>
      <c r="IWU684" s="613"/>
      <c r="IWV684" s="613"/>
      <c r="IWW684" s="613"/>
      <c r="IWX684" s="613"/>
      <c r="IWY684" s="613"/>
      <c r="IWZ684" s="613"/>
      <c r="IXA684" s="613"/>
      <c r="IXB684" s="613"/>
      <c r="IXC684" s="613"/>
      <c r="IXD684" s="613"/>
      <c r="IXE684" s="613"/>
      <c r="IXF684" s="613"/>
      <c r="IXG684" s="613"/>
      <c r="IXH684" s="613"/>
      <c r="IXI684" s="613"/>
      <c r="IXJ684" s="613"/>
      <c r="IXK684" s="613"/>
      <c r="IXL684" s="613"/>
      <c r="IXM684" s="613"/>
      <c r="IXN684" s="613"/>
      <c r="IXO684" s="613"/>
      <c r="IXP684" s="613"/>
      <c r="IXQ684" s="613"/>
      <c r="IXR684" s="613"/>
      <c r="IXS684" s="613"/>
      <c r="IXT684" s="613"/>
      <c r="IXU684" s="613"/>
      <c r="IXV684" s="613"/>
      <c r="IXW684" s="613"/>
      <c r="IXX684" s="613"/>
      <c r="IXY684" s="613"/>
      <c r="IXZ684" s="613"/>
      <c r="IYA684" s="613"/>
      <c r="IYB684" s="613"/>
      <c r="IYC684" s="613"/>
      <c r="IYD684" s="613"/>
      <c r="IYE684" s="613"/>
      <c r="IYF684" s="613"/>
      <c r="IYG684" s="613"/>
      <c r="IYH684" s="613"/>
      <c r="IYI684" s="613"/>
      <c r="IYJ684" s="613"/>
      <c r="IYK684" s="613"/>
      <c r="IYL684" s="613"/>
      <c r="IYM684" s="613"/>
      <c r="IYN684" s="613"/>
      <c r="IYO684" s="613"/>
      <c r="IYP684" s="613"/>
      <c r="IYQ684" s="613"/>
      <c r="IYR684" s="613"/>
      <c r="IYS684" s="613"/>
      <c r="IYT684" s="613"/>
      <c r="IYU684" s="613"/>
      <c r="IYV684" s="613"/>
      <c r="IYW684" s="613"/>
      <c r="IYX684" s="613"/>
      <c r="IYY684" s="613"/>
      <c r="IYZ684" s="613"/>
      <c r="IZA684" s="613"/>
      <c r="IZB684" s="613"/>
      <c r="IZC684" s="613"/>
      <c r="IZD684" s="613"/>
      <c r="IZE684" s="613"/>
      <c r="IZF684" s="613"/>
      <c r="IZG684" s="613"/>
      <c r="IZH684" s="613"/>
      <c r="IZI684" s="613"/>
      <c r="IZJ684" s="613"/>
      <c r="IZK684" s="613"/>
      <c r="IZL684" s="613"/>
      <c r="IZM684" s="613"/>
      <c r="IZN684" s="613"/>
      <c r="IZO684" s="613"/>
      <c r="IZP684" s="613"/>
      <c r="IZQ684" s="613"/>
      <c r="IZR684" s="613"/>
      <c r="IZS684" s="613"/>
      <c r="IZT684" s="613"/>
      <c r="IZU684" s="613"/>
      <c r="IZV684" s="613"/>
      <c r="IZW684" s="613"/>
      <c r="IZX684" s="613"/>
      <c r="IZY684" s="613"/>
      <c r="IZZ684" s="613"/>
      <c r="JAA684" s="613"/>
      <c r="JAB684" s="613"/>
      <c r="JAC684" s="613"/>
      <c r="JAD684" s="613"/>
      <c r="JAE684" s="613"/>
      <c r="JAF684" s="613"/>
      <c r="JAG684" s="613"/>
      <c r="JAH684" s="613"/>
      <c r="JAI684" s="613"/>
      <c r="JAJ684" s="613"/>
      <c r="JAK684" s="613"/>
      <c r="JAL684" s="613"/>
      <c r="JAM684" s="613"/>
      <c r="JAN684" s="613"/>
      <c r="JAO684" s="613"/>
      <c r="JAP684" s="613"/>
      <c r="JAQ684" s="613"/>
      <c r="JAR684" s="613"/>
      <c r="JAS684" s="613"/>
      <c r="JAT684" s="613"/>
      <c r="JAU684" s="613"/>
      <c r="JAV684" s="613"/>
      <c r="JAW684" s="613"/>
      <c r="JAX684" s="613"/>
      <c r="JAY684" s="613"/>
      <c r="JAZ684" s="613"/>
      <c r="JBA684" s="613"/>
      <c r="JBB684" s="613"/>
      <c r="JBC684" s="613"/>
      <c r="JBD684" s="613"/>
      <c r="JBE684" s="613"/>
      <c r="JBF684" s="613"/>
      <c r="JBG684" s="613"/>
      <c r="JBH684" s="613"/>
      <c r="JBI684" s="613"/>
      <c r="JBJ684" s="613"/>
      <c r="JBK684" s="613"/>
      <c r="JBL684" s="613"/>
      <c r="JBM684" s="613"/>
      <c r="JBN684" s="613"/>
      <c r="JBO684" s="613"/>
      <c r="JBP684" s="613"/>
      <c r="JBQ684" s="613"/>
      <c r="JBR684" s="613"/>
      <c r="JBS684" s="613"/>
      <c r="JBT684" s="613"/>
      <c r="JBU684" s="613"/>
      <c r="JBV684" s="613"/>
      <c r="JBW684" s="613"/>
      <c r="JBX684" s="613"/>
      <c r="JBY684" s="613"/>
      <c r="JBZ684" s="613"/>
      <c r="JCA684" s="613"/>
      <c r="JCB684" s="613"/>
      <c r="JCC684" s="613"/>
      <c r="JCD684" s="613"/>
      <c r="JCE684" s="613"/>
      <c r="JCF684" s="613"/>
      <c r="JCG684" s="613"/>
      <c r="JCH684" s="613"/>
      <c r="JCI684" s="613"/>
      <c r="JCJ684" s="613"/>
      <c r="JCK684" s="613"/>
      <c r="JCL684" s="613"/>
      <c r="JCM684" s="613"/>
      <c r="JCN684" s="613"/>
      <c r="JCO684" s="613"/>
      <c r="JCP684" s="613"/>
      <c r="JCQ684" s="613"/>
      <c r="JCR684" s="613"/>
      <c r="JCS684" s="613"/>
      <c r="JCT684" s="613"/>
      <c r="JCU684" s="613"/>
      <c r="JCV684" s="613"/>
      <c r="JCW684" s="613"/>
      <c r="JCX684" s="613"/>
      <c r="JCY684" s="613"/>
      <c r="JCZ684" s="613"/>
      <c r="JDA684" s="613"/>
      <c r="JDB684" s="613"/>
      <c r="JDC684" s="613"/>
      <c r="JDD684" s="613"/>
      <c r="JDE684" s="613"/>
      <c r="JDF684" s="613"/>
      <c r="JDG684" s="613"/>
      <c r="JDH684" s="613"/>
      <c r="JDI684" s="613"/>
      <c r="JDJ684" s="613"/>
      <c r="JDK684" s="613"/>
      <c r="JDL684" s="613"/>
      <c r="JDM684" s="613"/>
      <c r="JDN684" s="613"/>
      <c r="JDO684" s="613"/>
      <c r="JDP684" s="613"/>
      <c r="JDQ684" s="613"/>
      <c r="JDR684" s="613"/>
      <c r="JDS684" s="613"/>
      <c r="JDT684" s="613"/>
      <c r="JDU684" s="613"/>
      <c r="JDV684" s="613"/>
      <c r="JDW684" s="613"/>
      <c r="JDX684" s="613"/>
      <c r="JDY684" s="613"/>
      <c r="JDZ684" s="613"/>
      <c r="JEA684" s="613"/>
      <c r="JEB684" s="613"/>
      <c r="JEC684" s="613"/>
      <c r="JED684" s="613"/>
      <c r="JEE684" s="613"/>
      <c r="JEF684" s="613"/>
      <c r="JEG684" s="613"/>
      <c r="JEH684" s="613"/>
      <c r="JEI684" s="613"/>
      <c r="JEJ684" s="613"/>
      <c r="JEK684" s="613"/>
      <c r="JEL684" s="613"/>
      <c r="JEM684" s="613"/>
      <c r="JEN684" s="613"/>
      <c r="JEO684" s="613"/>
      <c r="JEP684" s="613"/>
      <c r="JEQ684" s="613"/>
      <c r="JER684" s="613"/>
      <c r="JES684" s="613"/>
      <c r="JET684" s="613"/>
      <c r="JEU684" s="613"/>
      <c r="JEV684" s="613"/>
      <c r="JEW684" s="613"/>
      <c r="JEX684" s="613"/>
      <c r="JEY684" s="613"/>
      <c r="JEZ684" s="613"/>
      <c r="JFA684" s="613"/>
      <c r="JFB684" s="613"/>
      <c r="JFC684" s="613"/>
      <c r="JFD684" s="613"/>
      <c r="JFE684" s="613"/>
      <c r="JFF684" s="613"/>
      <c r="JFG684" s="613"/>
      <c r="JFH684" s="613"/>
      <c r="JFI684" s="613"/>
      <c r="JFJ684" s="613"/>
      <c r="JFK684" s="613"/>
      <c r="JFL684" s="613"/>
      <c r="JFM684" s="613"/>
      <c r="JFN684" s="613"/>
      <c r="JFO684" s="613"/>
      <c r="JFP684" s="613"/>
      <c r="JFQ684" s="613"/>
      <c r="JFR684" s="613"/>
      <c r="JFS684" s="613"/>
      <c r="JFT684" s="613"/>
      <c r="JFU684" s="613"/>
      <c r="JFV684" s="613"/>
      <c r="JFW684" s="613"/>
      <c r="JFX684" s="613"/>
      <c r="JFY684" s="613"/>
      <c r="JFZ684" s="613"/>
      <c r="JGA684" s="613"/>
      <c r="JGB684" s="613"/>
      <c r="JGC684" s="613"/>
      <c r="JGD684" s="613"/>
      <c r="JGE684" s="613"/>
      <c r="JGF684" s="613"/>
      <c r="JGG684" s="613"/>
      <c r="JGH684" s="613"/>
      <c r="JGI684" s="613"/>
      <c r="JGJ684" s="613"/>
      <c r="JGK684" s="613"/>
      <c r="JGL684" s="613"/>
      <c r="JGM684" s="613"/>
      <c r="JGN684" s="613"/>
      <c r="JGO684" s="613"/>
      <c r="JGP684" s="613"/>
      <c r="JGQ684" s="613"/>
      <c r="JGR684" s="613"/>
      <c r="JGS684" s="613"/>
      <c r="JGT684" s="613"/>
      <c r="JGU684" s="613"/>
      <c r="JGV684" s="613"/>
      <c r="JGW684" s="613"/>
      <c r="JGX684" s="613"/>
      <c r="JGY684" s="613"/>
      <c r="JGZ684" s="613"/>
      <c r="JHA684" s="613"/>
      <c r="JHB684" s="613"/>
      <c r="JHC684" s="613"/>
      <c r="JHD684" s="613"/>
      <c r="JHE684" s="613"/>
      <c r="JHF684" s="613"/>
      <c r="JHG684" s="613"/>
      <c r="JHH684" s="613"/>
      <c r="JHI684" s="613"/>
      <c r="JHJ684" s="613"/>
      <c r="JHK684" s="613"/>
      <c r="JHL684" s="613"/>
      <c r="JHM684" s="613"/>
      <c r="JHN684" s="613"/>
      <c r="JHO684" s="613"/>
      <c r="JHP684" s="613"/>
      <c r="JHQ684" s="613"/>
      <c r="JHR684" s="613"/>
      <c r="JHS684" s="613"/>
      <c r="JHT684" s="613"/>
      <c r="JHU684" s="613"/>
      <c r="JHV684" s="613"/>
      <c r="JHW684" s="613"/>
      <c r="JHX684" s="613"/>
      <c r="JHY684" s="613"/>
      <c r="JHZ684" s="613"/>
      <c r="JIA684" s="613"/>
      <c r="JIB684" s="613"/>
      <c r="JIC684" s="613"/>
      <c r="JID684" s="613"/>
      <c r="JIE684" s="613"/>
      <c r="JIF684" s="613"/>
      <c r="JIG684" s="613"/>
      <c r="JIH684" s="613"/>
      <c r="JII684" s="613"/>
      <c r="JIJ684" s="613"/>
      <c r="JIK684" s="613"/>
      <c r="JIL684" s="613"/>
      <c r="JIM684" s="613"/>
      <c r="JIN684" s="613"/>
      <c r="JIO684" s="613"/>
      <c r="JIP684" s="613"/>
      <c r="JIQ684" s="613"/>
      <c r="JIR684" s="613"/>
      <c r="JIS684" s="613"/>
      <c r="JIT684" s="613"/>
      <c r="JIU684" s="613"/>
      <c r="JIV684" s="613"/>
      <c r="JIW684" s="613"/>
      <c r="JIX684" s="613"/>
      <c r="JIY684" s="613"/>
      <c r="JIZ684" s="613"/>
      <c r="JJA684" s="613"/>
      <c r="JJB684" s="613"/>
      <c r="JJC684" s="613"/>
      <c r="JJD684" s="613"/>
      <c r="JJE684" s="613"/>
      <c r="JJF684" s="613"/>
      <c r="JJG684" s="613"/>
      <c r="JJH684" s="613"/>
      <c r="JJI684" s="613"/>
      <c r="JJJ684" s="613"/>
      <c r="JJK684" s="613"/>
      <c r="JJL684" s="613"/>
      <c r="JJM684" s="613"/>
      <c r="JJN684" s="613"/>
      <c r="JJO684" s="613"/>
      <c r="JJP684" s="613"/>
      <c r="JJQ684" s="613"/>
      <c r="JJR684" s="613"/>
      <c r="JJS684" s="613"/>
      <c r="JJT684" s="613"/>
      <c r="JJU684" s="613"/>
      <c r="JJV684" s="613"/>
      <c r="JJW684" s="613"/>
      <c r="JJX684" s="613"/>
      <c r="JJY684" s="613"/>
      <c r="JJZ684" s="613"/>
      <c r="JKA684" s="613"/>
      <c r="JKB684" s="613"/>
      <c r="JKC684" s="613"/>
      <c r="JKD684" s="613"/>
      <c r="JKE684" s="613"/>
      <c r="JKF684" s="613"/>
      <c r="JKG684" s="613"/>
      <c r="JKH684" s="613"/>
      <c r="JKI684" s="613"/>
      <c r="JKJ684" s="613"/>
      <c r="JKK684" s="613"/>
      <c r="JKL684" s="613"/>
      <c r="JKM684" s="613"/>
      <c r="JKN684" s="613"/>
      <c r="JKO684" s="613"/>
      <c r="JKP684" s="613"/>
      <c r="JKQ684" s="613"/>
      <c r="JKR684" s="613"/>
      <c r="JKS684" s="613"/>
      <c r="JKT684" s="613"/>
      <c r="JKU684" s="613"/>
      <c r="JKV684" s="613"/>
      <c r="JKW684" s="613"/>
      <c r="JKX684" s="613"/>
      <c r="JKY684" s="613"/>
      <c r="JKZ684" s="613"/>
      <c r="JLA684" s="613"/>
      <c r="JLB684" s="613"/>
      <c r="JLC684" s="613"/>
      <c r="JLD684" s="613"/>
      <c r="JLE684" s="613"/>
      <c r="JLF684" s="613"/>
      <c r="JLG684" s="613"/>
      <c r="JLH684" s="613"/>
      <c r="JLI684" s="613"/>
      <c r="JLJ684" s="613"/>
      <c r="JLK684" s="613"/>
      <c r="JLL684" s="613"/>
      <c r="JLM684" s="613"/>
      <c r="JLN684" s="613"/>
      <c r="JLO684" s="613"/>
      <c r="JLP684" s="613"/>
      <c r="JLQ684" s="613"/>
      <c r="JLR684" s="613"/>
      <c r="JLS684" s="613"/>
      <c r="JLT684" s="613"/>
      <c r="JLU684" s="613"/>
      <c r="JLV684" s="613"/>
      <c r="JLW684" s="613"/>
      <c r="JLX684" s="613"/>
      <c r="JLY684" s="613"/>
      <c r="JLZ684" s="613"/>
      <c r="JMA684" s="613"/>
      <c r="JMB684" s="613"/>
      <c r="JMC684" s="613"/>
      <c r="JMD684" s="613"/>
      <c r="JME684" s="613"/>
      <c r="JMF684" s="613"/>
      <c r="JMG684" s="613"/>
      <c r="JMH684" s="613"/>
      <c r="JMI684" s="613"/>
      <c r="JMJ684" s="613"/>
      <c r="JMK684" s="613"/>
      <c r="JML684" s="613"/>
      <c r="JMM684" s="613"/>
      <c r="JMN684" s="613"/>
      <c r="JMO684" s="613"/>
      <c r="JMP684" s="613"/>
      <c r="JMQ684" s="613"/>
      <c r="JMR684" s="613"/>
      <c r="JMS684" s="613"/>
      <c r="JMT684" s="613"/>
      <c r="JMU684" s="613"/>
      <c r="JMV684" s="613"/>
      <c r="JMW684" s="613"/>
      <c r="JMX684" s="613"/>
      <c r="JMY684" s="613"/>
      <c r="JMZ684" s="613"/>
      <c r="JNA684" s="613"/>
      <c r="JNB684" s="613"/>
      <c r="JNC684" s="613"/>
      <c r="JND684" s="613"/>
      <c r="JNE684" s="613"/>
      <c r="JNF684" s="613"/>
      <c r="JNG684" s="613"/>
      <c r="JNH684" s="613"/>
      <c r="JNI684" s="613"/>
      <c r="JNJ684" s="613"/>
      <c r="JNK684" s="613"/>
      <c r="JNL684" s="613"/>
      <c r="JNM684" s="613"/>
      <c r="JNN684" s="613"/>
      <c r="JNO684" s="613"/>
      <c r="JNP684" s="613"/>
      <c r="JNQ684" s="613"/>
      <c r="JNR684" s="613"/>
      <c r="JNS684" s="613"/>
      <c r="JNT684" s="613"/>
      <c r="JNU684" s="613"/>
      <c r="JNV684" s="613"/>
      <c r="JNW684" s="613"/>
      <c r="JNX684" s="613"/>
      <c r="JNY684" s="613"/>
      <c r="JNZ684" s="613"/>
      <c r="JOA684" s="613"/>
      <c r="JOB684" s="613"/>
      <c r="JOC684" s="613"/>
      <c r="JOD684" s="613"/>
      <c r="JOE684" s="613"/>
      <c r="JOF684" s="613"/>
      <c r="JOG684" s="613"/>
      <c r="JOH684" s="613"/>
      <c r="JOI684" s="613"/>
      <c r="JOJ684" s="613"/>
      <c r="JOK684" s="613"/>
      <c r="JOL684" s="613"/>
      <c r="JOM684" s="613"/>
      <c r="JON684" s="613"/>
      <c r="JOO684" s="613"/>
      <c r="JOP684" s="613"/>
      <c r="JOQ684" s="613"/>
      <c r="JOR684" s="613"/>
      <c r="JOS684" s="613"/>
      <c r="JOT684" s="613"/>
      <c r="JOU684" s="613"/>
      <c r="JOV684" s="613"/>
      <c r="JOW684" s="613"/>
      <c r="JOX684" s="613"/>
      <c r="JOY684" s="613"/>
      <c r="JOZ684" s="613"/>
      <c r="JPA684" s="613"/>
      <c r="JPB684" s="613"/>
      <c r="JPC684" s="613"/>
      <c r="JPD684" s="613"/>
      <c r="JPE684" s="613"/>
      <c r="JPF684" s="613"/>
      <c r="JPG684" s="613"/>
      <c r="JPH684" s="613"/>
      <c r="JPI684" s="613"/>
      <c r="JPJ684" s="613"/>
      <c r="JPK684" s="613"/>
      <c r="JPL684" s="613"/>
      <c r="JPM684" s="613"/>
      <c r="JPN684" s="613"/>
      <c r="JPO684" s="613"/>
      <c r="JPP684" s="613"/>
      <c r="JPQ684" s="613"/>
      <c r="JPR684" s="613"/>
      <c r="JPS684" s="613"/>
      <c r="JPT684" s="613"/>
      <c r="JPU684" s="613"/>
      <c r="JPV684" s="613"/>
      <c r="JPW684" s="613"/>
      <c r="JPX684" s="613"/>
      <c r="JPY684" s="613"/>
      <c r="JPZ684" s="613"/>
      <c r="JQA684" s="613"/>
      <c r="JQB684" s="613"/>
      <c r="JQC684" s="613"/>
      <c r="JQD684" s="613"/>
      <c r="JQE684" s="613"/>
      <c r="JQF684" s="613"/>
      <c r="JQG684" s="613"/>
      <c r="JQH684" s="613"/>
      <c r="JQI684" s="613"/>
      <c r="JQJ684" s="613"/>
      <c r="JQK684" s="613"/>
      <c r="JQL684" s="613"/>
      <c r="JQM684" s="613"/>
      <c r="JQN684" s="613"/>
      <c r="JQO684" s="613"/>
      <c r="JQP684" s="613"/>
      <c r="JQQ684" s="613"/>
      <c r="JQR684" s="613"/>
      <c r="JQS684" s="613"/>
      <c r="JQT684" s="613"/>
      <c r="JQU684" s="613"/>
      <c r="JQV684" s="613"/>
      <c r="JQW684" s="613"/>
      <c r="JQX684" s="613"/>
      <c r="JQY684" s="613"/>
      <c r="JQZ684" s="613"/>
      <c r="JRA684" s="613"/>
      <c r="JRB684" s="613"/>
      <c r="JRC684" s="613"/>
      <c r="JRD684" s="613"/>
      <c r="JRE684" s="613"/>
      <c r="JRF684" s="613"/>
      <c r="JRG684" s="613"/>
      <c r="JRH684" s="613"/>
      <c r="JRI684" s="613"/>
      <c r="JRJ684" s="613"/>
      <c r="JRK684" s="613"/>
      <c r="JRL684" s="613"/>
      <c r="JRM684" s="613"/>
      <c r="JRN684" s="613"/>
      <c r="JRO684" s="613"/>
      <c r="JRP684" s="613"/>
      <c r="JRQ684" s="613"/>
      <c r="JRR684" s="613"/>
      <c r="JRS684" s="613"/>
      <c r="JRT684" s="613"/>
      <c r="JRU684" s="613"/>
      <c r="JRV684" s="613"/>
      <c r="JRW684" s="613"/>
      <c r="JRX684" s="613"/>
      <c r="JRY684" s="613"/>
      <c r="JRZ684" s="613"/>
      <c r="JSA684" s="613"/>
      <c r="JSB684" s="613"/>
      <c r="JSC684" s="613"/>
      <c r="JSD684" s="613"/>
      <c r="JSE684" s="613"/>
      <c r="JSF684" s="613"/>
      <c r="JSG684" s="613"/>
      <c r="JSH684" s="613"/>
      <c r="JSI684" s="613"/>
      <c r="JSJ684" s="613"/>
      <c r="JSK684" s="613"/>
      <c r="JSL684" s="613"/>
      <c r="JSM684" s="613"/>
      <c r="JSN684" s="613"/>
      <c r="JSO684" s="613"/>
      <c r="JSP684" s="613"/>
      <c r="JSQ684" s="613"/>
      <c r="JSR684" s="613"/>
      <c r="JSS684" s="613"/>
      <c r="JST684" s="613"/>
      <c r="JSU684" s="613"/>
      <c r="JSV684" s="613"/>
      <c r="JSW684" s="613"/>
      <c r="JSX684" s="613"/>
      <c r="JSY684" s="613"/>
      <c r="JSZ684" s="613"/>
      <c r="JTA684" s="613"/>
      <c r="JTB684" s="613"/>
      <c r="JTC684" s="613"/>
      <c r="JTD684" s="613"/>
      <c r="JTE684" s="613"/>
      <c r="JTF684" s="613"/>
      <c r="JTG684" s="613"/>
      <c r="JTH684" s="613"/>
      <c r="JTI684" s="613"/>
      <c r="JTJ684" s="613"/>
      <c r="JTK684" s="613"/>
      <c r="JTL684" s="613"/>
      <c r="JTM684" s="613"/>
      <c r="JTN684" s="613"/>
      <c r="JTO684" s="613"/>
      <c r="JTP684" s="613"/>
      <c r="JTQ684" s="613"/>
      <c r="JTR684" s="613"/>
      <c r="JTS684" s="613"/>
      <c r="JTT684" s="613"/>
      <c r="JTU684" s="613"/>
      <c r="JTV684" s="613"/>
      <c r="JTW684" s="613"/>
      <c r="JTX684" s="613"/>
      <c r="JTY684" s="613"/>
      <c r="JTZ684" s="613"/>
      <c r="JUA684" s="613"/>
      <c r="JUB684" s="613"/>
      <c r="JUC684" s="613"/>
      <c r="JUD684" s="613"/>
      <c r="JUE684" s="613"/>
      <c r="JUF684" s="613"/>
      <c r="JUG684" s="613"/>
      <c r="JUH684" s="613"/>
      <c r="JUI684" s="613"/>
      <c r="JUJ684" s="613"/>
      <c r="JUK684" s="613"/>
      <c r="JUL684" s="613"/>
      <c r="JUM684" s="613"/>
      <c r="JUN684" s="613"/>
      <c r="JUO684" s="613"/>
      <c r="JUP684" s="613"/>
      <c r="JUQ684" s="613"/>
      <c r="JUR684" s="613"/>
      <c r="JUS684" s="613"/>
      <c r="JUT684" s="613"/>
      <c r="JUU684" s="613"/>
      <c r="JUV684" s="613"/>
      <c r="JUW684" s="613"/>
      <c r="JUX684" s="613"/>
      <c r="JUY684" s="613"/>
      <c r="JUZ684" s="613"/>
      <c r="JVA684" s="613"/>
      <c r="JVB684" s="613"/>
      <c r="JVC684" s="613"/>
      <c r="JVD684" s="613"/>
      <c r="JVE684" s="613"/>
      <c r="JVF684" s="613"/>
      <c r="JVG684" s="613"/>
      <c r="JVH684" s="613"/>
      <c r="JVI684" s="613"/>
      <c r="JVJ684" s="613"/>
      <c r="JVK684" s="613"/>
      <c r="JVL684" s="613"/>
      <c r="JVM684" s="613"/>
      <c r="JVN684" s="613"/>
      <c r="JVO684" s="613"/>
      <c r="JVP684" s="613"/>
      <c r="JVQ684" s="613"/>
      <c r="JVR684" s="613"/>
      <c r="JVS684" s="613"/>
      <c r="JVT684" s="613"/>
      <c r="JVU684" s="613"/>
      <c r="JVV684" s="613"/>
      <c r="JVW684" s="613"/>
      <c r="JVX684" s="613"/>
      <c r="JVY684" s="613"/>
      <c r="JVZ684" s="613"/>
      <c r="JWA684" s="613"/>
      <c r="JWB684" s="613"/>
      <c r="JWC684" s="613"/>
      <c r="JWD684" s="613"/>
      <c r="JWE684" s="613"/>
      <c r="JWF684" s="613"/>
      <c r="JWG684" s="613"/>
      <c r="JWH684" s="613"/>
      <c r="JWI684" s="613"/>
      <c r="JWJ684" s="613"/>
      <c r="JWK684" s="613"/>
      <c r="JWL684" s="613"/>
      <c r="JWM684" s="613"/>
      <c r="JWN684" s="613"/>
      <c r="JWO684" s="613"/>
      <c r="JWP684" s="613"/>
      <c r="JWQ684" s="613"/>
      <c r="JWR684" s="613"/>
      <c r="JWS684" s="613"/>
      <c r="JWT684" s="613"/>
      <c r="JWU684" s="613"/>
      <c r="JWV684" s="613"/>
      <c r="JWW684" s="613"/>
      <c r="JWX684" s="613"/>
      <c r="JWY684" s="613"/>
      <c r="JWZ684" s="613"/>
      <c r="JXA684" s="613"/>
      <c r="JXB684" s="613"/>
      <c r="JXC684" s="613"/>
      <c r="JXD684" s="613"/>
      <c r="JXE684" s="613"/>
      <c r="JXF684" s="613"/>
      <c r="JXG684" s="613"/>
      <c r="JXH684" s="613"/>
      <c r="JXI684" s="613"/>
      <c r="JXJ684" s="613"/>
      <c r="JXK684" s="613"/>
      <c r="JXL684" s="613"/>
      <c r="JXM684" s="613"/>
      <c r="JXN684" s="613"/>
      <c r="JXO684" s="613"/>
      <c r="JXP684" s="613"/>
      <c r="JXQ684" s="613"/>
      <c r="JXR684" s="613"/>
      <c r="JXS684" s="613"/>
      <c r="JXT684" s="613"/>
      <c r="JXU684" s="613"/>
      <c r="JXV684" s="613"/>
      <c r="JXW684" s="613"/>
      <c r="JXX684" s="613"/>
      <c r="JXY684" s="613"/>
      <c r="JXZ684" s="613"/>
      <c r="JYA684" s="613"/>
      <c r="JYB684" s="613"/>
      <c r="JYC684" s="613"/>
      <c r="JYD684" s="613"/>
      <c r="JYE684" s="613"/>
      <c r="JYF684" s="613"/>
      <c r="JYG684" s="613"/>
      <c r="JYH684" s="613"/>
      <c r="JYI684" s="613"/>
      <c r="JYJ684" s="613"/>
      <c r="JYK684" s="613"/>
      <c r="JYL684" s="613"/>
      <c r="JYM684" s="613"/>
      <c r="JYN684" s="613"/>
      <c r="JYO684" s="613"/>
      <c r="JYP684" s="613"/>
      <c r="JYQ684" s="613"/>
      <c r="JYR684" s="613"/>
      <c r="JYS684" s="613"/>
      <c r="JYT684" s="613"/>
      <c r="JYU684" s="613"/>
      <c r="JYV684" s="613"/>
      <c r="JYW684" s="613"/>
      <c r="JYX684" s="613"/>
      <c r="JYY684" s="613"/>
      <c r="JYZ684" s="613"/>
      <c r="JZA684" s="613"/>
      <c r="JZB684" s="613"/>
      <c r="JZC684" s="613"/>
      <c r="JZD684" s="613"/>
      <c r="JZE684" s="613"/>
      <c r="JZF684" s="613"/>
      <c r="JZG684" s="613"/>
      <c r="JZH684" s="613"/>
      <c r="JZI684" s="613"/>
      <c r="JZJ684" s="613"/>
      <c r="JZK684" s="613"/>
      <c r="JZL684" s="613"/>
      <c r="JZM684" s="613"/>
      <c r="JZN684" s="613"/>
      <c r="JZO684" s="613"/>
      <c r="JZP684" s="613"/>
      <c r="JZQ684" s="613"/>
      <c r="JZR684" s="613"/>
      <c r="JZS684" s="613"/>
      <c r="JZT684" s="613"/>
      <c r="JZU684" s="613"/>
      <c r="JZV684" s="613"/>
      <c r="JZW684" s="613"/>
      <c r="JZX684" s="613"/>
      <c r="JZY684" s="613"/>
      <c r="JZZ684" s="613"/>
      <c r="KAA684" s="613"/>
      <c r="KAB684" s="613"/>
      <c r="KAC684" s="613"/>
      <c r="KAD684" s="613"/>
      <c r="KAE684" s="613"/>
      <c r="KAF684" s="613"/>
      <c r="KAG684" s="613"/>
      <c r="KAH684" s="613"/>
      <c r="KAI684" s="613"/>
      <c r="KAJ684" s="613"/>
      <c r="KAK684" s="613"/>
      <c r="KAL684" s="613"/>
      <c r="KAM684" s="613"/>
      <c r="KAN684" s="613"/>
      <c r="KAO684" s="613"/>
      <c r="KAP684" s="613"/>
      <c r="KAQ684" s="613"/>
      <c r="KAR684" s="613"/>
      <c r="KAS684" s="613"/>
      <c r="KAT684" s="613"/>
      <c r="KAU684" s="613"/>
      <c r="KAV684" s="613"/>
      <c r="KAW684" s="613"/>
      <c r="KAX684" s="613"/>
      <c r="KAY684" s="613"/>
      <c r="KAZ684" s="613"/>
      <c r="KBA684" s="613"/>
      <c r="KBB684" s="613"/>
      <c r="KBC684" s="613"/>
      <c r="KBD684" s="613"/>
      <c r="KBE684" s="613"/>
      <c r="KBF684" s="613"/>
      <c r="KBG684" s="613"/>
      <c r="KBH684" s="613"/>
      <c r="KBI684" s="613"/>
      <c r="KBJ684" s="613"/>
      <c r="KBK684" s="613"/>
      <c r="KBL684" s="613"/>
      <c r="KBM684" s="613"/>
      <c r="KBN684" s="613"/>
      <c r="KBO684" s="613"/>
      <c r="KBP684" s="613"/>
      <c r="KBQ684" s="613"/>
      <c r="KBR684" s="613"/>
      <c r="KBS684" s="613"/>
      <c r="KBT684" s="613"/>
      <c r="KBU684" s="613"/>
      <c r="KBV684" s="613"/>
      <c r="KBW684" s="613"/>
      <c r="KBX684" s="613"/>
      <c r="KBY684" s="613"/>
      <c r="KBZ684" s="613"/>
      <c r="KCA684" s="613"/>
      <c r="KCB684" s="613"/>
      <c r="KCC684" s="613"/>
      <c r="KCD684" s="613"/>
      <c r="KCE684" s="613"/>
      <c r="KCF684" s="613"/>
      <c r="KCG684" s="613"/>
      <c r="KCH684" s="613"/>
      <c r="KCI684" s="613"/>
      <c r="KCJ684" s="613"/>
      <c r="KCK684" s="613"/>
      <c r="KCL684" s="613"/>
      <c r="KCM684" s="613"/>
      <c r="KCN684" s="613"/>
      <c r="KCO684" s="613"/>
      <c r="KCP684" s="613"/>
      <c r="KCQ684" s="613"/>
      <c r="KCR684" s="613"/>
      <c r="KCS684" s="613"/>
      <c r="KCT684" s="613"/>
      <c r="KCU684" s="613"/>
      <c r="KCV684" s="613"/>
      <c r="KCW684" s="613"/>
      <c r="KCX684" s="613"/>
      <c r="KCY684" s="613"/>
      <c r="KCZ684" s="613"/>
      <c r="KDA684" s="613"/>
      <c r="KDB684" s="613"/>
      <c r="KDC684" s="613"/>
      <c r="KDD684" s="613"/>
      <c r="KDE684" s="613"/>
      <c r="KDF684" s="613"/>
      <c r="KDG684" s="613"/>
      <c r="KDH684" s="613"/>
      <c r="KDI684" s="613"/>
      <c r="KDJ684" s="613"/>
      <c r="KDK684" s="613"/>
      <c r="KDL684" s="613"/>
      <c r="KDM684" s="613"/>
      <c r="KDN684" s="613"/>
      <c r="KDO684" s="613"/>
      <c r="KDP684" s="613"/>
      <c r="KDQ684" s="613"/>
      <c r="KDR684" s="613"/>
      <c r="KDS684" s="613"/>
      <c r="KDT684" s="613"/>
      <c r="KDU684" s="613"/>
      <c r="KDV684" s="613"/>
      <c r="KDW684" s="613"/>
      <c r="KDX684" s="613"/>
      <c r="KDY684" s="613"/>
      <c r="KDZ684" s="613"/>
      <c r="KEA684" s="613"/>
      <c r="KEB684" s="613"/>
      <c r="KEC684" s="613"/>
      <c r="KED684" s="613"/>
      <c r="KEE684" s="613"/>
      <c r="KEF684" s="613"/>
      <c r="KEG684" s="613"/>
      <c r="KEH684" s="613"/>
      <c r="KEI684" s="613"/>
      <c r="KEJ684" s="613"/>
      <c r="KEK684" s="613"/>
      <c r="KEL684" s="613"/>
      <c r="KEM684" s="613"/>
      <c r="KEN684" s="613"/>
      <c r="KEO684" s="613"/>
      <c r="KEP684" s="613"/>
      <c r="KEQ684" s="613"/>
      <c r="KER684" s="613"/>
      <c r="KES684" s="613"/>
      <c r="KET684" s="613"/>
      <c r="KEU684" s="613"/>
      <c r="KEV684" s="613"/>
      <c r="KEW684" s="613"/>
      <c r="KEX684" s="613"/>
      <c r="KEY684" s="613"/>
      <c r="KEZ684" s="613"/>
      <c r="KFA684" s="613"/>
      <c r="KFB684" s="613"/>
      <c r="KFC684" s="613"/>
      <c r="KFD684" s="613"/>
      <c r="KFE684" s="613"/>
      <c r="KFF684" s="613"/>
      <c r="KFG684" s="613"/>
      <c r="KFH684" s="613"/>
      <c r="KFI684" s="613"/>
      <c r="KFJ684" s="613"/>
      <c r="KFK684" s="613"/>
      <c r="KFL684" s="613"/>
      <c r="KFM684" s="613"/>
      <c r="KFN684" s="613"/>
      <c r="KFO684" s="613"/>
      <c r="KFP684" s="613"/>
      <c r="KFQ684" s="613"/>
      <c r="KFR684" s="613"/>
      <c r="KFS684" s="613"/>
      <c r="KFT684" s="613"/>
      <c r="KFU684" s="613"/>
      <c r="KFV684" s="613"/>
      <c r="KFW684" s="613"/>
      <c r="KFX684" s="613"/>
      <c r="KFY684" s="613"/>
      <c r="KFZ684" s="613"/>
      <c r="KGA684" s="613"/>
      <c r="KGB684" s="613"/>
      <c r="KGC684" s="613"/>
      <c r="KGD684" s="613"/>
      <c r="KGE684" s="613"/>
      <c r="KGF684" s="613"/>
      <c r="KGG684" s="613"/>
      <c r="KGH684" s="613"/>
      <c r="KGI684" s="613"/>
      <c r="KGJ684" s="613"/>
      <c r="KGK684" s="613"/>
      <c r="KGL684" s="613"/>
      <c r="KGM684" s="613"/>
      <c r="KGN684" s="613"/>
      <c r="KGO684" s="613"/>
      <c r="KGP684" s="613"/>
      <c r="KGQ684" s="613"/>
      <c r="KGR684" s="613"/>
      <c r="KGS684" s="613"/>
      <c r="KGT684" s="613"/>
      <c r="KGU684" s="613"/>
      <c r="KGV684" s="613"/>
      <c r="KGW684" s="613"/>
      <c r="KGX684" s="613"/>
      <c r="KGY684" s="613"/>
      <c r="KGZ684" s="613"/>
      <c r="KHA684" s="613"/>
      <c r="KHB684" s="613"/>
      <c r="KHC684" s="613"/>
      <c r="KHD684" s="613"/>
      <c r="KHE684" s="613"/>
      <c r="KHF684" s="613"/>
      <c r="KHG684" s="613"/>
      <c r="KHH684" s="613"/>
      <c r="KHI684" s="613"/>
      <c r="KHJ684" s="613"/>
      <c r="KHK684" s="613"/>
      <c r="KHL684" s="613"/>
      <c r="KHM684" s="613"/>
      <c r="KHN684" s="613"/>
      <c r="KHO684" s="613"/>
      <c r="KHP684" s="613"/>
      <c r="KHQ684" s="613"/>
      <c r="KHR684" s="613"/>
      <c r="KHS684" s="613"/>
      <c r="KHT684" s="613"/>
      <c r="KHU684" s="613"/>
      <c r="KHV684" s="613"/>
      <c r="KHW684" s="613"/>
      <c r="KHX684" s="613"/>
      <c r="KHY684" s="613"/>
      <c r="KHZ684" s="613"/>
      <c r="KIA684" s="613"/>
      <c r="KIB684" s="613"/>
      <c r="KIC684" s="613"/>
      <c r="KID684" s="613"/>
      <c r="KIE684" s="613"/>
      <c r="KIF684" s="613"/>
      <c r="KIG684" s="613"/>
      <c r="KIH684" s="613"/>
      <c r="KII684" s="613"/>
      <c r="KIJ684" s="613"/>
      <c r="KIK684" s="613"/>
      <c r="KIL684" s="613"/>
      <c r="KIM684" s="613"/>
      <c r="KIN684" s="613"/>
      <c r="KIO684" s="613"/>
      <c r="KIP684" s="613"/>
      <c r="KIQ684" s="613"/>
      <c r="KIR684" s="613"/>
      <c r="KIS684" s="613"/>
      <c r="KIT684" s="613"/>
      <c r="KIU684" s="613"/>
      <c r="KIV684" s="613"/>
      <c r="KIW684" s="613"/>
      <c r="KIX684" s="613"/>
      <c r="KIY684" s="613"/>
      <c r="KIZ684" s="613"/>
      <c r="KJA684" s="613"/>
      <c r="KJB684" s="613"/>
      <c r="KJC684" s="613"/>
      <c r="KJD684" s="613"/>
      <c r="KJE684" s="613"/>
      <c r="KJF684" s="613"/>
      <c r="KJG684" s="613"/>
      <c r="KJH684" s="613"/>
      <c r="KJI684" s="613"/>
      <c r="KJJ684" s="613"/>
      <c r="KJK684" s="613"/>
      <c r="KJL684" s="613"/>
      <c r="KJM684" s="613"/>
      <c r="KJN684" s="613"/>
      <c r="KJO684" s="613"/>
      <c r="KJP684" s="613"/>
      <c r="KJQ684" s="613"/>
      <c r="KJR684" s="613"/>
      <c r="KJS684" s="613"/>
      <c r="KJT684" s="613"/>
      <c r="KJU684" s="613"/>
      <c r="KJV684" s="613"/>
      <c r="KJW684" s="613"/>
      <c r="KJX684" s="613"/>
      <c r="KJY684" s="613"/>
      <c r="KJZ684" s="613"/>
      <c r="KKA684" s="613"/>
      <c r="KKB684" s="613"/>
      <c r="KKC684" s="613"/>
      <c r="KKD684" s="613"/>
      <c r="KKE684" s="613"/>
      <c r="KKF684" s="613"/>
      <c r="KKG684" s="613"/>
      <c r="KKH684" s="613"/>
      <c r="KKI684" s="613"/>
      <c r="KKJ684" s="613"/>
      <c r="KKK684" s="613"/>
      <c r="KKL684" s="613"/>
      <c r="KKM684" s="613"/>
      <c r="KKN684" s="613"/>
      <c r="KKO684" s="613"/>
      <c r="KKP684" s="613"/>
      <c r="KKQ684" s="613"/>
      <c r="KKR684" s="613"/>
      <c r="KKS684" s="613"/>
      <c r="KKT684" s="613"/>
      <c r="KKU684" s="613"/>
      <c r="KKV684" s="613"/>
      <c r="KKW684" s="613"/>
      <c r="KKX684" s="613"/>
      <c r="KKY684" s="613"/>
      <c r="KKZ684" s="613"/>
      <c r="KLA684" s="613"/>
      <c r="KLB684" s="613"/>
      <c r="KLC684" s="613"/>
      <c r="KLD684" s="613"/>
      <c r="KLE684" s="613"/>
      <c r="KLF684" s="613"/>
      <c r="KLG684" s="613"/>
      <c r="KLH684" s="613"/>
      <c r="KLI684" s="613"/>
      <c r="KLJ684" s="613"/>
      <c r="KLK684" s="613"/>
      <c r="KLL684" s="613"/>
      <c r="KLM684" s="613"/>
      <c r="KLN684" s="613"/>
      <c r="KLO684" s="613"/>
      <c r="KLP684" s="613"/>
      <c r="KLQ684" s="613"/>
      <c r="KLR684" s="613"/>
      <c r="KLS684" s="613"/>
      <c r="KLT684" s="613"/>
      <c r="KLU684" s="613"/>
      <c r="KLV684" s="613"/>
      <c r="KLW684" s="613"/>
      <c r="KLX684" s="613"/>
      <c r="KLY684" s="613"/>
      <c r="KLZ684" s="613"/>
      <c r="KMA684" s="613"/>
      <c r="KMB684" s="613"/>
      <c r="KMC684" s="613"/>
      <c r="KMD684" s="613"/>
      <c r="KME684" s="613"/>
      <c r="KMF684" s="613"/>
      <c r="KMG684" s="613"/>
      <c r="KMH684" s="613"/>
      <c r="KMI684" s="613"/>
      <c r="KMJ684" s="613"/>
      <c r="KMK684" s="613"/>
      <c r="KML684" s="613"/>
      <c r="KMM684" s="613"/>
      <c r="KMN684" s="613"/>
      <c r="KMO684" s="613"/>
      <c r="KMP684" s="613"/>
      <c r="KMQ684" s="613"/>
      <c r="KMR684" s="613"/>
      <c r="KMS684" s="613"/>
      <c r="KMT684" s="613"/>
      <c r="KMU684" s="613"/>
      <c r="KMV684" s="613"/>
      <c r="KMW684" s="613"/>
      <c r="KMX684" s="613"/>
      <c r="KMY684" s="613"/>
      <c r="KMZ684" s="613"/>
      <c r="KNA684" s="613"/>
      <c r="KNB684" s="613"/>
      <c r="KNC684" s="613"/>
      <c r="KND684" s="613"/>
      <c r="KNE684" s="613"/>
      <c r="KNF684" s="613"/>
      <c r="KNG684" s="613"/>
      <c r="KNH684" s="613"/>
      <c r="KNI684" s="613"/>
      <c r="KNJ684" s="613"/>
      <c r="KNK684" s="613"/>
      <c r="KNL684" s="613"/>
      <c r="KNM684" s="613"/>
      <c r="KNN684" s="613"/>
      <c r="KNO684" s="613"/>
      <c r="KNP684" s="613"/>
      <c r="KNQ684" s="613"/>
      <c r="KNR684" s="613"/>
      <c r="KNS684" s="613"/>
      <c r="KNT684" s="613"/>
      <c r="KNU684" s="613"/>
      <c r="KNV684" s="613"/>
      <c r="KNW684" s="613"/>
      <c r="KNX684" s="613"/>
      <c r="KNY684" s="613"/>
      <c r="KNZ684" s="613"/>
      <c r="KOA684" s="613"/>
      <c r="KOB684" s="613"/>
      <c r="KOC684" s="613"/>
      <c r="KOD684" s="613"/>
      <c r="KOE684" s="613"/>
      <c r="KOF684" s="613"/>
      <c r="KOG684" s="613"/>
      <c r="KOH684" s="613"/>
      <c r="KOI684" s="613"/>
      <c r="KOJ684" s="613"/>
      <c r="KOK684" s="613"/>
      <c r="KOL684" s="613"/>
      <c r="KOM684" s="613"/>
      <c r="KON684" s="613"/>
      <c r="KOO684" s="613"/>
      <c r="KOP684" s="613"/>
      <c r="KOQ684" s="613"/>
      <c r="KOR684" s="613"/>
      <c r="KOS684" s="613"/>
      <c r="KOT684" s="613"/>
      <c r="KOU684" s="613"/>
      <c r="KOV684" s="613"/>
      <c r="KOW684" s="613"/>
      <c r="KOX684" s="613"/>
      <c r="KOY684" s="613"/>
      <c r="KOZ684" s="613"/>
      <c r="KPA684" s="613"/>
      <c r="KPB684" s="613"/>
      <c r="KPC684" s="613"/>
      <c r="KPD684" s="613"/>
      <c r="KPE684" s="613"/>
      <c r="KPF684" s="613"/>
      <c r="KPG684" s="613"/>
      <c r="KPH684" s="613"/>
      <c r="KPI684" s="613"/>
      <c r="KPJ684" s="613"/>
      <c r="KPK684" s="613"/>
      <c r="KPL684" s="613"/>
      <c r="KPM684" s="613"/>
      <c r="KPN684" s="613"/>
      <c r="KPO684" s="613"/>
      <c r="KPP684" s="613"/>
      <c r="KPQ684" s="613"/>
      <c r="KPR684" s="613"/>
      <c r="KPS684" s="613"/>
      <c r="KPT684" s="613"/>
      <c r="KPU684" s="613"/>
      <c r="KPV684" s="613"/>
      <c r="KPW684" s="613"/>
      <c r="KPX684" s="613"/>
      <c r="KPY684" s="613"/>
      <c r="KPZ684" s="613"/>
      <c r="KQA684" s="613"/>
      <c r="KQB684" s="613"/>
      <c r="KQC684" s="613"/>
      <c r="KQD684" s="613"/>
      <c r="KQE684" s="613"/>
      <c r="KQF684" s="613"/>
      <c r="KQG684" s="613"/>
      <c r="KQH684" s="613"/>
      <c r="KQI684" s="613"/>
      <c r="KQJ684" s="613"/>
      <c r="KQK684" s="613"/>
      <c r="KQL684" s="613"/>
      <c r="KQM684" s="613"/>
      <c r="KQN684" s="613"/>
      <c r="KQO684" s="613"/>
      <c r="KQP684" s="613"/>
      <c r="KQQ684" s="613"/>
      <c r="KQR684" s="613"/>
      <c r="KQS684" s="613"/>
      <c r="KQT684" s="613"/>
      <c r="KQU684" s="613"/>
      <c r="KQV684" s="613"/>
      <c r="KQW684" s="613"/>
      <c r="KQX684" s="613"/>
      <c r="KQY684" s="613"/>
      <c r="KQZ684" s="613"/>
      <c r="KRA684" s="613"/>
      <c r="KRB684" s="613"/>
      <c r="KRC684" s="613"/>
      <c r="KRD684" s="613"/>
      <c r="KRE684" s="613"/>
      <c r="KRF684" s="613"/>
      <c r="KRG684" s="613"/>
      <c r="KRH684" s="613"/>
      <c r="KRI684" s="613"/>
      <c r="KRJ684" s="613"/>
      <c r="KRK684" s="613"/>
      <c r="KRL684" s="613"/>
      <c r="KRM684" s="613"/>
      <c r="KRN684" s="613"/>
      <c r="KRO684" s="613"/>
      <c r="KRP684" s="613"/>
      <c r="KRQ684" s="613"/>
      <c r="KRR684" s="613"/>
      <c r="KRS684" s="613"/>
      <c r="KRT684" s="613"/>
      <c r="KRU684" s="613"/>
      <c r="KRV684" s="613"/>
      <c r="KRW684" s="613"/>
      <c r="KRX684" s="613"/>
      <c r="KRY684" s="613"/>
      <c r="KRZ684" s="613"/>
      <c r="KSA684" s="613"/>
      <c r="KSB684" s="613"/>
      <c r="KSC684" s="613"/>
      <c r="KSD684" s="613"/>
      <c r="KSE684" s="613"/>
      <c r="KSF684" s="613"/>
      <c r="KSG684" s="613"/>
      <c r="KSH684" s="613"/>
      <c r="KSI684" s="613"/>
      <c r="KSJ684" s="613"/>
      <c r="KSK684" s="613"/>
      <c r="KSL684" s="613"/>
      <c r="KSM684" s="613"/>
      <c r="KSN684" s="613"/>
      <c r="KSO684" s="613"/>
      <c r="KSP684" s="613"/>
      <c r="KSQ684" s="613"/>
      <c r="KSR684" s="613"/>
      <c r="KSS684" s="613"/>
      <c r="KST684" s="613"/>
      <c r="KSU684" s="613"/>
      <c r="KSV684" s="613"/>
      <c r="KSW684" s="613"/>
      <c r="KSX684" s="613"/>
      <c r="KSY684" s="613"/>
      <c r="KSZ684" s="613"/>
      <c r="KTA684" s="613"/>
      <c r="KTB684" s="613"/>
      <c r="KTC684" s="613"/>
      <c r="KTD684" s="613"/>
      <c r="KTE684" s="613"/>
      <c r="KTF684" s="613"/>
      <c r="KTG684" s="613"/>
      <c r="KTH684" s="613"/>
      <c r="KTI684" s="613"/>
      <c r="KTJ684" s="613"/>
      <c r="KTK684" s="613"/>
      <c r="KTL684" s="613"/>
      <c r="KTM684" s="613"/>
      <c r="KTN684" s="613"/>
      <c r="KTO684" s="613"/>
      <c r="KTP684" s="613"/>
      <c r="KTQ684" s="613"/>
      <c r="KTR684" s="613"/>
      <c r="KTS684" s="613"/>
      <c r="KTT684" s="613"/>
      <c r="KTU684" s="613"/>
      <c r="KTV684" s="613"/>
      <c r="KTW684" s="613"/>
      <c r="KTX684" s="613"/>
      <c r="KTY684" s="613"/>
      <c r="KTZ684" s="613"/>
      <c r="KUA684" s="613"/>
      <c r="KUB684" s="613"/>
      <c r="KUC684" s="613"/>
      <c r="KUD684" s="613"/>
      <c r="KUE684" s="613"/>
      <c r="KUF684" s="613"/>
      <c r="KUG684" s="613"/>
      <c r="KUH684" s="613"/>
      <c r="KUI684" s="613"/>
      <c r="KUJ684" s="613"/>
      <c r="KUK684" s="613"/>
      <c r="KUL684" s="613"/>
      <c r="KUM684" s="613"/>
      <c r="KUN684" s="613"/>
      <c r="KUO684" s="613"/>
      <c r="KUP684" s="613"/>
      <c r="KUQ684" s="613"/>
      <c r="KUR684" s="613"/>
      <c r="KUS684" s="613"/>
      <c r="KUT684" s="613"/>
      <c r="KUU684" s="613"/>
      <c r="KUV684" s="613"/>
      <c r="KUW684" s="613"/>
      <c r="KUX684" s="613"/>
      <c r="KUY684" s="613"/>
      <c r="KUZ684" s="613"/>
      <c r="KVA684" s="613"/>
      <c r="KVB684" s="613"/>
      <c r="KVC684" s="613"/>
      <c r="KVD684" s="613"/>
      <c r="KVE684" s="613"/>
      <c r="KVF684" s="613"/>
      <c r="KVG684" s="613"/>
      <c r="KVH684" s="613"/>
      <c r="KVI684" s="613"/>
      <c r="KVJ684" s="613"/>
      <c r="KVK684" s="613"/>
      <c r="KVL684" s="613"/>
      <c r="KVM684" s="613"/>
      <c r="KVN684" s="613"/>
      <c r="KVO684" s="613"/>
      <c r="KVP684" s="613"/>
      <c r="KVQ684" s="613"/>
      <c r="KVR684" s="613"/>
      <c r="KVS684" s="613"/>
      <c r="KVT684" s="613"/>
      <c r="KVU684" s="613"/>
      <c r="KVV684" s="613"/>
      <c r="KVW684" s="613"/>
      <c r="KVX684" s="613"/>
      <c r="KVY684" s="613"/>
      <c r="KVZ684" s="613"/>
      <c r="KWA684" s="613"/>
      <c r="KWB684" s="613"/>
      <c r="KWC684" s="613"/>
      <c r="KWD684" s="613"/>
      <c r="KWE684" s="613"/>
      <c r="KWF684" s="613"/>
      <c r="KWG684" s="613"/>
      <c r="KWH684" s="613"/>
      <c r="KWI684" s="613"/>
      <c r="KWJ684" s="613"/>
      <c r="KWK684" s="613"/>
      <c r="KWL684" s="613"/>
      <c r="KWM684" s="613"/>
      <c r="KWN684" s="613"/>
      <c r="KWO684" s="613"/>
      <c r="KWP684" s="613"/>
      <c r="KWQ684" s="613"/>
      <c r="KWR684" s="613"/>
      <c r="KWS684" s="613"/>
      <c r="KWT684" s="613"/>
      <c r="KWU684" s="613"/>
      <c r="KWV684" s="613"/>
      <c r="KWW684" s="613"/>
      <c r="KWX684" s="613"/>
      <c r="KWY684" s="613"/>
      <c r="KWZ684" s="613"/>
      <c r="KXA684" s="613"/>
      <c r="KXB684" s="613"/>
      <c r="KXC684" s="613"/>
      <c r="KXD684" s="613"/>
      <c r="KXE684" s="613"/>
      <c r="KXF684" s="613"/>
      <c r="KXG684" s="613"/>
      <c r="KXH684" s="613"/>
      <c r="KXI684" s="613"/>
      <c r="KXJ684" s="613"/>
      <c r="KXK684" s="613"/>
      <c r="KXL684" s="613"/>
      <c r="KXM684" s="613"/>
      <c r="KXN684" s="613"/>
      <c r="KXO684" s="613"/>
      <c r="KXP684" s="613"/>
      <c r="KXQ684" s="613"/>
      <c r="KXR684" s="613"/>
      <c r="KXS684" s="613"/>
      <c r="KXT684" s="613"/>
      <c r="KXU684" s="613"/>
      <c r="KXV684" s="613"/>
      <c r="KXW684" s="613"/>
      <c r="KXX684" s="613"/>
      <c r="KXY684" s="613"/>
      <c r="KXZ684" s="613"/>
      <c r="KYA684" s="613"/>
      <c r="KYB684" s="613"/>
      <c r="KYC684" s="613"/>
      <c r="KYD684" s="613"/>
      <c r="KYE684" s="613"/>
      <c r="KYF684" s="613"/>
      <c r="KYG684" s="613"/>
      <c r="KYH684" s="613"/>
      <c r="KYI684" s="613"/>
      <c r="KYJ684" s="613"/>
      <c r="KYK684" s="613"/>
      <c r="KYL684" s="613"/>
      <c r="KYM684" s="613"/>
      <c r="KYN684" s="613"/>
      <c r="KYO684" s="613"/>
      <c r="KYP684" s="613"/>
      <c r="KYQ684" s="613"/>
      <c r="KYR684" s="613"/>
      <c r="KYS684" s="613"/>
      <c r="KYT684" s="613"/>
      <c r="KYU684" s="613"/>
      <c r="KYV684" s="613"/>
      <c r="KYW684" s="613"/>
      <c r="KYX684" s="613"/>
      <c r="KYY684" s="613"/>
      <c r="KYZ684" s="613"/>
      <c r="KZA684" s="613"/>
      <c r="KZB684" s="613"/>
      <c r="KZC684" s="613"/>
      <c r="KZD684" s="613"/>
      <c r="KZE684" s="613"/>
      <c r="KZF684" s="613"/>
      <c r="KZG684" s="613"/>
      <c r="KZH684" s="613"/>
      <c r="KZI684" s="613"/>
      <c r="KZJ684" s="613"/>
      <c r="KZK684" s="613"/>
      <c r="KZL684" s="613"/>
      <c r="KZM684" s="613"/>
      <c r="KZN684" s="613"/>
      <c r="KZO684" s="613"/>
      <c r="KZP684" s="613"/>
      <c r="KZQ684" s="613"/>
      <c r="KZR684" s="613"/>
      <c r="KZS684" s="613"/>
      <c r="KZT684" s="613"/>
      <c r="KZU684" s="613"/>
      <c r="KZV684" s="613"/>
      <c r="KZW684" s="613"/>
      <c r="KZX684" s="613"/>
      <c r="KZY684" s="613"/>
      <c r="KZZ684" s="613"/>
      <c r="LAA684" s="613"/>
      <c r="LAB684" s="613"/>
      <c r="LAC684" s="613"/>
      <c r="LAD684" s="613"/>
      <c r="LAE684" s="613"/>
      <c r="LAF684" s="613"/>
      <c r="LAG684" s="613"/>
      <c r="LAH684" s="613"/>
      <c r="LAI684" s="613"/>
      <c r="LAJ684" s="613"/>
      <c r="LAK684" s="613"/>
      <c r="LAL684" s="613"/>
      <c r="LAM684" s="613"/>
      <c r="LAN684" s="613"/>
      <c r="LAO684" s="613"/>
      <c r="LAP684" s="613"/>
      <c r="LAQ684" s="613"/>
      <c r="LAR684" s="613"/>
      <c r="LAS684" s="613"/>
      <c r="LAT684" s="613"/>
      <c r="LAU684" s="613"/>
      <c r="LAV684" s="613"/>
      <c r="LAW684" s="613"/>
      <c r="LAX684" s="613"/>
      <c r="LAY684" s="613"/>
      <c r="LAZ684" s="613"/>
      <c r="LBA684" s="613"/>
      <c r="LBB684" s="613"/>
      <c r="LBC684" s="613"/>
      <c r="LBD684" s="613"/>
      <c r="LBE684" s="613"/>
      <c r="LBF684" s="613"/>
      <c r="LBG684" s="613"/>
      <c r="LBH684" s="613"/>
      <c r="LBI684" s="613"/>
      <c r="LBJ684" s="613"/>
      <c r="LBK684" s="613"/>
      <c r="LBL684" s="613"/>
      <c r="LBM684" s="613"/>
      <c r="LBN684" s="613"/>
      <c r="LBO684" s="613"/>
      <c r="LBP684" s="613"/>
      <c r="LBQ684" s="613"/>
      <c r="LBR684" s="613"/>
      <c r="LBS684" s="613"/>
      <c r="LBT684" s="613"/>
      <c r="LBU684" s="613"/>
      <c r="LBV684" s="613"/>
      <c r="LBW684" s="613"/>
      <c r="LBX684" s="613"/>
      <c r="LBY684" s="613"/>
      <c r="LBZ684" s="613"/>
      <c r="LCA684" s="613"/>
      <c r="LCB684" s="613"/>
      <c r="LCC684" s="613"/>
      <c r="LCD684" s="613"/>
      <c r="LCE684" s="613"/>
      <c r="LCF684" s="613"/>
      <c r="LCG684" s="613"/>
      <c r="LCH684" s="613"/>
      <c r="LCI684" s="613"/>
      <c r="LCJ684" s="613"/>
      <c r="LCK684" s="613"/>
      <c r="LCL684" s="613"/>
      <c r="LCM684" s="613"/>
      <c r="LCN684" s="613"/>
      <c r="LCO684" s="613"/>
      <c r="LCP684" s="613"/>
      <c r="LCQ684" s="613"/>
      <c r="LCR684" s="613"/>
      <c r="LCS684" s="613"/>
      <c r="LCT684" s="613"/>
      <c r="LCU684" s="613"/>
      <c r="LCV684" s="613"/>
      <c r="LCW684" s="613"/>
      <c r="LCX684" s="613"/>
      <c r="LCY684" s="613"/>
      <c r="LCZ684" s="613"/>
      <c r="LDA684" s="613"/>
      <c r="LDB684" s="613"/>
      <c r="LDC684" s="613"/>
      <c r="LDD684" s="613"/>
      <c r="LDE684" s="613"/>
      <c r="LDF684" s="613"/>
      <c r="LDG684" s="613"/>
      <c r="LDH684" s="613"/>
      <c r="LDI684" s="613"/>
      <c r="LDJ684" s="613"/>
      <c r="LDK684" s="613"/>
      <c r="LDL684" s="613"/>
      <c r="LDM684" s="613"/>
      <c r="LDN684" s="613"/>
      <c r="LDO684" s="613"/>
      <c r="LDP684" s="613"/>
      <c r="LDQ684" s="613"/>
      <c r="LDR684" s="613"/>
      <c r="LDS684" s="613"/>
      <c r="LDT684" s="613"/>
      <c r="LDU684" s="613"/>
      <c r="LDV684" s="613"/>
      <c r="LDW684" s="613"/>
      <c r="LDX684" s="613"/>
      <c r="LDY684" s="613"/>
      <c r="LDZ684" s="613"/>
      <c r="LEA684" s="613"/>
      <c r="LEB684" s="613"/>
      <c r="LEC684" s="613"/>
      <c r="LED684" s="613"/>
      <c r="LEE684" s="613"/>
      <c r="LEF684" s="613"/>
      <c r="LEG684" s="613"/>
      <c r="LEH684" s="613"/>
      <c r="LEI684" s="613"/>
      <c r="LEJ684" s="613"/>
      <c r="LEK684" s="613"/>
      <c r="LEL684" s="613"/>
      <c r="LEM684" s="613"/>
      <c r="LEN684" s="613"/>
      <c r="LEO684" s="613"/>
      <c r="LEP684" s="613"/>
      <c r="LEQ684" s="613"/>
      <c r="LER684" s="613"/>
      <c r="LES684" s="613"/>
      <c r="LET684" s="613"/>
      <c r="LEU684" s="613"/>
      <c r="LEV684" s="613"/>
      <c r="LEW684" s="613"/>
      <c r="LEX684" s="613"/>
      <c r="LEY684" s="613"/>
      <c r="LEZ684" s="613"/>
      <c r="LFA684" s="613"/>
      <c r="LFB684" s="613"/>
      <c r="LFC684" s="613"/>
      <c r="LFD684" s="613"/>
      <c r="LFE684" s="613"/>
      <c r="LFF684" s="613"/>
      <c r="LFG684" s="613"/>
      <c r="LFH684" s="613"/>
      <c r="LFI684" s="613"/>
      <c r="LFJ684" s="613"/>
      <c r="LFK684" s="613"/>
      <c r="LFL684" s="613"/>
      <c r="LFM684" s="613"/>
      <c r="LFN684" s="613"/>
      <c r="LFO684" s="613"/>
      <c r="LFP684" s="613"/>
      <c r="LFQ684" s="613"/>
      <c r="LFR684" s="613"/>
      <c r="LFS684" s="613"/>
      <c r="LFT684" s="613"/>
      <c r="LFU684" s="613"/>
      <c r="LFV684" s="613"/>
      <c r="LFW684" s="613"/>
      <c r="LFX684" s="613"/>
      <c r="LFY684" s="613"/>
      <c r="LFZ684" s="613"/>
      <c r="LGA684" s="613"/>
      <c r="LGB684" s="613"/>
      <c r="LGC684" s="613"/>
      <c r="LGD684" s="613"/>
      <c r="LGE684" s="613"/>
      <c r="LGF684" s="613"/>
      <c r="LGG684" s="613"/>
      <c r="LGH684" s="613"/>
      <c r="LGI684" s="613"/>
      <c r="LGJ684" s="613"/>
      <c r="LGK684" s="613"/>
      <c r="LGL684" s="613"/>
      <c r="LGM684" s="613"/>
      <c r="LGN684" s="613"/>
      <c r="LGO684" s="613"/>
      <c r="LGP684" s="613"/>
      <c r="LGQ684" s="613"/>
      <c r="LGR684" s="613"/>
      <c r="LGS684" s="613"/>
      <c r="LGT684" s="613"/>
      <c r="LGU684" s="613"/>
      <c r="LGV684" s="613"/>
      <c r="LGW684" s="613"/>
      <c r="LGX684" s="613"/>
      <c r="LGY684" s="613"/>
      <c r="LGZ684" s="613"/>
      <c r="LHA684" s="613"/>
      <c r="LHB684" s="613"/>
      <c r="LHC684" s="613"/>
      <c r="LHD684" s="613"/>
      <c r="LHE684" s="613"/>
      <c r="LHF684" s="613"/>
      <c r="LHG684" s="613"/>
      <c r="LHH684" s="613"/>
      <c r="LHI684" s="613"/>
      <c r="LHJ684" s="613"/>
      <c r="LHK684" s="613"/>
      <c r="LHL684" s="613"/>
      <c r="LHM684" s="613"/>
      <c r="LHN684" s="613"/>
      <c r="LHO684" s="613"/>
      <c r="LHP684" s="613"/>
      <c r="LHQ684" s="613"/>
      <c r="LHR684" s="613"/>
      <c r="LHS684" s="613"/>
      <c r="LHT684" s="613"/>
      <c r="LHU684" s="613"/>
      <c r="LHV684" s="613"/>
      <c r="LHW684" s="613"/>
      <c r="LHX684" s="613"/>
      <c r="LHY684" s="613"/>
      <c r="LHZ684" s="613"/>
      <c r="LIA684" s="613"/>
      <c r="LIB684" s="613"/>
      <c r="LIC684" s="613"/>
      <c r="LID684" s="613"/>
      <c r="LIE684" s="613"/>
      <c r="LIF684" s="613"/>
      <c r="LIG684" s="613"/>
      <c r="LIH684" s="613"/>
      <c r="LII684" s="613"/>
      <c r="LIJ684" s="613"/>
      <c r="LIK684" s="613"/>
      <c r="LIL684" s="613"/>
      <c r="LIM684" s="613"/>
      <c r="LIN684" s="613"/>
      <c r="LIO684" s="613"/>
      <c r="LIP684" s="613"/>
      <c r="LIQ684" s="613"/>
      <c r="LIR684" s="613"/>
      <c r="LIS684" s="613"/>
      <c r="LIT684" s="613"/>
      <c r="LIU684" s="613"/>
      <c r="LIV684" s="613"/>
      <c r="LIW684" s="613"/>
      <c r="LIX684" s="613"/>
      <c r="LIY684" s="613"/>
      <c r="LIZ684" s="613"/>
      <c r="LJA684" s="613"/>
      <c r="LJB684" s="613"/>
      <c r="LJC684" s="613"/>
      <c r="LJD684" s="613"/>
      <c r="LJE684" s="613"/>
      <c r="LJF684" s="613"/>
      <c r="LJG684" s="613"/>
      <c r="LJH684" s="613"/>
      <c r="LJI684" s="613"/>
      <c r="LJJ684" s="613"/>
      <c r="LJK684" s="613"/>
      <c r="LJL684" s="613"/>
      <c r="LJM684" s="613"/>
      <c r="LJN684" s="613"/>
      <c r="LJO684" s="613"/>
      <c r="LJP684" s="613"/>
      <c r="LJQ684" s="613"/>
      <c r="LJR684" s="613"/>
      <c r="LJS684" s="613"/>
      <c r="LJT684" s="613"/>
      <c r="LJU684" s="613"/>
      <c r="LJV684" s="613"/>
      <c r="LJW684" s="613"/>
      <c r="LJX684" s="613"/>
      <c r="LJY684" s="613"/>
      <c r="LJZ684" s="613"/>
      <c r="LKA684" s="613"/>
      <c r="LKB684" s="613"/>
      <c r="LKC684" s="613"/>
      <c r="LKD684" s="613"/>
      <c r="LKE684" s="613"/>
      <c r="LKF684" s="613"/>
      <c r="LKG684" s="613"/>
      <c r="LKH684" s="613"/>
      <c r="LKI684" s="613"/>
      <c r="LKJ684" s="613"/>
      <c r="LKK684" s="613"/>
      <c r="LKL684" s="613"/>
      <c r="LKM684" s="613"/>
      <c r="LKN684" s="613"/>
      <c r="LKO684" s="613"/>
      <c r="LKP684" s="613"/>
      <c r="LKQ684" s="613"/>
      <c r="LKR684" s="613"/>
      <c r="LKS684" s="613"/>
      <c r="LKT684" s="613"/>
      <c r="LKU684" s="613"/>
      <c r="LKV684" s="613"/>
      <c r="LKW684" s="613"/>
      <c r="LKX684" s="613"/>
      <c r="LKY684" s="613"/>
      <c r="LKZ684" s="613"/>
      <c r="LLA684" s="613"/>
      <c r="LLB684" s="613"/>
      <c r="LLC684" s="613"/>
      <c r="LLD684" s="613"/>
      <c r="LLE684" s="613"/>
      <c r="LLF684" s="613"/>
      <c r="LLG684" s="613"/>
      <c r="LLH684" s="613"/>
      <c r="LLI684" s="613"/>
      <c r="LLJ684" s="613"/>
      <c r="LLK684" s="613"/>
      <c r="LLL684" s="613"/>
      <c r="LLM684" s="613"/>
      <c r="LLN684" s="613"/>
      <c r="LLO684" s="613"/>
      <c r="LLP684" s="613"/>
      <c r="LLQ684" s="613"/>
      <c r="LLR684" s="613"/>
      <c r="LLS684" s="613"/>
      <c r="LLT684" s="613"/>
      <c r="LLU684" s="613"/>
      <c r="LLV684" s="613"/>
      <c r="LLW684" s="613"/>
      <c r="LLX684" s="613"/>
      <c r="LLY684" s="613"/>
      <c r="LLZ684" s="613"/>
      <c r="LMA684" s="613"/>
      <c r="LMB684" s="613"/>
      <c r="LMC684" s="613"/>
      <c r="LMD684" s="613"/>
      <c r="LME684" s="613"/>
      <c r="LMF684" s="613"/>
      <c r="LMG684" s="613"/>
      <c r="LMH684" s="613"/>
      <c r="LMI684" s="613"/>
      <c r="LMJ684" s="613"/>
      <c r="LMK684" s="613"/>
      <c r="LML684" s="613"/>
      <c r="LMM684" s="613"/>
      <c r="LMN684" s="613"/>
      <c r="LMO684" s="613"/>
      <c r="LMP684" s="613"/>
      <c r="LMQ684" s="613"/>
      <c r="LMR684" s="613"/>
      <c r="LMS684" s="613"/>
      <c r="LMT684" s="613"/>
      <c r="LMU684" s="613"/>
      <c r="LMV684" s="613"/>
      <c r="LMW684" s="613"/>
      <c r="LMX684" s="613"/>
      <c r="LMY684" s="613"/>
      <c r="LMZ684" s="613"/>
      <c r="LNA684" s="613"/>
      <c r="LNB684" s="613"/>
      <c r="LNC684" s="613"/>
      <c r="LND684" s="613"/>
      <c r="LNE684" s="613"/>
      <c r="LNF684" s="613"/>
      <c r="LNG684" s="613"/>
      <c r="LNH684" s="613"/>
      <c r="LNI684" s="613"/>
      <c r="LNJ684" s="613"/>
      <c r="LNK684" s="613"/>
      <c r="LNL684" s="613"/>
      <c r="LNM684" s="613"/>
      <c r="LNN684" s="613"/>
      <c r="LNO684" s="613"/>
      <c r="LNP684" s="613"/>
      <c r="LNQ684" s="613"/>
      <c r="LNR684" s="613"/>
      <c r="LNS684" s="613"/>
      <c r="LNT684" s="613"/>
      <c r="LNU684" s="613"/>
      <c r="LNV684" s="613"/>
      <c r="LNW684" s="613"/>
      <c r="LNX684" s="613"/>
      <c r="LNY684" s="613"/>
      <c r="LNZ684" s="613"/>
      <c r="LOA684" s="613"/>
      <c r="LOB684" s="613"/>
      <c r="LOC684" s="613"/>
      <c r="LOD684" s="613"/>
      <c r="LOE684" s="613"/>
      <c r="LOF684" s="613"/>
      <c r="LOG684" s="613"/>
      <c r="LOH684" s="613"/>
      <c r="LOI684" s="613"/>
      <c r="LOJ684" s="613"/>
      <c r="LOK684" s="613"/>
      <c r="LOL684" s="613"/>
      <c r="LOM684" s="613"/>
      <c r="LON684" s="613"/>
      <c r="LOO684" s="613"/>
      <c r="LOP684" s="613"/>
      <c r="LOQ684" s="613"/>
      <c r="LOR684" s="613"/>
      <c r="LOS684" s="613"/>
      <c r="LOT684" s="613"/>
      <c r="LOU684" s="613"/>
      <c r="LOV684" s="613"/>
      <c r="LOW684" s="613"/>
      <c r="LOX684" s="613"/>
      <c r="LOY684" s="613"/>
      <c r="LOZ684" s="613"/>
      <c r="LPA684" s="613"/>
      <c r="LPB684" s="613"/>
      <c r="LPC684" s="613"/>
      <c r="LPD684" s="613"/>
      <c r="LPE684" s="613"/>
      <c r="LPF684" s="613"/>
      <c r="LPG684" s="613"/>
      <c r="LPH684" s="613"/>
      <c r="LPI684" s="613"/>
      <c r="LPJ684" s="613"/>
      <c r="LPK684" s="613"/>
      <c r="LPL684" s="613"/>
      <c r="LPM684" s="613"/>
      <c r="LPN684" s="613"/>
      <c r="LPO684" s="613"/>
      <c r="LPP684" s="613"/>
      <c r="LPQ684" s="613"/>
      <c r="LPR684" s="613"/>
      <c r="LPS684" s="613"/>
      <c r="LPT684" s="613"/>
      <c r="LPU684" s="613"/>
      <c r="LPV684" s="613"/>
      <c r="LPW684" s="613"/>
      <c r="LPX684" s="613"/>
      <c r="LPY684" s="613"/>
      <c r="LPZ684" s="613"/>
      <c r="LQA684" s="613"/>
      <c r="LQB684" s="613"/>
      <c r="LQC684" s="613"/>
      <c r="LQD684" s="613"/>
      <c r="LQE684" s="613"/>
      <c r="LQF684" s="613"/>
      <c r="LQG684" s="613"/>
      <c r="LQH684" s="613"/>
      <c r="LQI684" s="613"/>
      <c r="LQJ684" s="613"/>
      <c r="LQK684" s="613"/>
      <c r="LQL684" s="613"/>
      <c r="LQM684" s="613"/>
      <c r="LQN684" s="613"/>
      <c r="LQO684" s="613"/>
      <c r="LQP684" s="613"/>
      <c r="LQQ684" s="613"/>
      <c r="LQR684" s="613"/>
      <c r="LQS684" s="613"/>
      <c r="LQT684" s="613"/>
      <c r="LQU684" s="613"/>
      <c r="LQV684" s="613"/>
      <c r="LQW684" s="613"/>
      <c r="LQX684" s="613"/>
      <c r="LQY684" s="613"/>
      <c r="LQZ684" s="613"/>
      <c r="LRA684" s="613"/>
      <c r="LRB684" s="613"/>
      <c r="LRC684" s="613"/>
      <c r="LRD684" s="613"/>
      <c r="LRE684" s="613"/>
      <c r="LRF684" s="613"/>
      <c r="LRG684" s="613"/>
      <c r="LRH684" s="613"/>
      <c r="LRI684" s="613"/>
      <c r="LRJ684" s="613"/>
      <c r="LRK684" s="613"/>
      <c r="LRL684" s="613"/>
      <c r="LRM684" s="613"/>
      <c r="LRN684" s="613"/>
      <c r="LRO684" s="613"/>
      <c r="LRP684" s="613"/>
      <c r="LRQ684" s="613"/>
      <c r="LRR684" s="613"/>
      <c r="LRS684" s="613"/>
      <c r="LRT684" s="613"/>
      <c r="LRU684" s="613"/>
      <c r="LRV684" s="613"/>
      <c r="LRW684" s="613"/>
      <c r="LRX684" s="613"/>
      <c r="LRY684" s="613"/>
      <c r="LRZ684" s="613"/>
      <c r="LSA684" s="613"/>
      <c r="LSB684" s="613"/>
      <c r="LSC684" s="613"/>
      <c r="LSD684" s="613"/>
      <c r="LSE684" s="613"/>
      <c r="LSF684" s="613"/>
      <c r="LSG684" s="613"/>
      <c r="LSH684" s="613"/>
      <c r="LSI684" s="613"/>
      <c r="LSJ684" s="613"/>
      <c r="LSK684" s="613"/>
      <c r="LSL684" s="613"/>
      <c r="LSM684" s="613"/>
      <c r="LSN684" s="613"/>
      <c r="LSO684" s="613"/>
      <c r="LSP684" s="613"/>
      <c r="LSQ684" s="613"/>
      <c r="LSR684" s="613"/>
      <c r="LSS684" s="613"/>
      <c r="LST684" s="613"/>
      <c r="LSU684" s="613"/>
      <c r="LSV684" s="613"/>
      <c r="LSW684" s="613"/>
      <c r="LSX684" s="613"/>
      <c r="LSY684" s="613"/>
      <c r="LSZ684" s="613"/>
      <c r="LTA684" s="613"/>
      <c r="LTB684" s="613"/>
      <c r="LTC684" s="613"/>
      <c r="LTD684" s="613"/>
      <c r="LTE684" s="613"/>
      <c r="LTF684" s="613"/>
      <c r="LTG684" s="613"/>
      <c r="LTH684" s="613"/>
      <c r="LTI684" s="613"/>
      <c r="LTJ684" s="613"/>
      <c r="LTK684" s="613"/>
      <c r="LTL684" s="613"/>
      <c r="LTM684" s="613"/>
      <c r="LTN684" s="613"/>
      <c r="LTO684" s="613"/>
      <c r="LTP684" s="613"/>
      <c r="LTQ684" s="613"/>
      <c r="LTR684" s="613"/>
      <c r="LTS684" s="613"/>
      <c r="LTT684" s="613"/>
      <c r="LTU684" s="613"/>
      <c r="LTV684" s="613"/>
      <c r="LTW684" s="613"/>
      <c r="LTX684" s="613"/>
      <c r="LTY684" s="613"/>
      <c r="LTZ684" s="613"/>
      <c r="LUA684" s="613"/>
      <c r="LUB684" s="613"/>
      <c r="LUC684" s="613"/>
      <c r="LUD684" s="613"/>
      <c r="LUE684" s="613"/>
      <c r="LUF684" s="613"/>
      <c r="LUG684" s="613"/>
      <c r="LUH684" s="613"/>
      <c r="LUI684" s="613"/>
      <c r="LUJ684" s="613"/>
      <c r="LUK684" s="613"/>
      <c r="LUL684" s="613"/>
      <c r="LUM684" s="613"/>
      <c r="LUN684" s="613"/>
      <c r="LUO684" s="613"/>
      <c r="LUP684" s="613"/>
      <c r="LUQ684" s="613"/>
      <c r="LUR684" s="613"/>
      <c r="LUS684" s="613"/>
      <c r="LUT684" s="613"/>
      <c r="LUU684" s="613"/>
      <c r="LUV684" s="613"/>
      <c r="LUW684" s="613"/>
      <c r="LUX684" s="613"/>
      <c r="LUY684" s="613"/>
      <c r="LUZ684" s="613"/>
      <c r="LVA684" s="613"/>
      <c r="LVB684" s="613"/>
      <c r="LVC684" s="613"/>
      <c r="LVD684" s="613"/>
      <c r="LVE684" s="613"/>
      <c r="LVF684" s="613"/>
      <c r="LVG684" s="613"/>
      <c r="LVH684" s="613"/>
      <c r="LVI684" s="613"/>
      <c r="LVJ684" s="613"/>
      <c r="LVK684" s="613"/>
      <c r="LVL684" s="613"/>
      <c r="LVM684" s="613"/>
      <c r="LVN684" s="613"/>
      <c r="LVO684" s="613"/>
      <c r="LVP684" s="613"/>
      <c r="LVQ684" s="613"/>
      <c r="LVR684" s="613"/>
      <c r="LVS684" s="613"/>
      <c r="LVT684" s="613"/>
      <c r="LVU684" s="613"/>
      <c r="LVV684" s="613"/>
      <c r="LVW684" s="613"/>
      <c r="LVX684" s="613"/>
      <c r="LVY684" s="613"/>
      <c r="LVZ684" s="613"/>
      <c r="LWA684" s="613"/>
      <c r="LWB684" s="613"/>
      <c r="LWC684" s="613"/>
      <c r="LWD684" s="613"/>
      <c r="LWE684" s="613"/>
      <c r="LWF684" s="613"/>
      <c r="LWG684" s="613"/>
      <c r="LWH684" s="613"/>
      <c r="LWI684" s="613"/>
      <c r="LWJ684" s="613"/>
      <c r="LWK684" s="613"/>
      <c r="LWL684" s="613"/>
      <c r="LWM684" s="613"/>
      <c r="LWN684" s="613"/>
      <c r="LWO684" s="613"/>
      <c r="LWP684" s="613"/>
      <c r="LWQ684" s="613"/>
      <c r="LWR684" s="613"/>
      <c r="LWS684" s="613"/>
      <c r="LWT684" s="613"/>
      <c r="LWU684" s="613"/>
      <c r="LWV684" s="613"/>
      <c r="LWW684" s="613"/>
      <c r="LWX684" s="613"/>
      <c r="LWY684" s="613"/>
      <c r="LWZ684" s="613"/>
      <c r="LXA684" s="613"/>
      <c r="LXB684" s="613"/>
      <c r="LXC684" s="613"/>
      <c r="LXD684" s="613"/>
      <c r="LXE684" s="613"/>
      <c r="LXF684" s="613"/>
      <c r="LXG684" s="613"/>
      <c r="LXH684" s="613"/>
      <c r="LXI684" s="613"/>
      <c r="LXJ684" s="613"/>
      <c r="LXK684" s="613"/>
      <c r="LXL684" s="613"/>
      <c r="LXM684" s="613"/>
      <c r="LXN684" s="613"/>
      <c r="LXO684" s="613"/>
      <c r="LXP684" s="613"/>
      <c r="LXQ684" s="613"/>
      <c r="LXR684" s="613"/>
      <c r="LXS684" s="613"/>
      <c r="LXT684" s="613"/>
      <c r="LXU684" s="613"/>
      <c r="LXV684" s="613"/>
      <c r="LXW684" s="613"/>
      <c r="LXX684" s="613"/>
      <c r="LXY684" s="613"/>
      <c r="LXZ684" s="613"/>
      <c r="LYA684" s="613"/>
      <c r="LYB684" s="613"/>
      <c r="LYC684" s="613"/>
      <c r="LYD684" s="613"/>
      <c r="LYE684" s="613"/>
      <c r="LYF684" s="613"/>
      <c r="LYG684" s="613"/>
      <c r="LYH684" s="613"/>
      <c r="LYI684" s="613"/>
      <c r="LYJ684" s="613"/>
      <c r="LYK684" s="613"/>
      <c r="LYL684" s="613"/>
      <c r="LYM684" s="613"/>
      <c r="LYN684" s="613"/>
      <c r="LYO684" s="613"/>
      <c r="LYP684" s="613"/>
      <c r="LYQ684" s="613"/>
      <c r="LYR684" s="613"/>
      <c r="LYS684" s="613"/>
      <c r="LYT684" s="613"/>
      <c r="LYU684" s="613"/>
      <c r="LYV684" s="613"/>
      <c r="LYW684" s="613"/>
      <c r="LYX684" s="613"/>
      <c r="LYY684" s="613"/>
      <c r="LYZ684" s="613"/>
      <c r="LZA684" s="613"/>
      <c r="LZB684" s="613"/>
      <c r="LZC684" s="613"/>
      <c r="LZD684" s="613"/>
      <c r="LZE684" s="613"/>
      <c r="LZF684" s="613"/>
      <c r="LZG684" s="613"/>
      <c r="LZH684" s="613"/>
      <c r="LZI684" s="613"/>
      <c r="LZJ684" s="613"/>
      <c r="LZK684" s="613"/>
      <c r="LZL684" s="613"/>
      <c r="LZM684" s="613"/>
      <c r="LZN684" s="613"/>
      <c r="LZO684" s="613"/>
      <c r="LZP684" s="613"/>
      <c r="LZQ684" s="613"/>
      <c r="LZR684" s="613"/>
      <c r="LZS684" s="613"/>
      <c r="LZT684" s="613"/>
      <c r="LZU684" s="613"/>
      <c r="LZV684" s="613"/>
      <c r="LZW684" s="613"/>
      <c r="LZX684" s="613"/>
      <c r="LZY684" s="613"/>
      <c r="LZZ684" s="613"/>
      <c r="MAA684" s="613"/>
      <c r="MAB684" s="613"/>
      <c r="MAC684" s="613"/>
      <c r="MAD684" s="613"/>
      <c r="MAE684" s="613"/>
      <c r="MAF684" s="613"/>
      <c r="MAG684" s="613"/>
      <c r="MAH684" s="613"/>
      <c r="MAI684" s="613"/>
      <c r="MAJ684" s="613"/>
      <c r="MAK684" s="613"/>
      <c r="MAL684" s="613"/>
      <c r="MAM684" s="613"/>
      <c r="MAN684" s="613"/>
      <c r="MAO684" s="613"/>
      <c r="MAP684" s="613"/>
      <c r="MAQ684" s="613"/>
      <c r="MAR684" s="613"/>
      <c r="MAS684" s="613"/>
      <c r="MAT684" s="613"/>
      <c r="MAU684" s="613"/>
      <c r="MAV684" s="613"/>
      <c r="MAW684" s="613"/>
      <c r="MAX684" s="613"/>
      <c r="MAY684" s="613"/>
      <c r="MAZ684" s="613"/>
      <c r="MBA684" s="613"/>
      <c r="MBB684" s="613"/>
      <c r="MBC684" s="613"/>
      <c r="MBD684" s="613"/>
      <c r="MBE684" s="613"/>
      <c r="MBF684" s="613"/>
      <c r="MBG684" s="613"/>
      <c r="MBH684" s="613"/>
      <c r="MBI684" s="613"/>
      <c r="MBJ684" s="613"/>
      <c r="MBK684" s="613"/>
      <c r="MBL684" s="613"/>
      <c r="MBM684" s="613"/>
      <c r="MBN684" s="613"/>
      <c r="MBO684" s="613"/>
      <c r="MBP684" s="613"/>
      <c r="MBQ684" s="613"/>
      <c r="MBR684" s="613"/>
      <c r="MBS684" s="613"/>
      <c r="MBT684" s="613"/>
      <c r="MBU684" s="613"/>
      <c r="MBV684" s="613"/>
      <c r="MBW684" s="613"/>
      <c r="MBX684" s="613"/>
      <c r="MBY684" s="613"/>
      <c r="MBZ684" s="613"/>
      <c r="MCA684" s="613"/>
      <c r="MCB684" s="613"/>
      <c r="MCC684" s="613"/>
      <c r="MCD684" s="613"/>
      <c r="MCE684" s="613"/>
      <c r="MCF684" s="613"/>
      <c r="MCG684" s="613"/>
      <c r="MCH684" s="613"/>
      <c r="MCI684" s="613"/>
      <c r="MCJ684" s="613"/>
      <c r="MCK684" s="613"/>
      <c r="MCL684" s="613"/>
      <c r="MCM684" s="613"/>
      <c r="MCN684" s="613"/>
      <c r="MCO684" s="613"/>
      <c r="MCP684" s="613"/>
      <c r="MCQ684" s="613"/>
      <c r="MCR684" s="613"/>
      <c r="MCS684" s="613"/>
      <c r="MCT684" s="613"/>
      <c r="MCU684" s="613"/>
      <c r="MCV684" s="613"/>
      <c r="MCW684" s="613"/>
      <c r="MCX684" s="613"/>
      <c r="MCY684" s="613"/>
      <c r="MCZ684" s="613"/>
      <c r="MDA684" s="613"/>
      <c r="MDB684" s="613"/>
      <c r="MDC684" s="613"/>
      <c r="MDD684" s="613"/>
      <c r="MDE684" s="613"/>
      <c r="MDF684" s="613"/>
      <c r="MDG684" s="613"/>
      <c r="MDH684" s="613"/>
      <c r="MDI684" s="613"/>
      <c r="MDJ684" s="613"/>
      <c r="MDK684" s="613"/>
      <c r="MDL684" s="613"/>
      <c r="MDM684" s="613"/>
      <c r="MDN684" s="613"/>
      <c r="MDO684" s="613"/>
      <c r="MDP684" s="613"/>
      <c r="MDQ684" s="613"/>
      <c r="MDR684" s="613"/>
      <c r="MDS684" s="613"/>
      <c r="MDT684" s="613"/>
      <c r="MDU684" s="613"/>
      <c r="MDV684" s="613"/>
      <c r="MDW684" s="613"/>
      <c r="MDX684" s="613"/>
      <c r="MDY684" s="613"/>
      <c r="MDZ684" s="613"/>
      <c r="MEA684" s="613"/>
      <c r="MEB684" s="613"/>
      <c r="MEC684" s="613"/>
      <c r="MED684" s="613"/>
      <c r="MEE684" s="613"/>
      <c r="MEF684" s="613"/>
      <c r="MEG684" s="613"/>
      <c r="MEH684" s="613"/>
      <c r="MEI684" s="613"/>
      <c r="MEJ684" s="613"/>
      <c r="MEK684" s="613"/>
      <c r="MEL684" s="613"/>
      <c r="MEM684" s="613"/>
      <c r="MEN684" s="613"/>
      <c r="MEO684" s="613"/>
      <c r="MEP684" s="613"/>
      <c r="MEQ684" s="613"/>
      <c r="MER684" s="613"/>
      <c r="MES684" s="613"/>
      <c r="MET684" s="613"/>
      <c r="MEU684" s="613"/>
      <c r="MEV684" s="613"/>
      <c r="MEW684" s="613"/>
      <c r="MEX684" s="613"/>
      <c r="MEY684" s="613"/>
      <c r="MEZ684" s="613"/>
      <c r="MFA684" s="613"/>
      <c r="MFB684" s="613"/>
      <c r="MFC684" s="613"/>
      <c r="MFD684" s="613"/>
      <c r="MFE684" s="613"/>
      <c r="MFF684" s="613"/>
      <c r="MFG684" s="613"/>
      <c r="MFH684" s="613"/>
      <c r="MFI684" s="613"/>
      <c r="MFJ684" s="613"/>
      <c r="MFK684" s="613"/>
      <c r="MFL684" s="613"/>
      <c r="MFM684" s="613"/>
      <c r="MFN684" s="613"/>
      <c r="MFO684" s="613"/>
      <c r="MFP684" s="613"/>
      <c r="MFQ684" s="613"/>
      <c r="MFR684" s="613"/>
      <c r="MFS684" s="613"/>
      <c r="MFT684" s="613"/>
      <c r="MFU684" s="613"/>
      <c r="MFV684" s="613"/>
      <c r="MFW684" s="613"/>
      <c r="MFX684" s="613"/>
      <c r="MFY684" s="613"/>
      <c r="MFZ684" s="613"/>
      <c r="MGA684" s="613"/>
      <c r="MGB684" s="613"/>
      <c r="MGC684" s="613"/>
      <c r="MGD684" s="613"/>
      <c r="MGE684" s="613"/>
      <c r="MGF684" s="613"/>
      <c r="MGG684" s="613"/>
      <c r="MGH684" s="613"/>
      <c r="MGI684" s="613"/>
      <c r="MGJ684" s="613"/>
      <c r="MGK684" s="613"/>
      <c r="MGL684" s="613"/>
      <c r="MGM684" s="613"/>
      <c r="MGN684" s="613"/>
      <c r="MGO684" s="613"/>
      <c r="MGP684" s="613"/>
      <c r="MGQ684" s="613"/>
      <c r="MGR684" s="613"/>
      <c r="MGS684" s="613"/>
      <c r="MGT684" s="613"/>
      <c r="MGU684" s="613"/>
      <c r="MGV684" s="613"/>
      <c r="MGW684" s="613"/>
      <c r="MGX684" s="613"/>
      <c r="MGY684" s="613"/>
      <c r="MGZ684" s="613"/>
      <c r="MHA684" s="613"/>
      <c r="MHB684" s="613"/>
      <c r="MHC684" s="613"/>
      <c r="MHD684" s="613"/>
      <c r="MHE684" s="613"/>
      <c r="MHF684" s="613"/>
      <c r="MHG684" s="613"/>
      <c r="MHH684" s="613"/>
      <c r="MHI684" s="613"/>
      <c r="MHJ684" s="613"/>
      <c r="MHK684" s="613"/>
      <c r="MHL684" s="613"/>
      <c r="MHM684" s="613"/>
      <c r="MHN684" s="613"/>
      <c r="MHO684" s="613"/>
      <c r="MHP684" s="613"/>
      <c r="MHQ684" s="613"/>
      <c r="MHR684" s="613"/>
      <c r="MHS684" s="613"/>
      <c r="MHT684" s="613"/>
      <c r="MHU684" s="613"/>
      <c r="MHV684" s="613"/>
      <c r="MHW684" s="613"/>
      <c r="MHX684" s="613"/>
      <c r="MHY684" s="613"/>
      <c r="MHZ684" s="613"/>
      <c r="MIA684" s="613"/>
      <c r="MIB684" s="613"/>
      <c r="MIC684" s="613"/>
      <c r="MID684" s="613"/>
      <c r="MIE684" s="613"/>
      <c r="MIF684" s="613"/>
      <c r="MIG684" s="613"/>
      <c r="MIH684" s="613"/>
      <c r="MII684" s="613"/>
      <c r="MIJ684" s="613"/>
      <c r="MIK684" s="613"/>
      <c r="MIL684" s="613"/>
      <c r="MIM684" s="613"/>
      <c r="MIN684" s="613"/>
      <c r="MIO684" s="613"/>
      <c r="MIP684" s="613"/>
      <c r="MIQ684" s="613"/>
      <c r="MIR684" s="613"/>
      <c r="MIS684" s="613"/>
      <c r="MIT684" s="613"/>
      <c r="MIU684" s="613"/>
      <c r="MIV684" s="613"/>
      <c r="MIW684" s="613"/>
      <c r="MIX684" s="613"/>
      <c r="MIY684" s="613"/>
      <c r="MIZ684" s="613"/>
      <c r="MJA684" s="613"/>
      <c r="MJB684" s="613"/>
      <c r="MJC684" s="613"/>
      <c r="MJD684" s="613"/>
      <c r="MJE684" s="613"/>
      <c r="MJF684" s="613"/>
      <c r="MJG684" s="613"/>
      <c r="MJH684" s="613"/>
      <c r="MJI684" s="613"/>
      <c r="MJJ684" s="613"/>
      <c r="MJK684" s="613"/>
      <c r="MJL684" s="613"/>
      <c r="MJM684" s="613"/>
      <c r="MJN684" s="613"/>
      <c r="MJO684" s="613"/>
      <c r="MJP684" s="613"/>
      <c r="MJQ684" s="613"/>
      <c r="MJR684" s="613"/>
      <c r="MJS684" s="613"/>
      <c r="MJT684" s="613"/>
      <c r="MJU684" s="613"/>
      <c r="MJV684" s="613"/>
      <c r="MJW684" s="613"/>
      <c r="MJX684" s="613"/>
      <c r="MJY684" s="613"/>
      <c r="MJZ684" s="613"/>
      <c r="MKA684" s="613"/>
      <c r="MKB684" s="613"/>
      <c r="MKC684" s="613"/>
      <c r="MKD684" s="613"/>
      <c r="MKE684" s="613"/>
      <c r="MKF684" s="613"/>
      <c r="MKG684" s="613"/>
      <c r="MKH684" s="613"/>
      <c r="MKI684" s="613"/>
      <c r="MKJ684" s="613"/>
      <c r="MKK684" s="613"/>
      <c r="MKL684" s="613"/>
      <c r="MKM684" s="613"/>
      <c r="MKN684" s="613"/>
      <c r="MKO684" s="613"/>
      <c r="MKP684" s="613"/>
      <c r="MKQ684" s="613"/>
      <c r="MKR684" s="613"/>
      <c r="MKS684" s="613"/>
      <c r="MKT684" s="613"/>
      <c r="MKU684" s="613"/>
      <c r="MKV684" s="613"/>
      <c r="MKW684" s="613"/>
      <c r="MKX684" s="613"/>
      <c r="MKY684" s="613"/>
      <c r="MKZ684" s="613"/>
      <c r="MLA684" s="613"/>
      <c r="MLB684" s="613"/>
      <c r="MLC684" s="613"/>
      <c r="MLD684" s="613"/>
      <c r="MLE684" s="613"/>
      <c r="MLF684" s="613"/>
      <c r="MLG684" s="613"/>
      <c r="MLH684" s="613"/>
      <c r="MLI684" s="613"/>
      <c r="MLJ684" s="613"/>
      <c r="MLK684" s="613"/>
      <c r="MLL684" s="613"/>
      <c r="MLM684" s="613"/>
      <c r="MLN684" s="613"/>
      <c r="MLO684" s="613"/>
      <c r="MLP684" s="613"/>
      <c r="MLQ684" s="613"/>
      <c r="MLR684" s="613"/>
      <c r="MLS684" s="613"/>
      <c r="MLT684" s="613"/>
      <c r="MLU684" s="613"/>
      <c r="MLV684" s="613"/>
      <c r="MLW684" s="613"/>
      <c r="MLX684" s="613"/>
      <c r="MLY684" s="613"/>
      <c r="MLZ684" s="613"/>
      <c r="MMA684" s="613"/>
      <c r="MMB684" s="613"/>
      <c r="MMC684" s="613"/>
      <c r="MMD684" s="613"/>
      <c r="MME684" s="613"/>
      <c r="MMF684" s="613"/>
      <c r="MMG684" s="613"/>
      <c r="MMH684" s="613"/>
      <c r="MMI684" s="613"/>
      <c r="MMJ684" s="613"/>
      <c r="MMK684" s="613"/>
      <c r="MML684" s="613"/>
      <c r="MMM684" s="613"/>
      <c r="MMN684" s="613"/>
      <c r="MMO684" s="613"/>
      <c r="MMP684" s="613"/>
      <c r="MMQ684" s="613"/>
      <c r="MMR684" s="613"/>
      <c r="MMS684" s="613"/>
      <c r="MMT684" s="613"/>
      <c r="MMU684" s="613"/>
      <c r="MMV684" s="613"/>
      <c r="MMW684" s="613"/>
      <c r="MMX684" s="613"/>
      <c r="MMY684" s="613"/>
      <c r="MMZ684" s="613"/>
      <c r="MNA684" s="613"/>
      <c r="MNB684" s="613"/>
      <c r="MNC684" s="613"/>
      <c r="MND684" s="613"/>
      <c r="MNE684" s="613"/>
      <c r="MNF684" s="613"/>
      <c r="MNG684" s="613"/>
      <c r="MNH684" s="613"/>
      <c r="MNI684" s="613"/>
      <c r="MNJ684" s="613"/>
      <c r="MNK684" s="613"/>
      <c r="MNL684" s="613"/>
      <c r="MNM684" s="613"/>
      <c r="MNN684" s="613"/>
      <c r="MNO684" s="613"/>
      <c r="MNP684" s="613"/>
      <c r="MNQ684" s="613"/>
      <c r="MNR684" s="613"/>
      <c r="MNS684" s="613"/>
      <c r="MNT684" s="613"/>
      <c r="MNU684" s="613"/>
      <c r="MNV684" s="613"/>
      <c r="MNW684" s="613"/>
      <c r="MNX684" s="613"/>
      <c r="MNY684" s="613"/>
      <c r="MNZ684" s="613"/>
      <c r="MOA684" s="613"/>
      <c r="MOB684" s="613"/>
      <c r="MOC684" s="613"/>
      <c r="MOD684" s="613"/>
      <c r="MOE684" s="613"/>
      <c r="MOF684" s="613"/>
      <c r="MOG684" s="613"/>
      <c r="MOH684" s="613"/>
      <c r="MOI684" s="613"/>
      <c r="MOJ684" s="613"/>
      <c r="MOK684" s="613"/>
      <c r="MOL684" s="613"/>
      <c r="MOM684" s="613"/>
      <c r="MON684" s="613"/>
      <c r="MOO684" s="613"/>
      <c r="MOP684" s="613"/>
      <c r="MOQ684" s="613"/>
      <c r="MOR684" s="613"/>
      <c r="MOS684" s="613"/>
      <c r="MOT684" s="613"/>
      <c r="MOU684" s="613"/>
      <c r="MOV684" s="613"/>
      <c r="MOW684" s="613"/>
      <c r="MOX684" s="613"/>
      <c r="MOY684" s="613"/>
      <c r="MOZ684" s="613"/>
      <c r="MPA684" s="613"/>
      <c r="MPB684" s="613"/>
      <c r="MPC684" s="613"/>
      <c r="MPD684" s="613"/>
      <c r="MPE684" s="613"/>
      <c r="MPF684" s="613"/>
      <c r="MPG684" s="613"/>
      <c r="MPH684" s="613"/>
      <c r="MPI684" s="613"/>
      <c r="MPJ684" s="613"/>
      <c r="MPK684" s="613"/>
      <c r="MPL684" s="613"/>
      <c r="MPM684" s="613"/>
      <c r="MPN684" s="613"/>
      <c r="MPO684" s="613"/>
      <c r="MPP684" s="613"/>
      <c r="MPQ684" s="613"/>
      <c r="MPR684" s="613"/>
      <c r="MPS684" s="613"/>
      <c r="MPT684" s="613"/>
      <c r="MPU684" s="613"/>
      <c r="MPV684" s="613"/>
      <c r="MPW684" s="613"/>
      <c r="MPX684" s="613"/>
      <c r="MPY684" s="613"/>
      <c r="MPZ684" s="613"/>
      <c r="MQA684" s="613"/>
      <c r="MQB684" s="613"/>
      <c r="MQC684" s="613"/>
      <c r="MQD684" s="613"/>
      <c r="MQE684" s="613"/>
      <c r="MQF684" s="613"/>
      <c r="MQG684" s="613"/>
      <c r="MQH684" s="613"/>
      <c r="MQI684" s="613"/>
      <c r="MQJ684" s="613"/>
      <c r="MQK684" s="613"/>
      <c r="MQL684" s="613"/>
      <c r="MQM684" s="613"/>
      <c r="MQN684" s="613"/>
      <c r="MQO684" s="613"/>
      <c r="MQP684" s="613"/>
      <c r="MQQ684" s="613"/>
      <c r="MQR684" s="613"/>
      <c r="MQS684" s="613"/>
      <c r="MQT684" s="613"/>
      <c r="MQU684" s="613"/>
      <c r="MQV684" s="613"/>
      <c r="MQW684" s="613"/>
      <c r="MQX684" s="613"/>
      <c r="MQY684" s="613"/>
      <c r="MQZ684" s="613"/>
      <c r="MRA684" s="613"/>
      <c r="MRB684" s="613"/>
      <c r="MRC684" s="613"/>
      <c r="MRD684" s="613"/>
      <c r="MRE684" s="613"/>
      <c r="MRF684" s="613"/>
      <c r="MRG684" s="613"/>
      <c r="MRH684" s="613"/>
      <c r="MRI684" s="613"/>
      <c r="MRJ684" s="613"/>
      <c r="MRK684" s="613"/>
      <c r="MRL684" s="613"/>
      <c r="MRM684" s="613"/>
      <c r="MRN684" s="613"/>
      <c r="MRO684" s="613"/>
      <c r="MRP684" s="613"/>
      <c r="MRQ684" s="613"/>
      <c r="MRR684" s="613"/>
      <c r="MRS684" s="613"/>
      <c r="MRT684" s="613"/>
      <c r="MRU684" s="613"/>
      <c r="MRV684" s="613"/>
      <c r="MRW684" s="613"/>
      <c r="MRX684" s="613"/>
      <c r="MRY684" s="613"/>
      <c r="MRZ684" s="613"/>
      <c r="MSA684" s="613"/>
      <c r="MSB684" s="613"/>
      <c r="MSC684" s="613"/>
      <c r="MSD684" s="613"/>
      <c r="MSE684" s="613"/>
      <c r="MSF684" s="613"/>
      <c r="MSG684" s="613"/>
      <c r="MSH684" s="613"/>
      <c r="MSI684" s="613"/>
      <c r="MSJ684" s="613"/>
      <c r="MSK684" s="613"/>
      <c r="MSL684" s="613"/>
      <c r="MSM684" s="613"/>
      <c r="MSN684" s="613"/>
      <c r="MSO684" s="613"/>
      <c r="MSP684" s="613"/>
      <c r="MSQ684" s="613"/>
      <c r="MSR684" s="613"/>
      <c r="MSS684" s="613"/>
      <c r="MST684" s="613"/>
      <c r="MSU684" s="613"/>
      <c r="MSV684" s="613"/>
      <c r="MSW684" s="613"/>
      <c r="MSX684" s="613"/>
      <c r="MSY684" s="613"/>
      <c r="MSZ684" s="613"/>
      <c r="MTA684" s="613"/>
      <c r="MTB684" s="613"/>
      <c r="MTC684" s="613"/>
      <c r="MTD684" s="613"/>
      <c r="MTE684" s="613"/>
      <c r="MTF684" s="613"/>
      <c r="MTG684" s="613"/>
      <c r="MTH684" s="613"/>
      <c r="MTI684" s="613"/>
      <c r="MTJ684" s="613"/>
      <c r="MTK684" s="613"/>
      <c r="MTL684" s="613"/>
      <c r="MTM684" s="613"/>
      <c r="MTN684" s="613"/>
      <c r="MTO684" s="613"/>
      <c r="MTP684" s="613"/>
      <c r="MTQ684" s="613"/>
      <c r="MTR684" s="613"/>
      <c r="MTS684" s="613"/>
      <c r="MTT684" s="613"/>
      <c r="MTU684" s="613"/>
      <c r="MTV684" s="613"/>
      <c r="MTW684" s="613"/>
      <c r="MTX684" s="613"/>
      <c r="MTY684" s="613"/>
      <c r="MTZ684" s="613"/>
      <c r="MUA684" s="613"/>
      <c r="MUB684" s="613"/>
      <c r="MUC684" s="613"/>
      <c r="MUD684" s="613"/>
      <c r="MUE684" s="613"/>
      <c r="MUF684" s="613"/>
      <c r="MUG684" s="613"/>
      <c r="MUH684" s="613"/>
      <c r="MUI684" s="613"/>
      <c r="MUJ684" s="613"/>
      <c r="MUK684" s="613"/>
      <c r="MUL684" s="613"/>
      <c r="MUM684" s="613"/>
      <c r="MUN684" s="613"/>
      <c r="MUO684" s="613"/>
      <c r="MUP684" s="613"/>
      <c r="MUQ684" s="613"/>
      <c r="MUR684" s="613"/>
      <c r="MUS684" s="613"/>
      <c r="MUT684" s="613"/>
      <c r="MUU684" s="613"/>
      <c r="MUV684" s="613"/>
      <c r="MUW684" s="613"/>
      <c r="MUX684" s="613"/>
      <c r="MUY684" s="613"/>
      <c r="MUZ684" s="613"/>
      <c r="MVA684" s="613"/>
      <c r="MVB684" s="613"/>
      <c r="MVC684" s="613"/>
      <c r="MVD684" s="613"/>
      <c r="MVE684" s="613"/>
      <c r="MVF684" s="613"/>
      <c r="MVG684" s="613"/>
      <c r="MVH684" s="613"/>
      <c r="MVI684" s="613"/>
      <c r="MVJ684" s="613"/>
      <c r="MVK684" s="613"/>
      <c r="MVL684" s="613"/>
      <c r="MVM684" s="613"/>
      <c r="MVN684" s="613"/>
      <c r="MVO684" s="613"/>
      <c r="MVP684" s="613"/>
      <c r="MVQ684" s="613"/>
      <c r="MVR684" s="613"/>
      <c r="MVS684" s="613"/>
      <c r="MVT684" s="613"/>
      <c r="MVU684" s="613"/>
      <c r="MVV684" s="613"/>
      <c r="MVW684" s="613"/>
      <c r="MVX684" s="613"/>
      <c r="MVY684" s="613"/>
      <c r="MVZ684" s="613"/>
      <c r="MWA684" s="613"/>
      <c r="MWB684" s="613"/>
      <c r="MWC684" s="613"/>
      <c r="MWD684" s="613"/>
      <c r="MWE684" s="613"/>
      <c r="MWF684" s="613"/>
      <c r="MWG684" s="613"/>
      <c r="MWH684" s="613"/>
      <c r="MWI684" s="613"/>
      <c r="MWJ684" s="613"/>
      <c r="MWK684" s="613"/>
      <c r="MWL684" s="613"/>
      <c r="MWM684" s="613"/>
      <c r="MWN684" s="613"/>
      <c r="MWO684" s="613"/>
      <c r="MWP684" s="613"/>
      <c r="MWQ684" s="613"/>
      <c r="MWR684" s="613"/>
      <c r="MWS684" s="613"/>
      <c r="MWT684" s="613"/>
      <c r="MWU684" s="613"/>
      <c r="MWV684" s="613"/>
      <c r="MWW684" s="613"/>
      <c r="MWX684" s="613"/>
      <c r="MWY684" s="613"/>
      <c r="MWZ684" s="613"/>
      <c r="MXA684" s="613"/>
      <c r="MXB684" s="613"/>
      <c r="MXC684" s="613"/>
      <c r="MXD684" s="613"/>
      <c r="MXE684" s="613"/>
      <c r="MXF684" s="613"/>
      <c r="MXG684" s="613"/>
      <c r="MXH684" s="613"/>
      <c r="MXI684" s="613"/>
      <c r="MXJ684" s="613"/>
      <c r="MXK684" s="613"/>
      <c r="MXL684" s="613"/>
      <c r="MXM684" s="613"/>
      <c r="MXN684" s="613"/>
      <c r="MXO684" s="613"/>
      <c r="MXP684" s="613"/>
      <c r="MXQ684" s="613"/>
      <c r="MXR684" s="613"/>
      <c r="MXS684" s="613"/>
      <c r="MXT684" s="613"/>
      <c r="MXU684" s="613"/>
      <c r="MXV684" s="613"/>
      <c r="MXW684" s="613"/>
      <c r="MXX684" s="613"/>
      <c r="MXY684" s="613"/>
      <c r="MXZ684" s="613"/>
      <c r="MYA684" s="613"/>
      <c r="MYB684" s="613"/>
      <c r="MYC684" s="613"/>
      <c r="MYD684" s="613"/>
      <c r="MYE684" s="613"/>
      <c r="MYF684" s="613"/>
      <c r="MYG684" s="613"/>
      <c r="MYH684" s="613"/>
      <c r="MYI684" s="613"/>
      <c r="MYJ684" s="613"/>
      <c r="MYK684" s="613"/>
      <c r="MYL684" s="613"/>
      <c r="MYM684" s="613"/>
      <c r="MYN684" s="613"/>
      <c r="MYO684" s="613"/>
      <c r="MYP684" s="613"/>
      <c r="MYQ684" s="613"/>
      <c r="MYR684" s="613"/>
      <c r="MYS684" s="613"/>
      <c r="MYT684" s="613"/>
      <c r="MYU684" s="613"/>
      <c r="MYV684" s="613"/>
      <c r="MYW684" s="613"/>
      <c r="MYX684" s="613"/>
      <c r="MYY684" s="613"/>
      <c r="MYZ684" s="613"/>
      <c r="MZA684" s="613"/>
      <c r="MZB684" s="613"/>
      <c r="MZC684" s="613"/>
      <c r="MZD684" s="613"/>
      <c r="MZE684" s="613"/>
      <c r="MZF684" s="613"/>
      <c r="MZG684" s="613"/>
      <c r="MZH684" s="613"/>
      <c r="MZI684" s="613"/>
      <c r="MZJ684" s="613"/>
      <c r="MZK684" s="613"/>
      <c r="MZL684" s="613"/>
      <c r="MZM684" s="613"/>
      <c r="MZN684" s="613"/>
      <c r="MZO684" s="613"/>
      <c r="MZP684" s="613"/>
      <c r="MZQ684" s="613"/>
      <c r="MZR684" s="613"/>
      <c r="MZS684" s="613"/>
      <c r="MZT684" s="613"/>
      <c r="MZU684" s="613"/>
      <c r="MZV684" s="613"/>
      <c r="MZW684" s="613"/>
      <c r="MZX684" s="613"/>
      <c r="MZY684" s="613"/>
      <c r="MZZ684" s="613"/>
      <c r="NAA684" s="613"/>
      <c r="NAB684" s="613"/>
      <c r="NAC684" s="613"/>
      <c r="NAD684" s="613"/>
      <c r="NAE684" s="613"/>
      <c r="NAF684" s="613"/>
      <c r="NAG684" s="613"/>
      <c r="NAH684" s="613"/>
      <c r="NAI684" s="613"/>
      <c r="NAJ684" s="613"/>
      <c r="NAK684" s="613"/>
      <c r="NAL684" s="613"/>
      <c r="NAM684" s="613"/>
      <c r="NAN684" s="613"/>
      <c r="NAO684" s="613"/>
      <c r="NAP684" s="613"/>
      <c r="NAQ684" s="613"/>
      <c r="NAR684" s="613"/>
      <c r="NAS684" s="613"/>
      <c r="NAT684" s="613"/>
      <c r="NAU684" s="613"/>
      <c r="NAV684" s="613"/>
      <c r="NAW684" s="613"/>
      <c r="NAX684" s="613"/>
      <c r="NAY684" s="613"/>
      <c r="NAZ684" s="613"/>
      <c r="NBA684" s="613"/>
      <c r="NBB684" s="613"/>
      <c r="NBC684" s="613"/>
      <c r="NBD684" s="613"/>
      <c r="NBE684" s="613"/>
      <c r="NBF684" s="613"/>
      <c r="NBG684" s="613"/>
      <c r="NBH684" s="613"/>
      <c r="NBI684" s="613"/>
      <c r="NBJ684" s="613"/>
      <c r="NBK684" s="613"/>
      <c r="NBL684" s="613"/>
      <c r="NBM684" s="613"/>
      <c r="NBN684" s="613"/>
      <c r="NBO684" s="613"/>
      <c r="NBP684" s="613"/>
      <c r="NBQ684" s="613"/>
      <c r="NBR684" s="613"/>
      <c r="NBS684" s="613"/>
      <c r="NBT684" s="613"/>
      <c r="NBU684" s="613"/>
      <c r="NBV684" s="613"/>
      <c r="NBW684" s="613"/>
      <c r="NBX684" s="613"/>
      <c r="NBY684" s="613"/>
      <c r="NBZ684" s="613"/>
      <c r="NCA684" s="613"/>
      <c r="NCB684" s="613"/>
      <c r="NCC684" s="613"/>
      <c r="NCD684" s="613"/>
      <c r="NCE684" s="613"/>
      <c r="NCF684" s="613"/>
      <c r="NCG684" s="613"/>
      <c r="NCH684" s="613"/>
      <c r="NCI684" s="613"/>
      <c r="NCJ684" s="613"/>
      <c r="NCK684" s="613"/>
      <c r="NCL684" s="613"/>
      <c r="NCM684" s="613"/>
      <c r="NCN684" s="613"/>
      <c r="NCO684" s="613"/>
      <c r="NCP684" s="613"/>
      <c r="NCQ684" s="613"/>
      <c r="NCR684" s="613"/>
      <c r="NCS684" s="613"/>
      <c r="NCT684" s="613"/>
      <c r="NCU684" s="613"/>
      <c r="NCV684" s="613"/>
      <c r="NCW684" s="613"/>
      <c r="NCX684" s="613"/>
      <c r="NCY684" s="613"/>
      <c r="NCZ684" s="613"/>
      <c r="NDA684" s="613"/>
      <c r="NDB684" s="613"/>
      <c r="NDC684" s="613"/>
      <c r="NDD684" s="613"/>
      <c r="NDE684" s="613"/>
      <c r="NDF684" s="613"/>
      <c r="NDG684" s="613"/>
      <c r="NDH684" s="613"/>
      <c r="NDI684" s="613"/>
      <c r="NDJ684" s="613"/>
      <c r="NDK684" s="613"/>
      <c r="NDL684" s="613"/>
      <c r="NDM684" s="613"/>
      <c r="NDN684" s="613"/>
      <c r="NDO684" s="613"/>
      <c r="NDP684" s="613"/>
      <c r="NDQ684" s="613"/>
      <c r="NDR684" s="613"/>
      <c r="NDS684" s="613"/>
      <c r="NDT684" s="613"/>
      <c r="NDU684" s="613"/>
      <c r="NDV684" s="613"/>
      <c r="NDW684" s="613"/>
      <c r="NDX684" s="613"/>
      <c r="NDY684" s="613"/>
      <c r="NDZ684" s="613"/>
      <c r="NEA684" s="613"/>
      <c r="NEB684" s="613"/>
      <c r="NEC684" s="613"/>
      <c r="NED684" s="613"/>
      <c r="NEE684" s="613"/>
      <c r="NEF684" s="613"/>
      <c r="NEG684" s="613"/>
      <c r="NEH684" s="613"/>
      <c r="NEI684" s="613"/>
      <c r="NEJ684" s="613"/>
      <c r="NEK684" s="613"/>
      <c r="NEL684" s="613"/>
      <c r="NEM684" s="613"/>
      <c r="NEN684" s="613"/>
      <c r="NEO684" s="613"/>
      <c r="NEP684" s="613"/>
      <c r="NEQ684" s="613"/>
      <c r="NER684" s="613"/>
      <c r="NES684" s="613"/>
      <c r="NET684" s="613"/>
      <c r="NEU684" s="613"/>
      <c r="NEV684" s="613"/>
      <c r="NEW684" s="613"/>
      <c r="NEX684" s="613"/>
      <c r="NEY684" s="613"/>
      <c r="NEZ684" s="613"/>
      <c r="NFA684" s="613"/>
      <c r="NFB684" s="613"/>
      <c r="NFC684" s="613"/>
      <c r="NFD684" s="613"/>
      <c r="NFE684" s="613"/>
      <c r="NFF684" s="613"/>
      <c r="NFG684" s="613"/>
      <c r="NFH684" s="613"/>
      <c r="NFI684" s="613"/>
      <c r="NFJ684" s="613"/>
      <c r="NFK684" s="613"/>
      <c r="NFL684" s="613"/>
      <c r="NFM684" s="613"/>
      <c r="NFN684" s="613"/>
      <c r="NFO684" s="613"/>
      <c r="NFP684" s="613"/>
      <c r="NFQ684" s="613"/>
      <c r="NFR684" s="613"/>
      <c r="NFS684" s="613"/>
      <c r="NFT684" s="613"/>
      <c r="NFU684" s="613"/>
      <c r="NFV684" s="613"/>
      <c r="NFW684" s="613"/>
      <c r="NFX684" s="613"/>
      <c r="NFY684" s="613"/>
      <c r="NFZ684" s="613"/>
      <c r="NGA684" s="613"/>
      <c r="NGB684" s="613"/>
      <c r="NGC684" s="613"/>
      <c r="NGD684" s="613"/>
      <c r="NGE684" s="613"/>
      <c r="NGF684" s="613"/>
      <c r="NGG684" s="613"/>
      <c r="NGH684" s="613"/>
      <c r="NGI684" s="613"/>
      <c r="NGJ684" s="613"/>
      <c r="NGK684" s="613"/>
      <c r="NGL684" s="613"/>
      <c r="NGM684" s="613"/>
      <c r="NGN684" s="613"/>
      <c r="NGO684" s="613"/>
      <c r="NGP684" s="613"/>
      <c r="NGQ684" s="613"/>
      <c r="NGR684" s="613"/>
      <c r="NGS684" s="613"/>
      <c r="NGT684" s="613"/>
      <c r="NGU684" s="613"/>
      <c r="NGV684" s="613"/>
      <c r="NGW684" s="613"/>
      <c r="NGX684" s="613"/>
      <c r="NGY684" s="613"/>
      <c r="NGZ684" s="613"/>
      <c r="NHA684" s="613"/>
      <c r="NHB684" s="613"/>
      <c r="NHC684" s="613"/>
      <c r="NHD684" s="613"/>
      <c r="NHE684" s="613"/>
      <c r="NHF684" s="613"/>
      <c r="NHG684" s="613"/>
      <c r="NHH684" s="613"/>
      <c r="NHI684" s="613"/>
      <c r="NHJ684" s="613"/>
      <c r="NHK684" s="613"/>
      <c r="NHL684" s="613"/>
      <c r="NHM684" s="613"/>
      <c r="NHN684" s="613"/>
      <c r="NHO684" s="613"/>
      <c r="NHP684" s="613"/>
      <c r="NHQ684" s="613"/>
      <c r="NHR684" s="613"/>
      <c r="NHS684" s="613"/>
      <c r="NHT684" s="613"/>
      <c r="NHU684" s="613"/>
      <c r="NHV684" s="613"/>
      <c r="NHW684" s="613"/>
      <c r="NHX684" s="613"/>
      <c r="NHY684" s="613"/>
      <c r="NHZ684" s="613"/>
      <c r="NIA684" s="613"/>
      <c r="NIB684" s="613"/>
      <c r="NIC684" s="613"/>
      <c r="NID684" s="613"/>
      <c r="NIE684" s="613"/>
      <c r="NIF684" s="613"/>
      <c r="NIG684" s="613"/>
      <c r="NIH684" s="613"/>
      <c r="NII684" s="613"/>
      <c r="NIJ684" s="613"/>
      <c r="NIK684" s="613"/>
      <c r="NIL684" s="613"/>
      <c r="NIM684" s="613"/>
      <c r="NIN684" s="613"/>
      <c r="NIO684" s="613"/>
      <c r="NIP684" s="613"/>
      <c r="NIQ684" s="613"/>
      <c r="NIR684" s="613"/>
      <c r="NIS684" s="613"/>
      <c r="NIT684" s="613"/>
      <c r="NIU684" s="613"/>
      <c r="NIV684" s="613"/>
      <c r="NIW684" s="613"/>
      <c r="NIX684" s="613"/>
      <c r="NIY684" s="613"/>
      <c r="NIZ684" s="613"/>
      <c r="NJA684" s="613"/>
      <c r="NJB684" s="613"/>
      <c r="NJC684" s="613"/>
      <c r="NJD684" s="613"/>
      <c r="NJE684" s="613"/>
      <c r="NJF684" s="613"/>
      <c r="NJG684" s="613"/>
      <c r="NJH684" s="613"/>
      <c r="NJI684" s="613"/>
      <c r="NJJ684" s="613"/>
      <c r="NJK684" s="613"/>
      <c r="NJL684" s="613"/>
      <c r="NJM684" s="613"/>
      <c r="NJN684" s="613"/>
      <c r="NJO684" s="613"/>
      <c r="NJP684" s="613"/>
      <c r="NJQ684" s="613"/>
      <c r="NJR684" s="613"/>
      <c r="NJS684" s="613"/>
      <c r="NJT684" s="613"/>
      <c r="NJU684" s="613"/>
      <c r="NJV684" s="613"/>
      <c r="NJW684" s="613"/>
      <c r="NJX684" s="613"/>
      <c r="NJY684" s="613"/>
      <c r="NJZ684" s="613"/>
      <c r="NKA684" s="613"/>
      <c r="NKB684" s="613"/>
      <c r="NKC684" s="613"/>
      <c r="NKD684" s="613"/>
      <c r="NKE684" s="613"/>
      <c r="NKF684" s="613"/>
      <c r="NKG684" s="613"/>
      <c r="NKH684" s="613"/>
      <c r="NKI684" s="613"/>
      <c r="NKJ684" s="613"/>
      <c r="NKK684" s="613"/>
      <c r="NKL684" s="613"/>
      <c r="NKM684" s="613"/>
      <c r="NKN684" s="613"/>
      <c r="NKO684" s="613"/>
      <c r="NKP684" s="613"/>
      <c r="NKQ684" s="613"/>
      <c r="NKR684" s="613"/>
      <c r="NKS684" s="613"/>
      <c r="NKT684" s="613"/>
      <c r="NKU684" s="613"/>
      <c r="NKV684" s="613"/>
      <c r="NKW684" s="613"/>
      <c r="NKX684" s="613"/>
      <c r="NKY684" s="613"/>
      <c r="NKZ684" s="613"/>
      <c r="NLA684" s="613"/>
      <c r="NLB684" s="613"/>
      <c r="NLC684" s="613"/>
      <c r="NLD684" s="613"/>
      <c r="NLE684" s="613"/>
      <c r="NLF684" s="613"/>
      <c r="NLG684" s="613"/>
      <c r="NLH684" s="613"/>
      <c r="NLI684" s="613"/>
      <c r="NLJ684" s="613"/>
      <c r="NLK684" s="613"/>
      <c r="NLL684" s="613"/>
      <c r="NLM684" s="613"/>
      <c r="NLN684" s="613"/>
      <c r="NLO684" s="613"/>
      <c r="NLP684" s="613"/>
      <c r="NLQ684" s="613"/>
      <c r="NLR684" s="613"/>
      <c r="NLS684" s="613"/>
      <c r="NLT684" s="613"/>
      <c r="NLU684" s="613"/>
      <c r="NLV684" s="613"/>
      <c r="NLW684" s="613"/>
      <c r="NLX684" s="613"/>
      <c r="NLY684" s="613"/>
      <c r="NLZ684" s="613"/>
      <c r="NMA684" s="613"/>
      <c r="NMB684" s="613"/>
      <c r="NMC684" s="613"/>
      <c r="NMD684" s="613"/>
      <c r="NME684" s="613"/>
      <c r="NMF684" s="613"/>
      <c r="NMG684" s="613"/>
      <c r="NMH684" s="613"/>
      <c r="NMI684" s="613"/>
      <c r="NMJ684" s="613"/>
      <c r="NMK684" s="613"/>
      <c r="NML684" s="613"/>
      <c r="NMM684" s="613"/>
      <c r="NMN684" s="613"/>
      <c r="NMO684" s="613"/>
      <c r="NMP684" s="613"/>
      <c r="NMQ684" s="613"/>
      <c r="NMR684" s="613"/>
      <c r="NMS684" s="613"/>
      <c r="NMT684" s="613"/>
      <c r="NMU684" s="613"/>
      <c r="NMV684" s="613"/>
      <c r="NMW684" s="613"/>
      <c r="NMX684" s="613"/>
      <c r="NMY684" s="613"/>
      <c r="NMZ684" s="613"/>
      <c r="NNA684" s="613"/>
      <c r="NNB684" s="613"/>
      <c r="NNC684" s="613"/>
      <c r="NND684" s="613"/>
      <c r="NNE684" s="613"/>
      <c r="NNF684" s="613"/>
      <c r="NNG684" s="613"/>
      <c r="NNH684" s="613"/>
      <c r="NNI684" s="613"/>
      <c r="NNJ684" s="613"/>
      <c r="NNK684" s="613"/>
      <c r="NNL684" s="613"/>
      <c r="NNM684" s="613"/>
      <c r="NNN684" s="613"/>
      <c r="NNO684" s="613"/>
      <c r="NNP684" s="613"/>
      <c r="NNQ684" s="613"/>
      <c r="NNR684" s="613"/>
      <c r="NNS684" s="613"/>
      <c r="NNT684" s="613"/>
      <c r="NNU684" s="613"/>
      <c r="NNV684" s="613"/>
      <c r="NNW684" s="613"/>
      <c r="NNX684" s="613"/>
      <c r="NNY684" s="613"/>
      <c r="NNZ684" s="613"/>
      <c r="NOA684" s="613"/>
      <c r="NOB684" s="613"/>
      <c r="NOC684" s="613"/>
      <c r="NOD684" s="613"/>
      <c r="NOE684" s="613"/>
      <c r="NOF684" s="613"/>
      <c r="NOG684" s="613"/>
      <c r="NOH684" s="613"/>
      <c r="NOI684" s="613"/>
      <c r="NOJ684" s="613"/>
      <c r="NOK684" s="613"/>
      <c r="NOL684" s="613"/>
      <c r="NOM684" s="613"/>
      <c r="NON684" s="613"/>
      <c r="NOO684" s="613"/>
      <c r="NOP684" s="613"/>
      <c r="NOQ684" s="613"/>
      <c r="NOR684" s="613"/>
      <c r="NOS684" s="613"/>
      <c r="NOT684" s="613"/>
      <c r="NOU684" s="613"/>
      <c r="NOV684" s="613"/>
      <c r="NOW684" s="613"/>
      <c r="NOX684" s="613"/>
      <c r="NOY684" s="613"/>
      <c r="NOZ684" s="613"/>
      <c r="NPA684" s="613"/>
      <c r="NPB684" s="613"/>
      <c r="NPC684" s="613"/>
      <c r="NPD684" s="613"/>
      <c r="NPE684" s="613"/>
      <c r="NPF684" s="613"/>
      <c r="NPG684" s="613"/>
      <c r="NPH684" s="613"/>
      <c r="NPI684" s="613"/>
      <c r="NPJ684" s="613"/>
      <c r="NPK684" s="613"/>
      <c r="NPL684" s="613"/>
      <c r="NPM684" s="613"/>
      <c r="NPN684" s="613"/>
      <c r="NPO684" s="613"/>
      <c r="NPP684" s="613"/>
      <c r="NPQ684" s="613"/>
      <c r="NPR684" s="613"/>
      <c r="NPS684" s="613"/>
      <c r="NPT684" s="613"/>
      <c r="NPU684" s="613"/>
      <c r="NPV684" s="613"/>
      <c r="NPW684" s="613"/>
      <c r="NPX684" s="613"/>
      <c r="NPY684" s="613"/>
      <c r="NPZ684" s="613"/>
      <c r="NQA684" s="613"/>
      <c r="NQB684" s="613"/>
      <c r="NQC684" s="613"/>
      <c r="NQD684" s="613"/>
      <c r="NQE684" s="613"/>
      <c r="NQF684" s="613"/>
      <c r="NQG684" s="613"/>
      <c r="NQH684" s="613"/>
      <c r="NQI684" s="613"/>
      <c r="NQJ684" s="613"/>
      <c r="NQK684" s="613"/>
      <c r="NQL684" s="613"/>
      <c r="NQM684" s="613"/>
      <c r="NQN684" s="613"/>
      <c r="NQO684" s="613"/>
      <c r="NQP684" s="613"/>
      <c r="NQQ684" s="613"/>
      <c r="NQR684" s="613"/>
      <c r="NQS684" s="613"/>
      <c r="NQT684" s="613"/>
      <c r="NQU684" s="613"/>
      <c r="NQV684" s="613"/>
      <c r="NQW684" s="613"/>
      <c r="NQX684" s="613"/>
      <c r="NQY684" s="613"/>
      <c r="NQZ684" s="613"/>
      <c r="NRA684" s="613"/>
      <c r="NRB684" s="613"/>
      <c r="NRC684" s="613"/>
      <c r="NRD684" s="613"/>
      <c r="NRE684" s="613"/>
      <c r="NRF684" s="613"/>
      <c r="NRG684" s="613"/>
      <c r="NRH684" s="613"/>
      <c r="NRI684" s="613"/>
      <c r="NRJ684" s="613"/>
      <c r="NRK684" s="613"/>
      <c r="NRL684" s="613"/>
      <c r="NRM684" s="613"/>
      <c r="NRN684" s="613"/>
      <c r="NRO684" s="613"/>
      <c r="NRP684" s="613"/>
      <c r="NRQ684" s="613"/>
      <c r="NRR684" s="613"/>
      <c r="NRS684" s="613"/>
      <c r="NRT684" s="613"/>
      <c r="NRU684" s="613"/>
      <c r="NRV684" s="613"/>
      <c r="NRW684" s="613"/>
      <c r="NRX684" s="613"/>
      <c r="NRY684" s="613"/>
      <c r="NRZ684" s="613"/>
      <c r="NSA684" s="613"/>
      <c r="NSB684" s="613"/>
      <c r="NSC684" s="613"/>
      <c r="NSD684" s="613"/>
      <c r="NSE684" s="613"/>
      <c r="NSF684" s="613"/>
      <c r="NSG684" s="613"/>
      <c r="NSH684" s="613"/>
      <c r="NSI684" s="613"/>
      <c r="NSJ684" s="613"/>
      <c r="NSK684" s="613"/>
      <c r="NSL684" s="613"/>
      <c r="NSM684" s="613"/>
      <c r="NSN684" s="613"/>
      <c r="NSO684" s="613"/>
      <c r="NSP684" s="613"/>
      <c r="NSQ684" s="613"/>
      <c r="NSR684" s="613"/>
      <c r="NSS684" s="613"/>
      <c r="NST684" s="613"/>
      <c r="NSU684" s="613"/>
      <c r="NSV684" s="613"/>
      <c r="NSW684" s="613"/>
      <c r="NSX684" s="613"/>
      <c r="NSY684" s="613"/>
      <c r="NSZ684" s="613"/>
      <c r="NTA684" s="613"/>
      <c r="NTB684" s="613"/>
      <c r="NTC684" s="613"/>
      <c r="NTD684" s="613"/>
      <c r="NTE684" s="613"/>
      <c r="NTF684" s="613"/>
      <c r="NTG684" s="613"/>
      <c r="NTH684" s="613"/>
      <c r="NTI684" s="613"/>
      <c r="NTJ684" s="613"/>
      <c r="NTK684" s="613"/>
      <c r="NTL684" s="613"/>
      <c r="NTM684" s="613"/>
      <c r="NTN684" s="613"/>
      <c r="NTO684" s="613"/>
      <c r="NTP684" s="613"/>
      <c r="NTQ684" s="613"/>
      <c r="NTR684" s="613"/>
      <c r="NTS684" s="613"/>
      <c r="NTT684" s="613"/>
      <c r="NTU684" s="613"/>
      <c r="NTV684" s="613"/>
      <c r="NTW684" s="613"/>
      <c r="NTX684" s="613"/>
      <c r="NTY684" s="613"/>
      <c r="NTZ684" s="613"/>
      <c r="NUA684" s="613"/>
      <c r="NUB684" s="613"/>
      <c r="NUC684" s="613"/>
      <c r="NUD684" s="613"/>
      <c r="NUE684" s="613"/>
      <c r="NUF684" s="613"/>
      <c r="NUG684" s="613"/>
      <c r="NUH684" s="613"/>
      <c r="NUI684" s="613"/>
      <c r="NUJ684" s="613"/>
      <c r="NUK684" s="613"/>
      <c r="NUL684" s="613"/>
      <c r="NUM684" s="613"/>
      <c r="NUN684" s="613"/>
      <c r="NUO684" s="613"/>
      <c r="NUP684" s="613"/>
      <c r="NUQ684" s="613"/>
      <c r="NUR684" s="613"/>
      <c r="NUS684" s="613"/>
      <c r="NUT684" s="613"/>
      <c r="NUU684" s="613"/>
      <c r="NUV684" s="613"/>
      <c r="NUW684" s="613"/>
      <c r="NUX684" s="613"/>
      <c r="NUY684" s="613"/>
      <c r="NUZ684" s="613"/>
      <c r="NVA684" s="613"/>
      <c r="NVB684" s="613"/>
      <c r="NVC684" s="613"/>
      <c r="NVD684" s="613"/>
      <c r="NVE684" s="613"/>
      <c r="NVF684" s="613"/>
      <c r="NVG684" s="613"/>
      <c r="NVH684" s="613"/>
      <c r="NVI684" s="613"/>
      <c r="NVJ684" s="613"/>
      <c r="NVK684" s="613"/>
      <c r="NVL684" s="613"/>
      <c r="NVM684" s="613"/>
      <c r="NVN684" s="613"/>
      <c r="NVO684" s="613"/>
      <c r="NVP684" s="613"/>
      <c r="NVQ684" s="613"/>
      <c r="NVR684" s="613"/>
      <c r="NVS684" s="613"/>
      <c r="NVT684" s="613"/>
      <c r="NVU684" s="613"/>
      <c r="NVV684" s="613"/>
      <c r="NVW684" s="613"/>
      <c r="NVX684" s="613"/>
      <c r="NVY684" s="613"/>
      <c r="NVZ684" s="613"/>
      <c r="NWA684" s="613"/>
      <c r="NWB684" s="613"/>
      <c r="NWC684" s="613"/>
      <c r="NWD684" s="613"/>
      <c r="NWE684" s="613"/>
      <c r="NWF684" s="613"/>
      <c r="NWG684" s="613"/>
      <c r="NWH684" s="613"/>
      <c r="NWI684" s="613"/>
      <c r="NWJ684" s="613"/>
      <c r="NWK684" s="613"/>
      <c r="NWL684" s="613"/>
      <c r="NWM684" s="613"/>
      <c r="NWN684" s="613"/>
      <c r="NWO684" s="613"/>
      <c r="NWP684" s="613"/>
      <c r="NWQ684" s="613"/>
      <c r="NWR684" s="613"/>
      <c r="NWS684" s="613"/>
      <c r="NWT684" s="613"/>
      <c r="NWU684" s="613"/>
      <c r="NWV684" s="613"/>
      <c r="NWW684" s="613"/>
      <c r="NWX684" s="613"/>
      <c r="NWY684" s="613"/>
      <c r="NWZ684" s="613"/>
      <c r="NXA684" s="613"/>
      <c r="NXB684" s="613"/>
      <c r="NXC684" s="613"/>
      <c r="NXD684" s="613"/>
      <c r="NXE684" s="613"/>
      <c r="NXF684" s="613"/>
      <c r="NXG684" s="613"/>
      <c r="NXH684" s="613"/>
      <c r="NXI684" s="613"/>
      <c r="NXJ684" s="613"/>
      <c r="NXK684" s="613"/>
      <c r="NXL684" s="613"/>
      <c r="NXM684" s="613"/>
      <c r="NXN684" s="613"/>
      <c r="NXO684" s="613"/>
      <c r="NXP684" s="613"/>
      <c r="NXQ684" s="613"/>
      <c r="NXR684" s="613"/>
      <c r="NXS684" s="613"/>
      <c r="NXT684" s="613"/>
      <c r="NXU684" s="613"/>
      <c r="NXV684" s="613"/>
      <c r="NXW684" s="613"/>
      <c r="NXX684" s="613"/>
      <c r="NXY684" s="613"/>
      <c r="NXZ684" s="613"/>
      <c r="NYA684" s="613"/>
      <c r="NYB684" s="613"/>
      <c r="NYC684" s="613"/>
      <c r="NYD684" s="613"/>
      <c r="NYE684" s="613"/>
      <c r="NYF684" s="613"/>
      <c r="NYG684" s="613"/>
      <c r="NYH684" s="613"/>
      <c r="NYI684" s="613"/>
      <c r="NYJ684" s="613"/>
      <c r="NYK684" s="613"/>
      <c r="NYL684" s="613"/>
      <c r="NYM684" s="613"/>
      <c r="NYN684" s="613"/>
      <c r="NYO684" s="613"/>
      <c r="NYP684" s="613"/>
      <c r="NYQ684" s="613"/>
      <c r="NYR684" s="613"/>
      <c r="NYS684" s="613"/>
      <c r="NYT684" s="613"/>
      <c r="NYU684" s="613"/>
      <c r="NYV684" s="613"/>
      <c r="NYW684" s="613"/>
      <c r="NYX684" s="613"/>
      <c r="NYY684" s="613"/>
      <c r="NYZ684" s="613"/>
      <c r="NZA684" s="613"/>
      <c r="NZB684" s="613"/>
      <c r="NZC684" s="613"/>
      <c r="NZD684" s="613"/>
      <c r="NZE684" s="613"/>
      <c r="NZF684" s="613"/>
      <c r="NZG684" s="613"/>
      <c r="NZH684" s="613"/>
      <c r="NZI684" s="613"/>
      <c r="NZJ684" s="613"/>
      <c r="NZK684" s="613"/>
      <c r="NZL684" s="613"/>
      <c r="NZM684" s="613"/>
      <c r="NZN684" s="613"/>
      <c r="NZO684" s="613"/>
      <c r="NZP684" s="613"/>
      <c r="NZQ684" s="613"/>
      <c r="NZR684" s="613"/>
      <c r="NZS684" s="613"/>
      <c r="NZT684" s="613"/>
      <c r="NZU684" s="613"/>
      <c r="NZV684" s="613"/>
      <c r="NZW684" s="613"/>
      <c r="NZX684" s="613"/>
      <c r="NZY684" s="613"/>
      <c r="NZZ684" s="613"/>
      <c r="OAA684" s="613"/>
      <c r="OAB684" s="613"/>
      <c r="OAC684" s="613"/>
      <c r="OAD684" s="613"/>
      <c r="OAE684" s="613"/>
      <c r="OAF684" s="613"/>
      <c r="OAG684" s="613"/>
      <c r="OAH684" s="613"/>
      <c r="OAI684" s="613"/>
      <c r="OAJ684" s="613"/>
      <c r="OAK684" s="613"/>
      <c r="OAL684" s="613"/>
      <c r="OAM684" s="613"/>
      <c r="OAN684" s="613"/>
      <c r="OAO684" s="613"/>
      <c r="OAP684" s="613"/>
      <c r="OAQ684" s="613"/>
      <c r="OAR684" s="613"/>
      <c r="OAS684" s="613"/>
      <c r="OAT684" s="613"/>
      <c r="OAU684" s="613"/>
      <c r="OAV684" s="613"/>
      <c r="OAW684" s="613"/>
      <c r="OAX684" s="613"/>
      <c r="OAY684" s="613"/>
      <c r="OAZ684" s="613"/>
      <c r="OBA684" s="613"/>
      <c r="OBB684" s="613"/>
      <c r="OBC684" s="613"/>
      <c r="OBD684" s="613"/>
      <c r="OBE684" s="613"/>
      <c r="OBF684" s="613"/>
      <c r="OBG684" s="613"/>
      <c r="OBH684" s="613"/>
      <c r="OBI684" s="613"/>
      <c r="OBJ684" s="613"/>
      <c r="OBK684" s="613"/>
      <c r="OBL684" s="613"/>
      <c r="OBM684" s="613"/>
      <c r="OBN684" s="613"/>
      <c r="OBO684" s="613"/>
      <c r="OBP684" s="613"/>
      <c r="OBQ684" s="613"/>
      <c r="OBR684" s="613"/>
      <c r="OBS684" s="613"/>
      <c r="OBT684" s="613"/>
      <c r="OBU684" s="613"/>
      <c r="OBV684" s="613"/>
      <c r="OBW684" s="613"/>
      <c r="OBX684" s="613"/>
      <c r="OBY684" s="613"/>
      <c r="OBZ684" s="613"/>
      <c r="OCA684" s="613"/>
      <c r="OCB684" s="613"/>
      <c r="OCC684" s="613"/>
      <c r="OCD684" s="613"/>
      <c r="OCE684" s="613"/>
      <c r="OCF684" s="613"/>
      <c r="OCG684" s="613"/>
      <c r="OCH684" s="613"/>
      <c r="OCI684" s="613"/>
      <c r="OCJ684" s="613"/>
      <c r="OCK684" s="613"/>
      <c r="OCL684" s="613"/>
      <c r="OCM684" s="613"/>
      <c r="OCN684" s="613"/>
      <c r="OCO684" s="613"/>
      <c r="OCP684" s="613"/>
      <c r="OCQ684" s="613"/>
      <c r="OCR684" s="613"/>
      <c r="OCS684" s="613"/>
      <c r="OCT684" s="613"/>
      <c r="OCU684" s="613"/>
      <c r="OCV684" s="613"/>
      <c r="OCW684" s="613"/>
      <c r="OCX684" s="613"/>
      <c r="OCY684" s="613"/>
      <c r="OCZ684" s="613"/>
      <c r="ODA684" s="613"/>
      <c r="ODB684" s="613"/>
      <c r="ODC684" s="613"/>
      <c r="ODD684" s="613"/>
      <c r="ODE684" s="613"/>
      <c r="ODF684" s="613"/>
      <c r="ODG684" s="613"/>
      <c r="ODH684" s="613"/>
      <c r="ODI684" s="613"/>
      <c r="ODJ684" s="613"/>
      <c r="ODK684" s="613"/>
      <c r="ODL684" s="613"/>
      <c r="ODM684" s="613"/>
      <c r="ODN684" s="613"/>
      <c r="ODO684" s="613"/>
      <c r="ODP684" s="613"/>
      <c r="ODQ684" s="613"/>
      <c r="ODR684" s="613"/>
      <c r="ODS684" s="613"/>
      <c r="ODT684" s="613"/>
      <c r="ODU684" s="613"/>
      <c r="ODV684" s="613"/>
      <c r="ODW684" s="613"/>
      <c r="ODX684" s="613"/>
      <c r="ODY684" s="613"/>
      <c r="ODZ684" s="613"/>
      <c r="OEA684" s="613"/>
      <c r="OEB684" s="613"/>
      <c r="OEC684" s="613"/>
      <c r="OED684" s="613"/>
      <c r="OEE684" s="613"/>
      <c r="OEF684" s="613"/>
      <c r="OEG684" s="613"/>
      <c r="OEH684" s="613"/>
      <c r="OEI684" s="613"/>
      <c r="OEJ684" s="613"/>
      <c r="OEK684" s="613"/>
      <c r="OEL684" s="613"/>
      <c r="OEM684" s="613"/>
      <c r="OEN684" s="613"/>
      <c r="OEO684" s="613"/>
      <c r="OEP684" s="613"/>
      <c r="OEQ684" s="613"/>
      <c r="OER684" s="613"/>
      <c r="OES684" s="613"/>
      <c r="OET684" s="613"/>
      <c r="OEU684" s="613"/>
      <c r="OEV684" s="613"/>
      <c r="OEW684" s="613"/>
      <c r="OEX684" s="613"/>
      <c r="OEY684" s="613"/>
      <c r="OEZ684" s="613"/>
      <c r="OFA684" s="613"/>
      <c r="OFB684" s="613"/>
      <c r="OFC684" s="613"/>
      <c r="OFD684" s="613"/>
      <c r="OFE684" s="613"/>
      <c r="OFF684" s="613"/>
      <c r="OFG684" s="613"/>
      <c r="OFH684" s="613"/>
      <c r="OFI684" s="613"/>
      <c r="OFJ684" s="613"/>
      <c r="OFK684" s="613"/>
      <c r="OFL684" s="613"/>
      <c r="OFM684" s="613"/>
      <c r="OFN684" s="613"/>
      <c r="OFO684" s="613"/>
      <c r="OFP684" s="613"/>
      <c r="OFQ684" s="613"/>
      <c r="OFR684" s="613"/>
      <c r="OFS684" s="613"/>
      <c r="OFT684" s="613"/>
      <c r="OFU684" s="613"/>
      <c r="OFV684" s="613"/>
      <c r="OFW684" s="613"/>
      <c r="OFX684" s="613"/>
      <c r="OFY684" s="613"/>
      <c r="OFZ684" s="613"/>
      <c r="OGA684" s="613"/>
      <c r="OGB684" s="613"/>
      <c r="OGC684" s="613"/>
      <c r="OGD684" s="613"/>
      <c r="OGE684" s="613"/>
      <c r="OGF684" s="613"/>
      <c r="OGG684" s="613"/>
      <c r="OGH684" s="613"/>
      <c r="OGI684" s="613"/>
      <c r="OGJ684" s="613"/>
      <c r="OGK684" s="613"/>
      <c r="OGL684" s="613"/>
      <c r="OGM684" s="613"/>
      <c r="OGN684" s="613"/>
      <c r="OGO684" s="613"/>
      <c r="OGP684" s="613"/>
      <c r="OGQ684" s="613"/>
      <c r="OGR684" s="613"/>
      <c r="OGS684" s="613"/>
      <c r="OGT684" s="613"/>
      <c r="OGU684" s="613"/>
      <c r="OGV684" s="613"/>
      <c r="OGW684" s="613"/>
      <c r="OGX684" s="613"/>
      <c r="OGY684" s="613"/>
      <c r="OGZ684" s="613"/>
      <c r="OHA684" s="613"/>
      <c r="OHB684" s="613"/>
      <c r="OHC684" s="613"/>
      <c r="OHD684" s="613"/>
      <c r="OHE684" s="613"/>
      <c r="OHF684" s="613"/>
      <c r="OHG684" s="613"/>
      <c r="OHH684" s="613"/>
      <c r="OHI684" s="613"/>
      <c r="OHJ684" s="613"/>
      <c r="OHK684" s="613"/>
      <c r="OHL684" s="613"/>
      <c r="OHM684" s="613"/>
      <c r="OHN684" s="613"/>
      <c r="OHO684" s="613"/>
      <c r="OHP684" s="613"/>
      <c r="OHQ684" s="613"/>
      <c r="OHR684" s="613"/>
      <c r="OHS684" s="613"/>
      <c r="OHT684" s="613"/>
      <c r="OHU684" s="613"/>
      <c r="OHV684" s="613"/>
      <c r="OHW684" s="613"/>
      <c r="OHX684" s="613"/>
      <c r="OHY684" s="613"/>
      <c r="OHZ684" s="613"/>
      <c r="OIA684" s="613"/>
      <c r="OIB684" s="613"/>
      <c r="OIC684" s="613"/>
      <c r="OID684" s="613"/>
      <c r="OIE684" s="613"/>
      <c r="OIF684" s="613"/>
      <c r="OIG684" s="613"/>
      <c r="OIH684" s="613"/>
      <c r="OII684" s="613"/>
      <c r="OIJ684" s="613"/>
      <c r="OIK684" s="613"/>
      <c r="OIL684" s="613"/>
      <c r="OIM684" s="613"/>
      <c r="OIN684" s="613"/>
      <c r="OIO684" s="613"/>
      <c r="OIP684" s="613"/>
      <c r="OIQ684" s="613"/>
      <c r="OIR684" s="613"/>
      <c r="OIS684" s="613"/>
      <c r="OIT684" s="613"/>
      <c r="OIU684" s="613"/>
      <c r="OIV684" s="613"/>
      <c r="OIW684" s="613"/>
      <c r="OIX684" s="613"/>
      <c r="OIY684" s="613"/>
      <c r="OIZ684" s="613"/>
      <c r="OJA684" s="613"/>
      <c r="OJB684" s="613"/>
      <c r="OJC684" s="613"/>
      <c r="OJD684" s="613"/>
      <c r="OJE684" s="613"/>
      <c r="OJF684" s="613"/>
      <c r="OJG684" s="613"/>
      <c r="OJH684" s="613"/>
      <c r="OJI684" s="613"/>
      <c r="OJJ684" s="613"/>
      <c r="OJK684" s="613"/>
      <c r="OJL684" s="613"/>
      <c r="OJM684" s="613"/>
      <c r="OJN684" s="613"/>
      <c r="OJO684" s="613"/>
      <c r="OJP684" s="613"/>
      <c r="OJQ684" s="613"/>
      <c r="OJR684" s="613"/>
      <c r="OJS684" s="613"/>
      <c r="OJT684" s="613"/>
      <c r="OJU684" s="613"/>
      <c r="OJV684" s="613"/>
      <c r="OJW684" s="613"/>
      <c r="OJX684" s="613"/>
      <c r="OJY684" s="613"/>
      <c r="OJZ684" s="613"/>
      <c r="OKA684" s="613"/>
      <c r="OKB684" s="613"/>
      <c r="OKC684" s="613"/>
      <c r="OKD684" s="613"/>
      <c r="OKE684" s="613"/>
      <c r="OKF684" s="613"/>
      <c r="OKG684" s="613"/>
      <c r="OKH684" s="613"/>
      <c r="OKI684" s="613"/>
      <c r="OKJ684" s="613"/>
      <c r="OKK684" s="613"/>
      <c r="OKL684" s="613"/>
      <c r="OKM684" s="613"/>
      <c r="OKN684" s="613"/>
      <c r="OKO684" s="613"/>
      <c r="OKP684" s="613"/>
      <c r="OKQ684" s="613"/>
      <c r="OKR684" s="613"/>
      <c r="OKS684" s="613"/>
      <c r="OKT684" s="613"/>
      <c r="OKU684" s="613"/>
      <c r="OKV684" s="613"/>
      <c r="OKW684" s="613"/>
      <c r="OKX684" s="613"/>
      <c r="OKY684" s="613"/>
      <c r="OKZ684" s="613"/>
      <c r="OLA684" s="613"/>
      <c r="OLB684" s="613"/>
      <c r="OLC684" s="613"/>
      <c r="OLD684" s="613"/>
      <c r="OLE684" s="613"/>
      <c r="OLF684" s="613"/>
      <c r="OLG684" s="613"/>
      <c r="OLH684" s="613"/>
      <c r="OLI684" s="613"/>
      <c r="OLJ684" s="613"/>
      <c r="OLK684" s="613"/>
      <c r="OLL684" s="613"/>
      <c r="OLM684" s="613"/>
      <c r="OLN684" s="613"/>
      <c r="OLO684" s="613"/>
      <c r="OLP684" s="613"/>
      <c r="OLQ684" s="613"/>
      <c r="OLR684" s="613"/>
      <c r="OLS684" s="613"/>
      <c r="OLT684" s="613"/>
      <c r="OLU684" s="613"/>
      <c r="OLV684" s="613"/>
      <c r="OLW684" s="613"/>
      <c r="OLX684" s="613"/>
      <c r="OLY684" s="613"/>
      <c r="OLZ684" s="613"/>
      <c r="OMA684" s="613"/>
      <c r="OMB684" s="613"/>
      <c r="OMC684" s="613"/>
      <c r="OMD684" s="613"/>
      <c r="OME684" s="613"/>
      <c r="OMF684" s="613"/>
      <c r="OMG684" s="613"/>
      <c r="OMH684" s="613"/>
      <c r="OMI684" s="613"/>
      <c r="OMJ684" s="613"/>
      <c r="OMK684" s="613"/>
      <c r="OML684" s="613"/>
      <c r="OMM684" s="613"/>
      <c r="OMN684" s="613"/>
      <c r="OMO684" s="613"/>
      <c r="OMP684" s="613"/>
      <c r="OMQ684" s="613"/>
      <c r="OMR684" s="613"/>
      <c r="OMS684" s="613"/>
      <c r="OMT684" s="613"/>
      <c r="OMU684" s="613"/>
      <c r="OMV684" s="613"/>
      <c r="OMW684" s="613"/>
      <c r="OMX684" s="613"/>
      <c r="OMY684" s="613"/>
      <c r="OMZ684" s="613"/>
      <c r="ONA684" s="613"/>
      <c r="ONB684" s="613"/>
      <c r="ONC684" s="613"/>
      <c r="OND684" s="613"/>
      <c r="ONE684" s="613"/>
      <c r="ONF684" s="613"/>
      <c r="ONG684" s="613"/>
      <c r="ONH684" s="613"/>
      <c r="ONI684" s="613"/>
      <c r="ONJ684" s="613"/>
      <c r="ONK684" s="613"/>
      <c r="ONL684" s="613"/>
      <c r="ONM684" s="613"/>
      <c r="ONN684" s="613"/>
      <c r="ONO684" s="613"/>
      <c r="ONP684" s="613"/>
      <c r="ONQ684" s="613"/>
      <c r="ONR684" s="613"/>
      <c r="ONS684" s="613"/>
      <c r="ONT684" s="613"/>
      <c r="ONU684" s="613"/>
      <c r="ONV684" s="613"/>
      <c r="ONW684" s="613"/>
      <c r="ONX684" s="613"/>
      <c r="ONY684" s="613"/>
      <c r="ONZ684" s="613"/>
      <c r="OOA684" s="613"/>
      <c r="OOB684" s="613"/>
      <c r="OOC684" s="613"/>
      <c r="OOD684" s="613"/>
      <c r="OOE684" s="613"/>
      <c r="OOF684" s="613"/>
      <c r="OOG684" s="613"/>
      <c r="OOH684" s="613"/>
      <c r="OOI684" s="613"/>
      <c r="OOJ684" s="613"/>
      <c r="OOK684" s="613"/>
      <c r="OOL684" s="613"/>
      <c r="OOM684" s="613"/>
      <c r="OON684" s="613"/>
      <c r="OOO684" s="613"/>
      <c r="OOP684" s="613"/>
      <c r="OOQ684" s="613"/>
      <c r="OOR684" s="613"/>
      <c r="OOS684" s="613"/>
      <c r="OOT684" s="613"/>
      <c r="OOU684" s="613"/>
      <c r="OOV684" s="613"/>
      <c r="OOW684" s="613"/>
      <c r="OOX684" s="613"/>
      <c r="OOY684" s="613"/>
      <c r="OOZ684" s="613"/>
      <c r="OPA684" s="613"/>
      <c r="OPB684" s="613"/>
      <c r="OPC684" s="613"/>
      <c r="OPD684" s="613"/>
      <c r="OPE684" s="613"/>
      <c r="OPF684" s="613"/>
      <c r="OPG684" s="613"/>
      <c r="OPH684" s="613"/>
      <c r="OPI684" s="613"/>
      <c r="OPJ684" s="613"/>
      <c r="OPK684" s="613"/>
      <c r="OPL684" s="613"/>
      <c r="OPM684" s="613"/>
      <c r="OPN684" s="613"/>
      <c r="OPO684" s="613"/>
      <c r="OPP684" s="613"/>
      <c r="OPQ684" s="613"/>
      <c r="OPR684" s="613"/>
      <c r="OPS684" s="613"/>
      <c r="OPT684" s="613"/>
      <c r="OPU684" s="613"/>
      <c r="OPV684" s="613"/>
      <c r="OPW684" s="613"/>
      <c r="OPX684" s="613"/>
      <c r="OPY684" s="613"/>
      <c r="OPZ684" s="613"/>
      <c r="OQA684" s="613"/>
      <c r="OQB684" s="613"/>
      <c r="OQC684" s="613"/>
      <c r="OQD684" s="613"/>
      <c r="OQE684" s="613"/>
      <c r="OQF684" s="613"/>
      <c r="OQG684" s="613"/>
      <c r="OQH684" s="613"/>
      <c r="OQI684" s="613"/>
      <c r="OQJ684" s="613"/>
      <c r="OQK684" s="613"/>
      <c r="OQL684" s="613"/>
      <c r="OQM684" s="613"/>
      <c r="OQN684" s="613"/>
      <c r="OQO684" s="613"/>
      <c r="OQP684" s="613"/>
      <c r="OQQ684" s="613"/>
      <c r="OQR684" s="613"/>
      <c r="OQS684" s="613"/>
      <c r="OQT684" s="613"/>
      <c r="OQU684" s="613"/>
      <c r="OQV684" s="613"/>
      <c r="OQW684" s="613"/>
      <c r="OQX684" s="613"/>
      <c r="OQY684" s="613"/>
      <c r="OQZ684" s="613"/>
      <c r="ORA684" s="613"/>
      <c r="ORB684" s="613"/>
      <c r="ORC684" s="613"/>
      <c r="ORD684" s="613"/>
      <c r="ORE684" s="613"/>
      <c r="ORF684" s="613"/>
      <c r="ORG684" s="613"/>
      <c r="ORH684" s="613"/>
      <c r="ORI684" s="613"/>
      <c r="ORJ684" s="613"/>
      <c r="ORK684" s="613"/>
      <c r="ORL684" s="613"/>
      <c r="ORM684" s="613"/>
      <c r="ORN684" s="613"/>
      <c r="ORO684" s="613"/>
      <c r="ORP684" s="613"/>
      <c r="ORQ684" s="613"/>
      <c r="ORR684" s="613"/>
      <c r="ORS684" s="613"/>
      <c r="ORT684" s="613"/>
      <c r="ORU684" s="613"/>
      <c r="ORV684" s="613"/>
      <c r="ORW684" s="613"/>
      <c r="ORX684" s="613"/>
      <c r="ORY684" s="613"/>
      <c r="ORZ684" s="613"/>
      <c r="OSA684" s="613"/>
      <c r="OSB684" s="613"/>
      <c r="OSC684" s="613"/>
      <c r="OSD684" s="613"/>
      <c r="OSE684" s="613"/>
      <c r="OSF684" s="613"/>
      <c r="OSG684" s="613"/>
      <c r="OSH684" s="613"/>
      <c r="OSI684" s="613"/>
      <c r="OSJ684" s="613"/>
      <c r="OSK684" s="613"/>
      <c r="OSL684" s="613"/>
      <c r="OSM684" s="613"/>
      <c r="OSN684" s="613"/>
      <c r="OSO684" s="613"/>
      <c r="OSP684" s="613"/>
      <c r="OSQ684" s="613"/>
      <c r="OSR684" s="613"/>
      <c r="OSS684" s="613"/>
      <c r="OST684" s="613"/>
      <c r="OSU684" s="613"/>
      <c r="OSV684" s="613"/>
      <c r="OSW684" s="613"/>
      <c r="OSX684" s="613"/>
      <c r="OSY684" s="613"/>
      <c r="OSZ684" s="613"/>
      <c r="OTA684" s="613"/>
      <c r="OTB684" s="613"/>
      <c r="OTC684" s="613"/>
      <c r="OTD684" s="613"/>
      <c r="OTE684" s="613"/>
      <c r="OTF684" s="613"/>
      <c r="OTG684" s="613"/>
      <c r="OTH684" s="613"/>
      <c r="OTI684" s="613"/>
      <c r="OTJ684" s="613"/>
      <c r="OTK684" s="613"/>
      <c r="OTL684" s="613"/>
      <c r="OTM684" s="613"/>
      <c r="OTN684" s="613"/>
      <c r="OTO684" s="613"/>
      <c r="OTP684" s="613"/>
      <c r="OTQ684" s="613"/>
      <c r="OTR684" s="613"/>
      <c r="OTS684" s="613"/>
      <c r="OTT684" s="613"/>
      <c r="OTU684" s="613"/>
      <c r="OTV684" s="613"/>
      <c r="OTW684" s="613"/>
      <c r="OTX684" s="613"/>
      <c r="OTY684" s="613"/>
      <c r="OTZ684" s="613"/>
      <c r="OUA684" s="613"/>
      <c r="OUB684" s="613"/>
      <c r="OUC684" s="613"/>
      <c r="OUD684" s="613"/>
      <c r="OUE684" s="613"/>
      <c r="OUF684" s="613"/>
      <c r="OUG684" s="613"/>
      <c r="OUH684" s="613"/>
      <c r="OUI684" s="613"/>
      <c r="OUJ684" s="613"/>
      <c r="OUK684" s="613"/>
      <c r="OUL684" s="613"/>
      <c r="OUM684" s="613"/>
      <c r="OUN684" s="613"/>
      <c r="OUO684" s="613"/>
      <c r="OUP684" s="613"/>
      <c r="OUQ684" s="613"/>
      <c r="OUR684" s="613"/>
      <c r="OUS684" s="613"/>
      <c r="OUT684" s="613"/>
      <c r="OUU684" s="613"/>
      <c r="OUV684" s="613"/>
      <c r="OUW684" s="613"/>
      <c r="OUX684" s="613"/>
      <c r="OUY684" s="613"/>
      <c r="OUZ684" s="613"/>
      <c r="OVA684" s="613"/>
      <c r="OVB684" s="613"/>
      <c r="OVC684" s="613"/>
      <c r="OVD684" s="613"/>
      <c r="OVE684" s="613"/>
      <c r="OVF684" s="613"/>
      <c r="OVG684" s="613"/>
      <c r="OVH684" s="613"/>
      <c r="OVI684" s="613"/>
      <c r="OVJ684" s="613"/>
      <c r="OVK684" s="613"/>
      <c r="OVL684" s="613"/>
      <c r="OVM684" s="613"/>
      <c r="OVN684" s="613"/>
      <c r="OVO684" s="613"/>
      <c r="OVP684" s="613"/>
      <c r="OVQ684" s="613"/>
      <c r="OVR684" s="613"/>
      <c r="OVS684" s="613"/>
      <c r="OVT684" s="613"/>
      <c r="OVU684" s="613"/>
      <c r="OVV684" s="613"/>
      <c r="OVW684" s="613"/>
      <c r="OVX684" s="613"/>
      <c r="OVY684" s="613"/>
      <c r="OVZ684" s="613"/>
      <c r="OWA684" s="613"/>
      <c r="OWB684" s="613"/>
      <c r="OWC684" s="613"/>
      <c r="OWD684" s="613"/>
      <c r="OWE684" s="613"/>
      <c r="OWF684" s="613"/>
      <c r="OWG684" s="613"/>
      <c r="OWH684" s="613"/>
      <c r="OWI684" s="613"/>
      <c r="OWJ684" s="613"/>
      <c r="OWK684" s="613"/>
      <c r="OWL684" s="613"/>
      <c r="OWM684" s="613"/>
      <c r="OWN684" s="613"/>
      <c r="OWO684" s="613"/>
      <c r="OWP684" s="613"/>
      <c r="OWQ684" s="613"/>
      <c r="OWR684" s="613"/>
      <c r="OWS684" s="613"/>
      <c r="OWT684" s="613"/>
      <c r="OWU684" s="613"/>
      <c r="OWV684" s="613"/>
      <c r="OWW684" s="613"/>
      <c r="OWX684" s="613"/>
      <c r="OWY684" s="613"/>
      <c r="OWZ684" s="613"/>
      <c r="OXA684" s="613"/>
      <c r="OXB684" s="613"/>
      <c r="OXC684" s="613"/>
      <c r="OXD684" s="613"/>
      <c r="OXE684" s="613"/>
      <c r="OXF684" s="613"/>
      <c r="OXG684" s="613"/>
      <c r="OXH684" s="613"/>
      <c r="OXI684" s="613"/>
      <c r="OXJ684" s="613"/>
      <c r="OXK684" s="613"/>
      <c r="OXL684" s="613"/>
      <c r="OXM684" s="613"/>
      <c r="OXN684" s="613"/>
      <c r="OXO684" s="613"/>
      <c r="OXP684" s="613"/>
      <c r="OXQ684" s="613"/>
      <c r="OXR684" s="613"/>
      <c r="OXS684" s="613"/>
      <c r="OXT684" s="613"/>
      <c r="OXU684" s="613"/>
      <c r="OXV684" s="613"/>
      <c r="OXW684" s="613"/>
      <c r="OXX684" s="613"/>
      <c r="OXY684" s="613"/>
      <c r="OXZ684" s="613"/>
      <c r="OYA684" s="613"/>
      <c r="OYB684" s="613"/>
      <c r="OYC684" s="613"/>
      <c r="OYD684" s="613"/>
      <c r="OYE684" s="613"/>
      <c r="OYF684" s="613"/>
      <c r="OYG684" s="613"/>
      <c r="OYH684" s="613"/>
      <c r="OYI684" s="613"/>
      <c r="OYJ684" s="613"/>
      <c r="OYK684" s="613"/>
      <c r="OYL684" s="613"/>
      <c r="OYM684" s="613"/>
      <c r="OYN684" s="613"/>
      <c r="OYO684" s="613"/>
      <c r="OYP684" s="613"/>
      <c r="OYQ684" s="613"/>
      <c r="OYR684" s="613"/>
      <c r="OYS684" s="613"/>
      <c r="OYT684" s="613"/>
      <c r="OYU684" s="613"/>
      <c r="OYV684" s="613"/>
      <c r="OYW684" s="613"/>
      <c r="OYX684" s="613"/>
      <c r="OYY684" s="613"/>
      <c r="OYZ684" s="613"/>
      <c r="OZA684" s="613"/>
      <c r="OZB684" s="613"/>
      <c r="OZC684" s="613"/>
      <c r="OZD684" s="613"/>
      <c r="OZE684" s="613"/>
      <c r="OZF684" s="613"/>
      <c r="OZG684" s="613"/>
      <c r="OZH684" s="613"/>
      <c r="OZI684" s="613"/>
      <c r="OZJ684" s="613"/>
      <c r="OZK684" s="613"/>
      <c r="OZL684" s="613"/>
      <c r="OZM684" s="613"/>
      <c r="OZN684" s="613"/>
      <c r="OZO684" s="613"/>
      <c r="OZP684" s="613"/>
      <c r="OZQ684" s="613"/>
      <c r="OZR684" s="613"/>
      <c r="OZS684" s="613"/>
      <c r="OZT684" s="613"/>
      <c r="OZU684" s="613"/>
      <c r="OZV684" s="613"/>
      <c r="OZW684" s="613"/>
      <c r="OZX684" s="613"/>
      <c r="OZY684" s="613"/>
      <c r="OZZ684" s="613"/>
      <c r="PAA684" s="613"/>
      <c r="PAB684" s="613"/>
      <c r="PAC684" s="613"/>
      <c r="PAD684" s="613"/>
      <c r="PAE684" s="613"/>
      <c r="PAF684" s="613"/>
      <c r="PAG684" s="613"/>
      <c r="PAH684" s="613"/>
      <c r="PAI684" s="613"/>
      <c r="PAJ684" s="613"/>
      <c r="PAK684" s="613"/>
      <c r="PAL684" s="613"/>
      <c r="PAM684" s="613"/>
      <c r="PAN684" s="613"/>
      <c r="PAO684" s="613"/>
      <c r="PAP684" s="613"/>
      <c r="PAQ684" s="613"/>
      <c r="PAR684" s="613"/>
      <c r="PAS684" s="613"/>
      <c r="PAT684" s="613"/>
      <c r="PAU684" s="613"/>
      <c r="PAV684" s="613"/>
      <c r="PAW684" s="613"/>
      <c r="PAX684" s="613"/>
      <c r="PAY684" s="613"/>
      <c r="PAZ684" s="613"/>
      <c r="PBA684" s="613"/>
      <c r="PBB684" s="613"/>
      <c r="PBC684" s="613"/>
      <c r="PBD684" s="613"/>
      <c r="PBE684" s="613"/>
      <c r="PBF684" s="613"/>
      <c r="PBG684" s="613"/>
      <c r="PBH684" s="613"/>
      <c r="PBI684" s="613"/>
      <c r="PBJ684" s="613"/>
      <c r="PBK684" s="613"/>
      <c r="PBL684" s="613"/>
      <c r="PBM684" s="613"/>
      <c r="PBN684" s="613"/>
      <c r="PBO684" s="613"/>
      <c r="PBP684" s="613"/>
      <c r="PBQ684" s="613"/>
      <c r="PBR684" s="613"/>
      <c r="PBS684" s="613"/>
      <c r="PBT684" s="613"/>
      <c r="PBU684" s="613"/>
      <c r="PBV684" s="613"/>
      <c r="PBW684" s="613"/>
      <c r="PBX684" s="613"/>
      <c r="PBY684" s="613"/>
      <c r="PBZ684" s="613"/>
      <c r="PCA684" s="613"/>
      <c r="PCB684" s="613"/>
      <c r="PCC684" s="613"/>
      <c r="PCD684" s="613"/>
      <c r="PCE684" s="613"/>
      <c r="PCF684" s="613"/>
      <c r="PCG684" s="613"/>
      <c r="PCH684" s="613"/>
      <c r="PCI684" s="613"/>
      <c r="PCJ684" s="613"/>
      <c r="PCK684" s="613"/>
      <c r="PCL684" s="613"/>
      <c r="PCM684" s="613"/>
      <c r="PCN684" s="613"/>
      <c r="PCO684" s="613"/>
      <c r="PCP684" s="613"/>
      <c r="PCQ684" s="613"/>
      <c r="PCR684" s="613"/>
      <c r="PCS684" s="613"/>
      <c r="PCT684" s="613"/>
      <c r="PCU684" s="613"/>
      <c r="PCV684" s="613"/>
      <c r="PCW684" s="613"/>
      <c r="PCX684" s="613"/>
      <c r="PCY684" s="613"/>
      <c r="PCZ684" s="613"/>
      <c r="PDA684" s="613"/>
      <c r="PDB684" s="613"/>
      <c r="PDC684" s="613"/>
      <c r="PDD684" s="613"/>
      <c r="PDE684" s="613"/>
      <c r="PDF684" s="613"/>
      <c r="PDG684" s="613"/>
      <c r="PDH684" s="613"/>
      <c r="PDI684" s="613"/>
      <c r="PDJ684" s="613"/>
      <c r="PDK684" s="613"/>
      <c r="PDL684" s="613"/>
      <c r="PDM684" s="613"/>
      <c r="PDN684" s="613"/>
      <c r="PDO684" s="613"/>
      <c r="PDP684" s="613"/>
      <c r="PDQ684" s="613"/>
      <c r="PDR684" s="613"/>
      <c r="PDS684" s="613"/>
      <c r="PDT684" s="613"/>
      <c r="PDU684" s="613"/>
      <c r="PDV684" s="613"/>
      <c r="PDW684" s="613"/>
      <c r="PDX684" s="613"/>
      <c r="PDY684" s="613"/>
      <c r="PDZ684" s="613"/>
      <c r="PEA684" s="613"/>
      <c r="PEB684" s="613"/>
      <c r="PEC684" s="613"/>
      <c r="PED684" s="613"/>
      <c r="PEE684" s="613"/>
      <c r="PEF684" s="613"/>
      <c r="PEG684" s="613"/>
      <c r="PEH684" s="613"/>
      <c r="PEI684" s="613"/>
      <c r="PEJ684" s="613"/>
      <c r="PEK684" s="613"/>
      <c r="PEL684" s="613"/>
      <c r="PEM684" s="613"/>
      <c r="PEN684" s="613"/>
      <c r="PEO684" s="613"/>
      <c r="PEP684" s="613"/>
      <c r="PEQ684" s="613"/>
      <c r="PER684" s="613"/>
      <c r="PES684" s="613"/>
      <c r="PET684" s="613"/>
      <c r="PEU684" s="613"/>
      <c r="PEV684" s="613"/>
      <c r="PEW684" s="613"/>
      <c r="PEX684" s="613"/>
      <c r="PEY684" s="613"/>
      <c r="PEZ684" s="613"/>
      <c r="PFA684" s="613"/>
      <c r="PFB684" s="613"/>
      <c r="PFC684" s="613"/>
      <c r="PFD684" s="613"/>
      <c r="PFE684" s="613"/>
      <c r="PFF684" s="613"/>
      <c r="PFG684" s="613"/>
      <c r="PFH684" s="613"/>
      <c r="PFI684" s="613"/>
      <c r="PFJ684" s="613"/>
      <c r="PFK684" s="613"/>
      <c r="PFL684" s="613"/>
      <c r="PFM684" s="613"/>
      <c r="PFN684" s="613"/>
      <c r="PFO684" s="613"/>
      <c r="PFP684" s="613"/>
      <c r="PFQ684" s="613"/>
      <c r="PFR684" s="613"/>
      <c r="PFS684" s="613"/>
      <c r="PFT684" s="613"/>
      <c r="PFU684" s="613"/>
      <c r="PFV684" s="613"/>
      <c r="PFW684" s="613"/>
      <c r="PFX684" s="613"/>
      <c r="PFY684" s="613"/>
      <c r="PFZ684" s="613"/>
      <c r="PGA684" s="613"/>
      <c r="PGB684" s="613"/>
      <c r="PGC684" s="613"/>
      <c r="PGD684" s="613"/>
      <c r="PGE684" s="613"/>
      <c r="PGF684" s="613"/>
      <c r="PGG684" s="613"/>
      <c r="PGH684" s="613"/>
      <c r="PGI684" s="613"/>
      <c r="PGJ684" s="613"/>
      <c r="PGK684" s="613"/>
      <c r="PGL684" s="613"/>
      <c r="PGM684" s="613"/>
      <c r="PGN684" s="613"/>
      <c r="PGO684" s="613"/>
      <c r="PGP684" s="613"/>
      <c r="PGQ684" s="613"/>
      <c r="PGR684" s="613"/>
      <c r="PGS684" s="613"/>
      <c r="PGT684" s="613"/>
      <c r="PGU684" s="613"/>
      <c r="PGV684" s="613"/>
      <c r="PGW684" s="613"/>
      <c r="PGX684" s="613"/>
      <c r="PGY684" s="613"/>
      <c r="PGZ684" s="613"/>
      <c r="PHA684" s="613"/>
      <c r="PHB684" s="613"/>
      <c r="PHC684" s="613"/>
      <c r="PHD684" s="613"/>
      <c r="PHE684" s="613"/>
      <c r="PHF684" s="613"/>
      <c r="PHG684" s="613"/>
      <c r="PHH684" s="613"/>
      <c r="PHI684" s="613"/>
      <c r="PHJ684" s="613"/>
      <c r="PHK684" s="613"/>
      <c r="PHL684" s="613"/>
      <c r="PHM684" s="613"/>
      <c r="PHN684" s="613"/>
      <c r="PHO684" s="613"/>
      <c r="PHP684" s="613"/>
      <c r="PHQ684" s="613"/>
      <c r="PHR684" s="613"/>
      <c r="PHS684" s="613"/>
      <c r="PHT684" s="613"/>
      <c r="PHU684" s="613"/>
      <c r="PHV684" s="613"/>
      <c r="PHW684" s="613"/>
      <c r="PHX684" s="613"/>
      <c r="PHY684" s="613"/>
      <c r="PHZ684" s="613"/>
      <c r="PIA684" s="613"/>
      <c r="PIB684" s="613"/>
      <c r="PIC684" s="613"/>
      <c r="PID684" s="613"/>
      <c r="PIE684" s="613"/>
      <c r="PIF684" s="613"/>
      <c r="PIG684" s="613"/>
      <c r="PIH684" s="613"/>
      <c r="PII684" s="613"/>
      <c r="PIJ684" s="613"/>
      <c r="PIK684" s="613"/>
      <c r="PIL684" s="613"/>
      <c r="PIM684" s="613"/>
      <c r="PIN684" s="613"/>
      <c r="PIO684" s="613"/>
      <c r="PIP684" s="613"/>
      <c r="PIQ684" s="613"/>
      <c r="PIR684" s="613"/>
      <c r="PIS684" s="613"/>
      <c r="PIT684" s="613"/>
      <c r="PIU684" s="613"/>
      <c r="PIV684" s="613"/>
      <c r="PIW684" s="613"/>
      <c r="PIX684" s="613"/>
      <c r="PIY684" s="613"/>
      <c r="PIZ684" s="613"/>
      <c r="PJA684" s="613"/>
      <c r="PJB684" s="613"/>
      <c r="PJC684" s="613"/>
      <c r="PJD684" s="613"/>
      <c r="PJE684" s="613"/>
      <c r="PJF684" s="613"/>
      <c r="PJG684" s="613"/>
      <c r="PJH684" s="613"/>
      <c r="PJI684" s="613"/>
      <c r="PJJ684" s="613"/>
      <c r="PJK684" s="613"/>
      <c r="PJL684" s="613"/>
      <c r="PJM684" s="613"/>
      <c r="PJN684" s="613"/>
      <c r="PJO684" s="613"/>
      <c r="PJP684" s="613"/>
      <c r="PJQ684" s="613"/>
      <c r="PJR684" s="613"/>
      <c r="PJS684" s="613"/>
      <c r="PJT684" s="613"/>
      <c r="PJU684" s="613"/>
      <c r="PJV684" s="613"/>
      <c r="PJW684" s="613"/>
      <c r="PJX684" s="613"/>
      <c r="PJY684" s="613"/>
      <c r="PJZ684" s="613"/>
      <c r="PKA684" s="613"/>
      <c r="PKB684" s="613"/>
      <c r="PKC684" s="613"/>
      <c r="PKD684" s="613"/>
      <c r="PKE684" s="613"/>
      <c r="PKF684" s="613"/>
      <c r="PKG684" s="613"/>
      <c r="PKH684" s="613"/>
      <c r="PKI684" s="613"/>
      <c r="PKJ684" s="613"/>
      <c r="PKK684" s="613"/>
      <c r="PKL684" s="613"/>
      <c r="PKM684" s="613"/>
      <c r="PKN684" s="613"/>
      <c r="PKO684" s="613"/>
      <c r="PKP684" s="613"/>
      <c r="PKQ684" s="613"/>
      <c r="PKR684" s="613"/>
      <c r="PKS684" s="613"/>
      <c r="PKT684" s="613"/>
      <c r="PKU684" s="613"/>
      <c r="PKV684" s="613"/>
      <c r="PKW684" s="613"/>
      <c r="PKX684" s="613"/>
      <c r="PKY684" s="613"/>
      <c r="PKZ684" s="613"/>
      <c r="PLA684" s="613"/>
      <c r="PLB684" s="613"/>
      <c r="PLC684" s="613"/>
      <c r="PLD684" s="613"/>
      <c r="PLE684" s="613"/>
      <c r="PLF684" s="613"/>
      <c r="PLG684" s="613"/>
      <c r="PLH684" s="613"/>
      <c r="PLI684" s="613"/>
      <c r="PLJ684" s="613"/>
      <c r="PLK684" s="613"/>
      <c r="PLL684" s="613"/>
      <c r="PLM684" s="613"/>
      <c r="PLN684" s="613"/>
      <c r="PLO684" s="613"/>
      <c r="PLP684" s="613"/>
      <c r="PLQ684" s="613"/>
      <c r="PLR684" s="613"/>
      <c r="PLS684" s="613"/>
      <c r="PLT684" s="613"/>
      <c r="PLU684" s="613"/>
      <c r="PLV684" s="613"/>
      <c r="PLW684" s="613"/>
      <c r="PLX684" s="613"/>
      <c r="PLY684" s="613"/>
      <c r="PLZ684" s="613"/>
      <c r="PMA684" s="613"/>
      <c r="PMB684" s="613"/>
      <c r="PMC684" s="613"/>
      <c r="PMD684" s="613"/>
      <c r="PME684" s="613"/>
      <c r="PMF684" s="613"/>
      <c r="PMG684" s="613"/>
      <c r="PMH684" s="613"/>
      <c r="PMI684" s="613"/>
      <c r="PMJ684" s="613"/>
      <c r="PMK684" s="613"/>
      <c r="PML684" s="613"/>
      <c r="PMM684" s="613"/>
      <c r="PMN684" s="613"/>
      <c r="PMO684" s="613"/>
      <c r="PMP684" s="613"/>
      <c r="PMQ684" s="613"/>
      <c r="PMR684" s="613"/>
      <c r="PMS684" s="613"/>
      <c r="PMT684" s="613"/>
      <c r="PMU684" s="613"/>
      <c r="PMV684" s="613"/>
      <c r="PMW684" s="613"/>
      <c r="PMX684" s="613"/>
      <c r="PMY684" s="613"/>
      <c r="PMZ684" s="613"/>
      <c r="PNA684" s="613"/>
      <c r="PNB684" s="613"/>
      <c r="PNC684" s="613"/>
      <c r="PND684" s="613"/>
      <c r="PNE684" s="613"/>
      <c r="PNF684" s="613"/>
      <c r="PNG684" s="613"/>
      <c r="PNH684" s="613"/>
      <c r="PNI684" s="613"/>
      <c r="PNJ684" s="613"/>
      <c r="PNK684" s="613"/>
      <c r="PNL684" s="613"/>
      <c r="PNM684" s="613"/>
      <c r="PNN684" s="613"/>
      <c r="PNO684" s="613"/>
      <c r="PNP684" s="613"/>
      <c r="PNQ684" s="613"/>
      <c r="PNR684" s="613"/>
      <c r="PNS684" s="613"/>
      <c r="PNT684" s="613"/>
      <c r="PNU684" s="613"/>
      <c r="PNV684" s="613"/>
      <c r="PNW684" s="613"/>
      <c r="PNX684" s="613"/>
      <c r="PNY684" s="613"/>
      <c r="PNZ684" s="613"/>
      <c r="POA684" s="613"/>
      <c r="POB684" s="613"/>
      <c r="POC684" s="613"/>
      <c r="POD684" s="613"/>
      <c r="POE684" s="613"/>
      <c r="POF684" s="613"/>
      <c r="POG684" s="613"/>
      <c r="POH684" s="613"/>
      <c r="POI684" s="613"/>
      <c r="POJ684" s="613"/>
      <c r="POK684" s="613"/>
      <c r="POL684" s="613"/>
      <c r="POM684" s="613"/>
      <c r="PON684" s="613"/>
      <c r="POO684" s="613"/>
      <c r="POP684" s="613"/>
      <c r="POQ684" s="613"/>
      <c r="POR684" s="613"/>
      <c r="POS684" s="613"/>
      <c r="POT684" s="613"/>
      <c r="POU684" s="613"/>
      <c r="POV684" s="613"/>
      <c r="POW684" s="613"/>
      <c r="POX684" s="613"/>
      <c r="POY684" s="613"/>
      <c r="POZ684" s="613"/>
      <c r="PPA684" s="613"/>
      <c r="PPB684" s="613"/>
      <c r="PPC684" s="613"/>
      <c r="PPD684" s="613"/>
      <c r="PPE684" s="613"/>
      <c r="PPF684" s="613"/>
      <c r="PPG684" s="613"/>
      <c r="PPH684" s="613"/>
      <c r="PPI684" s="613"/>
      <c r="PPJ684" s="613"/>
      <c r="PPK684" s="613"/>
      <c r="PPL684" s="613"/>
      <c r="PPM684" s="613"/>
      <c r="PPN684" s="613"/>
      <c r="PPO684" s="613"/>
      <c r="PPP684" s="613"/>
      <c r="PPQ684" s="613"/>
      <c r="PPR684" s="613"/>
      <c r="PPS684" s="613"/>
      <c r="PPT684" s="613"/>
      <c r="PPU684" s="613"/>
      <c r="PPV684" s="613"/>
      <c r="PPW684" s="613"/>
      <c r="PPX684" s="613"/>
      <c r="PPY684" s="613"/>
      <c r="PPZ684" s="613"/>
      <c r="PQA684" s="613"/>
      <c r="PQB684" s="613"/>
      <c r="PQC684" s="613"/>
      <c r="PQD684" s="613"/>
      <c r="PQE684" s="613"/>
      <c r="PQF684" s="613"/>
      <c r="PQG684" s="613"/>
      <c r="PQH684" s="613"/>
      <c r="PQI684" s="613"/>
      <c r="PQJ684" s="613"/>
      <c r="PQK684" s="613"/>
      <c r="PQL684" s="613"/>
      <c r="PQM684" s="613"/>
      <c r="PQN684" s="613"/>
      <c r="PQO684" s="613"/>
      <c r="PQP684" s="613"/>
      <c r="PQQ684" s="613"/>
      <c r="PQR684" s="613"/>
      <c r="PQS684" s="613"/>
      <c r="PQT684" s="613"/>
      <c r="PQU684" s="613"/>
      <c r="PQV684" s="613"/>
      <c r="PQW684" s="613"/>
      <c r="PQX684" s="613"/>
      <c r="PQY684" s="613"/>
      <c r="PQZ684" s="613"/>
      <c r="PRA684" s="613"/>
      <c r="PRB684" s="613"/>
      <c r="PRC684" s="613"/>
      <c r="PRD684" s="613"/>
      <c r="PRE684" s="613"/>
      <c r="PRF684" s="613"/>
      <c r="PRG684" s="613"/>
      <c r="PRH684" s="613"/>
      <c r="PRI684" s="613"/>
      <c r="PRJ684" s="613"/>
      <c r="PRK684" s="613"/>
      <c r="PRL684" s="613"/>
      <c r="PRM684" s="613"/>
      <c r="PRN684" s="613"/>
      <c r="PRO684" s="613"/>
      <c r="PRP684" s="613"/>
      <c r="PRQ684" s="613"/>
      <c r="PRR684" s="613"/>
      <c r="PRS684" s="613"/>
      <c r="PRT684" s="613"/>
      <c r="PRU684" s="613"/>
      <c r="PRV684" s="613"/>
      <c r="PRW684" s="613"/>
      <c r="PRX684" s="613"/>
      <c r="PRY684" s="613"/>
      <c r="PRZ684" s="613"/>
      <c r="PSA684" s="613"/>
      <c r="PSB684" s="613"/>
      <c r="PSC684" s="613"/>
      <c r="PSD684" s="613"/>
      <c r="PSE684" s="613"/>
      <c r="PSF684" s="613"/>
      <c r="PSG684" s="613"/>
      <c r="PSH684" s="613"/>
      <c r="PSI684" s="613"/>
      <c r="PSJ684" s="613"/>
      <c r="PSK684" s="613"/>
      <c r="PSL684" s="613"/>
      <c r="PSM684" s="613"/>
      <c r="PSN684" s="613"/>
      <c r="PSO684" s="613"/>
      <c r="PSP684" s="613"/>
      <c r="PSQ684" s="613"/>
      <c r="PSR684" s="613"/>
      <c r="PSS684" s="613"/>
      <c r="PST684" s="613"/>
      <c r="PSU684" s="613"/>
      <c r="PSV684" s="613"/>
      <c r="PSW684" s="613"/>
      <c r="PSX684" s="613"/>
      <c r="PSY684" s="613"/>
      <c r="PSZ684" s="613"/>
      <c r="PTA684" s="613"/>
      <c r="PTB684" s="613"/>
      <c r="PTC684" s="613"/>
      <c r="PTD684" s="613"/>
      <c r="PTE684" s="613"/>
      <c r="PTF684" s="613"/>
      <c r="PTG684" s="613"/>
      <c r="PTH684" s="613"/>
      <c r="PTI684" s="613"/>
      <c r="PTJ684" s="613"/>
      <c r="PTK684" s="613"/>
      <c r="PTL684" s="613"/>
      <c r="PTM684" s="613"/>
      <c r="PTN684" s="613"/>
      <c r="PTO684" s="613"/>
      <c r="PTP684" s="613"/>
      <c r="PTQ684" s="613"/>
      <c r="PTR684" s="613"/>
      <c r="PTS684" s="613"/>
      <c r="PTT684" s="613"/>
      <c r="PTU684" s="613"/>
      <c r="PTV684" s="613"/>
      <c r="PTW684" s="613"/>
      <c r="PTX684" s="613"/>
      <c r="PTY684" s="613"/>
      <c r="PTZ684" s="613"/>
      <c r="PUA684" s="613"/>
      <c r="PUB684" s="613"/>
      <c r="PUC684" s="613"/>
      <c r="PUD684" s="613"/>
      <c r="PUE684" s="613"/>
      <c r="PUF684" s="613"/>
      <c r="PUG684" s="613"/>
      <c r="PUH684" s="613"/>
      <c r="PUI684" s="613"/>
      <c r="PUJ684" s="613"/>
      <c r="PUK684" s="613"/>
      <c r="PUL684" s="613"/>
      <c r="PUM684" s="613"/>
      <c r="PUN684" s="613"/>
      <c r="PUO684" s="613"/>
      <c r="PUP684" s="613"/>
      <c r="PUQ684" s="613"/>
      <c r="PUR684" s="613"/>
      <c r="PUS684" s="613"/>
      <c r="PUT684" s="613"/>
      <c r="PUU684" s="613"/>
      <c r="PUV684" s="613"/>
      <c r="PUW684" s="613"/>
      <c r="PUX684" s="613"/>
      <c r="PUY684" s="613"/>
      <c r="PUZ684" s="613"/>
      <c r="PVA684" s="613"/>
      <c r="PVB684" s="613"/>
      <c r="PVC684" s="613"/>
      <c r="PVD684" s="613"/>
      <c r="PVE684" s="613"/>
      <c r="PVF684" s="613"/>
      <c r="PVG684" s="613"/>
      <c r="PVH684" s="613"/>
      <c r="PVI684" s="613"/>
      <c r="PVJ684" s="613"/>
      <c r="PVK684" s="613"/>
      <c r="PVL684" s="613"/>
      <c r="PVM684" s="613"/>
      <c r="PVN684" s="613"/>
      <c r="PVO684" s="613"/>
      <c r="PVP684" s="613"/>
      <c r="PVQ684" s="613"/>
      <c r="PVR684" s="613"/>
      <c r="PVS684" s="613"/>
      <c r="PVT684" s="613"/>
      <c r="PVU684" s="613"/>
      <c r="PVV684" s="613"/>
      <c r="PVW684" s="613"/>
      <c r="PVX684" s="613"/>
      <c r="PVY684" s="613"/>
      <c r="PVZ684" s="613"/>
      <c r="PWA684" s="613"/>
      <c r="PWB684" s="613"/>
      <c r="PWC684" s="613"/>
      <c r="PWD684" s="613"/>
      <c r="PWE684" s="613"/>
      <c r="PWF684" s="613"/>
      <c r="PWG684" s="613"/>
      <c r="PWH684" s="613"/>
      <c r="PWI684" s="613"/>
      <c r="PWJ684" s="613"/>
      <c r="PWK684" s="613"/>
      <c r="PWL684" s="613"/>
      <c r="PWM684" s="613"/>
      <c r="PWN684" s="613"/>
      <c r="PWO684" s="613"/>
      <c r="PWP684" s="613"/>
      <c r="PWQ684" s="613"/>
      <c r="PWR684" s="613"/>
      <c r="PWS684" s="613"/>
      <c r="PWT684" s="613"/>
      <c r="PWU684" s="613"/>
      <c r="PWV684" s="613"/>
      <c r="PWW684" s="613"/>
      <c r="PWX684" s="613"/>
      <c r="PWY684" s="613"/>
      <c r="PWZ684" s="613"/>
      <c r="PXA684" s="613"/>
      <c r="PXB684" s="613"/>
      <c r="PXC684" s="613"/>
      <c r="PXD684" s="613"/>
      <c r="PXE684" s="613"/>
      <c r="PXF684" s="613"/>
      <c r="PXG684" s="613"/>
      <c r="PXH684" s="613"/>
      <c r="PXI684" s="613"/>
      <c r="PXJ684" s="613"/>
      <c r="PXK684" s="613"/>
      <c r="PXL684" s="613"/>
      <c r="PXM684" s="613"/>
      <c r="PXN684" s="613"/>
      <c r="PXO684" s="613"/>
      <c r="PXP684" s="613"/>
      <c r="PXQ684" s="613"/>
      <c r="PXR684" s="613"/>
      <c r="PXS684" s="613"/>
      <c r="PXT684" s="613"/>
      <c r="PXU684" s="613"/>
      <c r="PXV684" s="613"/>
      <c r="PXW684" s="613"/>
      <c r="PXX684" s="613"/>
      <c r="PXY684" s="613"/>
      <c r="PXZ684" s="613"/>
      <c r="PYA684" s="613"/>
      <c r="PYB684" s="613"/>
      <c r="PYC684" s="613"/>
      <c r="PYD684" s="613"/>
      <c r="PYE684" s="613"/>
      <c r="PYF684" s="613"/>
      <c r="PYG684" s="613"/>
      <c r="PYH684" s="613"/>
      <c r="PYI684" s="613"/>
      <c r="PYJ684" s="613"/>
      <c r="PYK684" s="613"/>
      <c r="PYL684" s="613"/>
      <c r="PYM684" s="613"/>
      <c r="PYN684" s="613"/>
      <c r="PYO684" s="613"/>
      <c r="PYP684" s="613"/>
      <c r="PYQ684" s="613"/>
      <c r="PYR684" s="613"/>
      <c r="PYS684" s="613"/>
      <c r="PYT684" s="613"/>
      <c r="PYU684" s="613"/>
      <c r="PYV684" s="613"/>
      <c r="PYW684" s="613"/>
      <c r="PYX684" s="613"/>
      <c r="PYY684" s="613"/>
      <c r="PYZ684" s="613"/>
      <c r="PZA684" s="613"/>
      <c r="PZB684" s="613"/>
      <c r="PZC684" s="613"/>
      <c r="PZD684" s="613"/>
      <c r="PZE684" s="613"/>
      <c r="PZF684" s="613"/>
      <c r="PZG684" s="613"/>
      <c r="PZH684" s="613"/>
      <c r="PZI684" s="613"/>
      <c r="PZJ684" s="613"/>
      <c r="PZK684" s="613"/>
      <c r="PZL684" s="613"/>
      <c r="PZM684" s="613"/>
      <c r="PZN684" s="613"/>
      <c r="PZO684" s="613"/>
      <c r="PZP684" s="613"/>
      <c r="PZQ684" s="613"/>
      <c r="PZR684" s="613"/>
      <c r="PZS684" s="613"/>
      <c r="PZT684" s="613"/>
      <c r="PZU684" s="613"/>
      <c r="PZV684" s="613"/>
      <c r="PZW684" s="613"/>
      <c r="PZX684" s="613"/>
      <c r="PZY684" s="613"/>
      <c r="PZZ684" s="613"/>
      <c r="QAA684" s="613"/>
      <c r="QAB684" s="613"/>
      <c r="QAC684" s="613"/>
      <c r="QAD684" s="613"/>
      <c r="QAE684" s="613"/>
      <c r="QAF684" s="613"/>
      <c r="QAG684" s="613"/>
      <c r="QAH684" s="613"/>
      <c r="QAI684" s="613"/>
      <c r="QAJ684" s="613"/>
      <c r="QAK684" s="613"/>
      <c r="QAL684" s="613"/>
      <c r="QAM684" s="613"/>
      <c r="QAN684" s="613"/>
      <c r="QAO684" s="613"/>
      <c r="QAP684" s="613"/>
      <c r="QAQ684" s="613"/>
      <c r="QAR684" s="613"/>
      <c r="QAS684" s="613"/>
      <c r="QAT684" s="613"/>
      <c r="QAU684" s="613"/>
      <c r="QAV684" s="613"/>
      <c r="QAW684" s="613"/>
      <c r="QAX684" s="613"/>
      <c r="QAY684" s="613"/>
      <c r="QAZ684" s="613"/>
      <c r="QBA684" s="613"/>
      <c r="QBB684" s="613"/>
      <c r="QBC684" s="613"/>
      <c r="QBD684" s="613"/>
      <c r="QBE684" s="613"/>
      <c r="QBF684" s="613"/>
      <c r="QBG684" s="613"/>
      <c r="QBH684" s="613"/>
      <c r="QBI684" s="613"/>
      <c r="QBJ684" s="613"/>
      <c r="QBK684" s="613"/>
      <c r="QBL684" s="613"/>
      <c r="QBM684" s="613"/>
      <c r="QBN684" s="613"/>
      <c r="QBO684" s="613"/>
      <c r="QBP684" s="613"/>
      <c r="QBQ684" s="613"/>
      <c r="QBR684" s="613"/>
      <c r="QBS684" s="613"/>
      <c r="QBT684" s="613"/>
      <c r="QBU684" s="613"/>
      <c r="QBV684" s="613"/>
      <c r="QBW684" s="613"/>
      <c r="QBX684" s="613"/>
      <c r="QBY684" s="613"/>
      <c r="QBZ684" s="613"/>
      <c r="QCA684" s="613"/>
      <c r="QCB684" s="613"/>
      <c r="QCC684" s="613"/>
      <c r="QCD684" s="613"/>
      <c r="QCE684" s="613"/>
      <c r="QCF684" s="613"/>
      <c r="QCG684" s="613"/>
      <c r="QCH684" s="613"/>
      <c r="QCI684" s="613"/>
      <c r="QCJ684" s="613"/>
      <c r="QCK684" s="613"/>
      <c r="QCL684" s="613"/>
      <c r="QCM684" s="613"/>
      <c r="QCN684" s="613"/>
      <c r="QCO684" s="613"/>
      <c r="QCP684" s="613"/>
      <c r="QCQ684" s="613"/>
      <c r="QCR684" s="613"/>
      <c r="QCS684" s="613"/>
      <c r="QCT684" s="613"/>
      <c r="QCU684" s="613"/>
      <c r="QCV684" s="613"/>
      <c r="QCW684" s="613"/>
      <c r="QCX684" s="613"/>
      <c r="QCY684" s="613"/>
      <c r="QCZ684" s="613"/>
      <c r="QDA684" s="613"/>
      <c r="QDB684" s="613"/>
      <c r="QDC684" s="613"/>
      <c r="QDD684" s="613"/>
      <c r="QDE684" s="613"/>
      <c r="QDF684" s="613"/>
      <c r="QDG684" s="613"/>
      <c r="QDH684" s="613"/>
      <c r="QDI684" s="613"/>
      <c r="QDJ684" s="613"/>
      <c r="QDK684" s="613"/>
      <c r="QDL684" s="613"/>
      <c r="QDM684" s="613"/>
      <c r="QDN684" s="613"/>
      <c r="QDO684" s="613"/>
      <c r="QDP684" s="613"/>
      <c r="QDQ684" s="613"/>
      <c r="QDR684" s="613"/>
      <c r="QDS684" s="613"/>
      <c r="QDT684" s="613"/>
      <c r="QDU684" s="613"/>
      <c r="QDV684" s="613"/>
      <c r="QDW684" s="613"/>
      <c r="QDX684" s="613"/>
      <c r="QDY684" s="613"/>
      <c r="QDZ684" s="613"/>
      <c r="QEA684" s="613"/>
      <c r="QEB684" s="613"/>
      <c r="QEC684" s="613"/>
      <c r="QED684" s="613"/>
      <c r="QEE684" s="613"/>
      <c r="QEF684" s="613"/>
      <c r="QEG684" s="613"/>
      <c r="QEH684" s="613"/>
      <c r="QEI684" s="613"/>
      <c r="QEJ684" s="613"/>
      <c r="QEK684" s="613"/>
      <c r="QEL684" s="613"/>
      <c r="QEM684" s="613"/>
      <c r="QEN684" s="613"/>
      <c r="QEO684" s="613"/>
      <c r="QEP684" s="613"/>
      <c r="QEQ684" s="613"/>
      <c r="QER684" s="613"/>
      <c r="QES684" s="613"/>
      <c r="QET684" s="613"/>
      <c r="QEU684" s="613"/>
      <c r="QEV684" s="613"/>
      <c r="QEW684" s="613"/>
      <c r="QEX684" s="613"/>
      <c r="QEY684" s="613"/>
      <c r="QEZ684" s="613"/>
      <c r="QFA684" s="613"/>
      <c r="QFB684" s="613"/>
      <c r="QFC684" s="613"/>
      <c r="QFD684" s="613"/>
      <c r="QFE684" s="613"/>
      <c r="QFF684" s="613"/>
      <c r="QFG684" s="613"/>
      <c r="QFH684" s="613"/>
      <c r="QFI684" s="613"/>
      <c r="QFJ684" s="613"/>
      <c r="QFK684" s="613"/>
      <c r="QFL684" s="613"/>
      <c r="QFM684" s="613"/>
      <c r="QFN684" s="613"/>
      <c r="QFO684" s="613"/>
      <c r="QFP684" s="613"/>
      <c r="QFQ684" s="613"/>
      <c r="QFR684" s="613"/>
      <c r="QFS684" s="613"/>
      <c r="QFT684" s="613"/>
      <c r="QFU684" s="613"/>
      <c r="QFV684" s="613"/>
      <c r="QFW684" s="613"/>
      <c r="QFX684" s="613"/>
      <c r="QFY684" s="613"/>
      <c r="QFZ684" s="613"/>
      <c r="QGA684" s="613"/>
      <c r="QGB684" s="613"/>
      <c r="QGC684" s="613"/>
      <c r="QGD684" s="613"/>
      <c r="QGE684" s="613"/>
      <c r="QGF684" s="613"/>
      <c r="QGG684" s="613"/>
      <c r="QGH684" s="613"/>
      <c r="QGI684" s="613"/>
      <c r="QGJ684" s="613"/>
      <c r="QGK684" s="613"/>
      <c r="QGL684" s="613"/>
      <c r="QGM684" s="613"/>
      <c r="QGN684" s="613"/>
      <c r="QGO684" s="613"/>
      <c r="QGP684" s="613"/>
      <c r="QGQ684" s="613"/>
      <c r="QGR684" s="613"/>
      <c r="QGS684" s="613"/>
      <c r="QGT684" s="613"/>
      <c r="QGU684" s="613"/>
      <c r="QGV684" s="613"/>
      <c r="QGW684" s="613"/>
      <c r="QGX684" s="613"/>
      <c r="QGY684" s="613"/>
      <c r="QGZ684" s="613"/>
      <c r="QHA684" s="613"/>
      <c r="QHB684" s="613"/>
      <c r="QHC684" s="613"/>
      <c r="QHD684" s="613"/>
      <c r="QHE684" s="613"/>
      <c r="QHF684" s="613"/>
      <c r="QHG684" s="613"/>
      <c r="QHH684" s="613"/>
      <c r="QHI684" s="613"/>
      <c r="QHJ684" s="613"/>
      <c r="QHK684" s="613"/>
      <c r="QHL684" s="613"/>
      <c r="QHM684" s="613"/>
      <c r="QHN684" s="613"/>
      <c r="QHO684" s="613"/>
      <c r="QHP684" s="613"/>
      <c r="QHQ684" s="613"/>
      <c r="QHR684" s="613"/>
      <c r="QHS684" s="613"/>
      <c r="QHT684" s="613"/>
      <c r="QHU684" s="613"/>
      <c r="QHV684" s="613"/>
      <c r="QHW684" s="613"/>
      <c r="QHX684" s="613"/>
      <c r="QHY684" s="613"/>
      <c r="QHZ684" s="613"/>
      <c r="QIA684" s="613"/>
      <c r="QIB684" s="613"/>
      <c r="QIC684" s="613"/>
      <c r="QID684" s="613"/>
      <c r="QIE684" s="613"/>
      <c r="QIF684" s="613"/>
      <c r="QIG684" s="613"/>
      <c r="QIH684" s="613"/>
      <c r="QII684" s="613"/>
      <c r="QIJ684" s="613"/>
      <c r="QIK684" s="613"/>
      <c r="QIL684" s="613"/>
      <c r="QIM684" s="613"/>
      <c r="QIN684" s="613"/>
      <c r="QIO684" s="613"/>
      <c r="QIP684" s="613"/>
      <c r="QIQ684" s="613"/>
      <c r="QIR684" s="613"/>
      <c r="QIS684" s="613"/>
      <c r="QIT684" s="613"/>
      <c r="QIU684" s="613"/>
      <c r="QIV684" s="613"/>
      <c r="QIW684" s="613"/>
      <c r="QIX684" s="613"/>
      <c r="QIY684" s="613"/>
      <c r="QIZ684" s="613"/>
      <c r="QJA684" s="613"/>
      <c r="QJB684" s="613"/>
      <c r="QJC684" s="613"/>
      <c r="QJD684" s="613"/>
      <c r="QJE684" s="613"/>
      <c r="QJF684" s="613"/>
      <c r="QJG684" s="613"/>
      <c r="QJH684" s="613"/>
      <c r="QJI684" s="613"/>
      <c r="QJJ684" s="613"/>
      <c r="QJK684" s="613"/>
      <c r="QJL684" s="613"/>
      <c r="QJM684" s="613"/>
      <c r="QJN684" s="613"/>
      <c r="QJO684" s="613"/>
      <c r="QJP684" s="613"/>
      <c r="QJQ684" s="613"/>
      <c r="QJR684" s="613"/>
      <c r="QJS684" s="613"/>
      <c r="QJT684" s="613"/>
      <c r="QJU684" s="613"/>
      <c r="QJV684" s="613"/>
      <c r="QJW684" s="613"/>
      <c r="QJX684" s="613"/>
      <c r="QJY684" s="613"/>
      <c r="QJZ684" s="613"/>
      <c r="QKA684" s="613"/>
      <c r="QKB684" s="613"/>
      <c r="QKC684" s="613"/>
      <c r="QKD684" s="613"/>
      <c r="QKE684" s="613"/>
      <c r="QKF684" s="613"/>
      <c r="QKG684" s="613"/>
      <c r="QKH684" s="613"/>
      <c r="QKI684" s="613"/>
      <c r="QKJ684" s="613"/>
      <c r="QKK684" s="613"/>
      <c r="QKL684" s="613"/>
      <c r="QKM684" s="613"/>
      <c r="QKN684" s="613"/>
      <c r="QKO684" s="613"/>
      <c r="QKP684" s="613"/>
      <c r="QKQ684" s="613"/>
      <c r="QKR684" s="613"/>
      <c r="QKS684" s="613"/>
      <c r="QKT684" s="613"/>
      <c r="QKU684" s="613"/>
      <c r="QKV684" s="613"/>
      <c r="QKW684" s="613"/>
      <c r="QKX684" s="613"/>
      <c r="QKY684" s="613"/>
      <c r="QKZ684" s="613"/>
      <c r="QLA684" s="613"/>
      <c r="QLB684" s="613"/>
      <c r="QLC684" s="613"/>
      <c r="QLD684" s="613"/>
      <c r="QLE684" s="613"/>
      <c r="QLF684" s="613"/>
      <c r="QLG684" s="613"/>
      <c r="QLH684" s="613"/>
      <c r="QLI684" s="613"/>
      <c r="QLJ684" s="613"/>
      <c r="QLK684" s="613"/>
      <c r="QLL684" s="613"/>
      <c r="QLM684" s="613"/>
      <c r="QLN684" s="613"/>
      <c r="QLO684" s="613"/>
      <c r="QLP684" s="613"/>
      <c r="QLQ684" s="613"/>
      <c r="QLR684" s="613"/>
      <c r="QLS684" s="613"/>
      <c r="QLT684" s="613"/>
      <c r="QLU684" s="613"/>
      <c r="QLV684" s="613"/>
      <c r="QLW684" s="613"/>
      <c r="QLX684" s="613"/>
      <c r="QLY684" s="613"/>
      <c r="QLZ684" s="613"/>
      <c r="QMA684" s="613"/>
      <c r="QMB684" s="613"/>
      <c r="QMC684" s="613"/>
      <c r="QMD684" s="613"/>
      <c r="QME684" s="613"/>
      <c r="QMF684" s="613"/>
      <c r="QMG684" s="613"/>
      <c r="QMH684" s="613"/>
      <c r="QMI684" s="613"/>
      <c r="QMJ684" s="613"/>
      <c r="QMK684" s="613"/>
      <c r="QML684" s="613"/>
      <c r="QMM684" s="613"/>
      <c r="QMN684" s="613"/>
      <c r="QMO684" s="613"/>
      <c r="QMP684" s="613"/>
      <c r="QMQ684" s="613"/>
      <c r="QMR684" s="613"/>
      <c r="QMS684" s="613"/>
      <c r="QMT684" s="613"/>
      <c r="QMU684" s="613"/>
      <c r="QMV684" s="613"/>
      <c r="QMW684" s="613"/>
      <c r="QMX684" s="613"/>
      <c r="QMY684" s="613"/>
      <c r="QMZ684" s="613"/>
      <c r="QNA684" s="613"/>
      <c r="QNB684" s="613"/>
      <c r="QNC684" s="613"/>
      <c r="QND684" s="613"/>
      <c r="QNE684" s="613"/>
      <c r="QNF684" s="613"/>
      <c r="QNG684" s="613"/>
      <c r="QNH684" s="613"/>
      <c r="QNI684" s="613"/>
      <c r="QNJ684" s="613"/>
      <c r="QNK684" s="613"/>
      <c r="QNL684" s="613"/>
      <c r="QNM684" s="613"/>
      <c r="QNN684" s="613"/>
      <c r="QNO684" s="613"/>
      <c r="QNP684" s="613"/>
      <c r="QNQ684" s="613"/>
      <c r="QNR684" s="613"/>
      <c r="QNS684" s="613"/>
      <c r="QNT684" s="613"/>
      <c r="QNU684" s="613"/>
      <c r="QNV684" s="613"/>
      <c r="QNW684" s="613"/>
      <c r="QNX684" s="613"/>
      <c r="QNY684" s="613"/>
      <c r="QNZ684" s="613"/>
      <c r="QOA684" s="613"/>
      <c r="QOB684" s="613"/>
      <c r="QOC684" s="613"/>
      <c r="QOD684" s="613"/>
      <c r="QOE684" s="613"/>
      <c r="QOF684" s="613"/>
      <c r="QOG684" s="613"/>
      <c r="QOH684" s="613"/>
      <c r="QOI684" s="613"/>
      <c r="QOJ684" s="613"/>
      <c r="QOK684" s="613"/>
      <c r="QOL684" s="613"/>
      <c r="QOM684" s="613"/>
      <c r="QON684" s="613"/>
      <c r="QOO684" s="613"/>
      <c r="QOP684" s="613"/>
      <c r="QOQ684" s="613"/>
      <c r="QOR684" s="613"/>
      <c r="QOS684" s="613"/>
      <c r="QOT684" s="613"/>
      <c r="QOU684" s="613"/>
      <c r="QOV684" s="613"/>
      <c r="QOW684" s="613"/>
      <c r="QOX684" s="613"/>
      <c r="QOY684" s="613"/>
      <c r="QOZ684" s="613"/>
      <c r="QPA684" s="613"/>
      <c r="QPB684" s="613"/>
      <c r="QPC684" s="613"/>
      <c r="QPD684" s="613"/>
      <c r="QPE684" s="613"/>
      <c r="QPF684" s="613"/>
      <c r="QPG684" s="613"/>
      <c r="QPH684" s="613"/>
      <c r="QPI684" s="613"/>
      <c r="QPJ684" s="613"/>
      <c r="QPK684" s="613"/>
      <c r="QPL684" s="613"/>
      <c r="QPM684" s="613"/>
      <c r="QPN684" s="613"/>
      <c r="QPO684" s="613"/>
      <c r="QPP684" s="613"/>
      <c r="QPQ684" s="613"/>
      <c r="QPR684" s="613"/>
      <c r="QPS684" s="613"/>
      <c r="QPT684" s="613"/>
      <c r="QPU684" s="613"/>
      <c r="QPV684" s="613"/>
      <c r="QPW684" s="613"/>
      <c r="QPX684" s="613"/>
      <c r="QPY684" s="613"/>
      <c r="QPZ684" s="613"/>
      <c r="QQA684" s="613"/>
      <c r="QQB684" s="613"/>
      <c r="QQC684" s="613"/>
      <c r="QQD684" s="613"/>
      <c r="QQE684" s="613"/>
      <c r="QQF684" s="613"/>
      <c r="QQG684" s="613"/>
      <c r="QQH684" s="613"/>
      <c r="QQI684" s="613"/>
      <c r="QQJ684" s="613"/>
      <c r="QQK684" s="613"/>
      <c r="QQL684" s="613"/>
      <c r="QQM684" s="613"/>
      <c r="QQN684" s="613"/>
      <c r="QQO684" s="613"/>
      <c r="QQP684" s="613"/>
      <c r="QQQ684" s="613"/>
      <c r="QQR684" s="613"/>
      <c r="QQS684" s="613"/>
      <c r="QQT684" s="613"/>
      <c r="QQU684" s="613"/>
      <c r="QQV684" s="613"/>
      <c r="QQW684" s="613"/>
      <c r="QQX684" s="613"/>
      <c r="QQY684" s="613"/>
      <c r="QQZ684" s="613"/>
      <c r="QRA684" s="613"/>
      <c r="QRB684" s="613"/>
      <c r="QRC684" s="613"/>
      <c r="QRD684" s="613"/>
      <c r="QRE684" s="613"/>
      <c r="QRF684" s="613"/>
      <c r="QRG684" s="613"/>
      <c r="QRH684" s="613"/>
      <c r="QRI684" s="613"/>
      <c r="QRJ684" s="613"/>
      <c r="QRK684" s="613"/>
      <c r="QRL684" s="613"/>
      <c r="QRM684" s="613"/>
      <c r="QRN684" s="613"/>
      <c r="QRO684" s="613"/>
      <c r="QRP684" s="613"/>
      <c r="QRQ684" s="613"/>
      <c r="QRR684" s="613"/>
      <c r="QRS684" s="613"/>
      <c r="QRT684" s="613"/>
      <c r="QRU684" s="613"/>
      <c r="QRV684" s="613"/>
      <c r="QRW684" s="613"/>
      <c r="QRX684" s="613"/>
      <c r="QRY684" s="613"/>
      <c r="QRZ684" s="613"/>
      <c r="QSA684" s="613"/>
      <c r="QSB684" s="613"/>
      <c r="QSC684" s="613"/>
      <c r="QSD684" s="613"/>
      <c r="QSE684" s="613"/>
      <c r="QSF684" s="613"/>
      <c r="QSG684" s="613"/>
      <c r="QSH684" s="613"/>
      <c r="QSI684" s="613"/>
      <c r="QSJ684" s="613"/>
      <c r="QSK684" s="613"/>
      <c r="QSL684" s="613"/>
      <c r="QSM684" s="613"/>
      <c r="QSN684" s="613"/>
      <c r="QSO684" s="613"/>
      <c r="QSP684" s="613"/>
      <c r="QSQ684" s="613"/>
      <c r="QSR684" s="613"/>
      <c r="QSS684" s="613"/>
      <c r="QST684" s="613"/>
      <c r="QSU684" s="613"/>
      <c r="QSV684" s="613"/>
      <c r="QSW684" s="613"/>
      <c r="QSX684" s="613"/>
      <c r="QSY684" s="613"/>
      <c r="QSZ684" s="613"/>
      <c r="QTA684" s="613"/>
      <c r="QTB684" s="613"/>
      <c r="QTC684" s="613"/>
      <c r="QTD684" s="613"/>
      <c r="QTE684" s="613"/>
      <c r="QTF684" s="613"/>
      <c r="QTG684" s="613"/>
      <c r="QTH684" s="613"/>
      <c r="QTI684" s="613"/>
      <c r="QTJ684" s="613"/>
      <c r="QTK684" s="613"/>
      <c r="QTL684" s="613"/>
      <c r="QTM684" s="613"/>
      <c r="QTN684" s="613"/>
      <c r="QTO684" s="613"/>
      <c r="QTP684" s="613"/>
      <c r="QTQ684" s="613"/>
      <c r="QTR684" s="613"/>
      <c r="QTS684" s="613"/>
      <c r="QTT684" s="613"/>
      <c r="QTU684" s="613"/>
      <c r="QTV684" s="613"/>
      <c r="QTW684" s="613"/>
      <c r="QTX684" s="613"/>
      <c r="QTY684" s="613"/>
      <c r="QTZ684" s="613"/>
      <c r="QUA684" s="613"/>
      <c r="QUB684" s="613"/>
      <c r="QUC684" s="613"/>
      <c r="QUD684" s="613"/>
      <c r="QUE684" s="613"/>
      <c r="QUF684" s="613"/>
      <c r="QUG684" s="613"/>
      <c r="QUH684" s="613"/>
      <c r="QUI684" s="613"/>
      <c r="QUJ684" s="613"/>
      <c r="QUK684" s="613"/>
      <c r="QUL684" s="613"/>
      <c r="QUM684" s="613"/>
      <c r="QUN684" s="613"/>
      <c r="QUO684" s="613"/>
      <c r="QUP684" s="613"/>
      <c r="QUQ684" s="613"/>
      <c r="QUR684" s="613"/>
      <c r="QUS684" s="613"/>
      <c r="QUT684" s="613"/>
      <c r="QUU684" s="613"/>
      <c r="QUV684" s="613"/>
      <c r="QUW684" s="613"/>
      <c r="QUX684" s="613"/>
      <c r="QUY684" s="613"/>
      <c r="QUZ684" s="613"/>
      <c r="QVA684" s="613"/>
      <c r="QVB684" s="613"/>
      <c r="QVC684" s="613"/>
      <c r="QVD684" s="613"/>
      <c r="QVE684" s="613"/>
      <c r="QVF684" s="613"/>
      <c r="QVG684" s="613"/>
      <c r="QVH684" s="613"/>
      <c r="QVI684" s="613"/>
      <c r="QVJ684" s="613"/>
      <c r="QVK684" s="613"/>
      <c r="QVL684" s="613"/>
      <c r="QVM684" s="613"/>
      <c r="QVN684" s="613"/>
      <c r="QVO684" s="613"/>
      <c r="QVP684" s="613"/>
      <c r="QVQ684" s="613"/>
      <c r="QVR684" s="613"/>
      <c r="QVS684" s="613"/>
      <c r="QVT684" s="613"/>
      <c r="QVU684" s="613"/>
      <c r="QVV684" s="613"/>
      <c r="QVW684" s="613"/>
      <c r="QVX684" s="613"/>
      <c r="QVY684" s="613"/>
      <c r="QVZ684" s="613"/>
      <c r="QWA684" s="613"/>
      <c r="QWB684" s="613"/>
      <c r="QWC684" s="613"/>
      <c r="QWD684" s="613"/>
      <c r="QWE684" s="613"/>
      <c r="QWF684" s="613"/>
      <c r="QWG684" s="613"/>
      <c r="QWH684" s="613"/>
      <c r="QWI684" s="613"/>
      <c r="QWJ684" s="613"/>
      <c r="QWK684" s="613"/>
      <c r="QWL684" s="613"/>
      <c r="QWM684" s="613"/>
      <c r="QWN684" s="613"/>
      <c r="QWO684" s="613"/>
      <c r="QWP684" s="613"/>
      <c r="QWQ684" s="613"/>
      <c r="QWR684" s="613"/>
      <c r="QWS684" s="613"/>
      <c r="QWT684" s="613"/>
      <c r="QWU684" s="613"/>
      <c r="QWV684" s="613"/>
      <c r="QWW684" s="613"/>
      <c r="QWX684" s="613"/>
      <c r="QWY684" s="613"/>
      <c r="QWZ684" s="613"/>
      <c r="QXA684" s="613"/>
      <c r="QXB684" s="613"/>
      <c r="QXC684" s="613"/>
      <c r="QXD684" s="613"/>
      <c r="QXE684" s="613"/>
      <c r="QXF684" s="613"/>
      <c r="QXG684" s="613"/>
      <c r="QXH684" s="613"/>
      <c r="QXI684" s="613"/>
      <c r="QXJ684" s="613"/>
      <c r="QXK684" s="613"/>
      <c r="QXL684" s="613"/>
      <c r="QXM684" s="613"/>
      <c r="QXN684" s="613"/>
      <c r="QXO684" s="613"/>
      <c r="QXP684" s="613"/>
      <c r="QXQ684" s="613"/>
      <c r="QXR684" s="613"/>
      <c r="QXS684" s="613"/>
      <c r="QXT684" s="613"/>
      <c r="QXU684" s="613"/>
      <c r="QXV684" s="613"/>
      <c r="QXW684" s="613"/>
      <c r="QXX684" s="613"/>
      <c r="QXY684" s="613"/>
      <c r="QXZ684" s="613"/>
      <c r="QYA684" s="613"/>
      <c r="QYB684" s="613"/>
      <c r="QYC684" s="613"/>
      <c r="QYD684" s="613"/>
      <c r="QYE684" s="613"/>
      <c r="QYF684" s="613"/>
      <c r="QYG684" s="613"/>
      <c r="QYH684" s="613"/>
      <c r="QYI684" s="613"/>
      <c r="QYJ684" s="613"/>
      <c r="QYK684" s="613"/>
      <c r="QYL684" s="613"/>
      <c r="QYM684" s="613"/>
      <c r="QYN684" s="613"/>
      <c r="QYO684" s="613"/>
      <c r="QYP684" s="613"/>
      <c r="QYQ684" s="613"/>
      <c r="QYR684" s="613"/>
      <c r="QYS684" s="613"/>
      <c r="QYT684" s="613"/>
      <c r="QYU684" s="613"/>
      <c r="QYV684" s="613"/>
      <c r="QYW684" s="613"/>
      <c r="QYX684" s="613"/>
      <c r="QYY684" s="613"/>
      <c r="QYZ684" s="613"/>
      <c r="QZA684" s="613"/>
      <c r="QZB684" s="613"/>
      <c r="QZC684" s="613"/>
      <c r="QZD684" s="613"/>
      <c r="QZE684" s="613"/>
      <c r="QZF684" s="613"/>
      <c r="QZG684" s="613"/>
      <c r="QZH684" s="613"/>
      <c r="QZI684" s="613"/>
      <c r="QZJ684" s="613"/>
      <c r="QZK684" s="613"/>
      <c r="QZL684" s="613"/>
      <c r="QZM684" s="613"/>
      <c r="QZN684" s="613"/>
      <c r="QZO684" s="613"/>
      <c r="QZP684" s="613"/>
      <c r="QZQ684" s="613"/>
      <c r="QZR684" s="613"/>
      <c r="QZS684" s="613"/>
      <c r="QZT684" s="613"/>
      <c r="QZU684" s="613"/>
      <c r="QZV684" s="613"/>
      <c r="QZW684" s="613"/>
      <c r="QZX684" s="613"/>
      <c r="QZY684" s="613"/>
      <c r="QZZ684" s="613"/>
      <c r="RAA684" s="613"/>
      <c r="RAB684" s="613"/>
      <c r="RAC684" s="613"/>
      <c r="RAD684" s="613"/>
      <c r="RAE684" s="613"/>
      <c r="RAF684" s="613"/>
      <c r="RAG684" s="613"/>
      <c r="RAH684" s="613"/>
      <c r="RAI684" s="613"/>
      <c r="RAJ684" s="613"/>
      <c r="RAK684" s="613"/>
      <c r="RAL684" s="613"/>
      <c r="RAM684" s="613"/>
      <c r="RAN684" s="613"/>
      <c r="RAO684" s="613"/>
      <c r="RAP684" s="613"/>
      <c r="RAQ684" s="613"/>
      <c r="RAR684" s="613"/>
      <c r="RAS684" s="613"/>
      <c r="RAT684" s="613"/>
      <c r="RAU684" s="613"/>
      <c r="RAV684" s="613"/>
      <c r="RAW684" s="613"/>
      <c r="RAX684" s="613"/>
      <c r="RAY684" s="613"/>
      <c r="RAZ684" s="613"/>
      <c r="RBA684" s="613"/>
      <c r="RBB684" s="613"/>
      <c r="RBC684" s="613"/>
      <c r="RBD684" s="613"/>
      <c r="RBE684" s="613"/>
      <c r="RBF684" s="613"/>
      <c r="RBG684" s="613"/>
      <c r="RBH684" s="613"/>
      <c r="RBI684" s="613"/>
      <c r="RBJ684" s="613"/>
      <c r="RBK684" s="613"/>
      <c r="RBL684" s="613"/>
      <c r="RBM684" s="613"/>
      <c r="RBN684" s="613"/>
      <c r="RBO684" s="613"/>
      <c r="RBP684" s="613"/>
      <c r="RBQ684" s="613"/>
      <c r="RBR684" s="613"/>
      <c r="RBS684" s="613"/>
      <c r="RBT684" s="613"/>
      <c r="RBU684" s="613"/>
      <c r="RBV684" s="613"/>
      <c r="RBW684" s="613"/>
      <c r="RBX684" s="613"/>
      <c r="RBY684" s="613"/>
      <c r="RBZ684" s="613"/>
      <c r="RCA684" s="613"/>
      <c r="RCB684" s="613"/>
      <c r="RCC684" s="613"/>
      <c r="RCD684" s="613"/>
      <c r="RCE684" s="613"/>
      <c r="RCF684" s="613"/>
      <c r="RCG684" s="613"/>
      <c r="RCH684" s="613"/>
      <c r="RCI684" s="613"/>
      <c r="RCJ684" s="613"/>
      <c r="RCK684" s="613"/>
      <c r="RCL684" s="613"/>
      <c r="RCM684" s="613"/>
      <c r="RCN684" s="613"/>
      <c r="RCO684" s="613"/>
      <c r="RCP684" s="613"/>
      <c r="RCQ684" s="613"/>
      <c r="RCR684" s="613"/>
      <c r="RCS684" s="613"/>
      <c r="RCT684" s="613"/>
      <c r="RCU684" s="613"/>
      <c r="RCV684" s="613"/>
      <c r="RCW684" s="613"/>
      <c r="RCX684" s="613"/>
      <c r="RCY684" s="613"/>
      <c r="RCZ684" s="613"/>
      <c r="RDA684" s="613"/>
      <c r="RDB684" s="613"/>
      <c r="RDC684" s="613"/>
      <c r="RDD684" s="613"/>
      <c r="RDE684" s="613"/>
      <c r="RDF684" s="613"/>
      <c r="RDG684" s="613"/>
      <c r="RDH684" s="613"/>
      <c r="RDI684" s="613"/>
      <c r="RDJ684" s="613"/>
      <c r="RDK684" s="613"/>
      <c r="RDL684" s="613"/>
      <c r="RDM684" s="613"/>
      <c r="RDN684" s="613"/>
      <c r="RDO684" s="613"/>
      <c r="RDP684" s="613"/>
      <c r="RDQ684" s="613"/>
      <c r="RDR684" s="613"/>
      <c r="RDS684" s="613"/>
      <c r="RDT684" s="613"/>
      <c r="RDU684" s="613"/>
      <c r="RDV684" s="613"/>
      <c r="RDW684" s="613"/>
      <c r="RDX684" s="613"/>
      <c r="RDY684" s="613"/>
      <c r="RDZ684" s="613"/>
      <c r="REA684" s="613"/>
      <c r="REB684" s="613"/>
      <c r="REC684" s="613"/>
      <c r="RED684" s="613"/>
      <c r="REE684" s="613"/>
      <c r="REF684" s="613"/>
      <c r="REG684" s="613"/>
      <c r="REH684" s="613"/>
      <c r="REI684" s="613"/>
      <c r="REJ684" s="613"/>
      <c r="REK684" s="613"/>
      <c r="REL684" s="613"/>
      <c r="REM684" s="613"/>
      <c r="REN684" s="613"/>
      <c r="REO684" s="613"/>
      <c r="REP684" s="613"/>
      <c r="REQ684" s="613"/>
      <c r="RER684" s="613"/>
      <c r="RES684" s="613"/>
      <c r="RET684" s="613"/>
      <c r="REU684" s="613"/>
      <c r="REV684" s="613"/>
      <c r="REW684" s="613"/>
      <c r="REX684" s="613"/>
      <c r="REY684" s="613"/>
      <c r="REZ684" s="613"/>
      <c r="RFA684" s="613"/>
      <c r="RFB684" s="613"/>
      <c r="RFC684" s="613"/>
      <c r="RFD684" s="613"/>
      <c r="RFE684" s="613"/>
      <c r="RFF684" s="613"/>
      <c r="RFG684" s="613"/>
      <c r="RFH684" s="613"/>
      <c r="RFI684" s="613"/>
      <c r="RFJ684" s="613"/>
      <c r="RFK684" s="613"/>
      <c r="RFL684" s="613"/>
      <c r="RFM684" s="613"/>
      <c r="RFN684" s="613"/>
      <c r="RFO684" s="613"/>
      <c r="RFP684" s="613"/>
      <c r="RFQ684" s="613"/>
      <c r="RFR684" s="613"/>
      <c r="RFS684" s="613"/>
      <c r="RFT684" s="613"/>
      <c r="RFU684" s="613"/>
      <c r="RFV684" s="613"/>
      <c r="RFW684" s="613"/>
      <c r="RFX684" s="613"/>
      <c r="RFY684" s="613"/>
      <c r="RFZ684" s="613"/>
      <c r="RGA684" s="613"/>
      <c r="RGB684" s="613"/>
      <c r="RGC684" s="613"/>
      <c r="RGD684" s="613"/>
      <c r="RGE684" s="613"/>
      <c r="RGF684" s="613"/>
      <c r="RGG684" s="613"/>
      <c r="RGH684" s="613"/>
      <c r="RGI684" s="613"/>
      <c r="RGJ684" s="613"/>
      <c r="RGK684" s="613"/>
      <c r="RGL684" s="613"/>
      <c r="RGM684" s="613"/>
      <c r="RGN684" s="613"/>
      <c r="RGO684" s="613"/>
      <c r="RGP684" s="613"/>
      <c r="RGQ684" s="613"/>
      <c r="RGR684" s="613"/>
      <c r="RGS684" s="613"/>
      <c r="RGT684" s="613"/>
      <c r="RGU684" s="613"/>
      <c r="RGV684" s="613"/>
      <c r="RGW684" s="613"/>
      <c r="RGX684" s="613"/>
      <c r="RGY684" s="613"/>
      <c r="RGZ684" s="613"/>
      <c r="RHA684" s="613"/>
      <c r="RHB684" s="613"/>
      <c r="RHC684" s="613"/>
      <c r="RHD684" s="613"/>
      <c r="RHE684" s="613"/>
      <c r="RHF684" s="613"/>
      <c r="RHG684" s="613"/>
      <c r="RHH684" s="613"/>
      <c r="RHI684" s="613"/>
      <c r="RHJ684" s="613"/>
      <c r="RHK684" s="613"/>
      <c r="RHL684" s="613"/>
      <c r="RHM684" s="613"/>
      <c r="RHN684" s="613"/>
      <c r="RHO684" s="613"/>
      <c r="RHP684" s="613"/>
      <c r="RHQ684" s="613"/>
      <c r="RHR684" s="613"/>
      <c r="RHS684" s="613"/>
      <c r="RHT684" s="613"/>
      <c r="RHU684" s="613"/>
      <c r="RHV684" s="613"/>
      <c r="RHW684" s="613"/>
      <c r="RHX684" s="613"/>
      <c r="RHY684" s="613"/>
      <c r="RHZ684" s="613"/>
      <c r="RIA684" s="613"/>
      <c r="RIB684" s="613"/>
      <c r="RIC684" s="613"/>
      <c r="RID684" s="613"/>
      <c r="RIE684" s="613"/>
      <c r="RIF684" s="613"/>
      <c r="RIG684" s="613"/>
      <c r="RIH684" s="613"/>
      <c r="RII684" s="613"/>
      <c r="RIJ684" s="613"/>
      <c r="RIK684" s="613"/>
      <c r="RIL684" s="613"/>
      <c r="RIM684" s="613"/>
      <c r="RIN684" s="613"/>
      <c r="RIO684" s="613"/>
      <c r="RIP684" s="613"/>
      <c r="RIQ684" s="613"/>
      <c r="RIR684" s="613"/>
      <c r="RIS684" s="613"/>
      <c r="RIT684" s="613"/>
      <c r="RIU684" s="613"/>
      <c r="RIV684" s="613"/>
      <c r="RIW684" s="613"/>
      <c r="RIX684" s="613"/>
      <c r="RIY684" s="613"/>
      <c r="RIZ684" s="613"/>
      <c r="RJA684" s="613"/>
      <c r="RJB684" s="613"/>
      <c r="RJC684" s="613"/>
      <c r="RJD684" s="613"/>
      <c r="RJE684" s="613"/>
      <c r="RJF684" s="613"/>
      <c r="RJG684" s="613"/>
      <c r="RJH684" s="613"/>
      <c r="RJI684" s="613"/>
      <c r="RJJ684" s="613"/>
      <c r="RJK684" s="613"/>
      <c r="RJL684" s="613"/>
      <c r="RJM684" s="613"/>
      <c r="RJN684" s="613"/>
      <c r="RJO684" s="613"/>
      <c r="RJP684" s="613"/>
      <c r="RJQ684" s="613"/>
      <c r="RJR684" s="613"/>
      <c r="RJS684" s="613"/>
      <c r="RJT684" s="613"/>
      <c r="RJU684" s="613"/>
      <c r="RJV684" s="613"/>
      <c r="RJW684" s="613"/>
      <c r="RJX684" s="613"/>
      <c r="RJY684" s="613"/>
      <c r="RJZ684" s="613"/>
      <c r="RKA684" s="613"/>
      <c r="RKB684" s="613"/>
      <c r="RKC684" s="613"/>
      <c r="RKD684" s="613"/>
      <c r="RKE684" s="613"/>
      <c r="RKF684" s="613"/>
      <c r="RKG684" s="613"/>
      <c r="RKH684" s="613"/>
      <c r="RKI684" s="613"/>
      <c r="RKJ684" s="613"/>
      <c r="RKK684" s="613"/>
      <c r="RKL684" s="613"/>
      <c r="RKM684" s="613"/>
      <c r="RKN684" s="613"/>
      <c r="RKO684" s="613"/>
      <c r="RKP684" s="613"/>
      <c r="RKQ684" s="613"/>
      <c r="RKR684" s="613"/>
      <c r="RKS684" s="613"/>
      <c r="RKT684" s="613"/>
      <c r="RKU684" s="613"/>
      <c r="RKV684" s="613"/>
      <c r="RKW684" s="613"/>
      <c r="RKX684" s="613"/>
      <c r="RKY684" s="613"/>
      <c r="RKZ684" s="613"/>
      <c r="RLA684" s="613"/>
      <c r="RLB684" s="613"/>
      <c r="RLC684" s="613"/>
      <c r="RLD684" s="613"/>
      <c r="RLE684" s="613"/>
      <c r="RLF684" s="613"/>
      <c r="RLG684" s="613"/>
      <c r="RLH684" s="613"/>
      <c r="RLI684" s="613"/>
      <c r="RLJ684" s="613"/>
      <c r="RLK684" s="613"/>
      <c r="RLL684" s="613"/>
      <c r="RLM684" s="613"/>
      <c r="RLN684" s="613"/>
      <c r="RLO684" s="613"/>
      <c r="RLP684" s="613"/>
      <c r="RLQ684" s="613"/>
      <c r="RLR684" s="613"/>
      <c r="RLS684" s="613"/>
      <c r="RLT684" s="613"/>
      <c r="RLU684" s="613"/>
      <c r="RLV684" s="613"/>
      <c r="RLW684" s="613"/>
      <c r="RLX684" s="613"/>
      <c r="RLY684" s="613"/>
      <c r="RLZ684" s="613"/>
      <c r="RMA684" s="613"/>
      <c r="RMB684" s="613"/>
      <c r="RMC684" s="613"/>
      <c r="RMD684" s="613"/>
      <c r="RME684" s="613"/>
      <c r="RMF684" s="613"/>
      <c r="RMG684" s="613"/>
      <c r="RMH684" s="613"/>
      <c r="RMI684" s="613"/>
      <c r="RMJ684" s="613"/>
      <c r="RMK684" s="613"/>
      <c r="RML684" s="613"/>
      <c r="RMM684" s="613"/>
      <c r="RMN684" s="613"/>
      <c r="RMO684" s="613"/>
      <c r="RMP684" s="613"/>
      <c r="RMQ684" s="613"/>
      <c r="RMR684" s="613"/>
      <c r="RMS684" s="613"/>
      <c r="RMT684" s="613"/>
      <c r="RMU684" s="613"/>
      <c r="RMV684" s="613"/>
      <c r="RMW684" s="613"/>
      <c r="RMX684" s="613"/>
      <c r="RMY684" s="613"/>
      <c r="RMZ684" s="613"/>
      <c r="RNA684" s="613"/>
      <c r="RNB684" s="613"/>
      <c r="RNC684" s="613"/>
      <c r="RND684" s="613"/>
      <c r="RNE684" s="613"/>
      <c r="RNF684" s="613"/>
      <c r="RNG684" s="613"/>
      <c r="RNH684" s="613"/>
      <c r="RNI684" s="613"/>
      <c r="RNJ684" s="613"/>
      <c r="RNK684" s="613"/>
      <c r="RNL684" s="613"/>
      <c r="RNM684" s="613"/>
      <c r="RNN684" s="613"/>
      <c r="RNO684" s="613"/>
      <c r="RNP684" s="613"/>
      <c r="RNQ684" s="613"/>
      <c r="RNR684" s="613"/>
      <c r="RNS684" s="613"/>
      <c r="RNT684" s="613"/>
      <c r="RNU684" s="613"/>
      <c r="RNV684" s="613"/>
      <c r="RNW684" s="613"/>
      <c r="RNX684" s="613"/>
      <c r="RNY684" s="613"/>
      <c r="RNZ684" s="613"/>
      <c r="ROA684" s="613"/>
      <c r="ROB684" s="613"/>
      <c r="ROC684" s="613"/>
      <c r="ROD684" s="613"/>
      <c r="ROE684" s="613"/>
      <c r="ROF684" s="613"/>
      <c r="ROG684" s="613"/>
      <c r="ROH684" s="613"/>
      <c r="ROI684" s="613"/>
      <c r="ROJ684" s="613"/>
      <c r="ROK684" s="613"/>
      <c r="ROL684" s="613"/>
      <c r="ROM684" s="613"/>
      <c r="RON684" s="613"/>
      <c r="ROO684" s="613"/>
      <c r="ROP684" s="613"/>
      <c r="ROQ684" s="613"/>
      <c r="ROR684" s="613"/>
      <c r="ROS684" s="613"/>
      <c r="ROT684" s="613"/>
      <c r="ROU684" s="613"/>
      <c r="ROV684" s="613"/>
      <c r="ROW684" s="613"/>
      <c r="ROX684" s="613"/>
      <c r="ROY684" s="613"/>
      <c r="ROZ684" s="613"/>
      <c r="RPA684" s="613"/>
      <c r="RPB684" s="613"/>
      <c r="RPC684" s="613"/>
      <c r="RPD684" s="613"/>
      <c r="RPE684" s="613"/>
      <c r="RPF684" s="613"/>
      <c r="RPG684" s="613"/>
      <c r="RPH684" s="613"/>
      <c r="RPI684" s="613"/>
      <c r="RPJ684" s="613"/>
      <c r="RPK684" s="613"/>
      <c r="RPL684" s="613"/>
      <c r="RPM684" s="613"/>
      <c r="RPN684" s="613"/>
      <c r="RPO684" s="613"/>
      <c r="RPP684" s="613"/>
      <c r="RPQ684" s="613"/>
      <c r="RPR684" s="613"/>
      <c r="RPS684" s="613"/>
      <c r="RPT684" s="613"/>
      <c r="RPU684" s="613"/>
      <c r="RPV684" s="613"/>
      <c r="RPW684" s="613"/>
      <c r="RPX684" s="613"/>
      <c r="RPY684" s="613"/>
      <c r="RPZ684" s="613"/>
      <c r="RQA684" s="613"/>
      <c r="RQB684" s="613"/>
      <c r="RQC684" s="613"/>
      <c r="RQD684" s="613"/>
      <c r="RQE684" s="613"/>
      <c r="RQF684" s="613"/>
      <c r="RQG684" s="613"/>
      <c r="RQH684" s="613"/>
      <c r="RQI684" s="613"/>
      <c r="RQJ684" s="613"/>
      <c r="RQK684" s="613"/>
      <c r="RQL684" s="613"/>
      <c r="RQM684" s="613"/>
      <c r="RQN684" s="613"/>
      <c r="RQO684" s="613"/>
      <c r="RQP684" s="613"/>
      <c r="RQQ684" s="613"/>
      <c r="RQR684" s="613"/>
      <c r="RQS684" s="613"/>
      <c r="RQT684" s="613"/>
      <c r="RQU684" s="613"/>
      <c r="RQV684" s="613"/>
      <c r="RQW684" s="613"/>
      <c r="RQX684" s="613"/>
      <c r="RQY684" s="613"/>
      <c r="RQZ684" s="613"/>
      <c r="RRA684" s="613"/>
      <c r="RRB684" s="613"/>
      <c r="RRC684" s="613"/>
      <c r="RRD684" s="613"/>
      <c r="RRE684" s="613"/>
      <c r="RRF684" s="613"/>
      <c r="RRG684" s="613"/>
      <c r="RRH684" s="613"/>
      <c r="RRI684" s="613"/>
      <c r="RRJ684" s="613"/>
      <c r="RRK684" s="613"/>
      <c r="RRL684" s="613"/>
      <c r="RRM684" s="613"/>
      <c r="RRN684" s="613"/>
      <c r="RRO684" s="613"/>
      <c r="RRP684" s="613"/>
      <c r="RRQ684" s="613"/>
      <c r="RRR684" s="613"/>
      <c r="RRS684" s="613"/>
      <c r="RRT684" s="613"/>
      <c r="RRU684" s="613"/>
      <c r="RRV684" s="613"/>
      <c r="RRW684" s="613"/>
      <c r="RRX684" s="613"/>
      <c r="RRY684" s="613"/>
      <c r="RRZ684" s="613"/>
      <c r="RSA684" s="613"/>
      <c r="RSB684" s="613"/>
      <c r="RSC684" s="613"/>
      <c r="RSD684" s="613"/>
      <c r="RSE684" s="613"/>
      <c r="RSF684" s="613"/>
      <c r="RSG684" s="613"/>
      <c r="RSH684" s="613"/>
      <c r="RSI684" s="613"/>
      <c r="RSJ684" s="613"/>
      <c r="RSK684" s="613"/>
      <c r="RSL684" s="613"/>
      <c r="RSM684" s="613"/>
      <c r="RSN684" s="613"/>
      <c r="RSO684" s="613"/>
      <c r="RSP684" s="613"/>
      <c r="RSQ684" s="613"/>
      <c r="RSR684" s="613"/>
      <c r="RSS684" s="613"/>
      <c r="RST684" s="613"/>
      <c r="RSU684" s="613"/>
      <c r="RSV684" s="613"/>
      <c r="RSW684" s="613"/>
      <c r="RSX684" s="613"/>
      <c r="RSY684" s="613"/>
      <c r="RSZ684" s="613"/>
      <c r="RTA684" s="613"/>
      <c r="RTB684" s="613"/>
      <c r="RTC684" s="613"/>
      <c r="RTD684" s="613"/>
      <c r="RTE684" s="613"/>
      <c r="RTF684" s="613"/>
      <c r="RTG684" s="613"/>
      <c r="RTH684" s="613"/>
      <c r="RTI684" s="613"/>
      <c r="RTJ684" s="613"/>
      <c r="RTK684" s="613"/>
      <c r="RTL684" s="613"/>
      <c r="RTM684" s="613"/>
      <c r="RTN684" s="613"/>
      <c r="RTO684" s="613"/>
      <c r="RTP684" s="613"/>
      <c r="RTQ684" s="613"/>
      <c r="RTR684" s="613"/>
      <c r="RTS684" s="613"/>
      <c r="RTT684" s="613"/>
      <c r="RTU684" s="613"/>
      <c r="RTV684" s="613"/>
      <c r="RTW684" s="613"/>
      <c r="RTX684" s="613"/>
      <c r="RTY684" s="613"/>
      <c r="RTZ684" s="613"/>
      <c r="RUA684" s="613"/>
      <c r="RUB684" s="613"/>
      <c r="RUC684" s="613"/>
      <c r="RUD684" s="613"/>
      <c r="RUE684" s="613"/>
      <c r="RUF684" s="613"/>
      <c r="RUG684" s="613"/>
      <c r="RUH684" s="613"/>
      <c r="RUI684" s="613"/>
      <c r="RUJ684" s="613"/>
      <c r="RUK684" s="613"/>
      <c r="RUL684" s="613"/>
      <c r="RUM684" s="613"/>
      <c r="RUN684" s="613"/>
      <c r="RUO684" s="613"/>
      <c r="RUP684" s="613"/>
      <c r="RUQ684" s="613"/>
      <c r="RUR684" s="613"/>
      <c r="RUS684" s="613"/>
      <c r="RUT684" s="613"/>
      <c r="RUU684" s="613"/>
      <c r="RUV684" s="613"/>
      <c r="RUW684" s="613"/>
      <c r="RUX684" s="613"/>
      <c r="RUY684" s="613"/>
      <c r="RUZ684" s="613"/>
      <c r="RVA684" s="613"/>
      <c r="RVB684" s="613"/>
      <c r="RVC684" s="613"/>
      <c r="RVD684" s="613"/>
      <c r="RVE684" s="613"/>
      <c r="RVF684" s="613"/>
      <c r="RVG684" s="613"/>
      <c r="RVH684" s="613"/>
      <c r="RVI684" s="613"/>
      <c r="RVJ684" s="613"/>
      <c r="RVK684" s="613"/>
      <c r="RVL684" s="613"/>
      <c r="RVM684" s="613"/>
      <c r="RVN684" s="613"/>
      <c r="RVO684" s="613"/>
      <c r="RVP684" s="613"/>
      <c r="RVQ684" s="613"/>
      <c r="RVR684" s="613"/>
      <c r="RVS684" s="613"/>
      <c r="RVT684" s="613"/>
      <c r="RVU684" s="613"/>
      <c r="RVV684" s="613"/>
      <c r="RVW684" s="613"/>
      <c r="RVX684" s="613"/>
      <c r="RVY684" s="613"/>
      <c r="RVZ684" s="613"/>
      <c r="RWA684" s="613"/>
      <c r="RWB684" s="613"/>
      <c r="RWC684" s="613"/>
      <c r="RWD684" s="613"/>
      <c r="RWE684" s="613"/>
      <c r="RWF684" s="613"/>
      <c r="RWG684" s="613"/>
      <c r="RWH684" s="613"/>
      <c r="RWI684" s="613"/>
      <c r="RWJ684" s="613"/>
      <c r="RWK684" s="613"/>
      <c r="RWL684" s="613"/>
      <c r="RWM684" s="613"/>
      <c r="RWN684" s="613"/>
      <c r="RWO684" s="613"/>
      <c r="RWP684" s="613"/>
      <c r="RWQ684" s="613"/>
      <c r="RWR684" s="613"/>
      <c r="RWS684" s="613"/>
      <c r="RWT684" s="613"/>
      <c r="RWU684" s="613"/>
      <c r="RWV684" s="613"/>
      <c r="RWW684" s="613"/>
      <c r="RWX684" s="613"/>
      <c r="RWY684" s="613"/>
      <c r="RWZ684" s="613"/>
      <c r="RXA684" s="613"/>
      <c r="RXB684" s="613"/>
      <c r="RXC684" s="613"/>
      <c r="RXD684" s="613"/>
      <c r="RXE684" s="613"/>
      <c r="RXF684" s="613"/>
      <c r="RXG684" s="613"/>
      <c r="RXH684" s="613"/>
      <c r="RXI684" s="613"/>
      <c r="RXJ684" s="613"/>
      <c r="RXK684" s="613"/>
      <c r="RXL684" s="613"/>
      <c r="RXM684" s="613"/>
      <c r="RXN684" s="613"/>
      <c r="RXO684" s="613"/>
      <c r="RXP684" s="613"/>
      <c r="RXQ684" s="613"/>
      <c r="RXR684" s="613"/>
      <c r="RXS684" s="613"/>
      <c r="RXT684" s="613"/>
      <c r="RXU684" s="613"/>
      <c r="RXV684" s="613"/>
      <c r="RXW684" s="613"/>
      <c r="RXX684" s="613"/>
      <c r="RXY684" s="613"/>
      <c r="RXZ684" s="613"/>
      <c r="RYA684" s="613"/>
      <c r="RYB684" s="613"/>
      <c r="RYC684" s="613"/>
      <c r="RYD684" s="613"/>
      <c r="RYE684" s="613"/>
      <c r="RYF684" s="613"/>
      <c r="RYG684" s="613"/>
      <c r="RYH684" s="613"/>
      <c r="RYI684" s="613"/>
      <c r="RYJ684" s="613"/>
      <c r="RYK684" s="613"/>
      <c r="RYL684" s="613"/>
      <c r="RYM684" s="613"/>
      <c r="RYN684" s="613"/>
      <c r="RYO684" s="613"/>
      <c r="RYP684" s="613"/>
      <c r="RYQ684" s="613"/>
      <c r="RYR684" s="613"/>
      <c r="RYS684" s="613"/>
      <c r="RYT684" s="613"/>
      <c r="RYU684" s="613"/>
      <c r="RYV684" s="613"/>
      <c r="RYW684" s="613"/>
      <c r="RYX684" s="613"/>
      <c r="RYY684" s="613"/>
      <c r="RYZ684" s="613"/>
      <c r="RZA684" s="613"/>
      <c r="RZB684" s="613"/>
      <c r="RZC684" s="613"/>
      <c r="RZD684" s="613"/>
      <c r="RZE684" s="613"/>
      <c r="RZF684" s="613"/>
      <c r="RZG684" s="613"/>
      <c r="RZH684" s="613"/>
      <c r="RZI684" s="613"/>
      <c r="RZJ684" s="613"/>
      <c r="RZK684" s="613"/>
      <c r="RZL684" s="613"/>
      <c r="RZM684" s="613"/>
      <c r="RZN684" s="613"/>
      <c r="RZO684" s="613"/>
      <c r="RZP684" s="613"/>
      <c r="RZQ684" s="613"/>
      <c r="RZR684" s="613"/>
      <c r="RZS684" s="613"/>
      <c r="RZT684" s="613"/>
      <c r="RZU684" s="613"/>
      <c r="RZV684" s="613"/>
      <c r="RZW684" s="613"/>
      <c r="RZX684" s="613"/>
      <c r="RZY684" s="613"/>
      <c r="RZZ684" s="613"/>
      <c r="SAA684" s="613"/>
      <c r="SAB684" s="613"/>
      <c r="SAC684" s="613"/>
      <c r="SAD684" s="613"/>
      <c r="SAE684" s="613"/>
      <c r="SAF684" s="613"/>
      <c r="SAG684" s="613"/>
      <c r="SAH684" s="613"/>
      <c r="SAI684" s="613"/>
      <c r="SAJ684" s="613"/>
      <c r="SAK684" s="613"/>
      <c r="SAL684" s="613"/>
      <c r="SAM684" s="613"/>
      <c r="SAN684" s="613"/>
      <c r="SAO684" s="613"/>
      <c r="SAP684" s="613"/>
      <c r="SAQ684" s="613"/>
      <c r="SAR684" s="613"/>
      <c r="SAS684" s="613"/>
      <c r="SAT684" s="613"/>
      <c r="SAU684" s="613"/>
      <c r="SAV684" s="613"/>
      <c r="SAW684" s="613"/>
      <c r="SAX684" s="613"/>
      <c r="SAY684" s="613"/>
      <c r="SAZ684" s="613"/>
      <c r="SBA684" s="613"/>
      <c r="SBB684" s="613"/>
      <c r="SBC684" s="613"/>
      <c r="SBD684" s="613"/>
      <c r="SBE684" s="613"/>
      <c r="SBF684" s="613"/>
      <c r="SBG684" s="613"/>
      <c r="SBH684" s="613"/>
      <c r="SBI684" s="613"/>
      <c r="SBJ684" s="613"/>
      <c r="SBK684" s="613"/>
      <c r="SBL684" s="613"/>
      <c r="SBM684" s="613"/>
      <c r="SBN684" s="613"/>
      <c r="SBO684" s="613"/>
      <c r="SBP684" s="613"/>
      <c r="SBQ684" s="613"/>
      <c r="SBR684" s="613"/>
      <c r="SBS684" s="613"/>
      <c r="SBT684" s="613"/>
      <c r="SBU684" s="613"/>
      <c r="SBV684" s="613"/>
      <c r="SBW684" s="613"/>
      <c r="SBX684" s="613"/>
      <c r="SBY684" s="613"/>
      <c r="SBZ684" s="613"/>
      <c r="SCA684" s="613"/>
      <c r="SCB684" s="613"/>
      <c r="SCC684" s="613"/>
      <c r="SCD684" s="613"/>
      <c r="SCE684" s="613"/>
      <c r="SCF684" s="613"/>
      <c r="SCG684" s="613"/>
      <c r="SCH684" s="613"/>
      <c r="SCI684" s="613"/>
      <c r="SCJ684" s="613"/>
      <c r="SCK684" s="613"/>
      <c r="SCL684" s="613"/>
      <c r="SCM684" s="613"/>
      <c r="SCN684" s="613"/>
      <c r="SCO684" s="613"/>
      <c r="SCP684" s="613"/>
      <c r="SCQ684" s="613"/>
      <c r="SCR684" s="613"/>
      <c r="SCS684" s="613"/>
      <c r="SCT684" s="613"/>
      <c r="SCU684" s="613"/>
      <c r="SCV684" s="613"/>
      <c r="SCW684" s="613"/>
      <c r="SCX684" s="613"/>
      <c r="SCY684" s="613"/>
      <c r="SCZ684" s="613"/>
      <c r="SDA684" s="613"/>
      <c r="SDB684" s="613"/>
      <c r="SDC684" s="613"/>
      <c r="SDD684" s="613"/>
      <c r="SDE684" s="613"/>
      <c r="SDF684" s="613"/>
      <c r="SDG684" s="613"/>
      <c r="SDH684" s="613"/>
      <c r="SDI684" s="613"/>
      <c r="SDJ684" s="613"/>
      <c r="SDK684" s="613"/>
      <c r="SDL684" s="613"/>
      <c r="SDM684" s="613"/>
      <c r="SDN684" s="613"/>
      <c r="SDO684" s="613"/>
      <c r="SDP684" s="613"/>
      <c r="SDQ684" s="613"/>
      <c r="SDR684" s="613"/>
      <c r="SDS684" s="613"/>
      <c r="SDT684" s="613"/>
      <c r="SDU684" s="613"/>
      <c r="SDV684" s="613"/>
      <c r="SDW684" s="613"/>
      <c r="SDX684" s="613"/>
      <c r="SDY684" s="613"/>
      <c r="SDZ684" s="613"/>
      <c r="SEA684" s="613"/>
      <c r="SEB684" s="613"/>
      <c r="SEC684" s="613"/>
      <c r="SED684" s="613"/>
      <c r="SEE684" s="613"/>
      <c r="SEF684" s="613"/>
      <c r="SEG684" s="613"/>
      <c r="SEH684" s="613"/>
      <c r="SEI684" s="613"/>
      <c r="SEJ684" s="613"/>
      <c r="SEK684" s="613"/>
      <c r="SEL684" s="613"/>
      <c r="SEM684" s="613"/>
      <c r="SEN684" s="613"/>
      <c r="SEO684" s="613"/>
      <c r="SEP684" s="613"/>
      <c r="SEQ684" s="613"/>
      <c r="SER684" s="613"/>
      <c r="SES684" s="613"/>
      <c r="SET684" s="613"/>
      <c r="SEU684" s="613"/>
      <c r="SEV684" s="613"/>
      <c r="SEW684" s="613"/>
      <c r="SEX684" s="613"/>
      <c r="SEY684" s="613"/>
      <c r="SEZ684" s="613"/>
      <c r="SFA684" s="613"/>
      <c r="SFB684" s="613"/>
      <c r="SFC684" s="613"/>
      <c r="SFD684" s="613"/>
      <c r="SFE684" s="613"/>
      <c r="SFF684" s="613"/>
      <c r="SFG684" s="613"/>
      <c r="SFH684" s="613"/>
      <c r="SFI684" s="613"/>
      <c r="SFJ684" s="613"/>
      <c r="SFK684" s="613"/>
      <c r="SFL684" s="613"/>
      <c r="SFM684" s="613"/>
      <c r="SFN684" s="613"/>
      <c r="SFO684" s="613"/>
      <c r="SFP684" s="613"/>
      <c r="SFQ684" s="613"/>
      <c r="SFR684" s="613"/>
      <c r="SFS684" s="613"/>
      <c r="SFT684" s="613"/>
      <c r="SFU684" s="613"/>
      <c r="SFV684" s="613"/>
      <c r="SFW684" s="613"/>
      <c r="SFX684" s="613"/>
      <c r="SFY684" s="613"/>
      <c r="SFZ684" s="613"/>
      <c r="SGA684" s="613"/>
      <c r="SGB684" s="613"/>
      <c r="SGC684" s="613"/>
      <c r="SGD684" s="613"/>
      <c r="SGE684" s="613"/>
      <c r="SGF684" s="613"/>
      <c r="SGG684" s="613"/>
      <c r="SGH684" s="613"/>
      <c r="SGI684" s="613"/>
      <c r="SGJ684" s="613"/>
      <c r="SGK684" s="613"/>
      <c r="SGL684" s="613"/>
      <c r="SGM684" s="613"/>
      <c r="SGN684" s="613"/>
      <c r="SGO684" s="613"/>
      <c r="SGP684" s="613"/>
      <c r="SGQ684" s="613"/>
      <c r="SGR684" s="613"/>
      <c r="SGS684" s="613"/>
      <c r="SGT684" s="613"/>
      <c r="SGU684" s="613"/>
      <c r="SGV684" s="613"/>
      <c r="SGW684" s="613"/>
      <c r="SGX684" s="613"/>
      <c r="SGY684" s="613"/>
      <c r="SGZ684" s="613"/>
      <c r="SHA684" s="613"/>
      <c r="SHB684" s="613"/>
      <c r="SHC684" s="613"/>
      <c r="SHD684" s="613"/>
      <c r="SHE684" s="613"/>
      <c r="SHF684" s="613"/>
      <c r="SHG684" s="613"/>
      <c r="SHH684" s="613"/>
      <c r="SHI684" s="613"/>
      <c r="SHJ684" s="613"/>
      <c r="SHK684" s="613"/>
      <c r="SHL684" s="613"/>
      <c r="SHM684" s="613"/>
      <c r="SHN684" s="613"/>
      <c r="SHO684" s="613"/>
      <c r="SHP684" s="613"/>
      <c r="SHQ684" s="613"/>
      <c r="SHR684" s="613"/>
      <c r="SHS684" s="613"/>
      <c r="SHT684" s="613"/>
      <c r="SHU684" s="613"/>
      <c r="SHV684" s="613"/>
      <c r="SHW684" s="613"/>
      <c r="SHX684" s="613"/>
      <c r="SHY684" s="613"/>
      <c r="SHZ684" s="613"/>
      <c r="SIA684" s="613"/>
      <c r="SIB684" s="613"/>
      <c r="SIC684" s="613"/>
      <c r="SID684" s="613"/>
      <c r="SIE684" s="613"/>
      <c r="SIF684" s="613"/>
      <c r="SIG684" s="613"/>
      <c r="SIH684" s="613"/>
      <c r="SII684" s="613"/>
      <c r="SIJ684" s="613"/>
      <c r="SIK684" s="613"/>
      <c r="SIL684" s="613"/>
      <c r="SIM684" s="613"/>
      <c r="SIN684" s="613"/>
      <c r="SIO684" s="613"/>
      <c r="SIP684" s="613"/>
      <c r="SIQ684" s="613"/>
      <c r="SIR684" s="613"/>
      <c r="SIS684" s="613"/>
      <c r="SIT684" s="613"/>
      <c r="SIU684" s="613"/>
      <c r="SIV684" s="613"/>
      <c r="SIW684" s="613"/>
      <c r="SIX684" s="613"/>
      <c r="SIY684" s="613"/>
      <c r="SIZ684" s="613"/>
      <c r="SJA684" s="613"/>
      <c r="SJB684" s="613"/>
      <c r="SJC684" s="613"/>
      <c r="SJD684" s="613"/>
      <c r="SJE684" s="613"/>
      <c r="SJF684" s="613"/>
      <c r="SJG684" s="613"/>
      <c r="SJH684" s="613"/>
      <c r="SJI684" s="613"/>
      <c r="SJJ684" s="613"/>
      <c r="SJK684" s="613"/>
      <c r="SJL684" s="613"/>
      <c r="SJM684" s="613"/>
      <c r="SJN684" s="613"/>
      <c r="SJO684" s="613"/>
      <c r="SJP684" s="613"/>
      <c r="SJQ684" s="613"/>
      <c r="SJR684" s="613"/>
      <c r="SJS684" s="613"/>
      <c r="SJT684" s="613"/>
      <c r="SJU684" s="613"/>
      <c r="SJV684" s="613"/>
      <c r="SJW684" s="613"/>
      <c r="SJX684" s="613"/>
      <c r="SJY684" s="613"/>
      <c r="SJZ684" s="613"/>
      <c r="SKA684" s="613"/>
      <c r="SKB684" s="613"/>
      <c r="SKC684" s="613"/>
      <c r="SKD684" s="613"/>
      <c r="SKE684" s="613"/>
      <c r="SKF684" s="613"/>
      <c r="SKG684" s="613"/>
      <c r="SKH684" s="613"/>
      <c r="SKI684" s="613"/>
      <c r="SKJ684" s="613"/>
      <c r="SKK684" s="613"/>
      <c r="SKL684" s="613"/>
      <c r="SKM684" s="613"/>
      <c r="SKN684" s="613"/>
      <c r="SKO684" s="613"/>
      <c r="SKP684" s="613"/>
      <c r="SKQ684" s="613"/>
      <c r="SKR684" s="613"/>
      <c r="SKS684" s="613"/>
      <c r="SKT684" s="613"/>
      <c r="SKU684" s="613"/>
      <c r="SKV684" s="613"/>
      <c r="SKW684" s="613"/>
      <c r="SKX684" s="613"/>
      <c r="SKY684" s="613"/>
      <c r="SKZ684" s="613"/>
      <c r="SLA684" s="613"/>
      <c r="SLB684" s="613"/>
      <c r="SLC684" s="613"/>
      <c r="SLD684" s="613"/>
      <c r="SLE684" s="613"/>
      <c r="SLF684" s="613"/>
      <c r="SLG684" s="613"/>
      <c r="SLH684" s="613"/>
      <c r="SLI684" s="613"/>
      <c r="SLJ684" s="613"/>
      <c r="SLK684" s="613"/>
      <c r="SLL684" s="613"/>
      <c r="SLM684" s="613"/>
      <c r="SLN684" s="613"/>
      <c r="SLO684" s="613"/>
      <c r="SLP684" s="613"/>
      <c r="SLQ684" s="613"/>
      <c r="SLR684" s="613"/>
      <c r="SLS684" s="613"/>
      <c r="SLT684" s="613"/>
      <c r="SLU684" s="613"/>
      <c r="SLV684" s="613"/>
      <c r="SLW684" s="613"/>
      <c r="SLX684" s="613"/>
      <c r="SLY684" s="613"/>
      <c r="SLZ684" s="613"/>
      <c r="SMA684" s="613"/>
      <c r="SMB684" s="613"/>
      <c r="SMC684" s="613"/>
      <c r="SMD684" s="613"/>
      <c r="SME684" s="613"/>
      <c r="SMF684" s="613"/>
      <c r="SMG684" s="613"/>
      <c r="SMH684" s="613"/>
      <c r="SMI684" s="613"/>
      <c r="SMJ684" s="613"/>
      <c r="SMK684" s="613"/>
      <c r="SML684" s="613"/>
      <c r="SMM684" s="613"/>
      <c r="SMN684" s="613"/>
      <c r="SMO684" s="613"/>
      <c r="SMP684" s="613"/>
      <c r="SMQ684" s="613"/>
      <c r="SMR684" s="613"/>
      <c r="SMS684" s="613"/>
      <c r="SMT684" s="613"/>
      <c r="SMU684" s="613"/>
      <c r="SMV684" s="613"/>
      <c r="SMW684" s="613"/>
      <c r="SMX684" s="613"/>
      <c r="SMY684" s="613"/>
      <c r="SMZ684" s="613"/>
      <c r="SNA684" s="613"/>
      <c r="SNB684" s="613"/>
      <c r="SNC684" s="613"/>
      <c r="SND684" s="613"/>
      <c r="SNE684" s="613"/>
      <c r="SNF684" s="613"/>
      <c r="SNG684" s="613"/>
      <c r="SNH684" s="613"/>
      <c r="SNI684" s="613"/>
      <c r="SNJ684" s="613"/>
      <c r="SNK684" s="613"/>
      <c r="SNL684" s="613"/>
      <c r="SNM684" s="613"/>
      <c r="SNN684" s="613"/>
      <c r="SNO684" s="613"/>
      <c r="SNP684" s="613"/>
      <c r="SNQ684" s="613"/>
      <c r="SNR684" s="613"/>
      <c r="SNS684" s="613"/>
      <c r="SNT684" s="613"/>
      <c r="SNU684" s="613"/>
      <c r="SNV684" s="613"/>
      <c r="SNW684" s="613"/>
      <c r="SNX684" s="613"/>
      <c r="SNY684" s="613"/>
      <c r="SNZ684" s="613"/>
      <c r="SOA684" s="613"/>
      <c r="SOB684" s="613"/>
      <c r="SOC684" s="613"/>
      <c r="SOD684" s="613"/>
      <c r="SOE684" s="613"/>
      <c r="SOF684" s="613"/>
      <c r="SOG684" s="613"/>
      <c r="SOH684" s="613"/>
      <c r="SOI684" s="613"/>
      <c r="SOJ684" s="613"/>
      <c r="SOK684" s="613"/>
      <c r="SOL684" s="613"/>
      <c r="SOM684" s="613"/>
      <c r="SON684" s="613"/>
      <c r="SOO684" s="613"/>
      <c r="SOP684" s="613"/>
      <c r="SOQ684" s="613"/>
      <c r="SOR684" s="613"/>
      <c r="SOS684" s="613"/>
      <c r="SOT684" s="613"/>
      <c r="SOU684" s="613"/>
      <c r="SOV684" s="613"/>
      <c r="SOW684" s="613"/>
      <c r="SOX684" s="613"/>
      <c r="SOY684" s="613"/>
      <c r="SOZ684" s="613"/>
      <c r="SPA684" s="613"/>
      <c r="SPB684" s="613"/>
      <c r="SPC684" s="613"/>
      <c r="SPD684" s="613"/>
      <c r="SPE684" s="613"/>
      <c r="SPF684" s="613"/>
      <c r="SPG684" s="613"/>
      <c r="SPH684" s="613"/>
      <c r="SPI684" s="613"/>
      <c r="SPJ684" s="613"/>
      <c r="SPK684" s="613"/>
      <c r="SPL684" s="613"/>
      <c r="SPM684" s="613"/>
      <c r="SPN684" s="613"/>
      <c r="SPO684" s="613"/>
      <c r="SPP684" s="613"/>
      <c r="SPQ684" s="613"/>
      <c r="SPR684" s="613"/>
      <c r="SPS684" s="613"/>
      <c r="SPT684" s="613"/>
      <c r="SPU684" s="613"/>
      <c r="SPV684" s="613"/>
      <c r="SPW684" s="613"/>
      <c r="SPX684" s="613"/>
      <c r="SPY684" s="613"/>
      <c r="SPZ684" s="613"/>
      <c r="SQA684" s="613"/>
      <c r="SQB684" s="613"/>
      <c r="SQC684" s="613"/>
      <c r="SQD684" s="613"/>
      <c r="SQE684" s="613"/>
      <c r="SQF684" s="613"/>
      <c r="SQG684" s="613"/>
      <c r="SQH684" s="613"/>
      <c r="SQI684" s="613"/>
      <c r="SQJ684" s="613"/>
      <c r="SQK684" s="613"/>
      <c r="SQL684" s="613"/>
      <c r="SQM684" s="613"/>
      <c r="SQN684" s="613"/>
      <c r="SQO684" s="613"/>
      <c r="SQP684" s="613"/>
      <c r="SQQ684" s="613"/>
      <c r="SQR684" s="613"/>
      <c r="SQS684" s="613"/>
      <c r="SQT684" s="613"/>
      <c r="SQU684" s="613"/>
      <c r="SQV684" s="613"/>
      <c r="SQW684" s="613"/>
      <c r="SQX684" s="613"/>
      <c r="SQY684" s="613"/>
      <c r="SQZ684" s="613"/>
      <c r="SRA684" s="613"/>
      <c r="SRB684" s="613"/>
      <c r="SRC684" s="613"/>
      <c r="SRD684" s="613"/>
      <c r="SRE684" s="613"/>
      <c r="SRF684" s="613"/>
      <c r="SRG684" s="613"/>
      <c r="SRH684" s="613"/>
      <c r="SRI684" s="613"/>
      <c r="SRJ684" s="613"/>
      <c r="SRK684" s="613"/>
      <c r="SRL684" s="613"/>
      <c r="SRM684" s="613"/>
      <c r="SRN684" s="613"/>
      <c r="SRO684" s="613"/>
      <c r="SRP684" s="613"/>
      <c r="SRQ684" s="613"/>
      <c r="SRR684" s="613"/>
      <c r="SRS684" s="613"/>
      <c r="SRT684" s="613"/>
      <c r="SRU684" s="613"/>
      <c r="SRV684" s="613"/>
      <c r="SRW684" s="613"/>
      <c r="SRX684" s="613"/>
      <c r="SRY684" s="613"/>
      <c r="SRZ684" s="613"/>
      <c r="SSA684" s="613"/>
      <c r="SSB684" s="613"/>
      <c r="SSC684" s="613"/>
      <c r="SSD684" s="613"/>
      <c r="SSE684" s="613"/>
      <c r="SSF684" s="613"/>
      <c r="SSG684" s="613"/>
      <c r="SSH684" s="613"/>
      <c r="SSI684" s="613"/>
      <c r="SSJ684" s="613"/>
      <c r="SSK684" s="613"/>
      <c r="SSL684" s="613"/>
      <c r="SSM684" s="613"/>
      <c r="SSN684" s="613"/>
      <c r="SSO684" s="613"/>
      <c r="SSP684" s="613"/>
      <c r="SSQ684" s="613"/>
      <c r="SSR684" s="613"/>
      <c r="SSS684" s="613"/>
      <c r="SST684" s="613"/>
      <c r="SSU684" s="613"/>
      <c r="SSV684" s="613"/>
      <c r="SSW684" s="613"/>
      <c r="SSX684" s="613"/>
      <c r="SSY684" s="613"/>
      <c r="SSZ684" s="613"/>
      <c r="STA684" s="613"/>
      <c r="STB684" s="613"/>
      <c r="STC684" s="613"/>
      <c r="STD684" s="613"/>
      <c r="STE684" s="613"/>
      <c r="STF684" s="613"/>
      <c r="STG684" s="613"/>
      <c r="STH684" s="613"/>
      <c r="STI684" s="613"/>
      <c r="STJ684" s="613"/>
      <c r="STK684" s="613"/>
      <c r="STL684" s="613"/>
      <c r="STM684" s="613"/>
      <c r="STN684" s="613"/>
      <c r="STO684" s="613"/>
      <c r="STP684" s="613"/>
      <c r="STQ684" s="613"/>
      <c r="STR684" s="613"/>
      <c r="STS684" s="613"/>
      <c r="STT684" s="613"/>
      <c r="STU684" s="613"/>
      <c r="STV684" s="613"/>
      <c r="STW684" s="613"/>
      <c r="STX684" s="613"/>
      <c r="STY684" s="613"/>
      <c r="STZ684" s="613"/>
      <c r="SUA684" s="613"/>
      <c r="SUB684" s="613"/>
      <c r="SUC684" s="613"/>
      <c r="SUD684" s="613"/>
      <c r="SUE684" s="613"/>
      <c r="SUF684" s="613"/>
      <c r="SUG684" s="613"/>
      <c r="SUH684" s="613"/>
      <c r="SUI684" s="613"/>
      <c r="SUJ684" s="613"/>
      <c r="SUK684" s="613"/>
      <c r="SUL684" s="613"/>
      <c r="SUM684" s="613"/>
      <c r="SUN684" s="613"/>
      <c r="SUO684" s="613"/>
      <c r="SUP684" s="613"/>
      <c r="SUQ684" s="613"/>
      <c r="SUR684" s="613"/>
      <c r="SUS684" s="613"/>
      <c r="SUT684" s="613"/>
      <c r="SUU684" s="613"/>
      <c r="SUV684" s="613"/>
      <c r="SUW684" s="613"/>
      <c r="SUX684" s="613"/>
      <c r="SUY684" s="613"/>
      <c r="SUZ684" s="613"/>
      <c r="SVA684" s="613"/>
      <c r="SVB684" s="613"/>
      <c r="SVC684" s="613"/>
      <c r="SVD684" s="613"/>
      <c r="SVE684" s="613"/>
      <c r="SVF684" s="613"/>
      <c r="SVG684" s="613"/>
      <c r="SVH684" s="613"/>
      <c r="SVI684" s="613"/>
      <c r="SVJ684" s="613"/>
      <c r="SVK684" s="613"/>
      <c r="SVL684" s="613"/>
      <c r="SVM684" s="613"/>
      <c r="SVN684" s="613"/>
      <c r="SVO684" s="613"/>
      <c r="SVP684" s="613"/>
      <c r="SVQ684" s="613"/>
      <c r="SVR684" s="613"/>
      <c r="SVS684" s="613"/>
      <c r="SVT684" s="613"/>
      <c r="SVU684" s="613"/>
      <c r="SVV684" s="613"/>
      <c r="SVW684" s="613"/>
      <c r="SVX684" s="613"/>
      <c r="SVY684" s="613"/>
      <c r="SVZ684" s="613"/>
      <c r="SWA684" s="613"/>
      <c r="SWB684" s="613"/>
      <c r="SWC684" s="613"/>
      <c r="SWD684" s="613"/>
      <c r="SWE684" s="613"/>
      <c r="SWF684" s="613"/>
      <c r="SWG684" s="613"/>
      <c r="SWH684" s="613"/>
      <c r="SWI684" s="613"/>
      <c r="SWJ684" s="613"/>
      <c r="SWK684" s="613"/>
      <c r="SWL684" s="613"/>
      <c r="SWM684" s="613"/>
      <c r="SWN684" s="613"/>
      <c r="SWO684" s="613"/>
      <c r="SWP684" s="613"/>
      <c r="SWQ684" s="613"/>
      <c r="SWR684" s="613"/>
      <c r="SWS684" s="613"/>
      <c r="SWT684" s="613"/>
      <c r="SWU684" s="613"/>
      <c r="SWV684" s="613"/>
      <c r="SWW684" s="613"/>
      <c r="SWX684" s="613"/>
      <c r="SWY684" s="613"/>
      <c r="SWZ684" s="613"/>
      <c r="SXA684" s="613"/>
      <c r="SXB684" s="613"/>
      <c r="SXC684" s="613"/>
      <c r="SXD684" s="613"/>
      <c r="SXE684" s="613"/>
      <c r="SXF684" s="613"/>
      <c r="SXG684" s="613"/>
      <c r="SXH684" s="613"/>
      <c r="SXI684" s="613"/>
      <c r="SXJ684" s="613"/>
      <c r="SXK684" s="613"/>
      <c r="SXL684" s="613"/>
      <c r="SXM684" s="613"/>
      <c r="SXN684" s="613"/>
      <c r="SXO684" s="613"/>
      <c r="SXP684" s="613"/>
      <c r="SXQ684" s="613"/>
      <c r="SXR684" s="613"/>
      <c r="SXS684" s="613"/>
      <c r="SXT684" s="613"/>
      <c r="SXU684" s="613"/>
      <c r="SXV684" s="613"/>
      <c r="SXW684" s="613"/>
      <c r="SXX684" s="613"/>
      <c r="SXY684" s="613"/>
      <c r="SXZ684" s="613"/>
      <c r="SYA684" s="613"/>
      <c r="SYB684" s="613"/>
      <c r="SYC684" s="613"/>
      <c r="SYD684" s="613"/>
      <c r="SYE684" s="613"/>
      <c r="SYF684" s="613"/>
      <c r="SYG684" s="613"/>
      <c r="SYH684" s="613"/>
      <c r="SYI684" s="613"/>
      <c r="SYJ684" s="613"/>
      <c r="SYK684" s="613"/>
      <c r="SYL684" s="613"/>
      <c r="SYM684" s="613"/>
      <c r="SYN684" s="613"/>
      <c r="SYO684" s="613"/>
      <c r="SYP684" s="613"/>
      <c r="SYQ684" s="613"/>
      <c r="SYR684" s="613"/>
      <c r="SYS684" s="613"/>
      <c r="SYT684" s="613"/>
      <c r="SYU684" s="613"/>
      <c r="SYV684" s="613"/>
      <c r="SYW684" s="613"/>
      <c r="SYX684" s="613"/>
      <c r="SYY684" s="613"/>
      <c r="SYZ684" s="613"/>
      <c r="SZA684" s="613"/>
      <c r="SZB684" s="613"/>
      <c r="SZC684" s="613"/>
      <c r="SZD684" s="613"/>
      <c r="SZE684" s="613"/>
      <c r="SZF684" s="613"/>
      <c r="SZG684" s="613"/>
      <c r="SZH684" s="613"/>
      <c r="SZI684" s="613"/>
      <c r="SZJ684" s="613"/>
      <c r="SZK684" s="613"/>
      <c r="SZL684" s="613"/>
      <c r="SZM684" s="613"/>
      <c r="SZN684" s="613"/>
      <c r="SZO684" s="613"/>
      <c r="SZP684" s="613"/>
      <c r="SZQ684" s="613"/>
      <c r="SZR684" s="613"/>
      <c r="SZS684" s="613"/>
      <c r="SZT684" s="613"/>
      <c r="SZU684" s="613"/>
      <c r="SZV684" s="613"/>
      <c r="SZW684" s="613"/>
      <c r="SZX684" s="613"/>
      <c r="SZY684" s="613"/>
      <c r="SZZ684" s="613"/>
      <c r="TAA684" s="613"/>
      <c r="TAB684" s="613"/>
      <c r="TAC684" s="613"/>
      <c r="TAD684" s="613"/>
      <c r="TAE684" s="613"/>
      <c r="TAF684" s="613"/>
      <c r="TAG684" s="613"/>
      <c r="TAH684" s="613"/>
      <c r="TAI684" s="613"/>
      <c r="TAJ684" s="613"/>
      <c r="TAK684" s="613"/>
      <c r="TAL684" s="613"/>
      <c r="TAM684" s="613"/>
      <c r="TAN684" s="613"/>
      <c r="TAO684" s="613"/>
      <c r="TAP684" s="613"/>
      <c r="TAQ684" s="613"/>
      <c r="TAR684" s="613"/>
      <c r="TAS684" s="613"/>
      <c r="TAT684" s="613"/>
      <c r="TAU684" s="613"/>
      <c r="TAV684" s="613"/>
      <c r="TAW684" s="613"/>
      <c r="TAX684" s="613"/>
      <c r="TAY684" s="613"/>
      <c r="TAZ684" s="613"/>
      <c r="TBA684" s="613"/>
      <c r="TBB684" s="613"/>
      <c r="TBC684" s="613"/>
      <c r="TBD684" s="613"/>
      <c r="TBE684" s="613"/>
      <c r="TBF684" s="613"/>
      <c r="TBG684" s="613"/>
      <c r="TBH684" s="613"/>
      <c r="TBI684" s="613"/>
      <c r="TBJ684" s="613"/>
      <c r="TBK684" s="613"/>
      <c r="TBL684" s="613"/>
      <c r="TBM684" s="613"/>
      <c r="TBN684" s="613"/>
      <c r="TBO684" s="613"/>
      <c r="TBP684" s="613"/>
      <c r="TBQ684" s="613"/>
      <c r="TBR684" s="613"/>
      <c r="TBS684" s="613"/>
      <c r="TBT684" s="613"/>
      <c r="TBU684" s="613"/>
      <c r="TBV684" s="613"/>
      <c r="TBW684" s="613"/>
      <c r="TBX684" s="613"/>
      <c r="TBY684" s="613"/>
      <c r="TBZ684" s="613"/>
      <c r="TCA684" s="613"/>
      <c r="TCB684" s="613"/>
      <c r="TCC684" s="613"/>
      <c r="TCD684" s="613"/>
      <c r="TCE684" s="613"/>
      <c r="TCF684" s="613"/>
      <c r="TCG684" s="613"/>
      <c r="TCH684" s="613"/>
      <c r="TCI684" s="613"/>
      <c r="TCJ684" s="613"/>
      <c r="TCK684" s="613"/>
      <c r="TCL684" s="613"/>
      <c r="TCM684" s="613"/>
      <c r="TCN684" s="613"/>
      <c r="TCO684" s="613"/>
      <c r="TCP684" s="613"/>
      <c r="TCQ684" s="613"/>
      <c r="TCR684" s="613"/>
      <c r="TCS684" s="613"/>
      <c r="TCT684" s="613"/>
      <c r="TCU684" s="613"/>
      <c r="TCV684" s="613"/>
      <c r="TCW684" s="613"/>
      <c r="TCX684" s="613"/>
      <c r="TCY684" s="613"/>
      <c r="TCZ684" s="613"/>
      <c r="TDA684" s="613"/>
      <c r="TDB684" s="613"/>
      <c r="TDC684" s="613"/>
      <c r="TDD684" s="613"/>
      <c r="TDE684" s="613"/>
      <c r="TDF684" s="613"/>
      <c r="TDG684" s="613"/>
      <c r="TDH684" s="613"/>
      <c r="TDI684" s="613"/>
      <c r="TDJ684" s="613"/>
      <c r="TDK684" s="613"/>
      <c r="TDL684" s="613"/>
      <c r="TDM684" s="613"/>
      <c r="TDN684" s="613"/>
      <c r="TDO684" s="613"/>
      <c r="TDP684" s="613"/>
      <c r="TDQ684" s="613"/>
      <c r="TDR684" s="613"/>
      <c r="TDS684" s="613"/>
      <c r="TDT684" s="613"/>
      <c r="TDU684" s="613"/>
      <c r="TDV684" s="613"/>
      <c r="TDW684" s="613"/>
      <c r="TDX684" s="613"/>
      <c r="TDY684" s="613"/>
      <c r="TDZ684" s="613"/>
      <c r="TEA684" s="613"/>
      <c r="TEB684" s="613"/>
      <c r="TEC684" s="613"/>
      <c r="TED684" s="613"/>
      <c r="TEE684" s="613"/>
      <c r="TEF684" s="613"/>
      <c r="TEG684" s="613"/>
      <c r="TEH684" s="613"/>
      <c r="TEI684" s="613"/>
      <c r="TEJ684" s="613"/>
      <c r="TEK684" s="613"/>
      <c r="TEL684" s="613"/>
      <c r="TEM684" s="613"/>
      <c r="TEN684" s="613"/>
      <c r="TEO684" s="613"/>
      <c r="TEP684" s="613"/>
      <c r="TEQ684" s="613"/>
      <c r="TER684" s="613"/>
      <c r="TES684" s="613"/>
      <c r="TET684" s="613"/>
      <c r="TEU684" s="613"/>
      <c r="TEV684" s="613"/>
      <c r="TEW684" s="613"/>
      <c r="TEX684" s="613"/>
      <c r="TEY684" s="613"/>
      <c r="TEZ684" s="613"/>
      <c r="TFA684" s="613"/>
      <c r="TFB684" s="613"/>
      <c r="TFC684" s="613"/>
      <c r="TFD684" s="613"/>
      <c r="TFE684" s="613"/>
      <c r="TFF684" s="613"/>
      <c r="TFG684" s="613"/>
      <c r="TFH684" s="613"/>
      <c r="TFI684" s="613"/>
      <c r="TFJ684" s="613"/>
      <c r="TFK684" s="613"/>
      <c r="TFL684" s="613"/>
      <c r="TFM684" s="613"/>
      <c r="TFN684" s="613"/>
      <c r="TFO684" s="613"/>
      <c r="TFP684" s="613"/>
      <c r="TFQ684" s="613"/>
      <c r="TFR684" s="613"/>
      <c r="TFS684" s="613"/>
      <c r="TFT684" s="613"/>
      <c r="TFU684" s="613"/>
      <c r="TFV684" s="613"/>
      <c r="TFW684" s="613"/>
      <c r="TFX684" s="613"/>
      <c r="TFY684" s="613"/>
      <c r="TFZ684" s="613"/>
      <c r="TGA684" s="613"/>
      <c r="TGB684" s="613"/>
      <c r="TGC684" s="613"/>
      <c r="TGD684" s="613"/>
      <c r="TGE684" s="613"/>
      <c r="TGF684" s="613"/>
      <c r="TGG684" s="613"/>
      <c r="TGH684" s="613"/>
      <c r="TGI684" s="613"/>
      <c r="TGJ684" s="613"/>
      <c r="TGK684" s="613"/>
      <c r="TGL684" s="613"/>
      <c r="TGM684" s="613"/>
      <c r="TGN684" s="613"/>
      <c r="TGO684" s="613"/>
      <c r="TGP684" s="613"/>
      <c r="TGQ684" s="613"/>
      <c r="TGR684" s="613"/>
      <c r="TGS684" s="613"/>
      <c r="TGT684" s="613"/>
      <c r="TGU684" s="613"/>
      <c r="TGV684" s="613"/>
      <c r="TGW684" s="613"/>
      <c r="TGX684" s="613"/>
      <c r="TGY684" s="613"/>
      <c r="TGZ684" s="613"/>
      <c r="THA684" s="613"/>
      <c r="THB684" s="613"/>
      <c r="THC684" s="613"/>
      <c r="THD684" s="613"/>
      <c r="THE684" s="613"/>
      <c r="THF684" s="613"/>
      <c r="THG684" s="613"/>
      <c r="THH684" s="613"/>
      <c r="THI684" s="613"/>
      <c r="THJ684" s="613"/>
      <c r="THK684" s="613"/>
      <c r="THL684" s="613"/>
      <c r="THM684" s="613"/>
      <c r="THN684" s="613"/>
      <c r="THO684" s="613"/>
      <c r="THP684" s="613"/>
      <c r="THQ684" s="613"/>
      <c r="THR684" s="613"/>
      <c r="THS684" s="613"/>
      <c r="THT684" s="613"/>
      <c r="THU684" s="613"/>
      <c r="THV684" s="613"/>
      <c r="THW684" s="613"/>
      <c r="THX684" s="613"/>
      <c r="THY684" s="613"/>
      <c r="THZ684" s="613"/>
      <c r="TIA684" s="613"/>
      <c r="TIB684" s="613"/>
      <c r="TIC684" s="613"/>
      <c r="TID684" s="613"/>
      <c r="TIE684" s="613"/>
      <c r="TIF684" s="613"/>
      <c r="TIG684" s="613"/>
      <c r="TIH684" s="613"/>
      <c r="TII684" s="613"/>
      <c r="TIJ684" s="613"/>
      <c r="TIK684" s="613"/>
      <c r="TIL684" s="613"/>
      <c r="TIM684" s="613"/>
      <c r="TIN684" s="613"/>
      <c r="TIO684" s="613"/>
      <c r="TIP684" s="613"/>
      <c r="TIQ684" s="613"/>
      <c r="TIR684" s="613"/>
      <c r="TIS684" s="613"/>
      <c r="TIT684" s="613"/>
      <c r="TIU684" s="613"/>
      <c r="TIV684" s="613"/>
      <c r="TIW684" s="613"/>
      <c r="TIX684" s="613"/>
      <c r="TIY684" s="613"/>
      <c r="TIZ684" s="613"/>
      <c r="TJA684" s="613"/>
      <c r="TJB684" s="613"/>
      <c r="TJC684" s="613"/>
      <c r="TJD684" s="613"/>
      <c r="TJE684" s="613"/>
      <c r="TJF684" s="613"/>
      <c r="TJG684" s="613"/>
      <c r="TJH684" s="613"/>
      <c r="TJI684" s="613"/>
      <c r="TJJ684" s="613"/>
      <c r="TJK684" s="613"/>
      <c r="TJL684" s="613"/>
      <c r="TJM684" s="613"/>
      <c r="TJN684" s="613"/>
      <c r="TJO684" s="613"/>
      <c r="TJP684" s="613"/>
      <c r="TJQ684" s="613"/>
      <c r="TJR684" s="613"/>
      <c r="TJS684" s="613"/>
      <c r="TJT684" s="613"/>
      <c r="TJU684" s="613"/>
      <c r="TJV684" s="613"/>
      <c r="TJW684" s="613"/>
      <c r="TJX684" s="613"/>
      <c r="TJY684" s="613"/>
      <c r="TJZ684" s="613"/>
      <c r="TKA684" s="613"/>
      <c r="TKB684" s="613"/>
      <c r="TKC684" s="613"/>
      <c r="TKD684" s="613"/>
      <c r="TKE684" s="613"/>
      <c r="TKF684" s="613"/>
      <c r="TKG684" s="613"/>
      <c r="TKH684" s="613"/>
      <c r="TKI684" s="613"/>
      <c r="TKJ684" s="613"/>
      <c r="TKK684" s="613"/>
      <c r="TKL684" s="613"/>
      <c r="TKM684" s="613"/>
      <c r="TKN684" s="613"/>
      <c r="TKO684" s="613"/>
      <c r="TKP684" s="613"/>
      <c r="TKQ684" s="613"/>
      <c r="TKR684" s="613"/>
      <c r="TKS684" s="613"/>
      <c r="TKT684" s="613"/>
      <c r="TKU684" s="613"/>
      <c r="TKV684" s="613"/>
      <c r="TKW684" s="613"/>
      <c r="TKX684" s="613"/>
      <c r="TKY684" s="613"/>
      <c r="TKZ684" s="613"/>
      <c r="TLA684" s="613"/>
      <c r="TLB684" s="613"/>
      <c r="TLC684" s="613"/>
      <c r="TLD684" s="613"/>
      <c r="TLE684" s="613"/>
      <c r="TLF684" s="613"/>
      <c r="TLG684" s="613"/>
      <c r="TLH684" s="613"/>
      <c r="TLI684" s="613"/>
      <c r="TLJ684" s="613"/>
      <c r="TLK684" s="613"/>
      <c r="TLL684" s="613"/>
      <c r="TLM684" s="613"/>
      <c r="TLN684" s="613"/>
      <c r="TLO684" s="613"/>
      <c r="TLP684" s="613"/>
      <c r="TLQ684" s="613"/>
      <c r="TLR684" s="613"/>
      <c r="TLS684" s="613"/>
      <c r="TLT684" s="613"/>
      <c r="TLU684" s="613"/>
      <c r="TLV684" s="613"/>
      <c r="TLW684" s="613"/>
      <c r="TLX684" s="613"/>
      <c r="TLY684" s="613"/>
      <c r="TLZ684" s="613"/>
      <c r="TMA684" s="613"/>
      <c r="TMB684" s="613"/>
      <c r="TMC684" s="613"/>
      <c r="TMD684" s="613"/>
      <c r="TME684" s="613"/>
      <c r="TMF684" s="613"/>
      <c r="TMG684" s="613"/>
      <c r="TMH684" s="613"/>
      <c r="TMI684" s="613"/>
      <c r="TMJ684" s="613"/>
      <c r="TMK684" s="613"/>
      <c r="TML684" s="613"/>
      <c r="TMM684" s="613"/>
      <c r="TMN684" s="613"/>
      <c r="TMO684" s="613"/>
      <c r="TMP684" s="613"/>
      <c r="TMQ684" s="613"/>
      <c r="TMR684" s="613"/>
      <c r="TMS684" s="613"/>
      <c r="TMT684" s="613"/>
      <c r="TMU684" s="613"/>
      <c r="TMV684" s="613"/>
      <c r="TMW684" s="613"/>
      <c r="TMX684" s="613"/>
      <c r="TMY684" s="613"/>
      <c r="TMZ684" s="613"/>
      <c r="TNA684" s="613"/>
      <c r="TNB684" s="613"/>
      <c r="TNC684" s="613"/>
      <c r="TND684" s="613"/>
      <c r="TNE684" s="613"/>
      <c r="TNF684" s="613"/>
      <c r="TNG684" s="613"/>
      <c r="TNH684" s="613"/>
      <c r="TNI684" s="613"/>
      <c r="TNJ684" s="613"/>
      <c r="TNK684" s="613"/>
      <c r="TNL684" s="613"/>
      <c r="TNM684" s="613"/>
      <c r="TNN684" s="613"/>
      <c r="TNO684" s="613"/>
      <c r="TNP684" s="613"/>
      <c r="TNQ684" s="613"/>
      <c r="TNR684" s="613"/>
      <c r="TNS684" s="613"/>
      <c r="TNT684" s="613"/>
      <c r="TNU684" s="613"/>
      <c r="TNV684" s="613"/>
      <c r="TNW684" s="613"/>
      <c r="TNX684" s="613"/>
      <c r="TNY684" s="613"/>
      <c r="TNZ684" s="613"/>
      <c r="TOA684" s="613"/>
      <c r="TOB684" s="613"/>
      <c r="TOC684" s="613"/>
      <c r="TOD684" s="613"/>
      <c r="TOE684" s="613"/>
      <c r="TOF684" s="613"/>
      <c r="TOG684" s="613"/>
      <c r="TOH684" s="613"/>
      <c r="TOI684" s="613"/>
      <c r="TOJ684" s="613"/>
      <c r="TOK684" s="613"/>
      <c r="TOL684" s="613"/>
      <c r="TOM684" s="613"/>
      <c r="TON684" s="613"/>
      <c r="TOO684" s="613"/>
      <c r="TOP684" s="613"/>
      <c r="TOQ684" s="613"/>
      <c r="TOR684" s="613"/>
      <c r="TOS684" s="613"/>
      <c r="TOT684" s="613"/>
      <c r="TOU684" s="613"/>
      <c r="TOV684" s="613"/>
      <c r="TOW684" s="613"/>
      <c r="TOX684" s="613"/>
      <c r="TOY684" s="613"/>
      <c r="TOZ684" s="613"/>
      <c r="TPA684" s="613"/>
      <c r="TPB684" s="613"/>
      <c r="TPC684" s="613"/>
      <c r="TPD684" s="613"/>
      <c r="TPE684" s="613"/>
      <c r="TPF684" s="613"/>
      <c r="TPG684" s="613"/>
      <c r="TPH684" s="613"/>
      <c r="TPI684" s="613"/>
      <c r="TPJ684" s="613"/>
      <c r="TPK684" s="613"/>
      <c r="TPL684" s="613"/>
      <c r="TPM684" s="613"/>
      <c r="TPN684" s="613"/>
      <c r="TPO684" s="613"/>
      <c r="TPP684" s="613"/>
      <c r="TPQ684" s="613"/>
      <c r="TPR684" s="613"/>
      <c r="TPS684" s="613"/>
      <c r="TPT684" s="613"/>
      <c r="TPU684" s="613"/>
      <c r="TPV684" s="613"/>
      <c r="TPW684" s="613"/>
      <c r="TPX684" s="613"/>
      <c r="TPY684" s="613"/>
      <c r="TPZ684" s="613"/>
      <c r="TQA684" s="613"/>
      <c r="TQB684" s="613"/>
      <c r="TQC684" s="613"/>
      <c r="TQD684" s="613"/>
      <c r="TQE684" s="613"/>
      <c r="TQF684" s="613"/>
      <c r="TQG684" s="613"/>
      <c r="TQH684" s="613"/>
      <c r="TQI684" s="613"/>
      <c r="TQJ684" s="613"/>
      <c r="TQK684" s="613"/>
      <c r="TQL684" s="613"/>
      <c r="TQM684" s="613"/>
      <c r="TQN684" s="613"/>
      <c r="TQO684" s="613"/>
      <c r="TQP684" s="613"/>
      <c r="TQQ684" s="613"/>
      <c r="TQR684" s="613"/>
      <c r="TQS684" s="613"/>
      <c r="TQT684" s="613"/>
      <c r="TQU684" s="613"/>
      <c r="TQV684" s="613"/>
      <c r="TQW684" s="613"/>
      <c r="TQX684" s="613"/>
      <c r="TQY684" s="613"/>
      <c r="TQZ684" s="613"/>
      <c r="TRA684" s="613"/>
      <c r="TRB684" s="613"/>
      <c r="TRC684" s="613"/>
      <c r="TRD684" s="613"/>
      <c r="TRE684" s="613"/>
      <c r="TRF684" s="613"/>
      <c r="TRG684" s="613"/>
      <c r="TRH684" s="613"/>
      <c r="TRI684" s="613"/>
      <c r="TRJ684" s="613"/>
      <c r="TRK684" s="613"/>
      <c r="TRL684" s="613"/>
      <c r="TRM684" s="613"/>
      <c r="TRN684" s="613"/>
      <c r="TRO684" s="613"/>
      <c r="TRP684" s="613"/>
      <c r="TRQ684" s="613"/>
      <c r="TRR684" s="613"/>
      <c r="TRS684" s="613"/>
      <c r="TRT684" s="613"/>
      <c r="TRU684" s="613"/>
      <c r="TRV684" s="613"/>
      <c r="TRW684" s="613"/>
      <c r="TRX684" s="613"/>
      <c r="TRY684" s="613"/>
      <c r="TRZ684" s="613"/>
      <c r="TSA684" s="613"/>
      <c r="TSB684" s="613"/>
      <c r="TSC684" s="613"/>
      <c r="TSD684" s="613"/>
      <c r="TSE684" s="613"/>
      <c r="TSF684" s="613"/>
      <c r="TSG684" s="613"/>
      <c r="TSH684" s="613"/>
      <c r="TSI684" s="613"/>
      <c r="TSJ684" s="613"/>
      <c r="TSK684" s="613"/>
      <c r="TSL684" s="613"/>
      <c r="TSM684" s="613"/>
      <c r="TSN684" s="613"/>
      <c r="TSO684" s="613"/>
      <c r="TSP684" s="613"/>
      <c r="TSQ684" s="613"/>
      <c r="TSR684" s="613"/>
      <c r="TSS684" s="613"/>
      <c r="TST684" s="613"/>
      <c r="TSU684" s="613"/>
      <c r="TSV684" s="613"/>
      <c r="TSW684" s="613"/>
      <c r="TSX684" s="613"/>
      <c r="TSY684" s="613"/>
      <c r="TSZ684" s="613"/>
      <c r="TTA684" s="613"/>
      <c r="TTB684" s="613"/>
      <c r="TTC684" s="613"/>
      <c r="TTD684" s="613"/>
      <c r="TTE684" s="613"/>
      <c r="TTF684" s="613"/>
      <c r="TTG684" s="613"/>
      <c r="TTH684" s="613"/>
      <c r="TTI684" s="613"/>
      <c r="TTJ684" s="613"/>
      <c r="TTK684" s="613"/>
      <c r="TTL684" s="613"/>
      <c r="TTM684" s="613"/>
      <c r="TTN684" s="613"/>
      <c r="TTO684" s="613"/>
      <c r="TTP684" s="613"/>
      <c r="TTQ684" s="613"/>
      <c r="TTR684" s="613"/>
      <c r="TTS684" s="613"/>
      <c r="TTT684" s="613"/>
      <c r="TTU684" s="613"/>
      <c r="TTV684" s="613"/>
      <c r="TTW684" s="613"/>
      <c r="TTX684" s="613"/>
      <c r="TTY684" s="613"/>
      <c r="TTZ684" s="613"/>
      <c r="TUA684" s="613"/>
      <c r="TUB684" s="613"/>
      <c r="TUC684" s="613"/>
      <c r="TUD684" s="613"/>
      <c r="TUE684" s="613"/>
      <c r="TUF684" s="613"/>
      <c r="TUG684" s="613"/>
      <c r="TUH684" s="613"/>
      <c r="TUI684" s="613"/>
      <c r="TUJ684" s="613"/>
      <c r="TUK684" s="613"/>
      <c r="TUL684" s="613"/>
      <c r="TUM684" s="613"/>
      <c r="TUN684" s="613"/>
      <c r="TUO684" s="613"/>
      <c r="TUP684" s="613"/>
      <c r="TUQ684" s="613"/>
      <c r="TUR684" s="613"/>
      <c r="TUS684" s="613"/>
      <c r="TUT684" s="613"/>
      <c r="TUU684" s="613"/>
      <c r="TUV684" s="613"/>
      <c r="TUW684" s="613"/>
      <c r="TUX684" s="613"/>
      <c r="TUY684" s="613"/>
      <c r="TUZ684" s="613"/>
      <c r="TVA684" s="613"/>
      <c r="TVB684" s="613"/>
      <c r="TVC684" s="613"/>
      <c r="TVD684" s="613"/>
      <c r="TVE684" s="613"/>
      <c r="TVF684" s="613"/>
      <c r="TVG684" s="613"/>
      <c r="TVH684" s="613"/>
      <c r="TVI684" s="613"/>
      <c r="TVJ684" s="613"/>
      <c r="TVK684" s="613"/>
      <c r="TVL684" s="613"/>
      <c r="TVM684" s="613"/>
      <c r="TVN684" s="613"/>
      <c r="TVO684" s="613"/>
      <c r="TVP684" s="613"/>
      <c r="TVQ684" s="613"/>
      <c r="TVR684" s="613"/>
      <c r="TVS684" s="613"/>
      <c r="TVT684" s="613"/>
      <c r="TVU684" s="613"/>
      <c r="TVV684" s="613"/>
      <c r="TVW684" s="613"/>
      <c r="TVX684" s="613"/>
      <c r="TVY684" s="613"/>
      <c r="TVZ684" s="613"/>
      <c r="TWA684" s="613"/>
      <c r="TWB684" s="613"/>
      <c r="TWC684" s="613"/>
      <c r="TWD684" s="613"/>
      <c r="TWE684" s="613"/>
      <c r="TWF684" s="613"/>
      <c r="TWG684" s="613"/>
      <c r="TWH684" s="613"/>
      <c r="TWI684" s="613"/>
      <c r="TWJ684" s="613"/>
      <c r="TWK684" s="613"/>
      <c r="TWL684" s="613"/>
      <c r="TWM684" s="613"/>
      <c r="TWN684" s="613"/>
      <c r="TWO684" s="613"/>
      <c r="TWP684" s="613"/>
      <c r="TWQ684" s="613"/>
      <c r="TWR684" s="613"/>
      <c r="TWS684" s="613"/>
      <c r="TWT684" s="613"/>
      <c r="TWU684" s="613"/>
      <c r="TWV684" s="613"/>
      <c r="TWW684" s="613"/>
      <c r="TWX684" s="613"/>
      <c r="TWY684" s="613"/>
      <c r="TWZ684" s="613"/>
      <c r="TXA684" s="613"/>
      <c r="TXB684" s="613"/>
      <c r="TXC684" s="613"/>
      <c r="TXD684" s="613"/>
      <c r="TXE684" s="613"/>
      <c r="TXF684" s="613"/>
      <c r="TXG684" s="613"/>
      <c r="TXH684" s="613"/>
      <c r="TXI684" s="613"/>
      <c r="TXJ684" s="613"/>
      <c r="TXK684" s="613"/>
      <c r="TXL684" s="613"/>
      <c r="TXM684" s="613"/>
      <c r="TXN684" s="613"/>
      <c r="TXO684" s="613"/>
      <c r="TXP684" s="613"/>
      <c r="TXQ684" s="613"/>
      <c r="TXR684" s="613"/>
      <c r="TXS684" s="613"/>
      <c r="TXT684" s="613"/>
      <c r="TXU684" s="613"/>
      <c r="TXV684" s="613"/>
      <c r="TXW684" s="613"/>
      <c r="TXX684" s="613"/>
      <c r="TXY684" s="613"/>
      <c r="TXZ684" s="613"/>
      <c r="TYA684" s="613"/>
      <c r="TYB684" s="613"/>
      <c r="TYC684" s="613"/>
      <c r="TYD684" s="613"/>
      <c r="TYE684" s="613"/>
      <c r="TYF684" s="613"/>
      <c r="TYG684" s="613"/>
      <c r="TYH684" s="613"/>
      <c r="TYI684" s="613"/>
      <c r="TYJ684" s="613"/>
      <c r="TYK684" s="613"/>
      <c r="TYL684" s="613"/>
      <c r="TYM684" s="613"/>
      <c r="TYN684" s="613"/>
      <c r="TYO684" s="613"/>
      <c r="TYP684" s="613"/>
      <c r="TYQ684" s="613"/>
      <c r="TYR684" s="613"/>
      <c r="TYS684" s="613"/>
      <c r="TYT684" s="613"/>
      <c r="TYU684" s="613"/>
      <c r="TYV684" s="613"/>
      <c r="TYW684" s="613"/>
      <c r="TYX684" s="613"/>
      <c r="TYY684" s="613"/>
      <c r="TYZ684" s="613"/>
      <c r="TZA684" s="613"/>
      <c r="TZB684" s="613"/>
      <c r="TZC684" s="613"/>
      <c r="TZD684" s="613"/>
      <c r="TZE684" s="613"/>
      <c r="TZF684" s="613"/>
      <c r="TZG684" s="613"/>
      <c r="TZH684" s="613"/>
      <c r="TZI684" s="613"/>
      <c r="TZJ684" s="613"/>
      <c r="TZK684" s="613"/>
      <c r="TZL684" s="613"/>
      <c r="TZM684" s="613"/>
      <c r="TZN684" s="613"/>
      <c r="TZO684" s="613"/>
      <c r="TZP684" s="613"/>
      <c r="TZQ684" s="613"/>
      <c r="TZR684" s="613"/>
      <c r="TZS684" s="613"/>
      <c r="TZT684" s="613"/>
      <c r="TZU684" s="613"/>
      <c r="TZV684" s="613"/>
      <c r="TZW684" s="613"/>
      <c r="TZX684" s="613"/>
      <c r="TZY684" s="613"/>
      <c r="TZZ684" s="613"/>
      <c r="UAA684" s="613"/>
      <c r="UAB684" s="613"/>
      <c r="UAC684" s="613"/>
      <c r="UAD684" s="613"/>
      <c r="UAE684" s="613"/>
      <c r="UAF684" s="613"/>
      <c r="UAG684" s="613"/>
      <c r="UAH684" s="613"/>
      <c r="UAI684" s="613"/>
      <c r="UAJ684" s="613"/>
      <c r="UAK684" s="613"/>
      <c r="UAL684" s="613"/>
      <c r="UAM684" s="613"/>
      <c r="UAN684" s="613"/>
      <c r="UAO684" s="613"/>
      <c r="UAP684" s="613"/>
      <c r="UAQ684" s="613"/>
      <c r="UAR684" s="613"/>
      <c r="UAS684" s="613"/>
      <c r="UAT684" s="613"/>
      <c r="UAU684" s="613"/>
      <c r="UAV684" s="613"/>
      <c r="UAW684" s="613"/>
      <c r="UAX684" s="613"/>
      <c r="UAY684" s="613"/>
      <c r="UAZ684" s="613"/>
      <c r="UBA684" s="613"/>
      <c r="UBB684" s="613"/>
      <c r="UBC684" s="613"/>
      <c r="UBD684" s="613"/>
      <c r="UBE684" s="613"/>
      <c r="UBF684" s="613"/>
      <c r="UBG684" s="613"/>
      <c r="UBH684" s="613"/>
      <c r="UBI684" s="613"/>
      <c r="UBJ684" s="613"/>
      <c r="UBK684" s="613"/>
      <c r="UBL684" s="613"/>
      <c r="UBM684" s="613"/>
      <c r="UBN684" s="613"/>
      <c r="UBO684" s="613"/>
      <c r="UBP684" s="613"/>
      <c r="UBQ684" s="613"/>
      <c r="UBR684" s="613"/>
      <c r="UBS684" s="613"/>
      <c r="UBT684" s="613"/>
      <c r="UBU684" s="613"/>
      <c r="UBV684" s="613"/>
      <c r="UBW684" s="613"/>
      <c r="UBX684" s="613"/>
      <c r="UBY684" s="613"/>
      <c r="UBZ684" s="613"/>
      <c r="UCA684" s="613"/>
      <c r="UCB684" s="613"/>
      <c r="UCC684" s="613"/>
      <c r="UCD684" s="613"/>
      <c r="UCE684" s="613"/>
      <c r="UCF684" s="613"/>
      <c r="UCG684" s="613"/>
      <c r="UCH684" s="613"/>
      <c r="UCI684" s="613"/>
      <c r="UCJ684" s="613"/>
      <c r="UCK684" s="613"/>
      <c r="UCL684" s="613"/>
      <c r="UCM684" s="613"/>
      <c r="UCN684" s="613"/>
      <c r="UCO684" s="613"/>
      <c r="UCP684" s="613"/>
      <c r="UCQ684" s="613"/>
      <c r="UCR684" s="613"/>
      <c r="UCS684" s="613"/>
      <c r="UCT684" s="613"/>
      <c r="UCU684" s="613"/>
      <c r="UCV684" s="613"/>
      <c r="UCW684" s="613"/>
      <c r="UCX684" s="613"/>
      <c r="UCY684" s="613"/>
      <c r="UCZ684" s="613"/>
      <c r="UDA684" s="613"/>
      <c r="UDB684" s="613"/>
      <c r="UDC684" s="613"/>
      <c r="UDD684" s="613"/>
      <c r="UDE684" s="613"/>
      <c r="UDF684" s="613"/>
      <c r="UDG684" s="613"/>
      <c r="UDH684" s="613"/>
      <c r="UDI684" s="613"/>
      <c r="UDJ684" s="613"/>
      <c r="UDK684" s="613"/>
      <c r="UDL684" s="613"/>
      <c r="UDM684" s="613"/>
      <c r="UDN684" s="613"/>
      <c r="UDO684" s="613"/>
      <c r="UDP684" s="613"/>
      <c r="UDQ684" s="613"/>
      <c r="UDR684" s="613"/>
      <c r="UDS684" s="613"/>
      <c r="UDT684" s="613"/>
      <c r="UDU684" s="613"/>
      <c r="UDV684" s="613"/>
      <c r="UDW684" s="613"/>
      <c r="UDX684" s="613"/>
      <c r="UDY684" s="613"/>
      <c r="UDZ684" s="613"/>
      <c r="UEA684" s="613"/>
      <c r="UEB684" s="613"/>
      <c r="UEC684" s="613"/>
      <c r="UED684" s="613"/>
      <c r="UEE684" s="613"/>
      <c r="UEF684" s="613"/>
      <c r="UEG684" s="613"/>
      <c r="UEH684" s="613"/>
      <c r="UEI684" s="613"/>
      <c r="UEJ684" s="613"/>
      <c r="UEK684" s="613"/>
      <c r="UEL684" s="613"/>
      <c r="UEM684" s="613"/>
      <c r="UEN684" s="613"/>
      <c r="UEO684" s="613"/>
      <c r="UEP684" s="613"/>
      <c r="UEQ684" s="613"/>
      <c r="UER684" s="613"/>
      <c r="UES684" s="613"/>
      <c r="UET684" s="613"/>
      <c r="UEU684" s="613"/>
      <c r="UEV684" s="613"/>
      <c r="UEW684" s="613"/>
      <c r="UEX684" s="613"/>
      <c r="UEY684" s="613"/>
      <c r="UEZ684" s="613"/>
      <c r="UFA684" s="613"/>
      <c r="UFB684" s="613"/>
      <c r="UFC684" s="613"/>
      <c r="UFD684" s="613"/>
      <c r="UFE684" s="613"/>
      <c r="UFF684" s="613"/>
      <c r="UFG684" s="613"/>
      <c r="UFH684" s="613"/>
      <c r="UFI684" s="613"/>
      <c r="UFJ684" s="613"/>
      <c r="UFK684" s="613"/>
      <c r="UFL684" s="613"/>
      <c r="UFM684" s="613"/>
      <c r="UFN684" s="613"/>
      <c r="UFO684" s="613"/>
      <c r="UFP684" s="613"/>
      <c r="UFQ684" s="613"/>
      <c r="UFR684" s="613"/>
      <c r="UFS684" s="613"/>
      <c r="UFT684" s="613"/>
      <c r="UFU684" s="613"/>
      <c r="UFV684" s="613"/>
      <c r="UFW684" s="613"/>
      <c r="UFX684" s="613"/>
      <c r="UFY684" s="613"/>
      <c r="UFZ684" s="613"/>
      <c r="UGA684" s="613"/>
      <c r="UGB684" s="613"/>
      <c r="UGC684" s="613"/>
      <c r="UGD684" s="613"/>
      <c r="UGE684" s="613"/>
      <c r="UGF684" s="613"/>
      <c r="UGG684" s="613"/>
      <c r="UGH684" s="613"/>
      <c r="UGI684" s="613"/>
      <c r="UGJ684" s="613"/>
      <c r="UGK684" s="613"/>
      <c r="UGL684" s="613"/>
      <c r="UGM684" s="613"/>
      <c r="UGN684" s="613"/>
      <c r="UGO684" s="613"/>
      <c r="UGP684" s="613"/>
      <c r="UGQ684" s="613"/>
      <c r="UGR684" s="613"/>
      <c r="UGS684" s="613"/>
      <c r="UGT684" s="613"/>
      <c r="UGU684" s="613"/>
      <c r="UGV684" s="613"/>
      <c r="UGW684" s="613"/>
      <c r="UGX684" s="613"/>
      <c r="UGY684" s="613"/>
      <c r="UGZ684" s="613"/>
      <c r="UHA684" s="613"/>
      <c r="UHB684" s="613"/>
      <c r="UHC684" s="613"/>
      <c r="UHD684" s="613"/>
      <c r="UHE684" s="613"/>
      <c r="UHF684" s="613"/>
      <c r="UHG684" s="613"/>
      <c r="UHH684" s="613"/>
      <c r="UHI684" s="613"/>
      <c r="UHJ684" s="613"/>
      <c r="UHK684" s="613"/>
      <c r="UHL684" s="613"/>
      <c r="UHM684" s="613"/>
      <c r="UHN684" s="613"/>
      <c r="UHO684" s="613"/>
      <c r="UHP684" s="613"/>
      <c r="UHQ684" s="613"/>
      <c r="UHR684" s="613"/>
      <c r="UHS684" s="613"/>
      <c r="UHT684" s="613"/>
      <c r="UHU684" s="613"/>
      <c r="UHV684" s="613"/>
      <c r="UHW684" s="613"/>
      <c r="UHX684" s="613"/>
      <c r="UHY684" s="613"/>
      <c r="UHZ684" s="613"/>
      <c r="UIA684" s="613"/>
      <c r="UIB684" s="613"/>
      <c r="UIC684" s="613"/>
      <c r="UID684" s="613"/>
      <c r="UIE684" s="613"/>
      <c r="UIF684" s="613"/>
      <c r="UIG684" s="613"/>
      <c r="UIH684" s="613"/>
      <c r="UII684" s="613"/>
      <c r="UIJ684" s="613"/>
      <c r="UIK684" s="613"/>
      <c r="UIL684" s="613"/>
      <c r="UIM684" s="613"/>
      <c r="UIN684" s="613"/>
      <c r="UIO684" s="613"/>
      <c r="UIP684" s="613"/>
      <c r="UIQ684" s="613"/>
      <c r="UIR684" s="613"/>
      <c r="UIS684" s="613"/>
      <c r="UIT684" s="613"/>
      <c r="UIU684" s="613"/>
      <c r="UIV684" s="613"/>
      <c r="UIW684" s="613"/>
      <c r="UIX684" s="613"/>
      <c r="UIY684" s="613"/>
      <c r="UIZ684" s="613"/>
      <c r="UJA684" s="613"/>
      <c r="UJB684" s="613"/>
      <c r="UJC684" s="613"/>
      <c r="UJD684" s="613"/>
      <c r="UJE684" s="613"/>
      <c r="UJF684" s="613"/>
      <c r="UJG684" s="613"/>
      <c r="UJH684" s="613"/>
      <c r="UJI684" s="613"/>
      <c r="UJJ684" s="613"/>
      <c r="UJK684" s="613"/>
      <c r="UJL684" s="613"/>
      <c r="UJM684" s="613"/>
      <c r="UJN684" s="613"/>
      <c r="UJO684" s="613"/>
      <c r="UJP684" s="613"/>
      <c r="UJQ684" s="613"/>
      <c r="UJR684" s="613"/>
      <c r="UJS684" s="613"/>
      <c r="UJT684" s="613"/>
      <c r="UJU684" s="613"/>
      <c r="UJV684" s="613"/>
      <c r="UJW684" s="613"/>
      <c r="UJX684" s="613"/>
      <c r="UJY684" s="613"/>
      <c r="UJZ684" s="613"/>
      <c r="UKA684" s="613"/>
      <c r="UKB684" s="613"/>
      <c r="UKC684" s="613"/>
      <c r="UKD684" s="613"/>
      <c r="UKE684" s="613"/>
      <c r="UKF684" s="613"/>
      <c r="UKG684" s="613"/>
      <c r="UKH684" s="613"/>
      <c r="UKI684" s="613"/>
      <c r="UKJ684" s="613"/>
      <c r="UKK684" s="613"/>
      <c r="UKL684" s="613"/>
      <c r="UKM684" s="613"/>
      <c r="UKN684" s="613"/>
      <c r="UKO684" s="613"/>
      <c r="UKP684" s="613"/>
      <c r="UKQ684" s="613"/>
      <c r="UKR684" s="613"/>
      <c r="UKS684" s="613"/>
      <c r="UKT684" s="613"/>
      <c r="UKU684" s="613"/>
      <c r="UKV684" s="613"/>
      <c r="UKW684" s="613"/>
      <c r="UKX684" s="613"/>
      <c r="UKY684" s="613"/>
      <c r="UKZ684" s="613"/>
      <c r="ULA684" s="613"/>
      <c r="ULB684" s="613"/>
      <c r="ULC684" s="613"/>
      <c r="ULD684" s="613"/>
      <c r="ULE684" s="613"/>
      <c r="ULF684" s="613"/>
      <c r="ULG684" s="613"/>
      <c r="ULH684" s="613"/>
      <c r="ULI684" s="613"/>
      <c r="ULJ684" s="613"/>
      <c r="ULK684" s="613"/>
      <c r="ULL684" s="613"/>
      <c r="ULM684" s="613"/>
      <c r="ULN684" s="613"/>
      <c r="ULO684" s="613"/>
      <c r="ULP684" s="613"/>
      <c r="ULQ684" s="613"/>
      <c r="ULR684" s="613"/>
      <c r="ULS684" s="613"/>
      <c r="ULT684" s="613"/>
      <c r="ULU684" s="613"/>
      <c r="ULV684" s="613"/>
      <c r="ULW684" s="613"/>
      <c r="ULX684" s="613"/>
      <c r="ULY684" s="613"/>
      <c r="ULZ684" s="613"/>
      <c r="UMA684" s="613"/>
      <c r="UMB684" s="613"/>
      <c r="UMC684" s="613"/>
      <c r="UMD684" s="613"/>
      <c r="UME684" s="613"/>
      <c r="UMF684" s="613"/>
      <c r="UMG684" s="613"/>
      <c r="UMH684" s="613"/>
      <c r="UMI684" s="613"/>
      <c r="UMJ684" s="613"/>
      <c r="UMK684" s="613"/>
      <c r="UML684" s="613"/>
      <c r="UMM684" s="613"/>
      <c r="UMN684" s="613"/>
      <c r="UMO684" s="613"/>
      <c r="UMP684" s="613"/>
      <c r="UMQ684" s="613"/>
      <c r="UMR684" s="613"/>
      <c r="UMS684" s="613"/>
      <c r="UMT684" s="613"/>
      <c r="UMU684" s="613"/>
      <c r="UMV684" s="613"/>
      <c r="UMW684" s="613"/>
      <c r="UMX684" s="613"/>
      <c r="UMY684" s="613"/>
      <c r="UMZ684" s="613"/>
      <c r="UNA684" s="613"/>
      <c r="UNB684" s="613"/>
      <c r="UNC684" s="613"/>
      <c r="UND684" s="613"/>
      <c r="UNE684" s="613"/>
      <c r="UNF684" s="613"/>
      <c r="UNG684" s="613"/>
      <c r="UNH684" s="613"/>
      <c r="UNI684" s="613"/>
      <c r="UNJ684" s="613"/>
      <c r="UNK684" s="613"/>
      <c r="UNL684" s="613"/>
      <c r="UNM684" s="613"/>
      <c r="UNN684" s="613"/>
      <c r="UNO684" s="613"/>
      <c r="UNP684" s="613"/>
      <c r="UNQ684" s="613"/>
      <c r="UNR684" s="613"/>
      <c r="UNS684" s="613"/>
      <c r="UNT684" s="613"/>
      <c r="UNU684" s="613"/>
      <c r="UNV684" s="613"/>
      <c r="UNW684" s="613"/>
      <c r="UNX684" s="613"/>
      <c r="UNY684" s="613"/>
      <c r="UNZ684" s="613"/>
      <c r="UOA684" s="613"/>
      <c r="UOB684" s="613"/>
      <c r="UOC684" s="613"/>
      <c r="UOD684" s="613"/>
      <c r="UOE684" s="613"/>
      <c r="UOF684" s="613"/>
      <c r="UOG684" s="613"/>
      <c r="UOH684" s="613"/>
      <c r="UOI684" s="613"/>
      <c r="UOJ684" s="613"/>
      <c r="UOK684" s="613"/>
      <c r="UOL684" s="613"/>
      <c r="UOM684" s="613"/>
      <c r="UON684" s="613"/>
      <c r="UOO684" s="613"/>
      <c r="UOP684" s="613"/>
      <c r="UOQ684" s="613"/>
      <c r="UOR684" s="613"/>
      <c r="UOS684" s="613"/>
      <c r="UOT684" s="613"/>
      <c r="UOU684" s="613"/>
      <c r="UOV684" s="613"/>
      <c r="UOW684" s="613"/>
      <c r="UOX684" s="613"/>
      <c r="UOY684" s="613"/>
      <c r="UOZ684" s="613"/>
      <c r="UPA684" s="613"/>
      <c r="UPB684" s="613"/>
      <c r="UPC684" s="613"/>
      <c r="UPD684" s="613"/>
      <c r="UPE684" s="613"/>
      <c r="UPF684" s="613"/>
      <c r="UPG684" s="613"/>
      <c r="UPH684" s="613"/>
      <c r="UPI684" s="613"/>
      <c r="UPJ684" s="613"/>
      <c r="UPK684" s="613"/>
      <c r="UPL684" s="613"/>
      <c r="UPM684" s="613"/>
      <c r="UPN684" s="613"/>
      <c r="UPO684" s="613"/>
      <c r="UPP684" s="613"/>
      <c r="UPQ684" s="613"/>
      <c r="UPR684" s="613"/>
      <c r="UPS684" s="613"/>
      <c r="UPT684" s="613"/>
      <c r="UPU684" s="613"/>
      <c r="UPV684" s="613"/>
      <c r="UPW684" s="613"/>
      <c r="UPX684" s="613"/>
      <c r="UPY684" s="613"/>
      <c r="UPZ684" s="613"/>
      <c r="UQA684" s="613"/>
      <c r="UQB684" s="613"/>
      <c r="UQC684" s="613"/>
      <c r="UQD684" s="613"/>
      <c r="UQE684" s="613"/>
      <c r="UQF684" s="613"/>
      <c r="UQG684" s="613"/>
      <c r="UQH684" s="613"/>
      <c r="UQI684" s="613"/>
      <c r="UQJ684" s="613"/>
      <c r="UQK684" s="613"/>
      <c r="UQL684" s="613"/>
      <c r="UQM684" s="613"/>
      <c r="UQN684" s="613"/>
      <c r="UQO684" s="613"/>
      <c r="UQP684" s="613"/>
      <c r="UQQ684" s="613"/>
      <c r="UQR684" s="613"/>
      <c r="UQS684" s="613"/>
      <c r="UQT684" s="613"/>
      <c r="UQU684" s="613"/>
      <c r="UQV684" s="613"/>
      <c r="UQW684" s="613"/>
      <c r="UQX684" s="613"/>
      <c r="UQY684" s="613"/>
      <c r="UQZ684" s="613"/>
      <c r="URA684" s="613"/>
      <c r="URB684" s="613"/>
      <c r="URC684" s="613"/>
      <c r="URD684" s="613"/>
      <c r="URE684" s="613"/>
      <c r="URF684" s="613"/>
      <c r="URG684" s="613"/>
      <c r="URH684" s="613"/>
      <c r="URI684" s="613"/>
      <c r="URJ684" s="613"/>
      <c r="URK684" s="613"/>
      <c r="URL684" s="613"/>
      <c r="URM684" s="613"/>
      <c r="URN684" s="613"/>
      <c r="URO684" s="613"/>
      <c r="URP684" s="613"/>
      <c r="URQ684" s="613"/>
      <c r="URR684" s="613"/>
      <c r="URS684" s="613"/>
      <c r="URT684" s="613"/>
      <c r="URU684" s="613"/>
      <c r="URV684" s="613"/>
      <c r="URW684" s="613"/>
      <c r="URX684" s="613"/>
      <c r="URY684" s="613"/>
      <c r="URZ684" s="613"/>
      <c r="USA684" s="613"/>
      <c r="USB684" s="613"/>
      <c r="USC684" s="613"/>
      <c r="USD684" s="613"/>
      <c r="USE684" s="613"/>
      <c r="USF684" s="613"/>
      <c r="USG684" s="613"/>
      <c r="USH684" s="613"/>
      <c r="USI684" s="613"/>
      <c r="USJ684" s="613"/>
      <c r="USK684" s="613"/>
      <c r="USL684" s="613"/>
      <c r="USM684" s="613"/>
      <c r="USN684" s="613"/>
      <c r="USO684" s="613"/>
      <c r="USP684" s="613"/>
      <c r="USQ684" s="613"/>
      <c r="USR684" s="613"/>
      <c r="USS684" s="613"/>
      <c r="UST684" s="613"/>
      <c r="USU684" s="613"/>
      <c r="USV684" s="613"/>
      <c r="USW684" s="613"/>
      <c r="USX684" s="613"/>
      <c r="USY684" s="613"/>
      <c r="USZ684" s="613"/>
      <c r="UTA684" s="613"/>
      <c r="UTB684" s="613"/>
      <c r="UTC684" s="613"/>
      <c r="UTD684" s="613"/>
      <c r="UTE684" s="613"/>
      <c r="UTF684" s="613"/>
      <c r="UTG684" s="613"/>
      <c r="UTH684" s="613"/>
      <c r="UTI684" s="613"/>
      <c r="UTJ684" s="613"/>
      <c r="UTK684" s="613"/>
      <c r="UTL684" s="613"/>
      <c r="UTM684" s="613"/>
      <c r="UTN684" s="613"/>
      <c r="UTO684" s="613"/>
      <c r="UTP684" s="613"/>
      <c r="UTQ684" s="613"/>
      <c r="UTR684" s="613"/>
      <c r="UTS684" s="613"/>
      <c r="UTT684" s="613"/>
      <c r="UTU684" s="613"/>
      <c r="UTV684" s="613"/>
      <c r="UTW684" s="613"/>
      <c r="UTX684" s="613"/>
      <c r="UTY684" s="613"/>
      <c r="UTZ684" s="613"/>
      <c r="UUA684" s="613"/>
      <c r="UUB684" s="613"/>
      <c r="UUC684" s="613"/>
      <c r="UUD684" s="613"/>
      <c r="UUE684" s="613"/>
      <c r="UUF684" s="613"/>
      <c r="UUG684" s="613"/>
      <c r="UUH684" s="613"/>
      <c r="UUI684" s="613"/>
      <c r="UUJ684" s="613"/>
      <c r="UUK684" s="613"/>
      <c r="UUL684" s="613"/>
      <c r="UUM684" s="613"/>
      <c r="UUN684" s="613"/>
      <c r="UUO684" s="613"/>
      <c r="UUP684" s="613"/>
      <c r="UUQ684" s="613"/>
      <c r="UUR684" s="613"/>
      <c r="UUS684" s="613"/>
      <c r="UUT684" s="613"/>
      <c r="UUU684" s="613"/>
      <c r="UUV684" s="613"/>
      <c r="UUW684" s="613"/>
      <c r="UUX684" s="613"/>
      <c r="UUY684" s="613"/>
      <c r="UUZ684" s="613"/>
      <c r="UVA684" s="613"/>
      <c r="UVB684" s="613"/>
      <c r="UVC684" s="613"/>
      <c r="UVD684" s="613"/>
      <c r="UVE684" s="613"/>
      <c r="UVF684" s="613"/>
      <c r="UVG684" s="613"/>
      <c r="UVH684" s="613"/>
      <c r="UVI684" s="613"/>
      <c r="UVJ684" s="613"/>
      <c r="UVK684" s="613"/>
      <c r="UVL684" s="613"/>
      <c r="UVM684" s="613"/>
      <c r="UVN684" s="613"/>
      <c r="UVO684" s="613"/>
      <c r="UVP684" s="613"/>
      <c r="UVQ684" s="613"/>
      <c r="UVR684" s="613"/>
      <c r="UVS684" s="613"/>
      <c r="UVT684" s="613"/>
      <c r="UVU684" s="613"/>
      <c r="UVV684" s="613"/>
      <c r="UVW684" s="613"/>
      <c r="UVX684" s="613"/>
      <c r="UVY684" s="613"/>
      <c r="UVZ684" s="613"/>
      <c r="UWA684" s="613"/>
      <c r="UWB684" s="613"/>
      <c r="UWC684" s="613"/>
      <c r="UWD684" s="613"/>
      <c r="UWE684" s="613"/>
      <c r="UWF684" s="613"/>
      <c r="UWG684" s="613"/>
      <c r="UWH684" s="613"/>
      <c r="UWI684" s="613"/>
      <c r="UWJ684" s="613"/>
      <c r="UWK684" s="613"/>
      <c r="UWL684" s="613"/>
      <c r="UWM684" s="613"/>
      <c r="UWN684" s="613"/>
      <c r="UWO684" s="613"/>
      <c r="UWP684" s="613"/>
      <c r="UWQ684" s="613"/>
      <c r="UWR684" s="613"/>
      <c r="UWS684" s="613"/>
      <c r="UWT684" s="613"/>
      <c r="UWU684" s="613"/>
      <c r="UWV684" s="613"/>
      <c r="UWW684" s="613"/>
      <c r="UWX684" s="613"/>
      <c r="UWY684" s="613"/>
      <c r="UWZ684" s="613"/>
      <c r="UXA684" s="613"/>
      <c r="UXB684" s="613"/>
      <c r="UXC684" s="613"/>
      <c r="UXD684" s="613"/>
      <c r="UXE684" s="613"/>
      <c r="UXF684" s="613"/>
      <c r="UXG684" s="613"/>
      <c r="UXH684" s="613"/>
      <c r="UXI684" s="613"/>
      <c r="UXJ684" s="613"/>
      <c r="UXK684" s="613"/>
      <c r="UXL684" s="613"/>
      <c r="UXM684" s="613"/>
      <c r="UXN684" s="613"/>
      <c r="UXO684" s="613"/>
      <c r="UXP684" s="613"/>
      <c r="UXQ684" s="613"/>
      <c r="UXR684" s="613"/>
      <c r="UXS684" s="613"/>
      <c r="UXT684" s="613"/>
      <c r="UXU684" s="613"/>
      <c r="UXV684" s="613"/>
      <c r="UXW684" s="613"/>
      <c r="UXX684" s="613"/>
      <c r="UXY684" s="613"/>
      <c r="UXZ684" s="613"/>
      <c r="UYA684" s="613"/>
      <c r="UYB684" s="613"/>
      <c r="UYC684" s="613"/>
      <c r="UYD684" s="613"/>
      <c r="UYE684" s="613"/>
      <c r="UYF684" s="613"/>
      <c r="UYG684" s="613"/>
      <c r="UYH684" s="613"/>
      <c r="UYI684" s="613"/>
      <c r="UYJ684" s="613"/>
      <c r="UYK684" s="613"/>
      <c r="UYL684" s="613"/>
      <c r="UYM684" s="613"/>
      <c r="UYN684" s="613"/>
      <c r="UYO684" s="613"/>
      <c r="UYP684" s="613"/>
      <c r="UYQ684" s="613"/>
      <c r="UYR684" s="613"/>
      <c r="UYS684" s="613"/>
      <c r="UYT684" s="613"/>
      <c r="UYU684" s="613"/>
      <c r="UYV684" s="613"/>
      <c r="UYW684" s="613"/>
      <c r="UYX684" s="613"/>
      <c r="UYY684" s="613"/>
      <c r="UYZ684" s="613"/>
      <c r="UZA684" s="613"/>
      <c r="UZB684" s="613"/>
      <c r="UZC684" s="613"/>
      <c r="UZD684" s="613"/>
      <c r="UZE684" s="613"/>
      <c r="UZF684" s="613"/>
      <c r="UZG684" s="613"/>
      <c r="UZH684" s="613"/>
      <c r="UZI684" s="613"/>
      <c r="UZJ684" s="613"/>
      <c r="UZK684" s="613"/>
      <c r="UZL684" s="613"/>
      <c r="UZM684" s="613"/>
      <c r="UZN684" s="613"/>
      <c r="UZO684" s="613"/>
      <c r="UZP684" s="613"/>
      <c r="UZQ684" s="613"/>
      <c r="UZR684" s="613"/>
      <c r="UZS684" s="613"/>
      <c r="UZT684" s="613"/>
      <c r="UZU684" s="613"/>
      <c r="UZV684" s="613"/>
      <c r="UZW684" s="613"/>
      <c r="UZX684" s="613"/>
      <c r="UZY684" s="613"/>
      <c r="UZZ684" s="613"/>
      <c r="VAA684" s="613"/>
      <c r="VAB684" s="613"/>
      <c r="VAC684" s="613"/>
      <c r="VAD684" s="613"/>
      <c r="VAE684" s="613"/>
      <c r="VAF684" s="613"/>
      <c r="VAG684" s="613"/>
      <c r="VAH684" s="613"/>
      <c r="VAI684" s="613"/>
      <c r="VAJ684" s="613"/>
      <c r="VAK684" s="613"/>
      <c r="VAL684" s="613"/>
      <c r="VAM684" s="613"/>
      <c r="VAN684" s="613"/>
      <c r="VAO684" s="613"/>
      <c r="VAP684" s="613"/>
      <c r="VAQ684" s="613"/>
      <c r="VAR684" s="613"/>
      <c r="VAS684" s="613"/>
      <c r="VAT684" s="613"/>
      <c r="VAU684" s="613"/>
      <c r="VAV684" s="613"/>
      <c r="VAW684" s="613"/>
      <c r="VAX684" s="613"/>
      <c r="VAY684" s="613"/>
      <c r="VAZ684" s="613"/>
      <c r="VBA684" s="613"/>
      <c r="VBB684" s="613"/>
      <c r="VBC684" s="613"/>
      <c r="VBD684" s="613"/>
      <c r="VBE684" s="613"/>
      <c r="VBF684" s="613"/>
      <c r="VBG684" s="613"/>
      <c r="VBH684" s="613"/>
      <c r="VBI684" s="613"/>
      <c r="VBJ684" s="613"/>
      <c r="VBK684" s="613"/>
      <c r="VBL684" s="613"/>
      <c r="VBM684" s="613"/>
      <c r="VBN684" s="613"/>
      <c r="VBO684" s="613"/>
      <c r="VBP684" s="613"/>
      <c r="VBQ684" s="613"/>
      <c r="VBR684" s="613"/>
      <c r="VBS684" s="613"/>
      <c r="VBT684" s="613"/>
      <c r="VBU684" s="613"/>
      <c r="VBV684" s="613"/>
      <c r="VBW684" s="613"/>
      <c r="VBX684" s="613"/>
      <c r="VBY684" s="613"/>
      <c r="VBZ684" s="613"/>
      <c r="VCA684" s="613"/>
      <c r="VCB684" s="613"/>
      <c r="VCC684" s="613"/>
      <c r="VCD684" s="613"/>
      <c r="VCE684" s="613"/>
      <c r="VCF684" s="613"/>
      <c r="VCG684" s="613"/>
      <c r="VCH684" s="613"/>
      <c r="VCI684" s="613"/>
      <c r="VCJ684" s="613"/>
      <c r="VCK684" s="613"/>
      <c r="VCL684" s="613"/>
      <c r="VCM684" s="613"/>
      <c r="VCN684" s="613"/>
      <c r="VCO684" s="613"/>
      <c r="VCP684" s="613"/>
      <c r="VCQ684" s="613"/>
      <c r="VCR684" s="613"/>
      <c r="VCS684" s="613"/>
      <c r="VCT684" s="613"/>
      <c r="VCU684" s="613"/>
      <c r="VCV684" s="613"/>
      <c r="VCW684" s="613"/>
      <c r="VCX684" s="613"/>
      <c r="VCY684" s="613"/>
      <c r="VCZ684" s="613"/>
      <c r="VDA684" s="613"/>
      <c r="VDB684" s="613"/>
      <c r="VDC684" s="613"/>
      <c r="VDD684" s="613"/>
      <c r="VDE684" s="613"/>
      <c r="VDF684" s="613"/>
      <c r="VDG684" s="613"/>
      <c r="VDH684" s="613"/>
      <c r="VDI684" s="613"/>
      <c r="VDJ684" s="613"/>
      <c r="VDK684" s="613"/>
      <c r="VDL684" s="613"/>
      <c r="VDM684" s="613"/>
      <c r="VDN684" s="613"/>
      <c r="VDO684" s="613"/>
      <c r="VDP684" s="613"/>
      <c r="VDQ684" s="613"/>
      <c r="VDR684" s="613"/>
      <c r="VDS684" s="613"/>
      <c r="VDT684" s="613"/>
      <c r="VDU684" s="613"/>
      <c r="VDV684" s="613"/>
      <c r="VDW684" s="613"/>
      <c r="VDX684" s="613"/>
      <c r="VDY684" s="613"/>
      <c r="VDZ684" s="613"/>
      <c r="VEA684" s="613"/>
      <c r="VEB684" s="613"/>
      <c r="VEC684" s="613"/>
      <c r="VED684" s="613"/>
      <c r="VEE684" s="613"/>
      <c r="VEF684" s="613"/>
      <c r="VEG684" s="613"/>
      <c r="VEH684" s="613"/>
      <c r="VEI684" s="613"/>
      <c r="VEJ684" s="613"/>
      <c r="VEK684" s="613"/>
      <c r="VEL684" s="613"/>
      <c r="VEM684" s="613"/>
      <c r="VEN684" s="613"/>
      <c r="VEO684" s="613"/>
      <c r="VEP684" s="613"/>
      <c r="VEQ684" s="613"/>
      <c r="VER684" s="613"/>
      <c r="VES684" s="613"/>
      <c r="VET684" s="613"/>
      <c r="VEU684" s="613"/>
      <c r="VEV684" s="613"/>
      <c r="VEW684" s="613"/>
      <c r="VEX684" s="613"/>
      <c r="VEY684" s="613"/>
      <c r="VEZ684" s="613"/>
      <c r="VFA684" s="613"/>
      <c r="VFB684" s="613"/>
      <c r="VFC684" s="613"/>
      <c r="VFD684" s="613"/>
      <c r="VFE684" s="613"/>
      <c r="VFF684" s="613"/>
      <c r="VFG684" s="613"/>
      <c r="VFH684" s="613"/>
      <c r="VFI684" s="613"/>
      <c r="VFJ684" s="613"/>
      <c r="VFK684" s="613"/>
      <c r="VFL684" s="613"/>
      <c r="VFM684" s="613"/>
      <c r="VFN684" s="613"/>
      <c r="VFO684" s="613"/>
      <c r="VFP684" s="613"/>
      <c r="VFQ684" s="613"/>
      <c r="VFR684" s="613"/>
      <c r="VFS684" s="613"/>
      <c r="VFT684" s="613"/>
      <c r="VFU684" s="613"/>
      <c r="VFV684" s="613"/>
      <c r="VFW684" s="613"/>
      <c r="VFX684" s="613"/>
      <c r="VFY684" s="613"/>
      <c r="VFZ684" s="613"/>
      <c r="VGA684" s="613"/>
      <c r="VGB684" s="613"/>
      <c r="VGC684" s="613"/>
      <c r="VGD684" s="613"/>
      <c r="VGE684" s="613"/>
      <c r="VGF684" s="613"/>
      <c r="VGG684" s="613"/>
      <c r="VGH684" s="613"/>
      <c r="VGI684" s="613"/>
      <c r="VGJ684" s="613"/>
      <c r="VGK684" s="613"/>
      <c r="VGL684" s="613"/>
      <c r="VGM684" s="613"/>
      <c r="VGN684" s="613"/>
      <c r="VGO684" s="613"/>
      <c r="VGP684" s="613"/>
      <c r="VGQ684" s="613"/>
      <c r="VGR684" s="613"/>
      <c r="VGS684" s="613"/>
      <c r="VGT684" s="613"/>
      <c r="VGU684" s="613"/>
      <c r="VGV684" s="613"/>
      <c r="VGW684" s="613"/>
      <c r="VGX684" s="613"/>
      <c r="VGY684" s="613"/>
      <c r="VGZ684" s="613"/>
      <c r="VHA684" s="613"/>
      <c r="VHB684" s="613"/>
      <c r="VHC684" s="613"/>
      <c r="VHD684" s="613"/>
      <c r="VHE684" s="613"/>
      <c r="VHF684" s="613"/>
      <c r="VHG684" s="613"/>
      <c r="VHH684" s="613"/>
      <c r="VHI684" s="613"/>
      <c r="VHJ684" s="613"/>
      <c r="VHK684" s="613"/>
      <c r="VHL684" s="613"/>
      <c r="VHM684" s="613"/>
      <c r="VHN684" s="613"/>
      <c r="VHO684" s="613"/>
      <c r="VHP684" s="613"/>
      <c r="VHQ684" s="613"/>
      <c r="VHR684" s="613"/>
      <c r="VHS684" s="613"/>
      <c r="VHT684" s="613"/>
      <c r="VHU684" s="613"/>
      <c r="VHV684" s="613"/>
      <c r="VHW684" s="613"/>
      <c r="VHX684" s="613"/>
      <c r="VHY684" s="613"/>
      <c r="VHZ684" s="613"/>
      <c r="VIA684" s="613"/>
      <c r="VIB684" s="613"/>
      <c r="VIC684" s="613"/>
      <c r="VID684" s="613"/>
      <c r="VIE684" s="613"/>
      <c r="VIF684" s="613"/>
      <c r="VIG684" s="613"/>
      <c r="VIH684" s="613"/>
      <c r="VII684" s="613"/>
      <c r="VIJ684" s="613"/>
      <c r="VIK684" s="613"/>
      <c r="VIL684" s="613"/>
      <c r="VIM684" s="613"/>
      <c r="VIN684" s="613"/>
      <c r="VIO684" s="613"/>
      <c r="VIP684" s="613"/>
      <c r="VIQ684" s="613"/>
      <c r="VIR684" s="613"/>
      <c r="VIS684" s="613"/>
      <c r="VIT684" s="613"/>
      <c r="VIU684" s="613"/>
      <c r="VIV684" s="613"/>
      <c r="VIW684" s="613"/>
      <c r="VIX684" s="613"/>
      <c r="VIY684" s="613"/>
      <c r="VIZ684" s="613"/>
      <c r="VJA684" s="613"/>
      <c r="VJB684" s="613"/>
      <c r="VJC684" s="613"/>
      <c r="VJD684" s="613"/>
      <c r="VJE684" s="613"/>
      <c r="VJF684" s="613"/>
      <c r="VJG684" s="613"/>
      <c r="VJH684" s="613"/>
      <c r="VJI684" s="613"/>
      <c r="VJJ684" s="613"/>
      <c r="VJK684" s="613"/>
      <c r="VJL684" s="613"/>
      <c r="VJM684" s="613"/>
      <c r="VJN684" s="613"/>
      <c r="VJO684" s="613"/>
      <c r="VJP684" s="613"/>
      <c r="VJQ684" s="613"/>
      <c r="VJR684" s="613"/>
      <c r="VJS684" s="613"/>
      <c r="VJT684" s="613"/>
      <c r="VJU684" s="613"/>
      <c r="VJV684" s="613"/>
      <c r="VJW684" s="613"/>
      <c r="VJX684" s="613"/>
      <c r="VJY684" s="613"/>
      <c r="VJZ684" s="613"/>
      <c r="VKA684" s="613"/>
      <c r="VKB684" s="613"/>
      <c r="VKC684" s="613"/>
      <c r="VKD684" s="613"/>
      <c r="VKE684" s="613"/>
      <c r="VKF684" s="613"/>
      <c r="VKG684" s="613"/>
      <c r="VKH684" s="613"/>
      <c r="VKI684" s="613"/>
      <c r="VKJ684" s="613"/>
      <c r="VKK684" s="613"/>
      <c r="VKL684" s="613"/>
      <c r="VKM684" s="613"/>
      <c r="VKN684" s="613"/>
      <c r="VKO684" s="613"/>
      <c r="VKP684" s="613"/>
      <c r="VKQ684" s="613"/>
      <c r="VKR684" s="613"/>
      <c r="VKS684" s="613"/>
      <c r="VKT684" s="613"/>
      <c r="VKU684" s="613"/>
      <c r="VKV684" s="613"/>
      <c r="VKW684" s="613"/>
      <c r="VKX684" s="613"/>
      <c r="VKY684" s="613"/>
      <c r="VKZ684" s="613"/>
      <c r="VLA684" s="613"/>
      <c r="VLB684" s="613"/>
      <c r="VLC684" s="613"/>
      <c r="VLD684" s="613"/>
      <c r="VLE684" s="613"/>
      <c r="VLF684" s="613"/>
      <c r="VLG684" s="613"/>
      <c r="VLH684" s="613"/>
      <c r="VLI684" s="613"/>
      <c r="VLJ684" s="613"/>
      <c r="VLK684" s="613"/>
      <c r="VLL684" s="613"/>
      <c r="VLM684" s="613"/>
      <c r="VLN684" s="613"/>
      <c r="VLO684" s="613"/>
      <c r="VLP684" s="613"/>
      <c r="VLQ684" s="613"/>
      <c r="VLR684" s="613"/>
      <c r="VLS684" s="613"/>
      <c r="VLT684" s="613"/>
      <c r="VLU684" s="613"/>
      <c r="VLV684" s="613"/>
      <c r="VLW684" s="613"/>
      <c r="VLX684" s="613"/>
      <c r="VLY684" s="613"/>
      <c r="VLZ684" s="613"/>
      <c r="VMA684" s="613"/>
      <c r="VMB684" s="613"/>
      <c r="VMC684" s="613"/>
      <c r="VMD684" s="613"/>
      <c r="VME684" s="613"/>
      <c r="VMF684" s="613"/>
      <c r="VMG684" s="613"/>
      <c r="VMH684" s="613"/>
      <c r="VMI684" s="613"/>
      <c r="VMJ684" s="613"/>
      <c r="VMK684" s="613"/>
      <c r="VML684" s="613"/>
      <c r="VMM684" s="613"/>
      <c r="VMN684" s="613"/>
      <c r="VMO684" s="613"/>
      <c r="VMP684" s="613"/>
      <c r="VMQ684" s="613"/>
      <c r="VMR684" s="613"/>
      <c r="VMS684" s="613"/>
      <c r="VMT684" s="613"/>
      <c r="VMU684" s="613"/>
      <c r="VMV684" s="613"/>
      <c r="VMW684" s="613"/>
      <c r="VMX684" s="613"/>
      <c r="VMY684" s="613"/>
      <c r="VMZ684" s="613"/>
      <c r="VNA684" s="613"/>
      <c r="VNB684" s="613"/>
      <c r="VNC684" s="613"/>
      <c r="VND684" s="613"/>
      <c r="VNE684" s="613"/>
      <c r="VNF684" s="613"/>
      <c r="VNG684" s="613"/>
      <c r="VNH684" s="613"/>
      <c r="VNI684" s="613"/>
      <c r="VNJ684" s="613"/>
      <c r="VNK684" s="613"/>
      <c r="VNL684" s="613"/>
      <c r="VNM684" s="613"/>
      <c r="VNN684" s="613"/>
      <c r="VNO684" s="613"/>
      <c r="VNP684" s="613"/>
      <c r="VNQ684" s="613"/>
      <c r="VNR684" s="613"/>
      <c r="VNS684" s="613"/>
      <c r="VNT684" s="613"/>
      <c r="VNU684" s="613"/>
      <c r="VNV684" s="613"/>
      <c r="VNW684" s="613"/>
      <c r="VNX684" s="613"/>
      <c r="VNY684" s="613"/>
      <c r="VNZ684" s="613"/>
      <c r="VOA684" s="613"/>
      <c r="VOB684" s="613"/>
      <c r="VOC684" s="613"/>
      <c r="VOD684" s="613"/>
      <c r="VOE684" s="613"/>
      <c r="VOF684" s="613"/>
      <c r="VOG684" s="613"/>
      <c r="VOH684" s="613"/>
      <c r="VOI684" s="613"/>
      <c r="VOJ684" s="613"/>
      <c r="VOK684" s="613"/>
      <c r="VOL684" s="613"/>
      <c r="VOM684" s="613"/>
      <c r="VON684" s="613"/>
      <c r="VOO684" s="613"/>
      <c r="VOP684" s="613"/>
      <c r="VOQ684" s="613"/>
      <c r="VOR684" s="613"/>
      <c r="VOS684" s="613"/>
      <c r="VOT684" s="613"/>
      <c r="VOU684" s="613"/>
      <c r="VOV684" s="613"/>
      <c r="VOW684" s="613"/>
      <c r="VOX684" s="613"/>
      <c r="VOY684" s="613"/>
      <c r="VOZ684" s="613"/>
      <c r="VPA684" s="613"/>
      <c r="VPB684" s="613"/>
      <c r="VPC684" s="613"/>
      <c r="VPD684" s="613"/>
      <c r="VPE684" s="613"/>
      <c r="VPF684" s="613"/>
      <c r="VPG684" s="613"/>
      <c r="VPH684" s="613"/>
      <c r="VPI684" s="613"/>
      <c r="VPJ684" s="613"/>
      <c r="VPK684" s="613"/>
      <c r="VPL684" s="613"/>
      <c r="VPM684" s="613"/>
      <c r="VPN684" s="613"/>
      <c r="VPO684" s="613"/>
      <c r="VPP684" s="613"/>
      <c r="VPQ684" s="613"/>
      <c r="VPR684" s="613"/>
      <c r="VPS684" s="613"/>
      <c r="VPT684" s="613"/>
      <c r="VPU684" s="613"/>
      <c r="VPV684" s="613"/>
      <c r="VPW684" s="613"/>
      <c r="VPX684" s="613"/>
      <c r="VPY684" s="613"/>
      <c r="VPZ684" s="613"/>
      <c r="VQA684" s="613"/>
      <c r="VQB684" s="613"/>
      <c r="VQC684" s="613"/>
      <c r="VQD684" s="613"/>
      <c r="VQE684" s="613"/>
      <c r="VQF684" s="613"/>
      <c r="VQG684" s="613"/>
      <c r="VQH684" s="613"/>
      <c r="VQI684" s="613"/>
      <c r="VQJ684" s="613"/>
      <c r="VQK684" s="613"/>
      <c r="VQL684" s="613"/>
      <c r="VQM684" s="613"/>
      <c r="VQN684" s="613"/>
      <c r="VQO684" s="613"/>
      <c r="VQP684" s="613"/>
      <c r="VQQ684" s="613"/>
      <c r="VQR684" s="613"/>
      <c r="VQS684" s="613"/>
      <c r="VQT684" s="613"/>
      <c r="VQU684" s="613"/>
      <c r="VQV684" s="613"/>
      <c r="VQW684" s="613"/>
      <c r="VQX684" s="613"/>
      <c r="VQY684" s="613"/>
      <c r="VQZ684" s="613"/>
      <c r="VRA684" s="613"/>
      <c r="VRB684" s="613"/>
      <c r="VRC684" s="613"/>
      <c r="VRD684" s="613"/>
      <c r="VRE684" s="613"/>
      <c r="VRF684" s="613"/>
      <c r="VRG684" s="613"/>
      <c r="VRH684" s="613"/>
      <c r="VRI684" s="613"/>
      <c r="VRJ684" s="613"/>
      <c r="VRK684" s="613"/>
      <c r="VRL684" s="613"/>
      <c r="VRM684" s="613"/>
      <c r="VRN684" s="613"/>
      <c r="VRO684" s="613"/>
      <c r="VRP684" s="613"/>
      <c r="VRQ684" s="613"/>
      <c r="VRR684" s="613"/>
      <c r="VRS684" s="613"/>
      <c r="VRT684" s="613"/>
      <c r="VRU684" s="613"/>
      <c r="VRV684" s="613"/>
      <c r="VRW684" s="613"/>
      <c r="VRX684" s="613"/>
      <c r="VRY684" s="613"/>
      <c r="VRZ684" s="613"/>
      <c r="VSA684" s="613"/>
      <c r="VSB684" s="613"/>
      <c r="VSC684" s="613"/>
      <c r="VSD684" s="613"/>
      <c r="VSE684" s="613"/>
      <c r="VSF684" s="613"/>
      <c r="VSG684" s="613"/>
      <c r="VSH684" s="613"/>
      <c r="VSI684" s="613"/>
      <c r="VSJ684" s="613"/>
      <c r="VSK684" s="613"/>
      <c r="VSL684" s="613"/>
      <c r="VSM684" s="613"/>
      <c r="VSN684" s="613"/>
      <c r="VSO684" s="613"/>
      <c r="VSP684" s="613"/>
      <c r="VSQ684" s="613"/>
      <c r="VSR684" s="613"/>
      <c r="VSS684" s="613"/>
      <c r="VST684" s="613"/>
      <c r="VSU684" s="613"/>
      <c r="VSV684" s="613"/>
      <c r="VSW684" s="613"/>
      <c r="VSX684" s="613"/>
      <c r="VSY684" s="613"/>
      <c r="VSZ684" s="613"/>
      <c r="VTA684" s="613"/>
      <c r="VTB684" s="613"/>
      <c r="VTC684" s="613"/>
      <c r="VTD684" s="613"/>
      <c r="VTE684" s="613"/>
      <c r="VTF684" s="613"/>
      <c r="VTG684" s="613"/>
      <c r="VTH684" s="613"/>
      <c r="VTI684" s="613"/>
      <c r="VTJ684" s="613"/>
      <c r="VTK684" s="613"/>
      <c r="VTL684" s="613"/>
      <c r="VTM684" s="613"/>
      <c r="VTN684" s="613"/>
      <c r="VTO684" s="613"/>
      <c r="VTP684" s="613"/>
      <c r="VTQ684" s="613"/>
      <c r="VTR684" s="613"/>
      <c r="VTS684" s="613"/>
      <c r="VTT684" s="613"/>
      <c r="VTU684" s="613"/>
      <c r="VTV684" s="613"/>
      <c r="VTW684" s="613"/>
      <c r="VTX684" s="613"/>
      <c r="VTY684" s="613"/>
      <c r="VTZ684" s="613"/>
      <c r="VUA684" s="613"/>
      <c r="VUB684" s="613"/>
      <c r="VUC684" s="613"/>
      <c r="VUD684" s="613"/>
      <c r="VUE684" s="613"/>
      <c r="VUF684" s="613"/>
      <c r="VUG684" s="613"/>
      <c r="VUH684" s="613"/>
      <c r="VUI684" s="613"/>
      <c r="VUJ684" s="613"/>
      <c r="VUK684" s="613"/>
      <c r="VUL684" s="613"/>
      <c r="VUM684" s="613"/>
      <c r="VUN684" s="613"/>
      <c r="VUO684" s="613"/>
      <c r="VUP684" s="613"/>
      <c r="VUQ684" s="613"/>
      <c r="VUR684" s="613"/>
      <c r="VUS684" s="613"/>
      <c r="VUT684" s="613"/>
      <c r="VUU684" s="613"/>
      <c r="VUV684" s="613"/>
      <c r="VUW684" s="613"/>
      <c r="VUX684" s="613"/>
      <c r="VUY684" s="613"/>
      <c r="VUZ684" s="613"/>
      <c r="VVA684" s="613"/>
      <c r="VVB684" s="613"/>
      <c r="VVC684" s="613"/>
      <c r="VVD684" s="613"/>
      <c r="VVE684" s="613"/>
      <c r="VVF684" s="613"/>
      <c r="VVG684" s="613"/>
      <c r="VVH684" s="613"/>
      <c r="VVI684" s="613"/>
      <c r="VVJ684" s="613"/>
      <c r="VVK684" s="613"/>
      <c r="VVL684" s="613"/>
      <c r="VVM684" s="613"/>
      <c r="VVN684" s="613"/>
      <c r="VVO684" s="613"/>
      <c r="VVP684" s="613"/>
      <c r="VVQ684" s="613"/>
      <c r="VVR684" s="613"/>
      <c r="VVS684" s="613"/>
      <c r="VVT684" s="613"/>
      <c r="VVU684" s="613"/>
      <c r="VVV684" s="613"/>
      <c r="VVW684" s="613"/>
      <c r="VVX684" s="613"/>
      <c r="VVY684" s="613"/>
      <c r="VVZ684" s="613"/>
      <c r="VWA684" s="613"/>
      <c r="VWB684" s="613"/>
      <c r="VWC684" s="613"/>
      <c r="VWD684" s="613"/>
      <c r="VWE684" s="613"/>
      <c r="VWF684" s="613"/>
      <c r="VWG684" s="613"/>
      <c r="VWH684" s="613"/>
      <c r="VWI684" s="613"/>
      <c r="VWJ684" s="613"/>
      <c r="VWK684" s="613"/>
      <c r="VWL684" s="613"/>
      <c r="VWM684" s="613"/>
      <c r="VWN684" s="613"/>
      <c r="VWO684" s="613"/>
      <c r="VWP684" s="613"/>
      <c r="VWQ684" s="613"/>
      <c r="VWR684" s="613"/>
      <c r="VWS684" s="613"/>
      <c r="VWT684" s="613"/>
      <c r="VWU684" s="613"/>
      <c r="VWV684" s="613"/>
      <c r="VWW684" s="613"/>
      <c r="VWX684" s="613"/>
      <c r="VWY684" s="613"/>
      <c r="VWZ684" s="613"/>
      <c r="VXA684" s="613"/>
      <c r="VXB684" s="613"/>
      <c r="VXC684" s="613"/>
      <c r="VXD684" s="613"/>
      <c r="VXE684" s="613"/>
      <c r="VXF684" s="613"/>
      <c r="VXG684" s="613"/>
      <c r="VXH684" s="613"/>
      <c r="VXI684" s="613"/>
      <c r="VXJ684" s="613"/>
      <c r="VXK684" s="613"/>
      <c r="VXL684" s="613"/>
      <c r="VXM684" s="613"/>
      <c r="VXN684" s="613"/>
      <c r="VXO684" s="613"/>
      <c r="VXP684" s="613"/>
      <c r="VXQ684" s="613"/>
      <c r="VXR684" s="613"/>
      <c r="VXS684" s="613"/>
      <c r="VXT684" s="613"/>
      <c r="VXU684" s="613"/>
      <c r="VXV684" s="613"/>
      <c r="VXW684" s="613"/>
      <c r="VXX684" s="613"/>
      <c r="VXY684" s="613"/>
      <c r="VXZ684" s="613"/>
      <c r="VYA684" s="613"/>
      <c r="VYB684" s="613"/>
      <c r="VYC684" s="613"/>
      <c r="VYD684" s="613"/>
      <c r="VYE684" s="613"/>
      <c r="VYF684" s="613"/>
      <c r="VYG684" s="613"/>
      <c r="VYH684" s="613"/>
      <c r="VYI684" s="613"/>
      <c r="VYJ684" s="613"/>
      <c r="VYK684" s="613"/>
      <c r="VYL684" s="613"/>
      <c r="VYM684" s="613"/>
      <c r="VYN684" s="613"/>
      <c r="VYO684" s="613"/>
      <c r="VYP684" s="613"/>
      <c r="VYQ684" s="613"/>
      <c r="VYR684" s="613"/>
      <c r="VYS684" s="613"/>
      <c r="VYT684" s="613"/>
      <c r="VYU684" s="613"/>
      <c r="VYV684" s="613"/>
      <c r="VYW684" s="613"/>
      <c r="VYX684" s="613"/>
      <c r="VYY684" s="613"/>
      <c r="VYZ684" s="613"/>
      <c r="VZA684" s="613"/>
      <c r="VZB684" s="613"/>
      <c r="VZC684" s="613"/>
      <c r="VZD684" s="613"/>
      <c r="VZE684" s="613"/>
      <c r="VZF684" s="613"/>
      <c r="VZG684" s="613"/>
      <c r="VZH684" s="613"/>
      <c r="VZI684" s="613"/>
      <c r="VZJ684" s="613"/>
      <c r="VZK684" s="613"/>
      <c r="VZL684" s="613"/>
      <c r="VZM684" s="613"/>
      <c r="VZN684" s="613"/>
      <c r="VZO684" s="613"/>
      <c r="VZP684" s="613"/>
      <c r="VZQ684" s="613"/>
      <c r="VZR684" s="613"/>
      <c r="VZS684" s="613"/>
      <c r="VZT684" s="613"/>
      <c r="VZU684" s="613"/>
      <c r="VZV684" s="613"/>
      <c r="VZW684" s="613"/>
      <c r="VZX684" s="613"/>
      <c r="VZY684" s="613"/>
      <c r="VZZ684" s="613"/>
      <c r="WAA684" s="613"/>
      <c r="WAB684" s="613"/>
      <c r="WAC684" s="613"/>
      <c r="WAD684" s="613"/>
      <c r="WAE684" s="613"/>
      <c r="WAF684" s="613"/>
      <c r="WAG684" s="613"/>
      <c r="WAH684" s="613"/>
      <c r="WAI684" s="613"/>
      <c r="WAJ684" s="613"/>
      <c r="WAK684" s="613"/>
      <c r="WAL684" s="613"/>
      <c r="WAM684" s="613"/>
      <c r="WAN684" s="613"/>
      <c r="WAO684" s="613"/>
      <c r="WAP684" s="613"/>
      <c r="WAQ684" s="613"/>
      <c r="WAR684" s="613"/>
      <c r="WAS684" s="613"/>
      <c r="WAT684" s="613"/>
      <c r="WAU684" s="613"/>
      <c r="WAV684" s="613"/>
      <c r="WAW684" s="613"/>
      <c r="WAX684" s="613"/>
      <c r="WAY684" s="613"/>
      <c r="WAZ684" s="613"/>
      <c r="WBA684" s="613"/>
      <c r="WBB684" s="613"/>
      <c r="WBC684" s="613"/>
      <c r="WBD684" s="613"/>
      <c r="WBE684" s="613"/>
      <c r="WBF684" s="613"/>
      <c r="WBG684" s="613"/>
      <c r="WBH684" s="613"/>
      <c r="WBI684" s="613"/>
      <c r="WBJ684" s="613"/>
      <c r="WBK684" s="613"/>
      <c r="WBL684" s="613"/>
      <c r="WBM684" s="613"/>
      <c r="WBN684" s="613"/>
      <c r="WBO684" s="613"/>
      <c r="WBP684" s="613"/>
      <c r="WBQ684" s="613"/>
      <c r="WBR684" s="613"/>
      <c r="WBS684" s="613"/>
      <c r="WBT684" s="613"/>
      <c r="WBU684" s="613"/>
      <c r="WBV684" s="613"/>
      <c r="WBW684" s="613"/>
      <c r="WBX684" s="613"/>
      <c r="WBY684" s="613"/>
      <c r="WBZ684" s="613"/>
      <c r="WCA684" s="613"/>
      <c r="WCB684" s="613"/>
      <c r="WCC684" s="613"/>
      <c r="WCD684" s="613"/>
      <c r="WCE684" s="613"/>
      <c r="WCF684" s="613"/>
      <c r="WCG684" s="613"/>
      <c r="WCH684" s="613"/>
      <c r="WCI684" s="613"/>
      <c r="WCJ684" s="613"/>
      <c r="WCK684" s="613"/>
      <c r="WCL684" s="613"/>
      <c r="WCM684" s="613"/>
      <c r="WCN684" s="613"/>
      <c r="WCO684" s="613"/>
      <c r="WCP684" s="613"/>
      <c r="WCQ684" s="613"/>
      <c r="WCR684" s="613"/>
      <c r="WCS684" s="613"/>
      <c r="WCT684" s="613"/>
      <c r="WCU684" s="613"/>
      <c r="WCV684" s="613"/>
      <c r="WCW684" s="613"/>
      <c r="WCX684" s="613"/>
      <c r="WCY684" s="613"/>
      <c r="WCZ684" s="613"/>
      <c r="WDA684" s="613"/>
      <c r="WDB684" s="613"/>
      <c r="WDC684" s="613"/>
      <c r="WDD684" s="613"/>
      <c r="WDE684" s="613"/>
      <c r="WDF684" s="613"/>
      <c r="WDG684" s="613"/>
      <c r="WDH684" s="613"/>
      <c r="WDI684" s="613"/>
      <c r="WDJ684" s="613"/>
      <c r="WDK684" s="613"/>
      <c r="WDL684" s="613"/>
      <c r="WDM684" s="613"/>
      <c r="WDN684" s="613"/>
      <c r="WDO684" s="613"/>
      <c r="WDP684" s="613"/>
      <c r="WDQ684" s="613"/>
      <c r="WDR684" s="613"/>
      <c r="WDS684" s="613"/>
      <c r="WDT684" s="613"/>
      <c r="WDU684" s="613"/>
      <c r="WDV684" s="613"/>
      <c r="WDW684" s="613"/>
      <c r="WDX684" s="613"/>
      <c r="WDY684" s="613"/>
      <c r="WDZ684" s="613"/>
      <c r="WEA684" s="613"/>
      <c r="WEB684" s="613"/>
      <c r="WEC684" s="613"/>
      <c r="WED684" s="613"/>
      <c r="WEE684" s="613"/>
      <c r="WEF684" s="613"/>
      <c r="WEG684" s="613"/>
      <c r="WEH684" s="613"/>
      <c r="WEI684" s="613"/>
      <c r="WEJ684" s="613"/>
      <c r="WEK684" s="613"/>
      <c r="WEL684" s="613"/>
      <c r="WEM684" s="613"/>
      <c r="WEN684" s="613"/>
      <c r="WEO684" s="613"/>
      <c r="WEP684" s="613"/>
      <c r="WEQ684" s="613"/>
      <c r="WER684" s="613"/>
      <c r="WES684" s="613"/>
      <c r="WET684" s="613"/>
      <c r="WEU684" s="613"/>
      <c r="WEV684" s="613"/>
      <c r="WEW684" s="613"/>
      <c r="WEX684" s="613"/>
      <c r="WEY684" s="613"/>
      <c r="WEZ684" s="613"/>
      <c r="WFA684" s="613"/>
      <c r="WFB684" s="613"/>
      <c r="WFC684" s="613"/>
      <c r="WFD684" s="613"/>
      <c r="WFE684" s="613"/>
      <c r="WFF684" s="613"/>
      <c r="WFG684" s="613"/>
      <c r="WFH684" s="613"/>
      <c r="WFI684" s="613"/>
      <c r="WFJ684" s="613"/>
      <c r="WFK684" s="613"/>
      <c r="WFL684" s="613"/>
      <c r="WFM684" s="613"/>
      <c r="WFN684" s="613"/>
      <c r="WFO684" s="613"/>
      <c r="WFP684" s="613"/>
      <c r="WFQ684" s="613"/>
      <c r="WFR684" s="613"/>
      <c r="WFS684" s="613"/>
      <c r="WFT684" s="613"/>
      <c r="WFU684" s="613"/>
      <c r="WFV684" s="613"/>
      <c r="WFW684" s="613"/>
      <c r="WFX684" s="613"/>
      <c r="WFY684" s="613"/>
      <c r="WFZ684" s="613"/>
      <c r="WGA684" s="613"/>
      <c r="WGB684" s="613"/>
      <c r="WGC684" s="613"/>
      <c r="WGD684" s="613"/>
      <c r="WGE684" s="613"/>
      <c r="WGF684" s="613"/>
      <c r="WGG684" s="613"/>
      <c r="WGH684" s="613"/>
      <c r="WGI684" s="613"/>
      <c r="WGJ684" s="613"/>
      <c r="WGK684" s="613"/>
      <c r="WGL684" s="613"/>
      <c r="WGM684" s="613"/>
      <c r="WGN684" s="613"/>
      <c r="WGO684" s="613"/>
      <c r="WGP684" s="613"/>
      <c r="WGQ684" s="613"/>
      <c r="WGR684" s="613"/>
      <c r="WGS684" s="613"/>
      <c r="WGT684" s="613"/>
      <c r="WGU684" s="613"/>
      <c r="WGV684" s="613"/>
      <c r="WGW684" s="613"/>
      <c r="WGX684" s="613"/>
      <c r="WGY684" s="613"/>
      <c r="WGZ684" s="613"/>
      <c r="WHA684" s="613"/>
      <c r="WHB684" s="613"/>
      <c r="WHC684" s="613"/>
      <c r="WHD684" s="613"/>
      <c r="WHE684" s="613"/>
      <c r="WHF684" s="613"/>
      <c r="WHG684" s="613"/>
      <c r="WHH684" s="613"/>
      <c r="WHI684" s="613"/>
      <c r="WHJ684" s="613"/>
      <c r="WHK684" s="613"/>
      <c r="WHL684" s="613"/>
      <c r="WHM684" s="613"/>
      <c r="WHN684" s="613"/>
      <c r="WHO684" s="613"/>
      <c r="WHP684" s="613"/>
      <c r="WHQ684" s="613"/>
      <c r="WHR684" s="613"/>
      <c r="WHS684" s="613"/>
      <c r="WHT684" s="613"/>
      <c r="WHU684" s="613"/>
      <c r="WHV684" s="613"/>
      <c r="WHW684" s="613"/>
      <c r="WHX684" s="613"/>
      <c r="WHY684" s="613"/>
      <c r="WHZ684" s="613"/>
      <c r="WIA684" s="613"/>
      <c r="WIB684" s="613"/>
      <c r="WIC684" s="613"/>
      <c r="WID684" s="613"/>
      <c r="WIE684" s="613"/>
      <c r="WIF684" s="613"/>
      <c r="WIG684" s="613"/>
      <c r="WIH684" s="613"/>
      <c r="WII684" s="613"/>
      <c r="WIJ684" s="613"/>
      <c r="WIK684" s="613"/>
      <c r="WIL684" s="613"/>
      <c r="WIM684" s="613"/>
      <c r="WIN684" s="613"/>
      <c r="WIO684" s="613"/>
      <c r="WIP684" s="613"/>
      <c r="WIQ684" s="613"/>
      <c r="WIR684" s="613"/>
      <c r="WIS684" s="613"/>
      <c r="WIT684" s="613"/>
      <c r="WIU684" s="613"/>
      <c r="WIV684" s="613"/>
      <c r="WIW684" s="613"/>
      <c r="WIX684" s="613"/>
      <c r="WIY684" s="613"/>
      <c r="WIZ684" s="613"/>
      <c r="WJA684" s="613"/>
      <c r="WJB684" s="613"/>
      <c r="WJC684" s="613"/>
      <c r="WJD684" s="613"/>
      <c r="WJE684" s="613"/>
      <c r="WJF684" s="613"/>
      <c r="WJG684" s="613"/>
      <c r="WJH684" s="613"/>
      <c r="WJI684" s="613"/>
      <c r="WJJ684" s="613"/>
      <c r="WJK684" s="613"/>
      <c r="WJL684" s="613"/>
      <c r="WJM684" s="613"/>
      <c r="WJN684" s="613"/>
      <c r="WJO684" s="613"/>
      <c r="WJP684" s="613"/>
      <c r="WJQ684" s="613"/>
      <c r="WJR684" s="613"/>
      <c r="WJS684" s="613"/>
      <c r="WJT684" s="613"/>
      <c r="WJU684" s="613"/>
      <c r="WJV684" s="613"/>
      <c r="WJW684" s="613"/>
      <c r="WJX684" s="613"/>
      <c r="WJY684" s="613"/>
      <c r="WJZ684" s="613"/>
      <c r="WKA684" s="613"/>
      <c r="WKB684" s="613"/>
      <c r="WKC684" s="613"/>
      <c r="WKD684" s="613"/>
      <c r="WKE684" s="613"/>
      <c r="WKF684" s="613"/>
      <c r="WKG684" s="613"/>
      <c r="WKH684" s="613"/>
      <c r="WKI684" s="613"/>
      <c r="WKJ684" s="613"/>
      <c r="WKK684" s="613"/>
      <c r="WKL684" s="613"/>
      <c r="WKM684" s="613"/>
      <c r="WKN684" s="613"/>
      <c r="WKO684" s="613"/>
      <c r="WKP684" s="613"/>
      <c r="WKQ684" s="613"/>
      <c r="WKR684" s="613"/>
      <c r="WKS684" s="613"/>
      <c r="WKT684" s="613"/>
      <c r="WKU684" s="613"/>
      <c r="WKV684" s="613"/>
      <c r="WKW684" s="613"/>
      <c r="WKX684" s="613"/>
      <c r="WKY684" s="613"/>
      <c r="WKZ684" s="613"/>
      <c r="WLA684" s="613"/>
      <c r="WLB684" s="613"/>
      <c r="WLC684" s="613"/>
      <c r="WLD684" s="613"/>
      <c r="WLE684" s="613"/>
      <c r="WLF684" s="613"/>
      <c r="WLG684" s="613"/>
      <c r="WLH684" s="613"/>
      <c r="WLI684" s="613"/>
      <c r="WLJ684" s="613"/>
      <c r="WLK684" s="613"/>
      <c r="WLL684" s="613"/>
      <c r="WLM684" s="613"/>
      <c r="WLN684" s="613"/>
      <c r="WLO684" s="613"/>
      <c r="WLP684" s="613"/>
      <c r="WLQ684" s="613"/>
      <c r="WLR684" s="613"/>
      <c r="WLS684" s="613"/>
      <c r="WLT684" s="613"/>
      <c r="WLU684" s="613"/>
      <c r="WLV684" s="613"/>
      <c r="WLW684" s="613"/>
      <c r="WLX684" s="613"/>
      <c r="WLY684" s="613"/>
      <c r="WLZ684" s="613"/>
      <c r="WMA684" s="613"/>
      <c r="WMB684" s="613"/>
      <c r="WMC684" s="613"/>
      <c r="WMD684" s="613"/>
      <c r="WME684" s="613"/>
      <c r="WMF684" s="613"/>
      <c r="WMG684" s="613"/>
      <c r="WMH684" s="613"/>
      <c r="WMI684" s="613"/>
      <c r="WMJ684" s="613"/>
      <c r="WMK684" s="613"/>
      <c r="WML684" s="613"/>
      <c r="WMM684" s="613"/>
      <c r="WMN684" s="613"/>
      <c r="WMO684" s="613"/>
      <c r="WMP684" s="613"/>
      <c r="WMQ684" s="613"/>
      <c r="WMR684" s="613"/>
      <c r="WMS684" s="613"/>
      <c r="WMT684" s="613"/>
      <c r="WMU684" s="613"/>
      <c r="WMV684" s="613"/>
      <c r="WMW684" s="613"/>
      <c r="WMX684" s="613"/>
      <c r="WMY684" s="613"/>
      <c r="WMZ684" s="613"/>
      <c r="WNA684" s="613"/>
      <c r="WNB684" s="613"/>
      <c r="WNC684" s="613"/>
      <c r="WND684" s="613"/>
      <c r="WNE684" s="613"/>
      <c r="WNF684" s="613"/>
      <c r="WNG684" s="613"/>
      <c r="WNH684" s="613"/>
      <c r="WNI684" s="613"/>
      <c r="WNJ684" s="613"/>
      <c r="WNK684" s="613"/>
      <c r="WNL684" s="613"/>
      <c r="WNM684" s="613"/>
      <c r="WNN684" s="613"/>
      <c r="WNO684" s="613"/>
      <c r="WNP684" s="613"/>
      <c r="WNQ684" s="613"/>
      <c r="WNR684" s="613"/>
      <c r="WNS684" s="613"/>
      <c r="WNT684" s="613"/>
      <c r="WNU684" s="613"/>
      <c r="WNV684" s="613"/>
      <c r="WNW684" s="613"/>
      <c r="WNX684" s="613"/>
      <c r="WNY684" s="613"/>
      <c r="WNZ684" s="613"/>
      <c r="WOA684" s="613"/>
      <c r="WOB684" s="613"/>
      <c r="WOC684" s="613"/>
      <c r="WOD684" s="613"/>
      <c r="WOE684" s="613"/>
      <c r="WOF684" s="613"/>
      <c r="WOG684" s="613"/>
      <c r="WOH684" s="613"/>
      <c r="WOI684" s="613"/>
      <c r="WOJ684" s="613"/>
      <c r="WOK684" s="613"/>
      <c r="WOL684" s="613"/>
      <c r="WOM684" s="613"/>
      <c r="WON684" s="613"/>
      <c r="WOO684" s="613"/>
      <c r="WOP684" s="613"/>
      <c r="WOQ684" s="613"/>
      <c r="WOR684" s="613"/>
      <c r="WOS684" s="613"/>
      <c r="WOT684" s="613"/>
      <c r="WOU684" s="613"/>
      <c r="WOV684" s="613"/>
      <c r="WOW684" s="613"/>
      <c r="WOX684" s="613"/>
      <c r="WOY684" s="613"/>
      <c r="WOZ684" s="613"/>
      <c r="WPA684" s="613"/>
      <c r="WPB684" s="613"/>
      <c r="WPC684" s="613"/>
      <c r="WPD684" s="613"/>
      <c r="WPE684" s="613"/>
      <c r="WPF684" s="613"/>
      <c r="WPG684" s="613"/>
      <c r="WPH684" s="613"/>
      <c r="WPI684" s="613"/>
      <c r="WPJ684" s="613"/>
      <c r="WPK684" s="613"/>
      <c r="WPL684" s="613"/>
      <c r="WPM684" s="613"/>
      <c r="WPN684" s="613"/>
      <c r="WPO684" s="613"/>
      <c r="WPP684" s="613"/>
      <c r="WPQ684" s="613"/>
      <c r="WPR684" s="613"/>
      <c r="WPS684" s="613"/>
      <c r="WPT684" s="613"/>
      <c r="WPU684" s="613"/>
      <c r="WPV684" s="613"/>
      <c r="WPW684" s="613"/>
      <c r="WPX684" s="613"/>
      <c r="WPY684" s="613"/>
      <c r="WPZ684" s="613"/>
      <c r="WQA684" s="613"/>
      <c r="WQB684" s="613"/>
      <c r="WQC684" s="613"/>
      <c r="WQD684" s="613"/>
      <c r="WQE684" s="613"/>
      <c r="WQF684" s="613"/>
      <c r="WQG684" s="613"/>
      <c r="WQH684" s="613"/>
      <c r="WQI684" s="613"/>
      <c r="WQJ684" s="613"/>
      <c r="WQK684" s="613"/>
      <c r="WQL684" s="613"/>
      <c r="WQM684" s="613"/>
      <c r="WQN684" s="613"/>
      <c r="WQO684" s="613"/>
      <c r="WQP684" s="613"/>
      <c r="WQQ684" s="613"/>
      <c r="WQR684" s="613"/>
      <c r="WQS684" s="613"/>
      <c r="WQT684" s="613"/>
      <c r="WQU684" s="613"/>
      <c r="WQV684" s="613"/>
      <c r="WQW684" s="613"/>
      <c r="WQX684" s="613"/>
      <c r="WQY684" s="613"/>
      <c r="WQZ684" s="613"/>
      <c r="WRA684" s="613"/>
      <c r="WRB684" s="613"/>
      <c r="WRC684" s="613"/>
      <c r="WRD684" s="613"/>
      <c r="WRE684" s="613"/>
      <c r="WRF684" s="613"/>
      <c r="WRG684" s="613"/>
      <c r="WRH684" s="613"/>
      <c r="WRI684" s="613"/>
      <c r="WRJ684" s="613"/>
      <c r="WRK684" s="613"/>
      <c r="WRL684" s="613"/>
      <c r="WRM684" s="613"/>
      <c r="WRN684" s="613"/>
      <c r="WRO684" s="613"/>
      <c r="WRP684" s="613"/>
      <c r="WRQ684" s="613"/>
      <c r="WRR684" s="613"/>
      <c r="WRS684" s="613"/>
      <c r="WRT684" s="613"/>
      <c r="WRU684" s="613"/>
      <c r="WRV684" s="613"/>
      <c r="WRW684" s="613"/>
      <c r="WRX684" s="613"/>
      <c r="WRY684" s="613"/>
      <c r="WRZ684" s="613"/>
      <c r="WSA684" s="613"/>
      <c r="WSB684" s="613"/>
      <c r="WSC684" s="613"/>
      <c r="WSD684" s="613"/>
      <c r="WSE684" s="613"/>
      <c r="WSF684" s="613"/>
      <c r="WSG684" s="613"/>
      <c r="WSH684" s="613"/>
      <c r="WSI684" s="613"/>
      <c r="WSJ684" s="613"/>
      <c r="WSK684" s="613"/>
      <c r="WSL684" s="613"/>
      <c r="WSM684" s="613"/>
      <c r="WSN684" s="613"/>
      <c r="WSO684" s="613"/>
      <c r="WSP684" s="613"/>
      <c r="WSQ684" s="613"/>
      <c r="WSR684" s="613"/>
      <c r="WSS684" s="613"/>
      <c r="WST684" s="613"/>
      <c r="WSU684" s="613"/>
      <c r="WSV684" s="613"/>
      <c r="WSW684" s="613"/>
      <c r="WSX684" s="613"/>
      <c r="WSY684" s="613"/>
      <c r="WSZ684" s="613"/>
      <c r="WTA684" s="613"/>
      <c r="WTB684" s="613"/>
      <c r="WTC684" s="613"/>
      <c r="WTD684" s="613"/>
      <c r="WTE684" s="613"/>
      <c r="WTF684" s="613"/>
      <c r="WTG684" s="613"/>
      <c r="WTH684" s="613"/>
      <c r="WTI684" s="613"/>
      <c r="WTJ684" s="613"/>
      <c r="WTK684" s="613"/>
      <c r="WTL684" s="613"/>
      <c r="WTM684" s="613"/>
      <c r="WTN684" s="613"/>
      <c r="WTO684" s="613"/>
      <c r="WTP684" s="613"/>
      <c r="WTQ684" s="613"/>
      <c r="WTR684" s="613"/>
      <c r="WTS684" s="613"/>
      <c r="WTT684" s="613"/>
      <c r="WTU684" s="613"/>
      <c r="WTV684" s="613"/>
      <c r="WTW684" s="613"/>
      <c r="WTX684" s="613"/>
      <c r="WTY684" s="613"/>
      <c r="WTZ684" s="613"/>
      <c r="WUA684" s="613"/>
      <c r="WUB684" s="613"/>
      <c r="WUC684" s="613"/>
      <c r="WUD684" s="613"/>
      <c r="WUE684" s="613"/>
      <c r="WUF684" s="613"/>
      <c r="WUG684" s="613"/>
      <c r="WUH684" s="613"/>
      <c r="WUI684" s="613"/>
      <c r="WUJ684" s="613"/>
      <c r="WUK684" s="613"/>
      <c r="WUL684" s="613"/>
      <c r="WUM684" s="613"/>
      <c r="WUN684" s="613"/>
      <c r="WUO684" s="613"/>
      <c r="WUP684" s="613"/>
      <c r="WUQ684" s="613"/>
      <c r="WUR684" s="613"/>
      <c r="WUS684" s="613"/>
      <c r="WUT684" s="613"/>
      <c r="WUU684" s="613"/>
      <c r="WUV684" s="613"/>
      <c r="WUW684" s="613"/>
      <c r="WUX684" s="613"/>
      <c r="WUY684" s="613"/>
      <c r="WUZ684" s="613"/>
      <c r="WVA684" s="613"/>
      <c r="WVB684" s="613"/>
      <c r="WVC684" s="613"/>
      <c r="WVD684" s="613"/>
      <c r="WVE684" s="613"/>
      <c r="WVF684" s="613"/>
      <c r="WVG684" s="613"/>
      <c r="WVH684" s="613"/>
      <c r="WVI684" s="613"/>
      <c r="WVJ684" s="613"/>
      <c r="WVK684" s="613"/>
      <c r="WVL684" s="613"/>
      <c r="WVM684" s="613"/>
      <c r="WVN684" s="613"/>
      <c r="WVO684" s="613"/>
      <c r="WVP684" s="613"/>
      <c r="WVQ684" s="613"/>
      <c r="WVR684" s="613"/>
      <c r="WVS684" s="613"/>
      <c r="WVT684" s="613"/>
      <c r="WVU684" s="613"/>
      <c r="WVV684" s="613"/>
      <c r="WVW684" s="613"/>
      <c r="WVX684" s="613"/>
      <c r="WVY684" s="613"/>
      <c r="WVZ684" s="613"/>
      <c r="WWA684" s="613"/>
      <c r="WWB684" s="613"/>
      <c r="WWC684" s="613"/>
      <c r="WWD684" s="613"/>
      <c r="WWE684" s="613"/>
      <c r="WWF684" s="613"/>
      <c r="WWG684" s="613"/>
      <c r="WWH684" s="613"/>
      <c r="WWI684" s="613"/>
      <c r="WWJ684" s="613"/>
      <c r="WWK684" s="613"/>
      <c r="WWL684" s="613"/>
      <c r="WWM684" s="613"/>
      <c r="WWN684" s="613"/>
      <c r="WWO684" s="613"/>
      <c r="WWP684" s="613"/>
      <c r="WWQ684" s="613"/>
      <c r="WWR684" s="613"/>
      <c r="WWS684" s="613"/>
      <c r="WWT684" s="613"/>
      <c r="WWU684" s="613"/>
      <c r="WWV684" s="613"/>
      <c r="WWW684" s="613"/>
      <c r="WWX684" s="613"/>
      <c r="WWY684" s="613"/>
      <c r="WWZ684" s="613"/>
      <c r="WXA684" s="613"/>
      <c r="WXB684" s="613"/>
      <c r="WXC684" s="613"/>
      <c r="WXD684" s="613"/>
      <c r="WXE684" s="613"/>
      <c r="WXF684" s="613"/>
      <c r="WXG684" s="613"/>
      <c r="WXH684" s="613"/>
      <c r="WXI684" s="613"/>
      <c r="WXJ684" s="613"/>
      <c r="WXK684" s="613"/>
      <c r="WXL684" s="613"/>
      <c r="WXM684" s="613"/>
      <c r="WXN684" s="613"/>
      <c r="WXO684" s="613"/>
      <c r="WXP684" s="613"/>
      <c r="WXQ684" s="613"/>
      <c r="WXR684" s="613"/>
      <c r="WXS684" s="613"/>
      <c r="WXT684" s="613"/>
      <c r="WXU684" s="613"/>
      <c r="WXV684" s="613"/>
      <c r="WXW684" s="613"/>
      <c r="WXX684" s="613"/>
      <c r="WXY684" s="613"/>
      <c r="WXZ684" s="613"/>
      <c r="WYA684" s="613"/>
      <c r="WYB684" s="613"/>
      <c r="WYC684" s="613"/>
      <c r="WYD684" s="613"/>
      <c r="WYE684" s="613"/>
      <c r="WYF684" s="613"/>
      <c r="WYG684" s="613"/>
      <c r="WYH684" s="613"/>
      <c r="WYI684" s="613"/>
      <c r="WYJ684" s="613"/>
      <c r="WYK684" s="613"/>
      <c r="WYL684" s="613"/>
      <c r="WYM684" s="613"/>
      <c r="WYN684" s="613"/>
      <c r="WYO684" s="613"/>
      <c r="WYP684" s="613"/>
      <c r="WYQ684" s="613"/>
      <c r="WYR684" s="613"/>
      <c r="WYS684" s="613"/>
      <c r="WYT684" s="613"/>
      <c r="WYU684" s="613"/>
      <c r="WYV684" s="613"/>
      <c r="WYW684" s="613"/>
      <c r="WYX684" s="613"/>
      <c r="WYY684" s="613"/>
      <c r="WYZ684" s="613"/>
      <c r="WZA684" s="613"/>
      <c r="WZB684" s="613"/>
      <c r="WZC684" s="613"/>
      <c r="WZD684" s="613"/>
      <c r="WZE684" s="613"/>
      <c r="WZF684" s="613"/>
      <c r="WZG684" s="613"/>
      <c r="WZH684" s="613"/>
      <c r="WZI684" s="613"/>
      <c r="WZJ684" s="613"/>
      <c r="WZK684" s="613"/>
      <c r="WZL684" s="613"/>
      <c r="WZM684" s="613"/>
      <c r="WZN684" s="613"/>
      <c r="WZO684" s="613"/>
      <c r="WZP684" s="613"/>
      <c r="WZQ684" s="613"/>
      <c r="WZR684" s="613"/>
      <c r="WZS684" s="613"/>
      <c r="WZT684" s="613"/>
      <c r="WZU684" s="613"/>
      <c r="WZV684" s="613"/>
      <c r="WZW684" s="613"/>
      <c r="WZX684" s="613"/>
      <c r="WZY684" s="613"/>
      <c r="WZZ684" s="613"/>
      <c r="XAA684" s="613"/>
      <c r="XAB684" s="613"/>
      <c r="XAC684" s="613"/>
      <c r="XAD684" s="613"/>
      <c r="XAE684" s="613"/>
      <c r="XAF684" s="613"/>
      <c r="XAG684" s="613"/>
      <c r="XAH684" s="613"/>
      <c r="XAI684" s="613"/>
      <c r="XAJ684" s="613"/>
      <c r="XAK684" s="613"/>
      <c r="XAL684" s="613"/>
      <c r="XAM684" s="613"/>
      <c r="XAN684" s="613"/>
      <c r="XAO684" s="613"/>
      <c r="XAP684" s="613"/>
      <c r="XAQ684" s="613"/>
      <c r="XAR684" s="613"/>
      <c r="XAS684" s="613"/>
      <c r="XAT684" s="613"/>
      <c r="XAU684" s="613"/>
      <c r="XAV684" s="613"/>
      <c r="XAW684" s="613"/>
      <c r="XAX684" s="613"/>
      <c r="XAY684" s="613"/>
      <c r="XAZ684" s="613"/>
      <c r="XBA684" s="613"/>
      <c r="XBB684" s="613"/>
      <c r="XBC684" s="613"/>
      <c r="XBD684" s="613"/>
      <c r="XBE684" s="613"/>
      <c r="XBF684" s="613"/>
      <c r="XBG684" s="613"/>
      <c r="XBH684" s="613"/>
      <c r="XBI684" s="613"/>
      <c r="XBJ684" s="613"/>
      <c r="XBK684" s="613"/>
      <c r="XBL684" s="613"/>
      <c r="XBM684" s="613"/>
      <c r="XBN684" s="613"/>
      <c r="XBO684" s="613"/>
      <c r="XBP684" s="613"/>
      <c r="XBQ684" s="613"/>
      <c r="XBR684" s="613"/>
      <c r="XBS684" s="613"/>
      <c r="XBT684" s="613"/>
      <c r="XBU684" s="613"/>
      <c r="XBV684" s="613"/>
      <c r="XBW684" s="613"/>
      <c r="XBX684" s="613"/>
      <c r="XBY684" s="613"/>
      <c r="XBZ684" s="613"/>
      <c r="XCA684" s="613"/>
      <c r="XCB684" s="613"/>
      <c r="XCC684" s="613"/>
      <c r="XCD684" s="613"/>
      <c r="XCE684" s="613"/>
      <c r="XCF684" s="613"/>
      <c r="XCG684" s="613"/>
      <c r="XCH684" s="613"/>
      <c r="XCI684" s="613"/>
      <c r="XCJ684" s="613"/>
      <c r="XCK684" s="613"/>
      <c r="XCL684" s="613"/>
      <c r="XCM684" s="613"/>
      <c r="XCN684" s="613"/>
      <c r="XCO684" s="613"/>
      <c r="XCP684" s="613"/>
      <c r="XCQ684" s="613"/>
    </row>
    <row r="685" spans="1:16319" ht="56.1" customHeight="1" x14ac:dyDescent="0.2">
      <c r="A685" s="273" t="s">
        <v>3016</v>
      </c>
      <c r="B685" s="499"/>
      <c r="C685" s="77"/>
      <c r="D685" s="481">
        <v>246</v>
      </c>
      <c r="E685" s="481"/>
      <c r="F685" s="481" t="s">
        <v>2481</v>
      </c>
      <c r="G685" s="482" t="s">
        <v>53</v>
      </c>
      <c r="H685" s="481" t="s">
        <v>329</v>
      </c>
      <c r="I685" s="654" t="s">
        <v>482</v>
      </c>
      <c r="J685" s="654" t="s">
        <v>483</v>
      </c>
      <c r="K685" s="495" t="s">
        <v>489</v>
      </c>
      <c r="L685" s="621"/>
      <c r="M685" s="484" t="s">
        <v>58</v>
      </c>
      <c r="N685" s="329" t="s">
        <v>1361</v>
      </c>
      <c r="O685" s="484" t="s">
        <v>2996</v>
      </c>
      <c r="P685" s="484" t="s">
        <v>81</v>
      </c>
      <c r="Q685" s="667" t="s">
        <v>334</v>
      </c>
      <c r="R685" s="484" t="s">
        <v>334</v>
      </c>
      <c r="S685" s="484" t="s">
        <v>225</v>
      </c>
      <c r="T685" s="484"/>
      <c r="U685" s="620" t="s">
        <v>63</v>
      </c>
      <c r="V685" s="620" t="s">
        <v>63</v>
      </c>
      <c r="W685" s="723">
        <v>112770</v>
      </c>
      <c r="X685" s="723"/>
      <c r="Y685" s="654" t="s">
        <v>226</v>
      </c>
      <c r="Z685" s="654"/>
      <c r="AA685" s="723">
        <v>112770</v>
      </c>
      <c r="AB685" s="652" t="s">
        <v>82</v>
      </c>
      <c r="AC685" s="652"/>
      <c r="AD685" s="496"/>
      <c r="AE685" s="487" t="s">
        <v>66</v>
      </c>
      <c r="AF685" s="496"/>
      <c r="AG685" s="496"/>
      <c r="AH685" s="496"/>
      <c r="AI685" s="496"/>
      <c r="AJ685" s="496"/>
      <c r="AK685" s="496"/>
      <c r="AL685" s="496"/>
      <c r="AM685" s="496"/>
      <c r="AN685" s="496"/>
      <c r="AO685" s="496"/>
      <c r="AP685" s="496"/>
      <c r="AQ685" s="496"/>
      <c r="AR685" s="496"/>
      <c r="AS685" s="496"/>
      <c r="AT685" s="496"/>
      <c r="AU685" s="487"/>
      <c r="AV685" s="487"/>
      <c r="AW685" s="487"/>
      <c r="AX685" s="487"/>
      <c r="AY685" s="487"/>
      <c r="AZ685" s="487"/>
      <c r="BA685" s="484"/>
      <c r="BB685" s="484" t="s">
        <v>485</v>
      </c>
      <c r="BC685" s="484" t="s">
        <v>3041</v>
      </c>
      <c r="BD685" s="494"/>
      <c r="BE685" s="494"/>
      <c r="BF685" s="613"/>
      <c r="BG685" s="613"/>
      <c r="BH685" s="613"/>
      <c r="BI685" s="613"/>
      <c r="BJ685" s="613"/>
      <c r="BK685" s="613"/>
      <c r="BL685" s="613"/>
      <c r="BM685" s="613"/>
      <c r="BN685" s="613"/>
      <c r="BO685" s="613"/>
      <c r="BP685" s="613"/>
      <c r="BQ685" s="613"/>
      <c r="BR685" s="613"/>
      <c r="BS685" s="613"/>
      <c r="BT685" s="613"/>
      <c r="BU685" s="613"/>
      <c r="BV685" s="613"/>
      <c r="BW685" s="613"/>
      <c r="BX685" s="613"/>
      <c r="BY685" s="613"/>
      <c r="BZ685" s="613"/>
      <c r="CA685" s="613"/>
      <c r="CB685" s="613"/>
      <c r="CC685" s="613"/>
      <c r="CD685" s="613"/>
      <c r="CE685" s="613"/>
      <c r="CF685" s="613"/>
      <c r="CG685" s="613"/>
      <c r="CH685" s="613"/>
      <c r="CI685" s="613"/>
      <c r="CJ685" s="613"/>
      <c r="CK685" s="613"/>
      <c r="CL685" s="613"/>
      <c r="CM685" s="613"/>
      <c r="CN685" s="613"/>
      <c r="CO685" s="613"/>
      <c r="CP685" s="613"/>
      <c r="CQ685" s="613"/>
      <c r="CR685" s="613"/>
      <c r="CS685" s="613"/>
      <c r="CT685" s="613"/>
      <c r="CU685" s="613"/>
      <c r="CV685" s="613"/>
      <c r="CW685" s="613"/>
      <c r="CX685" s="613"/>
      <c r="CY685" s="613"/>
      <c r="CZ685" s="613"/>
      <c r="DA685" s="613"/>
      <c r="DB685" s="613"/>
      <c r="DC685" s="613"/>
      <c r="DD685" s="613"/>
      <c r="DE685" s="613"/>
      <c r="DF685" s="613"/>
      <c r="DG685" s="613"/>
      <c r="DH685" s="613"/>
      <c r="DI685" s="613"/>
      <c r="DJ685" s="613"/>
      <c r="DK685" s="613"/>
      <c r="DL685" s="613"/>
      <c r="DM685" s="613"/>
      <c r="DN685" s="613"/>
      <c r="DO685" s="613"/>
      <c r="DP685" s="613"/>
      <c r="DQ685" s="613"/>
      <c r="DR685" s="613"/>
      <c r="DS685" s="613"/>
      <c r="DT685" s="613"/>
      <c r="DU685" s="613"/>
      <c r="DV685" s="613"/>
      <c r="DW685" s="613"/>
      <c r="DX685" s="613"/>
      <c r="DY685" s="613"/>
      <c r="DZ685" s="613"/>
      <c r="EA685" s="613"/>
      <c r="EB685" s="613"/>
      <c r="EC685" s="613"/>
      <c r="ED685" s="613"/>
      <c r="EE685" s="613"/>
      <c r="EF685" s="613"/>
      <c r="EG685" s="613"/>
      <c r="EH685" s="613"/>
      <c r="EI685" s="613"/>
      <c r="EJ685" s="613"/>
      <c r="EK685" s="613"/>
      <c r="EL685" s="613"/>
      <c r="EM685" s="613"/>
      <c r="EN685" s="613"/>
      <c r="EO685" s="613"/>
      <c r="EP685" s="613"/>
      <c r="EQ685" s="613"/>
      <c r="ER685" s="613"/>
      <c r="ES685" s="613"/>
      <c r="ET685" s="613"/>
      <c r="EU685" s="613"/>
      <c r="EV685" s="613"/>
      <c r="EW685" s="613"/>
      <c r="EX685" s="613"/>
      <c r="EY685" s="613"/>
      <c r="EZ685" s="613"/>
      <c r="FA685" s="613"/>
      <c r="FB685" s="613"/>
      <c r="FC685" s="613"/>
      <c r="FD685" s="613"/>
      <c r="FE685" s="613"/>
      <c r="FF685" s="613"/>
      <c r="FG685" s="613"/>
      <c r="FH685" s="613"/>
      <c r="FI685" s="613"/>
      <c r="FJ685" s="613"/>
      <c r="FK685" s="613"/>
      <c r="FL685" s="613"/>
      <c r="FM685" s="613"/>
      <c r="FN685" s="613"/>
      <c r="FO685" s="613"/>
      <c r="FP685" s="613"/>
      <c r="FQ685" s="613"/>
      <c r="FR685" s="613"/>
      <c r="FS685" s="613"/>
      <c r="FT685" s="613"/>
      <c r="FU685" s="613"/>
      <c r="FV685" s="613"/>
      <c r="FW685" s="613"/>
      <c r="FX685" s="613"/>
      <c r="FY685" s="613"/>
      <c r="FZ685" s="613"/>
      <c r="GA685" s="613"/>
      <c r="GB685" s="613"/>
      <c r="GC685" s="613"/>
      <c r="GD685" s="613"/>
      <c r="GE685" s="613"/>
      <c r="GF685" s="613"/>
      <c r="GG685" s="613"/>
      <c r="GH685" s="613"/>
      <c r="GI685" s="613"/>
      <c r="GJ685" s="613"/>
      <c r="GK685" s="613"/>
      <c r="GL685" s="613"/>
      <c r="GM685" s="613"/>
      <c r="GN685" s="613"/>
      <c r="GO685" s="613"/>
      <c r="GP685" s="613"/>
      <c r="GQ685" s="613"/>
      <c r="GR685" s="613"/>
      <c r="GS685" s="613"/>
      <c r="GT685" s="613"/>
      <c r="GU685" s="613"/>
      <c r="GV685" s="613"/>
      <c r="GW685" s="613"/>
      <c r="GX685" s="613"/>
      <c r="GY685" s="613"/>
      <c r="GZ685" s="613"/>
      <c r="HA685" s="613"/>
      <c r="HB685" s="613"/>
      <c r="HC685" s="613"/>
      <c r="HD685" s="613"/>
      <c r="HE685" s="613"/>
      <c r="HF685" s="613"/>
      <c r="HG685" s="613"/>
      <c r="HH685" s="613"/>
      <c r="HI685" s="613"/>
      <c r="HJ685" s="613"/>
      <c r="HK685" s="613"/>
      <c r="HL685" s="613"/>
      <c r="HM685" s="613"/>
      <c r="HN685" s="613"/>
      <c r="HO685" s="613"/>
      <c r="HP685" s="613"/>
      <c r="HQ685" s="613"/>
      <c r="HR685" s="613"/>
      <c r="HS685" s="613"/>
      <c r="HT685" s="613"/>
      <c r="HU685" s="613"/>
      <c r="HV685" s="613"/>
      <c r="HW685" s="613"/>
      <c r="HX685" s="613"/>
      <c r="HY685" s="613"/>
      <c r="HZ685" s="613"/>
      <c r="IA685" s="613"/>
      <c r="IB685" s="613"/>
      <c r="IC685" s="613"/>
      <c r="ID685" s="613"/>
      <c r="IE685" s="613"/>
      <c r="IF685" s="613"/>
      <c r="IG685" s="613"/>
      <c r="IH685" s="613"/>
      <c r="II685" s="613"/>
      <c r="IJ685" s="613"/>
      <c r="IK685" s="613"/>
      <c r="IL685" s="613"/>
      <c r="IM685" s="613"/>
      <c r="IN685" s="613"/>
      <c r="IO685" s="613"/>
      <c r="IP685" s="613"/>
      <c r="IQ685" s="613"/>
      <c r="IR685" s="613"/>
      <c r="IS685" s="613"/>
      <c r="IT685" s="613"/>
      <c r="IU685" s="613"/>
      <c r="IV685" s="613"/>
      <c r="IW685" s="613"/>
      <c r="IX685" s="613"/>
      <c r="IY685" s="613"/>
      <c r="IZ685" s="613"/>
      <c r="JA685" s="613"/>
      <c r="JB685" s="613"/>
      <c r="JC685" s="613"/>
      <c r="JD685" s="613"/>
      <c r="JE685" s="613"/>
      <c r="JF685" s="613"/>
      <c r="JG685" s="613"/>
      <c r="JH685" s="613"/>
      <c r="JI685" s="613"/>
      <c r="JJ685" s="613"/>
      <c r="JK685" s="613"/>
      <c r="JL685" s="613"/>
      <c r="JM685" s="613"/>
      <c r="JN685" s="613"/>
      <c r="JO685" s="613"/>
      <c r="JP685" s="613"/>
      <c r="JQ685" s="613"/>
      <c r="JR685" s="613"/>
      <c r="JS685" s="613"/>
      <c r="JT685" s="613"/>
      <c r="JU685" s="613"/>
      <c r="JV685" s="613"/>
      <c r="JW685" s="613"/>
      <c r="JX685" s="613"/>
      <c r="JY685" s="613"/>
      <c r="JZ685" s="613"/>
      <c r="KA685" s="613"/>
      <c r="KB685" s="613"/>
      <c r="KC685" s="613"/>
      <c r="KD685" s="613"/>
      <c r="KE685" s="613"/>
      <c r="KF685" s="613"/>
      <c r="KG685" s="613"/>
      <c r="KH685" s="613"/>
      <c r="KI685" s="613"/>
      <c r="KJ685" s="613"/>
      <c r="KK685" s="613"/>
      <c r="KL685" s="613"/>
      <c r="KM685" s="613"/>
      <c r="KN685" s="613"/>
      <c r="KO685" s="613"/>
      <c r="KP685" s="613"/>
      <c r="KQ685" s="613"/>
      <c r="KR685" s="613"/>
      <c r="KS685" s="613"/>
      <c r="KT685" s="613"/>
      <c r="KU685" s="613"/>
      <c r="KV685" s="613"/>
      <c r="KW685" s="613"/>
      <c r="KX685" s="613"/>
      <c r="KY685" s="613"/>
      <c r="KZ685" s="613"/>
      <c r="LA685" s="613"/>
      <c r="LB685" s="613"/>
      <c r="LC685" s="613"/>
      <c r="LD685" s="613"/>
      <c r="LE685" s="613"/>
      <c r="LF685" s="613"/>
      <c r="LG685" s="613"/>
      <c r="LH685" s="613"/>
      <c r="LI685" s="613"/>
      <c r="LJ685" s="613"/>
      <c r="LK685" s="613"/>
      <c r="LL685" s="613"/>
      <c r="LM685" s="613"/>
      <c r="LN685" s="613"/>
      <c r="LO685" s="613"/>
      <c r="LP685" s="613"/>
      <c r="LQ685" s="613"/>
      <c r="LR685" s="613"/>
      <c r="LS685" s="613"/>
      <c r="LT685" s="613"/>
      <c r="LU685" s="613"/>
      <c r="LV685" s="613"/>
      <c r="LW685" s="613"/>
      <c r="LX685" s="613"/>
      <c r="LY685" s="613"/>
      <c r="LZ685" s="613"/>
      <c r="MA685" s="613"/>
      <c r="MB685" s="613"/>
      <c r="MC685" s="613"/>
      <c r="MD685" s="613"/>
      <c r="ME685" s="613"/>
      <c r="MF685" s="613"/>
      <c r="MG685" s="613"/>
      <c r="MH685" s="613"/>
      <c r="MI685" s="613"/>
      <c r="MJ685" s="613"/>
      <c r="MK685" s="613"/>
      <c r="ML685" s="613"/>
      <c r="MM685" s="613"/>
      <c r="MN685" s="613"/>
      <c r="MO685" s="613"/>
      <c r="MP685" s="613"/>
      <c r="MQ685" s="613"/>
      <c r="MR685" s="613"/>
      <c r="MS685" s="613"/>
      <c r="MT685" s="613"/>
      <c r="MU685" s="613"/>
      <c r="MV685" s="613"/>
      <c r="MW685" s="613"/>
      <c r="MX685" s="613"/>
      <c r="MY685" s="613"/>
      <c r="MZ685" s="613"/>
      <c r="NA685" s="613"/>
      <c r="NB685" s="613"/>
      <c r="NC685" s="613"/>
      <c r="ND685" s="613"/>
      <c r="NE685" s="613"/>
      <c r="NF685" s="613"/>
      <c r="NG685" s="613"/>
      <c r="NH685" s="613"/>
      <c r="NI685" s="613"/>
      <c r="NJ685" s="613"/>
      <c r="NK685" s="613"/>
      <c r="NL685" s="613"/>
      <c r="NM685" s="613"/>
      <c r="NN685" s="613"/>
      <c r="NO685" s="613"/>
      <c r="NP685" s="613"/>
      <c r="NQ685" s="613"/>
      <c r="NR685" s="613"/>
      <c r="NS685" s="613"/>
      <c r="NT685" s="613"/>
      <c r="NU685" s="613"/>
      <c r="NV685" s="613"/>
      <c r="NW685" s="613"/>
      <c r="NX685" s="613"/>
      <c r="NY685" s="613"/>
      <c r="NZ685" s="613"/>
      <c r="OA685" s="613"/>
      <c r="OB685" s="613"/>
      <c r="OC685" s="613"/>
      <c r="OD685" s="613"/>
      <c r="OE685" s="613"/>
      <c r="OF685" s="613"/>
      <c r="OG685" s="613"/>
      <c r="OH685" s="613"/>
      <c r="OI685" s="613"/>
      <c r="OJ685" s="613"/>
      <c r="OK685" s="613"/>
      <c r="OL685" s="613"/>
      <c r="OM685" s="613"/>
      <c r="ON685" s="613"/>
      <c r="OO685" s="613"/>
      <c r="OP685" s="613"/>
      <c r="OQ685" s="613"/>
      <c r="OR685" s="613"/>
      <c r="OS685" s="613"/>
      <c r="OT685" s="613"/>
      <c r="OU685" s="613"/>
      <c r="OV685" s="613"/>
      <c r="OW685" s="613"/>
      <c r="OX685" s="613"/>
      <c r="OY685" s="613"/>
      <c r="OZ685" s="613"/>
      <c r="PA685" s="613"/>
      <c r="PB685" s="613"/>
      <c r="PC685" s="613"/>
      <c r="PD685" s="613"/>
      <c r="PE685" s="613"/>
      <c r="PF685" s="613"/>
      <c r="PG685" s="613"/>
      <c r="PH685" s="613"/>
      <c r="PI685" s="613"/>
      <c r="PJ685" s="613"/>
      <c r="PK685" s="613"/>
      <c r="PL685" s="613"/>
      <c r="PM685" s="613"/>
      <c r="PN685" s="613"/>
      <c r="PO685" s="613"/>
      <c r="PP685" s="613"/>
      <c r="PQ685" s="613"/>
      <c r="PR685" s="613"/>
      <c r="PS685" s="613"/>
      <c r="PT685" s="613"/>
      <c r="PU685" s="613"/>
      <c r="PV685" s="613"/>
      <c r="PW685" s="613"/>
      <c r="PX685" s="613"/>
      <c r="PY685" s="613"/>
      <c r="PZ685" s="613"/>
      <c r="QA685" s="613"/>
      <c r="QB685" s="613"/>
      <c r="QC685" s="613"/>
      <c r="QD685" s="613"/>
      <c r="QE685" s="613"/>
      <c r="QF685" s="613"/>
      <c r="QG685" s="613"/>
      <c r="QH685" s="613"/>
      <c r="QI685" s="613"/>
      <c r="QJ685" s="613"/>
      <c r="QK685" s="613"/>
      <c r="QL685" s="613"/>
      <c r="QM685" s="613"/>
      <c r="QN685" s="613"/>
      <c r="QO685" s="613"/>
      <c r="QP685" s="613"/>
      <c r="QQ685" s="613"/>
      <c r="QR685" s="613"/>
      <c r="QS685" s="613"/>
      <c r="QT685" s="613"/>
      <c r="QU685" s="613"/>
      <c r="QV685" s="613"/>
      <c r="QW685" s="613"/>
      <c r="QX685" s="613"/>
      <c r="QY685" s="613"/>
      <c r="QZ685" s="613"/>
      <c r="RA685" s="613"/>
      <c r="RB685" s="613"/>
      <c r="RC685" s="613"/>
      <c r="RD685" s="613"/>
      <c r="RE685" s="613"/>
      <c r="RF685" s="613"/>
      <c r="RG685" s="613"/>
      <c r="RH685" s="613"/>
      <c r="RI685" s="613"/>
      <c r="RJ685" s="613"/>
      <c r="RK685" s="613"/>
      <c r="RL685" s="613"/>
      <c r="RM685" s="613"/>
      <c r="RN685" s="613"/>
      <c r="RO685" s="613"/>
      <c r="RP685" s="613"/>
      <c r="RQ685" s="613"/>
      <c r="RR685" s="613"/>
      <c r="RS685" s="613"/>
      <c r="RT685" s="613"/>
      <c r="RU685" s="613"/>
      <c r="RV685" s="613"/>
      <c r="RW685" s="613"/>
      <c r="RX685" s="613"/>
      <c r="RY685" s="613"/>
      <c r="RZ685" s="613"/>
      <c r="SA685" s="613"/>
      <c r="SB685" s="613"/>
      <c r="SC685" s="613"/>
      <c r="SD685" s="613"/>
      <c r="SE685" s="613"/>
      <c r="SF685" s="613"/>
      <c r="SG685" s="613"/>
      <c r="SH685" s="613"/>
      <c r="SI685" s="613"/>
      <c r="SJ685" s="613"/>
      <c r="SK685" s="613"/>
      <c r="SL685" s="613"/>
      <c r="SM685" s="613"/>
      <c r="SN685" s="613"/>
      <c r="SO685" s="613"/>
      <c r="SP685" s="613"/>
      <c r="SQ685" s="613"/>
      <c r="SR685" s="613"/>
      <c r="SS685" s="613"/>
      <c r="ST685" s="613"/>
      <c r="SU685" s="613"/>
      <c r="SV685" s="613"/>
      <c r="SW685" s="613"/>
      <c r="SX685" s="613"/>
      <c r="SY685" s="613"/>
      <c r="SZ685" s="613"/>
      <c r="TA685" s="613"/>
      <c r="TB685" s="613"/>
      <c r="TC685" s="613"/>
      <c r="TD685" s="613"/>
      <c r="TE685" s="613"/>
      <c r="TF685" s="613"/>
      <c r="TG685" s="613"/>
      <c r="TH685" s="613"/>
      <c r="TI685" s="613"/>
      <c r="TJ685" s="613"/>
      <c r="TK685" s="613"/>
      <c r="TL685" s="613"/>
      <c r="TM685" s="613"/>
      <c r="TN685" s="613"/>
      <c r="TO685" s="613"/>
      <c r="TP685" s="613"/>
      <c r="TQ685" s="613"/>
      <c r="TR685" s="613"/>
      <c r="TS685" s="613"/>
      <c r="TT685" s="613"/>
      <c r="TU685" s="613"/>
      <c r="TV685" s="613"/>
      <c r="TW685" s="613"/>
      <c r="TX685" s="613"/>
      <c r="TY685" s="613"/>
      <c r="TZ685" s="613"/>
      <c r="UA685" s="613"/>
      <c r="UB685" s="613"/>
      <c r="UC685" s="613"/>
      <c r="UD685" s="613"/>
      <c r="UE685" s="613"/>
      <c r="UF685" s="613"/>
      <c r="UG685" s="613"/>
      <c r="UH685" s="613"/>
      <c r="UI685" s="613"/>
      <c r="UJ685" s="613"/>
      <c r="UK685" s="613"/>
      <c r="UL685" s="613"/>
      <c r="UM685" s="613"/>
      <c r="UN685" s="613"/>
      <c r="UO685" s="613"/>
      <c r="UP685" s="613"/>
      <c r="UQ685" s="613"/>
      <c r="UR685" s="613"/>
      <c r="US685" s="613"/>
      <c r="UT685" s="613"/>
      <c r="UU685" s="613"/>
      <c r="UV685" s="613"/>
      <c r="UW685" s="613"/>
      <c r="UX685" s="613"/>
      <c r="UY685" s="613"/>
      <c r="UZ685" s="613"/>
      <c r="VA685" s="613"/>
      <c r="VB685" s="613"/>
      <c r="VC685" s="613"/>
      <c r="VD685" s="613"/>
      <c r="VE685" s="613"/>
      <c r="VF685" s="613"/>
      <c r="VG685" s="613"/>
      <c r="VH685" s="613"/>
      <c r="VI685" s="613"/>
      <c r="VJ685" s="613"/>
      <c r="VK685" s="613"/>
      <c r="VL685" s="613"/>
      <c r="VM685" s="613"/>
      <c r="VN685" s="613"/>
      <c r="VO685" s="613"/>
      <c r="VP685" s="613"/>
      <c r="VQ685" s="613"/>
      <c r="VR685" s="613"/>
      <c r="VS685" s="613"/>
      <c r="VT685" s="613"/>
      <c r="VU685" s="613"/>
      <c r="VV685" s="613"/>
      <c r="VW685" s="613"/>
      <c r="VX685" s="613"/>
      <c r="VY685" s="613"/>
      <c r="VZ685" s="613"/>
      <c r="WA685" s="613"/>
      <c r="WB685" s="613"/>
      <c r="WC685" s="613"/>
      <c r="WD685" s="613"/>
      <c r="WE685" s="613"/>
      <c r="WF685" s="613"/>
      <c r="WG685" s="613"/>
      <c r="WH685" s="613"/>
      <c r="WI685" s="613"/>
      <c r="WJ685" s="613"/>
      <c r="WK685" s="613"/>
      <c r="WL685" s="613"/>
      <c r="WM685" s="613"/>
      <c r="WN685" s="613"/>
      <c r="WO685" s="613"/>
      <c r="WP685" s="613"/>
      <c r="WQ685" s="613"/>
      <c r="WR685" s="613"/>
      <c r="WS685" s="613"/>
      <c r="WT685" s="613"/>
      <c r="WU685" s="613"/>
      <c r="WV685" s="613"/>
      <c r="WW685" s="613"/>
      <c r="WX685" s="613"/>
      <c r="WY685" s="613"/>
      <c r="WZ685" s="613"/>
      <c r="XA685" s="613"/>
      <c r="XB685" s="613"/>
      <c r="XC685" s="613"/>
      <c r="XD685" s="613"/>
      <c r="XE685" s="613"/>
      <c r="XF685" s="613"/>
      <c r="XG685" s="613"/>
      <c r="XH685" s="613"/>
      <c r="XI685" s="613"/>
      <c r="XJ685" s="613"/>
      <c r="XK685" s="613"/>
      <c r="XL685" s="613"/>
      <c r="XM685" s="613"/>
      <c r="XN685" s="613"/>
      <c r="XO685" s="613"/>
      <c r="XP685" s="613"/>
      <c r="XQ685" s="613"/>
      <c r="XR685" s="613"/>
      <c r="XS685" s="613"/>
      <c r="XT685" s="613"/>
      <c r="XU685" s="613"/>
      <c r="XV685" s="613"/>
      <c r="XW685" s="613"/>
      <c r="XX685" s="613"/>
      <c r="XY685" s="613"/>
      <c r="XZ685" s="613"/>
      <c r="YA685" s="613"/>
      <c r="YB685" s="613"/>
      <c r="YC685" s="613"/>
      <c r="YD685" s="613"/>
      <c r="YE685" s="613"/>
      <c r="YF685" s="613"/>
      <c r="YG685" s="613"/>
      <c r="YH685" s="613"/>
      <c r="YI685" s="613"/>
      <c r="YJ685" s="613"/>
      <c r="YK685" s="613"/>
      <c r="YL685" s="613"/>
      <c r="YM685" s="613"/>
      <c r="YN685" s="613"/>
      <c r="YO685" s="613"/>
      <c r="YP685" s="613"/>
      <c r="YQ685" s="613"/>
      <c r="YR685" s="613"/>
      <c r="YS685" s="613"/>
      <c r="YT685" s="613"/>
      <c r="YU685" s="613"/>
      <c r="YV685" s="613"/>
      <c r="YW685" s="613"/>
      <c r="YX685" s="613"/>
      <c r="YY685" s="613"/>
      <c r="YZ685" s="613"/>
      <c r="ZA685" s="613"/>
      <c r="ZB685" s="613"/>
      <c r="ZC685" s="613"/>
      <c r="ZD685" s="613"/>
      <c r="ZE685" s="613"/>
      <c r="ZF685" s="613"/>
      <c r="ZG685" s="613"/>
      <c r="ZH685" s="613"/>
      <c r="ZI685" s="613"/>
      <c r="ZJ685" s="613"/>
      <c r="ZK685" s="613"/>
      <c r="ZL685" s="613"/>
      <c r="ZM685" s="613"/>
      <c r="ZN685" s="613"/>
      <c r="ZO685" s="613"/>
      <c r="ZP685" s="613"/>
      <c r="ZQ685" s="613"/>
      <c r="ZR685" s="613"/>
      <c r="ZS685" s="613"/>
      <c r="ZT685" s="613"/>
      <c r="ZU685" s="613"/>
      <c r="ZV685" s="613"/>
      <c r="ZW685" s="613"/>
      <c r="ZX685" s="613"/>
      <c r="ZY685" s="613"/>
      <c r="ZZ685" s="613"/>
      <c r="AAA685" s="613"/>
      <c r="AAB685" s="613"/>
      <c r="AAC685" s="613"/>
      <c r="AAD685" s="613"/>
      <c r="AAE685" s="613"/>
      <c r="AAF685" s="613"/>
      <c r="AAG685" s="613"/>
      <c r="AAH685" s="613"/>
      <c r="AAI685" s="613"/>
      <c r="AAJ685" s="613"/>
      <c r="AAK685" s="613"/>
      <c r="AAL685" s="613"/>
      <c r="AAM685" s="613"/>
      <c r="AAN685" s="613"/>
      <c r="AAO685" s="613"/>
      <c r="AAP685" s="613"/>
      <c r="AAQ685" s="613"/>
      <c r="AAR685" s="613"/>
      <c r="AAS685" s="613"/>
      <c r="AAT685" s="613"/>
      <c r="AAU685" s="613"/>
      <c r="AAV685" s="613"/>
      <c r="AAW685" s="613"/>
      <c r="AAX685" s="613"/>
      <c r="AAY685" s="613"/>
      <c r="AAZ685" s="613"/>
      <c r="ABA685" s="613"/>
      <c r="ABB685" s="613"/>
      <c r="ABC685" s="613"/>
      <c r="ABD685" s="613"/>
      <c r="ABE685" s="613"/>
      <c r="ABF685" s="613"/>
      <c r="ABG685" s="613"/>
      <c r="ABH685" s="613"/>
      <c r="ABI685" s="613"/>
      <c r="ABJ685" s="613"/>
      <c r="ABK685" s="613"/>
      <c r="ABL685" s="613"/>
      <c r="ABM685" s="613"/>
      <c r="ABN685" s="613"/>
      <c r="ABO685" s="613"/>
      <c r="ABP685" s="613"/>
      <c r="ABQ685" s="613"/>
      <c r="ABR685" s="613"/>
      <c r="ABS685" s="613"/>
      <c r="ABT685" s="613"/>
      <c r="ABU685" s="613"/>
      <c r="ABV685" s="613"/>
      <c r="ABW685" s="613"/>
      <c r="ABX685" s="613"/>
      <c r="ABY685" s="613"/>
      <c r="ABZ685" s="613"/>
      <c r="ACA685" s="613"/>
      <c r="ACB685" s="613"/>
      <c r="ACC685" s="613"/>
      <c r="ACD685" s="613"/>
      <c r="ACE685" s="613"/>
      <c r="ACF685" s="613"/>
      <c r="ACG685" s="613"/>
      <c r="ACH685" s="613"/>
      <c r="ACI685" s="613"/>
      <c r="ACJ685" s="613"/>
      <c r="ACK685" s="613"/>
      <c r="ACL685" s="613"/>
      <c r="ACM685" s="613"/>
      <c r="ACN685" s="613"/>
      <c r="ACO685" s="613"/>
      <c r="ACP685" s="613"/>
      <c r="ACQ685" s="613"/>
      <c r="ACR685" s="613"/>
      <c r="ACS685" s="613"/>
      <c r="ACT685" s="613"/>
      <c r="ACU685" s="613"/>
      <c r="ACV685" s="613"/>
      <c r="ACW685" s="613"/>
      <c r="ACX685" s="613"/>
      <c r="ACY685" s="613"/>
      <c r="ACZ685" s="613"/>
      <c r="ADA685" s="613"/>
      <c r="ADB685" s="613"/>
      <c r="ADC685" s="613"/>
      <c r="ADD685" s="613"/>
      <c r="ADE685" s="613"/>
      <c r="ADF685" s="613"/>
      <c r="ADG685" s="613"/>
      <c r="ADH685" s="613"/>
      <c r="ADI685" s="613"/>
      <c r="ADJ685" s="613"/>
      <c r="ADK685" s="613"/>
      <c r="ADL685" s="613"/>
      <c r="ADM685" s="613"/>
      <c r="ADN685" s="613"/>
      <c r="ADO685" s="613"/>
      <c r="ADP685" s="613"/>
      <c r="ADQ685" s="613"/>
      <c r="ADR685" s="613"/>
      <c r="ADS685" s="613"/>
      <c r="ADT685" s="613"/>
      <c r="ADU685" s="613"/>
      <c r="ADV685" s="613"/>
      <c r="ADW685" s="613"/>
      <c r="ADX685" s="613"/>
      <c r="ADY685" s="613"/>
      <c r="ADZ685" s="613"/>
      <c r="AEA685" s="613"/>
      <c r="AEB685" s="613"/>
      <c r="AEC685" s="613"/>
      <c r="AED685" s="613"/>
      <c r="AEE685" s="613"/>
      <c r="AEF685" s="613"/>
      <c r="AEG685" s="613"/>
      <c r="AEH685" s="613"/>
      <c r="AEI685" s="613"/>
      <c r="AEJ685" s="613"/>
      <c r="AEK685" s="613"/>
      <c r="AEL685" s="613"/>
      <c r="AEM685" s="613"/>
      <c r="AEN685" s="613"/>
      <c r="AEO685" s="613"/>
      <c r="AEP685" s="613"/>
      <c r="AEQ685" s="613"/>
      <c r="AER685" s="613"/>
      <c r="AES685" s="613"/>
      <c r="AET685" s="613"/>
      <c r="AEU685" s="613"/>
      <c r="AEV685" s="613"/>
      <c r="AEW685" s="613"/>
      <c r="AEX685" s="613"/>
      <c r="AEY685" s="613"/>
      <c r="AEZ685" s="613"/>
      <c r="AFA685" s="613"/>
      <c r="AFB685" s="613"/>
      <c r="AFC685" s="613"/>
      <c r="AFD685" s="613"/>
      <c r="AFE685" s="613"/>
      <c r="AFF685" s="613"/>
      <c r="AFG685" s="613"/>
      <c r="AFH685" s="613"/>
      <c r="AFI685" s="613"/>
      <c r="AFJ685" s="613"/>
      <c r="AFK685" s="613"/>
      <c r="AFL685" s="613"/>
      <c r="AFM685" s="613"/>
      <c r="AFN685" s="613"/>
      <c r="AFO685" s="613"/>
      <c r="AFP685" s="613"/>
      <c r="AFQ685" s="613"/>
      <c r="AFR685" s="613"/>
      <c r="AFS685" s="613"/>
      <c r="AFT685" s="613"/>
      <c r="AFU685" s="613"/>
      <c r="AFV685" s="613"/>
      <c r="AFW685" s="613"/>
      <c r="AFX685" s="613"/>
      <c r="AFY685" s="613"/>
      <c r="AFZ685" s="613"/>
      <c r="AGA685" s="613"/>
      <c r="AGB685" s="613"/>
      <c r="AGC685" s="613"/>
      <c r="AGD685" s="613"/>
      <c r="AGE685" s="613"/>
      <c r="AGF685" s="613"/>
      <c r="AGG685" s="613"/>
      <c r="AGH685" s="613"/>
      <c r="AGI685" s="613"/>
      <c r="AGJ685" s="613"/>
      <c r="AGK685" s="613"/>
      <c r="AGL685" s="613"/>
      <c r="AGM685" s="613"/>
      <c r="AGN685" s="613"/>
      <c r="AGO685" s="613"/>
      <c r="AGP685" s="613"/>
      <c r="AGQ685" s="613"/>
      <c r="AGR685" s="613"/>
      <c r="AGS685" s="613"/>
      <c r="AGT685" s="613"/>
      <c r="AGU685" s="613"/>
      <c r="AGV685" s="613"/>
      <c r="AGW685" s="613"/>
      <c r="AGX685" s="613"/>
      <c r="AGY685" s="613"/>
      <c r="AGZ685" s="613"/>
      <c r="AHA685" s="613"/>
      <c r="AHB685" s="613"/>
      <c r="AHC685" s="613"/>
      <c r="AHD685" s="613"/>
      <c r="AHE685" s="613"/>
      <c r="AHF685" s="613"/>
      <c r="AHG685" s="613"/>
      <c r="AHH685" s="613"/>
      <c r="AHI685" s="613"/>
      <c r="AHJ685" s="613"/>
      <c r="AHK685" s="613"/>
      <c r="AHL685" s="613"/>
      <c r="AHM685" s="613"/>
      <c r="AHN685" s="613"/>
      <c r="AHO685" s="613"/>
      <c r="AHP685" s="613"/>
      <c r="AHQ685" s="613"/>
      <c r="AHR685" s="613"/>
      <c r="AHS685" s="613"/>
      <c r="AHT685" s="613"/>
      <c r="AHU685" s="613"/>
      <c r="AHV685" s="613"/>
      <c r="AHW685" s="613"/>
      <c r="AHX685" s="613"/>
      <c r="AHY685" s="613"/>
      <c r="AHZ685" s="613"/>
      <c r="AIA685" s="613"/>
      <c r="AIB685" s="613"/>
      <c r="AIC685" s="613"/>
      <c r="AID685" s="613"/>
      <c r="AIE685" s="613"/>
      <c r="AIF685" s="613"/>
      <c r="AIG685" s="613"/>
      <c r="AIH685" s="613"/>
      <c r="AII685" s="613"/>
      <c r="AIJ685" s="613"/>
      <c r="AIK685" s="613"/>
      <c r="AIL685" s="613"/>
      <c r="AIM685" s="613"/>
      <c r="AIN685" s="613"/>
      <c r="AIO685" s="613"/>
      <c r="AIP685" s="613"/>
      <c r="AIQ685" s="613"/>
      <c r="AIR685" s="613"/>
      <c r="AIS685" s="613"/>
      <c r="AIT685" s="613"/>
      <c r="AIU685" s="613"/>
      <c r="AIV685" s="613"/>
      <c r="AIW685" s="613"/>
      <c r="AIX685" s="613"/>
      <c r="AIY685" s="613"/>
      <c r="AIZ685" s="613"/>
      <c r="AJA685" s="613"/>
      <c r="AJB685" s="613"/>
      <c r="AJC685" s="613"/>
      <c r="AJD685" s="613"/>
      <c r="AJE685" s="613"/>
      <c r="AJF685" s="613"/>
      <c r="AJG685" s="613"/>
      <c r="AJH685" s="613"/>
      <c r="AJI685" s="613"/>
      <c r="AJJ685" s="613"/>
      <c r="AJK685" s="613"/>
      <c r="AJL685" s="613"/>
      <c r="AJM685" s="613"/>
      <c r="AJN685" s="613"/>
      <c r="AJO685" s="613"/>
      <c r="AJP685" s="613"/>
      <c r="AJQ685" s="613"/>
      <c r="AJR685" s="613"/>
      <c r="AJS685" s="613"/>
      <c r="AJT685" s="613"/>
      <c r="AJU685" s="613"/>
      <c r="AJV685" s="613"/>
      <c r="AJW685" s="613"/>
      <c r="AJX685" s="613"/>
      <c r="AJY685" s="613"/>
      <c r="AJZ685" s="613"/>
      <c r="AKA685" s="613"/>
      <c r="AKB685" s="613"/>
      <c r="AKC685" s="613"/>
      <c r="AKD685" s="613"/>
      <c r="AKE685" s="613"/>
      <c r="AKF685" s="613"/>
      <c r="AKG685" s="613"/>
      <c r="AKH685" s="613"/>
      <c r="AKI685" s="613"/>
      <c r="AKJ685" s="613"/>
      <c r="AKK685" s="613"/>
      <c r="AKL685" s="613"/>
      <c r="AKM685" s="613"/>
      <c r="AKN685" s="613"/>
      <c r="AKO685" s="613"/>
      <c r="AKP685" s="613"/>
      <c r="AKQ685" s="613"/>
      <c r="AKR685" s="613"/>
      <c r="AKS685" s="613"/>
      <c r="AKT685" s="613"/>
      <c r="AKU685" s="613"/>
      <c r="AKV685" s="613"/>
      <c r="AKW685" s="613"/>
      <c r="AKX685" s="613"/>
      <c r="AKY685" s="613"/>
      <c r="AKZ685" s="613"/>
      <c r="ALA685" s="613"/>
      <c r="ALB685" s="613"/>
      <c r="ALC685" s="613"/>
      <c r="ALD685" s="613"/>
      <c r="ALE685" s="613"/>
      <c r="ALF685" s="613"/>
      <c r="ALG685" s="613"/>
      <c r="ALH685" s="613"/>
      <c r="ALI685" s="613"/>
      <c r="ALJ685" s="613"/>
      <c r="ALK685" s="613"/>
      <c r="ALL685" s="613"/>
      <c r="ALM685" s="613"/>
      <c r="ALN685" s="613"/>
      <c r="ALO685" s="613"/>
      <c r="ALP685" s="613"/>
      <c r="ALQ685" s="613"/>
      <c r="ALR685" s="613"/>
      <c r="ALS685" s="613"/>
      <c r="ALT685" s="613"/>
      <c r="ALU685" s="613"/>
      <c r="ALV685" s="613"/>
      <c r="ALW685" s="613"/>
      <c r="ALX685" s="613"/>
      <c r="ALY685" s="613"/>
      <c r="ALZ685" s="613"/>
      <c r="AMA685" s="613"/>
      <c r="AMB685" s="613"/>
      <c r="AMC685" s="613"/>
      <c r="AMD685" s="613"/>
      <c r="AME685" s="613"/>
      <c r="AMF685" s="613"/>
      <c r="AMG685" s="613"/>
      <c r="AMH685" s="613"/>
      <c r="AMI685" s="613"/>
      <c r="AMJ685" s="613"/>
      <c r="AMK685" s="613"/>
      <c r="AML685" s="613"/>
      <c r="AMM685" s="613"/>
      <c r="AMN685" s="613"/>
      <c r="AMO685" s="613"/>
      <c r="AMP685" s="613"/>
      <c r="AMQ685" s="613"/>
      <c r="AMR685" s="613"/>
      <c r="AMS685" s="613"/>
      <c r="AMT685" s="613"/>
      <c r="AMU685" s="613"/>
      <c r="AMV685" s="613"/>
      <c r="AMW685" s="613"/>
      <c r="AMX685" s="613"/>
      <c r="AMY685" s="613"/>
      <c r="AMZ685" s="613"/>
      <c r="ANA685" s="613"/>
      <c r="ANB685" s="613"/>
      <c r="ANC685" s="613"/>
      <c r="AND685" s="613"/>
      <c r="ANE685" s="613"/>
      <c r="ANF685" s="613"/>
      <c r="ANG685" s="613"/>
      <c r="ANH685" s="613"/>
      <c r="ANI685" s="613"/>
      <c r="ANJ685" s="613"/>
      <c r="ANK685" s="613"/>
      <c r="ANL685" s="613"/>
      <c r="ANM685" s="613"/>
      <c r="ANN685" s="613"/>
      <c r="ANO685" s="613"/>
      <c r="ANP685" s="613"/>
      <c r="ANQ685" s="613"/>
      <c r="ANR685" s="613"/>
      <c r="ANS685" s="613"/>
      <c r="ANT685" s="613"/>
      <c r="ANU685" s="613"/>
      <c r="ANV685" s="613"/>
      <c r="ANW685" s="613"/>
      <c r="ANX685" s="613"/>
      <c r="ANY685" s="613"/>
      <c r="ANZ685" s="613"/>
      <c r="AOA685" s="613"/>
      <c r="AOB685" s="613"/>
      <c r="AOC685" s="613"/>
      <c r="AOD685" s="613"/>
      <c r="AOE685" s="613"/>
      <c r="AOF685" s="613"/>
      <c r="AOG685" s="613"/>
      <c r="AOH685" s="613"/>
      <c r="AOI685" s="613"/>
      <c r="AOJ685" s="613"/>
      <c r="AOK685" s="613"/>
      <c r="AOL685" s="613"/>
      <c r="AOM685" s="613"/>
      <c r="AON685" s="613"/>
      <c r="AOO685" s="613"/>
      <c r="AOP685" s="613"/>
      <c r="AOQ685" s="613"/>
      <c r="AOR685" s="613"/>
      <c r="AOS685" s="613"/>
      <c r="AOT685" s="613"/>
      <c r="AOU685" s="613"/>
      <c r="AOV685" s="613"/>
      <c r="AOW685" s="613"/>
      <c r="AOX685" s="613"/>
      <c r="AOY685" s="613"/>
      <c r="AOZ685" s="613"/>
      <c r="APA685" s="613"/>
      <c r="APB685" s="613"/>
      <c r="APC685" s="613"/>
      <c r="APD685" s="613"/>
      <c r="APE685" s="613"/>
      <c r="APF685" s="613"/>
      <c r="APG685" s="613"/>
      <c r="APH685" s="613"/>
      <c r="API685" s="613"/>
      <c r="APJ685" s="613"/>
      <c r="APK685" s="613"/>
      <c r="APL685" s="613"/>
      <c r="APM685" s="613"/>
      <c r="APN685" s="613"/>
      <c r="APO685" s="613"/>
      <c r="APP685" s="613"/>
      <c r="APQ685" s="613"/>
      <c r="APR685" s="613"/>
      <c r="APS685" s="613"/>
      <c r="APT685" s="613"/>
      <c r="APU685" s="613"/>
      <c r="APV685" s="613"/>
      <c r="APW685" s="613"/>
      <c r="APX685" s="613"/>
      <c r="APY685" s="613"/>
      <c r="APZ685" s="613"/>
      <c r="AQA685" s="613"/>
      <c r="AQB685" s="613"/>
      <c r="AQC685" s="613"/>
      <c r="AQD685" s="613"/>
      <c r="AQE685" s="613"/>
      <c r="AQF685" s="613"/>
      <c r="AQG685" s="613"/>
      <c r="AQH685" s="613"/>
      <c r="AQI685" s="613"/>
      <c r="AQJ685" s="613"/>
      <c r="AQK685" s="613"/>
      <c r="AQL685" s="613"/>
      <c r="AQM685" s="613"/>
      <c r="AQN685" s="613"/>
      <c r="AQO685" s="613"/>
      <c r="AQP685" s="613"/>
      <c r="AQQ685" s="613"/>
      <c r="AQR685" s="613"/>
      <c r="AQS685" s="613"/>
      <c r="AQT685" s="613"/>
      <c r="AQU685" s="613"/>
      <c r="AQV685" s="613"/>
      <c r="AQW685" s="613"/>
      <c r="AQX685" s="613"/>
      <c r="AQY685" s="613"/>
      <c r="AQZ685" s="613"/>
      <c r="ARA685" s="613"/>
      <c r="ARB685" s="613"/>
      <c r="ARC685" s="613"/>
      <c r="ARD685" s="613"/>
      <c r="ARE685" s="613"/>
      <c r="ARF685" s="613"/>
      <c r="ARG685" s="613"/>
      <c r="ARH685" s="613"/>
      <c r="ARI685" s="613"/>
      <c r="ARJ685" s="613"/>
      <c r="ARK685" s="613"/>
      <c r="ARL685" s="613"/>
      <c r="ARM685" s="613"/>
      <c r="ARN685" s="613"/>
      <c r="ARO685" s="613"/>
      <c r="ARP685" s="613"/>
      <c r="ARQ685" s="613"/>
      <c r="ARR685" s="613"/>
      <c r="ARS685" s="613"/>
      <c r="ART685" s="613"/>
      <c r="ARU685" s="613"/>
      <c r="ARV685" s="613"/>
      <c r="ARW685" s="613"/>
      <c r="ARX685" s="613"/>
      <c r="ARY685" s="613"/>
      <c r="ARZ685" s="613"/>
      <c r="ASA685" s="613"/>
      <c r="ASB685" s="613"/>
      <c r="ASC685" s="613"/>
      <c r="ASD685" s="613"/>
      <c r="ASE685" s="613"/>
      <c r="ASF685" s="613"/>
      <c r="ASG685" s="613"/>
      <c r="ASH685" s="613"/>
      <c r="ASI685" s="613"/>
      <c r="ASJ685" s="613"/>
      <c r="ASK685" s="613"/>
      <c r="ASL685" s="613"/>
      <c r="ASM685" s="613"/>
      <c r="ASN685" s="613"/>
      <c r="ASO685" s="613"/>
      <c r="ASP685" s="613"/>
      <c r="ASQ685" s="613"/>
      <c r="ASR685" s="613"/>
      <c r="ASS685" s="613"/>
      <c r="AST685" s="613"/>
      <c r="ASU685" s="613"/>
      <c r="ASV685" s="613"/>
      <c r="ASW685" s="613"/>
      <c r="ASX685" s="613"/>
      <c r="ASY685" s="613"/>
      <c r="ASZ685" s="613"/>
      <c r="ATA685" s="613"/>
      <c r="ATB685" s="613"/>
      <c r="ATC685" s="613"/>
      <c r="ATD685" s="613"/>
      <c r="ATE685" s="613"/>
      <c r="ATF685" s="613"/>
      <c r="ATG685" s="613"/>
      <c r="ATH685" s="613"/>
      <c r="ATI685" s="613"/>
      <c r="ATJ685" s="613"/>
      <c r="ATK685" s="613"/>
      <c r="ATL685" s="613"/>
      <c r="ATM685" s="613"/>
      <c r="ATN685" s="613"/>
      <c r="ATO685" s="613"/>
      <c r="ATP685" s="613"/>
      <c r="ATQ685" s="613"/>
      <c r="ATR685" s="613"/>
      <c r="ATS685" s="613"/>
      <c r="ATT685" s="613"/>
      <c r="ATU685" s="613"/>
      <c r="ATV685" s="613"/>
      <c r="ATW685" s="613"/>
      <c r="ATX685" s="613"/>
      <c r="ATY685" s="613"/>
      <c r="ATZ685" s="613"/>
      <c r="AUA685" s="613"/>
      <c r="AUB685" s="613"/>
      <c r="AUC685" s="613"/>
      <c r="AUD685" s="613"/>
      <c r="AUE685" s="613"/>
      <c r="AUF685" s="613"/>
      <c r="AUG685" s="613"/>
      <c r="AUH685" s="613"/>
      <c r="AUI685" s="613"/>
      <c r="AUJ685" s="613"/>
      <c r="AUK685" s="613"/>
      <c r="AUL685" s="613"/>
      <c r="AUM685" s="613"/>
      <c r="AUN685" s="613"/>
      <c r="AUO685" s="613"/>
      <c r="AUP685" s="613"/>
      <c r="AUQ685" s="613"/>
      <c r="AUR685" s="613"/>
      <c r="AUS685" s="613"/>
      <c r="AUT685" s="613"/>
      <c r="AUU685" s="613"/>
      <c r="AUV685" s="613"/>
      <c r="AUW685" s="613"/>
      <c r="AUX685" s="613"/>
      <c r="AUY685" s="613"/>
      <c r="AUZ685" s="613"/>
      <c r="AVA685" s="613"/>
      <c r="AVB685" s="613"/>
      <c r="AVC685" s="613"/>
      <c r="AVD685" s="613"/>
      <c r="AVE685" s="613"/>
      <c r="AVF685" s="613"/>
      <c r="AVG685" s="613"/>
      <c r="AVH685" s="613"/>
      <c r="AVI685" s="613"/>
      <c r="AVJ685" s="613"/>
      <c r="AVK685" s="613"/>
      <c r="AVL685" s="613"/>
      <c r="AVM685" s="613"/>
      <c r="AVN685" s="613"/>
      <c r="AVO685" s="613"/>
      <c r="AVP685" s="613"/>
      <c r="AVQ685" s="613"/>
      <c r="AVR685" s="613"/>
      <c r="AVS685" s="613"/>
      <c r="AVT685" s="613"/>
      <c r="AVU685" s="613"/>
      <c r="AVV685" s="613"/>
      <c r="AVW685" s="613"/>
      <c r="AVX685" s="613"/>
      <c r="AVY685" s="613"/>
      <c r="AVZ685" s="613"/>
      <c r="AWA685" s="613"/>
      <c r="AWB685" s="613"/>
      <c r="AWC685" s="613"/>
      <c r="AWD685" s="613"/>
      <c r="AWE685" s="613"/>
      <c r="AWF685" s="613"/>
      <c r="AWG685" s="613"/>
      <c r="AWH685" s="613"/>
      <c r="AWI685" s="613"/>
      <c r="AWJ685" s="613"/>
      <c r="AWK685" s="613"/>
      <c r="AWL685" s="613"/>
      <c r="AWM685" s="613"/>
      <c r="AWN685" s="613"/>
      <c r="AWO685" s="613"/>
      <c r="AWP685" s="613"/>
      <c r="AWQ685" s="613"/>
      <c r="AWR685" s="613"/>
      <c r="AWS685" s="613"/>
      <c r="AWT685" s="613"/>
      <c r="AWU685" s="613"/>
      <c r="AWV685" s="613"/>
      <c r="AWW685" s="613"/>
      <c r="AWX685" s="613"/>
      <c r="AWY685" s="613"/>
      <c r="AWZ685" s="613"/>
      <c r="AXA685" s="613"/>
      <c r="AXB685" s="613"/>
      <c r="AXC685" s="613"/>
      <c r="AXD685" s="613"/>
      <c r="AXE685" s="613"/>
      <c r="AXF685" s="613"/>
      <c r="AXG685" s="613"/>
      <c r="AXH685" s="613"/>
      <c r="AXI685" s="613"/>
      <c r="AXJ685" s="613"/>
      <c r="AXK685" s="613"/>
      <c r="AXL685" s="613"/>
      <c r="AXM685" s="613"/>
      <c r="AXN685" s="613"/>
      <c r="AXO685" s="613"/>
      <c r="AXP685" s="613"/>
      <c r="AXQ685" s="613"/>
      <c r="AXR685" s="613"/>
      <c r="AXS685" s="613"/>
      <c r="AXT685" s="613"/>
      <c r="AXU685" s="613"/>
      <c r="AXV685" s="613"/>
      <c r="AXW685" s="613"/>
      <c r="AXX685" s="613"/>
      <c r="AXY685" s="613"/>
      <c r="AXZ685" s="613"/>
      <c r="AYA685" s="613"/>
      <c r="AYB685" s="613"/>
      <c r="AYC685" s="613"/>
      <c r="AYD685" s="613"/>
      <c r="AYE685" s="613"/>
      <c r="AYF685" s="613"/>
      <c r="AYG685" s="613"/>
      <c r="AYH685" s="613"/>
      <c r="AYI685" s="613"/>
      <c r="AYJ685" s="613"/>
      <c r="AYK685" s="613"/>
      <c r="AYL685" s="613"/>
      <c r="AYM685" s="613"/>
      <c r="AYN685" s="613"/>
      <c r="AYO685" s="613"/>
      <c r="AYP685" s="613"/>
      <c r="AYQ685" s="613"/>
      <c r="AYR685" s="613"/>
      <c r="AYS685" s="613"/>
      <c r="AYT685" s="613"/>
      <c r="AYU685" s="613"/>
      <c r="AYV685" s="613"/>
      <c r="AYW685" s="613"/>
      <c r="AYX685" s="613"/>
      <c r="AYY685" s="613"/>
      <c r="AYZ685" s="613"/>
      <c r="AZA685" s="613"/>
      <c r="AZB685" s="613"/>
      <c r="AZC685" s="613"/>
      <c r="AZD685" s="613"/>
      <c r="AZE685" s="613"/>
      <c r="AZF685" s="613"/>
      <c r="AZG685" s="613"/>
      <c r="AZH685" s="613"/>
      <c r="AZI685" s="613"/>
      <c r="AZJ685" s="613"/>
      <c r="AZK685" s="613"/>
      <c r="AZL685" s="613"/>
      <c r="AZM685" s="613"/>
      <c r="AZN685" s="613"/>
      <c r="AZO685" s="613"/>
      <c r="AZP685" s="613"/>
      <c r="AZQ685" s="613"/>
      <c r="AZR685" s="613"/>
      <c r="AZS685" s="613"/>
      <c r="AZT685" s="613"/>
      <c r="AZU685" s="613"/>
      <c r="AZV685" s="613"/>
      <c r="AZW685" s="613"/>
      <c r="AZX685" s="613"/>
      <c r="AZY685" s="613"/>
      <c r="AZZ685" s="613"/>
      <c r="BAA685" s="613"/>
      <c r="BAB685" s="613"/>
      <c r="BAC685" s="613"/>
      <c r="BAD685" s="613"/>
      <c r="BAE685" s="613"/>
      <c r="BAF685" s="613"/>
      <c r="BAG685" s="613"/>
      <c r="BAH685" s="613"/>
      <c r="BAI685" s="613"/>
      <c r="BAJ685" s="613"/>
      <c r="BAK685" s="613"/>
      <c r="BAL685" s="613"/>
      <c r="BAM685" s="613"/>
      <c r="BAN685" s="613"/>
      <c r="BAO685" s="613"/>
      <c r="BAP685" s="613"/>
      <c r="BAQ685" s="613"/>
      <c r="BAR685" s="613"/>
      <c r="BAS685" s="613"/>
      <c r="BAT685" s="613"/>
      <c r="BAU685" s="613"/>
      <c r="BAV685" s="613"/>
      <c r="BAW685" s="613"/>
      <c r="BAX685" s="613"/>
      <c r="BAY685" s="613"/>
      <c r="BAZ685" s="613"/>
      <c r="BBA685" s="613"/>
      <c r="BBB685" s="613"/>
      <c r="BBC685" s="613"/>
      <c r="BBD685" s="613"/>
      <c r="BBE685" s="613"/>
      <c r="BBF685" s="613"/>
      <c r="BBG685" s="613"/>
      <c r="BBH685" s="613"/>
      <c r="BBI685" s="613"/>
      <c r="BBJ685" s="613"/>
      <c r="BBK685" s="613"/>
      <c r="BBL685" s="613"/>
      <c r="BBM685" s="613"/>
      <c r="BBN685" s="613"/>
      <c r="BBO685" s="613"/>
      <c r="BBP685" s="613"/>
      <c r="BBQ685" s="613"/>
      <c r="BBR685" s="613"/>
      <c r="BBS685" s="613"/>
      <c r="BBT685" s="613"/>
      <c r="BBU685" s="613"/>
      <c r="BBV685" s="613"/>
      <c r="BBW685" s="613"/>
      <c r="BBX685" s="613"/>
      <c r="BBY685" s="613"/>
      <c r="BBZ685" s="613"/>
      <c r="BCA685" s="613"/>
      <c r="BCB685" s="613"/>
      <c r="BCC685" s="613"/>
      <c r="BCD685" s="613"/>
      <c r="BCE685" s="613"/>
      <c r="BCF685" s="613"/>
      <c r="BCG685" s="613"/>
      <c r="BCH685" s="613"/>
      <c r="BCI685" s="613"/>
      <c r="BCJ685" s="613"/>
      <c r="BCK685" s="613"/>
      <c r="BCL685" s="613"/>
      <c r="BCM685" s="613"/>
      <c r="BCN685" s="613"/>
      <c r="BCO685" s="613"/>
      <c r="BCP685" s="613"/>
      <c r="BCQ685" s="613"/>
      <c r="BCR685" s="613"/>
      <c r="BCS685" s="613"/>
      <c r="BCT685" s="613"/>
      <c r="BCU685" s="613"/>
      <c r="BCV685" s="613"/>
      <c r="BCW685" s="613"/>
      <c r="BCX685" s="613"/>
      <c r="BCY685" s="613"/>
      <c r="BCZ685" s="613"/>
      <c r="BDA685" s="613"/>
      <c r="BDB685" s="613"/>
      <c r="BDC685" s="613"/>
      <c r="BDD685" s="613"/>
      <c r="BDE685" s="613"/>
      <c r="BDF685" s="613"/>
      <c r="BDG685" s="613"/>
      <c r="BDH685" s="613"/>
      <c r="BDI685" s="613"/>
      <c r="BDJ685" s="613"/>
      <c r="BDK685" s="613"/>
      <c r="BDL685" s="613"/>
      <c r="BDM685" s="613"/>
      <c r="BDN685" s="613"/>
      <c r="BDO685" s="613"/>
      <c r="BDP685" s="613"/>
      <c r="BDQ685" s="613"/>
      <c r="BDR685" s="613"/>
      <c r="BDS685" s="613"/>
      <c r="BDT685" s="613"/>
      <c r="BDU685" s="613"/>
      <c r="BDV685" s="613"/>
      <c r="BDW685" s="613"/>
      <c r="BDX685" s="613"/>
      <c r="BDY685" s="613"/>
      <c r="BDZ685" s="613"/>
      <c r="BEA685" s="613"/>
      <c r="BEB685" s="613"/>
      <c r="BEC685" s="613"/>
      <c r="BED685" s="613"/>
      <c r="BEE685" s="613"/>
      <c r="BEF685" s="613"/>
      <c r="BEG685" s="613"/>
      <c r="BEH685" s="613"/>
      <c r="BEI685" s="613"/>
      <c r="BEJ685" s="613"/>
      <c r="BEK685" s="613"/>
      <c r="BEL685" s="613"/>
      <c r="BEM685" s="613"/>
      <c r="BEN685" s="613"/>
      <c r="BEO685" s="613"/>
      <c r="BEP685" s="613"/>
      <c r="BEQ685" s="613"/>
      <c r="BER685" s="613"/>
      <c r="BES685" s="613"/>
      <c r="BET685" s="613"/>
      <c r="BEU685" s="613"/>
      <c r="BEV685" s="613"/>
      <c r="BEW685" s="613"/>
      <c r="BEX685" s="613"/>
      <c r="BEY685" s="613"/>
      <c r="BEZ685" s="613"/>
      <c r="BFA685" s="613"/>
      <c r="BFB685" s="613"/>
      <c r="BFC685" s="613"/>
      <c r="BFD685" s="613"/>
      <c r="BFE685" s="613"/>
      <c r="BFF685" s="613"/>
      <c r="BFG685" s="613"/>
      <c r="BFH685" s="613"/>
      <c r="BFI685" s="613"/>
      <c r="BFJ685" s="613"/>
      <c r="BFK685" s="613"/>
      <c r="BFL685" s="613"/>
      <c r="BFM685" s="613"/>
      <c r="BFN685" s="613"/>
      <c r="BFO685" s="613"/>
      <c r="BFP685" s="613"/>
      <c r="BFQ685" s="613"/>
      <c r="BFR685" s="613"/>
      <c r="BFS685" s="613"/>
      <c r="BFT685" s="613"/>
      <c r="BFU685" s="613"/>
      <c r="BFV685" s="613"/>
      <c r="BFW685" s="613"/>
      <c r="BFX685" s="613"/>
      <c r="BFY685" s="613"/>
      <c r="BFZ685" s="613"/>
      <c r="BGA685" s="613"/>
      <c r="BGB685" s="613"/>
      <c r="BGC685" s="613"/>
      <c r="BGD685" s="613"/>
      <c r="BGE685" s="613"/>
      <c r="BGF685" s="613"/>
      <c r="BGG685" s="613"/>
      <c r="BGH685" s="613"/>
      <c r="BGI685" s="613"/>
      <c r="BGJ685" s="613"/>
      <c r="BGK685" s="613"/>
      <c r="BGL685" s="613"/>
      <c r="BGM685" s="613"/>
      <c r="BGN685" s="613"/>
      <c r="BGO685" s="613"/>
      <c r="BGP685" s="613"/>
      <c r="BGQ685" s="613"/>
      <c r="BGR685" s="613"/>
      <c r="BGS685" s="613"/>
      <c r="BGT685" s="613"/>
      <c r="BGU685" s="613"/>
      <c r="BGV685" s="613"/>
      <c r="BGW685" s="613"/>
      <c r="BGX685" s="613"/>
      <c r="BGY685" s="613"/>
      <c r="BGZ685" s="613"/>
      <c r="BHA685" s="613"/>
      <c r="BHB685" s="613"/>
      <c r="BHC685" s="613"/>
      <c r="BHD685" s="613"/>
      <c r="BHE685" s="613"/>
      <c r="BHF685" s="613"/>
      <c r="BHG685" s="613"/>
      <c r="BHH685" s="613"/>
      <c r="BHI685" s="613"/>
      <c r="BHJ685" s="613"/>
      <c r="BHK685" s="613"/>
      <c r="BHL685" s="613"/>
      <c r="BHM685" s="613"/>
      <c r="BHN685" s="613"/>
      <c r="BHO685" s="613"/>
      <c r="BHP685" s="613"/>
      <c r="BHQ685" s="613"/>
      <c r="BHR685" s="613"/>
      <c r="BHS685" s="613"/>
      <c r="BHT685" s="613"/>
      <c r="BHU685" s="613"/>
      <c r="BHV685" s="613"/>
      <c r="BHW685" s="613"/>
      <c r="BHX685" s="613"/>
      <c r="BHY685" s="613"/>
      <c r="BHZ685" s="613"/>
      <c r="BIA685" s="613"/>
      <c r="BIB685" s="613"/>
      <c r="BIC685" s="613"/>
      <c r="BID685" s="613"/>
      <c r="BIE685" s="613"/>
      <c r="BIF685" s="613"/>
      <c r="BIG685" s="613"/>
      <c r="BIH685" s="613"/>
      <c r="BII685" s="613"/>
      <c r="BIJ685" s="613"/>
      <c r="BIK685" s="613"/>
      <c r="BIL685" s="613"/>
      <c r="BIM685" s="613"/>
      <c r="BIN685" s="613"/>
      <c r="BIO685" s="613"/>
      <c r="BIP685" s="613"/>
      <c r="BIQ685" s="613"/>
      <c r="BIR685" s="613"/>
      <c r="BIS685" s="613"/>
      <c r="BIT685" s="613"/>
      <c r="BIU685" s="613"/>
      <c r="BIV685" s="613"/>
      <c r="BIW685" s="613"/>
      <c r="BIX685" s="613"/>
      <c r="BIY685" s="613"/>
      <c r="BIZ685" s="613"/>
      <c r="BJA685" s="613"/>
      <c r="BJB685" s="613"/>
      <c r="BJC685" s="613"/>
      <c r="BJD685" s="613"/>
      <c r="BJE685" s="613"/>
      <c r="BJF685" s="613"/>
      <c r="BJG685" s="613"/>
      <c r="BJH685" s="613"/>
      <c r="BJI685" s="613"/>
      <c r="BJJ685" s="613"/>
      <c r="BJK685" s="613"/>
      <c r="BJL685" s="613"/>
      <c r="BJM685" s="613"/>
      <c r="BJN685" s="613"/>
      <c r="BJO685" s="613"/>
      <c r="BJP685" s="613"/>
      <c r="BJQ685" s="613"/>
      <c r="BJR685" s="613"/>
      <c r="BJS685" s="613"/>
      <c r="BJT685" s="613"/>
      <c r="BJU685" s="613"/>
      <c r="BJV685" s="613"/>
      <c r="BJW685" s="613"/>
      <c r="BJX685" s="613"/>
      <c r="BJY685" s="613"/>
      <c r="BJZ685" s="613"/>
      <c r="BKA685" s="613"/>
      <c r="BKB685" s="613"/>
      <c r="BKC685" s="613"/>
      <c r="BKD685" s="613"/>
      <c r="BKE685" s="613"/>
      <c r="BKF685" s="613"/>
      <c r="BKG685" s="613"/>
      <c r="BKH685" s="613"/>
      <c r="BKI685" s="613"/>
      <c r="BKJ685" s="613"/>
      <c r="BKK685" s="613"/>
      <c r="BKL685" s="613"/>
      <c r="BKM685" s="613"/>
      <c r="BKN685" s="613"/>
      <c r="BKO685" s="613"/>
      <c r="BKP685" s="613"/>
      <c r="BKQ685" s="613"/>
      <c r="BKR685" s="613"/>
      <c r="BKS685" s="613"/>
      <c r="BKT685" s="613"/>
      <c r="BKU685" s="613"/>
      <c r="BKV685" s="613"/>
      <c r="BKW685" s="613"/>
      <c r="BKX685" s="613"/>
      <c r="BKY685" s="613"/>
      <c r="BKZ685" s="613"/>
      <c r="BLA685" s="613"/>
      <c r="BLB685" s="613"/>
      <c r="BLC685" s="613"/>
      <c r="BLD685" s="613"/>
      <c r="BLE685" s="613"/>
      <c r="BLF685" s="613"/>
      <c r="BLG685" s="613"/>
      <c r="BLH685" s="613"/>
      <c r="BLI685" s="613"/>
      <c r="BLJ685" s="613"/>
      <c r="BLK685" s="613"/>
      <c r="BLL685" s="613"/>
      <c r="BLM685" s="613"/>
      <c r="BLN685" s="613"/>
      <c r="BLO685" s="613"/>
      <c r="BLP685" s="613"/>
      <c r="BLQ685" s="613"/>
      <c r="BLR685" s="613"/>
      <c r="BLS685" s="613"/>
      <c r="BLT685" s="613"/>
      <c r="BLU685" s="613"/>
      <c r="BLV685" s="613"/>
      <c r="BLW685" s="613"/>
      <c r="BLX685" s="613"/>
      <c r="BLY685" s="613"/>
      <c r="BLZ685" s="613"/>
      <c r="BMA685" s="613"/>
      <c r="BMB685" s="613"/>
      <c r="BMC685" s="613"/>
      <c r="BMD685" s="613"/>
      <c r="BME685" s="613"/>
      <c r="BMF685" s="613"/>
      <c r="BMG685" s="613"/>
      <c r="BMH685" s="613"/>
      <c r="BMI685" s="613"/>
      <c r="BMJ685" s="613"/>
      <c r="BMK685" s="613"/>
      <c r="BML685" s="613"/>
      <c r="BMM685" s="613"/>
      <c r="BMN685" s="613"/>
      <c r="BMO685" s="613"/>
      <c r="BMP685" s="613"/>
      <c r="BMQ685" s="613"/>
      <c r="BMR685" s="613"/>
      <c r="BMS685" s="613"/>
      <c r="BMT685" s="613"/>
      <c r="BMU685" s="613"/>
      <c r="BMV685" s="613"/>
      <c r="BMW685" s="613"/>
      <c r="BMX685" s="613"/>
      <c r="BMY685" s="613"/>
      <c r="BMZ685" s="613"/>
      <c r="BNA685" s="613"/>
      <c r="BNB685" s="613"/>
      <c r="BNC685" s="613"/>
      <c r="BND685" s="613"/>
      <c r="BNE685" s="613"/>
      <c r="BNF685" s="613"/>
      <c r="BNG685" s="613"/>
      <c r="BNH685" s="613"/>
      <c r="BNI685" s="613"/>
      <c r="BNJ685" s="613"/>
      <c r="BNK685" s="613"/>
      <c r="BNL685" s="613"/>
      <c r="BNM685" s="613"/>
      <c r="BNN685" s="613"/>
      <c r="BNO685" s="613"/>
      <c r="BNP685" s="613"/>
      <c r="BNQ685" s="613"/>
      <c r="BNR685" s="613"/>
      <c r="BNS685" s="613"/>
      <c r="BNT685" s="613"/>
      <c r="BNU685" s="613"/>
      <c r="BNV685" s="613"/>
      <c r="BNW685" s="613"/>
      <c r="BNX685" s="613"/>
      <c r="BNY685" s="613"/>
      <c r="BNZ685" s="613"/>
      <c r="BOA685" s="613"/>
      <c r="BOB685" s="613"/>
      <c r="BOC685" s="613"/>
      <c r="BOD685" s="613"/>
      <c r="BOE685" s="613"/>
      <c r="BOF685" s="613"/>
      <c r="BOG685" s="613"/>
      <c r="BOH685" s="613"/>
      <c r="BOI685" s="613"/>
      <c r="BOJ685" s="613"/>
      <c r="BOK685" s="613"/>
      <c r="BOL685" s="613"/>
      <c r="BOM685" s="613"/>
      <c r="BON685" s="613"/>
      <c r="BOO685" s="613"/>
      <c r="BOP685" s="613"/>
      <c r="BOQ685" s="613"/>
      <c r="BOR685" s="613"/>
      <c r="BOS685" s="613"/>
      <c r="BOT685" s="613"/>
      <c r="BOU685" s="613"/>
      <c r="BOV685" s="613"/>
      <c r="BOW685" s="613"/>
      <c r="BOX685" s="613"/>
      <c r="BOY685" s="613"/>
      <c r="BOZ685" s="613"/>
      <c r="BPA685" s="613"/>
      <c r="BPB685" s="613"/>
      <c r="BPC685" s="613"/>
      <c r="BPD685" s="613"/>
      <c r="BPE685" s="613"/>
      <c r="BPF685" s="613"/>
      <c r="BPG685" s="613"/>
      <c r="BPH685" s="613"/>
      <c r="BPI685" s="613"/>
      <c r="BPJ685" s="613"/>
      <c r="BPK685" s="613"/>
      <c r="BPL685" s="613"/>
      <c r="BPM685" s="613"/>
      <c r="BPN685" s="613"/>
      <c r="BPO685" s="613"/>
      <c r="BPP685" s="613"/>
      <c r="BPQ685" s="613"/>
      <c r="BPR685" s="613"/>
      <c r="BPS685" s="613"/>
      <c r="BPT685" s="613"/>
      <c r="BPU685" s="613"/>
      <c r="BPV685" s="613"/>
      <c r="BPW685" s="613"/>
      <c r="BPX685" s="613"/>
      <c r="BPY685" s="613"/>
      <c r="BPZ685" s="613"/>
      <c r="BQA685" s="613"/>
      <c r="BQB685" s="613"/>
      <c r="BQC685" s="613"/>
      <c r="BQD685" s="613"/>
      <c r="BQE685" s="613"/>
      <c r="BQF685" s="613"/>
      <c r="BQG685" s="613"/>
      <c r="BQH685" s="613"/>
      <c r="BQI685" s="613"/>
      <c r="BQJ685" s="613"/>
      <c r="BQK685" s="613"/>
      <c r="BQL685" s="613"/>
      <c r="BQM685" s="613"/>
      <c r="BQN685" s="613"/>
      <c r="BQO685" s="613"/>
      <c r="BQP685" s="613"/>
      <c r="BQQ685" s="613"/>
      <c r="BQR685" s="613"/>
      <c r="BQS685" s="613"/>
      <c r="BQT685" s="613"/>
      <c r="BQU685" s="613"/>
      <c r="BQV685" s="613"/>
      <c r="BQW685" s="613"/>
      <c r="BQX685" s="613"/>
      <c r="BQY685" s="613"/>
      <c r="BQZ685" s="613"/>
      <c r="BRA685" s="613"/>
      <c r="BRB685" s="613"/>
      <c r="BRC685" s="613"/>
      <c r="BRD685" s="613"/>
      <c r="BRE685" s="613"/>
      <c r="BRF685" s="613"/>
      <c r="BRG685" s="613"/>
      <c r="BRH685" s="613"/>
      <c r="BRI685" s="613"/>
      <c r="BRJ685" s="613"/>
      <c r="BRK685" s="613"/>
      <c r="BRL685" s="613"/>
      <c r="BRM685" s="613"/>
      <c r="BRN685" s="613"/>
      <c r="BRO685" s="613"/>
      <c r="BRP685" s="613"/>
      <c r="BRQ685" s="613"/>
      <c r="BRR685" s="613"/>
      <c r="BRS685" s="613"/>
      <c r="BRT685" s="613"/>
      <c r="BRU685" s="613"/>
      <c r="BRV685" s="613"/>
      <c r="BRW685" s="613"/>
      <c r="BRX685" s="613"/>
      <c r="BRY685" s="613"/>
      <c r="BRZ685" s="613"/>
      <c r="BSA685" s="613"/>
      <c r="BSB685" s="613"/>
      <c r="BSC685" s="613"/>
      <c r="BSD685" s="613"/>
      <c r="BSE685" s="613"/>
      <c r="BSF685" s="613"/>
      <c r="BSG685" s="613"/>
      <c r="BSH685" s="613"/>
      <c r="BSI685" s="613"/>
      <c r="BSJ685" s="613"/>
      <c r="BSK685" s="613"/>
      <c r="BSL685" s="613"/>
      <c r="BSM685" s="613"/>
      <c r="BSN685" s="613"/>
      <c r="BSO685" s="613"/>
      <c r="BSP685" s="613"/>
      <c r="BSQ685" s="613"/>
      <c r="BSR685" s="613"/>
      <c r="BSS685" s="613"/>
      <c r="BST685" s="613"/>
      <c r="BSU685" s="613"/>
      <c r="BSV685" s="613"/>
      <c r="BSW685" s="613"/>
      <c r="BSX685" s="613"/>
      <c r="BSY685" s="613"/>
      <c r="BSZ685" s="613"/>
      <c r="BTA685" s="613"/>
      <c r="BTB685" s="613"/>
      <c r="BTC685" s="613"/>
      <c r="BTD685" s="613"/>
      <c r="BTE685" s="613"/>
      <c r="BTF685" s="613"/>
      <c r="BTG685" s="613"/>
      <c r="BTH685" s="613"/>
      <c r="BTI685" s="613"/>
      <c r="BTJ685" s="613"/>
      <c r="BTK685" s="613"/>
      <c r="BTL685" s="613"/>
      <c r="BTM685" s="613"/>
      <c r="BTN685" s="613"/>
      <c r="BTO685" s="613"/>
      <c r="BTP685" s="613"/>
      <c r="BTQ685" s="613"/>
      <c r="BTR685" s="613"/>
      <c r="BTS685" s="613"/>
      <c r="BTT685" s="613"/>
      <c r="BTU685" s="613"/>
      <c r="BTV685" s="613"/>
      <c r="BTW685" s="613"/>
      <c r="BTX685" s="613"/>
      <c r="BTY685" s="613"/>
      <c r="BTZ685" s="613"/>
      <c r="BUA685" s="613"/>
      <c r="BUB685" s="613"/>
      <c r="BUC685" s="613"/>
      <c r="BUD685" s="613"/>
      <c r="BUE685" s="613"/>
      <c r="BUF685" s="613"/>
      <c r="BUG685" s="613"/>
      <c r="BUH685" s="613"/>
      <c r="BUI685" s="613"/>
      <c r="BUJ685" s="613"/>
      <c r="BUK685" s="613"/>
      <c r="BUL685" s="613"/>
      <c r="BUM685" s="613"/>
      <c r="BUN685" s="613"/>
      <c r="BUO685" s="613"/>
      <c r="BUP685" s="613"/>
      <c r="BUQ685" s="613"/>
      <c r="BUR685" s="613"/>
      <c r="BUS685" s="613"/>
      <c r="BUT685" s="613"/>
      <c r="BUU685" s="613"/>
      <c r="BUV685" s="613"/>
      <c r="BUW685" s="613"/>
      <c r="BUX685" s="613"/>
      <c r="BUY685" s="613"/>
      <c r="BUZ685" s="613"/>
      <c r="BVA685" s="613"/>
      <c r="BVB685" s="613"/>
      <c r="BVC685" s="613"/>
      <c r="BVD685" s="613"/>
      <c r="BVE685" s="613"/>
      <c r="BVF685" s="613"/>
      <c r="BVG685" s="613"/>
      <c r="BVH685" s="613"/>
      <c r="BVI685" s="613"/>
      <c r="BVJ685" s="613"/>
      <c r="BVK685" s="613"/>
      <c r="BVL685" s="613"/>
      <c r="BVM685" s="613"/>
      <c r="BVN685" s="613"/>
      <c r="BVO685" s="613"/>
      <c r="BVP685" s="613"/>
      <c r="BVQ685" s="613"/>
      <c r="BVR685" s="613"/>
      <c r="BVS685" s="613"/>
      <c r="BVT685" s="613"/>
      <c r="BVU685" s="613"/>
      <c r="BVV685" s="613"/>
      <c r="BVW685" s="613"/>
      <c r="BVX685" s="613"/>
      <c r="BVY685" s="613"/>
      <c r="BVZ685" s="613"/>
      <c r="BWA685" s="613"/>
      <c r="BWB685" s="613"/>
      <c r="BWC685" s="613"/>
      <c r="BWD685" s="613"/>
      <c r="BWE685" s="613"/>
      <c r="BWF685" s="613"/>
      <c r="BWG685" s="613"/>
      <c r="BWH685" s="613"/>
      <c r="BWI685" s="613"/>
      <c r="BWJ685" s="613"/>
      <c r="BWK685" s="613"/>
      <c r="BWL685" s="613"/>
      <c r="BWM685" s="613"/>
      <c r="BWN685" s="613"/>
      <c r="BWO685" s="613"/>
      <c r="BWP685" s="613"/>
      <c r="BWQ685" s="613"/>
      <c r="BWR685" s="613"/>
      <c r="BWS685" s="613"/>
      <c r="BWT685" s="613"/>
      <c r="BWU685" s="613"/>
      <c r="BWV685" s="613"/>
      <c r="BWW685" s="613"/>
      <c r="BWX685" s="613"/>
      <c r="BWY685" s="613"/>
      <c r="BWZ685" s="613"/>
      <c r="BXA685" s="613"/>
      <c r="BXB685" s="613"/>
      <c r="BXC685" s="613"/>
      <c r="BXD685" s="613"/>
      <c r="BXE685" s="613"/>
      <c r="BXF685" s="613"/>
      <c r="BXG685" s="613"/>
      <c r="BXH685" s="613"/>
      <c r="BXI685" s="613"/>
      <c r="BXJ685" s="613"/>
      <c r="BXK685" s="613"/>
      <c r="BXL685" s="613"/>
      <c r="BXM685" s="613"/>
      <c r="BXN685" s="613"/>
      <c r="BXO685" s="613"/>
      <c r="BXP685" s="613"/>
      <c r="BXQ685" s="613"/>
      <c r="BXR685" s="613"/>
      <c r="BXS685" s="613"/>
      <c r="BXT685" s="613"/>
      <c r="BXU685" s="613"/>
      <c r="BXV685" s="613"/>
      <c r="BXW685" s="613"/>
      <c r="BXX685" s="613"/>
      <c r="BXY685" s="613"/>
      <c r="BXZ685" s="613"/>
      <c r="BYA685" s="613"/>
      <c r="BYB685" s="613"/>
      <c r="BYC685" s="613"/>
      <c r="BYD685" s="613"/>
      <c r="BYE685" s="613"/>
      <c r="BYF685" s="613"/>
      <c r="BYG685" s="613"/>
      <c r="BYH685" s="613"/>
      <c r="BYI685" s="613"/>
      <c r="BYJ685" s="613"/>
      <c r="BYK685" s="613"/>
      <c r="BYL685" s="613"/>
      <c r="BYM685" s="613"/>
      <c r="BYN685" s="613"/>
      <c r="BYO685" s="613"/>
      <c r="BYP685" s="613"/>
      <c r="BYQ685" s="613"/>
      <c r="BYR685" s="613"/>
      <c r="BYS685" s="613"/>
      <c r="BYT685" s="613"/>
      <c r="BYU685" s="613"/>
      <c r="BYV685" s="613"/>
      <c r="BYW685" s="613"/>
      <c r="BYX685" s="613"/>
      <c r="BYY685" s="613"/>
      <c r="BYZ685" s="613"/>
      <c r="BZA685" s="613"/>
      <c r="BZB685" s="613"/>
      <c r="BZC685" s="613"/>
      <c r="BZD685" s="613"/>
      <c r="BZE685" s="613"/>
      <c r="BZF685" s="613"/>
      <c r="BZG685" s="613"/>
      <c r="BZH685" s="613"/>
      <c r="BZI685" s="613"/>
      <c r="BZJ685" s="613"/>
      <c r="BZK685" s="613"/>
      <c r="BZL685" s="613"/>
      <c r="BZM685" s="613"/>
      <c r="BZN685" s="613"/>
      <c r="BZO685" s="613"/>
      <c r="BZP685" s="613"/>
      <c r="BZQ685" s="613"/>
      <c r="BZR685" s="613"/>
      <c r="BZS685" s="613"/>
      <c r="BZT685" s="613"/>
      <c r="BZU685" s="613"/>
      <c r="BZV685" s="613"/>
      <c r="BZW685" s="613"/>
      <c r="BZX685" s="613"/>
      <c r="BZY685" s="613"/>
      <c r="BZZ685" s="613"/>
      <c r="CAA685" s="613"/>
      <c r="CAB685" s="613"/>
      <c r="CAC685" s="613"/>
      <c r="CAD685" s="613"/>
      <c r="CAE685" s="613"/>
      <c r="CAF685" s="613"/>
      <c r="CAG685" s="613"/>
      <c r="CAH685" s="613"/>
      <c r="CAI685" s="613"/>
      <c r="CAJ685" s="613"/>
      <c r="CAK685" s="613"/>
      <c r="CAL685" s="613"/>
      <c r="CAM685" s="613"/>
      <c r="CAN685" s="613"/>
      <c r="CAO685" s="613"/>
      <c r="CAP685" s="613"/>
      <c r="CAQ685" s="613"/>
      <c r="CAR685" s="613"/>
      <c r="CAS685" s="613"/>
      <c r="CAT685" s="613"/>
      <c r="CAU685" s="613"/>
      <c r="CAV685" s="613"/>
      <c r="CAW685" s="613"/>
      <c r="CAX685" s="613"/>
      <c r="CAY685" s="613"/>
      <c r="CAZ685" s="613"/>
      <c r="CBA685" s="613"/>
      <c r="CBB685" s="613"/>
      <c r="CBC685" s="613"/>
      <c r="CBD685" s="613"/>
      <c r="CBE685" s="613"/>
      <c r="CBF685" s="613"/>
      <c r="CBG685" s="613"/>
      <c r="CBH685" s="613"/>
      <c r="CBI685" s="613"/>
      <c r="CBJ685" s="613"/>
      <c r="CBK685" s="613"/>
      <c r="CBL685" s="613"/>
      <c r="CBM685" s="613"/>
      <c r="CBN685" s="613"/>
      <c r="CBO685" s="613"/>
      <c r="CBP685" s="613"/>
      <c r="CBQ685" s="613"/>
      <c r="CBR685" s="613"/>
      <c r="CBS685" s="613"/>
      <c r="CBT685" s="613"/>
      <c r="CBU685" s="613"/>
      <c r="CBV685" s="613"/>
      <c r="CBW685" s="613"/>
      <c r="CBX685" s="613"/>
      <c r="CBY685" s="613"/>
      <c r="CBZ685" s="613"/>
      <c r="CCA685" s="613"/>
      <c r="CCB685" s="613"/>
      <c r="CCC685" s="613"/>
      <c r="CCD685" s="613"/>
      <c r="CCE685" s="613"/>
      <c r="CCF685" s="613"/>
      <c r="CCG685" s="613"/>
      <c r="CCH685" s="613"/>
      <c r="CCI685" s="613"/>
      <c r="CCJ685" s="613"/>
      <c r="CCK685" s="613"/>
      <c r="CCL685" s="613"/>
      <c r="CCM685" s="613"/>
      <c r="CCN685" s="613"/>
      <c r="CCO685" s="613"/>
      <c r="CCP685" s="613"/>
      <c r="CCQ685" s="613"/>
      <c r="CCR685" s="613"/>
      <c r="CCS685" s="613"/>
      <c r="CCT685" s="613"/>
      <c r="CCU685" s="613"/>
      <c r="CCV685" s="613"/>
      <c r="CCW685" s="613"/>
      <c r="CCX685" s="613"/>
      <c r="CCY685" s="613"/>
      <c r="CCZ685" s="613"/>
      <c r="CDA685" s="613"/>
      <c r="CDB685" s="613"/>
      <c r="CDC685" s="613"/>
      <c r="CDD685" s="613"/>
      <c r="CDE685" s="613"/>
      <c r="CDF685" s="613"/>
      <c r="CDG685" s="613"/>
      <c r="CDH685" s="613"/>
      <c r="CDI685" s="613"/>
      <c r="CDJ685" s="613"/>
      <c r="CDK685" s="613"/>
      <c r="CDL685" s="613"/>
      <c r="CDM685" s="613"/>
      <c r="CDN685" s="613"/>
      <c r="CDO685" s="613"/>
      <c r="CDP685" s="613"/>
      <c r="CDQ685" s="613"/>
      <c r="CDR685" s="613"/>
      <c r="CDS685" s="613"/>
      <c r="CDT685" s="613"/>
      <c r="CDU685" s="613"/>
      <c r="CDV685" s="613"/>
      <c r="CDW685" s="613"/>
      <c r="CDX685" s="613"/>
      <c r="CDY685" s="613"/>
      <c r="CDZ685" s="613"/>
      <c r="CEA685" s="613"/>
      <c r="CEB685" s="613"/>
      <c r="CEC685" s="613"/>
      <c r="CED685" s="613"/>
      <c r="CEE685" s="613"/>
      <c r="CEF685" s="613"/>
      <c r="CEG685" s="613"/>
      <c r="CEH685" s="613"/>
      <c r="CEI685" s="613"/>
      <c r="CEJ685" s="613"/>
      <c r="CEK685" s="613"/>
      <c r="CEL685" s="613"/>
      <c r="CEM685" s="613"/>
      <c r="CEN685" s="613"/>
      <c r="CEO685" s="613"/>
      <c r="CEP685" s="613"/>
      <c r="CEQ685" s="613"/>
      <c r="CER685" s="613"/>
      <c r="CES685" s="613"/>
      <c r="CET685" s="613"/>
      <c r="CEU685" s="613"/>
      <c r="CEV685" s="613"/>
      <c r="CEW685" s="613"/>
      <c r="CEX685" s="613"/>
      <c r="CEY685" s="613"/>
      <c r="CEZ685" s="613"/>
      <c r="CFA685" s="613"/>
      <c r="CFB685" s="613"/>
      <c r="CFC685" s="613"/>
      <c r="CFD685" s="613"/>
      <c r="CFE685" s="613"/>
      <c r="CFF685" s="613"/>
      <c r="CFG685" s="613"/>
      <c r="CFH685" s="613"/>
      <c r="CFI685" s="613"/>
      <c r="CFJ685" s="613"/>
      <c r="CFK685" s="613"/>
      <c r="CFL685" s="613"/>
      <c r="CFM685" s="613"/>
      <c r="CFN685" s="613"/>
      <c r="CFO685" s="613"/>
      <c r="CFP685" s="613"/>
      <c r="CFQ685" s="613"/>
      <c r="CFR685" s="613"/>
      <c r="CFS685" s="613"/>
      <c r="CFT685" s="613"/>
      <c r="CFU685" s="613"/>
      <c r="CFV685" s="613"/>
      <c r="CFW685" s="613"/>
      <c r="CFX685" s="613"/>
      <c r="CFY685" s="613"/>
      <c r="CFZ685" s="613"/>
      <c r="CGA685" s="613"/>
      <c r="CGB685" s="613"/>
      <c r="CGC685" s="613"/>
      <c r="CGD685" s="613"/>
      <c r="CGE685" s="613"/>
      <c r="CGF685" s="613"/>
      <c r="CGG685" s="613"/>
      <c r="CGH685" s="613"/>
      <c r="CGI685" s="613"/>
      <c r="CGJ685" s="613"/>
      <c r="CGK685" s="613"/>
      <c r="CGL685" s="613"/>
      <c r="CGM685" s="613"/>
      <c r="CGN685" s="613"/>
      <c r="CGO685" s="613"/>
      <c r="CGP685" s="613"/>
      <c r="CGQ685" s="613"/>
      <c r="CGR685" s="613"/>
      <c r="CGS685" s="613"/>
      <c r="CGT685" s="613"/>
      <c r="CGU685" s="613"/>
      <c r="CGV685" s="613"/>
      <c r="CGW685" s="613"/>
      <c r="CGX685" s="613"/>
      <c r="CGY685" s="613"/>
      <c r="CGZ685" s="613"/>
      <c r="CHA685" s="613"/>
      <c r="CHB685" s="613"/>
      <c r="CHC685" s="613"/>
      <c r="CHD685" s="613"/>
      <c r="CHE685" s="613"/>
      <c r="CHF685" s="613"/>
      <c r="CHG685" s="613"/>
      <c r="CHH685" s="613"/>
      <c r="CHI685" s="613"/>
      <c r="CHJ685" s="613"/>
      <c r="CHK685" s="613"/>
      <c r="CHL685" s="613"/>
      <c r="CHM685" s="613"/>
      <c r="CHN685" s="613"/>
      <c r="CHO685" s="613"/>
      <c r="CHP685" s="613"/>
      <c r="CHQ685" s="613"/>
      <c r="CHR685" s="613"/>
      <c r="CHS685" s="613"/>
      <c r="CHT685" s="613"/>
      <c r="CHU685" s="613"/>
      <c r="CHV685" s="613"/>
      <c r="CHW685" s="613"/>
      <c r="CHX685" s="613"/>
      <c r="CHY685" s="613"/>
      <c r="CHZ685" s="613"/>
      <c r="CIA685" s="613"/>
      <c r="CIB685" s="613"/>
      <c r="CIC685" s="613"/>
      <c r="CID685" s="613"/>
      <c r="CIE685" s="613"/>
      <c r="CIF685" s="613"/>
      <c r="CIG685" s="613"/>
      <c r="CIH685" s="613"/>
      <c r="CII685" s="613"/>
      <c r="CIJ685" s="613"/>
      <c r="CIK685" s="613"/>
      <c r="CIL685" s="613"/>
      <c r="CIM685" s="613"/>
      <c r="CIN685" s="613"/>
      <c r="CIO685" s="613"/>
      <c r="CIP685" s="613"/>
      <c r="CIQ685" s="613"/>
      <c r="CIR685" s="613"/>
      <c r="CIS685" s="613"/>
      <c r="CIT685" s="613"/>
      <c r="CIU685" s="613"/>
      <c r="CIV685" s="613"/>
      <c r="CIW685" s="613"/>
      <c r="CIX685" s="613"/>
      <c r="CIY685" s="613"/>
      <c r="CIZ685" s="613"/>
      <c r="CJA685" s="613"/>
      <c r="CJB685" s="613"/>
      <c r="CJC685" s="613"/>
      <c r="CJD685" s="613"/>
      <c r="CJE685" s="613"/>
      <c r="CJF685" s="613"/>
      <c r="CJG685" s="613"/>
      <c r="CJH685" s="613"/>
      <c r="CJI685" s="613"/>
      <c r="CJJ685" s="613"/>
      <c r="CJK685" s="613"/>
      <c r="CJL685" s="613"/>
      <c r="CJM685" s="613"/>
      <c r="CJN685" s="613"/>
      <c r="CJO685" s="613"/>
      <c r="CJP685" s="613"/>
      <c r="CJQ685" s="613"/>
      <c r="CJR685" s="613"/>
      <c r="CJS685" s="613"/>
      <c r="CJT685" s="613"/>
      <c r="CJU685" s="613"/>
      <c r="CJV685" s="613"/>
      <c r="CJW685" s="613"/>
      <c r="CJX685" s="613"/>
      <c r="CJY685" s="613"/>
      <c r="CJZ685" s="613"/>
      <c r="CKA685" s="613"/>
      <c r="CKB685" s="613"/>
      <c r="CKC685" s="613"/>
      <c r="CKD685" s="613"/>
      <c r="CKE685" s="613"/>
      <c r="CKF685" s="613"/>
      <c r="CKG685" s="613"/>
      <c r="CKH685" s="613"/>
      <c r="CKI685" s="613"/>
      <c r="CKJ685" s="613"/>
      <c r="CKK685" s="613"/>
      <c r="CKL685" s="613"/>
      <c r="CKM685" s="613"/>
      <c r="CKN685" s="613"/>
      <c r="CKO685" s="613"/>
      <c r="CKP685" s="613"/>
      <c r="CKQ685" s="613"/>
      <c r="CKR685" s="613"/>
      <c r="CKS685" s="613"/>
      <c r="CKT685" s="613"/>
      <c r="CKU685" s="613"/>
      <c r="CKV685" s="613"/>
      <c r="CKW685" s="613"/>
      <c r="CKX685" s="613"/>
      <c r="CKY685" s="613"/>
      <c r="CKZ685" s="613"/>
      <c r="CLA685" s="613"/>
      <c r="CLB685" s="613"/>
      <c r="CLC685" s="613"/>
      <c r="CLD685" s="613"/>
      <c r="CLE685" s="613"/>
      <c r="CLF685" s="613"/>
      <c r="CLG685" s="613"/>
      <c r="CLH685" s="613"/>
      <c r="CLI685" s="613"/>
      <c r="CLJ685" s="613"/>
      <c r="CLK685" s="613"/>
      <c r="CLL685" s="613"/>
      <c r="CLM685" s="613"/>
      <c r="CLN685" s="613"/>
      <c r="CLO685" s="613"/>
      <c r="CLP685" s="613"/>
      <c r="CLQ685" s="613"/>
      <c r="CLR685" s="613"/>
      <c r="CLS685" s="613"/>
      <c r="CLT685" s="613"/>
      <c r="CLU685" s="613"/>
      <c r="CLV685" s="613"/>
      <c r="CLW685" s="613"/>
      <c r="CLX685" s="613"/>
      <c r="CLY685" s="613"/>
      <c r="CLZ685" s="613"/>
      <c r="CMA685" s="613"/>
      <c r="CMB685" s="613"/>
      <c r="CMC685" s="613"/>
      <c r="CMD685" s="613"/>
      <c r="CME685" s="613"/>
      <c r="CMF685" s="613"/>
      <c r="CMG685" s="613"/>
      <c r="CMH685" s="613"/>
      <c r="CMI685" s="613"/>
      <c r="CMJ685" s="613"/>
      <c r="CMK685" s="613"/>
      <c r="CML685" s="613"/>
      <c r="CMM685" s="613"/>
      <c r="CMN685" s="613"/>
      <c r="CMO685" s="613"/>
      <c r="CMP685" s="613"/>
      <c r="CMQ685" s="613"/>
      <c r="CMR685" s="613"/>
      <c r="CMS685" s="613"/>
      <c r="CMT685" s="613"/>
      <c r="CMU685" s="613"/>
      <c r="CMV685" s="613"/>
      <c r="CMW685" s="613"/>
      <c r="CMX685" s="613"/>
      <c r="CMY685" s="613"/>
      <c r="CMZ685" s="613"/>
      <c r="CNA685" s="613"/>
      <c r="CNB685" s="613"/>
      <c r="CNC685" s="613"/>
      <c r="CND685" s="613"/>
      <c r="CNE685" s="613"/>
      <c r="CNF685" s="613"/>
      <c r="CNG685" s="613"/>
      <c r="CNH685" s="613"/>
      <c r="CNI685" s="613"/>
      <c r="CNJ685" s="613"/>
      <c r="CNK685" s="613"/>
      <c r="CNL685" s="613"/>
      <c r="CNM685" s="613"/>
      <c r="CNN685" s="613"/>
      <c r="CNO685" s="613"/>
      <c r="CNP685" s="613"/>
      <c r="CNQ685" s="613"/>
      <c r="CNR685" s="613"/>
      <c r="CNS685" s="613"/>
      <c r="CNT685" s="613"/>
      <c r="CNU685" s="613"/>
      <c r="CNV685" s="613"/>
      <c r="CNW685" s="613"/>
      <c r="CNX685" s="613"/>
      <c r="CNY685" s="613"/>
      <c r="CNZ685" s="613"/>
      <c r="COA685" s="613"/>
      <c r="COB685" s="613"/>
      <c r="COC685" s="613"/>
      <c r="COD685" s="613"/>
      <c r="COE685" s="613"/>
      <c r="COF685" s="613"/>
      <c r="COG685" s="613"/>
      <c r="COH685" s="613"/>
      <c r="COI685" s="613"/>
      <c r="COJ685" s="613"/>
      <c r="COK685" s="613"/>
      <c r="COL685" s="613"/>
      <c r="COM685" s="613"/>
      <c r="CON685" s="613"/>
      <c r="COO685" s="613"/>
      <c r="COP685" s="613"/>
      <c r="COQ685" s="613"/>
      <c r="COR685" s="613"/>
      <c r="COS685" s="613"/>
      <c r="COT685" s="613"/>
      <c r="COU685" s="613"/>
      <c r="COV685" s="613"/>
      <c r="COW685" s="613"/>
      <c r="COX685" s="613"/>
      <c r="COY685" s="613"/>
      <c r="COZ685" s="613"/>
      <c r="CPA685" s="613"/>
      <c r="CPB685" s="613"/>
      <c r="CPC685" s="613"/>
      <c r="CPD685" s="613"/>
      <c r="CPE685" s="613"/>
      <c r="CPF685" s="613"/>
      <c r="CPG685" s="613"/>
      <c r="CPH685" s="613"/>
      <c r="CPI685" s="613"/>
      <c r="CPJ685" s="613"/>
      <c r="CPK685" s="613"/>
      <c r="CPL685" s="613"/>
      <c r="CPM685" s="613"/>
      <c r="CPN685" s="613"/>
      <c r="CPO685" s="613"/>
      <c r="CPP685" s="613"/>
      <c r="CPQ685" s="613"/>
      <c r="CPR685" s="613"/>
      <c r="CPS685" s="613"/>
      <c r="CPT685" s="613"/>
      <c r="CPU685" s="613"/>
      <c r="CPV685" s="613"/>
      <c r="CPW685" s="613"/>
      <c r="CPX685" s="613"/>
      <c r="CPY685" s="613"/>
      <c r="CPZ685" s="613"/>
      <c r="CQA685" s="613"/>
      <c r="CQB685" s="613"/>
      <c r="CQC685" s="613"/>
      <c r="CQD685" s="613"/>
      <c r="CQE685" s="613"/>
      <c r="CQF685" s="613"/>
      <c r="CQG685" s="613"/>
      <c r="CQH685" s="613"/>
      <c r="CQI685" s="613"/>
      <c r="CQJ685" s="613"/>
      <c r="CQK685" s="613"/>
      <c r="CQL685" s="613"/>
      <c r="CQM685" s="613"/>
      <c r="CQN685" s="613"/>
      <c r="CQO685" s="613"/>
      <c r="CQP685" s="613"/>
      <c r="CQQ685" s="613"/>
      <c r="CQR685" s="613"/>
      <c r="CQS685" s="613"/>
      <c r="CQT685" s="613"/>
      <c r="CQU685" s="613"/>
      <c r="CQV685" s="613"/>
      <c r="CQW685" s="613"/>
      <c r="CQX685" s="613"/>
      <c r="CQY685" s="613"/>
      <c r="CQZ685" s="613"/>
      <c r="CRA685" s="613"/>
      <c r="CRB685" s="613"/>
      <c r="CRC685" s="613"/>
      <c r="CRD685" s="613"/>
      <c r="CRE685" s="613"/>
      <c r="CRF685" s="613"/>
      <c r="CRG685" s="613"/>
      <c r="CRH685" s="613"/>
      <c r="CRI685" s="613"/>
      <c r="CRJ685" s="613"/>
      <c r="CRK685" s="613"/>
      <c r="CRL685" s="613"/>
      <c r="CRM685" s="613"/>
      <c r="CRN685" s="613"/>
      <c r="CRO685" s="613"/>
      <c r="CRP685" s="613"/>
      <c r="CRQ685" s="613"/>
      <c r="CRR685" s="613"/>
      <c r="CRS685" s="613"/>
      <c r="CRT685" s="613"/>
      <c r="CRU685" s="613"/>
      <c r="CRV685" s="613"/>
      <c r="CRW685" s="613"/>
      <c r="CRX685" s="613"/>
      <c r="CRY685" s="613"/>
      <c r="CRZ685" s="613"/>
      <c r="CSA685" s="613"/>
      <c r="CSB685" s="613"/>
      <c r="CSC685" s="613"/>
      <c r="CSD685" s="613"/>
      <c r="CSE685" s="613"/>
      <c r="CSF685" s="613"/>
      <c r="CSG685" s="613"/>
      <c r="CSH685" s="613"/>
      <c r="CSI685" s="613"/>
      <c r="CSJ685" s="613"/>
      <c r="CSK685" s="613"/>
      <c r="CSL685" s="613"/>
      <c r="CSM685" s="613"/>
      <c r="CSN685" s="613"/>
      <c r="CSO685" s="613"/>
      <c r="CSP685" s="613"/>
      <c r="CSQ685" s="613"/>
      <c r="CSR685" s="613"/>
      <c r="CSS685" s="613"/>
      <c r="CST685" s="613"/>
      <c r="CSU685" s="613"/>
      <c r="CSV685" s="613"/>
      <c r="CSW685" s="613"/>
      <c r="CSX685" s="613"/>
      <c r="CSY685" s="613"/>
      <c r="CSZ685" s="613"/>
      <c r="CTA685" s="613"/>
      <c r="CTB685" s="613"/>
      <c r="CTC685" s="613"/>
      <c r="CTD685" s="613"/>
      <c r="CTE685" s="613"/>
      <c r="CTF685" s="613"/>
      <c r="CTG685" s="613"/>
      <c r="CTH685" s="613"/>
      <c r="CTI685" s="613"/>
      <c r="CTJ685" s="613"/>
      <c r="CTK685" s="613"/>
      <c r="CTL685" s="613"/>
      <c r="CTM685" s="613"/>
      <c r="CTN685" s="613"/>
      <c r="CTO685" s="613"/>
      <c r="CTP685" s="613"/>
      <c r="CTQ685" s="613"/>
      <c r="CTR685" s="613"/>
      <c r="CTS685" s="613"/>
      <c r="CTT685" s="613"/>
      <c r="CTU685" s="613"/>
      <c r="CTV685" s="613"/>
      <c r="CTW685" s="613"/>
      <c r="CTX685" s="613"/>
      <c r="CTY685" s="613"/>
      <c r="CTZ685" s="613"/>
      <c r="CUA685" s="613"/>
      <c r="CUB685" s="613"/>
      <c r="CUC685" s="613"/>
      <c r="CUD685" s="613"/>
      <c r="CUE685" s="613"/>
      <c r="CUF685" s="613"/>
      <c r="CUG685" s="613"/>
      <c r="CUH685" s="613"/>
      <c r="CUI685" s="613"/>
      <c r="CUJ685" s="613"/>
      <c r="CUK685" s="613"/>
      <c r="CUL685" s="613"/>
      <c r="CUM685" s="613"/>
      <c r="CUN685" s="613"/>
      <c r="CUO685" s="613"/>
      <c r="CUP685" s="613"/>
      <c r="CUQ685" s="613"/>
      <c r="CUR685" s="613"/>
      <c r="CUS685" s="613"/>
      <c r="CUT685" s="613"/>
      <c r="CUU685" s="613"/>
      <c r="CUV685" s="613"/>
      <c r="CUW685" s="613"/>
      <c r="CUX685" s="613"/>
      <c r="CUY685" s="613"/>
      <c r="CUZ685" s="613"/>
      <c r="CVA685" s="613"/>
      <c r="CVB685" s="613"/>
      <c r="CVC685" s="613"/>
      <c r="CVD685" s="613"/>
      <c r="CVE685" s="613"/>
      <c r="CVF685" s="613"/>
      <c r="CVG685" s="613"/>
      <c r="CVH685" s="613"/>
      <c r="CVI685" s="613"/>
      <c r="CVJ685" s="613"/>
      <c r="CVK685" s="613"/>
      <c r="CVL685" s="613"/>
      <c r="CVM685" s="613"/>
      <c r="CVN685" s="613"/>
      <c r="CVO685" s="613"/>
      <c r="CVP685" s="613"/>
      <c r="CVQ685" s="613"/>
      <c r="CVR685" s="613"/>
      <c r="CVS685" s="613"/>
      <c r="CVT685" s="613"/>
      <c r="CVU685" s="613"/>
      <c r="CVV685" s="613"/>
      <c r="CVW685" s="613"/>
      <c r="CVX685" s="613"/>
      <c r="CVY685" s="613"/>
      <c r="CVZ685" s="613"/>
      <c r="CWA685" s="613"/>
      <c r="CWB685" s="613"/>
      <c r="CWC685" s="613"/>
      <c r="CWD685" s="613"/>
      <c r="CWE685" s="613"/>
      <c r="CWF685" s="613"/>
      <c r="CWG685" s="613"/>
      <c r="CWH685" s="613"/>
      <c r="CWI685" s="613"/>
      <c r="CWJ685" s="613"/>
      <c r="CWK685" s="613"/>
      <c r="CWL685" s="613"/>
      <c r="CWM685" s="613"/>
      <c r="CWN685" s="613"/>
      <c r="CWO685" s="613"/>
      <c r="CWP685" s="613"/>
      <c r="CWQ685" s="613"/>
      <c r="CWR685" s="613"/>
      <c r="CWS685" s="613"/>
      <c r="CWT685" s="613"/>
      <c r="CWU685" s="613"/>
      <c r="CWV685" s="613"/>
      <c r="CWW685" s="613"/>
      <c r="CWX685" s="613"/>
      <c r="CWY685" s="613"/>
      <c r="CWZ685" s="613"/>
      <c r="CXA685" s="613"/>
      <c r="CXB685" s="613"/>
      <c r="CXC685" s="613"/>
      <c r="CXD685" s="613"/>
      <c r="CXE685" s="613"/>
      <c r="CXF685" s="613"/>
      <c r="CXG685" s="613"/>
      <c r="CXH685" s="613"/>
      <c r="CXI685" s="613"/>
      <c r="CXJ685" s="613"/>
      <c r="CXK685" s="613"/>
      <c r="CXL685" s="613"/>
      <c r="CXM685" s="613"/>
      <c r="CXN685" s="613"/>
      <c r="CXO685" s="613"/>
      <c r="CXP685" s="613"/>
      <c r="CXQ685" s="613"/>
      <c r="CXR685" s="613"/>
      <c r="CXS685" s="613"/>
      <c r="CXT685" s="613"/>
      <c r="CXU685" s="613"/>
      <c r="CXV685" s="613"/>
      <c r="CXW685" s="613"/>
      <c r="CXX685" s="613"/>
      <c r="CXY685" s="613"/>
      <c r="CXZ685" s="613"/>
      <c r="CYA685" s="613"/>
      <c r="CYB685" s="613"/>
      <c r="CYC685" s="613"/>
      <c r="CYD685" s="613"/>
      <c r="CYE685" s="613"/>
      <c r="CYF685" s="613"/>
      <c r="CYG685" s="613"/>
      <c r="CYH685" s="613"/>
      <c r="CYI685" s="613"/>
      <c r="CYJ685" s="613"/>
      <c r="CYK685" s="613"/>
      <c r="CYL685" s="613"/>
      <c r="CYM685" s="613"/>
      <c r="CYN685" s="613"/>
      <c r="CYO685" s="613"/>
      <c r="CYP685" s="613"/>
      <c r="CYQ685" s="613"/>
      <c r="CYR685" s="613"/>
      <c r="CYS685" s="613"/>
      <c r="CYT685" s="613"/>
      <c r="CYU685" s="613"/>
      <c r="CYV685" s="613"/>
      <c r="CYW685" s="613"/>
      <c r="CYX685" s="613"/>
      <c r="CYY685" s="613"/>
      <c r="CYZ685" s="613"/>
      <c r="CZA685" s="613"/>
      <c r="CZB685" s="613"/>
      <c r="CZC685" s="613"/>
      <c r="CZD685" s="613"/>
      <c r="CZE685" s="613"/>
      <c r="CZF685" s="613"/>
      <c r="CZG685" s="613"/>
      <c r="CZH685" s="613"/>
      <c r="CZI685" s="613"/>
      <c r="CZJ685" s="613"/>
      <c r="CZK685" s="613"/>
      <c r="CZL685" s="613"/>
      <c r="CZM685" s="613"/>
      <c r="CZN685" s="613"/>
      <c r="CZO685" s="613"/>
      <c r="CZP685" s="613"/>
      <c r="CZQ685" s="613"/>
      <c r="CZR685" s="613"/>
      <c r="CZS685" s="613"/>
      <c r="CZT685" s="613"/>
      <c r="CZU685" s="613"/>
      <c r="CZV685" s="613"/>
      <c r="CZW685" s="613"/>
      <c r="CZX685" s="613"/>
      <c r="CZY685" s="613"/>
      <c r="CZZ685" s="613"/>
      <c r="DAA685" s="613"/>
      <c r="DAB685" s="613"/>
      <c r="DAC685" s="613"/>
      <c r="DAD685" s="613"/>
      <c r="DAE685" s="613"/>
      <c r="DAF685" s="613"/>
      <c r="DAG685" s="613"/>
      <c r="DAH685" s="613"/>
      <c r="DAI685" s="613"/>
      <c r="DAJ685" s="613"/>
      <c r="DAK685" s="613"/>
      <c r="DAL685" s="613"/>
      <c r="DAM685" s="613"/>
      <c r="DAN685" s="613"/>
      <c r="DAO685" s="613"/>
      <c r="DAP685" s="613"/>
      <c r="DAQ685" s="613"/>
      <c r="DAR685" s="613"/>
      <c r="DAS685" s="613"/>
      <c r="DAT685" s="613"/>
      <c r="DAU685" s="613"/>
      <c r="DAV685" s="613"/>
      <c r="DAW685" s="613"/>
      <c r="DAX685" s="613"/>
      <c r="DAY685" s="613"/>
      <c r="DAZ685" s="613"/>
      <c r="DBA685" s="613"/>
      <c r="DBB685" s="613"/>
      <c r="DBC685" s="613"/>
      <c r="DBD685" s="613"/>
      <c r="DBE685" s="613"/>
      <c r="DBF685" s="613"/>
      <c r="DBG685" s="613"/>
      <c r="DBH685" s="613"/>
      <c r="DBI685" s="613"/>
      <c r="DBJ685" s="613"/>
      <c r="DBK685" s="613"/>
      <c r="DBL685" s="613"/>
      <c r="DBM685" s="613"/>
      <c r="DBN685" s="613"/>
      <c r="DBO685" s="613"/>
      <c r="DBP685" s="613"/>
      <c r="DBQ685" s="613"/>
      <c r="DBR685" s="613"/>
      <c r="DBS685" s="613"/>
      <c r="DBT685" s="613"/>
      <c r="DBU685" s="613"/>
      <c r="DBV685" s="613"/>
      <c r="DBW685" s="613"/>
      <c r="DBX685" s="613"/>
      <c r="DBY685" s="613"/>
      <c r="DBZ685" s="613"/>
      <c r="DCA685" s="613"/>
      <c r="DCB685" s="613"/>
      <c r="DCC685" s="613"/>
      <c r="DCD685" s="613"/>
      <c r="DCE685" s="613"/>
      <c r="DCF685" s="613"/>
      <c r="DCG685" s="613"/>
      <c r="DCH685" s="613"/>
      <c r="DCI685" s="613"/>
      <c r="DCJ685" s="613"/>
      <c r="DCK685" s="613"/>
      <c r="DCL685" s="613"/>
      <c r="DCM685" s="613"/>
      <c r="DCN685" s="613"/>
      <c r="DCO685" s="613"/>
      <c r="DCP685" s="613"/>
      <c r="DCQ685" s="613"/>
      <c r="DCR685" s="613"/>
      <c r="DCS685" s="613"/>
      <c r="DCT685" s="613"/>
      <c r="DCU685" s="613"/>
      <c r="DCV685" s="613"/>
      <c r="DCW685" s="613"/>
      <c r="DCX685" s="613"/>
      <c r="DCY685" s="613"/>
      <c r="DCZ685" s="613"/>
      <c r="DDA685" s="613"/>
      <c r="DDB685" s="613"/>
      <c r="DDC685" s="613"/>
      <c r="DDD685" s="613"/>
      <c r="DDE685" s="613"/>
      <c r="DDF685" s="613"/>
      <c r="DDG685" s="613"/>
      <c r="DDH685" s="613"/>
      <c r="DDI685" s="613"/>
      <c r="DDJ685" s="613"/>
      <c r="DDK685" s="613"/>
      <c r="DDL685" s="613"/>
      <c r="DDM685" s="613"/>
      <c r="DDN685" s="613"/>
      <c r="DDO685" s="613"/>
      <c r="DDP685" s="613"/>
      <c r="DDQ685" s="613"/>
      <c r="DDR685" s="613"/>
      <c r="DDS685" s="613"/>
      <c r="DDT685" s="613"/>
      <c r="DDU685" s="613"/>
      <c r="DDV685" s="613"/>
      <c r="DDW685" s="613"/>
      <c r="DDX685" s="613"/>
      <c r="DDY685" s="613"/>
      <c r="DDZ685" s="613"/>
      <c r="DEA685" s="613"/>
      <c r="DEB685" s="613"/>
      <c r="DEC685" s="613"/>
      <c r="DED685" s="613"/>
      <c r="DEE685" s="613"/>
      <c r="DEF685" s="613"/>
      <c r="DEG685" s="613"/>
      <c r="DEH685" s="613"/>
      <c r="DEI685" s="613"/>
      <c r="DEJ685" s="613"/>
      <c r="DEK685" s="613"/>
      <c r="DEL685" s="613"/>
      <c r="DEM685" s="613"/>
      <c r="DEN685" s="613"/>
      <c r="DEO685" s="613"/>
      <c r="DEP685" s="613"/>
      <c r="DEQ685" s="613"/>
      <c r="DER685" s="613"/>
      <c r="DES685" s="613"/>
      <c r="DET685" s="613"/>
      <c r="DEU685" s="613"/>
      <c r="DEV685" s="613"/>
      <c r="DEW685" s="613"/>
      <c r="DEX685" s="613"/>
      <c r="DEY685" s="613"/>
      <c r="DEZ685" s="613"/>
      <c r="DFA685" s="613"/>
      <c r="DFB685" s="613"/>
      <c r="DFC685" s="613"/>
      <c r="DFD685" s="613"/>
      <c r="DFE685" s="613"/>
      <c r="DFF685" s="613"/>
      <c r="DFG685" s="613"/>
      <c r="DFH685" s="613"/>
      <c r="DFI685" s="613"/>
      <c r="DFJ685" s="613"/>
      <c r="DFK685" s="613"/>
      <c r="DFL685" s="613"/>
      <c r="DFM685" s="613"/>
      <c r="DFN685" s="613"/>
      <c r="DFO685" s="613"/>
      <c r="DFP685" s="613"/>
      <c r="DFQ685" s="613"/>
      <c r="DFR685" s="613"/>
      <c r="DFS685" s="613"/>
      <c r="DFT685" s="613"/>
      <c r="DFU685" s="613"/>
      <c r="DFV685" s="613"/>
      <c r="DFW685" s="613"/>
      <c r="DFX685" s="613"/>
      <c r="DFY685" s="613"/>
      <c r="DFZ685" s="613"/>
      <c r="DGA685" s="613"/>
      <c r="DGB685" s="613"/>
      <c r="DGC685" s="613"/>
      <c r="DGD685" s="613"/>
      <c r="DGE685" s="613"/>
      <c r="DGF685" s="613"/>
      <c r="DGG685" s="613"/>
      <c r="DGH685" s="613"/>
      <c r="DGI685" s="613"/>
      <c r="DGJ685" s="613"/>
      <c r="DGK685" s="613"/>
      <c r="DGL685" s="613"/>
      <c r="DGM685" s="613"/>
      <c r="DGN685" s="613"/>
      <c r="DGO685" s="613"/>
      <c r="DGP685" s="613"/>
      <c r="DGQ685" s="613"/>
      <c r="DGR685" s="613"/>
      <c r="DGS685" s="613"/>
      <c r="DGT685" s="613"/>
      <c r="DGU685" s="613"/>
      <c r="DGV685" s="613"/>
      <c r="DGW685" s="613"/>
      <c r="DGX685" s="613"/>
      <c r="DGY685" s="613"/>
      <c r="DGZ685" s="613"/>
      <c r="DHA685" s="613"/>
      <c r="DHB685" s="613"/>
      <c r="DHC685" s="613"/>
      <c r="DHD685" s="613"/>
      <c r="DHE685" s="613"/>
      <c r="DHF685" s="613"/>
      <c r="DHG685" s="613"/>
      <c r="DHH685" s="613"/>
      <c r="DHI685" s="613"/>
      <c r="DHJ685" s="613"/>
      <c r="DHK685" s="613"/>
      <c r="DHL685" s="613"/>
      <c r="DHM685" s="613"/>
      <c r="DHN685" s="613"/>
      <c r="DHO685" s="613"/>
      <c r="DHP685" s="613"/>
      <c r="DHQ685" s="613"/>
      <c r="DHR685" s="613"/>
      <c r="DHS685" s="613"/>
      <c r="DHT685" s="613"/>
      <c r="DHU685" s="613"/>
      <c r="DHV685" s="613"/>
      <c r="DHW685" s="613"/>
      <c r="DHX685" s="613"/>
      <c r="DHY685" s="613"/>
      <c r="DHZ685" s="613"/>
      <c r="DIA685" s="613"/>
      <c r="DIB685" s="613"/>
      <c r="DIC685" s="613"/>
      <c r="DID685" s="613"/>
      <c r="DIE685" s="613"/>
      <c r="DIF685" s="613"/>
      <c r="DIG685" s="613"/>
      <c r="DIH685" s="613"/>
      <c r="DII685" s="613"/>
      <c r="DIJ685" s="613"/>
      <c r="DIK685" s="613"/>
      <c r="DIL685" s="613"/>
      <c r="DIM685" s="613"/>
      <c r="DIN685" s="613"/>
      <c r="DIO685" s="613"/>
      <c r="DIP685" s="613"/>
      <c r="DIQ685" s="613"/>
      <c r="DIR685" s="613"/>
      <c r="DIS685" s="613"/>
      <c r="DIT685" s="613"/>
      <c r="DIU685" s="613"/>
      <c r="DIV685" s="613"/>
      <c r="DIW685" s="613"/>
      <c r="DIX685" s="613"/>
      <c r="DIY685" s="613"/>
      <c r="DIZ685" s="613"/>
      <c r="DJA685" s="613"/>
      <c r="DJB685" s="613"/>
      <c r="DJC685" s="613"/>
      <c r="DJD685" s="613"/>
      <c r="DJE685" s="613"/>
      <c r="DJF685" s="613"/>
      <c r="DJG685" s="613"/>
      <c r="DJH685" s="613"/>
      <c r="DJI685" s="613"/>
      <c r="DJJ685" s="613"/>
      <c r="DJK685" s="613"/>
      <c r="DJL685" s="613"/>
      <c r="DJM685" s="613"/>
      <c r="DJN685" s="613"/>
      <c r="DJO685" s="613"/>
      <c r="DJP685" s="613"/>
      <c r="DJQ685" s="613"/>
      <c r="DJR685" s="613"/>
      <c r="DJS685" s="613"/>
      <c r="DJT685" s="613"/>
      <c r="DJU685" s="613"/>
      <c r="DJV685" s="613"/>
      <c r="DJW685" s="613"/>
      <c r="DJX685" s="613"/>
      <c r="DJY685" s="613"/>
      <c r="DJZ685" s="613"/>
      <c r="DKA685" s="613"/>
      <c r="DKB685" s="613"/>
      <c r="DKC685" s="613"/>
      <c r="DKD685" s="613"/>
      <c r="DKE685" s="613"/>
      <c r="DKF685" s="613"/>
      <c r="DKG685" s="613"/>
      <c r="DKH685" s="613"/>
      <c r="DKI685" s="613"/>
      <c r="DKJ685" s="613"/>
      <c r="DKK685" s="613"/>
      <c r="DKL685" s="613"/>
      <c r="DKM685" s="613"/>
      <c r="DKN685" s="613"/>
      <c r="DKO685" s="613"/>
      <c r="DKP685" s="613"/>
      <c r="DKQ685" s="613"/>
      <c r="DKR685" s="613"/>
      <c r="DKS685" s="613"/>
      <c r="DKT685" s="613"/>
      <c r="DKU685" s="613"/>
      <c r="DKV685" s="613"/>
      <c r="DKW685" s="613"/>
      <c r="DKX685" s="613"/>
      <c r="DKY685" s="613"/>
      <c r="DKZ685" s="613"/>
      <c r="DLA685" s="613"/>
      <c r="DLB685" s="613"/>
      <c r="DLC685" s="613"/>
      <c r="DLD685" s="613"/>
      <c r="DLE685" s="613"/>
      <c r="DLF685" s="613"/>
      <c r="DLG685" s="613"/>
      <c r="DLH685" s="613"/>
      <c r="DLI685" s="613"/>
      <c r="DLJ685" s="613"/>
      <c r="DLK685" s="613"/>
      <c r="DLL685" s="613"/>
      <c r="DLM685" s="613"/>
      <c r="DLN685" s="613"/>
      <c r="DLO685" s="613"/>
      <c r="DLP685" s="613"/>
      <c r="DLQ685" s="613"/>
      <c r="DLR685" s="613"/>
      <c r="DLS685" s="613"/>
      <c r="DLT685" s="613"/>
      <c r="DLU685" s="613"/>
      <c r="DLV685" s="613"/>
      <c r="DLW685" s="613"/>
      <c r="DLX685" s="613"/>
      <c r="DLY685" s="613"/>
      <c r="DLZ685" s="613"/>
      <c r="DMA685" s="613"/>
      <c r="DMB685" s="613"/>
      <c r="DMC685" s="613"/>
      <c r="DMD685" s="613"/>
      <c r="DME685" s="613"/>
      <c r="DMF685" s="613"/>
      <c r="DMG685" s="613"/>
      <c r="DMH685" s="613"/>
      <c r="DMI685" s="613"/>
      <c r="DMJ685" s="613"/>
      <c r="DMK685" s="613"/>
      <c r="DML685" s="613"/>
      <c r="DMM685" s="613"/>
      <c r="DMN685" s="613"/>
      <c r="DMO685" s="613"/>
      <c r="DMP685" s="613"/>
      <c r="DMQ685" s="613"/>
      <c r="DMR685" s="613"/>
      <c r="DMS685" s="613"/>
      <c r="DMT685" s="613"/>
      <c r="DMU685" s="613"/>
      <c r="DMV685" s="613"/>
      <c r="DMW685" s="613"/>
      <c r="DMX685" s="613"/>
      <c r="DMY685" s="613"/>
      <c r="DMZ685" s="613"/>
      <c r="DNA685" s="613"/>
      <c r="DNB685" s="613"/>
      <c r="DNC685" s="613"/>
      <c r="DND685" s="613"/>
      <c r="DNE685" s="613"/>
      <c r="DNF685" s="613"/>
      <c r="DNG685" s="613"/>
      <c r="DNH685" s="613"/>
      <c r="DNI685" s="613"/>
      <c r="DNJ685" s="613"/>
      <c r="DNK685" s="613"/>
      <c r="DNL685" s="613"/>
      <c r="DNM685" s="613"/>
      <c r="DNN685" s="613"/>
      <c r="DNO685" s="613"/>
      <c r="DNP685" s="613"/>
      <c r="DNQ685" s="613"/>
      <c r="DNR685" s="613"/>
      <c r="DNS685" s="613"/>
      <c r="DNT685" s="613"/>
      <c r="DNU685" s="613"/>
      <c r="DNV685" s="613"/>
      <c r="DNW685" s="613"/>
      <c r="DNX685" s="613"/>
      <c r="DNY685" s="613"/>
      <c r="DNZ685" s="613"/>
      <c r="DOA685" s="613"/>
      <c r="DOB685" s="613"/>
      <c r="DOC685" s="613"/>
      <c r="DOD685" s="613"/>
      <c r="DOE685" s="613"/>
      <c r="DOF685" s="613"/>
      <c r="DOG685" s="613"/>
      <c r="DOH685" s="613"/>
      <c r="DOI685" s="613"/>
      <c r="DOJ685" s="613"/>
      <c r="DOK685" s="613"/>
      <c r="DOL685" s="613"/>
      <c r="DOM685" s="613"/>
      <c r="DON685" s="613"/>
      <c r="DOO685" s="613"/>
      <c r="DOP685" s="613"/>
      <c r="DOQ685" s="613"/>
      <c r="DOR685" s="613"/>
      <c r="DOS685" s="613"/>
      <c r="DOT685" s="613"/>
      <c r="DOU685" s="613"/>
      <c r="DOV685" s="613"/>
      <c r="DOW685" s="613"/>
      <c r="DOX685" s="613"/>
      <c r="DOY685" s="613"/>
      <c r="DOZ685" s="613"/>
      <c r="DPA685" s="613"/>
      <c r="DPB685" s="613"/>
      <c r="DPC685" s="613"/>
      <c r="DPD685" s="613"/>
      <c r="DPE685" s="613"/>
      <c r="DPF685" s="613"/>
      <c r="DPG685" s="613"/>
      <c r="DPH685" s="613"/>
      <c r="DPI685" s="613"/>
      <c r="DPJ685" s="613"/>
      <c r="DPK685" s="613"/>
      <c r="DPL685" s="613"/>
      <c r="DPM685" s="613"/>
      <c r="DPN685" s="613"/>
      <c r="DPO685" s="613"/>
      <c r="DPP685" s="613"/>
      <c r="DPQ685" s="613"/>
      <c r="DPR685" s="613"/>
      <c r="DPS685" s="613"/>
      <c r="DPT685" s="613"/>
      <c r="DPU685" s="613"/>
      <c r="DPV685" s="613"/>
      <c r="DPW685" s="613"/>
      <c r="DPX685" s="613"/>
      <c r="DPY685" s="613"/>
      <c r="DPZ685" s="613"/>
      <c r="DQA685" s="613"/>
      <c r="DQB685" s="613"/>
      <c r="DQC685" s="613"/>
      <c r="DQD685" s="613"/>
      <c r="DQE685" s="613"/>
      <c r="DQF685" s="613"/>
      <c r="DQG685" s="613"/>
      <c r="DQH685" s="613"/>
      <c r="DQI685" s="613"/>
      <c r="DQJ685" s="613"/>
      <c r="DQK685" s="613"/>
      <c r="DQL685" s="613"/>
      <c r="DQM685" s="613"/>
      <c r="DQN685" s="613"/>
      <c r="DQO685" s="613"/>
      <c r="DQP685" s="613"/>
      <c r="DQQ685" s="613"/>
      <c r="DQR685" s="613"/>
      <c r="DQS685" s="613"/>
      <c r="DQT685" s="613"/>
      <c r="DQU685" s="613"/>
      <c r="DQV685" s="613"/>
      <c r="DQW685" s="613"/>
      <c r="DQX685" s="613"/>
      <c r="DQY685" s="613"/>
      <c r="DQZ685" s="613"/>
      <c r="DRA685" s="613"/>
      <c r="DRB685" s="613"/>
      <c r="DRC685" s="613"/>
      <c r="DRD685" s="613"/>
      <c r="DRE685" s="613"/>
      <c r="DRF685" s="613"/>
      <c r="DRG685" s="613"/>
      <c r="DRH685" s="613"/>
      <c r="DRI685" s="613"/>
      <c r="DRJ685" s="613"/>
      <c r="DRK685" s="613"/>
      <c r="DRL685" s="613"/>
      <c r="DRM685" s="613"/>
      <c r="DRN685" s="613"/>
      <c r="DRO685" s="613"/>
      <c r="DRP685" s="613"/>
      <c r="DRQ685" s="613"/>
      <c r="DRR685" s="613"/>
      <c r="DRS685" s="613"/>
      <c r="DRT685" s="613"/>
      <c r="DRU685" s="613"/>
      <c r="DRV685" s="613"/>
      <c r="DRW685" s="613"/>
      <c r="DRX685" s="613"/>
      <c r="DRY685" s="613"/>
      <c r="DRZ685" s="613"/>
      <c r="DSA685" s="613"/>
      <c r="DSB685" s="613"/>
      <c r="DSC685" s="613"/>
      <c r="DSD685" s="613"/>
      <c r="DSE685" s="613"/>
      <c r="DSF685" s="613"/>
      <c r="DSG685" s="613"/>
      <c r="DSH685" s="613"/>
      <c r="DSI685" s="613"/>
      <c r="DSJ685" s="613"/>
      <c r="DSK685" s="613"/>
      <c r="DSL685" s="613"/>
      <c r="DSM685" s="613"/>
      <c r="DSN685" s="613"/>
      <c r="DSO685" s="613"/>
      <c r="DSP685" s="613"/>
      <c r="DSQ685" s="613"/>
      <c r="DSR685" s="613"/>
      <c r="DSS685" s="613"/>
      <c r="DST685" s="613"/>
      <c r="DSU685" s="613"/>
      <c r="DSV685" s="613"/>
      <c r="DSW685" s="613"/>
      <c r="DSX685" s="613"/>
      <c r="DSY685" s="613"/>
      <c r="DSZ685" s="613"/>
      <c r="DTA685" s="613"/>
      <c r="DTB685" s="613"/>
      <c r="DTC685" s="613"/>
      <c r="DTD685" s="613"/>
      <c r="DTE685" s="613"/>
      <c r="DTF685" s="613"/>
      <c r="DTG685" s="613"/>
      <c r="DTH685" s="613"/>
      <c r="DTI685" s="613"/>
      <c r="DTJ685" s="613"/>
      <c r="DTK685" s="613"/>
      <c r="DTL685" s="613"/>
      <c r="DTM685" s="613"/>
      <c r="DTN685" s="613"/>
      <c r="DTO685" s="613"/>
      <c r="DTP685" s="613"/>
      <c r="DTQ685" s="613"/>
      <c r="DTR685" s="613"/>
      <c r="DTS685" s="613"/>
      <c r="DTT685" s="613"/>
      <c r="DTU685" s="613"/>
      <c r="DTV685" s="613"/>
      <c r="DTW685" s="613"/>
      <c r="DTX685" s="613"/>
      <c r="DTY685" s="613"/>
      <c r="DTZ685" s="613"/>
      <c r="DUA685" s="613"/>
      <c r="DUB685" s="613"/>
      <c r="DUC685" s="613"/>
      <c r="DUD685" s="613"/>
      <c r="DUE685" s="613"/>
      <c r="DUF685" s="613"/>
      <c r="DUG685" s="613"/>
      <c r="DUH685" s="613"/>
      <c r="DUI685" s="613"/>
      <c r="DUJ685" s="613"/>
      <c r="DUK685" s="613"/>
      <c r="DUL685" s="613"/>
      <c r="DUM685" s="613"/>
      <c r="DUN685" s="613"/>
      <c r="DUO685" s="613"/>
      <c r="DUP685" s="613"/>
      <c r="DUQ685" s="613"/>
      <c r="DUR685" s="613"/>
      <c r="DUS685" s="613"/>
      <c r="DUT685" s="613"/>
      <c r="DUU685" s="613"/>
      <c r="DUV685" s="613"/>
      <c r="DUW685" s="613"/>
      <c r="DUX685" s="613"/>
      <c r="DUY685" s="613"/>
      <c r="DUZ685" s="613"/>
      <c r="DVA685" s="613"/>
      <c r="DVB685" s="613"/>
      <c r="DVC685" s="613"/>
      <c r="DVD685" s="613"/>
      <c r="DVE685" s="613"/>
      <c r="DVF685" s="613"/>
      <c r="DVG685" s="613"/>
      <c r="DVH685" s="613"/>
      <c r="DVI685" s="613"/>
      <c r="DVJ685" s="613"/>
      <c r="DVK685" s="613"/>
      <c r="DVL685" s="613"/>
      <c r="DVM685" s="613"/>
      <c r="DVN685" s="613"/>
      <c r="DVO685" s="613"/>
      <c r="DVP685" s="613"/>
      <c r="DVQ685" s="613"/>
      <c r="DVR685" s="613"/>
      <c r="DVS685" s="613"/>
      <c r="DVT685" s="613"/>
      <c r="DVU685" s="613"/>
      <c r="DVV685" s="613"/>
      <c r="DVW685" s="613"/>
      <c r="DVX685" s="613"/>
      <c r="DVY685" s="613"/>
      <c r="DVZ685" s="613"/>
      <c r="DWA685" s="613"/>
      <c r="DWB685" s="613"/>
      <c r="DWC685" s="613"/>
      <c r="DWD685" s="613"/>
      <c r="DWE685" s="613"/>
      <c r="DWF685" s="613"/>
      <c r="DWG685" s="613"/>
      <c r="DWH685" s="613"/>
      <c r="DWI685" s="613"/>
      <c r="DWJ685" s="613"/>
      <c r="DWK685" s="613"/>
      <c r="DWL685" s="613"/>
      <c r="DWM685" s="613"/>
      <c r="DWN685" s="613"/>
      <c r="DWO685" s="613"/>
      <c r="DWP685" s="613"/>
      <c r="DWQ685" s="613"/>
      <c r="DWR685" s="613"/>
      <c r="DWS685" s="613"/>
      <c r="DWT685" s="613"/>
      <c r="DWU685" s="613"/>
      <c r="DWV685" s="613"/>
      <c r="DWW685" s="613"/>
      <c r="DWX685" s="613"/>
      <c r="DWY685" s="613"/>
      <c r="DWZ685" s="613"/>
      <c r="DXA685" s="613"/>
      <c r="DXB685" s="613"/>
      <c r="DXC685" s="613"/>
      <c r="DXD685" s="613"/>
      <c r="DXE685" s="613"/>
      <c r="DXF685" s="613"/>
      <c r="DXG685" s="613"/>
      <c r="DXH685" s="613"/>
      <c r="DXI685" s="613"/>
      <c r="DXJ685" s="613"/>
      <c r="DXK685" s="613"/>
      <c r="DXL685" s="613"/>
      <c r="DXM685" s="613"/>
      <c r="DXN685" s="613"/>
      <c r="DXO685" s="613"/>
      <c r="DXP685" s="613"/>
      <c r="DXQ685" s="613"/>
      <c r="DXR685" s="613"/>
      <c r="DXS685" s="613"/>
      <c r="DXT685" s="613"/>
      <c r="DXU685" s="613"/>
      <c r="DXV685" s="613"/>
      <c r="DXW685" s="613"/>
      <c r="DXX685" s="613"/>
      <c r="DXY685" s="613"/>
      <c r="DXZ685" s="613"/>
      <c r="DYA685" s="613"/>
      <c r="DYB685" s="613"/>
      <c r="DYC685" s="613"/>
      <c r="DYD685" s="613"/>
      <c r="DYE685" s="613"/>
      <c r="DYF685" s="613"/>
      <c r="DYG685" s="613"/>
      <c r="DYH685" s="613"/>
      <c r="DYI685" s="613"/>
      <c r="DYJ685" s="613"/>
      <c r="DYK685" s="613"/>
      <c r="DYL685" s="613"/>
      <c r="DYM685" s="613"/>
      <c r="DYN685" s="613"/>
      <c r="DYO685" s="613"/>
      <c r="DYP685" s="613"/>
      <c r="DYQ685" s="613"/>
      <c r="DYR685" s="613"/>
      <c r="DYS685" s="613"/>
      <c r="DYT685" s="613"/>
      <c r="DYU685" s="613"/>
      <c r="DYV685" s="613"/>
      <c r="DYW685" s="613"/>
      <c r="DYX685" s="613"/>
      <c r="DYY685" s="613"/>
      <c r="DYZ685" s="613"/>
      <c r="DZA685" s="613"/>
      <c r="DZB685" s="613"/>
      <c r="DZC685" s="613"/>
      <c r="DZD685" s="613"/>
      <c r="DZE685" s="613"/>
      <c r="DZF685" s="613"/>
      <c r="DZG685" s="613"/>
      <c r="DZH685" s="613"/>
      <c r="DZI685" s="613"/>
      <c r="DZJ685" s="613"/>
      <c r="DZK685" s="613"/>
      <c r="DZL685" s="613"/>
      <c r="DZM685" s="613"/>
      <c r="DZN685" s="613"/>
      <c r="DZO685" s="613"/>
      <c r="DZP685" s="613"/>
      <c r="DZQ685" s="613"/>
      <c r="DZR685" s="613"/>
      <c r="DZS685" s="613"/>
      <c r="DZT685" s="613"/>
      <c r="DZU685" s="613"/>
      <c r="DZV685" s="613"/>
      <c r="DZW685" s="613"/>
      <c r="DZX685" s="613"/>
      <c r="DZY685" s="613"/>
      <c r="DZZ685" s="613"/>
      <c r="EAA685" s="613"/>
      <c r="EAB685" s="613"/>
      <c r="EAC685" s="613"/>
      <c r="EAD685" s="613"/>
      <c r="EAE685" s="613"/>
      <c r="EAF685" s="613"/>
      <c r="EAG685" s="613"/>
      <c r="EAH685" s="613"/>
      <c r="EAI685" s="613"/>
      <c r="EAJ685" s="613"/>
      <c r="EAK685" s="613"/>
      <c r="EAL685" s="613"/>
      <c r="EAM685" s="613"/>
      <c r="EAN685" s="613"/>
      <c r="EAO685" s="613"/>
      <c r="EAP685" s="613"/>
      <c r="EAQ685" s="613"/>
      <c r="EAR685" s="613"/>
      <c r="EAS685" s="613"/>
      <c r="EAT685" s="613"/>
      <c r="EAU685" s="613"/>
      <c r="EAV685" s="613"/>
      <c r="EAW685" s="613"/>
      <c r="EAX685" s="613"/>
      <c r="EAY685" s="613"/>
      <c r="EAZ685" s="613"/>
      <c r="EBA685" s="613"/>
      <c r="EBB685" s="613"/>
      <c r="EBC685" s="613"/>
      <c r="EBD685" s="613"/>
      <c r="EBE685" s="613"/>
      <c r="EBF685" s="613"/>
      <c r="EBG685" s="613"/>
      <c r="EBH685" s="613"/>
      <c r="EBI685" s="613"/>
      <c r="EBJ685" s="613"/>
      <c r="EBK685" s="613"/>
      <c r="EBL685" s="613"/>
      <c r="EBM685" s="613"/>
      <c r="EBN685" s="613"/>
      <c r="EBO685" s="613"/>
      <c r="EBP685" s="613"/>
      <c r="EBQ685" s="613"/>
      <c r="EBR685" s="613"/>
      <c r="EBS685" s="613"/>
      <c r="EBT685" s="613"/>
      <c r="EBU685" s="613"/>
      <c r="EBV685" s="613"/>
      <c r="EBW685" s="613"/>
      <c r="EBX685" s="613"/>
      <c r="EBY685" s="613"/>
      <c r="EBZ685" s="613"/>
      <c r="ECA685" s="613"/>
      <c r="ECB685" s="613"/>
      <c r="ECC685" s="613"/>
      <c r="ECD685" s="613"/>
      <c r="ECE685" s="613"/>
      <c r="ECF685" s="613"/>
      <c r="ECG685" s="613"/>
      <c r="ECH685" s="613"/>
      <c r="ECI685" s="613"/>
      <c r="ECJ685" s="613"/>
      <c r="ECK685" s="613"/>
      <c r="ECL685" s="613"/>
      <c r="ECM685" s="613"/>
      <c r="ECN685" s="613"/>
      <c r="ECO685" s="613"/>
      <c r="ECP685" s="613"/>
      <c r="ECQ685" s="613"/>
      <c r="ECR685" s="613"/>
      <c r="ECS685" s="613"/>
      <c r="ECT685" s="613"/>
      <c r="ECU685" s="613"/>
      <c r="ECV685" s="613"/>
      <c r="ECW685" s="613"/>
      <c r="ECX685" s="613"/>
      <c r="ECY685" s="613"/>
      <c r="ECZ685" s="613"/>
      <c r="EDA685" s="613"/>
      <c r="EDB685" s="613"/>
      <c r="EDC685" s="613"/>
      <c r="EDD685" s="613"/>
      <c r="EDE685" s="613"/>
      <c r="EDF685" s="613"/>
      <c r="EDG685" s="613"/>
      <c r="EDH685" s="613"/>
      <c r="EDI685" s="613"/>
      <c r="EDJ685" s="613"/>
      <c r="EDK685" s="613"/>
      <c r="EDL685" s="613"/>
      <c r="EDM685" s="613"/>
      <c r="EDN685" s="613"/>
      <c r="EDO685" s="613"/>
      <c r="EDP685" s="613"/>
      <c r="EDQ685" s="613"/>
      <c r="EDR685" s="613"/>
      <c r="EDS685" s="613"/>
      <c r="EDT685" s="613"/>
      <c r="EDU685" s="613"/>
      <c r="EDV685" s="613"/>
      <c r="EDW685" s="613"/>
      <c r="EDX685" s="613"/>
      <c r="EDY685" s="613"/>
      <c r="EDZ685" s="613"/>
      <c r="EEA685" s="613"/>
      <c r="EEB685" s="613"/>
      <c r="EEC685" s="613"/>
      <c r="EED685" s="613"/>
      <c r="EEE685" s="613"/>
      <c r="EEF685" s="613"/>
      <c r="EEG685" s="613"/>
      <c r="EEH685" s="613"/>
      <c r="EEI685" s="613"/>
      <c r="EEJ685" s="613"/>
      <c r="EEK685" s="613"/>
      <c r="EEL685" s="613"/>
      <c r="EEM685" s="613"/>
      <c r="EEN685" s="613"/>
      <c r="EEO685" s="613"/>
      <c r="EEP685" s="613"/>
      <c r="EEQ685" s="613"/>
      <c r="EER685" s="613"/>
      <c r="EES685" s="613"/>
      <c r="EET685" s="613"/>
      <c r="EEU685" s="613"/>
      <c r="EEV685" s="613"/>
      <c r="EEW685" s="613"/>
      <c r="EEX685" s="613"/>
      <c r="EEY685" s="613"/>
      <c r="EEZ685" s="613"/>
      <c r="EFA685" s="613"/>
      <c r="EFB685" s="613"/>
      <c r="EFC685" s="613"/>
      <c r="EFD685" s="613"/>
      <c r="EFE685" s="613"/>
      <c r="EFF685" s="613"/>
      <c r="EFG685" s="613"/>
      <c r="EFH685" s="613"/>
      <c r="EFI685" s="613"/>
      <c r="EFJ685" s="613"/>
      <c r="EFK685" s="613"/>
      <c r="EFL685" s="613"/>
      <c r="EFM685" s="613"/>
      <c r="EFN685" s="613"/>
      <c r="EFO685" s="613"/>
      <c r="EFP685" s="613"/>
      <c r="EFQ685" s="613"/>
      <c r="EFR685" s="613"/>
      <c r="EFS685" s="613"/>
      <c r="EFT685" s="613"/>
      <c r="EFU685" s="613"/>
      <c r="EFV685" s="613"/>
      <c r="EFW685" s="613"/>
      <c r="EFX685" s="613"/>
      <c r="EFY685" s="613"/>
      <c r="EFZ685" s="613"/>
      <c r="EGA685" s="613"/>
      <c r="EGB685" s="613"/>
      <c r="EGC685" s="613"/>
      <c r="EGD685" s="613"/>
      <c r="EGE685" s="613"/>
      <c r="EGF685" s="613"/>
      <c r="EGG685" s="613"/>
      <c r="EGH685" s="613"/>
      <c r="EGI685" s="613"/>
      <c r="EGJ685" s="613"/>
      <c r="EGK685" s="613"/>
      <c r="EGL685" s="613"/>
      <c r="EGM685" s="613"/>
      <c r="EGN685" s="613"/>
      <c r="EGO685" s="613"/>
      <c r="EGP685" s="613"/>
      <c r="EGQ685" s="613"/>
      <c r="EGR685" s="613"/>
      <c r="EGS685" s="613"/>
      <c r="EGT685" s="613"/>
      <c r="EGU685" s="613"/>
      <c r="EGV685" s="613"/>
      <c r="EGW685" s="613"/>
      <c r="EGX685" s="613"/>
      <c r="EGY685" s="613"/>
      <c r="EGZ685" s="613"/>
      <c r="EHA685" s="613"/>
      <c r="EHB685" s="613"/>
      <c r="EHC685" s="613"/>
      <c r="EHD685" s="613"/>
      <c r="EHE685" s="613"/>
      <c r="EHF685" s="613"/>
      <c r="EHG685" s="613"/>
      <c r="EHH685" s="613"/>
      <c r="EHI685" s="613"/>
      <c r="EHJ685" s="613"/>
      <c r="EHK685" s="613"/>
      <c r="EHL685" s="613"/>
      <c r="EHM685" s="613"/>
      <c r="EHN685" s="613"/>
      <c r="EHO685" s="613"/>
      <c r="EHP685" s="613"/>
      <c r="EHQ685" s="613"/>
      <c r="EHR685" s="613"/>
      <c r="EHS685" s="613"/>
      <c r="EHT685" s="613"/>
      <c r="EHU685" s="613"/>
      <c r="EHV685" s="613"/>
      <c r="EHW685" s="613"/>
      <c r="EHX685" s="613"/>
      <c r="EHY685" s="613"/>
      <c r="EHZ685" s="613"/>
      <c r="EIA685" s="613"/>
      <c r="EIB685" s="613"/>
      <c r="EIC685" s="613"/>
      <c r="EID685" s="613"/>
      <c r="EIE685" s="613"/>
      <c r="EIF685" s="613"/>
      <c r="EIG685" s="613"/>
      <c r="EIH685" s="613"/>
      <c r="EII685" s="613"/>
      <c r="EIJ685" s="613"/>
      <c r="EIK685" s="613"/>
      <c r="EIL685" s="613"/>
      <c r="EIM685" s="613"/>
      <c r="EIN685" s="613"/>
      <c r="EIO685" s="613"/>
      <c r="EIP685" s="613"/>
      <c r="EIQ685" s="613"/>
      <c r="EIR685" s="613"/>
      <c r="EIS685" s="613"/>
      <c r="EIT685" s="613"/>
      <c r="EIU685" s="613"/>
      <c r="EIV685" s="613"/>
      <c r="EIW685" s="613"/>
      <c r="EIX685" s="613"/>
      <c r="EIY685" s="613"/>
      <c r="EIZ685" s="613"/>
      <c r="EJA685" s="613"/>
      <c r="EJB685" s="613"/>
      <c r="EJC685" s="613"/>
      <c r="EJD685" s="613"/>
      <c r="EJE685" s="613"/>
      <c r="EJF685" s="613"/>
      <c r="EJG685" s="613"/>
      <c r="EJH685" s="613"/>
      <c r="EJI685" s="613"/>
      <c r="EJJ685" s="613"/>
      <c r="EJK685" s="613"/>
      <c r="EJL685" s="613"/>
      <c r="EJM685" s="613"/>
      <c r="EJN685" s="613"/>
      <c r="EJO685" s="613"/>
      <c r="EJP685" s="613"/>
      <c r="EJQ685" s="613"/>
      <c r="EJR685" s="613"/>
      <c r="EJS685" s="613"/>
      <c r="EJT685" s="613"/>
      <c r="EJU685" s="613"/>
      <c r="EJV685" s="613"/>
      <c r="EJW685" s="613"/>
      <c r="EJX685" s="613"/>
      <c r="EJY685" s="613"/>
      <c r="EJZ685" s="613"/>
      <c r="EKA685" s="613"/>
      <c r="EKB685" s="613"/>
      <c r="EKC685" s="613"/>
      <c r="EKD685" s="613"/>
      <c r="EKE685" s="613"/>
      <c r="EKF685" s="613"/>
      <c r="EKG685" s="613"/>
      <c r="EKH685" s="613"/>
      <c r="EKI685" s="613"/>
      <c r="EKJ685" s="613"/>
      <c r="EKK685" s="613"/>
      <c r="EKL685" s="613"/>
      <c r="EKM685" s="613"/>
      <c r="EKN685" s="613"/>
      <c r="EKO685" s="613"/>
      <c r="EKP685" s="613"/>
      <c r="EKQ685" s="613"/>
      <c r="EKR685" s="613"/>
      <c r="EKS685" s="613"/>
      <c r="EKT685" s="613"/>
      <c r="EKU685" s="613"/>
      <c r="EKV685" s="613"/>
      <c r="EKW685" s="613"/>
      <c r="EKX685" s="613"/>
      <c r="EKY685" s="613"/>
      <c r="EKZ685" s="613"/>
      <c r="ELA685" s="613"/>
      <c r="ELB685" s="613"/>
      <c r="ELC685" s="613"/>
      <c r="ELD685" s="613"/>
      <c r="ELE685" s="613"/>
      <c r="ELF685" s="613"/>
      <c r="ELG685" s="613"/>
      <c r="ELH685" s="613"/>
      <c r="ELI685" s="613"/>
      <c r="ELJ685" s="613"/>
      <c r="ELK685" s="613"/>
      <c r="ELL685" s="613"/>
      <c r="ELM685" s="613"/>
      <c r="ELN685" s="613"/>
      <c r="ELO685" s="613"/>
      <c r="ELP685" s="613"/>
      <c r="ELQ685" s="613"/>
      <c r="ELR685" s="613"/>
      <c r="ELS685" s="613"/>
      <c r="ELT685" s="613"/>
      <c r="ELU685" s="613"/>
      <c r="ELV685" s="613"/>
      <c r="ELW685" s="613"/>
      <c r="ELX685" s="613"/>
      <c r="ELY685" s="613"/>
      <c r="ELZ685" s="613"/>
      <c r="EMA685" s="613"/>
      <c r="EMB685" s="613"/>
      <c r="EMC685" s="613"/>
      <c r="EMD685" s="613"/>
      <c r="EME685" s="613"/>
      <c r="EMF685" s="613"/>
      <c r="EMG685" s="613"/>
      <c r="EMH685" s="613"/>
      <c r="EMI685" s="613"/>
      <c r="EMJ685" s="613"/>
      <c r="EMK685" s="613"/>
      <c r="EML685" s="613"/>
      <c r="EMM685" s="613"/>
      <c r="EMN685" s="613"/>
      <c r="EMO685" s="613"/>
      <c r="EMP685" s="613"/>
      <c r="EMQ685" s="613"/>
      <c r="EMR685" s="613"/>
      <c r="EMS685" s="613"/>
      <c r="EMT685" s="613"/>
      <c r="EMU685" s="613"/>
      <c r="EMV685" s="613"/>
      <c r="EMW685" s="613"/>
      <c r="EMX685" s="613"/>
      <c r="EMY685" s="613"/>
      <c r="EMZ685" s="613"/>
      <c r="ENA685" s="613"/>
      <c r="ENB685" s="613"/>
      <c r="ENC685" s="613"/>
      <c r="END685" s="613"/>
      <c r="ENE685" s="613"/>
      <c r="ENF685" s="613"/>
      <c r="ENG685" s="613"/>
      <c r="ENH685" s="613"/>
      <c r="ENI685" s="613"/>
      <c r="ENJ685" s="613"/>
      <c r="ENK685" s="613"/>
      <c r="ENL685" s="613"/>
      <c r="ENM685" s="613"/>
      <c r="ENN685" s="613"/>
      <c r="ENO685" s="613"/>
      <c r="ENP685" s="613"/>
      <c r="ENQ685" s="613"/>
      <c r="ENR685" s="613"/>
      <c r="ENS685" s="613"/>
      <c r="ENT685" s="613"/>
      <c r="ENU685" s="613"/>
      <c r="ENV685" s="613"/>
      <c r="ENW685" s="613"/>
      <c r="ENX685" s="613"/>
      <c r="ENY685" s="613"/>
      <c r="ENZ685" s="613"/>
      <c r="EOA685" s="613"/>
      <c r="EOB685" s="613"/>
      <c r="EOC685" s="613"/>
      <c r="EOD685" s="613"/>
      <c r="EOE685" s="613"/>
      <c r="EOF685" s="613"/>
      <c r="EOG685" s="613"/>
      <c r="EOH685" s="613"/>
      <c r="EOI685" s="613"/>
      <c r="EOJ685" s="613"/>
      <c r="EOK685" s="613"/>
      <c r="EOL685" s="613"/>
      <c r="EOM685" s="613"/>
      <c r="EON685" s="613"/>
      <c r="EOO685" s="613"/>
      <c r="EOP685" s="613"/>
      <c r="EOQ685" s="613"/>
      <c r="EOR685" s="613"/>
      <c r="EOS685" s="613"/>
      <c r="EOT685" s="613"/>
      <c r="EOU685" s="613"/>
      <c r="EOV685" s="613"/>
      <c r="EOW685" s="613"/>
      <c r="EOX685" s="613"/>
      <c r="EOY685" s="613"/>
      <c r="EOZ685" s="613"/>
      <c r="EPA685" s="613"/>
      <c r="EPB685" s="613"/>
      <c r="EPC685" s="613"/>
      <c r="EPD685" s="613"/>
      <c r="EPE685" s="613"/>
      <c r="EPF685" s="613"/>
      <c r="EPG685" s="613"/>
      <c r="EPH685" s="613"/>
      <c r="EPI685" s="613"/>
      <c r="EPJ685" s="613"/>
      <c r="EPK685" s="613"/>
      <c r="EPL685" s="613"/>
      <c r="EPM685" s="613"/>
      <c r="EPN685" s="613"/>
      <c r="EPO685" s="613"/>
      <c r="EPP685" s="613"/>
      <c r="EPQ685" s="613"/>
      <c r="EPR685" s="613"/>
      <c r="EPS685" s="613"/>
      <c r="EPT685" s="613"/>
      <c r="EPU685" s="613"/>
      <c r="EPV685" s="613"/>
      <c r="EPW685" s="613"/>
      <c r="EPX685" s="613"/>
      <c r="EPY685" s="613"/>
      <c r="EPZ685" s="613"/>
      <c r="EQA685" s="613"/>
      <c r="EQB685" s="613"/>
      <c r="EQC685" s="613"/>
      <c r="EQD685" s="613"/>
      <c r="EQE685" s="613"/>
      <c r="EQF685" s="613"/>
      <c r="EQG685" s="613"/>
      <c r="EQH685" s="613"/>
      <c r="EQI685" s="613"/>
      <c r="EQJ685" s="613"/>
      <c r="EQK685" s="613"/>
      <c r="EQL685" s="613"/>
      <c r="EQM685" s="613"/>
      <c r="EQN685" s="613"/>
      <c r="EQO685" s="613"/>
      <c r="EQP685" s="613"/>
      <c r="EQQ685" s="613"/>
      <c r="EQR685" s="613"/>
      <c r="EQS685" s="613"/>
      <c r="EQT685" s="613"/>
      <c r="EQU685" s="613"/>
      <c r="EQV685" s="613"/>
      <c r="EQW685" s="613"/>
      <c r="EQX685" s="613"/>
      <c r="EQY685" s="613"/>
      <c r="EQZ685" s="613"/>
      <c r="ERA685" s="613"/>
      <c r="ERB685" s="613"/>
      <c r="ERC685" s="613"/>
      <c r="ERD685" s="613"/>
      <c r="ERE685" s="613"/>
      <c r="ERF685" s="613"/>
      <c r="ERG685" s="613"/>
      <c r="ERH685" s="613"/>
      <c r="ERI685" s="613"/>
      <c r="ERJ685" s="613"/>
      <c r="ERK685" s="613"/>
      <c r="ERL685" s="613"/>
      <c r="ERM685" s="613"/>
      <c r="ERN685" s="613"/>
      <c r="ERO685" s="613"/>
      <c r="ERP685" s="613"/>
      <c r="ERQ685" s="613"/>
      <c r="ERR685" s="613"/>
      <c r="ERS685" s="613"/>
      <c r="ERT685" s="613"/>
      <c r="ERU685" s="613"/>
      <c r="ERV685" s="613"/>
      <c r="ERW685" s="613"/>
      <c r="ERX685" s="613"/>
      <c r="ERY685" s="613"/>
      <c r="ERZ685" s="613"/>
      <c r="ESA685" s="613"/>
      <c r="ESB685" s="613"/>
      <c r="ESC685" s="613"/>
      <c r="ESD685" s="613"/>
      <c r="ESE685" s="613"/>
      <c r="ESF685" s="613"/>
      <c r="ESG685" s="613"/>
      <c r="ESH685" s="613"/>
      <c r="ESI685" s="613"/>
      <c r="ESJ685" s="613"/>
      <c r="ESK685" s="613"/>
      <c r="ESL685" s="613"/>
      <c r="ESM685" s="613"/>
      <c r="ESN685" s="613"/>
      <c r="ESO685" s="613"/>
      <c r="ESP685" s="613"/>
      <c r="ESQ685" s="613"/>
      <c r="ESR685" s="613"/>
      <c r="ESS685" s="613"/>
      <c r="EST685" s="613"/>
      <c r="ESU685" s="613"/>
      <c r="ESV685" s="613"/>
      <c r="ESW685" s="613"/>
      <c r="ESX685" s="613"/>
      <c r="ESY685" s="613"/>
      <c r="ESZ685" s="613"/>
      <c r="ETA685" s="613"/>
      <c r="ETB685" s="613"/>
      <c r="ETC685" s="613"/>
      <c r="ETD685" s="613"/>
      <c r="ETE685" s="613"/>
      <c r="ETF685" s="613"/>
      <c r="ETG685" s="613"/>
      <c r="ETH685" s="613"/>
      <c r="ETI685" s="613"/>
      <c r="ETJ685" s="613"/>
      <c r="ETK685" s="613"/>
      <c r="ETL685" s="613"/>
      <c r="ETM685" s="613"/>
      <c r="ETN685" s="613"/>
      <c r="ETO685" s="613"/>
      <c r="ETP685" s="613"/>
      <c r="ETQ685" s="613"/>
      <c r="ETR685" s="613"/>
      <c r="ETS685" s="613"/>
      <c r="ETT685" s="613"/>
      <c r="ETU685" s="613"/>
      <c r="ETV685" s="613"/>
      <c r="ETW685" s="613"/>
      <c r="ETX685" s="613"/>
      <c r="ETY685" s="613"/>
      <c r="ETZ685" s="613"/>
      <c r="EUA685" s="613"/>
      <c r="EUB685" s="613"/>
      <c r="EUC685" s="613"/>
      <c r="EUD685" s="613"/>
      <c r="EUE685" s="613"/>
      <c r="EUF685" s="613"/>
      <c r="EUG685" s="613"/>
      <c r="EUH685" s="613"/>
      <c r="EUI685" s="613"/>
      <c r="EUJ685" s="613"/>
      <c r="EUK685" s="613"/>
      <c r="EUL685" s="613"/>
      <c r="EUM685" s="613"/>
      <c r="EUN685" s="613"/>
      <c r="EUO685" s="613"/>
      <c r="EUP685" s="613"/>
      <c r="EUQ685" s="613"/>
      <c r="EUR685" s="613"/>
      <c r="EUS685" s="613"/>
      <c r="EUT685" s="613"/>
      <c r="EUU685" s="613"/>
      <c r="EUV685" s="613"/>
      <c r="EUW685" s="613"/>
      <c r="EUX685" s="613"/>
      <c r="EUY685" s="613"/>
      <c r="EUZ685" s="613"/>
      <c r="EVA685" s="613"/>
      <c r="EVB685" s="613"/>
      <c r="EVC685" s="613"/>
      <c r="EVD685" s="613"/>
      <c r="EVE685" s="613"/>
      <c r="EVF685" s="613"/>
      <c r="EVG685" s="613"/>
      <c r="EVH685" s="613"/>
      <c r="EVI685" s="613"/>
      <c r="EVJ685" s="613"/>
      <c r="EVK685" s="613"/>
      <c r="EVL685" s="613"/>
      <c r="EVM685" s="613"/>
      <c r="EVN685" s="613"/>
      <c r="EVO685" s="613"/>
      <c r="EVP685" s="613"/>
      <c r="EVQ685" s="613"/>
      <c r="EVR685" s="613"/>
      <c r="EVS685" s="613"/>
      <c r="EVT685" s="613"/>
      <c r="EVU685" s="613"/>
      <c r="EVV685" s="613"/>
      <c r="EVW685" s="613"/>
      <c r="EVX685" s="613"/>
      <c r="EVY685" s="613"/>
      <c r="EVZ685" s="613"/>
      <c r="EWA685" s="613"/>
      <c r="EWB685" s="613"/>
      <c r="EWC685" s="613"/>
      <c r="EWD685" s="613"/>
      <c r="EWE685" s="613"/>
      <c r="EWF685" s="613"/>
      <c r="EWG685" s="613"/>
      <c r="EWH685" s="613"/>
      <c r="EWI685" s="613"/>
      <c r="EWJ685" s="613"/>
      <c r="EWK685" s="613"/>
      <c r="EWL685" s="613"/>
      <c r="EWM685" s="613"/>
      <c r="EWN685" s="613"/>
      <c r="EWO685" s="613"/>
      <c r="EWP685" s="613"/>
      <c r="EWQ685" s="613"/>
      <c r="EWR685" s="613"/>
      <c r="EWS685" s="613"/>
      <c r="EWT685" s="613"/>
      <c r="EWU685" s="613"/>
      <c r="EWV685" s="613"/>
      <c r="EWW685" s="613"/>
      <c r="EWX685" s="613"/>
      <c r="EWY685" s="613"/>
      <c r="EWZ685" s="613"/>
      <c r="EXA685" s="613"/>
      <c r="EXB685" s="613"/>
      <c r="EXC685" s="613"/>
      <c r="EXD685" s="613"/>
      <c r="EXE685" s="613"/>
      <c r="EXF685" s="613"/>
      <c r="EXG685" s="613"/>
      <c r="EXH685" s="613"/>
      <c r="EXI685" s="613"/>
      <c r="EXJ685" s="613"/>
      <c r="EXK685" s="613"/>
      <c r="EXL685" s="613"/>
      <c r="EXM685" s="613"/>
      <c r="EXN685" s="613"/>
      <c r="EXO685" s="613"/>
      <c r="EXP685" s="613"/>
      <c r="EXQ685" s="613"/>
      <c r="EXR685" s="613"/>
      <c r="EXS685" s="613"/>
      <c r="EXT685" s="613"/>
      <c r="EXU685" s="613"/>
      <c r="EXV685" s="613"/>
      <c r="EXW685" s="613"/>
      <c r="EXX685" s="613"/>
      <c r="EXY685" s="613"/>
      <c r="EXZ685" s="613"/>
      <c r="EYA685" s="613"/>
      <c r="EYB685" s="613"/>
      <c r="EYC685" s="613"/>
      <c r="EYD685" s="613"/>
      <c r="EYE685" s="613"/>
      <c r="EYF685" s="613"/>
      <c r="EYG685" s="613"/>
      <c r="EYH685" s="613"/>
      <c r="EYI685" s="613"/>
      <c r="EYJ685" s="613"/>
      <c r="EYK685" s="613"/>
      <c r="EYL685" s="613"/>
      <c r="EYM685" s="613"/>
      <c r="EYN685" s="613"/>
      <c r="EYO685" s="613"/>
      <c r="EYP685" s="613"/>
      <c r="EYQ685" s="613"/>
      <c r="EYR685" s="613"/>
      <c r="EYS685" s="613"/>
      <c r="EYT685" s="613"/>
      <c r="EYU685" s="613"/>
      <c r="EYV685" s="613"/>
      <c r="EYW685" s="613"/>
      <c r="EYX685" s="613"/>
      <c r="EYY685" s="613"/>
      <c r="EYZ685" s="613"/>
      <c r="EZA685" s="613"/>
      <c r="EZB685" s="613"/>
      <c r="EZC685" s="613"/>
      <c r="EZD685" s="613"/>
      <c r="EZE685" s="613"/>
      <c r="EZF685" s="613"/>
      <c r="EZG685" s="613"/>
      <c r="EZH685" s="613"/>
      <c r="EZI685" s="613"/>
      <c r="EZJ685" s="613"/>
      <c r="EZK685" s="613"/>
      <c r="EZL685" s="613"/>
      <c r="EZM685" s="613"/>
      <c r="EZN685" s="613"/>
      <c r="EZO685" s="613"/>
      <c r="EZP685" s="613"/>
      <c r="EZQ685" s="613"/>
      <c r="EZR685" s="613"/>
      <c r="EZS685" s="613"/>
      <c r="EZT685" s="613"/>
      <c r="EZU685" s="613"/>
      <c r="EZV685" s="613"/>
      <c r="EZW685" s="613"/>
      <c r="EZX685" s="613"/>
      <c r="EZY685" s="613"/>
      <c r="EZZ685" s="613"/>
      <c r="FAA685" s="613"/>
      <c r="FAB685" s="613"/>
      <c r="FAC685" s="613"/>
      <c r="FAD685" s="613"/>
      <c r="FAE685" s="613"/>
      <c r="FAF685" s="613"/>
      <c r="FAG685" s="613"/>
      <c r="FAH685" s="613"/>
      <c r="FAI685" s="613"/>
      <c r="FAJ685" s="613"/>
      <c r="FAK685" s="613"/>
      <c r="FAL685" s="613"/>
      <c r="FAM685" s="613"/>
      <c r="FAN685" s="613"/>
      <c r="FAO685" s="613"/>
      <c r="FAP685" s="613"/>
      <c r="FAQ685" s="613"/>
      <c r="FAR685" s="613"/>
      <c r="FAS685" s="613"/>
      <c r="FAT685" s="613"/>
      <c r="FAU685" s="613"/>
      <c r="FAV685" s="613"/>
      <c r="FAW685" s="613"/>
      <c r="FAX685" s="613"/>
      <c r="FAY685" s="613"/>
      <c r="FAZ685" s="613"/>
      <c r="FBA685" s="613"/>
      <c r="FBB685" s="613"/>
      <c r="FBC685" s="613"/>
      <c r="FBD685" s="613"/>
      <c r="FBE685" s="613"/>
      <c r="FBF685" s="613"/>
      <c r="FBG685" s="613"/>
      <c r="FBH685" s="613"/>
      <c r="FBI685" s="613"/>
      <c r="FBJ685" s="613"/>
      <c r="FBK685" s="613"/>
      <c r="FBL685" s="613"/>
      <c r="FBM685" s="613"/>
      <c r="FBN685" s="613"/>
      <c r="FBO685" s="613"/>
      <c r="FBP685" s="613"/>
      <c r="FBQ685" s="613"/>
      <c r="FBR685" s="613"/>
      <c r="FBS685" s="613"/>
      <c r="FBT685" s="613"/>
      <c r="FBU685" s="613"/>
      <c r="FBV685" s="613"/>
      <c r="FBW685" s="613"/>
      <c r="FBX685" s="613"/>
      <c r="FBY685" s="613"/>
      <c r="FBZ685" s="613"/>
      <c r="FCA685" s="613"/>
      <c r="FCB685" s="613"/>
      <c r="FCC685" s="613"/>
      <c r="FCD685" s="613"/>
      <c r="FCE685" s="613"/>
      <c r="FCF685" s="613"/>
      <c r="FCG685" s="613"/>
      <c r="FCH685" s="613"/>
      <c r="FCI685" s="613"/>
      <c r="FCJ685" s="613"/>
      <c r="FCK685" s="613"/>
      <c r="FCL685" s="613"/>
      <c r="FCM685" s="613"/>
      <c r="FCN685" s="613"/>
      <c r="FCO685" s="613"/>
      <c r="FCP685" s="613"/>
      <c r="FCQ685" s="613"/>
      <c r="FCR685" s="613"/>
      <c r="FCS685" s="613"/>
      <c r="FCT685" s="613"/>
      <c r="FCU685" s="613"/>
      <c r="FCV685" s="613"/>
      <c r="FCW685" s="613"/>
      <c r="FCX685" s="613"/>
      <c r="FCY685" s="613"/>
      <c r="FCZ685" s="613"/>
      <c r="FDA685" s="613"/>
      <c r="FDB685" s="613"/>
      <c r="FDC685" s="613"/>
      <c r="FDD685" s="613"/>
      <c r="FDE685" s="613"/>
      <c r="FDF685" s="613"/>
      <c r="FDG685" s="613"/>
      <c r="FDH685" s="613"/>
      <c r="FDI685" s="613"/>
      <c r="FDJ685" s="613"/>
      <c r="FDK685" s="613"/>
      <c r="FDL685" s="613"/>
      <c r="FDM685" s="613"/>
      <c r="FDN685" s="613"/>
      <c r="FDO685" s="613"/>
      <c r="FDP685" s="613"/>
      <c r="FDQ685" s="613"/>
      <c r="FDR685" s="613"/>
      <c r="FDS685" s="613"/>
      <c r="FDT685" s="613"/>
      <c r="FDU685" s="613"/>
      <c r="FDV685" s="613"/>
      <c r="FDW685" s="613"/>
      <c r="FDX685" s="613"/>
      <c r="FDY685" s="613"/>
      <c r="FDZ685" s="613"/>
      <c r="FEA685" s="613"/>
      <c r="FEB685" s="613"/>
      <c r="FEC685" s="613"/>
      <c r="FED685" s="613"/>
      <c r="FEE685" s="613"/>
      <c r="FEF685" s="613"/>
      <c r="FEG685" s="613"/>
      <c r="FEH685" s="613"/>
      <c r="FEI685" s="613"/>
      <c r="FEJ685" s="613"/>
      <c r="FEK685" s="613"/>
      <c r="FEL685" s="613"/>
      <c r="FEM685" s="613"/>
      <c r="FEN685" s="613"/>
      <c r="FEO685" s="613"/>
      <c r="FEP685" s="613"/>
      <c r="FEQ685" s="613"/>
      <c r="FER685" s="613"/>
      <c r="FES685" s="613"/>
      <c r="FET685" s="613"/>
      <c r="FEU685" s="613"/>
      <c r="FEV685" s="613"/>
      <c r="FEW685" s="613"/>
      <c r="FEX685" s="613"/>
      <c r="FEY685" s="613"/>
      <c r="FEZ685" s="613"/>
      <c r="FFA685" s="613"/>
      <c r="FFB685" s="613"/>
      <c r="FFC685" s="613"/>
      <c r="FFD685" s="613"/>
      <c r="FFE685" s="613"/>
      <c r="FFF685" s="613"/>
      <c r="FFG685" s="613"/>
      <c r="FFH685" s="613"/>
      <c r="FFI685" s="613"/>
      <c r="FFJ685" s="613"/>
      <c r="FFK685" s="613"/>
      <c r="FFL685" s="613"/>
      <c r="FFM685" s="613"/>
      <c r="FFN685" s="613"/>
      <c r="FFO685" s="613"/>
      <c r="FFP685" s="613"/>
      <c r="FFQ685" s="613"/>
      <c r="FFR685" s="613"/>
      <c r="FFS685" s="613"/>
      <c r="FFT685" s="613"/>
      <c r="FFU685" s="613"/>
      <c r="FFV685" s="613"/>
      <c r="FFW685" s="613"/>
      <c r="FFX685" s="613"/>
      <c r="FFY685" s="613"/>
      <c r="FFZ685" s="613"/>
      <c r="FGA685" s="613"/>
      <c r="FGB685" s="613"/>
      <c r="FGC685" s="613"/>
      <c r="FGD685" s="613"/>
      <c r="FGE685" s="613"/>
      <c r="FGF685" s="613"/>
      <c r="FGG685" s="613"/>
      <c r="FGH685" s="613"/>
      <c r="FGI685" s="613"/>
      <c r="FGJ685" s="613"/>
      <c r="FGK685" s="613"/>
      <c r="FGL685" s="613"/>
      <c r="FGM685" s="613"/>
      <c r="FGN685" s="613"/>
      <c r="FGO685" s="613"/>
      <c r="FGP685" s="613"/>
      <c r="FGQ685" s="613"/>
      <c r="FGR685" s="613"/>
      <c r="FGS685" s="613"/>
      <c r="FGT685" s="613"/>
      <c r="FGU685" s="613"/>
      <c r="FGV685" s="613"/>
      <c r="FGW685" s="613"/>
      <c r="FGX685" s="613"/>
      <c r="FGY685" s="613"/>
      <c r="FGZ685" s="613"/>
      <c r="FHA685" s="613"/>
      <c r="FHB685" s="613"/>
      <c r="FHC685" s="613"/>
      <c r="FHD685" s="613"/>
      <c r="FHE685" s="613"/>
      <c r="FHF685" s="613"/>
      <c r="FHG685" s="613"/>
      <c r="FHH685" s="613"/>
      <c r="FHI685" s="613"/>
      <c r="FHJ685" s="613"/>
      <c r="FHK685" s="613"/>
      <c r="FHL685" s="613"/>
      <c r="FHM685" s="613"/>
      <c r="FHN685" s="613"/>
      <c r="FHO685" s="613"/>
      <c r="FHP685" s="613"/>
      <c r="FHQ685" s="613"/>
      <c r="FHR685" s="613"/>
      <c r="FHS685" s="613"/>
      <c r="FHT685" s="613"/>
      <c r="FHU685" s="613"/>
      <c r="FHV685" s="613"/>
      <c r="FHW685" s="613"/>
      <c r="FHX685" s="613"/>
      <c r="FHY685" s="613"/>
      <c r="FHZ685" s="613"/>
      <c r="FIA685" s="613"/>
      <c r="FIB685" s="613"/>
      <c r="FIC685" s="613"/>
      <c r="FID685" s="613"/>
      <c r="FIE685" s="613"/>
      <c r="FIF685" s="613"/>
      <c r="FIG685" s="613"/>
      <c r="FIH685" s="613"/>
      <c r="FII685" s="613"/>
      <c r="FIJ685" s="613"/>
      <c r="FIK685" s="613"/>
      <c r="FIL685" s="613"/>
      <c r="FIM685" s="613"/>
      <c r="FIN685" s="613"/>
      <c r="FIO685" s="613"/>
      <c r="FIP685" s="613"/>
      <c r="FIQ685" s="613"/>
      <c r="FIR685" s="613"/>
      <c r="FIS685" s="613"/>
      <c r="FIT685" s="613"/>
      <c r="FIU685" s="613"/>
      <c r="FIV685" s="613"/>
      <c r="FIW685" s="613"/>
      <c r="FIX685" s="613"/>
      <c r="FIY685" s="613"/>
      <c r="FIZ685" s="613"/>
      <c r="FJA685" s="613"/>
      <c r="FJB685" s="613"/>
      <c r="FJC685" s="613"/>
      <c r="FJD685" s="613"/>
      <c r="FJE685" s="613"/>
      <c r="FJF685" s="613"/>
      <c r="FJG685" s="613"/>
      <c r="FJH685" s="613"/>
      <c r="FJI685" s="613"/>
      <c r="FJJ685" s="613"/>
      <c r="FJK685" s="613"/>
      <c r="FJL685" s="613"/>
      <c r="FJM685" s="613"/>
      <c r="FJN685" s="613"/>
      <c r="FJO685" s="613"/>
      <c r="FJP685" s="613"/>
      <c r="FJQ685" s="613"/>
      <c r="FJR685" s="613"/>
      <c r="FJS685" s="613"/>
      <c r="FJT685" s="613"/>
      <c r="FJU685" s="613"/>
      <c r="FJV685" s="613"/>
      <c r="FJW685" s="613"/>
      <c r="FJX685" s="613"/>
      <c r="FJY685" s="613"/>
      <c r="FJZ685" s="613"/>
      <c r="FKA685" s="613"/>
      <c r="FKB685" s="613"/>
      <c r="FKC685" s="613"/>
      <c r="FKD685" s="613"/>
      <c r="FKE685" s="613"/>
      <c r="FKF685" s="613"/>
      <c r="FKG685" s="613"/>
      <c r="FKH685" s="613"/>
      <c r="FKI685" s="613"/>
      <c r="FKJ685" s="613"/>
      <c r="FKK685" s="613"/>
      <c r="FKL685" s="613"/>
      <c r="FKM685" s="613"/>
      <c r="FKN685" s="613"/>
      <c r="FKO685" s="613"/>
      <c r="FKP685" s="613"/>
      <c r="FKQ685" s="613"/>
      <c r="FKR685" s="613"/>
      <c r="FKS685" s="613"/>
      <c r="FKT685" s="613"/>
      <c r="FKU685" s="613"/>
      <c r="FKV685" s="613"/>
      <c r="FKW685" s="613"/>
      <c r="FKX685" s="613"/>
      <c r="FKY685" s="613"/>
      <c r="FKZ685" s="613"/>
      <c r="FLA685" s="613"/>
      <c r="FLB685" s="613"/>
      <c r="FLC685" s="613"/>
      <c r="FLD685" s="613"/>
      <c r="FLE685" s="613"/>
      <c r="FLF685" s="613"/>
      <c r="FLG685" s="613"/>
      <c r="FLH685" s="613"/>
      <c r="FLI685" s="613"/>
      <c r="FLJ685" s="613"/>
      <c r="FLK685" s="613"/>
      <c r="FLL685" s="613"/>
      <c r="FLM685" s="613"/>
      <c r="FLN685" s="613"/>
      <c r="FLO685" s="613"/>
      <c r="FLP685" s="613"/>
      <c r="FLQ685" s="613"/>
      <c r="FLR685" s="613"/>
      <c r="FLS685" s="613"/>
      <c r="FLT685" s="613"/>
      <c r="FLU685" s="613"/>
      <c r="FLV685" s="613"/>
      <c r="FLW685" s="613"/>
      <c r="FLX685" s="613"/>
      <c r="FLY685" s="613"/>
      <c r="FLZ685" s="613"/>
      <c r="FMA685" s="613"/>
      <c r="FMB685" s="613"/>
      <c r="FMC685" s="613"/>
      <c r="FMD685" s="613"/>
      <c r="FME685" s="613"/>
      <c r="FMF685" s="613"/>
      <c r="FMG685" s="613"/>
      <c r="FMH685" s="613"/>
      <c r="FMI685" s="613"/>
      <c r="FMJ685" s="613"/>
      <c r="FMK685" s="613"/>
      <c r="FML685" s="613"/>
      <c r="FMM685" s="613"/>
      <c r="FMN685" s="613"/>
      <c r="FMO685" s="613"/>
      <c r="FMP685" s="613"/>
      <c r="FMQ685" s="613"/>
      <c r="FMR685" s="613"/>
      <c r="FMS685" s="613"/>
      <c r="FMT685" s="613"/>
      <c r="FMU685" s="613"/>
      <c r="FMV685" s="613"/>
      <c r="FMW685" s="613"/>
      <c r="FMX685" s="613"/>
      <c r="FMY685" s="613"/>
      <c r="FMZ685" s="613"/>
      <c r="FNA685" s="613"/>
      <c r="FNB685" s="613"/>
      <c r="FNC685" s="613"/>
      <c r="FND685" s="613"/>
      <c r="FNE685" s="613"/>
      <c r="FNF685" s="613"/>
      <c r="FNG685" s="613"/>
      <c r="FNH685" s="613"/>
      <c r="FNI685" s="613"/>
      <c r="FNJ685" s="613"/>
      <c r="FNK685" s="613"/>
      <c r="FNL685" s="613"/>
      <c r="FNM685" s="613"/>
      <c r="FNN685" s="613"/>
      <c r="FNO685" s="613"/>
      <c r="FNP685" s="613"/>
      <c r="FNQ685" s="613"/>
      <c r="FNR685" s="613"/>
      <c r="FNS685" s="613"/>
      <c r="FNT685" s="613"/>
      <c r="FNU685" s="613"/>
      <c r="FNV685" s="613"/>
      <c r="FNW685" s="613"/>
      <c r="FNX685" s="613"/>
      <c r="FNY685" s="613"/>
      <c r="FNZ685" s="613"/>
      <c r="FOA685" s="613"/>
      <c r="FOB685" s="613"/>
      <c r="FOC685" s="613"/>
      <c r="FOD685" s="613"/>
      <c r="FOE685" s="613"/>
      <c r="FOF685" s="613"/>
      <c r="FOG685" s="613"/>
      <c r="FOH685" s="613"/>
      <c r="FOI685" s="613"/>
      <c r="FOJ685" s="613"/>
      <c r="FOK685" s="613"/>
      <c r="FOL685" s="613"/>
      <c r="FOM685" s="613"/>
      <c r="FON685" s="613"/>
      <c r="FOO685" s="613"/>
      <c r="FOP685" s="613"/>
      <c r="FOQ685" s="613"/>
      <c r="FOR685" s="613"/>
      <c r="FOS685" s="613"/>
      <c r="FOT685" s="613"/>
      <c r="FOU685" s="613"/>
      <c r="FOV685" s="613"/>
      <c r="FOW685" s="613"/>
      <c r="FOX685" s="613"/>
      <c r="FOY685" s="613"/>
      <c r="FOZ685" s="613"/>
      <c r="FPA685" s="613"/>
      <c r="FPB685" s="613"/>
      <c r="FPC685" s="613"/>
      <c r="FPD685" s="613"/>
      <c r="FPE685" s="613"/>
      <c r="FPF685" s="613"/>
      <c r="FPG685" s="613"/>
      <c r="FPH685" s="613"/>
      <c r="FPI685" s="613"/>
      <c r="FPJ685" s="613"/>
      <c r="FPK685" s="613"/>
      <c r="FPL685" s="613"/>
      <c r="FPM685" s="613"/>
      <c r="FPN685" s="613"/>
      <c r="FPO685" s="613"/>
      <c r="FPP685" s="613"/>
      <c r="FPQ685" s="613"/>
      <c r="FPR685" s="613"/>
      <c r="FPS685" s="613"/>
      <c r="FPT685" s="613"/>
      <c r="FPU685" s="613"/>
      <c r="FPV685" s="613"/>
      <c r="FPW685" s="613"/>
      <c r="FPX685" s="613"/>
      <c r="FPY685" s="613"/>
      <c r="FPZ685" s="613"/>
      <c r="FQA685" s="613"/>
      <c r="FQB685" s="613"/>
      <c r="FQC685" s="613"/>
      <c r="FQD685" s="613"/>
      <c r="FQE685" s="613"/>
      <c r="FQF685" s="613"/>
      <c r="FQG685" s="613"/>
      <c r="FQH685" s="613"/>
      <c r="FQI685" s="613"/>
      <c r="FQJ685" s="613"/>
      <c r="FQK685" s="613"/>
      <c r="FQL685" s="613"/>
      <c r="FQM685" s="613"/>
      <c r="FQN685" s="613"/>
      <c r="FQO685" s="613"/>
      <c r="FQP685" s="613"/>
      <c r="FQQ685" s="613"/>
      <c r="FQR685" s="613"/>
      <c r="FQS685" s="613"/>
      <c r="FQT685" s="613"/>
      <c r="FQU685" s="613"/>
      <c r="FQV685" s="613"/>
      <c r="FQW685" s="613"/>
      <c r="FQX685" s="613"/>
      <c r="FQY685" s="613"/>
      <c r="FQZ685" s="613"/>
      <c r="FRA685" s="613"/>
      <c r="FRB685" s="613"/>
      <c r="FRC685" s="613"/>
      <c r="FRD685" s="613"/>
      <c r="FRE685" s="613"/>
      <c r="FRF685" s="613"/>
      <c r="FRG685" s="613"/>
      <c r="FRH685" s="613"/>
      <c r="FRI685" s="613"/>
      <c r="FRJ685" s="613"/>
      <c r="FRK685" s="613"/>
      <c r="FRL685" s="613"/>
      <c r="FRM685" s="613"/>
      <c r="FRN685" s="613"/>
      <c r="FRO685" s="613"/>
      <c r="FRP685" s="613"/>
      <c r="FRQ685" s="613"/>
      <c r="FRR685" s="613"/>
      <c r="FRS685" s="613"/>
      <c r="FRT685" s="613"/>
      <c r="FRU685" s="613"/>
      <c r="FRV685" s="613"/>
      <c r="FRW685" s="613"/>
      <c r="FRX685" s="613"/>
      <c r="FRY685" s="613"/>
      <c r="FRZ685" s="613"/>
      <c r="FSA685" s="613"/>
      <c r="FSB685" s="613"/>
      <c r="FSC685" s="613"/>
      <c r="FSD685" s="613"/>
      <c r="FSE685" s="613"/>
      <c r="FSF685" s="613"/>
      <c r="FSG685" s="613"/>
      <c r="FSH685" s="613"/>
      <c r="FSI685" s="613"/>
      <c r="FSJ685" s="613"/>
      <c r="FSK685" s="613"/>
      <c r="FSL685" s="613"/>
      <c r="FSM685" s="613"/>
      <c r="FSN685" s="613"/>
      <c r="FSO685" s="613"/>
      <c r="FSP685" s="613"/>
      <c r="FSQ685" s="613"/>
      <c r="FSR685" s="613"/>
      <c r="FSS685" s="613"/>
      <c r="FST685" s="613"/>
      <c r="FSU685" s="613"/>
      <c r="FSV685" s="613"/>
      <c r="FSW685" s="613"/>
      <c r="FSX685" s="613"/>
      <c r="FSY685" s="613"/>
      <c r="FSZ685" s="613"/>
      <c r="FTA685" s="613"/>
      <c r="FTB685" s="613"/>
      <c r="FTC685" s="613"/>
      <c r="FTD685" s="613"/>
      <c r="FTE685" s="613"/>
      <c r="FTF685" s="613"/>
      <c r="FTG685" s="613"/>
      <c r="FTH685" s="613"/>
      <c r="FTI685" s="613"/>
      <c r="FTJ685" s="613"/>
      <c r="FTK685" s="613"/>
      <c r="FTL685" s="613"/>
      <c r="FTM685" s="613"/>
      <c r="FTN685" s="613"/>
      <c r="FTO685" s="613"/>
      <c r="FTP685" s="613"/>
      <c r="FTQ685" s="613"/>
      <c r="FTR685" s="613"/>
      <c r="FTS685" s="613"/>
      <c r="FTT685" s="613"/>
      <c r="FTU685" s="613"/>
      <c r="FTV685" s="613"/>
      <c r="FTW685" s="613"/>
      <c r="FTX685" s="613"/>
      <c r="FTY685" s="613"/>
      <c r="FTZ685" s="613"/>
      <c r="FUA685" s="613"/>
      <c r="FUB685" s="613"/>
      <c r="FUC685" s="613"/>
      <c r="FUD685" s="613"/>
      <c r="FUE685" s="613"/>
      <c r="FUF685" s="613"/>
      <c r="FUG685" s="613"/>
      <c r="FUH685" s="613"/>
      <c r="FUI685" s="613"/>
      <c r="FUJ685" s="613"/>
      <c r="FUK685" s="613"/>
      <c r="FUL685" s="613"/>
      <c r="FUM685" s="613"/>
      <c r="FUN685" s="613"/>
      <c r="FUO685" s="613"/>
      <c r="FUP685" s="613"/>
      <c r="FUQ685" s="613"/>
      <c r="FUR685" s="613"/>
      <c r="FUS685" s="613"/>
      <c r="FUT685" s="613"/>
      <c r="FUU685" s="613"/>
      <c r="FUV685" s="613"/>
      <c r="FUW685" s="613"/>
      <c r="FUX685" s="613"/>
      <c r="FUY685" s="613"/>
      <c r="FUZ685" s="613"/>
      <c r="FVA685" s="613"/>
      <c r="FVB685" s="613"/>
      <c r="FVC685" s="613"/>
      <c r="FVD685" s="613"/>
      <c r="FVE685" s="613"/>
      <c r="FVF685" s="613"/>
      <c r="FVG685" s="613"/>
      <c r="FVH685" s="613"/>
      <c r="FVI685" s="613"/>
      <c r="FVJ685" s="613"/>
      <c r="FVK685" s="613"/>
      <c r="FVL685" s="613"/>
      <c r="FVM685" s="613"/>
      <c r="FVN685" s="613"/>
      <c r="FVO685" s="613"/>
      <c r="FVP685" s="613"/>
      <c r="FVQ685" s="613"/>
      <c r="FVR685" s="613"/>
      <c r="FVS685" s="613"/>
      <c r="FVT685" s="613"/>
      <c r="FVU685" s="613"/>
      <c r="FVV685" s="613"/>
      <c r="FVW685" s="613"/>
      <c r="FVX685" s="613"/>
      <c r="FVY685" s="613"/>
      <c r="FVZ685" s="613"/>
      <c r="FWA685" s="613"/>
      <c r="FWB685" s="613"/>
      <c r="FWC685" s="613"/>
      <c r="FWD685" s="613"/>
      <c r="FWE685" s="613"/>
      <c r="FWF685" s="613"/>
      <c r="FWG685" s="613"/>
      <c r="FWH685" s="613"/>
      <c r="FWI685" s="613"/>
      <c r="FWJ685" s="613"/>
      <c r="FWK685" s="613"/>
      <c r="FWL685" s="613"/>
      <c r="FWM685" s="613"/>
      <c r="FWN685" s="613"/>
      <c r="FWO685" s="613"/>
      <c r="FWP685" s="613"/>
      <c r="FWQ685" s="613"/>
      <c r="FWR685" s="613"/>
      <c r="FWS685" s="613"/>
      <c r="FWT685" s="613"/>
      <c r="FWU685" s="613"/>
      <c r="FWV685" s="613"/>
      <c r="FWW685" s="613"/>
      <c r="FWX685" s="613"/>
      <c r="FWY685" s="613"/>
      <c r="FWZ685" s="613"/>
      <c r="FXA685" s="613"/>
      <c r="FXB685" s="613"/>
      <c r="FXC685" s="613"/>
      <c r="FXD685" s="613"/>
      <c r="FXE685" s="613"/>
      <c r="FXF685" s="613"/>
      <c r="FXG685" s="613"/>
      <c r="FXH685" s="613"/>
      <c r="FXI685" s="613"/>
      <c r="FXJ685" s="613"/>
      <c r="FXK685" s="613"/>
      <c r="FXL685" s="613"/>
      <c r="FXM685" s="613"/>
      <c r="FXN685" s="613"/>
      <c r="FXO685" s="613"/>
      <c r="FXP685" s="613"/>
      <c r="FXQ685" s="613"/>
      <c r="FXR685" s="613"/>
      <c r="FXS685" s="613"/>
      <c r="FXT685" s="613"/>
      <c r="FXU685" s="613"/>
      <c r="FXV685" s="613"/>
      <c r="FXW685" s="613"/>
      <c r="FXX685" s="613"/>
      <c r="FXY685" s="613"/>
      <c r="FXZ685" s="613"/>
      <c r="FYA685" s="613"/>
      <c r="FYB685" s="613"/>
      <c r="FYC685" s="613"/>
      <c r="FYD685" s="613"/>
      <c r="FYE685" s="613"/>
      <c r="FYF685" s="613"/>
      <c r="FYG685" s="613"/>
      <c r="FYH685" s="613"/>
      <c r="FYI685" s="613"/>
      <c r="FYJ685" s="613"/>
      <c r="FYK685" s="613"/>
      <c r="FYL685" s="613"/>
      <c r="FYM685" s="613"/>
      <c r="FYN685" s="613"/>
      <c r="FYO685" s="613"/>
      <c r="FYP685" s="613"/>
      <c r="FYQ685" s="613"/>
      <c r="FYR685" s="613"/>
      <c r="FYS685" s="613"/>
      <c r="FYT685" s="613"/>
      <c r="FYU685" s="613"/>
      <c r="FYV685" s="613"/>
      <c r="FYW685" s="613"/>
      <c r="FYX685" s="613"/>
      <c r="FYY685" s="613"/>
      <c r="FYZ685" s="613"/>
      <c r="FZA685" s="613"/>
      <c r="FZB685" s="613"/>
      <c r="FZC685" s="613"/>
      <c r="FZD685" s="613"/>
      <c r="FZE685" s="613"/>
      <c r="FZF685" s="613"/>
      <c r="FZG685" s="613"/>
      <c r="FZH685" s="613"/>
      <c r="FZI685" s="613"/>
      <c r="FZJ685" s="613"/>
      <c r="FZK685" s="613"/>
      <c r="FZL685" s="613"/>
      <c r="FZM685" s="613"/>
      <c r="FZN685" s="613"/>
      <c r="FZO685" s="613"/>
      <c r="FZP685" s="613"/>
      <c r="FZQ685" s="613"/>
      <c r="FZR685" s="613"/>
      <c r="FZS685" s="613"/>
      <c r="FZT685" s="613"/>
      <c r="FZU685" s="613"/>
      <c r="FZV685" s="613"/>
      <c r="FZW685" s="613"/>
      <c r="FZX685" s="613"/>
      <c r="FZY685" s="613"/>
      <c r="FZZ685" s="613"/>
      <c r="GAA685" s="613"/>
      <c r="GAB685" s="613"/>
      <c r="GAC685" s="613"/>
      <c r="GAD685" s="613"/>
      <c r="GAE685" s="613"/>
      <c r="GAF685" s="613"/>
      <c r="GAG685" s="613"/>
      <c r="GAH685" s="613"/>
      <c r="GAI685" s="613"/>
      <c r="GAJ685" s="613"/>
      <c r="GAK685" s="613"/>
      <c r="GAL685" s="613"/>
      <c r="GAM685" s="613"/>
      <c r="GAN685" s="613"/>
      <c r="GAO685" s="613"/>
      <c r="GAP685" s="613"/>
      <c r="GAQ685" s="613"/>
      <c r="GAR685" s="613"/>
      <c r="GAS685" s="613"/>
      <c r="GAT685" s="613"/>
      <c r="GAU685" s="613"/>
      <c r="GAV685" s="613"/>
      <c r="GAW685" s="613"/>
      <c r="GAX685" s="613"/>
      <c r="GAY685" s="613"/>
      <c r="GAZ685" s="613"/>
      <c r="GBA685" s="613"/>
      <c r="GBB685" s="613"/>
      <c r="GBC685" s="613"/>
      <c r="GBD685" s="613"/>
      <c r="GBE685" s="613"/>
      <c r="GBF685" s="613"/>
      <c r="GBG685" s="613"/>
      <c r="GBH685" s="613"/>
      <c r="GBI685" s="613"/>
      <c r="GBJ685" s="613"/>
      <c r="GBK685" s="613"/>
      <c r="GBL685" s="613"/>
      <c r="GBM685" s="613"/>
      <c r="GBN685" s="613"/>
      <c r="GBO685" s="613"/>
      <c r="GBP685" s="613"/>
      <c r="GBQ685" s="613"/>
      <c r="GBR685" s="613"/>
      <c r="GBS685" s="613"/>
      <c r="GBT685" s="613"/>
      <c r="GBU685" s="613"/>
      <c r="GBV685" s="613"/>
      <c r="GBW685" s="613"/>
      <c r="GBX685" s="613"/>
      <c r="GBY685" s="613"/>
      <c r="GBZ685" s="613"/>
      <c r="GCA685" s="613"/>
      <c r="GCB685" s="613"/>
      <c r="GCC685" s="613"/>
      <c r="GCD685" s="613"/>
      <c r="GCE685" s="613"/>
      <c r="GCF685" s="613"/>
      <c r="GCG685" s="613"/>
      <c r="GCH685" s="613"/>
      <c r="GCI685" s="613"/>
      <c r="GCJ685" s="613"/>
      <c r="GCK685" s="613"/>
      <c r="GCL685" s="613"/>
      <c r="GCM685" s="613"/>
      <c r="GCN685" s="613"/>
      <c r="GCO685" s="613"/>
      <c r="GCP685" s="613"/>
      <c r="GCQ685" s="613"/>
      <c r="GCR685" s="613"/>
      <c r="GCS685" s="613"/>
      <c r="GCT685" s="613"/>
      <c r="GCU685" s="613"/>
      <c r="GCV685" s="613"/>
      <c r="GCW685" s="613"/>
      <c r="GCX685" s="613"/>
      <c r="GCY685" s="613"/>
      <c r="GCZ685" s="613"/>
      <c r="GDA685" s="613"/>
      <c r="GDB685" s="613"/>
      <c r="GDC685" s="613"/>
      <c r="GDD685" s="613"/>
      <c r="GDE685" s="613"/>
      <c r="GDF685" s="613"/>
      <c r="GDG685" s="613"/>
      <c r="GDH685" s="613"/>
      <c r="GDI685" s="613"/>
      <c r="GDJ685" s="613"/>
      <c r="GDK685" s="613"/>
      <c r="GDL685" s="613"/>
      <c r="GDM685" s="613"/>
      <c r="GDN685" s="613"/>
      <c r="GDO685" s="613"/>
      <c r="GDP685" s="613"/>
      <c r="GDQ685" s="613"/>
      <c r="GDR685" s="613"/>
      <c r="GDS685" s="613"/>
      <c r="GDT685" s="613"/>
      <c r="GDU685" s="613"/>
      <c r="GDV685" s="613"/>
      <c r="GDW685" s="613"/>
      <c r="GDX685" s="613"/>
      <c r="GDY685" s="613"/>
      <c r="GDZ685" s="613"/>
      <c r="GEA685" s="613"/>
      <c r="GEB685" s="613"/>
      <c r="GEC685" s="613"/>
      <c r="GED685" s="613"/>
      <c r="GEE685" s="613"/>
      <c r="GEF685" s="613"/>
      <c r="GEG685" s="613"/>
      <c r="GEH685" s="613"/>
      <c r="GEI685" s="613"/>
      <c r="GEJ685" s="613"/>
      <c r="GEK685" s="613"/>
      <c r="GEL685" s="613"/>
      <c r="GEM685" s="613"/>
      <c r="GEN685" s="613"/>
      <c r="GEO685" s="613"/>
      <c r="GEP685" s="613"/>
      <c r="GEQ685" s="613"/>
      <c r="GER685" s="613"/>
      <c r="GES685" s="613"/>
      <c r="GET685" s="613"/>
      <c r="GEU685" s="613"/>
      <c r="GEV685" s="613"/>
      <c r="GEW685" s="613"/>
      <c r="GEX685" s="613"/>
      <c r="GEY685" s="613"/>
      <c r="GEZ685" s="613"/>
      <c r="GFA685" s="613"/>
      <c r="GFB685" s="613"/>
      <c r="GFC685" s="613"/>
      <c r="GFD685" s="613"/>
      <c r="GFE685" s="613"/>
      <c r="GFF685" s="613"/>
      <c r="GFG685" s="613"/>
      <c r="GFH685" s="613"/>
      <c r="GFI685" s="613"/>
      <c r="GFJ685" s="613"/>
      <c r="GFK685" s="613"/>
      <c r="GFL685" s="613"/>
      <c r="GFM685" s="613"/>
      <c r="GFN685" s="613"/>
      <c r="GFO685" s="613"/>
      <c r="GFP685" s="613"/>
      <c r="GFQ685" s="613"/>
      <c r="GFR685" s="613"/>
      <c r="GFS685" s="613"/>
      <c r="GFT685" s="613"/>
      <c r="GFU685" s="613"/>
      <c r="GFV685" s="613"/>
      <c r="GFW685" s="613"/>
      <c r="GFX685" s="613"/>
      <c r="GFY685" s="613"/>
      <c r="GFZ685" s="613"/>
      <c r="GGA685" s="613"/>
      <c r="GGB685" s="613"/>
      <c r="GGC685" s="613"/>
      <c r="GGD685" s="613"/>
      <c r="GGE685" s="613"/>
      <c r="GGF685" s="613"/>
      <c r="GGG685" s="613"/>
      <c r="GGH685" s="613"/>
      <c r="GGI685" s="613"/>
      <c r="GGJ685" s="613"/>
      <c r="GGK685" s="613"/>
      <c r="GGL685" s="613"/>
      <c r="GGM685" s="613"/>
      <c r="GGN685" s="613"/>
      <c r="GGO685" s="613"/>
      <c r="GGP685" s="613"/>
      <c r="GGQ685" s="613"/>
      <c r="GGR685" s="613"/>
      <c r="GGS685" s="613"/>
      <c r="GGT685" s="613"/>
      <c r="GGU685" s="613"/>
      <c r="GGV685" s="613"/>
      <c r="GGW685" s="613"/>
      <c r="GGX685" s="613"/>
      <c r="GGY685" s="613"/>
      <c r="GGZ685" s="613"/>
      <c r="GHA685" s="613"/>
      <c r="GHB685" s="613"/>
      <c r="GHC685" s="613"/>
      <c r="GHD685" s="613"/>
      <c r="GHE685" s="613"/>
      <c r="GHF685" s="613"/>
      <c r="GHG685" s="613"/>
      <c r="GHH685" s="613"/>
      <c r="GHI685" s="613"/>
      <c r="GHJ685" s="613"/>
      <c r="GHK685" s="613"/>
      <c r="GHL685" s="613"/>
      <c r="GHM685" s="613"/>
      <c r="GHN685" s="613"/>
      <c r="GHO685" s="613"/>
      <c r="GHP685" s="613"/>
      <c r="GHQ685" s="613"/>
      <c r="GHR685" s="613"/>
      <c r="GHS685" s="613"/>
      <c r="GHT685" s="613"/>
      <c r="GHU685" s="613"/>
      <c r="GHV685" s="613"/>
      <c r="GHW685" s="613"/>
      <c r="GHX685" s="613"/>
      <c r="GHY685" s="613"/>
      <c r="GHZ685" s="613"/>
      <c r="GIA685" s="613"/>
      <c r="GIB685" s="613"/>
      <c r="GIC685" s="613"/>
      <c r="GID685" s="613"/>
      <c r="GIE685" s="613"/>
      <c r="GIF685" s="613"/>
      <c r="GIG685" s="613"/>
      <c r="GIH685" s="613"/>
      <c r="GII685" s="613"/>
      <c r="GIJ685" s="613"/>
      <c r="GIK685" s="613"/>
      <c r="GIL685" s="613"/>
      <c r="GIM685" s="613"/>
      <c r="GIN685" s="613"/>
      <c r="GIO685" s="613"/>
      <c r="GIP685" s="613"/>
      <c r="GIQ685" s="613"/>
      <c r="GIR685" s="613"/>
      <c r="GIS685" s="613"/>
      <c r="GIT685" s="613"/>
      <c r="GIU685" s="613"/>
      <c r="GIV685" s="613"/>
      <c r="GIW685" s="613"/>
      <c r="GIX685" s="613"/>
      <c r="GIY685" s="613"/>
      <c r="GIZ685" s="613"/>
      <c r="GJA685" s="613"/>
      <c r="GJB685" s="613"/>
      <c r="GJC685" s="613"/>
      <c r="GJD685" s="613"/>
      <c r="GJE685" s="613"/>
      <c r="GJF685" s="613"/>
      <c r="GJG685" s="613"/>
      <c r="GJH685" s="613"/>
      <c r="GJI685" s="613"/>
      <c r="GJJ685" s="613"/>
      <c r="GJK685" s="613"/>
      <c r="GJL685" s="613"/>
      <c r="GJM685" s="613"/>
      <c r="GJN685" s="613"/>
      <c r="GJO685" s="613"/>
      <c r="GJP685" s="613"/>
      <c r="GJQ685" s="613"/>
      <c r="GJR685" s="613"/>
      <c r="GJS685" s="613"/>
      <c r="GJT685" s="613"/>
      <c r="GJU685" s="613"/>
      <c r="GJV685" s="613"/>
      <c r="GJW685" s="613"/>
      <c r="GJX685" s="613"/>
      <c r="GJY685" s="613"/>
      <c r="GJZ685" s="613"/>
      <c r="GKA685" s="613"/>
      <c r="GKB685" s="613"/>
      <c r="GKC685" s="613"/>
      <c r="GKD685" s="613"/>
      <c r="GKE685" s="613"/>
      <c r="GKF685" s="613"/>
      <c r="GKG685" s="613"/>
      <c r="GKH685" s="613"/>
      <c r="GKI685" s="613"/>
      <c r="GKJ685" s="613"/>
      <c r="GKK685" s="613"/>
      <c r="GKL685" s="613"/>
      <c r="GKM685" s="613"/>
      <c r="GKN685" s="613"/>
      <c r="GKO685" s="613"/>
      <c r="GKP685" s="613"/>
      <c r="GKQ685" s="613"/>
      <c r="GKR685" s="613"/>
      <c r="GKS685" s="613"/>
      <c r="GKT685" s="613"/>
      <c r="GKU685" s="613"/>
      <c r="GKV685" s="613"/>
      <c r="GKW685" s="613"/>
      <c r="GKX685" s="613"/>
      <c r="GKY685" s="613"/>
      <c r="GKZ685" s="613"/>
      <c r="GLA685" s="613"/>
      <c r="GLB685" s="613"/>
      <c r="GLC685" s="613"/>
      <c r="GLD685" s="613"/>
      <c r="GLE685" s="613"/>
      <c r="GLF685" s="613"/>
      <c r="GLG685" s="613"/>
      <c r="GLH685" s="613"/>
      <c r="GLI685" s="613"/>
      <c r="GLJ685" s="613"/>
      <c r="GLK685" s="613"/>
      <c r="GLL685" s="613"/>
      <c r="GLM685" s="613"/>
      <c r="GLN685" s="613"/>
      <c r="GLO685" s="613"/>
      <c r="GLP685" s="613"/>
      <c r="GLQ685" s="613"/>
      <c r="GLR685" s="613"/>
      <c r="GLS685" s="613"/>
      <c r="GLT685" s="613"/>
      <c r="GLU685" s="613"/>
      <c r="GLV685" s="613"/>
      <c r="GLW685" s="613"/>
      <c r="GLX685" s="613"/>
      <c r="GLY685" s="613"/>
      <c r="GLZ685" s="613"/>
      <c r="GMA685" s="613"/>
      <c r="GMB685" s="613"/>
      <c r="GMC685" s="613"/>
      <c r="GMD685" s="613"/>
      <c r="GME685" s="613"/>
      <c r="GMF685" s="613"/>
      <c r="GMG685" s="613"/>
      <c r="GMH685" s="613"/>
      <c r="GMI685" s="613"/>
      <c r="GMJ685" s="613"/>
      <c r="GMK685" s="613"/>
      <c r="GML685" s="613"/>
      <c r="GMM685" s="613"/>
      <c r="GMN685" s="613"/>
      <c r="GMO685" s="613"/>
      <c r="GMP685" s="613"/>
      <c r="GMQ685" s="613"/>
      <c r="GMR685" s="613"/>
      <c r="GMS685" s="613"/>
      <c r="GMT685" s="613"/>
      <c r="GMU685" s="613"/>
      <c r="GMV685" s="613"/>
      <c r="GMW685" s="613"/>
      <c r="GMX685" s="613"/>
      <c r="GMY685" s="613"/>
      <c r="GMZ685" s="613"/>
      <c r="GNA685" s="613"/>
      <c r="GNB685" s="613"/>
      <c r="GNC685" s="613"/>
      <c r="GND685" s="613"/>
      <c r="GNE685" s="613"/>
      <c r="GNF685" s="613"/>
      <c r="GNG685" s="613"/>
      <c r="GNH685" s="613"/>
      <c r="GNI685" s="613"/>
      <c r="GNJ685" s="613"/>
      <c r="GNK685" s="613"/>
      <c r="GNL685" s="613"/>
      <c r="GNM685" s="613"/>
      <c r="GNN685" s="613"/>
      <c r="GNO685" s="613"/>
      <c r="GNP685" s="613"/>
      <c r="GNQ685" s="613"/>
      <c r="GNR685" s="613"/>
      <c r="GNS685" s="613"/>
      <c r="GNT685" s="613"/>
      <c r="GNU685" s="613"/>
      <c r="GNV685" s="613"/>
      <c r="GNW685" s="613"/>
      <c r="GNX685" s="613"/>
      <c r="GNY685" s="613"/>
      <c r="GNZ685" s="613"/>
      <c r="GOA685" s="613"/>
      <c r="GOB685" s="613"/>
      <c r="GOC685" s="613"/>
      <c r="GOD685" s="613"/>
      <c r="GOE685" s="613"/>
      <c r="GOF685" s="613"/>
      <c r="GOG685" s="613"/>
      <c r="GOH685" s="613"/>
      <c r="GOI685" s="613"/>
      <c r="GOJ685" s="613"/>
      <c r="GOK685" s="613"/>
      <c r="GOL685" s="613"/>
      <c r="GOM685" s="613"/>
      <c r="GON685" s="613"/>
      <c r="GOO685" s="613"/>
      <c r="GOP685" s="613"/>
      <c r="GOQ685" s="613"/>
      <c r="GOR685" s="613"/>
      <c r="GOS685" s="613"/>
      <c r="GOT685" s="613"/>
      <c r="GOU685" s="613"/>
      <c r="GOV685" s="613"/>
      <c r="GOW685" s="613"/>
      <c r="GOX685" s="613"/>
      <c r="GOY685" s="613"/>
      <c r="GOZ685" s="613"/>
      <c r="GPA685" s="613"/>
      <c r="GPB685" s="613"/>
      <c r="GPC685" s="613"/>
      <c r="GPD685" s="613"/>
      <c r="GPE685" s="613"/>
      <c r="GPF685" s="613"/>
      <c r="GPG685" s="613"/>
      <c r="GPH685" s="613"/>
      <c r="GPI685" s="613"/>
      <c r="GPJ685" s="613"/>
      <c r="GPK685" s="613"/>
      <c r="GPL685" s="613"/>
      <c r="GPM685" s="613"/>
      <c r="GPN685" s="613"/>
      <c r="GPO685" s="613"/>
      <c r="GPP685" s="613"/>
      <c r="GPQ685" s="613"/>
      <c r="GPR685" s="613"/>
      <c r="GPS685" s="613"/>
      <c r="GPT685" s="613"/>
      <c r="GPU685" s="613"/>
      <c r="GPV685" s="613"/>
      <c r="GPW685" s="613"/>
      <c r="GPX685" s="613"/>
      <c r="GPY685" s="613"/>
      <c r="GPZ685" s="613"/>
      <c r="GQA685" s="613"/>
      <c r="GQB685" s="613"/>
      <c r="GQC685" s="613"/>
      <c r="GQD685" s="613"/>
      <c r="GQE685" s="613"/>
      <c r="GQF685" s="613"/>
      <c r="GQG685" s="613"/>
      <c r="GQH685" s="613"/>
      <c r="GQI685" s="613"/>
      <c r="GQJ685" s="613"/>
      <c r="GQK685" s="613"/>
      <c r="GQL685" s="613"/>
      <c r="GQM685" s="613"/>
      <c r="GQN685" s="613"/>
      <c r="GQO685" s="613"/>
      <c r="GQP685" s="613"/>
      <c r="GQQ685" s="613"/>
      <c r="GQR685" s="613"/>
      <c r="GQS685" s="613"/>
      <c r="GQT685" s="613"/>
      <c r="GQU685" s="613"/>
      <c r="GQV685" s="613"/>
      <c r="GQW685" s="613"/>
      <c r="GQX685" s="613"/>
      <c r="GQY685" s="613"/>
      <c r="GQZ685" s="613"/>
      <c r="GRA685" s="613"/>
      <c r="GRB685" s="613"/>
      <c r="GRC685" s="613"/>
      <c r="GRD685" s="613"/>
      <c r="GRE685" s="613"/>
      <c r="GRF685" s="613"/>
      <c r="GRG685" s="613"/>
      <c r="GRH685" s="613"/>
      <c r="GRI685" s="613"/>
      <c r="GRJ685" s="613"/>
      <c r="GRK685" s="613"/>
      <c r="GRL685" s="613"/>
      <c r="GRM685" s="613"/>
      <c r="GRN685" s="613"/>
      <c r="GRO685" s="613"/>
      <c r="GRP685" s="613"/>
      <c r="GRQ685" s="613"/>
      <c r="GRR685" s="613"/>
      <c r="GRS685" s="613"/>
      <c r="GRT685" s="613"/>
      <c r="GRU685" s="613"/>
      <c r="GRV685" s="613"/>
      <c r="GRW685" s="613"/>
      <c r="GRX685" s="613"/>
      <c r="GRY685" s="613"/>
      <c r="GRZ685" s="613"/>
      <c r="GSA685" s="613"/>
      <c r="GSB685" s="613"/>
      <c r="GSC685" s="613"/>
      <c r="GSD685" s="613"/>
      <c r="GSE685" s="613"/>
      <c r="GSF685" s="613"/>
      <c r="GSG685" s="613"/>
      <c r="GSH685" s="613"/>
      <c r="GSI685" s="613"/>
      <c r="GSJ685" s="613"/>
      <c r="GSK685" s="613"/>
      <c r="GSL685" s="613"/>
      <c r="GSM685" s="613"/>
      <c r="GSN685" s="613"/>
      <c r="GSO685" s="613"/>
      <c r="GSP685" s="613"/>
      <c r="GSQ685" s="613"/>
      <c r="GSR685" s="613"/>
      <c r="GSS685" s="613"/>
      <c r="GST685" s="613"/>
      <c r="GSU685" s="613"/>
      <c r="GSV685" s="613"/>
      <c r="GSW685" s="613"/>
      <c r="GSX685" s="613"/>
      <c r="GSY685" s="613"/>
      <c r="GSZ685" s="613"/>
      <c r="GTA685" s="613"/>
      <c r="GTB685" s="613"/>
      <c r="GTC685" s="613"/>
      <c r="GTD685" s="613"/>
      <c r="GTE685" s="613"/>
      <c r="GTF685" s="613"/>
      <c r="GTG685" s="613"/>
      <c r="GTH685" s="613"/>
      <c r="GTI685" s="613"/>
      <c r="GTJ685" s="613"/>
      <c r="GTK685" s="613"/>
      <c r="GTL685" s="613"/>
      <c r="GTM685" s="613"/>
      <c r="GTN685" s="613"/>
      <c r="GTO685" s="613"/>
      <c r="GTP685" s="613"/>
      <c r="GTQ685" s="613"/>
      <c r="GTR685" s="613"/>
      <c r="GTS685" s="613"/>
      <c r="GTT685" s="613"/>
      <c r="GTU685" s="613"/>
      <c r="GTV685" s="613"/>
      <c r="GTW685" s="613"/>
      <c r="GTX685" s="613"/>
      <c r="GTY685" s="613"/>
      <c r="GTZ685" s="613"/>
      <c r="GUA685" s="613"/>
      <c r="GUB685" s="613"/>
      <c r="GUC685" s="613"/>
      <c r="GUD685" s="613"/>
      <c r="GUE685" s="613"/>
      <c r="GUF685" s="613"/>
      <c r="GUG685" s="613"/>
      <c r="GUH685" s="613"/>
      <c r="GUI685" s="613"/>
      <c r="GUJ685" s="613"/>
      <c r="GUK685" s="613"/>
      <c r="GUL685" s="613"/>
      <c r="GUM685" s="613"/>
      <c r="GUN685" s="613"/>
      <c r="GUO685" s="613"/>
      <c r="GUP685" s="613"/>
      <c r="GUQ685" s="613"/>
      <c r="GUR685" s="613"/>
      <c r="GUS685" s="613"/>
      <c r="GUT685" s="613"/>
      <c r="GUU685" s="613"/>
      <c r="GUV685" s="613"/>
      <c r="GUW685" s="613"/>
      <c r="GUX685" s="613"/>
      <c r="GUY685" s="613"/>
      <c r="GUZ685" s="613"/>
      <c r="GVA685" s="613"/>
      <c r="GVB685" s="613"/>
      <c r="GVC685" s="613"/>
      <c r="GVD685" s="613"/>
      <c r="GVE685" s="613"/>
      <c r="GVF685" s="613"/>
      <c r="GVG685" s="613"/>
      <c r="GVH685" s="613"/>
      <c r="GVI685" s="613"/>
      <c r="GVJ685" s="613"/>
      <c r="GVK685" s="613"/>
      <c r="GVL685" s="613"/>
      <c r="GVM685" s="613"/>
      <c r="GVN685" s="613"/>
      <c r="GVO685" s="613"/>
      <c r="GVP685" s="613"/>
      <c r="GVQ685" s="613"/>
      <c r="GVR685" s="613"/>
      <c r="GVS685" s="613"/>
      <c r="GVT685" s="613"/>
      <c r="GVU685" s="613"/>
      <c r="GVV685" s="613"/>
      <c r="GVW685" s="613"/>
      <c r="GVX685" s="613"/>
      <c r="GVY685" s="613"/>
      <c r="GVZ685" s="613"/>
      <c r="GWA685" s="613"/>
      <c r="GWB685" s="613"/>
      <c r="GWC685" s="613"/>
      <c r="GWD685" s="613"/>
      <c r="GWE685" s="613"/>
      <c r="GWF685" s="613"/>
      <c r="GWG685" s="613"/>
      <c r="GWH685" s="613"/>
      <c r="GWI685" s="613"/>
      <c r="GWJ685" s="613"/>
      <c r="GWK685" s="613"/>
      <c r="GWL685" s="613"/>
      <c r="GWM685" s="613"/>
      <c r="GWN685" s="613"/>
      <c r="GWO685" s="613"/>
      <c r="GWP685" s="613"/>
      <c r="GWQ685" s="613"/>
      <c r="GWR685" s="613"/>
      <c r="GWS685" s="613"/>
      <c r="GWT685" s="613"/>
      <c r="GWU685" s="613"/>
      <c r="GWV685" s="613"/>
      <c r="GWW685" s="613"/>
      <c r="GWX685" s="613"/>
      <c r="GWY685" s="613"/>
      <c r="GWZ685" s="613"/>
      <c r="GXA685" s="613"/>
      <c r="GXB685" s="613"/>
      <c r="GXC685" s="613"/>
      <c r="GXD685" s="613"/>
      <c r="GXE685" s="613"/>
      <c r="GXF685" s="613"/>
      <c r="GXG685" s="613"/>
      <c r="GXH685" s="613"/>
      <c r="GXI685" s="613"/>
      <c r="GXJ685" s="613"/>
      <c r="GXK685" s="613"/>
      <c r="GXL685" s="613"/>
      <c r="GXM685" s="613"/>
      <c r="GXN685" s="613"/>
      <c r="GXO685" s="613"/>
      <c r="GXP685" s="613"/>
      <c r="GXQ685" s="613"/>
      <c r="GXR685" s="613"/>
      <c r="GXS685" s="613"/>
      <c r="GXT685" s="613"/>
      <c r="GXU685" s="613"/>
      <c r="GXV685" s="613"/>
      <c r="GXW685" s="613"/>
      <c r="GXX685" s="613"/>
      <c r="GXY685" s="613"/>
      <c r="GXZ685" s="613"/>
      <c r="GYA685" s="613"/>
      <c r="GYB685" s="613"/>
      <c r="GYC685" s="613"/>
      <c r="GYD685" s="613"/>
      <c r="GYE685" s="613"/>
      <c r="GYF685" s="613"/>
      <c r="GYG685" s="613"/>
      <c r="GYH685" s="613"/>
      <c r="GYI685" s="613"/>
      <c r="GYJ685" s="613"/>
      <c r="GYK685" s="613"/>
      <c r="GYL685" s="613"/>
      <c r="GYM685" s="613"/>
      <c r="GYN685" s="613"/>
      <c r="GYO685" s="613"/>
      <c r="GYP685" s="613"/>
      <c r="GYQ685" s="613"/>
      <c r="GYR685" s="613"/>
      <c r="GYS685" s="613"/>
      <c r="GYT685" s="613"/>
      <c r="GYU685" s="613"/>
      <c r="GYV685" s="613"/>
      <c r="GYW685" s="613"/>
      <c r="GYX685" s="613"/>
      <c r="GYY685" s="613"/>
      <c r="GYZ685" s="613"/>
      <c r="GZA685" s="613"/>
      <c r="GZB685" s="613"/>
      <c r="GZC685" s="613"/>
      <c r="GZD685" s="613"/>
      <c r="GZE685" s="613"/>
      <c r="GZF685" s="613"/>
      <c r="GZG685" s="613"/>
      <c r="GZH685" s="613"/>
      <c r="GZI685" s="613"/>
      <c r="GZJ685" s="613"/>
      <c r="GZK685" s="613"/>
      <c r="GZL685" s="613"/>
      <c r="GZM685" s="613"/>
      <c r="GZN685" s="613"/>
      <c r="GZO685" s="613"/>
      <c r="GZP685" s="613"/>
      <c r="GZQ685" s="613"/>
      <c r="GZR685" s="613"/>
      <c r="GZS685" s="613"/>
      <c r="GZT685" s="613"/>
      <c r="GZU685" s="613"/>
      <c r="GZV685" s="613"/>
      <c r="GZW685" s="613"/>
      <c r="GZX685" s="613"/>
      <c r="GZY685" s="613"/>
      <c r="GZZ685" s="613"/>
      <c r="HAA685" s="613"/>
      <c r="HAB685" s="613"/>
      <c r="HAC685" s="613"/>
      <c r="HAD685" s="613"/>
      <c r="HAE685" s="613"/>
      <c r="HAF685" s="613"/>
      <c r="HAG685" s="613"/>
      <c r="HAH685" s="613"/>
      <c r="HAI685" s="613"/>
      <c r="HAJ685" s="613"/>
      <c r="HAK685" s="613"/>
      <c r="HAL685" s="613"/>
      <c r="HAM685" s="613"/>
      <c r="HAN685" s="613"/>
      <c r="HAO685" s="613"/>
      <c r="HAP685" s="613"/>
      <c r="HAQ685" s="613"/>
      <c r="HAR685" s="613"/>
      <c r="HAS685" s="613"/>
      <c r="HAT685" s="613"/>
      <c r="HAU685" s="613"/>
      <c r="HAV685" s="613"/>
      <c r="HAW685" s="613"/>
      <c r="HAX685" s="613"/>
      <c r="HAY685" s="613"/>
      <c r="HAZ685" s="613"/>
      <c r="HBA685" s="613"/>
      <c r="HBB685" s="613"/>
      <c r="HBC685" s="613"/>
      <c r="HBD685" s="613"/>
      <c r="HBE685" s="613"/>
      <c r="HBF685" s="613"/>
      <c r="HBG685" s="613"/>
      <c r="HBH685" s="613"/>
      <c r="HBI685" s="613"/>
      <c r="HBJ685" s="613"/>
      <c r="HBK685" s="613"/>
      <c r="HBL685" s="613"/>
      <c r="HBM685" s="613"/>
      <c r="HBN685" s="613"/>
      <c r="HBO685" s="613"/>
      <c r="HBP685" s="613"/>
      <c r="HBQ685" s="613"/>
      <c r="HBR685" s="613"/>
      <c r="HBS685" s="613"/>
      <c r="HBT685" s="613"/>
      <c r="HBU685" s="613"/>
      <c r="HBV685" s="613"/>
      <c r="HBW685" s="613"/>
      <c r="HBX685" s="613"/>
      <c r="HBY685" s="613"/>
      <c r="HBZ685" s="613"/>
      <c r="HCA685" s="613"/>
      <c r="HCB685" s="613"/>
      <c r="HCC685" s="613"/>
      <c r="HCD685" s="613"/>
      <c r="HCE685" s="613"/>
      <c r="HCF685" s="613"/>
      <c r="HCG685" s="613"/>
      <c r="HCH685" s="613"/>
      <c r="HCI685" s="613"/>
      <c r="HCJ685" s="613"/>
      <c r="HCK685" s="613"/>
      <c r="HCL685" s="613"/>
      <c r="HCM685" s="613"/>
      <c r="HCN685" s="613"/>
      <c r="HCO685" s="613"/>
      <c r="HCP685" s="613"/>
      <c r="HCQ685" s="613"/>
      <c r="HCR685" s="613"/>
      <c r="HCS685" s="613"/>
      <c r="HCT685" s="613"/>
      <c r="HCU685" s="613"/>
      <c r="HCV685" s="613"/>
      <c r="HCW685" s="613"/>
      <c r="HCX685" s="613"/>
      <c r="HCY685" s="613"/>
      <c r="HCZ685" s="613"/>
      <c r="HDA685" s="613"/>
      <c r="HDB685" s="613"/>
      <c r="HDC685" s="613"/>
      <c r="HDD685" s="613"/>
      <c r="HDE685" s="613"/>
      <c r="HDF685" s="613"/>
      <c r="HDG685" s="613"/>
      <c r="HDH685" s="613"/>
      <c r="HDI685" s="613"/>
      <c r="HDJ685" s="613"/>
      <c r="HDK685" s="613"/>
      <c r="HDL685" s="613"/>
      <c r="HDM685" s="613"/>
      <c r="HDN685" s="613"/>
      <c r="HDO685" s="613"/>
      <c r="HDP685" s="613"/>
      <c r="HDQ685" s="613"/>
      <c r="HDR685" s="613"/>
      <c r="HDS685" s="613"/>
      <c r="HDT685" s="613"/>
      <c r="HDU685" s="613"/>
      <c r="HDV685" s="613"/>
      <c r="HDW685" s="613"/>
      <c r="HDX685" s="613"/>
      <c r="HDY685" s="613"/>
      <c r="HDZ685" s="613"/>
      <c r="HEA685" s="613"/>
      <c r="HEB685" s="613"/>
      <c r="HEC685" s="613"/>
      <c r="HED685" s="613"/>
      <c r="HEE685" s="613"/>
      <c r="HEF685" s="613"/>
      <c r="HEG685" s="613"/>
      <c r="HEH685" s="613"/>
      <c r="HEI685" s="613"/>
      <c r="HEJ685" s="613"/>
      <c r="HEK685" s="613"/>
      <c r="HEL685" s="613"/>
      <c r="HEM685" s="613"/>
      <c r="HEN685" s="613"/>
      <c r="HEO685" s="613"/>
      <c r="HEP685" s="613"/>
      <c r="HEQ685" s="613"/>
      <c r="HER685" s="613"/>
      <c r="HES685" s="613"/>
      <c r="HET685" s="613"/>
      <c r="HEU685" s="613"/>
      <c r="HEV685" s="613"/>
      <c r="HEW685" s="613"/>
      <c r="HEX685" s="613"/>
      <c r="HEY685" s="613"/>
      <c r="HEZ685" s="613"/>
      <c r="HFA685" s="613"/>
      <c r="HFB685" s="613"/>
      <c r="HFC685" s="613"/>
      <c r="HFD685" s="613"/>
      <c r="HFE685" s="613"/>
      <c r="HFF685" s="613"/>
      <c r="HFG685" s="613"/>
      <c r="HFH685" s="613"/>
      <c r="HFI685" s="613"/>
      <c r="HFJ685" s="613"/>
      <c r="HFK685" s="613"/>
      <c r="HFL685" s="613"/>
      <c r="HFM685" s="613"/>
      <c r="HFN685" s="613"/>
      <c r="HFO685" s="613"/>
      <c r="HFP685" s="613"/>
      <c r="HFQ685" s="613"/>
      <c r="HFR685" s="613"/>
      <c r="HFS685" s="613"/>
      <c r="HFT685" s="613"/>
      <c r="HFU685" s="613"/>
      <c r="HFV685" s="613"/>
      <c r="HFW685" s="613"/>
      <c r="HFX685" s="613"/>
      <c r="HFY685" s="613"/>
      <c r="HFZ685" s="613"/>
      <c r="HGA685" s="613"/>
      <c r="HGB685" s="613"/>
      <c r="HGC685" s="613"/>
      <c r="HGD685" s="613"/>
      <c r="HGE685" s="613"/>
      <c r="HGF685" s="613"/>
      <c r="HGG685" s="613"/>
      <c r="HGH685" s="613"/>
      <c r="HGI685" s="613"/>
      <c r="HGJ685" s="613"/>
      <c r="HGK685" s="613"/>
      <c r="HGL685" s="613"/>
      <c r="HGM685" s="613"/>
      <c r="HGN685" s="613"/>
      <c r="HGO685" s="613"/>
      <c r="HGP685" s="613"/>
      <c r="HGQ685" s="613"/>
      <c r="HGR685" s="613"/>
      <c r="HGS685" s="613"/>
      <c r="HGT685" s="613"/>
      <c r="HGU685" s="613"/>
      <c r="HGV685" s="613"/>
      <c r="HGW685" s="613"/>
      <c r="HGX685" s="613"/>
      <c r="HGY685" s="613"/>
      <c r="HGZ685" s="613"/>
      <c r="HHA685" s="613"/>
      <c r="HHB685" s="613"/>
      <c r="HHC685" s="613"/>
      <c r="HHD685" s="613"/>
      <c r="HHE685" s="613"/>
      <c r="HHF685" s="613"/>
      <c r="HHG685" s="613"/>
      <c r="HHH685" s="613"/>
      <c r="HHI685" s="613"/>
      <c r="HHJ685" s="613"/>
      <c r="HHK685" s="613"/>
      <c r="HHL685" s="613"/>
      <c r="HHM685" s="613"/>
      <c r="HHN685" s="613"/>
      <c r="HHO685" s="613"/>
      <c r="HHP685" s="613"/>
      <c r="HHQ685" s="613"/>
      <c r="HHR685" s="613"/>
      <c r="HHS685" s="613"/>
      <c r="HHT685" s="613"/>
      <c r="HHU685" s="613"/>
      <c r="HHV685" s="613"/>
      <c r="HHW685" s="613"/>
      <c r="HHX685" s="613"/>
      <c r="HHY685" s="613"/>
      <c r="HHZ685" s="613"/>
      <c r="HIA685" s="613"/>
      <c r="HIB685" s="613"/>
      <c r="HIC685" s="613"/>
      <c r="HID685" s="613"/>
      <c r="HIE685" s="613"/>
      <c r="HIF685" s="613"/>
      <c r="HIG685" s="613"/>
      <c r="HIH685" s="613"/>
      <c r="HII685" s="613"/>
      <c r="HIJ685" s="613"/>
      <c r="HIK685" s="613"/>
      <c r="HIL685" s="613"/>
      <c r="HIM685" s="613"/>
      <c r="HIN685" s="613"/>
      <c r="HIO685" s="613"/>
      <c r="HIP685" s="613"/>
      <c r="HIQ685" s="613"/>
      <c r="HIR685" s="613"/>
      <c r="HIS685" s="613"/>
      <c r="HIT685" s="613"/>
      <c r="HIU685" s="613"/>
      <c r="HIV685" s="613"/>
      <c r="HIW685" s="613"/>
      <c r="HIX685" s="613"/>
      <c r="HIY685" s="613"/>
      <c r="HIZ685" s="613"/>
      <c r="HJA685" s="613"/>
      <c r="HJB685" s="613"/>
      <c r="HJC685" s="613"/>
      <c r="HJD685" s="613"/>
      <c r="HJE685" s="613"/>
      <c r="HJF685" s="613"/>
      <c r="HJG685" s="613"/>
      <c r="HJH685" s="613"/>
      <c r="HJI685" s="613"/>
      <c r="HJJ685" s="613"/>
      <c r="HJK685" s="613"/>
      <c r="HJL685" s="613"/>
      <c r="HJM685" s="613"/>
      <c r="HJN685" s="613"/>
      <c r="HJO685" s="613"/>
      <c r="HJP685" s="613"/>
      <c r="HJQ685" s="613"/>
      <c r="HJR685" s="613"/>
      <c r="HJS685" s="613"/>
      <c r="HJT685" s="613"/>
      <c r="HJU685" s="613"/>
      <c r="HJV685" s="613"/>
      <c r="HJW685" s="613"/>
      <c r="HJX685" s="613"/>
      <c r="HJY685" s="613"/>
      <c r="HJZ685" s="613"/>
      <c r="HKA685" s="613"/>
      <c r="HKB685" s="613"/>
      <c r="HKC685" s="613"/>
      <c r="HKD685" s="613"/>
      <c r="HKE685" s="613"/>
      <c r="HKF685" s="613"/>
      <c r="HKG685" s="613"/>
      <c r="HKH685" s="613"/>
      <c r="HKI685" s="613"/>
      <c r="HKJ685" s="613"/>
      <c r="HKK685" s="613"/>
      <c r="HKL685" s="613"/>
      <c r="HKM685" s="613"/>
      <c r="HKN685" s="613"/>
      <c r="HKO685" s="613"/>
      <c r="HKP685" s="613"/>
      <c r="HKQ685" s="613"/>
      <c r="HKR685" s="613"/>
      <c r="HKS685" s="613"/>
      <c r="HKT685" s="613"/>
      <c r="HKU685" s="613"/>
      <c r="HKV685" s="613"/>
      <c r="HKW685" s="613"/>
      <c r="HKX685" s="613"/>
      <c r="HKY685" s="613"/>
      <c r="HKZ685" s="613"/>
      <c r="HLA685" s="613"/>
      <c r="HLB685" s="613"/>
      <c r="HLC685" s="613"/>
      <c r="HLD685" s="613"/>
      <c r="HLE685" s="613"/>
      <c r="HLF685" s="613"/>
      <c r="HLG685" s="613"/>
      <c r="HLH685" s="613"/>
      <c r="HLI685" s="613"/>
      <c r="HLJ685" s="613"/>
      <c r="HLK685" s="613"/>
      <c r="HLL685" s="613"/>
      <c r="HLM685" s="613"/>
      <c r="HLN685" s="613"/>
      <c r="HLO685" s="613"/>
      <c r="HLP685" s="613"/>
      <c r="HLQ685" s="613"/>
      <c r="HLR685" s="613"/>
      <c r="HLS685" s="613"/>
      <c r="HLT685" s="613"/>
      <c r="HLU685" s="613"/>
      <c r="HLV685" s="613"/>
      <c r="HLW685" s="613"/>
      <c r="HLX685" s="613"/>
      <c r="HLY685" s="613"/>
      <c r="HLZ685" s="613"/>
      <c r="HMA685" s="613"/>
      <c r="HMB685" s="613"/>
      <c r="HMC685" s="613"/>
      <c r="HMD685" s="613"/>
      <c r="HME685" s="613"/>
      <c r="HMF685" s="613"/>
      <c r="HMG685" s="613"/>
      <c r="HMH685" s="613"/>
      <c r="HMI685" s="613"/>
      <c r="HMJ685" s="613"/>
      <c r="HMK685" s="613"/>
      <c r="HML685" s="613"/>
      <c r="HMM685" s="613"/>
      <c r="HMN685" s="613"/>
      <c r="HMO685" s="613"/>
      <c r="HMP685" s="613"/>
      <c r="HMQ685" s="613"/>
      <c r="HMR685" s="613"/>
      <c r="HMS685" s="613"/>
      <c r="HMT685" s="613"/>
      <c r="HMU685" s="613"/>
      <c r="HMV685" s="613"/>
      <c r="HMW685" s="613"/>
      <c r="HMX685" s="613"/>
      <c r="HMY685" s="613"/>
      <c r="HMZ685" s="613"/>
      <c r="HNA685" s="613"/>
      <c r="HNB685" s="613"/>
      <c r="HNC685" s="613"/>
      <c r="HND685" s="613"/>
      <c r="HNE685" s="613"/>
      <c r="HNF685" s="613"/>
      <c r="HNG685" s="613"/>
      <c r="HNH685" s="613"/>
      <c r="HNI685" s="613"/>
      <c r="HNJ685" s="613"/>
      <c r="HNK685" s="613"/>
      <c r="HNL685" s="613"/>
      <c r="HNM685" s="613"/>
      <c r="HNN685" s="613"/>
      <c r="HNO685" s="613"/>
      <c r="HNP685" s="613"/>
      <c r="HNQ685" s="613"/>
      <c r="HNR685" s="613"/>
      <c r="HNS685" s="613"/>
      <c r="HNT685" s="613"/>
      <c r="HNU685" s="613"/>
      <c r="HNV685" s="613"/>
      <c r="HNW685" s="613"/>
      <c r="HNX685" s="613"/>
      <c r="HNY685" s="613"/>
      <c r="HNZ685" s="613"/>
      <c r="HOA685" s="613"/>
      <c r="HOB685" s="613"/>
      <c r="HOC685" s="613"/>
      <c r="HOD685" s="613"/>
      <c r="HOE685" s="613"/>
      <c r="HOF685" s="613"/>
      <c r="HOG685" s="613"/>
      <c r="HOH685" s="613"/>
      <c r="HOI685" s="613"/>
      <c r="HOJ685" s="613"/>
      <c r="HOK685" s="613"/>
      <c r="HOL685" s="613"/>
      <c r="HOM685" s="613"/>
      <c r="HON685" s="613"/>
      <c r="HOO685" s="613"/>
      <c r="HOP685" s="613"/>
      <c r="HOQ685" s="613"/>
      <c r="HOR685" s="613"/>
      <c r="HOS685" s="613"/>
      <c r="HOT685" s="613"/>
      <c r="HOU685" s="613"/>
      <c r="HOV685" s="613"/>
      <c r="HOW685" s="613"/>
      <c r="HOX685" s="613"/>
      <c r="HOY685" s="613"/>
      <c r="HOZ685" s="613"/>
      <c r="HPA685" s="613"/>
      <c r="HPB685" s="613"/>
      <c r="HPC685" s="613"/>
      <c r="HPD685" s="613"/>
      <c r="HPE685" s="613"/>
      <c r="HPF685" s="613"/>
      <c r="HPG685" s="613"/>
      <c r="HPH685" s="613"/>
      <c r="HPI685" s="613"/>
      <c r="HPJ685" s="613"/>
      <c r="HPK685" s="613"/>
      <c r="HPL685" s="613"/>
      <c r="HPM685" s="613"/>
      <c r="HPN685" s="613"/>
      <c r="HPO685" s="613"/>
      <c r="HPP685" s="613"/>
      <c r="HPQ685" s="613"/>
      <c r="HPR685" s="613"/>
      <c r="HPS685" s="613"/>
      <c r="HPT685" s="613"/>
      <c r="HPU685" s="613"/>
      <c r="HPV685" s="613"/>
      <c r="HPW685" s="613"/>
      <c r="HPX685" s="613"/>
      <c r="HPY685" s="613"/>
      <c r="HPZ685" s="613"/>
      <c r="HQA685" s="613"/>
      <c r="HQB685" s="613"/>
      <c r="HQC685" s="613"/>
      <c r="HQD685" s="613"/>
      <c r="HQE685" s="613"/>
      <c r="HQF685" s="613"/>
      <c r="HQG685" s="613"/>
      <c r="HQH685" s="613"/>
      <c r="HQI685" s="613"/>
      <c r="HQJ685" s="613"/>
      <c r="HQK685" s="613"/>
      <c r="HQL685" s="613"/>
      <c r="HQM685" s="613"/>
      <c r="HQN685" s="613"/>
      <c r="HQO685" s="613"/>
      <c r="HQP685" s="613"/>
      <c r="HQQ685" s="613"/>
      <c r="HQR685" s="613"/>
      <c r="HQS685" s="613"/>
      <c r="HQT685" s="613"/>
      <c r="HQU685" s="613"/>
      <c r="HQV685" s="613"/>
      <c r="HQW685" s="613"/>
      <c r="HQX685" s="613"/>
      <c r="HQY685" s="613"/>
      <c r="HQZ685" s="613"/>
      <c r="HRA685" s="613"/>
      <c r="HRB685" s="613"/>
      <c r="HRC685" s="613"/>
      <c r="HRD685" s="613"/>
      <c r="HRE685" s="613"/>
      <c r="HRF685" s="613"/>
      <c r="HRG685" s="613"/>
      <c r="HRH685" s="613"/>
      <c r="HRI685" s="613"/>
      <c r="HRJ685" s="613"/>
      <c r="HRK685" s="613"/>
      <c r="HRL685" s="613"/>
      <c r="HRM685" s="613"/>
      <c r="HRN685" s="613"/>
      <c r="HRO685" s="613"/>
      <c r="HRP685" s="613"/>
      <c r="HRQ685" s="613"/>
      <c r="HRR685" s="613"/>
      <c r="HRS685" s="613"/>
      <c r="HRT685" s="613"/>
      <c r="HRU685" s="613"/>
      <c r="HRV685" s="613"/>
      <c r="HRW685" s="613"/>
      <c r="HRX685" s="613"/>
      <c r="HRY685" s="613"/>
      <c r="HRZ685" s="613"/>
      <c r="HSA685" s="613"/>
      <c r="HSB685" s="613"/>
      <c r="HSC685" s="613"/>
      <c r="HSD685" s="613"/>
      <c r="HSE685" s="613"/>
      <c r="HSF685" s="613"/>
      <c r="HSG685" s="613"/>
      <c r="HSH685" s="613"/>
      <c r="HSI685" s="613"/>
      <c r="HSJ685" s="613"/>
      <c r="HSK685" s="613"/>
      <c r="HSL685" s="613"/>
      <c r="HSM685" s="613"/>
      <c r="HSN685" s="613"/>
      <c r="HSO685" s="613"/>
      <c r="HSP685" s="613"/>
      <c r="HSQ685" s="613"/>
      <c r="HSR685" s="613"/>
      <c r="HSS685" s="613"/>
      <c r="HST685" s="613"/>
      <c r="HSU685" s="613"/>
      <c r="HSV685" s="613"/>
      <c r="HSW685" s="613"/>
      <c r="HSX685" s="613"/>
      <c r="HSY685" s="613"/>
      <c r="HSZ685" s="613"/>
      <c r="HTA685" s="613"/>
      <c r="HTB685" s="613"/>
      <c r="HTC685" s="613"/>
      <c r="HTD685" s="613"/>
      <c r="HTE685" s="613"/>
      <c r="HTF685" s="613"/>
      <c r="HTG685" s="613"/>
      <c r="HTH685" s="613"/>
      <c r="HTI685" s="613"/>
      <c r="HTJ685" s="613"/>
      <c r="HTK685" s="613"/>
      <c r="HTL685" s="613"/>
      <c r="HTM685" s="613"/>
      <c r="HTN685" s="613"/>
      <c r="HTO685" s="613"/>
      <c r="HTP685" s="613"/>
      <c r="HTQ685" s="613"/>
      <c r="HTR685" s="613"/>
      <c r="HTS685" s="613"/>
      <c r="HTT685" s="613"/>
      <c r="HTU685" s="613"/>
      <c r="HTV685" s="613"/>
      <c r="HTW685" s="613"/>
      <c r="HTX685" s="613"/>
      <c r="HTY685" s="613"/>
      <c r="HTZ685" s="613"/>
      <c r="HUA685" s="613"/>
      <c r="HUB685" s="613"/>
      <c r="HUC685" s="613"/>
      <c r="HUD685" s="613"/>
      <c r="HUE685" s="613"/>
      <c r="HUF685" s="613"/>
      <c r="HUG685" s="613"/>
      <c r="HUH685" s="613"/>
      <c r="HUI685" s="613"/>
      <c r="HUJ685" s="613"/>
      <c r="HUK685" s="613"/>
      <c r="HUL685" s="613"/>
      <c r="HUM685" s="613"/>
      <c r="HUN685" s="613"/>
      <c r="HUO685" s="613"/>
      <c r="HUP685" s="613"/>
      <c r="HUQ685" s="613"/>
      <c r="HUR685" s="613"/>
      <c r="HUS685" s="613"/>
      <c r="HUT685" s="613"/>
      <c r="HUU685" s="613"/>
      <c r="HUV685" s="613"/>
      <c r="HUW685" s="613"/>
      <c r="HUX685" s="613"/>
      <c r="HUY685" s="613"/>
      <c r="HUZ685" s="613"/>
      <c r="HVA685" s="613"/>
      <c r="HVB685" s="613"/>
      <c r="HVC685" s="613"/>
      <c r="HVD685" s="613"/>
      <c r="HVE685" s="613"/>
      <c r="HVF685" s="613"/>
      <c r="HVG685" s="613"/>
      <c r="HVH685" s="613"/>
      <c r="HVI685" s="613"/>
      <c r="HVJ685" s="613"/>
      <c r="HVK685" s="613"/>
      <c r="HVL685" s="613"/>
      <c r="HVM685" s="613"/>
      <c r="HVN685" s="613"/>
      <c r="HVO685" s="613"/>
      <c r="HVP685" s="613"/>
      <c r="HVQ685" s="613"/>
      <c r="HVR685" s="613"/>
      <c r="HVS685" s="613"/>
      <c r="HVT685" s="613"/>
      <c r="HVU685" s="613"/>
      <c r="HVV685" s="613"/>
      <c r="HVW685" s="613"/>
      <c r="HVX685" s="613"/>
      <c r="HVY685" s="613"/>
      <c r="HVZ685" s="613"/>
      <c r="HWA685" s="613"/>
      <c r="HWB685" s="613"/>
      <c r="HWC685" s="613"/>
      <c r="HWD685" s="613"/>
      <c r="HWE685" s="613"/>
      <c r="HWF685" s="613"/>
      <c r="HWG685" s="613"/>
      <c r="HWH685" s="613"/>
      <c r="HWI685" s="613"/>
      <c r="HWJ685" s="613"/>
      <c r="HWK685" s="613"/>
      <c r="HWL685" s="613"/>
      <c r="HWM685" s="613"/>
      <c r="HWN685" s="613"/>
      <c r="HWO685" s="613"/>
      <c r="HWP685" s="613"/>
      <c r="HWQ685" s="613"/>
      <c r="HWR685" s="613"/>
      <c r="HWS685" s="613"/>
      <c r="HWT685" s="613"/>
      <c r="HWU685" s="613"/>
      <c r="HWV685" s="613"/>
      <c r="HWW685" s="613"/>
      <c r="HWX685" s="613"/>
      <c r="HWY685" s="613"/>
      <c r="HWZ685" s="613"/>
      <c r="HXA685" s="613"/>
      <c r="HXB685" s="613"/>
      <c r="HXC685" s="613"/>
      <c r="HXD685" s="613"/>
      <c r="HXE685" s="613"/>
      <c r="HXF685" s="613"/>
      <c r="HXG685" s="613"/>
      <c r="HXH685" s="613"/>
      <c r="HXI685" s="613"/>
      <c r="HXJ685" s="613"/>
      <c r="HXK685" s="613"/>
      <c r="HXL685" s="613"/>
      <c r="HXM685" s="613"/>
      <c r="HXN685" s="613"/>
      <c r="HXO685" s="613"/>
      <c r="HXP685" s="613"/>
      <c r="HXQ685" s="613"/>
      <c r="HXR685" s="613"/>
      <c r="HXS685" s="613"/>
      <c r="HXT685" s="613"/>
      <c r="HXU685" s="613"/>
      <c r="HXV685" s="613"/>
      <c r="HXW685" s="613"/>
      <c r="HXX685" s="613"/>
      <c r="HXY685" s="613"/>
      <c r="HXZ685" s="613"/>
      <c r="HYA685" s="613"/>
      <c r="HYB685" s="613"/>
      <c r="HYC685" s="613"/>
      <c r="HYD685" s="613"/>
      <c r="HYE685" s="613"/>
      <c r="HYF685" s="613"/>
      <c r="HYG685" s="613"/>
      <c r="HYH685" s="613"/>
      <c r="HYI685" s="613"/>
      <c r="HYJ685" s="613"/>
      <c r="HYK685" s="613"/>
      <c r="HYL685" s="613"/>
      <c r="HYM685" s="613"/>
      <c r="HYN685" s="613"/>
      <c r="HYO685" s="613"/>
      <c r="HYP685" s="613"/>
      <c r="HYQ685" s="613"/>
      <c r="HYR685" s="613"/>
      <c r="HYS685" s="613"/>
      <c r="HYT685" s="613"/>
      <c r="HYU685" s="613"/>
      <c r="HYV685" s="613"/>
      <c r="HYW685" s="613"/>
      <c r="HYX685" s="613"/>
      <c r="HYY685" s="613"/>
      <c r="HYZ685" s="613"/>
      <c r="HZA685" s="613"/>
      <c r="HZB685" s="613"/>
      <c r="HZC685" s="613"/>
      <c r="HZD685" s="613"/>
      <c r="HZE685" s="613"/>
      <c r="HZF685" s="613"/>
      <c r="HZG685" s="613"/>
      <c r="HZH685" s="613"/>
      <c r="HZI685" s="613"/>
      <c r="HZJ685" s="613"/>
      <c r="HZK685" s="613"/>
      <c r="HZL685" s="613"/>
      <c r="HZM685" s="613"/>
      <c r="HZN685" s="613"/>
      <c r="HZO685" s="613"/>
      <c r="HZP685" s="613"/>
      <c r="HZQ685" s="613"/>
      <c r="HZR685" s="613"/>
      <c r="HZS685" s="613"/>
      <c r="HZT685" s="613"/>
      <c r="HZU685" s="613"/>
      <c r="HZV685" s="613"/>
      <c r="HZW685" s="613"/>
      <c r="HZX685" s="613"/>
      <c r="HZY685" s="613"/>
      <c r="HZZ685" s="613"/>
      <c r="IAA685" s="613"/>
      <c r="IAB685" s="613"/>
      <c r="IAC685" s="613"/>
      <c r="IAD685" s="613"/>
      <c r="IAE685" s="613"/>
      <c r="IAF685" s="613"/>
      <c r="IAG685" s="613"/>
      <c r="IAH685" s="613"/>
      <c r="IAI685" s="613"/>
      <c r="IAJ685" s="613"/>
      <c r="IAK685" s="613"/>
      <c r="IAL685" s="613"/>
      <c r="IAM685" s="613"/>
      <c r="IAN685" s="613"/>
      <c r="IAO685" s="613"/>
      <c r="IAP685" s="613"/>
      <c r="IAQ685" s="613"/>
      <c r="IAR685" s="613"/>
      <c r="IAS685" s="613"/>
      <c r="IAT685" s="613"/>
      <c r="IAU685" s="613"/>
      <c r="IAV685" s="613"/>
      <c r="IAW685" s="613"/>
      <c r="IAX685" s="613"/>
      <c r="IAY685" s="613"/>
      <c r="IAZ685" s="613"/>
      <c r="IBA685" s="613"/>
      <c r="IBB685" s="613"/>
      <c r="IBC685" s="613"/>
      <c r="IBD685" s="613"/>
      <c r="IBE685" s="613"/>
      <c r="IBF685" s="613"/>
      <c r="IBG685" s="613"/>
      <c r="IBH685" s="613"/>
      <c r="IBI685" s="613"/>
      <c r="IBJ685" s="613"/>
      <c r="IBK685" s="613"/>
      <c r="IBL685" s="613"/>
      <c r="IBM685" s="613"/>
      <c r="IBN685" s="613"/>
      <c r="IBO685" s="613"/>
      <c r="IBP685" s="613"/>
      <c r="IBQ685" s="613"/>
      <c r="IBR685" s="613"/>
      <c r="IBS685" s="613"/>
      <c r="IBT685" s="613"/>
      <c r="IBU685" s="613"/>
      <c r="IBV685" s="613"/>
      <c r="IBW685" s="613"/>
      <c r="IBX685" s="613"/>
      <c r="IBY685" s="613"/>
      <c r="IBZ685" s="613"/>
      <c r="ICA685" s="613"/>
      <c r="ICB685" s="613"/>
      <c r="ICC685" s="613"/>
      <c r="ICD685" s="613"/>
      <c r="ICE685" s="613"/>
      <c r="ICF685" s="613"/>
      <c r="ICG685" s="613"/>
      <c r="ICH685" s="613"/>
      <c r="ICI685" s="613"/>
      <c r="ICJ685" s="613"/>
      <c r="ICK685" s="613"/>
      <c r="ICL685" s="613"/>
      <c r="ICM685" s="613"/>
      <c r="ICN685" s="613"/>
      <c r="ICO685" s="613"/>
      <c r="ICP685" s="613"/>
      <c r="ICQ685" s="613"/>
      <c r="ICR685" s="613"/>
      <c r="ICS685" s="613"/>
      <c r="ICT685" s="613"/>
      <c r="ICU685" s="613"/>
      <c r="ICV685" s="613"/>
      <c r="ICW685" s="613"/>
      <c r="ICX685" s="613"/>
      <c r="ICY685" s="613"/>
      <c r="ICZ685" s="613"/>
      <c r="IDA685" s="613"/>
      <c r="IDB685" s="613"/>
      <c r="IDC685" s="613"/>
      <c r="IDD685" s="613"/>
      <c r="IDE685" s="613"/>
      <c r="IDF685" s="613"/>
      <c r="IDG685" s="613"/>
      <c r="IDH685" s="613"/>
      <c r="IDI685" s="613"/>
      <c r="IDJ685" s="613"/>
      <c r="IDK685" s="613"/>
      <c r="IDL685" s="613"/>
      <c r="IDM685" s="613"/>
      <c r="IDN685" s="613"/>
      <c r="IDO685" s="613"/>
      <c r="IDP685" s="613"/>
      <c r="IDQ685" s="613"/>
      <c r="IDR685" s="613"/>
      <c r="IDS685" s="613"/>
      <c r="IDT685" s="613"/>
      <c r="IDU685" s="613"/>
      <c r="IDV685" s="613"/>
      <c r="IDW685" s="613"/>
      <c r="IDX685" s="613"/>
      <c r="IDY685" s="613"/>
      <c r="IDZ685" s="613"/>
      <c r="IEA685" s="613"/>
      <c r="IEB685" s="613"/>
      <c r="IEC685" s="613"/>
      <c r="IED685" s="613"/>
      <c r="IEE685" s="613"/>
      <c r="IEF685" s="613"/>
      <c r="IEG685" s="613"/>
      <c r="IEH685" s="613"/>
      <c r="IEI685" s="613"/>
      <c r="IEJ685" s="613"/>
      <c r="IEK685" s="613"/>
      <c r="IEL685" s="613"/>
      <c r="IEM685" s="613"/>
      <c r="IEN685" s="613"/>
      <c r="IEO685" s="613"/>
      <c r="IEP685" s="613"/>
      <c r="IEQ685" s="613"/>
      <c r="IER685" s="613"/>
      <c r="IES685" s="613"/>
      <c r="IET685" s="613"/>
      <c r="IEU685" s="613"/>
      <c r="IEV685" s="613"/>
      <c r="IEW685" s="613"/>
      <c r="IEX685" s="613"/>
      <c r="IEY685" s="613"/>
      <c r="IEZ685" s="613"/>
      <c r="IFA685" s="613"/>
      <c r="IFB685" s="613"/>
      <c r="IFC685" s="613"/>
      <c r="IFD685" s="613"/>
      <c r="IFE685" s="613"/>
      <c r="IFF685" s="613"/>
      <c r="IFG685" s="613"/>
      <c r="IFH685" s="613"/>
      <c r="IFI685" s="613"/>
      <c r="IFJ685" s="613"/>
      <c r="IFK685" s="613"/>
      <c r="IFL685" s="613"/>
      <c r="IFM685" s="613"/>
      <c r="IFN685" s="613"/>
      <c r="IFO685" s="613"/>
      <c r="IFP685" s="613"/>
      <c r="IFQ685" s="613"/>
      <c r="IFR685" s="613"/>
      <c r="IFS685" s="613"/>
      <c r="IFT685" s="613"/>
      <c r="IFU685" s="613"/>
      <c r="IFV685" s="613"/>
      <c r="IFW685" s="613"/>
      <c r="IFX685" s="613"/>
      <c r="IFY685" s="613"/>
      <c r="IFZ685" s="613"/>
      <c r="IGA685" s="613"/>
      <c r="IGB685" s="613"/>
      <c r="IGC685" s="613"/>
      <c r="IGD685" s="613"/>
      <c r="IGE685" s="613"/>
      <c r="IGF685" s="613"/>
      <c r="IGG685" s="613"/>
      <c r="IGH685" s="613"/>
      <c r="IGI685" s="613"/>
      <c r="IGJ685" s="613"/>
      <c r="IGK685" s="613"/>
      <c r="IGL685" s="613"/>
      <c r="IGM685" s="613"/>
      <c r="IGN685" s="613"/>
      <c r="IGO685" s="613"/>
      <c r="IGP685" s="613"/>
      <c r="IGQ685" s="613"/>
      <c r="IGR685" s="613"/>
      <c r="IGS685" s="613"/>
      <c r="IGT685" s="613"/>
      <c r="IGU685" s="613"/>
      <c r="IGV685" s="613"/>
      <c r="IGW685" s="613"/>
      <c r="IGX685" s="613"/>
      <c r="IGY685" s="613"/>
      <c r="IGZ685" s="613"/>
      <c r="IHA685" s="613"/>
      <c r="IHB685" s="613"/>
      <c r="IHC685" s="613"/>
      <c r="IHD685" s="613"/>
      <c r="IHE685" s="613"/>
      <c r="IHF685" s="613"/>
      <c r="IHG685" s="613"/>
      <c r="IHH685" s="613"/>
      <c r="IHI685" s="613"/>
      <c r="IHJ685" s="613"/>
      <c r="IHK685" s="613"/>
      <c r="IHL685" s="613"/>
      <c r="IHM685" s="613"/>
      <c r="IHN685" s="613"/>
      <c r="IHO685" s="613"/>
      <c r="IHP685" s="613"/>
      <c r="IHQ685" s="613"/>
      <c r="IHR685" s="613"/>
      <c r="IHS685" s="613"/>
      <c r="IHT685" s="613"/>
      <c r="IHU685" s="613"/>
      <c r="IHV685" s="613"/>
      <c r="IHW685" s="613"/>
      <c r="IHX685" s="613"/>
      <c r="IHY685" s="613"/>
      <c r="IHZ685" s="613"/>
      <c r="IIA685" s="613"/>
      <c r="IIB685" s="613"/>
      <c r="IIC685" s="613"/>
      <c r="IID685" s="613"/>
      <c r="IIE685" s="613"/>
      <c r="IIF685" s="613"/>
      <c r="IIG685" s="613"/>
      <c r="IIH685" s="613"/>
      <c r="III685" s="613"/>
      <c r="IIJ685" s="613"/>
      <c r="IIK685" s="613"/>
      <c r="IIL685" s="613"/>
      <c r="IIM685" s="613"/>
      <c r="IIN685" s="613"/>
      <c r="IIO685" s="613"/>
      <c r="IIP685" s="613"/>
      <c r="IIQ685" s="613"/>
      <c r="IIR685" s="613"/>
      <c r="IIS685" s="613"/>
      <c r="IIT685" s="613"/>
      <c r="IIU685" s="613"/>
      <c r="IIV685" s="613"/>
      <c r="IIW685" s="613"/>
      <c r="IIX685" s="613"/>
      <c r="IIY685" s="613"/>
      <c r="IIZ685" s="613"/>
      <c r="IJA685" s="613"/>
      <c r="IJB685" s="613"/>
      <c r="IJC685" s="613"/>
      <c r="IJD685" s="613"/>
      <c r="IJE685" s="613"/>
      <c r="IJF685" s="613"/>
      <c r="IJG685" s="613"/>
      <c r="IJH685" s="613"/>
      <c r="IJI685" s="613"/>
      <c r="IJJ685" s="613"/>
      <c r="IJK685" s="613"/>
      <c r="IJL685" s="613"/>
      <c r="IJM685" s="613"/>
      <c r="IJN685" s="613"/>
      <c r="IJO685" s="613"/>
      <c r="IJP685" s="613"/>
      <c r="IJQ685" s="613"/>
      <c r="IJR685" s="613"/>
      <c r="IJS685" s="613"/>
      <c r="IJT685" s="613"/>
      <c r="IJU685" s="613"/>
      <c r="IJV685" s="613"/>
      <c r="IJW685" s="613"/>
      <c r="IJX685" s="613"/>
      <c r="IJY685" s="613"/>
      <c r="IJZ685" s="613"/>
      <c r="IKA685" s="613"/>
      <c r="IKB685" s="613"/>
      <c r="IKC685" s="613"/>
      <c r="IKD685" s="613"/>
      <c r="IKE685" s="613"/>
      <c r="IKF685" s="613"/>
      <c r="IKG685" s="613"/>
      <c r="IKH685" s="613"/>
      <c r="IKI685" s="613"/>
      <c r="IKJ685" s="613"/>
      <c r="IKK685" s="613"/>
      <c r="IKL685" s="613"/>
      <c r="IKM685" s="613"/>
      <c r="IKN685" s="613"/>
      <c r="IKO685" s="613"/>
      <c r="IKP685" s="613"/>
      <c r="IKQ685" s="613"/>
      <c r="IKR685" s="613"/>
      <c r="IKS685" s="613"/>
      <c r="IKT685" s="613"/>
      <c r="IKU685" s="613"/>
      <c r="IKV685" s="613"/>
      <c r="IKW685" s="613"/>
      <c r="IKX685" s="613"/>
      <c r="IKY685" s="613"/>
      <c r="IKZ685" s="613"/>
      <c r="ILA685" s="613"/>
      <c r="ILB685" s="613"/>
      <c r="ILC685" s="613"/>
      <c r="ILD685" s="613"/>
      <c r="ILE685" s="613"/>
      <c r="ILF685" s="613"/>
      <c r="ILG685" s="613"/>
      <c r="ILH685" s="613"/>
      <c r="ILI685" s="613"/>
      <c r="ILJ685" s="613"/>
      <c r="ILK685" s="613"/>
      <c r="ILL685" s="613"/>
      <c r="ILM685" s="613"/>
      <c r="ILN685" s="613"/>
      <c r="ILO685" s="613"/>
      <c r="ILP685" s="613"/>
      <c r="ILQ685" s="613"/>
      <c r="ILR685" s="613"/>
      <c r="ILS685" s="613"/>
      <c r="ILT685" s="613"/>
      <c r="ILU685" s="613"/>
      <c r="ILV685" s="613"/>
      <c r="ILW685" s="613"/>
      <c r="ILX685" s="613"/>
      <c r="ILY685" s="613"/>
      <c r="ILZ685" s="613"/>
      <c r="IMA685" s="613"/>
      <c r="IMB685" s="613"/>
      <c r="IMC685" s="613"/>
      <c r="IMD685" s="613"/>
      <c r="IME685" s="613"/>
      <c r="IMF685" s="613"/>
      <c r="IMG685" s="613"/>
      <c r="IMH685" s="613"/>
      <c r="IMI685" s="613"/>
      <c r="IMJ685" s="613"/>
      <c r="IMK685" s="613"/>
      <c r="IML685" s="613"/>
      <c r="IMM685" s="613"/>
      <c r="IMN685" s="613"/>
      <c r="IMO685" s="613"/>
      <c r="IMP685" s="613"/>
      <c r="IMQ685" s="613"/>
      <c r="IMR685" s="613"/>
      <c r="IMS685" s="613"/>
      <c r="IMT685" s="613"/>
      <c r="IMU685" s="613"/>
      <c r="IMV685" s="613"/>
      <c r="IMW685" s="613"/>
      <c r="IMX685" s="613"/>
      <c r="IMY685" s="613"/>
      <c r="IMZ685" s="613"/>
      <c r="INA685" s="613"/>
      <c r="INB685" s="613"/>
      <c r="INC685" s="613"/>
      <c r="IND685" s="613"/>
      <c r="INE685" s="613"/>
      <c r="INF685" s="613"/>
      <c r="ING685" s="613"/>
      <c r="INH685" s="613"/>
      <c r="INI685" s="613"/>
      <c r="INJ685" s="613"/>
      <c r="INK685" s="613"/>
      <c r="INL685" s="613"/>
      <c r="INM685" s="613"/>
      <c r="INN685" s="613"/>
      <c r="INO685" s="613"/>
      <c r="INP685" s="613"/>
      <c r="INQ685" s="613"/>
      <c r="INR685" s="613"/>
      <c r="INS685" s="613"/>
      <c r="INT685" s="613"/>
      <c r="INU685" s="613"/>
      <c r="INV685" s="613"/>
      <c r="INW685" s="613"/>
      <c r="INX685" s="613"/>
      <c r="INY685" s="613"/>
      <c r="INZ685" s="613"/>
      <c r="IOA685" s="613"/>
      <c r="IOB685" s="613"/>
      <c r="IOC685" s="613"/>
      <c r="IOD685" s="613"/>
      <c r="IOE685" s="613"/>
      <c r="IOF685" s="613"/>
      <c r="IOG685" s="613"/>
      <c r="IOH685" s="613"/>
      <c r="IOI685" s="613"/>
      <c r="IOJ685" s="613"/>
      <c r="IOK685" s="613"/>
      <c r="IOL685" s="613"/>
      <c r="IOM685" s="613"/>
      <c r="ION685" s="613"/>
      <c r="IOO685" s="613"/>
      <c r="IOP685" s="613"/>
      <c r="IOQ685" s="613"/>
      <c r="IOR685" s="613"/>
      <c r="IOS685" s="613"/>
      <c r="IOT685" s="613"/>
      <c r="IOU685" s="613"/>
      <c r="IOV685" s="613"/>
      <c r="IOW685" s="613"/>
      <c r="IOX685" s="613"/>
      <c r="IOY685" s="613"/>
      <c r="IOZ685" s="613"/>
      <c r="IPA685" s="613"/>
      <c r="IPB685" s="613"/>
      <c r="IPC685" s="613"/>
      <c r="IPD685" s="613"/>
      <c r="IPE685" s="613"/>
      <c r="IPF685" s="613"/>
      <c r="IPG685" s="613"/>
      <c r="IPH685" s="613"/>
      <c r="IPI685" s="613"/>
      <c r="IPJ685" s="613"/>
      <c r="IPK685" s="613"/>
      <c r="IPL685" s="613"/>
      <c r="IPM685" s="613"/>
      <c r="IPN685" s="613"/>
      <c r="IPO685" s="613"/>
      <c r="IPP685" s="613"/>
      <c r="IPQ685" s="613"/>
      <c r="IPR685" s="613"/>
      <c r="IPS685" s="613"/>
      <c r="IPT685" s="613"/>
      <c r="IPU685" s="613"/>
      <c r="IPV685" s="613"/>
      <c r="IPW685" s="613"/>
      <c r="IPX685" s="613"/>
      <c r="IPY685" s="613"/>
      <c r="IPZ685" s="613"/>
      <c r="IQA685" s="613"/>
      <c r="IQB685" s="613"/>
      <c r="IQC685" s="613"/>
      <c r="IQD685" s="613"/>
      <c r="IQE685" s="613"/>
      <c r="IQF685" s="613"/>
      <c r="IQG685" s="613"/>
      <c r="IQH685" s="613"/>
      <c r="IQI685" s="613"/>
      <c r="IQJ685" s="613"/>
      <c r="IQK685" s="613"/>
      <c r="IQL685" s="613"/>
      <c r="IQM685" s="613"/>
      <c r="IQN685" s="613"/>
      <c r="IQO685" s="613"/>
      <c r="IQP685" s="613"/>
      <c r="IQQ685" s="613"/>
      <c r="IQR685" s="613"/>
      <c r="IQS685" s="613"/>
      <c r="IQT685" s="613"/>
      <c r="IQU685" s="613"/>
      <c r="IQV685" s="613"/>
      <c r="IQW685" s="613"/>
      <c r="IQX685" s="613"/>
      <c r="IQY685" s="613"/>
      <c r="IQZ685" s="613"/>
      <c r="IRA685" s="613"/>
      <c r="IRB685" s="613"/>
      <c r="IRC685" s="613"/>
      <c r="IRD685" s="613"/>
      <c r="IRE685" s="613"/>
      <c r="IRF685" s="613"/>
      <c r="IRG685" s="613"/>
      <c r="IRH685" s="613"/>
      <c r="IRI685" s="613"/>
      <c r="IRJ685" s="613"/>
      <c r="IRK685" s="613"/>
      <c r="IRL685" s="613"/>
      <c r="IRM685" s="613"/>
      <c r="IRN685" s="613"/>
      <c r="IRO685" s="613"/>
      <c r="IRP685" s="613"/>
      <c r="IRQ685" s="613"/>
      <c r="IRR685" s="613"/>
      <c r="IRS685" s="613"/>
      <c r="IRT685" s="613"/>
      <c r="IRU685" s="613"/>
      <c r="IRV685" s="613"/>
      <c r="IRW685" s="613"/>
      <c r="IRX685" s="613"/>
      <c r="IRY685" s="613"/>
      <c r="IRZ685" s="613"/>
      <c r="ISA685" s="613"/>
      <c r="ISB685" s="613"/>
      <c r="ISC685" s="613"/>
      <c r="ISD685" s="613"/>
      <c r="ISE685" s="613"/>
      <c r="ISF685" s="613"/>
      <c r="ISG685" s="613"/>
      <c r="ISH685" s="613"/>
      <c r="ISI685" s="613"/>
      <c r="ISJ685" s="613"/>
      <c r="ISK685" s="613"/>
      <c r="ISL685" s="613"/>
      <c r="ISM685" s="613"/>
      <c r="ISN685" s="613"/>
      <c r="ISO685" s="613"/>
      <c r="ISP685" s="613"/>
      <c r="ISQ685" s="613"/>
      <c r="ISR685" s="613"/>
      <c r="ISS685" s="613"/>
      <c r="IST685" s="613"/>
      <c r="ISU685" s="613"/>
      <c r="ISV685" s="613"/>
      <c r="ISW685" s="613"/>
      <c r="ISX685" s="613"/>
      <c r="ISY685" s="613"/>
      <c r="ISZ685" s="613"/>
      <c r="ITA685" s="613"/>
      <c r="ITB685" s="613"/>
      <c r="ITC685" s="613"/>
      <c r="ITD685" s="613"/>
      <c r="ITE685" s="613"/>
      <c r="ITF685" s="613"/>
      <c r="ITG685" s="613"/>
      <c r="ITH685" s="613"/>
      <c r="ITI685" s="613"/>
      <c r="ITJ685" s="613"/>
      <c r="ITK685" s="613"/>
      <c r="ITL685" s="613"/>
      <c r="ITM685" s="613"/>
      <c r="ITN685" s="613"/>
      <c r="ITO685" s="613"/>
      <c r="ITP685" s="613"/>
      <c r="ITQ685" s="613"/>
      <c r="ITR685" s="613"/>
      <c r="ITS685" s="613"/>
      <c r="ITT685" s="613"/>
      <c r="ITU685" s="613"/>
      <c r="ITV685" s="613"/>
      <c r="ITW685" s="613"/>
      <c r="ITX685" s="613"/>
      <c r="ITY685" s="613"/>
      <c r="ITZ685" s="613"/>
      <c r="IUA685" s="613"/>
      <c r="IUB685" s="613"/>
      <c r="IUC685" s="613"/>
      <c r="IUD685" s="613"/>
      <c r="IUE685" s="613"/>
      <c r="IUF685" s="613"/>
      <c r="IUG685" s="613"/>
      <c r="IUH685" s="613"/>
      <c r="IUI685" s="613"/>
      <c r="IUJ685" s="613"/>
      <c r="IUK685" s="613"/>
      <c r="IUL685" s="613"/>
      <c r="IUM685" s="613"/>
      <c r="IUN685" s="613"/>
      <c r="IUO685" s="613"/>
      <c r="IUP685" s="613"/>
      <c r="IUQ685" s="613"/>
      <c r="IUR685" s="613"/>
      <c r="IUS685" s="613"/>
      <c r="IUT685" s="613"/>
      <c r="IUU685" s="613"/>
      <c r="IUV685" s="613"/>
      <c r="IUW685" s="613"/>
      <c r="IUX685" s="613"/>
      <c r="IUY685" s="613"/>
      <c r="IUZ685" s="613"/>
      <c r="IVA685" s="613"/>
      <c r="IVB685" s="613"/>
      <c r="IVC685" s="613"/>
      <c r="IVD685" s="613"/>
      <c r="IVE685" s="613"/>
      <c r="IVF685" s="613"/>
      <c r="IVG685" s="613"/>
      <c r="IVH685" s="613"/>
      <c r="IVI685" s="613"/>
      <c r="IVJ685" s="613"/>
      <c r="IVK685" s="613"/>
      <c r="IVL685" s="613"/>
      <c r="IVM685" s="613"/>
      <c r="IVN685" s="613"/>
      <c r="IVO685" s="613"/>
      <c r="IVP685" s="613"/>
      <c r="IVQ685" s="613"/>
      <c r="IVR685" s="613"/>
      <c r="IVS685" s="613"/>
      <c r="IVT685" s="613"/>
      <c r="IVU685" s="613"/>
      <c r="IVV685" s="613"/>
      <c r="IVW685" s="613"/>
      <c r="IVX685" s="613"/>
      <c r="IVY685" s="613"/>
      <c r="IVZ685" s="613"/>
      <c r="IWA685" s="613"/>
      <c r="IWB685" s="613"/>
      <c r="IWC685" s="613"/>
      <c r="IWD685" s="613"/>
      <c r="IWE685" s="613"/>
      <c r="IWF685" s="613"/>
      <c r="IWG685" s="613"/>
      <c r="IWH685" s="613"/>
      <c r="IWI685" s="613"/>
      <c r="IWJ685" s="613"/>
      <c r="IWK685" s="613"/>
      <c r="IWL685" s="613"/>
      <c r="IWM685" s="613"/>
      <c r="IWN685" s="613"/>
      <c r="IWO685" s="613"/>
      <c r="IWP685" s="613"/>
      <c r="IWQ685" s="613"/>
      <c r="IWR685" s="613"/>
      <c r="IWS685" s="613"/>
      <c r="IWT685" s="613"/>
      <c r="IWU685" s="613"/>
      <c r="IWV685" s="613"/>
      <c r="IWW685" s="613"/>
      <c r="IWX685" s="613"/>
      <c r="IWY685" s="613"/>
      <c r="IWZ685" s="613"/>
      <c r="IXA685" s="613"/>
      <c r="IXB685" s="613"/>
      <c r="IXC685" s="613"/>
      <c r="IXD685" s="613"/>
      <c r="IXE685" s="613"/>
      <c r="IXF685" s="613"/>
      <c r="IXG685" s="613"/>
      <c r="IXH685" s="613"/>
      <c r="IXI685" s="613"/>
      <c r="IXJ685" s="613"/>
      <c r="IXK685" s="613"/>
      <c r="IXL685" s="613"/>
      <c r="IXM685" s="613"/>
      <c r="IXN685" s="613"/>
      <c r="IXO685" s="613"/>
      <c r="IXP685" s="613"/>
      <c r="IXQ685" s="613"/>
      <c r="IXR685" s="613"/>
      <c r="IXS685" s="613"/>
      <c r="IXT685" s="613"/>
      <c r="IXU685" s="613"/>
      <c r="IXV685" s="613"/>
      <c r="IXW685" s="613"/>
      <c r="IXX685" s="613"/>
      <c r="IXY685" s="613"/>
      <c r="IXZ685" s="613"/>
      <c r="IYA685" s="613"/>
      <c r="IYB685" s="613"/>
      <c r="IYC685" s="613"/>
      <c r="IYD685" s="613"/>
      <c r="IYE685" s="613"/>
      <c r="IYF685" s="613"/>
      <c r="IYG685" s="613"/>
      <c r="IYH685" s="613"/>
      <c r="IYI685" s="613"/>
      <c r="IYJ685" s="613"/>
      <c r="IYK685" s="613"/>
      <c r="IYL685" s="613"/>
      <c r="IYM685" s="613"/>
      <c r="IYN685" s="613"/>
      <c r="IYO685" s="613"/>
      <c r="IYP685" s="613"/>
      <c r="IYQ685" s="613"/>
      <c r="IYR685" s="613"/>
      <c r="IYS685" s="613"/>
      <c r="IYT685" s="613"/>
      <c r="IYU685" s="613"/>
      <c r="IYV685" s="613"/>
      <c r="IYW685" s="613"/>
      <c r="IYX685" s="613"/>
      <c r="IYY685" s="613"/>
      <c r="IYZ685" s="613"/>
      <c r="IZA685" s="613"/>
      <c r="IZB685" s="613"/>
      <c r="IZC685" s="613"/>
      <c r="IZD685" s="613"/>
      <c r="IZE685" s="613"/>
      <c r="IZF685" s="613"/>
      <c r="IZG685" s="613"/>
      <c r="IZH685" s="613"/>
      <c r="IZI685" s="613"/>
      <c r="IZJ685" s="613"/>
      <c r="IZK685" s="613"/>
      <c r="IZL685" s="613"/>
      <c r="IZM685" s="613"/>
      <c r="IZN685" s="613"/>
      <c r="IZO685" s="613"/>
      <c r="IZP685" s="613"/>
      <c r="IZQ685" s="613"/>
      <c r="IZR685" s="613"/>
      <c r="IZS685" s="613"/>
      <c r="IZT685" s="613"/>
      <c r="IZU685" s="613"/>
      <c r="IZV685" s="613"/>
      <c r="IZW685" s="613"/>
      <c r="IZX685" s="613"/>
      <c r="IZY685" s="613"/>
      <c r="IZZ685" s="613"/>
      <c r="JAA685" s="613"/>
      <c r="JAB685" s="613"/>
      <c r="JAC685" s="613"/>
      <c r="JAD685" s="613"/>
      <c r="JAE685" s="613"/>
      <c r="JAF685" s="613"/>
      <c r="JAG685" s="613"/>
      <c r="JAH685" s="613"/>
      <c r="JAI685" s="613"/>
      <c r="JAJ685" s="613"/>
      <c r="JAK685" s="613"/>
      <c r="JAL685" s="613"/>
      <c r="JAM685" s="613"/>
      <c r="JAN685" s="613"/>
      <c r="JAO685" s="613"/>
      <c r="JAP685" s="613"/>
      <c r="JAQ685" s="613"/>
      <c r="JAR685" s="613"/>
      <c r="JAS685" s="613"/>
      <c r="JAT685" s="613"/>
      <c r="JAU685" s="613"/>
      <c r="JAV685" s="613"/>
      <c r="JAW685" s="613"/>
      <c r="JAX685" s="613"/>
      <c r="JAY685" s="613"/>
      <c r="JAZ685" s="613"/>
      <c r="JBA685" s="613"/>
      <c r="JBB685" s="613"/>
      <c r="JBC685" s="613"/>
      <c r="JBD685" s="613"/>
      <c r="JBE685" s="613"/>
      <c r="JBF685" s="613"/>
      <c r="JBG685" s="613"/>
      <c r="JBH685" s="613"/>
      <c r="JBI685" s="613"/>
      <c r="JBJ685" s="613"/>
      <c r="JBK685" s="613"/>
      <c r="JBL685" s="613"/>
      <c r="JBM685" s="613"/>
      <c r="JBN685" s="613"/>
      <c r="JBO685" s="613"/>
      <c r="JBP685" s="613"/>
      <c r="JBQ685" s="613"/>
      <c r="JBR685" s="613"/>
      <c r="JBS685" s="613"/>
      <c r="JBT685" s="613"/>
      <c r="JBU685" s="613"/>
      <c r="JBV685" s="613"/>
      <c r="JBW685" s="613"/>
      <c r="JBX685" s="613"/>
      <c r="JBY685" s="613"/>
      <c r="JBZ685" s="613"/>
      <c r="JCA685" s="613"/>
      <c r="JCB685" s="613"/>
      <c r="JCC685" s="613"/>
      <c r="JCD685" s="613"/>
      <c r="JCE685" s="613"/>
      <c r="JCF685" s="613"/>
      <c r="JCG685" s="613"/>
      <c r="JCH685" s="613"/>
      <c r="JCI685" s="613"/>
      <c r="JCJ685" s="613"/>
      <c r="JCK685" s="613"/>
      <c r="JCL685" s="613"/>
      <c r="JCM685" s="613"/>
      <c r="JCN685" s="613"/>
      <c r="JCO685" s="613"/>
      <c r="JCP685" s="613"/>
      <c r="JCQ685" s="613"/>
      <c r="JCR685" s="613"/>
      <c r="JCS685" s="613"/>
      <c r="JCT685" s="613"/>
      <c r="JCU685" s="613"/>
      <c r="JCV685" s="613"/>
      <c r="JCW685" s="613"/>
      <c r="JCX685" s="613"/>
      <c r="JCY685" s="613"/>
      <c r="JCZ685" s="613"/>
      <c r="JDA685" s="613"/>
      <c r="JDB685" s="613"/>
      <c r="JDC685" s="613"/>
      <c r="JDD685" s="613"/>
      <c r="JDE685" s="613"/>
      <c r="JDF685" s="613"/>
      <c r="JDG685" s="613"/>
      <c r="JDH685" s="613"/>
      <c r="JDI685" s="613"/>
      <c r="JDJ685" s="613"/>
      <c r="JDK685" s="613"/>
      <c r="JDL685" s="613"/>
      <c r="JDM685" s="613"/>
      <c r="JDN685" s="613"/>
      <c r="JDO685" s="613"/>
      <c r="JDP685" s="613"/>
      <c r="JDQ685" s="613"/>
      <c r="JDR685" s="613"/>
      <c r="JDS685" s="613"/>
      <c r="JDT685" s="613"/>
      <c r="JDU685" s="613"/>
      <c r="JDV685" s="613"/>
      <c r="JDW685" s="613"/>
      <c r="JDX685" s="613"/>
      <c r="JDY685" s="613"/>
      <c r="JDZ685" s="613"/>
      <c r="JEA685" s="613"/>
      <c r="JEB685" s="613"/>
      <c r="JEC685" s="613"/>
      <c r="JED685" s="613"/>
      <c r="JEE685" s="613"/>
      <c r="JEF685" s="613"/>
      <c r="JEG685" s="613"/>
      <c r="JEH685" s="613"/>
      <c r="JEI685" s="613"/>
      <c r="JEJ685" s="613"/>
      <c r="JEK685" s="613"/>
      <c r="JEL685" s="613"/>
      <c r="JEM685" s="613"/>
      <c r="JEN685" s="613"/>
      <c r="JEO685" s="613"/>
      <c r="JEP685" s="613"/>
      <c r="JEQ685" s="613"/>
      <c r="JER685" s="613"/>
      <c r="JES685" s="613"/>
      <c r="JET685" s="613"/>
      <c r="JEU685" s="613"/>
      <c r="JEV685" s="613"/>
      <c r="JEW685" s="613"/>
      <c r="JEX685" s="613"/>
      <c r="JEY685" s="613"/>
      <c r="JEZ685" s="613"/>
      <c r="JFA685" s="613"/>
      <c r="JFB685" s="613"/>
      <c r="JFC685" s="613"/>
      <c r="JFD685" s="613"/>
      <c r="JFE685" s="613"/>
      <c r="JFF685" s="613"/>
      <c r="JFG685" s="613"/>
      <c r="JFH685" s="613"/>
      <c r="JFI685" s="613"/>
      <c r="JFJ685" s="613"/>
      <c r="JFK685" s="613"/>
      <c r="JFL685" s="613"/>
      <c r="JFM685" s="613"/>
      <c r="JFN685" s="613"/>
      <c r="JFO685" s="613"/>
      <c r="JFP685" s="613"/>
      <c r="JFQ685" s="613"/>
      <c r="JFR685" s="613"/>
      <c r="JFS685" s="613"/>
      <c r="JFT685" s="613"/>
      <c r="JFU685" s="613"/>
      <c r="JFV685" s="613"/>
      <c r="JFW685" s="613"/>
      <c r="JFX685" s="613"/>
      <c r="JFY685" s="613"/>
      <c r="JFZ685" s="613"/>
      <c r="JGA685" s="613"/>
      <c r="JGB685" s="613"/>
      <c r="JGC685" s="613"/>
      <c r="JGD685" s="613"/>
      <c r="JGE685" s="613"/>
      <c r="JGF685" s="613"/>
      <c r="JGG685" s="613"/>
      <c r="JGH685" s="613"/>
      <c r="JGI685" s="613"/>
      <c r="JGJ685" s="613"/>
      <c r="JGK685" s="613"/>
      <c r="JGL685" s="613"/>
      <c r="JGM685" s="613"/>
      <c r="JGN685" s="613"/>
      <c r="JGO685" s="613"/>
      <c r="JGP685" s="613"/>
      <c r="JGQ685" s="613"/>
      <c r="JGR685" s="613"/>
      <c r="JGS685" s="613"/>
      <c r="JGT685" s="613"/>
      <c r="JGU685" s="613"/>
      <c r="JGV685" s="613"/>
      <c r="JGW685" s="613"/>
      <c r="JGX685" s="613"/>
      <c r="JGY685" s="613"/>
      <c r="JGZ685" s="613"/>
      <c r="JHA685" s="613"/>
      <c r="JHB685" s="613"/>
      <c r="JHC685" s="613"/>
      <c r="JHD685" s="613"/>
      <c r="JHE685" s="613"/>
      <c r="JHF685" s="613"/>
      <c r="JHG685" s="613"/>
      <c r="JHH685" s="613"/>
      <c r="JHI685" s="613"/>
      <c r="JHJ685" s="613"/>
      <c r="JHK685" s="613"/>
      <c r="JHL685" s="613"/>
      <c r="JHM685" s="613"/>
      <c r="JHN685" s="613"/>
      <c r="JHO685" s="613"/>
      <c r="JHP685" s="613"/>
      <c r="JHQ685" s="613"/>
      <c r="JHR685" s="613"/>
      <c r="JHS685" s="613"/>
      <c r="JHT685" s="613"/>
      <c r="JHU685" s="613"/>
      <c r="JHV685" s="613"/>
      <c r="JHW685" s="613"/>
      <c r="JHX685" s="613"/>
      <c r="JHY685" s="613"/>
      <c r="JHZ685" s="613"/>
      <c r="JIA685" s="613"/>
      <c r="JIB685" s="613"/>
      <c r="JIC685" s="613"/>
      <c r="JID685" s="613"/>
      <c r="JIE685" s="613"/>
      <c r="JIF685" s="613"/>
      <c r="JIG685" s="613"/>
      <c r="JIH685" s="613"/>
      <c r="JII685" s="613"/>
      <c r="JIJ685" s="613"/>
      <c r="JIK685" s="613"/>
      <c r="JIL685" s="613"/>
      <c r="JIM685" s="613"/>
      <c r="JIN685" s="613"/>
      <c r="JIO685" s="613"/>
      <c r="JIP685" s="613"/>
      <c r="JIQ685" s="613"/>
      <c r="JIR685" s="613"/>
      <c r="JIS685" s="613"/>
      <c r="JIT685" s="613"/>
      <c r="JIU685" s="613"/>
      <c r="JIV685" s="613"/>
      <c r="JIW685" s="613"/>
      <c r="JIX685" s="613"/>
      <c r="JIY685" s="613"/>
      <c r="JIZ685" s="613"/>
      <c r="JJA685" s="613"/>
      <c r="JJB685" s="613"/>
      <c r="JJC685" s="613"/>
      <c r="JJD685" s="613"/>
      <c r="JJE685" s="613"/>
      <c r="JJF685" s="613"/>
      <c r="JJG685" s="613"/>
      <c r="JJH685" s="613"/>
      <c r="JJI685" s="613"/>
      <c r="JJJ685" s="613"/>
      <c r="JJK685" s="613"/>
      <c r="JJL685" s="613"/>
      <c r="JJM685" s="613"/>
      <c r="JJN685" s="613"/>
      <c r="JJO685" s="613"/>
      <c r="JJP685" s="613"/>
      <c r="JJQ685" s="613"/>
      <c r="JJR685" s="613"/>
      <c r="JJS685" s="613"/>
      <c r="JJT685" s="613"/>
      <c r="JJU685" s="613"/>
      <c r="JJV685" s="613"/>
      <c r="JJW685" s="613"/>
      <c r="JJX685" s="613"/>
      <c r="JJY685" s="613"/>
      <c r="JJZ685" s="613"/>
      <c r="JKA685" s="613"/>
      <c r="JKB685" s="613"/>
      <c r="JKC685" s="613"/>
      <c r="JKD685" s="613"/>
      <c r="JKE685" s="613"/>
      <c r="JKF685" s="613"/>
      <c r="JKG685" s="613"/>
      <c r="JKH685" s="613"/>
      <c r="JKI685" s="613"/>
      <c r="JKJ685" s="613"/>
      <c r="JKK685" s="613"/>
      <c r="JKL685" s="613"/>
      <c r="JKM685" s="613"/>
      <c r="JKN685" s="613"/>
      <c r="JKO685" s="613"/>
      <c r="JKP685" s="613"/>
      <c r="JKQ685" s="613"/>
      <c r="JKR685" s="613"/>
      <c r="JKS685" s="613"/>
      <c r="JKT685" s="613"/>
      <c r="JKU685" s="613"/>
      <c r="JKV685" s="613"/>
      <c r="JKW685" s="613"/>
      <c r="JKX685" s="613"/>
      <c r="JKY685" s="613"/>
      <c r="JKZ685" s="613"/>
      <c r="JLA685" s="613"/>
      <c r="JLB685" s="613"/>
      <c r="JLC685" s="613"/>
      <c r="JLD685" s="613"/>
      <c r="JLE685" s="613"/>
      <c r="JLF685" s="613"/>
      <c r="JLG685" s="613"/>
      <c r="JLH685" s="613"/>
      <c r="JLI685" s="613"/>
      <c r="JLJ685" s="613"/>
      <c r="JLK685" s="613"/>
      <c r="JLL685" s="613"/>
      <c r="JLM685" s="613"/>
      <c r="JLN685" s="613"/>
      <c r="JLO685" s="613"/>
      <c r="JLP685" s="613"/>
      <c r="JLQ685" s="613"/>
      <c r="JLR685" s="613"/>
      <c r="JLS685" s="613"/>
      <c r="JLT685" s="613"/>
      <c r="JLU685" s="613"/>
      <c r="JLV685" s="613"/>
      <c r="JLW685" s="613"/>
      <c r="JLX685" s="613"/>
      <c r="JLY685" s="613"/>
      <c r="JLZ685" s="613"/>
      <c r="JMA685" s="613"/>
      <c r="JMB685" s="613"/>
      <c r="JMC685" s="613"/>
      <c r="JMD685" s="613"/>
      <c r="JME685" s="613"/>
      <c r="JMF685" s="613"/>
      <c r="JMG685" s="613"/>
      <c r="JMH685" s="613"/>
      <c r="JMI685" s="613"/>
      <c r="JMJ685" s="613"/>
      <c r="JMK685" s="613"/>
      <c r="JML685" s="613"/>
      <c r="JMM685" s="613"/>
      <c r="JMN685" s="613"/>
      <c r="JMO685" s="613"/>
      <c r="JMP685" s="613"/>
      <c r="JMQ685" s="613"/>
      <c r="JMR685" s="613"/>
      <c r="JMS685" s="613"/>
      <c r="JMT685" s="613"/>
      <c r="JMU685" s="613"/>
      <c r="JMV685" s="613"/>
      <c r="JMW685" s="613"/>
      <c r="JMX685" s="613"/>
      <c r="JMY685" s="613"/>
      <c r="JMZ685" s="613"/>
      <c r="JNA685" s="613"/>
      <c r="JNB685" s="613"/>
      <c r="JNC685" s="613"/>
      <c r="JND685" s="613"/>
      <c r="JNE685" s="613"/>
      <c r="JNF685" s="613"/>
      <c r="JNG685" s="613"/>
      <c r="JNH685" s="613"/>
      <c r="JNI685" s="613"/>
      <c r="JNJ685" s="613"/>
      <c r="JNK685" s="613"/>
      <c r="JNL685" s="613"/>
      <c r="JNM685" s="613"/>
      <c r="JNN685" s="613"/>
      <c r="JNO685" s="613"/>
      <c r="JNP685" s="613"/>
      <c r="JNQ685" s="613"/>
      <c r="JNR685" s="613"/>
      <c r="JNS685" s="613"/>
      <c r="JNT685" s="613"/>
      <c r="JNU685" s="613"/>
      <c r="JNV685" s="613"/>
      <c r="JNW685" s="613"/>
      <c r="JNX685" s="613"/>
      <c r="JNY685" s="613"/>
      <c r="JNZ685" s="613"/>
      <c r="JOA685" s="613"/>
      <c r="JOB685" s="613"/>
      <c r="JOC685" s="613"/>
      <c r="JOD685" s="613"/>
      <c r="JOE685" s="613"/>
      <c r="JOF685" s="613"/>
      <c r="JOG685" s="613"/>
      <c r="JOH685" s="613"/>
      <c r="JOI685" s="613"/>
      <c r="JOJ685" s="613"/>
      <c r="JOK685" s="613"/>
      <c r="JOL685" s="613"/>
      <c r="JOM685" s="613"/>
      <c r="JON685" s="613"/>
      <c r="JOO685" s="613"/>
      <c r="JOP685" s="613"/>
      <c r="JOQ685" s="613"/>
      <c r="JOR685" s="613"/>
      <c r="JOS685" s="613"/>
      <c r="JOT685" s="613"/>
      <c r="JOU685" s="613"/>
      <c r="JOV685" s="613"/>
      <c r="JOW685" s="613"/>
      <c r="JOX685" s="613"/>
      <c r="JOY685" s="613"/>
      <c r="JOZ685" s="613"/>
      <c r="JPA685" s="613"/>
      <c r="JPB685" s="613"/>
      <c r="JPC685" s="613"/>
      <c r="JPD685" s="613"/>
      <c r="JPE685" s="613"/>
      <c r="JPF685" s="613"/>
      <c r="JPG685" s="613"/>
      <c r="JPH685" s="613"/>
      <c r="JPI685" s="613"/>
      <c r="JPJ685" s="613"/>
      <c r="JPK685" s="613"/>
      <c r="JPL685" s="613"/>
      <c r="JPM685" s="613"/>
      <c r="JPN685" s="613"/>
      <c r="JPO685" s="613"/>
      <c r="JPP685" s="613"/>
      <c r="JPQ685" s="613"/>
      <c r="JPR685" s="613"/>
      <c r="JPS685" s="613"/>
      <c r="JPT685" s="613"/>
      <c r="JPU685" s="613"/>
      <c r="JPV685" s="613"/>
      <c r="JPW685" s="613"/>
      <c r="JPX685" s="613"/>
      <c r="JPY685" s="613"/>
      <c r="JPZ685" s="613"/>
      <c r="JQA685" s="613"/>
      <c r="JQB685" s="613"/>
      <c r="JQC685" s="613"/>
      <c r="JQD685" s="613"/>
      <c r="JQE685" s="613"/>
      <c r="JQF685" s="613"/>
      <c r="JQG685" s="613"/>
      <c r="JQH685" s="613"/>
      <c r="JQI685" s="613"/>
      <c r="JQJ685" s="613"/>
      <c r="JQK685" s="613"/>
      <c r="JQL685" s="613"/>
      <c r="JQM685" s="613"/>
      <c r="JQN685" s="613"/>
      <c r="JQO685" s="613"/>
      <c r="JQP685" s="613"/>
      <c r="JQQ685" s="613"/>
      <c r="JQR685" s="613"/>
      <c r="JQS685" s="613"/>
      <c r="JQT685" s="613"/>
      <c r="JQU685" s="613"/>
      <c r="JQV685" s="613"/>
      <c r="JQW685" s="613"/>
      <c r="JQX685" s="613"/>
      <c r="JQY685" s="613"/>
      <c r="JQZ685" s="613"/>
      <c r="JRA685" s="613"/>
      <c r="JRB685" s="613"/>
      <c r="JRC685" s="613"/>
      <c r="JRD685" s="613"/>
      <c r="JRE685" s="613"/>
      <c r="JRF685" s="613"/>
      <c r="JRG685" s="613"/>
      <c r="JRH685" s="613"/>
      <c r="JRI685" s="613"/>
      <c r="JRJ685" s="613"/>
      <c r="JRK685" s="613"/>
      <c r="JRL685" s="613"/>
      <c r="JRM685" s="613"/>
      <c r="JRN685" s="613"/>
      <c r="JRO685" s="613"/>
      <c r="JRP685" s="613"/>
      <c r="JRQ685" s="613"/>
      <c r="JRR685" s="613"/>
      <c r="JRS685" s="613"/>
      <c r="JRT685" s="613"/>
      <c r="JRU685" s="613"/>
      <c r="JRV685" s="613"/>
      <c r="JRW685" s="613"/>
      <c r="JRX685" s="613"/>
      <c r="JRY685" s="613"/>
      <c r="JRZ685" s="613"/>
      <c r="JSA685" s="613"/>
      <c r="JSB685" s="613"/>
      <c r="JSC685" s="613"/>
      <c r="JSD685" s="613"/>
      <c r="JSE685" s="613"/>
      <c r="JSF685" s="613"/>
      <c r="JSG685" s="613"/>
      <c r="JSH685" s="613"/>
      <c r="JSI685" s="613"/>
      <c r="JSJ685" s="613"/>
      <c r="JSK685" s="613"/>
      <c r="JSL685" s="613"/>
      <c r="JSM685" s="613"/>
      <c r="JSN685" s="613"/>
      <c r="JSO685" s="613"/>
      <c r="JSP685" s="613"/>
      <c r="JSQ685" s="613"/>
      <c r="JSR685" s="613"/>
      <c r="JSS685" s="613"/>
      <c r="JST685" s="613"/>
      <c r="JSU685" s="613"/>
      <c r="JSV685" s="613"/>
      <c r="JSW685" s="613"/>
      <c r="JSX685" s="613"/>
      <c r="JSY685" s="613"/>
      <c r="JSZ685" s="613"/>
      <c r="JTA685" s="613"/>
      <c r="JTB685" s="613"/>
      <c r="JTC685" s="613"/>
      <c r="JTD685" s="613"/>
      <c r="JTE685" s="613"/>
      <c r="JTF685" s="613"/>
      <c r="JTG685" s="613"/>
      <c r="JTH685" s="613"/>
      <c r="JTI685" s="613"/>
      <c r="JTJ685" s="613"/>
      <c r="JTK685" s="613"/>
      <c r="JTL685" s="613"/>
      <c r="JTM685" s="613"/>
      <c r="JTN685" s="613"/>
      <c r="JTO685" s="613"/>
      <c r="JTP685" s="613"/>
      <c r="JTQ685" s="613"/>
      <c r="JTR685" s="613"/>
      <c r="JTS685" s="613"/>
      <c r="JTT685" s="613"/>
      <c r="JTU685" s="613"/>
      <c r="JTV685" s="613"/>
      <c r="JTW685" s="613"/>
      <c r="JTX685" s="613"/>
      <c r="JTY685" s="613"/>
      <c r="JTZ685" s="613"/>
      <c r="JUA685" s="613"/>
      <c r="JUB685" s="613"/>
      <c r="JUC685" s="613"/>
      <c r="JUD685" s="613"/>
      <c r="JUE685" s="613"/>
      <c r="JUF685" s="613"/>
      <c r="JUG685" s="613"/>
      <c r="JUH685" s="613"/>
      <c r="JUI685" s="613"/>
      <c r="JUJ685" s="613"/>
      <c r="JUK685" s="613"/>
      <c r="JUL685" s="613"/>
      <c r="JUM685" s="613"/>
      <c r="JUN685" s="613"/>
      <c r="JUO685" s="613"/>
      <c r="JUP685" s="613"/>
      <c r="JUQ685" s="613"/>
      <c r="JUR685" s="613"/>
      <c r="JUS685" s="613"/>
      <c r="JUT685" s="613"/>
      <c r="JUU685" s="613"/>
      <c r="JUV685" s="613"/>
      <c r="JUW685" s="613"/>
      <c r="JUX685" s="613"/>
      <c r="JUY685" s="613"/>
      <c r="JUZ685" s="613"/>
      <c r="JVA685" s="613"/>
      <c r="JVB685" s="613"/>
      <c r="JVC685" s="613"/>
      <c r="JVD685" s="613"/>
      <c r="JVE685" s="613"/>
      <c r="JVF685" s="613"/>
      <c r="JVG685" s="613"/>
      <c r="JVH685" s="613"/>
      <c r="JVI685" s="613"/>
      <c r="JVJ685" s="613"/>
      <c r="JVK685" s="613"/>
      <c r="JVL685" s="613"/>
      <c r="JVM685" s="613"/>
      <c r="JVN685" s="613"/>
      <c r="JVO685" s="613"/>
      <c r="JVP685" s="613"/>
      <c r="JVQ685" s="613"/>
      <c r="JVR685" s="613"/>
      <c r="JVS685" s="613"/>
      <c r="JVT685" s="613"/>
      <c r="JVU685" s="613"/>
      <c r="JVV685" s="613"/>
      <c r="JVW685" s="613"/>
      <c r="JVX685" s="613"/>
      <c r="JVY685" s="613"/>
      <c r="JVZ685" s="613"/>
      <c r="JWA685" s="613"/>
      <c r="JWB685" s="613"/>
      <c r="JWC685" s="613"/>
      <c r="JWD685" s="613"/>
      <c r="JWE685" s="613"/>
      <c r="JWF685" s="613"/>
      <c r="JWG685" s="613"/>
      <c r="JWH685" s="613"/>
      <c r="JWI685" s="613"/>
      <c r="JWJ685" s="613"/>
      <c r="JWK685" s="613"/>
      <c r="JWL685" s="613"/>
      <c r="JWM685" s="613"/>
      <c r="JWN685" s="613"/>
      <c r="JWO685" s="613"/>
      <c r="JWP685" s="613"/>
      <c r="JWQ685" s="613"/>
      <c r="JWR685" s="613"/>
      <c r="JWS685" s="613"/>
      <c r="JWT685" s="613"/>
      <c r="JWU685" s="613"/>
      <c r="JWV685" s="613"/>
      <c r="JWW685" s="613"/>
      <c r="JWX685" s="613"/>
      <c r="JWY685" s="613"/>
      <c r="JWZ685" s="613"/>
      <c r="JXA685" s="613"/>
      <c r="JXB685" s="613"/>
      <c r="JXC685" s="613"/>
      <c r="JXD685" s="613"/>
      <c r="JXE685" s="613"/>
      <c r="JXF685" s="613"/>
      <c r="JXG685" s="613"/>
      <c r="JXH685" s="613"/>
      <c r="JXI685" s="613"/>
      <c r="JXJ685" s="613"/>
      <c r="JXK685" s="613"/>
      <c r="JXL685" s="613"/>
      <c r="JXM685" s="613"/>
      <c r="JXN685" s="613"/>
      <c r="JXO685" s="613"/>
      <c r="JXP685" s="613"/>
      <c r="JXQ685" s="613"/>
      <c r="JXR685" s="613"/>
      <c r="JXS685" s="613"/>
      <c r="JXT685" s="613"/>
      <c r="JXU685" s="613"/>
      <c r="JXV685" s="613"/>
      <c r="JXW685" s="613"/>
      <c r="JXX685" s="613"/>
      <c r="JXY685" s="613"/>
      <c r="JXZ685" s="613"/>
      <c r="JYA685" s="613"/>
      <c r="JYB685" s="613"/>
      <c r="JYC685" s="613"/>
      <c r="JYD685" s="613"/>
      <c r="JYE685" s="613"/>
      <c r="JYF685" s="613"/>
      <c r="JYG685" s="613"/>
      <c r="JYH685" s="613"/>
      <c r="JYI685" s="613"/>
      <c r="JYJ685" s="613"/>
      <c r="JYK685" s="613"/>
      <c r="JYL685" s="613"/>
      <c r="JYM685" s="613"/>
      <c r="JYN685" s="613"/>
      <c r="JYO685" s="613"/>
      <c r="JYP685" s="613"/>
      <c r="JYQ685" s="613"/>
      <c r="JYR685" s="613"/>
      <c r="JYS685" s="613"/>
      <c r="JYT685" s="613"/>
      <c r="JYU685" s="613"/>
      <c r="JYV685" s="613"/>
      <c r="JYW685" s="613"/>
      <c r="JYX685" s="613"/>
      <c r="JYY685" s="613"/>
      <c r="JYZ685" s="613"/>
      <c r="JZA685" s="613"/>
      <c r="JZB685" s="613"/>
      <c r="JZC685" s="613"/>
      <c r="JZD685" s="613"/>
      <c r="JZE685" s="613"/>
      <c r="JZF685" s="613"/>
      <c r="JZG685" s="613"/>
      <c r="JZH685" s="613"/>
      <c r="JZI685" s="613"/>
      <c r="JZJ685" s="613"/>
      <c r="JZK685" s="613"/>
      <c r="JZL685" s="613"/>
      <c r="JZM685" s="613"/>
      <c r="JZN685" s="613"/>
      <c r="JZO685" s="613"/>
      <c r="JZP685" s="613"/>
      <c r="JZQ685" s="613"/>
      <c r="JZR685" s="613"/>
      <c r="JZS685" s="613"/>
      <c r="JZT685" s="613"/>
      <c r="JZU685" s="613"/>
      <c r="JZV685" s="613"/>
      <c r="JZW685" s="613"/>
      <c r="JZX685" s="613"/>
      <c r="JZY685" s="613"/>
      <c r="JZZ685" s="613"/>
      <c r="KAA685" s="613"/>
      <c r="KAB685" s="613"/>
      <c r="KAC685" s="613"/>
      <c r="KAD685" s="613"/>
      <c r="KAE685" s="613"/>
      <c r="KAF685" s="613"/>
      <c r="KAG685" s="613"/>
      <c r="KAH685" s="613"/>
      <c r="KAI685" s="613"/>
      <c r="KAJ685" s="613"/>
      <c r="KAK685" s="613"/>
      <c r="KAL685" s="613"/>
      <c r="KAM685" s="613"/>
      <c r="KAN685" s="613"/>
      <c r="KAO685" s="613"/>
      <c r="KAP685" s="613"/>
      <c r="KAQ685" s="613"/>
      <c r="KAR685" s="613"/>
      <c r="KAS685" s="613"/>
      <c r="KAT685" s="613"/>
      <c r="KAU685" s="613"/>
      <c r="KAV685" s="613"/>
      <c r="KAW685" s="613"/>
      <c r="KAX685" s="613"/>
      <c r="KAY685" s="613"/>
      <c r="KAZ685" s="613"/>
      <c r="KBA685" s="613"/>
      <c r="KBB685" s="613"/>
      <c r="KBC685" s="613"/>
      <c r="KBD685" s="613"/>
      <c r="KBE685" s="613"/>
      <c r="KBF685" s="613"/>
      <c r="KBG685" s="613"/>
      <c r="KBH685" s="613"/>
      <c r="KBI685" s="613"/>
      <c r="KBJ685" s="613"/>
      <c r="KBK685" s="613"/>
      <c r="KBL685" s="613"/>
      <c r="KBM685" s="613"/>
      <c r="KBN685" s="613"/>
      <c r="KBO685" s="613"/>
      <c r="KBP685" s="613"/>
      <c r="KBQ685" s="613"/>
      <c r="KBR685" s="613"/>
      <c r="KBS685" s="613"/>
      <c r="KBT685" s="613"/>
      <c r="KBU685" s="613"/>
      <c r="KBV685" s="613"/>
      <c r="KBW685" s="613"/>
      <c r="KBX685" s="613"/>
      <c r="KBY685" s="613"/>
      <c r="KBZ685" s="613"/>
      <c r="KCA685" s="613"/>
      <c r="KCB685" s="613"/>
      <c r="KCC685" s="613"/>
      <c r="KCD685" s="613"/>
      <c r="KCE685" s="613"/>
      <c r="KCF685" s="613"/>
      <c r="KCG685" s="613"/>
      <c r="KCH685" s="613"/>
      <c r="KCI685" s="613"/>
      <c r="KCJ685" s="613"/>
      <c r="KCK685" s="613"/>
      <c r="KCL685" s="613"/>
      <c r="KCM685" s="613"/>
      <c r="KCN685" s="613"/>
      <c r="KCO685" s="613"/>
      <c r="KCP685" s="613"/>
      <c r="KCQ685" s="613"/>
      <c r="KCR685" s="613"/>
      <c r="KCS685" s="613"/>
      <c r="KCT685" s="613"/>
      <c r="KCU685" s="613"/>
      <c r="KCV685" s="613"/>
      <c r="KCW685" s="613"/>
      <c r="KCX685" s="613"/>
      <c r="KCY685" s="613"/>
      <c r="KCZ685" s="613"/>
      <c r="KDA685" s="613"/>
      <c r="KDB685" s="613"/>
      <c r="KDC685" s="613"/>
      <c r="KDD685" s="613"/>
      <c r="KDE685" s="613"/>
      <c r="KDF685" s="613"/>
      <c r="KDG685" s="613"/>
      <c r="KDH685" s="613"/>
      <c r="KDI685" s="613"/>
      <c r="KDJ685" s="613"/>
      <c r="KDK685" s="613"/>
      <c r="KDL685" s="613"/>
      <c r="KDM685" s="613"/>
      <c r="KDN685" s="613"/>
      <c r="KDO685" s="613"/>
      <c r="KDP685" s="613"/>
      <c r="KDQ685" s="613"/>
      <c r="KDR685" s="613"/>
      <c r="KDS685" s="613"/>
      <c r="KDT685" s="613"/>
      <c r="KDU685" s="613"/>
      <c r="KDV685" s="613"/>
      <c r="KDW685" s="613"/>
      <c r="KDX685" s="613"/>
      <c r="KDY685" s="613"/>
      <c r="KDZ685" s="613"/>
      <c r="KEA685" s="613"/>
      <c r="KEB685" s="613"/>
      <c r="KEC685" s="613"/>
      <c r="KED685" s="613"/>
      <c r="KEE685" s="613"/>
      <c r="KEF685" s="613"/>
      <c r="KEG685" s="613"/>
      <c r="KEH685" s="613"/>
      <c r="KEI685" s="613"/>
      <c r="KEJ685" s="613"/>
      <c r="KEK685" s="613"/>
      <c r="KEL685" s="613"/>
      <c r="KEM685" s="613"/>
      <c r="KEN685" s="613"/>
      <c r="KEO685" s="613"/>
      <c r="KEP685" s="613"/>
      <c r="KEQ685" s="613"/>
      <c r="KER685" s="613"/>
      <c r="KES685" s="613"/>
      <c r="KET685" s="613"/>
      <c r="KEU685" s="613"/>
      <c r="KEV685" s="613"/>
      <c r="KEW685" s="613"/>
      <c r="KEX685" s="613"/>
      <c r="KEY685" s="613"/>
      <c r="KEZ685" s="613"/>
      <c r="KFA685" s="613"/>
      <c r="KFB685" s="613"/>
      <c r="KFC685" s="613"/>
      <c r="KFD685" s="613"/>
      <c r="KFE685" s="613"/>
      <c r="KFF685" s="613"/>
      <c r="KFG685" s="613"/>
      <c r="KFH685" s="613"/>
      <c r="KFI685" s="613"/>
      <c r="KFJ685" s="613"/>
      <c r="KFK685" s="613"/>
      <c r="KFL685" s="613"/>
      <c r="KFM685" s="613"/>
      <c r="KFN685" s="613"/>
      <c r="KFO685" s="613"/>
      <c r="KFP685" s="613"/>
      <c r="KFQ685" s="613"/>
      <c r="KFR685" s="613"/>
      <c r="KFS685" s="613"/>
      <c r="KFT685" s="613"/>
      <c r="KFU685" s="613"/>
      <c r="KFV685" s="613"/>
      <c r="KFW685" s="613"/>
      <c r="KFX685" s="613"/>
      <c r="KFY685" s="613"/>
      <c r="KFZ685" s="613"/>
      <c r="KGA685" s="613"/>
      <c r="KGB685" s="613"/>
      <c r="KGC685" s="613"/>
      <c r="KGD685" s="613"/>
      <c r="KGE685" s="613"/>
      <c r="KGF685" s="613"/>
      <c r="KGG685" s="613"/>
      <c r="KGH685" s="613"/>
      <c r="KGI685" s="613"/>
      <c r="KGJ685" s="613"/>
      <c r="KGK685" s="613"/>
      <c r="KGL685" s="613"/>
      <c r="KGM685" s="613"/>
      <c r="KGN685" s="613"/>
      <c r="KGO685" s="613"/>
      <c r="KGP685" s="613"/>
      <c r="KGQ685" s="613"/>
      <c r="KGR685" s="613"/>
      <c r="KGS685" s="613"/>
      <c r="KGT685" s="613"/>
      <c r="KGU685" s="613"/>
      <c r="KGV685" s="613"/>
      <c r="KGW685" s="613"/>
      <c r="KGX685" s="613"/>
      <c r="KGY685" s="613"/>
      <c r="KGZ685" s="613"/>
      <c r="KHA685" s="613"/>
      <c r="KHB685" s="613"/>
      <c r="KHC685" s="613"/>
      <c r="KHD685" s="613"/>
      <c r="KHE685" s="613"/>
      <c r="KHF685" s="613"/>
      <c r="KHG685" s="613"/>
      <c r="KHH685" s="613"/>
      <c r="KHI685" s="613"/>
      <c r="KHJ685" s="613"/>
      <c r="KHK685" s="613"/>
      <c r="KHL685" s="613"/>
      <c r="KHM685" s="613"/>
      <c r="KHN685" s="613"/>
      <c r="KHO685" s="613"/>
      <c r="KHP685" s="613"/>
      <c r="KHQ685" s="613"/>
      <c r="KHR685" s="613"/>
      <c r="KHS685" s="613"/>
      <c r="KHT685" s="613"/>
      <c r="KHU685" s="613"/>
      <c r="KHV685" s="613"/>
      <c r="KHW685" s="613"/>
      <c r="KHX685" s="613"/>
      <c r="KHY685" s="613"/>
      <c r="KHZ685" s="613"/>
      <c r="KIA685" s="613"/>
      <c r="KIB685" s="613"/>
      <c r="KIC685" s="613"/>
      <c r="KID685" s="613"/>
      <c r="KIE685" s="613"/>
      <c r="KIF685" s="613"/>
      <c r="KIG685" s="613"/>
      <c r="KIH685" s="613"/>
      <c r="KII685" s="613"/>
      <c r="KIJ685" s="613"/>
      <c r="KIK685" s="613"/>
      <c r="KIL685" s="613"/>
      <c r="KIM685" s="613"/>
      <c r="KIN685" s="613"/>
      <c r="KIO685" s="613"/>
      <c r="KIP685" s="613"/>
      <c r="KIQ685" s="613"/>
      <c r="KIR685" s="613"/>
      <c r="KIS685" s="613"/>
      <c r="KIT685" s="613"/>
      <c r="KIU685" s="613"/>
      <c r="KIV685" s="613"/>
      <c r="KIW685" s="613"/>
      <c r="KIX685" s="613"/>
      <c r="KIY685" s="613"/>
      <c r="KIZ685" s="613"/>
      <c r="KJA685" s="613"/>
      <c r="KJB685" s="613"/>
      <c r="KJC685" s="613"/>
      <c r="KJD685" s="613"/>
      <c r="KJE685" s="613"/>
      <c r="KJF685" s="613"/>
      <c r="KJG685" s="613"/>
      <c r="KJH685" s="613"/>
      <c r="KJI685" s="613"/>
      <c r="KJJ685" s="613"/>
      <c r="KJK685" s="613"/>
      <c r="KJL685" s="613"/>
      <c r="KJM685" s="613"/>
      <c r="KJN685" s="613"/>
      <c r="KJO685" s="613"/>
      <c r="KJP685" s="613"/>
      <c r="KJQ685" s="613"/>
      <c r="KJR685" s="613"/>
      <c r="KJS685" s="613"/>
      <c r="KJT685" s="613"/>
      <c r="KJU685" s="613"/>
      <c r="KJV685" s="613"/>
      <c r="KJW685" s="613"/>
      <c r="KJX685" s="613"/>
      <c r="KJY685" s="613"/>
      <c r="KJZ685" s="613"/>
      <c r="KKA685" s="613"/>
      <c r="KKB685" s="613"/>
      <c r="KKC685" s="613"/>
      <c r="KKD685" s="613"/>
      <c r="KKE685" s="613"/>
      <c r="KKF685" s="613"/>
      <c r="KKG685" s="613"/>
      <c r="KKH685" s="613"/>
      <c r="KKI685" s="613"/>
      <c r="KKJ685" s="613"/>
      <c r="KKK685" s="613"/>
      <c r="KKL685" s="613"/>
      <c r="KKM685" s="613"/>
      <c r="KKN685" s="613"/>
      <c r="KKO685" s="613"/>
      <c r="KKP685" s="613"/>
      <c r="KKQ685" s="613"/>
      <c r="KKR685" s="613"/>
      <c r="KKS685" s="613"/>
      <c r="KKT685" s="613"/>
      <c r="KKU685" s="613"/>
      <c r="KKV685" s="613"/>
      <c r="KKW685" s="613"/>
      <c r="KKX685" s="613"/>
      <c r="KKY685" s="613"/>
      <c r="KKZ685" s="613"/>
      <c r="KLA685" s="613"/>
      <c r="KLB685" s="613"/>
      <c r="KLC685" s="613"/>
      <c r="KLD685" s="613"/>
      <c r="KLE685" s="613"/>
      <c r="KLF685" s="613"/>
      <c r="KLG685" s="613"/>
      <c r="KLH685" s="613"/>
      <c r="KLI685" s="613"/>
      <c r="KLJ685" s="613"/>
      <c r="KLK685" s="613"/>
      <c r="KLL685" s="613"/>
      <c r="KLM685" s="613"/>
      <c r="KLN685" s="613"/>
      <c r="KLO685" s="613"/>
      <c r="KLP685" s="613"/>
      <c r="KLQ685" s="613"/>
      <c r="KLR685" s="613"/>
      <c r="KLS685" s="613"/>
      <c r="KLT685" s="613"/>
      <c r="KLU685" s="613"/>
      <c r="KLV685" s="613"/>
      <c r="KLW685" s="613"/>
      <c r="KLX685" s="613"/>
      <c r="KLY685" s="613"/>
      <c r="KLZ685" s="613"/>
      <c r="KMA685" s="613"/>
      <c r="KMB685" s="613"/>
      <c r="KMC685" s="613"/>
      <c r="KMD685" s="613"/>
      <c r="KME685" s="613"/>
      <c r="KMF685" s="613"/>
      <c r="KMG685" s="613"/>
      <c r="KMH685" s="613"/>
      <c r="KMI685" s="613"/>
      <c r="KMJ685" s="613"/>
      <c r="KMK685" s="613"/>
      <c r="KML685" s="613"/>
      <c r="KMM685" s="613"/>
      <c r="KMN685" s="613"/>
      <c r="KMO685" s="613"/>
      <c r="KMP685" s="613"/>
      <c r="KMQ685" s="613"/>
      <c r="KMR685" s="613"/>
      <c r="KMS685" s="613"/>
      <c r="KMT685" s="613"/>
      <c r="KMU685" s="613"/>
      <c r="KMV685" s="613"/>
      <c r="KMW685" s="613"/>
      <c r="KMX685" s="613"/>
      <c r="KMY685" s="613"/>
      <c r="KMZ685" s="613"/>
      <c r="KNA685" s="613"/>
      <c r="KNB685" s="613"/>
      <c r="KNC685" s="613"/>
      <c r="KND685" s="613"/>
      <c r="KNE685" s="613"/>
      <c r="KNF685" s="613"/>
      <c r="KNG685" s="613"/>
      <c r="KNH685" s="613"/>
      <c r="KNI685" s="613"/>
      <c r="KNJ685" s="613"/>
      <c r="KNK685" s="613"/>
      <c r="KNL685" s="613"/>
      <c r="KNM685" s="613"/>
      <c r="KNN685" s="613"/>
      <c r="KNO685" s="613"/>
      <c r="KNP685" s="613"/>
      <c r="KNQ685" s="613"/>
      <c r="KNR685" s="613"/>
      <c r="KNS685" s="613"/>
      <c r="KNT685" s="613"/>
      <c r="KNU685" s="613"/>
      <c r="KNV685" s="613"/>
      <c r="KNW685" s="613"/>
      <c r="KNX685" s="613"/>
      <c r="KNY685" s="613"/>
      <c r="KNZ685" s="613"/>
      <c r="KOA685" s="613"/>
      <c r="KOB685" s="613"/>
      <c r="KOC685" s="613"/>
      <c r="KOD685" s="613"/>
      <c r="KOE685" s="613"/>
      <c r="KOF685" s="613"/>
      <c r="KOG685" s="613"/>
      <c r="KOH685" s="613"/>
      <c r="KOI685" s="613"/>
      <c r="KOJ685" s="613"/>
      <c r="KOK685" s="613"/>
      <c r="KOL685" s="613"/>
      <c r="KOM685" s="613"/>
      <c r="KON685" s="613"/>
      <c r="KOO685" s="613"/>
      <c r="KOP685" s="613"/>
      <c r="KOQ685" s="613"/>
      <c r="KOR685" s="613"/>
      <c r="KOS685" s="613"/>
      <c r="KOT685" s="613"/>
      <c r="KOU685" s="613"/>
      <c r="KOV685" s="613"/>
      <c r="KOW685" s="613"/>
      <c r="KOX685" s="613"/>
      <c r="KOY685" s="613"/>
      <c r="KOZ685" s="613"/>
      <c r="KPA685" s="613"/>
      <c r="KPB685" s="613"/>
      <c r="KPC685" s="613"/>
      <c r="KPD685" s="613"/>
      <c r="KPE685" s="613"/>
      <c r="KPF685" s="613"/>
      <c r="KPG685" s="613"/>
      <c r="KPH685" s="613"/>
      <c r="KPI685" s="613"/>
      <c r="KPJ685" s="613"/>
      <c r="KPK685" s="613"/>
      <c r="KPL685" s="613"/>
      <c r="KPM685" s="613"/>
      <c r="KPN685" s="613"/>
      <c r="KPO685" s="613"/>
      <c r="KPP685" s="613"/>
      <c r="KPQ685" s="613"/>
      <c r="KPR685" s="613"/>
      <c r="KPS685" s="613"/>
      <c r="KPT685" s="613"/>
      <c r="KPU685" s="613"/>
      <c r="KPV685" s="613"/>
      <c r="KPW685" s="613"/>
      <c r="KPX685" s="613"/>
      <c r="KPY685" s="613"/>
      <c r="KPZ685" s="613"/>
      <c r="KQA685" s="613"/>
      <c r="KQB685" s="613"/>
      <c r="KQC685" s="613"/>
      <c r="KQD685" s="613"/>
      <c r="KQE685" s="613"/>
      <c r="KQF685" s="613"/>
      <c r="KQG685" s="613"/>
      <c r="KQH685" s="613"/>
      <c r="KQI685" s="613"/>
      <c r="KQJ685" s="613"/>
      <c r="KQK685" s="613"/>
      <c r="KQL685" s="613"/>
      <c r="KQM685" s="613"/>
      <c r="KQN685" s="613"/>
      <c r="KQO685" s="613"/>
      <c r="KQP685" s="613"/>
      <c r="KQQ685" s="613"/>
      <c r="KQR685" s="613"/>
      <c r="KQS685" s="613"/>
      <c r="KQT685" s="613"/>
      <c r="KQU685" s="613"/>
      <c r="KQV685" s="613"/>
      <c r="KQW685" s="613"/>
      <c r="KQX685" s="613"/>
      <c r="KQY685" s="613"/>
      <c r="KQZ685" s="613"/>
      <c r="KRA685" s="613"/>
      <c r="KRB685" s="613"/>
      <c r="KRC685" s="613"/>
      <c r="KRD685" s="613"/>
      <c r="KRE685" s="613"/>
      <c r="KRF685" s="613"/>
      <c r="KRG685" s="613"/>
      <c r="KRH685" s="613"/>
      <c r="KRI685" s="613"/>
      <c r="KRJ685" s="613"/>
      <c r="KRK685" s="613"/>
      <c r="KRL685" s="613"/>
      <c r="KRM685" s="613"/>
      <c r="KRN685" s="613"/>
      <c r="KRO685" s="613"/>
      <c r="KRP685" s="613"/>
      <c r="KRQ685" s="613"/>
      <c r="KRR685" s="613"/>
      <c r="KRS685" s="613"/>
      <c r="KRT685" s="613"/>
      <c r="KRU685" s="613"/>
      <c r="KRV685" s="613"/>
      <c r="KRW685" s="613"/>
      <c r="KRX685" s="613"/>
      <c r="KRY685" s="613"/>
      <c r="KRZ685" s="613"/>
      <c r="KSA685" s="613"/>
      <c r="KSB685" s="613"/>
      <c r="KSC685" s="613"/>
      <c r="KSD685" s="613"/>
      <c r="KSE685" s="613"/>
      <c r="KSF685" s="613"/>
      <c r="KSG685" s="613"/>
      <c r="KSH685" s="613"/>
      <c r="KSI685" s="613"/>
      <c r="KSJ685" s="613"/>
      <c r="KSK685" s="613"/>
      <c r="KSL685" s="613"/>
      <c r="KSM685" s="613"/>
      <c r="KSN685" s="613"/>
      <c r="KSO685" s="613"/>
      <c r="KSP685" s="613"/>
      <c r="KSQ685" s="613"/>
      <c r="KSR685" s="613"/>
      <c r="KSS685" s="613"/>
      <c r="KST685" s="613"/>
      <c r="KSU685" s="613"/>
      <c r="KSV685" s="613"/>
      <c r="KSW685" s="613"/>
      <c r="KSX685" s="613"/>
      <c r="KSY685" s="613"/>
      <c r="KSZ685" s="613"/>
      <c r="KTA685" s="613"/>
      <c r="KTB685" s="613"/>
      <c r="KTC685" s="613"/>
      <c r="KTD685" s="613"/>
      <c r="KTE685" s="613"/>
      <c r="KTF685" s="613"/>
      <c r="KTG685" s="613"/>
      <c r="KTH685" s="613"/>
      <c r="KTI685" s="613"/>
      <c r="KTJ685" s="613"/>
      <c r="KTK685" s="613"/>
      <c r="KTL685" s="613"/>
      <c r="KTM685" s="613"/>
      <c r="KTN685" s="613"/>
      <c r="KTO685" s="613"/>
      <c r="KTP685" s="613"/>
      <c r="KTQ685" s="613"/>
      <c r="KTR685" s="613"/>
      <c r="KTS685" s="613"/>
      <c r="KTT685" s="613"/>
      <c r="KTU685" s="613"/>
      <c r="KTV685" s="613"/>
      <c r="KTW685" s="613"/>
      <c r="KTX685" s="613"/>
      <c r="KTY685" s="613"/>
      <c r="KTZ685" s="613"/>
      <c r="KUA685" s="613"/>
      <c r="KUB685" s="613"/>
      <c r="KUC685" s="613"/>
      <c r="KUD685" s="613"/>
      <c r="KUE685" s="613"/>
      <c r="KUF685" s="613"/>
      <c r="KUG685" s="613"/>
      <c r="KUH685" s="613"/>
      <c r="KUI685" s="613"/>
      <c r="KUJ685" s="613"/>
      <c r="KUK685" s="613"/>
      <c r="KUL685" s="613"/>
      <c r="KUM685" s="613"/>
      <c r="KUN685" s="613"/>
      <c r="KUO685" s="613"/>
      <c r="KUP685" s="613"/>
      <c r="KUQ685" s="613"/>
      <c r="KUR685" s="613"/>
      <c r="KUS685" s="613"/>
      <c r="KUT685" s="613"/>
      <c r="KUU685" s="613"/>
      <c r="KUV685" s="613"/>
      <c r="KUW685" s="613"/>
      <c r="KUX685" s="613"/>
      <c r="KUY685" s="613"/>
      <c r="KUZ685" s="613"/>
      <c r="KVA685" s="613"/>
      <c r="KVB685" s="613"/>
      <c r="KVC685" s="613"/>
      <c r="KVD685" s="613"/>
      <c r="KVE685" s="613"/>
      <c r="KVF685" s="613"/>
      <c r="KVG685" s="613"/>
      <c r="KVH685" s="613"/>
      <c r="KVI685" s="613"/>
      <c r="KVJ685" s="613"/>
      <c r="KVK685" s="613"/>
      <c r="KVL685" s="613"/>
      <c r="KVM685" s="613"/>
      <c r="KVN685" s="613"/>
      <c r="KVO685" s="613"/>
      <c r="KVP685" s="613"/>
      <c r="KVQ685" s="613"/>
      <c r="KVR685" s="613"/>
      <c r="KVS685" s="613"/>
      <c r="KVT685" s="613"/>
      <c r="KVU685" s="613"/>
      <c r="KVV685" s="613"/>
      <c r="KVW685" s="613"/>
      <c r="KVX685" s="613"/>
      <c r="KVY685" s="613"/>
      <c r="KVZ685" s="613"/>
      <c r="KWA685" s="613"/>
      <c r="KWB685" s="613"/>
      <c r="KWC685" s="613"/>
      <c r="KWD685" s="613"/>
      <c r="KWE685" s="613"/>
      <c r="KWF685" s="613"/>
      <c r="KWG685" s="613"/>
      <c r="KWH685" s="613"/>
      <c r="KWI685" s="613"/>
      <c r="KWJ685" s="613"/>
      <c r="KWK685" s="613"/>
      <c r="KWL685" s="613"/>
      <c r="KWM685" s="613"/>
      <c r="KWN685" s="613"/>
      <c r="KWO685" s="613"/>
      <c r="KWP685" s="613"/>
      <c r="KWQ685" s="613"/>
      <c r="KWR685" s="613"/>
      <c r="KWS685" s="613"/>
      <c r="KWT685" s="613"/>
      <c r="KWU685" s="613"/>
      <c r="KWV685" s="613"/>
      <c r="KWW685" s="613"/>
      <c r="KWX685" s="613"/>
      <c r="KWY685" s="613"/>
      <c r="KWZ685" s="613"/>
      <c r="KXA685" s="613"/>
      <c r="KXB685" s="613"/>
      <c r="KXC685" s="613"/>
      <c r="KXD685" s="613"/>
      <c r="KXE685" s="613"/>
      <c r="KXF685" s="613"/>
      <c r="KXG685" s="613"/>
      <c r="KXH685" s="613"/>
      <c r="KXI685" s="613"/>
      <c r="KXJ685" s="613"/>
      <c r="KXK685" s="613"/>
      <c r="KXL685" s="613"/>
      <c r="KXM685" s="613"/>
      <c r="KXN685" s="613"/>
      <c r="KXO685" s="613"/>
      <c r="KXP685" s="613"/>
      <c r="KXQ685" s="613"/>
      <c r="KXR685" s="613"/>
      <c r="KXS685" s="613"/>
      <c r="KXT685" s="613"/>
      <c r="KXU685" s="613"/>
      <c r="KXV685" s="613"/>
      <c r="KXW685" s="613"/>
      <c r="KXX685" s="613"/>
      <c r="KXY685" s="613"/>
      <c r="KXZ685" s="613"/>
      <c r="KYA685" s="613"/>
      <c r="KYB685" s="613"/>
      <c r="KYC685" s="613"/>
      <c r="KYD685" s="613"/>
      <c r="KYE685" s="613"/>
      <c r="KYF685" s="613"/>
      <c r="KYG685" s="613"/>
      <c r="KYH685" s="613"/>
      <c r="KYI685" s="613"/>
      <c r="KYJ685" s="613"/>
      <c r="KYK685" s="613"/>
      <c r="KYL685" s="613"/>
      <c r="KYM685" s="613"/>
      <c r="KYN685" s="613"/>
      <c r="KYO685" s="613"/>
      <c r="KYP685" s="613"/>
      <c r="KYQ685" s="613"/>
      <c r="KYR685" s="613"/>
      <c r="KYS685" s="613"/>
      <c r="KYT685" s="613"/>
      <c r="KYU685" s="613"/>
      <c r="KYV685" s="613"/>
      <c r="KYW685" s="613"/>
      <c r="KYX685" s="613"/>
      <c r="KYY685" s="613"/>
      <c r="KYZ685" s="613"/>
      <c r="KZA685" s="613"/>
      <c r="KZB685" s="613"/>
      <c r="KZC685" s="613"/>
      <c r="KZD685" s="613"/>
      <c r="KZE685" s="613"/>
      <c r="KZF685" s="613"/>
      <c r="KZG685" s="613"/>
      <c r="KZH685" s="613"/>
      <c r="KZI685" s="613"/>
      <c r="KZJ685" s="613"/>
      <c r="KZK685" s="613"/>
      <c r="KZL685" s="613"/>
      <c r="KZM685" s="613"/>
      <c r="KZN685" s="613"/>
      <c r="KZO685" s="613"/>
      <c r="KZP685" s="613"/>
      <c r="KZQ685" s="613"/>
      <c r="KZR685" s="613"/>
      <c r="KZS685" s="613"/>
      <c r="KZT685" s="613"/>
      <c r="KZU685" s="613"/>
      <c r="KZV685" s="613"/>
      <c r="KZW685" s="613"/>
      <c r="KZX685" s="613"/>
      <c r="KZY685" s="613"/>
      <c r="KZZ685" s="613"/>
      <c r="LAA685" s="613"/>
      <c r="LAB685" s="613"/>
      <c r="LAC685" s="613"/>
      <c r="LAD685" s="613"/>
      <c r="LAE685" s="613"/>
      <c r="LAF685" s="613"/>
      <c r="LAG685" s="613"/>
      <c r="LAH685" s="613"/>
      <c r="LAI685" s="613"/>
      <c r="LAJ685" s="613"/>
      <c r="LAK685" s="613"/>
      <c r="LAL685" s="613"/>
      <c r="LAM685" s="613"/>
      <c r="LAN685" s="613"/>
      <c r="LAO685" s="613"/>
      <c r="LAP685" s="613"/>
      <c r="LAQ685" s="613"/>
      <c r="LAR685" s="613"/>
      <c r="LAS685" s="613"/>
      <c r="LAT685" s="613"/>
      <c r="LAU685" s="613"/>
      <c r="LAV685" s="613"/>
      <c r="LAW685" s="613"/>
      <c r="LAX685" s="613"/>
      <c r="LAY685" s="613"/>
      <c r="LAZ685" s="613"/>
      <c r="LBA685" s="613"/>
      <c r="LBB685" s="613"/>
      <c r="LBC685" s="613"/>
      <c r="LBD685" s="613"/>
      <c r="LBE685" s="613"/>
      <c r="LBF685" s="613"/>
      <c r="LBG685" s="613"/>
      <c r="LBH685" s="613"/>
      <c r="LBI685" s="613"/>
      <c r="LBJ685" s="613"/>
      <c r="LBK685" s="613"/>
      <c r="LBL685" s="613"/>
      <c r="LBM685" s="613"/>
      <c r="LBN685" s="613"/>
      <c r="LBO685" s="613"/>
      <c r="LBP685" s="613"/>
      <c r="LBQ685" s="613"/>
      <c r="LBR685" s="613"/>
      <c r="LBS685" s="613"/>
      <c r="LBT685" s="613"/>
      <c r="LBU685" s="613"/>
      <c r="LBV685" s="613"/>
      <c r="LBW685" s="613"/>
      <c r="LBX685" s="613"/>
      <c r="LBY685" s="613"/>
      <c r="LBZ685" s="613"/>
      <c r="LCA685" s="613"/>
      <c r="LCB685" s="613"/>
      <c r="LCC685" s="613"/>
      <c r="LCD685" s="613"/>
      <c r="LCE685" s="613"/>
      <c r="LCF685" s="613"/>
      <c r="LCG685" s="613"/>
      <c r="LCH685" s="613"/>
      <c r="LCI685" s="613"/>
      <c r="LCJ685" s="613"/>
      <c r="LCK685" s="613"/>
      <c r="LCL685" s="613"/>
      <c r="LCM685" s="613"/>
      <c r="LCN685" s="613"/>
      <c r="LCO685" s="613"/>
      <c r="LCP685" s="613"/>
      <c r="LCQ685" s="613"/>
      <c r="LCR685" s="613"/>
      <c r="LCS685" s="613"/>
      <c r="LCT685" s="613"/>
      <c r="LCU685" s="613"/>
      <c r="LCV685" s="613"/>
      <c r="LCW685" s="613"/>
      <c r="LCX685" s="613"/>
      <c r="LCY685" s="613"/>
      <c r="LCZ685" s="613"/>
      <c r="LDA685" s="613"/>
      <c r="LDB685" s="613"/>
      <c r="LDC685" s="613"/>
      <c r="LDD685" s="613"/>
      <c r="LDE685" s="613"/>
      <c r="LDF685" s="613"/>
      <c r="LDG685" s="613"/>
      <c r="LDH685" s="613"/>
      <c r="LDI685" s="613"/>
      <c r="LDJ685" s="613"/>
      <c r="LDK685" s="613"/>
      <c r="LDL685" s="613"/>
      <c r="LDM685" s="613"/>
      <c r="LDN685" s="613"/>
      <c r="LDO685" s="613"/>
      <c r="LDP685" s="613"/>
      <c r="LDQ685" s="613"/>
      <c r="LDR685" s="613"/>
      <c r="LDS685" s="613"/>
      <c r="LDT685" s="613"/>
      <c r="LDU685" s="613"/>
      <c r="LDV685" s="613"/>
      <c r="LDW685" s="613"/>
      <c r="LDX685" s="613"/>
      <c r="LDY685" s="613"/>
      <c r="LDZ685" s="613"/>
      <c r="LEA685" s="613"/>
      <c r="LEB685" s="613"/>
      <c r="LEC685" s="613"/>
      <c r="LED685" s="613"/>
      <c r="LEE685" s="613"/>
      <c r="LEF685" s="613"/>
      <c r="LEG685" s="613"/>
      <c r="LEH685" s="613"/>
      <c r="LEI685" s="613"/>
      <c r="LEJ685" s="613"/>
      <c r="LEK685" s="613"/>
      <c r="LEL685" s="613"/>
      <c r="LEM685" s="613"/>
      <c r="LEN685" s="613"/>
      <c r="LEO685" s="613"/>
      <c r="LEP685" s="613"/>
      <c r="LEQ685" s="613"/>
      <c r="LER685" s="613"/>
      <c r="LES685" s="613"/>
      <c r="LET685" s="613"/>
      <c r="LEU685" s="613"/>
      <c r="LEV685" s="613"/>
      <c r="LEW685" s="613"/>
      <c r="LEX685" s="613"/>
      <c r="LEY685" s="613"/>
      <c r="LEZ685" s="613"/>
      <c r="LFA685" s="613"/>
      <c r="LFB685" s="613"/>
      <c r="LFC685" s="613"/>
      <c r="LFD685" s="613"/>
      <c r="LFE685" s="613"/>
      <c r="LFF685" s="613"/>
      <c r="LFG685" s="613"/>
      <c r="LFH685" s="613"/>
      <c r="LFI685" s="613"/>
      <c r="LFJ685" s="613"/>
      <c r="LFK685" s="613"/>
      <c r="LFL685" s="613"/>
      <c r="LFM685" s="613"/>
      <c r="LFN685" s="613"/>
      <c r="LFO685" s="613"/>
      <c r="LFP685" s="613"/>
      <c r="LFQ685" s="613"/>
      <c r="LFR685" s="613"/>
      <c r="LFS685" s="613"/>
      <c r="LFT685" s="613"/>
      <c r="LFU685" s="613"/>
      <c r="LFV685" s="613"/>
      <c r="LFW685" s="613"/>
      <c r="LFX685" s="613"/>
      <c r="LFY685" s="613"/>
      <c r="LFZ685" s="613"/>
      <c r="LGA685" s="613"/>
      <c r="LGB685" s="613"/>
      <c r="LGC685" s="613"/>
      <c r="LGD685" s="613"/>
      <c r="LGE685" s="613"/>
      <c r="LGF685" s="613"/>
      <c r="LGG685" s="613"/>
      <c r="LGH685" s="613"/>
      <c r="LGI685" s="613"/>
      <c r="LGJ685" s="613"/>
      <c r="LGK685" s="613"/>
      <c r="LGL685" s="613"/>
      <c r="LGM685" s="613"/>
      <c r="LGN685" s="613"/>
      <c r="LGO685" s="613"/>
      <c r="LGP685" s="613"/>
      <c r="LGQ685" s="613"/>
      <c r="LGR685" s="613"/>
      <c r="LGS685" s="613"/>
      <c r="LGT685" s="613"/>
      <c r="LGU685" s="613"/>
      <c r="LGV685" s="613"/>
      <c r="LGW685" s="613"/>
      <c r="LGX685" s="613"/>
      <c r="LGY685" s="613"/>
      <c r="LGZ685" s="613"/>
      <c r="LHA685" s="613"/>
      <c r="LHB685" s="613"/>
      <c r="LHC685" s="613"/>
      <c r="LHD685" s="613"/>
      <c r="LHE685" s="613"/>
      <c r="LHF685" s="613"/>
      <c r="LHG685" s="613"/>
      <c r="LHH685" s="613"/>
      <c r="LHI685" s="613"/>
      <c r="LHJ685" s="613"/>
      <c r="LHK685" s="613"/>
      <c r="LHL685" s="613"/>
      <c r="LHM685" s="613"/>
      <c r="LHN685" s="613"/>
      <c r="LHO685" s="613"/>
      <c r="LHP685" s="613"/>
      <c r="LHQ685" s="613"/>
      <c r="LHR685" s="613"/>
      <c r="LHS685" s="613"/>
      <c r="LHT685" s="613"/>
      <c r="LHU685" s="613"/>
      <c r="LHV685" s="613"/>
      <c r="LHW685" s="613"/>
      <c r="LHX685" s="613"/>
      <c r="LHY685" s="613"/>
      <c r="LHZ685" s="613"/>
      <c r="LIA685" s="613"/>
      <c r="LIB685" s="613"/>
      <c r="LIC685" s="613"/>
      <c r="LID685" s="613"/>
      <c r="LIE685" s="613"/>
      <c r="LIF685" s="613"/>
      <c r="LIG685" s="613"/>
      <c r="LIH685" s="613"/>
      <c r="LII685" s="613"/>
      <c r="LIJ685" s="613"/>
      <c r="LIK685" s="613"/>
      <c r="LIL685" s="613"/>
      <c r="LIM685" s="613"/>
      <c r="LIN685" s="613"/>
      <c r="LIO685" s="613"/>
      <c r="LIP685" s="613"/>
      <c r="LIQ685" s="613"/>
      <c r="LIR685" s="613"/>
      <c r="LIS685" s="613"/>
      <c r="LIT685" s="613"/>
      <c r="LIU685" s="613"/>
      <c r="LIV685" s="613"/>
      <c r="LIW685" s="613"/>
      <c r="LIX685" s="613"/>
      <c r="LIY685" s="613"/>
      <c r="LIZ685" s="613"/>
      <c r="LJA685" s="613"/>
      <c r="LJB685" s="613"/>
      <c r="LJC685" s="613"/>
      <c r="LJD685" s="613"/>
      <c r="LJE685" s="613"/>
      <c r="LJF685" s="613"/>
      <c r="LJG685" s="613"/>
      <c r="LJH685" s="613"/>
      <c r="LJI685" s="613"/>
      <c r="LJJ685" s="613"/>
      <c r="LJK685" s="613"/>
      <c r="LJL685" s="613"/>
      <c r="LJM685" s="613"/>
      <c r="LJN685" s="613"/>
      <c r="LJO685" s="613"/>
      <c r="LJP685" s="613"/>
      <c r="LJQ685" s="613"/>
      <c r="LJR685" s="613"/>
      <c r="LJS685" s="613"/>
      <c r="LJT685" s="613"/>
      <c r="LJU685" s="613"/>
      <c r="LJV685" s="613"/>
      <c r="LJW685" s="613"/>
      <c r="LJX685" s="613"/>
      <c r="LJY685" s="613"/>
      <c r="LJZ685" s="613"/>
      <c r="LKA685" s="613"/>
      <c r="LKB685" s="613"/>
      <c r="LKC685" s="613"/>
      <c r="LKD685" s="613"/>
      <c r="LKE685" s="613"/>
      <c r="LKF685" s="613"/>
      <c r="LKG685" s="613"/>
      <c r="LKH685" s="613"/>
      <c r="LKI685" s="613"/>
      <c r="LKJ685" s="613"/>
      <c r="LKK685" s="613"/>
      <c r="LKL685" s="613"/>
      <c r="LKM685" s="613"/>
      <c r="LKN685" s="613"/>
      <c r="LKO685" s="613"/>
      <c r="LKP685" s="613"/>
      <c r="LKQ685" s="613"/>
      <c r="LKR685" s="613"/>
      <c r="LKS685" s="613"/>
      <c r="LKT685" s="613"/>
      <c r="LKU685" s="613"/>
      <c r="LKV685" s="613"/>
      <c r="LKW685" s="613"/>
      <c r="LKX685" s="613"/>
      <c r="LKY685" s="613"/>
      <c r="LKZ685" s="613"/>
      <c r="LLA685" s="613"/>
      <c r="LLB685" s="613"/>
      <c r="LLC685" s="613"/>
      <c r="LLD685" s="613"/>
      <c r="LLE685" s="613"/>
      <c r="LLF685" s="613"/>
      <c r="LLG685" s="613"/>
      <c r="LLH685" s="613"/>
      <c r="LLI685" s="613"/>
      <c r="LLJ685" s="613"/>
      <c r="LLK685" s="613"/>
      <c r="LLL685" s="613"/>
      <c r="LLM685" s="613"/>
      <c r="LLN685" s="613"/>
      <c r="LLO685" s="613"/>
      <c r="LLP685" s="613"/>
      <c r="LLQ685" s="613"/>
      <c r="LLR685" s="613"/>
      <c r="LLS685" s="613"/>
      <c r="LLT685" s="613"/>
      <c r="LLU685" s="613"/>
      <c r="LLV685" s="613"/>
      <c r="LLW685" s="613"/>
      <c r="LLX685" s="613"/>
      <c r="LLY685" s="613"/>
      <c r="LLZ685" s="613"/>
      <c r="LMA685" s="613"/>
      <c r="LMB685" s="613"/>
      <c r="LMC685" s="613"/>
      <c r="LMD685" s="613"/>
      <c r="LME685" s="613"/>
      <c r="LMF685" s="613"/>
      <c r="LMG685" s="613"/>
      <c r="LMH685" s="613"/>
      <c r="LMI685" s="613"/>
      <c r="LMJ685" s="613"/>
      <c r="LMK685" s="613"/>
      <c r="LML685" s="613"/>
      <c r="LMM685" s="613"/>
      <c r="LMN685" s="613"/>
      <c r="LMO685" s="613"/>
      <c r="LMP685" s="613"/>
      <c r="LMQ685" s="613"/>
      <c r="LMR685" s="613"/>
      <c r="LMS685" s="613"/>
      <c r="LMT685" s="613"/>
      <c r="LMU685" s="613"/>
      <c r="LMV685" s="613"/>
      <c r="LMW685" s="613"/>
      <c r="LMX685" s="613"/>
      <c r="LMY685" s="613"/>
      <c r="LMZ685" s="613"/>
      <c r="LNA685" s="613"/>
      <c r="LNB685" s="613"/>
      <c r="LNC685" s="613"/>
      <c r="LND685" s="613"/>
      <c r="LNE685" s="613"/>
      <c r="LNF685" s="613"/>
      <c r="LNG685" s="613"/>
      <c r="LNH685" s="613"/>
      <c r="LNI685" s="613"/>
      <c r="LNJ685" s="613"/>
      <c r="LNK685" s="613"/>
      <c r="LNL685" s="613"/>
      <c r="LNM685" s="613"/>
      <c r="LNN685" s="613"/>
      <c r="LNO685" s="613"/>
      <c r="LNP685" s="613"/>
      <c r="LNQ685" s="613"/>
      <c r="LNR685" s="613"/>
      <c r="LNS685" s="613"/>
      <c r="LNT685" s="613"/>
      <c r="LNU685" s="613"/>
      <c r="LNV685" s="613"/>
      <c r="LNW685" s="613"/>
      <c r="LNX685" s="613"/>
      <c r="LNY685" s="613"/>
      <c r="LNZ685" s="613"/>
      <c r="LOA685" s="613"/>
      <c r="LOB685" s="613"/>
      <c r="LOC685" s="613"/>
      <c r="LOD685" s="613"/>
      <c r="LOE685" s="613"/>
      <c r="LOF685" s="613"/>
      <c r="LOG685" s="613"/>
      <c r="LOH685" s="613"/>
      <c r="LOI685" s="613"/>
      <c r="LOJ685" s="613"/>
      <c r="LOK685" s="613"/>
      <c r="LOL685" s="613"/>
      <c r="LOM685" s="613"/>
      <c r="LON685" s="613"/>
      <c r="LOO685" s="613"/>
      <c r="LOP685" s="613"/>
      <c r="LOQ685" s="613"/>
      <c r="LOR685" s="613"/>
      <c r="LOS685" s="613"/>
      <c r="LOT685" s="613"/>
      <c r="LOU685" s="613"/>
      <c r="LOV685" s="613"/>
      <c r="LOW685" s="613"/>
      <c r="LOX685" s="613"/>
      <c r="LOY685" s="613"/>
      <c r="LOZ685" s="613"/>
      <c r="LPA685" s="613"/>
      <c r="LPB685" s="613"/>
      <c r="LPC685" s="613"/>
      <c r="LPD685" s="613"/>
      <c r="LPE685" s="613"/>
      <c r="LPF685" s="613"/>
      <c r="LPG685" s="613"/>
      <c r="LPH685" s="613"/>
      <c r="LPI685" s="613"/>
      <c r="LPJ685" s="613"/>
      <c r="LPK685" s="613"/>
      <c r="LPL685" s="613"/>
      <c r="LPM685" s="613"/>
      <c r="LPN685" s="613"/>
      <c r="LPO685" s="613"/>
      <c r="LPP685" s="613"/>
      <c r="LPQ685" s="613"/>
      <c r="LPR685" s="613"/>
      <c r="LPS685" s="613"/>
      <c r="LPT685" s="613"/>
      <c r="LPU685" s="613"/>
      <c r="LPV685" s="613"/>
      <c r="LPW685" s="613"/>
      <c r="LPX685" s="613"/>
      <c r="LPY685" s="613"/>
      <c r="LPZ685" s="613"/>
      <c r="LQA685" s="613"/>
      <c r="LQB685" s="613"/>
      <c r="LQC685" s="613"/>
      <c r="LQD685" s="613"/>
      <c r="LQE685" s="613"/>
      <c r="LQF685" s="613"/>
      <c r="LQG685" s="613"/>
      <c r="LQH685" s="613"/>
      <c r="LQI685" s="613"/>
      <c r="LQJ685" s="613"/>
      <c r="LQK685" s="613"/>
      <c r="LQL685" s="613"/>
      <c r="LQM685" s="613"/>
      <c r="LQN685" s="613"/>
      <c r="LQO685" s="613"/>
      <c r="LQP685" s="613"/>
      <c r="LQQ685" s="613"/>
      <c r="LQR685" s="613"/>
      <c r="LQS685" s="613"/>
      <c r="LQT685" s="613"/>
      <c r="LQU685" s="613"/>
      <c r="LQV685" s="613"/>
      <c r="LQW685" s="613"/>
      <c r="LQX685" s="613"/>
      <c r="LQY685" s="613"/>
      <c r="LQZ685" s="613"/>
      <c r="LRA685" s="613"/>
      <c r="LRB685" s="613"/>
      <c r="LRC685" s="613"/>
      <c r="LRD685" s="613"/>
      <c r="LRE685" s="613"/>
      <c r="LRF685" s="613"/>
      <c r="LRG685" s="613"/>
      <c r="LRH685" s="613"/>
      <c r="LRI685" s="613"/>
      <c r="LRJ685" s="613"/>
      <c r="LRK685" s="613"/>
      <c r="LRL685" s="613"/>
      <c r="LRM685" s="613"/>
      <c r="LRN685" s="613"/>
      <c r="LRO685" s="613"/>
      <c r="LRP685" s="613"/>
      <c r="LRQ685" s="613"/>
      <c r="LRR685" s="613"/>
      <c r="LRS685" s="613"/>
      <c r="LRT685" s="613"/>
      <c r="LRU685" s="613"/>
      <c r="LRV685" s="613"/>
      <c r="LRW685" s="613"/>
      <c r="LRX685" s="613"/>
      <c r="LRY685" s="613"/>
      <c r="LRZ685" s="613"/>
      <c r="LSA685" s="613"/>
      <c r="LSB685" s="613"/>
      <c r="LSC685" s="613"/>
      <c r="LSD685" s="613"/>
      <c r="LSE685" s="613"/>
      <c r="LSF685" s="613"/>
      <c r="LSG685" s="613"/>
      <c r="LSH685" s="613"/>
      <c r="LSI685" s="613"/>
      <c r="LSJ685" s="613"/>
      <c r="LSK685" s="613"/>
      <c r="LSL685" s="613"/>
      <c r="LSM685" s="613"/>
      <c r="LSN685" s="613"/>
      <c r="LSO685" s="613"/>
      <c r="LSP685" s="613"/>
      <c r="LSQ685" s="613"/>
      <c r="LSR685" s="613"/>
      <c r="LSS685" s="613"/>
      <c r="LST685" s="613"/>
      <c r="LSU685" s="613"/>
      <c r="LSV685" s="613"/>
      <c r="LSW685" s="613"/>
      <c r="LSX685" s="613"/>
      <c r="LSY685" s="613"/>
      <c r="LSZ685" s="613"/>
      <c r="LTA685" s="613"/>
      <c r="LTB685" s="613"/>
      <c r="LTC685" s="613"/>
      <c r="LTD685" s="613"/>
      <c r="LTE685" s="613"/>
      <c r="LTF685" s="613"/>
      <c r="LTG685" s="613"/>
      <c r="LTH685" s="613"/>
      <c r="LTI685" s="613"/>
      <c r="LTJ685" s="613"/>
      <c r="LTK685" s="613"/>
      <c r="LTL685" s="613"/>
      <c r="LTM685" s="613"/>
      <c r="LTN685" s="613"/>
      <c r="LTO685" s="613"/>
      <c r="LTP685" s="613"/>
      <c r="LTQ685" s="613"/>
      <c r="LTR685" s="613"/>
      <c r="LTS685" s="613"/>
      <c r="LTT685" s="613"/>
      <c r="LTU685" s="613"/>
      <c r="LTV685" s="613"/>
      <c r="LTW685" s="613"/>
      <c r="LTX685" s="613"/>
      <c r="LTY685" s="613"/>
      <c r="LTZ685" s="613"/>
      <c r="LUA685" s="613"/>
      <c r="LUB685" s="613"/>
      <c r="LUC685" s="613"/>
      <c r="LUD685" s="613"/>
      <c r="LUE685" s="613"/>
      <c r="LUF685" s="613"/>
      <c r="LUG685" s="613"/>
      <c r="LUH685" s="613"/>
      <c r="LUI685" s="613"/>
      <c r="LUJ685" s="613"/>
      <c r="LUK685" s="613"/>
      <c r="LUL685" s="613"/>
      <c r="LUM685" s="613"/>
      <c r="LUN685" s="613"/>
      <c r="LUO685" s="613"/>
      <c r="LUP685" s="613"/>
      <c r="LUQ685" s="613"/>
      <c r="LUR685" s="613"/>
      <c r="LUS685" s="613"/>
      <c r="LUT685" s="613"/>
      <c r="LUU685" s="613"/>
      <c r="LUV685" s="613"/>
      <c r="LUW685" s="613"/>
      <c r="LUX685" s="613"/>
      <c r="LUY685" s="613"/>
      <c r="LUZ685" s="613"/>
      <c r="LVA685" s="613"/>
      <c r="LVB685" s="613"/>
      <c r="LVC685" s="613"/>
      <c r="LVD685" s="613"/>
      <c r="LVE685" s="613"/>
      <c r="LVF685" s="613"/>
      <c r="LVG685" s="613"/>
      <c r="LVH685" s="613"/>
      <c r="LVI685" s="613"/>
      <c r="LVJ685" s="613"/>
      <c r="LVK685" s="613"/>
      <c r="LVL685" s="613"/>
      <c r="LVM685" s="613"/>
      <c r="LVN685" s="613"/>
      <c r="LVO685" s="613"/>
      <c r="LVP685" s="613"/>
      <c r="LVQ685" s="613"/>
      <c r="LVR685" s="613"/>
      <c r="LVS685" s="613"/>
      <c r="LVT685" s="613"/>
      <c r="LVU685" s="613"/>
      <c r="LVV685" s="613"/>
      <c r="LVW685" s="613"/>
      <c r="LVX685" s="613"/>
      <c r="LVY685" s="613"/>
      <c r="LVZ685" s="613"/>
      <c r="LWA685" s="613"/>
      <c r="LWB685" s="613"/>
      <c r="LWC685" s="613"/>
      <c r="LWD685" s="613"/>
      <c r="LWE685" s="613"/>
      <c r="LWF685" s="613"/>
      <c r="LWG685" s="613"/>
      <c r="LWH685" s="613"/>
      <c r="LWI685" s="613"/>
      <c r="LWJ685" s="613"/>
      <c r="LWK685" s="613"/>
      <c r="LWL685" s="613"/>
      <c r="LWM685" s="613"/>
      <c r="LWN685" s="613"/>
      <c r="LWO685" s="613"/>
      <c r="LWP685" s="613"/>
      <c r="LWQ685" s="613"/>
      <c r="LWR685" s="613"/>
      <c r="LWS685" s="613"/>
      <c r="LWT685" s="613"/>
      <c r="LWU685" s="613"/>
      <c r="LWV685" s="613"/>
      <c r="LWW685" s="613"/>
      <c r="LWX685" s="613"/>
      <c r="LWY685" s="613"/>
      <c r="LWZ685" s="613"/>
      <c r="LXA685" s="613"/>
      <c r="LXB685" s="613"/>
      <c r="LXC685" s="613"/>
      <c r="LXD685" s="613"/>
      <c r="LXE685" s="613"/>
      <c r="LXF685" s="613"/>
      <c r="LXG685" s="613"/>
      <c r="LXH685" s="613"/>
      <c r="LXI685" s="613"/>
      <c r="LXJ685" s="613"/>
      <c r="LXK685" s="613"/>
      <c r="LXL685" s="613"/>
      <c r="LXM685" s="613"/>
      <c r="LXN685" s="613"/>
      <c r="LXO685" s="613"/>
      <c r="LXP685" s="613"/>
      <c r="LXQ685" s="613"/>
      <c r="LXR685" s="613"/>
      <c r="LXS685" s="613"/>
      <c r="LXT685" s="613"/>
      <c r="LXU685" s="613"/>
      <c r="LXV685" s="613"/>
      <c r="LXW685" s="613"/>
      <c r="LXX685" s="613"/>
      <c r="LXY685" s="613"/>
      <c r="LXZ685" s="613"/>
      <c r="LYA685" s="613"/>
      <c r="LYB685" s="613"/>
      <c r="LYC685" s="613"/>
      <c r="LYD685" s="613"/>
      <c r="LYE685" s="613"/>
      <c r="LYF685" s="613"/>
      <c r="LYG685" s="613"/>
      <c r="LYH685" s="613"/>
      <c r="LYI685" s="613"/>
      <c r="LYJ685" s="613"/>
      <c r="LYK685" s="613"/>
      <c r="LYL685" s="613"/>
      <c r="LYM685" s="613"/>
      <c r="LYN685" s="613"/>
      <c r="LYO685" s="613"/>
      <c r="LYP685" s="613"/>
      <c r="LYQ685" s="613"/>
      <c r="LYR685" s="613"/>
      <c r="LYS685" s="613"/>
      <c r="LYT685" s="613"/>
      <c r="LYU685" s="613"/>
      <c r="LYV685" s="613"/>
      <c r="LYW685" s="613"/>
      <c r="LYX685" s="613"/>
      <c r="LYY685" s="613"/>
      <c r="LYZ685" s="613"/>
      <c r="LZA685" s="613"/>
      <c r="LZB685" s="613"/>
      <c r="LZC685" s="613"/>
      <c r="LZD685" s="613"/>
      <c r="LZE685" s="613"/>
      <c r="LZF685" s="613"/>
      <c r="LZG685" s="613"/>
      <c r="LZH685" s="613"/>
      <c r="LZI685" s="613"/>
      <c r="LZJ685" s="613"/>
      <c r="LZK685" s="613"/>
      <c r="LZL685" s="613"/>
      <c r="LZM685" s="613"/>
      <c r="LZN685" s="613"/>
      <c r="LZO685" s="613"/>
      <c r="LZP685" s="613"/>
      <c r="LZQ685" s="613"/>
      <c r="LZR685" s="613"/>
      <c r="LZS685" s="613"/>
      <c r="LZT685" s="613"/>
      <c r="LZU685" s="613"/>
      <c r="LZV685" s="613"/>
      <c r="LZW685" s="613"/>
      <c r="LZX685" s="613"/>
      <c r="LZY685" s="613"/>
      <c r="LZZ685" s="613"/>
      <c r="MAA685" s="613"/>
      <c r="MAB685" s="613"/>
      <c r="MAC685" s="613"/>
      <c r="MAD685" s="613"/>
      <c r="MAE685" s="613"/>
      <c r="MAF685" s="613"/>
      <c r="MAG685" s="613"/>
      <c r="MAH685" s="613"/>
      <c r="MAI685" s="613"/>
      <c r="MAJ685" s="613"/>
      <c r="MAK685" s="613"/>
      <c r="MAL685" s="613"/>
      <c r="MAM685" s="613"/>
      <c r="MAN685" s="613"/>
      <c r="MAO685" s="613"/>
      <c r="MAP685" s="613"/>
      <c r="MAQ685" s="613"/>
      <c r="MAR685" s="613"/>
      <c r="MAS685" s="613"/>
      <c r="MAT685" s="613"/>
      <c r="MAU685" s="613"/>
      <c r="MAV685" s="613"/>
      <c r="MAW685" s="613"/>
      <c r="MAX685" s="613"/>
      <c r="MAY685" s="613"/>
      <c r="MAZ685" s="613"/>
      <c r="MBA685" s="613"/>
      <c r="MBB685" s="613"/>
      <c r="MBC685" s="613"/>
      <c r="MBD685" s="613"/>
      <c r="MBE685" s="613"/>
      <c r="MBF685" s="613"/>
      <c r="MBG685" s="613"/>
      <c r="MBH685" s="613"/>
      <c r="MBI685" s="613"/>
      <c r="MBJ685" s="613"/>
      <c r="MBK685" s="613"/>
      <c r="MBL685" s="613"/>
      <c r="MBM685" s="613"/>
      <c r="MBN685" s="613"/>
      <c r="MBO685" s="613"/>
      <c r="MBP685" s="613"/>
      <c r="MBQ685" s="613"/>
      <c r="MBR685" s="613"/>
      <c r="MBS685" s="613"/>
      <c r="MBT685" s="613"/>
      <c r="MBU685" s="613"/>
      <c r="MBV685" s="613"/>
      <c r="MBW685" s="613"/>
      <c r="MBX685" s="613"/>
      <c r="MBY685" s="613"/>
      <c r="MBZ685" s="613"/>
      <c r="MCA685" s="613"/>
      <c r="MCB685" s="613"/>
      <c r="MCC685" s="613"/>
      <c r="MCD685" s="613"/>
      <c r="MCE685" s="613"/>
      <c r="MCF685" s="613"/>
      <c r="MCG685" s="613"/>
      <c r="MCH685" s="613"/>
      <c r="MCI685" s="613"/>
      <c r="MCJ685" s="613"/>
      <c r="MCK685" s="613"/>
      <c r="MCL685" s="613"/>
      <c r="MCM685" s="613"/>
      <c r="MCN685" s="613"/>
      <c r="MCO685" s="613"/>
      <c r="MCP685" s="613"/>
      <c r="MCQ685" s="613"/>
      <c r="MCR685" s="613"/>
      <c r="MCS685" s="613"/>
      <c r="MCT685" s="613"/>
      <c r="MCU685" s="613"/>
      <c r="MCV685" s="613"/>
      <c r="MCW685" s="613"/>
      <c r="MCX685" s="613"/>
      <c r="MCY685" s="613"/>
      <c r="MCZ685" s="613"/>
      <c r="MDA685" s="613"/>
      <c r="MDB685" s="613"/>
      <c r="MDC685" s="613"/>
      <c r="MDD685" s="613"/>
      <c r="MDE685" s="613"/>
      <c r="MDF685" s="613"/>
      <c r="MDG685" s="613"/>
      <c r="MDH685" s="613"/>
      <c r="MDI685" s="613"/>
      <c r="MDJ685" s="613"/>
      <c r="MDK685" s="613"/>
      <c r="MDL685" s="613"/>
      <c r="MDM685" s="613"/>
      <c r="MDN685" s="613"/>
      <c r="MDO685" s="613"/>
      <c r="MDP685" s="613"/>
      <c r="MDQ685" s="613"/>
      <c r="MDR685" s="613"/>
      <c r="MDS685" s="613"/>
      <c r="MDT685" s="613"/>
      <c r="MDU685" s="613"/>
      <c r="MDV685" s="613"/>
      <c r="MDW685" s="613"/>
      <c r="MDX685" s="613"/>
      <c r="MDY685" s="613"/>
      <c r="MDZ685" s="613"/>
      <c r="MEA685" s="613"/>
      <c r="MEB685" s="613"/>
      <c r="MEC685" s="613"/>
      <c r="MED685" s="613"/>
      <c r="MEE685" s="613"/>
      <c r="MEF685" s="613"/>
      <c r="MEG685" s="613"/>
      <c r="MEH685" s="613"/>
      <c r="MEI685" s="613"/>
      <c r="MEJ685" s="613"/>
      <c r="MEK685" s="613"/>
      <c r="MEL685" s="613"/>
      <c r="MEM685" s="613"/>
      <c r="MEN685" s="613"/>
      <c r="MEO685" s="613"/>
      <c r="MEP685" s="613"/>
      <c r="MEQ685" s="613"/>
      <c r="MER685" s="613"/>
      <c r="MES685" s="613"/>
      <c r="MET685" s="613"/>
      <c r="MEU685" s="613"/>
      <c r="MEV685" s="613"/>
      <c r="MEW685" s="613"/>
      <c r="MEX685" s="613"/>
      <c r="MEY685" s="613"/>
      <c r="MEZ685" s="613"/>
      <c r="MFA685" s="613"/>
      <c r="MFB685" s="613"/>
      <c r="MFC685" s="613"/>
      <c r="MFD685" s="613"/>
      <c r="MFE685" s="613"/>
      <c r="MFF685" s="613"/>
      <c r="MFG685" s="613"/>
      <c r="MFH685" s="613"/>
      <c r="MFI685" s="613"/>
      <c r="MFJ685" s="613"/>
      <c r="MFK685" s="613"/>
      <c r="MFL685" s="613"/>
      <c r="MFM685" s="613"/>
      <c r="MFN685" s="613"/>
      <c r="MFO685" s="613"/>
      <c r="MFP685" s="613"/>
      <c r="MFQ685" s="613"/>
      <c r="MFR685" s="613"/>
      <c r="MFS685" s="613"/>
      <c r="MFT685" s="613"/>
      <c r="MFU685" s="613"/>
      <c r="MFV685" s="613"/>
      <c r="MFW685" s="613"/>
      <c r="MFX685" s="613"/>
      <c r="MFY685" s="613"/>
      <c r="MFZ685" s="613"/>
      <c r="MGA685" s="613"/>
      <c r="MGB685" s="613"/>
      <c r="MGC685" s="613"/>
      <c r="MGD685" s="613"/>
      <c r="MGE685" s="613"/>
      <c r="MGF685" s="613"/>
      <c r="MGG685" s="613"/>
      <c r="MGH685" s="613"/>
      <c r="MGI685" s="613"/>
      <c r="MGJ685" s="613"/>
      <c r="MGK685" s="613"/>
      <c r="MGL685" s="613"/>
      <c r="MGM685" s="613"/>
      <c r="MGN685" s="613"/>
      <c r="MGO685" s="613"/>
      <c r="MGP685" s="613"/>
      <c r="MGQ685" s="613"/>
      <c r="MGR685" s="613"/>
      <c r="MGS685" s="613"/>
      <c r="MGT685" s="613"/>
      <c r="MGU685" s="613"/>
      <c r="MGV685" s="613"/>
      <c r="MGW685" s="613"/>
      <c r="MGX685" s="613"/>
      <c r="MGY685" s="613"/>
      <c r="MGZ685" s="613"/>
      <c r="MHA685" s="613"/>
      <c r="MHB685" s="613"/>
      <c r="MHC685" s="613"/>
      <c r="MHD685" s="613"/>
      <c r="MHE685" s="613"/>
      <c r="MHF685" s="613"/>
      <c r="MHG685" s="613"/>
      <c r="MHH685" s="613"/>
      <c r="MHI685" s="613"/>
      <c r="MHJ685" s="613"/>
      <c r="MHK685" s="613"/>
      <c r="MHL685" s="613"/>
      <c r="MHM685" s="613"/>
      <c r="MHN685" s="613"/>
      <c r="MHO685" s="613"/>
      <c r="MHP685" s="613"/>
      <c r="MHQ685" s="613"/>
      <c r="MHR685" s="613"/>
      <c r="MHS685" s="613"/>
      <c r="MHT685" s="613"/>
      <c r="MHU685" s="613"/>
      <c r="MHV685" s="613"/>
      <c r="MHW685" s="613"/>
      <c r="MHX685" s="613"/>
      <c r="MHY685" s="613"/>
      <c r="MHZ685" s="613"/>
      <c r="MIA685" s="613"/>
      <c r="MIB685" s="613"/>
      <c r="MIC685" s="613"/>
      <c r="MID685" s="613"/>
      <c r="MIE685" s="613"/>
      <c r="MIF685" s="613"/>
      <c r="MIG685" s="613"/>
      <c r="MIH685" s="613"/>
      <c r="MII685" s="613"/>
      <c r="MIJ685" s="613"/>
      <c r="MIK685" s="613"/>
      <c r="MIL685" s="613"/>
      <c r="MIM685" s="613"/>
      <c r="MIN685" s="613"/>
      <c r="MIO685" s="613"/>
      <c r="MIP685" s="613"/>
      <c r="MIQ685" s="613"/>
      <c r="MIR685" s="613"/>
      <c r="MIS685" s="613"/>
      <c r="MIT685" s="613"/>
      <c r="MIU685" s="613"/>
      <c r="MIV685" s="613"/>
      <c r="MIW685" s="613"/>
      <c r="MIX685" s="613"/>
      <c r="MIY685" s="613"/>
      <c r="MIZ685" s="613"/>
      <c r="MJA685" s="613"/>
      <c r="MJB685" s="613"/>
      <c r="MJC685" s="613"/>
      <c r="MJD685" s="613"/>
      <c r="MJE685" s="613"/>
      <c r="MJF685" s="613"/>
      <c r="MJG685" s="613"/>
      <c r="MJH685" s="613"/>
      <c r="MJI685" s="613"/>
      <c r="MJJ685" s="613"/>
      <c r="MJK685" s="613"/>
      <c r="MJL685" s="613"/>
      <c r="MJM685" s="613"/>
      <c r="MJN685" s="613"/>
      <c r="MJO685" s="613"/>
      <c r="MJP685" s="613"/>
      <c r="MJQ685" s="613"/>
      <c r="MJR685" s="613"/>
      <c r="MJS685" s="613"/>
      <c r="MJT685" s="613"/>
      <c r="MJU685" s="613"/>
      <c r="MJV685" s="613"/>
      <c r="MJW685" s="613"/>
      <c r="MJX685" s="613"/>
      <c r="MJY685" s="613"/>
      <c r="MJZ685" s="613"/>
      <c r="MKA685" s="613"/>
      <c r="MKB685" s="613"/>
      <c r="MKC685" s="613"/>
      <c r="MKD685" s="613"/>
      <c r="MKE685" s="613"/>
      <c r="MKF685" s="613"/>
      <c r="MKG685" s="613"/>
      <c r="MKH685" s="613"/>
      <c r="MKI685" s="613"/>
      <c r="MKJ685" s="613"/>
      <c r="MKK685" s="613"/>
      <c r="MKL685" s="613"/>
      <c r="MKM685" s="613"/>
      <c r="MKN685" s="613"/>
      <c r="MKO685" s="613"/>
      <c r="MKP685" s="613"/>
      <c r="MKQ685" s="613"/>
      <c r="MKR685" s="613"/>
      <c r="MKS685" s="613"/>
      <c r="MKT685" s="613"/>
      <c r="MKU685" s="613"/>
      <c r="MKV685" s="613"/>
      <c r="MKW685" s="613"/>
      <c r="MKX685" s="613"/>
      <c r="MKY685" s="613"/>
      <c r="MKZ685" s="613"/>
      <c r="MLA685" s="613"/>
      <c r="MLB685" s="613"/>
      <c r="MLC685" s="613"/>
      <c r="MLD685" s="613"/>
      <c r="MLE685" s="613"/>
      <c r="MLF685" s="613"/>
      <c r="MLG685" s="613"/>
      <c r="MLH685" s="613"/>
      <c r="MLI685" s="613"/>
      <c r="MLJ685" s="613"/>
      <c r="MLK685" s="613"/>
      <c r="MLL685" s="613"/>
      <c r="MLM685" s="613"/>
      <c r="MLN685" s="613"/>
      <c r="MLO685" s="613"/>
      <c r="MLP685" s="613"/>
      <c r="MLQ685" s="613"/>
      <c r="MLR685" s="613"/>
      <c r="MLS685" s="613"/>
      <c r="MLT685" s="613"/>
      <c r="MLU685" s="613"/>
      <c r="MLV685" s="613"/>
      <c r="MLW685" s="613"/>
      <c r="MLX685" s="613"/>
      <c r="MLY685" s="613"/>
      <c r="MLZ685" s="613"/>
      <c r="MMA685" s="613"/>
      <c r="MMB685" s="613"/>
      <c r="MMC685" s="613"/>
      <c r="MMD685" s="613"/>
      <c r="MME685" s="613"/>
      <c r="MMF685" s="613"/>
      <c r="MMG685" s="613"/>
      <c r="MMH685" s="613"/>
      <c r="MMI685" s="613"/>
      <c r="MMJ685" s="613"/>
      <c r="MMK685" s="613"/>
      <c r="MML685" s="613"/>
      <c r="MMM685" s="613"/>
      <c r="MMN685" s="613"/>
      <c r="MMO685" s="613"/>
      <c r="MMP685" s="613"/>
      <c r="MMQ685" s="613"/>
      <c r="MMR685" s="613"/>
      <c r="MMS685" s="613"/>
      <c r="MMT685" s="613"/>
      <c r="MMU685" s="613"/>
      <c r="MMV685" s="613"/>
      <c r="MMW685" s="613"/>
      <c r="MMX685" s="613"/>
      <c r="MMY685" s="613"/>
      <c r="MMZ685" s="613"/>
      <c r="MNA685" s="613"/>
      <c r="MNB685" s="613"/>
      <c r="MNC685" s="613"/>
      <c r="MND685" s="613"/>
      <c r="MNE685" s="613"/>
      <c r="MNF685" s="613"/>
      <c r="MNG685" s="613"/>
      <c r="MNH685" s="613"/>
      <c r="MNI685" s="613"/>
      <c r="MNJ685" s="613"/>
      <c r="MNK685" s="613"/>
      <c r="MNL685" s="613"/>
      <c r="MNM685" s="613"/>
      <c r="MNN685" s="613"/>
      <c r="MNO685" s="613"/>
      <c r="MNP685" s="613"/>
      <c r="MNQ685" s="613"/>
      <c r="MNR685" s="613"/>
      <c r="MNS685" s="613"/>
      <c r="MNT685" s="613"/>
      <c r="MNU685" s="613"/>
      <c r="MNV685" s="613"/>
      <c r="MNW685" s="613"/>
      <c r="MNX685" s="613"/>
      <c r="MNY685" s="613"/>
      <c r="MNZ685" s="613"/>
      <c r="MOA685" s="613"/>
      <c r="MOB685" s="613"/>
      <c r="MOC685" s="613"/>
      <c r="MOD685" s="613"/>
      <c r="MOE685" s="613"/>
      <c r="MOF685" s="613"/>
      <c r="MOG685" s="613"/>
      <c r="MOH685" s="613"/>
      <c r="MOI685" s="613"/>
      <c r="MOJ685" s="613"/>
      <c r="MOK685" s="613"/>
      <c r="MOL685" s="613"/>
      <c r="MOM685" s="613"/>
      <c r="MON685" s="613"/>
      <c r="MOO685" s="613"/>
      <c r="MOP685" s="613"/>
      <c r="MOQ685" s="613"/>
      <c r="MOR685" s="613"/>
      <c r="MOS685" s="613"/>
      <c r="MOT685" s="613"/>
      <c r="MOU685" s="613"/>
      <c r="MOV685" s="613"/>
      <c r="MOW685" s="613"/>
      <c r="MOX685" s="613"/>
      <c r="MOY685" s="613"/>
      <c r="MOZ685" s="613"/>
      <c r="MPA685" s="613"/>
      <c r="MPB685" s="613"/>
      <c r="MPC685" s="613"/>
      <c r="MPD685" s="613"/>
      <c r="MPE685" s="613"/>
      <c r="MPF685" s="613"/>
      <c r="MPG685" s="613"/>
      <c r="MPH685" s="613"/>
      <c r="MPI685" s="613"/>
      <c r="MPJ685" s="613"/>
      <c r="MPK685" s="613"/>
      <c r="MPL685" s="613"/>
      <c r="MPM685" s="613"/>
      <c r="MPN685" s="613"/>
      <c r="MPO685" s="613"/>
      <c r="MPP685" s="613"/>
      <c r="MPQ685" s="613"/>
      <c r="MPR685" s="613"/>
      <c r="MPS685" s="613"/>
      <c r="MPT685" s="613"/>
      <c r="MPU685" s="613"/>
      <c r="MPV685" s="613"/>
      <c r="MPW685" s="613"/>
      <c r="MPX685" s="613"/>
      <c r="MPY685" s="613"/>
      <c r="MPZ685" s="613"/>
      <c r="MQA685" s="613"/>
      <c r="MQB685" s="613"/>
      <c r="MQC685" s="613"/>
      <c r="MQD685" s="613"/>
      <c r="MQE685" s="613"/>
      <c r="MQF685" s="613"/>
      <c r="MQG685" s="613"/>
      <c r="MQH685" s="613"/>
      <c r="MQI685" s="613"/>
      <c r="MQJ685" s="613"/>
      <c r="MQK685" s="613"/>
      <c r="MQL685" s="613"/>
      <c r="MQM685" s="613"/>
      <c r="MQN685" s="613"/>
      <c r="MQO685" s="613"/>
      <c r="MQP685" s="613"/>
      <c r="MQQ685" s="613"/>
      <c r="MQR685" s="613"/>
      <c r="MQS685" s="613"/>
      <c r="MQT685" s="613"/>
      <c r="MQU685" s="613"/>
      <c r="MQV685" s="613"/>
      <c r="MQW685" s="613"/>
      <c r="MQX685" s="613"/>
      <c r="MQY685" s="613"/>
      <c r="MQZ685" s="613"/>
      <c r="MRA685" s="613"/>
      <c r="MRB685" s="613"/>
      <c r="MRC685" s="613"/>
      <c r="MRD685" s="613"/>
      <c r="MRE685" s="613"/>
      <c r="MRF685" s="613"/>
      <c r="MRG685" s="613"/>
      <c r="MRH685" s="613"/>
      <c r="MRI685" s="613"/>
      <c r="MRJ685" s="613"/>
      <c r="MRK685" s="613"/>
      <c r="MRL685" s="613"/>
      <c r="MRM685" s="613"/>
      <c r="MRN685" s="613"/>
      <c r="MRO685" s="613"/>
      <c r="MRP685" s="613"/>
      <c r="MRQ685" s="613"/>
      <c r="MRR685" s="613"/>
      <c r="MRS685" s="613"/>
      <c r="MRT685" s="613"/>
      <c r="MRU685" s="613"/>
      <c r="MRV685" s="613"/>
      <c r="MRW685" s="613"/>
      <c r="MRX685" s="613"/>
      <c r="MRY685" s="613"/>
      <c r="MRZ685" s="613"/>
      <c r="MSA685" s="613"/>
      <c r="MSB685" s="613"/>
      <c r="MSC685" s="613"/>
      <c r="MSD685" s="613"/>
      <c r="MSE685" s="613"/>
      <c r="MSF685" s="613"/>
      <c r="MSG685" s="613"/>
      <c r="MSH685" s="613"/>
      <c r="MSI685" s="613"/>
      <c r="MSJ685" s="613"/>
      <c r="MSK685" s="613"/>
      <c r="MSL685" s="613"/>
      <c r="MSM685" s="613"/>
      <c r="MSN685" s="613"/>
      <c r="MSO685" s="613"/>
      <c r="MSP685" s="613"/>
      <c r="MSQ685" s="613"/>
      <c r="MSR685" s="613"/>
      <c r="MSS685" s="613"/>
      <c r="MST685" s="613"/>
      <c r="MSU685" s="613"/>
      <c r="MSV685" s="613"/>
      <c r="MSW685" s="613"/>
      <c r="MSX685" s="613"/>
      <c r="MSY685" s="613"/>
      <c r="MSZ685" s="613"/>
      <c r="MTA685" s="613"/>
      <c r="MTB685" s="613"/>
      <c r="MTC685" s="613"/>
      <c r="MTD685" s="613"/>
      <c r="MTE685" s="613"/>
      <c r="MTF685" s="613"/>
      <c r="MTG685" s="613"/>
      <c r="MTH685" s="613"/>
      <c r="MTI685" s="613"/>
      <c r="MTJ685" s="613"/>
      <c r="MTK685" s="613"/>
      <c r="MTL685" s="613"/>
      <c r="MTM685" s="613"/>
      <c r="MTN685" s="613"/>
      <c r="MTO685" s="613"/>
      <c r="MTP685" s="613"/>
      <c r="MTQ685" s="613"/>
      <c r="MTR685" s="613"/>
      <c r="MTS685" s="613"/>
      <c r="MTT685" s="613"/>
      <c r="MTU685" s="613"/>
      <c r="MTV685" s="613"/>
      <c r="MTW685" s="613"/>
      <c r="MTX685" s="613"/>
      <c r="MTY685" s="613"/>
      <c r="MTZ685" s="613"/>
      <c r="MUA685" s="613"/>
      <c r="MUB685" s="613"/>
      <c r="MUC685" s="613"/>
      <c r="MUD685" s="613"/>
      <c r="MUE685" s="613"/>
      <c r="MUF685" s="613"/>
      <c r="MUG685" s="613"/>
      <c r="MUH685" s="613"/>
      <c r="MUI685" s="613"/>
      <c r="MUJ685" s="613"/>
      <c r="MUK685" s="613"/>
      <c r="MUL685" s="613"/>
      <c r="MUM685" s="613"/>
      <c r="MUN685" s="613"/>
      <c r="MUO685" s="613"/>
      <c r="MUP685" s="613"/>
      <c r="MUQ685" s="613"/>
      <c r="MUR685" s="613"/>
      <c r="MUS685" s="613"/>
      <c r="MUT685" s="613"/>
      <c r="MUU685" s="613"/>
      <c r="MUV685" s="613"/>
      <c r="MUW685" s="613"/>
      <c r="MUX685" s="613"/>
      <c r="MUY685" s="613"/>
      <c r="MUZ685" s="613"/>
      <c r="MVA685" s="613"/>
      <c r="MVB685" s="613"/>
      <c r="MVC685" s="613"/>
      <c r="MVD685" s="613"/>
      <c r="MVE685" s="613"/>
      <c r="MVF685" s="613"/>
      <c r="MVG685" s="613"/>
      <c r="MVH685" s="613"/>
      <c r="MVI685" s="613"/>
      <c r="MVJ685" s="613"/>
      <c r="MVK685" s="613"/>
      <c r="MVL685" s="613"/>
      <c r="MVM685" s="613"/>
      <c r="MVN685" s="613"/>
      <c r="MVO685" s="613"/>
      <c r="MVP685" s="613"/>
      <c r="MVQ685" s="613"/>
      <c r="MVR685" s="613"/>
      <c r="MVS685" s="613"/>
      <c r="MVT685" s="613"/>
      <c r="MVU685" s="613"/>
      <c r="MVV685" s="613"/>
      <c r="MVW685" s="613"/>
      <c r="MVX685" s="613"/>
      <c r="MVY685" s="613"/>
      <c r="MVZ685" s="613"/>
      <c r="MWA685" s="613"/>
      <c r="MWB685" s="613"/>
      <c r="MWC685" s="613"/>
      <c r="MWD685" s="613"/>
      <c r="MWE685" s="613"/>
      <c r="MWF685" s="613"/>
      <c r="MWG685" s="613"/>
      <c r="MWH685" s="613"/>
      <c r="MWI685" s="613"/>
      <c r="MWJ685" s="613"/>
      <c r="MWK685" s="613"/>
      <c r="MWL685" s="613"/>
      <c r="MWM685" s="613"/>
      <c r="MWN685" s="613"/>
      <c r="MWO685" s="613"/>
      <c r="MWP685" s="613"/>
      <c r="MWQ685" s="613"/>
      <c r="MWR685" s="613"/>
      <c r="MWS685" s="613"/>
      <c r="MWT685" s="613"/>
      <c r="MWU685" s="613"/>
      <c r="MWV685" s="613"/>
      <c r="MWW685" s="613"/>
      <c r="MWX685" s="613"/>
      <c r="MWY685" s="613"/>
      <c r="MWZ685" s="613"/>
      <c r="MXA685" s="613"/>
      <c r="MXB685" s="613"/>
      <c r="MXC685" s="613"/>
      <c r="MXD685" s="613"/>
      <c r="MXE685" s="613"/>
      <c r="MXF685" s="613"/>
      <c r="MXG685" s="613"/>
      <c r="MXH685" s="613"/>
      <c r="MXI685" s="613"/>
      <c r="MXJ685" s="613"/>
      <c r="MXK685" s="613"/>
      <c r="MXL685" s="613"/>
      <c r="MXM685" s="613"/>
      <c r="MXN685" s="613"/>
      <c r="MXO685" s="613"/>
      <c r="MXP685" s="613"/>
      <c r="MXQ685" s="613"/>
      <c r="MXR685" s="613"/>
      <c r="MXS685" s="613"/>
      <c r="MXT685" s="613"/>
      <c r="MXU685" s="613"/>
      <c r="MXV685" s="613"/>
      <c r="MXW685" s="613"/>
      <c r="MXX685" s="613"/>
      <c r="MXY685" s="613"/>
      <c r="MXZ685" s="613"/>
      <c r="MYA685" s="613"/>
      <c r="MYB685" s="613"/>
      <c r="MYC685" s="613"/>
      <c r="MYD685" s="613"/>
      <c r="MYE685" s="613"/>
      <c r="MYF685" s="613"/>
      <c r="MYG685" s="613"/>
      <c r="MYH685" s="613"/>
      <c r="MYI685" s="613"/>
      <c r="MYJ685" s="613"/>
      <c r="MYK685" s="613"/>
      <c r="MYL685" s="613"/>
      <c r="MYM685" s="613"/>
      <c r="MYN685" s="613"/>
      <c r="MYO685" s="613"/>
      <c r="MYP685" s="613"/>
      <c r="MYQ685" s="613"/>
      <c r="MYR685" s="613"/>
      <c r="MYS685" s="613"/>
      <c r="MYT685" s="613"/>
      <c r="MYU685" s="613"/>
      <c r="MYV685" s="613"/>
      <c r="MYW685" s="613"/>
      <c r="MYX685" s="613"/>
      <c r="MYY685" s="613"/>
      <c r="MYZ685" s="613"/>
      <c r="MZA685" s="613"/>
      <c r="MZB685" s="613"/>
      <c r="MZC685" s="613"/>
      <c r="MZD685" s="613"/>
      <c r="MZE685" s="613"/>
      <c r="MZF685" s="613"/>
      <c r="MZG685" s="613"/>
      <c r="MZH685" s="613"/>
      <c r="MZI685" s="613"/>
      <c r="MZJ685" s="613"/>
      <c r="MZK685" s="613"/>
      <c r="MZL685" s="613"/>
      <c r="MZM685" s="613"/>
      <c r="MZN685" s="613"/>
      <c r="MZO685" s="613"/>
      <c r="MZP685" s="613"/>
      <c r="MZQ685" s="613"/>
      <c r="MZR685" s="613"/>
      <c r="MZS685" s="613"/>
      <c r="MZT685" s="613"/>
      <c r="MZU685" s="613"/>
      <c r="MZV685" s="613"/>
      <c r="MZW685" s="613"/>
      <c r="MZX685" s="613"/>
      <c r="MZY685" s="613"/>
      <c r="MZZ685" s="613"/>
      <c r="NAA685" s="613"/>
      <c r="NAB685" s="613"/>
      <c r="NAC685" s="613"/>
      <c r="NAD685" s="613"/>
      <c r="NAE685" s="613"/>
      <c r="NAF685" s="613"/>
      <c r="NAG685" s="613"/>
      <c r="NAH685" s="613"/>
      <c r="NAI685" s="613"/>
      <c r="NAJ685" s="613"/>
      <c r="NAK685" s="613"/>
      <c r="NAL685" s="613"/>
      <c r="NAM685" s="613"/>
      <c r="NAN685" s="613"/>
      <c r="NAO685" s="613"/>
      <c r="NAP685" s="613"/>
      <c r="NAQ685" s="613"/>
      <c r="NAR685" s="613"/>
      <c r="NAS685" s="613"/>
      <c r="NAT685" s="613"/>
      <c r="NAU685" s="613"/>
      <c r="NAV685" s="613"/>
      <c r="NAW685" s="613"/>
      <c r="NAX685" s="613"/>
      <c r="NAY685" s="613"/>
      <c r="NAZ685" s="613"/>
      <c r="NBA685" s="613"/>
      <c r="NBB685" s="613"/>
      <c r="NBC685" s="613"/>
      <c r="NBD685" s="613"/>
      <c r="NBE685" s="613"/>
      <c r="NBF685" s="613"/>
      <c r="NBG685" s="613"/>
      <c r="NBH685" s="613"/>
      <c r="NBI685" s="613"/>
      <c r="NBJ685" s="613"/>
      <c r="NBK685" s="613"/>
      <c r="NBL685" s="613"/>
      <c r="NBM685" s="613"/>
      <c r="NBN685" s="613"/>
      <c r="NBO685" s="613"/>
      <c r="NBP685" s="613"/>
      <c r="NBQ685" s="613"/>
      <c r="NBR685" s="613"/>
      <c r="NBS685" s="613"/>
      <c r="NBT685" s="613"/>
      <c r="NBU685" s="613"/>
      <c r="NBV685" s="613"/>
      <c r="NBW685" s="613"/>
      <c r="NBX685" s="613"/>
      <c r="NBY685" s="613"/>
      <c r="NBZ685" s="613"/>
      <c r="NCA685" s="613"/>
      <c r="NCB685" s="613"/>
      <c r="NCC685" s="613"/>
      <c r="NCD685" s="613"/>
      <c r="NCE685" s="613"/>
      <c r="NCF685" s="613"/>
      <c r="NCG685" s="613"/>
      <c r="NCH685" s="613"/>
      <c r="NCI685" s="613"/>
      <c r="NCJ685" s="613"/>
      <c r="NCK685" s="613"/>
      <c r="NCL685" s="613"/>
      <c r="NCM685" s="613"/>
      <c r="NCN685" s="613"/>
      <c r="NCO685" s="613"/>
      <c r="NCP685" s="613"/>
      <c r="NCQ685" s="613"/>
      <c r="NCR685" s="613"/>
      <c r="NCS685" s="613"/>
      <c r="NCT685" s="613"/>
      <c r="NCU685" s="613"/>
      <c r="NCV685" s="613"/>
      <c r="NCW685" s="613"/>
      <c r="NCX685" s="613"/>
      <c r="NCY685" s="613"/>
      <c r="NCZ685" s="613"/>
      <c r="NDA685" s="613"/>
      <c r="NDB685" s="613"/>
      <c r="NDC685" s="613"/>
      <c r="NDD685" s="613"/>
      <c r="NDE685" s="613"/>
      <c r="NDF685" s="613"/>
      <c r="NDG685" s="613"/>
      <c r="NDH685" s="613"/>
      <c r="NDI685" s="613"/>
      <c r="NDJ685" s="613"/>
      <c r="NDK685" s="613"/>
      <c r="NDL685" s="613"/>
      <c r="NDM685" s="613"/>
      <c r="NDN685" s="613"/>
      <c r="NDO685" s="613"/>
      <c r="NDP685" s="613"/>
      <c r="NDQ685" s="613"/>
      <c r="NDR685" s="613"/>
      <c r="NDS685" s="613"/>
      <c r="NDT685" s="613"/>
      <c r="NDU685" s="613"/>
      <c r="NDV685" s="613"/>
      <c r="NDW685" s="613"/>
      <c r="NDX685" s="613"/>
      <c r="NDY685" s="613"/>
      <c r="NDZ685" s="613"/>
      <c r="NEA685" s="613"/>
      <c r="NEB685" s="613"/>
      <c r="NEC685" s="613"/>
      <c r="NED685" s="613"/>
      <c r="NEE685" s="613"/>
      <c r="NEF685" s="613"/>
      <c r="NEG685" s="613"/>
      <c r="NEH685" s="613"/>
      <c r="NEI685" s="613"/>
      <c r="NEJ685" s="613"/>
      <c r="NEK685" s="613"/>
      <c r="NEL685" s="613"/>
      <c r="NEM685" s="613"/>
      <c r="NEN685" s="613"/>
      <c r="NEO685" s="613"/>
      <c r="NEP685" s="613"/>
      <c r="NEQ685" s="613"/>
      <c r="NER685" s="613"/>
      <c r="NES685" s="613"/>
      <c r="NET685" s="613"/>
      <c r="NEU685" s="613"/>
      <c r="NEV685" s="613"/>
      <c r="NEW685" s="613"/>
      <c r="NEX685" s="613"/>
      <c r="NEY685" s="613"/>
      <c r="NEZ685" s="613"/>
      <c r="NFA685" s="613"/>
      <c r="NFB685" s="613"/>
      <c r="NFC685" s="613"/>
      <c r="NFD685" s="613"/>
      <c r="NFE685" s="613"/>
      <c r="NFF685" s="613"/>
      <c r="NFG685" s="613"/>
      <c r="NFH685" s="613"/>
      <c r="NFI685" s="613"/>
      <c r="NFJ685" s="613"/>
      <c r="NFK685" s="613"/>
      <c r="NFL685" s="613"/>
      <c r="NFM685" s="613"/>
      <c r="NFN685" s="613"/>
      <c r="NFO685" s="613"/>
      <c r="NFP685" s="613"/>
      <c r="NFQ685" s="613"/>
      <c r="NFR685" s="613"/>
      <c r="NFS685" s="613"/>
      <c r="NFT685" s="613"/>
      <c r="NFU685" s="613"/>
      <c r="NFV685" s="613"/>
      <c r="NFW685" s="613"/>
      <c r="NFX685" s="613"/>
      <c r="NFY685" s="613"/>
      <c r="NFZ685" s="613"/>
      <c r="NGA685" s="613"/>
      <c r="NGB685" s="613"/>
      <c r="NGC685" s="613"/>
      <c r="NGD685" s="613"/>
      <c r="NGE685" s="613"/>
      <c r="NGF685" s="613"/>
      <c r="NGG685" s="613"/>
      <c r="NGH685" s="613"/>
      <c r="NGI685" s="613"/>
      <c r="NGJ685" s="613"/>
      <c r="NGK685" s="613"/>
      <c r="NGL685" s="613"/>
      <c r="NGM685" s="613"/>
      <c r="NGN685" s="613"/>
      <c r="NGO685" s="613"/>
      <c r="NGP685" s="613"/>
      <c r="NGQ685" s="613"/>
      <c r="NGR685" s="613"/>
      <c r="NGS685" s="613"/>
      <c r="NGT685" s="613"/>
      <c r="NGU685" s="613"/>
      <c r="NGV685" s="613"/>
      <c r="NGW685" s="613"/>
      <c r="NGX685" s="613"/>
      <c r="NGY685" s="613"/>
      <c r="NGZ685" s="613"/>
      <c r="NHA685" s="613"/>
      <c r="NHB685" s="613"/>
      <c r="NHC685" s="613"/>
      <c r="NHD685" s="613"/>
      <c r="NHE685" s="613"/>
      <c r="NHF685" s="613"/>
      <c r="NHG685" s="613"/>
      <c r="NHH685" s="613"/>
      <c r="NHI685" s="613"/>
      <c r="NHJ685" s="613"/>
      <c r="NHK685" s="613"/>
      <c r="NHL685" s="613"/>
      <c r="NHM685" s="613"/>
      <c r="NHN685" s="613"/>
      <c r="NHO685" s="613"/>
      <c r="NHP685" s="613"/>
      <c r="NHQ685" s="613"/>
      <c r="NHR685" s="613"/>
      <c r="NHS685" s="613"/>
      <c r="NHT685" s="613"/>
      <c r="NHU685" s="613"/>
      <c r="NHV685" s="613"/>
      <c r="NHW685" s="613"/>
      <c r="NHX685" s="613"/>
      <c r="NHY685" s="613"/>
      <c r="NHZ685" s="613"/>
      <c r="NIA685" s="613"/>
      <c r="NIB685" s="613"/>
      <c r="NIC685" s="613"/>
      <c r="NID685" s="613"/>
      <c r="NIE685" s="613"/>
      <c r="NIF685" s="613"/>
      <c r="NIG685" s="613"/>
      <c r="NIH685" s="613"/>
      <c r="NII685" s="613"/>
      <c r="NIJ685" s="613"/>
      <c r="NIK685" s="613"/>
      <c r="NIL685" s="613"/>
      <c r="NIM685" s="613"/>
      <c r="NIN685" s="613"/>
      <c r="NIO685" s="613"/>
      <c r="NIP685" s="613"/>
      <c r="NIQ685" s="613"/>
      <c r="NIR685" s="613"/>
      <c r="NIS685" s="613"/>
      <c r="NIT685" s="613"/>
      <c r="NIU685" s="613"/>
      <c r="NIV685" s="613"/>
      <c r="NIW685" s="613"/>
      <c r="NIX685" s="613"/>
      <c r="NIY685" s="613"/>
      <c r="NIZ685" s="613"/>
      <c r="NJA685" s="613"/>
      <c r="NJB685" s="613"/>
      <c r="NJC685" s="613"/>
      <c r="NJD685" s="613"/>
      <c r="NJE685" s="613"/>
      <c r="NJF685" s="613"/>
      <c r="NJG685" s="613"/>
      <c r="NJH685" s="613"/>
      <c r="NJI685" s="613"/>
      <c r="NJJ685" s="613"/>
      <c r="NJK685" s="613"/>
      <c r="NJL685" s="613"/>
      <c r="NJM685" s="613"/>
      <c r="NJN685" s="613"/>
      <c r="NJO685" s="613"/>
      <c r="NJP685" s="613"/>
      <c r="NJQ685" s="613"/>
      <c r="NJR685" s="613"/>
      <c r="NJS685" s="613"/>
      <c r="NJT685" s="613"/>
      <c r="NJU685" s="613"/>
      <c r="NJV685" s="613"/>
      <c r="NJW685" s="613"/>
      <c r="NJX685" s="613"/>
      <c r="NJY685" s="613"/>
      <c r="NJZ685" s="613"/>
      <c r="NKA685" s="613"/>
      <c r="NKB685" s="613"/>
      <c r="NKC685" s="613"/>
      <c r="NKD685" s="613"/>
      <c r="NKE685" s="613"/>
      <c r="NKF685" s="613"/>
      <c r="NKG685" s="613"/>
      <c r="NKH685" s="613"/>
      <c r="NKI685" s="613"/>
      <c r="NKJ685" s="613"/>
      <c r="NKK685" s="613"/>
      <c r="NKL685" s="613"/>
      <c r="NKM685" s="613"/>
      <c r="NKN685" s="613"/>
      <c r="NKO685" s="613"/>
      <c r="NKP685" s="613"/>
      <c r="NKQ685" s="613"/>
      <c r="NKR685" s="613"/>
      <c r="NKS685" s="613"/>
      <c r="NKT685" s="613"/>
      <c r="NKU685" s="613"/>
      <c r="NKV685" s="613"/>
      <c r="NKW685" s="613"/>
      <c r="NKX685" s="613"/>
      <c r="NKY685" s="613"/>
      <c r="NKZ685" s="613"/>
      <c r="NLA685" s="613"/>
      <c r="NLB685" s="613"/>
      <c r="NLC685" s="613"/>
      <c r="NLD685" s="613"/>
      <c r="NLE685" s="613"/>
      <c r="NLF685" s="613"/>
      <c r="NLG685" s="613"/>
      <c r="NLH685" s="613"/>
      <c r="NLI685" s="613"/>
      <c r="NLJ685" s="613"/>
      <c r="NLK685" s="613"/>
      <c r="NLL685" s="613"/>
      <c r="NLM685" s="613"/>
      <c r="NLN685" s="613"/>
      <c r="NLO685" s="613"/>
      <c r="NLP685" s="613"/>
      <c r="NLQ685" s="613"/>
      <c r="NLR685" s="613"/>
      <c r="NLS685" s="613"/>
      <c r="NLT685" s="613"/>
      <c r="NLU685" s="613"/>
      <c r="NLV685" s="613"/>
      <c r="NLW685" s="613"/>
      <c r="NLX685" s="613"/>
      <c r="NLY685" s="613"/>
      <c r="NLZ685" s="613"/>
      <c r="NMA685" s="613"/>
      <c r="NMB685" s="613"/>
      <c r="NMC685" s="613"/>
      <c r="NMD685" s="613"/>
      <c r="NME685" s="613"/>
      <c r="NMF685" s="613"/>
      <c r="NMG685" s="613"/>
      <c r="NMH685" s="613"/>
      <c r="NMI685" s="613"/>
      <c r="NMJ685" s="613"/>
      <c r="NMK685" s="613"/>
      <c r="NML685" s="613"/>
      <c r="NMM685" s="613"/>
      <c r="NMN685" s="613"/>
      <c r="NMO685" s="613"/>
      <c r="NMP685" s="613"/>
      <c r="NMQ685" s="613"/>
      <c r="NMR685" s="613"/>
      <c r="NMS685" s="613"/>
      <c r="NMT685" s="613"/>
      <c r="NMU685" s="613"/>
      <c r="NMV685" s="613"/>
      <c r="NMW685" s="613"/>
      <c r="NMX685" s="613"/>
      <c r="NMY685" s="613"/>
      <c r="NMZ685" s="613"/>
      <c r="NNA685" s="613"/>
      <c r="NNB685" s="613"/>
      <c r="NNC685" s="613"/>
      <c r="NND685" s="613"/>
      <c r="NNE685" s="613"/>
      <c r="NNF685" s="613"/>
      <c r="NNG685" s="613"/>
      <c r="NNH685" s="613"/>
      <c r="NNI685" s="613"/>
      <c r="NNJ685" s="613"/>
      <c r="NNK685" s="613"/>
      <c r="NNL685" s="613"/>
      <c r="NNM685" s="613"/>
      <c r="NNN685" s="613"/>
      <c r="NNO685" s="613"/>
      <c r="NNP685" s="613"/>
      <c r="NNQ685" s="613"/>
      <c r="NNR685" s="613"/>
      <c r="NNS685" s="613"/>
      <c r="NNT685" s="613"/>
      <c r="NNU685" s="613"/>
      <c r="NNV685" s="613"/>
      <c r="NNW685" s="613"/>
      <c r="NNX685" s="613"/>
      <c r="NNY685" s="613"/>
      <c r="NNZ685" s="613"/>
      <c r="NOA685" s="613"/>
      <c r="NOB685" s="613"/>
      <c r="NOC685" s="613"/>
      <c r="NOD685" s="613"/>
      <c r="NOE685" s="613"/>
      <c r="NOF685" s="613"/>
      <c r="NOG685" s="613"/>
      <c r="NOH685" s="613"/>
      <c r="NOI685" s="613"/>
      <c r="NOJ685" s="613"/>
      <c r="NOK685" s="613"/>
      <c r="NOL685" s="613"/>
      <c r="NOM685" s="613"/>
      <c r="NON685" s="613"/>
      <c r="NOO685" s="613"/>
      <c r="NOP685" s="613"/>
      <c r="NOQ685" s="613"/>
      <c r="NOR685" s="613"/>
      <c r="NOS685" s="613"/>
      <c r="NOT685" s="613"/>
      <c r="NOU685" s="613"/>
      <c r="NOV685" s="613"/>
      <c r="NOW685" s="613"/>
      <c r="NOX685" s="613"/>
      <c r="NOY685" s="613"/>
      <c r="NOZ685" s="613"/>
      <c r="NPA685" s="613"/>
      <c r="NPB685" s="613"/>
      <c r="NPC685" s="613"/>
      <c r="NPD685" s="613"/>
      <c r="NPE685" s="613"/>
      <c r="NPF685" s="613"/>
      <c r="NPG685" s="613"/>
      <c r="NPH685" s="613"/>
      <c r="NPI685" s="613"/>
      <c r="NPJ685" s="613"/>
      <c r="NPK685" s="613"/>
      <c r="NPL685" s="613"/>
      <c r="NPM685" s="613"/>
      <c r="NPN685" s="613"/>
      <c r="NPO685" s="613"/>
      <c r="NPP685" s="613"/>
      <c r="NPQ685" s="613"/>
      <c r="NPR685" s="613"/>
      <c r="NPS685" s="613"/>
      <c r="NPT685" s="613"/>
      <c r="NPU685" s="613"/>
      <c r="NPV685" s="613"/>
      <c r="NPW685" s="613"/>
      <c r="NPX685" s="613"/>
      <c r="NPY685" s="613"/>
      <c r="NPZ685" s="613"/>
      <c r="NQA685" s="613"/>
      <c r="NQB685" s="613"/>
      <c r="NQC685" s="613"/>
      <c r="NQD685" s="613"/>
      <c r="NQE685" s="613"/>
      <c r="NQF685" s="613"/>
      <c r="NQG685" s="613"/>
      <c r="NQH685" s="613"/>
      <c r="NQI685" s="613"/>
      <c r="NQJ685" s="613"/>
      <c r="NQK685" s="613"/>
      <c r="NQL685" s="613"/>
      <c r="NQM685" s="613"/>
      <c r="NQN685" s="613"/>
      <c r="NQO685" s="613"/>
      <c r="NQP685" s="613"/>
      <c r="NQQ685" s="613"/>
      <c r="NQR685" s="613"/>
      <c r="NQS685" s="613"/>
      <c r="NQT685" s="613"/>
      <c r="NQU685" s="613"/>
      <c r="NQV685" s="613"/>
      <c r="NQW685" s="613"/>
      <c r="NQX685" s="613"/>
      <c r="NQY685" s="613"/>
      <c r="NQZ685" s="613"/>
      <c r="NRA685" s="613"/>
      <c r="NRB685" s="613"/>
      <c r="NRC685" s="613"/>
      <c r="NRD685" s="613"/>
      <c r="NRE685" s="613"/>
      <c r="NRF685" s="613"/>
      <c r="NRG685" s="613"/>
      <c r="NRH685" s="613"/>
      <c r="NRI685" s="613"/>
      <c r="NRJ685" s="613"/>
      <c r="NRK685" s="613"/>
      <c r="NRL685" s="613"/>
      <c r="NRM685" s="613"/>
      <c r="NRN685" s="613"/>
      <c r="NRO685" s="613"/>
      <c r="NRP685" s="613"/>
      <c r="NRQ685" s="613"/>
      <c r="NRR685" s="613"/>
      <c r="NRS685" s="613"/>
      <c r="NRT685" s="613"/>
      <c r="NRU685" s="613"/>
      <c r="NRV685" s="613"/>
      <c r="NRW685" s="613"/>
      <c r="NRX685" s="613"/>
      <c r="NRY685" s="613"/>
      <c r="NRZ685" s="613"/>
      <c r="NSA685" s="613"/>
      <c r="NSB685" s="613"/>
      <c r="NSC685" s="613"/>
      <c r="NSD685" s="613"/>
      <c r="NSE685" s="613"/>
      <c r="NSF685" s="613"/>
      <c r="NSG685" s="613"/>
      <c r="NSH685" s="613"/>
      <c r="NSI685" s="613"/>
      <c r="NSJ685" s="613"/>
      <c r="NSK685" s="613"/>
      <c r="NSL685" s="613"/>
      <c r="NSM685" s="613"/>
      <c r="NSN685" s="613"/>
      <c r="NSO685" s="613"/>
      <c r="NSP685" s="613"/>
      <c r="NSQ685" s="613"/>
      <c r="NSR685" s="613"/>
      <c r="NSS685" s="613"/>
      <c r="NST685" s="613"/>
      <c r="NSU685" s="613"/>
      <c r="NSV685" s="613"/>
      <c r="NSW685" s="613"/>
      <c r="NSX685" s="613"/>
      <c r="NSY685" s="613"/>
      <c r="NSZ685" s="613"/>
      <c r="NTA685" s="613"/>
      <c r="NTB685" s="613"/>
      <c r="NTC685" s="613"/>
      <c r="NTD685" s="613"/>
      <c r="NTE685" s="613"/>
      <c r="NTF685" s="613"/>
      <c r="NTG685" s="613"/>
      <c r="NTH685" s="613"/>
      <c r="NTI685" s="613"/>
      <c r="NTJ685" s="613"/>
      <c r="NTK685" s="613"/>
      <c r="NTL685" s="613"/>
      <c r="NTM685" s="613"/>
      <c r="NTN685" s="613"/>
      <c r="NTO685" s="613"/>
      <c r="NTP685" s="613"/>
      <c r="NTQ685" s="613"/>
      <c r="NTR685" s="613"/>
      <c r="NTS685" s="613"/>
      <c r="NTT685" s="613"/>
      <c r="NTU685" s="613"/>
      <c r="NTV685" s="613"/>
      <c r="NTW685" s="613"/>
      <c r="NTX685" s="613"/>
      <c r="NTY685" s="613"/>
      <c r="NTZ685" s="613"/>
      <c r="NUA685" s="613"/>
      <c r="NUB685" s="613"/>
      <c r="NUC685" s="613"/>
      <c r="NUD685" s="613"/>
      <c r="NUE685" s="613"/>
      <c r="NUF685" s="613"/>
      <c r="NUG685" s="613"/>
      <c r="NUH685" s="613"/>
      <c r="NUI685" s="613"/>
      <c r="NUJ685" s="613"/>
      <c r="NUK685" s="613"/>
      <c r="NUL685" s="613"/>
      <c r="NUM685" s="613"/>
      <c r="NUN685" s="613"/>
      <c r="NUO685" s="613"/>
      <c r="NUP685" s="613"/>
      <c r="NUQ685" s="613"/>
      <c r="NUR685" s="613"/>
      <c r="NUS685" s="613"/>
      <c r="NUT685" s="613"/>
      <c r="NUU685" s="613"/>
      <c r="NUV685" s="613"/>
      <c r="NUW685" s="613"/>
      <c r="NUX685" s="613"/>
      <c r="NUY685" s="613"/>
      <c r="NUZ685" s="613"/>
      <c r="NVA685" s="613"/>
      <c r="NVB685" s="613"/>
      <c r="NVC685" s="613"/>
      <c r="NVD685" s="613"/>
      <c r="NVE685" s="613"/>
      <c r="NVF685" s="613"/>
      <c r="NVG685" s="613"/>
      <c r="NVH685" s="613"/>
      <c r="NVI685" s="613"/>
      <c r="NVJ685" s="613"/>
      <c r="NVK685" s="613"/>
      <c r="NVL685" s="613"/>
      <c r="NVM685" s="613"/>
      <c r="NVN685" s="613"/>
      <c r="NVO685" s="613"/>
      <c r="NVP685" s="613"/>
      <c r="NVQ685" s="613"/>
      <c r="NVR685" s="613"/>
      <c r="NVS685" s="613"/>
      <c r="NVT685" s="613"/>
      <c r="NVU685" s="613"/>
      <c r="NVV685" s="613"/>
      <c r="NVW685" s="613"/>
      <c r="NVX685" s="613"/>
      <c r="NVY685" s="613"/>
      <c r="NVZ685" s="613"/>
      <c r="NWA685" s="613"/>
      <c r="NWB685" s="613"/>
      <c r="NWC685" s="613"/>
      <c r="NWD685" s="613"/>
      <c r="NWE685" s="613"/>
      <c r="NWF685" s="613"/>
      <c r="NWG685" s="613"/>
      <c r="NWH685" s="613"/>
      <c r="NWI685" s="613"/>
      <c r="NWJ685" s="613"/>
      <c r="NWK685" s="613"/>
      <c r="NWL685" s="613"/>
      <c r="NWM685" s="613"/>
      <c r="NWN685" s="613"/>
      <c r="NWO685" s="613"/>
      <c r="NWP685" s="613"/>
      <c r="NWQ685" s="613"/>
      <c r="NWR685" s="613"/>
      <c r="NWS685" s="613"/>
      <c r="NWT685" s="613"/>
      <c r="NWU685" s="613"/>
      <c r="NWV685" s="613"/>
      <c r="NWW685" s="613"/>
      <c r="NWX685" s="613"/>
      <c r="NWY685" s="613"/>
      <c r="NWZ685" s="613"/>
      <c r="NXA685" s="613"/>
      <c r="NXB685" s="613"/>
      <c r="NXC685" s="613"/>
      <c r="NXD685" s="613"/>
      <c r="NXE685" s="613"/>
      <c r="NXF685" s="613"/>
      <c r="NXG685" s="613"/>
      <c r="NXH685" s="613"/>
      <c r="NXI685" s="613"/>
      <c r="NXJ685" s="613"/>
      <c r="NXK685" s="613"/>
      <c r="NXL685" s="613"/>
      <c r="NXM685" s="613"/>
      <c r="NXN685" s="613"/>
      <c r="NXO685" s="613"/>
      <c r="NXP685" s="613"/>
      <c r="NXQ685" s="613"/>
      <c r="NXR685" s="613"/>
      <c r="NXS685" s="613"/>
      <c r="NXT685" s="613"/>
      <c r="NXU685" s="613"/>
      <c r="NXV685" s="613"/>
      <c r="NXW685" s="613"/>
      <c r="NXX685" s="613"/>
      <c r="NXY685" s="613"/>
      <c r="NXZ685" s="613"/>
      <c r="NYA685" s="613"/>
      <c r="NYB685" s="613"/>
      <c r="NYC685" s="613"/>
      <c r="NYD685" s="613"/>
      <c r="NYE685" s="613"/>
      <c r="NYF685" s="613"/>
      <c r="NYG685" s="613"/>
      <c r="NYH685" s="613"/>
      <c r="NYI685" s="613"/>
      <c r="NYJ685" s="613"/>
      <c r="NYK685" s="613"/>
      <c r="NYL685" s="613"/>
      <c r="NYM685" s="613"/>
      <c r="NYN685" s="613"/>
      <c r="NYO685" s="613"/>
      <c r="NYP685" s="613"/>
      <c r="NYQ685" s="613"/>
      <c r="NYR685" s="613"/>
      <c r="NYS685" s="613"/>
      <c r="NYT685" s="613"/>
      <c r="NYU685" s="613"/>
      <c r="NYV685" s="613"/>
      <c r="NYW685" s="613"/>
      <c r="NYX685" s="613"/>
      <c r="NYY685" s="613"/>
      <c r="NYZ685" s="613"/>
      <c r="NZA685" s="613"/>
      <c r="NZB685" s="613"/>
      <c r="NZC685" s="613"/>
      <c r="NZD685" s="613"/>
      <c r="NZE685" s="613"/>
      <c r="NZF685" s="613"/>
      <c r="NZG685" s="613"/>
      <c r="NZH685" s="613"/>
      <c r="NZI685" s="613"/>
      <c r="NZJ685" s="613"/>
      <c r="NZK685" s="613"/>
      <c r="NZL685" s="613"/>
      <c r="NZM685" s="613"/>
      <c r="NZN685" s="613"/>
      <c r="NZO685" s="613"/>
      <c r="NZP685" s="613"/>
      <c r="NZQ685" s="613"/>
      <c r="NZR685" s="613"/>
      <c r="NZS685" s="613"/>
      <c r="NZT685" s="613"/>
      <c r="NZU685" s="613"/>
      <c r="NZV685" s="613"/>
      <c r="NZW685" s="613"/>
      <c r="NZX685" s="613"/>
      <c r="NZY685" s="613"/>
      <c r="NZZ685" s="613"/>
      <c r="OAA685" s="613"/>
      <c r="OAB685" s="613"/>
      <c r="OAC685" s="613"/>
      <c r="OAD685" s="613"/>
      <c r="OAE685" s="613"/>
      <c r="OAF685" s="613"/>
      <c r="OAG685" s="613"/>
      <c r="OAH685" s="613"/>
      <c r="OAI685" s="613"/>
      <c r="OAJ685" s="613"/>
      <c r="OAK685" s="613"/>
      <c r="OAL685" s="613"/>
      <c r="OAM685" s="613"/>
      <c r="OAN685" s="613"/>
      <c r="OAO685" s="613"/>
      <c r="OAP685" s="613"/>
      <c r="OAQ685" s="613"/>
      <c r="OAR685" s="613"/>
      <c r="OAS685" s="613"/>
      <c r="OAT685" s="613"/>
      <c r="OAU685" s="613"/>
      <c r="OAV685" s="613"/>
      <c r="OAW685" s="613"/>
      <c r="OAX685" s="613"/>
      <c r="OAY685" s="613"/>
      <c r="OAZ685" s="613"/>
      <c r="OBA685" s="613"/>
      <c r="OBB685" s="613"/>
      <c r="OBC685" s="613"/>
      <c r="OBD685" s="613"/>
      <c r="OBE685" s="613"/>
      <c r="OBF685" s="613"/>
      <c r="OBG685" s="613"/>
      <c r="OBH685" s="613"/>
      <c r="OBI685" s="613"/>
      <c r="OBJ685" s="613"/>
      <c r="OBK685" s="613"/>
      <c r="OBL685" s="613"/>
      <c r="OBM685" s="613"/>
      <c r="OBN685" s="613"/>
      <c r="OBO685" s="613"/>
      <c r="OBP685" s="613"/>
      <c r="OBQ685" s="613"/>
      <c r="OBR685" s="613"/>
      <c r="OBS685" s="613"/>
      <c r="OBT685" s="613"/>
      <c r="OBU685" s="613"/>
      <c r="OBV685" s="613"/>
      <c r="OBW685" s="613"/>
      <c r="OBX685" s="613"/>
      <c r="OBY685" s="613"/>
      <c r="OBZ685" s="613"/>
      <c r="OCA685" s="613"/>
      <c r="OCB685" s="613"/>
      <c r="OCC685" s="613"/>
      <c r="OCD685" s="613"/>
      <c r="OCE685" s="613"/>
      <c r="OCF685" s="613"/>
      <c r="OCG685" s="613"/>
      <c r="OCH685" s="613"/>
      <c r="OCI685" s="613"/>
      <c r="OCJ685" s="613"/>
      <c r="OCK685" s="613"/>
      <c r="OCL685" s="613"/>
      <c r="OCM685" s="613"/>
      <c r="OCN685" s="613"/>
      <c r="OCO685" s="613"/>
      <c r="OCP685" s="613"/>
      <c r="OCQ685" s="613"/>
      <c r="OCR685" s="613"/>
      <c r="OCS685" s="613"/>
      <c r="OCT685" s="613"/>
      <c r="OCU685" s="613"/>
      <c r="OCV685" s="613"/>
      <c r="OCW685" s="613"/>
      <c r="OCX685" s="613"/>
      <c r="OCY685" s="613"/>
      <c r="OCZ685" s="613"/>
      <c r="ODA685" s="613"/>
      <c r="ODB685" s="613"/>
      <c r="ODC685" s="613"/>
      <c r="ODD685" s="613"/>
      <c r="ODE685" s="613"/>
      <c r="ODF685" s="613"/>
      <c r="ODG685" s="613"/>
      <c r="ODH685" s="613"/>
      <c r="ODI685" s="613"/>
      <c r="ODJ685" s="613"/>
      <c r="ODK685" s="613"/>
      <c r="ODL685" s="613"/>
      <c r="ODM685" s="613"/>
      <c r="ODN685" s="613"/>
      <c r="ODO685" s="613"/>
      <c r="ODP685" s="613"/>
      <c r="ODQ685" s="613"/>
      <c r="ODR685" s="613"/>
      <c r="ODS685" s="613"/>
      <c r="ODT685" s="613"/>
      <c r="ODU685" s="613"/>
      <c r="ODV685" s="613"/>
      <c r="ODW685" s="613"/>
      <c r="ODX685" s="613"/>
      <c r="ODY685" s="613"/>
      <c r="ODZ685" s="613"/>
      <c r="OEA685" s="613"/>
      <c r="OEB685" s="613"/>
      <c r="OEC685" s="613"/>
      <c r="OED685" s="613"/>
      <c r="OEE685" s="613"/>
      <c r="OEF685" s="613"/>
      <c r="OEG685" s="613"/>
      <c r="OEH685" s="613"/>
      <c r="OEI685" s="613"/>
      <c r="OEJ685" s="613"/>
      <c r="OEK685" s="613"/>
      <c r="OEL685" s="613"/>
      <c r="OEM685" s="613"/>
      <c r="OEN685" s="613"/>
      <c r="OEO685" s="613"/>
      <c r="OEP685" s="613"/>
      <c r="OEQ685" s="613"/>
      <c r="OER685" s="613"/>
      <c r="OES685" s="613"/>
      <c r="OET685" s="613"/>
      <c r="OEU685" s="613"/>
      <c r="OEV685" s="613"/>
      <c r="OEW685" s="613"/>
      <c r="OEX685" s="613"/>
      <c r="OEY685" s="613"/>
      <c r="OEZ685" s="613"/>
      <c r="OFA685" s="613"/>
      <c r="OFB685" s="613"/>
      <c r="OFC685" s="613"/>
      <c r="OFD685" s="613"/>
      <c r="OFE685" s="613"/>
      <c r="OFF685" s="613"/>
      <c r="OFG685" s="613"/>
      <c r="OFH685" s="613"/>
      <c r="OFI685" s="613"/>
      <c r="OFJ685" s="613"/>
      <c r="OFK685" s="613"/>
      <c r="OFL685" s="613"/>
      <c r="OFM685" s="613"/>
      <c r="OFN685" s="613"/>
      <c r="OFO685" s="613"/>
      <c r="OFP685" s="613"/>
      <c r="OFQ685" s="613"/>
      <c r="OFR685" s="613"/>
      <c r="OFS685" s="613"/>
      <c r="OFT685" s="613"/>
      <c r="OFU685" s="613"/>
      <c r="OFV685" s="613"/>
      <c r="OFW685" s="613"/>
      <c r="OFX685" s="613"/>
      <c r="OFY685" s="613"/>
      <c r="OFZ685" s="613"/>
      <c r="OGA685" s="613"/>
      <c r="OGB685" s="613"/>
      <c r="OGC685" s="613"/>
      <c r="OGD685" s="613"/>
      <c r="OGE685" s="613"/>
      <c r="OGF685" s="613"/>
      <c r="OGG685" s="613"/>
      <c r="OGH685" s="613"/>
      <c r="OGI685" s="613"/>
      <c r="OGJ685" s="613"/>
      <c r="OGK685" s="613"/>
      <c r="OGL685" s="613"/>
      <c r="OGM685" s="613"/>
      <c r="OGN685" s="613"/>
      <c r="OGO685" s="613"/>
      <c r="OGP685" s="613"/>
      <c r="OGQ685" s="613"/>
      <c r="OGR685" s="613"/>
      <c r="OGS685" s="613"/>
      <c r="OGT685" s="613"/>
      <c r="OGU685" s="613"/>
      <c r="OGV685" s="613"/>
      <c r="OGW685" s="613"/>
      <c r="OGX685" s="613"/>
      <c r="OGY685" s="613"/>
      <c r="OGZ685" s="613"/>
      <c r="OHA685" s="613"/>
      <c r="OHB685" s="613"/>
      <c r="OHC685" s="613"/>
      <c r="OHD685" s="613"/>
      <c r="OHE685" s="613"/>
      <c r="OHF685" s="613"/>
      <c r="OHG685" s="613"/>
      <c r="OHH685" s="613"/>
      <c r="OHI685" s="613"/>
      <c r="OHJ685" s="613"/>
      <c r="OHK685" s="613"/>
      <c r="OHL685" s="613"/>
      <c r="OHM685" s="613"/>
      <c r="OHN685" s="613"/>
      <c r="OHO685" s="613"/>
      <c r="OHP685" s="613"/>
      <c r="OHQ685" s="613"/>
      <c r="OHR685" s="613"/>
      <c r="OHS685" s="613"/>
      <c r="OHT685" s="613"/>
      <c r="OHU685" s="613"/>
      <c r="OHV685" s="613"/>
      <c r="OHW685" s="613"/>
      <c r="OHX685" s="613"/>
      <c r="OHY685" s="613"/>
      <c r="OHZ685" s="613"/>
      <c r="OIA685" s="613"/>
      <c r="OIB685" s="613"/>
      <c r="OIC685" s="613"/>
      <c r="OID685" s="613"/>
      <c r="OIE685" s="613"/>
      <c r="OIF685" s="613"/>
      <c r="OIG685" s="613"/>
      <c r="OIH685" s="613"/>
      <c r="OII685" s="613"/>
      <c r="OIJ685" s="613"/>
      <c r="OIK685" s="613"/>
      <c r="OIL685" s="613"/>
      <c r="OIM685" s="613"/>
      <c r="OIN685" s="613"/>
      <c r="OIO685" s="613"/>
      <c r="OIP685" s="613"/>
      <c r="OIQ685" s="613"/>
      <c r="OIR685" s="613"/>
      <c r="OIS685" s="613"/>
      <c r="OIT685" s="613"/>
      <c r="OIU685" s="613"/>
      <c r="OIV685" s="613"/>
      <c r="OIW685" s="613"/>
      <c r="OIX685" s="613"/>
      <c r="OIY685" s="613"/>
      <c r="OIZ685" s="613"/>
      <c r="OJA685" s="613"/>
      <c r="OJB685" s="613"/>
      <c r="OJC685" s="613"/>
      <c r="OJD685" s="613"/>
      <c r="OJE685" s="613"/>
      <c r="OJF685" s="613"/>
      <c r="OJG685" s="613"/>
      <c r="OJH685" s="613"/>
      <c r="OJI685" s="613"/>
      <c r="OJJ685" s="613"/>
      <c r="OJK685" s="613"/>
      <c r="OJL685" s="613"/>
      <c r="OJM685" s="613"/>
      <c r="OJN685" s="613"/>
      <c r="OJO685" s="613"/>
      <c r="OJP685" s="613"/>
      <c r="OJQ685" s="613"/>
      <c r="OJR685" s="613"/>
      <c r="OJS685" s="613"/>
      <c r="OJT685" s="613"/>
      <c r="OJU685" s="613"/>
      <c r="OJV685" s="613"/>
      <c r="OJW685" s="613"/>
      <c r="OJX685" s="613"/>
      <c r="OJY685" s="613"/>
      <c r="OJZ685" s="613"/>
      <c r="OKA685" s="613"/>
      <c r="OKB685" s="613"/>
      <c r="OKC685" s="613"/>
      <c r="OKD685" s="613"/>
      <c r="OKE685" s="613"/>
      <c r="OKF685" s="613"/>
      <c r="OKG685" s="613"/>
      <c r="OKH685" s="613"/>
      <c r="OKI685" s="613"/>
      <c r="OKJ685" s="613"/>
      <c r="OKK685" s="613"/>
      <c r="OKL685" s="613"/>
      <c r="OKM685" s="613"/>
      <c r="OKN685" s="613"/>
      <c r="OKO685" s="613"/>
      <c r="OKP685" s="613"/>
      <c r="OKQ685" s="613"/>
      <c r="OKR685" s="613"/>
      <c r="OKS685" s="613"/>
      <c r="OKT685" s="613"/>
      <c r="OKU685" s="613"/>
      <c r="OKV685" s="613"/>
      <c r="OKW685" s="613"/>
      <c r="OKX685" s="613"/>
      <c r="OKY685" s="613"/>
      <c r="OKZ685" s="613"/>
      <c r="OLA685" s="613"/>
      <c r="OLB685" s="613"/>
      <c r="OLC685" s="613"/>
      <c r="OLD685" s="613"/>
      <c r="OLE685" s="613"/>
      <c r="OLF685" s="613"/>
      <c r="OLG685" s="613"/>
      <c r="OLH685" s="613"/>
      <c r="OLI685" s="613"/>
      <c r="OLJ685" s="613"/>
      <c r="OLK685" s="613"/>
      <c r="OLL685" s="613"/>
      <c r="OLM685" s="613"/>
      <c r="OLN685" s="613"/>
      <c r="OLO685" s="613"/>
      <c r="OLP685" s="613"/>
      <c r="OLQ685" s="613"/>
      <c r="OLR685" s="613"/>
      <c r="OLS685" s="613"/>
      <c r="OLT685" s="613"/>
      <c r="OLU685" s="613"/>
      <c r="OLV685" s="613"/>
      <c r="OLW685" s="613"/>
      <c r="OLX685" s="613"/>
      <c r="OLY685" s="613"/>
      <c r="OLZ685" s="613"/>
      <c r="OMA685" s="613"/>
      <c r="OMB685" s="613"/>
      <c r="OMC685" s="613"/>
      <c r="OMD685" s="613"/>
      <c r="OME685" s="613"/>
      <c r="OMF685" s="613"/>
      <c r="OMG685" s="613"/>
      <c r="OMH685" s="613"/>
      <c r="OMI685" s="613"/>
      <c r="OMJ685" s="613"/>
      <c r="OMK685" s="613"/>
      <c r="OML685" s="613"/>
      <c r="OMM685" s="613"/>
      <c r="OMN685" s="613"/>
      <c r="OMO685" s="613"/>
      <c r="OMP685" s="613"/>
      <c r="OMQ685" s="613"/>
      <c r="OMR685" s="613"/>
      <c r="OMS685" s="613"/>
      <c r="OMT685" s="613"/>
      <c r="OMU685" s="613"/>
      <c r="OMV685" s="613"/>
      <c r="OMW685" s="613"/>
      <c r="OMX685" s="613"/>
      <c r="OMY685" s="613"/>
      <c r="OMZ685" s="613"/>
      <c r="ONA685" s="613"/>
      <c r="ONB685" s="613"/>
      <c r="ONC685" s="613"/>
      <c r="OND685" s="613"/>
      <c r="ONE685" s="613"/>
      <c r="ONF685" s="613"/>
      <c r="ONG685" s="613"/>
      <c r="ONH685" s="613"/>
      <c r="ONI685" s="613"/>
      <c r="ONJ685" s="613"/>
      <c r="ONK685" s="613"/>
      <c r="ONL685" s="613"/>
      <c r="ONM685" s="613"/>
      <c r="ONN685" s="613"/>
      <c r="ONO685" s="613"/>
      <c r="ONP685" s="613"/>
      <c r="ONQ685" s="613"/>
      <c r="ONR685" s="613"/>
      <c r="ONS685" s="613"/>
      <c r="ONT685" s="613"/>
      <c r="ONU685" s="613"/>
      <c r="ONV685" s="613"/>
      <c r="ONW685" s="613"/>
      <c r="ONX685" s="613"/>
      <c r="ONY685" s="613"/>
      <c r="ONZ685" s="613"/>
      <c r="OOA685" s="613"/>
      <c r="OOB685" s="613"/>
      <c r="OOC685" s="613"/>
      <c r="OOD685" s="613"/>
      <c r="OOE685" s="613"/>
      <c r="OOF685" s="613"/>
      <c r="OOG685" s="613"/>
      <c r="OOH685" s="613"/>
      <c r="OOI685" s="613"/>
      <c r="OOJ685" s="613"/>
      <c r="OOK685" s="613"/>
      <c r="OOL685" s="613"/>
      <c r="OOM685" s="613"/>
      <c r="OON685" s="613"/>
      <c r="OOO685" s="613"/>
      <c r="OOP685" s="613"/>
      <c r="OOQ685" s="613"/>
      <c r="OOR685" s="613"/>
      <c r="OOS685" s="613"/>
      <c r="OOT685" s="613"/>
      <c r="OOU685" s="613"/>
      <c r="OOV685" s="613"/>
      <c r="OOW685" s="613"/>
      <c r="OOX685" s="613"/>
      <c r="OOY685" s="613"/>
      <c r="OOZ685" s="613"/>
      <c r="OPA685" s="613"/>
      <c r="OPB685" s="613"/>
      <c r="OPC685" s="613"/>
      <c r="OPD685" s="613"/>
      <c r="OPE685" s="613"/>
      <c r="OPF685" s="613"/>
      <c r="OPG685" s="613"/>
      <c r="OPH685" s="613"/>
      <c r="OPI685" s="613"/>
      <c r="OPJ685" s="613"/>
      <c r="OPK685" s="613"/>
      <c r="OPL685" s="613"/>
      <c r="OPM685" s="613"/>
      <c r="OPN685" s="613"/>
      <c r="OPO685" s="613"/>
      <c r="OPP685" s="613"/>
      <c r="OPQ685" s="613"/>
      <c r="OPR685" s="613"/>
      <c r="OPS685" s="613"/>
      <c r="OPT685" s="613"/>
      <c r="OPU685" s="613"/>
      <c r="OPV685" s="613"/>
      <c r="OPW685" s="613"/>
      <c r="OPX685" s="613"/>
      <c r="OPY685" s="613"/>
      <c r="OPZ685" s="613"/>
      <c r="OQA685" s="613"/>
      <c r="OQB685" s="613"/>
      <c r="OQC685" s="613"/>
      <c r="OQD685" s="613"/>
      <c r="OQE685" s="613"/>
      <c r="OQF685" s="613"/>
      <c r="OQG685" s="613"/>
      <c r="OQH685" s="613"/>
      <c r="OQI685" s="613"/>
      <c r="OQJ685" s="613"/>
      <c r="OQK685" s="613"/>
      <c r="OQL685" s="613"/>
      <c r="OQM685" s="613"/>
      <c r="OQN685" s="613"/>
      <c r="OQO685" s="613"/>
      <c r="OQP685" s="613"/>
      <c r="OQQ685" s="613"/>
      <c r="OQR685" s="613"/>
      <c r="OQS685" s="613"/>
      <c r="OQT685" s="613"/>
      <c r="OQU685" s="613"/>
      <c r="OQV685" s="613"/>
      <c r="OQW685" s="613"/>
      <c r="OQX685" s="613"/>
      <c r="OQY685" s="613"/>
      <c r="OQZ685" s="613"/>
      <c r="ORA685" s="613"/>
      <c r="ORB685" s="613"/>
      <c r="ORC685" s="613"/>
      <c r="ORD685" s="613"/>
      <c r="ORE685" s="613"/>
      <c r="ORF685" s="613"/>
      <c r="ORG685" s="613"/>
      <c r="ORH685" s="613"/>
      <c r="ORI685" s="613"/>
      <c r="ORJ685" s="613"/>
      <c r="ORK685" s="613"/>
      <c r="ORL685" s="613"/>
      <c r="ORM685" s="613"/>
      <c r="ORN685" s="613"/>
      <c r="ORO685" s="613"/>
      <c r="ORP685" s="613"/>
      <c r="ORQ685" s="613"/>
      <c r="ORR685" s="613"/>
      <c r="ORS685" s="613"/>
      <c r="ORT685" s="613"/>
      <c r="ORU685" s="613"/>
      <c r="ORV685" s="613"/>
      <c r="ORW685" s="613"/>
      <c r="ORX685" s="613"/>
      <c r="ORY685" s="613"/>
      <c r="ORZ685" s="613"/>
      <c r="OSA685" s="613"/>
      <c r="OSB685" s="613"/>
      <c r="OSC685" s="613"/>
      <c r="OSD685" s="613"/>
      <c r="OSE685" s="613"/>
      <c r="OSF685" s="613"/>
      <c r="OSG685" s="613"/>
      <c r="OSH685" s="613"/>
      <c r="OSI685" s="613"/>
      <c r="OSJ685" s="613"/>
      <c r="OSK685" s="613"/>
      <c r="OSL685" s="613"/>
      <c r="OSM685" s="613"/>
      <c r="OSN685" s="613"/>
      <c r="OSO685" s="613"/>
      <c r="OSP685" s="613"/>
      <c r="OSQ685" s="613"/>
      <c r="OSR685" s="613"/>
      <c r="OSS685" s="613"/>
      <c r="OST685" s="613"/>
      <c r="OSU685" s="613"/>
      <c r="OSV685" s="613"/>
      <c r="OSW685" s="613"/>
      <c r="OSX685" s="613"/>
      <c r="OSY685" s="613"/>
      <c r="OSZ685" s="613"/>
      <c r="OTA685" s="613"/>
      <c r="OTB685" s="613"/>
      <c r="OTC685" s="613"/>
      <c r="OTD685" s="613"/>
      <c r="OTE685" s="613"/>
      <c r="OTF685" s="613"/>
      <c r="OTG685" s="613"/>
      <c r="OTH685" s="613"/>
      <c r="OTI685" s="613"/>
      <c r="OTJ685" s="613"/>
      <c r="OTK685" s="613"/>
      <c r="OTL685" s="613"/>
      <c r="OTM685" s="613"/>
      <c r="OTN685" s="613"/>
      <c r="OTO685" s="613"/>
      <c r="OTP685" s="613"/>
      <c r="OTQ685" s="613"/>
      <c r="OTR685" s="613"/>
      <c r="OTS685" s="613"/>
      <c r="OTT685" s="613"/>
      <c r="OTU685" s="613"/>
      <c r="OTV685" s="613"/>
      <c r="OTW685" s="613"/>
      <c r="OTX685" s="613"/>
      <c r="OTY685" s="613"/>
      <c r="OTZ685" s="613"/>
      <c r="OUA685" s="613"/>
      <c r="OUB685" s="613"/>
      <c r="OUC685" s="613"/>
      <c r="OUD685" s="613"/>
      <c r="OUE685" s="613"/>
      <c r="OUF685" s="613"/>
      <c r="OUG685" s="613"/>
      <c r="OUH685" s="613"/>
      <c r="OUI685" s="613"/>
      <c r="OUJ685" s="613"/>
      <c r="OUK685" s="613"/>
      <c r="OUL685" s="613"/>
      <c r="OUM685" s="613"/>
      <c r="OUN685" s="613"/>
      <c r="OUO685" s="613"/>
      <c r="OUP685" s="613"/>
      <c r="OUQ685" s="613"/>
      <c r="OUR685" s="613"/>
      <c r="OUS685" s="613"/>
      <c r="OUT685" s="613"/>
      <c r="OUU685" s="613"/>
      <c r="OUV685" s="613"/>
      <c r="OUW685" s="613"/>
      <c r="OUX685" s="613"/>
      <c r="OUY685" s="613"/>
      <c r="OUZ685" s="613"/>
      <c r="OVA685" s="613"/>
      <c r="OVB685" s="613"/>
      <c r="OVC685" s="613"/>
      <c r="OVD685" s="613"/>
      <c r="OVE685" s="613"/>
      <c r="OVF685" s="613"/>
      <c r="OVG685" s="613"/>
      <c r="OVH685" s="613"/>
      <c r="OVI685" s="613"/>
      <c r="OVJ685" s="613"/>
      <c r="OVK685" s="613"/>
      <c r="OVL685" s="613"/>
      <c r="OVM685" s="613"/>
      <c r="OVN685" s="613"/>
      <c r="OVO685" s="613"/>
      <c r="OVP685" s="613"/>
      <c r="OVQ685" s="613"/>
      <c r="OVR685" s="613"/>
      <c r="OVS685" s="613"/>
      <c r="OVT685" s="613"/>
      <c r="OVU685" s="613"/>
      <c r="OVV685" s="613"/>
      <c r="OVW685" s="613"/>
      <c r="OVX685" s="613"/>
      <c r="OVY685" s="613"/>
      <c r="OVZ685" s="613"/>
      <c r="OWA685" s="613"/>
      <c r="OWB685" s="613"/>
      <c r="OWC685" s="613"/>
      <c r="OWD685" s="613"/>
      <c r="OWE685" s="613"/>
      <c r="OWF685" s="613"/>
      <c r="OWG685" s="613"/>
      <c r="OWH685" s="613"/>
      <c r="OWI685" s="613"/>
      <c r="OWJ685" s="613"/>
      <c r="OWK685" s="613"/>
      <c r="OWL685" s="613"/>
      <c r="OWM685" s="613"/>
      <c r="OWN685" s="613"/>
      <c r="OWO685" s="613"/>
      <c r="OWP685" s="613"/>
      <c r="OWQ685" s="613"/>
      <c r="OWR685" s="613"/>
      <c r="OWS685" s="613"/>
      <c r="OWT685" s="613"/>
      <c r="OWU685" s="613"/>
      <c r="OWV685" s="613"/>
      <c r="OWW685" s="613"/>
      <c r="OWX685" s="613"/>
      <c r="OWY685" s="613"/>
      <c r="OWZ685" s="613"/>
      <c r="OXA685" s="613"/>
      <c r="OXB685" s="613"/>
      <c r="OXC685" s="613"/>
      <c r="OXD685" s="613"/>
      <c r="OXE685" s="613"/>
      <c r="OXF685" s="613"/>
      <c r="OXG685" s="613"/>
      <c r="OXH685" s="613"/>
      <c r="OXI685" s="613"/>
      <c r="OXJ685" s="613"/>
      <c r="OXK685" s="613"/>
      <c r="OXL685" s="613"/>
      <c r="OXM685" s="613"/>
      <c r="OXN685" s="613"/>
      <c r="OXO685" s="613"/>
      <c r="OXP685" s="613"/>
      <c r="OXQ685" s="613"/>
      <c r="OXR685" s="613"/>
      <c r="OXS685" s="613"/>
      <c r="OXT685" s="613"/>
      <c r="OXU685" s="613"/>
      <c r="OXV685" s="613"/>
      <c r="OXW685" s="613"/>
      <c r="OXX685" s="613"/>
      <c r="OXY685" s="613"/>
      <c r="OXZ685" s="613"/>
      <c r="OYA685" s="613"/>
      <c r="OYB685" s="613"/>
      <c r="OYC685" s="613"/>
      <c r="OYD685" s="613"/>
      <c r="OYE685" s="613"/>
      <c r="OYF685" s="613"/>
      <c r="OYG685" s="613"/>
      <c r="OYH685" s="613"/>
      <c r="OYI685" s="613"/>
      <c r="OYJ685" s="613"/>
      <c r="OYK685" s="613"/>
      <c r="OYL685" s="613"/>
      <c r="OYM685" s="613"/>
      <c r="OYN685" s="613"/>
      <c r="OYO685" s="613"/>
      <c r="OYP685" s="613"/>
      <c r="OYQ685" s="613"/>
      <c r="OYR685" s="613"/>
      <c r="OYS685" s="613"/>
      <c r="OYT685" s="613"/>
      <c r="OYU685" s="613"/>
      <c r="OYV685" s="613"/>
      <c r="OYW685" s="613"/>
      <c r="OYX685" s="613"/>
      <c r="OYY685" s="613"/>
      <c r="OYZ685" s="613"/>
      <c r="OZA685" s="613"/>
      <c r="OZB685" s="613"/>
      <c r="OZC685" s="613"/>
      <c r="OZD685" s="613"/>
      <c r="OZE685" s="613"/>
      <c r="OZF685" s="613"/>
      <c r="OZG685" s="613"/>
      <c r="OZH685" s="613"/>
      <c r="OZI685" s="613"/>
      <c r="OZJ685" s="613"/>
      <c r="OZK685" s="613"/>
      <c r="OZL685" s="613"/>
      <c r="OZM685" s="613"/>
      <c r="OZN685" s="613"/>
      <c r="OZO685" s="613"/>
      <c r="OZP685" s="613"/>
      <c r="OZQ685" s="613"/>
      <c r="OZR685" s="613"/>
      <c r="OZS685" s="613"/>
      <c r="OZT685" s="613"/>
      <c r="OZU685" s="613"/>
      <c r="OZV685" s="613"/>
      <c r="OZW685" s="613"/>
      <c r="OZX685" s="613"/>
      <c r="OZY685" s="613"/>
      <c r="OZZ685" s="613"/>
      <c r="PAA685" s="613"/>
      <c r="PAB685" s="613"/>
      <c r="PAC685" s="613"/>
      <c r="PAD685" s="613"/>
      <c r="PAE685" s="613"/>
      <c r="PAF685" s="613"/>
      <c r="PAG685" s="613"/>
      <c r="PAH685" s="613"/>
      <c r="PAI685" s="613"/>
      <c r="PAJ685" s="613"/>
      <c r="PAK685" s="613"/>
      <c r="PAL685" s="613"/>
      <c r="PAM685" s="613"/>
      <c r="PAN685" s="613"/>
      <c r="PAO685" s="613"/>
      <c r="PAP685" s="613"/>
      <c r="PAQ685" s="613"/>
      <c r="PAR685" s="613"/>
      <c r="PAS685" s="613"/>
      <c r="PAT685" s="613"/>
      <c r="PAU685" s="613"/>
      <c r="PAV685" s="613"/>
      <c r="PAW685" s="613"/>
      <c r="PAX685" s="613"/>
      <c r="PAY685" s="613"/>
      <c r="PAZ685" s="613"/>
      <c r="PBA685" s="613"/>
      <c r="PBB685" s="613"/>
      <c r="PBC685" s="613"/>
      <c r="PBD685" s="613"/>
      <c r="PBE685" s="613"/>
      <c r="PBF685" s="613"/>
      <c r="PBG685" s="613"/>
      <c r="PBH685" s="613"/>
      <c r="PBI685" s="613"/>
      <c r="PBJ685" s="613"/>
      <c r="PBK685" s="613"/>
      <c r="PBL685" s="613"/>
      <c r="PBM685" s="613"/>
      <c r="PBN685" s="613"/>
      <c r="PBO685" s="613"/>
      <c r="PBP685" s="613"/>
      <c r="PBQ685" s="613"/>
      <c r="PBR685" s="613"/>
      <c r="PBS685" s="613"/>
      <c r="PBT685" s="613"/>
      <c r="PBU685" s="613"/>
      <c r="PBV685" s="613"/>
      <c r="PBW685" s="613"/>
      <c r="PBX685" s="613"/>
      <c r="PBY685" s="613"/>
      <c r="PBZ685" s="613"/>
      <c r="PCA685" s="613"/>
      <c r="PCB685" s="613"/>
      <c r="PCC685" s="613"/>
      <c r="PCD685" s="613"/>
      <c r="PCE685" s="613"/>
      <c r="PCF685" s="613"/>
      <c r="PCG685" s="613"/>
      <c r="PCH685" s="613"/>
      <c r="PCI685" s="613"/>
      <c r="PCJ685" s="613"/>
      <c r="PCK685" s="613"/>
      <c r="PCL685" s="613"/>
      <c r="PCM685" s="613"/>
      <c r="PCN685" s="613"/>
      <c r="PCO685" s="613"/>
      <c r="PCP685" s="613"/>
      <c r="PCQ685" s="613"/>
      <c r="PCR685" s="613"/>
      <c r="PCS685" s="613"/>
      <c r="PCT685" s="613"/>
      <c r="PCU685" s="613"/>
      <c r="PCV685" s="613"/>
      <c r="PCW685" s="613"/>
      <c r="PCX685" s="613"/>
      <c r="PCY685" s="613"/>
      <c r="PCZ685" s="613"/>
      <c r="PDA685" s="613"/>
      <c r="PDB685" s="613"/>
      <c r="PDC685" s="613"/>
      <c r="PDD685" s="613"/>
      <c r="PDE685" s="613"/>
      <c r="PDF685" s="613"/>
      <c r="PDG685" s="613"/>
      <c r="PDH685" s="613"/>
      <c r="PDI685" s="613"/>
      <c r="PDJ685" s="613"/>
      <c r="PDK685" s="613"/>
      <c r="PDL685" s="613"/>
      <c r="PDM685" s="613"/>
      <c r="PDN685" s="613"/>
      <c r="PDO685" s="613"/>
      <c r="PDP685" s="613"/>
      <c r="PDQ685" s="613"/>
      <c r="PDR685" s="613"/>
      <c r="PDS685" s="613"/>
      <c r="PDT685" s="613"/>
      <c r="PDU685" s="613"/>
      <c r="PDV685" s="613"/>
      <c r="PDW685" s="613"/>
      <c r="PDX685" s="613"/>
      <c r="PDY685" s="613"/>
      <c r="PDZ685" s="613"/>
      <c r="PEA685" s="613"/>
      <c r="PEB685" s="613"/>
      <c r="PEC685" s="613"/>
      <c r="PED685" s="613"/>
      <c r="PEE685" s="613"/>
      <c r="PEF685" s="613"/>
      <c r="PEG685" s="613"/>
      <c r="PEH685" s="613"/>
      <c r="PEI685" s="613"/>
      <c r="PEJ685" s="613"/>
      <c r="PEK685" s="613"/>
      <c r="PEL685" s="613"/>
      <c r="PEM685" s="613"/>
      <c r="PEN685" s="613"/>
      <c r="PEO685" s="613"/>
      <c r="PEP685" s="613"/>
      <c r="PEQ685" s="613"/>
      <c r="PER685" s="613"/>
      <c r="PES685" s="613"/>
      <c r="PET685" s="613"/>
      <c r="PEU685" s="613"/>
      <c r="PEV685" s="613"/>
      <c r="PEW685" s="613"/>
      <c r="PEX685" s="613"/>
      <c r="PEY685" s="613"/>
      <c r="PEZ685" s="613"/>
      <c r="PFA685" s="613"/>
      <c r="PFB685" s="613"/>
      <c r="PFC685" s="613"/>
      <c r="PFD685" s="613"/>
      <c r="PFE685" s="613"/>
      <c r="PFF685" s="613"/>
      <c r="PFG685" s="613"/>
      <c r="PFH685" s="613"/>
      <c r="PFI685" s="613"/>
      <c r="PFJ685" s="613"/>
      <c r="PFK685" s="613"/>
      <c r="PFL685" s="613"/>
      <c r="PFM685" s="613"/>
      <c r="PFN685" s="613"/>
      <c r="PFO685" s="613"/>
      <c r="PFP685" s="613"/>
      <c r="PFQ685" s="613"/>
      <c r="PFR685" s="613"/>
      <c r="PFS685" s="613"/>
      <c r="PFT685" s="613"/>
      <c r="PFU685" s="613"/>
      <c r="PFV685" s="613"/>
      <c r="PFW685" s="613"/>
      <c r="PFX685" s="613"/>
      <c r="PFY685" s="613"/>
      <c r="PFZ685" s="613"/>
      <c r="PGA685" s="613"/>
      <c r="PGB685" s="613"/>
      <c r="PGC685" s="613"/>
      <c r="PGD685" s="613"/>
      <c r="PGE685" s="613"/>
      <c r="PGF685" s="613"/>
      <c r="PGG685" s="613"/>
      <c r="PGH685" s="613"/>
      <c r="PGI685" s="613"/>
      <c r="PGJ685" s="613"/>
      <c r="PGK685" s="613"/>
      <c r="PGL685" s="613"/>
      <c r="PGM685" s="613"/>
      <c r="PGN685" s="613"/>
      <c r="PGO685" s="613"/>
      <c r="PGP685" s="613"/>
      <c r="PGQ685" s="613"/>
      <c r="PGR685" s="613"/>
      <c r="PGS685" s="613"/>
      <c r="PGT685" s="613"/>
      <c r="PGU685" s="613"/>
      <c r="PGV685" s="613"/>
      <c r="PGW685" s="613"/>
      <c r="PGX685" s="613"/>
      <c r="PGY685" s="613"/>
      <c r="PGZ685" s="613"/>
      <c r="PHA685" s="613"/>
      <c r="PHB685" s="613"/>
      <c r="PHC685" s="613"/>
      <c r="PHD685" s="613"/>
      <c r="PHE685" s="613"/>
      <c r="PHF685" s="613"/>
      <c r="PHG685" s="613"/>
      <c r="PHH685" s="613"/>
      <c r="PHI685" s="613"/>
      <c r="PHJ685" s="613"/>
      <c r="PHK685" s="613"/>
      <c r="PHL685" s="613"/>
      <c r="PHM685" s="613"/>
      <c r="PHN685" s="613"/>
      <c r="PHO685" s="613"/>
      <c r="PHP685" s="613"/>
      <c r="PHQ685" s="613"/>
      <c r="PHR685" s="613"/>
      <c r="PHS685" s="613"/>
      <c r="PHT685" s="613"/>
      <c r="PHU685" s="613"/>
      <c r="PHV685" s="613"/>
      <c r="PHW685" s="613"/>
      <c r="PHX685" s="613"/>
      <c r="PHY685" s="613"/>
      <c r="PHZ685" s="613"/>
      <c r="PIA685" s="613"/>
      <c r="PIB685" s="613"/>
      <c r="PIC685" s="613"/>
      <c r="PID685" s="613"/>
      <c r="PIE685" s="613"/>
      <c r="PIF685" s="613"/>
      <c r="PIG685" s="613"/>
      <c r="PIH685" s="613"/>
      <c r="PII685" s="613"/>
      <c r="PIJ685" s="613"/>
      <c r="PIK685" s="613"/>
      <c r="PIL685" s="613"/>
      <c r="PIM685" s="613"/>
      <c r="PIN685" s="613"/>
      <c r="PIO685" s="613"/>
      <c r="PIP685" s="613"/>
      <c r="PIQ685" s="613"/>
      <c r="PIR685" s="613"/>
      <c r="PIS685" s="613"/>
      <c r="PIT685" s="613"/>
      <c r="PIU685" s="613"/>
      <c r="PIV685" s="613"/>
      <c r="PIW685" s="613"/>
      <c r="PIX685" s="613"/>
      <c r="PIY685" s="613"/>
      <c r="PIZ685" s="613"/>
      <c r="PJA685" s="613"/>
      <c r="PJB685" s="613"/>
      <c r="PJC685" s="613"/>
      <c r="PJD685" s="613"/>
      <c r="PJE685" s="613"/>
      <c r="PJF685" s="613"/>
      <c r="PJG685" s="613"/>
      <c r="PJH685" s="613"/>
      <c r="PJI685" s="613"/>
      <c r="PJJ685" s="613"/>
      <c r="PJK685" s="613"/>
      <c r="PJL685" s="613"/>
      <c r="PJM685" s="613"/>
      <c r="PJN685" s="613"/>
      <c r="PJO685" s="613"/>
      <c r="PJP685" s="613"/>
      <c r="PJQ685" s="613"/>
      <c r="PJR685" s="613"/>
      <c r="PJS685" s="613"/>
      <c r="PJT685" s="613"/>
      <c r="PJU685" s="613"/>
      <c r="PJV685" s="613"/>
      <c r="PJW685" s="613"/>
      <c r="PJX685" s="613"/>
      <c r="PJY685" s="613"/>
      <c r="PJZ685" s="613"/>
      <c r="PKA685" s="613"/>
      <c r="PKB685" s="613"/>
      <c r="PKC685" s="613"/>
      <c r="PKD685" s="613"/>
      <c r="PKE685" s="613"/>
      <c r="PKF685" s="613"/>
      <c r="PKG685" s="613"/>
      <c r="PKH685" s="613"/>
      <c r="PKI685" s="613"/>
      <c r="PKJ685" s="613"/>
      <c r="PKK685" s="613"/>
      <c r="PKL685" s="613"/>
      <c r="PKM685" s="613"/>
      <c r="PKN685" s="613"/>
      <c r="PKO685" s="613"/>
      <c r="PKP685" s="613"/>
      <c r="PKQ685" s="613"/>
      <c r="PKR685" s="613"/>
      <c r="PKS685" s="613"/>
      <c r="PKT685" s="613"/>
      <c r="PKU685" s="613"/>
      <c r="PKV685" s="613"/>
      <c r="PKW685" s="613"/>
      <c r="PKX685" s="613"/>
      <c r="PKY685" s="613"/>
      <c r="PKZ685" s="613"/>
      <c r="PLA685" s="613"/>
      <c r="PLB685" s="613"/>
      <c r="PLC685" s="613"/>
      <c r="PLD685" s="613"/>
      <c r="PLE685" s="613"/>
      <c r="PLF685" s="613"/>
      <c r="PLG685" s="613"/>
      <c r="PLH685" s="613"/>
      <c r="PLI685" s="613"/>
      <c r="PLJ685" s="613"/>
      <c r="PLK685" s="613"/>
      <c r="PLL685" s="613"/>
      <c r="PLM685" s="613"/>
      <c r="PLN685" s="613"/>
      <c r="PLO685" s="613"/>
      <c r="PLP685" s="613"/>
      <c r="PLQ685" s="613"/>
      <c r="PLR685" s="613"/>
      <c r="PLS685" s="613"/>
      <c r="PLT685" s="613"/>
      <c r="PLU685" s="613"/>
      <c r="PLV685" s="613"/>
      <c r="PLW685" s="613"/>
      <c r="PLX685" s="613"/>
      <c r="PLY685" s="613"/>
      <c r="PLZ685" s="613"/>
      <c r="PMA685" s="613"/>
      <c r="PMB685" s="613"/>
      <c r="PMC685" s="613"/>
      <c r="PMD685" s="613"/>
      <c r="PME685" s="613"/>
      <c r="PMF685" s="613"/>
      <c r="PMG685" s="613"/>
      <c r="PMH685" s="613"/>
      <c r="PMI685" s="613"/>
      <c r="PMJ685" s="613"/>
      <c r="PMK685" s="613"/>
      <c r="PML685" s="613"/>
      <c r="PMM685" s="613"/>
      <c r="PMN685" s="613"/>
      <c r="PMO685" s="613"/>
      <c r="PMP685" s="613"/>
      <c r="PMQ685" s="613"/>
      <c r="PMR685" s="613"/>
      <c r="PMS685" s="613"/>
      <c r="PMT685" s="613"/>
      <c r="PMU685" s="613"/>
      <c r="PMV685" s="613"/>
      <c r="PMW685" s="613"/>
      <c r="PMX685" s="613"/>
      <c r="PMY685" s="613"/>
      <c r="PMZ685" s="613"/>
      <c r="PNA685" s="613"/>
      <c r="PNB685" s="613"/>
      <c r="PNC685" s="613"/>
      <c r="PND685" s="613"/>
      <c r="PNE685" s="613"/>
      <c r="PNF685" s="613"/>
      <c r="PNG685" s="613"/>
      <c r="PNH685" s="613"/>
      <c r="PNI685" s="613"/>
      <c r="PNJ685" s="613"/>
      <c r="PNK685" s="613"/>
      <c r="PNL685" s="613"/>
      <c r="PNM685" s="613"/>
      <c r="PNN685" s="613"/>
      <c r="PNO685" s="613"/>
      <c r="PNP685" s="613"/>
      <c r="PNQ685" s="613"/>
      <c r="PNR685" s="613"/>
      <c r="PNS685" s="613"/>
      <c r="PNT685" s="613"/>
      <c r="PNU685" s="613"/>
      <c r="PNV685" s="613"/>
      <c r="PNW685" s="613"/>
      <c r="PNX685" s="613"/>
      <c r="PNY685" s="613"/>
      <c r="PNZ685" s="613"/>
      <c r="POA685" s="613"/>
      <c r="POB685" s="613"/>
      <c r="POC685" s="613"/>
      <c r="POD685" s="613"/>
      <c r="POE685" s="613"/>
      <c r="POF685" s="613"/>
      <c r="POG685" s="613"/>
      <c r="POH685" s="613"/>
      <c r="POI685" s="613"/>
      <c r="POJ685" s="613"/>
      <c r="POK685" s="613"/>
      <c r="POL685" s="613"/>
      <c r="POM685" s="613"/>
      <c r="PON685" s="613"/>
      <c r="POO685" s="613"/>
      <c r="POP685" s="613"/>
      <c r="POQ685" s="613"/>
      <c r="POR685" s="613"/>
      <c r="POS685" s="613"/>
      <c r="POT685" s="613"/>
      <c r="POU685" s="613"/>
      <c r="POV685" s="613"/>
      <c r="POW685" s="613"/>
      <c r="POX685" s="613"/>
      <c r="POY685" s="613"/>
      <c r="POZ685" s="613"/>
      <c r="PPA685" s="613"/>
      <c r="PPB685" s="613"/>
      <c r="PPC685" s="613"/>
      <c r="PPD685" s="613"/>
      <c r="PPE685" s="613"/>
      <c r="PPF685" s="613"/>
      <c r="PPG685" s="613"/>
      <c r="PPH685" s="613"/>
      <c r="PPI685" s="613"/>
      <c r="PPJ685" s="613"/>
      <c r="PPK685" s="613"/>
      <c r="PPL685" s="613"/>
      <c r="PPM685" s="613"/>
      <c r="PPN685" s="613"/>
      <c r="PPO685" s="613"/>
      <c r="PPP685" s="613"/>
      <c r="PPQ685" s="613"/>
      <c r="PPR685" s="613"/>
      <c r="PPS685" s="613"/>
      <c r="PPT685" s="613"/>
      <c r="PPU685" s="613"/>
      <c r="PPV685" s="613"/>
      <c r="PPW685" s="613"/>
      <c r="PPX685" s="613"/>
      <c r="PPY685" s="613"/>
      <c r="PPZ685" s="613"/>
      <c r="PQA685" s="613"/>
      <c r="PQB685" s="613"/>
      <c r="PQC685" s="613"/>
      <c r="PQD685" s="613"/>
      <c r="PQE685" s="613"/>
      <c r="PQF685" s="613"/>
      <c r="PQG685" s="613"/>
      <c r="PQH685" s="613"/>
      <c r="PQI685" s="613"/>
      <c r="PQJ685" s="613"/>
      <c r="PQK685" s="613"/>
      <c r="PQL685" s="613"/>
      <c r="PQM685" s="613"/>
      <c r="PQN685" s="613"/>
      <c r="PQO685" s="613"/>
      <c r="PQP685" s="613"/>
      <c r="PQQ685" s="613"/>
      <c r="PQR685" s="613"/>
      <c r="PQS685" s="613"/>
      <c r="PQT685" s="613"/>
      <c r="PQU685" s="613"/>
      <c r="PQV685" s="613"/>
      <c r="PQW685" s="613"/>
      <c r="PQX685" s="613"/>
      <c r="PQY685" s="613"/>
      <c r="PQZ685" s="613"/>
      <c r="PRA685" s="613"/>
      <c r="PRB685" s="613"/>
      <c r="PRC685" s="613"/>
      <c r="PRD685" s="613"/>
      <c r="PRE685" s="613"/>
      <c r="PRF685" s="613"/>
      <c r="PRG685" s="613"/>
      <c r="PRH685" s="613"/>
      <c r="PRI685" s="613"/>
      <c r="PRJ685" s="613"/>
      <c r="PRK685" s="613"/>
      <c r="PRL685" s="613"/>
      <c r="PRM685" s="613"/>
      <c r="PRN685" s="613"/>
      <c r="PRO685" s="613"/>
      <c r="PRP685" s="613"/>
      <c r="PRQ685" s="613"/>
      <c r="PRR685" s="613"/>
      <c r="PRS685" s="613"/>
      <c r="PRT685" s="613"/>
      <c r="PRU685" s="613"/>
      <c r="PRV685" s="613"/>
      <c r="PRW685" s="613"/>
      <c r="PRX685" s="613"/>
      <c r="PRY685" s="613"/>
      <c r="PRZ685" s="613"/>
      <c r="PSA685" s="613"/>
      <c r="PSB685" s="613"/>
      <c r="PSC685" s="613"/>
      <c r="PSD685" s="613"/>
      <c r="PSE685" s="613"/>
      <c r="PSF685" s="613"/>
      <c r="PSG685" s="613"/>
      <c r="PSH685" s="613"/>
      <c r="PSI685" s="613"/>
      <c r="PSJ685" s="613"/>
      <c r="PSK685" s="613"/>
      <c r="PSL685" s="613"/>
      <c r="PSM685" s="613"/>
      <c r="PSN685" s="613"/>
      <c r="PSO685" s="613"/>
      <c r="PSP685" s="613"/>
      <c r="PSQ685" s="613"/>
      <c r="PSR685" s="613"/>
      <c r="PSS685" s="613"/>
      <c r="PST685" s="613"/>
      <c r="PSU685" s="613"/>
      <c r="PSV685" s="613"/>
      <c r="PSW685" s="613"/>
      <c r="PSX685" s="613"/>
      <c r="PSY685" s="613"/>
      <c r="PSZ685" s="613"/>
      <c r="PTA685" s="613"/>
      <c r="PTB685" s="613"/>
      <c r="PTC685" s="613"/>
      <c r="PTD685" s="613"/>
      <c r="PTE685" s="613"/>
      <c r="PTF685" s="613"/>
      <c r="PTG685" s="613"/>
      <c r="PTH685" s="613"/>
      <c r="PTI685" s="613"/>
      <c r="PTJ685" s="613"/>
      <c r="PTK685" s="613"/>
      <c r="PTL685" s="613"/>
      <c r="PTM685" s="613"/>
      <c r="PTN685" s="613"/>
      <c r="PTO685" s="613"/>
      <c r="PTP685" s="613"/>
      <c r="PTQ685" s="613"/>
      <c r="PTR685" s="613"/>
      <c r="PTS685" s="613"/>
      <c r="PTT685" s="613"/>
      <c r="PTU685" s="613"/>
      <c r="PTV685" s="613"/>
      <c r="PTW685" s="613"/>
      <c r="PTX685" s="613"/>
      <c r="PTY685" s="613"/>
      <c r="PTZ685" s="613"/>
      <c r="PUA685" s="613"/>
      <c r="PUB685" s="613"/>
      <c r="PUC685" s="613"/>
      <c r="PUD685" s="613"/>
      <c r="PUE685" s="613"/>
      <c r="PUF685" s="613"/>
      <c r="PUG685" s="613"/>
      <c r="PUH685" s="613"/>
      <c r="PUI685" s="613"/>
      <c r="PUJ685" s="613"/>
      <c r="PUK685" s="613"/>
      <c r="PUL685" s="613"/>
      <c r="PUM685" s="613"/>
      <c r="PUN685" s="613"/>
      <c r="PUO685" s="613"/>
      <c r="PUP685" s="613"/>
      <c r="PUQ685" s="613"/>
      <c r="PUR685" s="613"/>
      <c r="PUS685" s="613"/>
      <c r="PUT685" s="613"/>
      <c r="PUU685" s="613"/>
      <c r="PUV685" s="613"/>
      <c r="PUW685" s="613"/>
      <c r="PUX685" s="613"/>
      <c r="PUY685" s="613"/>
      <c r="PUZ685" s="613"/>
      <c r="PVA685" s="613"/>
      <c r="PVB685" s="613"/>
      <c r="PVC685" s="613"/>
      <c r="PVD685" s="613"/>
      <c r="PVE685" s="613"/>
      <c r="PVF685" s="613"/>
      <c r="PVG685" s="613"/>
      <c r="PVH685" s="613"/>
      <c r="PVI685" s="613"/>
      <c r="PVJ685" s="613"/>
      <c r="PVK685" s="613"/>
      <c r="PVL685" s="613"/>
      <c r="PVM685" s="613"/>
      <c r="PVN685" s="613"/>
      <c r="PVO685" s="613"/>
      <c r="PVP685" s="613"/>
      <c r="PVQ685" s="613"/>
      <c r="PVR685" s="613"/>
      <c r="PVS685" s="613"/>
      <c r="PVT685" s="613"/>
      <c r="PVU685" s="613"/>
      <c r="PVV685" s="613"/>
      <c r="PVW685" s="613"/>
      <c r="PVX685" s="613"/>
      <c r="PVY685" s="613"/>
      <c r="PVZ685" s="613"/>
      <c r="PWA685" s="613"/>
      <c r="PWB685" s="613"/>
      <c r="PWC685" s="613"/>
      <c r="PWD685" s="613"/>
      <c r="PWE685" s="613"/>
      <c r="PWF685" s="613"/>
      <c r="PWG685" s="613"/>
      <c r="PWH685" s="613"/>
      <c r="PWI685" s="613"/>
      <c r="PWJ685" s="613"/>
      <c r="PWK685" s="613"/>
      <c r="PWL685" s="613"/>
      <c r="PWM685" s="613"/>
      <c r="PWN685" s="613"/>
      <c r="PWO685" s="613"/>
      <c r="PWP685" s="613"/>
      <c r="PWQ685" s="613"/>
      <c r="PWR685" s="613"/>
      <c r="PWS685" s="613"/>
      <c r="PWT685" s="613"/>
      <c r="PWU685" s="613"/>
      <c r="PWV685" s="613"/>
      <c r="PWW685" s="613"/>
      <c r="PWX685" s="613"/>
      <c r="PWY685" s="613"/>
      <c r="PWZ685" s="613"/>
      <c r="PXA685" s="613"/>
      <c r="PXB685" s="613"/>
      <c r="PXC685" s="613"/>
      <c r="PXD685" s="613"/>
      <c r="PXE685" s="613"/>
      <c r="PXF685" s="613"/>
      <c r="PXG685" s="613"/>
      <c r="PXH685" s="613"/>
      <c r="PXI685" s="613"/>
      <c r="PXJ685" s="613"/>
      <c r="PXK685" s="613"/>
      <c r="PXL685" s="613"/>
      <c r="PXM685" s="613"/>
      <c r="PXN685" s="613"/>
      <c r="PXO685" s="613"/>
      <c r="PXP685" s="613"/>
      <c r="PXQ685" s="613"/>
      <c r="PXR685" s="613"/>
      <c r="PXS685" s="613"/>
      <c r="PXT685" s="613"/>
      <c r="PXU685" s="613"/>
      <c r="PXV685" s="613"/>
      <c r="PXW685" s="613"/>
      <c r="PXX685" s="613"/>
      <c r="PXY685" s="613"/>
      <c r="PXZ685" s="613"/>
      <c r="PYA685" s="613"/>
      <c r="PYB685" s="613"/>
      <c r="PYC685" s="613"/>
      <c r="PYD685" s="613"/>
      <c r="PYE685" s="613"/>
      <c r="PYF685" s="613"/>
      <c r="PYG685" s="613"/>
      <c r="PYH685" s="613"/>
      <c r="PYI685" s="613"/>
      <c r="PYJ685" s="613"/>
      <c r="PYK685" s="613"/>
      <c r="PYL685" s="613"/>
      <c r="PYM685" s="613"/>
      <c r="PYN685" s="613"/>
      <c r="PYO685" s="613"/>
      <c r="PYP685" s="613"/>
      <c r="PYQ685" s="613"/>
      <c r="PYR685" s="613"/>
      <c r="PYS685" s="613"/>
      <c r="PYT685" s="613"/>
      <c r="PYU685" s="613"/>
      <c r="PYV685" s="613"/>
      <c r="PYW685" s="613"/>
      <c r="PYX685" s="613"/>
      <c r="PYY685" s="613"/>
      <c r="PYZ685" s="613"/>
      <c r="PZA685" s="613"/>
      <c r="PZB685" s="613"/>
      <c r="PZC685" s="613"/>
      <c r="PZD685" s="613"/>
      <c r="PZE685" s="613"/>
      <c r="PZF685" s="613"/>
      <c r="PZG685" s="613"/>
      <c r="PZH685" s="613"/>
      <c r="PZI685" s="613"/>
      <c r="PZJ685" s="613"/>
      <c r="PZK685" s="613"/>
      <c r="PZL685" s="613"/>
      <c r="PZM685" s="613"/>
      <c r="PZN685" s="613"/>
      <c r="PZO685" s="613"/>
      <c r="PZP685" s="613"/>
      <c r="PZQ685" s="613"/>
      <c r="PZR685" s="613"/>
      <c r="PZS685" s="613"/>
      <c r="PZT685" s="613"/>
      <c r="PZU685" s="613"/>
      <c r="PZV685" s="613"/>
      <c r="PZW685" s="613"/>
      <c r="PZX685" s="613"/>
      <c r="PZY685" s="613"/>
      <c r="PZZ685" s="613"/>
      <c r="QAA685" s="613"/>
      <c r="QAB685" s="613"/>
      <c r="QAC685" s="613"/>
      <c r="QAD685" s="613"/>
      <c r="QAE685" s="613"/>
      <c r="QAF685" s="613"/>
      <c r="QAG685" s="613"/>
      <c r="QAH685" s="613"/>
      <c r="QAI685" s="613"/>
      <c r="QAJ685" s="613"/>
      <c r="QAK685" s="613"/>
      <c r="QAL685" s="613"/>
      <c r="QAM685" s="613"/>
      <c r="QAN685" s="613"/>
      <c r="QAO685" s="613"/>
      <c r="QAP685" s="613"/>
      <c r="QAQ685" s="613"/>
      <c r="QAR685" s="613"/>
      <c r="QAS685" s="613"/>
      <c r="QAT685" s="613"/>
      <c r="QAU685" s="613"/>
      <c r="QAV685" s="613"/>
      <c r="QAW685" s="613"/>
      <c r="QAX685" s="613"/>
      <c r="QAY685" s="613"/>
      <c r="QAZ685" s="613"/>
      <c r="QBA685" s="613"/>
      <c r="QBB685" s="613"/>
      <c r="QBC685" s="613"/>
      <c r="QBD685" s="613"/>
      <c r="QBE685" s="613"/>
      <c r="QBF685" s="613"/>
      <c r="QBG685" s="613"/>
      <c r="QBH685" s="613"/>
      <c r="QBI685" s="613"/>
      <c r="QBJ685" s="613"/>
      <c r="QBK685" s="613"/>
      <c r="QBL685" s="613"/>
      <c r="QBM685" s="613"/>
      <c r="QBN685" s="613"/>
      <c r="QBO685" s="613"/>
      <c r="QBP685" s="613"/>
      <c r="QBQ685" s="613"/>
      <c r="QBR685" s="613"/>
      <c r="QBS685" s="613"/>
      <c r="QBT685" s="613"/>
      <c r="QBU685" s="613"/>
      <c r="QBV685" s="613"/>
      <c r="QBW685" s="613"/>
      <c r="QBX685" s="613"/>
      <c r="QBY685" s="613"/>
      <c r="QBZ685" s="613"/>
      <c r="QCA685" s="613"/>
      <c r="QCB685" s="613"/>
      <c r="QCC685" s="613"/>
      <c r="QCD685" s="613"/>
      <c r="QCE685" s="613"/>
      <c r="QCF685" s="613"/>
      <c r="QCG685" s="613"/>
      <c r="QCH685" s="613"/>
      <c r="QCI685" s="613"/>
      <c r="QCJ685" s="613"/>
      <c r="QCK685" s="613"/>
      <c r="QCL685" s="613"/>
      <c r="QCM685" s="613"/>
      <c r="QCN685" s="613"/>
      <c r="QCO685" s="613"/>
      <c r="QCP685" s="613"/>
      <c r="QCQ685" s="613"/>
      <c r="QCR685" s="613"/>
      <c r="QCS685" s="613"/>
      <c r="QCT685" s="613"/>
      <c r="QCU685" s="613"/>
      <c r="QCV685" s="613"/>
      <c r="QCW685" s="613"/>
      <c r="QCX685" s="613"/>
      <c r="QCY685" s="613"/>
      <c r="QCZ685" s="613"/>
      <c r="QDA685" s="613"/>
      <c r="QDB685" s="613"/>
      <c r="QDC685" s="613"/>
      <c r="QDD685" s="613"/>
      <c r="QDE685" s="613"/>
      <c r="QDF685" s="613"/>
      <c r="QDG685" s="613"/>
      <c r="QDH685" s="613"/>
      <c r="QDI685" s="613"/>
      <c r="QDJ685" s="613"/>
      <c r="QDK685" s="613"/>
      <c r="QDL685" s="613"/>
      <c r="QDM685" s="613"/>
      <c r="QDN685" s="613"/>
      <c r="QDO685" s="613"/>
      <c r="QDP685" s="613"/>
      <c r="QDQ685" s="613"/>
      <c r="QDR685" s="613"/>
      <c r="QDS685" s="613"/>
      <c r="QDT685" s="613"/>
      <c r="QDU685" s="613"/>
      <c r="QDV685" s="613"/>
      <c r="QDW685" s="613"/>
      <c r="QDX685" s="613"/>
      <c r="QDY685" s="613"/>
      <c r="QDZ685" s="613"/>
      <c r="QEA685" s="613"/>
      <c r="QEB685" s="613"/>
      <c r="QEC685" s="613"/>
      <c r="QED685" s="613"/>
      <c r="QEE685" s="613"/>
      <c r="QEF685" s="613"/>
      <c r="QEG685" s="613"/>
      <c r="QEH685" s="613"/>
      <c r="QEI685" s="613"/>
      <c r="QEJ685" s="613"/>
      <c r="QEK685" s="613"/>
      <c r="QEL685" s="613"/>
      <c r="QEM685" s="613"/>
      <c r="QEN685" s="613"/>
      <c r="QEO685" s="613"/>
      <c r="QEP685" s="613"/>
      <c r="QEQ685" s="613"/>
      <c r="QER685" s="613"/>
      <c r="QES685" s="613"/>
      <c r="QET685" s="613"/>
      <c r="QEU685" s="613"/>
      <c r="QEV685" s="613"/>
      <c r="QEW685" s="613"/>
      <c r="QEX685" s="613"/>
      <c r="QEY685" s="613"/>
      <c r="QEZ685" s="613"/>
      <c r="QFA685" s="613"/>
      <c r="QFB685" s="613"/>
      <c r="QFC685" s="613"/>
      <c r="QFD685" s="613"/>
      <c r="QFE685" s="613"/>
      <c r="QFF685" s="613"/>
      <c r="QFG685" s="613"/>
      <c r="QFH685" s="613"/>
      <c r="QFI685" s="613"/>
      <c r="QFJ685" s="613"/>
      <c r="QFK685" s="613"/>
      <c r="QFL685" s="613"/>
      <c r="QFM685" s="613"/>
      <c r="QFN685" s="613"/>
      <c r="QFO685" s="613"/>
      <c r="QFP685" s="613"/>
      <c r="QFQ685" s="613"/>
      <c r="QFR685" s="613"/>
      <c r="QFS685" s="613"/>
      <c r="QFT685" s="613"/>
      <c r="QFU685" s="613"/>
      <c r="QFV685" s="613"/>
      <c r="QFW685" s="613"/>
      <c r="QFX685" s="613"/>
      <c r="QFY685" s="613"/>
      <c r="QFZ685" s="613"/>
      <c r="QGA685" s="613"/>
      <c r="QGB685" s="613"/>
      <c r="QGC685" s="613"/>
      <c r="QGD685" s="613"/>
      <c r="QGE685" s="613"/>
      <c r="QGF685" s="613"/>
      <c r="QGG685" s="613"/>
      <c r="QGH685" s="613"/>
      <c r="QGI685" s="613"/>
      <c r="QGJ685" s="613"/>
      <c r="QGK685" s="613"/>
      <c r="QGL685" s="613"/>
      <c r="QGM685" s="613"/>
      <c r="QGN685" s="613"/>
      <c r="QGO685" s="613"/>
      <c r="QGP685" s="613"/>
      <c r="QGQ685" s="613"/>
      <c r="QGR685" s="613"/>
      <c r="QGS685" s="613"/>
      <c r="QGT685" s="613"/>
      <c r="QGU685" s="613"/>
      <c r="QGV685" s="613"/>
      <c r="QGW685" s="613"/>
      <c r="QGX685" s="613"/>
      <c r="QGY685" s="613"/>
      <c r="QGZ685" s="613"/>
      <c r="QHA685" s="613"/>
      <c r="QHB685" s="613"/>
      <c r="QHC685" s="613"/>
      <c r="QHD685" s="613"/>
      <c r="QHE685" s="613"/>
      <c r="QHF685" s="613"/>
      <c r="QHG685" s="613"/>
      <c r="QHH685" s="613"/>
      <c r="QHI685" s="613"/>
      <c r="QHJ685" s="613"/>
      <c r="QHK685" s="613"/>
      <c r="QHL685" s="613"/>
      <c r="QHM685" s="613"/>
      <c r="QHN685" s="613"/>
      <c r="QHO685" s="613"/>
      <c r="QHP685" s="613"/>
      <c r="QHQ685" s="613"/>
      <c r="QHR685" s="613"/>
      <c r="QHS685" s="613"/>
      <c r="QHT685" s="613"/>
      <c r="QHU685" s="613"/>
      <c r="QHV685" s="613"/>
      <c r="QHW685" s="613"/>
      <c r="QHX685" s="613"/>
      <c r="QHY685" s="613"/>
      <c r="QHZ685" s="613"/>
      <c r="QIA685" s="613"/>
      <c r="QIB685" s="613"/>
      <c r="QIC685" s="613"/>
      <c r="QID685" s="613"/>
      <c r="QIE685" s="613"/>
      <c r="QIF685" s="613"/>
      <c r="QIG685" s="613"/>
      <c r="QIH685" s="613"/>
      <c r="QII685" s="613"/>
      <c r="QIJ685" s="613"/>
      <c r="QIK685" s="613"/>
      <c r="QIL685" s="613"/>
      <c r="QIM685" s="613"/>
      <c r="QIN685" s="613"/>
      <c r="QIO685" s="613"/>
      <c r="QIP685" s="613"/>
      <c r="QIQ685" s="613"/>
      <c r="QIR685" s="613"/>
      <c r="QIS685" s="613"/>
      <c r="QIT685" s="613"/>
      <c r="QIU685" s="613"/>
      <c r="QIV685" s="613"/>
      <c r="QIW685" s="613"/>
      <c r="QIX685" s="613"/>
      <c r="QIY685" s="613"/>
      <c r="QIZ685" s="613"/>
      <c r="QJA685" s="613"/>
      <c r="QJB685" s="613"/>
      <c r="QJC685" s="613"/>
      <c r="QJD685" s="613"/>
      <c r="QJE685" s="613"/>
      <c r="QJF685" s="613"/>
      <c r="QJG685" s="613"/>
      <c r="QJH685" s="613"/>
      <c r="QJI685" s="613"/>
      <c r="QJJ685" s="613"/>
      <c r="QJK685" s="613"/>
      <c r="QJL685" s="613"/>
      <c r="QJM685" s="613"/>
      <c r="QJN685" s="613"/>
      <c r="QJO685" s="613"/>
      <c r="QJP685" s="613"/>
      <c r="QJQ685" s="613"/>
      <c r="QJR685" s="613"/>
      <c r="QJS685" s="613"/>
      <c r="QJT685" s="613"/>
      <c r="QJU685" s="613"/>
      <c r="QJV685" s="613"/>
      <c r="QJW685" s="613"/>
      <c r="QJX685" s="613"/>
      <c r="QJY685" s="613"/>
      <c r="QJZ685" s="613"/>
      <c r="QKA685" s="613"/>
      <c r="QKB685" s="613"/>
      <c r="QKC685" s="613"/>
      <c r="QKD685" s="613"/>
      <c r="QKE685" s="613"/>
      <c r="QKF685" s="613"/>
      <c r="QKG685" s="613"/>
      <c r="QKH685" s="613"/>
      <c r="QKI685" s="613"/>
      <c r="QKJ685" s="613"/>
      <c r="QKK685" s="613"/>
      <c r="QKL685" s="613"/>
      <c r="QKM685" s="613"/>
      <c r="QKN685" s="613"/>
      <c r="QKO685" s="613"/>
      <c r="QKP685" s="613"/>
      <c r="QKQ685" s="613"/>
      <c r="QKR685" s="613"/>
      <c r="QKS685" s="613"/>
      <c r="QKT685" s="613"/>
      <c r="QKU685" s="613"/>
      <c r="QKV685" s="613"/>
      <c r="QKW685" s="613"/>
      <c r="QKX685" s="613"/>
      <c r="QKY685" s="613"/>
      <c r="QKZ685" s="613"/>
      <c r="QLA685" s="613"/>
      <c r="QLB685" s="613"/>
      <c r="QLC685" s="613"/>
      <c r="QLD685" s="613"/>
      <c r="QLE685" s="613"/>
      <c r="QLF685" s="613"/>
      <c r="QLG685" s="613"/>
      <c r="QLH685" s="613"/>
      <c r="QLI685" s="613"/>
      <c r="QLJ685" s="613"/>
      <c r="QLK685" s="613"/>
      <c r="QLL685" s="613"/>
      <c r="QLM685" s="613"/>
      <c r="QLN685" s="613"/>
      <c r="QLO685" s="613"/>
      <c r="QLP685" s="613"/>
      <c r="QLQ685" s="613"/>
      <c r="QLR685" s="613"/>
      <c r="QLS685" s="613"/>
      <c r="QLT685" s="613"/>
      <c r="QLU685" s="613"/>
      <c r="QLV685" s="613"/>
      <c r="QLW685" s="613"/>
      <c r="QLX685" s="613"/>
      <c r="QLY685" s="613"/>
      <c r="QLZ685" s="613"/>
      <c r="QMA685" s="613"/>
      <c r="QMB685" s="613"/>
      <c r="QMC685" s="613"/>
      <c r="QMD685" s="613"/>
      <c r="QME685" s="613"/>
      <c r="QMF685" s="613"/>
      <c r="QMG685" s="613"/>
      <c r="QMH685" s="613"/>
      <c r="QMI685" s="613"/>
      <c r="QMJ685" s="613"/>
      <c r="QMK685" s="613"/>
      <c r="QML685" s="613"/>
      <c r="QMM685" s="613"/>
      <c r="QMN685" s="613"/>
      <c r="QMO685" s="613"/>
      <c r="QMP685" s="613"/>
      <c r="QMQ685" s="613"/>
      <c r="QMR685" s="613"/>
      <c r="QMS685" s="613"/>
      <c r="QMT685" s="613"/>
      <c r="QMU685" s="613"/>
      <c r="QMV685" s="613"/>
      <c r="QMW685" s="613"/>
      <c r="QMX685" s="613"/>
      <c r="QMY685" s="613"/>
      <c r="QMZ685" s="613"/>
      <c r="QNA685" s="613"/>
      <c r="QNB685" s="613"/>
      <c r="QNC685" s="613"/>
      <c r="QND685" s="613"/>
      <c r="QNE685" s="613"/>
      <c r="QNF685" s="613"/>
      <c r="QNG685" s="613"/>
      <c r="QNH685" s="613"/>
      <c r="QNI685" s="613"/>
      <c r="QNJ685" s="613"/>
      <c r="QNK685" s="613"/>
      <c r="QNL685" s="613"/>
      <c r="QNM685" s="613"/>
      <c r="QNN685" s="613"/>
      <c r="QNO685" s="613"/>
      <c r="QNP685" s="613"/>
      <c r="QNQ685" s="613"/>
      <c r="QNR685" s="613"/>
      <c r="QNS685" s="613"/>
      <c r="QNT685" s="613"/>
      <c r="QNU685" s="613"/>
      <c r="QNV685" s="613"/>
      <c r="QNW685" s="613"/>
      <c r="QNX685" s="613"/>
      <c r="QNY685" s="613"/>
      <c r="QNZ685" s="613"/>
      <c r="QOA685" s="613"/>
      <c r="QOB685" s="613"/>
      <c r="QOC685" s="613"/>
      <c r="QOD685" s="613"/>
      <c r="QOE685" s="613"/>
      <c r="QOF685" s="613"/>
      <c r="QOG685" s="613"/>
      <c r="QOH685" s="613"/>
      <c r="QOI685" s="613"/>
      <c r="QOJ685" s="613"/>
      <c r="QOK685" s="613"/>
      <c r="QOL685" s="613"/>
      <c r="QOM685" s="613"/>
      <c r="QON685" s="613"/>
      <c r="QOO685" s="613"/>
      <c r="QOP685" s="613"/>
      <c r="QOQ685" s="613"/>
      <c r="QOR685" s="613"/>
      <c r="QOS685" s="613"/>
      <c r="QOT685" s="613"/>
      <c r="QOU685" s="613"/>
      <c r="QOV685" s="613"/>
      <c r="QOW685" s="613"/>
      <c r="QOX685" s="613"/>
      <c r="QOY685" s="613"/>
      <c r="QOZ685" s="613"/>
      <c r="QPA685" s="613"/>
      <c r="QPB685" s="613"/>
      <c r="QPC685" s="613"/>
      <c r="QPD685" s="613"/>
      <c r="QPE685" s="613"/>
      <c r="QPF685" s="613"/>
      <c r="QPG685" s="613"/>
      <c r="QPH685" s="613"/>
      <c r="QPI685" s="613"/>
      <c r="QPJ685" s="613"/>
      <c r="QPK685" s="613"/>
      <c r="QPL685" s="613"/>
      <c r="QPM685" s="613"/>
      <c r="QPN685" s="613"/>
      <c r="QPO685" s="613"/>
      <c r="QPP685" s="613"/>
      <c r="QPQ685" s="613"/>
      <c r="QPR685" s="613"/>
      <c r="QPS685" s="613"/>
      <c r="QPT685" s="613"/>
      <c r="QPU685" s="613"/>
      <c r="QPV685" s="613"/>
      <c r="QPW685" s="613"/>
      <c r="QPX685" s="613"/>
      <c r="QPY685" s="613"/>
      <c r="QPZ685" s="613"/>
      <c r="QQA685" s="613"/>
      <c r="QQB685" s="613"/>
      <c r="QQC685" s="613"/>
      <c r="QQD685" s="613"/>
      <c r="QQE685" s="613"/>
      <c r="QQF685" s="613"/>
      <c r="QQG685" s="613"/>
      <c r="QQH685" s="613"/>
      <c r="QQI685" s="613"/>
      <c r="QQJ685" s="613"/>
      <c r="QQK685" s="613"/>
      <c r="QQL685" s="613"/>
      <c r="QQM685" s="613"/>
      <c r="QQN685" s="613"/>
      <c r="QQO685" s="613"/>
      <c r="QQP685" s="613"/>
      <c r="QQQ685" s="613"/>
      <c r="QQR685" s="613"/>
      <c r="QQS685" s="613"/>
      <c r="QQT685" s="613"/>
      <c r="QQU685" s="613"/>
      <c r="QQV685" s="613"/>
      <c r="QQW685" s="613"/>
      <c r="QQX685" s="613"/>
      <c r="QQY685" s="613"/>
      <c r="QQZ685" s="613"/>
      <c r="QRA685" s="613"/>
      <c r="QRB685" s="613"/>
      <c r="QRC685" s="613"/>
      <c r="QRD685" s="613"/>
      <c r="QRE685" s="613"/>
      <c r="QRF685" s="613"/>
      <c r="QRG685" s="613"/>
      <c r="QRH685" s="613"/>
      <c r="QRI685" s="613"/>
      <c r="QRJ685" s="613"/>
      <c r="QRK685" s="613"/>
      <c r="QRL685" s="613"/>
      <c r="QRM685" s="613"/>
      <c r="QRN685" s="613"/>
      <c r="QRO685" s="613"/>
      <c r="QRP685" s="613"/>
      <c r="QRQ685" s="613"/>
      <c r="QRR685" s="613"/>
      <c r="QRS685" s="613"/>
      <c r="QRT685" s="613"/>
      <c r="QRU685" s="613"/>
      <c r="QRV685" s="613"/>
      <c r="QRW685" s="613"/>
      <c r="QRX685" s="613"/>
      <c r="QRY685" s="613"/>
      <c r="QRZ685" s="613"/>
      <c r="QSA685" s="613"/>
      <c r="QSB685" s="613"/>
      <c r="QSC685" s="613"/>
      <c r="QSD685" s="613"/>
      <c r="QSE685" s="613"/>
      <c r="QSF685" s="613"/>
      <c r="QSG685" s="613"/>
      <c r="QSH685" s="613"/>
      <c r="QSI685" s="613"/>
      <c r="QSJ685" s="613"/>
      <c r="QSK685" s="613"/>
      <c r="QSL685" s="613"/>
      <c r="QSM685" s="613"/>
      <c r="QSN685" s="613"/>
      <c r="QSO685" s="613"/>
      <c r="QSP685" s="613"/>
      <c r="QSQ685" s="613"/>
      <c r="QSR685" s="613"/>
      <c r="QSS685" s="613"/>
      <c r="QST685" s="613"/>
      <c r="QSU685" s="613"/>
      <c r="QSV685" s="613"/>
      <c r="QSW685" s="613"/>
      <c r="QSX685" s="613"/>
      <c r="QSY685" s="613"/>
      <c r="QSZ685" s="613"/>
      <c r="QTA685" s="613"/>
      <c r="QTB685" s="613"/>
      <c r="QTC685" s="613"/>
      <c r="QTD685" s="613"/>
      <c r="QTE685" s="613"/>
      <c r="QTF685" s="613"/>
      <c r="QTG685" s="613"/>
      <c r="QTH685" s="613"/>
      <c r="QTI685" s="613"/>
      <c r="QTJ685" s="613"/>
      <c r="QTK685" s="613"/>
      <c r="QTL685" s="613"/>
      <c r="QTM685" s="613"/>
      <c r="QTN685" s="613"/>
      <c r="QTO685" s="613"/>
      <c r="QTP685" s="613"/>
      <c r="QTQ685" s="613"/>
      <c r="QTR685" s="613"/>
      <c r="QTS685" s="613"/>
      <c r="QTT685" s="613"/>
      <c r="QTU685" s="613"/>
      <c r="QTV685" s="613"/>
      <c r="QTW685" s="613"/>
      <c r="QTX685" s="613"/>
      <c r="QTY685" s="613"/>
      <c r="QTZ685" s="613"/>
      <c r="QUA685" s="613"/>
      <c r="QUB685" s="613"/>
      <c r="QUC685" s="613"/>
      <c r="QUD685" s="613"/>
      <c r="QUE685" s="613"/>
      <c r="QUF685" s="613"/>
      <c r="QUG685" s="613"/>
      <c r="QUH685" s="613"/>
      <c r="QUI685" s="613"/>
      <c r="QUJ685" s="613"/>
      <c r="QUK685" s="613"/>
      <c r="QUL685" s="613"/>
      <c r="QUM685" s="613"/>
      <c r="QUN685" s="613"/>
      <c r="QUO685" s="613"/>
      <c r="QUP685" s="613"/>
      <c r="QUQ685" s="613"/>
      <c r="QUR685" s="613"/>
      <c r="QUS685" s="613"/>
      <c r="QUT685" s="613"/>
      <c r="QUU685" s="613"/>
      <c r="QUV685" s="613"/>
      <c r="QUW685" s="613"/>
      <c r="QUX685" s="613"/>
      <c r="QUY685" s="613"/>
      <c r="QUZ685" s="613"/>
      <c r="QVA685" s="613"/>
      <c r="QVB685" s="613"/>
      <c r="QVC685" s="613"/>
      <c r="QVD685" s="613"/>
      <c r="QVE685" s="613"/>
      <c r="QVF685" s="613"/>
      <c r="QVG685" s="613"/>
      <c r="QVH685" s="613"/>
      <c r="QVI685" s="613"/>
      <c r="QVJ685" s="613"/>
      <c r="QVK685" s="613"/>
      <c r="QVL685" s="613"/>
      <c r="QVM685" s="613"/>
      <c r="QVN685" s="613"/>
      <c r="QVO685" s="613"/>
      <c r="QVP685" s="613"/>
      <c r="QVQ685" s="613"/>
      <c r="QVR685" s="613"/>
      <c r="QVS685" s="613"/>
      <c r="QVT685" s="613"/>
      <c r="QVU685" s="613"/>
      <c r="QVV685" s="613"/>
      <c r="QVW685" s="613"/>
      <c r="QVX685" s="613"/>
      <c r="QVY685" s="613"/>
      <c r="QVZ685" s="613"/>
      <c r="QWA685" s="613"/>
      <c r="QWB685" s="613"/>
      <c r="QWC685" s="613"/>
      <c r="QWD685" s="613"/>
      <c r="QWE685" s="613"/>
      <c r="QWF685" s="613"/>
      <c r="QWG685" s="613"/>
      <c r="QWH685" s="613"/>
      <c r="QWI685" s="613"/>
      <c r="QWJ685" s="613"/>
      <c r="QWK685" s="613"/>
      <c r="QWL685" s="613"/>
      <c r="QWM685" s="613"/>
      <c r="QWN685" s="613"/>
      <c r="QWO685" s="613"/>
      <c r="QWP685" s="613"/>
      <c r="QWQ685" s="613"/>
      <c r="QWR685" s="613"/>
      <c r="QWS685" s="613"/>
      <c r="QWT685" s="613"/>
      <c r="QWU685" s="613"/>
      <c r="QWV685" s="613"/>
      <c r="QWW685" s="613"/>
      <c r="QWX685" s="613"/>
      <c r="QWY685" s="613"/>
      <c r="QWZ685" s="613"/>
      <c r="QXA685" s="613"/>
      <c r="QXB685" s="613"/>
      <c r="QXC685" s="613"/>
      <c r="QXD685" s="613"/>
      <c r="QXE685" s="613"/>
      <c r="QXF685" s="613"/>
      <c r="QXG685" s="613"/>
      <c r="QXH685" s="613"/>
      <c r="QXI685" s="613"/>
      <c r="QXJ685" s="613"/>
      <c r="QXK685" s="613"/>
      <c r="QXL685" s="613"/>
      <c r="QXM685" s="613"/>
      <c r="QXN685" s="613"/>
      <c r="QXO685" s="613"/>
      <c r="QXP685" s="613"/>
      <c r="QXQ685" s="613"/>
      <c r="QXR685" s="613"/>
      <c r="QXS685" s="613"/>
      <c r="QXT685" s="613"/>
      <c r="QXU685" s="613"/>
      <c r="QXV685" s="613"/>
      <c r="QXW685" s="613"/>
      <c r="QXX685" s="613"/>
      <c r="QXY685" s="613"/>
      <c r="QXZ685" s="613"/>
      <c r="QYA685" s="613"/>
      <c r="QYB685" s="613"/>
      <c r="QYC685" s="613"/>
      <c r="QYD685" s="613"/>
      <c r="QYE685" s="613"/>
      <c r="QYF685" s="613"/>
      <c r="QYG685" s="613"/>
      <c r="QYH685" s="613"/>
      <c r="QYI685" s="613"/>
      <c r="QYJ685" s="613"/>
      <c r="QYK685" s="613"/>
      <c r="QYL685" s="613"/>
      <c r="QYM685" s="613"/>
      <c r="QYN685" s="613"/>
      <c r="QYO685" s="613"/>
      <c r="QYP685" s="613"/>
      <c r="QYQ685" s="613"/>
      <c r="QYR685" s="613"/>
      <c r="QYS685" s="613"/>
      <c r="QYT685" s="613"/>
      <c r="QYU685" s="613"/>
      <c r="QYV685" s="613"/>
      <c r="QYW685" s="613"/>
      <c r="QYX685" s="613"/>
      <c r="QYY685" s="613"/>
      <c r="QYZ685" s="613"/>
      <c r="QZA685" s="613"/>
      <c r="QZB685" s="613"/>
      <c r="QZC685" s="613"/>
      <c r="QZD685" s="613"/>
      <c r="QZE685" s="613"/>
      <c r="QZF685" s="613"/>
      <c r="QZG685" s="613"/>
      <c r="QZH685" s="613"/>
      <c r="QZI685" s="613"/>
      <c r="QZJ685" s="613"/>
      <c r="QZK685" s="613"/>
      <c r="QZL685" s="613"/>
      <c r="QZM685" s="613"/>
      <c r="QZN685" s="613"/>
      <c r="QZO685" s="613"/>
      <c r="QZP685" s="613"/>
      <c r="QZQ685" s="613"/>
      <c r="QZR685" s="613"/>
      <c r="QZS685" s="613"/>
      <c r="QZT685" s="613"/>
      <c r="QZU685" s="613"/>
      <c r="QZV685" s="613"/>
      <c r="QZW685" s="613"/>
      <c r="QZX685" s="613"/>
      <c r="QZY685" s="613"/>
      <c r="QZZ685" s="613"/>
      <c r="RAA685" s="613"/>
      <c r="RAB685" s="613"/>
      <c r="RAC685" s="613"/>
      <c r="RAD685" s="613"/>
      <c r="RAE685" s="613"/>
      <c r="RAF685" s="613"/>
      <c r="RAG685" s="613"/>
      <c r="RAH685" s="613"/>
      <c r="RAI685" s="613"/>
      <c r="RAJ685" s="613"/>
      <c r="RAK685" s="613"/>
      <c r="RAL685" s="613"/>
      <c r="RAM685" s="613"/>
      <c r="RAN685" s="613"/>
      <c r="RAO685" s="613"/>
      <c r="RAP685" s="613"/>
      <c r="RAQ685" s="613"/>
      <c r="RAR685" s="613"/>
      <c r="RAS685" s="613"/>
      <c r="RAT685" s="613"/>
      <c r="RAU685" s="613"/>
      <c r="RAV685" s="613"/>
      <c r="RAW685" s="613"/>
      <c r="RAX685" s="613"/>
      <c r="RAY685" s="613"/>
      <c r="RAZ685" s="613"/>
      <c r="RBA685" s="613"/>
      <c r="RBB685" s="613"/>
      <c r="RBC685" s="613"/>
      <c r="RBD685" s="613"/>
      <c r="RBE685" s="613"/>
      <c r="RBF685" s="613"/>
      <c r="RBG685" s="613"/>
      <c r="RBH685" s="613"/>
      <c r="RBI685" s="613"/>
      <c r="RBJ685" s="613"/>
      <c r="RBK685" s="613"/>
      <c r="RBL685" s="613"/>
      <c r="RBM685" s="613"/>
      <c r="RBN685" s="613"/>
      <c r="RBO685" s="613"/>
      <c r="RBP685" s="613"/>
      <c r="RBQ685" s="613"/>
      <c r="RBR685" s="613"/>
      <c r="RBS685" s="613"/>
      <c r="RBT685" s="613"/>
      <c r="RBU685" s="613"/>
      <c r="RBV685" s="613"/>
      <c r="RBW685" s="613"/>
      <c r="RBX685" s="613"/>
      <c r="RBY685" s="613"/>
      <c r="RBZ685" s="613"/>
      <c r="RCA685" s="613"/>
      <c r="RCB685" s="613"/>
      <c r="RCC685" s="613"/>
      <c r="RCD685" s="613"/>
      <c r="RCE685" s="613"/>
      <c r="RCF685" s="613"/>
      <c r="RCG685" s="613"/>
      <c r="RCH685" s="613"/>
      <c r="RCI685" s="613"/>
      <c r="RCJ685" s="613"/>
      <c r="RCK685" s="613"/>
      <c r="RCL685" s="613"/>
      <c r="RCM685" s="613"/>
      <c r="RCN685" s="613"/>
      <c r="RCO685" s="613"/>
      <c r="RCP685" s="613"/>
      <c r="RCQ685" s="613"/>
      <c r="RCR685" s="613"/>
      <c r="RCS685" s="613"/>
      <c r="RCT685" s="613"/>
      <c r="RCU685" s="613"/>
      <c r="RCV685" s="613"/>
      <c r="RCW685" s="613"/>
      <c r="RCX685" s="613"/>
      <c r="RCY685" s="613"/>
      <c r="RCZ685" s="613"/>
      <c r="RDA685" s="613"/>
      <c r="RDB685" s="613"/>
      <c r="RDC685" s="613"/>
      <c r="RDD685" s="613"/>
      <c r="RDE685" s="613"/>
      <c r="RDF685" s="613"/>
      <c r="RDG685" s="613"/>
      <c r="RDH685" s="613"/>
      <c r="RDI685" s="613"/>
      <c r="RDJ685" s="613"/>
      <c r="RDK685" s="613"/>
      <c r="RDL685" s="613"/>
      <c r="RDM685" s="613"/>
      <c r="RDN685" s="613"/>
      <c r="RDO685" s="613"/>
      <c r="RDP685" s="613"/>
      <c r="RDQ685" s="613"/>
      <c r="RDR685" s="613"/>
      <c r="RDS685" s="613"/>
      <c r="RDT685" s="613"/>
      <c r="RDU685" s="613"/>
      <c r="RDV685" s="613"/>
      <c r="RDW685" s="613"/>
      <c r="RDX685" s="613"/>
      <c r="RDY685" s="613"/>
      <c r="RDZ685" s="613"/>
      <c r="REA685" s="613"/>
      <c r="REB685" s="613"/>
      <c r="REC685" s="613"/>
      <c r="RED685" s="613"/>
      <c r="REE685" s="613"/>
      <c r="REF685" s="613"/>
      <c r="REG685" s="613"/>
      <c r="REH685" s="613"/>
      <c r="REI685" s="613"/>
      <c r="REJ685" s="613"/>
      <c r="REK685" s="613"/>
      <c r="REL685" s="613"/>
      <c r="REM685" s="613"/>
      <c r="REN685" s="613"/>
      <c r="REO685" s="613"/>
      <c r="REP685" s="613"/>
      <c r="REQ685" s="613"/>
      <c r="RER685" s="613"/>
      <c r="RES685" s="613"/>
      <c r="RET685" s="613"/>
      <c r="REU685" s="613"/>
      <c r="REV685" s="613"/>
      <c r="REW685" s="613"/>
      <c r="REX685" s="613"/>
      <c r="REY685" s="613"/>
      <c r="REZ685" s="613"/>
      <c r="RFA685" s="613"/>
      <c r="RFB685" s="613"/>
      <c r="RFC685" s="613"/>
      <c r="RFD685" s="613"/>
      <c r="RFE685" s="613"/>
      <c r="RFF685" s="613"/>
      <c r="RFG685" s="613"/>
      <c r="RFH685" s="613"/>
      <c r="RFI685" s="613"/>
      <c r="RFJ685" s="613"/>
      <c r="RFK685" s="613"/>
      <c r="RFL685" s="613"/>
      <c r="RFM685" s="613"/>
      <c r="RFN685" s="613"/>
      <c r="RFO685" s="613"/>
      <c r="RFP685" s="613"/>
      <c r="RFQ685" s="613"/>
      <c r="RFR685" s="613"/>
      <c r="RFS685" s="613"/>
      <c r="RFT685" s="613"/>
      <c r="RFU685" s="613"/>
      <c r="RFV685" s="613"/>
      <c r="RFW685" s="613"/>
      <c r="RFX685" s="613"/>
      <c r="RFY685" s="613"/>
      <c r="RFZ685" s="613"/>
      <c r="RGA685" s="613"/>
      <c r="RGB685" s="613"/>
      <c r="RGC685" s="613"/>
      <c r="RGD685" s="613"/>
      <c r="RGE685" s="613"/>
      <c r="RGF685" s="613"/>
      <c r="RGG685" s="613"/>
      <c r="RGH685" s="613"/>
      <c r="RGI685" s="613"/>
      <c r="RGJ685" s="613"/>
      <c r="RGK685" s="613"/>
      <c r="RGL685" s="613"/>
      <c r="RGM685" s="613"/>
      <c r="RGN685" s="613"/>
      <c r="RGO685" s="613"/>
      <c r="RGP685" s="613"/>
      <c r="RGQ685" s="613"/>
      <c r="RGR685" s="613"/>
      <c r="RGS685" s="613"/>
      <c r="RGT685" s="613"/>
      <c r="RGU685" s="613"/>
      <c r="RGV685" s="613"/>
      <c r="RGW685" s="613"/>
      <c r="RGX685" s="613"/>
      <c r="RGY685" s="613"/>
      <c r="RGZ685" s="613"/>
      <c r="RHA685" s="613"/>
      <c r="RHB685" s="613"/>
      <c r="RHC685" s="613"/>
      <c r="RHD685" s="613"/>
      <c r="RHE685" s="613"/>
      <c r="RHF685" s="613"/>
      <c r="RHG685" s="613"/>
      <c r="RHH685" s="613"/>
      <c r="RHI685" s="613"/>
      <c r="RHJ685" s="613"/>
      <c r="RHK685" s="613"/>
      <c r="RHL685" s="613"/>
      <c r="RHM685" s="613"/>
      <c r="RHN685" s="613"/>
      <c r="RHO685" s="613"/>
      <c r="RHP685" s="613"/>
      <c r="RHQ685" s="613"/>
      <c r="RHR685" s="613"/>
      <c r="RHS685" s="613"/>
      <c r="RHT685" s="613"/>
      <c r="RHU685" s="613"/>
      <c r="RHV685" s="613"/>
      <c r="RHW685" s="613"/>
      <c r="RHX685" s="613"/>
      <c r="RHY685" s="613"/>
      <c r="RHZ685" s="613"/>
      <c r="RIA685" s="613"/>
      <c r="RIB685" s="613"/>
      <c r="RIC685" s="613"/>
      <c r="RID685" s="613"/>
      <c r="RIE685" s="613"/>
      <c r="RIF685" s="613"/>
      <c r="RIG685" s="613"/>
      <c r="RIH685" s="613"/>
      <c r="RII685" s="613"/>
      <c r="RIJ685" s="613"/>
      <c r="RIK685" s="613"/>
      <c r="RIL685" s="613"/>
      <c r="RIM685" s="613"/>
      <c r="RIN685" s="613"/>
      <c r="RIO685" s="613"/>
      <c r="RIP685" s="613"/>
      <c r="RIQ685" s="613"/>
      <c r="RIR685" s="613"/>
      <c r="RIS685" s="613"/>
      <c r="RIT685" s="613"/>
      <c r="RIU685" s="613"/>
      <c r="RIV685" s="613"/>
      <c r="RIW685" s="613"/>
      <c r="RIX685" s="613"/>
      <c r="RIY685" s="613"/>
      <c r="RIZ685" s="613"/>
      <c r="RJA685" s="613"/>
      <c r="RJB685" s="613"/>
      <c r="RJC685" s="613"/>
      <c r="RJD685" s="613"/>
      <c r="RJE685" s="613"/>
      <c r="RJF685" s="613"/>
      <c r="RJG685" s="613"/>
      <c r="RJH685" s="613"/>
      <c r="RJI685" s="613"/>
      <c r="RJJ685" s="613"/>
      <c r="RJK685" s="613"/>
      <c r="RJL685" s="613"/>
      <c r="RJM685" s="613"/>
      <c r="RJN685" s="613"/>
      <c r="RJO685" s="613"/>
      <c r="RJP685" s="613"/>
      <c r="RJQ685" s="613"/>
      <c r="RJR685" s="613"/>
      <c r="RJS685" s="613"/>
      <c r="RJT685" s="613"/>
      <c r="RJU685" s="613"/>
      <c r="RJV685" s="613"/>
      <c r="RJW685" s="613"/>
      <c r="RJX685" s="613"/>
      <c r="RJY685" s="613"/>
      <c r="RJZ685" s="613"/>
      <c r="RKA685" s="613"/>
      <c r="RKB685" s="613"/>
      <c r="RKC685" s="613"/>
      <c r="RKD685" s="613"/>
      <c r="RKE685" s="613"/>
      <c r="RKF685" s="613"/>
      <c r="RKG685" s="613"/>
      <c r="RKH685" s="613"/>
      <c r="RKI685" s="613"/>
      <c r="RKJ685" s="613"/>
      <c r="RKK685" s="613"/>
      <c r="RKL685" s="613"/>
      <c r="RKM685" s="613"/>
      <c r="RKN685" s="613"/>
      <c r="RKO685" s="613"/>
      <c r="RKP685" s="613"/>
      <c r="RKQ685" s="613"/>
      <c r="RKR685" s="613"/>
      <c r="RKS685" s="613"/>
      <c r="RKT685" s="613"/>
      <c r="RKU685" s="613"/>
      <c r="RKV685" s="613"/>
      <c r="RKW685" s="613"/>
      <c r="RKX685" s="613"/>
      <c r="RKY685" s="613"/>
      <c r="RKZ685" s="613"/>
      <c r="RLA685" s="613"/>
      <c r="RLB685" s="613"/>
      <c r="RLC685" s="613"/>
      <c r="RLD685" s="613"/>
      <c r="RLE685" s="613"/>
      <c r="RLF685" s="613"/>
      <c r="RLG685" s="613"/>
      <c r="RLH685" s="613"/>
      <c r="RLI685" s="613"/>
      <c r="RLJ685" s="613"/>
      <c r="RLK685" s="613"/>
      <c r="RLL685" s="613"/>
      <c r="RLM685" s="613"/>
      <c r="RLN685" s="613"/>
      <c r="RLO685" s="613"/>
      <c r="RLP685" s="613"/>
      <c r="RLQ685" s="613"/>
      <c r="RLR685" s="613"/>
      <c r="RLS685" s="613"/>
      <c r="RLT685" s="613"/>
      <c r="RLU685" s="613"/>
      <c r="RLV685" s="613"/>
      <c r="RLW685" s="613"/>
      <c r="RLX685" s="613"/>
      <c r="RLY685" s="613"/>
      <c r="RLZ685" s="613"/>
      <c r="RMA685" s="613"/>
      <c r="RMB685" s="613"/>
      <c r="RMC685" s="613"/>
      <c r="RMD685" s="613"/>
      <c r="RME685" s="613"/>
      <c r="RMF685" s="613"/>
      <c r="RMG685" s="613"/>
      <c r="RMH685" s="613"/>
      <c r="RMI685" s="613"/>
      <c r="RMJ685" s="613"/>
      <c r="RMK685" s="613"/>
      <c r="RML685" s="613"/>
      <c r="RMM685" s="613"/>
      <c r="RMN685" s="613"/>
      <c r="RMO685" s="613"/>
      <c r="RMP685" s="613"/>
      <c r="RMQ685" s="613"/>
      <c r="RMR685" s="613"/>
      <c r="RMS685" s="613"/>
      <c r="RMT685" s="613"/>
      <c r="RMU685" s="613"/>
      <c r="RMV685" s="613"/>
      <c r="RMW685" s="613"/>
      <c r="RMX685" s="613"/>
      <c r="RMY685" s="613"/>
      <c r="RMZ685" s="613"/>
      <c r="RNA685" s="613"/>
      <c r="RNB685" s="613"/>
      <c r="RNC685" s="613"/>
      <c r="RND685" s="613"/>
      <c r="RNE685" s="613"/>
      <c r="RNF685" s="613"/>
      <c r="RNG685" s="613"/>
      <c r="RNH685" s="613"/>
      <c r="RNI685" s="613"/>
      <c r="RNJ685" s="613"/>
      <c r="RNK685" s="613"/>
      <c r="RNL685" s="613"/>
      <c r="RNM685" s="613"/>
      <c r="RNN685" s="613"/>
      <c r="RNO685" s="613"/>
      <c r="RNP685" s="613"/>
      <c r="RNQ685" s="613"/>
      <c r="RNR685" s="613"/>
      <c r="RNS685" s="613"/>
      <c r="RNT685" s="613"/>
      <c r="RNU685" s="613"/>
      <c r="RNV685" s="613"/>
      <c r="RNW685" s="613"/>
      <c r="RNX685" s="613"/>
      <c r="RNY685" s="613"/>
      <c r="RNZ685" s="613"/>
      <c r="ROA685" s="613"/>
      <c r="ROB685" s="613"/>
      <c r="ROC685" s="613"/>
      <c r="ROD685" s="613"/>
      <c r="ROE685" s="613"/>
      <c r="ROF685" s="613"/>
      <c r="ROG685" s="613"/>
      <c r="ROH685" s="613"/>
      <c r="ROI685" s="613"/>
      <c r="ROJ685" s="613"/>
      <c r="ROK685" s="613"/>
      <c r="ROL685" s="613"/>
      <c r="ROM685" s="613"/>
      <c r="RON685" s="613"/>
      <c r="ROO685" s="613"/>
      <c r="ROP685" s="613"/>
      <c r="ROQ685" s="613"/>
      <c r="ROR685" s="613"/>
      <c r="ROS685" s="613"/>
      <c r="ROT685" s="613"/>
      <c r="ROU685" s="613"/>
      <c r="ROV685" s="613"/>
      <c r="ROW685" s="613"/>
      <c r="ROX685" s="613"/>
      <c r="ROY685" s="613"/>
      <c r="ROZ685" s="613"/>
      <c r="RPA685" s="613"/>
      <c r="RPB685" s="613"/>
      <c r="RPC685" s="613"/>
      <c r="RPD685" s="613"/>
      <c r="RPE685" s="613"/>
      <c r="RPF685" s="613"/>
      <c r="RPG685" s="613"/>
      <c r="RPH685" s="613"/>
      <c r="RPI685" s="613"/>
      <c r="RPJ685" s="613"/>
      <c r="RPK685" s="613"/>
      <c r="RPL685" s="613"/>
      <c r="RPM685" s="613"/>
      <c r="RPN685" s="613"/>
      <c r="RPO685" s="613"/>
      <c r="RPP685" s="613"/>
      <c r="RPQ685" s="613"/>
      <c r="RPR685" s="613"/>
      <c r="RPS685" s="613"/>
      <c r="RPT685" s="613"/>
      <c r="RPU685" s="613"/>
      <c r="RPV685" s="613"/>
      <c r="RPW685" s="613"/>
      <c r="RPX685" s="613"/>
      <c r="RPY685" s="613"/>
      <c r="RPZ685" s="613"/>
      <c r="RQA685" s="613"/>
      <c r="RQB685" s="613"/>
      <c r="RQC685" s="613"/>
      <c r="RQD685" s="613"/>
      <c r="RQE685" s="613"/>
      <c r="RQF685" s="613"/>
      <c r="RQG685" s="613"/>
      <c r="RQH685" s="613"/>
      <c r="RQI685" s="613"/>
      <c r="RQJ685" s="613"/>
      <c r="RQK685" s="613"/>
      <c r="RQL685" s="613"/>
      <c r="RQM685" s="613"/>
      <c r="RQN685" s="613"/>
      <c r="RQO685" s="613"/>
      <c r="RQP685" s="613"/>
      <c r="RQQ685" s="613"/>
      <c r="RQR685" s="613"/>
      <c r="RQS685" s="613"/>
      <c r="RQT685" s="613"/>
      <c r="RQU685" s="613"/>
      <c r="RQV685" s="613"/>
      <c r="RQW685" s="613"/>
      <c r="RQX685" s="613"/>
      <c r="RQY685" s="613"/>
      <c r="RQZ685" s="613"/>
      <c r="RRA685" s="613"/>
      <c r="RRB685" s="613"/>
      <c r="RRC685" s="613"/>
      <c r="RRD685" s="613"/>
      <c r="RRE685" s="613"/>
      <c r="RRF685" s="613"/>
      <c r="RRG685" s="613"/>
      <c r="RRH685" s="613"/>
      <c r="RRI685" s="613"/>
      <c r="RRJ685" s="613"/>
      <c r="RRK685" s="613"/>
      <c r="RRL685" s="613"/>
      <c r="RRM685" s="613"/>
      <c r="RRN685" s="613"/>
      <c r="RRO685" s="613"/>
      <c r="RRP685" s="613"/>
      <c r="RRQ685" s="613"/>
      <c r="RRR685" s="613"/>
      <c r="RRS685" s="613"/>
      <c r="RRT685" s="613"/>
      <c r="RRU685" s="613"/>
      <c r="RRV685" s="613"/>
      <c r="RRW685" s="613"/>
      <c r="RRX685" s="613"/>
      <c r="RRY685" s="613"/>
      <c r="RRZ685" s="613"/>
      <c r="RSA685" s="613"/>
      <c r="RSB685" s="613"/>
      <c r="RSC685" s="613"/>
      <c r="RSD685" s="613"/>
      <c r="RSE685" s="613"/>
      <c r="RSF685" s="613"/>
      <c r="RSG685" s="613"/>
      <c r="RSH685" s="613"/>
      <c r="RSI685" s="613"/>
      <c r="RSJ685" s="613"/>
      <c r="RSK685" s="613"/>
      <c r="RSL685" s="613"/>
      <c r="RSM685" s="613"/>
      <c r="RSN685" s="613"/>
      <c r="RSO685" s="613"/>
      <c r="RSP685" s="613"/>
      <c r="RSQ685" s="613"/>
      <c r="RSR685" s="613"/>
      <c r="RSS685" s="613"/>
      <c r="RST685" s="613"/>
      <c r="RSU685" s="613"/>
      <c r="RSV685" s="613"/>
      <c r="RSW685" s="613"/>
      <c r="RSX685" s="613"/>
      <c r="RSY685" s="613"/>
      <c r="RSZ685" s="613"/>
      <c r="RTA685" s="613"/>
      <c r="RTB685" s="613"/>
      <c r="RTC685" s="613"/>
      <c r="RTD685" s="613"/>
      <c r="RTE685" s="613"/>
      <c r="RTF685" s="613"/>
      <c r="RTG685" s="613"/>
      <c r="RTH685" s="613"/>
      <c r="RTI685" s="613"/>
      <c r="RTJ685" s="613"/>
      <c r="RTK685" s="613"/>
      <c r="RTL685" s="613"/>
      <c r="RTM685" s="613"/>
      <c r="RTN685" s="613"/>
      <c r="RTO685" s="613"/>
      <c r="RTP685" s="613"/>
      <c r="RTQ685" s="613"/>
      <c r="RTR685" s="613"/>
      <c r="RTS685" s="613"/>
      <c r="RTT685" s="613"/>
      <c r="RTU685" s="613"/>
      <c r="RTV685" s="613"/>
      <c r="RTW685" s="613"/>
      <c r="RTX685" s="613"/>
      <c r="RTY685" s="613"/>
      <c r="RTZ685" s="613"/>
      <c r="RUA685" s="613"/>
      <c r="RUB685" s="613"/>
      <c r="RUC685" s="613"/>
      <c r="RUD685" s="613"/>
      <c r="RUE685" s="613"/>
      <c r="RUF685" s="613"/>
      <c r="RUG685" s="613"/>
      <c r="RUH685" s="613"/>
      <c r="RUI685" s="613"/>
      <c r="RUJ685" s="613"/>
      <c r="RUK685" s="613"/>
      <c r="RUL685" s="613"/>
      <c r="RUM685" s="613"/>
      <c r="RUN685" s="613"/>
      <c r="RUO685" s="613"/>
      <c r="RUP685" s="613"/>
      <c r="RUQ685" s="613"/>
      <c r="RUR685" s="613"/>
      <c r="RUS685" s="613"/>
      <c r="RUT685" s="613"/>
      <c r="RUU685" s="613"/>
      <c r="RUV685" s="613"/>
      <c r="RUW685" s="613"/>
      <c r="RUX685" s="613"/>
      <c r="RUY685" s="613"/>
      <c r="RUZ685" s="613"/>
      <c r="RVA685" s="613"/>
      <c r="RVB685" s="613"/>
      <c r="RVC685" s="613"/>
      <c r="RVD685" s="613"/>
      <c r="RVE685" s="613"/>
      <c r="RVF685" s="613"/>
      <c r="RVG685" s="613"/>
      <c r="RVH685" s="613"/>
      <c r="RVI685" s="613"/>
      <c r="RVJ685" s="613"/>
      <c r="RVK685" s="613"/>
      <c r="RVL685" s="613"/>
      <c r="RVM685" s="613"/>
      <c r="RVN685" s="613"/>
      <c r="RVO685" s="613"/>
      <c r="RVP685" s="613"/>
      <c r="RVQ685" s="613"/>
      <c r="RVR685" s="613"/>
      <c r="RVS685" s="613"/>
      <c r="RVT685" s="613"/>
      <c r="RVU685" s="613"/>
      <c r="RVV685" s="613"/>
      <c r="RVW685" s="613"/>
      <c r="RVX685" s="613"/>
      <c r="RVY685" s="613"/>
      <c r="RVZ685" s="613"/>
      <c r="RWA685" s="613"/>
      <c r="RWB685" s="613"/>
      <c r="RWC685" s="613"/>
      <c r="RWD685" s="613"/>
      <c r="RWE685" s="613"/>
      <c r="RWF685" s="613"/>
      <c r="RWG685" s="613"/>
      <c r="RWH685" s="613"/>
      <c r="RWI685" s="613"/>
      <c r="RWJ685" s="613"/>
      <c r="RWK685" s="613"/>
      <c r="RWL685" s="613"/>
      <c r="RWM685" s="613"/>
      <c r="RWN685" s="613"/>
      <c r="RWO685" s="613"/>
      <c r="RWP685" s="613"/>
      <c r="RWQ685" s="613"/>
      <c r="RWR685" s="613"/>
      <c r="RWS685" s="613"/>
      <c r="RWT685" s="613"/>
      <c r="RWU685" s="613"/>
      <c r="RWV685" s="613"/>
      <c r="RWW685" s="613"/>
      <c r="RWX685" s="613"/>
      <c r="RWY685" s="613"/>
      <c r="RWZ685" s="613"/>
      <c r="RXA685" s="613"/>
      <c r="RXB685" s="613"/>
      <c r="RXC685" s="613"/>
      <c r="RXD685" s="613"/>
      <c r="RXE685" s="613"/>
      <c r="RXF685" s="613"/>
      <c r="RXG685" s="613"/>
      <c r="RXH685" s="613"/>
      <c r="RXI685" s="613"/>
      <c r="RXJ685" s="613"/>
      <c r="RXK685" s="613"/>
      <c r="RXL685" s="613"/>
      <c r="RXM685" s="613"/>
      <c r="RXN685" s="613"/>
      <c r="RXO685" s="613"/>
      <c r="RXP685" s="613"/>
      <c r="RXQ685" s="613"/>
      <c r="RXR685" s="613"/>
      <c r="RXS685" s="613"/>
      <c r="RXT685" s="613"/>
      <c r="RXU685" s="613"/>
      <c r="RXV685" s="613"/>
      <c r="RXW685" s="613"/>
      <c r="RXX685" s="613"/>
      <c r="RXY685" s="613"/>
      <c r="RXZ685" s="613"/>
      <c r="RYA685" s="613"/>
      <c r="RYB685" s="613"/>
      <c r="RYC685" s="613"/>
      <c r="RYD685" s="613"/>
      <c r="RYE685" s="613"/>
      <c r="RYF685" s="613"/>
      <c r="RYG685" s="613"/>
      <c r="RYH685" s="613"/>
      <c r="RYI685" s="613"/>
      <c r="RYJ685" s="613"/>
      <c r="RYK685" s="613"/>
      <c r="RYL685" s="613"/>
      <c r="RYM685" s="613"/>
      <c r="RYN685" s="613"/>
      <c r="RYO685" s="613"/>
      <c r="RYP685" s="613"/>
      <c r="RYQ685" s="613"/>
      <c r="RYR685" s="613"/>
      <c r="RYS685" s="613"/>
      <c r="RYT685" s="613"/>
      <c r="RYU685" s="613"/>
      <c r="RYV685" s="613"/>
      <c r="RYW685" s="613"/>
      <c r="RYX685" s="613"/>
      <c r="RYY685" s="613"/>
      <c r="RYZ685" s="613"/>
      <c r="RZA685" s="613"/>
      <c r="RZB685" s="613"/>
      <c r="RZC685" s="613"/>
      <c r="RZD685" s="613"/>
      <c r="RZE685" s="613"/>
      <c r="RZF685" s="613"/>
      <c r="RZG685" s="613"/>
      <c r="RZH685" s="613"/>
      <c r="RZI685" s="613"/>
      <c r="RZJ685" s="613"/>
      <c r="RZK685" s="613"/>
      <c r="RZL685" s="613"/>
      <c r="RZM685" s="613"/>
      <c r="RZN685" s="613"/>
      <c r="RZO685" s="613"/>
      <c r="RZP685" s="613"/>
      <c r="RZQ685" s="613"/>
      <c r="RZR685" s="613"/>
      <c r="RZS685" s="613"/>
      <c r="RZT685" s="613"/>
      <c r="RZU685" s="613"/>
      <c r="RZV685" s="613"/>
      <c r="RZW685" s="613"/>
      <c r="RZX685" s="613"/>
      <c r="RZY685" s="613"/>
      <c r="RZZ685" s="613"/>
      <c r="SAA685" s="613"/>
      <c r="SAB685" s="613"/>
      <c r="SAC685" s="613"/>
      <c r="SAD685" s="613"/>
      <c r="SAE685" s="613"/>
      <c r="SAF685" s="613"/>
      <c r="SAG685" s="613"/>
      <c r="SAH685" s="613"/>
      <c r="SAI685" s="613"/>
      <c r="SAJ685" s="613"/>
      <c r="SAK685" s="613"/>
      <c r="SAL685" s="613"/>
      <c r="SAM685" s="613"/>
      <c r="SAN685" s="613"/>
      <c r="SAO685" s="613"/>
      <c r="SAP685" s="613"/>
      <c r="SAQ685" s="613"/>
      <c r="SAR685" s="613"/>
      <c r="SAS685" s="613"/>
      <c r="SAT685" s="613"/>
      <c r="SAU685" s="613"/>
      <c r="SAV685" s="613"/>
      <c r="SAW685" s="613"/>
      <c r="SAX685" s="613"/>
      <c r="SAY685" s="613"/>
      <c r="SAZ685" s="613"/>
      <c r="SBA685" s="613"/>
      <c r="SBB685" s="613"/>
      <c r="SBC685" s="613"/>
      <c r="SBD685" s="613"/>
      <c r="SBE685" s="613"/>
      <c r="SBF685" s="613"/>
      <c r="SBG685" s="613"/>
      <c r="SBH685" s="613"/>
      <c r="SBI685" s="613"/>
      <c r="SBJ685" s="613"/>
      <c r="SBK685" s="613"/>
      <c r="SBL685" s="613"/>
      <c r="SBM685" s="613"/>
      <c r="SBN685" s="613"/>
      <c r="SBO685" s="613"/>
      <c r="SBP685" s="613"/>
      <c r="SBQ685" s="613"/>
      <c r="SBR685" s="613"/>
      <c r="SBS685" s="613"/>
      <c r="SBT685" s="613"/>
      <c r="SBU685" s="613"/>
      <c r="SBV685" s="613"/>
      <c r="SBW685" s="613"/>
      <c r="SBX685" s="613"/>
      <c r="SBY685" s="613"/>
      <c r="SBZ685" s="613"/>
      <c r="SCA685" s="613"/>
      <c r="SCB685" s="613"/>
      <c r="SCC685" s="613"/>
      <c r="SCD685" s="613"/>
      <c r="SCE685" s="613"/>
      <c r="SCF685" s="613"/>
      <c r="SCG685" s="613"/>
      <c r="SCH685" s="613"/>
      <c r="SCI685" s="613"/>
      <c r="SCJ685" s="613"/>
      <c r="SCK685" s="613"/>
      <c r="SCL685" s="613"/>
      <c r="SCM685" s="613"/>
      <c r="SCN685" s="613"/>
      <c r="SCO685" s="613"/>
      <c r="SCP685" s="613"/>
      <c r="SCQ685" s="613"/>
      <c r="SCR685" s="613"/>
      <c r="SCS685" s="613"/>
      <c r="SCT685" s="613"/>
      <c r="SCU685" s="613"/>
      <c r="SCV685" s="613"/>
      <c r="SCW685" s="613"/>
      <c r="SCX685" s="613"/>
      <c r="SCY685" s="613"/>
      <c r="SCZ685" s="613"/>
      <c r="SDA685" s="613"/>
      <c r="SDB685" s="613"/>
      <c r="SDC685" s="613"/>
      <c r="SDD685" s="613"/>
      <c r="SDE685" s="613"/>
      <c r="SDF685" s="613"/>
      <c r="SDG685" s="613"/>
      <c r="SDH685" s="613"/>
      <c r="SDI685" s="613"/>
      <c r="SDJ685" s="613"/>
      <c r="SDK685" s="613"/>
      <c r="SDL685" s="613"/>
      <c r="SDM685" s="613"/>
      <c r="SDN685" s="613"/>
      <c r="SDO685" s="613"/>
      <c r="SDP685" s="613"/>
      <c r="SDQ685" s="613"/>
      <c r="SDR685" s="613"/>
      <c r="SDS685" s="613"/>
      <c r="SDT685" s="613"/>
      <c r="SDU685" s="613"/>
      <c r="SDV685" s="613"/>
      <c r="SDW685" s="613"/>
      <c r="SDX685" s="613"/>
      <c r="SDY685" s="613"/>
      <c r="SDZ685" s="613"/>
      <c r="SEA685" s="613"/>
      <c r="SEB685" s="613"/>
      <c r="SEC685" s="613"/>
      <c r="SED685" s="613"/>
      <c r="SEE685" s="613"/>
      <c r="SEF685" s="613"/>
      <c r="SEG685" s="613"/>
      <c r="SEH685" s="613"/>
      <c r="SEI685" s="613"/>
      <c r="SEJ685" s="613"/>
      <c r="SEK685" s="613"/>
      <c r="SEL685" s="613"/>
      <c r="SEM685" s="613"/>
      <c r="SEN685" s="613"/>
      <c r="SEO685" s="613"/>
      <c r="SEP685" s="613"/>
      <c r="SEQ685" s="613"/>
      <c r="SER685" s="613"/>
      <c r="SES685" s="613"/>
      <c r="SET685" s="613"/>
      <c r="SEU685" s="613"/>
      <c r="SEV685" s="613"/>
      <c r="SEW685" s="613"/>
      <c r="SEX685" s="613"/>
      <c r="SEY685" s="613"/>
      <c r="SEZ685" s="613"/>
      <c r="SFA685" s="613"/>
      <c r="SFB685" s="613"/>
      <c r="SFC685" s="613"/>
      <c r="SFD685" s="613"/>
      <c r="SFE685" s="613"/>
      <c r="SFF685" s="613"/>
      <c r="SFG685" s="613"/>
      <c r="SFH685" s="613"/>
      <c r="SFI685" s="613"/>
      <c r="SFJ685" s="613"/>
      <c r="SFK685" s="613"/>
      <c r="SFL685" s="613"/>
      <c r="SFM685" s="613"/>
      <c r="SFN685" s="613"/>
      <c r="SFO685" s="613"/>
      <c r="SFP685" s="613"/>
      <c r="SFQ685" s="613"/>
      <c r="SFR685" s="613"/>
      <c r="SFS685" s="613"/>
      <c r="SFT685" s="613"/>
      <c r="SFU685" s="613"/>
      <c r="SFV685" s="613"/>
      <c r="SFW685" s="613"/>
      <c r="SFX685" s="613"/>
      <c r="SFY685" s="613"/>
      <c r="SFZ685" s="613"/>
      <c r="SGA685" s="613"/>
      <c r="SGB685" s="613"/>
      <c r="SGC685" s="613"/>
      <c r="SGD685" s="613"/>
      <c r="SGE685" s="613"/>
      <c r="SGF685" s="613"/>
      <c r="SGG685" s="613"/>
      <c r="SGH685" s="613"/>
      <c r="SGI685" s="613"/>
      <c r="SGJ685" s="613"/>
      <c r="SGK685" s="613"/>
      <c r="SGL685" s="613"/>
      <c r="SGM685" s="613"/>
      <c r="SGN685" s="613"/>
      <c r="SGO685" s="613"/>
      <c r="SGP685" s="613"/>
      <c r="SGQ685" s="613"/>
      <c r="SGR685" s="613"/>
      <c r="SGS685" s="613"/>
      <c r="SGT685" s="613"/>
      <c r="SGU685" s="613"/>
      <c r="SGV685" s="613"/>
      <c r="SGW685" s="613"/>
      <c r="SGX685" s="613"/>
      <c r="SGY685" s="613"/>
      <c r="SGZ685" s="613"/>
      <c r="SHA685" s="613"/>
      <c r="SHB685" s="613"/>
      <c r="SHC685" s="613"/>
      <c r="SHD685" s="613"/>
      <c r="SHE685" s="613"/>
      <c r="SHF685" s="613"/>
      <c r="SHG685" s="613"/>
      <c r="SHH685" s="613"/>
      <c r="SHI685" s="613"/>
      <c r="SHJ685" s="613"/>
      <c r="SHK685" s="613"/>
      <c r="SHL685" s="613"/>
      <c r="SHM685" s="613"/>
      <c r="SHN685" s="613"/>
      <c r="SHO685" s="613"/>
      <c r="SHP685" s="613"/>
      <c r="SHQ685" s="613"/>
      <c r="SHR685" s="613"/>
      <c r="SHS685" s="613"/>
      <c r="SHT685" s="613"/>
      <c r="SHU685" s="613"/>
      <c r="SHV685" s="613"/>
      <c r="SHW685" s="613"/>
      <c r="SHX685" s="613"/>
      <c r="SHY685" s="613"/>
      <c r="SHZ685" s="613"/>
      <c r="SIA685" s="613"/>
      <c r="SIB685" s="613"/>
      <c r="SIC685" s="613"/>
      <c r="SID685" s="613"/>
      <c r="SIE685" s="613"/>
      <c r="SIF685" s="613"/>
      <c r="SIG685" s="613"/>
      <c r="SIH685" s="613"/>
      <c r="SII685" s="613"/>
      <c r="SIJ685" s="613"/>
      <c r="SIK685" s="613"/>
      <c r="SIL685" s="613"/>
      <c r="SIM685" s="613"/>
      <c r="SIN685" s="613"/>
      <c r="SIO685" s="613"/>
      <c r="SIP685" s="613"/>
      <c r="SIQ685" s="613"/>
      <c r="SIR685" s="613"/>
      <c r="SIS685" s="613"/>
      <c r="SIT685" s="613"/>
      <c r="SIU685" s="613"/>
      <c r="SIV685" s="613"/>
      <c r="SIW685" s="613"/>
      <c r="SIX685" s="613"/>
      <c r="SIY685" s="613"/>
      <c r="SIZ685" s="613"/>
      <c r="SJA685" s="613"/>
      <c r="SJB685" s="613"/>
      <c r="SJC685" s="613"/>
      <c r="SJD685" s="613"/>
      <c r="SJE685" s="613"/>
      <c r="SJF685" s="613"/>
      <c r="SJG685" s="613"/>
      <c r="SJH685" s="613"/>
      <c r="SJI685" s="613"/>
      <c r="SJJ685" s="613"/>
      <c r="SJK685" s="613"/>
      <c r="SJL685" s="613"/>
      <c r="SJM685" s="613"/>
      <c r="SJN685" s="613"/>
      <c r="SJO685" s="613"/>
      <c r="SJP685" s="613"/>
      <c r="SJQ685" s="613"/>
      <c r="SJR685" s="613"/>
      <c r="SJS685" s="613"/>
      <c r="SJT685" s="613"/>
      <c r="SJU685" s="613"/>
      <c r="SJV685" s="613"/>
      <c r="SJW685" s="613"/>
      <c r="SJX685" s="613"/>
      <c r="SJY685" s="613"/>
      <c r="SJZ685" s="613"/>
      <c r="SKA685" s="613"/>
      <c r="SKB685" s="613"/>
      <c r="SKC685" s="613"/>
      <c r="SKD685" s="613"/>
      <c r="SKE685" s="613"/>
      <c r="SKF685" s="613"/>
      <c r="SKG685" s="613"/>
      <c r="SKH685" s="613"/>
      <c r="SKI685" s="613"/>
      <c r="SKJ685" s="613"/>
      <c r="SKK685" s="613"/>
      <c r="SKL685" s="613"/>
      <c r="SKM685" s="613"/>
      <c r="SKN685" s="613"/>
      <c r="SKO685" s="613"/>
      <c r="SKP685" s="613"/>
      <c r="SKQ685" s="613"/>
      <c r="SKR685" s="613"/>
      <c r="SKS685" s="613"/>
      <c r="SKT685" s="613"/>
      <c r="SKU685" s="613"/>
      <c r="SKV685" s="613"/>
      <c r="SKW685" s="613"/>
      <c r="SKX685" s="613"/>
      <c r="SKY685" s="613"/>
      <c r="SKZ685" s="613"/>
      <c r="SLA685" s="613"/>
      <c r="SLB685" s="613"/>
      <c r="SLC685" s="613"/>
      <c r="SLD685" s="613"/>
      <c r="SLE685" s="613"/>
      <c r="SLF685" s="613"/>
      <c r="SLG685" s="613"/>
      <c r="SLH685" s="613"/>
      <c r="SLI685" s="613"/>
      <c r="SLJ685" s="613"/>
      <c r="SLK685" s="613"/>
      <c r="SLL685" s="613"/>
      <c r="SLM685" s="613"/>
      <c r="SLN685" s="613"/>
      <c r="SLO685" s="613"/>
      <c r="SLP685" s="613"/>
      <c r="SLQ685" s="613"/>
      <c r="SLR685" s="613"/>
      <c r="SLS685" s="613"/>
      <c r="SLT685" s="613"/>
      <c r="SLU685" s="613"/>
      <c r="SLV685" s="613"/>
      <c r="SLW685" s="613"/>
      <c r="SLX685" s="613"/>
      <c r="SLY685" s="613"/>
      <c r="SLZ685" s="613"/>
      <c r="SMA685" s="613"/>
      <c r="SMB685" s="613"/>
      <c r="SMC685" s="613"/>
      <c r="SMD685" s="613"/>
      <c r="SME685" s="613"/>
      <c r="SMF685" s="613"/>
      <c r="SMG685" s="613"/>
      <c r="SMH685" s="613"/>
      <c r="SMI685" s="613"/>
      <c r="SMJ685" s="613"/>
      <c r="SMK685" s="613"/>
      <c r="SML685" s="613"/>
      <c r="SMM685" s="613"/>
      <c r="SMN685" s="613"/>
      <c r="SMO685" s="613"/>
      <c r="SMP685" s="613"/>
      <c r="SMQ685" s="613"/>
      <c r="SMR685" s="613"/>
      <c r="SMS685" s="613"/>
      <c r="SMT685" s="613"/>
      <c r="SMU685" s="613"/>
      <c r="SMV685" s="613"/>
      <c r="SMW685" s="613"/>
      <c r="SMX685" s="613"/>
      <c r="SMY685" s="613"/>
      <c r="SMZ685" s="613"/>
      <c r="SNA685" s="613"/>
      <c r="SNB685" s="613"/>
      <c r="SNC685" s="613"/>
      <c r="SND685" s="613"/>
      <c r="SNE685" s="613"/>
      <c r="SNF685" s="613"/>
      <c r="SNG685" s="613"/>
      <c r="SNH685" s="613"/>
      <c r="SNI685" s="613"/>
      <c r="SNJ685" s="613"/>
      <c r="SNK685" s="613"/>
      <c r="SNL685" s="613"/>
      <c r="SNM685" s="613"/>
      <c r="SNN685" s="613"/>
      <c r="SNO685" s="613"/>
      <c r="SNP685" s="613"/>
      <c r="SNQ685" s="613"/>
      <c r="SNR685" s="613"/>
      <c r="SNS685" s="613"/>
      <c r="SNT685" s="613"/>
      <c r="SNU685" s="613"/>
      <c r="SNV685" s="613"/>
      <c r="SNW685" s="613"/>
      <c r="SNX685" s="613"/>
      <c r="SNY685" s="613"/>
      <c r="SNZ685" s="613"/>
      <c r="SOA685" s="613"/>
      <c r="SOB685" s="613"/>
      <c r="SOC685" s="613"/>
      <c r="SOD685" s="613"/>
      <c r="SOE685" s="613"/>
      <c r="SOF685" s="613"/>
      <c r="SOG685" s="613"/>
      <c r="SOH685" s="613"/>
      <c r="SOI685" s="613"/>
      <c r="SOJ685" s="613"/>
      <c r="SOK685" s="613"/>
      <c r="SOL685" s="613"/>
      <c r="SOM685" s="613"/>
      <c r="SON685" s="613"/>
      <c r="SOO685" s="613"/>
      <c r="SOP685" s="613"/>
      <c r="SOQ685" s="613"/>
      <c r="SOR685" s="613"/>
      <c r="SOS685" s="613"/>
      <c r="SOT685" s="613"/>
      <c r="SOU685" s="613"/>
      <c r="SOV685" s="613"/>
      <c r="SOW685" s="613"/>
      <c r="SOX685" s="613"/>
      <c r="SOY685" s="613"/>
      <c r="SOZ685" s="613"/>
      <c r="SPA685" s="613"/>
      <c r="SPB685" s="613"/>
      <c r="SPC685" s="613"/>
      <c r="SPD685" s="613"/>
      <c r="SPE685" s="613"/>
      <c r="SPF685" s="613"/>
      <c r="SPG685" s="613"/>
      <c r="SPH685" s="613"/>
      <c r="SPI685" s="613"/>
      <c r="SPJ685" s="613"/>
      <c r="SPK685" s="613"/>
      <c r="SPL685" s="613"/>
      <c r="SPM685" s="613"/>
      <c r="SPN685" s="613"/>
      <c r="SPO685" s="613"/>
      <c r="SPP685" s="613"/>
      <c r="SPQ685" s="613"/>
      <c r="SPR685" s="613"/>
      <c r="SPS685" s="613"/>
      <c r="SPT685" s="613"/>
      <c r="SPU685" s="613"/>
      <c r="SPV685" s="613"/>
      <c r="SPW685" s="613"/>
      <c r="SPX685" s="613"/>
      <c r="SPY685" s="613"/>
      <c r="SPZ685" s="613"/>
      <c r="SQA685" s="613"/>
      <c r="SQB685" s="613"/>
      <c r="SQC685" s="613"/>
      <c r="SQD685" s="613"/>
      <c r="SQE685" s="613"/>
      <c r="SQF685" s="613"/>
      <c r="SQG685" s="613"/>
      <c r="SQH685" s="613"/>
      <c r="SQI685" s="613"/>
      <c r="SQJ685" s="613"/>
      <c r="SQK685" s="613"/>
      <c r="SQL685" s="613"/>
      <c r="SQM685" s="613"/>
      <c r="SQN685" s="613"/>
      <c r="SQO685" s="613"/>
      <c r="SQP685" s="613"/>
      <c r="SQQ685" s="613"/>
      <c r="SQR685" s="613"/>
      <c r="SQS685" s="613"/>
      <c r="SQT685" s="613"/>
      <c r="SQU685" s="613"/>
      <c r="SQV685" s="613"/>
      <c r="SQW685" s="613"/>
      <c r="SQX685" s="613"/>
      <c r="SQY685" s="613"/>
      <c r="SQZ685" s="613"/>
      <c r="SRA685" s="613"/>
      <c r="SRB685" s="613"/>
      <c r="SRC685" s="613"/>
      <c r="SRD685" s="613"/>
      <c r="SRE685" s="613"/>
      <c r="SRF685" s="613"/>
      <c r="SRG685" s="613"/>
      <c r="SRH685" s="613"/>
      <c r="SRI685" s="613"/>
      <c r="SRJ685" s="613"/>
      <c r="SRK685" s="613"/>
      <c r="SRL685" s="613"/>
      <c r="SRM685" s="613"/>
      <c r="SRN685" s="613"/>
      <c r="SRO685" s="613"/>
      <c r="SRP685" s="613"/>
      <c r="SRQ685" s="613"/>
      <c r="SRR685" s="613"/>
      <c r="SRS685" s="613"/>
      <c r="SRT685" s="613"/>
      <c r="SRU685" s="613"/>
      <c r="SRV685" s="613"/>
      <c r="SRW685" s="613"/>
      <c r="SRX685" s="613"/>
      <c r="SRY685" s="613"/>
      <c r="SRZ685" s="613"/>
      <c r="SSA685" s="613"/>
      <c r="SSB685" s="613"/>
      <c r="SSC685" s="613"/>
      <c r="SSD685" s="613"/>
      <c r="SSE685" s="613"/>
      <c r="SSF685" s="613"/>
      <c r="SSG685" s="613"/>
      <c r="SSH685" s="613"/>
      <c r="SSI685" s="613"/>
      <c r="SSJ685" s="613"/>
      <c r="SSK685" s="613"/>
      <c r="SSL685" s="613"/>
      <c r="SSM685" s="613"/>
      <c r="SSN685" s="613"/>
      <c r="SSO685" s="613"/>
      <c r="SSP685" s="613"/>
      <c r="SSQ685" s="613"/>
      <c r="SSR685" s="613"/>
      <c r="SSS685" s="613"/>
      <c r="SST685" s="613"/>
      <c r="SSU685" s="613"/>
      <c r="SSV685" s="613"/>
      <c r="SSW685" s="613"/>
      <c r="SSX685" s="613"/>
      <c r="SSY685" s="613"/>
      <c r="SSZ685" s="613"/>
      <c r="STA685" s="613"/>
      <c r="STB685" s="613"/>
      <c r="STC685" s="613"/>
      <c r="STD685" s="613"/>
      <c r="STE685" s="613"/>
      <c r="STF685" s="613"/>
      <c r="STG685" s="613"/>
      <c r="STH685" s="613"/>
      <c r="STI685" s="613"/>
      <c r="STJ685" s="613"/>
      <c r="STK685" s="613"/>
      <c r="STL685" s="613"/>
      <c r="STM685" s="613"/>
      <c r="STN685" s="613"/>
      <c r="STO685" s="613"/>
      <c r="STP685" s="613"/>
      <c r="STQ685" s="613"/>
      <c r="STR685" s="613"/>
      <c r="STS685" s="613"/>
      <c r="STT685" s="613"/>
      <c r="STU685" s="613"/>
      <c r="STV685" s="613"/>
      <c r="STW685" s="613"/>
      <c r="STX685" s="613"/>
      <c r="STY685" s="613"/>
      <c r="STZ685" s="613"/>
      <c r="SUA685" s="613"/>
      <c r="SUB685" s="613"/>
      <c r="SUC685" s="613"/>
      <c r="SUD685" s="613"/>
      <c r="SUE685" s="613"/>
      <c r="SUF685" s="613"/>
      <c r="SUG685" s="613"/>
      <c r="SUH685" s="613"/>
      <c r="SUI685" s="613"/>
      <c r="SUJ685" s="613"/>
      <c r="SUK685" s="613"/>
      <c r="SUL685" s="613"/>
      <c r="SUM685" s="613"/>
      <c r="SUN685" s="613"/>
      <c r="SUO685" s="613"/>
      <c r="SUP685" s="613"/>
      <c r="SUQ685" s="613"/>
      <c r="SUR685" s="613"/>
      <c r="SUS685" s="613"/>
      <c r="SUT685" s="613"/>
      <c r="SUU685" s="613"/>
      <c r="SUV685" s="613"/>
      <c r="SUW685" s="613"/>
      <c r="SUX685" s="613"/>
      <c r="SUY685" s="613"/>
      <c r="SUZ685" s="613"/>
      <c r="SVA685" s="613"/>
      <c r="SVB685" s="613"/>
      <c r="SVC685" s="613"/>
      <c r="SVD685" s="613"/>
      <c r="SVE685" s="613"/>
      <c r="SVF685" s="613"/>
      <c r="SVG685" s="613"/>
      <c r="SVH685" s="613"/>
      <c r="SVI685" s="613"/>
      <c r="SVJ685" s="613"/>
      <c r="SVK685" s="613"/>
      <c r="SVL685" s="613"/>
      <c r="SVM685" s="613"/>
      <c r="SVN685" s="613"/>
      <c r="SVO685" s="613"/>
      <c r="SVP685" s="613"/>
      <c r="SVQ685" s="613"/>
      <c r="SVR685" s="613"/>
      <c r="SVS685" s="613"/>
      <c r="SVT685" s="613"/>
      <c r="SVU685" s="613"/>
      <c r="SVV685" s="613"/>
      <c r="SVW685" s="613"/>
      <c r="SVX685" s="613"/>
      <c r="SVY685" s="613"/>
      <c r="SVZ685" s="613"/>
      <c r="SWA685" s="613"/>
      <c r="SWB685" s="613"/>
      <c r="SWC685" s="613"/>
      <c r="SWD685" s="613"/>
      <c r="SWE685" s="613"/>
      <c r="SWF685" s="613"/>
      <c r="SWG685" s="613"/>
      <c r="SWH685" s="613"/>
      <c r="SWI685" s="613"/>
      <c r="SWJ685" s="613"/>
      <c r="SWK685" s="613"/>
      <c r="SWL685" s="613"/>
      <c r="SWM685" s="613"/>
      <c r="SWN685" s="613"/>
      <c r="SWO685" s="613"/>
      <c r="SWP685" s="613"/>
      <c r="SWQ685" s="613"/>
      <c r="SWR685" s="613"/>
      <c r="SWS685" s="613"/>
      <c r="SWT685" s="613"/>
      <c r="SWU685" s="613"/>
      <c r="SWV685" s="613"/>
      <c r="SWW685" s="613"/>
      <c r="SWX685" s="613"/>
      <c r="SWY685" s="613"/>
      <c r="SWZ685" s="613"/>
      <c r="SXA685" s="613"/>
      <c r="SXB685" s="613"/>
      <c r="SXC685" s="613"/>
      <c r="SXD685" s="613"/>
      <c r="SXE685" s="613"/>
      <c r="SXF685" s="613"/>
      <c r="SXG685" s="613"/>
      <c r="SXH685" s="613"/>
      <c r="SXI685" s="613"/>
      <c r="SXJ685" s="613"/>
      <c r="SXK685" s="613"/>
      <c r="SXL685" s="613"/>
      <c r="SXM685" s="613"/>
      <c r="SXN685" s="613"/>
      <c r="SXO685" s="613"/>
      <c r="SXP685" s="613"/>
      <c r="SXQ685" s="613"/>
      <c r="SXR685" s="613"/>
      <c r="SXS685" s="613"/>
      <c r="SXT685" s="613"/>
      <c r="SXU685" s="613"/>
      <c r="SXV685" s="613"/>
      <c r="SXW685" s="613"/>
      <c r="SXX685" s="613"/>
      <c r="SXY685" s="613"/>
      <c r="SXZ685" s="613"/>
      <c r="SYA685" s="613"/>
      <c r="SYB685" s="613"/>
      <c r="SYC685" s="613"/>
      <c r="SYD685" s="613"/>
      <c r="SYE685" s="613"/>
      <c r="SYF685" s="613"/>
      <c r="SYG685" s="613"/>
      <c r="SYH685" s="613"/>
      <c r="SYI685" s="613"/>
      <c r="SYJ685" s="613"/>
      <c r="SYK685" s="613"/>
      <c r="SYL685" s="613"/>
      <c r="SYM685" s="613"/>
      <c r="SYN685" s="613"/>
      <c r="SYO685" s="613"/>
      <c r="SYP685" s="613"/>
      <c r="SYQ685" s="613"/>
      <c r="SYR685" s="613"/>
      <c r="SYS685" s="613"/>
      <c r="SYT685" s="613"/>
      <c r="SYU685" s="613"/>
      <c r="SYV685" s="613"/>
      <c r="SYW685" s="613"/>
      <c r="SYX685" s="613"/>
      <c r="SYY685" s="613"/>
      <c r="SYZ685" s="613"/>
      <c r="SZA685" s="613"/>
      <c r="SZB685" s="613"/>
      <c r="SZC685" s="613"/>
      <c r="SZD685" s="613"/>
      <c r="SZE685" s="613"/>
      <c r="SZF685" s="613"/>
      <c r="SZG685" s="613"/>
      <c r="SZH685" s="613"/>
      <c r="SZI685" s="613"/>
      <c r="SZJ685" s="613"/>
      <c r="SZK685" s="613"/>
      <c r="SZL685" s="613"/>
      <c r="SZM685" s="613"/>
      <c r="SZN685" s="613"/>
      <c r="SZO685" s="613"/>
      <c r="SZP685" s="613"/>
      <c r="SZQ685" s="613"/>
      <c r="SZR685" s="613"/>
      <c r="SZS685" s="613"/>
      <c r="SZT685" s="613"/>
      <c r="SZU685" s="613"/>
      <c r="SZV685" s="613"/>
      <c r="SZW685" s="613"/>
      <c r="SZX685" s="613"/>
      <c r="SZY685" s="613"/>
      <c r="SZZ685" s="613"/>
      <c r="TAA685" s="613"/>
      <c r="TAB685" s="613"/>
      <c r="TAC685" s="613"/>
      <c r="TAD685" s="613"/>
      <c r="TAE685" s="613"/>
      <c r="TAF685" s="613"/>
      <c r="TAG685" s="613"/>
      <c r="TAH685" s="613"/>
      <c r="TAI685" s="613"/>
      <c r="TAJ685" s="613"/>
      <c r="TAK685" s="613"/>
      <c r="TAL685" s="613"/>
      <c r="TAM685" s="613"/>
      <c r="TAN685" s="613"/>
      <c r="TAO685" s="613"/>
      <c r="TAP685" s="613"/>
      <c r="TAQ685" s="613"/>
      <c r="TAR685" s="613"/>
      <c r="TAS685" s="613"/>
      <c r="TAT685" s="613"/>
      <c r="TAU685" s="613"/>
      <c r="TAV685" s="613"/>
      <c r="TAW685" s="613"/>
      <c r="TAX685" s="613"/>
      <c r="TAY685" s="613"/>
      <c r="TAZ685" s="613"/>
      <c r="TBA685" s="613"/>
      <c r="TBB685" s="613"/>
      <c r="TBC685" s="613"/>
      <c r="TBD685" s="613"/>
      <c r="TBE685" s="613"/>
      <c r="TBF685" s="613"/>
      <c r="TBG685" s="613"/>
      <c r="TBH685" s="613"/>
      <c r="TBI685" s="613"/>
      <c r="TBJ685" s="613"/>
      <c r="TBK685" s="613"/>
      <c r="TBL685" s="613"/>
      <c r="TBM685" s="613"/>
      <c r="TBN685" s="613"/>
      <c r="TBO685" s="613"/>
      <c r="TBP685" s="613"/>
      <c r="TBQ685" s="613"/>
      <c r="TBR685" s="613"/>
      <c r="TBS685" s="613"/>
      <c r="TBT685" s="613"/>
      <c r="TBU685" s="613"/>
      <c r="TBV685" s="613"/>
      <c r="TBW685" s="613"/>
      <c r="TBX685" s="613"/>
      <c r="TBY685" s="613"/>
      <c r="TBZ685" s="613"/>
      <c r="TCA685" s="613"/>
      <c r="TCB685" s="613"/>
      <c r="TCC685" s="613"/>
      <c r="TCD685" s="613"/>
      <c r="TCE685" s="613"/>
      <c r="TCF685" s="613"/>
      <c r="TCG685" s="613"/>
      <c r="TCH685" s="613"/>
      <c r="TCI685" s="613"/>
      <c r="TCJ685" s="613"/>
      <c r="TCK685" s="613"/>
      <c r="TCL685" s="613"/>
      <c r="TCM685" s="613"/>
      <c r="TCN685" s="613"/>
      <c r="TCO685" s="613"/>
      <c r="TCP685" s="613"/>
      <c r="TCQ685" s="613"/>
      <c r="TCR685" s="613"/>
      <c r="TCS685" s="613"/>
      <c r="TCT685" s="613"/>
      <c r="TCU685" s="613"/>
      <c r="TCV685" s="613"/>
      <c r="TCW685" s="613"/>
      <c r="TCX685" s="613"/>
      <c r="TCY685" s="613"/>
      <c r="TCZ685" s="613"/>
      <c r="TDA685" s="613"/>
      <c r="TDB685" s="613"/>
      <c r="TDC685" s="613"/>
      <c r="TDD685" s="613"/>
      <c r="TDE685" s="613"/>
      <c r="TDF685" s="613"/>
      <c r="TDG685" s="613"/>
      <c r="TDH685" s="613"/>
      <c r="TDI685" s="613"/>
      <c r="TDJ685" s="613"/>
      <c r="TDK685" s="613"/>
      <c r="TDL685" s="613"/>
      <c r="TDM685" s="613"/>
      <c r="TDN685" s="613"/>
      <c r="TDO685" s="613"/>
      <c r="TDP685" s="613"/>
      <c r="TDQ685" s="613"/>
      <c r="TDR685" s="613"/>
      <c r="TDS685" s="613"/>
      <c r="TDT685" s="613"/>
      <c r="TDU685" s="613"/>
      <c r="TDV685" s="613"/>
      <c r="TDW685" s="613"/>
      <c r="TDX685" s="613"/>
      <c r="TDY685" s="613"/>
      <c r="TDZ685" s="613"/>
      <c r="TEA685" s="613"/>
      <c r="TEB685" s="613"/>
      <c r="TEC685" s="613"/>
      <c r="TED685" s="613"/>
      <c r="TEE685" s="613"/>
      <c r="TEF685" s="613"/>
      <c r="TEG685" s="613"/>
      <c r="TEH685" s="613"/>
      <c r="TEI685" s="613"/>
      <c r="TEJ685" s="613"/>
      <c r="TEK685" s="613"/>
      <c r="TEL685" s="613"/>
      <c r="TEM685" s="613"/>
      <c r="TEN685" s="613"/>
      <c r="TEO685" s="613"/>
      <c r="TEP685" s="613"/>
      <c r="TEQ685" s="613"/>
      <c r="TER685" s="613"/>
      <c r="TES685" s="613"/>
      <c r="TET685" s="613"/>
      <c r="TEU685" s="613"/>
      <c r="TEV685" s="613"/>
      <c r="TEW685" s="613"/>
      <c r="TEX685" s="613"/>
      <c r="TEY685" s="613"/>
      <c r="TEZ685" s="613"/>
      <c r="TFA685" s="613"/>
      <c r="TFB685" s="613"/>
      <c r="TFC685" s="613"/>
      <c r="TFD685" s="613"/>
      <c r="TFE685" s="613"/>
      <c r="TFF685" s="613"/>
      <c r="TFG685" s="613"/>
      <c r="TFH685" s="613"/>
      <c r="TFI685" s="613"/>
      <c r="TFJ685" s="613"/>
      <c r="TFK685" s="613"/>
      <c r="TFL685" s="613"/>
      <c r="TFM685" s="613"/>
      <c r="TFN685" s="613"/>
      <c r="TFO685" s="613"/>
      <c r="TFP685" s="613"/>
      <c r="TFQ685" s="613"/>
      <c r="TFR685" s="613"/>
      <c r="TFS685" s="613"/>
      <c r="TFT685" s="613"/>
      <c r="TFU685" s="613"/>
      <c r="TFV685" s="613"/>
      <c r="TFW685" s="613"/>
      <c r="TFX685" s="613"/>
      <c r="TFY685" s="613"/>
      <c r="TFZ685" s="613"/>
      <c r="TGA685" s="613"/>
      <c r="TGB685" s="613"/>
      <c r="TGC685" s="613"/>
      <c r="TGD685" s="613"/>
      <c r="TGE685" s="613"/>
      <c r="TGF685" s="613"/>
      <c r="TGG685" s="613"/>
      <c r="TGH685" s="613"/>
      <c r="TGI685" s="613"/>
      <c r="TGJ685" s="613"/>
      <c r="TGK685" s="613"/>
      <c r="TGL685" s="613"/>
      <c r="TGM685" s="613"/>
      <c r="TGN685" s="613"/>
      <c r="TGO685" s="613"/>
      <c r="TGP685" s="613"/>
      <c r="TGQ685" s="613"/>
      <c r="TGR685" s="613"/>
      <c r="TGS685" s="613"/>
      <c r="TGT685" s="613"/>
      <c r="TGU685" s="613"/>
      <c r="TGV685" s="613"/>
      <c r="TGW685" s="613"/>
      <c r="TGX685" s="613"/>
      <c r="TGY685" s="613"/>
      <c r="TGZ685" s="613"/>
      <c r="THA685" s="613"/>
      <c r="THB685" s="613"/>
      <c r="THC685" s="613"/>
      <c r="THD685" s="613"/>
      <c r="THE685" s="613"/>
      <c r="THF685" s="613"/>
      <c r="THG685" s="613"/>
      <c r="THH685" s="613"/>
      <c r="THI685" s="613"/>
      <c r="THJ685" s="613"/>
      <c r="THK685" s="613"/>
      <c r="THL685" s="613"/>
      <c r="THM685" s="613"/>
      <c r="THN685" s="613"/>
      <c r="THO685" s="613"/>
      <c r="THP685" s="613"/>
      <c r="THQ685" s="613"/>
      <c r="THR685" s="613"/>
      <c r="THS685" s="613"/>
      <c r="THT685" s="613"/>
      <c r="THU685" s="613"/>
      <c r="THV685" s="613"/>
      <c r="THW685" s="613"/>
      <c r="THX685" s="613"/>
      <c r="THY685" s="613"/>
      <c r="THZ685" s="613"/>
      <c r="TIA685" s="613"/>
      <c r="TIB685" s="613"/>
      <c r="TIC685" s="613"/>
      <c r="TID685" s="613"/>
      <c r="TIE685" s="613"/>
      <c r="TIF685" s="613"/>
      <c r="TIG685" s="613"/>
      <c r="TIH685" s="613"/>
      <c r="TII685" s="613"/>
      <c r="TIJ685" s="613"/>
      <c r="TIK685" s="613"/>
      <c r="TIL685" s="613"/>
      <c r="TIM685" s="613"/>
      <c r="TIN685" s="613"/>
      <c r="TIO685" s="613"/>
      <c r="TIP685" s="613"/>
      <c r="TIQ685" s="613"/>
      <c r="TIR685" s="613"/>
      <c r="TIS685" s="613"/>
      <c r="TIT685" s="613"/>
      <c r="TIU685" s="613"/>
      <c r="TIV685" s="613"/>
      <c r="TIW685" s="613"/>
      <c r="TIX685" s="613"/>
      <c r="TIY685" s="613"/>
      <c r="TIZ685" s="613"/>
      <c r="TJA685" s="613"/>
      <c r="TJB685" s="613"/>
      <c r="TJC685" s="613"/>
      <c r="TJD685" s="613"/>
      <c r="TJE685" s="613"/>
      <c r="TJF685" s="613"/>
      <c r="TJG685" s="613"/>
      <c r="TJH685" s="613"/>
      <c r="TJI685" s="613"/>
      <c r="TJJ685" s="613"/>
      <c r="TJK685" s="613"/>
      <c r="TJL685" s="613"/>
      <c r="TJM685" s="613"/>
      <c r="TJN685" s="613"/>
      <c r="TJO685" s="613"/>
      <c r="TJP685" s="613"/>
      <c r="TJQ685" s="613"/>
      <c r="TJR685" s="613"/>
      <c r="TJS685" s="613"/>
      <c r="TJT685" s="613"/>
      <c r="TJU685" s="613"/>
      <c r="TJV685" s="613"/>
      <c r="TJW685" s="613"/>
      <c r="TJX685" s="613"/>
      <c r="TJY685" s="613"/>
      <c r="TJZ685" s="613"/>
      <c r="TKA685" s="613"/>
      <c r="TKB685" s="613"/>
      <c r="TKC685" s="613"/>
      <c r="TKD685" s="613"/>
      <c r="TKE685" s="613"/>
      <c r="TKF685" s="613"/>
      <c r="TKG685" s="613"/>
      <c r="TKH685" s="613"/>
      <c r="TKI685" s="613"/>
      <c r="TKJ685" s="613"/>
      <c r="TKK685" s="613"/>
      <c r="TKL685" s="613"/>
      <c r="TKM685" s="613"/>
      <c r="TKN685" s="613"/>
      <c r="TKO685" s="613"/>
      <c r="TKP685" s="613"/>
      <c r="TKQ685" s="613"/>
      <c r="TKR685" s="613"/>
      <c r="TKS685" s="613"/>
      <c r="TKT685" s="613"/>
      <c r="TKU685" s="613"/>
      <c r="TKV685" s="613"/>
      <c r="TKW685" s="613"/>
      <c r="TKX685" s="613"/>
      <c r="TKY685" s="613"/>
      <c r="TKZ685" s="613"/>
      <c r="TLA685" s="613"/>
      <c r="TLB685" s="613"/>
      <c r="TLC685" s="613"/>
      <c r="TLD685" s="613"/>
      <c r="TLE685" s="613"/>
      <c r="TLF685" s="613"/>
      <c r="TLG685" s="613"/>
      <c r="TLH685" s="613"/>
      <c r="TLI685" s="613"/>
      <c r="TLJ685" s="613"/>
      <c r="TLK685" s="613"/>
      <c r="TLL685" s="613"/>
      <c r="TLM685" s="613"/>
      <c r="TLN685" s="613"/>
      <c r="TLO685" s="613"/>
      <c r="TLP685" s="613"/>
      <c r="TLQ685" s="613"/>
      <c r="TLR685" s="613"/>
      <c r="TLS685" s="613"/>
      <c r="TLT685" s="613"/>
      <c r="TLU685" s="613"/>
      <c r="TLV685" s="613"/>
      <c r="TLW685" s="613"/>
      <c r="TLX685" s="613"/>
      <c r="TLY685" s="613"/>
      <c r="TLZ685" s="613"/>
      <c r="TMA685" s="613"/>
      <c r="TMB685" s="613"/>
      <c r="TMC685" s="613"/>
      <c r="TMD685" s="613"/>
      <c r="TME685" s="613"/>
      <c r="TMF685" s="613"/>
      <c r="TMG685" s="613"/>
      <c r="TMH685" s="613"/>
      <c r="TMI685" s="613"/>
      <c r="TMJ685" s="613"/>
      <c r="TMK685" s="613"/>
      <c r="TML685" s="613"/>
      <c r="TMM685" s="613"/>
      <c r="TMN685" s="613"/>
      <c r="TMO685" s="613"/>
      <c r="TMP685" s="613"/>
      <c r="TMQ685" s="613"/>
      <c r="TMR685" s="613"/>
      <c r="TMS685" s="613"/>
      <c r="TMT685" s="613"/>
      <c r="TMU685" s="613"/>
      <c r="TMV685" s="613"/>
      <c r="TMW685" s="613"/>
      <c r="TMX685" s="613"/>
      <c r="TMY685" s="613"/>
      <c r="TMZ685" s="613"/>
      <c r="TNA685" s="613"/>
      <c r="TNB685" s="613"/>
      <c r="TNC685" s="613"/>
      <c r="TND685" s="613"/>
      <c r="TNE685" s="613"/>
      <c r="TNF685" s="613"/>
      <c r="TNG685" s="613"/>
      <c r="TNH685" s="613"/>
      <c r="TNI685" s="613"/>
      <c r="TNJ685" s="613"/>
      <c r="TNK685" s="613"/>
      <c r="TNL685" s="613"/>
      <c r="TNM685" s="613"/>
      <c r="TNN685" s="613"/>
      <c r="TNO685" s="613"/>
      <c r="TNP685" s="613"/>
      <c r="TNQ685" s="613"/>
      <c r="TNR685" s="613"/>
      <c r="TNS685" s="613"/>
      <c r="TNT685" s="613"/>
      <c r="TNU685" s="613"/>
      <c r="TNV685" s="613"/>
      <c r="TNW685" s="613"/>
      <c r="TNX685" s="613"/>
      <c r="TNY685" s="613"/>
      <c r="TNZ685" s="613"/>
      <c r="TOA685" s="613"/>
      <c r="TOB685" s="613"/>
      <c r="TOC685" s="613"/>
      <c r="TOD685" s="613"/>
      <c r="TOE685" s="613"/>
      <c r="TOF685" s="613"/>
      <c r="TOG685" s="613"/>
      <c r="TOH685" s="613"/>
      <c r="TOI685" s="613"/>
      <c r="TOJ685" s="613"/>
      <c r="TOK685" s="613"/>
      <c r="TOL685" s="613"/>
      <c r="TOM685" s="613"/>
      <c r="TON685" s="613"/>
      <c r="TOO685" s="613"/>
      <c r="TOP685" s="613"/>
      <c r="TOQ685" s="613"/>
      <c r="TOR685" s="613"/>
      <c r="TOS685" s="613"/>
      <c r="TOT685" s="613"/>
      <c r="TOU685" s="613"/>
      <c r="TOV685" s="613"/>
      <c r="TOW685" s="613"/>
      <c r="TOX685" s="613"/>
      <c r="TOY685" s="613"/>
      <c r="TOZ685" s="613"/>
      <c r="TPA685" s="613"/>
      <c r="TPB685" s="613"/>
      <c r="TPC685" s="613"/>
      <c r="TPD685" s="613"/>
      <c r="TPE685" s="613"/>
      <c r="TPF685" s="613"/>
      <c r="TPG685" s="613"/>
      <c r="TPH685" s="613"/>
      <c r="TPI685" s="613"/>
      <c r="TPJ685" s="613"/>
      <c r="TPK685" s="613"/>
      <c r="TPL685" s="613"/>
      <c r="TPM685" s="613"/>
      <c r="TPN685" s="613"/>
      <c r="TPO685" s="613"/>
      <c r="TPP685" s="613"/>
      <c r="TPQ685" s="613"/>
      <c r="TPR685" s="613"/>
      <c r="TPS685" s="613"/>
      <c r="TPT685" s="613"/>
      <c r="TPU685" s="613"/>
      <c r="TPV685" s="613"/>
      <c r="TPW685" s="613"/>
      <c r="TPX685" s="613"/>
      <c r="TPY685" s="613"/>
      <c r="TPZ685" s="613"/>
      <c r="TQA685" s="613"/>
      <c r="TQB685" s="613"/>
      <c r="TQC685" s="613"/>
      <c r="TQD685" s="613"/>
      <c r="TQE685" s="613"/>
      <c r="TQF685" s="613"/>
      <c r="TQG685" s="613"/>
      <c r="TQH685" s="613"/>
      <c r="TQI685" s="613"/>
      <c r="TQJ685" s="613"/>
      <c r="TQK685" s="613"/>
      <c r="TQL685" s="613"/>
      <c r="TQM685" s="613"/>
      <c r="TQN685" s="613"/>
      <c r="TQO685" s="613"/>
      <c r="TQP685" s="613"/>
      <c r="TQQ685" s="613"/>
      <c r="TQR685" s="613"/>
      <c r="TQS685" s="613"/>
      <c r="TQT685" s="613"/>
      <c r="TQU685" s="613"/>
      <c r="TQV685" s="613"/>
      <c r="TQW685" s="613"/>
      <c r="TQX685" s="613"/>
      <c r="TQY685" s="613"/>
      <c r="TQZ685" s="613"/>
      <c r="TRA685" s="613"/>
      <c r="TRB685" s="613"/>
      <c r="TRC685" s="613"/>
      <c r="TRD685" s="613"/>
      <c r="TRE685" s="613"/>
      <c r="TRF685" s="613"/>
      <c r="TRG685" s="613"/>
      <c r="TRH685" s="613"/>
      <c r="TRI685" s="613"/>
      <c r="TRJ685" s="613"/>
      <c r="TRK685" s="613"/>
      <c r="TRL685" s="613"/>
      <c r="TRM685" s="613"/>
      <c r="TRN685" s="613"/>
      <c r="TRO685" s="613"/>
      <c r="TRP685" s="613"/>
      <c r="TRQ685" s="613"/>
      <c r="TRR685" s="613"/>
      <c r="TRS685" s="613"/>
      <c r="TRT685" s="613"/>
      <c r="TRU685" s="613"/>
      <c r="TRV685" s="613"/>
      <c r="TRW685" s="613"/>
      <c r="TRX685" s="613"/>
      <c r="TRY685" s="613"/>
      <c r="TRZ685" s="613"/>
      <c r="TSA685" s="613"/>
      <c r="TSB685" s="613"/>
      <c r="TSC685" s="613"/>
      <c r="TSD685" s="613"/>
      <c r="TSE685" s="613"/>
      <c r="TSF685" s="613"/>
      <c r="TSG685" s="613"/>
      <c r="TSH685" s="613"/>
      <c r="TSI685" s="613"/>
      <c r="TSJ685" s="613"/>
      <c r="TSK685" s="613"/>
      <c r="TSL685" s="613"/>
      <c r="TSM685" s="613"/>
      <c r="TSN685" s="613"/>
      <c r="TSO685" s="613"/>
      <c r="TSP685" s="613"/>
      <c r="TSQ685" s="613"/>
      <c r="TSR685" s="613"/>
      <c r="TSS685" s="613"/>
      <c r="TST685" s="613"/>
      <c r="TSU685" s="613"/>
      <c r="TSV685" s="613"/>
      <c r="TSW685" s="613"/>
      <c r="TSX685" s="613"/>
      <c r="TSY685" s="613"/>
      <c r="TSZ685" s="613"/>
      <c r="TTA685" s="613"/>
      <c r="TTB685" s="613"/>
      <c r="TTC685" s="613"/>
      <c r="TTD685" s="613"/>
      <c r="TTE685" s="613"/>
      <c r="TTF685" s="613"/>
      <c r="TTG685" s="613"/>
      <c r="TTH685" s="613"/>
      <c r="TTI685" s="613"/>
      <c r="TTJ685" s="613"/>
      <c r="TTK685" s="613"/>
      <c r="TTL685" s="613"/>
      <c r="TTM685" s="613"/>
      <c r="TTN685" s="613"/>
      <c r="TTO685" s="613"/>
      <c r="TTP685" s="613"/>
      <c r="TTQ685" s="613"/>
      <c r="TTR685" s="613"/>
      <c r="TTS685" s="613"/>
      <c r="TTT685" s="613"/>
      <c r="TTU685" s="613"/>
      <c r="TTV685" s="613"/>
      <c r="TTW685" s="613"/>
      <c r="TTX685" s="613"/>
      <c r="TTY685" s="613"/>
      <c r="TTZ685" s="613"/>
      <c r="TUA685" s="613"/>
      <c r="TUB685" s="613"/>
      <c r="TUC685" s="613"/>
      <c r="TUD685" s="613"/>
      <c r="TUE685" s="613"/>
      <c r="TUF685" s="613"/>
      <c r="TUG685" s="613"/>
      <c r="TUH685" s="613"/>
      <c r="TUI685" s="613"/>
      <c r="TUJ685" s="613"/>
      <c r="TUK685" s="613"/>
      <c r="TUL685" s="613"/>
      <c r="TUM685" s="613"/>
      <c r="TUN685" s="613"/>
      <c r="TUO685" s="613"/>
      <c r="TUP685" s="613"/>
      <c r="TUQ685" s="613"/>
      <c r="TUR685" s="613"/>
      <c r="TUS685" s="613"/>
      <c r="TUT685" s="613"/>
      <c r="TUU685" s="613"/>
      <c r="TUV685" s="613"/>
      <c r="TUW685" s="613"/>
      <c r="TUX685" s="613"/>
      <c r="TUY685" s="613"/>
      <c r="TUZ685" s="613"/>
      <c r="TVA685" s="613"/>
      <c r="TVB685" s="613"/>
      <c r="TVC685" s="613"/>
      <c r="TVD685" s="613"/>
      <c r="TVE685" s="613"/>
      <c r="TVF685" s="613"/>
      <c r="TVG685" s="613"/>
      <c r="TVH685" s="613"/>
      <c r="TVI685" s="613"/>
      <c r="TVJ685" s="613"/>
      <c r="TVK685" s="613"/>
      <c r="TVL685" s="613"/>
      <c r="TVM685" s="613"/>
      <c r="TVN685" s="613"/>
      <c r="TVO685" s="613"/>
      <c r="TVP685" s="613"/>
      <c r="TVQ685" s="613"/>
      <c r="TVR685" s="613"/>
      <c r="TVS685" s="613"/>
      <c r="TVT685" s="613"/>
      <c r="TVU685" s="613"/>
      <c r="TVV685" s="613"/>
      <c r="TVW685" s="613"/>
      <c r="TVX685" s="613"/>
      <c r="TVY685" s="613"/>
      <c r="TVZ685" s="613"/>
      <c r="TWA685" s="613"/>
      <c r="TWB685" s="613"/>
      <c r="TWC685" s="613"/>
      <c r="TWD685" s="613"/>
      <c r="TWE685" s="613"/>
      <c r="TWF685" s="613"/>
      <c r="TWG685" s="613"/>
      <c r="TWH685" s="613"/>
      <c r="TWI685" s="613"/>
      <c r="TWJ685" s="613"/>
      <c r="TWK685" s="613"/>
      <c r="TWL685" s="613"/>
      <c r="TWM685" s="613"/>
      <c r="TWN685" s="613"/>
      <c r="TWO685" s="613"/>
      <c r="TWP685" s="613"/>
      <c r="TWQ685" s="613"/>
      <c r="TWR685" s="613"/>
      <c r="TWS685" s="613"/>
      <c r="TWT685" s="613"/>
      <c r="TWU685" s="613"/>
      <c r="TWV685" s="613"/>
      <c r="TWW685" s="613"/>
      <c r="TWX685" s="613"/>
      <c r="TWY685" s="613"/>
      <c r="TWZ685" s="613"/>
      <c r="TXA685" s="613"/>
      <c r="TXB685" s="613"/>
      <c r="TXC685" s="613"/>
      <c r="TXD685" s="613"/>
      <c r="TXE685" s="613"/>
      <c r="TXF685" s="613"/>
      <c r="TXG685" s="613"/>
      <c r="TXH685" s="613"/>
      <c r="TXI685" s="613"/>
      <c r="TXJ685" s="613"/>
      <c r="TXK685" s="613"/>
      <c r="TXL685" s="613"/>
      <c r="TXM685" s="613"/>
      <c r="TXN685" s="613"/>
      <c r="TXO685" s="613"/>
      <c r="TXP685" s="613"/>
      <c r="TXQ685" s="613"/>
      <c r="TXR685" s="613"/>
      <c r="TXS685" s="613"/>
      <c r="TXT685" s="613"/>
      <c r="TXU685" s="613"/>
      <c r="TXV685" s="613"/>
      <c r="TXW685" s="613"/>
      <c r="TXX685" s="613"/>
      <c r="TXY685" s="613"/>
      <c r="TXZ685" s="613"/>
      <c r="TYA685" s="613"/>
      <c r="TYB685" s="613"/>
      <c r="TYC685" s="613"/>
      <c r="TYD685" s="613"/>
      <c r="TYE685" s="613"/>
      <c r="TYF685" s="613"/>
      <c r="TYG685" s="613"/>
      <c r="TYH685" s="613"/>
      <c r="TYI685" s="613"/>
      <c r="TYJ685" s="613"/>
      <c r="TYK685" s="613"/>
      <c r="TYL685" s="613"/>
      <c r="TYM685" s="613"/>
      <c r="TYN685" s="613"/>
      <c r="TYO685" s="613"/>
      <c r="TYP685" s="613"/>
      <c r="TYQ685" s="613"/>
      <c r="TYR685" s="613"/>
      <c r="TYS685" s="613"/>
      <c r="TYT685" s="613"/>
      <c r="TYU685" s="613"/>
      <c r="TYV685" s="613"/>
      <c r="TYW685" s="613"/>
      <c r="TYX685" s="613"/>
      <c r="TYY685" s="613"/>
      <c r="TYZ685" s="613"/>
      <c r="TZA685" s="613"/>
      <c r="TZB685" s="613"/>
      <c r="TZC685" s="613"/>
      <c r="TZD685" s="613"/>
      <c r="TZE685" s="613"/>
      <c r="TZF685" s="613"/>
      <c r="TZG685" s="613"/>
      <c r="TZH685" s="613"/>
      <c r="TZI685" s="613"/>
      <c r="TZJ685" s="613"/>
      <c r="TZK685" s="613"/>
      <c r="TZL685" s="613"/>
      <c r="TZM685" s="613"/>
      <c r="TZN685" s="613"/>
      <c r="TZO685" s="613"/>
      <c r="TZP685" s="613"/>
      <c r="TZQ685" s="613"/>
      <c r="TZR685" s="613"/>
      <c r="TZS685" s="613"/>
      <c r="TZT685" s="613"/>
      <c r="TZU685" s="613"/>
      <c r="TZV685" s="613"/>
      <c r="TZW685" s="613"/>
      <c r="TZX685" s="613"/>
      <c r="TZY685" s="613"/>
      <c r="TZZ685" s="613"/>
      <c r="UAA685" s="613"/>
      <c r="UAB685" s="613"/>
      <c r="UAC685" s="613"/>
      <c r="UAD685" s="613"/>
      <c r="UAE685" s="613"/>
      <c r="UAF685" s="613"/>
      <c r="UAG685" s="613"/>
      <c r="UAH685" s="613"/>
      <c r="UAI685" s="613"/>
      <c r="UAJ685" s="613"/>
      <c r="UAK685" s="613"/>
      <c r="UAL685" s="613"/>
      <c r="UAM685" s="613"/>
      <c r="UAN685" s="613"/>
      <c r="UAO685" s="613"/>
      <c r="UAP685" s="613"/>
      <c r="UAQ685" s="613"/>
      <c r="UAR685" s="613"/>
      <c r="UAS685" s="613"/>
      <c r="UAT685" s="613"/>
      <c r="UAU685" s="613"/>
      <c r="UAV685" s="613"/>
      <c r="UAW685" s="613"/>
      <c r="UAX685" s="613"/>
      <c r="UAY685" s="613"/>
      <c r="UAZ685" s="613"/>
      <c r="UBA685" s="613"/>
      <c r="UBB685" s="613"/>
      <c r="UBC685" s="613"/>
      <c r="UBD685" s="613"/>
      <c r="UBE685" s="613"/>
      <c r="UBF685" s="613"/>
      <c r="UBG685" s="613"/>
      <c r="UBH685" s="613"/>
      <c r="UBI685" s="613"/>
      <c r="UBJ685" s="613"/>
      <c r="UBK685" s="613"/>
      <c r="UBL685" s="613"/>
      <c r="UBM685" s="613"/>
      <c r="UBN685" s="613"/>
      <c r="UBO685" s="613"/>
      <c r="UBP685" s="613"/>
      <c r="UBQ685" s="613"/>
      <c r="UBR685" s="613"/>
      <c r="UBS685" s="613"/>
      <c r="UBT685" s="613"/>
      <c r="UBU685" s="613"/>
      <c r="UBV685" s="613"/>
      <c r="UBW685" s="613"/>
      <c r="UBX685" s="613"/>
      <c r="UBY685" s="613"/>
      <c r="UBZ685" s="613"/>
      <c r="UCA685" s="613"/>
      <c r="UCB685" s="613"/>
      <c r="UCC685" s="613"/>
      <c r="UCD685" s="613"/>
      <c r="UCE685" s="613"/>
      <c r="UCF685" s="613"/>
      <c r="UCG685" s="613"/>
      <c r="UCH685" s="613"/>
      <c r="UCI685" s="613"/>
      <c r="UCJ685" s="613"/>
      <c r="UCK685" s="613"/>
      <c r="UCL685" s="613"/>
      <c r="UCM685" s="613"/>
      <c r="UCN685" s="613"/>
      <c r="UCO685" s="613"/>
      <c r="UCP685" s="613"/>
      <c r="UCQ685" s="613"/>
      <c r="UCR685" s="613"/>
      <c r="UCS685" s="613"/>
      <c r="UCT685" s="613"/>
      <c r="UCU685" s="613"/>
      <c r="UCV685" s="613"/>
      <c r="UCW685" s="613"/>
      <c r="UCX685" s="613"/>
      <c r="UCY685" s="613"/>
      <c r="UCZ685" s="613"/>
      <c r="UDA685" s="613"/>
      <c r="UDB685" s="613"/>
      <c r="UDC685" s="613"/>
      <c r="UDD685" s="613"/>
      <c r="UDE685" s="613"/>
      <c r="UDF685" s="613"/>
      <c r="UDG685" s="613"/>
      <c r="UDH685" s="613"/>
      <c r="UDI685" s="613"/>
      <c r="UDJ685" s="613"/>
      <c r="UDK685" s="613"/>
      <c r="UDL685" s="613"/>
      <c r="UDM685" s="613"/>
      <c r="UDN685" s="613"/>
      <c r="UDO685" s="613"/>
      <c r="UDP685" s="613"/>
      <c r="UDQ685" s="613"/>
      <c r="UDR685" s="613"/>
      <c r="UDS685" s="613"/>
      <c r="UDT685" s="613"/>
      <c r="UDU685" s="613"/>
      <c r="UDV685" s="613"/>
      <c r="UDW685" s="613"/>
      <c r="UDX685" s="613"/>
      <c r="UDY685" s="613"/>
      <c r="UDZ685" s="613"/>
      <c r="UEA685" s="613"/>
      <c r="UEB685" s="613"/>
      <c r="UEC685" s="613"/>
      <c r="UED685" s="613"/>
      <c r="UEE685" s="613"/>
      <c r="UEF685" s="613"/>
      <c r="UEG685" s="613"/>
      <c r="UEH685" s="613"/>
      <c r="UEI685" s="613"/>
      <c r="UEJ685" s="613"/>
      <c r="UEK685" s="613"/>
      <c r="UEL685" s="613"/>
      <c r="UEM685" s="613"/>
      <c r="UEN685" s="613"/>
      <c r="UEO685" s="613"/>
      <c r="UEP685" s="613"/>
      <c r="UEQ685" s="613"/>
      <c r="UER685" s="613"/>
      <c r="UES685" s="613"/>
      <c r="UET685" s="613"/>
      <c r="UEU685" s="613"/>
      <c r="UEV685" s="613"/>
      <c r="UEW685" s="613"/>
      <c r="UEX685" s="613"/>
      <c r="UEY685" s="613"/>
      <c r="UEZ685" s="613"/>
      <c r="UFA685" s="613"/>
      <c r="UFB685" s="613"/>
      <c r="UFC685" s="613"/>
      <c r="UFD685" s="613"/>
      <c r="UFE685" s="613"/>
      <c r="UFF685" s="613"/>
      <c r="UFG685" s="613"/>
      <c r="UFH685" s="613"/>
      <c r="UFI685" s="613"/>
      <c r="UFJ685" s="613"/>
      <c r="UFK685" s="613"/>
      <c r="UFL685" s="613"/>
      <c r="UFM685" s="613"/>
      <c r="UFN685" s="613"/>
      <c r="UFO685" s="613"/>
      <c r="UFP685" s="613"/>
      <c r="UFQ685" s="613"/>
      <c r="UFR685" s="613"/>
      <c r="UFS685" s="613"/>
      <c r="UFT685" s="613"/>
      <c r="UFU685" s="613"/>
      <c r="UFV685" s="613"/>
      <c r="UFW685" s="613"/>
      <c r="UFX685" s="613"/>
      <c r="UFY685" s="613"/>
      <c r="UFZ685" s="613"/>
      <c r="UGA685" s="613"/>
      <c r="UGB685" s="613"/>
      <c r="UGC685" s="613"/>
      <c r="UGD685" s="613"/>
      <c r="UGE685" s="613"/>
      <c r="UGF685" s="613"/>
      <c r="UGG685" s="613"/>
      <c r="UGH685" s="613"/>
      <c r="UGI685" s="613"/>
      <c r="UGJ685" s="613"/>
      <c r="UGK685" s="613"/>
      <c r="UGL685" s="613"/>
      <c r="UGM685" s="613"/>
      <c r="UGN685" s="613"/>
      <c r="UGO685" s="613"/>
      <c r="UGP685" s="613"/>
      <c r="UGQ685" s="613"/>
      <c r="UGR685" s="613"/>
      <c r="UGS685" s="613"/>
      <c r="UGT685" s="613"/>
      <c r="UGU685" s="613"/>
      <c r="UGV685" s="613"/>
      <c r="UGW685" s="613"/>
      <c r="UGX685" s="613"/>
      <c r="UGY685" s="613"/>
      <c r="UGZ685" s="613"/>
      <c r="UHA685" s="613"/>
      <c r="UHB685" s="613"/>
      <c r="UHC685" s="613"/>
      <c r="UHD685" s="613"/>
      <c r="UHE685" s="613"/>
      <c r="UHF685" s="613"/>
      <c r="UHG685" s="613"/>
      <c r="UHH685" s="613"/>
      <c r="UHI685" s="613"/>
      <c r="UHJ685" s="613"/>
      <c r="UHK685" s="613"/>
      <c r="UHL685" s="613"/>
      <c r="UHM685" s="613"/>
      <c r="UHN685" s="613"/>
      <c r="UHO685" s="613"/>
      <c r="UHP685" s="613"/>
      <c r="UHQ685" s="613"/>
      <c r="UHR685" s="613"/>
      <c r="UHS685" s="613"/>
      <c r="UHT685" s="613"/>
      <c r="UHU685" s="613"/>
      <c r="UHV685" s="613"/>
      <c r="UHW685" s="613"/>
      <c r="UHX685" s="613"/>
      <c r="UHY685" s="613"/>
      <c r="UHZ685" s="613"/>
      <c r="UIA685" s="613"/>
      <c r="UIB685" s="613"/>
      <c r="UIC685" s="613"/>
      <c r="UID685" s="613"/>
      <c r="UIE685" s="613"/>
      <c r="UIF685" s="613"/>
      <c r="UIG685" s="613"/>
      <c r="UIH685" s="613"/>
      <c r="UII685" s="613"/>
      <c r="UIJ685" s="613"/>
      <c r="UIK685" s="613"/>
      <c r="UIL685" s="613"/>
      <c r="UIM685" s="613"/>
      <c r="UIN685" s="613"/>
      <c r="UIO685" s="613"/>
      <c r="UIP685" s="613"/>
      <c r="UIQ685" s="613"/>
      <c r="UIR685" s="613"/>
      <c r="UIS685" s="613"/>
      <c r="UIT685" s="613"/>
      <c r="UIU685" s="613"/>
      <c r="UIV685" s="613"/>
      <c r="UIW685" s="613"/>
      <c r="UIX685" s="613"/>
      <c r="UIY685" s="613"/>
      <c r="UIZ685" s="613"/>
      <c r="UJA685" s="613"/>
      <c r="UJB685" s="613"/>
      <c r="UJC685" s="613"/>
      <c r="UJD685" s="613"/>
      <c r="UJE685" s="613"/>
      <c r="UJF685" s="613"/>
      <c r="UJG685" s="613"/>
      <c r="UJH685" s="613"/>
      <c r="UJI685" s="613"/>
      <c r="UJJ685" s="613"/>
      <c r="UJK685" s="613"/>
      <c r="UJL685" s="613"/>
      <c r="UJM685" s="613"/>
      <c r="UJN685" s="613"/>
      <c r="UJO685" s="613"/>
      <c r="UJP685" s="613"/>
      <c r="UJQ685" s="613"/>
      <c r="UJR685" s="613"/>
      <c r="UJS685" s="613"/>
      <c r="UJT685" s="613"/>
      <c r="UJU685" s="613"/>
      <c r="UJV685" s="613"/>
      <c r="UJW685" s="613"/>
      <c r="UJX685" s="613"/>
      <c r="UJY685" s="613"/>
      <c r="UJZ685" s="613"/>
      <c r="UKA685" s="613"/>
      <c r="UKB685" s="613"/>
      <c r="UKC685" s="613"/>
      <c r="UKD685" s="613"/>
      <c r="UKE685" s="613"/>
      <c r="UKF685" s="613"/>
      <c r="UKG685" s="613"/>
      <c r="UKH685" s="613"/>
      <c r="UKI685" s="613"/>
      <c r="UKJ685" s="613"/>
      <c r="UKK685" s="613"/>
      <c r="UKL685" s="613"/>
      <c r="UKM685" s="613"/>
      <c r="UKN685" s="613"/>
      <c r="UKO685" s="613"/>
      <c r="UKP685" s="613"/>
      <c r="UKQ685" s="613"/>
      <c r="UKR685" s="613"/>
      <c r="UKS685" s="613"/>
      <c r="UKT685" s="613"/>
      <c r="UKU685" s="613"/>
      <c r="UKV685" s="613"/>
      <c r="UKW685" s="613"/>
      <c r="UKX685" s="613"/>
      <c r="UKY685" s="613"/>
      <c r="UKZ685" s="613"/>
      <c r="ULA685" s="613"/>
      <c r="ULB685" s="613"/>
      <c r="ULC685" s="613"/>
      <c r="ULD685" s="613"/>
      <c r="ULE685" s="613"/>
      <c r="ULF685" s="613"/>
      <c r="ULG685" s="613"/>
      <c r="ULH685" s="613"/>
      <c r="ULI685" s="613"/>
      <c r="ULJ685" s="613"/>
      <c r="ULK685" s="613"/>
      <c r="ULL685" s="613"/>
      <c r="ULM685" s="613"/>
      <c r="ULN685" s="613"/>
      <c r="ULO685" s="613"/>
      <c r="ULP685" s="613"/>
      <c r="ULQ685" s="613"/>
      <c r="ULR685" s="613"/>
      <c r="ULS685" s="613"/>
      <c r="ULT685" s="613"/>
      <c r="ULU685" s="613"/>
      <c r="ULV685" s="613"/>
      <c r="ULW685" s="613"/>
      <c r="ULX685" s="613"/>
      <c r="ULY685" s="613"/>
      <c r="ULZ685" s="613"/>
      <c r="UMA685" s="613"/>
      <c r="UMB685" s="613"/>
      <c r="UMC685" s="613"/>
      <c r="UMD685" s="613"/>
      <c r="UME685" s="613"/>
      <c r="UMF685" s="613"/>
      <c r="UMG685" s="613"/>
      <c r="UMH685" s="613"/>
      <c r="UMI685" s="613"/>
      <c r="UMJ685" s="613"/>
      <c r="UMK685" s="613"/>
      <c r="UML685" s="613"/>
      <c r="UMM685" s="613"/>
      <c r="UMN685" s="613"/>
      <c r="UMO685" s="613"/>
      <c r="UMP685" s="613"/>
      <c r="UMQ685" s="613"/>
      <c r="UMR685" s="613"/>
      <c r="UMS685" s="613"/>
      <c r="UMT685" s="613"/>
      <c r="UMU685" s="613"/>
      <c r="UMV685" s="613"/>
      <c r="UMW685" s="613"/>
      <c r="UMX685" s="613"/>
      <c r="UMY685" s="613"/>
      <c r="UMZ685" s="613"/>
      <c r="UNA685" s="613"/>
      <c r="UNB685" s="613"/>
      <c r="UNC685" s="613"/>
      <c r="UND685" s="613"/>
      <c r="UNE685" s="613"/>
      <c r="UNF685" s="613"/>
      <c r="UNG685" s="613"/>
      <c r="UNH685" s="613"/>
      <c r="UNI685" s="613"/>
      <c r="UNJ685" s="613"/>
      <c r="UNK685" s="613"/>
      <c r="UNL685" s="613"/>
      <c r="UNM685" s="613"/>
      <c r="UNN685" s="613"/>
      <c r="UNO685" s="613"/>
      <c r="UNP685" s="613"/>
      <c r="UNQ685" s="613"/>
      <c r="UNR685" s="613"/>
      <c r="UNS685" s="613"/>
      <c r="UNT685" s="613"/>
      <c r="UNU685" s="613"/>
      <c r="UNV685" s="613"/>
      <c r="UNW685" s="613"/>
      <c r="UNX685" s="613"/>
      <c r="UNY685" s="613"/>
      <c r="UNZ685" s="613"/>
      <c r="UOA685" s="613"/>
      <c r="UOB685" s="613"/>
      <c r="UOC685" s="613"/>
      <c r="UOD685" s="613"/>
      <c r="UOE685" s="613"/>
      <c r="UOF685" s="613"/>
      <c r="UOG685" s="613"/>
      <c r="UOH685" s="613"/>
      <c r="UOI685" s="613"/>
      <c r="UOJ685" s="613"/>
      <c r="UOK685" s="613"/>
      <c r="UOL685" s="613"/>
      <c r="UOM685" s="613"/>
      <c r="UON685" s="613"/>
      <c r="UOO685" s="613"/>
      <c r="UOP685" s="613"/>
      <c r="UOQ685" s="613"/>
      <c r="UOR685" s="613"/>
      <c r="UOS685" s="613"/>
      <c r="UOT685" s="613"/>
      <c r="UOU685" s="613"/>
      <c r="UOV685" s="613"/>
      <c r="UOW685" s="613"/>
      <c r="UOX685" s="613"/>
      <c r="UOY685" s="613"/>
      <c r="UOZ685" s="613"/>
      <c r="UPA685" s="613"/>
      <c r="UPB685" s="613"/>
      <c r="UPC685" s="613"/>
      <c r="UPD685" s="613"/>
      <c r="UPE685" s="613"/>
      <c r="UPF685" s="613"/>
      <c r="UPG685" s="613"/>
      <c r="UPH685" s="613"/>
      <c r="UPI685" s="613"/>
      <c r="UPJ685" s="613"/>
      <c r="UPK685" s="613"/>
      <c r="UPL685" s="613"/>
      <c r="UPM685" s="613"/>
      <c r="UPN685" s="613"/>
      <c r="UPO685" s="613"/>
      <c r="UPP685" s="613"/>
      <c r="UPQ685" s="613"/>
      <c r="UPR685" s="613"/>
      <c r="UPS685" s="613"/>
      <c r="UPT685" s="613"/>
      <c r="UPU685" s="613"/>
      <c r="UPV685" s="613"/>
      <c r="UPW685" s="613"/>
      <c r="UPX685" s="613"/>
      <c r="UPY685" s="613"/>
      <c r="UPZ685" s="613"/>
      <c r="UQA685" s="613"/>
      <c r="UQB685" s="613"/>
      <c r="UQC685" s="613"/>
      <c r="UQD685" s="613"/>
      <c r="UQE685" s="613"/>
      <c r="UQF685" s="613"/>
      <c r="UQG685" s="613"/>
      <c r="UQH685" s="613"/>
      <c r="UQI685" s="613"/>
      <c r="UQJ685" s="613"/>
      <c r="UQK685" s="613"/>
      <c r="UQL685" s="613"/>
      <c r="UQM685" s="613"/>
      <c r="UQN685" s="613"/>
      <c r="UQO685" s="613"/>
      <c r="UQP685" s="613"/>
      <c r="UQQ685" s="613"/>
      <c r="UQR685" s="613"/>
      <c r="UQS685" s="613"/>
      <c r="UQT685" s="613"/>
      <c r="UQU685" s="613"/>
      <c r="UQV685" s="613"/>
      <c r="UQW685" s="613"/>
      <c r="UQX685" s="613"/>
      <c r="UQY685" s="613"/>
      <c r="UQZ685" s="613"/>
      <c r="URA685" s="613"/>
      <c r="URB685" s="613"/>
      <c r="URC685" s="613"/>
      <c r="URD685" s="613"/>
      <c r="URE685" s="613"/>
      <c r="URF685" s="613"/>
      <c r="URG685" s="613"/>
      <c r="URH685" s="613"/>
      <c r="URI685" s="613"/>
      <c r="URJ685" s="613"/>
      <c r="URK685" s="613"/>
      <c r="URL685" s="613"/>
      <c r="URM685" s="613"/>
      <c r="URN685" s="613"/>
      <c r="URO685" s="613"/>
      <c r="URP685" s="613"/>
      <c r="URQ685" s="613"/>
      <c r="URR685" s="613"/>
      <c r="URS685" s="613"/>
      <c r="URT685" s="613"/>
      <c r="URU685" s="613"/>
      <c r="URV685" s="613"/>
      <c r="URW685" s="613"/>
      <c r="URX685" s="613"/>
      <c r="URY685" s="613"/>
      <c r="URZ685" s="613"/>
      <c r="USA685" s="613"/>
      <c r="USB685" s="613"/>
      <c r="USC685" s="613"/>
      <c r="USD685" s="613"/>
      <c r="USE685" s="613"/>
      <c r="USF685" s="613"/>
      <c r="USG685" s="613"/>
      <c r="USH685" s="613"/>
      <c r="USI685" s="613"/>
      <c r="USJ685" s="613"/>
      <c r="USK685" s="613"/>
      <c r="USL685" s="613"/>
      <c r="USM685" s="613"/>
      <c r="USN685" s="613"/>
      <c r="USO685" s="613"/>
      <c r="USP685" s="613"/>
      <c r="USQ685" s="613"/>
      <c r="USR685" s="613"/>
      <c r="USS685" s="613"/>
      <c r="UST685" s="613"/>
      <c r="USU685" s="613"/>
      <c r="USV685" s="613"/>
      <c r="USW685" s="613"/>
      <c r="USX685" s="613"/>
      <c r="USY685" s="613"/>
      <c r="USZ685" s="613"/>
      <c r="UTA685" s="613"/>
      <c r="UTB685" s="613"/>
      <c r="UTC685" s="613"/>
      <c r="UTD685" s="613"/>
      <c r="UTE685" s="613"/>
      <c r="UTF685" s="613"/>
      <c r="UTG685" s="613"/>
      <c r="UTH685" s="613"/>
      <c r="UTI685" s="613"/>
      <c r="UTJ685" s="613"/>
      <c r="UTK685" s="613"/>
      <c r="UTL685" s="613"/>
      <c r="UTM685" s="613"/>
      <c r="UTN685" s="613"/>
      <c r="UTO685" s="613"/>
      <c r="UTP685" s="613"/>
      <c r="UTQ685" s="613"/>
      <c r="UTR685" s="613"/>
      <c r="UTS685" s="613"/>
      <c r="UTT685" s="613"/>
      <c r="UTU685" s="613"/>
      <c r="UTV685" s="613"/>
      <c r="UTW685" s="613"/>
      <c r="UTX685" s="613"/>
      <c r="UTY685" s="613"/>
      <c r="UTZ685" s="613"/>
      <c r="UUA685" s="613"/>
      <c r="UUB685" s="613"/>
      <c r="UUC685" s="613"/>
      <c r="UUD685" s="613"/>
      <c r="UUE685" s="613"/>
      <c r="UUF685" s="613"/>
      <c r="UUG685" s="613"/>
      <c r="UUH685" s="613"/>
      <c r="UUI685" s="613"/>
      <c r="UUJ685" s="613"/>
      <c r="UUK685" s="613"/>
      <c r="UUL685" s="613"/>
      <c r="UUM685" s="613"/>
      <c r="UUN685" s="613"/>
      <c r="UUO685" s="613"/>
      <c r="UUP685" s="613"/>
      <c r="UUQ685" s="613"/>
      <c r="UUR685" s="613"/>
      <c r="UUS685" s="613"/>
      <c r="UUT685" s="613"/>
      <c r="UUU685" s="613"/>
      <c r="UUV685" s="613"/>
      <c r="UUW685" s="613"/>
      <c r="UUX685" s="613"/>
      <c r="UUY685" s="613"/>
      <c r="UUZ685" s="613"/>
      <c r="UVA685" s="613"/>
      <c r="UVB685" s="613"/>
      <c r="UVC685" s="613"/>
      <c r="UVD685" s="613"/>
      <c r="UVE685" s="613"/>
      <c r="UVF685" s="613"/>
      <c r="UVG685" s="613"/>
      <c r="UVH685" s="613"/>
      <c r="UVI685" s="613"/>
      <c r="UVJ685" s="613"/>
      <c r="UVK685" s="613"/>
      <c r="UVL685" s="613"/>
      <c r="UVM685" s="613"/>
      <c r="UVN685" s="613"/>
      <c r="UVO685" s="613"/>
      <c r="UVP685" s="613"/>
      <c r="UVQ685" s="613"/>
      <c r="UVR685" s="613"/>
      <c r="UVS685" s="613"/>
      <c r="UVT685" s="613"/>
      <c r="UVU685" s="613"/>
      <c r="UVV685" s="613"/>
      <c r="UVW685" s="613"/>
      <c r="UVX685" s="613"/>
      <c r="UVY685" s="613"/>
      <c r="UVZ685" s="613"/>
      <c r="UWA685" s="613"/>
      <c r="UWB685" s="613"/>
      <c r="UWC685" s="613"/>
      <c r="UWD685" s="613"/>
      <c r="UWE685" s="613"/>
      <c r="UWF685" s="613"/>
      <c r="UWG685" s="613"/>
      <c r="UWH685" s="613"/>
      <c r="UWI685" s="613"/>
      <c r="UWJ685" s="613"/>
      <c r="UWK685" s="613"/>
      <c r="UWL685" s="613"/>
      <c r="UWM685" s="613"/>
      <c r="UWN685" s="613"/>
      <c r="UWO685" s="613"/>
      <c r="UWP685" s="613"/>
      <c r="UWQ685" s="613"/>
      <c r="UWR685" s="613"/>
      <c r="UWS685" s="613"/>
      <c r="UWT685" s="613"/>
      <c r="UWU685" s="613"/>
      <c r="UWV685" s="613"/>
      <c r="UWW685" s="613"/>
      <c r="UWX685" s="613"/>
      <c r="UWY685" s="613"/>
      <c r="UWZ685" s="613"/>
      <c r="UXA685" s="613"/>
      <c r="UXB685" s="613"/>
      <c r="UXC685" s="613"/>
      <c r="UXD685" s="613"/>
      <c r="UXE685" s="613"/>
      <c r="UXF685" s="613"/>
      <c r="UXG685" s="613"/>
      <c r="UXH685" s="613"/>
      <c r="UXI685" s="613"/>
      <c r="UXJ685" s="613"/>
      <c r="UXK685" s="613"/>
      <c r="UXL685" s="613"/>
      <c r="UXM685" s="613"/>
      <c r="UXN685" s="613"/>
      <c r="UXO685" s="613"/>
      <c r="UXP685" s="613"/>
      <c r="UXQ685" s="613"/>
      <c r="UXR685" s="613"/>
      <c r="UXS685" s="613"/>
      <c r="UXT685" s="613"/>
      <c r="UXU685" s="613"/>
      <c r="UXV685" s="613"/>
      <c r="UXW685" s="613"/>
      <c r="UXX685" s="613"/>
      <c r="UXY685" s="613"/>
      <c r="UXZ685" s="613"/>
      <c r="UYA685" s="613"/>
      <c r="UYB685" s="613"/>
      <c r="UYC685" s="613"/>
      <c r="UYD685" s="613"/>
      <c r="UYE685" s="613"/>
      <c r="UYF685" s="613"/>
      <c r="UYG685" s="613"/>
      <c r="UYH685" s="613"/>
      <c r="UYI685" s="613"/>
      <c r="UYJ685" s="613"/>
      <c r="UYK685" s="613"/>
      <c r="UYL685" s="613"/>
      <c r="UYM685" s="613"/>
      <c r="UYN685" s="613"/>
      <c r="UYO685" s="613"/>
      <c r="UYP685" s="613"/>
      <c r="UYQ685" s="613"/>
      <c r="UYR685" s="613"/>
      <c r="UYS685" s="613"/>
      <c r="UYT685" s="613"/>
      <c r="UYU685" s="613"/>
      <c r="UYV685" s="613"/>
      <c r="UYW685" s="613"/>
      <c r="UYX685" s="613"/>
      <c r="UYY685" s="613"/>
      <c r="UYZ685" s="613"/>
      <c r="UZA685" s="613"/>
      <c r="UZB685" s="613"/>
      <c r="UZC685" s="613"/>
      <c r="UZD685" s="613"/>
      <c r="UZE685" s="613"/>
      <c r="UZF685" s="613"/>
      <c r="UZG685" s="613"/>
      <c r="UZH685" s="613"/>
      <c r="UZI685" s="613"/>
      <c r="UZJ685" s="613"/>
      <c r="UZK685" s="613"/>
      <c r="UZL685" s="613"/>
      <c r="UZM685" s="613"/>
      <c r="UZN685" s="613"/>
      <c r="UZO685" s="613"/>
      <c r="UZP685" s="613"/>
      <c r="UZQ685" s="613"/>
      <c r="UZR685" s="613"/>
      <c r="UZS685" s="613"/>
      <c r="UZT685" s="613"/>
      <c r="UZU685" s="613"/>
      <c r="UZV685" s="613"/>
      <c r="UZW685" s="613"/>
      <c r="UZX685" s="613"/>
      <c r="UZY685" s="613"/>
      <c r="UZZ685" s="613"/>
      <c r="VAA685" s="613"/>
      <c r="VAB685" s="613"/>
      <c r="VAC685" s="613"/>
      <c r="VAD685" s="613"/>
      <c r="VAE685" s="613"/>
      <c r="VAF685" s="613"/>
      <c r="VAG685" s="613"/>
      <c r="VAH685" s="613"/>
      <c r="VAI685" s="613"/>
      <c r="VAJ685" s="613"/>
      <c r="VAK685" s="613"/>
      <c r="VAL685" s="613"/>
      <c r="VAM685" s="613"/>
      <c r="VAN685" s="613"/>
      <c r="VAO685" s="613"/>
      <c r="VAP685" s="613"/>
      <c r="VAQ685" s="613"/>
      <c r="VAR685" s="613"/>
      <c r="VAS685" s="613"/>
      <c r="VAT685" s="613"/>
      <c r="VAU685" s="613"/>
      <c r="VAV685" s="613"/>
      <c r="VAW685" s="613"/>
      <c r="VAX685" s="613"/>
      <c r="VAY685" s="613"/>
      <c r="VAZ685" s="613"/>
      <c r="VBA685" s="613"/>
      <c r="VBB685" s="613"/>
      <c r="VBC685" s="613"/>
      <c r="VBD685" s="613"/>
      <c r="VBE685" s="613"/>
      <c r="VBF685" s="613"/>
      <c r="VBG685" s="613"/>
      <c r="VBH685" s="613"/>
      <c r="VBI685" s="613"/>
      <c r="VBJ685" s="613"/>
      <c r="VBK685" s="613"/>
      <c r="VBL685" s="613"/>
      <c r="VBM685" s="613"/>
      <c r="VBN685" s="613"/>
      <c r="VBO685" s="613"/>
      <c r="VBP685" s="613"/>
      <c r="VBQ685" s="613"/>
      <c r="VBR685" s="613"/>
      <c r="VBS685" s="613"/>
      <c r="VBT685" s="613"/>
      <c r="VBU685" s="613"/>
      <c r="VBV685" s="613"/>
      <c r="VBW685" s="613"/>
      <c r="VBX685" s="613"/>
      <c r="VBY685" s="613"/>
      <c r="VBZ685" s="613"/>
      <c r="VCA685" s="613"/>
      <c r="VCB685" s="613"/>
      <c r="VCC685" s="613"/>
      <c r="VCD685" s="613"/>
      <c r="VCE685" s="613"/>
      <c r="VCF685" s="613"/>
      <c r="VCG685" s="613"/>
      <c r="VCH685" s="613"/>
      <c r="VCI685" s="613"/>
      <c r="VCJ685" s="613"/>
      <c r="VCK685" s="613"/>
      <c r="VCL685" s="613"/>
      <c r="VCM685" s="613"/>
      <c r="VCN685" s="613"/>
      <c r="VCO685" s="613"/>
      <c r="VCP685" s="613"/>
      <c r="VCQ685" s="613"/>
      <c r="VCR685" s="613"/>
      <c r="VCS685" s="613"/>
      <c r="VCT685" s="613"/>
      <c r="VCU685" s="613"/>
      <c r="VCV685" s="613"/>
      <c r="VCW685" s="613"/>
      <c r="VCX685" s="613"/>
      <c r="VCY685" s="613"/>
      <c r="VCZ685" s="613"/>
      <c r="VDA685" s="613"/>
      <c r="VDB685" s="613"/>
      <c r="VDC685" s="613"/>
      <c r="VDD685" s="613"/>
      <c r="VDE685" s="613"/>
      <c r="VDF685" s="613"/>
      <c r="VDG685" s="613"/>
      <c r="VDH685" s="613"/>
      <c r="VDI685" s="613"/>
      <c r="VDJ685" s="613"/>
      <c r="VDK685" s="613"/>
      <c r="VDL685" s="613"/>
      <c r="VDM685" s="613"/>
      <c r="VDN685" s="613"/>
      <c r="VDO685" s="613"/>
      <c r="VDP685" s="613"/>
      <c r="VDQ685" s="613"/>
      <c r="VDR685" s="613"/>
      <c r="VDS685" s="613"/>
      <c r="VDT685" s="613"/>
      <c r="VDU685" s="613"/>
      <c r="VDV685" s="613"/>
      <c r="VDW685" s="613"/>
      <c r="VDX685" s="613"/>
      <c r="VDY685" s="613"/>
      <c r="VDZ685" s="613"/>
      <c r="VEA685" s="613"/>
      <c r="VEB685" s="613"/>
      <c r="VEC685" s="613"/>
      <c r="VED685" s="613"/>
      <c r="VEE685" s="613"/>
      <c r="VEF685" s="613"/>
      <c r="VEG685" s="613"/>
      <c r="VEH685" s="613"/>
      <c r="VEI685" s="613"/>
      <c r="VEJ685" s="613"/>
      <c r="VEK685" s="613"/>
      <c r="VEL685" s="613"/>
      <c r="VEM685" s="613"/>
      <c r="VEN685" s="613"/>
      <c r="VEO685" s="613"/>
      <c r="VEP685" s="613"/>
      <c r="VEQ685" s="613"/>
      <c r="VER685" s="613"/>
      <c r="VES685" s="613"/>
      <c r="VET685" s="613"/>
      <c r="VEU685" s="613"/>
      <c r="VEV685" s="613"/>
      <c r="VEW685" s="613"/>
      <c r="VEX685" s="613"/>
      <c r="VEY685" s="613"/>
      <c r="VEZ685" s="613"/>
      <c r="VFA685" s="613"/>
      <c r="VFB685" s="613"/>
      <c r="VFC685" s="613"/>
      <c r="VFD685" s="613"/>
      <c r="VFE685" s="613"/>
      <c r="VFF685" s="613"/>
      <c r="VFG685" s="613"/>
      <c r="VFH685" s="613"/>
      <c r="VFI685" s="613"/>
      <c r="VFJ685" s="613"/>
      <c r="VFK685" s="613"/>
      <c r="VFL685" s="613"/>
      <c r="VFM685" s="613"/>
      <c r="VFN685" s="613"/>
      <c r="VFO685" s="613"/>
      <c r="VFP685" s="613"/>
      <c r="VFQ685" s="613"/>
      <c r="VFR685" s="613"/>
      <c r="VFS685" s="613"/>
      <c r="VFT685" s="613"/>
      <c r="VFU685" s="613"/>
      <c r="VFV685" s="613"/>
      <c r="VFW685" s="613"/>
      <c r="VFX685" s="613"/>
      <c r="VFY685" s="613"/>
      <c r="VFZ685" s="613"/>
      <c r="VGA685" s="613"/>
      <c r="VGB685" s="613"/>
      <c r="VGC685" s="613"/>
      <c r="VGD685" s="613"/>
      <c r="VGE685" s="613"/>
      <c r="VGF685" s="613"/>
      <c r="VGG685" s="613"/>
      <c r="VGH685" s="613"/>
      <c r="VGI685" s="613"/>
      <c r="VGJ685" s="613"/>
      <c r="VGK685" s="613"/>
      <c r="VGL685" s="613"/>
      <c r="VGM685" s="613"/>
      <c r="VGN685" s="613"/>
      <c r="VGO685" s="613"/>
      <c r="VGP685" s="613"/>
      <c r="VGQ685" s="613"/>
      <c r="VGR685" s="613"/>
      <c r="VGS685" s="613"/>
      <c r="VGT685" s="613"/>
      <c r="VGU685" s="613"/>
      <c r="VGV685" s="613"/>
      <c r="VGW685" s="613"/>
      <c r="VGX685" s="613"/>
      <c r="VGY685" s="613"/>
      <c r="VGZ685" s="613"/>
      <c r="VHA685" s="613"/>
      <c r="VHB685" s="613"/>
      <c r="VHC685" s="613"/>
      <c r="VHD685" s="613"/>
      <c r="VHE685" s="613"/>
      <c r="VHF685" s="613"/>
      <c r="VHG685" s="613"/>
      <c r="VHH685" s="613"/>
      <c r="VHI685" s="613"/>
      <c r="VHJ685" s="613"/>
      <c r="VHK685" s="613"/>
      <c r="VHL685" s="613"/>
      <c r="VHM685" s="613"/>
      <c r="VHN685" s="613"/>
      <c r="VHO685" s="613"/>
      <c r="VHP685" s="613"/>
      <c r="VHQ685" s="613"/>
      <c r="VHR685" s="613"/>
      <c r="VHS685" s="613"/>
      <c r="VHT685" s="613"/>
      <c r="VHU685" s="613"/>
      <c r="VHV685" s="613"/>
      <c r="VHW685" s="613"/>
      <c r="VHX685" s="613"/>
      <c r="VHY685" s="613"/>
      <c r="VHZ685" s="613"/>
      <c r="VIA685" s="613"/>
      <c r="VIB685" s="613"/>
      <c r="VIC685" s="613"/>
      <c r="VID685" s="613"/>
      <c r="VIE685" s="613"/>
      <c r="VIF685" s="613"/>
      <c r="VIG685" s="613"/>
      <c r="VIH685" s="613"/>
      <c r="VII685" s="613"/>
      <c r="VIJ685" s="613"/>
      <c r="VIK685" s="613"/>
      <c r="VIL685" s="613"/>
      <c r="VIM685" s="613"/>
      <c r="VIN685" s="613"/>
      <c r="VIO685" s="613"/>
      <c r="VIP685" s="613"/>
      <c r="VIQ685" s="613"/>
      <c r="VIR685" s="613"/>
      <c r="VIS685" s="613"/>
      <c r="VIT685" s="613"/>
      <c r="VIU685" s="613"/>
      <c r="VIV685" s="613"/>
      <c r="VIW685" s="613"/>
      <c r="VIX685" s="613"/>
      <c r="VIY685" s="613"/>
      <c r="VIZ685" s="613"/>
      <c r="VJA685" s="613"/>
      <c r="VJB685" s="613"/>
      <c r="VJC685" s="613"/>
      <c r="VJD685" s="613"/>
      <c r="VJE685" s="613"/>
      <c r="VJF685" s="613"/>
      <c r="VJG685" s="613"/>
      <c r="VJH685" s="613"/>
      <c r="VJI685" s="613"/>
      <c r="VJJ685" s="613"/>
      <c r="VJK685" s="613"/>
      <c r="VJL685" s="613"/>
      <c r="VJM685" s="613"/>
      <c r="VJN685" s="613"/>
      <c r="VJO685" s="613"/>
      <c r="VJP685" s="613"/>
      <c r="VJQ685" s="613"/>
      <c r="VJR685" s="613"/>
      <c r="VJS685" s="613"/>
      <c r="VJT685" s="613"/>
      <c r="VJU685" s="613"/>
      <c r="VJV685" s="613"/>
      <c r="VJW685" s="613"/>
      <c r="VJX685" s="613"/>
      <c r="VJY685" s="613"/>
      <c r="VJZ685" s="613"/>
      <c r="VKA685" s="613"/>
      <c r="VKB685" s="613"/>
      <c r="VKC685" s="613"/>
      <c r="VKD685" s="613"/>
      <c r="VKE685" s="613"/>
      <c r="VKF685" s="613"/>
      <c r="VKG685" s="613"/>
      <c r="VKH685" s="613"/>
      <c r="VKI685" s="613"/>
      <c r="VKJ685" s="613"/>
      <c r="VKK685" s="613"/>
      <c r="VKL685" s="613"/>
      <c r="VKM685" s="613"/>
      <c r="VKN685" s="613"/>
      <c r="VKO685" s="613"/>
      <c r="VKP685" s="613"/>
      <c r="VKQ685" s="613"/>
      <c r="VKR685" s="613"/>
      <c r="VKS685" s="613"/>
      <c r="VKT685" s="613"/>
      <c r="VKU685" s="613"/>
      <c r="VKV685" s="613"/>
      <c r="VKW685" s="613"/>
      <c r="VKX685" s="613"/>
      <c r="VKY685" s="613"/>
      <c r="VKZ685" s="613"/>
      <c r="VLA685" s="613"/>
      <c r="VLB685" s="613"/>
      <c r="VLC685" s="613"/>
      <c r="VLD685" s="613"/>
      <c r="VLE685" s="613"/>
      <c r="VLF685" s="613"/>
      <c r="VLG685" s="613"/>
      <c r="VLH685" s="613"/>
      <c r="VLI685" s="613"/>
      <c r="VLJ685" s="613"/>
      <c r="VLK685" s="613"/>
      <c r="VLL685" s="613"/>
      <c r="VLM685" s="613"/>
      <c r="VLN685" s="613"/>
      <c r="VLO685" s="613"/>
      <c r="VLP685" s="613"/>
      <c r="VLQ685" s="613"/>
      <c r="VLR685" s="613"/>
      <c r="VLS685" s="613"/>
      <c r="VLT685" s="613"/>
      <c r="VLU685" s="613"/>
      <c r="VLV685" s="613"/>
      <c r="VLW685" s="613"/>
      <c r="VLX685" s="613"/>
      <c r="VLY685" s="613"/>
      <c r="VLZ685" s="613"/>
      <c r="VMA685" s="613"/>
      <c r="VMB685" s="613"/>
      <c r="VMC685" s="613"/>
      <c r="VMD685" s="613"/>
      <c r="VME685" s="613"/>
      <c r="VMF685" s="613"/>
      <c r="VMG685" s="613"/>
      <c r="VMH685" s="613"/>
      <c r="VMI685" s="613"/>
      <c r="VMJ685" s="613"/>
      <c r="VMK685" s="613"/>
      <c r="VML685" s="613"/>
      <c r="VMM685" s="613"/>
      <c r="VMN685" s="613"/>
      <c r="VMO685" s="613"/>
      <c r="VMP685" s="613"/>
      <c r="VMQ685" s="613"/>
      <c r="VMR685" s="613"/>
      <c r="VMS685" s="613"/>
      <c r="VMT685" s="613"/>
      <c r="VMU685" s="613"/>
      <c r="VMV685" s="613"/>
      <c r="VMW685" s="613"/>
      <c r="VMX685" s="613"/>
      <c r="VMY685" s="613"/>
      <c r="VMZ685" s="613"/>
      <c r="VNA685" s="613"/>
      <c r="VNB685" s="613"/>
      <c r="VNC685" s="613"/>
      <c r="VND685" s="613"/>
      <c r="VNE685" s="613"/>
      <c r="VNF685" s="613"/>
      <c r="VNG685" s="613"/>
      <c r="VNH685" s="613"/>
      <c r="VNI685" s="613"/>
      <c r="VNJ685" s="613"/>
      <c r="VNK685" s="613"/>
      <c r="VNL685" s="613"/>
      <c r="VNM685" s="613"/>
      <c r="VNN685" s="613"/>
      <c r="VNO685" s="613"/>
      <c r="VNP685" s="613"/>
      <c r="VNQ685" s="613"/>
      <c r="VNR685" s="613"/>
      <c r="VNS685" s="613"/>
      <c r="VNT685" s="613"/>
      <c r="VNU685" s="613"/>
      <c r="VNV685" s="613"/>
      <c r="VNW685" s="613"/>
      <c r="VNX685" s="613"/>
      <c r="VNY685" s="613"/>
      <c r="VNZ685" s="613"/>
      <c r="VOA685" s="613"/>
      <c r="VOB685" s="613"/>
      <c r="VOC685" s="613"/>
      <c r="VOD685" s="613"/>
      <c r="VOE685" s="613"/>
      <c r="VOF685" s="613"/>
      <c r="VOG685" s="613"/>
      <c r="VOH685" s="613"/>
      <c r="VOI685" s="613"/>
      <c r="VOJ685" s="613"/>
      <c r="VOK685" s="613"/>
      <c r="VOL685" s="613"/>
      <c r="VOM685" s="613"/>
      <c r="VON685" s="613"/>
      <c r="VOO685" s="613"/>
      <c r="VOP685" s="613"/>
      <c r="VOQ685" s="613"/>
      <c r="VOR685" s="613"/>
      <c r="VOS685" s="613"/>
      <c r="VOT685" s="613"/>
      <c r="VOU685" s="613"/>
      <c r="VOV685" s="613"/>
      <c r="VOW685" s="613"/>
      <c r="VOX685" s="613"/>
      <c r="VOY685" s="613"/>
      <c r="VOZ685" s="613"/>
      <c r="VPA685" s="613"/>
      <c r="VPB685" s="613"/>
      <c r="VPC685" s="613"/>
      <c r="VPD685" s="613"/>
      <c r="VPE685" s="613"/>
      <c r="VPF685" s="613"/>
      <c r="VPG685" s="613"/>
      <c r="VPH685" s="613"/>
      <c r="VPI685" s="613"/>
      <c r="VPJ685" s="613"/>
      <c r="VPK685" s="613"/>
      <c r="VPL685" s="613"/>
      <c r="VPM685" s="613"/>
      <c r="VPN685" s="613"/>
      <c r="VPO685" s="613"/>
      <c r="VPP685" s="613"/>
      <c r="VPQ685" s="613"/>
      <c r="VPR685" s="613"/>
      <c r="VPS685" s="613"/>
      <c r="VPT685" s="613"/>
      <c r="VPU685" s="613"/>
      <c r="VPV685" s="613"/>
      <c r="VPW685" s="613"/>
      <c r="VPX685" s="613"/>
      <c r="VPY685" s="613"/>
      <c r="VPZ685" s="613"/>
      <c r="VQA685" s="613"/>
      <c r="VQB685" s="613"/>
      <c r="VQC685" s="613"/>
      <c r="VQD685" s="613"/>
      <c r="VQE685" s="613"/>
      <c r="VQF685" s="613"/>
      <c r="VQG685" s="613"/>
      <c r="VQH685" s="613"/>
      <c r="VQI685" s="613"/>
      <c r="VQJ685" s="613"/>
      <c r="VQK685" s="613"/>
      <c r="VQL685" s="613"/>
      <c r="VQM685" s="613"/>
      <c r="VQN685" s="613"/>
      <c r="VQO685" s="613"/>
      <c r="VQP685" s="613"/>
      <c r="VQQ685" s="613"/>
      <c r="VQR685" s="613"/>
      <c r="VQS685" s="613"/>
      <c r="VQT685" s="613"/>
      <c r="VQU685" s="613"/>
      <c r="VQV685" s="613"/>
      <c r="VQW685" s="613"/>
      <c r="VQX685" s="613"/>
      <c r="VQY685" s="613"/>
      <c r="VQZ685" s="613"/>
      <c r="VRA685" s="613"/>
      <c r="VRB685" s="613"/>
      <c r="VRC685" s="613"/>
      <c r="VRD685" s="613"/>
      <c r="VRE685" s="613"/>
      <c r="VRF685" s="613"/>
      <c r="VRG685" s="613"/>
      <c r="VRH685" s="613"/>
      <c r="VRI685" s="613"/>
      <c r="VRJ685" s="613"/>
      <c r="VRK685" s="613"/>
      <c r="VRL685" s="613"/>
      <c r="VRM685" s="613"/>
      <c r="VRN685" s="613"/>
      <c r="VRO685" s="613"/>
      <c r="VRP685" s="613"/>
      <c r="VRQ685" s="613"/>
      <c r="VRR685" s="613"/>
      <c r="VRS685" s="613"/>
      <c r="VRT685" s="613"/>
      <c r="VRU685" s="613"/>
      <c r="VRV685" s="613"/>
      <c r="VRW685" s="613"/>
      <c r="VRX685" s="613"/>
      <c r="VRY685" s="613"/>
      <c r="VRZ685" s="613"/>
      <c r="VSA685" s="613"/>
      <c r="VSB685" s="613"/>
      <c r="VSC685" s="613"/>
      <c r="VSD685" s="613"/>
      <c r="VSE685" s="613"/>
      <c r="VSF685" s="613"/>
      <c r="VSG685" s="613"/>
      <c r="VSH685" s="613"/>
      <c r="VSI685" s="613"/>
      <c r="VSJ685" s="613"/>
      <c r="VSK685" s="613"/>
      <c r="VSL685" s="613"/>
      <c r="VSM685" s="613"/>
      <c r="VSN685" s="613"/>
      <c r="VSO685" s="613"/>
      <c r="VSP685" s="613"/>
      <c r="VSQ685" s="613"/>
      <c r="VSR685" s="613"/>
      <c r="VSS685" s="613"/>
      <c r="VST685" s="613"/>
      <c r="VSU685" s="613"/>
      <c r="VSV685" s="613"/>
      <c r="VSW685" s="613"/>
      <c r="VSX685" s="613"/>
      <c r="VSY685" s="613"/>
      <c r="VSZ685" s="613"/>
      <c r="VTA685" s="613"/>
      <c r="VTB685" s="613"/>
      <c r="VTC685" s="613"/>
      <c r="VTD685" s="613"/>
      <c r="VTE685" s="613"/>
      <c r="VTF685" s="613"/>
      <c r="VTG685" s="613"/>
      <c r="VTH685" s="613"/>
      <c r="VTI685" s="613"/>
      <c r="VTJ685" s="613"/>
      <c r="VTK685" s="613"/>
      <c r="VTL685" s="613"/>
      <c r="VTM685" s="613"/>
      <c r="VTN685" s="613"/>
      <c r="VTO685" s="613"/>
      <c r="VTP685" s="613"/>
      <c r="VTQ685" s="613"/>
      <c r="VTR685" s="613"/>
      <c r="VTS685" s="613"/>
      <c r="VTT685" s="613"/>
      <c r="VTU685" s="613"/>
      <c r="VTV685" s="613"/>
      <c r="VTW685" s="613"/>
      <c r="VTX685" s="613"/>
      <c r="VTY685" s="613"/>
      <c r="VTZ685" s="613"/>
      <c r="VUA685" s="613"/>
      <c r="VUB685" s="613"/>
      <c r="VUC685" s="613"/>
      <c r="VUD685" s="613"/>
      <c r="VUE685" s="613"/>
      <c r="VUF685" s="613"/>
      <c r="VUG685" s="613"/>
      <c r="VUH685" s="613"/>
      <c r="VUI685" s="613"/>
      <c r="VUJ685" s="613"/>
      <c r="VUK685" s="613"/>
      <c r="VUL685" s="613"/>
      <c r="VUM685" s="613"/>
      <c r="VUN685" s="613"/>
      <c r="VUO685" s="613"/>
      <c r="VUP685" s="613"/>
      <c r="VUQ685" s="613"/>
      <c r="VUR685" s="613"/>
      <c r="VUS685" s="613"/>
      <c r="VUT685" s="613"/>
      <c r="VUU685" s="613"/>
      <c r="VUV685" s="613"/>
      <c r="VUW685" s="613"/>
      <c r="VUX685" s="613"/>
      <c r="VUY685" s="613"/>
      <c r="VUZ685" s="613"/>
      <c r="VVA685" s="613"/>
      <c r="VVB685" s="613"/>
      <c r="VVC685" s="613"/>
      <c r="VVD685" s="613"/>
      <c r="VVE685" s="613"/>
      <c r="VVF685" s="613"/>
      <c r="VVG685" s="613"/>
      <c r="VVH685" s="613"/>
      <c r="VVI685" s="613"/>
      <c r="VVJ685" s="613"/>
      <c r="VVK685" s="613"/>
      <c r="VVL685" s="613"/>
      <c r="VVM685" s="613"/>
      <c r="VVN685" s="613"/>
      <c r="VVO685" s="613"/>
      <c r="VVP685" s="613"/>
      <c r="VVQ685" s="613"/>
      <c r="VVR685" s="613"/>
      <c r="VVS685" s="613"/>
      <c r="VVT685" s="613"/>
      <c r="VVU685" s="613"/>
      <c r="VVV685" s="613"/>
      <c r="VVW685" s="613"/>
      <c r="VVX685" s="613"/>
      <c r="VVY685" s="613"/>
      <c r="VVZ685" s="613"/>
      <c r="VWA685" s="613"/>
      <c r="VWB685" s="613"/>
      <c r="VWC685" s="613"/>
      <c r="VWD685" s="613"/>
      <c r="VWE685" s="613"/>
      <c r="VWF685" s="613"/>
      <c r="VWG685" s="613"/>
      <c r="VWH685" s="613"/>
      <c r="VWI685" s="613"/>
      <c r="VWJ685" s="613"/>
      <c r="VWK685" s="613"/>
      <c r="VWL685" s="613"/>
      <c r="VWM685" s="613"/>
      <c r="VWN685" s="613"/>
      <c r="VWO685" s="613"/>
      <c r="VWP685" s="613"/>
      <c r="VWQ685" s="613"/>
      <c r="VWR685" s="613"/>
      <c r="VWS685" s="613"/>
      <c r="VWT685" s="613"/>
      <c r="VWU685" s="613"/>
      <c r="VWV685" s="613"/>
      <c r="VWW685" s="613"/>
      <c r="VWX685" s="613"/>
      <c r="VWY685" s="613"/>
      <c r="VWZ685" s="613"/>
      <c r="VXA685" s="613"/>
      <c r="VXB685" s="613"/>
      <c r="VXC685" s="613"/>
      <c r="VXD685" s="613"/>
      <c r="VXE685" s="613"/>
      <c r="VXF685" s="613"/>
      <c r="VXG685" s="613"/>
      <c r="VXH685" s="613"/>
      <c r="VXI685" s="613"/>
      <c r="VXJ685" s="613"/>
      <c r="VXK685" s="613"/>
      <c r="VXL685" s="613"/>
      <c r="VXM685" s="613"/>
      <c r="VXN685" s="613"/>
      <c r="VXO685" s="613"/>
      <c r="VXP685" s="613"/>
      <c r="VXQ685" s="613"/>
      <c r="VXR685" s="613"/>
      <c r="VXS685" s="613"/>
      <c r="VXT685" s="613"/>
      <c r="VXU685" s="613"/>
      <c r="VXV685" s="613"/>
      <c r="VXW685" s="613"/>
      <c r="VXX685" s="613"/>
      <c r="VXY685" s="613"/>
      <c r="VXZ685" s="613"/>
      <c r="VYA685" s="613"/>
      <c r="VYB685" s="613"/>
      <c r="VYC685" s="613"/>
      <c r="VYD685" s="613"/>
      <c r="VYE685" s="613"/>
      <c r="VYF685" s="613"/>
      <c r="VYG685" s="613"/>
      <c r="VYH685" s="613"/>
      <c r="VYI685" s="613"/>
      <c r="VYJ685" s="613"/>
      <c r="VYK685" s="613"/>
      <c r="VYL685" s="613"/>
      <c r="VYM685" s="613"/>
      <c r="VYN685" s="613"/>
      <c r="VYO685" s="613"/>
      <c r="VYP685" s="613"/>
      <c r="VYQ685" s="613"/>
      <c r="VYR685" s="613"/>
      <c r="VYS685" s="613"/>
      <c r="VYT685" s="613"/>
      <c r="VYU685" s="613"/>
      <c r="VYV685" s="613"/>
      <c r="VYW685" s="613"/>
      <c r="VYX685" s="613"/>
      <c r="VYY685" s="613"/>
      <c r="VYZ685" s="613"/>
      <c r="VZA685" s="613"/>
      <c r="VZB685" s="613"/>
      <c r="VZC685" s="613"/>
      <c r="VZD685" s="613"/>
      <c r="VZE685" s="613"/>
      <c r="VZF685" s="613"/>
      <c r="VZG685" s="613"/>
      <c r="VZH685" s="613"/>
      <c r="VZI685" s="613"/>
      <c r="VZJ685" s="613"/>
      <c r="VZK685" s="613"/>
      <c r="VZL685" s="613"/>
      <c r="VZM685" s="613"/>
      <c r="VZN685" s="613"/>
      <c r="VZO685" s="613"/>
      <c r="VZP685" s="613"/>
      <c r="VZQ685" s="613"/>
      <c r="VZR685" s="613"/>
      <c r="VZS685" s="613"/>
      <c r="VZT685" s="613"/>
      <c r="VZU685" s="613"/>
      <c r="VZV685" s="613"/>
      <c r="VZW685" s="613"/>
      <c r="VZX685" s="613"/>
      <c r="VZY685" s="613"/>
      <c r="VZZ685" s="613"/>
      <c r="WAA685" s="613"/>
      <c r="WAB685" s="613"/>
      <c r="WAC685" s="613"/>
      <c r="WAD685" s="613"/>
      <c r="WAE685" s="613"/>
      <c r="WAF685" s="613"/>
      <c r="WAG685" s="613"/>
      <c r="WAH685" s="613"/>
      <c r="WAI685" s="613"/>
      <c r="WAJ685" s="613"/>
      <c r="WAK685" s="613"/>
      <c r="WAL685" s="613"/>
      <c r="WAM685" s="613"/>
      <c r="WAN685" s="613"/>
      <c r="WAO685" s="613"/>
      <c r="WAP685" s="613"/>
      <c r="WAQ685" s="613"/>
      <c r="WAR685" s="613"/>
      <c r="WAS685" s="613"/>
      <c r="WAT685" s="613"/>
      <c r="WAU685" s="613"/>
      <c r="WAV685" s="613"/>
      <c r="WAW685" s="613"/>
      <c r="WAX685" s="613"/>
      <c r="WAY685" s="613"/>
      <c r="WAZ685" s="613"/>
      <c r="WBA685" s="613"/>
      <c r="WBB685" s="613"/>
      <c r="WBC685" s="613"/>
      <c r="WBD685" s="613"/>
      <c r="WBE685" s="613"/>
      <c r="WBF685" s="613"/>
      <c r="WBG685" s="613"/>
      <c r="WBH685" s="613"/>
      <c r="WBI685" s="613"/>
      <c r="WBJ685" s="613"/>
      <c r="WBK685" s="613"/>
      <c r="WBL685" s="613"/>
      <c r="WBM685" s="613"/>
      <c r="WBN685" s="613"/>
      <c r="WBO685" s="613"/>
      <c r="WBP685" s="613"/>
      <c r="WBQ685" s="613"/>
      <c r="WBR685" s="613"/>
      <c r="WBS685" s="613"/>
      <c r="WBT685" s="613"/>
      <c r="WBU685" s="613"/>
      <c r="WBV685" s="613"/>
      <c r="WBW685" s="613"/>
      <c r="WBX685" s="613"/>
      <c r="WBY685" s="613"/>
      <c r="WBZ685" s="613"/>
      <c r="WCA685" s="613"/>
      <c r="WCB685" s="613"/>
      <c r="WCC685" s="613"/>
      <c r="WCD685" s="613"/>
      <c r="WCE685" s="613"/>
      <c r="WCF685" s="613"/>
      <c r="WCG685" s="613"/>
      <c r="WCH685" s="613"/>
      <c r="WCI685" s="613"/>
      <c r="WCJ685" s="613"/>
      <c r="WCK685" s="613"/>
      <c r="WCL685" s="613"/>
      <c r="WCM685" s="613"/>
      <c r="WCN685" s="613"/>
      <c r="WCO685" s="613"/>
      <c r="WCP685" s="613"/>
      <c r="WCQ685" s="613"/>
      <c r="WCR685" s="613"/>
      <c r="WCS685" s="613"/>
      <c r="WCT685" s="613"/>
      <c r="WCU685" s="613"/>
      <c r="WCV685" s="613"/>
      <c r="WCW685" s="613"/>
      <c r="WCX685" s="613"/>
      <c r="WCY685" s="613"/>
      <c r="WCZ685" s="613"/>
      <c r="WDA685" s="613"/>
      <c r="WDB685" s="613"/>
      <c r="WDC685" s="613"/>
      <c r="WDD685" s="613"/>
      <c r="WDE685" s="613"/>
      <c r="WDF685" s="613"/>
      <c r="WDG685" s="613"/>
      <c r="WDH685" s="613"/>
      <c r="WDI685" s="613"/>
      <c r="WDJ685" s="613"/>
      <c r="WDK685" s="613"/>
      <c r="WDL685" s="613"/>
      <c r="WDM685" s="613"/>
      <c r="WDN685" s="613"/>
      <c r="WDO685" s="613"/>
      <c r="WDP685" s="613"/>
      <c r="WDQ685" s="613"/>
      <c r="WDR685" s="613"/>
      <c r="WDS685" s="613"/>
      <c r="WDT685" s="613"/>
      <c r="WDU685" s="613"/>
      <c r="WDV685" s="613"/>
      <c r="WDW685" s="613"/>
      <c r="WDX685" s="613"/>
      <c r="WDY685" s="613"/>
      <c r="WDZ685" s="613"/>
      <c r="WEA685" s="613"/>
      <c r="WEB685" s="613"/>
      <c r="WEC685" s="613"/>
      <c r="WED685" s="613"/>
      <c r="WEE685" s="613"/>
      <c r="WEF685" s="613"/>
      <c r="WEG685" s="613"/>
      <c r="WEH685" s="613"/>
      <c r="WEI685" s="613"/>
      <c r="WEJ685" s="613"/>
      <c r="WEK685" s="613"/>
      <c r="WEL685" s="613"/>
      <c r="WEM685" s="613"/>
      <c r="WEN685" s="613"/>
      <c r="WEO685" s="613"/>
      <c r="WEP685" s="613"/>
      <c r="WEQ685" s="613"/>
      <c r="WER685" s="613"/>
      <c r="WES685" s="613"/>
      <c r="WET685" s="613"/>
      <c r="WEU685" s="613"/>
      <c r="WEV685" s="613"/>
      <c r="WEW685" s="613"/>
      <c r="WEX685" s="613"/>
      <c r="WEY685" s="613"/>
      <c r="WEZ685" s="613"/>
      <c r="WFA685" s="613"/>
      <c r="WFB685" s="613"/>
      <c r="WFC685" s="613"/>
      <c r="WFD685" s="613"/>
      <c r="WFE685" s="613"/>
      <c r="WFF685" s="613"/>
      <c r="WFG685" s="613"/>
      <c r="WFH685" s="613"/>
      <c r="WFI685" s="613"/>
      <c r="WFJ685" s="613"/>
      <c r="WFK685" s="613"/>
      <c r="WFL685" s="613"/>
      <c r="WFM685" s="613"/>
      <c r="WFN685" s="613"/>
      <c r="WFO685" s="613"/>
      <c r="WFP685" s="613"/>
      <c r="WFQ685" s="613"/>
      <c r="WFR685" s="613"/>
      <c r="WFS685" s="613"/>
      <c r="WFT685" s="613"/>
      <c r="WFU685" s="613"/>
      <c r="WFV685" s="613"/>
      <c r="WFW685" s="613"/>
      <c r="WFX685" s="613"/>
      <c r="WFY685" s="613"/>
      <c r="WFZ685" s="613"/>
      <c r="WGA685" s="613"/>
      <c r="WGB685" s="613"/>
      <c r="WGC685" s="613"/>
      <c r="WGD685" s="613"/>
      <c r="WGE685" s="613"/>
      <c r="WGF685" s="613"/>
      <c r="WGG685" s="613"/>
      <c r="WGH685" s="613"/>
      <c r="WGI685" s="613"/>
      <c r="WGJ685" s="613"/>
      <c r="WGK685" s="613"/>
      <c r="WGL685" s="613"/>
      <c r="WGM685" s="613"/>
      <c r="WGN685" s="613"/>
      <c r="WGO685" s="613"/>
      <c r="WGP685" s="613"/>
      <c r="WGQ685" s="613"/>
      <c r="WGR685" s="613"/>
      <c r="WGS685" s="613"/>
      <c r="WGT685" s="613"/>
      <c r="WGU685" s="613"/>
      <c r="WGV685" s="613"/>
      <c r="WGW685" s="613"/>
      <c r="WGX685" s="613"/>
      <c r="WGY685" s="613"/>
      <c r="WGZ685" s="613"/>
      <c r="WHA685" s="613"/>
      <c r="WHB685" s="613"/>
      <c r="WHC685" s="613"/>
      <c r="WHD685" s="613"/>
      <c r="WHE685" s="613"/>
      <c r="WHF685" s="613"/>
      <c r="WHG685" s="613"/>
      <c r="WHH685" s="613"/>
      <c r="WHI685" s="613"/>
      <c r="WHJ685" s="613"/>
      <c r="WHK685" s="613"/>
      <c r="WHL685" s="613"/>
      <c r="WHM685" s="613"/>
      <c r="WHN685" s="613"/>
      <c r="WHO685" s="613"/>
      <c r="WHP685" s="613"/>
      <c r="WHQ685" s="613"/>
      <c r="WHR685" s="613"/>
      <c r="WHS685" s="613"/>
      <c r="WHT685" s="613"/>
      <c r="WHU685" s="613"/>
      <c r="WHV685" s="613"/>
      <c r="WHW685" s="613"/>
      <c r="WHX685" s="613"/>
      <c r="WHY685" s="613"/>
      <c r="WHZ685" s="613"/>
      <c r="WIA685" s="613"/>
      <c r="WIB685" s="613"/>
      <c r="WIC685" s="613"/>
      <c r="WID685" s="613"/>
      <c r="WIE685" s="613"/>
      <c r="WIF685" s="613"/>
      <c r="WIG685" s="613"/>
      <c r="WIH685" s="613"/>
      <c r="WII685" s="613"/>
      <c r="WIJ685" s="613"/>
      <c r="WIK685" s="613"/>
      <c r="WIL685" s="613"/>
      <c r="WIM685" s="613"/>
      <c r="WIN685" s="613"/>
      <c r="WIO685" s="613"/>
      <c r="WIP685" s="613"/>
      <c r="WIQ685" s="613"/>
      <c r="WIR685" s="613"/>
      <c r="WIS685" s="613"/>
      <c r="WIT685" s="613"/>
      <c r="WIU685" s="613"/>
      <c r="WIV685" s="613"/>
      <c r="WIW685" s="613"/>
      <c r="WIX685" s="613"/>
      <c r="WIY685" s="613"/>
      <c r="WIZ685" s="613"/>
      <c r="WJA685" s="613"/>
      <c r="WJB685" s="613"/>
      <c r="WJC685" s="613"/>
      <c r="WJD685" s="613"/>
      <c r="WJE685" s="613"/>
      <c r="WJF685" s="613"/>
      <c r="WJG685" s="613"/>
      <c r="WJH685" s="613"/>
      <c r="WJI685" s="613"/>
      <c r="WJJ685" s="613"/>
      <c r="WJK685" s="613"/>
      <c r="WJL685" s="613"/>
      <c r="WJM685" s="613"/>
      <c r="WJN685" s="613"/>
      <c r="WJO685" s="613"/>
      <c r="WJP685" s="613"/>
      <c r="WJQ685" s="613"/>
      <c r="WJR685" s="613"/>
      <c r="WJS685" s="613"/>
      <c r="WJT685" s="613"/>
      <c r="WJU685" s="613"/>
      <c r="WJV685" s="613"/>
      <c r="WJW685" s="613"/>
      <c r="WJX685" s="613"/>
      <c r="WJY685" s="613"/>
      <c r="WJZ685" s="613"/>
      <c r="WKA685" s="613"/>
      <c r="WKB685" s="613"/>
      <c r="WKC685" s="613"/>
      <c r="WKD685" s="613"/>
      <c r="WKE685" s="613"/>
      <c r="WKF685" s="613"/>
      <c r="WKG685" s="613"/>
      <c r="WKH685" s="613"/>
      <c r="WKI685" s="613"/>
      <c r="WKJ685" s="613"/>
      <c r="WKK685" s="613"/>
      <c r="WKL685" s="613"/>
      <c r="WKM685" s="613"/>
      <c r="WKN685" s="613"/>
      <c r="WKO685" s="613"/>
      <c r="WKP685" s="613"/>
      <c r="WKQ685" s="613"/>
      <c r="WKR685" s="613"/>
      <c r="WKS685" s="613"/>
      <c r="WKT685" s="613"/>
      <c r="WKU685" s="613"/>
      <c r="WKV685" s="613"/>
      <c r="WKW685" s="613"/>
      <c r="WKX685" s="613"/>
      <c r="WKY685" s="613"/>
      <c r="WKZ685" s="613"/>
      <c r="WLA685" s="613"/>
      <c r="WLB685" s="613"/>
      <c r="WLC685" s="613"/>
      <c r="WLD685" s="613"/>
      <c r="WLE685" s="613"/>
      <c r="WLF685" s="613"/>
      <c r="WLG685" s="613"/>
      <c r="WLH685" s="613"/>
      <c r="WLI685" s="613"/>
      <c r="WLJ685" s="613"/>
      <c r="WLK685" s="613"/>
      <c r="WLL685" s="613"/>
      <c r="WLM685" s="613"/>
      <c r="WLN685" s="613"/>
      <c r="WLO685" s="613"/>
      <c r="WLP685" s="613"/>
      <c r="WLQ685" s="613"/>
      <c r="WLR685" s="613"/>
      <c r="WLS685" s="613"/>
      <c r="WLT685" s="613"/>
      <c r="WLU685" s="613"/>
      <c r="WLV685" s="613"/>
      <c r="WLW685" s="613"/>
      <c r="WLX685" s="613"/>
      <c r="WLY685" s="613"/>
      <c r="WLZ685" s="613"/>
      <c r="WMA685" s="613"/>
      <c r="WMB685" s="613"/>
      <c r="WMC685" s="613"/>
      <c r="WMD685" s="613"/>
      <c r="WME685" s="613"/>
      <c r="WMF685" s="613"/>
      <c r="WMG685" s="613"/>
      <c r="WMH685" s="613"/>
      <c r="WMI685" s="613"/>
      <c r="WMJ685" s="613"/>
      <c r="WMK685" s="613"/>
      <c r="WML685" s="613"/>
      <c r="WMM685" s="613"/>
      <c r="WMN685" s="613"/>
      <c r="WMO685" s="613"/>
      <c r="WMP685" s="613"/>
      <c r="WMQ685" s="613"/>
      <c r="WMR685" s="613"/>
      <c r="WMS685" s="613"/>
      <c r="WMT685" s="613"/>
      <c r="WMU685" s="613"/>
      <c r="WMV685" s="613"/>
      <c r="WMW685" s="613"/>
      <c r="WMX685" s="613"/>
      <c r="WMY685" s="613"/>
      <c r="WMZ685" s="613"/>
      <c r="WNA685" s="613"/>
      <c r="WNB685" s="613"/>
      <c r="WNC685" s="613"/>
      <c r="WND685" s="613"/>
      <c r="WNE685" s="613"/>
      <c r="WNF685" s="613"/>
      <c r="WNG685" s="613"/>
      <c r="WNH685" s="613"/>
      <c r="WNI685" s="613"/>
      <c r="WNJ685" s="613"/>
      <c r="WNK685" s="613"/>
      <c r="WNL685" s="613"/>
      <c r="WNM685" s="613"/>
      <c r="WNN685" s="613"/>
      <c r="WNO685" s="613"/>
      <c r="WNP685" s="613"/>
      <c r="WNQ685" s="613"/>
      <c r="WNR685" s="613"/>
      <c r="WNS685" s="613"/>
      <c r="WNT685" s="613"/>
      <c r="WNU685" s="613"/>
      <c r="WNV685" s="613"/>
      <c r="WNW685" s="613"/>
      <c r="WNX685" s="613"/>
      <c r="WNY685" s="613"/>
      <c r="WNZ685" s="613"/>
      <c r="WOA685" s="613"/>
      <c r="WOB685" s="613"/>
      <c r="WOC685" s="613"/>
      <c r="WOD685" s="613"/>
      <c r="WOE685" s="613"/>
      <c r="WOF685" s="613"/>
      <c r="WOG685" s="613"/>
      <c r="WOH685" s="613"/>
      <c r="WOI685" s="613"/>
      <c r="WOJ685" s="613"/>
      <c r="WOK685" s="613"/>
      <c r="WOL685" s="613"/>
      <c r="WOM685" s="613"/>
      <c r="WON685" s="613"/>
      <c r="WOO685" s="613"/>
      <c r="WOP685" s="613"/>
      <c r="WOQ685" s="613"/>
      <c r="WOR685" s="613"/>
      <c r="WOS685" s="613"/>
      <c r="WOT685" s="613"/>
      <c r="WOU685" s="613"/>
      <c r="WOV685" s="613"/>
      <c r="WOW685" s="613"/>
      <c r="WOX685" s="613"/>
      <c r="WOY685" s="613"/>
      <c r="WOZ685" s="613"/>
      <c r="WPA685" s="613"/>
      <c r="WPB685" s="613"/>
      <c r="WPC685" s="613"/>
      <c r="WPD685" s="613"/>
      <c r="WPE685" s="613"/>
      <c r="WPF685" s="613"/>
      <c r="WPG685" s="613"/>
      <c r="WPH685" s="613"/>
      <c r="WPI685" s="613"/>
      <c r="WPJ685" s="613"/>
      <c r="WPK685" s="613"/>
      <c r="WPL685" s="613"/>
      <c r="WPM685" s="613"/>
      <c r="WPN685" s="613"/>
      <c r="WPO685" s="613"/>
      <c r="WPP685" s="613"/>
      <c r="WPQ685" s="613"/>
      <c r="WPR685" s="613"/>
      <c r="WPS685" s="613"/>
      <c r="WPT685" s="613"/>
      <c r="WPU685" s="613"/>
      <c r="WPV685" s="613"/>
      <c r="WPW685" s="613"/>
      <c r="WPX685" s="613"/>
      <c r="WPY685" s="613"/>
      <c r="WPZ685" s="613"/>
      <c r="WQA685" s="613"/>
      <c r="WQB685" s="613"/>
      <c r="WQC685" s="613"/>
      <c r="WQD685" s="613"/>
      <c r="WQE685" s="613"/>
      <c r="WQF685" s="613"/>
      <c r="WQG685" s="613"/>
      <c r="WQH685" s="613"/>
      <c r="WQI685" s="613"/>
      <c r="WQJ685" s="613"/>
      <c r="WQK685" s="613"/>
      <c r="WQL685" s="613"/>
      <c r="WQM685" s="613"/>
      <c r="WQN685" s="613"/>
      <c r="WQO685" s="613"/>
      <c r="WQP685" s="613"/>
      <c r="WQQ685" s="613"/>
      <c r="WQR685" s="613"/>
      <c r="WQS685" s="613"/>
      <c r="WQT685" s="613"/>
      <c r="WQU685" s="613"/>
      <c r="WQV685" s="613"/>
      <c r="WQW685" s="613"/>
      <c r="WQX685" s="613"/>
      <c r="WQY685" s="613"/>
      <c r="WQZ685" s="613"/>
      <c r="WRA685" s="613"/>
      <c r="WRB685" s="613"/>
      <c r="WRC685" s="613"/>
      <c r="WRD685" s="613"/>
      <c r="WRE685" s="613"/>
      <c r="WRF685" s="613"/>
      <c r="WRG685" s="613"/>
      <c r="WRH685" s="613"/>
      <c r="WRI685" s="613"/>
      <c r="WRJ685" s="613"/>
      <c r="WRK685" s="613"/>
      <c r="WRL685" s="613"/>
      <c r="WRM685" s="613"/>
      <c r="WRN685" s="613"/>
      <c r="WRO685" s="613"/>
      <c r="WRP685" s="613"/>
      <c r="WRQ685" s="613"/>
      <c r="WRR685" s="613"/>
      <c r="WRS685" s="613"/>
      <c r="WRT685" s="613"/>
      <c r="WRU685" s="613"/>
      <c r="WRV685" s="613"/>
      <c r="WRW685" s="613"/>
      <c r="WRX685" s="613"/>
      <c r="WRY685" s="613"/>
      <c r="WRZ685" s="613"/>
      <c r="WSA685" s="613"/>
      <c r="WSB685" s="613"/>
      <c r="WSC685" s="613"/>
      <c r="WSD685" s="613"/>
      <c r="WSE685" s="613"/>
      <c r="WSF685" s="613"/>
      <c r="WSG685" s="613"/>
      <c r="WSH685" s="613"/>
      <c r="WSI685" s="613"/>
      <c r="WSJ685" s="613"/>
      <c r="WSK685" s="613"/>
      <c r="WSL685" s="613"/>
      <c r="WSM685" s="613"/>
      <c r="WSN685" s="613"/>
      <c r="WSO685" s="613"/>
      <c r="WSP685" s="613"/>
      <c r="WSQ685" s="613"/>
      <c r="WSR685" s="613"/>
      <c r="WSS685" s="613"/>
      <c r="WST685" s="613"/>
      <c r="WSU685" s="613"/>
      <c r="WSV685" s="613"/>
      <c r="WSW685" s="613"/>
      <c r="WSX685" s="613"/>
      <c r="WSY685" s="613"/>
      <c r="WSZ685" s="613"/>
      <c r="WTA685" s="613"/>
      <c r="WTB685" s="613"/>
      <c r="WTC685" s="613"/>
      <c r="WTD685" s="613"/>
      <c r="WTE685" s="613"/>
      <c r="WTF685" s="613"/>
      <c r="WTG685" s="613"/>
      <c r="WTH685" s="613"/>
      <c r="WTI685" s="613"/>
      <c r="WTJ685" s="613"/>
      <c r="WTK685" s="613"/>
      <c r="WTL685" s="613"/>
      <c r="WTM685" s="613"/>
      <c r="WTN685" s="613"/>
      <c r="WTO685" s="613"/>
      <c r="WTP685" s="613"/>
      <c r="WTQ685" s="613"/>
      <c r="WTR685" s="613"/>
      <c r="WTS685" s="613"/>
      <c r="WTT685" s="613"/>
      <c r="WTU685" s="613"/>
      <c r="WTV685" s="613"/>
      <c r="WTW685" s="613"/>
      <c r="WTX685" s="613"/>
      <c r="WTY685" s="613"/>
      <c r="WTZ685" s="613"/>
      <c r="WUA685" s="613"/>
      <c r="WUB685" s="613"/>
      <c r="WUC685" s="613"/>
      <c r="WUD685" s="613"/>
      <c r="WUE685" s="613"/>
      <c r="WUF685" s="613"/>
      <c r="WUG685" s="613"/>
      <c r="WUH685" s="613"/>
      <c r="WUI685" s="613"/>
      <c r="WUJ685" s="613"/>
      <c r="WUK685" s="613"/>
      <c r="WUL685" s="613"/>
      <c r="WUM685" s="613"/>
      <c r="WUN685" s="613"/>
      <c r="WUO685" s="613"/>
      <c r="WUP685" s="613"/>
      <c r="WUQ685" s="613"/>
      <c r="WUR685" s="613"/>
      <c r="WUS685" s="613"/>
      <c r="WUT685" s="613"/>
      <c r="WUU685" s="613"/>
      <c r="WUV685" s="613"/>
      <c r="WUW685" s="613"/>
      <c r="WUX685" s="613"/>
      <c r="WUY685" s="613"/>
      <c r="WUZ685" s="613"/>
      <c r="WVA685" s="613"/>
      <c r="WVB685" s="613"/>
      <c r="WVC685" s="613"/>
      <c r="WVD685" s="613"/>
      <c r="WVE685" s="613"/>
      <c r="WVF685" s="613"/>
      <c r="WVG685" s="613"/>
      <c r="WVH685" s="613"/>
      <c r="WVI685" s="613"/>
      <c r="WVJ685" s="613"/>
      <c r="WVK685" s="613"/>
      <c r="WVL685" s="613"/>
      <c r="WVM685" s="613"/>
      <c r="WVN685" s="613"/>
      <c r="WVO685" s="613"/>
      <c r="WVP685" s="613"/>
      <c r="WVQ685" s="613"/>
      <c r="WVR685" s="613"/>
      <c r="WVS685" s="613"/>
      <c r="WVT685" s="613"/>
      <c r="WVU685" s="613"/>
      <c r="WVV685" s="613"/>
      <c r="WVW685" s="613"/>
      <c r="WVX685" s="613"/>
      <c r="WVY685" s="613"/>
      <c r="WVZ685" s="613"/>
      <c r="WWA685" s="613"/>
      <c r="WWB685" s="613"/>
      <c r="WWC685" s="613"/>
      <c r="WWD685" s="613"/>
      <c r="WWE685" s="613"/>
      <c r="WWF685" s="613"/>
      <c r="WWG685" s="613"/>
      <c r="WWH685" s="613"/>
      <c r="WWI685" s="613"/>
      <c r="WWJ685" s="613"/>
      <c r="WWK685" s="613"/>
      <c r="WWL685" s="613"/>
      <c r="WWM685" s="613"/>
      <c r="WWN685" s="613"/>
      <c r="WWO685" s="613"/>
      <c r="WWP685" s="613"/>
      <c r="WWQ685" s="613"/>
      <c r="WWR685" s="613"/>
      <c r="WWS685" s="613"/>
      <c r="WWT685" s="613"/>
      <c r="WWU685" s="613"/>
      <c r="WWV685" s="613"/>
      <c r="WWW685" s="613"/>
      <c r="WWX685" s="613"/>
      <c r="WWY685" s="613"/>
      <c r="WWZ685" s="613"/>
      <c r="WXA685" s="613"/>
      <c r="WXB685" s="613"/>
      <c r="WXC685" s="613"/>
      <c r="WXD685" s="613"/>
      <c r="WXE685" s="613"/>
      <c r="WXF685" s="613"/>
      <c r="WXG685" s="613"/>
      <c r="WXH685" s="613"/>
      <c r="WXI685" s="613"/>
      <c r="WXJ685" s="613"/>
      <c r="WXK685" s="613"/>
      <c r="WXL685" s="613"/>
      <c r="WXM685" s="613"/>
      <c r="WXN685" s="613"/>
      <c r="WXO685" s="613"/>
      <c r="WXP685" s="613"/>
      <c r="WXQ685" s="613"/>
      <c r="WXR685" s="613"/>
      <c r="WXS685" s="613"/>
      <c r="WXT685" s="613"/>
      <c r="WXU685" s="613"/>
      <c r="WXV685" s="613"/>
      <c r="WXW685" s="613"/>
      <c r="WXX685" s="613"/>
      <c r="WXY685" s="613"/>
      <c r="WXZ685" s="613"/>
      <c r="WYA685" s="613"/>
      <c r="WYB685" s="613"/>
      <c r="WYC685" s="613"/>
      <c r="WYD685" s="613"/>
      <c r="WYE685" s="613"/>
      <c r="WYF685" s="613"/>
      <c r="WYG685" s="613"/>
      <c r="WYH685" s="613"/>
      <c r="WYI685" s="613"/>
      <c r="WYJ685" s="613"/>
      <c r="WYK685" s="613"/>
      <c r="WYL685" s="613"/>
      <c r="WYM685" s="613"/>
      <c r="WYN685" s="613"/>
      <c r="WYO685" s="613"/>
      <c r="WYP685" s="613"/>
      <c r="WYQ685" s="613"/>
      <c r="WYR685" s="613"/>
      <c r="WYS685" s="613"/>
      <c r="WYT685" s="613"/>
      <c r="WYU685" s="613"/>
      <c r="WYV685" s="613"/>
      <c r="WYW685" s="613"/>
      <c r="WYX685" s="613"/>
      <c r="WYY685" s="613"/>
      <c r="WYZ685" s="613"/>
      <c r="WZA685" s="613"/>
      <c r="WZB685" s="613"/>
      <c r="WZC685" s="613"/>
      <c r="WZD685" s="613"/>
      <c r="WZE685" s="613"/>
      <c r="WZF685" s="613"/>
      <c r="WZG685" s="613"/>
      <c r="WZH685" s="613"/>
      <c r="WZI685" s="613"/>
      <c r="WZJ685" s="613"/>
      <c r="WZK685" s="613"/>
      <c r="WZL685" s="613"/>
      <c r="WZM685" s="613"/>
      <c r="WZN685" s="613"/>
      <c r="WZO685" s="613"/>
      <c r="WZP685" s="613"/>
      <c r="WZQ685" s="613"/>
      <c r="WZR685" s="613"/>
      <c r="WZS685" s="613"/>
      <c r="WZT685" s="613"/>
      <c r="WZU685" s="613"/>
      <c r="WZV685" s="613"/>
      <c r="WZW685" s="613"/>
      <c r="WZX685" s="613"/>
      <c r="WZY685" s="613"/>
      <c r="WZZ685" s="613"/>
      <c r="XAA685" s="613"/>
      <c r="XAB685" s="613"/>
      <c r="XAC685" s="613"/>
      <c r="XAD685" s="613"/>
      <c r="XAE685" s="613"/>
      <c r="XAF685" s="613"/>
      <c r="XAG685" s="613"/>
      <c r="XAH685" s="613"/>
      <c r="XAI685" s="613"/>
      <c r="XAJ685" s="613"/>
      <c r="XAK685" s="613"/>
      <c r="XAL685" s="613"/>
      <c r="XAM685" s="613"/>
      <c r="XAN685" s="613"/>
      <c r="XAO685" s="613"/>
      <c r="XAP685" s="613"/>
      <c r="XAQ685" s="613"/>
      <c r="XAR685" s="613"/>
      <c r="XAS685" s="613"/>
      <c r="XAT685" s="613"/>
      <c r="XAU685" s="613"/>
      <c r="XAV685" s="613"/>
      <c r="XAW685" s="613"/>
      <c r="XAX685" s="613"/>
      <c r="XAY685" s="613"/>
      <c r="XAZ685" s="613"/>
      <c r="XBA685" s="613"/>
      <c r="XBB685" s="613"/>
      <c r="XBC685" s="613"/>
      <c r="XBD685" s="613"/>
      <c r="XBE685" s="613"/>
      <c r="XBF685" s="613"/>
      <c r="XBG685" s="613"/>
      <c r="XBH685" s="613"/>
      <c r="XBI685" s="613"/>
      <c r="XBJ685" s="613"/>
      <c r="XBK685" s="613"/>
      <c r="XBL685" s="613"/>
      <c r="XBM685" s="613"/>
      <c r="XBN685" s="613"/>
      <c r="XBO685" s="613"/>
      <c r="XBP685" s="613"/>
      <c r="XBQ685" s="613"/>
      <c r="XBR685" s="613"/>
      <c r="XBS685" s="613"/>
      <c r="XBT685" s="613"/>
      <c r="XBU685" s="613"/>
      <c r="XBV685" s="613"/>
      <c r="XBW685" s="613"/>
      <c r="XBX685" s="613"/>
      <c r="XBY685" s="613"/>
      <c r="XBZ685" s="613"/>
      <c r="XCA685" s="613"/>
      <c r="XCB685" s="613"/>
      <c r="XCC685" s="613"/>
      <c r="XCD685" s="613"/>
      <c r="XCE685" s="613"/>
      <c r="XCF685" s="613"/>
      <c r="XCG685" s="613"/>
      <c r="XCH685" s="613"/>
      <c r="XCI685" s="613"/>
      <c r="XCJ685" s="613"/>
      <c r="XCK685" s="613"/>
      <c r="XCL685" s="613"/>
      <c r="XCM685" s="613"/>
      <c r="XCN685" s="613"/>
      <c r="XCO685" s="613"/>
      <c r="XCP685" s="613"/>
      <c r="XCQ685" s="613"/>
    </row>
    <row r="686" spans="1:16319" ht="56.1" customHeight="1" x14ac:dyDescent="0.2">
      <c r="A686" s="494"/>
      <c r="B686" s="77"/>
      <c r="C686" s="494"/>
      <c r="D686" s="481">
        <v>258</v>
      </c>
      <c r="E686" s="481"/>
      <c r="F686" s="481" t="s">
        <v>2481</v>
      </c>
      <c r="G686" s="482" t="s">
        <v>53</v>
      </c>
      <c r="H686" s="481" t="s">
        <v>329</v>
      </c>
      <c r="I686" s="654" t="s">
        <v>482</v>
      </c>
      <c r="J686" s="654" t="s">
        <v>483</v>
      </c>
      <c r="K686" s="495" t="s">
        <v>489</v>
      </c>
      <c r="L686" s="621"/>
      <c r="M686" s="484" t="s">
        <v>58</v>
      </c>
      <c r="N686" s="327" t="s">
        <v>3058</v>
      </c>
      <c r="O686" s="484" t="s">
        <v>2996</v>
      </c>
      <c r="P686" s="484" t="s">
        <v>81</v>
      </c>
      <c r="Q686" s="667" t="s">
        <v>334</v>
      </c>
      <c r="R686" s="484" t="s">
        <v>334</v>
      </c>
      <c r="S686" s="484" t="s">
        <v>225</v>
      </c>
      <c r="T686" s="484"/>
      <c r="U686" s="620" t="s">
        <v>63</v>
      </c>
      <c r="V686" s="620" t="s">
        <v>63</v>
      </c>
      <c r="W686" s="723">
        <v>112770</v>
      </c>
      <c r="X686" s="723"/>
      <c r="Y686" s="654" t="s">
        <v>226</v>
      </c>
      <c r="Z686" s="654"/>
      <c r="AA686" s="723">
        <v>112770</v>
      </c>
      <c r="AB686" s="652" t="s">
        <v>82</v>
      </c>
      <c r="AC686" s="652"/>
      <c r="AD686" s="496"/>
      <c r="AE686" s="496"/>
      <c r="AF686" s="496"/>
      <c r="AG686" s="496"/>
      <c r="AH686" s="496"/>
      <c r="AI686" s="487"/>
      <c r="AJ686" s="496"/>
      <c r="AK686" s="496"/>
      <c r="AL686" s="496"/>
      <c r="AM686" s="496"/>
      <c r="AN686" s="496"/>
      <c r="AO686" s="496" t="s">
        <v>66</v>
      </c>
      <c r="AP686" s="496"/>
      <c r="AQ686" s="496"/>
      <c r="AR686" s="496"/>
      <c r="AS686" s="496"/>
      <c r="AT686" s="496"/>
      <c r="AU686" s="487"/>
      <c r="AV686" s="487"/>
      <c r="AW686" s="487"/>
      <c r="AX686" s="487"/>
      <c r="AY686" s="487"/>
      <c r="AZ686" s="487"/>
      <c r="BA686" s="484"/>
      <c r="BB686" s="484"/>
      <c r="BC686" s="484"/>
      <c r="BD686" s="494"/>
      <c r="BE686" s="494"/>
      <c r="BF686" s="613"/>
      <c r="BG686" s="613"/>
      <c r="BH686" s="613"/>
      <c r="BI686" s="613"/>
      <c r="BJ686" s="613"/>
      <c r="BK686" s="613"/>
      <c r="BL686" s="613"/>
      <c r="BM686" s="613"/>
      <c r="BN686" s="613"/>
      <c r="BO686" s="613"/>
      <c r="BP686" s="613"/>
      <c r="BQ686" s="613"/>
      <c r="BR686" s="613"/>
      <c r="BS686" s="613"/>
      <c r="BT686" s="613"/>
      <c r="BU686" s="613"/>
      <c r="BV686" s="613"/>
      <c r="BW686" s="613"/>
      <c r="BX686" s="613"/>
      <c r="BY686" s="613"/>
      <c r="BZ686" s="613"/>
      <c r="CA686" s="613"/>
      <c r="CB686" s="613"/>
      <c r="CC686" s="613"/>
      <c r="CD686" s="613"/>
      <c r="CE686" s="613"/>
      <c r="CF686" s="613"/>
      <c r="CG686" s="613"/>
      <c r="CH686" s="613"/>
      <c r="CI686" s="613"/>
      <c r="CJ686" s="613"/>
      <c r="CK686" s="613"/>
      <c r="CL686" s="613"/>
      <c r="CM686" s="613"/>
      <c r="CN686" s="613"/>
      <c r="CO686" s="613"/>
      <c r="CP686" s="613"/>
      <c r="CQ686" s="613"/>
      <c r="CR686" s="613"/>
      <c r="CS686" s="613"/>
      <c r="CT686" s="613"/>
      <c r="CU686" s="613"/>
      <c r="CV686" s="613"/>
      <c r="CW686" s="613"/>
      <c r="CX686" s="613"/>
      <c r="CY686" s="613"/>
      <c r="CZ686" s="613"/>
      <c r="DA686" s="613"/>
      <c r="DB686" s="613"/>
      <c r="DC686" s="613"/>
      <c r="DD686" s="613"/>
      <c r="DE686" s="613"/>
      <c r="DF686" s="613"/>
      <c r="DG686" s="613"/>
      <c r="DH686" s="613"/>
      <c r="DI686" s="613"/>
      <c r="DJ686" s="613"/>
      <c r="DK686" s="613"/>
      <c r="DL686" s="613"/>
      <c r="DM686" s="613"/>
      <c r="DN686" s="613"/>
      <c r="DO686" s="613"/>
      <c r="DP686" s="613"/>
      <c r="DQ686" s="613"/>
      <c r="DR686" s="613"/>
      <c r="DS686" s="613"/>
      <c r="DT686" s="613"/>
      <c r="DU686" s="613"/>
      <c r="DV686" s="613"/>
      <c r="DW686" s="613"/>
      <c r="DX686" s="613"/>
      <c r="DY686" s="613"/>
      <c r="DZ686" s="613"/>
      <c r="EA686" s="613"/>
      <c r="EB686" s="613"/>
      <c r="EC686" s="613"/>
      <c r="ED686" s="613"/>
      <c r="EE686" s="613"/>
      <c r="EF686" s="613"/>
      <c r="EG686" s="613"/>
      <c r="EH686" s="613"/>
      <c r="EI686" s="613"/>
      <c r="EJ686" s="613"/>
      <c r="EK686" s="613"/>
      <c r="EL686" s="613"/>
      <c r="EM686" s="613"/>
      <c r="EN686" s="613"/>
      <c r="EO686" s="613"/>
      <c r="EP686" s="613"/>
      <c r="EQ686" s="613"/>
      <c r="ER686" s="613"/>
      <c r="ES686" s="613"/>
      <c r="ET686" s="613"/>
      <c r="EU686" s="613"/>
      <c r="EV686" s="613"/>
      <c r="EW686" s="613"/>
      <c r="EX686" s="613"/>
      <c r="EY686" s="613"/>
      <c r="EZ686" s="613"/>
      <c r="FA686" s="613"/>
      <c r="FB686" s="613"/>
      <c r="FC686" s="613"/>
      <c r="FD686" s="613"/>
      <c r="FE686" s="613"/>
      <c r="FF686" s="613"/>
      <c r="FG686" s="613"/>
      <c r="FH686" s="613"/>
      <c r="FI686" s="613"/>
      <c r="FJ686" s="613"/>
      <c r="FK686" s="613"/>
      <c r="FL686" s="613"/>
      <c r="FM686" s="613"/>
      <c r="FN686" s="613"/>
      <c r="FO686" s="613"/>
      <c r="FP686" s="613"/>
      <c r="FQ686" s="613"/>
      <c r="FR686" s="613"/>
      <c r="FS686" s="613"/>
      <c r="FT686" s="613"/>
      <c r="FU686" s="613"/>
      <c r="FV686" s="613"/>
      <c r="FW686" s="613"/>
      <c r="FX686" s="613"/>
      <c r="FY686" s="613"/>
      <c r="FZ686" s="613"/>
      <c r="GA686" s="613"/>
      <c r="GB686" s="613"/>
      <c r="GC686" s="613"/>
      <c r="GD686" s="613"/>
      <c r="GE686" s="613"/>
      <c r="GF686" s="613"/>
      <c r="GG686" s="613"/>
      <c r="GH686" s="613"/>
      <c r="GI686" s="613"/>
      <c r="GJ686" s="613"/>
      <c r="GK686" s="613"/>
      <c r="GL686" s="613"/>
      <c r="GM686" s="613"/>
      <c r="GN686" s="613"/>
      <c r="GO686" s="613"/>
      <c r="GP686" s="613"/>
      <c r="GQ686" s="613"/>
      <c r="GR686" s="613"/>
      <c r="GS686" s="613"/>
      <c r="GT686" s="613"/>
      <c r="GU686" s="613"/>
      <c r="GV686" s="613"/>
      <c r="GW686" s="613"/>
      <c r="GX686" s="613"/>
      <c r="GY686" s="613"/>
      <c r="GZ686" s="613"/>
      <c r="HA686" s="613"/>
      <c r="HB686" s="613"/>
      <c r="HC686" s="613"/>
      <c r="HD686" s="613"/>
      <c r="HE686" s="613"/>
      <c r="HF686" s="613"/>
      <c r="HG686" s="613"/>
      <c r="HH686" s="613"/>
      <c r="HI686" s="613"/>
      <c r="HJ686" s="613"/>
      <c r="HK686" s="613"/>
      <c r="HL686" s="613"/>
      <c r="HM686" s="613"/>
      <c r="HN686" s="613"/>
      <c r="HO686" s="613"/>
      <c r="HP686" s="613"/>
      <c r="HQ686" s="613"/>
      <c r="HR686" s="613"/>
      <c r="HS686" s="613"/>
      <c r="HT686" s="613"/>
      <c r="HU686" s="613"/>
      <c r="HV686" s="613"/>
      <c r="HW686" s="613"/>
      <c r="HX686" s="613"/>
      <c r="HY686" s="613"/>
      <c r="HZ686" s="613"/>
      <c r="IA686" s="613"/>
      <c r="IB686" s="613"/>
      <c r="IC686" s="613"/>
      <c r="ID686" s="613"/>
      <c r="IE686" s="613"/>
      <c r="IF686" s="613"/>
      <c r="IG686" s="613"/>
      <c r="IH686" s="613"/>
      <c r="II686" s="613"/>
      <c r="IJ686" s="613"/>
      <c r="IK686" s="613"/>
      <c r="IL686" s="613"/>
      <c r="IM686" s="613"/>
      <c r="IN686" s="613"/>
      <c r="IO686" s="613"/>
      <c r="IP686" s="613"/>
      <c r="IQ686" s="613"/>
      <c r="IR686" s="613"/>
      <c r="IS686" s="613"/>
      <c r="IT686" s="613"/>
      <c r="IU686" s="613"/>
      <c r="IV686" s="613"/>
      <c r="IW686" s="613"/>
      <c r="IX686" s="613"/>
      <c r="IY686" s="613"/>
      <c r="IZ686" s="613"/>
      <c r="JA686" s="613"/>
      <c r="JB686" s="613"/>
      <c r="JC686" s="613"/>
      <c r="JD686" s="613"/>
      <c r="JE686" s="613"/>
      <c r="JF686" s="613"/>
      <c r="JG686" s="613"/>
      <c r="JH686" s="613"/>
      <c r="JI686" s="613"/>
      <c r="JJ686" s="613"/>
      <c r="JK686" s="613"/>
      <c r="JL686" s="613"/>
      <c r="JM686" s="613"/>
      <c r="JN686" s="613"/>
      <c r="JO686" s="613"/>
      <c r="JP686" s="613"/>
      <c r="JQ686" s="613"/>
      <c r="JR686" s="613"/>
      <c r="JS686" s="613"/>
      <c r="JT686" s="613"/>
      <c r="JU686" s="613"/>
      <c r="JV686" s="613"/>
      <c r="JW686" s="613"/>
      <c r="JX686" s="613"/>
      <c r="JY686" s="613"/>
      <c r="JZ686" s="613"/>
      <c r="KA686" s="613"/>
      <c r="KB686" s="613"/>
      <c r="KC686" s="613"/>
      <c r="KD686" s="613"/>
      <c r="KE686" s="613"/>
      <c r="KF686" s="613"/>
      <c r="KG686" s="613"/>
      <c r="KH686" s="613"/>
      <c r="KI686" s="613"/>
      <c r="KJ686" s="613"/>
      <c r="KK686" s="613"/>
      <c r="KL686" s="613"/>
      <c r="KM686" s="613"/>
      <c r="KN686" s="613"/>
      <c r="KO686" s="613"/>
      <c r="KP686" s="613"/>
      <c r="KQ686" s="613"/>
      <c r="KR686" s="613"/>
      <c r="KS686" s="613"/>
      <c r="KT686" s="613"/>
      <c r="KU686" s="613"/>
      <c r="KV686" s="613"/>
      <c r="KW686" s="613"/>
      <c r="KX686" s="613"/>
      <c r="KY686" s="613"/>
      <c r="KZ686" s="613"/>
      <c r="LA686" s="613"/>
      <c r="LB686" s="613"/>
      <c r="LC686" s="613"/>
      <c r="LD686" s="613"/>
      <c r="LE686" s="613"/>
      <c r="LF686" s="613"/>
      <c r="LG686" s="613"/>
      <c r="LH686" s="613"/>
      <c r="LI686" s="613"/>
      <c r="LJ686" s="613"/>
      <c r="LK686" s="613"/>
      <c r="LL686" s="613"/>
      <c r="LM686" s="613"/>
      <c r="LN686" s="613"/>
      <c r="LO686" s="613"/>
      <c r="LP686" s="613"/>
      <c r="LQ686" s="613"/>
      <c r="LR686" s="613"/>
      <c r="LS686" s="613"/>
      <c r="LT686" s="613"/>
      <c r="LU686" s="613"/>
      <c r="LV686" s="613"/>
      <c r="LW686" s="613"/>
      <c r="LX686" s="613"/>
      <c r="LY686" s="613"/>
      <c r="LZ686" s="613"/>
      <c r="MA686" s="613"/>
      <c r="MB686" s="613"/>
      <c r="MC686" s="613"/>
      <c r="MD686" s="613"/>
      <c r="ME686" s="613"/>
      <c r="MF686" s="613"/>
      <c r="MG686" s="613"/>
      <c r="MH686" s="613"/>
      <c r="MI686" s="613"/>
      <c r="MJ686" s="613"/>
      <c r="MK686" s="613"/>
      <c r="ML686" s="613"/>
      <c r="MM686" s="613"/>
      <c r="MN686" s="613"/>
      <c r="MO686" s="613"/>
      <c r="MP686" s="613"/>
      <c r="MQ686" s="613"/>
      <c r="MR686" s="613"/>
      <c r="MS686" s="613"/>
      <c r="MT686" s="613"/>
      <c r="MU686" s="613"/>
      <c r="MV686" s="613"/>
      <c r="MW686" s="613"/>
      <c r="MX686" s="613"/>
      <c r="MY686" s="613"/>
      <c r="MZ686" s="613"/>
      <c r="NA686" s="613"/>
      <c r="NB686" s="613"/>
      <c r="NC686" s="613"/>
      <c r="ND686" s="613"/>
      <c r="NE686" s="613"/>
      <c r="NF686" s="613"/>
      <c r="NG686" s="613"/>
      <c r="NH686" s="613"/>
      <c r="NI686" s="613"/>
      <c r="NJ686" s="613"/>
      <c r="NK686" s="613"/>
      <c r="NL686" s="613"/>
      <c r="NM686" s="613"/>
      <c r="NN686" s="613"/>
      <c r="NO686" s="613"/>
      <c r="NP686" s="613"/>
      <c r="NQ686" s="613"/>
      <c r="NR686" s="613"/>
      <c r="NS686" s="613"/>
      <c r="NT686" s="613"/>
      <c r="NU686" s="613"/>
      <c r="NV686" s="613"/>
      <c r="NW686" s="613"/>
      <c r="NX686" s="613"/>
      <c r="NY686" s="613"/>
      <c r="NZ686" s="613"/>
      <c r="OA686" s="613"/>
      <c r="OB686" s="613"/>
      <c r="OC686" s="613"/>
      <c r="OD686" s="613"/>
      <c r="OE686" s="613"/>
      <c r="OF686" s="613"/>
      <c r="OG686" s="613"/>
      <c r="OH686" s="613"/>
      <c r="OI686" s="613"/>
      <c r="OJ686" s="613"/>
      <c r="OK686" s="613"/>
      <c r="OL686" s="613"/>
      <c r="OM686" s="613"/>
      <c r="ON686" s="613"/>
      <c r="OO686" s="613"/>
      <c r="OP686" s="613"/>
      <c r="OQ686" s="613"/>
      <c r="OR686" s="613"/>
      <c r="OS686" s="613"/>
      <c r="OT686" s="613"/>
      <c r="OU686" s="613"/>
      <c r="OV686" s="613"/>
      <c r="OW686" s="613"/>
      <c r="OX686" s="613"/>
      <c r="OY686" s="613"/>
      <c r="OZ686" s="613"/>
      <c r="PA686" s="613"/>
      <c r="PB686" s="613"/>
      <c r="PC686" s="613"/>
      <c r="PD686" s="613"/>
      <c r="PE686" s="613"/>
      <c r="PF686" s="613"/>
      <c r="PG686" s="613"/>
      <c r="PH686" s="613"/>
      <c r="PI686" s="613"/>
      <c r="PJ686" s="613"/>
      <c r="PK686" s="613"/>
      <c r="PL686" s="613"/>
      <c r="PM686" s="613"/>
      <c r="PN686" s="613"/>
      <c r="PO686" s="613"/>
      <c r="PP686" s="613"/>
      <c r="PQ686" s="613"/>
      <c r="PR686" s="613"/>
      <c r="PS686" s="613"/>
      <c r="PT686" s="613"/>
      <c r="PU686" s="613"/>
      <c r="PV686" s="613"/>
      <c r="PW686" s="613"/>
      <c r="PX686" s="613"/>
      <c r="PY686" s="613"/>
      <c r="PZ686" s="613"/>
      <c r="QA686" s="613"/>
      <c r="QB686" s="613"/>
      <c r="QC686" s="613"/>
      <c r="QD686" s="613"/>
      <c r="QE686" s="613"/>
      <c r="QF686" s="613"/>
      <c r="QG686" s="613"/>
      <c r="QH686" s="613"/>
      <c r="QI686" s="613"/>
      <c r="QJ686" s="613"/>
      <c r="QK686" s="613"/>
      <c r="QL686" s="613"/>
      <c r="QM686" s="613"/>
      <c r="QN686" s="613"/>
      <c r="QO686" s="613"/>
      <c r="QP686" s="613"/>
      <c r="QQ686" s="613"/>
      <c r="QR686" s="613"/>
      <c r="QS686" s="613"/>
      <c r="QT686" s="613"/>
      <c r="QU686" s="613"/>
      <c r="QV686" s="613"/>
      <c r="QW686" s="613"/>
      <c r="QX686" s="613"/>
      <c r="QY686" s="613"/>
      <c r="QZ686" s="613"/>
      <c r="RA686" s="613"/>
      <c r="RB686" s="613"/>
      <c r="RC686" s="613"/>
      <c r="RD686" s="613"/>
      <c r="RE686" s="613"/>
      <c r="RF686" s="613"/>
      <c r="RG686" s="613"/>
      <c r="RH686" s="613"/>
      <c r="RI686" s="613"/>
      <c r="RJ686" s="613"/>
      <c r="RK686" s="613"/>
      <c r="RL686" s="613"/>
      <c r="RM686" s="613"/>
      <c r="RN686" s="613"/>
      <c r="RO686" s="613"/>
      <c r="RP686" s="613"/>
      <c r="RQ686" s="613"/>
      <c r="RR686" s="613"/>
      <c r="RS686" s="613"/>
      <c r="RT686" s="613"/>
      <c r="RU686" s="613"/>
      <c r="RV686" s="613"/>
      <c r="RW686" s="613"/>
      <c r="RX686" s="613"/>
      <c r="RY686" s="613"/>
      <c r="RZ686" s="613"/>
      <c r="SA686" s="613"/>
      <c r="SB686" s="613"/>
      <c r="SC686" s="613"/>
      <c r="SD686" s="613"/>
      <c r="SE686" s="613"/>
      <c r="SF686" s="613"/>
      <c r="SG686" s="613"/>
      <c r="SH686" s="613"/>
      <c r="SI686" s="613"/>
      <c r="SJ686" s="613"/>
      <c r="SK686" s="613"/>
      <c r="SL686" s="613"/>
      <c r="SM686" s="613"/>
      <c r="SN686" s="613"/>
      <c r="SO686" s="613"/>
      <c r="SP686" s="613"/>
      <c r="SQ686" s="613"/>
      <c r="SR686" s="613"/>
      <c r="SS686" s="613"/>
      <c r="ST686" s="613"/>
      <c r="SU686" s="613"/>
      <c r="SV686" s="613"/>
      <c r="SW686" s="613"/>
      <c r="SX686" s="613"/>
      <c r="SY686" s="613"/>
      <c r="SZ686" s="613"/>
      <c r="TA686" s="613"/>
      <c r="TB686" s="613"/>
      <c r="TC686" s="613"/>
      <c r="TD686" s="613"/>
      <c r="TE686" s="613"/>
      <c r="TF686" s="613"/>
      <c r="TG686" s="613"/>
      <c r="TH686" s="613"/>
      <c r="TI686" s="613"/>
      <c r="TJ686" s="613"/>
      <c r="TK686" s="613"/>
      <c r="TL686" s="613"/>
      <c r="TM686" s="613"/>
      <c r="TN686" s="613"/>
      <c r="TO686" s="613"/>
      <c r="TP686" s="613"/>
      <c r="TQ686" s="613"/>
      <c r="TR686" s="613"/>
      <c r="TS686" s="613"/>
      <c r="TT686" s="613"/>
      <c r="TU686" s="613"/>
      <c r="TV686" s="613"/>
      <c r="TW686" s="613"/>
      <c r="TX686" s="613"/>
      <c r="TY686" s="613"/>
      <c r="TZ686" s="613"/>
      <c r="UA686" s="613"/>
      <c r="UB686" s="613"/>
      <c r="UC686" s="613"/>
      <c r="UD686" s="613"/>
      <c r="UE686" s="613"/>
      <c r="UF686" s="613"/>
      <c r="UG686" s="613"/>
      <c r="UH686" s="613"/>
      <c r="UI686" s="613"/>
      <c r="UJ686" s="613"/>
      <c r="UK686" s="613"/>
      <c r="UL686" s="613"/>
      <c r="UM686" s="613"/>
      <c r="UN686" s="613"/>
      <c r="UO686" s="613"/>
      <c r="UP686" s="613"/>
      <c r="UQ686" s="613"/>
      <c r="UR686" s="613"/>
      <c r="US686" s="613"/>
      <c r="UT686" s="613"/>
      <c r="UU686" s="613"/>
      <c r="UV686" s="613"/>
      <c r="UW686" s="613"/>
      <c r="UX686" s="613"/>
      <c r="UY686" s="613"/>
      <c r="UZ686" s="613"/>
      <c r="VA686" s="613"/>
      <c r="VB686" s="613"/>
      <c r="VC686" s="613"/>
      <c r="VD686" s="613"/>
      <c r="VE686" s="613"/>
      <c r="VF686" s="613"/>
      <c r="VG686" s="613"/>
      <c r="VH686" s="613"/>
      <c r="VI686" s="613"/>
      <c r="VJ686" s="613"/>
      <c r="VK686" s="613"/>
      <c r="VL686" s="613"/>
      <c r="VM686" s="613"/>
      <c r="VN686" s="613"/>
      <c r="VO686" s="613"/>
      <c r="VP686" s="613"/>
      <c r="VQ686" s="613"/>
      <c r="VR686" s="613"/>
      <c r="VS686" s="613"/>
      <c r="VT686" s="613"/>
      <c r="VU686" s="613"/>
      <c r="VV686" s="613"/>
      <c r="VW686" s="613"/>
      <c r="VX686" s="613"/>
      <c r="VY686" s="613"/>
      <c r="VZ686" s="613"/>
      <c r="WA686" s="613"/>
      <c r="WB686" s="613"/>
      <c r="WC686" s="613"/>
      <c r="WD686" s="613"/>
      <c r="WE686" s="613"/>
      <c r="WF686" s="613"/>
      <c r="WG686" s="613"/>
      <c r="WH686" s="613"/>
      <c r="WI686" s="613"/>
      <c r="WJ686" s="613"/>
      <c r="WK686" s="613"/>
      <c r="WL686" s="613"/>
      <c r="WM686" s="613"/>
      <c r="WN686" s="613"/>
      <c r="WO686" s="613"/>
      <c r="WP686" s="613"/>
      <c r="WQ686" s="613"/>
      <c r="WR686" s="613"/>
      <c r="WS686" s="613"/>
      <c r="WT686" s="613"/>
      <c r="WU686" s="613"/>
      <c r="WV686" s="613"/>
      <c r="WW686" s="613"/>
      <c r="WX686" s="613"/>
      <c r="WY686" s="613"/>
      <c r="WZ686" s="613"/>
      <c r="XA686" s="613"/>
      <c r="XB686" s="613"/>
      <c r="XC686" s="613"/>
      <c r="XD686" s="613"/>
      <c r="XE686" s="613"/>
      <c r="XF686" s="613"/>
      <c r="XG686" s="613"/>
      <c r="XH686" s="613"/>
      <c r="XI686" s="613"/>
      <c r="XJ686" s="613"/>
      <c r="XK686" s="613"/>
      <c r="XL686" s="613"/>
      <c r="XM686" s="613"/>
      <c r="XN686" s="613"/>
      <c r="XO686" s="613"/>
      <c r="XP686" s="613"/>
      <c r="XQ686" s="613"/>
      <c r="XR686" s="613"/>
      <c r="XS686" s="613"/>
      <c r="XT686" s="613"/>
      <c r="XU686" s="613"/>
      <c r="XV686" s="613"/>
      <c r="XW686" s="613"/>
      <c r="XX686" s="613"/>
      <c r="XY686" s="613"/>
      <c r="XZ686" s="613"/>
      <c r="YA686" s="613"/>
      <c r="YB686" s="613"/>
      <c r="YC686" s="613"/>
      <c r="YD686" s="613"/>
      <c r="YE686" s="613"/>
      <c r="YF686" s="613"/>
      <c r="YG686" s="613"/>
      <c r="YH686" s="613"/>
      <c r="YI686" s="613"/>
      <c r="YJ686" s="613"/>
      <c r="YK686" s="613"/>
      <c r="YL686" s="613"/>
      <c r="YM686" s="613"/>
      <c r="YN686" s="613"/>
      <c r="YO686" s="613"/>
      <c r="YP686" s="613"/>
      <c r="YQ686" s="613"/>
      <c r="YR686" s="613"/>
      <c r="YS686" s="613"/>
      <c r="YT686" s="613"/>
      <c r="YU686" s="613"/>
      <c r="YV686" s="613"/>
      <c r="YW686" s="613"/>
      <c r="YX686" s="613"/>
      <c r="YY686" s="613"/>
      <c r="YZ686" s="613"/>
      <c r="ZA686" s="613"/>
      <c r="ZB686" s="613"/>
      <c r="ZC686" s="613"/>
      <c r="ZD686" s="613"/>
      <c r="ZE686" s="613"/>
      <c r="ZF686" s="613"/>
      <c r="ZG686" s="613"/>
      <c r="ZH686" s="613"/>
      <c r="ZI686" s="613"/>
      <c r="ZJ686" s="613"/>
      <c r="ZK686" s="613"/>
      <c r="ZL686" s="613"/>
      <c r="ZM686" s="613"/>
      <c r="ZN686" s="613"/>
      <c r="ZO686" s="613"/>
      <c r="ZP686" s="613"/>
      <c r="ZQ686" s="613"/>
      <c r="ZR686" s="613"/>
      <c r="ZS686" s="613"/>
      <c r="ZT686" s="613"/>
      <c r="ZU686" s="613"/>
      <c r="ZV686" s="613"/>
      <c r="ZW686" s="613"/>
      <c r="ZX686" s="613"/>
      <c r="ZY686" s="613"/>
      <c r="ZZ686" s="613"/>
      <c r="AAA686" s="613"/>
      <c r="AAB686" s="613"/>
      <c r="AAC686" s="613"/>
      <c r="AAD686" s="613"/>
      <c r="AAE686" s="613"/>
      <c r="AAF686" s="613"/>
      <c r="AAG686" s="613"/>
      <c r="AAH686" s="613"/>
      <c r="AAI686" s="613"/>
      <c r="AAJ686" s="613"/>
      <c r="AAK686" s="613"/>
      <c r="AAL686" s="613"/>
      <c r="AAM686" s="613"/>
      <c r="AAN686" s="613"/>
      <c r="AAO686" s="613"/>
      <c r="AAP686" s="613"/>
      <c r="AAQ686" s="613"/>
      <c r="AAR686" s="613"/>
      <c r="AAS686" s="613"/>
      <c r="AAT686" s="613"/>
      <c r="AAU686" s="613"/>
      <c r="AAV686" s="613"/>
      <c r="AAW686" s="613"/>
      <c r="AAX686" s="613"/>
      <c r="AAY686" s="613"/>
      <c r="AAZ686" s="613"/>
      <c r="ABA686" s="613"/>
      <c r="ABB686" s="613"/>
      <c r="ABC686" s="613"/>
      <c r="ABD686" s="613"/>
      <c r="ABE686" s="613"/>
      <c r="ABF686" s="613"/>
      <c r="ABG686" s="613"/>
      <c r="ABH686" s="613"/>
      <c r="ABI686" s="613"/>
      <c r="ABJ686" s="613"/>
      <c r="ABK686" s="613"/>
      <c r="ABL686" s="613"/>
      <c r="ABM686" s="613"/>
      <c r="ABN686" s="613"/>
      <c r="ABO686" s="613"/>
      <c r="ABP686" s="613"/>
      <c r="ABQ686" s="613"/>
      <c r="ABR686" s="613"/>
      <c r="ABS686" s="613"/>
      <c r="ABT686" s="613"/>
      <c r="ABU686" s="613"/>
      <c r="ABV686" s="613"/>
      <c r="ABW686" s="613"/>
      <c r="ABX686" s="613"/>
      <c r="ABY686" s="613"/>
      <c r="ABZ686" s="613"/>
      <c r="ACA686" s="613"/>
      <c r="ACB686" s="613"/>
      <c r="ACC686" s="613"/>
      <c r="ACD686" s="613"/>
      <c r="ACE686" s="613"/>
      <c r="ACF686" s="613"/>
      <c r="ACG686" s="613"/>
      <c r="ACH686" s="613"/>
      <c r="ACI686" s="613"/>
      <c r="ACJ686" s="613"/>
      <c r="ACK686" s="613"/>
      <c r="ACL686" s="613"/>
      <c r="ACM686" s="613"/>
      <c r="ACN686" s="613"/>
      <c r="ACO686" s="613"/>
      <c r="ACP686" s="613"/>
      <c r="ACQ686" s="613"/>
      <c r="ACR686" s="613"/>
      <c r="ACS686" s="613"/>
      <c r="ACT686" s="613"/>
      <c r="ACU686" s="613"/>
      <c r="ACV686" s="613"/>
      <c r="ACW686" s="613"/>
      <c r="ACX686" s="613"/>
      <c r="ACY686" s="613"/>
      <c r="ACZ686" s="613"/>
      <c r="ADA686" s="613"/>
      <c r="ADB686" s="613"/>
      <c r="ADC686" s="613"/>
      <c r="ADD686" s="613"/>
      <c r="ADE686" s="613"/>
      <c r="ADF686" s="613"/>
      <c r="ADG686" s="613"/>
      <c r="ADH686" s="613"/>
      <c r="ADI686" s="613"/>
      <c r="ADJ686" s="613"/>
      <c r="ADK686" s="613"/>
      <c r="ADL686" s="613"/>
      <c r="ADM686" s="613"/>
      <c r="ADN686" s="613"/>
      <c r="ADO686" s="613"/>
      <c r="ADP686" s="613"/>
      <c r="ADQ686" s="613"/>
      <c r="ADR686" s="613"/>
      <c r="ADS686" s="613"/>
      <c r="ADT686" s="613"/>
      <c r="ADU686" s="613"/>
      <c r="ADV686" s="613"/>
      <c r="ADW686" s="613"/>
      <c r="ADX686" s="613"/>
      <c r="ADY686" s="613"/>
      <c r="ADZ686" s="613"/>
      <c r="AEA686" s="613"/>
      <c r="AEB686" s="613"/>
      <c r="AEC686" s="613"/>
      <c r="AED686" s="613"/>
      <c r="AEE686" s="613"/>
      <c r="AEF686" s="613"/>
      <c r="AEG686" s="613"/>
      <c r="AEH686" s="613"/>
      <c r="AEI686" s="613"/>
      <c r="AEJ686" s="613"/>
      <c r="AEK686" s="613"/>
      <c r="AEL686" s="613"/>
      <c r="AEM686" s="613"/>
      <c r="AEN686" s="613"/>
      <c r="AEO686" s="613"/>
      <c r="AEP686" s="613"/>
      <c r="AEQ686" s="613"/>
      <c r="AER686" s="613"/>
      <c r="AES686" s="613"/>
      <c r="AET686" s="613"/>
      <c r="AEU686" s="613"/>
      <c r="AEV686" s="613"/>
      <c r="AEW686" s="613"/>
      <c r="AEX686" s="613"/>
      <c r="AEY686" s="613"/>
      <c r="AEZ686" s="613"/>
      <c r="AFA686" s="613"/>
      <c r="AFB686" s="613"/>
      <c r="AFC686" s="613"/>
      <c r="AFD686" s="613"/>
      <c r="AFE686" s="613"/>
      <c r="AFF686" s="613"/>
      <c r="AFG686" s="613"/>
      <c r="AFH686" s="613"/>
      <c r="AFI686" s="613"/>
      <c r="AFJ686" s="613"/>
      <c r="AFK686" s="613"/>
      <c r="AFL686" s="613"/>
      <c r="AFM686" s="613"/>
      <c r="AFN686" s="613"/>
      <c r="AFO686" s="613"/>
      <c r="AFP686" s="613"/>
      <c r="AFQ686" s="613"/>
      <c r="AFR686" s="613"/>
      <c r="AFS686" s="613"/>
      <c r="AFT686" s="613"/>
      <c r="AFU686" s="613"/>
      <c r="AFV686" s="613"/>
      <c r="AFW686" s="613"/>
      <c r="AFX686" s="613"/>
      <c r="AFY686" s="613"/>
      <c r="AFZ686" s="613"/>
      <c r="AGA686" s="613"/>
      <c r="AGB686" s="613"/>
      <c r="AGC686" s="613"/>
      <c r="AGD686" s="613"/>
      <c r="AGE686" s="613"/>
      <c r="AGF686" s="613"/>
      <c r="AGG686" s="613"/>
      <c r="AGH686" s="613"/>
      <c r="AGI686" s="613"/>
      <c r="AGJ686" s="613"/>
      <c r="AGK686" s="613"/>
      <c r="AGL686" s="613"/>
      <c r="AGM686" s="613"/>
      <c r="AGN686" s="613"/>
      <c r="AGO686" s="613"/>
      <c r="AGP686" s="613"/>
      <c r="AGQ686" s="613"/>
      <c r="AGR686" s="613"/>
      <c r="AGS686" s="613"/>
      <c r="AGT686" s="613"/>
      <c r="AGU686" s="613"/>
      <c r="AGV686" s="613"/>
      <c r="AGW686" s="613"/>
      <c r="AGX686" s="613"/>
      <c r="AGY686" s="613"/>
      <c r="AGZ686" s="613"/>
      <c r="AHA686" s="613"/>
      <c r="AHB686" s="613"/>
      <c r="AHC686" s="613"/>
      <c r="AHD686" s="613"/>
      <c r="AHE686" s="613"/>
      <c r="AHF686" s="613"/>
      <c r="AHG686" s="613"/>
      <c r="AHH686" s="613"/>
      <c r="AHI686" s="613"/>
      <c r="AHJ686" s="613"/>
      <c r="AHK686" s="613"/>
      <c r="AHL686" s="613"/>
      <c r="AHM686" s="613"/>
      <c r="AHN686" s="613"/>
      <c r="AHO686" s="613"/>
      <c r="AHP686" s="613"/>
      <c r="AHQ686" s="613"/>
      <c r="AHR686" s="613"/>
      <c r="AHS686" s="613"/>
      <c r="AHT686" s="613"/>
      <c r="AHU686" s="613"/>
      <c r="AHV686" s="613"/>
      <c r="AHW686" s="613"/>
      <c r="AHX686" s="613"/>
      <c r="AHY686" s="613"/>
      <c r="AHZ686" s="613"/>
      <c r="AIA686" s="613"/>
      <c r="AIB686" s="613"/>
      <c r="AIC686" s="613"/>
      <c r="AID686" s="613"/>
      <c r="AIE686" s="613"/>
      <c r="AIF686" s="613"/>
      <c r="AIG686" s="613"/>
      <c r="AIH686" s="613"/>
      <c r="AII686" s="613"/>
      <c r="AIJ686" s="613"/>
      <c r="AIK686" s="613"/>
      <c r="AIL686" s="613"/>
      <c r="AIM686" s="613"/>
      <c r="AIN686" s="613"/>
      <c r="AIO686" s="613"/>
      <c r="AIP686" s="613"/>
      <c r="AIQ686" s="613"/>
      <c r="AIR686" s="613"/>
      <c r="AIS686" s="613"/>
      <c r="AIT686" s="613"/>
      <c r="AIU686" s="613"/>
      <c r="AIV686" s="613"/>
      <c r="AIW686" s="613"/>
      <c r="AIX686" s="613"/>
      <c r="AIY686" s="613"/>
      <c r="AIZ686" s="613"/>
      <c r="AJA686" s="613"/>
      <c r="AJB686" s="613"/>
      <c r="AJC686" s="613"/>
      <c r="AJD686" s="613"/>
      <c r="AJE686" s="613"/>
      <c r="AJF686" s="613"/>
      <c r="AJG686" s="613"/>
      <c r="AJH686" s="613"/>
      <c r="AJI686" s="613"/>
      <c r="AJJ686" s="613"/>
      <c r="AJK686" s="613"/>
      <c r="AJL686" s="613"/>
      <c r="AJM686" s="613"/>
      <c r="AJN686" s="613"/>
      <c r="AJO686" s="613"/>
      <c r="AJP686" s="613"/>
      <c r="AJQ686" s="613"/>
      <c r="AJR686" s="613"/>
      <c r="AJS686" s="613"/>
      <c r="AJT686" s="613"/>
      <c r="AJU686" s="613"/>
      <c r="AJV686" s="613"/>
      <c r="AJW686" s="613"/>
      <c r="AJX686" s="613"/>
      <c r="AJY686" s="613"/>
      <c r="AJZ686" s="613"/>
      <c r="AKA686" s="613"/>
      <c r="AKB686" s="613"/>
      <c r="AKC686" s="613"/>
      <c r="AKD686" s="613"/>
      <c r="AKE686" s="613"/>
      <c r="AKF686" s="613"/>
      <c r="AKG686" s="613"/>
      <c r="AKH686" s="613"/>
      <c r="AKI686" s="613"/>
      <c r="AKJ686" s="613"/>
      <c r="AKK686" s="613"/>
      <c r="AKL686" s="613"/>
      <c r="AKM686" s="613"/>
      <c r="AKN686" s="613"/>
      <c r="AKO686" s="613"/>
      <c r="AKP686" s="613"/>
      <c r="AKQ686" s="613"/>
      <c r="AKR686" s="613"/>
      <c r="AKS686" s="613"/>
      <c r="AKT686" s="613"/>
      <c r="AKU686" s="613"/>
      <c r="AKV686" s="613"/>
      <c r="AKW686" s="613"/>
      <c r="AKX686" s="613"/>
      <c r="AKY686" s="613"/>
      <c r="AKZ686" s="613"/>
      <c r="ALA686" s="613"/>
      <c r="ALB686" s="613"/>
      <c r="ALC686" s="613"/>
      <c r="ALD686" s="613"/>
      <c r="ALE686" s="613"/>
      <c r="ALF686" s="613"/>
      <c r="ALG686" s="613"/>
      <c r="ALH686" s="613"/>
      <c r="ALI686" s="613"/>
      <c r="ALJ686" s="613"/>
      <c r="ALK686" s="613"/>
      <c r="ALL686" s="613"/>
      <c r="ALM686" s="613"/>
      <c r="ALN686" s="613"/>
      <c r="ALO686" s="613"/>
      <c r="ALP686" s="613"/>
      <c r="ALQ686" s="613"/>
      <c r="ALR686" s="613"/>
      <c r="ALS686" s="613"/>
      <c r="ALT686" s="613"/>
      <c r="ALU686" s="613"/>
      <c r="ALV686" s="613"/>
      <c r="ALW686" s="613"/>
      <c r="ALX686" s="613"/>
      <c r="ALY686" s="613"/>
      <c r="ALZ686" s="613"/>
      <c r="AMA686" s="613"/>
      <c r="AMB686" s="613"/>
      <c r="AMC686" s="613"/>
      <c r="AMD686" s="613"/>
      <c r="AME686" s="613"/>
      <c r="AMF686" s="613"/>
      <c r="AMG686" s="613"/>
      <c r="AMH686" s="613"/>
      <c r="AMI686" s="613"/>
      <c r="AMJ686" s="613"/>
      <c r="AMK686" s="613"/>
      <c r="AML686" s="613"/>
      <c r="AMM686" s="613"/>
      <c r="AMN686" s="613"/>
      <c r="AMO686" s="613"/>
      <c r="AMP686" s="613"/>
      <c r="AMQ686" s="613"/>
      <c r="AMR686" s="613"/>
      <c r="AMS686" s="613"/>
      <c r="AMT686" s="613"/>
      <c r="AMU686" s="613"/>
      <c r="AMV686" s="613"/>
      <c r="AMW686" s="613"/>
      <c r="AMX686" s="613"/>
      <c r="AMY686" s="613"/>
      <c r="AMZ686" s="613"/>
      <c r="ANA686" s="613"/>
      <c r="ANB686" s="613"/>
      <c r="ANC686" s="613"/>
      <c r="AND686" s="613"/>
      <c r="ANE686" s="613"/>
      <c r="ANF686" s="613"/>
      <c r="ANG686" s="613"/>
      <c r="ANH686" s="613"/>
      <c r="ANI686" s="613"/>
      <c r="ANJ686" s="613"/>
      <c r="ANK686" s="613"/>
      <c r="ANL686" s="613"/>
      <c r="ANM686" s="613"/>
      <c r="ANN686" s="613"/>
      <c r="ANO686" s="613"/>
      <c r="ANP686" s="613"/>
      <c r="ANQ686" s="613"/>
      <c r="ANR686" s="613"/>
      <c r="ANS686" s="613"/>
      <c r="ANT686" s="613"/>
      <c r="ANU686" s="613"/>
      <c r="ANV686" s="613"/>
      <c r="ANW686" s="613"/>
      <c r="ANX686" s="613"/>
      <c r="ANY686" s="613"/>
      <c r="ANZ686" s="613"/>
      <c r="AOA686" s="613"/>
      <c r="AOB686" s="613"/>
      <c r="AOC686" s="613"/>
      <c r="AOD686" s="613"/>
      <c r="AOE686" s="613"/>
      <c r="AOF686" s="613"/>
      <c r="AOG686" s="613"/>
      <c r="AOH686" s="613"/>
      <c r="AOI686" s="613"/>
      <c r="AOJ686" s="613"/>
      <c r="AOK686" s="613"/>
      <c r="AOL686" s="613"/>
      <c r="AOM686" s="613"/>
      <c r="AON686" s="613"/>
      <c r="AOO686" s="613"/>
      <c r="AOP686" s="613"/>
      <c r="AOQ686" s="613"/>
      <c r="AOR686" s="613"/>
      <c r="AOS686" s="613"/>
      <c r="AOT686" s="613"/>
      <c r="AOU686" s="613"/>
      <c r="AOV686" s="613"/>
      <c r="AOW686" s="613"/>
      <c r="AOX686" s="613"/>
      <c r="AOY686" s="613"/>
      <c r="AOZ686" s="613"/>
      <c r="APA686" s="613"/>
      <c r="APB686" s="613"/>
      <c r="APC686" s="613"/>
      <c r="APD686" s="613"/>
      <c r="APE686" s="613"/>
      <c r="APF686" s="613"/>
      <c r="APG686" s="613"/>
      <c r="APH686" s="613"/>
      <c r="API686" s="613"/>
      <c r="APJ686" s="613"/>
      <c r="APK686" s="613"/>
      <c r="APL686" s="613"/>
      <c r="APM686" s="613"/>
      <c r="APN686" s="613"/>
      <c r="APO686" s="613"/>
      <c r="APP686" s="613"/>
      <c r="APQ686" s="613"/>
      <c r="APR686" s="613"/>
      <c r="APS686" s="613"/>
      <c r="APT686" s="613"/>
      <c r="APU686" s="613"/>
      <c r="APV686" s="613"/>
      <c r="APW686" s="613"/>
      <c r="APX686" s="613"/>
      <c r="APY686" s="613"/>
      <c r="APZ686" s="613"/>
      <c r="AQA686" s="613"/>
      <c r="AQB686" s="613"/>
      <c r="AQC686" s="613"/>
      <c r="AQD686" s="613"/>
      <c r="AQE686" s="613"/>
      <c r="AQF686" s="613"/>
      <c r="AQG686" s="613"/>
      <c r="AQH686" s="613"/>
      <c r="AQI686" s="613"/>
      <c r="AQJ686" s="613"/>
      <c r="AQK686" s="613"/>
      <c r="AQL686" s="613"/>
      <c r="AQM686" s="613"/>
      <c r="AQN686" s="613"/>
      <c r="AQO686" s="613"/>
      <c r="AQP686" s="613"/>
      <c r="AQQ686" s="613"/>
      <c r="AQR686" s="613"/>
      <c r="AQS686" s="613"/>
      <c r="AQT686" s="613"/>
      <c r="AQU686" s="613"/>
      <c r="AQV686" s="613"/>
      <c r="AQW686" s="613"/>
      <c r="AQX686" s="613"/>
      <c r="AQY686" s="613"/>
      <c r="AQZ686" s="613"/>
      <c r="ARA686" s="613"/>
      <c r="ARB686" s="613"/>
      <c r="ARC686" s="613"/>
      <c r="ARD686" s="613"/>
      <c r="ARE686" s="613"/>
      <c r="ARF686" s="613"/>
      <c r="ARG686" s="613"/>
      <c r="ARH686" s="613"/>
      <c r="ARI686" s="613"/>
      <c r="ARJ686" s="613"/>
      <c r="ARK686" s="613"/>
      <c r="ARL686" s="613"/>
      <c r="ARM686" s="613"/>
      <c r="ARN686" s="613"/>
      <c r="ARO686" s="613"/>
      <c r="ARP686" s="613"/>
      <c r="ARQ686" s="613"/>
      <c r="ARR686" s="613"/>
      <c r="ARS686" s="613"/>
      <c r="ART686" s="613"/>
      <c r="ARU686" s="613"/>
      <c r="ARV686" s="613"/>
      <c r="ARW686" s="613"/>
      <c r="ARX686" s="613"/>
      <c r="ARY686" s="613"/>
      <c r="ARZ686" s="613"/>
      <c r="ASA686" s="613"/>
      <c r="ASB686" s="613"/>
      <c r="ASC686" s="613"/>
      <c r="ASD686" s="613"/>
      <c r="ASE686" s="613"/>
      <c r="ASF686" s="613"/>
      <c r="ASG686" s="613"/>
      <c r="ASH686" s="613"/>
      <c r="ASI686" s="613"/>
      <c r="ASJ686" s="613"/>
      <c r="ASK686" s="613"/>
      <c r="ASL686" s="613"/>
      <c r="ASM686" s="613"/>
      <c r="ASN686" s="613"/>
      <c r="ASO686" s="613"/>
      <c r="ASP686" s="613"/>
      <c r="ASQ686" s="613"/>
      <c r="ASR686" s="613"/>
      <c r="ASS686" s="613"/>
      <c r="AST686" s="613"/>
      <c r="ASU686" s="613"/>
      <c r="ASV686" s="613"/>
      <c r="ASW686" s="613"/>
      <c r="ASX686" s="613"/>
      <c r="ASY686" s="613"/>
      <c r="ASZ686" s="613"/>
      <c r="ATA686" s="613"/>
      <c r="ATB686" s="613"/>
      <c r="ATC686" s="613"/>
      <c r="ATD686" s="613"/>
      <c r="ATE686" s="613"/>
      <c r="ATF686" s="613"/>
      <c r="ATG686" s="613"/>
      <c r="ATH686" s="613"/>
      <c r="ATI686" s="613"/>
      <c r="ATJ686" s="613"/>
      <c r="ATK686" s="613"/>
      <c r="ATL686" s="613"/>
      <c r="ATM686" s="613"/>
      <c r="ATN686" s="613"/>
      <c r="ATO686" s="613"/>
      <c r="ATP686" s="613"/>
      <c r="ATQ686" s="613"/>
      <c r="ATR686" s="613"/>
      <c r="ATS686" s="613"/>
      <c r="ATT686" s="613"/>
      <c r="ATU686" s="613"/>
      <c r="ATV686" s="613"/>
      <c r="ATW686" s="613"/>
      <c r="ATX686" s="613"/>
      <c r="ATY686" s="613"/>
      <c r="ATZ686" s="613"/>
      <c r="AUA686" s="613"/>
      <c r="AUB686" s="613"/>
      <c r="AUC686" s="613"/>
      <c r="AUD686" s="613"/>
      <c r="AUE686" s="613"/>
      <c r="AUF686" s="613"/>
      <c r="AUG686" s="613"/>
      <c r="AUH686" s="613"/>
      <c r="AUI686" s="613"/>
      <c r="AUJ686" s="613"/>
      <c r="AUK686" s="613"/>
      <c r="AUL686" s="613"/>
      <c r="AUM686" s="613"/>
      <c r="AUN686" s="613"/>
      <c r="AUO686" s="613"/>
      <c r="AUP686" s="613"/>
      <c r="AUQ686" s="613"/>
      <c r="AUR686" s="613"/>
      <c r="AUS686" s="613"/>
      <c r="AUT686" s="613"/>
      <c r="AUU686" s="613"/>
      <c r="AUV686" s="613"/>
      <c r="AUW686" s="613"/>
      <c r="AUX686" s="613"/>
      <c r="AUY686" s="613"/>
      <c r="AUZ686" s="613"/>
      <c r="AVA686" s="613"/>
      <c r="AVB686" s="613"/>
      <c r="AVC686" s="613"/>
      <c r="AVD686" s="613"/>
      <c r="AVE686" s="613"/>
      <c r="AVF686" s="613"/>
      <c r="AVG686" s="613"/>
      <c r="AVH686" s="613"/>
      <c r="AVI686" s="613"/>
      <c r="AVJ686" s="613"/>
      <c r="AVK686" s="613"/>
      <c r="AVL686" s="613"/>
      <c r="AVM686" s="613"/>
      <c r="AVN686" s="613"/>
      <c r="AVO686" s="613"/>
      <c r="AVP686" s="613"/>
      <c r="AVQ686" s="613"/>
      <c r="AVR686" s="613"/>
      <c r="AVS686" s="613"/>
      <c r="AVT686" s="613"/>
      <c r="AVU686" s="613"/>
      <c r="AVV686" s="613"/>
      <c r="AVW686" s="613"/>
      <c r="AVX686" s="613"/>
      <c r="AVY686" s="613"/>
      <c r="AVZ686" s="613"/>
      <c r="AWA686" s="613"/>
      <c r="AWB686" s="613"/>
      <c r="AWC686" s="613"/>
      <c r="AWD686" s="613"/>
      <c r="AWE686" s="613"/>
      <c r="AWF686" s="613"/>
      <c r="AWG686" s="613"/>
      <c r="AWH686" s="613"/>
      <c r="AWI686" s="613"/>
      <c r="AWJ686" s="613"/>
      <c r="AWK686" s="613"/>
      <c r="AWL686" s="613"/>
      <c r="AWM686" s="613"/>
      <c r="AWN686" s="613"/>
      <c r="AWO686" s="613"/>
      <c r="AWP686" s="613"/>
      <c r="AWQ686" s="613"/>
      <c r="AWR686" s="613"/>
      <c r="AWS686" s="613"/>
      <c r="AWT686" s="613"/>
      <c r="AWU686" s="613"/>
      <c r="AWV686" s="613"/>
      <c r="AWW686" s="613"/>
      <c r="AWX686" s="613"/>
      <c r="AWY686" s="613"/>
      <c r="AWZ686" s="613"/>
      <c r="AXA686" s="613"/>
      <c r="AXB686" s="613"/>
      <c r="AXC686" s="613"/>
      <c r="AXD686" s="613"/>
      <c r="AXE686" s="613"/>
      <c r="AXF686" s="613"/>
      <c r="AXG686" s="613"/>
      <c r="AXH686" s="613"/>
      <c r="AXI686" s="613"/>
      <c r="AXJ686" s="613"/>
      <c r="AXK686" s="613"/>
      <c r="AXL686" s="613"/>
      <c r="AXM686" s="613"/>
      <c r="AXN686" s="613"/>
      <c r="AXO686" s="613"/>
      <c r="AXP686" s="613"/>
      <c r="AXQ686" s="613"/>
      <c r="AXR686" s="613"/>
      <c r="AXS686" s="613"/>
      <c r="AXT686" s="613"/>
      <c r="AXU686" s="613"/>
      <c r="AXV686" s="613"/>
      <c r="AXW686" s="613"/>
      <c r="AXX686" s="613"/>
      <c r="AXY686" s="613"/>
      <c r="AXZ686" s="613"/>
      <c r="AYA686" s="613"/>
      <c r="AYB686" s="613"/>
      <c r="AYC686" s="613"/>
      <c r="AYD686" s="613"/>
      <c r="AYE686" s="613"/>
      <c r="AYF686" s="613"/>
      <c r="AYG686" s="613"/>
      <c r="AYH686" s="613"/>
      <c r="AYI686" s="613"/>
      <c r="AYJ686" s="613"/>
      <c r="AYK686" s="613"/>
      <c r="AYL686" s="613"/>
      <c r="AYM686" s="613"/>
      <c r="AYN686" s="613"/>
      <c r="AYO686" s="613"/>
      <c r="AYP686" s="613"/>
      <c r="AYQ686" s="613"/>
      <c r="AYR686" s="613"/>
      <c r="AYS686" s="613"/>
      <c r="AYT686" s="613"/>
      <c r="AYU686" s="613"/>
      <c r="AYV686" s="613"/>
      <c r="AYW686" s="613"/>
      <c r="AYX686" s="613"/>
      <c r="AYY686" s="613"/>
      <c r="AYZ686" s="613"/>
      <c r="AZA686" s="613"/>
      <c r="AZB686" s="613"/>
      <c r="AZC686" s="613"/>
      <c r="AZD686" s="613"/>
      <c r="AZE686" s="613"/>
      <c r="AZF686" s="613"/>
      <c r="AZG686" s="613"/>
      <c r="AZH686" s="613"/>
      <c r="AZI686" s="613"/>
      <c r="AZJ686" s="613"/>
      <c r="AZK686" s="613"/>
      <c r="AZL686" s="613"/>
      <c r="AZM686" s="613"/>
      <c r="AZN686" s="613"/>
      <c r="AZO686" s="613"/>
      <c r="AZP686" s="613"/>
      <c r="AZQ686" s="613"/>
      <c r="AZR686" s="613"/>
      <c r="AZS686" s="613"/>
      <c r="AZT686" s="613"/>
      <c r="AZU686" s="613"/>
      <c r="AZV686" s="613"/>
      <c r="AZW686" s="613"/>
      <c r="AZX686" s="613"/>
      <c r="AZY686" s="613"/>
      <c r="AZZ686" s="613"/>
      <c r="BAA686" s="613"/>
      <c r="BAB686" s="613"/>
      <c r="BAC686" s="613"/>
      <c r="BAD686" s="613"/>
      <c r="BAE686" s="613"/>
      <c r="BAF686" s="613"/>
      <c r="BAG686" s="613"/>
      <c r="BAH686" s="613"/>
      <c r="BAI686" s="613"/>
      <c r="BAJ686" s="613"/>
      <c r="BAK686" s="613"/>
      <c r="BAL686" s="613"/>
      <c r="BAM686" s="613"/>
      <c r="BAN686" s="613"/>
      <c r="BAO686" s="613"/>
      <c r="BAP686" s="613"/>
      <c r="BAQ686" s="613"/>
      <c r="BAR686" s="613"/>
      <c r="BAS686" s="613"/>
      <c r="BAT686" s="613"/>
      <c r="BAU686" s="613"/>
      <c r="BAV686" s="613"/>
      <c r="BAW686" s="613"/>
      <c r="BAX686" s="613"/>
      <c r="BAY686" s="613"/>
      <c r="BAZ686" s="613"/>
      <c r="BBA686" s="613"/>
      <c r="BBB686" s="613"/>
      <c r="BBC686" s="613"/>
      <c r="BBD686" s="613"/>
      <c r="BBE686" s="613"/>
      <c r="BBF686" s="613"/>
      <c r="BBG686" s="613"/>
      <c r="BBH686" s="613"/>
      <c r="BBI686" s="613"/>
      <c r="BBJ686" s="613"/>
      <c r="BBK686" s="613"/>
      <c r="BBL686" s="613"/>
      <c r="BBM686" s="613"/>
      <c r="BBN686" s="613"/>
      <c r="BBO686" s="613"/>
      <c r="BBP686" s="613"/>
      <c r="BBQ686" s="613"/>
      <c r="BBR686" s="613"/>
      <c r="BBS686" s="613"/>
      <c r="BBT686" s="613"/>
      <c r="BBU686" s="613"/>
      <c r="BBV686" s="613"/>
      <c r="BBW686" s="613"/>
      <c r="BBX686" s="613"/>
      <c r="BBY686" s="613"/>
      <c r="BBZ686" s="613"/>
      <c r="BCA686" s="613"/>
      <c r="BCB686" s="613"/>
      <c r="BCC686" s="613"/>
      <c r="BCD686" s="613"/>
      <c r="BCE686" s="613"/>
      <c r="BCF686" s="613"/>
      <c r="BCG686" s="613"/>
      <c r="BCH686" s="613"/>
      <c r="BCI686" s="613"/>
      <c r="BCJ686" s="613"/>
      <c r="BCK686" s="613"/>
      <c r="BCL686" s="613"/>
      <c r="BCM686" s="613"/>
      <c r="BCN686" s="613"/>
      <c r="BCO686" s="613"/>
      <c r="BCP686" s="613"/>
      <c r="BCQ686" s="613"/>
      <c r="BCR686" s="613"/>
      <c r="BCS686" s="613"/>
      <c r="BCT686" s="613"/>
      <c r="BCU686" s="613"/>
      <c r="BCV686" s="613"/>
      <c r="BCW686" s="613"/>
      <c r="BCX686" s="613"/>
      <c r="BCY686" s="613"/>
      <c r="BCZ686" s="613"/>
      <c r="BDA686" s="613"/>
      <c r="BDB686" s="613"/>
      <c r="BDC686" s="613"/>
      <c r="BDD686" s="613"/>
      <c r="BDE686" s="613"/>
      <c r="BDF686" s="613"/>
      <c r="BDG686" s="613"/>
      <c r="BDH686" s="613"/>
      <c r="BDI686" s="613"/>
      <c r="BDJ686" s="613"/>
      <c r="BDK686" s="613"/>
      <c r="BDL686" s="613"/>
      <c r="BDM686" s="613"/>
      <c r="BDN686" s="613"/>
      <c r="BDO686" s="613"/>
      <c r="BDP686" s="613"/>
      <c r="BDQ686" s="613"/>
      <c r="BDR686" s="613"/>
      <c r="BDS686" s="613"/>
      <c r="BDT686" s="613"/>
      <c r="BDU686" s="613"/>
      <c r="BDV686" s="613"/>
      <c r="BDW686" s="613"/>
      <c r="BDX686" s="613"/>
      <c r="BDY686" s="613"/>
      <c r="BDZ686" s="613"/>
      <c r="BEA686" s="613"/>
      <c r="BEB686" s="613"/>
      <c r="BEC686" s="613"/>
      <c r="BED686" s="613"/>
      <c r="BEE686" s="613"/>
      <c r="BEF686" s="613"/>
      <c r="BEG686" s="613"/>
      <c r="BEH686" s="613"/>
      <c r="BEI686" s="613"/>
      <c r="BEJ686" s="613"/>
      <c r="BEK686" s="613"/>
      <c r="BEL686" s="613"/>
      <c r="BEM686" s="613"/>
      <c r="BEN686" s="613"/>
      <c r="BEO686" s="613"/>
      <c r="BEP686" s="613"/>
      <c r="BEQ686" s="613"/>
      <c r="BER686" s="613"/>
      <c r="BES686" s="613"/>
      <c r="BET686" s="613"/>
      <c r="BEU686" s="613"/>
      <c r="BEV686" s="613"/>
      <c r="BEW686" s="613"/>
      <c r="BEX686" s="613"/>
      <c r="BEY686" s="613"/>
      <c r="BEZ686" s="613"/>
      <c r="BFA686" s="613"/>
      <c r="BFB686" s="613"/>
      <c r="BFC686" s="613"/>
      <c r="BFD686" s="613"/>
      <c r="BFE686" s="613"/>
      <c r="BFF686" s="613"/>
      <c r="BFG686" s="613"/>
      <c r="BFH686" s="613"/>
      <c r="BFI686" s="613"/>
      <c r="BFJ686" s="613"/>
      <c r="BFK686" s="613"/>
      <c r="BFL686" s="613"/>
      <c r="BFM686" s="613"/>
      <c r="BFN686" s="613"/>
      <c r="BFO686" s="613"/>
      <c r="BFP686" s="613"/>
      <c r="BFQ686" s="613"/>
      <c r="BFR686" s="613"/>
      <c r="BFS686" s="613"/>
      <c r="BFT686" s="613"/>
      <c r="BFU686" s="613"/>
      <c r="BFV686" s="613"/>
      <c r="BFW686" s="613"/>
      <c r="BFX686" s="613"/>
      <c r="BFY686" s="613"/>
      <c r="BFZ686" s="613"/>
      <c r="BGA686" s="613"/>
      <c r="BGB686" s="613"/>
      <c r="BGC686" s="613"/>
      <c r="BGD686" s="613"/>
      <c r="BGE686" s="613"/>
      <c r="BGF686" s="613"/>
      <c r="BGG686" s="613"/>
      <c r="BGH686" s="613"/>
      <c r="BGI686" s="613"/>
      <c r="BGJ686" s="613"/>
      <c r="BGK686" s="613"/>
      <c r="BGL686" s="613"/>
      <c r="BGM686" s="613"/>
      <c r="BGN686" s="613"/>
      <c r="BGO686" s="613"/>
      <c r="BGP686" s="613"/>
      <c r="BGQ686" s="613"/>
      <c r="BGR686" s="613"/>
      <c r="BGS686" s="613"/>
      <c r="BGT686" s="613"/>
      <c r="BGU686" s="613"/>
      <c r="BGV686" s="613"/>
      <c r="BGW686" s="613"/>
      <c r="BGX686" s="613"/>
      <c r="BGY686" s="613"/>
      <c r="BGZ686" s="613"/>
      <c r="BHA686" s="613"/>
      <c r="BHB686" s="613"/>
      <c r="BHC686" s="613"/>
      <c r="BHD686" s="613"/>
      <c r="BHE686" s="613"/>
      <c r="BHF686" s="613"/>
      <c r="BHG686" s="613"/>
      <c r="BHH686" s="613"/>
      <c r="BHI686" s="613"/>
      <c r="BHJ686" s="613"/>
      <c r="BHK686" s="613"/>
      <c r="BHL686" s="613"/>
      <c r="BHM686" s="613"/>
      <c r="BHN686" s="613"/>
      <c r="BHO686" s="613"/>
      <c r="BHP686" s="613"/>
      <c r="BHQ686" s="613"/>
      <c r="BHR686" s="613"/>
      <c r="BHS686" s="613"/>
      <c r="BHT686" s="613"/>
      <c r="BHU686" s="613"/>
      <c r="BHV686" s="613"/>
      <c r="BHW686" s="613"/>
      <c r="BHX686" s="613"/>
      <c r="BHY686" s="613"/>
      <c r="BHZ686" s="613"/>
      <c r="BIA686" s="613"/>
      <c r="BIB686" s="613"/>
      <c r="BIC686" s="613"/>
      <c r="BID686" s="613"/>
      <c r="BIE686" s="613"/>
      <c r="BIF686" s="613"/>
      <c r="BIG686" s="613"/>
      <c r="BIH686" s="613"/>
      <c r="BII686" s="613"/>
      <c r="BIJ686" s="613"/>
      <c r="BIK686" s="613"/>
      <c r="BIL686" s="613"/>
      <c r="BIM686" s="613"/>
      <c r="BIN686" s="613"/>
      <c r="BIO686" s="613"/>
      <c r="BIP686" s="613"/>
      <c r="BIQ686" s="613"/>
      <c r="BIR686" s="613"/>
      <c r="BIS686" s="613"/>
      <c r="BIT686" s="613"/>
      <c r="BIU686" s="613"/>
      <c r="BIV686" s="613"/>
      <c r="BIW686" s="613"/>
      <c r="BIX686" s="613"/>
      <c r="BIY686" s="613"/>
      <c r="BIZ686" s="613"/>
      <c r="BJA686" s="613"/>
      <c r="BJB686" s="613"/>
      <c r="BJC686" s="613"/>
      <c r="BJD686" s="613"/>
      <c r="BJE686" s="613"/>
      <c r="BJF686" s="613"/>
      <c r="BJG686" s="613"/>
      <c r="BJH686" s="613"/>
      <c r="BJI686" s="613"/>
      <c r="BJJ686" s="613"/>
      <c r="BJK686" s="613"/>
      <c r="BJL686" s="613"/>
      <c r="BJM686" s="613"/>
      <c r="BJN686" s="613"/>
      <c r="BJO686" s="613"/>
      <c r="BJP686" s="613"/>
      <c r="BJQ686" s="613"/>
      <c r="BJR686" s="613"/>
      <c r="BJS686" s="613"/>
      <c r="BJT686" s="613"/>
      <c r="BJU686" s="613"/>
      <c r="BJV686" s="613"/>
      <c r="BJW686" s="613"/>
      <c r="BJX686" s="613"/>
      <c r="BJY686" s="613"/>
      <c r="BJZ686" s="613"/>
      <c r="BKA686" s="613"/>
      <c r="BKB686" s="613"/>
      <c r="BKC686" s="613"/>
      <c r="BKD686" s="613"/>
      <c r="BKE686" s="613"/>
      <c r="BKF686" s="613"/>
      <c r="BKG686" s="613"/>
      <c r="BKH686" s="613"/>
      <c r="BKI686" s="613"/>
      <c r="BKJ686" s="613"/>
      <c r="BKK686" s="613"/>
      <c r="BKL686" s="613"/>
      <c r="BKM686" s="613"/>
      <c r="BKN686" s="613"/>
      <c r="BKO686" s="613"/>
      <c r="BKP686" s="613"/>
      <c r="BKQ686" s="613"/>
      <c r="BKR686" s="613"/>
      <c r="BKS686" s="613"/>
      <c r="BKT686" s="613"/>
      <c r="BKU686" s="613"/>
      <c r="BKV686" s="613"/>
      <c r="BKW686" s="613"/>
      <c r="BKX686" s="613"/>
      <c r="BKY686" s="613"/>
      <c r="BKZ686" s="613"/>
      <c r="BLA686" s="613"/>
      <c r="BLB686" s="613"/>
      <c r="BLC686" s="613"/>
      <c r="BLD686" s="613"/>
      <c r="BLE686" s="613"/>
      <c r="BLF686" s="613"/>
      <c r="BLG686" s="613"/>
      <c r="BLH686" s="613"/>
      <c r="BLI686" s="613"/>
      <c r="BLJ686" s="613"/>
      <c r="BLK686" s="613"/>
      <c r="BLL686" s="613"/>
      <c r="BLM686" s="613"/>
      <c r="BLN686" s="613"/>
      <c r="BLO686" s="613"/>
      <c r="BLP686" s="613"/>
      <c r="BLQ686" s="613"/>
      <c r="BLR686" s="613"/>
      <c r="BLS686" s="613"/>
      <c r="BLT686" s="613"/>
      <c r="BLU686" s="613"/>
      <c r="BLV686" s="613"/>
      <c r="BLW686" s="613"/>
      <c r="BLX686" s="613"/>
      <c r="BLY686" s="613"/>
      <c r="BLZ686" s="613"/>
      <c r="BMA686" s="613"/>
      <c r="BMB686" s="613"/>
      <c r="BMC686" s="613"/>
      <c r="BMD686" s="613"/>
      <c r="BME686" s="613"/>
      <c r="BMF686" s="613"/>
      <c r="BMG686" s="613"/>
      <c r="BMH686" s="613"/>
      <c r="BMI686" s="613"/>
      <c r="BMJ686" s="613"/>
      <c r="BMK686" s="613"/>
      <c r="BML686" s="613"/>
      <c r="BMM686" s="613"/>
      <c r="BMN686" s="613"/>
      <c r="BMO686" s="613"/>
      <c r="BMP686" s="613"/>
      <c r="BMQ686" s="613"/>
      <c r="BMR686" s="613"/>
      <c r="BMS686" s="613"/>
      <c r="BMT686" s="613"/>
      <c r="BMU686" s="613"/>
      <c r="BMV686" s="613"/>
      <c r="BMW686" s="613"/>
      <c r="BMX686" s="613"/>
      <c r="BMY686" s="613"/>
      <c r="BMZ686" s="613"/>
      <c r="BNA686" s="613"/>
      <c r="BNB686" s="613"/>
      <c r="BNC686" s="613"/>
      <c r="BND686" s="613"/>
      <c r="BNE686" s="613"/>
      <c r="BNF686" s="613"/>
      <c r="BNG686" s="613"/>
      <c r="BNH686" s="613"/>
      <c r="BNI686" s="613"/>
      <c r="BNJ686" s="613"/>
      <c r="BNK686" s="613"/>
      <c r="BNL686" s="613"/>
      <c r="BNM686" s="613"/>
      <c r="BNN686" s="613"/>
      <c r="BNO686" s="613"/>
      <c r="BNP686" s="613"/>
      <c r="BNQ686" s="613"/>
      <c r="BNR686" s="613"/>
      <c r="BNS686" s="613"/>
      <c r="BNT686" s="613"/>
      <c r="BNU686" s="613"/>
      <c r="BNV686" s="613"/>
      <c r="BNW686" s="613"/>
      <c r="BNX686" s="613"/>
      <c r="BNY686" s="613"/>
      <c r="BNZ686" s="613"/>
      <c r="BOA686" s="613"/>
      <c r="BOB686" s="613"/>
      <c r="BOC686" s="613"/>
      <c r="BOD686" s="613"/>
      <c r="BOE686" s="613"/>
      <c r="BOF686" s="613"/>
      <c r="BOG686" s="613"/>
      <c r="BOH686" s="613"/>
      <c r="BOI686" s="613"/>
      <c r="BOJ686" s="613"/>
      <c r="BOK686" s="613"/>
      <c r="BOL686" s="613"/>
      <c r="BOM686" s="613"/>
      <c r="BON686" s="613"/>
      <c r="BOO686" s="613"/>
      <c r="BOP686" s="613"/>
      <c r="BOQ686" s="613"/>
      <c r="BOR686" s="613"/>
      <c r="BOS686" s="613"/>
      <c r="BOT686" s="613"/>
      <c r="BOU686" s="613"/>
      <c r="BOV686" s="613"/>
      <c r="BOW686" s="613"/>
      <c r="BOX686" s="613"/>
      <c r="BOY686" s="613"/>
      <c r="BOZ686" s="613"/>
      <c r="BPA686" s="613"/>
      <c r="BPB686" s="613"/>
      <c r="BPC686" s="613"/>
      <c r="BPD686" s="613"/>
      <c r="BPE686" s="613"/>
      <c r="BPF686" s="613"/>
      <c r="BPG686" s="613"/>
      <c r="BPH686" s="613"/>
      <c r="BPI686" s="613"/>
      <c r="BPJ686" s="613"/>
      <c r="BPK686" s="613"/>
      <c r="BPL686" s="613"/>
      <c r="BPM686" s="613"/>
      <c r="BPN686" s="613"/>
      <c r="BPO686" s="613"/>
      <c r="BPP686" s="613"/>
      <c r="BPQ686" s="613"/>
      <c r="BPR686" s="613"/>
      <c r="BPS686" s="613"/>
      <c r="BPT686" s="613"/>
      <c r="BPU686" s="613"/>
      <c r="BPV686" s="613"/>
      <c r="BPW686" s="613"/>
      <c r="BPX686" s="613"/>
      <c r="BPY686" s="613"/>
      <c r="BPZ686" s="613"/>
      <c r="BQA686" s="613"/>
      <c r="BQB686" s="613"/>
      <c r="BQC686" s="613"/>
      <c r="BQD686" s="613"/>
      <c r="BQE686" s="613"/>
      <c r="BQF686" s="613"/>
      <c r="BQG686" s="613"/>
      <c r="BQH686" s="613"/>
      <c r="BQI686" s="613"/>
      <c r="BQJ686" s="613"/>
      <c r="BQK686" s="613"/>
      <c r="BQL686" s="613"/>
      <c r="BQM686" s="613"/>
      <c r="BQN686" s="613"/>
      <c r="BQO686" s="613"/>
      <c r="BQP686" s="613"/>
      <c r="BQQ686" s="613"/>
      <c r="BQR686" s="613"/>
      <c r="BQS686" s="613"/>
      <c r="BQT686" s="613"/>
      <c r="BQU686" s="613"/>
      <c r="BQV686" s="613"/>
      <c r="BQW686" s="613"/>
      <c r="BQX686" s="613"/>
      <c r="BQY686" s="613"/>
      <c r="BQZ686" s="613"/>
      <c r="BRA686" s="613"/>
      <c r="BRB686" s="613"/>
      <c r="BRC686" s="613"/>
      <c r="BRD686" s="613"/>
      <c r="BRE686" s="613"/>
      <c r="BRF686" s="613"/>
      <c r="BRG686" s="613"/>
      <c r="BRH686" s="613"/>
      <c r="BRI686" s="613"/>
      <c r="BRJ686" s="613"/>
      <c r="BRK686" s="613"/>
      <c r="BRL686" s="613"/>
      <c r="BRM686" s="613"/>
      <c r="BRN686" s="613"/>
      <c r="BRO686" s="613"/>
      <c r="BRP686" s="613"/>
      <c r="BRQ686" s="613"/>
      <c r="BRR686" s="613"/>
      <c r="BRS686" s="613"/>
      <c r="BRT686" s="613"/>
      <c r="BRU686" s="613"/>
      <c r="BRV686" s="613"/>
      <c r="BRW686" s="613"/>
      <c r="BRX686" s="613"/>
      <c r="BRY686" s="613"/>
      <c r="BRZ686" s="613"/>
      <c r="BSA686" s="613"/>
      <c r="BSB686" s="613"/>
      <c r="BSC686" s="613"/>
      <c r="BSD686" s="613"/>
      <c r="BSE686" s="613"/>
      <c r="BSF686" s="613"/>
      <c r="BSG686" s="613"/>
      <c r="BSH686" s="613"/>
      <c r="BSI686" s="613"/>
      <c r="BSJ686" s="613"/>
      <c r="BSK686" s="613"/>
      <c r="BSL686" s="613"/>
      <c r="BSM686" s="613"/>
      <c r="BSN686" s="613"/>
      <c r="BSO686" s="613"/>
      <c r="BSP686" s="613"/>
      <c r="BSQ686" s="613"/>
      <c r="BSR686" s="613"/>
      <c r="BSS686" s="613"/>
      <c r="BST686" s="613"/>
      <c r="BSU686" s="613"/>
      <c r="BSV686" s="613"/>
      <c r="BSW686" s="613"/>
      <c r="BSX686" s="613"/>
      <c r="BSY686" s="613"/>
      <c r="BSZ686" s="613"/>
      <c r="BTA686" s="613"/>
      <c r="BTB686" s="613"/>
      <c r="BTC686" s="613"/>
      <c r="BTD686" s="613"/>
      <c r="BTE686" s="613"/>
      <c r="BTF686" s="613"/>
      <c r="BTG686" s="613"/>
      <c r="BTH686" s="613"/>
      <c r="BTI686" s="613"/>
      <c r="BTJ686" s="613"/>
      <c r="BTK686" s="613"/>
      <c r="BTL686" s="613"/>
      <c r="BTM686" s="613"/>
      <c r="BTN686" s="613"/>
      <c r="BTO686" s="613"/>
      <c r="BTP686" s="613"/>
      <c r="BTQ686" s="613"/>
      <c r="BTR686" s="613"/>
      <c r="BTS686" s="613"/>
      <c r="BTT686" s="613"/>
      <c r="BTU686" s="613"/>
      <c r="BTV686" s="613"/>
      <c r="BTW686" s="613"/>
      <c r="BTX686" s="613"/>
      <c r="BTY686" s="613"/>
      <c r="BTZ686" s="613"/>
      <c r="BUA686" s="613"/>
      <c r="BUB686" s="613"/>
      <c r="BUC686" s="613"/>
      <c r="BUD686" s="613"/>
      <c r="BUE686" s="613"/>
      <c r="BUF686" s="613"/>
      <c r="BUG686" s="613"/>
      <c r="BUH686" s="613"/>
      <c r="BUI686" s="613"/>
      <c r="BUJ686" s="613"/>
      <c r="BUK686" s="613"/>
      <c r="BUL686" s="613"/>
      <c r="BUM686" s="613"/>
      <c r="BUN686" s="613"/>
      <c r="BUO686" s="613"/>
      <c r="BUP686" s="613"/>
      <c r="BUQ686" s="613"/>
      <c r="BUR686" s="613"/>
      <c r="BUS686" s="613"/>
      <c r="BUT686" s="613"/>
      <c r="BUU686" s="613"/>
      <c r="BUV686" s="613"/>
      <c r="BUW686" s="613"/>
      <c r="BUX686" s="613"/>
      <c r="BUY686" s="613"/>
      <c r="BUZ686" s="613"/>
      <c r="BVA686" s="613"/>
      <c r="BVB686" s="613"/>
      <c r="BVC686" s="613"/>
      <c r="BVD686" s="613"/>
      <c r="BVE686" s="613"/>
      <c r="BVF686" s="613"/>
      <c r="BVG686" s="613"/>
      <c r="BVH686" s="613"/>
      <c r="BVI686" s="613"/>
      <c r="BVJ686" s="613"/>
      <c r="BVK686" s="613"/>
      <c r="BVL686" s="613"/>
      <c r="BVM686" s="613"/>
      <c r="BVN686" s="613"/>
      <c r="BVO686" s="613"/>
      <c r="BVP686" s="613"/>
      <c r="BVQ686" s="613"/>
      <c r="BVR686" s="613"/>
      <c r="BVS686" s="613"/>
      <c r="BVT686" s="613"/>
      <c r="BVU686" s="613"/>
      <c r="BVV686" s="613"/>
      <c r="BVW686" s="613"/>
      <c r="BVX686" s="613"/>
      <c r="BVY686" s="613"/>
      <c r="BVZ686" s="613"/>
      <c r="BWA686" s="613"/>
      <c r="BWB686" s="613"/>
      <c r="BWC686" s="613"/>
      <c r="BWD686" s="613"/>
      <c r="BWE686" s="613"/>
      <c r="BWF686" s="613"/>
      <c r="BWG686" s="613"/>
      <c r="BWH686" s="613"/>
      <c r="BWI686" s="613"/>
      <c r="BWJ686" s="613"/>
      <c r="BWK686" s="613"/>
      <c r="BWL686" s="613"/>
      <c r="BWM686" s="613"/>
      <c r="BWN686" s="613"/>
      <c r="BWO686" s="613"/>
      <c r="BWP686" s="613"/>
      <c r="BWQ686" s="613"/>
      <c r="BWR686" s="613"/>
      <c r="BWS686" s="613"/>
      <c r="BWT686" s="613"/>
      <c r="BWU686" s="613"/>
      <c r="BWV686" s="613"/>
      <c r="BWW686" s="613"/>
      <c r="BWX686" s="613"/>
      <c r="BWY686" s="613"/>
      <c r="BWZ686" s="613"/>
      <c r="BXA686" s="613"/>
      <c r="BXB686" s="613"/>
      <c r="BXC686" s="613"/>
      <c r="BXD686" s="613"/>
      <c r="BXE686" s="613"/>
      <c r="BXF686" s="613"/>
      <c r="BXG686" s="613"/>
      <c r="BXH686" s="613"/>
      <c r="BXI686" s="613"/>
      <c r="BXJ686" s="613"/>
      <c r="BXK686" s="613"/>
      <c r="BXL686" s="613"/>
      <c r="BXM686" s="613"/>
      <c r="BXN686" s="613"/>
      <c r="BXO686" s="613"/>
      <c r="BXP686" s="613"/>
      <c r="BXQ686" s="613"/>
      <c r="BXR686" s="613"/>
      <c r="BXS686" s="613"/>
      <c r="BXT686" s="613"/>
      <c r="BXU686" s="613"/>
      <c r="BXV686" s="613"/>
      <c r="BXW686" s="613"/>
      <c r="BXX686" s="613"/>
      <c r="BXY686" s="613"/>
      <c r="BXZ686" s="613"/>
      <c r="BYA686" s="613"/>
      <c r="BYB686" s="613"/>
      <c r="BYC686" s="613"/>
      <c r="BYD686" s="613"/>
      <c r="BYE686" s="613"/>
      <c r="BYF686" s="613"/>
      <c r="BYG686" s="613"/>
      <c r="BYH686" s="613"/>
      <c r="BYI686" s="613"/>
      <c r="BYJ686" s="613"/>
      <c r="BYK686" s="613"/>
      <c r="BYL686" s="613"/>
      <c r="BYM686" s="613"/>
      <c r="BYN686" s="613"/>
      <c r="BYO686" s="613"/>
      <c r="BYP686" s="613"/>
      <c r="BYQ686" s="613"/>
      <c r="BYR686" s="613"/>
      <c r="BYS686" s="613"/>
      <c r="BYT686" s="613"/>
      <c r="BYU686" s="613"/>
      <c r="BYV686" s="613"/>
      <c r="BYW686" s="613"/>
      <c r="BYX686" s="613"/>
      <c r="BYY686" s="613"/>
      <c r="BYZ686" s="613"/>
      <c r="BZA686" s="613"/>
      <c r="BZB686" s="613"/>
      <c r="BZC686" s="613"/>
      <c r="BZD686" s="613"/>
      <c r="BZE686" s="613"/>
      <c r="BZF686" s="613"/>
      <c r="BZG686" s="613"/>
      <c r="BZH686" s="613"/>
      <c r="BZI686" s="613"/>
      <c r="BZJ686" s="613"/>
      <c r="BZK686" s="613"/>
      <c r="BZL686" s="613"/>
      <c r="BZM686" s="613"/>
      <c r="BZN686" s="613"/>
      <c r="BZO686" s="613"/>
      <c r="BZP686" s="613"/>
      <c r="BZQ686" s="613"/>
      <c r="BZR686" s="613"/>
      <c r="BZS686" s="613"/>
      <c r="BZT686" s="613"/>
      <c r="BZU686" s="613"/>
      <c r="BZV686" s="613"/>
      <c r="BZW686" s="613"/>
      <c r="BZX686" s="613"/>
      <c r="BZY686" s="613"/>
      <c r="BZZ686" s="613"/>
      <c r="CAA686" s="613"/>
      <c r="CAB686" s="613"/>
      <c r="CAC686" s="613"/>
      <c r="CAD686" s="613"/>
      <c r="CAE686" s="613"/>
      <c r="CAF686" s="613"/>
      <c r="CAG686" s="613"/>
      <c r="CAH686" s="613"/>
      <c r="CAI686" s="613"/>
      <c r="CAJ686" s="613"/>
      <c r="CAK686" s="613"/>
      <c r="CAL686" s="613"/>
      <c r="CAM686" s="613"/>
      <c r="CAN686" s="613"/>
      <c r="CAO686" s="613"/>
      <c r="CAP686" s="613"/>
      <c r="CAQ686" s="613"/>
      <c r="CAR686" s="613"/>
      <c r="CAS686" s="613"/>
      <c r="CAT686" s="613"/>
      <c r="CAU686" s="613"/>
      <c r="CAV686" s="613"/>
      <c r="CAW686" s="613"/>
      <c r="CAX686" s="613"/>
      <c r="CAY686" s="613"/>
      <c r="CAZ686" s="613"/>
      <c r="CBA686" s="613"/>
      <c r="CBB686" s="613"/>
      <c r="CBC686" s="613"/>
      <c r="CBD686" s="613"/>
      <c r="CBE686" s="613"/>
      <c r="CBF686" s="613"/>
      <c r="CBG686" s="613"/>
      <c r="CBH686" s="613"/>
      <c r="CBI686" s="613"/>
      <c r="CBJ686" s="613"/>
      <c r="CBK686" s="613"/>
      <c r="CBL686" s="613"/>
      <c r="CBM686" s="613"/>
      <c r="CBN686" s="613"/>
      <c r="CBO686" s="613"/>
      <c r="CBP686" s="613"/>
      <c r="CBQ686" s="613"/>
      <c r="CBR686" s="613"/>
      <c r="CBS686" s="613"/>
      <c r="CBT686" s="613"/>
      <c r="CBU686" s="613"/>
      <c r="CBV686" s="613"/>
      <c r="CBW686" s="613"/>
      <c r="CBX686" s="613"/>
      <c r="CBY686" s="613"/>
      <c r="CBZ686" s="613"/>
      <c r="CCA686" s="613"/>
      <c r="CCB686" s="613"/>
      <c r="CCC686" s="613"/>
      <c r="CCD686" s="613"/>
      <c r="CCE686" s="613"/>
      <c r="CCF686" s="613"/>
      <c r="CCG686" s="613"/>
      <c r="CCH686" s="613"/>
      <c r="CCI686" s="613"/>
      <c r="CCJ686" s="613"/>
      <c r="CCK686" s="613"/>
      <c r="CCL686" s="613"/>
      <c r="CCM686" s="613"/>
      <c r="CCN686" s="613"/>
      <c r="CCO686" s="613"/>
      <c r="CCP686" s="613"/>
      <c r="CCQ686" s="613"/>
      <c r="CCR686" s="613"/>
      <c r="CCS686" s="613"/>
      <c r="CCT686" s="613"/>
      <c r="CCU686" s="613"/>
      <c r="CCV686" s="613"/>
      <c r="CCW686" s="613"/>
      <c r="CCX686" s="613"/>
      <c r="CCY686" s="613"/>
      <c r="CCZ686" s="613"/>
      <c r="CDA686" s="613"/>
      <c r="CDB686" s="613"/>
      <c r="CDC686" s="613"/>
      <c r="CDD686" s="613"/>
      <c r="CDE686" s="613"/>
      <c r="CDF686" s="613"/>
      <c r="CDG686" s="613"/>
      <c r="CDH686" s="613"/>
      <c r="CDI686" s="613"/>
      <c r="CDJ686" s="613"/>
      <c r="CDK686" s="613"/>
      <c r="CDL686" s="613"/>
      <c r="CDM686" s="613"/>
      <c r="CDN686" s="613"/>
      <c r="CDO686" s="613"/>
      <c r="CDP686" s="613"/>
      <c r="CDQ686" s="613"/>
      <c r="CDR686" s="613"/>
      <c r="CDS686" s="613"/>
      <c r="CDT686" s="613"/>
      <c r="CDU686" s="613"/>
      <c r="CDV686" s="613"/>
      <c r="CDW686" s="613"/>
      <c r="CDX686" s="613"/>
      <c r="CDY686" s="613"/>
      <c r="CDZ686" s="613"/>
      <c r="CEA686" s="613"/>
      <c r="CEB686" s="613"/>
      <c r="CEC686" s="613"/>
      <c r="CED686" s="613"/>
      <c r="CEE686" s="613"/>
      <c r="CEF686" s="613"/>
      <c r="CEG686" s="613"/>
      <c r="CEH686" s="613"/>
      <c r="CEI686" s="613"/>
      <c r="CEJ686" s="613"/>
      <c r="CEK686" s="613"/>
      <c r="CEL686" s="613"/>
      <c r="CEM686" s="613"/>
      <c r="CEN686" s="613"/>
      <c r="CEO686" s="613"/>
      <c r="CEP686" s="613"/>
      <c r="CEQ686" s="613"/>
      <c r="CER686" s="613"/>
      <c r="CES686" s="613"/>
      <c r="CET686" s="613"/>
      <c r="CEU686" s="613"/>
      <c r="CEV686" s="613"/>
      <c r="CEW686" s="613"/>
      <c r="CEX686" s="613"/>
      <c r="CEY686" s="613"/>
      <c r="CEZ686" s="613"/>
      <c r="CFA686" s="613"/>
      <c r="CFB686" s="613"/>
      <c r="CFC686" s="613"/>
      <c r="CFD686" s="613"/>
      <c r="CFE686" s="613"/>
      <c r="CFF686" s="613"/>
      <c r="CFG686" s="613"/>
      <c r="CFH686" s="613"/>
      <c r="CFI686" s="613"/>
      <c r="CFJ686" s="613"/>
      <c r="CFK686" s="613"/>
      <c r="CFL686" s="613"/>
      <c r="CFM686" s="613"/>
      <c r="CFN686" s="613"/>
      <c r="CFO686" s="613"/>
      <c r="CFP686" s="613"/>
      <c r="CFQ686" s="613"/>
      <c r="CFR686" s="613"/>
      <c r="CFS686" s="613"/>
      <c r="CFT686" s="613"/>
      <c r="CFU686" s="613"/>
      <c r="CFV686" s="613"/>
      <c r="CFW686" s="613"/>
      <c r="CFX686" s="613"/>
      <c r="CFY686" s="613"/>
      <c r="CFZ686" s="613"/>
      <c r="CGA686" s="613"/>
      <c r="CGB686" s="613"/>
      <c r="CGC686" s="613"/>
      <c r="CGD686" s="613"/>
      <c r="CGE686" s="613"/>
      <c r="CGF686" s="613"/>
      <c r="CGG686" s="613"/>
      <c r="CGH686" s="613"/>
      <c r="CGI686" s="613"/>
      <c r="CGJ686" s="613"/>
      <c r="CGK686" s="613"/>
      <c r="CGL686" s="613"/>
      <c r="CGM686" s="613"/>
      <c r="CGN686" s="613"/>
      <c r="CGO686" s="613"/>
      <c r="CGP686" s="613"/>
      <c r="CGQ686" s="613"/>
      <c r="CGR686" s="613"/>
      <c r="CGS686" s="613"/>
      <c r="CGT686" s="613"/>
      <c r="CGU686" s="613"/>
      <c r="CGV686" s="613"/>
      <c r="CGW686" s="613"/>
      <c r="CGX686" s="613"/>
      <c r="CGY686" s="613"/>
      <c r="CGZ686" s="613"/>
      <c r="CHA686" s="613"/>
      <c r="CHB686" s="613"/>
      <c r="CHC686" s="613"/>
      <c r="CHD686" s="613"/>
      <c r="CHE686" s="613"/>
      <c r="CHF686" s="613"/>
      <c r="CHG686" s="613"/>
      <c r="CHH686" s="613"/>
      <c r="CHI686" s="613"/>
      <c r="CHJ686" s="613"/>
      <c r="CHK686" s="613"/>
      <c r="CHL686" s="613"/>
      <c r="CHM686" s="613"/>
      <c r="CHN686" s="613"/>
      <c r="CHO686" s="613"/>
      <c r="CHP686" s="613"/>
      <c r="CHQ686" s="613"/>
      <c r="CHR686" s="613"/>
      <c r="CHS686" s="613"/>
      <c r="CHT686" s="613"/>
      <c r="CHU686" s="613"/>
      <c r="CHV686" s="613"/>
      <c r="CHW686" s="613"/>
      <c r="CHX686" s="613"/>
      <c r="CHY686" s="613"/>
      <c r="CHZ686" s="613"/>
      <c r="CIA686" s="613"/>
      <c r="CIB686" s="613"/>
      <c r="CIC686" s="613"/>
      <c r="CID686" s="613"/>
      <c r="CIE686" s="613"/>
      <c r="CIF686" s="613"/>
      <c r="CIG686" s="613"/>
      <c r="CIH686" s="613"/>
      <c r="CII686" s="613"/>
      <c r="CIJ686" s="613"/>
      <c r="CIK686" s="613"/>
      <c r="CIL686" s="613"/>
      <c r="CIM686" s="613"/>
      <c r="CIN686" s="613"/>
      <c r="CIO686" s="613"/>
      <c r="CIP686" s="613"/>
      <c r="CIQ686" s="613"/>
      <c r="CIR686" s="613"/>
      <c r="CIS686" s="613"/>
      <c r="CIT686" s="613"/>
      <c r="CIU686" s="613"/>
      <c r="CIV686" s="613"/>
      <c r="CIW686" s="613"/>
      <c r="CIX686" s="613"/>
      <c r="CIY686" s="613"/>
      <c r="CIZ686" s="613"/>
      <c r="CJA686" s="613"/>
      <c r="CJB686" s="613"/>
      <c r="CJC686" s="613"/>
      <c r="CJD686" s="613"/>
      <c r="CJE686" s="613"/>
      <c r="CJF686" s="613"/>
      <c r="CJG686" s="613"/>
      <c r="CJH686" s="613"/>
      <c r="CJI686" s="613"/>
      <c r="CJJ686" s="613"/>
      <c r="CJK686" s="613"/>
      <c r="CJL686" s="613"/>
      <c r="CJM686" s="613"/>
      <c r="CJN686" s="613"/>
      <c r="CJO686" s="613"/>
      <c r="CJP686" s="613"/>
      <c r="CJQ686" s="613"/>
      <c r="CJR686" s="613"/>
      <c r="CJS686" s="613"/>
      <c r="CJT686" s="613"/>
      <c r="CJU686" s="613"/>
      <c r="CJV686" s="613"/>
      <c r="CJW686" s="613"/>
      <c r="CJX686" s="613"/>
      <c r="CJY686" s="613"/>
      <c r="CJZ686" s="613"/>
      <c r="CKA686" s="613"/>
      <c r="CKB686" s="613"/>
      <c r="CKC686" s="613"/>
      <c r="CKD686" s="613"/>
      <c r="CKE686" s="613"/>
      <c r="CKF686" s="613"/>
      <c r="CKG686" s="613"/>
      <c r="CKH686" s="613"/>
      <c r="CKI686" s="613"/>
      <c r="CKJ686" s="613"/>
      <c r="CKK686" s="613"/>
      <c r="CKL686" s="613"/>
      <c r="CKM686" s="613"/>
      <c r="CKN686" s="613"/>
      <c r="CKO686" s="613"/>
      <c r="CKP686" s="613"/>
      <c r="CKQ686" s="613"/>
      <c r="CKR686" s="613"/>
      <c r="CKS686" s="613"/>
      <c r="CKT686" s="613"/>
      <c r="CKU686" s="613"/>
      <c r="CKV686" s="613"/>
      <c r="CKW686" s="613"/>
      <c r="CKX686" s="613"/>
      <c r="CKY686" s="613"/>
      <c r="CKZ686" s="613"/>
      <c r="CLA686" s="613"/>
      <c r="CLB686" s="613"/>
      <c r="CLC686" s="613"/>
      <c r="CLD686" s="613"/>
      <c r="CLE686" s="613"/>
      <c r="CLF686" s="613"/>
      <c r="CLG686" s="613"/>
      <c r="CLH686" s="613"/>
      <c r="CLI686" s="613"/>
      <c r="CLJ686" s="613"/>
      <c r="CLK686" s="613"/>
      <c r="CLL686" s="613"/>
      <c r="CLM686" s="613"/>
      <c r="CLN686" s="613"/>
      <c r="CLO686" s="613"/>
      <c r="CLP686" s="613"/>
      <c r="CLQ686" s="613"/>
      <c r="CLR686" s="613"/>
      <c r="CLS686" s="613"/>
      <c r="CLT686" s="613"/>
      <c r="CLU686" s="613"/>
      <c r="CLV686" s="613"/>
      <c r="CLW686" s="613"/>
      <c r="CLX686" s="613"/>
      <c r="CLY686" s="613"/>
      <c r="CLZ686" s="613"/>
      <c r="CMA686" s="613"/>
      <c r="CMB686" s="613"/>
      <c r="CMC686" s="613"/>
      <c r="CMD686" s="613"/>
      <c r="CME686" s="613"/>
      <c r="CMF686" s="613"/>
      <c r="CMG686" s="613"/>
      <c r="CMH686" s="613"/>
      <c r="CMI686" s="613"/>
      <c r="CMJ686" s="613"/>
      <c r="CMK686" s="613"/>
      <c r="CML686" s="613"/>
      <c r="CMM686" s="613"/>
      <c r="CMN686" s="613"/>
      <c r="CMO686" s="613"/>
      <c r="CMP686" s="613"/>
      <c r="CMQ686" s="613"/>
      <c r="CMR686" s="613"/>
      <c r="CMS686" s="613"/>
      <c r="CMT686" s="613"/>
      <c r="CMU686" s="613"/>
      <c r="CMV686" s="613"/>
      <c r="CMW686" s="613"/>
      <c r="CMX686" s="613"/>
      <c r="CMY686" s="613"/>
      <c r="CMZ686" s="613"/>
      <c r="CNA686" s="613"/>
      <c r="CNB686" s="613"/>
      <c r="CNC686" s="613"/>
      <c r="CND686" s="613"/>
      <c r="CNE686" s="613"/>
      <c r="CNF686" s="613"/>
      <c r="CNG686" s="613"/>
      <c r="CNH686" s="613"/>
      <c r="CNI686" s="613"/>
      <c r="CNJ686" s="613"/>
      <c r="CNK686" s="613"/>
      <c r="CNL686" s="613"/>
      <c r="CNM686" s="613"/>
      <c r="CNN686" s="613"/>
      <c r="CNO686" s="613"/>
      <c r="CNP686" s="613"/>
      <c r="CNQ686" s="613"/>
      <c r="CNR686" s="613"/>
      <c r="CNS686" s="613"/>
      <c r="CNT686" s="613"/>
      <c r="CNU686" s="613"/>
      <c r="CNV686" s="613"/>
      <c r="CNW686" s="613"/>
      <c r="CNX686" s="613"/>
      <c r="CNY686" s="613"/>
      <c r="CNZ686" s="613"/>
      <c r="COA686" s="613"/>
      <c r="COB686" s="613"/>
      <c r="COC686" s="613"/>
      <c r="COD686" s="613"/>
      <c r="COE686" s="613"/>
      <c r="COF686" s="613"/>
      <c r="COG686" s="613"/>
      <c r="COH686" s="613"/>
      <c r="COI686" s="613"/>
      <c r="COJ686" s="613"/>
      <c r="COK686" s="613"/>
      <c r="COL686" s="613"/>
      <c r="COM686" s="613"/>
      <c r="CON686" s="613"/>
      <c r="COO686" s="613"/>
      <c r="COP686" s="613"/>
      <c r="COQ686" s="613"/>
      <c r="COR686" s="613"/>
      <c r="COS686" s="613"/>
      <c r="COT686" s="613"/>
      <c r="COU686" s="613"/>
      <c r="COV686" s="613"/>
      <c r="COW686" s="613"/>
      <c r="COX686" s="613"/>
      <c r="COY686" s="613"/>
      <c r="COZ686" s="613"/>
      <c r="CPA686" s="613"/>
      <c r="CPB686" s="613"/>
      <c r="CPC686" s="613"/>
      <c r="CPD686" s="613"/>
      <c r="CPE686" s="613"/>
      <c r="CPF686" s="613"/>
      <c r="CPG686" s="613"/>
      <c r="CPH686" s="613"/>
      <c r="CPI686" s="613"/>
      <c r="CPJ686" s="613"/>
      <c r="CPK686" s="613"/>
      <c r="CPL686" s="613"/>
      <c r="CPM686" s="613"/>
      <c r="CPN686" s="613"/>
      <c r="CPO686" s="613"/>
      <c r="CPP686" s="613"/>
      <c r="CPQ686" s="613"/>
      <c r="CPR686" s="613"/>
      <c r="CPS686" s="613"/>
      <c r="CPT686" s="613"/>
      <c r="CPU686" s="613"/>
      <c r="CPV686" s="613"/>
      <c r="CPW686" s="613"/>
      <c r="CPX686" s="613"/>
      <c r="CPY686" s="613"/>
      <c r="CPZ686" s="613"/>
      <c r="CQA686" s="613"/>
      <c r="CQB686" s="613"/>
      <c r="CQC686" s="613"/>
      <c r="CQD686" s="613"/>
      <c r="CQE686" s="613"/>
      <c r="CQF686" s="613"/>
      <c r="CQG686" s="613"/>
      <c r="CQH686" s="613"/>
      <c r="CQI686" s="613"/>
      <c r="CQJ686" s="613"/>
      <c r="CQK686" s="613"/>
      <c r="CQL686" s="613"/>
      <c r="CQM686" s="613"/>
      <c r="CQN686" s="613"/>
      <c r="CQO686" s="613"/>
      <c r="CQP686" s="613"/>
      <c r="CQQ686" s="613"/>
      <c r="CQR686" s="613"/>
      <c r="CQS686" s="613"/>
      <c r="CQT686" s="613"/>
      <c r="CQU686" s="613"/>
      <c r="CQV686" s="613"/>
      <c r="CQW686" s="613"/>
      <c r="CQX686" s="613"/>
      <c r="CQY686" s="613"/>
      <c r="CQZ686" s="613"/>
      <c r="CRA686" s="613"/>
      <c r="CRB686" s="613"/>
      <c r="CRC686" s="613"/>
      <c r="CRD686" s="613"/>
      <c r="CRE686" s="613"/>
      <c r="CRF686" s="613"/>
      <c r="CRG686" s="613"/>
      <c r="CRH686" s="613"/>
      <c r="CRI686" s="613"/>
      <c r="CRJ686" s="613"/>
      <c r="CRK686" s="613"/>
      <c r="CRL686" s="613"/>
      <c r="CRM686" s="613"/>
      <c r="CRN686" s="613"/>
      <c r="CRO686" s="613"/>
      <c r="CRP686" s="613"/>
      <c r="CRQ686" s="613"/>
      <c r="CRR686" s="613"/>
      <c r="CRS686" s="613"/>
      <c r="CRT686" s="613"/>
      <c r="CRU686" s="613"/>
      <c r="CRV686" s="613"/>
      <c r="CRW686" s="613"/>
      <c r="CRX686" s="613"/>
      <c r="CRY686" s="613"/>
      <c r="CRZ686" s="613"/>
      <c r="CSA686" s="613"/>
      <c r="CSB686" s="613"/>
      <c r="CSC686" s="613"/>
      <c r="CSD686" s="613"/>
      <c r="CSE686" s="613"/>
      <c r="CSF686" s="613"/>
      <c r="CSG686" s="613"/>
      <c r="CSH686" s="613"/>
      <c r="CSI686" s="613"/>
      <c r="CSJ686" s="613"/>
      <c r="CSK686" s="613"/>
      <c r="CSL686" s="613"/>
      <c r="CSM686" s="613"/>
      <c r="CSN686" s="613"/>
      <c r="CSO686" s="613"/>
      <c r="CSP686" s="613"/>
      <c r="CSQ686" s="613"/>
      <c r="CSR686" s="613"/>
      <c r="CSS686" s="613"/>
      <c r="CST686" s="613"/>
      <c r="CSU686" s="613"/>
      <c r="CSV686" s="613"/>
      <c r="CSW686" s="613"/>
      <c r="CSX686" s="613"/>
      <c r="CSY686" s="613"/>
      <c r="CSZ686" s="613"/>
      <c r="CTA686" s="613"/>
      <c r="CTB686" s="613"/>
      <c r="CTC686" s="613"/>
      <c r="CTD686" s="613"/>
      <c r="CTE686" s="613"/>
      <c r="CTF686" s="613"/>
      <c r="CTG686" s="613"/>
      <c r="CTH686" s="613"/>
      <c r="CTI686" s="613"/>
      <c r="CTJ686" s="613"/>
      <c r="CTK686" s="613"/>
      <c r="CTL686" s="613"/>
      <c r="CTM686" s="613"/>
      <c r="CTN686" s="613"/>
      <c r="CTO686" s="613"/>
      <c r="CTP686" s="613"/>
      <c r="CTQ686" s="613"/>
      <c r="CTR686" s="613"/>
      <c r="CTS686" s="613"/>
      <c r="CTT686" s="613"/>
      <c r="CTU686" s="613"/>
      <c r="CTV686" s="613"/>
      <c r="CTW686" s="613"/>
      <c r="CTX686" s="613"/>
      <c r="CTY686" s="613"/>
      <c r="CTZ686" s="613"/>
      <c r="CUA686" s="613"/>
      <c r="CUB686" s="613"/>
      <c r="CUC686" s="613"/>
      <c r="CUD686" s="613"/>
      <c r="CUE686" s="613"/>
      <c r="CUF686" s="613"/>
      <c r="CUG686" s="613"/>
      <c r="CUH686" s="613"/>
      <c r="CUI686" s="613"/>
      <c r="CUJ686" s="613"/>
      <c r="CUK686" s="613"/>
      <c r="CUL686" s="613"/>
      <c r="CUM686" s="613"/>
      <c r="CUN686" s="613"/>
      <c r="CUO686" s="613"/>
      <c r="CUP686" s="613"/>
      <c r="CUQ686" s="613"/>
      <c r="CUR686" s="613"/>
      <c r="CUS686" s="613"/>
      <c r="CUT686" s="613"/>
      <c r="CUU686" s="613"/>
      <c r="CUV686" s="613"/>
      <c r="CUW686" s="613"/>
      <c r="CUX686" s="613"/>
      <c r="CUY686" s="613"/>
      <c r="CUZ686" s="613"/>
      <c r="CVA686" s="613"/>
      <c r="CVB686" s="613"/>
      <c r="CVC686" s="613"/>
      <c r="CVD686" s="613"/>
      <c r="CVE686" s="613"/>
      <c r="CVF686" s="613"/>
      <c r="CVG686" s="613"/>
      <c r="CVH686" s="613"/>
      <c r="CVI686" s="613"/>
      <c r="CVJ686" s="613"/>
      <c r="CVK686" s="613"/>
      <c r="CVL686" s="613"/>
      <c r="CVM686" s="613"/>
      <c r="CVN686" s="613"/>
      <c r="CVO686" s="613"/>
      <c r="CVP686" s="613"/>
      <c r="CVQ686" s="613"/>
      <c r="CVR686" s="613"/>
      <c r="CVS686" s="613"/>
      <c r="CVT686" s="613"/>
      <c r="CVU686" s="613"/>
      <c r="CVV686" s="613"/>
      <c r="CVW686" s="613"/>
      <c r="CVX686" s="613"/>
      <c r="CVY686" s="613"/>
      <c r="CVZ686" s="613"/>
      <c r="CWA686" s="613"/>
      <c r="CWB686" s="613"/>
      <c r="CWC686" s="613"/>
      <c r="CWD686" s="613"/>
      <c r="CWE686" s="613"/>
      <c r="CWF686" s="613"/>
      <c r="CWG686" s="613"/>
      <c r="CWH686" s="613"/>
      <c r="CWI686" s="613"/>
      <c r="CWJ686" s="613"/>
      <c r="CWK686" s="613"/>
      <c r="CWL686" s="613"/>
      <c r="CWM686" s="613"/>
      <c r="CWN686" s="613"/>
      <c r="CWO686" s="613"/>
      <c r="CWP686" s="613"/>
      <c r="CWQ686" s="613"/>
      <c r="CWR686" s="613"/>
      <c r="CWS686" s="613"/>
      <c r="CWT686" s="613"/>
      <c r="CWU686" s="613"/>
      <c r="CWV686" s="613"/>
      <c r="CWW686" s="613"/>
      <c r="CWX686" s="613"/>
      <c r="CWY686" s="613"/>
      <c r="CWZ686" s="613"/>
      <c r="CXA686" s="613"/>
      <c r="CXB686" s="613"/>
      <c r="CXC686" s="613"/>
      <c r="CXD686" s="613"/>
      <c r="CXE686" s="613"/>
      <c r="CXF686" s="613"/>
      <c r="CXG686" s="613"/>
      <c r="CXH686" s="613"/>
      <c r="CXI686" s="613"/>
      <c r="CXJ686" s="613"/>
      <c r="CXK686" s="613"/>
      <c r="CXL686" s="613"/>
      <c r="CXM686" s="613"/>
      <c r="CXN686" s="613"/>
      <c r="CXO686" s="613"/>
      <c r="CXP686" s="613"/>
      <c r="CXQ686" s="613"/>
      <c r="CXR686" s="613"/>
      <c r="CXS686" s="613"/>
      <c r="CXT686" s="613"/>
      <c r="CXU686" s="613"/>
      <c r="CXV686" s="613"/>
      <c r="CXW686" s="613"/>
      <c r="CXX686" s="613"/>
      <c r="CXY686" s="613"/>
      <c r="CXZ686" s="613"/>
      <c r="CYA686" s="613"/>
      <c r="CYB686" s="613"/>
      <c r="CYC686" s="613"/>
      <c r="CYD686" s="613"/>
      <c r="CYE686" s="613"/>
      <c r="CYF686" s="613"/>
      <c r="CYG686" s="613"/>
      <c r="CYH686" s="613"/>
      <c r="CYI686" s="613"/>
      <c r="CYJ686" s="613"/>
      <c r="CYK686" s="613"/>
      <c r="CYL686" s="613"/>
      <c r="CYM686" s="613"/>
      <c r="CYN686" s="613"/>
      <c r="CYO686" s="613"/>
      <c r="CYP686" s="613"/>
      <c r="CYQ686" s="613"/>
      <c r="CYR686" s="613"/>
      <c r="CYS686" s="613"/>
      <c r="CYT686" s="613"/>
      <c r="CYU686" s="613"/>
      <c r="CYV686" s="613"/>
      <c r="CYW686" s="613"/>
      <c r="CYX686" s="613"/>
      <c r="CYY686" s="613"/>
      <c r="CYZ686" s="613"/>
      <c r="CZA686" s="613"/>
      <c r="CZB686" s="613"/>
      <c r="CZC686" s="613"/>
      <c r="CZD686" s="613"/>
      <c r="CZE686" s="613"/>
      <c r="CZF686" s="613"/>
      <c r="CZG686" s="613"/>
      <c r="CZH686" s="613"/>
      <c r="CZI686" s="613"/>
      <c r="CZJ686" s="613"/>
      <c r="CZK686" s="613"/>
      <c r="CZL686" s="613"/>
      <c r="CZM686" s="613"/>
      <c r="CZN686" s="613"/>
      <c r="CZO686" s="613"/>
      <c r="CZP686" s="613"/>
      <c r="CZQ686" s="613"/>
      <c r="CZR686" s="613"/>
      <c r="CZS686" s="613"/>
      <c r="CZT686" s="613"/>
      <c r="CZU686" s="613"/>
      <c r="CZV686" s="613"/>
      <c r="CZW686" s="613"/>
      <c r="CZX686" s="613"/>
      <c r="CZY686" s="613"/>
      <c r="CZZ686" s="613"/>
      <c r="DAA686" s="613"/>
      <c r="DAB686" s="613"/>
      <c r="DAC686" s="613"/>
      <c r="DAD686" s="613"/>
      <c r="DAE686" s="613"/>
      <c r="DAF686" s="613"/>
      <c r="DAG686" s="613"/>
      <c r="DAH686" s="613"/>
      <c r="DAI686" s="613"/>
      <c r="DAJ686" s="613"/>
      <c r="DAK686" s="613"/>
      <c r="DAL686" s="613"/>
      <c r="DAM686" s="613"/>
      <c r="DAN686" s="613"/>
      <c r="DAO686" s="613"/>
      <c r="DAP686" s="613"/>
      <c r="DAQ686" s="613"/>
      <c r="DAR686" s="613"/>
      <c r="DAS686" s="613"/>
      <c r="DAT686" s="613"/>
      <c r="DAU686" s="613"/>
      <c r="DAV686" s="613"/>
      <c r="DAW686" s="613"/>
      <c r="DAX686" s="613"/>
      <c r="DAY686" s="613"/>
      <c r="DAZ686" s="613"/>
      <c r="DBA686" s="613"/>
      <c r="DBB686" s="613"/>
      <c r="DBC686" s="613"/>
      <c r="DBD686" s="613"/>
      <c r="DBE686" s="613"/>
      <c r="DBF686" s="613"/>
      <c r="DBG686" s="613"/>
      <c r="DBH686" s="613"/>
      <c r="DBI686" s="613"/>
      <c r="DBJ686" s="613"/>
      <c r="DBK686" s="613"/>
      <c r="DBL686" s="613"/>
      <c r="DBM686" s="613"/>
      <c r="DBN686" s="613"/>
      <c r="DBO686" s="613"/>
      <c r="DBP686" s="613"/>
      <c r="DBQ686" s="613"/>
      <c r="DBR686" s="613"/>
      <c r="DBS686" s="613"/>
      <c r="DBT686" s="613"/>
      <c r="DBU686" s="613"/>
      <c r="DBV686" s="613"/>
      <c r="DBW686" s="613"/>
      <c r="DBX686" s="613"/>
      <c r="DBY686" s="613"/>
      <c r="DBZ686" s="613"/>
      <c r="DCA686" s="613"/>
      <c r="DCB686" s="613"/>
      <c r="DCC686" s="613"/>
      <c r="DCD686" s="613"/>
      <c r="DCE686" s="613"/>
      <c r="DCF686" s="613"/>
      <c r="DCG686" s="613"/>
      <c r="DCH686" s="613"/>
      <c r="DCI686" s="613"/>
      <c r="DCJ686" s="613"/>
      <c r="DCK686" s="613"/>
      <c r="DCL686" s="613"/>
      <c r="DCM686" s="613"/>
      <c r="DCN686" s="613"/>
      <c r="DCO686" s="613"/>
      <c r="DCP686" s="613"/>
      <c r="DCQ686" s="613"/>
      <c r="DCR686" s="613"/>
      <c r="DCS686" s="613"/>
      <c r="DCT686" s="613"/>
      <c r="DCU686" s="613"/>
      <c r="DCV686" s="613"/>
      <c r="DCW686" s="613"/>
      <c r="DCX686" s="613"/>
      <c r="DCY686" s="613"/>
      <c r="DCZ686" s="613"/>
      <c r="DDA686" s="613"/>
      <c r="DDB686" s="613"/>
      <c r="DDC686" s="613"/>
      <c r="DDD686" s="613"/>
      <c r="DDE686" s="613"/>
      <c r="DDF686" s="613"/>
      <c r="DDG686" s="613"/>
      <c r="DDH686" s="613"/>
      <c r="DDI686" s="613"/>
      <c r="DDJ686" s="613"/>
      <c r="DDK686" s="613"/>
      <c r="DDL686" s="613"/>
      <c r="DDM686" s="613"/>
      <c r="DDN686" s="613"/>
      <c r="DDO686" s="613"/>
      <c r="DDP686" s="613"/>
      <c r="DDQ686" s="613"/>
      <c r="DDR686" s="613"/>
      <c r="DDS686" s="613"/>
      <c r="DDT686" s="613"/>
      <c r="DDU686" s="613"/>
      <c r="DDV686" s="613"/>
      <c r="DDW686" s="613"/>
      <c r="DDX686" s="613"/>
      <c r="DDY686" s="613"/>
      <c r="DDZ686" s="613"/>
      <c r="DEA686" s="613"/>
      <c r="DEB686" s="613"/>
      <c r="DEC686" s="613"/>
      <c r="DED686" s="613"/>
      <c r="DEE686" s="613"/>
      <c r="DEF686" s="613"/>
      <c r="DEG686" s="613"/>
      <c r="DEH686" s="613"/>
      <c r="DEI686" s="613"/>
      <c r="DEJ686" s="613"/>
      <c r="DEK686" s="613"/>
      <c r="DEL686" s="613"/>
      <c r="DEM686" s="613"/>
      <c r="DEN686" s="613"/>
      <c r="DEO686" s="613"/>
      <c r="DEP686" s="613"/>
      <c r="DEQ686" s="613"/>
      <c r="DER686" s="613"/>
      <c r="DES686" s="613"/>
      <c r="DET686" s="613"/>
      <c r="DEU686" s="613"/>
      <c r="DEV686" s="613"/>
      <c r="DEW686" s="613"/>
      <c r="DEX686" s="613"/>
      <c r="DEY686" s="613"/>
      <c r="DEZ686" s="613"/>
      <c r="DFA686" s="613"/>
      <c r="DFB686" s="613"/>
      <c r="DFC686" s="613"/>
      <c r="DFD686" s="613"/>
      <c r="DFE686" s="613"/>
      <c r="DFF686" s="613"/>
      <c r="DFG686" s="613"/>
      <c r="DFH686" s="613"/>
      <c r="DFI686" s="613"/>
      <c r="DFJ686" s="613"/>
      <c r="DFK686" s="613"/>
      <c r="DFL686" s="613"/>
      <c r="DFM686" s="613"/>
      <c r="DFN686" s="613"/>
      <c r="DFO686" s="613"/>
      <c r="DFP686" s="613"/>
      <c r="DFQ686" s="613"/>
      <c r="DFR686" s="613"/>
      <c r="DFS686" s="613"/>
      <c r="DFT686" s="613"/>
      <c r="DFU686" s="613"/>
      <c r="DFV686" s="613"/>
      <c r="DFW686" s="613"/>
      <c r="DFX686" s="613"/>
      <c r="DFY686" s="613"/>
      <c r="DFZ686" s="613"/>
      <c r="DGA686" s="613"/>
      <c r="DGB686" s="613"/>
      <c r="DGC686" s="613"/>
      <c r="DGD686" s="613"/>
      <c r="DGE686" s="613"/>
      <c r="DGF686" s="613"/>
      <c r="DGG686" s="613"/>
      <c r="DGH686" s="613"/>
      <c r="DGI686" s="613"/>
      <c r="DGJ686" s="613"/>
      <c r="DGK686" s="613"/>
      <c r="DGL686" s="613"/>
      <c r="DGM686" s="613"/>
      <c r="DGN686" s="613"/>
      <c r="DGO686" s="613"/>
      <c r="DGP686" s="613"/>
      <c r="DGQ686" s="613"/>
      <c r="DGR686" s="613"/>
      <c r="DGS686" s="613"/>
      <c r="DGT686" s="613"/>
      <c r="DGU686" s="613"/>
      <c r="DGV686" s="613"/>
      <c r="DGW686" s="613"/>
      <c r="DGX686" s="613"/>
      <c r="DGY686" s="613"/>
      <c r="DGZ686" s="613"/>
      <c r="DHA686" s="613"/>
      <c r="DHB686" s="613"/>
      <c r="DHC686" s="613"/>
      <c r="DHD686" s="613"/>
      <c r="DHE686" s="613"/>
      <c r="DHF686" s="613"/>
      <c r="DHG686" s="613"/>
      <c r="DHH686" s="613"/>
      <c r="DHI686" s="613"/>
      <c r="DHJ686" s="613"/>
      <c r="DHK686" s="613"/>
      <c r="DHL686" s="613"/>
      <c r="DHM686" s="613"/>
      <c r="DHN686" s="613"/>
      <c r="DHO686" s="613"/>
      <c r="DHP686" s="613"/>
      <c r="DHQ686" s="613"/>
      <c r="DHR686" s="613"/>
      <c r="DHS686" s="613"/>
      <c r="DHT686" s="613"/>
      <c r="DHU686" s="613"/>
      <c r="DHV686" s="613"/>
      <c r="DHW686" s="613"/>
      <c r="DHX686" s="613"/>
      <c r="DHY686" s="613"/>
      <c r="DHZ686" s="613"/>
      <c r="DIA686" s="613"/>
      <c r="DIB686" s="613"/>
      <c r="DIC686" s="613"/>
      <c r="DID686" s="613"/>
      <c r="DIE686" s="613"/>
      <c r="DIF686" s="613"/>
      <c r="DIG686" s="613"/>
      <c r="DIH686" s="613"/>
      <c r="DII686" s="613"/>
      <c r="DIJ686" s="613"/>
      <c r="DIK686" s="613"/>
      <c r="DIL686" s="613"/>
      <c r="DIM686" s="613"/>
      <c r="DIN686" s="613"/>
      <c r="DIO686" s="613"/>
      <c r="DIP686" s="613"/>
      <c r="DIQ686" s="613"/>
      <c r="DIR686" s="613"/>
      <c r="DIS686" s="613"/>
      <c r="DIT686" s="613"/>
      <c r="DIU686" s="613"/>
      <c r="DIV686" s="613"/>
      <c r="DIW686" s="613"/>
      <c r="DIX686" s="613"/>
      <c r="DIY686" s="613"/>
      <c r="DIZ686" s="613"/>
      <c r="DJA686" s="613"/>
      <c r="DJB686" s="613"/>
      <c r="DJC686" s="613"/>
      <c r="DJD686" s="613"/>
      <c r="DJE686" s="613"/>
      <c r="DJF686" s="613"/>
      <c r="DJG686" s="613"/>
      <c r="DJH686" s="613"/>
      <c r="DJI686" s="613"/>
      <c r="DJJ686" s="613"/>
      <c r="DJK686" s="613"/>
      <c r="DJL686" s="613"/>
      <c r="DJM686" s="613"/>
      <c r="DJN686" s="613"/>
      <c r="DJO686" s="613"/>
      <c r="DJP686" s="613"/>
      <c r="DJQ686" s="613"/>
      <c r="DJR686" s="613"/>
      <c r="DJS686" s="613"/>
      <c r="DJT686" s="613"/>
      <c r="DJU686" s="613"/>
      <c r="DJV686" s="613"/>
      <c r="DJW686" s="613"/>
      <c r="DJX686" s="613"/>
      <c r="DJY686" s="613"/>
      <c r="DJZ686" s="613"/>
      <c r="DKA686" s="613"/>
      <c r="DKB686" s="613"/>
      <c r="DKC686" s="613"/>
      <c r="DKD686" s="613"/>
      <c r="DKE686" s="613"/>
      <c r="DKF686" s="613"/>
      <c r="DKG686" s="613"/>
      <c r="DKH686" s="613"/>
      <c r="DKI686" s="613"/>
      <c r="DKJ686" s="613"/>
      <c r="DKK686" s="613"/>
      <c r="DKL686" s="613"/>
      <c r="DKM686" s="613"/>
      <c r="DKN686" s="613"/>
      <c r="DKO686" s="613"/>
      <c r="DKP686" s="613"/>
      <c r="DKQ686" s="613"/>
      <c r="DKR686" s="613"/>
      <c r="DKS686" s="613"/>
      <c r="DKT686" s="613"/>
      <c r="DKU686" s="613"/>
      <c r="DKV686" s="613"/>
      <c r="DKW686" s="613"/>
      <c r="DKX686" s="613"/>
      <c r="DKY686" s="613"/>
      <c r="DKZ686" s="613"/>
      <c r="DLA686" s="613"/>
      <c r="DLB686" s="613"/>
      <c r="DLC686" s="613"/>
      <c r="DLD686" s="613"/>
      <c r="DLE686" s="613"/>
      <c r="DLF686" s="613"/>
      <c r="DLG686" s="613"/>
      <c r="DLH686" s="613"/>
      <c r="DLI686" s="613"/>
      <c r="DLJ686" s="613"/>
      <c r="DLK686" s="613"/>
      <c r="DLL686" s="613"/>
      <c r="DLM686" s="613"/>
      <c r="DLN686" s="613"/>
      <c r="DLO686" s="613"/>
      <c r="DLP686" s="613"/>
      <c r="DLQ686" s="613"/>
      <c r="DLR686" s="613"/>
      <c r="DLS686" s="613"/>
      <c r="DLT686" s="613"/>
      <c r="DLU686" s="613"/>
      <c r="DLV686" s="613"/>
      <c r="DLW686" s="613"/>
      <c r="DLX686" s="613"/>
      <c r="DLY686" s="613"/>
      <c r="DLZ686" s="613"/>
      <c r="DMA686" s="613"/>
      <c r="DMB686" s="613"/>
      <c r="DMC686" s="613"/>
      <c r="DMD686" s="613"/>
      <c r="DME686" s="613"/>
      <c r="DMF686" s="613"/>
      <c r="DMG686" s="613"/>
      <c r="DMH686" s="613"/>
      <c r="DMI686" s="613"/>
      <c r="DMJ686" s="613"/>
      <c r="DMK686" s="613"/>
      <c r="DML686" s="613"/>
      <c r="DMM686" s="613"/>
      <c r="DMN686" s="613"/>
      <c r="DMO686" s="613"/>
      <c r="DMP686" s="613"/>
      <c r="DMQ686" s="613"/>
      <c r="DMR686" s="613"/>
      <c r="DMS686" s="613"/>
      <c r="DMT686" s="613"/>
      <c r="DMU686" s="613"/>
      <c r="DMV686" s="613"/>
      <c r="DMW686" s="613"/>
      <c r="DMX686" s="613"/>
      <c r="DMY686" s="613"/>
      <c r="DMZ686" s="613"/>
      <c r="DNA686" s="613"/>
      <c r="DNB686" s="613"/>
      <c r="DNC686" s="613"/>
      <c r="DND686" s="613"/>
      <c r="DNE686" s="613"/>
      <c r="DNF686" s="613"/>
      <c r="DNG686" s="613"/>
      <c r="DNH686" s="613"/>
      <c r="DNI686" s="613"/>
      <c r="DNJ686" s="613"/>
      <c r="DNK686" s="613"/>
      <c r="DNL686" s="613"/>
      <c r="DNM686" s="613"/>
      <c r="DNN686" s="613"/>
      <c r="DNO686" s="613"/>
      <c r="DNP686" s="613"/>
      <c r="DNQ686" s="613"/>
      <c r="DNR686" s="613"/>
      <c r="DNS686" s="613"/>
      <c r="DNT686" s="613"/>
      <c r="DNU686" s="613"/>
      <c r="DNV686" s="613"/>
      <c r="DNW686" s="613"/>
      <c r="DNX686" s="613"/>
      <c r="DNY686" s="613"/>
      <c r="DNZ686" s="613"/>
      <c r="DOA686" s="613"/>
      <c r="DOB686" s="613"/>
      <c r="DOC686" s="613"/>
      <c r="DOD686" s="613"/>
      <c r="DOE686" s="613"/>
      <c r="DOF686" s="613"/>
      <c r="DOG686" s="613"/>
      <c r="DOH686" s="613"/>
      <c r="DOI686" s="613"/>
      <c r="DOJ686" s="613"/>
      <c r="DOK686" s="613"/>
      <c r="DOL686" s="613"/>
      <c r="DOM686" s="613"/>
      <c r="DON686" s="613"/>
      <c r="DOO686" s="613"/>
      <c r="DOP686" s="613"/>
      <c r="DOQ686" s="613"/>
      <c r="DOR686" s="613"/>
      <c r="DOS686" s="613"/>
      <c r="DOT686" s="613"/>
      <c r="DOU686" s="613"/>
      <c r="DOV686" s="613"/>
      <c r="DOW686" s="613"/>
      <c r="DOX686" s="613"/>
      <c r="DOY686" s="613"/>
      <c r="DOZ686" s="613"/>
      <c r="DPA686" s="613"/>
      <c r="DPB686" s="613"/>
      <c r="DPC686" s="613"/>
      <c r="DPD686" s="613"/>
      <c r="DPE686" s="613"/>
      <c r="DPF686" s="613"/>
      <c r="DPG686" s="613"/>
      <c r="DPH686" s="613"/>
      <c r="DPI686" s="613"/>
      <c r="DPJ686" s="613"/>
      <c r="DPK686" s="613"/>
      <c r="DPL686" s="613"/>
      <c r="DPM686" s="613"/>
      <c r="DPN686" s="613"/>
      <c r="DPO686" s="613"/>
      <c r="DPP686" s="613"/>
      <c r="DPQ686" s="613"/>
      <c r="DPR686" s="613"/>
      <c r="DPS686" s="613"/>
      <c r="DPT686" s="613"/>
      <c r="DPU686" s="613"/>
      <c r="DPV686" s="613"/>
      <c r="DPW686" s="613"/>
      <c r="DPX686" s="613"/>
      <c r="DPY686" s="613"/>
      <c r="DPZ686" s="613"/>
      <c r="DQA686" s="613"/>
      <c r="DQB686" s="613"/>
      <c r="DQC686" s="613"/>
      <c r="DQD686" s="613"/>
      <c r="DQE686" s="613"/>
      <c r="DQF686" s="613"/>
      <c r="DQG686" s="613"/>
      <c r="DQH686" s="613"/>
      <c r="DQI686" s="613"/>
      <c r="DQJ686" s="613"/>
      <c r="DQK686" s="613"/>
      <c r="DQL686" s="613"/>
      <c r="DQM686" s="613"/>
      <c r="DQN686" s="613"/>
      <c r="DQO686" s="613"/>
      <c r="DQP686" s="613"/>
      <c r="DQQ686" s="613"/>
      <c r="DQR686" s="613"/>
      <c r="DQS686" s="613"/>
      <c r="DQT686" s="613"/>
      <c r="DQU686" s="613"/>
      <c r="DQV686" s="613"/>
      <c r="DQW686" s="613"/>
      <c r="DQX686" s="613"/>
      <c r="DQY686" s="613"/>
      <c r="DQZ686" s="613"/>
      <c r="DRA686" s="613"/>
      <c r="DRB686" s="613"/>
      <c r="DRC686" s="613"/>
      <c r="DRD686" s="613"/>
      <c r="DRE686" s="613"/>
      <c r="DRF686" s="613"/>
      <c r="DRG686" s="613"/>
      <c r="DRH686" s="613"/>
      <c r="DRI686" s="613"/>
      <c r="DRJ686" s="613"/>
      <c r="DRK686" s="613"/>
      <c r="DRL686" s="613"/>
      <c r="DRM686" s="613"/>
      <c r="DRN686" s="613"/>
      <c r="DRO686" s="613"/>
      <c r="DRP686" s="613"/>
      <c r="DRQ686" s="613"/>
      <c r="DRR686" s="613"/>
      <c r="DRS686" s="613"/>
      <c r="DRT686" s="613"/>
      <c r="DRU686" s="613"/>
      <c r="DRV686" s="613"/>
      <c r="DRW686" s="613"/>
      <c r="DRX686" s="613"/>
      <c r="DRY686" s="613"/>
      <c r="DRZ686" s="613"/>
      <c r="DSA686" s="613"/>
      <c r="DSB686" s="613"/>
      <c r="DSC686" s="613"/>
      <c r="DSD686" s="613"/>
      <c r="DSE686" s="613"/>
      <c r="DSF686" s="613"/>
      <c r="DSG686" s="613"/>
      <c r="DSH686" s="613"/>
      <c r="DSI686" s="613"/>
      <c r="DSJ686" s="613"/>
      <c r="DSK686" s="613"/>
      <c r="DSL686" s="613"/>
      <c r="DSM686" s="613"/>
      <c r="DSN686" s="613"/>
      <c r="DSO686" s="613"/>
      <c r="DSP686" s="613"/>
      <c r="DSQ686" s="613"/>
      <c r="DSR686" s="613"/>
      <c r="DSS686" s="613"/>
      <c r="DST686" s="613"/>
      <c r="DSU686" s="613"/>
      <c r="DSV686" s="613"/>
      <c r="DSW686" s="613"/>
      <c r="DSX686" s="613"/>
      <c r="DSY686" s="613"/>
      <c r="DSZ686" s="613"/>
      <c r="DTA686" s="613"/>
      <c r="DTB686" s="613"/>
      <c r="DTC686" s="613"/>
      <c r="DTD686" s="613"/>
      <c r="DTE686" s="613"/>
      <c r="DTF686" s="613"/>
      <c r="DTG686" s="613"/>
      <c r="DTH686" s="613"/>
      <c r="DTI686" s="613"/>
      <c r="DTJ686" s="613"/>
      <c r="DTK686" s="613"/>
      <c r="DTL686" s="613"/>
      <c r="DTM686" s="613"/>
      <c r="DTN686" s="613"/>
      <c r="DTO686" s="613"/>
      <c r="DTP686" s="613"/>
      <c r="DTQ686" s="613"/>
      <c r="DTR686" s="613"/>
      <c r="DTS686" s="613"/>
      <c r="DTT686" s="613"/>
      <c r="DTU686" s="613"/>
      <c r="DTV686" s="613"/>
      <c r="DTW686" s="613"/>
      <c r="DTX686" s="613"/>
      <c r="DTY686" s="613"/>
      <c r="DTZ686" s="613"/>
      <c r="DUA686" s="613"/>
      <c r="DUB686" s="613"/>
      <c r="DUC686" s="613"/>
      <c r="DUD686" s="613"/>
      <c r="DUE686" s="613"/>
      <c r="DUF686" s="613"/>
      <c r="DUG686" s="613"/>
      <c r="DUH686" s="613"/>
      <c r="DUI686" s="613"/>
      <c r="DUJ686" s="613"/>
      <c r="DUK686" s="613"/>
      <c r="DUL686" s="613"/>
      <c r="DUM686" s="613"/>
      <c r="DUN686" s="613"/>
      <c r="DUO686" s="613"/>
      <c r="DUP686" s="613"/>
      <c r="DUQ686" s="613"/>
      <c r="DUR686" s="613"/>
      <c r="DUS686" s="613"/>
      <c r="DUT686" s="613"/>
      <c r="DUU686" s="613"/>
      <c r="DUV686" s="613"/>
      <c r="DUW686" s="613"/>
      <c r="DUX686" s="613"/>
      <c r="DUY686" s="613"/>
      <c r="DUZ686" s="613"/>
      <c r="DVA686" s="613"/>
      <c r="DVB686" s="613"/>
      <c r="DVC686" s="613"/>
      <c r="DVD686" s="613"/>
      <c r="DVE686" s="613"/>
      <c r="DVF686" s="613"/>
      <c r="DVG686" s="613"/>
      <c r="DVH686" s="613"/>
      <c r="DVI686" s="613"/>
      <c r="DVJ686" s="613"/>
      <c r="DVK686" s="613"/>
      <c r="DVL686" s="613"/>
      <c r="DVM686" s="613"/>
      <c r="DVN686" s="613"/>
      <c r="DVO686" s="613"/>
      <c r="DVP686" s="613"/>
      <c r="DVQ686" s="613"/>
      <c r="DVR686" s="613"/>
      <c r="DVS686" s="613"/>
      <c r="DVT686" s="613"/>
      <c r="DVU686" s="613"/>
      <c r="DVV686" s="613"/>
      <c r="DVW686" s="613"/>
      <c r="DVX686" s="613"/>
      <c r="DVY686" s="613"/>
      <c r="DVZ686" s="613"/>
      <c r="DWA686" s="613"/>
      <c r="DWB686" s="613"/>
      <c r="DWC686" s="613"/>
      <c r="DWD686" s="613"/>
      <c r="DWE686" s="613"/>
      <c r="DWF686" s="613"/>
      <c r="DWG686" s="613"/>
      <c r="DWH686" s="613"/>
      <c r="DWI686" s="613"/>
      <c r="DWJ686" s="613"/>
      <c r="DWK686" s="613"/>
      <c r="DWL686" s="613"/>
      <c r="DWM686" s="613"/>
      <c r="DWN686" s="613"/>
      <c r="DWO686" s="613"/>
      <c r="DWP686" s="613"/>
      <c r="DWQ686" s="613"/>
      <c r="DWR686" s="613"/>
      <c r="DWS686" s="613"/>
      <c r="DWT686" s="613"/>
      <c r="DWU686" s="613"/>
      <c r="DWV686" s="613"/>
      <c r="DWW686" s="613"/>
      <c r="DWX686" s="613"/>
      <c r="DWY686" s="613"/>
      <c r="DWZ686" s="613"/>
      <c r="DXA686" s="613"/>
      <c r="DXB686" s="613"/>
      <c r="DXC686" s="613"/>
      <c r="DXD686" s="613"/>
      <c r="DXE686" s="613"/>
      <c r="DXF686" s="613"/>
      <c r="DXG686" s="613"/>
      <c r="DXH686" s="613"/>
      <c r="DXI686" s="613"/>
      <c r="DXJ686" s="613"/>
      <c r="DXK686" s="613"/>
      <c r="DXL686" s="613"/>
      <c r="DXM686" s="613"/>
      <c r="DXN686" s="613"/>
      <c r="DXO686" s="613"/>
      <c r="DXP686" s="613"/>
      <c r="DXQ686" s="613"/>
      <c r="DXR686" s="613"/>
      <c r="DXS686" s="613"/>
      <c r="DXT686" s="613"/>
      <c r="DXU686" s="613"/>
      <c r="DXV686" s="613"/>
      <c r="DXW686" s="613"/>
      <c r="DXX686" s="613"/>
      <c r="DXY686" s="613"/>
      <c r="DXZ686" s="613"/>
      <c r="DYA686" s="613"/>
      <c r="DYB686" s="613"/>
      <c r="DYC686" s="613"/>
      <c r="DYD686" s="613"/>
      <c r="DYE686" s="613"/>
      <c r="DYF686" s="613"/>
      <c r="DYG686" s="613"/>
      <c r="DYH686" s="613"/>
      <c r="DYI686" s="613"/>
      <c r="DYJ686" s="613"/>
      <c r="DYK686" s="613"/>
      <c r="DYL686" s="613"/>
      <c r="DYM686" s="613"/>
      <c r="DYN686" s="613"/>
      <c r="DYO686" s="613"/>
      <c r="DYP686" s="613"/>
      <c r="DYQ686" s="613"/>
      <c r="DYR686" s="613"/>
      <c r="DYS686" s="613"/>
      <c r="DYT686" s="613"/>
      <c r="DYU686" s="613"/>
      <c r="DYV686" s="613"/>
      <c r="DYW686" s="613"/>
      <c r="DYX686" s="613"/>
      <c r="DYY686" s="613"/>
      <c r="DYZ686" s="613"/>
      <c r="DZA686" s="613"/>
      <c r="DZB686" s="613"/>
      <c r="DZC686" s="613"/>
      <c r="DZD686" s="613"/>
      <c r="DZE686" s="613"/>
      <c r="DZF686" s="613"/>
      <c r="DZG686" s="613"/>
      <c r="DZH686" s="613"/>
      <c r="DZI686" s="613"/>
      <c r="DZJ686" s="613"/>
      <c r="DZK686" s="613"/>
      <c r="DZL686" s="613"/>
      <c r="DZM686" s="613"/>
      <c r="DZN686" s="613"/>
      <c r="DZO686" s="613"/>
      <c r="DZP686" s="613"/>
      <c r="DZQ686" s="613"/>
      <c r="DZR686" s="613"/>
      <c r="DZS686" s="613"/>
      <c r="DZT686" s="613"/>
      <c r="DZU686" s="613"/>
      <c r="DZV686" s="613"/>
      <c r="DZW686" s="613"/>
      <c r="DZX686" s="613"/>
      <c r="DZY686" s="613"/>
      <c r="DZZ686" s="613"/>
      <c r="EAA686" s="613"/>
      <c r="EAB686" s="613"/>
      <c r="EAC686" s="613"/>
      <c r="EAD686" s="613"/>
      <c r="EAE686" s="613"/>
      <c r="EAF686" s="613"/>
      <c r="EAG686" s="613"/>
      <c r="EAH686" s="613"/>
      <c r="EAI686" s="613"/>
      <c r="EAJ686" s="613"/>
      <c r="EAK686" s="613"/>
      <c r="EAL686" s="613"/>
      <c r="EAM686" s="613"/>
      <c r="EAN686" s="613"/>
      <c r="EAO686" s="613"/>
      <c r="EAP686" s="613"/>
      <c r="EAQ686" s="613"/>
      <c r="EAR686" s="613"/>
      <c r="EAS686" s="613"/>
      <c r="EAT686" s="613"/>
      <c r="EAU686" s="613"/>
      <c r="EAV686" s="613"/>
      <c r="EAW686" s="613"/>
      <c r="EAX686" s="613"/>
      <c r="EAY686" s="613"/>
      <c r="EAZ686" s="613"/>
      <c r="EBA686" s="613"/>
      <c r="EBB686" s="613"/>
      <c r="EBC686" s="613"/>
      <c r="EBD686" s="613"/>
      <c r="EBE686" s="613"/>
      <c r="EBF686" s="613"/>
      <c r="EBG686" s="613"/>
      <c r="EBH686" s="613"/>
      <c r="EBI686" s="613"/>
      <c r="EBJ686" s="613"/>
      <c r="EBK686" s="613"/>
      <c r="EBL686" s="613"/>
      <c r="EBM686" s="613"/>
      <c r="EBN686" s="613"/>
      <c r="EBO686" s="613"/>
      <c r="EBP686" s="613"/>
      <c r="EBQ686" s="613"/>
      <c r="EBR686" s="613"/>
      <c r="EBS686" s="613"/>
      <c r="EBT686" s="613"/>
      <c r="EBU686" s="613"/>
      <c r="EBV686" s="613"/>
      <c r="EBW686" s="613"/>
      <c r="EBX686" s="613"/>
      <c r="EBY686" s="613"/>
      <c r="EBZ686" s="613"/>
      <c r="ECA686" s="613"/>
      <c r="ECB686" s="613"/>
      <c r="ECC686" s="613"/>
      <c r="ECD686" s="613"/>
      <c r="ECE686" s="613"/>
      <c r="ECF686" s="613"/>
      <c r="ECG686" s="613"/>
      <c r="ECH686" s="613"/>
      <c r="ECI686" s="613"/>
      <c r="ECJ686" s="613"/>
      <c r="ECK686" s="613"/>
      <c r="ECL686" s="613"/>
      <c r="ECM686" s="613"/>
      <c r="ECN686" s="613"/>
      <c r="ECO686" s="613"/>
      <c r="ECP686" s="613"/>
      <c r="ECQ686" s="613"/>
      <c r="ECR686" s="613"/>
      <c r="ECS686" s="613"/>
      <c r="ECT686" s="613"/>
      <c r="ECU686" s="613"/>
      <c r="ECV686" s="613"/>
      <c r="ECW686" s="613"/>
      <c r="ECX686" s="613"/>
      <c r="ECY686" s="613"/>
      <c r="ECZ686" s="613"/>
      <c r="EDA686" s="613"/>
      <c r="EDB686" s="613"/>
      <c r="EDC686" s="613"/>
      <c r="EDD686" s="613"/>
      <c r="EDE686" s="613"/>
      <c r="EDF686" s="613"/>
      <c r="EDG686" s="613"/>
      <c r="EDH686" s="613"/>
      <c r="EDI686" s="613"/>
      <c r="EDJ686" s="613"/>
      <c r="EDK686" s="613"/>
      <c r="EDL686" s="613"/>
      <c r="EDM686" s="613"/>
      <c r="EDN686" s="613"/>
      <c r="EDO686" s="613"/>
      <c r="EDP686" s="613"/>
      <c r="EDQ686" s="613"/>
      <c r="EDR686" s="613"/>
      <c r="EDS686" s="613"/>
      <c r="EDT686" s="613"/>
      <c r="EDU686" s="613"/>
      <c r="EDV686" s="613"/>
      <c r="EDW686" s="613"/>
      <c r="EDX686" s="613"/>
      <c r="EDY686" s="613"/>
      <c r="EDZ686" s="613"/>
      <c r="EEA686" s="613"/>
      <c r="EEB686" s="613"/>
      <c r="EEC686" s="613"/>
      <c r="EED686" s="613"/>
      <c r="EEE686" s="613"/>
      <c r="EEF686" s="613"/>
      <c r="EEG686" s="613"/>
      <c r="EEH686" s="613"/>
      <c r="EEI686" s="613"/>
      <c r="EEJ686" s="613"/>
      <c r="EEK686" s="613"/>
      <c r="EEL686" s="613"/>
      <c r="EEM686" s="613"/>
      <c r="EEN686" s="613"/>
      <c r="EEO686" s="613"/>
      <c r="EEP686" s="613"/>
      <c r="EEQ686" s="613"/>
      <c r="EER686" s="613"/>
      <c r="EES686" s="613"/>
      <c r="EET686" s="613"/>
      <c r="EEU686" s="613"/>
      <c r="EEV686" s="613"/>
      <c r="EEW686" s="613"/>
      <c r="EEX686" s="613"/>
      <c r="EEY686" s="613"/>
      <c r="EEZ686" s="613"/>
      <c r="EFA686" s="613"/>
      <c r="EFB686" s="613"/>
      <c r="EFC686" s="613"/>
      <c r="EFD686" s="613"/>
      <c r="EFE686" s="613"/>
      <c r="EFF686" s="613"/>
      <c r="EFG686" s="613"/>
      <c r="EFH686" s="613"/>
      <c r="EFI686" s="613"/>
      <c r="EFJ686" s="613"/>
      <c r="EFK686" s="613"/>
      <c r="EFL686" s="613"/>
      <c r="EFM686" s="613"/>
      <c r="EFN686" s="613"/>
      <c r="EFO686" s="613"/>
      <c r="EFP686" s="613"/>
      <c r="EFQ686" s="613"/>
      <c r="EFR686" s="613"/>
      <c r="EFS686" s="613"/>
      <c r="EFT686" s="613"/>
      <c r="EFU686" s="613"/>
      <c r="EFV686" s="613"/>
      <c r="EFW686" s="613"/>
      <c r="EFX686" s="613"/>
      <c r="EFY686" s="613"/>
      <c r="EFZ686" s="613"/>
      <c r="EGA686" s="613"/>
      <c r="EGB686" s="613"/>
      <c r="EGC686" s="613"/>
      <c r="EGD686" s="613"/>
      <c r="EGE686" s="613"/>
      <c r="EGF686" s="613"/>
      <c r="EGG686" s="613"/>
      <c r="EGH686" s="613"/>
      <c r="EGI686" s="613"/>
      <c r="EGJ686" s="613"/>
      <c r="EGK686" s="613"/>
      <c r="EGL686" s="613"/>
      <c r="EGM686" s="613"/>
      <c r="EGN686" s="613"/>
      <c r="EGO686" s="613"/>
      <c r="EGP686" s="613"/>
      <c r="EGQ686" s="613"/>
      <c r="EGR686" s="613"/>
      <c r="EGS686" s="613"/>
      <c r="EGT686" s="613"/>
      <c r="EGU686" s="613"/>
      <c r="EGV686" s="613"/>
      <c r="EGW686" s="613"/>
      <c r="EGX686" s="613"/>
      <c r="EGY686" s="613"/>
      <c r="EGZ686" s="613"/>
      <c r="EHA686" s="613"/>
      <c r="EHB686" s="613"/>
      <c r="EHC686" s="613"/>
      <c r="EHD686" s="613"/>
      <c r="EHE686" s="613"/>
      <c r="EHF686" s="613"/>
      <c r="EHG686" s="613"/>
      <c r="EHH686" s="613"/>
      <c r="EHI686" s="613"/>
      <c r="EHJ686" s="613"/>
      <c r="EHK686" s="613"/>
      <c r="EHL686" s="613"/>
      <c r="EHM686" s="613"/>
      <c r="EHN686" s="613"/>
      <c r="EHO686" s="613"/>
      <c r="EHP686" s="613"/>
      <c r="EHQ686" s="613"/>
      <c r="EHR686" s="613"/>
      <c r="EHS686" s="613"/>
      <c r="EHT686" s="613"/>
      <c r="EHU686" s="613"/>
      <c r="EHV686" s="613"/>
      <c r="EHW686" s="613"/>
      <c r="EHX686" s="613"/>
      <c r="EHY686" s="613"/>
      <c r="EHZ686" s="613"/>
      <c r="EIA686" s="613"/>
      <c r="EIB686" s="613"/>
      <c r="EIC686" s="613"/>
      <c r="EID686" s="613"/>
      <c r="EIE686" s="613"/>
      <c r="EIF686" s="613"/>
      <c r="EIG686" s="613"/>
      <c r="EIH686" s="613"/>
      <c r="EII686" s="613"/>
      <c r="EIJ686" s="613"/>
      <c r="EIK686" s="613"/>
      <c r="EIL686" s="613"/>
      <c r="EIM686" s="613"/>
      <c r="EIN686" s="613"/>
      <c r="EIO686" s="613"/>
      <c r="EIP686" s="613"/>
      <c r="EIQ686" s="613"/>
      <c r="EIR686" s="613"/>
      <c r="EIS686" s="613"/>
      <c r="EIT686" s="613"/>
      <c r="EIU686" s="613"/>
      <c r="EIV686" s="613"/>
      <c r="EIW686" s="613"/>
      <c r="EIX686" s="613"/>
      <c r="EIY686" s="613"/>
      <c r="EIZ686" s="613"/>
      <c r="EJA686" s="613"/>
      <c r="EJB686" s="613"/>
      <c r="EJC686" s="613"/>
      <c r="EJD686" s="613"/>
      <c r="EJE686" s="613"/>
      <c r="EJF686" s="613"/>
      <c r="EJG686" s="613"/>
      <c r="EJH686" s="613"/>
      <c r="EJI686" s="613"/>
      <c r="EJJ686" s="613"/>
      <c r="EJK686" s="613"/>
      <c r="EJL686" s="613"/>
      <c r="EJM686" s="613"/>
      <c r="EJN686" s="613"/>
      <c r="EJO686" s="613"/>
      <c r="EJP686" s="613"/>
      <c r="EJQ686" s="613"/>
      <c r="EJR686" s="613"/>
      <c r="EJS686" s="613"/>
      <c r="EJT686" s="613"/>
      <c r="EJU686" s="613"/>
      <c r="EJV686" s="613"/>
      <c r="EJW686" s="613"/>
      <c r="EJX686" s="613"/>
      <c r="EJY686" s="613"/>
      <c r="EJZ686" s="613"/>
      <c r="EKA686" s="613"/>
      <c r="EKB686" s="613"/>
      <c r="EKC686" s="613"/>
      <c r="EKD686" s="613"/>
      <c r="EKE686" s="613"/>
      <c r="EKF686" s="613"/>
      <c r="EKG686" s="613"/>
      <c r="EKH686" s="613"/>
      <c r="EKI686" s="613"/>
      <c r="EKJ686" s="613"/>
      <c r="EKK686" s="613"/>
      <c r="EKL686" s="613"/>
      <c r="EKM686" s="613"/>
      <c r="EKN686" s="613"/>
      <c r="EKO686" s="613"/>
      <c r="EKP686" s="613"/>
      <c r="EKQ686" s="613"/>
      <c r="EKR686" s="613"/>
      <c r="EKS686" s="613"/>
      <c r="EKT686" s="613"/>
      <c r="EKU686" s="613"/>
      <c r="EKV686" s="613"/>
      <c r="EKW686" s="613"/>
      <c r="EKX686" s="613"/>
      <c r="EKY686" s="613"/>
      <c r="EKZ686" s="613"/>
      <c r="ELA686" s="613"/>
      <c r="ELB686" s="613"/>
      <c r="ELC686" s="613"/>
      <c r="ELD686" s="613"/>
      <c r="ELE686" s="613"/>
      <c r="ELF686" s="613"/>
      <c r="ELG686" s="613"/>
      <c r="ELH686" s="613"/>
      <c r="ELI686" s="613"/>
      <c r="ELJ686" s="613"/>
      <c r="ELK686" s="613"/>
      <c r="ELL686" s="613"/>
      <c r="ELM686" s="613"/>
      <c r="ELN686" s="613"/>
      <c r="ELO686" s="613"/>
      <c r="ELP686" s="613"/>
      <c r="ELQ686" s="613"/>
      <c r="ELR686" s="613"/>
      <c r="ELS686" s="613"/>
      <c r="ELT686" s="613"/>
      <c r="ELU686" s="613"/>
      <c r="ELV686" s="613"/>
      <c r="ELW686" s="613"/>
      <c r="ELX686" s="613"/>
      <c r="ELY686" s="613"/>
      <c r="ELZ686" s="613"/>
      <c r="EMA686" s="613"/>
      <c r="EMB686" s="613"/>
      <c r="EMC686" s="613"/>
      <c r="EMD686" s="613"/>
      <c r="EME686" s="613"/>
      <c r="EMF686" s="613"/>
      <c r="EMG686" s="613"/>
      <c r="EMH686" s="613"/>
      <c r="EMI686" s="613"/>
      <c r="EMJ686" s="613"/>
      <c r="EMK686" s="613"/>
      <c r="EML686" s="613"/>
      <c r="EMM686" s="613"/>
      <c r="EMN686" s="613"/>
      <c r="EMO686" s="613"/>
      <c r="EMP686" s="613"/>
      <c r="EMQ686" s="613"/>
      <c r="EMR686" s="613"/>
      <c r="EMS686" s="613"/>
      <c r="EMT686" s="613"/>
      <c r="EMU686" s="613"/>
      <c r="EMV686" s="613"/>
      <c r="EMW686" s="613"/>
      <c r="EMX686" s="613"/>
      <c r="EMY686" s="613"/>
      <c r="EMZ686" s="613"/>
      <c r="ENA686" s="613"/>
      <c r="ENB686" s="613"/>
      <c r="ENC686" s="613"/>
      <c r="END686" s="613"/>
      <c r="ENE686" s="613"/>
      <c r="ENF686" s="613"/>
      <c r="ENG686" s="613"/>
      <c r="ENH686" s="613"/>
      <c r="ENI686" s="613"/>
      <c r="ENJ686" s="613"/>
      <c r="ENK686" s="613"/>
      <c r="ENL686" s="613"/>
      <c r="ENM686" s="613"/>
      <c r="ENN686" s="613"/>
      <c r="ENO686" s="613"/>
      <c r="ENP686" s="613"/>
      <c r="ENQ686" s="613"/>
      <c r="ENR686" s="613"/>
      <c r="ENS686" s="613"/>
      <c r="ENT686" s="613"/>
      <c r="ENU686" s="613"/>
      <c r="ENV686" s="613"/>
      <c r="ENW686" s="613"/>
      <c r="ENX686" s="613"/>
      <c r="ENY686" s="613"/>
      <c r="ENZ686" s="613"/>
      <c r="EOA686" s="613"/>
      <c r="EOB686" s="613"/>
      <c r="EOC686" s="613"/>
      <c r="EOD686" s="613"/>
      <c r="EOE686" s="613"/>
      <c r="EOF686" s="613"/>
      <c r="EOG686" s="613"/>
      <c r="EOH686" s="613"/>
      <c r="EOI686" s="613"/>
      <c r="EOJ686" s="613"/>
      <c r="EOK686" s="613"/>
      <c r="EOL686" s="613"/>
      <c r="EOM686" s="613"/>
      <c r="EON686" s="613"/>
      <c r="EOO686" s="613"/>
      <c r="EOP686" s="613"/>
      <c r="EOQ686" s="613"/>
      <c r="EOR686" s="613"/>
      <c r="EOS686" s="613"/>
      <c r="EOT686" s="613"/>
      <c r="EOU686" s="613"/>
      <c r="EOV686" s="613"/>
      <c r="EOW686" s="613"/>
      <c r="EOX686" s="613"/>
      <c r="EOY686" s="613"/>
      <c r="EOZ686" s="613"/>
      <c r="EPA686" s="613"/>
      <c r="EPB686" s="613"/>
      <c r="EPC686" s="613"/>
      <c r="EPD686" s="613"/>
      <c r="EPE686" s="613"/>
      <c r="EPF686" s="613"/>
      <c r="EPG686" s="613"/>
      <c r="EPH686" s="613"/>
      <c r="EPI686" s="613"/>
      <c r="EPJ686" s="613"/>
      <c r="EPK686" s="613"/>
      <c r="EPL686" s="613"/>
      <c r="EPM686" s="613"/>
      <c r="EPN686" s="613"/>
      <c r="EPO686" s="613"/>
      <c r="EPP686" s="613"/>
      <c r="EPQ686" s="613"/>
      <c r="EPR686" s="613"/>
      <c r="EPS686" s="613"/>
      <c r="EPT686" s="613"/>
      <c r="EPU686" s="613"/>
      <c r="EPV686" s="613"/>
      <c r="EPW686" s="613"/>
      <c r="EPX686" s="613"/>
      <c r="EPY686" s="613"/>
      <c r="EPZ686" s="613"/>
      <c r="EQA686" s="613"/>
      <c r="EQB686" s="613"/>
      <c r="EQC686" s="613"/>
      <c r="EQD686" s="613"/>
      <c r="EQE686" s="613"/>
      <c r="EQF686" s="613"/>
      <c r="EQG686" s="613"/>
      <c r="EQH686" s="613"/>
      <c r="EQI686" s="613"/>
      <c r="EQJ686" s="613"/>
      <c r="EQK686" s="613"/>
      <c r="EQL686" s="613"/>
      <c r="EQM686" s="613"/>
      <c r="EQN686" s="613"/>
      <c r="EQO686" s="613"/>
      <c r="EQP686" s="613"/>
      <c r="EQQ686" s="613"/>
      <c r="EQR686" s="613"/>
      <c r="EQS686" s="613"/>
      <c r="EQT686" s="613"/>
      <c r="EQU686" s="613"/>
      <c r="EQV686" s="613"/>
      <c r="EQW686" s="613"/>
      <c r="EQX686" s="613"/>
      <c r="EQY686" s="613"/>
      <c r="EQZ686" s="613"/>
      <c r="ERA686" s="613"/>
      <c r="ERB686" s="613"/>
      <c r="ERC686" s="613"/>
      <c r="ERD686" s="613"/>
      <c r="ERE686" s="613"/>
      <c r="ERF686" s="613"/>
      <c r="ERG686" s="613"/>
      <c r="ERH686" s="613"/>
      <c r="ERI686" s="613"/>
      <c r="ERJ686" s="613"/>
      <c r="ERK686" s="613"/>
      <c r="ERL686" s="613"/>
      <c r="ERM686" s="613"/>
      <c r="ERN686" s="613"/>
      <c r="ERO686" s="613"/>
      <c r="ERP686" s="613"/>
      <c r="ERQ686" s="613"/>
      <c r="ERR686" s="613"/>
      <c r="ERS686" s="613"/>
      <c r="ERT686" s="613"/>
      <c r="ERU686" s="613"/>
      <c r="ERV686" s="613"/>
      <c r="ERW686" s="613"/>
      <c r="ERX686" s="613"/>
      <c r="ERY686" s="613"/>
      <c r="ERZ686" s="613"/>
      <c r="ESA686" s="613"/>
      <c r="ESB686" s="613"/>
      <c r="ESC686" s="613"/>
      <c r="ESD686" s="613"/>
      <c r="ESE686" s="613"/>
      <c r="ESF686" s="613"/>
      <c r="ESG686" s="613"/>
      <c r="ESH686" s="613"/>
      <c r="ESI686" s="613"/>
      <c r="ESJ686" s="613"/>
      <c r="ESK686" s="613"/>
      <c r="ESL686" s="613"/>
      <c r="ESM686" s="613"/>
      <c r="ESN686" s="613"/>
      <c r="ESO686" s="613"/>
      <c r="ESP686" s="613"/>
      <c r="ESQ686" s="613"/>
      <c r="ESR686" s="613"/>
      <c r="ESS686" s="613"/>
      <c r="EST686" s="613"/>
      <c r="ESU686" s="613"/>
      <c r="ESV686" s="613"/>
      <c r="ESW686" s="613"/>
      <c r="ESX686" s="613"/>
      <c r="ESY686" s="613"/>
      <c r="ESZ686" s="613"/>
      <c r="ETA686" s="613"/>
      <c r="ETB686" s="613"/>
      <c r="ETC686" s="613"/>
      <c r="ETD686" s="613"/>
      <c r="ETE686" s="613"/>
      <c r="ETF686" s="613"/>
      <c r="ETG686" s="613"/>
      <c r="ETH686" s="613"/>
      <c r="ETI686" s="613"/>
      <c r="ETJ686" s="613"/>
      <c r="ETK686" s="613"/>
      <c r="ETL686" s="613"/>
      <c r="ETM686" s="613"/>
      <c r="ETN686" s="613"/>
      <c r="ETO686" s="613"/>
      <c r="ETP686" s="613"/>
      <c r="ETQ686" s="613"/>
      <c r="ETR686" s="613"/>
      <c r="ETS686" s="613"/>
      <c r="ETT686" s="613"/>
      <c r="ETU686" s="613"/>
      <c r="ETV686" s="613"/>
      <c r="ETW686" s="613"/>
      <c r="ETX686" s="613"/>
      <c r="ETY686" s="613"/>
      <c r="ETZ686" s="613"/>
      <c r="EUA686" s="613"/>
      <c r="EUB686" s="613"/>
      <c r="EUC686" s="613"/>
      <c r="EUD686" s="613"/>
      <c r="EUE686" s="613"/>
      <c r="EUF686" s="613"/>
      <c r="EUG686" s="613"/>
      <c r="EUH686" s="613"/>
      <c r="EUI686" s="613"/>
      <c r="EUJ686" s="613"/>
      <c r="EUK686" s="613"/>
      <c r="EUL686" s="613"/>
      <c r="EUM686" s="613"/>
      <c r="EUN686" s="613"/>
      <c r="EUO686" s="613"/>
      <c r="EUP686" s="613"/>
      <c r="EUQ686" s="613"/>
      <c r="EUR686" s="613"/>
      <c r="EUS686" s="613"/>
      <c r="EUT686" s="613"/>
      <c r="EUU686" s="613"/>
      <c r="EUV686" s="613"/>
      <c r="EUW686" s="613"/>
      <c r="EUX686" s="613"/>
      <c r="EUY686" s="613"/>
      <c r="EUZ686" s="613"/>
      <c r="EVA686" s="613"/>
      <c r="EVB686" s="613"/>
      <c r="EVC686" s="613"/>
      <c r="EVD686" s="613"/>
      <c r="EVE686" s="613"/>
      <c r="EVF686" s="613"/>
      <c r="EVG686" s="613"/>
      <c r="EVH686" s="613"/>
      <c r="EVI686" s="613"/>
      <c r="EVJ686" s="613"/>
      <c r="EVK686" s="613"/>
      <c r="EVL686" s="613"/>
      <c r="EVM686" s="613"/>
      <c r="EVN686" s="613"/>
      <c r="EVO686" s="613"/>
      <c r="EVP686" s="613"/>
      <c r="EVQ686" s="613"/>
      <c r="EVR686" s="613"/>
      <c r="EVS686" s="613"/>
      <c r="EVT686" s="613"/>
      <c r="EVU686" s="613"/>
      <c r="EVV686" s="613"/>
      <c r="EVW686" s="613"/>
      <c r="EVX686" s="613"/>
      <c r="EVY686" s="613"/>
      <c r="EVZ686" s="613"/>
      <c r="EWA686" s="613"/>
      <c r="EWB686" s="613"/>
      <c r="EWC686" s="613"/>
      <c r="EWD686" s="613"/>
      <c r="EWE686" s="613"/>
      <c r="EWF686" s="613"/>
      <c r="EWG686" s="613"/>
      <c r="EWH686" s="613"/>
      <c r="EWI686" s="613"/>
      <c r="EWJ686" s="613"/>
      <c r="EWK686" s="613"/>
      <c r="EWL686" s="613"/>
      <c r="EWM686" s="613"/>
      <c r="EWN686" s="613"/>
      <c r="EWO686" s="613"/>
      <c r="EWP686" s="613"/>
      <c r="EWQ686" s="613"/>
      <c r="EWR686" s="613"/>
      <c r="EWS686" s="613"/>
      <c r="EWT686" s="613"/>
      <c r="EWU686" s="613"/>
      <c r="EWV686" s="613"/>
      <c r="EWW686" s="613"/>
      <c r="EWX686" s="613"/>
      <c r="EWY686" s="613"/>
      <c r="EWZ686" s="613"/>
      <c r="EXA686" s="613"/>
      <c r="EXB686" s="613"/>
      <c r="EXC686" s="613"/>
      <c r="EXD686" s="613"/>
      <c r="EXE686" s="613"/>
      <c r="EXF686" s="613"/>
      <c r="EXG686" s="613"/>
      <c r="EXH686" s="613"/>
      <c r="EXI686" s="613"/>
      <c r="EXJ686" s="613"/>
      <c r="EXK686" s="613"/>
      <c r="EXL686" s="613"/>
      <c r="EXM686" s="613"/>
      <c r="EXN686" s="613"/>
      <c r="EXO686" s="613"/>
      <c r="EXP686" s="613"/>
      <c r="EXQ686" s="613"/>
      <c r="EXR686" s="613"/>
      <c r="EXS686" s="613"/>
      <c r="EXT686" s="613"/>
      <c r="EXU686" s="613"/>
      <c r="EXV686" s="613"/>
      <c r="EXW686" s="613"/>
      <c r="EXX686" s="613"/>
      <c r="EXY686" s="613"/>
      <c r="EXZ686" s="613"/>
      <c r="EYA686" s="613"/>
      <c r="EYB686" s="613"/>
      <c r="EYC686" s="613"/>
      <c r="EYD686" s="613"/>
      <c r="EYE686" s="613"/>
      <c r="EYF686" s="613"/>
      <c r="EYG686" s="613"/>
      <c r="EYH686" s="613"/>
      <c r="EYI686" s="613"/>
      <c r="EYJ686" s="613"/>
      <c r="EYK686" s="613"/>
      <c r="EYL686" s="613"/>
      <c r="EYM686" s="613"/>
      <c r="EYN686" s="613"/>
      <c r="EYO686" s="613"/>
      <c r="EYP686" s="613"/>
      <c r="EYQ686" s="613"/>
      <c r="EYR686" s="613"/>
      <c r="EYS686" s="613"/>
      <c r="EYT686" s="613"/>
      <c r="EYU686" s="613"/>
      <c r="EYV686" s="613"/>
      <c r="EYW686" s="613"/>
      <c r="EYX686" s="613"/>
      <c r="EYY686" s="613"/>
      <c r="EYZ686" s="613"/>
      <c r="EZA686" s="613"/>
      <c r="EZB686" s="613"/>
      <c r="EZC686" s="613"/>
      <c r="EZD686" s="613"/>
      <c r="EZE686" s="613"/>
      <c r="EZF686" s="613"/>
      <c r="EZG686" s="613"/>
      <c r="EZH686" s="613"/>
      <c r="EZI686" s="613"/>
      <c r="EZJ686" s="613"/>
      <c r="EZK686" s="613"/>
      <c r="EZL686" s="613"/>
      <c r="EZM686" s="613"/>
      <c r="EZN686" s="613"/>
      <c r="EZO686" s="613"/>
      <c r="EZP686" s="613"/>
      <c r="EZQ686" s="613"/>
      <c r="EZR686" s="613"/>
      <c r="EZS686" s="613"/>
      <c r="EZT686" s="613"/>
      <c r="EZU686" s="613"/>
      <c r="EZV686" s="613"/>
      <c r="EZW686" s="613"/>
      <c r="EZX686" s="613"/>
      <c r="EZY686" s="613"/>
      <c r="EZZ686" s="613"/>
      <c r="FAA686" s="613"/>
      <c r="FAB686" s="613"/>
      <c r="FAC686" s="613"/>
      <c r="FAD686" s="613"/>
      <c r="FAE686" s="613"/>
      <c r="FAF686" s="613"/>
      <c r="FAG686" s="613"/>
      <c r="FAH686" s="613"/>
      <c r="FAI686" s="613"/>
      <c r="FAJ686" s="613"/>
      <c r="FAK686" s="613"/>
      <c r="FAL686" s="613"/>
      <c r="FAM686" s="613"/>
      <c r="FAN686" s="613"/>
      <c r="FAO686" s="613"/>
      <c r="FAP686" s="613"/>
      <c r="FAQ686" s="613"/>
      <c r="FAR686" s="613"/>
      <c r="FAS686" s="613"/>
      <c r="FAT686" s="613"/>
      <c r="FAU686" s="613"/>
      <c r="FAV686" s="613"/>
      <c r="FAW686" s="613"/>
      <c r="FAX686" s="613"/>
      <c r="FAY686" s="613"/>
      <c r="FAZ686" s="613"/>
      <c r="FBA686" s="613"/>
      <c r="FBB686" s="613"/>
      <c r="FBC686" s="613"/>
      <c r="FBD686" s="613"/>
      <c r="FBE686" s="613"/>
      <c r="FBF686" s="613"/>
      <c r="FBG686" s="613"/>
      <c r="FBH686" s="613"/>
      <c r="FBI686" s="613"/>
      <c r="FBJ686" s="613"/>
      <c r="FBK686" s="613"/>
      <c r="FBL686" s="613"/>
      <c r="FBM686" s="613"/>
      <c r="FBN686" s="613"/>
      <c r="FBO686" s="613"/>
      <c r="FBP686" s="613"/>
      <c r="FBQ686" s="613"/>
      <c r="FBR686" s="613"/>
      <c r="FBS686" s="613"/>
      <c r="FBT686" s="613"/>
      <c r="FBU686" s="613"/>
      <c r="FBV686" s="613"/>
      <c r="FBW686" s="613"/>
      <c r="FBX686" s="613"/>
      <c r="FBY686" s="613"/>
      <c r="FBZ686" s="613"/>
      <c r="FCA686" s="613"/>
      <c r="FCB686" s="613"/>
      <c r="FCC686" s="613"/>
      <c r="FCD686" s="613"/>
      <c r="FCE686" s="613"/>
      <c r="FCF686" s="613"/>
      <c r="FCG686" s="613"/>
      <c r="FCH686" s="613"/>
      <c r="FCI686" s="613"/>
      <c r="FCJ686" s="613"/>
      <c r="FCK686" s="613"/>
      <c r="FCL686" s="613"/>
      <c r="FCM686" s="613"/>
      <c r="FCN686" s="613"/>
      <c r="FCO686" s="613"/>
      <c r="FCP686" s="613"/>
      <c r="FCQ686" s="613"/>
      <c r="FCR686" s="613"/>
      <c r="FCS686" s="613"/>
      <c r="FCT686" s="613"/>
      <c r="FCU686" s="613"/>
      <c r="FCV686" s="613"/>
      <c r="FCW686" s="613"/>
      <c r="FCX686" s="613"/>
      <c r="FCY686" s="613"/>
      <c r="FCZ686" s="613"/>
      <c r="FDA686" s="613"/>
      <c r="FDB686" s="613"/>
      <c r="FDC686" s="613"/>
      <c r="FDD686" s="613"/>
      <c r="FDE686" s="613"/>
      <c r="FDF686" s="613"/>
      <c r="FDG686" s="613"/>
      <c r="FDH686" s="613"/>
      <c r="FDI686" s="613"/>
      <c r="FDJ686" s="613"/>
      <c r="FDK686" s="613"/>
      <c r="FDL686" s="613"/>
      <c r="FDM686" s="613"/>
      <c r="FDN686" s="613"/>
      <c r="FDO686" s="613"/>
      <c r="FDP686" s="613"/>
      <c r="FDQ686" s="613"/>
      <c r="FDR686" s="613"/>
      <c r="FDS686" s="613"/>
      <c r="FDT686" s="613"/>
      <c r="FDU686" s="613"/>
      <c r="FDV686" s="613"/>
      <c r="FDW686" s="613"/>
      <c r="FDX686" s="613"/>
      <c r="FDY686" s="613"/>
      <c r="FDZ686" s="613"/>
      <c r="FEA686" s="613"/>
      <c r="FEB686" s="613"/>
      <c r="FEC686" s="613"/>
      <c r="FED686" s="613"/>
      <c r="FEE686" s="613"/>
      <c r="FEF686" s="613"/>
      <c r="FEG686" s="613"/>
      <c r="FEH686" s="613"/>
      <c r="FEI686" s="613"/>
      <c r="FEJ686" s="613"/>
      <c r="FEK686" s="613"/>
      <c r="FEL686" s="613"/>
      <c r="FEM686" s="613"/>
      <c r="FEN686" s="613"/>
      <c r="FEO686" s="613"/>
      <c r="FEP686" s="613"/>
      <c r="FEQ686" s="613"/>
      <c r="FER686" s="613"/>
      <c r="FES686" s="613"/>
      <c r="FET686" s="613"/>
      <c r="FEU686" s="613"/>
      <c r="FEV686" s="613"/>
      <c r="FEW686" s="613"/>
      <c r="FEX686" s="613"/>
      <c r="FEY686" s="613"/>
      <c r="FEZ686" s="613"/>
      <c r="FFA686" s="613"/>
      <c r="FFB686" s="613"/>
      <c r="FFC686" s="613"/>
      <c r="FFD686" s="613"/>
      <c r="FFE686" s="613"/>
      <c r="FFF686" s="613"/>
      <c r="FFG686" s="613"/>
      <c r="FFH686" s="613"/>
      <c r="FFI686" s="613"/>
      <c r="FFJ686" s="613"/>
      <c r="FFK686" s="613"/>
      <c r="FFL686" s="613"/>
      <c r="FFM686" s="613"/>
      <c r="FFN686" s="613"/>
      <c r="FFO686" s="613"/>
      <c r="FFP686" s="613"/>
      <c r="FFQ686" s="613"/>
      <c r="FFR686" s="613"/>
      <c r="FFS686" s="613"/>
      <c r="FFT686" s="613"/>
      <c r="FFU686" s="613"/>
      <c r="FFV686" s="613"/>
      <c r="FFW686" s="613"/>
      <c r="FFX686" s="613"/>
      <c r="FFY686" s="613"/>
      <c r="FFZ686" s="613"/>
      <c r="FGA686" s="613"/>
      <c r="FGB686" s="613"/>
      <c r="FGC686" s="613"/>
      <c r="FGD686" s="613"/>
      <c r="FGE686" s="613"/>
      <c r="FGF686" s="613"/>
      <c r="FGG686" s="613"/>
      <c r="FGH686" s="613"/>
      <c r="FGI686" s="613"/>
      <c r="FGJ686" s="613"/>
      <c r="FGK686" s="613"/>
      <c r="FGL686" s="613"/>
      <c r="FGM686" s="613"/>
      <c r="FGN686" s="613"/>
      <c r="FGO686" s="613"/>
      <c r="FGP686" s="613"/>
      <c r="FGQ686" s="613"/>
      <c r="FGR686" s="613"/>
      <c r="FGS686" s="613"/>
      <c r="FGT686" s="613"/>
      <c r="FGU686" s="613"/>
      <c r="FGV686" s="613"/>
      <c r="FGW686" s="613"/>
      <c r="FGX686" s="613"/>
      <c r="FGY686" s="613"/>
      <c r="FGZ686" s="613"/>
      <c r="FHA686" s="613"/>
      <c r="FHB686" s="613"/>
      <c r="FHC686" s="613"/>
      <c r="FHD686" s="613"/>
      <c r="FHE686" s="613"/>
      <c r="FHF686" s="613"/>
      <c r="FHG686" s="613"/>
      <c r="FHH686" s="613"/>
      <c r="FHI686" s="613"/>
      <c r="FHJ686" s="613"/>
      <c r="FHK686" s="613"/>
      <c r="FHL686" s="613"/>
      <c r="FHM686" s="613"/>
      <c r="FHN686" s="613"/>
      <c r="FHO686" s="613"/>
      <c r="FHP686" s="613"/>
      <c r="FHQ686" s="613"/>
      <c r="FHR686" s="613"/>
      <c r="FHS686" s="613"/>
      <c r="FHT686" s="613"/>
      <c r="FHU686" s="613"/>
      <c r="FHV686" s="613"/>
      <c r="FHW686" s="613"/>
      <c r="FHX686" s="613"/>
      <c r="FHY686" s="613"/>
      <c r="FHZ686" s="613"/>
      <c r="FIA686" s="613"/>
      <c r="FIB686" s="613"/>
      <c r="FIC686" s="613"/>
      <c r="FID686" s="613"/>
      <c r="FIE686" s="613"/>
      <c r="FIF686" s="613"/>
      <c r="FIG686" s="613"/>
      <c r="FIH686" s="613"/>
      <c r="FII686" s="613"/>
      <c r="FIJ686" s="613"/>
      <c r="FIK686" s="613"/>
      <c r="FIL686" s="613"/>
      <c r="FIM686" s="613"/>
      <c r="FIN686" s="613"/>
      <c r="FIO686" s="613"/>
      <c r="FIP686" s="613"/>
      <c r="FIQ686" s="613"/>
      <c r="FIR686" s="613"/>
      <c r="FIS686" s="613"/>
      <c r="FIT686" s="613"/>
      <c r="FIU686" s="613"/>
      <c r="FIV686" s="613"/>
      <c r="FIW686" s="613"/>
      <c r="FIX686" s="613"/>
      <c r="FIY686" s="613"/>
      <c r="FIZ686" s="613"/>
      <c r="FJA686" s="613"/>
      <c r="FJB686" s="613"/>
      <c r="FJC686" s="613"/>
      <c r="FJD686" s="613"/>
      <c r="FJE686" s="613"/>
      <c r="FJF686" s="613"/>
      <c r="FJG686" s="613"/>
      <c r="FJH686" s="613"/>
      <c r="FJI686" s="613"/>
      <c r="FJJ686" s="613"/>
      <c r="FJK686" s="613"/>
      <c r="FJL686" s="613"/>
      <c r="FJM686" s="613"/>
      <c r="FJN686" s="613"/>
      <c r="FJO686" s="613"/>
      <c r="FJP686" s="613"/>
      <c r="FJQ686" s="613"/>
      <c r="FJR686" s="613"/>
      <c r="FJS686" s="613"/>
      <c r="FJT686" s="613"/>
      <c r="FJU686" s="613"/>
      <c r="FJV686" s="613"/>
      <c r="FJW686" s="613"/>
      <c r="FJX686" s="613"/>
      <c r="FJY686" s="613"/>
      <c r="FJZ686" s="613"/>
      <c r="FKA686" s="613"/>
      <c r="FKB686" s="613"/>
      <c r="FKC686" s="613"/>
      <c r="FKD686" s="613"/>
      <c r="FKE686" s="613"/>
      <c r="FKF686" s="613"/>
      <c r="FKG686" s="613"/>
      <c r="FKH686" s="613"/>
      <c r="FKI686" s="613"/>
      <c r="FKJ686" s="613"/>
      <c r="FKK686" s="613"/>
      <c r="FKL686" s="613"/>
      <c r="FKM686" s="613"/>
      <c r="FKN686" s="613"/>
      <c r="FKO686" s="613"/>
      <c r="FKP686" s="613"/>
      <c r="FKQ686" s="613"/>
      <c r="FKR686" s="613"/>
      <c r="FKS686" s="613"/>
      <c r="FKT686" s="613"/>
      <c r="FKU686" s="613"/>
      <c r="FKV686" s="613"/>
      <c r="FKW686" s="613"/>
      <c r="FKX686" s="613"/>
      <c r="FKY686" s="613"/>
      <c r="FKZ686" s="613"/>
      <c r="FLA686" s="613"/>
      <c r="FLB686" s="613"/>
      <c r="FLC686" s="613"/>
      <c r="FLD686" s="613"/>
      <c r="FLE686" s="613"/>
      <c r="FLF686" s="613"/>
      <c r="FLG686" s="613"/>
      <c r="FLH686" s="613"/>
      <c r="FLI686" s="613"/>
      <c r="FLJ686" s="613"/>
      <c r="FLK686" s="613"/>
      <c r="FLL686" s="613"/>
      <c r="FLM686" s="613"/>
      <c r="FLN686" s="613"/>
      <c r="FLO686" s="613"/>
      <c r="FLP686" s="613"/>
      <c r="FLQ686" s="613"/>
      <c r="FLR686" s="613"/>
      <c r="FLS686" s="613"/>
      <c r="FLT686" s="613"/>
      <c r="FLU686" s="613"/>
      <c r="FLV686" s="613"/>
      <c r="FLW686" s="613"/>
      <c r="FLX686" s="613"/>
      <c r="FLY686" s="613"/>
      <c r="FLZ686" s="613"/>
      <c r="FMA686" s="613"/>
      <c r="FMB686" s="613"/>
      <c r="FMC686" s="613"/>
      <c r="FMD686" s="613"/>
      <c r="FME686" s="613"/>
      <c r="FMF686" s="613"/>
      <c r="FMG686" s="613"/>
      <c r="FMH686" s="613"/>
      <c r="FMI686" s="613"/>
      <c r="FMJ686" s="613"/>
      <c r="FMK686" s="613"/>
      <c r="FML686" s="613"/>
      <c r="FMM686" s="613"/>
      <c r="FMN686" s="613"/>
      <c r="FMO686" s="613"/>
      <c r="FMP686" s="613"/>
      <c r="FMQ686" s="613"/>
      <c r="FMR686" s="613"/>
      <c r="FMS686" s="613"/>
      <c r="FMT686" s="613"/>
      <c r="FMU686" s="613"/>
      <c r="FMV686" s="613"/>
      <c r="FMW686" s="613"/>
      <c r="FMX686" s="613"/>
      <c r="FMY686" s="613"/>
      <c r="FMZ686" s="613"/>
      <c r="FNA686" s="613"/>
      <c r="FNB686" s="613"/>
      <c r="FNC686" s="613"/>
      <c r="FND686" s="613"/>
      <c r="FNE686" s="613"/>
      <c r="FNF686" s="613"/>
      <c r="FNG686" s="613"/>
      <c r="FNH686" s="613"/>
      <c r="FNI686" s="613"/>
      <c r="FNJ686" s="613"/>
      <c r="FNK686" s="613"/>
      <c r="FNL686" s="613"/>
      <c r="FNM686" s="613"/>
      <c r="FNN686" s="613"/>
      <c r="FNO686" s="613"/>
      <c r="FNP686" s="613"/>
      <c r="FNQ686" s="613"/>
      <c r="FNR686" s="613"/>
      <c r="FNS686" s="613"/>
      <c r="FNT686" s="613"/>
      <c r="FNU686" s="613"/>
      <c r="FNV686" s="613"/>
      <c r="FNW686" s="613"/>
      <c r="FNX686" s="613"/>
      <c r="FNY686" s="613"/>
      <c r="FNZ686" s="613"/>
      <c r="FOA686" s="613"/>
      <c r="FOB686" s="613"/>
      <c r="FOC686" s="613"/>
      <c r="FOD686" s="613"/>
      <c r="FOE686" s="613"/>
      <c r="FOF686" s="613"/>
      <c r="FOG686" s="613"/>
      <c r="FOH686" s="613"/>
      <c r="FOI686" s="613"/>
      <c r="FOJ686" s="613"/>
      <c r="FOK686" s="613"/>
      <c r="FOL686" s="613"/>
      <c r="FOM686" s="613"/>
      <c r="FON686" s="613"/>
      <c r="FOO686" s="613"/>
      <c r="FOP686" s="613"/>
      <c r="FOQ686" s="613"/>
      <c r="FOR686" s="613"/>
      <c r="FOS686" s="613"/>
      <c r="FOT686" s="613"/>
      <c r="FOU686" s="613"/>
      <c r="FOV686" s="613"/>
      <c r="FOW686" s="613"/>
      <c r="FOX686" s="613"/>
      <c r="FOY686" s="613"/>
      <c r="FOZ686" s="613"/>
      <c r="FPA686" s="613"/>
      <c r="FPB686" s="613"/>
      <c r="FPC686" s="613"/>
      <c r="FPD686" s="613"/>
      <c r="FPE686" s="613"/>
      <c r="FPF686" s="613"/>
      <c r="FPG686" s="613"/>
      <c r="FPH686" s="613"/>
      <c r="FPI686" s="613"/>
      <c r="FPJ686" s="613"/>
      <c r="FPK686" s="613"/>
      <c r="FPL686" s="613"/>
      <c r="FPM686" s="613"/>
      <c r="FPN686" s="613"/>
      <c r="FPO686" s="613"/>
      <c r="FPP686" s="613"/>
      <c r="FPQ686" s="613"/>
      <c r="FPR686" s="613"/>
      <c r="FPS686" s="613"/>
      <c r="FPT686" s="613"/>
      <c r="FPU686" s="613"/>
      <c r="FPV686" s="613"/>
      <c r="FPW686" s="613"/>
      <c r="FPX686" s="613"/>
      <c r="FPY686" s="613"/>
      <c r="FPZ686" s="613"/>
      <c r="FQA686" s="613"/>
      <c r="FQB686" s="613"/>
      <c r="FQC686" s="613"/>
      <c r="FQD686" s="613"/>
      <c r="FQE686" s="613"/>
      <c r="FQF686" s="613"/>
      <c r="FQG686" s="613"/>
      <c r="FQH686" s="613"/>
      <c r="FQI686" s="613"/>
      <c r="FQJ686" s="613"/>
      <c r="FQK686" s="613"/>
      <c r="FQL686" s="613"/>
      <c r="FQM686" s="613"/>
      <c r="FQN686" s="613"/>
      <c r="FQO686" s="613"/>
      <c r="FQP686" s="613"/>
      <c r="FQQ686" s="613"/>
      <c r="FQR686" s="613"/>
      <c r="FQS686" s="613"/>
      <c r="FQT686" s="613"/>
      <c r="FQU686" s="613"/>
      <c r="FQV686" s="613"/>
      <c r="FQW686" s="613"/>
      <c r="FQX686" s="613"/>
      <c r="FQY686" s="613"/>
      <c r="FQZ686" s="613"/>
      <c r="FRA686" s="613"/>
      <c r="FRB686" s="613"/>
      <c r="FRC686" s="613"/>
      <c r="FRD686" s="613"/>
      <c r="FRE686" s="613"/>
      <c r="FRF686" s="613"/>
      <c r="FRG686" s="613"/>
      <c r="FRH686" s="613"/>
      <c r="FRI686" s="613"/>
      <c r="FRJ686" s="613"/>
      <c r="FRK686" s="613"/>
      <c r="FRL686" s="613"/>
      <c r="FRM686" s="613"/>
      <c r="FRN686" s="613"/>
      <c r="FRO686" s="613"/>
      <c r="FRP686" s="613"/>
      <c r="FRQ686" s="613"/>
      <c r="FRR686" s="613"/>
      <c r="FRS686" s="613"/>
      <c r="FRT686" s="613"/>
      <c r="FRU686" s="613"/>
      <c r="FRV686" s="613"/>
      <c r="FRW686" s="613"/>
      <c r="FRX686" s="613"/>
      <c r="FRY686" s="613"/>
      <c r="FRZ686" s="613"/>
      <c r="FSA686" s="613"/>
      <c r="FSB686" s="613"/>
      <c r="FSC686" s="613"/>
      <c r="FSD686" s="613"/>
      <c r="FSE686" s="613"/>
      <c r="FSF686" s="613"/>
      <c r="FSG686" s="613"/>
      <c r="FSH686" s="613"/>
      <c r="FSI686" s="613"/>
      <c r="FSJ686" s="613"/>
      <c r="FSK686" s="613"/>
      <c r="FSL686" s="613"/>
      <c r="FSM686" s="613"/>
      <c r="FSN686" s="613"/>
      <c r="FSO686" s="613"/>
      <c r="FSP686" s="613"/>
      <c r="FSQ686" s="613"/>
      <c r="FSR686" s="613"/>
      <c r="FSS686" s="613"/>
      <c r="FST686" s="613"/>
      <c r="FSU686" s="613"/>
      <c r="FSV686" s="613"/>
      <c r="FSW686" s="613"/>
      <c r="FSX686" s="613"/>
      <c r="FSY686" s="613"/>
      <c r="FSZ686" s="613"/>
      <c r="FTA686" s="613"/>
      <c r="FTB686" s="613"/>
      <c r="FTC686" s="613"/>
      <c r="FTD686" s="613"/>
      <c r="FTE686" s="613"/>
      <c r="FTF686" s="613"/>
      <c r="FTG686" s="613"/>
      <c r="FTH686" s="613"/>
      <c r="FTI686" s="613"/>
      <c r="FTJ686" s="613"/>
      <c r="FTK686" s="613"/>
      <c r="FTL686" s="613"/>
      <c r="FTM686" s="613"/>
      <c r="FTN686" s="613"/>
      <c r="FTO686" s="613"/>
      <c r="FTP686" s="613"/>
      <c r="FTQ686" s="613"/>
      <c r="FTR686" s="613"/>
      <c r="FTS686" s="613"/>
      <c r="FTT686" s="613"/>
      <c r="FTU686" s="613"/>
      <c r="FTV686" s="613"/>
      <c r="FTW686" s="613"/>
      <c r="FTX686" s="613"/>
      <c r="FTY686" s="613"/>
      <c r="FTZ686" s="613"/>
      <c r="FUA686" s="613"/>
      <c r="FUB686" s="613"/>
      <c r="FUC686" s="613"/>
      <c r="FUD686" s="613"/>
      <c r="FUE686" s="613"/>
      <c r="FUF686" s="613"/>
      <c r="FUG686" s="613"/>
      <c r="FUH686" s="613"/>
      <c r="FUI686" s="613"/>
      <c r="FUJ686" s="613"/>
      <c r="FUK686" s="613"/>
      <c r="FUL686" s="613"/>
      <c r="FUM686" s="613"/>
      <c r="FUN686" s="613"/>
      <c r="FUO686" s="613"/>
      <c r="FUP686" s="613"/>
      <c r="FUQ686" s="613"/>
      <c r="FUR686" s="613"/>
      <c r="FUS686" s="613"/>
      <c r="FUT686" s="613"/>
      <c r="FUU686" s="613"/>
      <c r="FUV686" s="613"/>
      <c r="FUW686" s="613"/>
      <c r="FUX686" s="613"/>
      <c r="FUY686" s="613"/>
      <c r="FUZ686" s="613"/>
      <c r="FVA686" s="613"/>
      <c r="FVB686" s="613"/>
      <c r="FVC686" s="613"/>
      <c r="FVD686" s="613"/>
      <c r="FVE686" s="613"/>
      <c r="FVF686" s="613"/>
      <c r="FVG686" s="613"/>
      <c r="FVH686" s="613"/>
      <c r="FVI686" s="613"/>
      <c r="FVJ686" s="613"/>
      <c r="FVK686" s="613"/>
      <c r="FVL686" s="613"/>
      <c r="FVM686" s="613"/>
      <c r="FVN686" s="613"/>
      <c r="FVO686" s="613"/>
      <c r="FVP686" s="613"/>
      <c r="FVQ686" s="613"/>
      <c r="FVR686" s="613"/>
      <c r="FVS686" s="613"/>
      <c r="FVT686" s="613"/>
      <c r="FVU686" s="613"/>
      <c r="FVV686" s="613"/>
      <c r="FVW686" s="613"/>
      <c r="FVX686" s="613"/>
      <c r="FVY686" s="613"/>
      <c r="FVZ686" s="613"/>
      <c r="FWA686" s="613"/>
      <c r="FWB686" s="613"/>
      <c r="FWC686" s="613"/>
      <c r="FWD686" s="613"/>
      <c r="FWE686" s="613"/>
      <c r="FWF686" s="613"/>
      <c r="FWG686" s="613"/>
      <c r="FWH686" s="613"/>
      <c r="FWI686" s="613"/>
      <c r="FWJ686" s="613"/>
      <c r="FWK686" s="613"/>
      <c r="FWL686" s="613"/>
      <c r="FWM686" s="613"/>
      <c r="FWN686" s="613"/>
      <c r="FWO686" s="613"/>
      <c r="FWP686" s="613"/>
      <c r="FWQ686" s="613"/>
      <c r="FWR686" s="613"/>
      <c r="FWS686" s="613"/>
      <c r="FWT686" s="613"/>
      <c r="FWU686" s="613"/>
      <c r="FWV686" s="613"/>
      <c r="FWW686" s="613"/>
      <c r="FWX686" s="613"/>
      <c r="FWY686" s="613"/>
      <c r="FWZ686" s="613"/>
      <c r="FXA686" s="613"/>
      <c r="FXB686" s="613"/>
      <c r="FXC686" s="613"/>
      <c r="FXD686" s="613"/>
      <c r="FXE686" s="613"/>
      <c r="FXF686" s="613"/>
      <c r="FXG686" s="613"/>
      <c r="FXH686" s="613"/>
      <c r="FXI686" s="613"/>
      <c r="FXJ686" s="613"/>
      <c r="FXK686" s="613"/>
      <c r="FXL686" s="613"/>
      <c r="FXM686" s="613"/>
      <c r="FXN686" s="613"/>
      <c r="FXO686" s="613"/>
      <c r="FXP686" s="613"/>
      <c r="FXQ686" s="613"/>
      <c r="FXR686" s="613"/>
      <c r="FXS686" s="613"/>
      <c r="FXT686" s="613"/>
      <c r="FXU686" s="613"/>
      <c r="FXV686" s="613"/>
      <c r="FXW686" s="613"/>
      <c r="FXX686" s="613"/>
      <c r="FXY686" s="613"/>
      <c r="FXZ686" s="613"/>
      <c r="FYA686" s="613"/>
      <c r="FYB686" s="613"/>
      <c r="FYC686" s="613"/>
      <c r="FYD686" s="613"/>
      <c r="FYE686" s="613"/>
      <c r="FYF686" s="613"/>
      <c r="FYG686" s="613"/>
      <c r="FYH686" s="613"/>
      <c r="FYI686" s="613"/>
      <c r="FYJ686" s="613"/>
      <c r="FYK686" s="613"/>
      <c r="FYL686" s="613"/>
      <c r="FYM686" s="613"/>
      <c r="FYN686" s="613"/>
      <c r="FYO686" s="613"/>
      <c r="FYP686" s="613"/>
      <c r="FYQ686" s="613"/>
      <c r="FYR686" s="613"/>
      <c r="FYS686" s="613"/>
      <c r="FYT686" s="613"/>
      <c r="FYU686" s="613"/>
      <c r="FYV686" s="613"/>
      <c r="FYW686" s="613"/>
      <c r="FYX686" s="613"/>
      <c r="FYY686" s="613"/>
      <c r="FYZ686" s="613"/>
      <c r="FZA686" s="613"/>
      <c r="FZB686" s="613"/>
      <c r="FZC686" s="613"/>
      <c r="FZD686" s="613"/>
      <c r="FZE686" s="613"/>
      <c r="FZF686" s="613"/>
      <c r="FZG686" s="613"/>
      <c r="FZH686" s="613"/>
      <c r="FZI686" s="613"/>
      <c r="FZJ686" s="613"/>
      <c r="FZK686" s="613"/>
      <c r="FZL686" s="613"/>
      <c r="FZM686" s="613"/>
      <c r="FZN686" s="613"/>
      <c r="FZO686" s="613"/>
      <c r="FZP686" s="613"/>
      <c r="FZQ686" s="613"/>
      <c r="FZR686" s="613"/>
      <c r="FZS686" s="613"/>
      <c r="FZT686" s="613"/>
      <c r="FZU686" s="613"/>
      <c r="FZV686" s="613"/>
      <c r="FZW686" s="613"/>
      <c r="FZX686" s="613"/>
      <c r="FZY686" s="613"/>
      <c r="FZZ686" s="613"/>
      <c r="GAA686" s="613"/>
      <c r="GAB686" s="613"/>
      <c r="GAC686" s="613"/>
      <c r="GAD686" s="613"/>
      <c r="GAE686" s="613"/>
      <c r="GAF686" s="613"/>
      <c r="GAG686" s="613"/>
      <c r="GAH686" s="613"/>
      <c r="GAI686" s="613"/>
      <c r="GAJ686" s="613"/>
      <c r="GAK686" s="613"/>
      <c r="GAL686" s="613"/>
      <c r="GAM686" s="613"/>
      <c r="GAN686" s="613"/>
      <c r="GAO686" s="613"/>
      <c r="GAP686" s="613"/>
      <c r="GAQ686" s="613"/>
      <c r="GAR686" s="613"/>
      <c r="GAS686" s="613"/>
      <c r="GAT686" s="613"/>
      <c r="GAU686" s="613"/>
      <c r="GAV686" s="613"/>
      <c r="GAW686" s="613"/>
      <c r="GAX686" s="613"/>
      <c r="GAY686" s="613"/>
      <c r="GAZ686" s="613"/>
      <c r="GBA686" s="613"/>
      <c r="GBB686" s="613"/>
      <c r="GBC686" s="613"/>
      <c r="GBD686" s="613"/>
      <c r="GBE686" s="613"/>
      <c r="GBF686" s="613"/>
      <c r="GBG686" s="613"/>
      <c r="GBH686" s="613"/>
      <c r="GBI686" s="613"/>
      <c r="GBJ686" s="613"/>
      <c r="GBK686" s="613"/>
      <c r="GBL686" s="613"/>
      <c r="GBM686" s="613"/>
      <c r="GBN686" s="613"/>
      <c r="GBO686" s="613"/>
      <c r="GBP686" s="613"/>
      <c r="GBQ686" s="613"/>
      <c r="GBR686" s="613"/>
      <c r="GBS686" s="613"/>
      <c r="GBT686" s="613"/>
      <c r="GBU686" s="613"/>
      <c r="GBV686" s="613"/>
      <c r="GBW686" s="613"/>
      <c r="GBX686" s="613"/>
      <c r="GBY686" s="613"/>
      <c r="GBZ686" s="613"/>
      <c r="GCA686" s="613"/>
      <c r="GCB686" s="613"/>
      <c r="GCC686" s="613"/>
      <c r="GCD686" s="613"/>
      <c r="GCE686" s="613"/>
      <c r="GCF686" s="613"/>
      <c r="GCG686" s="613"/>
      <c r="GCH686" s="613"/>
      <c r="GCI686" s="613"/>
      <c r="GCJ686" s="613"/>
      <c r="GCK686" s="613"/>
      <c r="GCL686" s="613"/>
      <c r="GCM686" s="613"/>
      <c r="GCN686" s="613"/>
      <c r="GCO686" s="613"/>
      <c r="GCP686" s="613"/>
      <c r="GCQ686" s="613"/>
      <c r="GCR686" s="613"/>
      <c r="GCS686" s="613"/>
      <c r="GCT686" s="613"/>
      <c r="GCU686" s="613"/>
      <c r="GCV686" s="613"/>
      <c r="GCW686" s="613"/>
      <c r="GCX686" s="613"/>
      <c r="GCY686" s="613"/>
      <c r="GCZ686" s="613"/>
      <c r="GDA686" s="613"/>
      <c r="GDB686" s="613"/>
      <c r="GDC686" s="613"/>
      <c r="GDD686" s="613"/>
      <c r="GDE686" s="613"/>
      <c r="GDF686" s="613"/>
      <c r="GDG686" s="613"/>
      <c r="GDH686" s="613"/>
      <c r="GDI686" s="613"/>
      <c r="GDJ686" s="613"/>
      <c r="GDK686" s="613"/>
      <c r="GDL686" s="613"/>
      <c r="GDM686" s="613"/>
      <c r="GDN686" s="613"/>
      <c r="GDO686" s="613"/>
      <c r="GDP686" s="613"/>
      <c r="GDQ686" s="613"/>
      <c r="GDR686" s="613"/>
      <c r="GDS686" s="613"/>
      <c r="GDT686" s="613"/>
      <c r="GDU686" s="613"/>
      <c r="GDV686" s="613"/>
      <c r="GDW686" s="613"/>
      <c r="GDX686" s="613"/>
      <c r="GDY686" s="613"/>
      <c r="GDZ686" s="613"/>
      <c r="GEA686" s="613"/>
      <c r="GEB686" s="613"/>
      <c r="GEC686" s="613"/>
      <c r="GED686" s="613"/>
      <c r="GEE686" s="613"/>
      <c r="GEF686" s="613"/>
      <c r="GEG686" s="613"/>
      <c r="GEH686" s="613"/>
      <c r="GEI686" s="613"/>
      <c r="GEJ686" s="613"/>
      <c r="GEK686" s="613"/>
      <c r="GEL686" s="613"/>
      <c r="GEM686" s="613"/>
      <c r="GEN686" s="613"/>
      <c r="GEO686" s="613"/>
      <c r="GEP686" s="613"/>
      <c r="GEQ686" s="613"/>
      <c r="GER686" s="613"/>
      <c r="GES686" s="613"/>
      <c r="GET686" s="613"/>
      <c r="GEU686" s="613"/>
      <c r="GEV686" s="613"/>
      <c r="GEW686" s="613"/>
      <c r="GEX686" s="613"/>
      <c r="GEY686" s="613"/>
      <c r="GEZ686" s="613"/>
      <c r="GFA686" s="613"/>
      <c r="GFB686" s="613"/>
      <c r="GFC686" s="613"/>
      <c r="GFD686" s="613"/>
      <c r="GFE686" s="613"/>
      <c r="GFF686" s="613"/>
      <c r="GFG686" s="613"/>
      <c r="GFH686" s="613"/>
      <c r="GFI686" s="613"/>
      <c r="GFJ686" s="613"/>
      <c r="GFK686" s="613"/>
      <c r="GFL686" s="613"/>
      <c r="GFM686" s="613"/>
      <c r="GFN686" s="613"/>
      <c r="GFO686" s="613"/>
      <c r="GFP686" s="613"/>
      <c r="GFQ686" s="613"/>
      <c r="GFR686" s="613"/>
      <c r="GFS686" s="613"/>
      <c r="GFT686" s="613"/>
      <c r="GFU686" s="613"/>
      <c r="GFV686" s="613"/>
      <c r="GFW686" s="613"/>
      <c r="GFX686" s="613"/>
      <c r="GFY686" s="613"/>
      <c r="GFZ686" s="613"/>
      <c r="GGA686" s="613"/>
      <c r="GGB686" s="613"/>
      <c r="GGC686" s="613"/>
      <c r="GGD686" s="613"/>
      <c r="GGE686" s="613"/>
      <c r="GGF686" s="613"/>
      <c r="GGG686" s="613"/>
      <c r="GGH686" s="613"/>
      <c r="GGI686" s="613"/>
      <c r="GGJ686" s="613"/>
      <c r="GGK686" s="613"/>
      <c r="GGL686" s="613"/>
      <c r="GGM686" s="613"/>
      <c r="GGN686" s="613"/>
      <c r="GGO686" s="613"/>
      <c r="GGP686" s="613"/>
      <c r="GGQ686" s="613"/>
      <c r="GGR686" s="613"/>
      <c r="GGS686" s="613"/>
      <c r="GGT686" s="613"/>
      <c r="GGU686" s="613"/>
      <c r="GGV686" s="613"/>
      <c r="GGW686" s="613"/>
      <c r="GGX686" s="613"/>
      <c r="GGY686" s="613"/>
      <c r="GGZ686" s="613"/>
      <c r="GHA686" s="613"/>
      <c r="GHB686" s="613"/>
      <c r="GHC686" s="613"/>
      <c r="GHD686" s="613"/>
      <c r="GHE686" s="613"/>
      <c r="GHF686" s="613"/>
      <c r="GHG686" s="613"/>
      <c r="GHH686" s="613"/>
      <c r="GHI686" s="613"/>
      <c r="GHJ686" s="613"/>
      <c r="GHK686" s="613"/>
      <c r="GHL686" s="613"/>
      <c r="GHM686" s="613"/>
      <c r="GHN686" s="613"/>
      <c r="GHO686" s="613"/>
      <c r="GHP686" s="613"/>
      <c r="GHQ686" s="613"/>
      <c r="GHR686" s="613"/>
      <c r="GHS686" s="613"/>
      <c r="GHT686" s="613"/>
      <c r="GHU686" s="613"/>
      <c r="GHV686" s="613"/>
      <c r="GHW686" s="613"/>
      <c r="GHX686" s="613"/>
      <c r="GHY686" s="613"/>
      <c r="GHZ686" s="613"/>
      <c r="GIA686" s="613"/>
      <c r="GIB686" s="613"/>
      <c r="GIC686" s="613"/>
      <c r="GID686" s="613"/>
      <c r="GIE686" s="613"/>
      <c r="GIF686" s="613"/>
      <c r="GIG686" s="613"/>
      <c r="GIH686" s="613"/>
      <c r="GII686" s="613"/>
      <c r="GIJ686" s="613"/>
      <c r="GIK686" s="613"/>
      <c r="GIL686" s="613"/>
      <c r="GIM686" s="613"/>
      <c r="GIN686" s="613"/>
      <c r="GIO686" s="613"/>
      <c r="GIP686" s="613"/>
      <c r="GIQ686" s="613"/>
      <c r="GIR686" s="613"/>
      <c r="GIS686" s="613"/>
      <c r="GIT686" s="613"/>
      <c r="GIU686" s="613"/>
      <c r="GIV686" s="613"/>
      <c r="GIW686" s="613"/>
      <c r="GIX686" s="613"/>
      <c r="GIY686" s="613"/>
      <c r="GIZ686" s="613"/>
      <c r="GJA686" s="613"/>
      <c r="GJB686" s="613"/>
      <c r="GJC686" s="613"/>
      <c r="GJD686" s="613"/>
      <c r="GJE686" s="613"/>
      <c r="GJF686" s="613"/>
      <c r="GJG686" s="613"/>
      <c r="GJH686" s="613"/>
      <c r="GJI686" s="613"/>
      <c r="GJJ686" s="613"/>
      <c r="GJK686" s="613"/>
      <c r="GJL686" s="613"/>
      <c r="GJM686" s="613"/>
      <c r="GJN686" s="613"/>
      <c r="GJO686" s="613"/>
      <c r="GJP686" s="613"/>
      <c r="GJQ686" s="613"/>
      <c r="GJR686" s="613"/>
      <c r="GJS686" s="613"/>
      <c r="GJT686" s="613"/>
      <c r="GJU686" s="613"/>
      <c r="GJV686" s="613"/>
      <c r="GJW686" s="613"/>
      <c r="GJX686" s="613"/>
      <c r="GJY686" s="613"/>
      <c r="GJZ686" s="613"/>
      <c r="GKA686" s="613"/>
      <c r="GKB686" s="613"/>
      <c r="GKC686" s="613"/>
      <c r="GKD686" s="613"/>
      <c r="GKE686" s="613"/>
      <c r="GKF686" s="613"/>
      <c r="GKG686" s="613"/>
      <c r="GKH686" s="613"/>
      <c r="GKI686" s="613"/>
      <c r="GKJ686" s="613"/>
      <c r="GKK686" s="613"/>
      <c r="GKL686" s="613"/>
      <c r="GKM686" s="613"/>
      <c r="GKN686" s="613"/>
      <c r="GKO686" s="613"/>
      <c r="GKP686" s="613"/>
      <c r="GKQ686" s="613"/>
      <c r="GKR686" s="613"/>
      <c r="GKS686" s="613"/>
      <c r="GKT686" s="613"/>
      <c r="GKU686" s="613"/>
      <c r="GKV686" s="613"/>
      <c r="GKW686" s="613"/>
      <c r="GKX686" s="613"/>
      <c r="GKY686" s="613"/>
      <c r="GKZ686" s="613"/>
      <c r="GLA686" s="613"/>
      <c r="GLB686" s="613"/>
      <c r="GLC686" s="613"/>
      <c r="GLD686" s="613"/>
      <c r="GLE686" s="613"/>
      <c r="GLF686" s="613"/>
      <c r="GLG686" s="613"/>
      <c r="GLH686" s="613"/>
      <c r="GLI686" s="613"/>
      <c r="GLJ686" s="613"/>
      <c r="GLK686" s="613"/>
      <c r="GLL686" s="613"/>
      <c r="GLM686" s="613"/>
      <c r="GLN686" s="613"/>
      <c r="GLO686" s="613"/>
      <c r="GLP686" s="613"/>
      <c r="GLQ686" s="613"/>
      <c r="GLR686" s="613"/>
      <c r="GLS686" s="613"/>
      <c r="GLT686" s="613"/>
      <c r="GLU686" s="613"/>
      <c r="GLV686" s="613"/>
      <c r="GLW686" s="613"/>
      <c r="GLX686" s="613"/>
      <c r="GLY686" s="613"/>
      <c r="GLZ686" s="613"/>
      <c r="GMA686" s="613"/>
      <c r="GMB686" s="613"/>
      <c r="GMC686" s="613"/>
      <c r="GMD686" s="613"/>
      <c r="GME686" s="613"/>
      <c r="GMF686" s="613"/>
      <c r="GMG686" s="613"/>
      <c r="GMH686" s="613"/>
      <c r="GMI686" s="613"/>
      <c r="GMJ686" s="613"/>
      <c r="GMK686" s="613"/>
      <c r="GML686" s="613"/>
      <c r="GMM686" s="613"/>
      <c r="GMN686" s="613"/>
      <c r="GMO686" s="613"/>
      <c r="GMP686" s="613"/>
      <c r="GMQ686" s="613"/>
      <c r="GMR686" s="613"/>
      <c r="GMS686" s="613"/>
      <c r="GMT686" s="613"/>
      <c r="GMU686" s="613"/>
      <c r="GMV686" s="613"/>
      <c r="GMW686" s="613"/>
      <c r="GMX686" s="613"/>
      <c r="GMY686" s="613"/>
      <c r="GMZ686" s="613"/>
      <c r="GNA686" s="613"/>
      <c r="GNB686" s="613"/>
      <c r="GNC686" s="613"/>
      <c r="GND686" s="613"/>
      <c r="GNE686" s="613"/>
      <c r="GNF686" s="613"/>
      <c r="GNG686" s="613"/>
      <c r="GNH686" s="613"/>
      <c r="GNI686" s="613"/>
      <c r="GNJ686" s="613"/>
      <c r="GNK686" s="613"/>
      <c r="GNL686" s="613"/>
      <c r="GNM686" s="613"/>
      <c r="GNN686" s="613"/>
      <c r="GNO686" s="613"/>
      <c r="GNP686" s="613"/>
      <c r="GNQ686" s="613"/>
      <c r="GNR686" s="613"/>
      <c r="GNS686" s="613"/>
      <c r="GNT686" s="613"/>
      <c r="GNU686" s="613"/>
      <c r="GNV686" s="613"/>
      <c r="GNW686" s="613"/>
      <c r="GNX686" s="613"/>
      <c r="GNY686" s="613"/>
      <c r="GNZ686" s="613"/>
      <c r="GOA686" s="613"/>
      <c r="GOB686" s="613"/>
      <c r="GOC686" s="613"/>
      <c r="GOD686" s="613"/>
      <c r="GOE686" s="613"/>
      <c r="GOF686" s="613"/>
      <c r="GOG686" s="613"/>
      <c r="GOH686" s="613"/>
      <c r="GOI686" s="613"/>
      <c r="GOJ686" s="613"/>
      <c r="GOK686" s="613"/>
      <c r="GOL686" s="613"/>
      <c r="GOM686" s="613"/>
      <c r="GON686" s="613"/>
      <c r="GOO686" s="613"/>
      <c r="GOP686" s="613"/>
      <c r="GOQ686" s="613"/>
      <c r="GOR686" s="613"/>
      <c r="GOS686" s="613"/>
      <c r="GOT686" s="613"/>
      <c r="GOU686" s="613"/>
      <c r="GOV686" s="613"/>
      <c r="GOW686" s="613"/>
      <c r="GOX686" s="613"/>
      <c r="GOY686" s="613"/>
      <c r="GOZ686" s="613"/>
      <c r="GPA686" s="613"/>
      <c r="GPB686" s="613"/>
      <c r="GPC686" s="613"/>
      <c r="GPD686" s="613"/>
      <c r="GPE686" s="613"/>
      <c r="GPF686" s="613"/>
      <c r="GPG686" s="613"/>
      <c r="GPH686" s="613"/>
      <c r="GPI686" s="613"/>
      <c r="GPJ686" s="613"/>
      <c r="GPK686" s="613"/>
      <c r="GPL686" s="613"/>
      <c r="GPM686" s="613"/>
      <c r="GPN686" s="613"/>
      <c r="GPO686" s="613"/>
      <c r="GPP686" s="613"/>
      <c r="GPQ686" s="613"/>
      <c r="GPR686" s="613"/>
      <c r="GPS686" s="613"/>
      <c r="GPT686" s="613"/>
      <c r="GPU686" s="613"/>
      <c r="GPV686" s="613"/>
      <c r="GPW686" s="613"/>
      <c r="GPX686" s="613"/>
      <c r="GPY686" s="613"/>
      <c r="GPZ686" s="613"/>
      <c r="GQA686" s="613"/>
      <c r="GQB686" s="613"/>
      <c r="GQC686" s="613"/>
      <c r="GQD686" s="613"/>
      <c r="GQE686" s="613"/>
      <c r="GQF686" s="613"/>
      <c r="GQG686" s="613"/>
      <c r="GQH686" s="613"/>
      <c r="GQI686" s="613"/>
      <c r="GQJ686" s="613"/>
      <c r="GQK686" s="613"/>
      <c r="GQL686" s="613"/>
      <c r="GQM686" s="613"/>
      <c r="GQN686" s="613"/>
      <c r="GQO686" s="613"/>
      <c r="GQP686" s="613"/>
      <c r="GQQ686" s="613"/>
      <c r="GQR686" s="613"/>
      <c r="GQS686" s="613"/>
      <c r="GQT686" s="613"/>
      <c r="GQU686" s="613"/>
      <c r="GQV686" s="613"/>
      <c r="GQW686" s="613"/>
      <c r="GQX686" s="613"/>
      <c r="GQY686" s="613"/>
      <c r="GQZ686" s="613"/>
      <c r="GRA686" s="613"/>
      <c r="GRB686" s="613"/>
      <c r="GRC686" s="613"/>
      <c r="GRD686" s="613"/>
      <c r="GRE686" s="613"/>
      <c r="GRF686" s="613"/>
      <c r="GRG686" s="613"/>
      <c r="GRH686" s="613"/>
      <c r="GRI686" s="613"/>
      <c r="GRJ686" s="613"/>
      <c r="GRK686" s="613"/>
      <c r="GRL686" s="613"/>
      <c r="GRM686" s="613"/>
      <c r="GRN686" s="613"/>
      <c r="GRO686" s="613"/>
      <c r="GRP686" s="613"/>
      <c r="GRQ686" s="613"/>
      <c r="GRR686" s="613"/>
      <c r="GRS686" s="613"/>
      <c r="GRT686" s="613"/>
      <c r="GRU686" s="613"/>
      <c r="GRV686" s="613"/>
      <c r="GRW686" s="613"/>
      <c r="GRX686" s="613"/>
      <c r="GRY686" s="613"/>
      <c r="GRZ686" s="613"/>
      <c r="GSA686" s="613"/>
      <c r="GSB686" s="613"/>
      <c r="GSC686" s="613"/>
      <c r="GSD686" s="613"/>
      <c r="GSE686" s="613"/>
      <c r="GSF686" s="613"/>
      <c r="GSG686" s="613"/>
      <c r="GSH686" s="613"/>
      <c r="GSI686" s="613"/>
      <c r="GSJ686" s="613"/>
      <c r="GSK686" s="613"/>
      <c r="GSL686" s="613"/>
      <c r="GSM686" s="613"/>
      <c r="GSN686" s="613"/>
      <c r="GSO686" s="613"/>
      <c r="GSP686" s="613"/>
      <c r="GSQ686" s="613"/>
      <c r="GSR686" s="613"/>
      <c r="GSS686" s="613"/>
      <c r="GST686" s="613"/>
      <c r="GSU686" s="613"/>
      <c r="GSV686" s="613"/>
      <c r="GSW686" s="613"/>
      <c r="GSX686" s="613"/>
      <c r="GSY686" s="613"/>
      <c r="GSZ686" s="613"/>
      <c r="GTA686" s="613"/>
      <c r="GTB686" s="613"/>
      <c r="GTC686" s="613"/>
      <c r="GTD686" s="613"/>
      <c r="GTE686" s="613"/>
      <c r="GTF686" s="613"/>
      <c r="GTG686" s="613"/>
      <c r="GTH686" s="613"/>
      <c r="GTI686" s="613"/>
      <c r="GTJ686" s="613"/>
      <c r="GTK686" s="613"/>
      <c r="GTL686" s="613"/>
      <c r="GTM686" s="613"/>
      <c r="GTN686" s="613"/>
      <c r="GTO686" s="613"/>
      <c r="GTP686" s="613"/>
      <c r="GTQ686" s="613"/>
      <c r="GTR686" s="613"/>
      <c r="GTS686" s="613"/>
      <c r="GTT686" s="613"/>
      <c r="GTU686" s="613"/>
      <c r="GTV686" s="613"/>
      <c r="GTW686" s="613"/>
      <c r="GTX686" s="613"/>
      <c r="GTY686" s="613"/>
      <c r="GTZ686" s="613"/>
      <c r="GUA686" s="613"/>
      <c r="GUB686" s="613"/>
      <c r="GUC686" s="613"/>
      <c r="GUD686" s="613"/>
      <c r="GUE686" s="613"/>
      <c r="GUF686" s="613"/>
      <c r="GUG686" s="613"/>
      <c r="GUH686" s="613"/>
      <c r="GUI686" s="613"/>
      <c r="GUJ686" s="613"/>
      <c r="GUK686" s="613"/>
      <c r="GUL686" s="613"/>
      <c r="GUM686" s="613"/>
      <c r="GUN686" s="613"/>
      <c r="GUO686" s="613"/>
      <c r="GUP686" s="613"/>
      <c r="GUQ686" s="613"/>
      <c r="GUR686" s="613"/>
      <c r="GUS686" s="613"/>
      <c r="GUT686" s="613"/>
      <c r="GUU686" s="613"/>
      <c r="GUV686" s="613"/>
      <c r="GUW686" s="613"/>
      <c r="GUX686" s="613"/>
      <c r="GUY686" s="613"/>
      <c r="GUZ686" s="613"/>
      <c r="GVA686" s="613"/>
      <c r="GVB686" s="613"/>
      <c r="GVC686" s="613"/>
      <c r="GVD686" s="613"/>
      <c r="GVE686" s="613"/>
      <c r="GVF686" s="613"/>
      <c r="GVG686" s="613"/>
      <c r="GVH686" s="613"/>
      <c r="GVI686" s="613"/>
      <c r="GVJ686" s="613"/>
      <c r="GVK686" s="613"/>
      <c r="GVL686" s="613"/>
      <c r="GVM686" s="613"/>
      <c r="GVN686" s="613"/>
      <c r="GVO686" s="613"/>
      <c r="GVP686" s="613"/>
      <c r="GVQ686" s="613"/>
      <c r="GVR686" s="613"/>
      <c r="GVS686" s="613"/>
      <c r="GVT686" s="613"/>
      <c r="GVU686" s="613"/>
      <c r="GVV686" s="613"/>
      <c r="GVW686" s="613"/>
      <c r="GVX686" s="613"/>
      <c r="GVY686" s="613"/>
      <c r="GVZ686" s="613"/>
      <c r="GWA686" s="613"/>
      <c r="GWB686" s="613"/>
      <c r="GWC686" s="613"/>
      <c r="GWD686" s="613"/>
      <c r="GWE686" s="613"/>
      <c r="GWF686" s="613"/>
      <c r="GWG686" s="613"/>
      <c r="GWH686" s="613"/>
      <c r="GWI686" s="613"/>
      <c r="GWJ686" s="613"/>
      <c r="GWK686" s="613"/>
      <c r="GWL686" s="613"/>
      <c r="GWM686" s="613"/>
      <c r="GWN686" s="613"/>
      <c r="GWO686" s="613"/>
      <c r="GWP686" s="613"/>
      <c r="GWQ686" s="613"/>
      <c r="GWR686" s="613"/>
      <c r="GWS686" s="613"/>
      <c r="GWT686" s="613"/>
      <c r="GWU686" s="613"/>
      <c r="GWV686" s="613"/>
      <c r="GWW686" s="613"/>
      <c r="GWX686" s="613"/>
      <c r="GWY686" s="613"/>
      <c r="GWZ686" s="613"/>
      <c r="GXA686" s="613"/>
      <c r="GXB686" s="613"/>
      <c r="GXC686" s="613"/>
      <c r="GXD686" s="613"/>
      <c r="GXE686" s="613"/>
      <c r="GXF686" s="613"/>
      <c r="GXG686" s="613"/>
      <c r="GXH686" s="613"/>
      <c r="GXI686" s="613"/>
      <c r="GXJ686" s="613"/>
      <c r="GXK686" s="613"/>
      <c r="GXL686" s="613"/>
      <c r="GXM686" s="613"/>
      <c r="GXN686" s="613"/>
      <c r="GXO686" s="613"/>
      <c r="GXP686" s="613"/>
      <c r="GXQ686" s="613"/>
      <c r="GXR686" s="613"/>
      <c r="GXS686" s="613"/>
      <c r="GXT686" s="613"/>
      <c r="GXU686" s="613"/>
      <c r="GXV686" s="613"/>
      <c r="GXW686" s="613"/>
      <c r="GXX686" s="613"/>
      <c r="GXY686" s="613"/>
      <c r="GXZ686" s="613"/>
      <c r="GYA686" s="613"/>
      <c r="GYB686" s="613"/>
      <c r="GYC686" s="613"/>
      <c r="GYD686" s="613"/>
      <c r="GYE686" s="613"/>
      <c r="GYF686" s="613"/>
      <c r="GYG686" s="613"/>
      <c r="GYH686" s="613"/>
      <c r="GYI686" s="613"/>
      <c r="GYJ686" s="613"/>
      <c r="GYK686" s="613"/>
      <c r="GYL686" s="613"/>
      <c r="GYM686" s="613"/>
      <c r="GYN686" s="613"/>
      <c r="GYO686" s="613"/>
      <c r="GYP686" s="613"/>
      <c r="GYQ686" s="613"/>
      <c r="GYR686" s="613"/>
      <c r="GYS686" s="613"/>
      <c r="GYT686" s="613"/>
      <c r="GYU686" s="613"/>
      <c r="GYV686" s="613"/>
      <c r="GYW686" s="613"/>
      <c r="GYX686" s="613"/>
      <c r="GYY686" s="613"/>
      <c r="GYZ686" s="613"/>
      <c r="GZA686" s="613"/>
      <c r="GZB686" s="613"/>
      <c r="GZC686" s="613"/>
      <c r="GZD686" s="613"/>
      <c r="GZE686" s="613"/>
      <c r="GZF686" s="613"/>
      <c r="GZG686" s="613"/>
      <c r="GZH686" s="613"/>
      <c r="GZI686" s="613"/>
      <c r="GZJ686" s="613"/>
      <c r="GZK686" s="613"/>
      <c r="GZL686" s="613"/>
      <c r="GZM686" s="613"/>
      <c r="GZN686" s="613"/>
      <c r="GZO686" s="613"/>
      <c r="GZP686" s="613"/>
      <c r="GZQ686" s="613"/>
      <c r="GZR686" s="613"/>
      <c r="GZS686" s="613"/>
      <c r="GZT686" s="613"/>
      <c r="GZU686" s="613"/>
      <c r="GZV686" s="613"/>
      <c r="GZW686" s="613"/>
      <c r="GZX686" s="613"/>
      <c r="GZY686" s="613"/>
      <c r="GZZ686" s="613"/>
      <c r="HAA686" s="613"/>
      <c r="HAB686" s="613"/>
      <c r="HAC686" s="613"/>
      <c r="HAD686" s="613"/>
      <c r="HAE686" s="613"/>
      <c r="HAF686" s="613"/>
      <c r="HAG686" s="613"/>
      <c r="HAH686" s="613"/>
      <c r="HAI686" s="613"/>
      <c r="HAJ686" s="613"/>
      <c r="HAK686" s="613"/>
      <c r="HAL686" s="613"/>
      <c r="HAM686" s="613"/>
      <c r="HAN686" s="613"/>
      <c r="HAO686" s="613"/>
      <c r="HAP686" s="613"/>
      <c r="HAQ686" s="613"/>
      <c r="HAR686" s="613"/>
      <c r="HAS686" s="613"/>
      <c r="HAT686" s="613"/>
      <c r="HAU686" s="613"/>
      <c r="HAV686" s="613"/>
      <c r="HAW686" s="613"/>
      <c r="HAX686" s="613"/>
      <c r="HAY686" s="613"/>
      <c r="HAZ686" s="613"/>
      <c r="HBA686" s="613"/>
      <c r="HBB686" s="613"/>
      <c r="HBC686" s="613"/>
      <c r="HBD686" s="613"/>
      <c r="HBE686" s="613"/>
      <c r="HBF686" s="613"/>
      <c r="HBG686" s="613"/>
      <c r="HBH686" s="613"/>
      <c r="HBI686" s="613"/>
      <c r="HBJ686" s="613"/>
      <c r="HBK686" s="613"/>
      <c r="HBL686" s="613"/>
      <c r="HBM686" s="613"/>
      <c r="HBN686" s="613"/>
      <c r="HBO686" s="613"/>
      <c r="HBP686" s="613"/>
      <c r="HBQ686" s="613"/>
      <c r="HBR686" s="613"/>
      <c r="HBS686" s="613"/>
      <c r="HBT686" s="613"/>
      <c r="HBU686" s="613"/>
      <c r="HBV686" s="613"/>
      <c r="HBW686" s="613"/>
      <c r="HBX686" s="613"/>
      <c r="HBY686" s="613"/>
      <c r="HBZ686" s="613"/>
      <c r="HCA686" s="613"/>
      <c r="HCB686" s="613"/>
      <c r="HCC686" s="613"/>
      <c r="HCD686" s="613"/>
      <c r="HCE686" s="613"/>
      <c r="HCF686" s="613"/>
      <c r="HCG686" s="613"/>
      <c r="HCH686" s="613"/>
      <c r="HCI686" s="613"/>
      <c r="HCJ686" s="613"/>
      <c r="HCK686" s="613"/>
      <c r="HCL686" s="613"/>
      <c r="HCM686" s="613"/>
      <c r="HCN686" s="613"/>
      <c r="HCO686" s="613"/>
      <c r="HCP686" s="613"/>
      <c r="HCQ686" s="613"/>
      <c r="HCR686" s="613"/>
      <c r="HCS686" s="613"/>
      <c r="HCT686" s="613"/>
      <c r="HCU686" s="613"/>
      <c r="HCV686" s="613"/>
      <c r="HCW686" s="613"/>
      <c r="HCX686" s="613"/>
      <c r="HCY686" s="613"/>
      <c r="HCZ686" s="613"/>
      <c r="HDA686" s="613"/>
      <c r="HDB686" s="613"/>
      <c r="HDC686" s="613"/>
      <c r="HDD686" s="613"/>
      <c r="HDE686" s="613"/>
      <c r="HDF686" s="613"/>
      <c r="HDG686" s="613"/>
      <c r="HDH686" s="613"/>
      <c r="HDI686" s="613"/>
      <c r="HDJ686" s="613"/>
      <c r="HDK686" s="613"/>
      <c r="HDL686" s="613"/>
      <c r="HDM686" s="613"/>
      <c r="HDN686" s="613"/>
      <c r="HDO686" s="613"/>
      <c r="HDP686" s="613"/>
      <c r="HDQ686" s="613"/>
      <c r="HDR686" s="613"/>
      <c r="HDS686" s="613"/>
      <c r="HDT686" s="613"/>
      <c r="HDU686" s="613"/>
      <c r="HDV686" s="613"/>
      <c r="HDW686" s="613"/>
      <c r="HDX686" s="613"/>
      <c r="HDY686" s="613"/>
      <c r="HDZ686" s="613"/>
      <c r="HEA686" s="613"/>
      <c r="HEB686" s="613"/>
      <c r="HEC686" s="613"/>
      <c r="HED686" s="613"/>
      <c r="HEE686" s="613"/>
      <c r="HEF686" s="613"/>
      <c r="HEG686" s="613"/>
      <c r="HEH686" s="613"/>
      <c r="HEI686" s="613"/>
      <c r="HEJ686" s="613"/>
      <c r="HEK686" s="613"/>
      <c r="HEL686" s="613"/>
      <c r="HEM686" s="613"/>
      <c r="HEN686" s="613"/>
      <c r="HEO686" s="613"/>
      <c r="HEP686" s="613"/>
      <c r="HEQ686" s="613"/>
      <c r="HER686" s="613"/>
      <c r="HES686" s="613"/>
      <c r="HET686" s="613"/>
      <c r="HEU686" s="613"/>
      <c r="HEV686" s="613"/>
      <c r="HEW686" s="613"/>
      <c r="HEX686" s="613"/>
      <c r="HEY686" s="613"/>
      <c r="HEZ686" s="613"/>
      <c r="HFA686" s="613"/>
      <c r="HFB686" s="613"/>
      <c r="HFC686" s="613"/>
      <c r="HFD686" s="613"/>
      <c r="HFE686" s="613"/>
      <c r="HFF686" s="613"/>
      <c r="HFG686" s="613"/>
      <c r="HFH686" s="613"/>
      <c r="HFI686" s="613"/>
      <c r="HFJ686" s="613"/>
      <c r="HFK686" s="613"/>
      <c r="HFL686" s="613"/>
      <c r="HFM686" s="613"/>
      <c r="HFN686" s="613"/>
      <c r="HFO686" s="613"/>
      <c r="HFP686" s="613"/>
      <c r="HFQ686" s="613"/>
      <c r="HFR686" s="613"/>
      <c r="HFS686" s="613"/>
      <c r="HFT686" s="613"/>
      <c r="HFU686" s="613"/>
      <c r="HFV686" s="613"/>
      <c r="HFW686" s="613"/>
      <c r="HFX686" s="613"/>
      <c r="HFY686" s="613"/>
      <c r="HFZ686" s="613"/>
      <c r="HGA686" s="613"/>
      <c r="HGB686" s="613"/>
      <c r="HGC686" s="613"/>
      <c r="HGD686" s="613"/>
      <c r="HGE686" s="613"/>
      <c r="HGF686" s="613"/>
      <c r="HGG686" s="613"/>
      <c r="HGH686" s="613"/>
      <c r="HGI686" s="613"/>
      <c r="HGJ686" s="613"/>
      <c r="HGK686" s="613"/>
      <c r="HGL686" s="613"/>
      <c r="HGM686" s="613"/>
      <c r="HGN686" s="613"/>
      <c r="HGO686" s="613"/>
      <c r="HGP686" s="613"/>
      <c r="HGQ686" s="613"/>
      <c r="HGR686" s="613"/>
      <c r="HGS686" s="613"/>
      <c r="HGT686" s="613"/>
      <c r="HGU686" s="613"/>
      <c r="HGV686" s="613"/>
      <c r="HGW686" s="613"/>
      <c r="HGX686" s="613"/>
      <c r="HGY686" s="613"/>
      <c r="HGZ686" s="613"/>
      <c r="HHA686" s="613"/>
      <c r="HHB686" s="613"/>
      <c r="HHC686" s="613"/>
      <c r="HHD686" s="613"/>
      <c r="HHE686" s="613"/>
      <c r="HHF686" s="613"/>
      <c r="HHG686" s="613"/>
      <c r="HHH686" s="613"/>
      <c r="HHI686" s="613"/>
      <c r="HHJ686" s="613"/>
      <c r="HHK686" s="613"/>
      <c r="HHL686" s="613"/>
      <c r="HHM686" s="613"/>
      <c r="HHN686" s="613"/>
      <c r="HHO686" s="613"/>
      <c r="HHP686" s="613"/>
      <c r="HHQ686" s="613"/>
      <c r="HHR686" s="613"/>
      <c r="HHS686" s="613"/>
      <c r="HHT686" s="613"/>
      <c r="HHU686" s="613"/>
      <c r="HHV686" s="613"/>
      <c r="HHW686" s="613"/>
      <c r="HHX686" s="613"/>
      <c r="HHY686" s="613"/>
      <c r="HHZ686" s="613"/>
      <c r="HIA686" s="613"/>
      <c r="HIB686" s="613"/>
      <c r="HIC686" s="613"/>
      <c r="HID686" s="613"/>
      <c r="HIE686" s="613"/>
      <c r="HIF686" s="613"/>
      <c r="HIG686" s="613"/>
      <c r="HIH686" s="613"/>
      <c r="HII686" s="613"/>
      <c r="HIJ686" s="613"/>
      <c r="HIK686" s="613"/>
      <c r="HIL686" s="613"/>
      <c r="HIM686" s="613"/>
      <c r="HIN686" s="613"/>
      <c r="HIO686" s="613"/>
      <c r="HIP686" s="613"/>
      <c r="HIQ686" s="613"/>
      <c r="HIR686" s="613"/>
      <c r="HIS686" s="613"/>
      <c r="HIT686" s="613"/>
      <c r="HIU686" s="613"/>
      <c r="HIV686" s="613"/>
      <c r="HIW686" s="613"/>
      <c r="HIX686" s="613"/>
      <c r="HIY686" s="613"/>
      <c r="HIZ686" s="613"/>
      <c r="HJA686" s="613"/>
      <c r="HJB686" s="613"/>
      <c r="HJC686" s="613"/>
      <c r="HJD686" s="613"/>
      <c r="HJE686" s="613"/>
      <c r="HJF686" s="613"/>
      <c r="HJG686" s="613"/>
      <c r="HJH686" s="613"/>
      <c r="HJI686" s="613"/>
      <c r="HJJ686" s="613"/>
      <c r="HJK686" s="613"/>
      <c r="HJL686" s="613"/>
      <c r="HJM686" s="613"/>
      <c r="HJN686" s="613"/>
      <c r="HJO686" s="613"/>
      <c r="HJP686" s="613"/>
      <c r="HJQ686" s="613"/>
      <c r="HJR686" s="613"/>
      <c r="HJS686" s="613"/>
      <c r="HJT686" s="613"/>
      <c r="HJU686" s="613"/>
      <c r="HJV686" s="613"/>
      <c r="HJW686" s="613"/>
      <c r="HJX686" s="613"/>
      <c r="HJY686" s="613"/>
      <c r="HJZ686" s="613"/>
      <c r="HKA686" s="613"/>
      <c r="HKB686" s="613"/>
      <c r="HKC686" s="613"/>
      <c r="HKD686" s="613"/>
      <c r="HKE686" s="613"/>
      <c r="HKF686" s="613"/>
      <c r="HKG686" s="613"/>
      <c r="HKH686" s="613"/>
      <c r="HKI686" s="613"/>
      <c r="HKJ686" s="613"/>
      <c r="HKK686" s="613"/>
      <c r="HKL686" s="613"/>
      <c r="HKM686" s="613"/>
      <c r="HKN686" s="613"/>
      <c r="HKO686" s="613"/>
      <c r="HKP686" s="613"/>
      <c r="HKQ686" s="613"/>
      <c r="HKR686" s="613"/>
      <c r="HKS686" s="613"/>
      <c r="HKT686" s="613"/>
      <c r="HKU686" s="613"/>
      <c r="HKV686" s="613"/>
      <c r="HKW686" s="613"/>
      <c r="HKX686" s="613"/>
      <c r="HKY686" s="613"/>
      <c r="HKZ686" s="613"/>
      <c r="HLA686" s="613"/>
      <c r="HLB686" s="613"/>
      <c r="HLC686" s="613"/>
      <c r="HLD686" s="613"/>
      <c r="HLE686" s="613"/>
      <c r="HLF686" s="613"/>
      <c r="HLG686" s="613"/>
      <c r="HLH686" s="613"/>
      <c r="HLI686" s="613"/>
      <c r="HLJ686" s="613"/>
      <c r="HLK686" s="613"/>
      <c r="HLL686" s="613"/>
      <c r="HLM686" s="613"/>
      <c r="HLN686" s="613"/>
      <c r="HLO686" s="613"/>
      <c r="HLP686" s="613"/>
      <c r="HLQ686" s="613"/>
      <c r="HLR686" s="613"/>
      <c r="HLS686" s="613"/>
      <c r="HLT686" s="613"/>
      <c r="HLU686" s="613"/>
      <c r="HLV686" s="613"/>
      <c r="HLW686" s="613"/>
      <c r="HLX686" s="613"/>
      <c r="HLY686" s="613"/>
      <c r="HLZ686" s="613"/>
      <c r="HMA686" s="613"/>
      <c r="HMB686" s="613"/>
      <c r="HMC686" s="613"/>
      <c r="HMD686" s="613"/>
      <c r="HME686" s="613"/>
      <c r="HMF686" s="613"/>
      <c r="HMG686" s="613"/>
      <c r="HMH686" s="613"/>
      <c r="HMI686" s="613"/>
      <c r="HMJ686" s="613"/>
      <c r="HMK686" s="613"/>
      <c r="HML686" s="613"/>
      <c r="HMM686" s="613"/>
      <c r="HMN686" s="613"/>
      <c r="HMO686" s="613"/>
      <c r="HMP686" s="613"/>
      <c r="HMQ686" s="613"/>
      <c r="HMR686" s="613"/>
      <c r="HMS686" s="613"/>
      <c r="HMT686" s="613"/>
      <c r="HMU686" s="613"/>
      <c r="HMV686" s="613"/>
      <c r="HMW686" s="613"/>
      <c r="HMX686" s="613"/>
      <c r="HMY686" s="613"/>
      <c r="HMZ686" s="613"/>
      <c r="HNA686" s="613"/>
      <c r="HNB686" s="613"/>
      <c r="HNC686" s="613"/>
      <c r="HND686" s="613"/>
      <c r="HNE686" s="613"/>
      <c r="HNF686" s="613"/>
      <c r="HNG686" s="613"/>
      <c r="HNH686" s="613"/>
      <c r="HNI686" s="613"/>
      <c r="HNJ686" s="613"/>
      <c r="HNK686" s="613"/>
      <c r="HNL686" s="613"/>
      <c r="HNM686" s="613"/>
      <c r="HNN686" s="613"/>
      <c r="HNO686" s="613"/>
      <c r="HNP686" s="613"/>
      <c r="HNQ686" s="613"/>
      <c r="HNR686" s="613"/>
      <c r="HNS686" s="613"/>
      <c r="HNT686" s="613"/>
      <c r="HNU686" s="613"/>
      <c r="HNV686" s="613"/>
      <c r="HNW686" s="613"/>
      <c r="HNX686" s="613"/>
      <c r="HNY686" s="613"/>
      <c r="HNZ686" s="613"/>
      <c r="HOA686" s="613"/>
      <c r="HOB686" s="613"/>
      <c r="HOC686" s="613"/>
      <c r="HOD686" s="613"/>
      <c r="HOE686" s="613"/>
      <c r="HOF686" s="613"/>
      <c r="HOG686" s="613"/>
      <c r="HOH686" s="613"/>
      <c r="HOI686" s="613"/>
      <c r="HOJ686" s="613"/>
      <c r="HOK686" s="613"/>
      <c r="HOL686" s="613"/>
      <c r="HOM686" s="613"/>
      <c r="HON686" s="613"/>
      <c r="HOO686" s="613"/>
      <c r="HOP686" s="613"/>
      <c r="HOQ686" s="613"/>
      <c r="HOR686" s="613"/>
      <c r="HOS686" s="613"/>
      <c r="HOT686" s="613"/>
      <c r="HOU686" s="613"/>
      <c r="HOV686" s="613"/>
      <c r="HOW686" s="613"/>
      <c r="HOX686" s="613"/>
      <c r="HOY686" s="613"/>
      <c r="HOZ686" s="613"/>
      <c r="HPA686" s="613"/>
      <c r="HPB686" s="613"/>
      <c r="HPC686" s="613"/>
      <c r="HPD686" s="613"/>
      <c r="HPE686" s="613"/>
      <c r="HPF686" s="613"/>
      <c r="HPG686" s="613"/>
      <c r="HPH686" s="613"/>
      <c r="HPI686" s="613"/>
      <c r="HPJ686" s="613"/>
      <c r="HPK686" s="613"/>
      <c r="HPL686" s="613"/>
      <c r="HPM686" s="613"/>
      <c r="HPN686" s="613"/>
      <c r="HPO686" s="613"/>
      <c r="HPP686" s="613"/>
      <c r="HPQ686" s="613"/>
      <c r="HPR686" s="613"/>
      <c r="HPS686" s="613"/>
      <c r="HPT686" s="613"/>
      <c r="HPU686" s="613"/>
      <c r="HPV686" s="613"/>
      <c r="HPW686" s="613"/>
      <c r="HPX686" s="613"/>
      <c r="HPY686" s="613"/>
      <c r="HPZ686" s="613"/>
      <c r="HQA686" s="613"/>
      <c r="HQB686" s="613"/>
      <c r="HQC686" s="613"/>
      <c r="HQD686" s="613"/>
      <c r="HQE686" s="613"/>
      <c r="HQF686" s="613"/>
      <c r="HQG686" s="613"/>
      <c r="HQH686" s="613"/>
      <c r="HQI686" s="613"/>
      <c r="HQJ686" s="613"/>
      <c r="HQK686" s="613"/>
      <c r="HQL686" s="613"/>
      <c r="HQM686" s="613"/>
      <c r="HQN686" s="613"/>
      <c r="HQO686" s="613"/>
      <c r="HQP686" s="613"/>
      <c r="HQQ686" s="613"/>
      <c r="HQR686" s="613"/>
      <c r="HQS686" s="613"/>
      <c r="HQT686" s="613"/>
      <c r="HQU686" s="613"/>
      <c r="HQV686" s="613"/>
      <c r="HQW686" s="613"/>
      <c r="HQX686" s="613"/>
      <c r="HQY686" s="613"/>
      <c r="HQZ686" s="613"/>
      <c r="HRA686" s="613"/>
      <c r="HRB686" s="613"/>
      <c r="HRC686" s="613"/>
      <c r="HRD686" s="613"/>
      <c r="HRE686" s="613"/>
      <c r="HRF686" s="613"/>
      <c r="HRG686" s="613"/>
      <c r="HRH686" s="613"/>
      <c r="HRI686" s="613"/>
      <c r="HRJ686" s="613"/>
      <c r="HRK686" s="613"/>
      <c r="HRL686" s="613"/>
      <c r="HRM686" s="613"/>
      <c r="HRN686" s="613"/>
      <c r="HRO686" s="613"/>
      <c r="HRP686" s="613"/>
      <c r="HRQ686" s="613"/>
      <c r="HRR686" s="613"/>
      <c r="HRS686" s="613"/>
      <c r="HRT686" s="613"/>
      <c r="HRU686" s="613"/>
      <c r="HRV686" s="613"/>
      <c r="HRW686" s="613"/>
      <c r="HRX686" s="613"/>
      <c r="HRY686" s="613"/>
      <c r="HRZ686" s="613"/>
      <c r="HSA686" s="613"/>
      <c r="HSB686" s="613"/>
      <c r="HSC686" s="613"/>
      <c r="HSD686" s="613"/>
      <c r="HSE686" s="613"/>
      <c r="HSF686" s="613"/>
      <c r="HSG686" s="613"/>
      <c r="HSH686" s="613"/>
      <c r="HSI686" s="613"/>
      <c r="HSJ686" s="613"/>
      <c r="HSK686" s="613"/>
      <c r="HSL686" s="613"/>
      <c r="HSM686" s="613"/>
      <c r="HSN686" s="613"/>
      <c r="HSO686" s="613"/>
      <c r="HSP686" s="613"/>
      <c r="HSQ686" s="613"/>
      <c r="HSR686" s="613"/>
      <c r="HSS686" s="613"/>
      <c r="HST686" s="613"/>
      <c r="HSU686" s="613"/>
      <c r="HSV686" s="613"/>
      <c r="HSW686" s="613"/>
      <c r="HSX686" s="613"/>
      <c r="HSY686" s="613"/>
      <c r="HSZ686" s="613"/>
      <c r="HTA686" s="613"/>
      <c r="HTB686" s="613"/>
      <c r="HTC686" s="613"/>
      <c r="HTD686" s="613"/>
      <c r="HTE686" s="613"/>
      <c r="HTF686" s="613"/>
      <c r="HTG686" s="613"/>
      <c r="HTH686" s="613"/>
      <c r="HTI686" s="613"/>
      <c r="HTJ686" s="613"/>
      <c r="HTK686" s="613"/>
      <c r="HTL686" s="613"/>
      <c r="HTM686" s="613"/>
      <c r="HTN686" s="613"/>
      <c r="HTO686" s="613"/>
      <c r="HTP686" s="613"/>
      <c r="HTQ686" s="613"/>
      <c r="HTR686" s="613"/>
      <c r="HTS686" s="613"/>
      <c r="HTT686" s="613"/>
      <c r="HTU686" s="613"/>
      <c r="HTV686" s="613"/>
      <c r="HTW686" s="613"/>
      <c r="HTX686" s="613"/>
      <c r="HTY686" s="613"/>
      <c r="HTZ686" s="613"/>
      <c r="HUA686" s="613"/>
      <c r="HUB686" s="613"/>
      <c r="HUC686" s="613"/>
      <c r="HUD686" s="613"/>
      <c r="HUE686" s="613"/>
      <c r="HUF686" s="613"/>
      <c r="HUG686" s="613"/>
      <c r="HUH686" s="613"/>
      <c r="HUI686" s="613"/>
      <c r="HUJ686" s="613"/>
      <c r="HUK686" s="613"/>
      <c r="HUL686" s="613"/>
      <c r="HUM686" s="613"/>
      <c r="HUN686" s="613"/>
      <c r="HUO686" s="613"/>
      <c r="HUP686" s="613"/>
      <c r="HUQ686" s="613"/>
      <c r="HUR686" s="613"/>
      <c r="HUS686" s="613"/>
      <c r="HUT686" s="613"/>
      <c r="HUU686" s="613"/>
      <c r="HUV686" s="613"/>
      <c r="HUW686" s="613"/>
      <c r="HUX686" s="613"/>
      <c r="HUY686" s="613"/>
      <c r="HUZ686" s="613"/>
      <c r="HVA686" s="613"/>
      <c r="HVB686" s="613"/>
      <c r="HVC686" s="613"/>
      <c r="HVD686" s="613"/>
      <c r="HVE686" s="613"/>
      <c r="HVF686" s="613"/>
      <c r="HVG686" s="613"/>
      <c r="HVH686" s="613"/>
      <c r="HVI686" s="613"/>
      <c r="HVJ686" s="613"/>
      <c r="HVK686" s="613"/>
      <c r="HVL686" s="613"/>
      <c r="HVM686" s="613"/>
      <c r="HVN686" s="613"/>
      <c r="HVO686" s="613"/>
      <c r="HVP686" s="613"/>
      <c r="HVQ686" s="613"/>
      <c r="HVR686" s="613"/>
      <c r="HVS686" s="613"/>
      <c r="HVT686" s="613"/>
      <c r="HVU686" s="613"/>
      <c r="HVV686" s="613"/>
      <c r="HVW686" s="613"/>
      <c r="HVX686" s="613"/>
      <c r="HVY686" s="613"/>
      <c r="HVZ686" s="613"/>
      <c r="HWA686" s="613"/>
      <c r="HWB686" s="613"/>
      <c r="HWC686" s="613"/>
      <c r="HWD686" s="613"/>
      <c r="HWE686" s="613"/>
      <c r="HWF686" s="613"/>
      <c r="HWG686" s="613"/>
      <c r="HWH686" s="613"/>
      <c r="HWI686" s="613"/>
      <c r="HWJ686" s="613"/>
      <c r="HWK686" s="613"/>
      <c r="HWL686" s="613"/>
      <c r="HWM686" s="613"/>
      <c r="HWN686" s="613"/>
      <c r="HWO686" s="613"/>
      <c r="HWP686" s="613"/>
      <c r="HWQ686" s="613"/>
      <c r="HWR686" s="613"/>
      <c r="HWS686" s="613"/>
      <c r="HWT686" s="613"/>
      <c r="HWU686" s="613"/>
      <c r="HWV686" s="613"/>
      <c r="HWW686" s="613"/>
      <c r="HWX686" s="613"/>
      <c r="HWY686" s="613"/>
      <c r="HWZ686" s="613"/>
      <c r="HXA686" s="613"/>
      <c r="HXB686" s="613"/>
      <c r="HXC686" s="613"/>
      <c r="HXD686" s="613"/>
      <c r="HXE686" s="613"/>
      <c r="HXF686" s="613"/>
      <c r="HXG686" s="613"/>
      <c r="HXH686" s="613"/>
      <c r="HXI686" s="613"/>
      <c r="HXJ686" s="613"/>
      <c r="HXK686" s="613"/>
      <c r="HXL686" s="613"/>
      <c r="HXM686" s="613"/>
      <c r="HXN686" s="613"/>
      <c r="HXO686" s="613"/>
      <c r="HXP686" s="613"/>
      <c r="HXQ686" s="613"/>
      <c r="HXR686" s="613"/>
      <c r="HXS686" s="613"/>
      <c r="HXT686" s="613"/>
      <c r="HXU686" s="613"/>
      <c r="HXV686" s="613"/>
      <c r="HXW686" s="613"/>
      <c r="HXX686" s="613"/>
      <c r="HXY686" s="613"/>
      <c r="HXZ686" s="613"/>
      <c r="HYA686" s="613"/>
      <c r="HYB686" s="613"/>
      <c r="HYC686" s="613"/>
      <c r="HYD686" s="613"/>
      <c r="HYE686" s="613"/>
      <c r="HYF686" s="613"/>
      <c r="HYG686" s="613"/>
      <c r="HYH686" s="613"/>
      <c r="HYI686" s="613"/>
      <c r="HYJ686" s="613"/>
      <c r="HYK686" s="613"/>
      <c r="HYL686" s="613"/>
      <c r="HYM686" s="613"/>
      <c r="HYN686" s="613"/>
      <c r="HYO686" s="613"/>
      <c r="HYP686" s="613"/>
      <c r="HYQ686" s="613"/>
      <c r="HYR686" s="613"/>
      <c r="HYS686" s="613"/>
      <c r="HYT686" s="613"/>
      <c r="HYU686" s="613"/>
      <c r="HYV686" s="613"/>
      <c r="HYW686" s="613"/>
      <c r="HYX686" s="613"/>
      <c r="HYY686" s="613"/>
      <c r="HYZ686" s="613"/>
      <c r="HZA686" s="613"/>
      <c r="HZB686" s="613"/>
      <c r="HZC686" s="613"/>
      <c r="HZD686" s="613"/>
      <c r="HZE686" s="613"/>
      <c r="HZF686" s="613"/>
      <c r="HZG686" s="613"/>
      <c r="HZH686" s="613"/>
      <c r="HZI686" s="613"/>
      <c r="HZJ686" s="613"/>
      <c r="HZK686" s="613"/>
      <c r="HZL686" s="613"/>
      <c r="HZM686" s="613"/>
      <c r="HZN686" s="613"/>
      <c r="HZO686" s="613"/>
      <c r="HZP686" s="613"/>
      <c r="HZQ686" s="613"/>
      <c r="HZR686" s="613"/>
      <c r="HZS686" s="613"/>
      <c r="HZT686" s="613"/>
      <c r="HZU686" s="613"/>
      <c r="HZV686" s="613"/>
      <c r="HZW686" s="613"/>
      <c r="HZX686" s="613"/>
      <c r="HZY686" s="613"/>
      <c r="HZZ686" s="613"/>
      <c r="IAA686" s="613"/>
      <c r="IAB686" s="613"/>
      <c r="IAC686" s="613"/>
      <c r="IAD686" s="613"/>
      <c r="IAE686" s="613"/>
      <c r="IAF686" s="613"/>
      <c r="IAG686" s="613"/>
      <c r="IAH686" s="613"/>
      <c r="IAI686" s="613"/>
      <c r="IAJ686" s="613"/>
      <c r="IAK686" s="613"/>
      <c r="IAL686" s="613"/>
      <c r="IAM686" s="613"/>
      <c r="IAN686" s="613"/>
      <c r="IAO686" s="613"/>
      <c r="IAP686" s="613"/>
      <c r="IAQ686" s="613"/>
      <c r="IAR686" s="613"/>
      <c r="IAS686" s="613"/>
      <c r="IAT686" s="613"/>
      <c r="IAU686" s="613"/>
      <c r="IAV686" s="613"/>
      <c r="IAW686" s="613"/>
      <c r="IAX686" s="613"/>
      <c r="IAY686" s="613"/>
      <c r="IAZ686" s="613"/>
      <c r="IBA686" s="613"/>
      <c r="IBB686" s="613"/>
      <c r="IBC686" s="613"/>
      <c r="IBD686" s="613"/>
      <c r="IBE686" s="613"/>
      <c r="IBF686" s="613"/>
      <c r="IBG686" s="613"/>
      <c r="IBH686" s="613"/>
      <c r="IBI686" s="613"/>
      <c r="IBJ686" s="613"/>
      <c r="IBK686" s="613"/>
      <c r="IBL686" s="613"/>
      <c r="IBM686" s="613"/>
      <c r="IBN686" s="613"/>
      <c r="IBO686" s="613"/>
      <c r="IBP686" s="613"/>
      <c r="IBQ686" s="613"/>
      <c r="IBR686" s="613"/>
      <c r="IBS686" s="613"/>
      <c r="IBT686" s="613"/>
      <c r="IBU686" s="613"/>
      <c r="IBV686" s="613"/>
      <c r="IBW686" s="613"/>
      <c r="IBX686" s="613"/>
      <c r="IBY686" s="613"/>
      <c r="IBZ686" s="613"/>
      <c r="ICA686" s="613"/>
      <c r="ICB686" s="613"/>
      <c r="ICC686" s="613"/>
      <c r="ICD686" s="613"/>
      <c r="ICE686" s="613"/>
      <c r="ICF686" s="613"/>
      <c r="ICG686" s="613"/>
      <c r="ICH686" s="613"/>
      <c r="ICI686" s="613"/>
      <c r="ICJ686" s="613"/>
      <c r="ICK686" s="613"/>
      <c r="ICL686" s="613"/>
      <c r="ICM686" s="613"/>
      <c r="ICN686" s="613"/>
      <c r="ICO686" s="613"/>
      <c r="ICP686" s="613"/>
      <c r="ICQ686" s="613"/>
      <c r="ICR686" s="613"/>
      <c r="ICS686" s="613"/>
      <c r="ICT686" s="613"/>
      <c r="ICU686" s="613"/>
      <c r="ICV686" s="613"/>
      <c r="ICW686" s="613"/>
      <c r="ICX686" s="613"/>
      <c r="ICY686" s="613"/>
      <c r="ICZ686" s="613"/>
      <c r="IDA686" s="613"/>
      <c r="IDB686" s="613"/>
      <c r="IDC686" s="613"/>
      <c r="IDD686" s="613"/>
      <c r="IDE686" s="613"/>
      <c r="IDF686" s="613"/>
      <c r="IDG686" s="613"/>
      <c r="IDH686" s="613"/>
      <c r="IDI686" s="613"/>
      <c r="IDJ686" s="613"/>
      <c r="IDK686" s="613"/>
      <c r="IDL686" s="613"/>
      <c r="IDM686" s="613"/>
      <c r="IDN686" s="613"/>
      <c r="IDO686" s="613"/>
      <c r="IDP686" s="613"/>
      <c r="IDQ686" s="613"/>
      <c r="IDR686" s="613"/>
      <c r="IDS686" s="613"/>
      <c r="IDT686" s="613"/>
      <c r="IDU686" s="613"/>
      <c r="IDV686" s="613"/>
      <c r="IDW686" s="613"/>
      <c r="IDX686" s="613"/>
      <c r="IDY686" s="613"/>
      <c r="IDZ686" s="613"/>
      <c r="IEA686" s="613"/>
      <c r="IEB686" s="613"/>
      <c r="IEC686" s="613"/>
      <c r="IED686" s="613"/>
      <c r="IEE686" s="613"/>
      <c r="IEF686" s="613"/>
      <c r="IEG686" s="613"/>
      <c r="IEH686" s="613"/>
      <c r="IEI686" s="613"/>
      <c r="IEJ686" s="613"/>
      <c r="IEK686" s="613"/>
      <c r="IEL686" s="613"/>
      <c r="IEM686" s="613"/>
      <c r="IEN686" s="613"/>
      <c r="IEO686" s="613"/>
      <c r="IEP686" s="613"/>
      <c r="IEQ686" s="613"/>
      <c r="IER686" s="613"/>
      <c r="IES686" s="613"/>
      <c r="IET686" s="613"/>
      <c r="IEU686" s="613"/>
      <c r="IEV686" s="613"/>
      <c r="IEW686" s="613"/>
      <c r="IEX686" s="613"/>
      <c r="IEY686" s="613"/>
      <c r="IEZ686" s="613"/>
      <c r="IFA686" s="613"/>
      <c r="IFB686" s="613"/>
      <c r="IFC686" s="613"/>
      <c r="IFD686" s="613"/>
      <c r="IFE686" s="613"/>
      <c r="IFF686" s="613"/>
      <c r="IFG686" s="613"/>
      <c r="IFH686" s="613"/>
      <c r="IFI686" s="613"/>
      <c r="IFJ686" s="613"/>
      <c r="IFK686" s="613"/>
      <c r="IFL686" s="613"/>
      <c r="IFM686" s="613"/>
      <c r="IFN686" s="613"/>
      <c r="IFO686" s="613"/>
      <c r="IFP686" s="613"/>
      <c r="IFQ686" s="613"/>
      <c r="IFR686" s="613"/>
      <c r="IFS686" s="613"/>
      <c r="IFT686" s="613"/>
      <c r="IFU686" s="613"/>
      <c r="IFV686" s="613"/>
      <c r="IFW686" s="613"/>
      <c r="IFX686" s="613"/>
      <c r="IFY686" s="613"/>
      <c r="IFZ686" s="613"/>
      <c r="IGA686" s="613"/>
      <c r="IGB686" s="613"/>
      <c r="IGC686" s="613"/>
      <c r="IGD686" s="613"/>
      <c r="IGE686" s="613"/>
      <c r="IGF686" s="613"/>
      <c r="IGG686" s="613"/>
      <c r="IGH686" s="613"/>
      <c r="IGI686" s="613"/>
      <c r="IGJ686" s="613"/>
      <c r="IGK686" s="613"/>
      <c r="IGL686" s="613"/>
      <c r="IGM686" s="613"/>
      <c r="IGN686" s="613"/>
      <c r="IGO686" s="613"/>
      <c r="IGP686" s="613"/>
      <c r="IGQ686" s="613"/>
      <c r="IGR686" s="613"/>
      <c r="IGS686" s="613"/>
      <c r="IGT686" s="613"/>
      <c r="IGU686" s="613"/>
      <c r="IGV686" s="613"/>
      <c r="IGW686" s="613"/>
      <c r="IGX686" s="613"/>
      <c r="IGY686" s="613"/>
      <c r="IGZ686" s="613"/>
      <c r="IHA686" s="613"/>
      <c r="IHB686" s="613"/>
      <c r="IHC686" s="613"/>
      <c r="IHD686" s="613"/>
      <c r="IHE686" s="613"/>
      <c r="IHF686" s="613"/>
      <c r="IHG686" s="613"/>
      <c r="IHH686" s="613"/>
      <c r="IHI686" s="613"/>
      <c r="IHJ686" s="613"/>
      <c r="IHK686" s="613"/>
      <c r="IHL686" s="613"/>
      <c r="IHM686" s="613"/>
      <c r="IHN686" s="613"/>
      <c r="IHO686" s="613"/>
      <c r="IHP686" s="613"/>
      <c r="IHQ686" s="613"/>
      <c r="IHR686" s="613"/>
      <c r="IHS686" s="613"/>
      <c r="IHT686" s="613"/>
      <c r="IHU686" s="613"/>
      <c r="IHV686" s="613"/>
      <c r="IHW686" s="613"/>
      <c r="IHX686" s="613"/>
      <c r="IHY686" s="613"/>
      <c r="IHZ686" s="613"/>
      <c r="IIA686" s="613"/>
      <c r="IIB686" s="613"/>
      <c r="IIC686" s="613"/>
      <c r="IID686" s="613"/>
      <c r="IIE686" s="613"/>
      <c r="IIF686" s="613"/>
      <c r="IIG686" s="613"/>
      <c r="IIH686" s="613"/>
      <c r="III686" s="613"/>
      <c r="IIJ686" s="613"/>
      <c r="IIK686" s="613"/>
      <c r="IIL686" s="613"/>
      <c r="IIM686" s="613"/>
      <c r="IIN686" s="613"/>
      <c r="IIO686" s="613"/>
      <c r="IIP686" s="613"/>
      <c r="IIQ686" s="613"/>
      <c r="IIR686" s="613"/>
      <c r="IIS686" s="613"/>
      <c r="IIT686" s="613"/>
      <c r="IIU686" s="613"/>
      <c r="IIV686" s="613"/>
      <c r="IIW686" s="613"/>
      <c r="IIX686" s="613"/>
      <c r="IIY686" s="613"/>
      <c r="IIZ686" s="613"/>
      <c r="IJA686" s="613"/>
      <c r="IJB686" s="613"/>
      <c r="IJC686" s="613"/>
      <c r="IJD686" s="613"/>
      <c r="IJE686" s="613"/>
      <c r="IJF686" s="613"/>
      <c r="IJG686" s="613"/>
      <c r="IJH686" s="613"/>
      <c r="IJI686" s="613"/>
      <c r="IJJ686" s="613"/>
      <c r="IJK686" s="613"/>
      <c r="IJL686" s="613"/>
      <c r="IJM686" s="613"/>
      <c r="IJN686" s="613"/>
      <c r="IJO686" s="613"/>
      <c r="IJP686" s="613"/>
      <c r="IJQ686" s="613"/>
      <c r="IJR686" s="613"/>
      <c r="IJS686" s="613"/>
      <c r="IJT686" s="613"/>
      <c r="IJU686" s="613"/>
      <c r="IJV686" s="613"/>
      <c r="IJW686" s="613"/>
      <c r="IJX686" s="613"/>
      <c r="IJY686" s="613"/>
      <c r="IJZ686" s="613"/>
      <c r="IKA686" s="613"/>
      <c r="IKB686" s="613"/>
      <c r="IKC686" s="613"/>
      <c r="IKD686" s="613"/>
      <c r="IKE686" s="613"/>
      <c r="IKF686" s="613"/>
      <c r="IKG686" s="613"/>
      <c r="IKH686" s="613"/>
      <c r="IKI686" s="613"/>
      <c r="IKJ686" s="613"/>
      <c r="IKK686" s="613"/>
      <c r="IKL686" s="613"/>
      <c r="IKM686" s="613"/>
      <c r="IKN686" s="613"/>
      <c r="IKO686" s="613"/>
      <c r="IKP686" s="613"/>
      <c r="IKQ686" s="613"/>
      <c r="IKR686" s="613"/>
      <c r="IKS686" s="613"/>
      <c r="IKT686" s="613"/>
      <c r="IKU686" s="613"/>
      <c r="IKV686" s="613"/>
      <c r="IKW686" s="613"/>
      <c r="IKX686" s="613"/>
      <c r="IKY686" s="613"/>
      <c r="IKZ686" s="613"/>
      <c r="ILA686" s="613"/>
      <c r="ILB686" s="613"/>
      <c r="ILC686" s="613"/>
      <c r="ILD686" s="613"/>
      <c r="ILE686" s="613"/>
      <c r="ILF686" s="613"/>
      <c r="ILG686" s="613"/>
      <c r="ILH686" s="613"/>
      <c r="ILI686" s="613"/>
      <c r="ILJ686" s="613"/>
      <c r="ILK686" s="613"/>
      <c r="ILL686" s="613"/>
      <c r="ILM686" s="613"/>
      <c r="ILN686" s="613"/>
      <c r="ILO686" s="613"/>
      <c r="ILP686" s="613"/>
      <c r="ILQ686" s="613"/>
      <c r="ILR686" s="613"/>
      <c r="ILS686" s="613"/>
      <c r="ILT686" s="613"/>
      <c r="ILU686" s="613"/>
      <c r="ILV686" s="613"/>
      <c r="ILW686" s="613"/>
      <c r="ILX686" s="613"/>
      <c r="ILY686" s="613"/>
      <c r="ILZ686" s="613"/>
      <c r="IMA686" s="613"/>
      <c r="IMB686" s="613"/>
      <c r="IMC686" s="613"/>
      <c r="IMD686" s="613"/>
      <c r="IME686" s="613"/>
      <c r="IMF686" s="613"/>
      <c r="IMG686" s="613"/>
      <c r="IMH686" s="613"/>
      <c r="IMI686" s="613"/>
      <c r="IMJ686" s="613"/>
      <c r="IMK686" s="613"/>
      <c r="IML686" s="613"/>
      <c r="IMM686" s="613"/>
      <c r="IMN686" s="613"/>
      <c r="IMO686" s="613"/>
      <c r="IMP686" s="613"/>
      <c r="IMQ686" s="613"/>
      <c r="IMR686" s="613"/>
      <c r="IMS686" s="613"/>
      <c r="IMT686" s="613"/>
      <c r="IMU686" s="613"/>
      <c r="IMV686" s="613"/>
      <c r="IMW686" s="613"/>
      <c r="IMX686" s="613"/>
      <c r="IMY686" s="613"/>
      <c r="IMZ686" s="613"/>
      <c r="INA686" s="613"/>
      <c r="INB686" s="613"/>
      <c r="INC686" s="613"/>
      <c r="IND686" s="613"/>
      <c r="INE686" s="613"/>
      <c r="INF686" s="613"/>
      <c r="ING686" s="613"/>
      <c r="INH686" s="613"/>
      <c r="INI686" s="613"/>
      <c r="INJ686" s="613"/>
      <c r="INK686" s="613"/>
      <c r="INL686" s="613"/>
      <c r="INM686" s="613"/>
      <c r="INN686" s="613"/>
      <c r="INO686" s="613"/>
      <c r="INP686" s="613"/>
      <c r="INQ686" s="613"/>
      <c r="INR686" s="613"/>
      <c r="INS686" s="613"/>
      <c r="INT686" s="613"/>
      <c r="INU686" s="613"/>
      <c r="INV686" s="613"/>
      <c r="INW686" s="613"/>
      <c r="INX686" s="613"/>
      <c r="INY686" s="613"/>
      <c r="INZ686" s="613"/>
      <c r="IOA686" s="613"/>
      <c r="IOB686" s="613"/>
      <c r="IOC686" s="613"/>
      <c r="IOD686" s="613"/>
      <c r="IOE686" s="613"/>
      <c r="IOF686" s="613"/>
      <c r="IOG686" s="613"/>
      <c r="IOH686" s="613"/>
      <c r="IOI686" s="613"/>
      <c r="IOJ686" s="613"/>
      <c r="IOK686" s="613"/>
      <c r="IOL686" s="613"/>
      <c r="IOM686" s="613"/>
      <c r="ION686" s="613"/>
      <c r="IOO686" s="613"/>
      <c r="IOP686" s="613"/>
      <c r="IOQ686" s="613"/>
      <c r="IOR686" s="613"/>
      <c r="IOS686" s="613"/>
      <c r="IOT686" s="613"/>
      <c r="IOU686" s="613"/>
      <c r="IOV686" s="613"/>
      <c r="IOW686" s="613"/>
      <c r="IOX686" s="613"/>
      <c r="IOY686" s="613"/>
      <c r="IOZ686" s="613"/>
      <c r="IPA686" s="613"/>
      <c r="IPB686" s="613"/>
      <c r="IPC686" s="613"/>
      <c r="IPD686" s="613"/>
      <c r="IPE686" s="613"/>
      <c r="IPF686" s="613"/>
      <c r="IPG686" s="613"/>
      <c r="IPH686" s="613"/>
      <c r="IPI686" s="613"/>
      <c r="IPJ686" s="613"/>
      <c r="IPK686" s="613"/>
      <c r="IPL686" s="613"/>
      <c r="IPM686" s="613"/>
      <c r="IPN686" s="613"/>
      <c r="IPO686" s="613"/>
      <c r="IPP686" s="613"/>
      <c r="IPQ686" s="613"/>
      <c r="IPR686" s="613"/>
      <c r="IPS686" s="613"/>
      <c r="IPT686" s="613"/>
      <c r="IPU686" s="613"/>
      <c r="IPV686" s="613"/>
      <c r="IPW686" s="613"/>
      <c r="IPX686" s="613"/>
      <c r="IPY686" s="613"/>
      <c r="IPZ686" s="613"/>
      <c r="IQA686" s="613"/>
      <c r="IQB686" s="613"/>
      <c r="IQC686" s="613"/>
      <c r="IQD686" s="613"/>
      <c r="IQE686" s="613"/>
      <c r="IQF686" s="613"/>
      <c r="IQG686" s="613"/>
      <c r="IQH686" s="613"/>
      <c r="IQI686" s="613"/>
      <c r="IQJ686" s="613"/>
      <c r="IQK686" s="613"/>
      <c r="IQL686" s="613"/>
      <c r="IQM686" s="613"/>
      <c r="IQN686" s="613"/>
      <c r="IQO686" s="613"/>
      <c r="IQP686" s="613"/>
      <c r="IQQ686" s="613"/>
      <c r="IQR686" s="613"/>
      <c r="IQS686" s="613"/>
      <c r="IQT686" s="613"/>
      <c r="IQU686" s="613"/>
      <c r="IQV686" s="613"/>
      <c r="IQW686" s="613"/>
      <c r="IQX686" s="613"/>
      <c r="IQY686" s="613"/>
      <c r="IQZ686" s="613"/>
      <c r="IRA686" s="613"/>
      <c r="IRB686" s="613"/>
      <c r="IRC686" s="613"/>
      <c r="IRD686" s="613"/>
      <c r="IRE686" s="613"/>
      <c r="IRF686" s="613"/>
      <c r="IRG686" s="613"/>
      <c r="IRH686" s="613"/>
      <c r="IRI686" s="613"/>
      <c r="IRJ686" s="613"/>
      <c r="IRK686" s="613"/>
      <c r="IRL686" s="613"/>
      <c r="IRM686" s="613"/>
      <c r="IRN686" s="613"/>
      <c r="IRO686" s="613"/>
      <c r="IRP686" s="613"/>
      <c r="IRQ686" s="613"/>
      <c r="IRR686" s="613"/>
      <c r="IRS686" s="613"/>
      <c r="IRT686" s="613"/>
      <c r="IRU686" s="613"/>
      <c r="IRV686" s="613"/>
      <c r="IRW686" s="613"/>
      <c r="IRX686" s="613"/>
      <c r="IRY686" s="613"/>
      <c r="IRZ686" s="613"/>
      <c r="ISA686" s="613"/>
      <c r="ISB686" s="613"/>
      <c r="ISC686" s="613"/>
      <c r="ISD686" s="613"/>
      <c r="ISE686" s="613"/>
      <c r="ISF686" s="613"/>
      <c r="ISG686" s="613"/>
      <c r="ISH686" s="613"/>
      <c r="ISI686" s="613"/>
      <c r="ISJ686" s="613"/>
      <c r="ISK686" s="613"/>
      <c r="ISL686" s="613"/>
      <c r="ISM686" s="613"/>
      <c r="ISN686" s="613"/>
      <c r="ISO686" s="613"/>
      <c r="ISP686" s="613"/>
      <c r="ISQ686" s="613"/>
      <c r="ISR686" s="613"/>
      <c r="ISS686" s="613"/>
      <c r="IST686" s="613"/>
      <c r="ISU686" s="613"/>
      <c r="ISV686" s="613"/>
      <c r="ISW686" s="613"/>
      <c r="ISX686" s="613"/>
      <c r="ISY686" s="613"/>
      <c r="ISZ686" s="613"/>
      <c r="ITA686" s="613"/>
      <c r="ITB686" s="613"/>
      <c r="ITC686" s="613"/>
      <c r="ITD686" s="613"/>
      <c r="ITE686" s="613"/>
      <c r="ITF686" s="613"/>
      <c r="ITG686" s="613"/>
      <c r="ITH686" s="613"/>
      <c r="ITI686" s="613"/>
      <c r="ITJ686" s="613"/>
      <c r="ITK686" s="613"/>
      <c r="ITL686" s="613"/>
      <c r="ITM686" s="613"/>
      <c r="ITN686" s="613"/>
      <c r="ITO686" s="613"/>
      <c r="ITP686" s="613"/>
      <c r="ITQ686" s="613"/>
      <c r="ITR686" s="613"/>
      <c r="ITS686" s="613"/>
      <c r="ITT686" s="613"/>
      <c r="ITU686" s="613"/>
      <c r="ITV686" s="613"/>
      <c r="ITW686" s="613"/>
      <c r="ITX686" s="613"/>
      <c r="ITY686" s="613"/>
      <c r="ITZ686" s="613"/>
      <c r="IUA686" s="613"/>
      <c r="IUB686" s="613"/>
      <c r="IUC686" s="613"/>
      <c r="IUD686" s="613"/>
      <c r="IUE686" s="613"/>
      <c r="IUF686" s="613"/>
      <c r="IUG686" s="613"/>
      <c r="IUH686" s="613"/>
      <c r="IUI686" s="613"/>
      <c r="IUJ686" s="613"/>
      <c r="IUK686" s="613"/>
      <c r="IUL686" s="613"/>
      <c r="IUM686" s="613"/>
      <c r="IUN686" s="613"/>
      <c r="IUO686" s="613"/>
      <c r="IUP686" s="613"/>
      <c r="IUQ686" s="613"/>
      <c r="IUR686" s="613"/>
      <c r="IUS686" s="613"/>
      <c r="IUT686" s="613"/>
      <c r="IUU686" s="613"/>
      <c r="IUV686" s="613"/>
      <c r="IUW686" s="613"/>
      <c r="IUX686" s="613"/>
      <c r="IUY686" s="613"/>
      <c r="IUZ686" s="613"/>
      <c r="IVA686" s="613"/>
      <c r="IVB686" s="613"/>
      <c r="IVC686" s="613"/>
      <c r="IVD686" s="613"/>
      <c r="IVE686" s="613"/>
      <c r="IVF686" s="613"/>
      <c r="IVG686" s="613"/>
      <c r="IVH686" s="613"/>
      <c r="IVI686" s="613"/>
      <c r="IVJ686" s="613"/>
      <c r="IVK686" s="613"/>
      <c r="IVL686" s="613"/>
      <c r="IVM686" s="613"/>
      <c r="IVN686" s="613"/>
      <c r="IVO686" s="613"/>
      <c r="IVP686" s="613"/>
      <c r="IVQ686" s="613"/>
      <c r="IVR686" s="613"/>
      <c r="IVS686" s="613"/>
      <c r="IVT686" s="613"/>
      <c r="IVU686" s="613"/>
      <c r="IVV686" s="613"/>
      <c r="IVW686" s="613"/>
      <c r="IVX686" s="613"/>
      <c r="IVY686" s="613"/>
      <c r="IVZ686" s="613"/>
      <c r="IWA686" s="613"/>
      <c r="IWB686" s="613"/>
      <c r="IWC686" s="613"/>
      <c r="IWD686" s="613"/>
      <c r="IWE686" s="613"/>
      <c r="IWF686" s="613"/>
      <c r="IWG686" s="613"/>
      <c r="IWH686" s="613"/>
      <c r="IWI686" s="613"/>
      <c r="IWJ686" s="613"/>
      <c r="IWK686" s="613"/>
      <c r="IWL686" s="613"/>
      <c r="IWM686" s="613"/>
      <c r="IWN686" s="613"/>
      <c r="IWO686" s="613"/>
      <c r="IWP686" s="613"/>
      <c r="IWQ686" s="613"/>
      <c r="IWR686" s="613"/>
      <c r="IWS686" s="613"/>
      <c r="IWT686" s="613"/>
      <c r="IWU686" s="613"/>
      <c r="IWV686" s="613"/>
      <c r="IWW686" s="613"/>
      <c r="IWX686" s="613"/>
      <c r="IWY686" s="613"/>
      <c r="IWZ686" s="613"/>
      <c r="IXA686" s="613"/>
      <c r="IXB686" s="613"/>
      <c r="IXC686" s="613"/>
      <c r="IXD686" s="613"/>
      <c r="IXE686" s="613"/>
      <c r="IXF686" s="613"/>
      <c r="IXG686" s="613"/>
      <c r="IXH686" s="613"/>
      <c r="IXI686" s="613"/>
      <c r="IXJ686" s="613"/>
      <c r="IXK686" s="613"/>
      <c r="IXL686" s="613"/>
      <c r="IXM686" s="613"/>
      <c r="IXN686" s="613"/>
      <c r="IXO686" s="613"/>
      <c r="IXP686" s="613"/>
      <c r="IXQ686" s="613"/>
      <c r="IXR686" s="613"/>
      <c r="IXS686" s="613"/>
      <c r="IXT686" s="613"/>
      <c r="IXU686" s="613"/>
      <c r="IXV686" s="613"/>
      <c r="IXW686" s="613"/>
      <c r="IXX686" s="613"/>
      <c r="IXY686" s="613"/>
      <c r="IXZ686" s="613"/>
      <c r="IYA686" s="613"/>
      <c r="IYB686" s="613"/>
      <c r="IYC686" s="613"/>
      <c r="IYD686" s="613"/>
      <c r="IYE686" s="613"/>
      <c r="IYF686" s="613"/>
      <c r="IYG686" s="613"/>
      <c r="IYH686" s="613"/>
      <c r="IYI686" s="613"/>
      <c r="IYJ686" s="613"/>
      <c r="IYK686" s="613"/>
      <c r="IYL686" s="613"/>
      <c r="IYM686" s="613"/>
      <c r="IYN686" s="613"/>
      <c r="IYO686" s="613"/>
      <c r="IYP686" s="613"/>
      <c r="IYQ686" s="613"/>
      <c r="IYR686" s="613"/>
      <c r="IYS686" s="613"/>
      <c r="IYT686" s="613"/>
      <c r="IYU686" s="613"/>
      <c r="IYV686" s="613"/>
      <c r="IYW686" s="613"/>
      <c r="IYX686" s="613"/>
      <c r="IYY686" s="613"/>
      <c r="IYZ686" s="613"/>
      <c r="IZA686" s="613"/>
      <c r="IZB686" s="613"/>
      <c r="IZC686" s="613"/>
      <c r="IZD686" s="613"/>
      <c r="IZE686" s="613"/>
      <c r="IZF686" s="613"/>
      <c r="IZG686" s="613"/>
      <c r="IZH686" s="613"/>
      <c r="IZI686" s="613"/>
      <c r="IZJ686" s="613"/>
      <c r="IZK686" s="613"/>
      <c r="IZL686" s="613"/>
      <c r="IZM686" s="613"/>
      <c r="IZN686" s="613"/>
      <c r="IZO686" s="613"/>
      <c r="IZP686" s="613"/>
      <c r="IZQ686" s="613"/>
      <c r="IZR686" s="613"/>
      <c r="IZS686" s="613"/>
      <c r="IZT686" s="613"/>
      <c r="IZU686" s="613"/>
      <c r="IZV686" s="613"/>
      <c r="IZW686" s="613"/>
      <c r="IZX686" s="613"/>
      <c r="IZY686" s="613"/>
      <c r="IZZ686" s="613"/>
      <c r="JAA686" s="613"/>
      <c r="JAB686" s="613"/>
      <c r="JAC686" s="613"/>
      <c r="JAD686" s="613"/>
      <c r="JAE686" s="613"/>
      <c r="JAF686" s="613"/>
      <c r="JAG686" s="613"/>
      <c r="JAH686" s="613"/>
      <c r="JAI686" s="613"/>
      <c r="JAJ686" s="613"/>
      <c r="JAK686" s="613"/>
      <c r="JAL686" s="613"/>
      <c r="JAM686" s="613"/>
      <c r="JAN686" s="613"/>
      <c r="JAO686" s="613"/>
      <c r="JAP686" s="613"/>
      <c r="JAQ686" s="613"/>
      <c r="JAR686" s="613"/>
      <c r="JAS686" s="613"/>
      <c r="JAT686" s="613"/>
      <c r="JAU686" s="613"/>
      <c r="JAV686" s="613"/>
      <c r="JAW686" s="613"/>
      <c r="JAX686" s="613"/>
      <c r="JAY686" s="613"/>
      <c r="JAZ686" s="613"/>
      <c r="JBA686" s="613"/>
      <c r="JBB686" s="613"/>
      <c r="JBC686" s="613"/>
      <c r="JBD686" s="613"/>
      <c r="JBE686" s="613"/>
      <c r="JBF686" s="613"/>
      <c r="JBG686" s="613"/>
      <c r="JBH686" s="613"/>
      <c r="JBI686" s="613"/>
      <c r="JBJ686" s="613"/>
      <c r="JBK686" s="613"/>
      <c r="JBL686" s="613"/>
      <c r="JBM686" s="613"/>
      <c r="JBN686" s="613"/>
      <c r="JBO686" s="613"/>
      <c r="JBP686" s="613"/>
      <c r="JBQ686" s="613"/>
      <c r="JBR686" s="613"/>
      <c r="JBS686" s="613"/>
      <c r="JBT686" s="613"/>
      <c r="JBU686" s="613"/>
      <c r="JBV686" s="613"/>
      <c r="JBW686" s="613"/>
      <c r="JBX686" s="613"/>
      <c r="JBY686" s="613"/>
      <c r="JBZ686" s="613"/>
      <c r="JCA686" s="613"/>
      <c r="JCB686" s="613"/>
      <c r="JCC686" s="613"/>
      <c r="JCD686" s="613"/>
      <c r="JCE686" s="613"/>
      <c r="JCF686" s="613"/>
      <c r="JCG686" s="613"/>
      <c r="JCH686" s="613"/>
      <c r="JCI686" s="613"/>
      <c r="JCJ686" s="613"/>
      <c r="JCK686" s="613"/>
      <c r="JCL686" s="613"/>
      <c r="JCM686" s="613"/>
      <c r="JCN686" s="613"/>
      <c r="JCO686" s="613"/>
      <c r="JCP686" s="613"/>
      <c r="JCQ686" s="613"/>
      <c r="JCR686" s="613"/>
      <c r="JCS686" s="613"/>
      <c r="JCT686" s="613"/>
      <c r="JCU686" s="613"/>
      <c r="JCV686" s="613"/>
      <c r="JCW686" s="613"/>
      <c r="JCX686" s="613"/>
      <c r="JCY686" s="613"/>
      <c r="JCZ686" s="613"/>
      <c r="JDA686" s="613"/>
      <c r="JDB686" s="613"/>
      <c r="JDC686" s="613"/>
      <c r="JDD686" s="613"/>
      <c r="JDE686" s="613"/>
      <c r="JDF686" s="613"/>
      <c r="JDG686" s="613"/>
      <c r="JDH686" s="613"/>
      <c r="JDI686" s="613"/>
      <c r="JDJ686" s="613"/>
      <c r="JDK686" s="613"/>
      <c r="JDL686" s="613"/>
      <c r="JDM686" s="613"/>
      <c r="JDN686" s="613"/>
      <c r="JDO686" s="613"/>
      <c r="JDP686" s="613"/>
      <c r="JDQ686" s="613"/>
      <c r="JDR686" s="613"/>
      <c r="JDS686" s="613"/>
      <c r="JDT686" s="613"/>
      <c r="JDU686" s="613"/>
      <c r="JDV686" s="613"/>
      <c r="JDW686" s="613"/>
      <c r="JDX686" s="613"/>
      <c r="JDY686" s="613"/>
      <c r="JDZ686" s="613"/>
      <c r="JEA686" s="613"/>
      <c r="JEB686" s="613"/>
      <c r="JEC686" s="613"/>
      <c r="JED686" s="613"/>
      <c r="JEE686" s="613"/>
      <c r="JEF686" s="613"/>
      <c r="JEG686" s="613"/>
      <c r="JEH686" s="613"/>
      <c r="JEI686" s="613"/>
      <c r="JEJ686" s="613"/>
      <c r="JEK686" s="613"/>
      <c r="JEL686" s="613"/>
      <c r="JEM686" s="613"/>
      <c r="JEN686" s="613"/>
      <c r="JEO686" s="613"/>
      <c r="JEP686" s="613"/>
      <c r="JEQ686" s="613"/>
      <c r="JER686" s="613"/>
      <c r="JES686" s="613"/>
      <c r="JET686" s="613"/>
      <c r="JEU686" s="613"/>
      <c r="JEV686" s="613"/>
      <c r="JEW686" s="613"/>
      <c r="JEX686" s="613"/>
      <c r="JEY686" s="613"/>
      <c r="JEZ686" s="613"/>
      <c r="JFA686" s="613"/>
      <c r="JFB686" s="613"/>
      <c r="JFC686" s="613"/>
      <c r="JFD686" s="613"/>
      <c r="JFE686" s="613"/>
      <c r="JFF686" s="613"/>
      <c r="JFG686" s="613"/>
      <c r="JFH686" s="613"/>
      <c r="JFI686" s="613"/>
      <c r="JFJ686" s="613"/>
      <c r="JFK686" s="613"/>
      <c r="JFL686" s="613"/>
      <c r="JFM686" s="613"/>
      <c r="JFN686" s="613"/>
      <c r="JFO686" s="613"/>
      <c r="JFP686" s="613"/>
      <c r="JFQ686" s="613"/>
      <c r="JFR686" s="613"/>
      <c r="JFS686" s="613"/>
      <c r="JFT686" s="613"/>
      <c r="JFU686" s="613"/>
      <c r="JFV686" s="613"/>
      <c r="JFW686" s="613"/>
      <c r="JFX686" s="613"/>
      <c r="JFY686" s="613"/>
      <c r="JFZ686" s="613"/>
      <c r="JGA686" s="613"/>
      <c r="JGB686" s="613"/>
      <c r="JGC686" s="613"/>
      <c r="JGD686" s="613"/>
      <c r="JGE686" s="613"/>
      <c r="JGF686" s="613"/>
      <c r="JGG686" s="613"/>
      <c r="JGH686" s="613"/>
      <c r="JGI686" s="613"/>
      <c r="JGJ686" s="613"/>
      <c r="JGK686" s="613"/>
      <c r="JGL686" s="613"/>
      <c r="JGM686" s="613"/>
      <c r="JGN686" s="613"/>
      <c r="JGO686" s="613"/>
      <c r="JGP686" s="613"/>
      <c r="JGQ686" s="613"/>
      <c r="JGR686" s="613"/>
      <c r="JGS686" s="613"/>
      <c r="JGT686" s="613"/>
      <c r="JGU686" s="613"/>
      <c r="JGV686" s="613"/>
      <c r="JGW686" s="613"/>
      <c r="JGX686" s="613"/>
      <c r="JGY686" s="613"/>
      <c r="JGZ686" s="613"/>
      <c r="JHA686" s="613"/>
      <c r="JHB686" s="613"/>
      <c r="JHC686" s="613"/>
      <c r="JHD686" s="613"/>
      <c r="JHE686" s="613"/>
      <c r="JHF686" s="613"/>
      <c r="JHG686" s="613"/>
      <c r="JHH686" s="613"/>
      <c r="JHI686" s="613"/>
      <c r="JHJ686" s="613"/>
      <c r="JHK686" s="613"/>
      <c r="JHL686" s="613"/>
      <c r="JHM686" s="613"/>
      <c r="JHN686" s="613"/>
      <c r="JHO686" s="613"/>
      <c r="JHP686" s="613"/>
      <c r="JHQ686" s="613"/>
      <c r="JHR686" s="613"/>
      <c r="JHS686" s="613"/>
      <c r="JHT686" s="613"/>
      <c r="JHU686" s="613"/>
      <c r="JHV686" s="613"/>
      <c r="JHW686" s="613"/>
      <c r="JHX686" s="613"/>
      <c r="JHY686" s="613"/>
      <c r="JHZ686" s="613"/>
      <c r="JIA686" s="613"/>
      <c r="JIB686" s="613"/>
      <c r="JIC686" s="613"/>
      <c r="JID686" s="613"/>
      <c r="JIE686" s="613"/>
      <c r="JIF686" s="613"/>
      <c r="JIG686" s="613"/>
      <c r="JIH686" s="613"/>
      <c r="JII686" s="613"/>
      <c r="JIJ686" s="613"/>
      <c r="JIK686" s="613"/>
      <c r="JIL686" s="613"/>
      <c r="JIM686" s="613"/>
      <c r="JIN686" s="613"/>
      <c r="JIO686" s="613"/>
      <c r="JIP686" s="613"/>
      <c r="JIQ686" s="613"/>
      <c r="JIR686" s="613"/>
      <c r="JIS686" s="613"/>
      <c r="JIT686" s="613"/>
      <c r="JIU686" s="613"/>
      <c r="JIV686" s="613"/>
      <c r="JIW686" s="613"/>
      <c r="JIX686" s="613"/>
      <c r="JIY686" s="613"/>
      <c r="JIZ686" s="613"/>
      <c r="JJA686" s="613"/>
      <c r="JJB686" s="613"/>
      <c r="JJC686" s="613"/>
      <c r="JJD686" s="613"/>
      <c r="JJE686" s="613"/>
      <c r="JJF686" s="613"/>
      <c r="JJG686" s="613"/>
      <c r="JJH686" s="613"/>
      <c r="JJI686" s="613"/>
      <c r="JJJ686" s="613"/>
      <c r="JJK686" s="613"/>
      <c r="JJL686" s="613"/>
      <c r="JJM686" s="613"/>
      <c r="JJN686" s="613"/>
      <c r="JJO686" s="613"/>
      <c r="JJP686" s="613"/>
      <c r="JJQ686" s="613"/>
      <c r="JJR686" s="613"/>
      <c r="JJS686" s="613"/>
      <c r="JJT686" s="613"/>
      <c r="JJU686" s="613"/>
      <c r="JJV686" s="613"/>
      <c r="JJW686" s="613"/>
      <c r="JJX686" s="613"/>
      <c r="JJY686" s="613"/>
      <c r="JJZ686" s="613"/>
      <c r="JKA686" s="613"/>
      <c r="JKB686" s="613"/>
      <c r="JKC686" s="613"/>
      <c r="JKD686" s="613"/>
      <c r="JKE686" s="613"/>
      <c r="JKF686" s="613"/>
      <c r="JKG686" s="613"/>
      <c r="JKH686" s="613"/>
      <c r="JKI686" s="613"/>
      <c r="JKJ686" s="613"/>
      <c r="JKK686" s="613"/>
      <c r="JKL686" s="613"/>
      <c r="JKM686" s="613"/>
      <c r="JKN686" s="613"/>
      <c r="JKO686" s="613"/>
      <c r="JKP686" s="613"/>
      <c r="JKQ686" s="613"/>
      <c r="JKR686" s="613"/>
      <c r="JKS686" s="613"/>
      <c r="JKT686" s="613"/>
      <c r="JKU686" s="613"/>
      <c r="JKV686" s="613"/>
      <c r="JKW686" s="613"/>
      <c r="JKX686" s="613"/>
      <c r="JKY686" s="613"/>
      <c r="JKZ686" s="613"/>
      <c r="JLA686" s="613"/>
      <c r="JLB686" s="613"/>
      <c r="JLC686" s="613"/>
      <c r="JLD686" s="613"/>
      <c r="JLE686" s="613"/>
      <c r="JLF686" s="613"/>
      <c r="JLG686" s="613"/>
      <c r="JLH686" s="613"/>
      <c r="JLI686" s="613"/>
      <c r="JLJ686" s="613"/>
      <c r="JLK686" s="613"/>
      <c r="JLL686" s="613"/>
      <c r="JLM686" s="613"/>
      <c r="JLN686" s="613"/>
      <c r="JLO686" s="613"/>
      <c r="JLP686" s="613"/>
      <c r="JLQ686" s="613"/>
      <c r="JLR686" s="613"/>
      <c r="JLS686" s="613"/>
      <c r="JLT686" s="613"/>
      <c r="JLU686" s="613"/>
      <c r="JLV686" s="613"/>
      <c r="JLW686" s="613"/>
      <c r="JLX686" s="613"/>
      <c r="JLY686" s="613"/>
      <c r="JLZ686" s="613"/>
      <c r="JMA686" s="613"/>
      <c r="JMB686" s="613"/>
      <c r="JMC686" s="613"/>
      <c r="JMD686" s="613"/>
      <c r="JME686" s="613"/>
      <c r="JMF686" s="613"/>
      <c r="JMG686" s="613"/>
      <c r="JMH686" s="613"/>
      <c r="JMI686" s="613"/>
      <c r="JMJ686" s="613"/>
      <c r="JMK686" s="613"/>
      <c r="JML686" s="613"/>
      <c r="JMM686" s="613"/>
      <c r="JMN686" s="613"/>
      <c r="JMO686" s="613"/>
      <c r="JMP686" s="613"/>
      <c r="JMQ686" s="613"/>
      <c r="JMR686" s="613"/>
      <c r="JMS686" s="613"/>
      <c r="JMT686" s="613"/>
      <c r="JMU686" s="613"/>
      <c r="JMV686" s="613"/>
      <c r="JMW686" s="613"/>
      <c r="JMX686" s="613"/>
      <c r="JMY686" s="613"/>
      <c r="JMZ686" s="613"/>
      <c r="JNA686" s="613"/>
      <c r="JNB686" s="613"/>
      <c r="JNC686" s="613"/>
      <c r="JND686" s="613"/>
      <c r="JNE686" s="613"/>
      <c r="JNF686" s="613"/>
      <c r="JNG686" s="613"/>
      <c r="JNH686" s="613"/>
      <c r="JNI686" s="613"/>
      <c r="JNJ686" s="613"/>
      <c r="JNK686" s="613"/>
      <c r="JNL686" s="613"/>
      <c r="JNM686" s="613"/>
      <c r="JNN686" s="613"/>
      <c r="JNO686" s="613"/>
      <c r="JNP686" s="613"/>
      <c r="JNQ686" s="613"/>
      <c r="JNR686" s="613"/>
      <c r="JNS686" s="613"/>
      <c r="JNT686" s="613"/>
      <c r="JNU686" s="613"/>
      <c r="JNV686" s="613"/>
      <c r="JNW686" s="613"/>
      <c r="JNX686" s="613"/>
      <c r="JNY686" s="613"/>
      <c r="JNZ686" s="613"/>
      <c r="JOA686" s="613"/>
      <c r="JOB686" s="613"/>
      <c r="JOC686" s="613"/>
      <c r="JOD686" s="613"/>
      <c r="JOE686" s="613"/>
      <c r="JOF686" s="613"/>
      <c r="JOG686" s="613"/>
      <c r="JOH686" s="613"/>
      <c r="JOI686" s="613"/>
      <c r="JOJ686" s="613"/>
      <c r="JOK686" s="613"/>
      <c r="JOL686" s="613"/>
      <c r="JOM686" s="613"/>
      <c r="JON686" s="613"/>
      <c r="JOO686" s="613"/>
      <c r="JOP686" s="613"/>
      <c r="JOQ686" s="613"/>
      <c r="JOR686" s="613"/>
      <c r="JOS686" s="613"/>
      <c r="JOT686" s="613"/>
      <c r="JOU686" s="613"/>
      <c r="JOV686" s="613"/>
      <c r="JOW686" s="613"/>
      <c r="JOX686" s="613"/>
      <c r="JOY686" s="613"/>
      <c r="JOZ686" s="613"/>
      <c r="JPA686" s="613"/>
      <c r="JPB686" s="613"/>
      <c r="JPC686" s="613"/>
      <c r="JPD686" s="613"/>
      <c r="JPE686" s="613"/>
      <c r="JPF686" s="613"/>
      <c r="JPG686" s="613"/>
      <c r="JPH686" s="613"/>
      <c r="JPI686" s="613"/>
      <c r="JPJ686" s="613"/>
      <c r="JPK686" s="613"/>
      <c r="JPL686" s="613"/>
      <c r="JPM686" s="613"/>
      <c r="JPN686" s="613"/>
      <c r="JPO686" s="613"/>
      <c r="JPP686" s="613"/>
      <c r="JPQ686" s="613"/>
      <c r="JPR686" s="613"/>
      <c r="JPS686" s="613"/>
      <c r="JPT686" s="613"/>
      <c r="JPU686" s="613"/>
      <c r="JPV686" s="613"/>
      <c r="JPW686" s="613"/>
      <c r="JPX686" s="613"/>
      <c r="JPY686" s="613"/>
      <c r="JPZ686" s="613"/>
      <c r="JQA686" s="613"/>
      <c r="JQB686" s="613"/>
      <c r="JQC686" s="613"/>
      <c r="JQD686" s="613"/>
      <c r="JQE686" s="613"/>
      <c r="JQF686" s="613"/>
      <c r="JQG686" s="613"/>
      <c r="JQH686" s="613"/>
      <c r="JQI686" s="613"/>
      <c r="JQJ686" s="613"/>
      <c r="JQK686" s="613"/>
      <c r="JQL686" s="613"/>
      <c r="JQM686" s="613"/>
      <c r="JQN686" s="613"/>
      <c r="JQO686" s="613"/>
      <c r="JQP686" s="613"/>
      <c r="JQQ686" s="613"/>
      <c r="JQR686" s="613"/>
      <c r="JQS686" s="613"/>
      <c r="JQT686" s="613"/>
      <c r="JQU686" s="613"/>
      <c r="JQV686" s="613"/>
      <c r="JQW686" s="613"/>
      <c r="JQX686" s="613"/>
      <c r="JQY686" s="613"/>
      <c r="JQZ686" s="613"/>
      <c r="JRA686" s="613"/>
      <c r="JRB686" s="613"/>
      <c r="JRC686" s="613"/>
      <c r="JRD686" s="613"/>
      <c r="JRE686" s="613"/>
      <c r="JRF686" s="613"/>
      <c r="JRG686" s="613"/>
      <c r="JRH686" s="613"/>
      <c r="JRI686" s="613"/>
      <c r="JRJ686" s="613"/>
      <c r="JRK686" s="613"/>
      <c r="JRL686" s="613"/>
      <c r="JRM686" s="613"/>
      <c r="JRN686" s="613"/>
      <c r="JRO686" s="613"/>
      <c r="JRP686" s="613"/>
      <c r="JRQ686" s="613"/>
      <c r="JRR686" s="613"/>
      <c r="JRS686" s="613"/>
      <c r="JRT686" s="613"/>
      <c r="JRU686" s="613"/>
      <c r="JRV686" s="613"/>
      <c r="JRW686" s="613"/>
      <c r="JRX686" s="613"/>
      <c r="JRY686" s="613"/>
      <c r="JRZ686" s="613"/>
      <c r="JSA686" s="613"/>
      <c r="JSB686" s="613"/>
      <c r="JSC686" s="613"/>
      <c r="JSD686" s="613"/>
      <c r="JSE686" s="613"/>
      <c r="JSF686" s="613"/>
      <c r="JSG686" s="613"/>
      <c r="JSH686" s="613"/>
      <c r="JSI686" s="613"/>
      <c r="JSJ686" s="613"/>
      <c r="JSK686" s="613"/>
      <c r="JSL686" s="613"/>
      <c r="JSM686" s="613"/>
      <c r="JSN686" s="613"/>
      <c r="JSO686" s="613"/>
      <c r="JSP686" s="613"/>
      <c r="JSQ686" s="613"/>
      <c r="JSR686" s="613"/>
      <c r="JSS686" s="613"/>
      <c r="JST686" s="613"/>
      <c r="JSU686" s="613"/>
      <c r="JSV686" s="613"/>
      <c r="JSW686" s="613"/>
      <c r="JSX686" s="613"/>
      <c r="JSY686" s="613"/>
      <c r="JSZ686" s="613"/>
      <c r="JTA686" s="613"/>
      <c r="JTB686" s="613"/>
      <c r="JTC686" s="613"/>
      <c r="JTD686" s="613"/>
      <c r="JTE686" s="613"/>
      <c r="JTF686" s="613"/>
      <c r="JTG686" s="613"/>
      <c r="JTH686" s="613"/>
      <c r="JTI686" s="613"/>
      <c r="JTJ686" s="613"/>
      <c r="JTK686" s="613"/>
      <c r="JTL686" s="613"/>
      <c r="JTM686" s="613"/>
      <c r="JTN686" s="613"/>
      <c r="JTO686" s="613"/>
      <c r="JTP686" s="613"/>
      <c r="JTQ686" s="613"/>
      <c r="JTR686" s="613"/>
      <c r="JTS686" s="613"/>
      <c r="JTT686" s="613"/>
      <c r="JTU686" s="613"/>
      <c r="JTV686" s="613"/>
      <c r="JTW686" s="613"/>
      <c r="JTX686" s="613"/>
      <c r="JTY686" s="613"/>
      <c r="JTZ686" s="613"/>
      <c r="JUA686" s="613"/>
      <c r="JUB686" s="613"/>
      <c r="JUC686" s="613"/>
      <c r="JUD686" s="613"/>
      <c r="JUE686" s="613"/>
      <c r="JUF686" s="613"/>
      <c r="JUG686" s="613"/>
      <c r="JUH686" s="613"/>
      <c r="JUI686" s="613"/>
      <c r="JUJ686" s="613"/>
      <c r="JUK686" s="613"/>
      <c r="JUL686" s="613"/>
      <c r="JUM686" s="613"/>
      <c r="JUN686" s="613"/>
      <c r="JUO686" s="613"/>
      <c r="JUP686" s="613"/>
      <c r="JUQ686" s="613"/>
      <c r="JUR686" s="613"/>
      <c r="JUS686" s="613"/>
      <c r="JUT686" s="613"/>
      <c r="JUU686" s="613"/>
      <c r="JUV686" s="613"/>
      <c r="JUW686" s="613"/>
      <c r="JUX686" s="613"/>
      <c r="JUY686" s="613"/>
      <c r="JUZ686" s="613"/>
      <c r="JVA686" s="613"/>
      <c r="JVB686" s="613"/>
      <c r="JVC686" s="613"/>
      <c r="JVD686" s="613"/>
      <c r="JVE686" s="613"/>
      <c r="JVF686" s="613"/>
      <c r="JVG686" s="613"/>
      <c r="JVH686" s="613"/>
      <c r="JVI686" s="613"/>
      <c r="JVJ686" s="613"/>
      <c r="JVK686" s="613"/>
      <c r="JVL686" s="613"/>
      <c r="JVM686" s="613"/>
      <c r="JVN686" s="613"/>
      <c r="JVO686" s="613"/>
      <c r="JVP686" s="613"/>
      <c r="JVQ686" s="613"/>
      <c r="JVR686" s="613"/>
      <c r="JVS686" s="613"/>
      <c r="JVT686" s="613"/>
      <c r="JVU686" s="613"/>
      <c r="JVV686" s="613"/>
      <c r="JVW686" s="613"/>
      <c r="JVX686" s="613"/>
      <c r="JVY686" s="613"/>
      <c r="JVZ686" s="613"/>
      <c r="JWA686" s="613"/>
      <c r="JWB686" s="613"/>
      <c r="JWC686" s="613"/>
      <c r="JWD686" s="613"/>
      <c r="JWE686" s="613"/>
      <c r="JWF686" s="613"/>
      <c r="JWG686" s="613"/>
      <c r="JWH686" s="613"/>
      <c r="JWI686" s="613"/>
      <c r="JWJ686" s="613"/>
      <c r="JWK686" s="613"/>
      <c r="JWL686" s="613"/>
      <c r="JWM686" s="613"/>
      <c r="JWN686" s="613"/>
      <c r="JWO686" s="613"/>
      <c r="JWP686" s="613"/>
      <c r="JWQ686" s="613"/>
      <c r="JWR686" s="613"/>
      <c r="JWS686" s="613"/>
      <c r="JWT686" s="613"/>
      <c r="JWU686" s="613"/>
      <c r="JWV686" s="613"/>
      <c r="JWW686" s="613"/>
      <c r="JWX686" s="613"/>
      <c r="JWY686" s="613"/>
      <c r="JWZ686" s="613"/>
      <c r="JXA686" s="613"/>
      <c r="JXB686" s="613"/>
      <c r="JXC686" s="613"/>
      <c r="JXD686" s="613"/>
      <c r="JXE686" s="613"/>
      <c r="JXF686" s="613"/>
      <c r="JXG686" s="613"/>
      <c r="JXH686" s="613"/>
      <c r="JXI686" s="613"/>
      <c r="JXJ686" s="613"/>
      <c r="JXK686" s="613"/>
      <c r="JXL686" s="613"/>
      <c r="JXM686" s="613"/>
      <c r="JXN686" s="613"/>
      <c r="JXO686" s="613"/>
      <c r="JXP686" s="613"/>
      <c r="JXQ686" s="613"/>
      <c r="JXR686" s="613"/>
      <c r="JXS686" s="613"/>
      <c r="JXT686" s="613"/>
      <c r="JXU686" s="613"/>
      <c r="JXV686" s="613"/>
      <c r="JXW686" s="613"/>
      <c r="JXX686" s="613"/>
      <c r="JXY686" s="613"/>
      <c r="JXZ686" s="613"/>
      <c r="JYA686" s="613"/>
      <c r="JYB686" s="613"/>
      <c r="JYC686" s="613"/>
      <c r="JYD686" s="613"/>
      <c r="JYE686" s="613"/>
      <c r="JYF686" s="613"/>
      <c r="JYG686" s="613"/>
      <c r="JYH686" s="613"/>
      <c r="JYI686" s="613"/>
      <c r="JYJ686" s="613"/>
      <c r="JYK686" s="613"/>
      <c r="JYL686" s="613"/>
      <c r="JYM686" s="613"/>
      <c r="JYN686" s="613"/>
      <c r="JYO686" s="613"/>
      <c r="JYP686" s="613"/>
      <c r="JYQ686" s="613"/>
      <c r="JYR686" s="613"/>
      <c r="JYS686" s="613"/>
      <c r="JYT686" s="613"/>
      <c r="JYU686" s="613"/>
      <c r="JYV686" s="613"/>
      <c r="JYW686" s="613"/>
      <c r="JYX686" s="613"/>
      <c r="JYY686" s="613"/>
      <c r="JYZ686" s="613"/>
      <c r="JZA686" s="613"/>
      <c r="JZB686" s="613"/>
      <c r="JZC686" s="613"/>
      <c r="JZD686" s="613"/>
      <c r="JZE686" s="613"/>
      <c r="JZF686" s="613"/>
      <c r="JZG686" s="613"/>
      <c r="JZH686" s="613"/>
      <c r="JZI686" s="613"/>
      <c r="JZJ686" s="613"/>
      <c r="JZK686" s="613"/>
      <c r="JZL686" s="613"/>
      <c r="JZM686" s="613"/>
      <c r="JZN686" s="613"/>
      <c r="JZO686" s="613"/>
      <c r="JZP686" s="613"/>
      <c r="JZQ686" s="613"/>
      <c r="JZR686" s="613"/>
      <c r="JZS686" s="613"/>
      <c r="JZT686" s="613"/>
      <c r="JZU686" s="613"/>
      <c r="JZV686" s="613"/>
      <c r="JZW686" s="613"/>
      <c r="JZX686" s="613"/>
      <c r="JZY686" s="613"/>
      <c r="JZZ686" s="613"/>
      <c r="KAA686" s="613"/>
      <c r="KAB686" s="613"/>
      <c r="KAC686" s="613"/>
      <c r="KAD686" s="613"/>
      <c r="KAE686" s="613"/>
      <c r="KAF686" s="613"/>
      <c r="KAG686" s="613"/>
      <c r="KAH686" s="613"/>
      <c r="KAI686" s="613"/>
      <c r="KAJ686" s="613"/>
      <c r="KAK686" s="613"/>
      <c r="KAL686" s="613"/>
      <c r="KAM686" s="613"/>
      <c r="KAN686" s="613"/>
      <c r="KAO686" s="613"/>
      <c r="KAP686" s="613"/>
      <c r="KAQ686" s="613"/>
      <c r="KAR686" s="613"/>
      <c r="KAS686" s="613"/>
      <c r="KAT686" s="613"/>
      <c r="KAU686" s="613"/>
      <c r="KAV686" s="613"/>
      <c r="KAW686" s="613"/>
      <c r="KAX686" s="613"/>
      <c r="KAY686" s="613"/>
      <c r="KAZ686" s="613"/>
      <c r="KBA686" s="613"/>
      <c r="KBB686" s="613"/>
      <c r="KBC686" s="613"/>
      <c r="KBD686" s="613"/>
      <c r="KBE686" s="613"/>
      <c r="KBF686" s="613"/>
      <c r="KBG686" s="613"/>
      <c r="KBH686" s="613"/>
      <c r="KBI686" s="613"/>
      <c r="KBJ686" s="613"/>
      <c r="KBK686" s="613"/>
      <c r="KBL686" s="613"/>
      <c r="KBM686" s="613"/>
      <c r="KBN686" s="613"/>
      <c r="KBO686" s="613"/>
      <c r="KBP686" s="613"/>
      <c r="KBQ686" s="613"/>
      <c r="KBR686" s="613"/>
      <c r="KBS686" s="613"/>
      <c r="KBT686" s="613"/>
      <c r="KBU686" s="613"/>
      <c r="KBV686" s="613"/>
      <c r="KBW686" s="613"/>
      <c r="KBX686" s="613"/>
      <c r="KBY686" s="613"/>
      <c r="KBZ686" s="613"/>
      <c r="KCA686" s="613"/>
      <c r="KCB686" s="613"/>
      <c r="KCC686" s="613"/>
      <c r="KCD686" s="613"/>
      <c r="KCE686" s="613"/>
      <c r="KCF686" s="613"/>
      <c r="KCG686" s="613"/>
      <c r="KCH686" s="613"/>
      <c r="KCI686" s="613"/>
      <c r="KCJ686" s="613"/>
      <c r="KCK686" s="613"/>
      <c r="KCL686" s="613"/>
      <c r="KCM686" s="613"/>
      <c r="KCN686" s="613"/>
      <c r="KCO686" s="613"/>
      <c r="KCP686" s="613"/>
      <c r="KCQ686" s="613"/>
      <c r="KCR686" s="613"/>
      <c r="KCS686" s="613"/>
      <c r="KCT686" s="613"/>
      <c r="KCU686" s="613"/>
      <c r="KCV686" s="613"/>
      <c r="KCW686" s="613"/>
      <c r="KCX686" s="613"/>
      <c r="KCY686" s="613"/>
      <c r="KCZ686" s="613"/>
      <c r="KDA686" s="613"/>
      <c r="KDB686" s="613"/>
      <c r="KDC686" s="613"/>
      <c r="KDD686" s="613"/>
      <c r="KDE686" s="613"/>
      <c r="KDF686" s="613"/>
      <c r="KDG686" s="613"/>
      <c r="KDH686" s="613"/>
      <c r="KDI686" s="613"/>
      <c r="KDJ686" s="613"/>
      <c r="KDK686" s="613"/>
      <c r="KDL686" s="613"/>
      <c r="KDM686" s="613"/>
      <c r="KDN686" s="613"/>
      <c r="KDO686" s="613"/>
      <c r="KDP686" s="613"/>
      <c r="KDQ686" s="613"/>
      <c r="KDR686" s="613"/>
      <c r="KDS686" s="613"/>
      <c r="KDT686" s="613"/>
      <c r="KDU686" s="613"/>
      <c r="KDV686" s="613"/>
      <c r="KDW686" s="613"/>
      <c r="KDX686" s="613"/>
      <c r="KDY686" s="613"/>
      <c r="KDZ686" s="613"/>
      <c r="KEA686" s="613"/>
      <c r="KEB686" s="613"/>
      <c r="KEC686" s="613"/>
      <c r="KED686" s="613"/>
      <c r="KEE686" s="613"/>
      <c r="KEF686" s="613"/>
      <c r="KEG686" s="613"/>
      <c r="KEH686" s="613"/>
      <c r="KEI686" s="613"/>
      <c r="KEJ686" s="613"/>
      <c r="KEK686" s="613"/>
      <c r="KEL686" s="613"/>
      <c r="KEM686" s="613"/>
      <c r="KEN686" s="613"/>
      <c r="KEO686" s="613"/>
      <c r="KEP686" s="613"/>
      <c r="KEQ686" s="613"/>
      <c r="KER686" s="613"/>
      <c r="KES686" s="613"/>
      <c r="KET686" s="613"/>
      <c r="KEU686" s="613"/>
      <c r="KEV686" s="613"/>
      <c r="KEW686" s="613"/>
      <c r="KEX686" s="613"/>
      <c r="KEY686" s="613"/>
      <c r="KEZ686" s="613"/>
      <c r="KFA686" s="613"/>
      <c r="KFB686" s="613"/>
      <c r="KFC686" s="613"/>
      <c r="KFD686" s="613"/>
      <c r="KFE686" s="613"/>
      <c r="KFF686" s="613"/>
      <c r="KFG686" s="613"/>
      <c r="KFH686" s="613"/>
      <c r="KFI686" s="613"/>
      <c r="KFJ686" s="613"/>
      <c r="KFK686" s="613"/>
      <c r="KFL686" s="613"/>
      <c r="KFM686" s="613"/>
      <c r="KFN686" s="613"/>
      <c r="KFO686" s="613"/>
      <c r="KFP686" s="613"/>
      <c r="KFQ686" s="613"/>
      <c r="KFR686" s="613"/>
      <c r="KFS686" s="613"/>
      <c r="KFT686" s="613"/>
      <c r="KFU686" s="613"/>
      <c r="KFV686" s="613"/>
      <c r="KFW686" s="613"/>
      <c r="KFX686" s="613"/>
      <c r="KFY686" s="613"/>
      <c r="KFZ686" s="613"/>
      <c r="KGA686" s="613"/>
      <c r="KGB686" s="613"/>
      <c r="KGC686" s="613"/>
      <c r="KGD686" s="613"/>
      <c r="KGE686" s="613"/>
      <c r="KGF686" s="613"/>
      <c r="KGG686" s="613"/>
      <c r="KGH686" s="613"/>
      <c r="KGI686" s="613"/>
      <c r="KGJ686" s="613"/>
      <c r="KGK686" s="613"/>
      <c r="KGL686" s="613"/>
      <c r="KGM686" s="613"/>
      <c r="KGN686" s="613"/>
      <c r="KGO686" s="613"/>
      <c r="KGP686" s="613"/>
      <c r="KGQ686" s="613"/>
      <c r="KGR686" s="613"/>
      <c r="KGS686" s="613"/>
      <c r="KGT686" s="613"/>
      <c r="KGU686" s="613"/>
      <c r="KGV686" s="613"/>
      <c r="KGW686" s="613"/>
      <c r="KGX686" s="613"/>
      <c r="KGY686" s="613"/>
      <c r="KGZ686" s="613"/>
      <c r="KHA686" s="613"/>
      <c r="KHB686" s="613"/>
      <c r="KHC686" s="613"/>
      <c r="KHD686" s="613"/>
      <c r="KHE686" s="613"/>
      <c r="KHF686" s="613"/>
      <c r="KHG686" s="613"/>
      <c r="KHH686" s="613"/>
      <c r="KHI686" s="613"/>
      <c r="KHJ686" s="613"/>
      <c r="KHK686" s="613"/>
      <c r="KHL686" s="613"/>
      <c r="KHM686" s="613"/>
      <c r="KHN686" s="613"/>
      <c r="KHO686" s="613"/>
      <c r="KHP686" s="613"/>
      <c r="KHQ686" s="613"/>
      <c r="KHR686" s="613"/>
      <c r="KHS686" s="613"/>
      <c r="KHT686" s="613"/>
      <c r="KHU686" s="613"/>
      <c r="KHV686" s="613"/>
      <c r="KHW686" s="613"/>
      <c r="KHX686" s="613"/>
      <c r="KHY686" s="613"/>
      <c r="KHZ686" s="613"/>
      <c r="KIA686" s="613"/>
      <c r="KIB686" s="613"/>
      <c r="KIC686" s="613"/>
      <c r="KID686" s="613"/>
      <c r="KIE686" s="613"/>
      <c r="KIF686" s="613"/>
      <c r="KIG686" s="613"/>
      <c r="KIH686" s="613"/>
      <c r="KII686" s="613"/>
      <c r="KIJ686" s="613"/>
      <c r="KIK686" s="613"/>
      <c r="KIL686" s="613"/>
      <c r="KIM686" s="613"/>
      <c r="KIN686" s="613"/>
      <c r="KIO686" s="613"/>
      <c r="KIP686" s="613"/>
      <c r="KIQ686" s="613"/>
      <c r="KIR686" s="613"/>
      <c r="KIS686" s="613"/>
      <c r="KIT686" s="613"/>
      <c r="KIU686" s="613"/>
      <c r="KIV686" s="613"/>
      <c r="KIW686" s="613"/>
      <c r="KIX686" s="613"/>
      <c r="KIY686" s="613"/>
      <c r="KIZ686" s="613"/>
      <c r="KJA686" s="613"/>
      <c r="KJB686" s="613"/>
      <c r="KJC686" s="613"/>
      <c r="KJD686" s="613"/>
      <c r="KJE686" s="613"/>
      <c r="KJF686" s="613"/>
      <c r="KJG686" s="613"/>
      <c r="KJH686" s="613"/>
      <c r="KJI686" s="613"/>
      <c r="KJJ686" s="613"/>
      <c r="KJK686" s="613"/>
      <c r="KJL686" s="613"/>
      <c r="KJM686" s="613"/>
      <c r="KJN686" s="613"/>
      <c r="KJO686" s="613"/>
      <c r="KJP686" s="613"/>
      <c r="KJQ686" s="613"/>
      <c r="KJR686" s="613"/>
      <c r="KJS686" s="613"/>
      <c r="KJT686" s="613"/>
      <c r="KJU686" s="613"/>
      <c r="KJV686" s="613"/>
      <c r="KJW686" s="613"/>
      <c r="KJX686" s="613"/>
      <c r="KJY686" s="613"/>
      <c r="KJZ686" s="613"/>
      <c r="KKA686" s="613"/>
      <c r="KKB686" s="613"/>
      <c r="KKC686" s="613"/>
      <c r="KKD686" s="613"/>
      <c r="KKE686" s="613"/>
      <c r="KKF686" s="613"/>
      <c r="KKG686" s="613"/>
      <c r="KKH686" s="613"/>
      <c r="KKI686" s="613"/>
      <c r="KKJ686" s="613"/>
      <c r="KKK686" s="613"/>
      <c r="KKL686" s="613"/>
      <c r="KKM686" s="613"/>
      <c r="KKN686" s="613"/>
      <c r="KKO686" s="613"/>
      <c r="KKP686" s="613"/>
      <c r="KKQ686" s="613"/>
      <c r="KKR686" s="613"/>
      <c r="KKS686" s="613"/>
      <c r="KKT686" s="613"/>
      <c r="KKU686" s="613"/>
      <c r="KKV686" s="613"/>
      <c r="KKW686" s="613"/>
      <c r="KKX686" s="613"/>
      <c r="KKY686" s="613"/>
      <c r="KKZ686" s="613"/>
      <c r="KLA686" s="613"/>
      <c r="KLB686" s="613"/>
      <c r="KLC686" s="613"/>
      <c r="KLD686" s="613"/>
      <c r="KLE686" s="613"/>
      <c r="KLF686" s="613"/>
      <c r="KLG686" s="613"/>
      <c r="KLH686" s="613"/>
      <c r="KLI686" s="613"/>
      <c r="KLJ686" s="613"/>
      <c r="KLK686" s="613"/>
      <c r="KLL686" s="613"/>
      <c r="KLM686" s="613"/>
      <c r="KLN686" s="613"/>
      <c r="KLO686" s="613"/>
      <c r="KLP686" s="613"/>
      <c r="KLQ686" s="613"/>
      <c r="KLR686" s="613"/>
      <c r="KLS686" s="613"/>
      <c r="KLT686" s="613"/>
      <c r="KLU686" s="613"/>
      <c r="KLV686" s="613"/>
      <c r="KLW686" s="613"/>
      <c r="KLX686" s="613"/>
      <c r="KLY686" s="613"/>
      <c r="KLZ686" s="613"/>
      <c r="KMA686" s="613"/>
      <c r="KMB686" s="613"/>
      <c r="KMC686" s="613"/>
      <c r="KMD686" s="613"/>
      <c r="KME686" s="613"/>
      <c r="KMF686" s="613"/>
      <c r="KMG686" s="613"/>
      <c r="KMH686" s="613"/>
      <c r="KMI686" s="613"/>
      <c r="KMJ686" s="613"/>
      <c r="KMK686" s="613"/>
      <c r="KML686" s="613"/>
      <c r="KMM686" s="613"/>
      <c r="KMN686" s="613"/>
      <c r="KMO686" s="613"/>
      <c r="KMP686" s="613"/>
      <c r="KMQ686" s="613"/>
      <c r="KMR686" s="613"/>
      <c r="KMS686" s="613"/>
      <c r="KMT686" s="613"/>
      <c r="KMU686" s="613"/>
      <c r="KMV686" s="613"/>
      <c r="KMW686" s="613"/>
      <c r="KMX686" s="613"/>
      <c r="KMY686" s="613"/>
      <c r="KMZ686" s="613"/>
      <c r="KNA686" s="613"/>
      <c r="KNB686" s="613"/>
      <c r="KNC686" s="613"/>
      <c r="KND686" s="613"/>
      <c r="KNE686" s="613"/>
      <c r="KNF686" s="613"/>
      <c r="KNG686" s="613"/>
      <c r="KNH686" s="613"/>
      <c r="KNI686" s="613"/>
      <c r="KNJ686" s="613"/>
      <c r="KNK686" s="613"/>
      <c r="KNL686" s="613"/>
      <c r="KNM686" s="613"/>
      <c r="KNN686" s="613"/>
      <c r="KNO686" s="613"/>
      <c r="KNP686" s="613"/>
      <c r="KNQ686" s="613"/>
      <c r="KNR686" s="613"/>
      <c r="KNS686" s="613"/>
      <c r="KNT686" s="613"/>
      <c r="KNU686" s="613"/>
      <c r="KNV686" s="613"/>
      <c r="KNW686" s="613"/>
      <c r="KNX686" s="613"/>
      <c r="KNY686" s="613"/>
      <c r="KNZ686" s="613"/>
      <c r="KOA686" s="613"/>
      <c r="KOB686" s="613"/>
      <c r="KOC686" s="613"/>
      <c r="KOD686" s="613"/>
      <c r="KOE686" s="613"/>
      <c r="KOF686" s="613"/>
      <c r="KOG686" s="613"/>
      <c r="KOH686" s="613"/>
      <c r="KOI686" s="613"/>
      <c r="KOJ686" s="613"/>
      <c r="KOK686" s="613"/>
      <c r="KOL686" s="613"/>
      <c r="KOM686" s="613"/>
      <c r="KON686" s="613"/>
      <c r="KOO686" s="613"/>
      <c r="KOP686" s="613"/>
      <c r="KOQ686" s="613"/>
      <c r="KOR686" s="613"/>
      <c r="KOS686" s="613"/>
      <c r="KOT686" s="613"/>
      <c r="KOU686" s="613"/>
      <c r="KOV686" s="613"/>
      <c r="KOW686" s="613"/>
      <c r="KOX686" s="613"/>
      <c r="KOY686" s="613"/>
      <c r="KOZ686" s="613"/>
      <c r="KPA686" s="613"/>
      <c r="KPB686" s="613"/>
      <c r="KPC686" s="613"/>
      <c r="KPD686" s="613"/>
      <c r="KPE686" s="613"/>
      <c r="KPF686" s="613"/>
      <c r="KPG686" s="613"/>
      <c r="KPH686" s="613"/>
      <c r="KPI686" s="613"/>
      <c r="KPJ686" s="613"/>
      <c r="KPK686" s="613"/>
      <c r="KPL686" s="613"/>
      <c r="KPM686" s="613"/>
      <c r="KPN686" s="613"/>
      <c r="KPO686" s="613"/>
      <c r="KPP686" s="613"/>
      <c r="KPQ686" s="613"/>
      <c r="KPR686" s="613"/>
      <c r="KPS686" s="613"/>
      <c r="KPT686" s="613"/>
      <c r="KPU686" s="613"/>
      <c r="KPV686" s="613"/>
      <c r="KPW686" s="613"/>
      <c r="KPX686" s="613"/>
      <c r="KPY686" s="613"/>
      <c r="KPZ686" s="613"/>
      <c r="KQA686" s="613"/>
      <c r="KQB686" s="613"/>
      <c r="KQC686" s="613"/>
      <c r="KQD686" s="613"/>
      <c r="KQE686" s="613"/>
      <c r="KQF686" s="613"/>
      <c r="KQG686" s="613"/>
      <c r="KQH686" s="613"/>
      <c r="KQI686" s="613"/>
      <c r="KQJ686" s="613"/>
      <c r="KQK686" s="613"/>
      <c r="KQL686" s="613"/>
      <c r="KQM686" s="613"/>
      <c r="KQN686" s="613"/>
      <c r="KQO686" s="613"/>
      <c r="KQP686" s="613"/>
      <c r="KQQ686" s="613"/>
      <c r="KQR686" s="613"/>
      <c r="KQS686" s="613"/>
      <c r="KQT686" s="613"/>
      <c r="KQU686" s="613"/>
      <c r="KQV686" s="613"/>
      <c r="KQW686" s="613"/>
      <c r="KQX686" s="613"/>
      <c r="KQY686" s="613"/>
      <c r="KQZ686" s="613"/>
      <c r="KRA686" s="613"/>
      <c r="KRB686" s="613"/>
      <c r="KRC686" s="613"/>
      <c r="KRD686" s="613"/>
      <c r="KRE686" s="613"/>
      <c r="KRF686" s="613"/>
      <c r="KRG686" s="613"/>
      <c r="KRH686" s="613"/>
      <c r="KRI686" s="613"/>
      <c r="KRJ686" s="613"/>
      <c r="KRK686" s="613"/>
      <c r="KRL686" s="613"/>
      <c r="KRM686" s="613"/>
      <c r="KRN686" s="613"/>
      <c r="KRO686" s="613"/>
      <c r="KRP686" s="613"/>
      <c r="KRQ686" s="613"/>
      <c r="KRR686" s="613"/>
      <c r="KRS686" s="613"/>
      <c r="KRT686" s="613"/>
      <c r="KRU686" s="613"/>
      <c r="KRV686" s="613"/>
      <c r="KRW686" s="613"/>
      <c r="KRX686" s="613"/>
      <c r="KRY686" s="613"/>
      <c r="KRZ686" s="613"/>
      <c r="KSA686" s="613"/>
      <c r="KSB686" s="613"/>
      <c r="KSC686" s="613"/>
      <c r="KSD686" s="613"/>
      <c r="KSE686" s="613"/>
      <c r="KSF686" s="613"/>
      <c r="KSG686" s="613"/>
      <c r="KSH686" s="613"/>
      <c r="KSI686" s="613"/>
      <c r="KSJ686" s="613"/>
      <c r="KSK686" s="613"/>
      <c r="KSL686" s="613"/>
      <c r="KSM686" s="613"/>
      <c r="KSN686" s="613"/>
      <c r="KSO686" s="613"/>
      <c r="KSP686" s="613"/>
      <c r="KSQ686" s="613"/>
      <c r="KSR686" s="613"/>
      <c r="KSS686" s="613"/>
      <c r="KST686" s="613"/>
      <c r="KSU686" s="613"/>
      <c r="KSV686" s="613"/>
      <c r="KSW686" s="613"/>
      <c r="KSX686" s="613"/>
      <c r="KSY686" s="613"/>
      <c r="KSZ686" s="613"/>
      <c r="KTA686" s="613"/>
      <c r="KTB686" s="613"/>
      <c r="KTC686" s="613"/>
      <c r="KTD686" s="613"/>
      <c r="KTE686" s="613"/>
      <c r="KTF686" s="613"/>
      <c r="KTG686" s="613"/>
      <c r="KTH686" s="613"/>
      <c r="KTI686" s="613"/>
      <c r="KTJ686" s="613"/>
      <c r="KTK686" s="613"/>
      <c r="KTL686" s="613"/>
      <c r="KTM686" s="613"/>
      <c r="KTN686" s="613"/>
      <c r="KTO686" s="613"/>
      <c r="KTP686" s="613"/>
      <c r="KTQ686" s="613"/>
      <c r="KTR686" s="613"/>
      <c r="KTS686" s="613"/>
      <c r="KTT686" s="613"/>
      <c r="KTU686" s="613"/>
      <c r="KTV686" s="613"/>
      <c r="KTW686" s="613"/>
      <c r="KTX686" s="613"/>
      <c r="KTY686" s="613"/>
      <c r="KTZ686" s="613"/>
      <c r="KUA686" s="613"/>
      <c r="KUB686" s="613"/>
      <c r="KUC686" s="613"/>
      <c r="KUD686" s="613"/>
      <c r="KUE686" s="613"/>
      <c r="KUF686" s="613"/>
      <c r="KUG686" s="613"/>
      <c r="KUH686" s="613"/>
      <c r="KUI686" s="613"/>
      <c r="KUJ686" s="613"/>
      <c r="KUK686" s="613"/>
      <c r="KUL686" s="613"/>
      <c r="KUM686" s="613"/>
      <c r="KUN686" s="613"/>
      <c r="KUO686" s="613"/>
      <c r="KUP686" s="613"/>
      <c r="KUQ686" s="613"/>
      <c r="KUR686" s="613"/>
      <c r="KUS686" s="613"/>
      <c r="KUT686" s="613"/>
      <c r="KUU686" s="613"/>
      <c r="KUV686" s="613"/>
      <c r="KUW686" s="613"/>
      <c r="KUX686" s="613"/>
      <c r="KUY686" s="613"/>
      <c r="KUZ686" s="613"/>
      <c r="KVA686" s="613"/>
      <c r="KVB686" s="613"/>
      <c r="KVC686" s="613"/>
      <c r="KVD686" s="613"/>
      <c r="KVE686" s="613"/>
      <c r="KVF686" s="613"/>
      <c r="KVG686" s="613"/>
      <c r="KVH686" s="613"/>
      <c r="KVI686" s="613"/>
      <c r="KVJ686" s="613"/>
      <c r="KVK686" s="613"/>
      <c r="KVL686" s="613"/>
      <c r="KVM686" s="613"/>
      <c r="KVN686" s="613"/>
      <c r="KVO686" s="613"/>
      <c r="KVP686" s="613"/>
      <c r="KVQ686" s="613"/>
      <c r="KVR686" s="613"/>
      <c r="KVS686" s="613"/>
      <c r="KVT686" s="613"/>
      <c r="KVU686" s="613"/>
      <c r="KVV686" s="613"/>
      <c r="KVW686" s="613"/>
      <c r="KVX686" s="613"/>
      <c r="KVY686" s="613"/>
      <c r="KVZ686" s="613"/>
      <c r="KWA686" s="613"/>
      <c r="KWB686" s="613"/>
      <c r="KWC686" s="613"/>
      <c r="KWD686" s="613"/>
      <c r="KWE686" s="613"/>
      <c r="KWF686" s="613"/>
      <c r="KWG686" s="613"/>
      <c r="KWH686" s="613"/>
      <c r="KWI686" s="613"/>
      <c r="KWJ686" s="613"/>
      <c r="KWK686" s="613"/>
      <c r="KWL686" s="613"/>
      <c r="KWM686" s="613"/>
      <c r="KWN686" s="613"/>
      <c r="KWO686" s="613"/>
      <c r="KWP686" s="613"/>
      <c r="KWQ686" s="613"/>
      <c r="KWR686" s="613"/>
      <c r="KWS686" s="613"/>
      <c r="KWT686" s="613"/>
      <c r="KWU686" s="613"/>
      <c r="KWV686" s="613"/>
      <c r="KWW686" s="613"/>
      <c r="KWX686" s="613"/>
      <c r="KWY686" s="613"/>
      <c r="KWZ686" s="613"/>
      <c r="KXA686" s="613"/>
      <c r="KXB686" s="613"/>
      <c r="KXC686" s="613"/>
      <c r="KXD686" s="613"/>
      <c r="KXE686" s="613"/>
      <c r="KXF686" s="613"/>
      <c r="KXG686" s="613"/>
      <c r="KXH686" s="613"/>
      <c r="KXI686" s="613"/>
      <c r="KXJ686" s="613"/>
      <c r="KXK686" s="613"/>
      <c r="KXL686" s="613"/>
      <c r="KXM686" s="613"/>
      <c r="KXN686" s="613"/>
      <c r="KXO686" s="613"/>
      <c r="KXP686" s="613"/>
      <c r="KXQ686" s="613"/>
      <c r="KXR686" s="613"/>
      <c r="KXS686" s="613"/>
      <c r="KXT686" s="613"/>
      <c r="KXU686" s="613"/>
      <c r="KXV686" s="613"/>
      <c r="KXW686" s="613"/>
      <c r="KXX686" s="613"/>
      <c r="KXY686" s="613"/>
      <c r="KXZ686" s="613"/>
      <c r="KYA686" s="613"/>
      <c r="KYB686" s="613"/>
      <c r="KYC686" s="613"/>
      <c r="KYD686" s="613"/>
      <c r="KYE686" s="613"/>
      <c r="KYF686" s="613"/>
      <c r="KYG686" s="613"/>
      <c r="KYH686" s="613"/>
      <c r="KYI686" s="613"/>
      <c r="KYJ686" s="613"/>
      <c r="KYK686" s="613"/>
      <c r="KYL686" s="613"/>
      <c r="KYM686" s="613"/>
      <c r="KYN686" s="613"/>
      <c r="KYO686" s="613"/>
      <c r="KYP686" s="613"/>
      <c r="KYQ686" s="613"/>
      <c r="KYR686" s="613"/>
      <c r="KYS686" s="613"/>
      <c r="KYT686" s="613"/>
      <c r="KYU686" s="613"/>
      <c r="KYV686" s="613"/>
      <c r="KYW686" s="613"/>
      <c r="KYX686" s="613"/>
      <c r="KYY686" s="613"/>
      <c r="KYZ686" s="613"/>
      <c r="KZA686" s="613"/>
      <c r="KZB686" s="613"/>
      <c r="KZC686" s="613"/>
      <c r="KZD686" s="613"/>
      <c r="KZE686" s="613"/>
      <c r="KZF686" s="613"/>
      <c r="KZG686" s="613"/>
      <c r="KZH686" s="613"/>
      <c r="KZI686" s="613"/>
      <c r="KZJ686" s="613"/>
      <c r="KZK686" s="613"/>
      <c r="KZL686" s="613"/>
      <c r="KZM686" s="613"/>
      <c r="KZN686" s="613"/>
      <c r="KZO686" s="613"/>
      <c r="KZP686" s="613"/>
      <c r="KZQ686" s="613"/>
      <c r="KZR686" s="613"/>
      <c r="KZS686" s="613"/>
      <c r="KZT686" s="613"/>
      <c r="KZU686" s="613"/>
      <c r="KZV686" s="613"/>
      <c r="KZW686" s="613"/>
      <c r="KZX686" s="613"/>
      <c r="KZY686" s="613"/>
      <c r="KZZ686" s="613"/>
      <c r="LAA686" s="613"/>
      <c r="LAB686" s="613"/>
      <c r="LAC686" s="613"/>
      <c r="LAD686" s="613"/>
      <c r="LAE686" s="613"/>
      <c r="LAF686" s="613"/>
      <c r="LAG686" s="613"/>
      <c r="LAH686" s="613"/>
      <c r="LAI686" s="613"/>
      <c r="LAJ686" s="613"/>
      <c r="LAK686" s="613"/>
      <c r="LAL686" s="613"/>
      <c r="LAM686" s="613"/>
      <c r="LAN686" s="613"/>
      <c r="LAO686" s="613"/>
      <c r="LAP686" s="613"/>
      <c r="LAQ686" s="613"/>
      <c r="LAR686" s="613"/>
      <c r="LAS686" s="613"/>
      <c r="LAT686" s="613"/>
      <c r="LAU686" s="613"/>
      <c r="LAV686" s="613"/>
      <c r="LAW686" s="613"/>
      <c r="LAX686" s="613"/>
      <c r="LAY686" s="613"/>
      <c r="LAZ686" s="613"/>
      <c r="LBA686" s="613"/>
      <c r="LBB686" s="613"/>
      <c r="LBC686" s="613"/>
      <c r="LBD686" s="613"/>
      <c r="LBE686" s="613"/>
      <c r="LBF686" s="613"/>
      <c r="LBG686" s="613"/>
      <c r="LBH686" s="613"/>
      <c r="LBI686" s="613"/>
      <c r="LBJ686" s="613"/>
      <c r="LBK686" s="613"/>
      <c r="LBL686" s="613"/>
      <c r="LBM686" s="613"/>
      <c r="LBN686" s="613"/>
      <c r="LBO686" s="613"/>
      <c r="LBP686" s="613"/>
      <c r="LBQ686" s="613"/>
      <c r="LBR686" s="613"/>
      <c r="LBS686" s="613"/>
      <c r="LBT686" s="613"/>
      <c r="LBU686" s="613"/>
      <c r="LBV686" s="613"/>
      <c r="LBW686" s="613"/>
      <c r="LBX686" s="613"/>
      <c r="LBY686" s="613"/>
      <c r="LBZ686" s="613"/>
      <c r="LCA686" s="613"/>
      <c r="LCB686" s="613"/>
      <c r="LCC686" s="613"/>
      <c r="LCD686" s="613"/>
      <c r="LCE686" s="613"/>
      <c r="LCF686" s="613"/>
      <c r="LCG686" s="613"/>
      <c r="LCH686" s="613"/>
      <c r="LCI686" s="613"/>
      <c r="LCJ686" s="613"/>
      <c r="LCK686" s="613"/>
      <c r="LCL686" s="613"/>
      <c r="LCM686" s="613"/>
      <c r="LCN686" s="613"/>
      <c r="LCO686" s="613"/>
      <c r="LCP686" s="613"/>
      <c r="LCQ686" s="613"/>
      <c r="LCR686" s="613"/>
      <c r="LCS686" s="613"/>
      <c r="LCT686" s="613"/>
      <c r="LCU686" s="613"/>
      <c r="LCV686" s="613"/>
      <c r="LCW686" s="613"/>
      <c r="LCX686" s="613"/>
      <c r="LCY686" s="613"/>
      <c r="LCZ686" s="613"/>
      <c r="LDA686" s="613"/>
      <c r="LDB686" s="613"/>
      <c r="LDC686" s="613"/>
      <c r="LDD686" s="613"/>
      <c r="LDE686" s="613"/>
      <c r="LDF686" s="613"/>
      <c r="LDG686" s="613"/>
      <c r="LDH686" s="613"/>
      <c r="LDI686" s="613"/>
      <c r="LDJ686" s="613"/>
      <c r="LDK686" s="613"/>
      <c r="LDL686" s="613"/>
      <c r="LDM686" s="613"/>
      <c r="LDN686" s="613"/>
      <c r="LDO686" s="613"/>
      <c r="LDP686" s="613"/>
      <c r="LDQ686" s="613"/>
      <c r="LDR686" s="613"/>
      <c r="LDS686" s="613"/>
      <c r="LDT686" s="613"/>
      <c r="LDU686" s="613"/>
      <c r="LDV686" s="613"/>
      <c r="LDW686" s="613"/>
      <c r="LDX686" s="613"/>
      <c r="LDY686" s="613"/>
      <c r="LDZ686" s="613"/>
      <c r="LEA686" s="613"/>
      <c r="LEB686" s="613"/>
      <c r="LEC686" s="613"/>
      <c r="LED686" s="613"/>
      <c r="LEE686" s="613"/>
      <c r="LEF686" s="613"/>
      <c r="LEG686" s="613"/>
      <c r="LEH686" s="613"/>
      <c r="LEI686" s="613"/>
      <c r="LEJ686" s="613"/>
      <c r="LEK686" s="613"/>
      <c r="LEL686" s="613"/>
      <c r="LEM686" s="613"/>
      <c r="LEN686" s="613"/>
      <c r="LEO686" s="613"/>
      <c r="LEP686" s="613"/>
      <c r="LEQ686" s="613"/>
      <c r="LER686" s="613"/>
      <c r="LES686" s="613"/>
      <c r="LET686" s="613"/>
      <c r="LEU686" s="613"/>
      <c r="LEV686" s="613"/>
      <c r="LEW686" s="613"/>
      <c r="LEX686" s="613"/>
      <c r="LEY686" s="613"/>
      <c r="LEZ686" s="613"/>
      <c r="LFA686" s="613"/>
      <c r="LFB686" s="613"/>
      <c r="LFC686" s="613"/>
      <c r="LFD686" s="613"/>
      <c r="LFE686" s="613"/>
      <c r="LFF686" s="613"/>
      <c r="LFG686" s="613"/>
      <c r="LFH686" s="613"/>
      <c r="LFI686" s="613"/>
      <c r="LFJ686" s="613"/>
      <c r="LFK686" s="613"/>
      <c r="LFL686" s="613"/>
      <c r="LFM686" s="613"/>
      <c r="LFN686" s="613"/>
      <c r="LFO686" s="613"/>
      <c r="LFP686" s="613"/>
      <c r="LFQ686" s="613"/>
      <c r="LFR686" s="613"/>
      <c r="LFS686" s="613"/>
      <c r="LFT686" s="613"/>
      <c r="LFU686" s="613"/>
      <c r="LFV686" s="613"/>
      <c r="LFW686" s="613"/>
      <c r="LFX686" s="613"/>
      <c r="LFY686" s="613"/>
      <c r="LFZ686" s="613"/>
      <c r="LGA686" s="613"/>
      <c r="LGB686" s="613"/>
      <c r="LGC686" s="613"/>
      <c r="LGD686" s="613"/>
      <c r="LGE686" s="613"/>
      <c r="LGF686" s="613"/>
      <c r="LGG686" s="613"/>
      <c r="LGH686" s="613"/>
      <c r="LGI686" s="613"/>
      <c r="LGJ686" s="613"/>
      <c r="LGK686" s="613"/>
      <c r="LGL686" s="613"/>
      <c r="LGM686" s="613"/>
      <c r="LGN686" s="613"/>
      <c r="LGO686" s="613"/>
      <c r="LGP686" s="613"/>
      <c r="LGQ686" s="613"/>
      <c r="LGR686" s="613"/>
      <c r="LGS686" s="613"/>
      <c r="LGT686" s="613"/>
      <c r="LGU686" s="613"/>
      <c r="LGV686" s="613"/>
      <c r="LGW686" s="613"/>
      <c r="LGX686" s="613"/>
      <c r="LGY686" s="613"/>
      <c r="LGZ686" s="613"/>
      <c r="LHA686" s="613"/>
      <c r="LHB686" s="613"/>
      <c r="LHC686" s="613"/>
      <c r="LHD686" s="613"/>
      <c r="LHE686" s="613"/>
      <c r="LHF686" s="613"/>
      <c r="LHG686" s="613"/>
      <c r="LHH686" s="613"/>
      <c r="LHI686" s="613"/>
      <c r="LHJ686" s="613"/>
      <c r="LHK686" s="613"/>
      <c r="LHL686" s="613"/>
      <c r="LHM686" s="613"/>
      <c r="LHN686" s="613"/>
      <c r="LHO686" s="613"/>
      <c r="LHP686" s="613"/>
      <c r="LHQ686" s="613"/>
      <c r="LHR686" s="613"/>
      <c r="LHS686" s="613"/>
      <c r="LHT686" s="613"/>
      <c r="LHU686" s="613"/>
      <c r="LHV686" s="613"/>
      <c r="LHW686" s="613"/>
      <c r="LHX686" s="613"/>
      <c r="LHY686" s="613"/>
      <c r="LHZ686" s="613"/>
      <c r="LIA686" s="613"/>
      <c r="LIB686" s="613"/>
      <c r="LIC686" s="613"/>
      <c r="LID686" s="613"/>
      <c r="LIE686" s="613"/>
      <c r="LIF686" s="613"/>
      <c r="LIG686" s="613"/>
      <c r="LIH686" s="613"/>
      <c r="LII686" s="613"/>
      <c r="LIJ686" s="613"/>
      <c r="LIK686" s="613"/>
      <c r="LIL686" s="613"/>
      <c r="LIM686" s="613"/>
      <c r="LIN686" s="613"/>
      <c r="LIO686" s="613"/>
      <c r="LIP686" s="613"/>
      <c r="LIQ686" s="613"/>
      <c r="LIR686" s="613"/>
      <c r="LIS686" s="613"/>
      <c r="LIT686" s="613"/>
      <c r="LIU686" s="613"/>
      <c r="LIV686" s="613"/>
      <c r="LIW686" s="613"/>
      <c r="LIX686" s="613"/>
      <c r="LIY686" s="613"/>
      <c r="LIZ686" s="613"/>
      <c r="LJA686" s="613"/>
      <c r="LJB686" s="613"/>
      <c r="LJC686" s="613"/>
      <c r="LJD686" s="613"/>
      <c r="LJE686" s="613"/>
      <c r="LJF686" s="613"/>
      <c r="LJG686" s="613"/>
      <c r="LJH686" s="613"/>
      <c r="LJI686" s="613"/>
      <c r="LJJ686" s="613"/>
      <c r="LJK686" s="613"/>
      <c r="LJL686" s="613"/>
      <c r="LJM686" s="613"/>
      <c r="LJN686" s="613"/>
      <c r="LJO686" s="613"/>
      <c r="LJP686" s="613"/>
      <c r="LJQ686" s="613"/>
      <c r="LJR686" s="613"/>
      <c r="LJS686" s="613"/>
      <c r="LJT686" s="613"/>
      <c r="LJU686" s="613"/>
      <c r="LJV686" s="613"/>
      <c r="LJW686" s="613"/>
      <c r="LJX686" s="613"/>
      <c r="LJY686" s="613"/>
      <c r="LJZ686" s="613"/>
      <c r="LKA686" s="613"/>
      <c r="LKB686" s="613"/>
      <c r="LKC686" s="613"/>
      <c r="LKD686" s="613"/>
      <c r="LKE686" s="613"/>
      <c r="LKF686" s="613"/>
      <c r="LKG686" s="613"/>
      <c r="LKH686" s="613"/>
      <c r="LKI686" s="613"/>
      <c r="LKJ686" s="613"/>
      <c r="LKK686" s="613"/>
      <c r="LKL686" s="613"/>
      <c r="LKM686" s="613"/>
      <c r="LKN686" s="613"/>
      <c r="LKO686" s="613"/>
      <c r="LKP686" s="613"/>
      <c r="LKQ686" s="613"/>
      <c r="LKR686" s="613"/>
      <c r="LKS686" s="613"/>
      <c r="LKT686" s="613"/>
      <c r="LKU686" s="613"/>
      <c r="LKV686" s="613"/>
      <c r="LKW686" s="613"/>
      <c r="LKX686" s="613"/>
      <c r="LKY686" s="613"/>
      <c r="LKZ686" s="613"/>
      <c r="LLA686" s="613"/>
      <c r="LLB686" s="613"/>
      <c r="LLC686" s="613"/>
      <c r="LLD686" s="613"/>
      <c r="LLE686" s="613"/>
      <c r="LLF686" s="613"/>
      <c r="LLG686" s="613"/>
      <c r="LLH686" s="613"/>
      <c r="LLI686" s="613"/>
      <c r="LLJ686" s="613"/>
      <c r="LLK686" s="613"/>
      <c r="LLL686" s="613"/>
      <c r="LLM686" s="613"/>
      <c r="LLN686" s="613"/>
      <c r="LLO686" s="613"/>
      <c r="LLP686" s="613"/>
      <c r="LLQ686" s="613"/>
      <c r="LLR686" s="613"/>
      <c r="LLS686" s="613"/>
      <c r="LLT686" s="613"/>
      <c r="LLU686" s="613"/>
      <c r="LLV686" s="613"/>
      <c r="LLW686" s="613"/>
      <c r="LLX686" s="613"/>
      <c r="LLY686" s="613"/>
      <c r="LLZ686" s="613"/>
      <c r="LMA686" s="613"/>
      <c r="LMB686" s="613"/>
      <c r="LMC686" s="613"/>
      <c r="LMD686" s="613"/>
      <c r="LME686" s="613"/>
      <c r="LMF686" s="613"/>
      <c r="LMG686" s="613"/>
      <c r="LMH686" s="613"/>
      <c r="LMI686" s="613"/>
      <c r="LMJ686" s="613"/>
      <c r="LMK686" s="613"/>
      <c r="LML686" s="613"/>
      <c r="LMM686" s="613"/>
      <c r="LMN686" s="613"/>
      <c r="LMO686" s="613"/>
      <c r="LMP686" s="613"/>
      <c r="LMQ686" s="613"/>
      <c r="LMR686" s="613"/>
      <c r="LMS686" s="613"/>
      <c r="LMT686" s="613"/>
      <c r="LMU686" s="613"/>
      <c r="LMV686" s="613"/>
      <c r="LMW686" s="613"/>
      <c r="LMX686" s="613"/>
      <c r="LMY686" s="613"/>
      <c r="LMZ686" s="613"/>
      <c r="LNA686" s="613"/>
      <c r="LNB686" s="613"/>
      <c r="LNC686" s="613"/>
      <c r="LND686" s="613"/>
      <c r="LNE686" s="613"/>
      <c r="LNF686" s="613"/>
      <c r="LNG686" s="613"/>
      <c r="LNH686" s="613"/>
      <c r="LNI686" s="613"/>
      <c r="LNJ686" s="613"/>
      <c r="LNK686" s="613"/>
      <c r="LNL686" s="613"/>
      <c r="LNM686" s="613"/>
      <c r="LNN686" s="613"/>
      <c r="LNO686" s="613"/>
      <c r="LNP686" s="613"/>
      <c r="LNQ686" s="613"/>
      <c r="LNR686" s="613"/>
      <c r="LNS686" s="613"/>
      <c r="LNT686" s="613"/>
      <c r="LNU686" s="613"/>
      <c r="LNV686" s="613"/>
      <c r="LNW686" s="613"/>
      <c r="LNX686" s="613"/>
      <c r="LNY686" s="613"/>
      <c r="LNZ686" s="613"/>
      <c r="LOA686" s="613"/>
      <c r="LOB686" s="613"/>
      <c r="LOC686" s="613"/>
      <c r="LOD686" s="613"/>
      <c r="LOE686" s="613"/>
      <c r="LOF686" s="613"/>
      <c r="LOG686" s="613"/>
      <c r="LOH686" s="613"/>
      <c r="LOI686" s="613"/>
      <c r="LOJ686" s="613"/>
      <c r="LOK686" s="613"/>
      <c r="LOL686" s="613"/>
      <c r="LOM686" s="613"/>
      <c r="LON686" s="613"/>
      <c r="LOO686" s="613"/>
      <c r="LOP686" s="613"/>
      <c r="LOQ686" s="613"/>
      <c r="LOR686" s="613"/>
      <c r="LOS686" s="613"/>
      <c r="LOT686" s="613"/>
      <c r="LOU686" s="613"/>
      <c r="LOV686" s="613"/>
      <c r="LOW686" s="613"/>
      <c r="LOX686" s="613"/>
      <c r="LOY686" s="613"/>
      <c r="LOZ686" s="613"/>
      <c r="LPA686" s="613"/>
      <c r="LPB686" s="613"/>
      <c r="LPC686" s="613"/>
      <c r="LPD686" s="613"/>
      <c r="LPE686" s="613"/>
      <c r="LPF686" s="613"/>
      <c r="LPG686" s="613"/>
      <c r="LPH686" s="613"/>
      <c r="LPI686" s="613"/>
      <c r="LPJ686" s="613"/>
      <c r="LPK686" s="613"/>
      <c r="LPL686" s="613"/>
      <c r="LPM686" s="613"/>
      <c r="LPN686" s="613"/>
      <c r="LPO686" s="613"/>
      <c r="LPP686" s="613"/>
      <c r="LPQ686" s="613"/>
      <c r="LPR686" s="613"/>
      <c r="LPS686" s="613"/>
      <c r="LPT686" s="613"/>
      <c r="LPU686" s="613"/>
      <c r="LPV686" s="613"/>
      <c r="LPW686" s="613"/>
      <c r="LPX686" s="613"/>
      <c r="LPY686" s="613"/>
      <c r="LPZ686" s="613"/>
      <c r="LQA686" s="613"/>
      <c r="LQB686" s="613"/>
      <c r="LQC686" s="613"/>
      <c r="LQD686" s="613"/>
      <c r="LQE686" s="613"/>
      <c r="LQF686" s="613"/>
      <c r="LQG686" s="613"/>
      <c r="LQH686" s="613"/>
      <c r="LQI686" s="613"/>
      <c r="LQJ686" s="613"/>
      <c r="LQK686" s="613"/>
      <c r="LQL686" s="613"/>
      <c r="LQM686" s="613"/>
      <c r="LQN686" s="613"/>
      <c r="LQO686" s="613"/>
      <c r="LQP686" s="613"/>
      <c r="LQQ686" s="613"/>
      <c r="LQR686" s="613"/>
      <c r="LQS686" s="613"/>
      <c r="LQT686" s="613"/>
      <c r="LQU686" s="613"/>
      <c r="LQV686" s="613"/>
      <c r="LQW686" s="613"/>
      <c r="LQX686" s="613"/>
      <c r="LQY686" s="613"/>
      <c r="LQZ686" s="613"/>
      <c r="LRA686" s="613"/>
      <c r="LRB686" s="613"/>
      <c r="LRC686" s="613"/>
      <c r="LRD686" s="613"/>
      <c r="LRE686" s="613"/>
      <c r="LRF686" s="613"/>
      <c r="LRG686" s="613"/>
      <c r="LRH686" s="613"/>
      <c r="LRI686" s="613"/>
      <c r="LRJ686" s="613"/>
      <c r="LRK686" s="613"/>
      <c r="LRL686" s="613"/>
      <c r="LRM686" s="613"/>
      <c r="LRN686" s="613"/>
      <c r="LRO686" s="613"/>
      <c r="LRP686" s="613"/>
      <c r="LRQ686" s="613"/>
      <c r="LRR686" s="613"/>
      <c r="LRS686" s="613"/>
      <c r="LRT686" s="613"/>
      <c r="LRU686" s="613"/>
      <c r="LRV686" s="613"/>
      <c r="LRW686" s="613"/>
      <c r="LRX686" s="613"/>
      <c r="LRY686" s="613"/>
      <c r="LRZ686" s="613"/>
      <c r="LSA686" s="613"/>
      <c r="LSB686" s="613"/>
      <c r="LSC686" s="613"/>
      <c r="LSD686" s="613"/>
      <c r="LSE686" s="613"/>
      <c r="LSF686" s="613"/>
      <c r="LSG686" s="613"/>
      <c r="LSH686" s="613"/>
      <c r="LSI686" s="613"/>
      <c r="LSJ686" s="613"/>
      <c r="LSK686" s="613"/>
      <c r="LSL686" s="613"/>
      <c r="LSM686" s="613"/>
      <c r="LSN686" s="613"/>
      <c r="LSO686" s="613"/>
      <c r="LSP686" s="613"/>
      <c r="LSQ686" s="613"/>
      <c r="LSR686" s="613"/>
      <c r="LSS686" s="613"/>
      <c r="LST686" s="613"/>
      <c r="LSU686" s="613"/>
      <c r="LSV686" s="613"/>
      <c r="LSW686" s="613"/>
      <c r="LSX686" s="613"/>
      <c r="LSY686" s="613"/>
      <c r="LSZ686" s="613"/>
      <c r="LTA686" s="613"/>
      <c r="LTB686" s="613"/>
      <c r="LTC686" s="613"/>
      <c r="LTD686" s="613"/>
      <c r="LTE686" s="613"/>
      <c r="LTF686" s="613"/>
      <c r="LTG686" s="613"/>
      <c r="LTH686" s="613"/>
      <c r="LTI686" s="613"/>
      <c r="LTJ686" s="613"/>
      <c r="LTK686" s="613"/>
      <c r="LTL686" s="613"/>
      <c r="LTM686" s="613"/>
      <c r="LTN686" s="613"/>
      <c r="LTO686" s="613"/>
      <c r="LTP686" s="613"/>
      <c r="LTQ686" s="613"/>
      <c r="LTR686" s="613"/>
      <c r="LTS686" s="613"/>
      <c r="LTT686" s="613"/>
      <c r="LTU686" s="613"/>
      <c r="LTV686" s="613"/>
      <c r="LTW686" s="613"/>
      <c r="LTX686" s="613"/>
      <c r="LTY686" s="613"/>
      <c r="LTZ686" s="613"/>
      <c r="LUA686" s="613"/>
      <c r="LUB686" s="613"/>
      <c r="LUC686" s="613"/>
      <c r="LUD686" s="613"/>
      <c r="LUE686" s="613"/>
      <c r="LUF686" s="613"/>
      <c r="LUG686" s="613"/>
      <c r="LUH686" s="613"/>
      <c r="LUI686" s="613"/>
      <c r="LUJ686" s="613"/>
      <c r="LUK686" s="613"/>
      <c r="LUL686" s="613"/>
      <c r="LUM686" s="613"/>
      <c r="LUN686" s="613"/>
      <c r="LUO686" s="613"/>
      <c r="LUP686" s="613"/>
      <c r="LUQ686" s="613"/>
      <c r="LUR686" s="613"/>
      <c r="LUS686" s="613"/>
      <c r="LUT686" s="613"/>
      <c r="LUU686" s="613"/>
      <c r="LUV686" s="613"/>
      <c r="LUW686" s="613"/>
      <c r="LUX686" s="613"/>
      <c r="LUY686" s="613"/>
      <c r="LUZ686" s="613"/>
      <c r="LVA686" s="613"/>
      <c r="LVB686" s="613"/>
      <c r="LVC686" s="613"/>
      <c r="LVD686" s="613"/>
      <c r="LVE686" s="613"/>
      <c r="LVF686" s="613"/>
      <c r="LVG686" s="613"/>
      <c r="LVH686" s="613"/>
      <c r="LVI686" s="613"/>
      <c r="LVJ686" s="613"/>
      <c r="LVK686" s="613"/>
      <c r="LVL686" s="613"/>
      <c r="LVM686" s="613"/>
      <c r="LVN686" s="613"/>
      <c r="LVO686" s="613"/>
      <c r="LVP686" s="613"/>
      <c r="LVQ686" s="613"/>
      <c r="LVR686" s="613"/>
      <c r="LVS686" s="613"/>
      <c r="LVT686" s="613"/>
      <c r="LVU686" s="613"/>
      <c r="LVV686" s="613"/>
      <c r="LVW686" s="613"/>
      <c r="LVX686" s="613"/>
      <c r="LVY686" s="613"/>
      <c r="LVZ686" s="613"/>
      <c r="LWA686" s="613"/>
      <c r="LWB686" s="613"/>
      <c r="LWC686" s="613"/>
      <c r="LWD686" s="613"/>
      <c r="LWE686" s="613"/>
      <c r="LWF686" s="613"/>
      <c r="LWG686" s="613"/>
      <c r="LWH686" s="613"/>
      <c r="LWI686" s="613"/>
      <c r="LWJ686" s="613"/>
      <c r="LWK686" s="613"/>
      <c r="LWL686" s="613"/>
      <c r="LWM686" s="613"/>
      <c r="LWN686" s="613"/>
      <c r="LWO686" s="613"/>
      <c r="LWP686" s="613"/>
      <c r="LWQ686" s="613"/>
      <c r="LWR686" s="613"/>
      <c r="LWS686" s="613"/>
      <c r="LWT686" s="613"/>
      <c r="LWU686" s="613"/>
      <c r="LWV686" s="613"/>
      <c r="LWW686" s="613"/>
      <c r="LWX686" s="613"/>
      <c r="LWY686" s="613"/>
      <c r="LWZ686" s="613"/>
      <c r="LXA686" s="613"/>
      <c r="LXB686" s="613"/>
      <c r="LXC686" s="613"/>
      <c r="LXD686" s="613"/>
      <c r="LXE686" s="613"/>
      <c r="LXF686" s="613"/>
      <c r="LXG686" s="613"/>
      <c r="LXH686" s="613"/>
      <c r="LXI686" s="613"/>
      <c r="LXJ686" s="613"/>
      <c r="LXK686" s="613"/>
      <c r="LXL686" s="613"/>
      <c r="LXM686" s="613"/>
      <c r="LXN686" s="613"/>
      <c r="LXO686" s="613"/>
      <c r="LXP686" s="613"/>
      <c r="LXQ686" s="613"/>
      <c r="LXR686" s="613"/>
      <c r="LXS686" s="613"/>
      <c r="LXT686" s="613"/>
      <c r="LXU686" s="613"/>
      <c r="LXV686" s="613"/>
      <c r="LXW686" s="613"/>
      <c r="LXX686" s="613"/>
      <c r="LXY686" s="613"/>
      <c r="LXZ686" s="613"/>
      <c r="LYA686" s="613"/>
      <c r="LYB686" s="613"/>
      <c r="LYC686" s="613"/>
      <c r="LYD686" s="613"/>
      <c r="LYE686" s="613"/>
      <c r="LYF686" s="613"/>
      <c r="LYG686" s="613"/>
      <c r="LYH686" s="613"/>
      <c r="LYI686" s="613"/>
      <c r="LYJ686" s="613"/>
      <c r="LYK686" s="613"/>
      <c r="LYL686" s="613"/>
      <c r="LYM686" s="613"/>
      <c r="LYN686" s="613"/>
      <c r="LYO686" s="613"/>
      <c r="LYP686" s="613"/>
      <c r="LYQ686" s="613"/>
      <c r="LYR686" s="613"/>
      <c r="LYS686" s="613"/>
      <c r="LYT686" s="613"/>
      <c r="LYU686" s="613"/>
      <c r="LYV686" s="613"/>
      <c r="LYW686" s="613"/>
      <c r="LYX686" s="613"/>
      <c r="LYY686" s="613"/>
      <c r="LYZ686" s="613"/>
      <c r="LZA686" s="613"/>
      <c r="LZB686" s="613"/>
      <c r="LZC686" s="613"/>
      <c r="LZD686" s="613"/>
      <c r="LZE686" s="613"/>
      <c r="LZF686" s="613"/>
      <c r="LZG686" s="613"/>
      <c r="LZH686" s="613"/>
      <c r="LZI686" s="613"/>
      <c r="LZJ686" s="613"/>
      <c r="LZK686" s="613"/>
      <c r="LZL686" s="613"/>
      <c r="LZM686" s="613"/>
      <c r="LZN686" s="613"/>
      <c r="LZO686" s="613"/>
      <c r="LZP686" s="613"/>
      <c r="LZQ686" s="613"/>
      <c r="LZR686" s="613"/>
      <c r="LZS686" s="613"/>
      <c r="LZT686" s="613"/>
      <c r="LZU686" s="613"/>
      <c r="LZV686" s="613"/>
      <c r="LZW686" s="613"/>
      <c r="LZX686" s="613"/>
      <c r="LZY686" s="613"/>
      <c r="LZZ686" s="613"/>
      <c r="MAA686" s="613"/>
      <c r="MAB686" s="613"/>
      <c r="MAC686" s="613"/>
      <c r="MAD686" s="613"/>
      <c r="MAE686" s="613"/>
      <c r="MAF686" s="613"/>
      <c r="MAG686" s="613"/>
      <c r="MAH686" s="613"/>
      <c r="MAI686" s="613"/>
      <c r="MAJ686" s="613"/>
      <c r="MAK686" s="613"/>
      <c r="MAL686" s="613"/>
      <c r="MAM686" s="613"/>
      <c r="MAN686" s="613"/>
      <c r="MAO686" s="613"/>
      <c r="MAP686" s="613"/>
      <c r="MAQ686" s="613"/>
      <c r="MAR686" s="613"/>
      <c r="MAS686" s="613"/>
      <c r="MAT686" s="613"/>
      <c r="MAU686" s="613"/>
      <c r="MAV686" s="613"/>
      <c r="MAW686" s="613"/>
      <c r="MAX686" s="613"/>
      <c r="MAY686" s="613"/>
      <c r="MAZ686" s="613"/>
      <c r="MBA686" s="613"/>
      <c r="MBB686" s="613"/>
      <c r="MBC686" s="613"/>
      <c r="MBD686" s="613"/>
      <c r="MBE686" s="613"/>
      <c r="MBF686" s="613"/>
      <c r="MBG686" s="613"/>
      <c r="MBH686" s="613"/>
      <c r="MBI686" s="613"/>
      <c r="MBJ686" s="613"/>
      <c r="MBK686" s="613"/>
      <c r="MBL686" s="613"/>
      <c r="MBM686" s="613"/>
      <c r="MBN686" s="613"/>
      <c r="MBO686" s="613"/>
      <c r="MBP686" s="613"/>
      <c r="MBQ686" s="613"/>
      <c r="MBR686" s="613"/>
      <c r="MBS686" s="613"/>
      <c r="MBT686" s="613"/>
      <c r="MBU686" s="613"/>
      <c r="MBV686" s="613"/>
      <c r="MBW686" s="613"/>
      <c r="MBX686" s="613"/>
      <c r="MBY686" s="613"/>
      <c r="MBZ686" s="613"/>
      <c r="MCA686" s="613"/>
      <c r="MCB686" s="613"/>
      <c r="MCC686" s="613"/>
      <c r="MCD686" s="613"/>
      <c r="MCE686" s="613"/>
      <c r="MCF686" s="613"/>
      <c r="MCG686" s="613"/>
      <c r="MCH686" s="613"/>
      <c r="MCI686" s="613"/>
      <c r="MCJ686" s="613"/>
      <c r="MCK686" s="613"/>
      <c r="MCL686" s="613"/>
      <c r="MCM686" s="613"/>
      <c r="MCN686" s="613"/>
      <c r="MCO686" s="613"/>
      <c r="MCP686" s="613"/>
      <c r="MCQ686" s="613"/>
      <c r="MCR686" s="613"/>
      <c r="MCS686" s="613"/>
      <c r="MCT686" s="613"/>
      <c r="MCU686" s="613"/>
      <c r="MCV686" s="613"/>
      <c r="MCW686" s="613"/>
      <c r="MCX686" s="613"/>
      <c r="MCY686" s="613"/>
      <c r="MCZ686" s="613"/>
      <c r="MDA686" s="613"/>
      <c r="MDB686" s="613"/>
      <c r="MDC686" s="613"/>
      <c r="MDD686" s="613"/>
      <c r="MDE686" s="613"/>
      <c r="MDF686" s="613"/>
      <c r="MDG686" s="613"/>
      <c r="MDH686" s="613"/>
      <c r="MDI686" s="613"/>
      <c r="MDJ686" s="613"/>
      <c r="MDK686" s="613"/>
      <c r="MDL686" s="613"/>
      <c r="MDM686" s="613"/>
      <c r="MDN686" s="613"/>
      <c r="MDO686" s="613"/>
      <c r="MDP686" s="613"/>
      <c r="MDQ686" s="613"/>
      <c r="MDR686" s="613"/>
      <c r="MDS686" s="613"/>
      <c r="MDT686" s="613"/>
      <c r="MDU686" s="613"/>
      <c r="MDV686" s="613"/>
      <c r="MDW686" s="613"/>
      <c r="MDX686" s="613"/>
      <c r="MDY686" s="613"/>
      <c r="MDZ686" s="613"/>
      <c r="MEA686" s="613"/>
      <c r="MEB686" s="613"/>
      <c r="MEC686" s="613"/>
      <c r="MED686" s="613"/>
      <c r="MEE686" s="613"/>
      <c r="MEF686" s="613"/>
      <c r="MEG686" s="613"/>
      <c r="MEH686" s="613"/>
      <c r="MEI686" s="613"/>
      <c r="MEJ686" s="613"/>
      <c r="MEK686" s="613"/>
      <c r="MEL686" s="613"/>
      <c r="MEM686" s="613"/>
      <c r="MEN686" s="613"/>
      <c r="MEO686" s="613"/>
      <c r="MEP686" s="613"/>
      <c r="MEQ686" s="613"/>
      <c r="MER686" s="613"/>
      <c r="MES686" s="613"/>
      <c r="MET686" s="613"/>
      <c r="MEU686" s="613"/>
      <c r="MEV686" s="613"/>
      <c r="MEW686" s="613"/>
      <c r="MEX686" s="613"/>
      <c r="MEY686" s="613"/>
      <c r="MEZ686" s="613"/>
      <c r="MFA686" s="613"/>
      <c r="MFB686" s="613"/>
      <c r="MFC686" s="613"/>
      <c r="MFD686" s="613"/>
      <c r="MFE686" s="613"/>
      <c r="MFF686" s="613"/>
      <c r="MFG686" s="613"/>
      <c r="MFH686" s="613"/>
      <c r="MFI686" s="613"/>
      <c r="MFJ686" s="613"/>
      <c r="MFK686" s="613"/>
      <c r="MFL686" s="613"/>
      <c r="MFM686" s="613"/>
      <c r="MFN686" s="613"/>
      <c r="MFO686" s="613"/>
      <c r="MFP686" s="613"/>
      <c r="MFQ686" s="613"/>
      <c r="MFR686" s="613"/>
      <c r="MFS686" s="613"/>
      <c r="MFT686" s="613"/>
      <c r="MFU686" s="613"/>
      <c r="MFV686" s="613"/>
      <c r="MFW686" s="613"/>
      <c r="MFX686" s="613"/>
      <c r="MFY686" s="613"/>
      <c r="MFZ686" s="613"/>
      <c r="MGA686" s="613"/>
      <c r="MGB686" s="613"/>
      <c r="MGC686" s="613"/>
      <c r="MGD686" s="613"/>
      <c r="MGE686" s="613"/>
      <c r="MGF686" s="613"/>
      <c r="MGG686" s="613"/>
      <c r="MGH686" s="613"/>
      <c r="MGI686" s="613"/>
      <c r="MGJ686" s="613"/>
      <c r="MGK686" s="613"/>
      <c r="MGL686" s="613"/>
      <c r="MGM686" s="613"/>
      <c r="MGN686" s="613"/>
      <c r="MGO686" s="613"/>
      <c r="MGP686" s="613"/>
      <c r="MGQ686" s="613"/>
      <c r="MGR686" s="613"/>
      <c r="MGS686" s="613"/>
      <c r="MGT686" s="613"/>
      <c r="MGU686" s="613"/>
      <c r="MGV686" s="613"/>
      <c r="MGW686" s="613"/>
      <c r="MGX686" s="613"/>
      <c r="MGY686" s="613"/>
      <c r="MGZ686" s="613"/>
      <c r="MHA686" s="613"/>
      <c r="MHB686" s="613"/>
      <c r="MHC686" s="613"/>
      <c r="MHD686" s="613"/>
      <c r="MHE686" s="613"/>
      <c r="MHF686" s="613"/>
      <c r="MHG686" s="613"/>
      <c r="MHH686" s="613"/>
      <c r="MHI686" s="613"/>
      <c r="MHJ686" s="613"/>
      <c r="MHK686" s="613"/>
      <c r="MHL686" s="613"/>
      <c r="MHM686" s="613"/>
      <c r="MHN686" s="613"/>
      <c r="MHO686" s="613"/>
      <c r="MHP686" s="613"/>
      <c r="MHQ686" s="613"/>
      <c r="MHR686" s="613"/>
      <c r="MHS686" s="613"/>
      <c r="MHT686" s="613"/>
      <c r="MHU686" s="613"/>
      <c r="MHV686" s="613"/>
      <c r="MHW686" s="613"/>
      <c r="MHX686" s="613"/>
      <c r="MHY686" s="613"/>
      <c r="MHZ686" s="613"/>
      <c r="MIA686" s="613"/>
      <c r="MIB686" s="613"/>
      <c r="MIC686" s="613"/>
      <c r="MID686" s="613"/>
      <c r="MIE686" s="613"/>
      <c r="MIF686" s="613"/>
      <c r="MIG686" s="613"/>
      <c r="MIH686" s="613"/>
      <c r="MII686" s="613"/>
      <c r="MIJ686" s="613"/>
      <c r="MIK686" s="613"/>
      <c r="MIL686" s="613"/>
      <c r="MIM686" s="613"/>
      <c r="MIN686" s="613"/>
      <c r="MIO686" s="613"/>
      <c r="MIP686" s="613"/>
      <c r="MIQ686" s="613"/>
      <c r="MIR686" s="613"/>
      <c r="MIS686" s="613"/>
      <c r="MIT686" s="613"/>
      <c r="MIU686" s="613"/>
      <c r="MIV686" s="613"/>
      <c r="MIW686" s="613"/>
      <c r="MIX686" s="613"/>
      <c r="MIY686" s="613"/>
      <c r="MIZ686" s="613"/>
      <c r="MJA686" s="613"/>
      <c r="MJB686" s="613"/>
      <c r="MJC686" s="613"/>
      <c r="MJD686" s="613"/>
      <c r="MJE686" s="613"/>
      <c r="MJF686" s="613"/>
      <c r="MJG686" s="613"/>
      <c r="MJH686" s="613"/>
      <c r="MJI686" s="613"/>
      <c r="MJJ686" s="613"/>
      <c r="MJK686" s="613"/>
      <c r="MJL686" s="613"/>
      <c r="MJM686" s="613"/>
      <c r="MJN686" s="613"/>
      <c r="MJO686" s="613"/>
      <c r="MJP686" s="613"/>
      <c r="MJQ686" s="613"/>
      <c r="MJR686" s="613"/>
      <c r="MJS686" s="613"/>
      <c r="MJT686" s="613"/>
      <c r="MJU686" s="613"/>
      <c r="MJV686" s="613"/>
      <c r="MJW686" s="613"/>
      <c r="MJX686" s="613"/>
      <c r="MJY686" s="613"/>
      <c r="MJZ686" s="613"/>
      <c r="MKA686" s="613"/>
      <c r="MKB686" s="613"/>
      <c r="MKC686" s="613"/>
      <c r="MKD686" s="613"/>
      <c r="MKE686" s="613"/>
      <c r="MKF686" s="613"/>
      <c r="MKG686" s="613"/>
      <c r="MKH686" s="613"/>
      <c r="MKI686" s="613"/>
      <c r="MKJ686" s="613"/>
      <c r="MKK686" s="613"/>
      <c r="MKL686" s="613"/>
      <c r="MKM686" s="613"/>
      <c r="MKN686" s="613"/>
      <c r="MKO686" s="613"/>
      <c r="MKP686" s="613"/>
      <c r="MKQ686" s="613"/>
      <c r="MKR686" s="613"/>
      <c r="MKS686" s="613"/>
      <c r="MKT686" s="613"/>
      <c r="MKU686" s="613"/>
      <c r="MKV686" s="613"/>
      <c r="MKW686" s="613"/>
      <c r="MKX686" s="613"/>
      <c r="MKY686" s="613"/>
      <c r="MKZ686" s="613"/>
      <c r="MLA686" s="613"/>
      <c r="MLB686" s="613"/>
      <c r="MLC686" s="613"/>
      <c r="MLD686" s="613"/>
      <c r="MLE686" s="613"/>
      <c r="MLF686" s="613"/>
      <c r="MLG686" s="613"/>
      <c r="MLH686" s="613"/>
      <c r="MLI686" s="613"/>
      <c r="MLJ686" s="613"/>
      <c r="MLK686" s="613"/>
      <c r="MLL686" s="613"/>
      <c r="MLM686" s="613"/>
      <c r="MLN686" s="613"/>
      <c r="MLO686" s="613"/>
      <c r="MLP686" s="613"/>
      <c r="MLQ686" s="613"/>
      <c r="MLR686" s="613"/>
      <c r="MLS686" s="613"/>
      <c r="MLT686" s="613"/>
      <c r="MLU686" s="613"/>
      <c r="MLV686" s="613"/>
      <c r="MLW686" s="613"/>
      <c r="MLX686" s="613"/>
      <c r="MLY686" s="613"/>
      <c r="MLZ686" s="613"/>
      <c r="MMA686" s="613"/>
      <c r="MMB686" s="613"/>
      <c r="MMC686" s="613"/>
      <c r="MMD686" s="613"/>
      <c r="MME686" s="613"/>
      <c r="MMF686" s="613"/>
      <c r="MMG686" s="613"/>
      <c r="MMH686" s="613"/>
      <c r="MMI686" s="613"/>
      <c r="MMJ686" s="613"/>
      <c r="MMK686" s="613"/>
      <c r="MML686" s="613"/>
      <c r="MMM686" s="613"/>
      <c r="MMN686" s="613"/>
      <c r="MMO686" s="613"/>
      <c r="MMP686" s="613"/>
      <c r="MMQ686" s="613"/>
      <c r="MMR686" s="613"/>
      <c r="MMS686" s="613"/>
      <c r="MMT686" s="613"/>
      <c r="MMU686" s="613"/>
      <c r="MMV686" s="613"/>
      <c r="MMW686" s="613"/>
      <c r="MMX686" s="613"/>
      <c r="MMY686" s="613"/>
      <c r="MMZ686" s="613"/>
      <c r="MNA686" s="613"/>
      <c r="MNB686" s="613"/>
      <c r="MNC686" s="613"/>
      <c r="MND686" s="613"/>
      <c r="MNE686" s="613"/>
      <c r="MNF686" s="613"/>
      <c r="MNG686" s="613"/>
      <c r="MNH686" s="613"/>
      <c r="MNI686" s="613"/>
      <c r="MNJ686" s="613"/>
      <c r="MNK686" s="613"/>
      <c r="MNL686" s="613"/>
      <c r="MNM686" s="613"/>
      <c r="MNN686" s="613"/>
      <c r="MNO686" s="613"/>
      <c r="MNP686" s="613"/>
      <c r="MNQ686" s="613"/>
      <c r="MNR686" s="613"/>
      <c r="MNS686" s="613"/>
      <c r="MNT686" s="613"/>
      <c r="MNU686" s="613"/>
      <c r="MNV686" s="613"/>
      <c r="MNW686" s="613"/>
      <c r="MNX686" s="613"/>
      <c r="MNY686" s="613"/>
      <c r="MNZ686" s="613"/>
      <c r="MOA686" s="613"/>
      <c r="MOB686" s="613"/>
      <c r="MOC686" s="613"/>
      <c r="MOD686" s="613"/>
      <c r="MOE686" s="613"/>
      <c r="MOF686" s="613"/>
      <c r="MOG686" s="613"/>
      <c r="MOH686" s="613"/>
      <c r="MOI686" s="613"/>
      <c r="MOJ686" s="613"/>
      <c r="MOK686" s="613"/>
      <c r="MOL686" s="613"/>
      <c r="MOM686" s="613"/>
      <c r="MON686" s="613"/>
      <c r="MOO686" s="613"/>
      <c r="MOP686" s="613"/>
      <c r="MOQ686" s="613"/>
      <c r="MOR686" s="613"/>
      <c r="MOS686" s="613"/>
      <c r="MOT686" s="613"/>
      <c r="MOU686" s="613"/>
      <c r="MOV686" s="613"/>
      <c r="MOW686" s="613"/>
      <c r="MOX686" s="613"/>
      <c r="MOY686" s="613"/>
      <c r="MOZ686" s="613"/>
      <c r="MPA686" s="613"/>
      <c r="MPB686" s="613"/>
      <c r="MPC686" s="613"/>
      <c r="MPD686" s="613"/>
      <c r="MPE686" s="613"/>
      <c r="MPF686" s="613"/>
      <c r="MPG686" s="613"/>
      <c r="MPH686" s="613"/>
      <c r="MPI686" s="613"/>
      <c r="MPJ686" s="613"/>
      <c r="MPK686" s="613"/>
      <c r="MPL686" s="613"/>
      <c r="MPM686" s="613"/>
      <c r="MPN686" s="613"/>
      <c r="MPO686" s="613"/>
      <c r="MPP686" s="613"/>
      <c r="MPQ686" s="613"/>
      <c r="MPR686" s="613"/>
      <c r="MPS686" s="613"/>
      <c r="MPT686" s="613"/>
      <c r="MPU686" s="613"/>
      <c r="MPV686" s="613"/>
      <c r="MPW686" s="613"/>
      <c r="MPX686" s="613"/>
      <c r="MPY686" s="613"/>
      <c r="MPZ686" s="613"/>
      <c r="MQA686" s="613"/>
      <c r="MQB686" s="613"/>
      <c r="MQC686" s="613"/>
      <c r="MQD686" s="613"/>
      <c r="MQE686" s="613"/>
      <c r="MQF686" s="613"/>
      <c r="MQG686" s="613"/>
      <c r="MQH686" s="613"/>
      <c r="MQI686" s="613"/>
      <c r="MQJ686" s="613"/>
      <c r="MQK686" s="613"/>
      <c r="MQL686" s="613"/>
      <c r="MQM686" s="613"/>
      <c r="MQN686" s="613"/>
      <c r="MQO686" s="613"/>
      <c r="MQP686" s="613"/>
      <c r="MQQ686" s="613"/>
      <c r="MQR686" s="613"/>
      <c r="MQS686" s="613"/>
      <c r="MQT686" s="613"/>
      <c r="MQU686" s="613"/>
      <c r="MQV686" s="613"/>
      <c r="MQW686" s="613"/>
      <c r="MQX686" s="613"/>
      <c r="MQY686" s="613"/>
      <c r="MQZ686" s="613"/>
      <c r="MRA686" s="613"/>
      <c r="MRB686" s="613"/>
      <c r="MRC686" s="613"/>
      <c r="MRD686" s="613"/>
      <c r="MRE686" s="613"/>
      <c r="MRF686" s="613"/>
      <c r="MRG686" s="613"/>
      <c r="MRH686" s="613"/>
      <c r="MRI686" s="613"/>
      <c r="MRJ686" s="613"/>
      <c r="MRK686" s="613"/>
      <c r="MRL686" s="613"/>
      <c r="MRM686" s="613"/>
      <c r="MRN686" s="613"/>
      <c r="MRO686" s="613"/>
      <c r="MRP686" s="613"/>
      <c r="MRQ686" s="613"/>
      <c r="MRR686" s="613"/>
      <c r="MRS686" s="613"/>
      <c r="MRT686" s="613"/>
      <c r="MRU686" s="613"/>
      <c r="MRV686" s="613"/>
      <c r="MRW686" s="613"/>
      <c r="MRX686" s="613"/>
      <c r="MRY686" s="613"/>
      <c r="MRZ686" s="613"/>
      <c r="MSA686" s="613"/>
      <c r="MSB686" s="613"/>
      <c r="MSC686" s="613"/>
      <c r="MSD686" s="613"/>
      <c r="MSE686" s="613"/>
      <c r="MSF686" s="613"/>
      <c r="MSG686" s="613"/>
      <c r="MSH686" s="613"/>
      <c r="MSI686" s="613"/>
      <c r="MSJ686" s="613"/>
      <c r="MSK686" s="613"/>
      <c r="MSL686" s="613"/>
      <c r="MSM686" s="613"/>
      <c r="MSN686" s="613"/>
      <c r="MSO686" s="613"/>
      <c r="MSP686" s="613"/>
      <c r="MSQ686" s="613"/>
      <c r="MSR686" s="613"/>
      <c r="MSS686" s="613"/>
      <c r="MST686" s="613"/>
      <c r="MSU686" s="613"/>
      <c r="MSV686" s="613"/>
      <c r="MSW686" s="613"/>
      <c r="MSX686" s="613"/>
      <c r="MSY686" s="613"/>
      <c r="MSZ686" s="613"/>
      <c r="MTA686" s="613"/>
      <c r="MTB686" s="613"/>
      <c r="MTC686" s="613"/>
      <c r="MTD686" s="613"/>
      <c r="MTE686" s="613"/>
      <c r="MTF686" s="613"/>
      <c r="MTG686" s="613"/>
      <c r="MTH686" s="613"/>
      <c r="MTI686" s="613"/>
      <c r="MTJ686" s="613"/>
      <c r="MTK686" s="613"/>
      <c r="MTL686" s="613"/>
      <c r="MTM686" s="613"/>
      <c r="MTN686" s="613"/>
      <c r="MTO686" s="613"/>
      <c r="MTP686" s="613"/>
      <c r="MTQ686" s="613"/>
      <c r="MTR686" s="613"/>
      <c r="MTS686" s="613"/>
      <c r="MTT686" s="613"/>
      <c r="MTU686" s="613"/>
      <c r="MTV686" s="613"/>
      <c r="MTW686" s="613"/>
      <c r="MTX686" s="613"/>
      <c r="MTY686" s="613"/>
      <c r="MTZ686" s="613"/>
      <c r="MUA686" s="613"/>
      <c r="MUB686" s="613"/>
      <c r="MUC686" s="613"/>
      <c r="MUD686" s="613"/>
      <c r="MUE686" s="613"/>
      <c r="MUF686" s="613"/>
      <c r="MUG686" s="613"/>
      <c r="MUH686" s="613"/>
      <c r="MUI686" s="613"/>
      <c r="MUJ686" s="613"/>
      <c r="MUK686" s="613"/>
      <c r="MUL686" s="613"/>
      <c r="MUM686" s="613"/>
      <c r="MUN686" s="613"/>
      <c r="MUO686" s="613"/>
      <c r="MUP686" s="613"/>
      <c r="MUQ686" s="613"/>
      <c r="MUR686" s="613"/>
      <c r="MUS686" s="613"/>
      <c r="MUT686" s="613"/>
      <c r="MUU686" s="613"/>
      <c r="MUV686" s="613"/>
      <c r="MUW686" s="613"/>
      <c r="MUX686" s="613"/>
      <c r="MUY686" s="613"/>
      <c r="MUZ686" s="613"/>
      <c r="MVA686" s="613"/>
      <c r="MVB686" s="613"/>
      <c r="MVC686" s="613"/>
      <c r="MVD686" s="613"/>
      <c r="MVE686" s="613"/>
      <c r="MVF686" s="613"/>
      <c r="MVG686" s="613"/>
      <c r="MVH686" s="613"/>
      <c r="MVI686" s="613"/>
      <c r="MVJ686" s="613"/>
      <c r="MVK686" s="613"/>
      <c r="MVL686" s="613"/>
      <c r="MVM686" s="613"/>
      <c r="MVN686" s="613"/>
      <c r="MVO686" s="613"/>
      <c r="MVP686" s="613"/>
      <c r="MVQ686" s="613"/>
      <c r="MVR686" s="613"/>
      <c r="MVS686" s="613"/>
      <c r="MVT686" s="613"/>
      <c r="MVU686" s="613"/>
      <c r="MVV686" s="613"/>
      <c r="MVW686" s="613"/>
      <c r="MVX686" s="613"/>
      <c r="MVY686" s="613"/>
      <c r="MVZ686" s="613"/>
      <c r="MWA686" s="613"/>
      <c r="MWB686" s="613"/>
      <c r="MWC686" s="613"/>
      <c r="MWD686" s="613"/>
      <c r="MWE686" s="613"/>
      <c r="MWF686" s="613"/>
      <c r="MWG686" s="613"/>
      <c r="MWH686" s="613"/>
      <c r="MWI686" s="613"/>
      <c r="MWJ686" s="613"/>
      <c r="MWK686" s="613"/>
      <c r="MWL686" s="613"/>
      <c r="MWM686" s="613"/>
      <c r="MWN686" s="613"/>
      <c r="MWO686" s="613"/>
      <c r="MWP686" s="613"/>
      <c r="MWQ686" s="613"/>
      <c r="MWR686" s="613"/>
      <c r="MWS686" s="613"/>
      <c r="MWT686" s="613"/>
      <c r="MWU686" s="613"/>
      <c r="MWV686" s="613"/>
      <c r="MWW686" s="613"/>
      <c r="MWX686" s="613"/>
      <c r="MWY686" s="613"/>
      <c r="MWZ686" s="613"/>
      <c r="MXA686" s="613"/>
      <c r="MXB686" s="613"/>
      <c r="MXC686" s="613"/>
      <c r="MXD686" s="613"/>
      <c r="MXE686" s="613"/>
      <c r="MXF686" s="613"/>
      <c r="MXG686" s="613"/>
      <c r="MXH686" s="613"/>
      <c r="MXI686" s="613"/>
      <c r="MXJ686" s="613"/>
      <c r="MXK686" s="613"/>
      <c r="MXL686" s="613"/>
      <c r="MXM686" s="613"/>
      <c r="MXN686" s="613"/>
      <c r="MXO686" s="613"/>
      <c r="MXP686" s="613"/>
      <c r="MXQ686" s="613"/>
      <c r="MXR686" s="613"/>
      <c r="MXS686" s="613"/>
      <c r="MXT686" s="613"/>
      <c r="MXU686" s="613"/>
      <c r="MXV686" s="613"/>
      <c r="MXW686" s="613"/>
      <c r="MXX686" s="613"/>
      <c r="MXY686" s="613"/>
      <c r="MXZ686" s="613"/>
      <c r="MYA686" s="613"/>
      <c r="MYB686" s="613"/>
      <c r="MYC686" s="613"/>
      <c r="MYD686" s="613"/>
      <c r="MYE686" s="613"/>
      <c r="MYF686" s="613"/>
      <c r="MYG686" s="613"/>
      <c r="MYH686" s="613"/>
      <c r="MYI686" s="613"/>
      <c r="MYJ686" s="613"/>
      <c r="MYK686" s="613"/>
      <c r="MYL686" s="613"/>
      <c r="MYM686" s="613"/>
      <c r="MYN686" s="613"/>
      <c r="MYO686" s="613"/>
      <c r="MYP686" s="613"/>
      <c r="MYQ686" s="613"/>
      <c r="MYR686" s="613"/>
      <c r="MYS686" s="613"/>
      <c r="MYT686" s="613"/>
      <c r="MYU686" s="613"/>
      <c r="MYV686" s="613"/>
      <c r="MYW686" s="613"/>
      <c r="MYX686" s="613"/>
      <c r="MYY686" s="613"/>
      <c r="MYZ686" s="613"/>
      <c r="MZA686" s="613"/>
      <c r="MZB686" s="613"/>
      <c r="MZC686" s="613"/>
      <c r="MZD686" s="613"/>
      <c r="MZE686" s="613"/>
      <c r="MZF686" s="613"/>
      <c r="MZG686" s="613"/>
      <c r="MZH686" s="613"/>
      <c r="MZI686" s="613"/>
      <c r="MZJ686" s="613"/>
      <c r="MZK686" s="613"/>
      <c r="MZL686" s="613"/>
      <c r="MZM686" s="613"/>
      <c r="MZN686" s="613"/>
      <c r="MZO686" s="613"/>
      <c r="MZP686" s="613"/>
      <c r="MZQ686" s="613"/>
      <c r="MZR686" s="613"/>
      <c r="MZS686" s="613"/>
      <c r="MZT686" s="613"/>
      <c r="MZU686" s="613"/>
      <c r="MZV686" s="613"/>
      <c r="MZW686" s="613"/>
      <c r="MZX686" s="613"/>
      <c r="MZY686" s="613"/>
      <c r="MZZ686" s="613"/>
      <c r="NAA686" s="613"/>
      <c r="NAB686" s="613"/>
      <c r="NAC686" s="613"/>
      <c r="NAD686" s="613"/>
      <c r="NAE686" s="613"/>
      <c r="NAF686" s="613"/>
      <c r="NAG686" s="613"/>
      <c r="NAH686" s="613"/>
      <c r="NAI686" s="613"/>
      <c r="NAJ686" s="613"/>
      <c r="NAK686" s="613"/>
      <c r="NAL686" s="613"/>
      <c r="NAM686" s="613"/>
      <c r="NAN686" s="613"/>
      <c r="NAO686" s="613"/>
      <c r="NAP686" s="613"/>
      <c r="NAQ686" s="613"/>
      <c r="NAR686" s="613"/>
      <c r="NAS686" s="613"/>
      <c r="NAT686" s="613"/>
      <c r="NAU686" s="613"/>
      <c r="NAV686" s="613"/>
      <c r="NAW686" s="613"/>
      <c r="NAX686" s="613"/>
      <c r="NAY686" s="613"/>
      <c r="NAZ686" s="613"/>
      <c r="NBA686" s="613"/>
      <c r="NBB686" s="613"/>
      <c r="NBC686" s="613"/>
      <c r="NBD686" s="613"/>
      <c r="NBE686" s="613"/>
      <c r="NBF686" s="613"/>
      <c r="NBG686" s="613"/>
      <c r="NBH686" s="613"/>
      <c r="NBI686" s="613"/>
      <c r="NBJ686" s="613"/>
      <c r="NBK686" s="613"/>
      <c r="NBL686" s="613"/>
      <c r="NBM686" s="613"/>
      <c r="NBN686" s="613"/>
      <c r="NBO686" s="613"/>
      <c r="NBP686" s="613"/>
      <c r="NBQ686" s="613"/>
      <c r="NBR686" s="613"/>
      <c r="NBS686" s="613"/>
      <c r="NBT686" s="613"/>
      <c r="NBU686" s="613"/>
      <c r="NBV686" s="613"/>
      <c r="NBW686" s="613"/>
      <c r="NBX686" s="613"/>
      <c r="NBY686" s="613"/>
      <c r="NBZ686" s="613"/>
      <c r="NCA686" s="613"/>
      <c r="NCB686" s="613"/>
      <c r="NCC686" s="613"/>
      <c r="NCD686" s="613"/>
      <c r="NCE686" s="613"/>
      <c r="NCF686" s="613"/>
      <c r="NCG686" s="613"/>
      <c r="NCH686" s="613"/>
      <c r="NCI686" s="613"/>
      <c r="NCJ686" s="613"/>
      <c r="NCK686" s="613"/>
      <c r="NCL686" s="613"/>
      <c r="NCM686" s="613"/>
      <c r="NCN686" s="613"/>
      <c r="NCO686" s="613"/>
      <c r="NCP686" s="613"/>
      <c r="NCQ686" s="613"/>
      <c r="NCR686" s="613"/>
      <c r="NCS686" s="613"/>
      <c r="NCT686" s="613"/>
      <c r="NCU686" s="613"/>
      <c r="NCV686" s="613"/>
      <c r="NCW686" s="613"/>
      <c r="NCX686" s="613"/>
      <c r="NCY686" s="613"/>
      <c r="NCZ686" s="613"/>
      <c r="NDA686" s="613"/>
      <c r="NDB686" s="613"/>
      <c r="NDC686" s="613"/>
      <c r="NDD686" s="613"/>
      <c r="NDE686" s="613"/>
      <c r="NDF686" s="613"/>
      <c r="NDG686" s="613"/>
      <c r="NDH686" s="613"/>
      <c r="NDI686" s="613"/>
      <c r="NDJ686" s="613"/>
      <c r="NDK686" s="613"/>
      <c r="NDL686" s="613"/>
      <c r="NDM686" s="613"/>
      <c r="NDN686" s="613"/>
      <c r="NDO686" s="613"/>
      <c r="NDP686" s="613"/>
      <c r="NDQ686" s="613"/>
      <c r="NDR686" s="613"/>
      <c r="NDS686" s="613"/>
      <c r="NDT686" s="613"/>
      <c r="NDU686" s="613"/>
      <c r="NDV686" s="613"/>
      <c r="NDW686" s="613"/>
      <c r="NDX686" s="613"/>
      <c r="NDY686" s="613"/>
      <c r="NDZ686" s="613"/>
      <c r="NEA686" s="613"/>
      <c r="NEB686" s="613"/>
      <c r="NEC686" s="613"/>
      <c r="NED686" s="613"/>
      <c r="NEE686" s="613"/>
      <c r="NEF686" s="613"/>
      <c r="NEG686" s="613"/>
      <c r="NEH686" s="613"/>
      <c r="NEI686" s="613"/>
      <c r="NEJ686" s="613"/>
      <c r="NEK686" s="613"/>
      <c r="NEL686" s="613"/>
      <c r="NEM686" s="613"/>
      <c r="NEN686" s="613"/>
      <c r="NEO686" s="613"/>
      <c r="NEP686" s="613"/>
      <c r="NEQ686" s="613"/>
      <c r="NER686" s="613"/>
      <c r="NES686" s="613"/>
      <c r="NET686" s="613"/>
      <c r="NEU686" s="613"/>
      <c r="NEV686" s="613"/>
      <c r="NEW686" s="613"/>
      <c r="NEX686" s="613"/>
      <c r="NEY686" s="613"/>
      <c r="NEZ686" s="613"/>
      <c r="NFA686" s="613"/>
      <c r="NFB686" s="613"/>
      <c r="NFC686" s="613"/>
      <c r="NFD686" s="613"/>
      <c r="NFE686" s="613"/>
      <c r="NFF686" s="613"/>
      <c r="NFG686" s="613"/>
      <c r="NFH686" s="613"/>
      <c r="NFI686" s="613"/>
      <c r="NFJ686" s="613"/>
      <c r="NFK686" s="613"/>
      <c r="NFL686" s="613"/>
      <c r="NFM686" s="613"/>
      <c r="NFN686" s="613"/>
      <c r="NFO686" s="613"/>
      <c r="NFP686" s="613"/>
      <c r="NFQ686" s="613"/>
      <c r="NFR686" s="613"/>
      <c r="NFS686" s="613"/>
      <c r="NFT686" s="613"/>
      <c r="NFU686" s="613"/>
      <c r="NFV686" s="613"/>
      <c r="NFW686" s="613"/>
      <c r="NFX686" s="613"/>
      <c r="NFY686" s="613"/>
      <c r="NFZ686" s="613"/>
      <c r="NGA686" s="613"/>
      <c r="NGB686" s="613"/>
      <c r="NGC686" s="613"/>
      <c r="NGD686" s="613"/>
      <c r="NGE686" s="613"/>
      <c r="NGF686" s="613"/>
      <c r="NGG686" s="613"/>
      <c r="NGH686" s="613"/>
      <c r="NGI686" s="613"/>
      <c r="NGJ686" s="613"/>
      <c r="NGK686" s="613"/>
      <c r="NGL686" s="613"/>
      <c r="NGM686" s="613"/>
      <c r="NGN686" s="613"/>
      <c r="NGO686" s="613"/>
      <c r="NGP686" s="613"/>
      <c r="NGQ686" s="613"/>
      <c r="NGR686" s="613"/>
      <c r="NGS686" s="613"/>
      <c r="NGT686" s="613"/>
      <c r="NGU686" s="613"/>
      <c r="NGV686" s="613"/>
      <c r="NGW686" s="613"/>
      <c r="NGX686" s="613"/>
      <c r="NGY686" s="613"/>
      <c r="NGZ686" s="613"/>
      <c r="NHA686" s="613"/>
      <c r="NHB686" s="613"/>
      <c r="NHC686" s="613"/>
      <c r="NHD686" s="613"/>
      <c r="NHE686" s="613"/>
      <c r="NHF686" s="613"/>
      <c r="NHG686" s="613"/>
      <c r="NHH686" s="613"/>
      <c r="NHI686" s="613"/>
      <c r="NHJ686" s="613"/>
      <c r="NHK686" s="613"/>
      <c r="NHL686" s="613"/>
      <c r="NHM686" s="613"/>
      <c r="NHN686" s="613"/>
      <c r="NHO686" s="613"/>
      <c r="NHP686" s="613"/>
      <c r="NHQ686" s="613"/>
      <c r="NHR686" s="613"/>
      <c r="NHS686" s="613"/>
      <c r="NHT686" s="613"/>
      <c r="NHU686" s="613"/>
      <c r="NHV686" s="613"/>
      <c r="NHW686" s="613"/>
      <c r="NHX686" s="613"/>
      <c r="NHY686" s="613"/>
      <c r="NHZ686" s="613"/>
      <c r="NIA686" s="613"/>
      <c r="NIB686" s="613"/>
      <c r="NIC686" s="613"/>
      <c r="NID686" s="613"/>
      <c r="NIE686" s="613"/>
      <c r="NIF686" s="613"/>
      <c r="NIG686" s="613"/>
      <c r="NIH686" s="613"/>
      <c r="NII686" s="613"/>
      <c r="NIJ686" s="613"/>
      <c r="NIK686" s="613"/>
      <c r="NIL686" s="613"/>
      <c r="NIM686" s="613"/>
      <c r="NIN686" s="613"/>
      <c r="NIO686" s="613"/>
      <c r="NIP686" s="613"/>
      <c r="NIQ686" s="613"/>
      <c r="NIR686" s="613"/>
      <c r="NIS686" s="613"/>
      <c r="NIT686" s="613"/>
      <c r="NIU686" s="613"/>
      <c r="NIV686" s="613"/>
      <c r="NIW686" s="613"/>
      <c r="NIX686" s="613"/>
      <c r="NIY686" s="613"/>
      <c r="NIZ686" s="613"/>
      <c r="NJA686" s="613"/>
      <c r="NJB686" s="613"/>
      <c r="NJC686" s="613"/>
      <c r="NJD686" s="613"/>
      <c r="NJE686" s="613"/>
      <c r="NJF686" s="613"/>
      <c r="NJG686" s="613"/>
      <c r="NJH686" s="613"/>
      <c r="NJI686" s="613"/>
      <c r="NJJ686" s="613"/>
      <c r="NJK686" s="613"/>
      <c r="NJL686" s="613"/>
      <c r="NJM686" s="613"/>
      <c r="NJN686" s="613"/>
      <c r="NJO686" s="613"/>
      <c r="NJP686" s="613"/>
      <c r="NJQ686" s="613"/>
      <c r="NJR686" s="613"/>
      <c r="NJS686" s="613"/>
      <c r="NJT686" s="613"/>
      <c r="NJU686" s="613"/>
      <c r="NJV686" s="613"/>
      <c r="NJW686" s="613"/>
      <c r="NJX686" s="613"/>
      <c r="NJY686" s="613"/>
      <c r="NJZ686" s="613"/>
      <c r="NKA686" s="613"/>
      <c r="NKB686" s="613"/>
      <c r="NKC686" s="613"/>
      <c r="NKD686" s="613"/>
      <c r="NKE686" s="613"/>
      <c r="NKF686" s="613"/>
      <c r="NKG686" s="613"/>
      <c r="NKH686" s="613"/>
      <c r="NKI686" s="613"/>
      <c r="NKJ686" s="613"/>
      <c r="NKK686" s="613"/>
      <c r="NKL686" s="613"/>
      <c r="NKM686" s="613"/>
      <c r="NKN686" s="613"/>
      <c r="NKO686" s="613"/>
      <c r="NKP686" s="613"/>
      <c r="NKQ686" s="613"/>
      <c r="NKR686" s="613"/>
      <c r="NKS686" s="613"/>
      <c r="NKT686" s="613"/>
      <c r="NKU686" s="613"/>
      <c r="NKV686" s="613"/>
      <c r="NKW686" s="613"/>
      <c r="NKX686" s="613"/>
      <c r="NKY686" s="613"/>
      <c r="NKZ686" s="613"/>
      <c r="NLA686" s="613"/>
      <c r="NLB686" s="613"/>
      <c r="NLC686" s="613"/>
      <c r="NLD686" s="613"/>
      <c r="NLE686" s="613"/>
      <c r="NLF686" s="613"/>
      <c r="NLG686" s="613"/>
      <c r="NLH686" s="613"/>
      <c r="NLI686" s="613"/>
      <c r="NLJ686" s="613"/>
      <c r="NLK686" s="613"/>
      <c r="NLL686" s="613"/>
      <c r="NLM686" s="613"/>
      <c r="NLN686" s="613"/>
      <c r="NLO686" s="613"/>
      <c r="NLP686" s="613"/>
      <c r="NLQ686" s="613"/>
      <c r="NLR686" s="613"/>
      <c r="NLS686" s="613"/>
      <c r="NLT686" s="613"/>
      <c r="NLU686" s="613"/>
      <c r="NLV686" s="613"/>
      <c r="NLW686" s="613"/>
      <c r="NLX686" s="613"/>
      <c r="NLY686" s="613"/>
      <c r="NLZ686" s="613"/>
      <c r="NMA686" s="613"/>
      <c r="NMB686" s="613"/>
      <c r="NMC686" s="613"/>
      <c r="NMD686" s="613"/>
      <c r="NME686" s="613"/>
      <c r="NMF686" s="613"/>
      <c r="NMG686" s="613"/>
      <c r="NMH686" s="613"/>
      <c r="NMI686" s="613"/>
      <c r="NMJ686" s="613"/>
      <c r="NMK686" s="613"/>
      <c r="NML686" s="613"/>
      <c r="NMM686" s="613"/>
      <c r="NMN686" s="613"/>
      <c r="NMO686" s="613"/>
      <c r="NMP686" s="613"/>
      <c r="NMQ686" s="613"/>
      <c r="NMR686" s="613"/>
      <c r="NMS686" s="613"/>
      <c r="NMT686" s="613"/>
      <c r="NMU686" s="613"/>
      <c r="NMV686" s="613"/>
      <c r="NMW686" s="613"/>
      <c r="NMX686" s="613"/>
      <c r="NMY686" s="613"/>
      <c r="NMZ686" s="613"/>
      <c r="NNA686" s="613"/>
      <c r="NNB686" s="613"/>
      <c r="NNC686" s="613"/>
      <c r="NND686" s="613"/>
      <c r="NNE686" s="613"/>
      <c r="NNF686" s="613"/>
      <c r="NNG686" s="613"/>
      <c r="NNH686" s="613"/>
      <c r="NNI686" s="613"/>
      <c r="NNJ686" s="613"/>
      <c r="NNK686" s="613"/>
      <c r="NNL686" s="613"/>
      <c r="NNM686" s="613"/>
      <c r="NNN686" s="613"/>
      <c r="NNO686" s="613"/>
      <c r="NNP686" s="613"/>
      <c r="NNQ686" s="613"/>
      <c r="NNR686" s="613"/>
      <c r="NNS686" s="613"/>
      <c r="NNT686" s="613"/>
      <c r="NNU686" s="613"/>
      <c r="NNV686" s="613"/>
      <c r="NNW686" s="613"/>
      <c r="NNX686" s="613"/>
      <c r="NNY686" s="613"/>
      <c r="NNZ686" s="613"/>
      <c r="NOA686" s="613"/>
      <c r="NOB686" s="613"/>
      <c r="NOC686" s="613"/>
      <c r="NOD686" s="613"/>
      <c r="NOE686" s="613"/>
      <c r="NOF686" s="613"/>
      <c r="NOG686" s="613"/>
      <c r="NOH686" s="613"/>
      <c r="NOI686" s="613"/>
      <c r="NOJ686" s="613"/>
      <c r="NOK686" s="613"/>
      <c r="NOL686" s="613"/>
      <c r="NOM686" s="613"/>
      <c r="NON686" s="613"/>
      <c r="NOO686" s="613"/>
      <c r="NOP686" s="613"/>
      <c r="NOQ686" s="613"/>
      <c r="NOR686" s="613"/>
      <c r="NOS686" s="613"/>
      <c r="NOT686" s="613"/>
      <c r="NOU686" s="613"/>
      <c r="NOV686" s="613"/>
      <c r="NOW686" s="613"/>
      <c r="NOX686" s="613"/>
      <c r="NOY686" s="613"/>
      <c r="NOZ686" s="613"/>
      <c r="NPA686" s="613"/>
      <c r="NPB686" s="613"/>
      <c r="NPC686" s="613"/>
      <c r="NPD686" s="613"/>
      <c r="NPE686" s="613"/>
      <c r="NPF686" s="613"/>
      <c r="NPG686" s="613"/>
      <c r="NPH686" s="613"/>
      <c r="NPI686" s="613"/>
      <c r="NPJ686" s="613"/>
      <c r="NPK686" s="613"/>
      <c r="NPL686" s="613"/>
      <c r="NPM686" s="613"/>
      <c r="NPN686" s="613"/>
      <c r="NPO686" s="613"/>
      <c r="NPP686" s="613"/>
      <c r="NPQ686" s="613"/>
      <c r="NPR686" s="613"/>
      <c r="NPS686" s="613"/>
      <c r="NPT686" s="613"/>
      <c r="NPU686" s="613"/>
      <c r="NPV686" s="613"/>
      <c r="NPW686" s="613"/>
      <c r="NPX686" s="613"/>
      <c r="NPY686" s="613"/>
      <c r="NPZ686" s="613"/>
      <c r="NQA686" s="613"/>
      <c r="NQB686" s="613"/>
      <c r="NQC686" s="613"/>
      <c r="NQD686" s="613"/>
      <c r="NQE686" s="613"/>
      <c r="NQF686" s="613"/>
      <c r="NQG686" s="613"/>
      <c r="NQH686" s="613"/>
      <c r="NQI686" s="613"/>
      <c r="NQJ686" s="613"/>
      <c r="NQK686" s="613"/>
      <c r="NQL686" s="613"/>
      <c r="NQM686" s="613"/>
      <c r="NQN686" s="613"/>
      <c r="NQO686" s="613"/>
      <c r="NQP686" s="613"/>
      <c r="NQQ686" s="613"/>
      <c r="NQR686" s="613"/>
      <c r="NQS686" s="613"/>
      <c r="NQT686" s="613"/>
      <c r="NQU686" s="613"/>
      <c r="NQV686" s="613"/>
      <c r="NQW686" s="613"/>
      <c r="NQX686" s="613"/>
      <c r="NQY686" s="613"/>
      <c r="NQZ686" s="613"/>
      <c r="NRA686" s="613"/>
      <c r="NRB686" s="613"/>
      <c r="NRC686" s="613"/>
      <c r="NRD686" s="613"/>
      <c r="NRE686" s="613"/>
      <c r="NRF686" s="613"/>
      <c r="NRG686" s="613"/>
      <c r="NRH686" s="613"/>
      <c r="NRI686" s="613"/>
      <c r="NRJ686" s="613"/>
      <c r="NRK686" s="613"/>
      <c r="NRL686" s="613"/>
      <c r="NRM686" s="613"/>
      <c r="NRN686" s="613"/>
      <c r="NRO686" s="613"/>
      <c r="NRP686" s="613"/>
      <c r="NRQ686" s="613"/>
      <c r="NRR686" s="613"/>
      <c r="NRS686" s="613"/>
      <c r="NRT686" s="613"/>
      <c r="NRU686" s="613"/>
      <c r="NRV686" s="613"/>
      <c r="NRW686" s="613"/>
      <c r="NRX686" s="613"/>
      <c r="NRY686" s="613"/>
      <c r="NRZ686" s="613"/>
      <c r="NSA686" s="613"/>
      <c r="NSB686" s="613"/>
      <c r="NSC686" s="613"/>
      <c r="NSD686" s="613"/>
      <c r="NSE686" s="613"/>
      <c r="NSF686" s="613"/>
      <c r="NSG686" s="613"/>
      <c r="NSH686" s="613"/>
      <c r="NSI686" s="613"/>
      <c r="NSJ686" s="613"/>
      <c r="NSK686" s="613"/>
      <c r="NSL686" s="613"/>
      <c r="NSM686" s="613"/>
      <c r="NSN686" s="613"/>
      <c r="NSO686" s="613"/>
      <c r="NSP686" s="613"/>
      <c r="NSQ686" s="613"/>
      <c r="NSR686" s="613"/>
      <c r="NSS686" s="613"/>
      <c r="NST686" s="613"/>
      <c r="NSU686" s="613"/>
      <c r="NSV686" s="613"/>
      <c r="NSW686" s="613"/>
      <c r="NSX686" s="613"/>
      <c r="NSY686" s="613"/>
      <c r="NSZ686" s="613"/>
      <c r="NTA686" s="613"/>
      <c r="NTB686" s="613"/>
      <c r="NTC686" s="613"/>
      <c r="NTD686" s="613"/>
      <c r="NTE686" s="613"/>
      <c r="NTF686" s="613"/>
      <c r="NTG686" s="613"/>
      <c r="NTH686" s="613"/>
      <c r="NTI686" s="613"/>
      <c r="NTJ686" s="613"/>
      <c r="NTK686" s="613"/>
      <c r="NTL686" s="613"/>
      <c r="NTM686" s="613"/>
      <c r="NTN686" s="613"/>
      <c r="NTO686" s="613"/>
      <c r="NTP686" s="613"/>
      <c r="NTQ686" s="613"/>
      <c r="NTR686" s="613"/>
      <c r="NTS686" s="613"/>
      <c r="NTT686" s="613"/>
      <c r="NTU686" s="613"/>
      <c r="NTV686" s="613"/>
      <c r="NTW686" s="613"/>
      <c r="NTX686" s="613"/>
      <c r="NTY686" s="613"/>
      <c r="NTZ686" s="613"/>
      <c r="NUA686" s="613"/>
      <c r="NUB686" s="613"/>
      <c r="NUC686" s="613"/>
      <c r="NUD686" s="613"/>
      <c r="NUE686" s="613"/>
      <c r="NUF686" s="613"/>
      <c r="NUG686" s="613"/>
      <c r="NUH686" s="613"/>
      <c r="NUI686" s="613"/>
      <c r="NUJ686" s="613"/>
      <c r="NUK686" s="613"/>
      <c r="NUL686" s="613"/>
      <c r="NUM686" s="613"/>
      <c r="NUN686" s="613"/>
      <c r="NUO686" s="613"/>
      <c r="NUP686" s="613"/>
      <c r="NUQ686" s="613"/>
      <c r="NUR686" s="613"/>
      <c r="NUS686" s="613"/>
      <c r="NUT686" s="613"/>
      <c r="NUU686" s="613"/>
      <c r="NUV686" s="613"/>
      <c r="NUW686" s="613"/>
      <c r="NUX686" s="613"/>
      <c r="NUY686" s="613"/>
      <c r="NUZ686" s="613"/>
      <c r="NVA686" s="613"/>
      <c r="NVB686" s="613"/>
      <c r="NVC686" s="613"/>
      <c r="NVD686" s="613"/>
      <c r="NVE686" s="613"/>
      <c r="NVF686" s="613"/>
      <c r="NVG686" s="613"/>
      <c r="NVH686" s="613"/>
      <c r="NVI686" s="613"/>
      <c r="NVJ686" s="613"/>
      <c r="NVK686" s="613"/>
      <c r="NVL686" s="613"/>
      <c r="NVM686" s="613"/>
      <c r="NVN686" s="613"/>
      <c r="NVO686" s="613"/>
      <c r="NVP686" s="613"/>
      <c r="NVQ686" s="613"/>
      <c r="NVR686" s="613"/>
      <c r="NVS686" s="613"/>
      <c r="NVT686" s="613"/>
      <c r="NVU686" s="613"/>
      <c r="NVV686" s="613"/>
      <c r="NVW686" s="613"/>
      <c r="NVX686" s="613"/>
      <c r="NVY686" s="613"/>
      <c r="NVZ686" s="613"/>
      <c r="NWA686" s="613"/>
      <c r="NWB686" s="613"/>
      <c r="NWC686" s="613"/>
      <c r="NWD686" s="613"/>
      <c r="NWE686" s="613"/>
      <c r="NWF686" s="613"/>
      <c r="NWG686" s="613"/>
      <c r="NWH686" s="613"/>
      <c r="NWI686" s="613"/>
      <c r="NWJ686" s="613"/>
      <c r="NWK686" s="613"/>
      <c r="NWL686" s="613"/>
      <c r="NWM686" s="613"/>
      <c r="NWN686" s="613"/>
      <c r="NWO686" s="613"/>
      <c r="NWP686" s="613"/>
      <c r="NWQ686" s="613"/>
      <c r="NWR686" s="613"/>
      <c r="NWS686" s="613"/>
      <c r="NWT686" s="613"/>
      <c r="NWU686" s="613"/>
      <c r="NWV686" s="613"/>
      <c r="NWW686" s="613"/>
      <c r="NWX686" s="613"/>
      <c r="NWY686" s="613"/>
      <c r="NWZ686" s="613"/>
      <c r="NXA686" s="613"/>
      <c r="NXB686" s="613"/>
      <c r="NXC686" s="613"/>
      <c r="NXD686" s="613"/>
      <c r="NXE686" s="613"/>
      <c r="NXF686" s="613"/>
      <c r="NXG686" s="613"/>
      <c r="NXH686" s="613"/>
      <c r="NXI686" s="613"/>
      <c r="NXJ686" s="613"/>
      <c r="NXK686" s="613"/>
      <c r="NXL686" s="613"/>
      <c r="NXM686" s="613"/>
      <c r="NXN686" s="613"/>
      <c r="NXO686" s="613"/>
      <c r="NXP686" s="613"/>
      <c r="NXQ686" s="613"/>
      <c r="NXR686" s="613"/>
      <c r="NXS686" s="613"/>
      <c r="NXT686" s="613"/>
      <c r="NXU686" s="613"/>
      <c r="NXV686" s="613"/>
      <c r="NXW686" s="613"/>
      <c r="NXX686" s="613"/>
      <c r="NXY686" s="613"/>
      <c r="NXZ686" s="613"/>
      <c r="NYA686" s="613"/>
      <c r="NYB686" s="613"/>
      <c r="NYC686" s="613"/>
      <c r="NYD686" s="613"/>
      <c r="NYE686" s="613"/>
      <c r="NYF686" s="613"/>
      <c r="NYG686" s="613"/>
      <c r="NYH686" s="613"/>
      <c r="NYI686" s="613"/>
      <c r="NYJ686" s="613"/>
      <c r="NYK686" s="613"/>
      <c r="NYL686" s="613"/>
      <c r="NYM686" s="613"/>
      <c r="NYN686" s="613"/>
      <c r="NYO686" s="613"/>
      <c r="NYP686" s="613"/>
      <c r="NYQ686" s="613"/>
      <c r="NYR686" s="613"/>
      <c r="NYS686" s="613"/>
      <c r="NYT686" s="613"/>
      <c r="NYU686" s="613"/>
      <c r="NYV686" s="613"/>
      <c r="NYW686" s="613"/>
      <c r="NYX686" s="613"/>
      <c r="NYY686" s="613"/>
      <c r="NYZ686" s="613"/>
      <c r="NZA686" s="613"/>
      <c r="NZB686" s="613"/>
      <c r="NZC686" s="613"/>
      <c r="NZD686" s="613"/>
      <c r="NZE686" s="613"/>
      <c r="NZF686" s="613"/>
      <c r="NZG686" s="613"/>
      <c r="NZH686" s="613"/>
      <c r="NZI686" s="613"/>
      <c r="NZJ686" s="613"/>
      <c r="NZK686" s="613"/>
      <c r="NZL686" s="613"/>
      <c r="NZM686" s="613"/>
      <c r="NZN686" s="613"/>
      <c r="NZO686" s="613"/>
      <c r="NZP686" s="613"/>
      <c r="NZQ686" s="613"/>
      <c r="NZR686" s="613"/>
      <c r="NZS686" s="613"/>
      <c r="NZT686" s="613"/>
      <c r="NZU686" s="613"/>
      <c r="NZV686" s="613"/>
      <c r="NZW686" s="613"/>
      <c r="NZX686" s="613"/>
      <c r="NZY686" s="613"/>
      <c r="NZZ686" s="613"/>
      <c r="OAA686" s="613"/>
      <c r="OAB686" s="613"/>
      <c r="OAC686" s="613"/>
      <c r="OAD686" s="613"/>
      <c r="OAE686" s="613"/>
      <c r="OAF686" s="613"/>
      <c r="OAG686" s="613"/>
      <c r="OAH686" s="613"/>
      <c r="OAI686" s="613"/>
      <c r="OAJ686" s="613"/>
      <c r="OAK686" s="613"/>
      <c r="OAL686" s="613"/>
      <c r="OAM686" s="613"/>
      <c r="OAN686" s="613"/>
      <c r="OAO686" s="613"/>
      <c r="OAP686" s="613"/>
      <c r="OAQ686" s="613"/>
      <c r="OAR686" s="613"/>
      <c r="OAS686" s="613"/>
      <c r="OAT686" s="613"/>
      <c r="OAU686" s="613"/>
      <c r="OAV686" s="613"/>
      <c r="OAW686" s="613"/>
      <c r="OAX686" s="613"/>
      <c r="OAY686" s="613"/>
      <c r="OAZ686" s="613"/>
      <c r="OBA686" s="613"/>
      <c r="OBB686" s="613"/>
      <c r="OBC686" s="613"/>
      <c r="OBD686" s="613"/>
      <c r="OBE686" s="613"/>
      <c r="OBF686" s="613"/>
      <c r="OBG686" s="613"/>
      <c r="OBH686" s="613"/>
      <c r="OBI686" s="613"/>
      <c r="OBJ686" s="613"/>
      <c r="OBK686" s="613"/>
      <c r="OBL686" s="613"/>
      <c r="OBM686" s="613"/>
      <c r="OBN686" s="613"/>
      <c r="OBO686" s="613"/>
      <c r="OBP686" s="613"/>
      <c r="OBQ686" s="613"/>
      <c r="OBR686" s="613"/>
      <c r="OBS686" s="613"/>
      <c r="OBT686" s="613"/>
      <c r="OBU686" s="613"/>
      <c r="OBV686" s="613"/>
      <c r="OBW686" s="613"/>
      <c r="OBX686" s="613"/>
      <c r="OBY686" s="613"/>
      <c r="OBZ686" s="613"/>
      <c r="OCA686" s="613"/>
      <c r="OCB686" s="613"/>
      <c r="OCC686" s="613"/>
      <c r="OCD686" s="613"/>
      <c r="OCE686" s="613"/>
      <c r="OCF686" s="613"/>
      <c r="OCG686" s="613"/>
      <c r="OCH686" s="613"/>
      <c r="OCI686" s="613"/>
      <c r="OCJ686" s="613"/>
      <c r="OCK686" s="613"/>
      <c r="OCL686" s="613"/>
      <c r="OCM686" s="613"/>
      <c r="OCN686" s="613"/>
      <c r="OCO686" s="613"/>
      <c r="OCP686" s="613"/>
      <c r="OCQ686" s="613"/>
      <c r="OCR686" s="613"/>
      <c r="OCS686" s="613"/>
      <c r="OCT686" s="613"/>
      <c r="OCU686" s="613"/>
      <c r="OCV686" s="613"/>
      <c r="OCW686" s="613"/>
      <c r="OCX686" s="613"/>
      <c r="OCY686" s="613"/>
      <c r="OCZ686" s="613"/>
      <c r="ODA686" s="613"/>
      <c r="ODB686" s="613"/>
      <c r="ODC686" s="613"/>
      <c r="ODD686" s="613"/>
      <c r="ODE686" s="613"/>
      <c r="ODF686" s="613"/>
      <c r="ODG686" s="613"/>
      <c r="ODH686" s="613"/>
      <c r="ODI686" s="613"/>
      <c r="ODJ686" s="613"/>
      <c r="ODK686" s="613"/>
      <c r="ODL686" s="613"/>
      <c r="ODM686" s="613"/>
      <c r="ODN686" s="613"/>
      <c r="ODO686" s="613"/>
      <c r="ODP686" s="613"/>
      <c r="ODQ686" s="613"/>
      <c r="ODR686" s="613"/>
      <c r="ODS686" s="613"/>
      <c r="ODT686" s="613"/>
      <c r="ODU686" s="613"/>
      <c r="ODV686" s="613"/>
      <c r="ODW686" s="613"/>
      <c r="ODX686" s="613"/>
      <c r="ODY686" s="613"/>
      <c r="ODZ686" s="613"/>
      <c r="OEA686" s="613"/>
      <c r="OEB686" s="613"/>
      <c r="OEC686" s="613"/>
      <c r="OED686" s="613"/>
      <c r="OEE686" s="613"/>
      <c r="OEF686" s="613"/>
      <c r="OEG686" s="613"/>
      <c r="OEH686" s="613"/>
      <c r="OEI686" s="613"/>
      <c r="OEJ686" s="613"/>
      <c r="OEK686" s="613"/>
      <c r="OEL686" s="613"/>
      <c r="OEM686" s="613"/>
      <c r="OEN686" s="613"/>
      <c r="OEO686" s="613"/>
      <c r="OEP686" s="613"/>
      <c r="OEQ686" s="613"/>
      <c r="OER686" s="613"/>
      <c r="OES686" s="613"/>
      <c r="OET686" s="613"/>
      <c r="OEU686" s="613"/>
      <c r="OEV686" s="613"/>
      <c r="OEW686" s="613"/>
      <c r="OEX686" s="613"/>
      <c r="OEY686" s="613"/>
      <c r="OEZ686" s="613"/>
      <c r="OFA686" s="613"/>
      <c r="OFB686" s="613"/>
      <c r="OFC686" s="613"/>
      <c r="OFD686" s="613"/>
      <c r="OFE686" s="613"/>
      <c r="OFF686" s="613"/>
      <c r="OFG686" s="613"/>
      <c r="OFH686" s="613"/>
      <c r="OFI686" s="613"/>
      <c r="OFJ686" s="613"/>
      <c r="OFK686" s="613"/>
      <c r="OFL686" s="613"/>
      <c r="OFM686" s="613"/>
      <c r="OFN686" s="613"/>
      <c r="OFO686" s="613"/>
      <c r="OFP686" s="613"/>
      <c r="OFQ686" s="613"/>
      <c r="OFR686" s="613"/>
      <c r="OFS686" s="613"/>
      <c r="OFT686" s="613"/>
      <c r="OFU686" s="613"/>
      <c r="OFV686" s="613"/>
      <c r="OFW686" s="613"/>
      <c r="OFX686" s="613"/>
      <c r="OFY686" s="613"/>
      <c r="OFZ686" s="613"/>
      <c r="OGA686" s="613"/>
      <c r="OGB686" s="613"/>
      <c r="OGC686" s="613"/>
      <c r="OGD686" s="613"/>
      <c r="OGE686" s="613"/>
      <c r="OGF686" s="613"/>
      <c r="OGG686" s="613"/>
      <c r="OGH686" s="613"/>
      <c r="OGI686" s="613"/>
      <c r="OGJ686" s="613"/>
      <c r="OGK686" s="613"/>
      <c r="OGL686" s="613"/>
      <c r="OGM686" s="613"/>
      <c r="OGN686" s="613"/>
      <c r="OGO686" s="613"/>
      <c r="OGP686" s="613"/>
      <c r="OGQ686" s="613"/>
      <c r="OGR686" s="613"/>
      <c r="OGS686" s="613"/>
      <c r="OGT686" s="613"/>
      <c r="OGU686" s="613"/>
      <c r="OGV686" s="613"/>
      <c r="OGW686" s="613"/>
      <c r="OGX686" s="613"/>
      <c r="OGY686" s="613"/>
      <c r="OGZ686" s="613"/>
      <c r="OHA686" s="613"/>
      <c r="OHB686" s="613"/>
      <c r="OHC686" s="613"/>
      <c r="OHD686" s="613"/>
      <c r="OHE686" s="613"/>
      <c r="OHF686" s="613"/>
      <c r="OHG686" s="613"/>
      <c r="OHH686" s="613"/>
      <c r="OHI686" s="613"/>
      <c r="OHJ686" s="613"/>
      <c r="OHK686" s="613"/>
      <c r="OHL686" s="613"/>
      <c r="OHM686" s="613"/>
      <c r="OHN686" s="613"/>
      <c r="OHO686" s="613"/>
      <c r="OHP686" s="613"/>
      <c r="OHQ686" s="613"/>
      <c r="OHR686" s="613"/>
      <c r="OHS686" s="613"/>
      <c r="OHT686" s="613"/>
      <c r="OHU686" s="613"/>
      <c r="OHV686" s="613"/>
      <c r="OHW686" s="613"/>
      <c r="OHX686" s="613"/>
      <c r="OHY686" s="613"/>
      <c r="OHZ686" s="613"/>
      <c r="OIA686" s="613"/>
      <c r="OIB686" s="613"/>
      <c r="OIC686" s="613"/>
      <c r="OID686" s="613"/>
      <c r="OIE686" s="613"/>
      <c r="OIF686" s="613"/>
      <c r="OIG686" s="613"/>
      <c r="OIH686" s="613"/>
      <c r="OII686" s="613"/>
      <c r="OIJ686" s="613"/>
      <c r="OIK686" s="613"/>
      <c r="OIL686" s="613"/>
      <c r="OIM686" s="613"/>
      <c r="OIN686" s="613"/>
      <c r="OIO686" s="613"/>
      <c r="OIP686" s="613"/>
      <c r="OIQ686" s="613"/>
      <c r="OIR686" s="613"/>
      <c r="OIS686" s="613"/>
      <c r="OIT686" s="613"/>
      <c r="OIU686" s="613"/>
      <c r="OIV686" s="613"/>
      <c r="OIW686" s="613"/>
      <c r="OIX686" s="613"/>
      <c r="OIY686" s="613"/>
      <c r="OIZ686" s="613"/>
      <c r="OJA686" s="613"/>
      <c r="OJB686" s="613"/>
      <c r="OJC686" s="613"/>
      <c r="OJD686" s="613"/>
      <c r="OJE686" s="613"/>
      <c r="OJF686" s="613"/>
      <c r="OJG686" s="613"/>
      <c r="OJH686" s="613"/>
      <c r="OJI686" s="613"/>
      <c r="OJJ686" s="613"/>
      <c r="OJK686" s="613"/>
      <c r="OJL686" s="613"/>
      <c r="OJM686" s="613"/>
      <c r="OJN686" s="613"/>
      <c r="OJO686" s="613"/>
      <c r="OJP686" s="613"/>
      <c r="OJQ686" s="613"/>
      <c r="OJR686" s="613"/>
      <c r="OJS686" s="613"/>
      <c r="OJT686" s="613"/>
      <c r="OJU686" s="613"/>
      <c r="OJV686" s="613"/>
      <c r="OJW686" s="613"/>
      <c r="OJX686" s="613"/>
      <c r="OJY686" s="613"/>
      <c r="OJZ686" s="613"/>
      <c r="OKA686" s="613"/>
      <c r="OKB686" s="613"/>
      <c r="OKC686" s="613"/>
      <c r="OKD686" s="613"/>
      <c r="OKE686" s="613"/>
      <c r="OKF686" s="613"/>
      <c r="OKG686" s="613"/>
      <c r="OKH686" s="613"/>
      <c r="OKI686" s="613"/>
      <c r="OKJ686" s="613"/>
      <c r="OKK686" s="613"/>
      <c r="OKL686" s="613"/>
      <c r="OKM686" s="613"/>
      <c r="OKN686" s="613"/>
      <c r="OKO686" s="613"/>
      <c r="OKP686" s="613"/>
      <c r="OKQ686" s="613"/>
      <c r="OKR686" s="613"/>
      <c r="OKS686" s="613"/>
      <c r="OKT686" s="613"/>
      <c r="OKU686" s="613"/>
      <c r="OKV686" s="613"/>
      <c r="OKW686" s="613"/>
      <c r="OKX686" s="613"/>
      <c r="OKY686" s="613"/>
      <c r="OKZ686" s="613"/>
      <c r="OLA686" s="613"/>
      <c r="OLB686" s="613"/>
      <c r="OLC686" s="613"/>
      <c r="OLD686" s="613"/>
      <c r="OLE686" s="613"/>
      <c r="OLF686" s="613"/>
      <c r="OLG686" s="613"/>
      <c r="OLH686" s="613"/>
      <c r="OLI686" s="613"/>
      <c r="OLJ686" s="613"/>
      <c r="OLK686" s="613"/>
      <c r="OLL686" s="613"/>
      <c r="OLM686" s="613"/>
      <c r="OLN686" s="613"/>
      <c r="OLO686" s="613"/>
      <c r="OLP686" s="613"/>
      <c r="OLQ686" s="613"/>
      <c r="OLR686" s="613"/>
      <c r="OLS686" s="613"/>
      <c r="OLT686" s="613"/>
      <c r="OLU686" s="613"/>
      <c r="OLV686" s="613"/>
      <c r="OLW686" s="613"/>
      <c r="OLX686" s="613"/>
      <c r="OLY686" s="613"/>
      <c r="OLZ686" s="613"/>
      <c r="OMA686" s="613"/>
      <c r="OMB686" s="613"/>
      <c r="OMC686" s="613"/>
      <c r="OMD686" s="613"/>
      <c r="OME686" s="613"/>
      <c r="OMF686" s="613"/>
      <c r="OMG686" s="613"/>
      <c r="OMH686" s="613"/>
      <c r="OMI686" s="613"/>
      <c r="OMJ686" s="613"/>
      <c r="OMK686" s="613"/>
      <c r="OML686" s="613"/>
      <c r="OMM686" s="613"/>
      <c r="OMN686" s="613"/>
      <c r="OMO686" s="613"/>
      <c r="OMP686" s="613"/>
      <c r="OMQ686" s="613"/>
      <c r="OMR686" s="613"/>
      <c r="OMS686" s="613"/>
      <c r="OMT686" s="613"/>
      <c r="OMU686" s="613"/>
      <c r="OMV686" s="613"/>
      <c r="OMW686" s="613"/>
      <c r="OMX686" s="613"/>
      <c r="OMY686" s="613"/>
      <c r="OMZ686" s="613"/>
      <c r="ONA686" s="613"/>
      <c r="ONB686" s="613"/>
      <c r="ONC686" s="613"/>
      <c r="OND686" s="613"/>
      <c r="ONE686" s="613"/>
      <c r="ONF686" s="613"/>
      <c r="ONG686" s="613"/>
      <c r="ONH686" s="613"/>
      <c r="ONI686" s="613"/>
      <c r="ONJ686" s="613"/>
      <c r="ONK686" s="613"/>
      <c r="ONL686" s="613"/>
      <c r="ONM686" s="613"/>
      <c r="ONN686" s="613"/>
      <c r="ONO686" s="613"/>
      <c r="ONP686" s="613"/>
      <c r="ONQ686" s="613"/>
      <c r="ONR686" s="613"/>
      <c r="ONS686" s="613"/>
      <c r="ONT686" s="613"/>
      <c r="ONU686" s="613"/>
      <c r="ONV686" s="613"/>
      <c r="ONW686" s="613"/>
      <c r="ONX686" s="613"/>
      <c r="ONY686" s="613"/>
      <c r="ONZ686" s="613"/>
      <c r="OOA686" s="613"/>
      <c r="OOB686" s="613"/>
      <c r="OOC686" s="613"/>
      <c r="OOD686" s="613"/>
      <c r="OOE686" s="613"/>
      <c r="OOF686" s="613"/>
      <c r="OOG686" s="613"/>
      <c r="OOH686" s="613"/>
      <c r="OOI686" s="613"/>
      <c r="OOJ686" s="613"/>
      <c r="OOK686" s="613"/>
      <c r="OOL686" s="613"/>
      <c r="OOM686" s="613"/>
      <c r="OON686" s="613"/>
      <c r="OOO686" s="613"/>
      <c r="OOP686" s="613"/>
      <c r="OOQ686" s="613"/>
      <c r="OOR686" s="613"/>
      <c r="OOS686" s="613"/>
      <c r="OOT686" s="613"/>
      <c r="OOU686" s="613"/>
      <c r="OOV686" s="613"/>
      <c r="OOW686" s="613"/>
      <c r="OOX686" s="613"/>
      <c r="OOY686" s="613"/>
      <c r="OOZ686" s="613"/>
      <c r="OPA686" s="613"/>
      <c r="OPB686" s="613"/>
      <c r="OPC686" s="613"/>
      <c r="OPD686" s="613"/>
      <c r="OPE686" s="613"/>
      <c r="OPF686" s="613"/>
      <c r="OPG686" s="613"/>
      <c r="OPH686" s="613"/>
      <c r="OPI686" s="613"/>
      <c r="OPJ686" s="613"/>
      <c r="OPK686" s="613"/>
      <c r="OPL686" s="613"/>
      <c r="OPM686" s="613"/>
      <c r="OPN686" s="613"/>
      <c r="OPO686" s="613"/>
      <c r="OPP686" s="613"/>
      <c r="OPQ686" s="613"/>
      <c r="OPR686" s="613"/>
      <c r="OPS686" s="613"/>
      <c r="OPT686" s="613"/>
      <c r="OPU686" s="613"/>
      <c r="OPV686" s="613"/>
      <c r="OPW686" s="613"/>
      <c r="OPX686" s="613"/>
      <c r="OPY686" s="613"/>
      <c r="OPZ686" s="613"/>
      <c r="OQA686" s="613"/>
      <c r="OQB686" s="613"/>
      <c r="OQC686" s="613"/>
      <c r="OQD686" s="613"/>
      <c r="OQE686" s="613"/>
      <c r="OQF686" s="613"/>
      <c r="OQG686" s="613"/>
      <c r="OQH686" s="613"/>
      <c r="OQI686" s="613"/>
      <c r="OQJ686" s="613"/>
      <c r="OQK686" s="613"/>
      <c r="OQL686" s="613"/>
      <c r="OQM686" s="613"/>
      <c r="OQN686" s="613"/>
      <c r="OQO686" s="613"/>
      <c r="OQP686" s="613"/>
      <c r="OQQ686" s="613"/>
      <c r="OQR686" s="613"/>
      <c r="OQS686" s="613"/>
      <c r="OQT686" s="613"/>
      <c r="OQU686" s="613"/>
      <c r="OQV686" s="613"/>
      <c r="OQW686" s="613"/>
      <c r="OQX686" s="613"/>
      <c r="OQY686" s="613"/>
      <c r="OQZ686" s="613"/>
      <c r="ORA686" s="613"/>
      <c r="ORB686" s="613"/>
      <c r="ORC686" s="613"/>
      <c r="ORD686" s="613"/>
      <c r="ORE686" s="613"/>
      <c r="ORF686" s="613"/>
      <c r="ORG686" s="613"/>
      <c r="ORH686" s="613"/>
      <c r="ORI686" s="613"/>
      <c r="ORJ686" s="613"/>
      <c r="ORK686" s="613"/>
      <c r="ORL686" s="613"/>
      <c r="ORM686" s="613"/>
      <c r="ORN686" s="613"/>
      <c r="ORO686" s="613"/>
      <c r="ORP686" s="613"/>
      <c r="ORQ686" s="613"/>
      <c r="ORR686" s="613"/>
      <c r="ORS686" s="613"/>
      <c r="ORT686" s="613"/>
      <c r="ORU686" s="613"/>
      <c r="ORV686" s="613"/>
      <c r="ORW686" s="613"/>
      <c r="ORX686" s="613"/>
      <c r="ORY686" s="613"/>
      <c r="ORZ686" s="613"/>
      <c r="OSA686" s="613"/>
      <c r="OSB686" s="613"/>
      <c r="OSC686" s="613"/>
      <c r="OSD686" s="613"/>
      <c r="OSE686" s="613"/>
      <c r="OSF686" s="613"/>
      <c r="OSG686" s="613"/>
      <c r="OSH686" s="613"/>
      <c r="OSI686" s="613"/>
      <c r="OSJ686" s="613"/>
      <c r="OSK686" s="613"/>
      <c r="OSL686" s="613"/>
      <c r="OSM686" s="613"/>
      <c r="OSN686" s="613"/>
      <c r="OSO686" s="613"/>
      <c r="OSP686" s="613"/>
      <c r="OSQ686" s="613"/>
      <c r="OSR686" s="613"/>
      <c r="OSS686" s="613"/>
      <c r="OST686" s="613"/>
      <c r="OSU686" s="613"/>
      <c r="OSV686" s="613"/>
      <c r="OSW686" s="613"/>
      <c r="OSX686" s="613"/>
      <c r="OSY686" s="613"/>
      <c r="OSZ686" s="613"/>
      <c r="OTA686" s="613"/>
      <c r="OTB686" s="613"/>
      <c r="OTC686" s="613"/>
      <c r="OTD686" s="613"/>
      <c r="OTE686" s="613"/>
      <c r="OTF686" s="613"/>
      <c r="OTG686" s="613"/>
      <c r="OTH686" s="613"/>
      <c r="OTI686" s="613"/>
      <c r="OTJ686" s="613"/>
      <c r="OTK686" s="613"/>
      <c r="OTL686" s="613"/>
      <c r="OTM686" s="613"/>
      <c r="OTN686" s="613"/>
      <c r="OTO686" s="613"/>
      <c r="OTP686" s="613"/>
      <c r="OTQ686" s="613"/>
      <c r="OTR686" s="613"/>
      <c r="OTS686" s="613"/>
      <c r="OTT686" s="613"/>
      <c r="OTU686" s="613"/>
      <c r="OTV686" s="613"/>
      <c r="OTW686" s="613"/>
      <c r="OTX686" s="613"/>
      <c r="OTY686" s="613"/>
      <c r="OTZ686" s="613"/>
      <c r="OUA686" s="613"/>
      <c r="OUB686" s="613"/>
      <c r="OUC686" s="613"/>
      <c r="OUD686" s="613"/>
      <c r="OUE686" s="613"/>
      <c r="OUF686" s="613"/>
      <c r="OUG686" s="613"/>
      <c r="OUH686" s="613"/>
      <c r="OUI686" s="613"/>
      <c r="OUJ686" s="613"/>
      <c r="OUK686" s="613"/>
      <c r="OUL686" s="613"/>
      <c r="OUM686" s="613"/>
      <c r="OUN686" s="613"/>
      <c r="OUO686" s="613"/>
      <c r="OUP686" s="613"/>
      <c r="OUQ686" s="613"/>
      <c r="OUR686" s="613"/>
      <c r="OUS686" s="613"/>
      <c r="OUT686" s="613"/>
      <c r="OUU686" s="613"/>
      <c r="OUV686" s="613"/>
      <c r="OUW686" s="613"/>
      <c r="OUX686" s="613"/>
      <c r="OUY686" s="613"/>
      <c r="OUZ686" s="613"/>
      <c r="OVA686" s="613"/>
      <c r="OVB686" s="613"/>
      <c r="OVC686" s="613"/>
      <c r="OVD686" s="613"/>
      <c r="OVE686" s="613"/>
      <c r="OVF686" s="613"/>
      <c r="OVG686" s="613"/>
      <c r="OVH686" s="613"/>
      <c r="OVI686" s="613"/>
      <c r="OVJ686" s="613"/>
      <c r="OVK686" s="613"/>
      <c r="OVL686" s="613"/>
      <c r="OVM686" s="613"/>
      <c r="OVN686" s="613"/>
      <c r="OVO686" s="613"/>
      <c r="OVP686" s="613"/>
      <c r="OVQ686" s="613"/>
      <c r="OVR686" s="613"/>
      <c r="OVS686" s="613"/>
      <c r="OVT686" s="613"/>
      <c r="OVU686" s="613"/>
      <c r="OVV686" s="613"/>
      <c r="OVW686" s="613"/>
      <c r="OVX686" s="613"/>
      <c r="OVY686" s="613"/>
      <c r="OVZ686" s="613"/>
      <c r="OWA686" s="613"/>
      <c r="OWB686" s="613"/>
      <c r="OWC686" s="613"/>
      <c r="OWD686" s="613"/>
      <c r="OWE686" s="613"/>
      <c r="OWF686" s="613"/>
      <c r="OWG686" s="613"/>
      <c r="OWH686" s="613"/>
      <c r="OWI686" s="613"/>
      <c r="OWJ686" s="613"/>
      <c r="OWK686" s="613"/>
      <c r="OWL686" s="613"/>
      <c r="OWM686" s="613"/>
      <c r="OWN686" s="613"/>
      <c r="OWO686" s="613"/>
      <c r="OWP686" s="613"/>
      <c r="OWQ686" s="613"/>
      <c r="OWR686" s="613"/>
      <c r="OWS686" s="613"/>
      <c r="OWT686" s="613"/>
      <c r="OWU686" s="613"/>
      <c r="OWV686" s="613"/>
      <c r="OWW686" s="613"/>
      <c r="OWX686" s="613"/>
      <c r="OWY686" s="613"/>
      <c r="OWZ686" s="613"/>
      <c r="OXA686" s="613"/>
      <c r="OXB686" s="613"/>
      <c r="OXC686" s="613"/>
      <c r="OXD686" s="613"/>
      <c r="OXE686" s="613"/>
      <c r="OXF686" s="613"/>
      <c r="OXG686" s="613"/>
      <c r="OXH686" s="613"/>
      <c r="OXI686" s="613"/>
      <c r="OXJ686" s="613"/>
      <c r="OXK686" s="613"/>
      <c r="OXL686" s="613"/>
      <c r="OXM686" s="613"/>
      <c r="OXN686" s="613"/>
      <c r="OXO686" s="613"/>
      <c r="OXP686" s="613"/>
      <c r="OXQ686" s="613"/>
      <c r="OXR686" s="613"/>
      <c r="OXS686" s="613"/>
      <c r="OXT686" s="613"/>
      <c r="OXU686" s="613"/>
      <c r="OXV686" s="613"/>
      <c r="OXW686" s="613"/>
      <c r="OXX686" s="613"/>
      <c r="OXY686" s="613"/>
      <c r="OXZ686" s="613"/>
      <c r="OYA686" s="613"/>
      <c r="OYB686" s="613"/>
      <c r="OYC686" s="613"/>
      <c r="OYD686" s="613"/>
      <c r="OYE686" s="613"/>
      <c r="OYF686" s="613"/>
      <c r="OYG686" s="613"/>
      <c r="OYH686" s="613"/>
      <c r="OYI686" s="613"/>
      <c r="OYJ686" s="613"/>
      <c r="OYK686" s="613"/>
      <c r="OYL686" s="613"/>
      <c r="OYM686" s="613"/>
      <c r="OYN686" s="613"/>
      <c r="OYO686" s="613"/>
      <c r="OYP686" s="613"/>
      <c r="OYQ686" s="613"/>
      <c r="OYR686" s="613"/>
      <c r="OYS686" s="613"/>
      <c r="OYT686" s="613"/>
      <c r="OYU686" s="613"/>
      <c r="OYV686" s="613"/>
      <c r="OYW686" s="613"/>
      <c r="OYX686" s="613"/>
      <c r="OYY686" s="613"/>
      <c r="OYZ686" s="613"/>
      <c r="OZA686" s="613"/>
      <c r="OZB686" s="613"/>
      <c r="OZC686" s="613"/>
      <c r="OZD686" s="613"/>
      <c r="OZE686" s="613"/>
      <c r="OZF686" s="613"/>
      <c r="OZG686" s="613"/>
      <c r="OZH686" s="613"/>
      <c r="OZI686" s="613"/>
      <c r="OZJ686" s="613"/>
      <c r="OZK686" s="613"/>
      <c r="OZL686" s="613"/>
      <c r="OZM686" s="613"/>
      <c r="OZN686" s="613"/>
      <c r="OZO686" s="613"/>
      <c r="OZP686" s="613"/>
      <c r="OZQ686" s="613"/>
      <c r="OZR686" s="613"/>
      <c r="OZS686" s="613"/>
      <c r="OZT686" s="613"/>
      <c r="OZU686" s="613"/>
      <c r="OZV686" s="613"/>
      <c r="OZW686" s="613"/>
      <c r="OZX686" s="613"/>
      <c r="OZY686" s="613"/>
      <c r="OZZ686" s="613"/>
      <c r="PAA686" s="613"/>
      <c r="PAB686" s="613"/>
      <c r="PAC686" s="613"/>
      <c r="PAD686" s="613"/>
      <c r="PAE686" s="613"/>
      <c r="PAF686" s="613"/>
      <c r="PAG686" s="613"/>
      <c r="PAH686" s="613"/>
      <c r="PAI686" s="613"/>
      <c r="PAJ686" s="613"/>
      <c r="PAK686" s="613"/>
      <c r="PAL686" s="613"/>
      <c r="PAM686" s="613"/>
      <c r="PAN686" s="613"/>
      <c r="PAO686" s="613"/>
      <c r="PAP686" s="613"/>
      <c r="PAQ686" s="613"/>
      <c r="PAR686" s="613"/>
      <c r="PAS686" s="613"/>
      <c r="PAT686" s="613"/>
      <c r="PAU686" s="613"/>
      <c r="PAV686" s="613"/>
      <c r="PAW686" s="613"/>
      <c r="PAX686" s="613"/>
      <c r="PAY686" s="613"/>
      <c r="PAZ686" s="613"/>
      <c r="PBA686" s="613"/>
      <c r="PBB686" s="613"/>
      <c r="PBC686" s="613"/>
      <c r="PBD686" s="613"/>
      <c r="PBE686" s="613"/>
      <c r="PBF686" s="613"/>
      <c r="PBG686" s="613"/>
      <c r="PBH686" s="613"/>
      <c r="PBI686" s="613"/>
      <c r="PBJ686" s="613"/>
      <c r="PBK686" s="613"/>
      <c r="PBL686" s="613"/>
      <c r="PBM686" s="613"/>
      <c r="PBN686" s="613"/>
      <c r="PBO686" s="613"/>
      <c r="PBP686" s="613"/>
      <c r="PBQ686" s="613"/>
      <c r="PBR686" s="613"/>
      <c r="PBS686" s="613"/>
      <c r="PBT686" s="613"/>
      <c r="PBU686" s="613"/>
      <c r="PBV686" s="613"/>
      <c r="PBW686" s="613"/>
      <c r="PBX686" s="613"/>
      <c r="PBY686" s="613"/>
      <c r="PBZ686" s="613"/>
      <c r="PCA686" s="613"/>
      <c r="PCB686" s="613"/>
      <c r="PCC686" s="613"/>
      <c r="PCD686" s="613"/>
      <c r="PCE686" s="613"/>
      <c r="PCF686" s="613"/>
      <c r="PCG686" s="613"/>
      <c r="PCH686" s="613"/>
      <c r="PCI686" s="613"/>
      <c r="PCJ686" s="613"/>
      <c r="PCK686" s="613"/>
      <c r="PCL686" s="613"/>
      <c r="PCM686" s="613"/>
      <c r="PCN686" s="613"/>
      <c r="PCO686" s="613"/>
      <c r="PCP686" s="613"/>
      <c r="PCQ686" s="613"/>
      <c r="PCR686" s="613"/>
      <c r="PCS686" s="613"/>
      <c r="PCT686" s="613"/>
      <c r="PCU686" s="613"/>
      <c r="PCV686" s="613"/>
      <c r="PCW686" s="613"/>
      <c r="PCX686" s="613"/>
      <c r="PCY686" s="613"/>
      <c r="PCZ686" s="613"/>
      <c r="PDA686" s="613"/>
      <c r="PDB686" s="613"/>
      <c r="PDC686" s="613"/>
      <c r="PDD686" s="613"/>
      <c r="PDE686" s="613"/>
      <c r="PDF686" s="613"/>
      <c r="PDG686" s="613"/>
      <c r="PDH686" s="613"/>
      <c r="PDI686" s="613"/>
      <c r="PDJ686" s="613"/>
      <c r="PDK686" s="613"/>
      <c r="PDL686" s="613"/>
      <c r="PDM686" s="613"/>
      <c r="PDN686" s="613"/>
      <c r="PDO686" s="613"/>
      <c r="PDP686" s="613"/>
      <c r="PDQ686" s="613"/>
      <c r="PDR686" s="613"/>
      <c r="PDS686" s="613"/>
      <c r="PDT686" s="613"/>
      <c r="PDU686" s="613"/>
      <c r="PDV686" s="613"/>
      <c r="PDW686" s="613"/>
      <c r="PDX686" s="613"/>
      <c r="PDY686" s="613"/>
      <c r="PDZ686" s="613"/>
      <c r="PEA686" s="613"/>
      <c r="PEB686" s="613"/>
      <c r="PEC686" s="613"/>
      <c r="PED686" s="613"/>
      <c r="PEE686" s="613"/>
      <c r="PEF686" s="613"/>
      <c r="PEG686" s="613"/>
      <c r="PEH686" s="613"/>
      <c r="PEI686" s="613"/>
      <c r="PEJ686" s="613"/>
      <c r="PEK686" s="613"/>
      <c r="PEL686" s="613"/>
      <c r="PEM686" s="613"/>
      <c r="PEN686" s="613"/>
      <c r="PEO686" s="613"/>
      <c r="PEP686" s="613"/>
      <c r="PEQ686" s="613"/>
      <c r="PER686" s="613"/>
      <c r="PES686" s="613"/>
      <c r="PET686" s="613"/>
      <c r="PEU686" s="613"/>
      <c r="PEV686" s="613"/>
      <c r="PEW686" s="613"/>
      <c r="PEX686" s="613"/>
      <c r="PEY686" s="613"/>
      <c r="PEZ686" s="613"/>
      <c r="PFA686" s="613"/>
      <c r="PFB686" s="613"/>
      <c r="PFC686" s="613"/>
      <c r="PFD686" s="613"/>
      <c r="PFE686" s="613"/>
      <c r="PFF686" s="613"/>
      <c r="PFG686" s="613"/>
      <c r="PFH686" s="613"/>
      <c r="PFI686" s="613"/>
      <c r="PFJ686" s="613"/>
      <c r="PFK686" s="613"/>
      <c r="PFL686" s="613"/>
      <c r="PFM686" s="613"/>
      <c r="PFN686" s="613"/>
      <c r="PFO686" s="613"/>
      <c r="PFP686" s="613"/>
      <c r="PFQ686" s="613"/>
      <c r="PFR686" s="613"/>
      <c r="PFS686" s="613"/>
      <c r="PFT686" s="613"/>
      <c r="PFU686" s="613"/>
      <c r="PFV686" s="613"/>
      <c r="PFW686" s="613"/>
      <c r="PFX686" s="613"/>
      <c r="PFY686" s="613"/>
      <c r="PFZ686" s="613"/>
      <c r="PGA686" s="613"/>
      <c r="PGB686" s="613"/>
      <c r="PGC686" s="613"/>
      <c r="PGD686" s="613"/>
      <c r="PGE686" s="613"/>
      <c r="PGF686" s="613"/>
      <c r="PGG686" s="613"/>
      <c r="PGH686" s="613"/>
      <c r="PGI686" s="613"/>
      <c r="PGJ686" s="613"/>
      <c r="PGK686" s="613"/>
      <c r="PGL686" s="613"/>
      <c r="PGM686" s="613"/>
      <c r="PGN686" s="613"/>
      <c r="PGO686" s="613"/>
      <c r="PGP686" s="613"/>
      <c r="PGQ686" s="613"/>
      <c r="PGR686" s="613"/>
      <c r="PGS686" s="613"/>
      <c r="PGT686" s="613"/>
      <c r="PGU686" s="613"/>
      <c r="PGV686" s="613"/>
      <c r="PGW686" s="613"/>
      <c r="PGX686" s="613"/>
      <c r="PGY686" s="613"/>
      <c r="PGZ686" s="613"/>
      <c r="PHA686" s="613"/>
      <c r="PHB686" s="613"/>
      <c r="PHC686" s="613"/>
      <c r="PHD686" s="613"/>
      <c r="PHE686" s="613"/>
      <c r="PHF686" s="613"/>
      <c r="PHG686" s="613"/>
      <c r="PHH686" s="613"/>
      <c r="PHI686" s="613"/>
      <c r="PHJ686" s="613"/>
      <c r="PHK686" s="613"/>
      <c r="PHL686" s="613"/>
      <c r="PHM686" s="613"/>
      <c r="PHN686" s="613"/>
      <c r="PHO686" s="613"/>
      <c r="PHP686" s="613"/>
      <c r="PHQ686" s="613"/>
      <c r="PHR686" s="613"/>
      <c r="PHS686" s="613"/>
      <c r="PHT686" s="613"/>
      <c r="PHU686" s="613"/>
      <c r="PHV686" s="613"/>
      <c r="PHW686" s="613"/>
      <c r="PHX686" s="613"/>
      <c r="PHY686" s="613"/>
      <c r="PHZ686" s="613"/>
      <c r="PIA686" s="613"/>
      <c r="PIB686" s="613"/>
      <c r="PIC686" s="613"/>
      <c r="PID686" s="613"/>
      <c r="PIE686" s="613"/>
      <c r="PIF686" s="613"/>
      <c r="PIG686" s="613"/>
      <c r="PIH686" s="613"/>
      <c r="PII686" s="613"/>
      <c r="PIJ686" s="613"/>
      <c r="PIK686" s="613"/>
      <c r="PIL686" s="613"/>
      <c r="PIM686" s="613"/>
      <c r="PIN686" s="613"/>
      <c r="PIO686" s="613"/>
      <c r="PIP686" s="613"/>
      <c r="PIQ686" s="613"/>
      <c r="PIR686" s="613"/>
      <c r="PIS686" s="613"/>
      <c r="PIT686" s="613"/>
      <c r="PIU686" s="613"/>
      <c r="PIV686" s="613"/>
      <c r="PIW686" s="613"/>
      <c r="PIX686" s="613"/>
      <c r="PIY686" s="613"/>
      <c r="PIZ686" s="613"/>
      <c r="PJA686" s="613"/>
      <c r="PJB686" s="613"/>
      <c r="PJC686" s="613"/>
      <c r="PJD686" s="613"/>
      <c r="PJE686" s="613"/>
      <c r="PJF686" s="613"/>
      <c r="PJG686" s="613"/>
      <c r="PJH686" s="613"/>
      <c r="PJI686" s="613"/>
      <c r="PJJ686" s="613"/>
      <c r="PJK686" s="613"/>
      <c r="PJL686" s="613"/>
      <c r="PJM686" s="613"/>
      <c r="PJN686" s="613"/>
      <c r="PJO686" s="613"/>
      <c r="PJP686" s="613"/>
      <c r="PJQ686" s="613"/>
      <c r="PJR686" s="613"/>
      <c r="PJS686" s="613"/>
      <c r="PJT686" s="613"/>
      <c r="PJU686" s="613"/>
      <c r="PJV686" s="613"/>
      <c r="PJW686" s="613"/>
      <c r="PJX686" s="613"/>
      <c r="PJY686" s="613"/>
      <c r="PJZ686" s="613"/>
      <c r="PKA686" s="613"/>
      <c r="PKB686" s="613"/>
      <c r="PKC686" s="613"/>
      <c r="PKD686" s="613"/>
      <c r="PKE686" s="613"/>
      <c r="PKF686" s="613"/>
      <c r="PKG686" s="613"/>
      <c r="PKH686" s="613"/>
      <c r="PKI686" s="613"/>
      <c r="PKJ686" s="613"/>
      <c r="PKK686" s="613"/>
      <c r="PKL686" s="613"/>
      <c r="PKM686" s="613"/>
      <c r="PKN686" s="613"/>
      <c r="PKO686" s="613"/>
      <c r="PKP686" s="613"/>
      <c r="PKQ686" s="613"/>
      <c r="PKR686" s="613"/>
      <c r="PKS686" s="613"/>
      <c r="PKT686" s="613"/>
      <c r="PKU686" s="613"/>
      <c r="PKV686" s="613"/>
      <c r="PKW686" s="613"/>
      <c r="PKX686" s="613"/>
      <c r="PKY686" s="613"/>
      <c r="PKZ686" s="613"/>
      <c r="PLA686" s="613"/>
      <c r="PLB686" s="613"/>
      <c r="PLC686" s="613"/>
      <c r="PLD686" s="613"/>
      <c r="PLE686" s="613"/>
      <c r="PLF686" s="613"/>
      <c r="PLG686" s="613"/>
      <c r="PLH686" s="613"/>
      <c r="PLI686" s="613"/>
      <c r="PLJ686" s="613"/>
      <c r="PLK686" s="613"/>
      <c r="PLL686" s="613"/>
      <c r="PLM686" s="613"/>
      <c r="PLN686" s="613"/>
      <c r="PLO686" s="613"/>
      <c r="PLP686" s="613"/>
      <c r="PLQ686" s="613"/>
      <c r="PLR686" s="613"/>
      <c r="PLS686" s="613"/>
      <c r="PLT686" s="613"/>
      <c r="PLU686" s="613"/>
      <c r="PLV686" s="613"/>
      <c r="PLW686" s="613"/>
      <c r="PLX686" s="613"/>
      <c r="PLY686" s="613"/>
      <c r="PLZ686" s="613"/>
      <c r="PMA686" s="613"/>
      <c r="PMB686" s="613"/>
      <c r="PMC686" s="613"/>
      <c r="PMD686" s="613"/>
      <c r="PME686" s="613"/>
      <c r="PMF686" s="613"/>
      <c r="PMG686" s="613"/>
      <c r="PMH686" s="613"/>
      <c r="PMI686" s="613"/>
      <c r="PMJ686" s="613"/>
      <c r="PMK686" s="613"/>
      <c r="PML686" s="613"/>
      <c r="PMM686" s="613"/>
      <c r="PMN686" s="613"/>
      <c r="PMO686" s="613"/>
      <c r="PMP686" s="613"/>
      <c r="PMQ686" s="613"/>
      <c r="PMR686" s="613"/>
      <c r="PMS686" s="613"/>
      <c r="PMT686" s="613"/>
      <c r="PMU686" s="613"/>
      <c r="PMV686" s="613"/>
      <c r="PMW686" s="613"/>
      <c r="PMX686" s="613"/>
      <c r="PMY686" s="613"/>
      <c r="PMZ686" s="613"/>
      <c r="PNA686" s="613"/>
      <c r="PNB686" s="613"/>
      <c r="PNC686" s="613"/>
      <c r="PND686" s="613"/>
      <c r="PNE686" s="613"/>
      <c r="PNF686" s="613"/>
      <c r="PNG686" s="613"/>
      <c r="PNH686" s="613"/>
      <c r="PNI686" s="613"/>
      <c r="PNJ686" s="613"/>
      <c r="PNK686" s="613"/>
      <c r="PNL686" s="613"/>
      <c r="PNM686" s="613"/>
      <c r="PNN686" s="613"/>
      <c r="PNO686" s="613"/>
      <c r="PNP686" s="613"/>
      <c r="PNQ686" s="613"/>
      <c r="PNR686" s="613"/>
      <c r="PNS686" s="613"/>
      <c r="PNT686" s="613"/>
      <c r="PNU686" s="613"/>
      <c r="PNV686" s="613"/>
      <c r="PNW686" s="613"/>
      <c r="PNX686" s="613"/>
      <c r="PNY686" s="613"/>
      <c r="PNZ686" s="613"/>
      <c r="POA686" s="613"/>
      <c r="POB686" s="613"/>
      <c r="POC686" s="613"/>
      <c r="POD686" s="613"/>
      <c r="POE686" s="613"/>
      <c r="POF686" s="613"/>
      <c r="POG686" s="613"/>
      <c r="POH686" s="613"/>
      <c r="POI686" s="613"/>
      <c r="POJ686" s="613"/>
      <c r="POK686" s="613"/>
      <c r="POL686" s="613"/>
      <c r="POM686" s="613"/>
      <c r="PON686" s="613"/>
      <c r="POO686" s="613"/>
      <c r="POP686" s="613"/>
      <c r="POQ686" s="613"/>
      <c r="POR686" s="613"/>
      <c r="POS686" s="613"/>
      <c r="POT686" s="613"/>
      <c r="POU686" s="613"/>
      <c r="POV686" s="613"/>
      <c r="POW686" s="613"/>
      <c r="POX686" s="613"/>
      <c r="POY686" s="613"/>
      <c r="POZ686" s="613"/>
      <c r="PPA686" s="613"/>
      <c r="PPB686" s="613"/>
      <c r="PPC686" s="613"/>
      <c r="PPD686" s="613"/>
      <c r="PPE686" s="613"/>
      <c r="PPF686" s="613"/>
      <c r="PPG686" s="613"/>
      <c r="PPH686" s="613"/>
      <c r="PPI686" s="613"/>
      <c r="PPJ686" s="613"/>
      <c r="PPK686" s="613"/>
      <c r="PPL686" s="613"/>
      <c r="PPM686" s="613"/>
      <c r="PPN686" s="613"/>
      <c r="PPO686" s="613"/>
      <c r="PPP686" s="613"/>
      <c r="PPQ686" s="613"/>
      <c r="PPR686" s="613"/>
      <c r="PPS686" s="613"/>
      <c r="PPT686" s="613"/>
      <c r="PPU686" s="613"/>
      <c r="PPV686" s="613"/>
      <c r="PPW686" s="613"/>
      <c r="PPX686" s="613"/>
      <c r="PPY686" s="613"/>
      <c r="PPZ686" s="613"/>
      <c r="PQA686" s="613"/>
      <c r="PQB686" s="613"/>
      <c r="PQC686" s="613"/>
      <c r="PQD686" s="613"/>
      <c r="PQE686" s="613"/>
      <c r="PQF686" s="613"/>
      <c r="PQG686" s="613"/>
      <c r="PQH686" s="613"/>
      <c r="PQI686" s="613"/>
      <c r="PQJ686" s="613"/>
      <c r="PQK686" s="613"/>
      <c r="PQL686" s="613"/>
      <c r="PQM686" s="613"/>
      <c r="PQN686" s="613"/>
      <c r="PQO686" s="613"/>
      <c r="PQP686" s="613"/>
      <c r="PQQ686" s="613"/>
      <c r="PQR686" s="613"/>
      <c r="PQS686" s="613"/>
      <c r="PQT686" s="613"/>
      <c r="PQU686" s="613"/>
      <c r="PQV686" s="613"/>
      <c r="PQW686" s="613"/>
      <c r="PQX686" s="613"/>
      <c r="PQY686" s="613"/>
      <c r="PQZ686" s="613"/>
      <c r="PRA686" s="613"/>
      <c r="PRB686" s="613"/>
      <c r="PRC686" s="613"/>
      <c r="PRD686" s="613"/>
      <c r="PRE686" s="613"/>
      <c r="PRF686" s="613"/>
      <c r="PRG686" s="613"/>
      <c r="PRH686" s="613"/>
      <c r="PRI686" s="613"/>
      <c r="PRJ686" s="613"/>
      <c r="PRK686" s="613"/>
      <c r="PRL686" s="613"/>
      <c r="PRM686" s="613"/>
      <c r="PRN686" s="613"/>
      <c r="PRO686" s="613"/>
      <c r="PRP686" s="613"/>
      <c r="PRQ686" s="613"/>
      <c r="PRR686" s="613"/>
      <c r="PRS686" s="613"/>
      <c r="PRT686" s="613"/>
      <c r="PRU686" s="613"/>
      <c r="PRV686" s="613"/>
      <c r="PRW686" s="613"/>
      <c r="PRX686" s="613"/>
      <c r="PRY686" s="613"/>
      <c r="PRZ686" s="613"/>
      <c r="PSA686" s="613"/>
      <c r="PSB686" s="613"/>
      <c r="PSC686" s="613"/>
      <c r="PSD686" s="613"/>
      <c r="PSE686" s="613"/>
      <c r="PSF686" s="613"/>
      <c r="PSG686" s="613"/>
      <c r="PSH686" s="613"/>
      <c r="PSI686" s="613"/>
      <c r="PSJ686" s="613"/>
      <c r="PSK686" s="613"/>
      <c r="PSL686" s="613"/>
      <c r="PSM686" s="613"/>
      <c r="PSN686" s="613"/>
      <c r="PSO686" s="613"/>
      <c r="PSP686" s="613"/>
      <c r="PSQ686" s="613"/>
      <c r="PSR686" s="613"/>
      <c r="PSS686" s="613"/>
      <c r="PST686" s="613"/>
      <c r="PSU686" s="613"/>
      <c r="PSV686" s="613"/>
      <c r="PSW686" s="613"/>
      <c r="PSX686" s="613"/>
      <c r="PSY686" s="613"/>
      <c r="PSZ686" s="613"/>
      <c r="PTA686" s="613"/>
      <c r="PTB686" s="613"/>
      <c r="PTC686" s="613"/>
      <c r="PTD686" s="613"/>
      <c r="PTE686" s="613"/>
      <c r="PTF686" s="613"/>
      <c r="PTG686" s="613"/>
      <c r="PTH686" s="613"/>
      <c r="PTI686" s="613"/>
      <c r="PTJ686" s="613"/>
      <c r="PTK686" s="613"/>
      <c r="PTL686" s="613"/>
      <c r="PTM686" s="613"/>
      <c r="PTN686" s="613"/>
      <c r="PTO686" s="613"/>
      <c r="PTP686" s="613"/>
      <c r="PTQ686" s="613"/>
      <c r="PTR686" s="613"/>
      <c r="PTS686" s="613"/>
      <c r="PTT686" s="613"/>
      <c r="PTU686" s="613"/>
      <c r="PTV686" s="613"/>
      <c r="PTW686" s="613"/>
      <c r="PTX686" s="613"/>
      <c r="PTY686" s="613"/>
      <c r="PTZ686" s="613"/>
      <c r="PUA686" s="613"/>
      <c r="PUB686" s="613"/>
      <c r="PUC686" s="613"/>
      <c r="PUD686" s="613"/>
      <c r="PUE686" s="613"/>
      <c r="PUF686" s="613"/>
      <c r="PUG686" s="613"/>
      <c r="PUH686" s="613"/>
      <c r="PUI686" s="613"/>
      <c r="PUJ686" s="613"/>
      <c r="PUK686" s="613"/>
      <c r="PUL686" s="613"/>
      <c r="PUM686" s="613"/>
      <c r="PUN686" s="613"/>
      <c r="PUO686" s="613"/>
      <c r="PUP686" s="613"/>
      <c r="PUQ686" s="613"/>
      <c r="PUR686" s="613"/>
      <c r="PUS686" s="613"/>
      <c r="PUT686" s="613"/>
      <c r="PUU686" s="613"/>
      <c r="PUV686" s="613"/>
      <c r="PUW686" s="613"/>
      <c r="PUX686" s="613"/>
      <c r="PUY686" s="613"/>
      <c r="PUZ686" s="613"/>
      <c r="PVA686" s="613"/>
      <c r="PVB686" s="613"/>
      <c r="PVC686" s="613"/>
      <c r="PVD686" s="613"/>
      <c r="PVE686" s="613"/>
      <c r="PVF686" s="613"/>
      <c r="PVG686" s="613"/>
      <c r="PVH686" s="613"/>
      <c r="PVI686" s="613"/>
      <c r="PVJ686" s="613"/>
      <c r="PVK686" s="613"/>
      <c r="PVL686" s="613"/>
      <c r="PVM686" s="613"/>
      <c r="PVN686" s="613"/>
      <c r="PVO686" s="613"/>
      <c r="PVP686" s="613"/>
      <c r="PVQ686" s="613"/>
      <c r="PVR686" s="613"/>
      <c r="PVS686" s="613"/>
      <c r="PVT686" s="613"/>
      <c r="PVU686" s="613"/>
      <c r="PVV686" s="613"/>
      <c r="PVW686" s="613"/>
      <c r="PVX686" s="613"/>
      <c r="PVY686" s="613"/>
      <c r="PVZ686" s="613"/>
      <c r="PWA686" s="613"/>
      <c r="PWB686" s="613"/>
      <c r="PWC686" s="613"/>
      <c r="PWD686" s="613"/>
      <c r="PWE686" s="613"/>
      <c r="PWF686" s="613"/>
      <c r="PWG686" s="613"/>
      <c r="PWH686" s="613"/>
      <c r="PWI686" s="613"/>
      <c r="PWJ686" s="613"/>
      <c r="PWK686" s="613"/>
      <c r="PWL686" s="613"/>
      <c r="PWM686" s="613"/>
      <c r="PWN686" s="613"/>
      <c r="PWO686" s="613"/>
      <c r="PWP686" s="613"/>
      <c r="PWQ686" s="613"/>
      <c r="PWR686" s="613"/>
      <c r="PWS686" s="613"/>
      <c r="PWT686" s="613"/>
      <c r="PWU686" s="613"/>
      <c r="PWV686" s="613"/>
      <c r="PWW686" s="613"/>
      <c r="PWX686" s="613"/>
      <c r="PWY686" s="613"/>
      <c r="PWZ686" s="613"/>
      <c r="PXA686" s="613"/>
      <c r="PXB686" s="613"/>
      <c r="PXC686" s="613"/>
      <c r="PXD686" s="613"/>
      <c r="PXE686" s="613"/>
      <c r="PXF686" s="613"/>
      <c r="PXG686" s="613"/>
      <c r="PXH686" s="613"/>
      <c r="PXI686" s="613"/>
      <c r="PXJ686" s="613"/>
      <c r="PXK686" s="613"/>
      <c r="PXL686" s="613"/>
      <c r="PXM686" s="613"/>
      <c r="PXN686" s="613"/>
      <c r="PXO686" s="613"/>
      <c r="PXP686" s="613"/>
      <c r="PXQ686" s="613"/>
      <c r="PXR686" s="613"/>
      <c r="PXS686" s="613"/>
      <c r="PXT686" s="613"/>
      <c r="PXU686" s="613"/>
      <c r="PXV686" s="613"/>
      <c r="PXW686" s="613"/>
      <c r="PXX686" s="613"/>
      <c r="PXY686" s="613"/>
      <c r="PXZ686" s="613"/>
      <c r="PYA686" s="613"/>
      <c r="PYB686" s="613"/>
      <c r="PYC686" s="613"/>
      <c r="PYD686" s="613"/>
      <c r="PYE686" s="613"/>
      <c r="PYF686" s="613"/>
      <c r="PYG686" s="613"/>
      <c r="PYH686" s="613"/>
      <c r="PYI686" s="613"/>
      <c r="PYJ686" s="613"/>
      <c r="PYK686" s="613"/>
      <c r="PYL686" s="613"/>
      <c r="PYM686" s="613"/>
      <c r="PYN686" s="613"/>
      <c r="PYO686" s="613"/>
      <c r="PYP686" s="613"/>
      <c r="PYQ686" s="613"/>
      <c r="PYR686" s="613"/>
      <c r="PYS686" s="613"/>
      <c r="PYT686" s="613"/>
      <c r="PYU686" s="613"/>
      <c r="PYV686" s="613"/>
      <c r="PYW686" s="613"/>
      <c r="PYX686" s="613"/>
      <c r="PYY686" s="613"/>
      <c r="PYZ686" s="613"/>
      <c r="PZA686" s="613"/>
      <c r="PZB686" s="613"/>
      <c r="PZC686" s="613"/>
      <c r="PZD686" s="613"/>
      <c r="PZE686" s="613"/>
      <c r="PZF686" s="613"/>
      <c r="PZG686" s="613"/>
      <c r="PZH686" s="613"/>
      <c r="PZI686" s="613"/>
      <c r="PZJ686" s="613"/>
      <c r="PZK686" s="613"/>
      <c r="PZL686" s="613"/>
      <c r="PZM686" s="613"/>
      <c r="PZN686" s="613"/>
      <c r="PZO686" s="613"/>
      <c r="PZP686" s="613"/>
      <c r="PZQ686" s="613"/>
      <c r="PZR686" s="613"/>
      <c r="PZS686" s="613"/>
      <c r="PZT686" s="613"/>
      <c r="PZU686" s="613"/>
      <c r="PZV686" s="613"/>
      <c r="PZW686" s="613"/>
      <c r="PZX686" s="613"/>
      <c r="PZY686" s="613"/>
      <c r="PZZ686" s="613"/>
      <c r="QAA686" s="613"/>
      <c r="QAB686" s="613"/>
      <c r="QAC686" s="613"/>
      <c r="QAD686" s="613"/>
      <c r="QAE686" s="613"/>
      <c r="QAF686" s="613"/>
      <c r="QAG686" s="613"/>
      <c r="QAH686" s="613"/>
      <c r="QAI686" s="613"/>
      <c r="QAJ686" s="613"/>
      <c r="QAK686" s="613"/>
      <c r="QAL686" s="613"/>
      <c r="QAM686" s="613"/>
      <c r="QAN686" s="613"/>
      <c r="QAO686" s="613"/>
      <c r="QAP686" s="613"/>
      <c r="QAQ686" s="613"/>
      <c r="QAR686" s="613"/>
      <c r="QAS686" s="613"/>
      <c r="QAT686" s="613"/>
      <c r="QAU686" s="613"/>
      <c r="QAV686" s="613"/>
      <c r="QAW686" s="613"/>
      <c r="QAX686" s="613"/>
      <c r="QAY686" s="613"/>
      <c r="QAZ686" s="613"/>
      <c r="QBA686" s="613"/>
      <c r="QBB686" s="613"/>
      <c r="QBC686" s="613"/>
      <c r="QBD686" s="613"/>
      <c r="QBE686" s="613"/>
      <c r="QBF686" s="613"/>
      <c r="QBG686" s="613"/>
      <c r="QBH686" s="613"/>
      <c r="QBI686" s="613"/>
      <c r="QBJ686" s="613"/>
      <c r="QBK686" s="613"/>
      <c r="QBL686" s="613"/>
      <c r="QBM686" s="613"/>
      <c r="QBN686" s="613"/>
      <c r="QBO686" s="613"/>
      <c r="QBP686" s="613"/>
      <c r="QBQ686" s="613"/>
      <c r="QBR686" s="613"/>
      <c r="QBS686" s="613"/>
      <c r="QBT686" s="613"/>
      <c r="QBU686" s="613"/>
      <c r="QBV686" s="613"/>
      <c r="QBW686" s="613"/>
      <c r="QBX686" s="613"/>
      <c r="QBY686" s="613"/>
      <c r="QBZ686" s="613"/>
      <c r="QCA686" s="613"/>
      <c r="QCB686" s="613"/>
      <c r="QCC686" s="613"/>
      <c r="QCD686" s="613"/>
      <c r="QCE686" s="613"/>
      <c r="QCF686" s="613"/>
      <c r="QCG686" s="613"/>
      <c r="QCH686" s="613"/>
      <c r="QCI686" s="613"/>
      <c r="QCJ686" s="613"/>
      <c r="QCK686" s="613"/>
      <c r="QCL686" s="613"/>
      <c r="QCM686" s="613"/>
      <c r="QCN686" s="613"/>
      <c r="QCO686" s="613"/>
      <c r="QCP686" s="613"/>
      <c r="QCQ686" s="613"/>
      <c r="QCR686" s="613"/>
      <c r="QCS686" s="613"/>
      <c r="QCT686" s="613"/>
      <c r="QCU686" s="613"/>
      <c r="QCV686" s="613"/>
      <c r="QCW686" s="613"/>
      <c r="QCX686" s="613"/>
      <c r="QCY686" s="613"/>
      <c r="QCZ686" s="613"/>
      <c r="QDA686" s="613"/>
      <c r="QDB686" s="613"/>
      <c r="QDC686" s="613"/>
      <c r="QDD686" s="613"/>
      <c r="QDE686" s="613"/>
      <c r="QDF686" s="613"/>
      <c r="QDG686" s="613"/>
      <c r="QDH686" s="613"/>
      <c r="QDI686" s="613"/>
      <c r="QDJ686" s="613"/>
      <c r="QDK686" s="613"/>
      <c r="QDL686" s="613"/>
      <c r="QDM686" s="613"/>
      <c r="QDN686" s="613"/>
      <c r="QDO686" s="613"/>
      <c r="QDP686" s="613"/>
      <c r="QDQ686" s="613"/>
      <c r="QDR686" s="613"/>
      <c r="QDS686" s="613"/>
      <c r="QDT686" s="613"/>
      <c r="QDU686" s="613"/>
      <c r="QDV686" s="613"/>
      <c r="QDW686" s="613"/>
      <c r="QDX686" s="613"/>
      <c r="QDY686" s="613"/>
      <c r="QDZ686" s="613"/>
      <c r="QEA686" s="613"/>
      <c r="QEB686" s="613"/>
      <c r="QEC686" s="613"/>
      <c r="QED686" s="613"/>
      <c r="QEE686" s="613"/>
      <c r="QEF686" s="613"/>
      <c r="QEG686" s="613"/>
      <c r="QEH686" s="613"/>
      <c r="QEI686" s="613"/>
      <c r="QEJ686" s="613"/>
      <c r="QEK686" s="613"/>
      <c r="QEL686" s="613"/>
      <c r="QEM686" s="613"/>
      <c r="QEN686" s="613"/>
      <c r="QEO686" s="613"/>
      <c r="QEP686" s="613"/>
      <c r="QEQ686" s="613"/>
      <c r="QER686" s="613"/>
      <c r="QES686" s="613"/>
      <c r="QET686" s="613"/>
      <c r="QEU686" s="613"/>
      <c r="QEV686" s="613"/>
      <c r="QEW686" s="613"/>
      <c r="QEX686" s="613"/>
      <c r="QEY686" s="613"/>
      <c r="QEZ686" s="613"/>
      <c r="QFA686" s="613"/>
      <c r="QFB686" s="613"/>
      <c r="QFC686" s="613"/>
      <c r="QFD686" s="613"/>
      <c r="QFE686" s="613"/>
      <c r="QFF686" s="613"/>
      <c r="QFG686" s="613"/>
      <c r="QFH686" s="613"/>
      <c r="QFI686" s="613"/>
      <c r="QFJ686" s="613"/>
      <c r="QFK686" s="613"/>
      <c r="QFL686" s="613"/>
      <c r="QFM686" s="613"/>
      <c r="QFN686" s="613"/>
      <c r="QFO686" s="613"/>
      <c r="QFP686" s="613"/>
      <c r="QFQ686" s="613"/>
      <c r="QFR686" s="613"/>
      <c r="QFS686" s="613"/>
      <c r="QFT686" s="613"/>
      <c r="QFU686" s="613"/>
      <c r="QFV686" s="613"/>
      <c r="QFW686" s="613"/>
      <c r="QFX686" s="613"/>
      <c r="QFY686" s="613"/>
      <c r="QFZ686" s="613"/>
      <c r="QGA686" s="613"/>
      <c r="QGB686" s="613"/>
      <c r="QGC686" s="613"/>
      <c r="QGD686" s="613"/>
      <c r="QGE686" s="613"/>
      <c r="QGF686" s="613"/>
      <c r="QGG686" s="613"/>
      <c r="QGH686" s="613"/>
      <c r="QGI686" s="613"/>
      <c r="QGJ686" s="613"/>
      <c r="QGK686" s="613"/>
      <c r="QGL686" s="613"/>
      <c r="QGM686" s="613"/>
      <c r="QGN686" s="613"/>
      <c r="QGO686" s="613"/>
      <c r="QGP686" s="613"/>
      <c r="QGQ686" s="613"/>
      <c r="QGR686" s="613"/>
      <c r="QGS686" s="613"/>
      <c r="QGT686" s="613"/>
      <c r="QGU686" s="613"/>
      <c r="QGV686" s="613"/>
      <c r="QGW686" s="613"/>
      <c r="QGX686" s="613"/>
      <c r="QGY686" s="613"/>
      <c r="QGZ686" s="613"/>
      <c r="QHA686" s="613"/>
      <c r="QHB686" s="613"/>
      <c r="QHC686" s="613"/>
      <c r="QHD686" s="613"/>
      <c r="QHE686" s="613"/>
      <c r="QHF686" s="613"/>
      <c r="QHG686" s="613"/>
      <c r="QHH686" s="613"/>
      <c r="QHI686" s="613"/>
      <c r="QHJ686" s="613"/>
      <c r="QHK686" s="613"/>
      <c r="QHL686" s="613"/>
      <c r="QHM686" s="613"/>
      <c r="QHN686" s="613"/>
      <c r="QHO686" s="613"/>
      <c r="QHP686" s="613"/>
      <c r="QHQ686" s="613"/>
      <c r="QHR686" s="613"/>
      <c r="QHS686" s="613"/>
      <c r="QHT686" s="613"/>
      <c r="QHU686" s="613"/>
      <c r="QHV686" s="613"/>
      <c r="QHW686" s="613"/>
      <c r="QHX686" s="613"/>
      <c r="QHY686" s="613"/>
      <c r="QHZ686" s="613"/>
      <c r="QIA686" s="613"/>
      <c r="QIB686" s="613"/>
      <c r="QIC686" s="613"/>
      <c r="QID686" s="613"/>
      <c r="QIE686" s="613"/>
      <c r="QIF686" s="613"/>
      <c r="QIG686" s="613"/>
      <c r="QIH686" s="613"/>
      <c r="QII686" s="613"/>
      <c r="QIJ686" s="613"/>
      <c r="QIK686" s="613"/>
      <c r="QIL686" s="613"/>
      <c r="QIM686" s="613"/>
      <c r="QIN686" s="613"/>
      <c r="QIO686" s="613"/>
      <c r="QIP686" s="613"/>
      <c r="QIQ686" s="613"/>
      <c r="QIR686" s="613"/>
      <c r="QIS686" s="613"/>
      <c r="QIT686" s="613"/>
      <c r="QIU686" s="613"/>
      <c r="QIV686" s="613"/>
      <c r="QIW686" s="613"/>
      <c r="QIX686" s="613"/>
      <c r="QIY686" s="613"/>
      <c r="QIZ686" s="613"/>
      <c r="QJA686" s="613"/>
      <c r="QJB686" s="613"/>
      <c r="QJC686" s="613"/>
      <c r="QJD686" s="613"/>
      <c r="QJE686" s="613"/>
      <c r="QJF686" s="613"/>
      <c r="QJG686" s="613"/>
      <c r="QJH686" s="613"/>
      <c r="QJI686" s="613"/>
      <c r="QJJ686" s="613"/>
      <c r="QJK686" s="613"/>
      <c r="QJL686" s="613"/>
      <c r="QJM686" s="613"/>
      <c r="QJN686" s="613"/>
      <c r="QJO686" s="613"/>
      <c r="QJP686" s="613"/>
      <c r="QJQ686" s="613"/>
      <c r="QJR686" s="613"/>
      <c r="QJS686" s="613"/>
      <c r="QJT686" s="613"/>
      <c r="QJU686" s="613"/>
      <c r="QJV686" s="613"/>
      <c r="QJW686" s="613"/>
      <c r="QJX686" s="613"/>
      <c r="QJY686" s="613"/>
      <c r="QJZ686" s="613"/>
      <c r="QKA686" s="613"/>
      <c r="QKB686" s="613"/>
      <c r="QKC686" s="613"/>
      <c r="QKD686" s="613"/>
      <c r="QKE686" s="613"/>
      <c r="QKF686" s="613"/>
      <c r="QKG686" s="613"/>
      <c r="QKH686" s="613"/>
      <c r="QKI686" s="613"/>
      <c r="QKJ686" s="613"/>
      <c r="QKK686" s="613"/>
      <c r="QKL686" s="613"/>
      <c r="QKM686" s="613"/>
      <c r="QKN686" s="613"/>
      <c r="QKO686" s="613"/>
      <c r="QKP686" s="613"/>
      <c r="QKQ686" s="613"/>
      <c r="QKR686" s="613"/>
      <c r="QKS686" s="613"/>
      <c r="QKT686" s="613"/>
      <c r="QKU686" s="613"/>
      <c r="QKV686" s="613"/>
      <c r="QKW686" s="613"/>
      <c r="QKX686" s="613"/>
      <c r="QKY686" s="613"/>
      <c r="QKZ686" s="613"/>
      <c r="QLA686" s="613"/>
      <c r="QLB686" s="613"/>
      <c r="QLC686" s="613"/>
      <c r="QLD686" s="613"/>
      <c r="QLE686" s="613"/>
      <c r="QLF686" s="613"/>
      <c r="QLG686" s="613"/>
      <c r="QLH686" s="613"/>
      <c r="QLI686" s="613"/>
      <c r="QLJ686" s="613"/>
      <c r="QLK686" s="613"/>
      <c r="QLL686" s="613"/>
      <c r="QLM686" s="613"/>
      <c r="QLN686" s="613"/>
      <c r="QLO686" s="613"/>
      <c r="QLP686" s="613"/>
      <c r="QLQ686" s="613"/>
      <c r="QLR686" s="613"/>
      <c r="QLS686" s="613"/>
      <c r="QLT686" s="613"/>
      <c r="QLU686" s="613"/>
      <c r="QLV686" s="613"/>
      <c r="QLW686" s="613"/>
      <c r="QLX686" s="613"/>
      <c r="QLY686" s="613"/>
      <c r="QLZ686" s="613"/>
      <c r="QMA686" s="613"/>
      <c r="QMB686" s="613"/>
      <c r="QMC686" s="613"/>
      <c r="QMD686" s="613"/>
      <c r="QME686" s="613"/>
      <c r="QMF686" s="613"/>
      <c r="QMG686" s="613"/>
      <c r="QMH686" s="613"/>
      <c r="QMI686" s="613"/>
      <c r="QMJ686" s="613"/>
      <c r="QMK686" s="613"/>
      <c r="QML686" s="613"/>
      <c r="QMM686" s="613"/>
      <c r="QMN686" s="613"/>
      <c r="QMO686" s="613"/>
      <c r="QMP686" s="613"/>
      <c r="QMQ686" s="613"/>
      <c r="QMR686" s="613"/>
      <c r="QMS686" s="613"/>
      <c r="QMT686" s="613"/>
      <c r="QMU686" s="613"/>
      <c r="QMV686" s="613"/>
      <c r="QMW686" s="613"/>
      <c r="QMX686" s="613"/>
      <c r="QMY686" s="613"/>
      <c r="QMZ686" s="613"/>
      <c r="QNA686" s="613"/>
      <c r="QNB686" s="613"/>
      <c r="QNC686" s="613"/>
      <c r="QND686" s="613"/>
      <c r="QNE686" s="613"/>
      <c r="QNF686" s="613"/>
      <c r="QNG686" s="613"/>
      <c r="QNH686" s="613"/>
      <c r="QNI686" s="613"/>
      <c r="QNJ686" s="613"/>
      <c r="QNK686" s="613"/>
      <c r="QNL686" s="613"/>
      <c r="QNM686" s="613"/>
      <c r="QNN686" s="613"/>
      <c r="QNO686" s="613"/>
      <c r="QNP686" s="613"/>
      <c r="QNQ686" s="613"/>
      <c r="QNR686" s="613"/>
      <c r="QNS686" s="613"/>
      <c r="QNT686" s="613"/>
      <c r="QNU686" s="613"/>
      <c r="QNV686" s="613"/>
      <c r="QNW686" s="613"/>
      <c r="QNX686" s="613"/>
      <c r="QNY686" s="613"/>
      <c r="QNZ686" s="613"/>
      <c r="QOA686" s="613"/>
      <c r="QOB686" s="613"/>
      <c r="QOC686" s="613"/>
      <c r="QOD686" s="613"/>
      <c r="QOE686" s="613"/>
      <c r="QOF686" s="613"/>
      <c r="QOG686" s="613"/>
      <c r="QOH686" s="613"/>
      <c r="QOI686" s="613"/>
      <c r="QOJ686" s="613"/>
      <c r="QOK686" s="613"/>
      <c r="QOL686" s="613"/>
      <c r="QOM686" s="613"/>
      <c r="QON686" s="613"/>
      <c r="QOO686" s="613"/>
      <c r="QOP686" s="613"/>
      <c r="QOQ686" s="613"/>
      <c r="QOR686" s="613"/>
      <c r="QOS686" s="613"/>
      <c r="QOT686" s="613"/>
      <c r="QOU686" s="613"/>
      <c r="QOV686" s="613"/>
      <c r="QOW686" s="613"/>
      <c r="QOX686" s="613"/>
      <c r="QOY686" s="613"/>
      <c r="QOZ686" s="613"/>
      <c r="QPA686" s="613"/>
      <c r="QPB686" s="613"/>
      <c r="QPC686" s="613"/>
      <c r="QPD686" s="613"/>
      <c r="QPE686" s="613"/>
      <c r="QPF686" s="613"/>
      <c r="QPG686" s="613"/>
      <c r="QPH686" s="613"/>
      <c r="QPI686" s="613"/>
      <c r="QPJ686" s="613"/>
      <c r="QPK686" s="613"/>
      <c r="QPL686" s="613"/>
      <c r="QPM686" s="613"/>
      <c r="QPN686" s="613"/>
      <c r="QPO686" s="613"/>
      <c r="QPP686" s="613"/>
      <c r="QPQ686" s="613"/>
      <c r="QPR686" s="613"/>
      <c r="QPS686" s="613"/>
      <c r="QPT686" s="613"/>
      <c r="QPU686" s="613"/>
      <c r="QPV686" s="613"/>
      <c r="QPW686" s="613"/>
      <c r="QPX686" s="613"/>
      <c r="QPY686" s="613"/>
      <c r="QPZ686" s="613"/>
      <c r="QQA686" s="613"/>
      <c r="QQB686" s="613"/>
      <c r="QQC686" s="613"/>
      <c r="QQD686" s="613"/>
      <c r="QQE686" s="613"/>
      <c r="QQF686" s="613"/>
      <c r="QQG686" s="613"/>
      <c r="QQH686" s="613"/>
      <c r="QQI686" s="613"/>
      <c r="QQJ686" s="613"/>
      <c r="QQK686" s="613"/>
      <c r="QQL686" s="613"/>
      <c r="QQM686" s="613"/>
      <c r="QQN686" s="613"/>
      <c r="QQO686" s="613"/>
      <c r="QQP686" s="613"/>
      <c r="QQQ686" s="613"/>
      <c r="QQR686" s="613"/>
      <c r="QQS686" s="613"/>
      <c r="QQT686" s="613"/>
      <c r="QQU686" s="613"/>
      <c r="QQV686" s="613"/>
      <c r="QQW686" s="613"/>
      <c r="QQX686" s="613"/>
      <c r="QQY686" s="613"/>
      <c r="QQZ686" s="613"/>
      <c r="QRA686" s="613"/>
      <c r="QRB686" s="613"/>
      <c r="QRC686" s="613"/>
      <c r="QRD686" s="613"/>
      <c r="QRE686" s="613"/>
      <c r="QRF686" s="613"/>
      <c r="QRG686" s="613"/>
      <c r="QRH686" s="613"/>
      <c r="QRI686" s="613"/>
      <c r="QRJ686" s="613"/>
      <c r="QRK686" s="613"/>
      <c r="QRL686" s="613"/>
      <c r="QRM686" s="613"/>
      <c r="QRN686" s="613"/>
      <c r="QRO686" s="613"/>
      <c r="QRP686" s="613"/>
      <c r="QRQ686" s="613"/>
      <c r="QRR686" s="613"/>
      <c r="QRS686" s="613"/>
      <c r="QRT686" s="613"/>
      <c r="QRU686" s="613"/>
      <c r="QRV686" s="613"/>
      <c r="QRW686" s="613"/>
      <c r="QRX686" s="613"/>
      <c r="QRY686" s="613"/>
      <c r="QRZ686" s="613"/>
      <c r="QSA686" s="613"/>
      <c r="QSB686" s="613"/>
      <c r="QSC686" s="613"/>
      <c r="QSD686" s="613"/>
      <c r="QSE686" s="613"/>
      <c r="QSF686" s="613"/>
      <c r="QSG686" s="613"/>
      <c r="QSH686" s="613"/>
      <c r="QSI686" s="613"/>
      <c r="QSJ686" s="613"/>
      <c r="QSK686" s="613"/>
      <c r="QSL686" s="613"/>
      <c r="QSM686" s="613"/>
      <c r="QSN686" s="613"/>
      <c r="QSO686" s="613"/>
      <c r="QSP686" s="613"/>
      <c r="QSQ686" s="613"/>
      <c r="QSR686" s="613"/>
      <c r="QSS686" s="613"/>
      <c r="QST686" s="613"/>
      <c r="QSU686" s="613"/>
      <c r="QSV686" s="613"/>
      <c r="QSW686" s="613"/>
      <c r="QSX686" s="613"/>
      <c r="QSY686" s="613"/>
      <c r="QSZ686" s="613"/>
      <c r="QTA686" s="613"/>
      <c r="QTB686" s="613"/>
      <c r="QTC686" s="613"/>
      <c r="QTD686" s="613"/>
      <c r="QTE686" s="613"/>
      <c r="QTF686" s="613"/>
      <c r="QTG686" s="613"/>
      <c r="QTH686" s="613"/>
      <c r="QTI686" s="613"/>
      <c r="QTJ686" s="613"/>
      <c r="QTK686" s="613"/>
      <c r="QTL686" s="613"/>
      <c r="QTM686" s="613"/>
      <c r="QTN686" s="613"/>
      <c r="QTO686" s="613"/>
      <c r="QTP686" s="613"/>
      <c r="QTQ686" s="613"/>
      <c r="QTR686" s="613"/>
      <c r="QTS686" s="613"/>
      <c r="QTT686" s="613"/>
      <c r="QTU686" s="613"/>
      <c r="QTV686" s="613"/>
      <c r="QTW686" s="613"/>
      <c r="QTX686" s="613"/>
      <c r="QTY686" s="613"/>
      <c r="QTZ686" s="613"/>
      <c r="QUA686" s="613"/>
      <c r="QUB686" s="613"/>
      <c r="QUC686" s="613"/>
      <c r="QUD686" s="613"/>
      <c r="QUE686" s="613"/>
      <c r="QUF686" s="613"/>
      <c r="QUG686" s="613"/>
      <c r="QUH686" s="613"/>
      <c r="QUI686" s="613"/>
      <c r="QUJ686" s="613"/>
      <c r="QUK686" s="613"/>
      <c r="QUL686" s="613"/>
      <c r="QUM686" s="613"/>
      <c r="QUN686" s="613"/>
      <c r="QUO686" s="613"/>
      <c r="QUP686" s="613"/>
      <c r="QUQ686" s="613"/>
      <c r="QUR686" s="613"/>
      <c r="QUS686" s="613"/>
      <c r="QUT686" s="613"/>
      <c r="QUU686" s="613"/>
      <c r="QUV686" s="613"/>
      <c r="QUW686" s="613"/>
      <c r="QUX686" s="613"/>
      <c r="QUY686" s="613"/>
      <c r="QUZ686" s="613"/>
      <c r="QVA686" s="613"/>
      <c r="QVB686" s="613"/>
      <c r="QVC686" s="613"/>
      <c r="QVD686" s="613"/>
      <c r="QVE686" s="613"/>
      <c r="QVF686" s="613"/>
      <c r="QVG686" s="613"/>
      <c r="QVH686" s="613"/>
      <c r="QVI686" s="613"/>
      <c r="QVJ686" s="613"/>
      <c r="QVK686" s="613"/>
      <c r="QVL686" s="613"/>
      <c r="QVM686" s="613"/>
      <c r="QVN686" s="613"/>
      <c r="QVO686" s="613"/>
      <c r="QVP686" s="613"/>
      <c r="QVQ686" s="613"/>
      <c r="QVR686" s="613"/>
      <c r="QVS686" s="613"/>
      <c r="QVT686" s="613"/>
      <c r="QVU686" s="613"/>
      <c r="QVV686" s="613"/>
      <c r="QVW686" s="613"/>
      <c r="QVX686" s="613"/>
      <c r="QVY686" s="613"/>
      <c r="QVZ686" s="613"/>
      <c r="QWA686" s="613"/>
      <c r="QWB686" s="613"/>
      <c r="QWC686" s="613"/>
      <c r="QWD686" s="613"/>
      <c r="QWE686" s="613"/>
      <c r="QWF686" s="613"/>
      <c r="QWG686" s="613"/>
      <c r="QWH686" s="613"/>
      <c r="QWI686" s="613"/>
      <c r="QWJ686" s="613"/>
      <c r="QWK686" s="613"/>
      <c r="QWL686" s="613"/>
      <c r="QWM686" s="613"/>
      <c r="QWN686" s="613"/>
      <c r="QWO686" s="613"/>
      <c r="QWP686" s="613"/>
      <c r="QWQ686" s="613"/>
      <c r="QWR686" s="613"/>
      <c r="QWS686" s="613"/>
      <c r="QWT686" s="613"/>
      <c r="QWU686" s="613"/>
      <c r="QWV686" s="613"/>
      <c r="QWW686" s="613"/>
      <c r="QWX686" s="613"/>
      <c r="QWY686" s="613"/>
      <c r="QWZ686" s="613"/>
      <c r="QXA686" s="613"/>
      <c r="QXB686" s="613"/>
      <c r="QXC686" s="613"/>
      <c r="QXD686" s="613"/>
      <c r="QXE686" s="613"/>
      <c r="QXF686" s="613"/>
      <c r="QXG686" s="613"/>
      <c r="QXH686" s="613"/>
      <c r="QXI686" s="613"/>
      <c r="QXJ686" s="613"/>
      <c r="QXK686" s="613"/>
      <c r="QXL686" s="613"/>
      <c r="QXM686" s="613"/>
      <c r="QXN686" s="613"/>
      <c r="QXO686" s="613"/>
      <c r="QXP686" s="613"/>
      <c r="QXQ686" s="613"/>
      <c r="QXR686" s="613"/>
      <c r="QXS686" s="613"/>
      <c r="QXT686" s="613"/>
      <c r="QXU686" s="613"/>
      <c r="QXV686" s="613"/>
      <c r="QXW686" s="613"/>
      <c r="QXX686" s="613"/>
      <c r="QXY686" s="613"/>
      <c r="QXZ686" s="613"/>
      <c r="QYA686" s="613"/>
      <c r="QYB686" s="613"/>
      <c r="QYC686" s="613"/>
      <c r="QYD686" s="613"/>
      <c r="QYE686" s="613"/>
      <c r="QYF686" s="613"/>
      <c r="QYG686" s="613"/>
      <c r="QYH686" s="613"/>
      <c r="QYI686" s="613"/>
      <c r="QYJ686" s="613"/>
      <c r="QYK686" s="613"/>
      <c r="QYL686" s="613"/>
      <c r="QYM686" s="613"/>
      <c r="QYN686" s="613"/>
      <c r="QYO686" s="613"/>
      <c r="QYP686" s="613"/>
      <c r="QYQ686" s="613"/>
      <c r="QYR686" s="613"/>
      <c r="QYS686" s="613"/>
      <c r="QYT686" s="613"/>
      <c r="QYU686" s="613"/>
      <c r="QYV686" s="613"/>
      <c r="QYW686" s="613"/>
      <c r="QYX686" s="613"/>
      <c r="QYY686" s="613"/>
      <c r="QYZ686" s="613"/>
      <c r="QZA686" s="613"/>
      <c r="QZB686" s="613"/>
      <c r="QZC686" s="613"/>
      <c r="QZD686" s="613"/>
      <c r="QZE686" s="613"/>
      <c r="QZF686" s="613"/>
      <c r="QZG686" s="613"/>
      <c r="QZH686" s="613"/>
      <c r="QZI686" s="613"/>
      <c r="QZJ686" s="613"/>
      <c r="QZK686" s="613"/>
      <c r="QZL686" s="613"/>
      <c r="QZM686" s="613"/>
      <c r="QZN686" s="613"/>
      <c r="QZO686" s="613"/>
      <c r="QZP686" s="613"/>
      <c r="QZQ686" s="613"/>
      <c r="QZR686" s="613"/>
      <c r="QZS686" s="613"/>
      <c r="QZT686" s="613"/>
      <c r="QZU686" s="613"/>
      <c r="QZV686" s="613"/>
      <c r="QZW686" s="613"/>
      <c r="QZX686" s="613"/>
      <c r="QZY686" s="613"/>
      <c r="QZZ686" s="613"/>
      <c r="RAA686" s="613"/>
      <c r="RAB686" s="613"/>
      <c r="RAC686" s="613"/>
      <c r="RAD686" s="613"/>
      <c r="RAE686" s="613"/>
      <c r="RAF686" s="613"/>
      <c r="RAG686" s="613"/>
      <c r="RAH686" s="613"/>
      <c r="RAI686" s="613"/>
      <c r="RAJ686" s="613"/>
      <c r="RAK686" s="613"/>
      <c r="RAL686" s="613"/>
      <c r="RAM686" s="613"/>
      <c r="RAN686" s="613"/>
      <c r="RAO686" s="613"/>
      <c r="RAP686" s="613"/>
      <c r="RAQ686" s="613"/>
      <c r="RAR686" s="613"/>
      <c r="RAS686" s="613"/>
      <c r="RAT686" s="613"/>
      <c r="RAU686" s="613"/>
      <c r="RAV686" s="613"/>
      <c r="RAW686" s="613"/>
      <c r="RAX686" s="613"/>
      <c r="RAY686" s="613"/>
      <c r="RAZ686" s="613"/>
      <c r="RBA686" s="613"/>
      <c r="RBB686" s="613"/>
      <c r="RBC686" s="613"/>
      <c r="RBD686" s="613"/>
      <c r="RBE686" s="613"/>
      <c r="RBF686" s="613"/>
      <c r="RBG686" s="613"/>
      <c r="RBH686" s="613"/>
      <c r="RBI686" s="613"/>
      <c r="RBJ686" s="613"/>
      <c r="RBK686" s="613"/>
      <c r="RBL686" s="613"/>
      <c r="RBM686" s="613"/>
      <c r="RBN686" s="613"/>
      <c r="RBO686" s="613"/>
      <c r="RBP686" s="613"/>
      <c r="RBQ686" s="613"/>
      <c r="RBR686" s="613"/>
      <c r="RBS686" s="613"/>
      <c r="RBT686" s="613"/>
      <c r="RBU686" s="613"/>
      <c r="RBV686" s="613"/>
      <c r="RBW686" s="613"/>
      <c r="RBX686" s="613"/>
      <c r="RBY686" s="613"/>
      <c r="RBZ686" s="613"/>
      <c r="RCA686" s="613"/>
      <c r="RCB686" s="613"/>
      <c r="RCC686" s="613"/>
      <c r="RCD686" s="613"/>
      <c r="RCE686" s="613"/>
      <c r="RCF686" s="613"/>
      <c r="RCG686" s="613"/>
      <c r="RCH686" s="613"/>
      <c r="RCI686" s="613"/>
      <c r="RCJ686" s="613"/>
      <c r="RCK686" s="613"/>
      <c r="RCL686" s="613"/>
      <c r="RCM686" s="613"/>
      <c r="RCN686" s="613"/>
      <c r="RCO686" s="613"/>
      <c r="RCP686" s="613"/>
      <c r="RCQ686" s="613"/>
      <c r="RCR686" s="613"/>
      <c r="RCS686" s="613"/>
      <c r="RCT686" s="613"/>
      <c r="RCU686" s="613"/>
      <c r="RCV686" s="613"/>
      <c r="RCW686" s="613"/>
      <c r="RCX686" s="613"/>
      <c r="RCY686" s="613"/>
      <c r="RCZ686" s="613"/>
      <c r="RDA686" s="613"/>
      <c r="RDB686" s="613"/>
      <c r="RDC686" s="613"/>
      <c r="RDD686" s="613"/>
      <c r="RDE686" s="613"/>
      <c r="RDF686" s="613"/>
      <c r="RDG686" s="613"/>
      <c r="RDH686" s="613"/>
      <c r="RDI686" s="613"/>
      <c r="RDJ686" s="613"/>
      <c r="RDK686" s="613"/>
      <c r="RDL686" s="613"/>
      <c r="RDM686" s="613"/>
      <c r="RDN686" s="613"/>
      <c r="RDO686" s="613"/>
      <c r="RDP686" s="613"/>
      <c r="RDQ686" s="613"/>
      <c r="RDR686" s="613"/>
      <c r="RDS686" s="613"/>
      <c r="RDT686" s="613"/>
      <c r="RDU686" s="613"/>
      <c r="RDV686" s="613"/>
      <c r="RDW686" s="613"/>
      <c r="RDX686" s="613"/>
      <c r="RDY686" s="613"/>
      <c r="RDZ686" s="613"/>
      <c r="REA686" s="613"/>
      <c r="REB686" s="613"/>
      <c r="REC686" s="613"/>
      <c r="RED686" s="613"/>
      <c r="REE686" s="613"/>
      <c r="REF686" s="613"/>
      <c r="REG686" s="613"/>
      <c r="REH686" s="613"/>
      <c r="REI686" s="613"/>
      <c r="REJ686" s="613"/>
      <c r="REK686" s="613"/>
      <c r="REL686" s="613"/>
      <c r="REM686" s="613"/>
      <c r="REN686" s="613"/>
      <c r="REO686" s="613"/>
      <c r="REP686" s="613"/>
      <c r="REQ686" s="613"/>
      <c r="RER686" s="613"/>
      <c r="RES686" s="613"/>
      <c r="RET686" s="613"/>
      <c r="REU686" s="613"/>
      <c r="REV686" s="613"/>
      <c r="REW686" s="613"/>
      <c r="REX686" s="613"/>
      <c r="REY686" s="613"/>
      <c r="REZ686" s="613"/>
      <c r="RFA686" s="613"/>
      <c r="RFB686" s="613"/>
      <c r="RFC686" s="613"/>
      <c r="RFD686" s="613"/>
      <c r="RFE686" s="613"/>
      <c r="RFF686" s="613"/>
      <c r="RFG686" s="613"/>
      <c r="RFH686" s="613"/>
      <c r="RFI686" s="613"/>
      <c r="RFJ686" s="613"/>
      <c r="RFK686" s="613"/>
      <c r="RFL686" s="613"/>
      <c r="RFM686" s="613"/>
      <c r="RFN686" s="613"/>
      <c r="RFO686" s="613"/>
      <c r="RFP686" s="613"/>
      <c r="RFQ686" s="613"/>
      <c r="RFR686" s="613"/>
      <c r="RFS686" s="613"/>
      <c r="RFT686" s="613"/>
      <c r="RFU686" s="613"/>
      <c r="RFV686" s="613"/>
      <c r="RFW686" s="613"/>
      <c r="RFX686" s="613"/>
      <c r="RFY686" s="613"/>
      <c r="RFZ686" s="613"/>
      <c r="RGA686" s="613"/>
      <c r="RGB686" s="613"/>
      <c r="RGC686" s="613"/>
      <c r="RGD686" s="613"/>
      <c r="RGE686" s="613"/>
      <c r="RGF686" s="613"/>
      <c r="RGG686" s="613"/>
      <c r="RGH686" s="613"/>
      <c r="RGI686" s="613"/>
      <c r="RGJ686" s="613"/>
      <c r="RGK686" s="613"/>
      <c r="RGL686" s="613"/>
      <c r="RGM686" s="613"/>
      <c r="RGN686" s="613"/>
      <c r="RGO686" s="613"/>
      <c r="RGP686" s="613"/>
      <c r="RGQ686" s="613"/>
      <c r="RGR686" s="613"/>
      <c r="RGS686" s="613"/>
      <c r="RGT686" s="613"/>
      <c r="RGU686" s="613"/>
      <c r="RGV686" s="613"/>
      <c r="RGW686" s="613"/>
      <c r="RGX686" s="613"/>
      <c r="RGY686" s="613"/>
      <c r="RGZ686" s="613"/>
      <c r="RHA686" s="613"/>
      <c r="RHB686" s="613"/>
      <c r="RHC686" s="613"/>
      <c r="RHD686" s="613"/>
      <c r="RHE686" s="613"/>
      <c r="RHF686" s="613"/>
      <c r="RHG686" s="613"/>
      <c r="RHH686" s="613"/>
      <c r="RHI686" s="613"/>
      <c r="RHJ686" s="613"/>
      <c r="RHK686" s="613"/>
      <c r="RHL686" s="613"/>
      <c r="RHM686" s="613"/>
      <c r="RHN686" s="613"/>
      <c r="RHO686" s="613"/>
      <c r="RHP686" s="613"/>
      <c r="RHQ686" s="613"/>
      <c r="RHR686" s="613"/>
      <c r="RHS686" s="613"/>
      <c r="RHT686" s="613"/>
      <c r="RHU686" s="613"/>
      <c r="RHV686" s="613"/>
      <c r="RHW686" s="613"/>
      <c r="RHX686" s="613"/>
      <c r="RHY686" s="613"/>
      <c r="RHZ686" s="613"/>
      <c r="RIA686" s="613"/>
      <c r="RIB686" s="613"/>
      <c r="RIC686" s="613"/>
      <c r="RID686" s="613"/>
      <c r="RIE686" s="613"/>
      <c r="RIF686" s="613"/>
      <c r="RIG686" s="613"/>
      <c r="RIH686" s="613"/>
      <c r="RII686" s="613"/>
      <c r="RIJ686" s="613"/>
      <c r="RIK686" s="613"/>
      <c r="RIL686" s="613"/>
      <c r="RIM686" s="613"/>
      <c r="RIN686" s="613"/>
      <c r="RIO686" s="613"/>
      <c r="RIP686" s="613"/>
      <c r="RIQ686" s="613"/>
      <c r="RIR686" s="613"/>
      <c r="RIS686" s="613"/>
      <c r="RIT686" s="613"/>
      <c r="RIU686" s="613"/>
      <c r="RIV686" s="613"/>
      <c r="RIW686" s="613"/>
      <c r="RIX686" s="613"/>
      <c r="RIY686" s="613"/>
      <c r="RIZ686" s="613"/>
      <c r="RJA686" s="613"/>
      <c r="RJB686" s="613"/>
      <c r="RJC686" s="613"/>
      <c r="RJD686" s="613"/>
      <c r="RJE686" s="613"/>
      <c r="RJF686" s="613"/>
      <c r="RJG686" s="613"/>
      <c r="RJH686" s="613"/>
      <c r="RJI686" s="613"/>
      <c r="RJJ686" s="613"/>
      <c r="RJK686" s="613"/>
      <c r="RJL686" s="613"/>
      <c r="RJM686" s="613"/>
      <c r="RJN686" s="613"/>
      <c r="RJO686" s="613"/>
      <c r="RJP686" s="613"/>
      <c r="RJQ686" s="613"/>
      <c r="RJR686" s="613"/>
      <c r="RJS686" s="613"/>
      <c r="RJT686" s="613"/>
      <c r="RJU686" s="613"/>
      <c r="RJV686" s="613"/>
      <c r="RJW686" s="613"/>
      <c r="RJX686" s="613"/>
      <c r="RJY686" s="613"/>
      <c r="RJZ686" s="613"/>
      <c r="RKA686" s="613"/>
      <c r="RKB686" s="613"/>
      <c r="RKC686" s="613"/>
      <c r="RKD686" s="613"/>
      <c r="RKE686" s="613"/>
      <c r="RKF686" s="613"/>
      <c r="RKG686" s="613"/>
      <c r="RKH686" s="613"/>
      <c r="RKI686" s="613"/>
      <c r="RKJ686" s="613"/>
      <c r="RKK686" s="613"/>
      <c r="RKL686" s="613"/>
      <c r="RKM686" s="613"/>
      <c r="RKN686" s="613"/>
      <c r="RKO686" s="613"/>
      <c r="RKP686" s="613"/>
      <c r="RKQ686" s="613"/>
      <c r="RKR686" s="613"/>
      <c r="RKS686" s="613"/>
      <c r="RKT686" s="613"/>
      <c r="RKU686" s="613"/>
      <c r="RKV686" s="613"/>
      <c r="RKW686" s="613"/>
      <c r="RKX686" s="613"/>
      <c r="RKY686" s="613"/>
      <c r="RKZ686" s="613"/>
      <c r="RLA686" s="613"/>
      <c r="RLB686" s="613"/>
      <c r="RLC686" s="613"/>
      <c r="RLD686" s="613"/>
      <c r="RLE686" s="613"/>
      <c r="RLF686" s="613"/>
      <c r="RLG686" s="613"/>
      <c r="RLH686" s="613"/>
      <c r="RLI686" s="613"/>
      <c r="RLJ686" s="613"/>
      <c r="RLK686" s="613"/>
      <c r="RLL686" s="613"/>
      <c r="RLM686" s="613"/>
      <c r="RLN686" s="613"/>
      <c r="RLO686" s="613"/>
      <c r="RLP686" s="613"/>
      <c r="RLQ686" s="613"/>
      <c r="RLR686" s="613"/>
      <c r="RLS686" s="613"/>
      <c r="RLT686" s="613"/>
      <c r="RLU686" s="613"/>
      <c r="RLV686" s="613"/>
      <c r="RLW686" s="613"/>
      <c r="RLX686" s="613"/>
      <c r="RLY686" s="613"/>
      <c r="RLZ686" s="613"/>
      <c r="RMA686" s="613"/>
      <c r="RMB686" s="613"/>
      <c r="RMC686" s="613"/>
      <c r="RMD686" s="613"/>
      <c r="RME686" s="613"/>
      <c r="RMF686" s="613"/>
      <c r="RMG686" s="613"/>
      <c r="RMH686" s="613"/>
      <c r="RMI686" s="613"/>
      <c r="RMJ686" s="613"/>
      <c r="RMK686" s="613"/>
      <c r="RML686" s="613"/>
      <c r="RMM686" s="613"/>
      <c r="RMN686" s="613"/>
      <c r="RMO686" s="613"/>
      <c r="RMP686" s="613"/>
      <c r="RMQ686" s="613"/>
      <c r="RMR686" s="613"/>
      <c r="RMS686" s="613"/>
      <c r="RMT686" s="613"/>
      <c r="RMU686" s="613"/>
      <c r="RMV686" s="613"/>
      <c r="RMW686" s="613"/>
      <c r="RMX686" s="613"/>
      <c r="RMY686" s="613"/>
      <c r="RMZ686" s="613"/>
      <c r="RNA686" s="613"/>
      <c r="RNB686" s="613"/>
      <c r="RNC686" s="613"/>
      <c r="RND686" s="613"/>
      <c r="RNE686" s="613"/>
      <c r="RNF686" s="613"/>
      <c r="RNG686" s="613"/>
      <c r="RNH686" s="613"/>
      <c r="RNI686" s="613"/>
      <c r="RNJ686" s="613"/>
      <c r="RNK686" s="613"/>
      <c r="RNL686" s="613"/>
      <c r="RNM686" s="613"/>
      <c r="RNN686" s="613"/>
      <c r="RNO686" s="613"/>
      <c r="RNP686" s="613"/>
      <c r="RNQ686" s="613"/>
      <c r="RNR686" s="613"/>
      <c r="RNS686" s="613"/>
      <c r="RNT686" s="613"/>
      <c r="RNU686" s="613"/>
      <c r="RNV686" s="613"/>
      <c r="RNW686" s="613"/>
      <c r="RNX686" s="613"/>
      <c r="RNY686" s="613"/>
      <c r="RNZ686" s="613"/>
      <c r="ROA686" s="613"/>
      <c r="ROB686" s="613"/>
      <c r="ROC686" s="613"/>
      <c r="ROD686" s="613"/>
      <c r="ROE686" s="613"/>
      <c r="ROF686" s="613"/>
      <c r="ROG686" s="613"/>
      <c r="ROH686" s="613"/>
      <c r="ROI686" s="613"/>
      <c r="ROJ686" s="613"/>
      <c r="ROK686" s="613"/>
      <c r="ROL686" s="613"/>
      <c r="ROM686" s="613"/>
      <c r="RON686" s="613"/>
      <c r="ROO686" s="613"/>
      <c r="ROP686" s="613"/>
      <c r="ROQ686" s="613"/>
      <c r="ROR686" s="613"/>
      <c r="ROS686" s="613"/>
      <c r="ROT686" s="613"/>
      <c r="ROU686" s="613"/>
      <c r="ROV686" s="613"/>
      <c r="ROW686" s="613"/>
      <c r="ROX686" s="613"/>
      <c r="ROY686" s="613"/>
      <c r="ROZ686" s="613"/>
      <c r="RPA686" s="613"/>
      <c r="RPB686" s="613"/>
      <c r="RPC686" s="613"/>
      <c r="RPD686" s="613"/>
      <c r="RPE686" s="613"/>
      <c r="RPF686" s="613"/>
      <c r="RPG686" s="613"/>
      <c r="RPH686" s="613"/>
      <c r="RPI686" s="613"/>
      <c r="RPJ686" s="613"/>
      <c r="RPK686" s="613"/>
      <c r="RPL686" s="613"/>
      <c r="RPM686" s="613"/>
      <c r="RPN686" s="613"/>
      <c r="RPO686" s="613"/>
      <c r="RPP686" s="613"/>
      <c r="RPQ686" s="613"/>
      <c r="RPR686" s="613"/>
      <c r="RPS686" s="613"/>
      <c r="RPT686" s="613"/>
      <c r="RPU686" s="613"/>
      <c r="RPV686" s="613"/>
      <c r="RPW686" s="613"/>
      <c r="RPX686" s="613"/>
      <c r="RPY686" s="613"/>
      <c r="RPZ686" s="613"/>
      <c r="RQA686" s="613"/>
      <c r="RQB686" s="613"/>
      <c r="RQC686" s="613"/>
      <c r="RQD686" s="613"/>
      <c r="RQE686" s="613"/>
      <c r="RQF686" s="613"/>
      <c r="RQG686" s="613"/>
      <c r="RQH686" s="613"/>
      <c r="RQI686" s="613"/>
      <c r="RQJ686" s="613"/>
      <c r="RQK686" s="613"/>
      <c r="RQL686" s="613"/>
      <c r="RQM686" s="613"/>
      <c r="RQN686" s="613"/>
      <c r="RQO686" s="613"/>
      <c r="RQP686" s="613"/>
      <c r="RQQ686" s="613"/>
      <c r="RQR686" s="613"/>
      <c r="RQS686" s="613"/>
      <c r="RQT686" s="613"/>
      <c r="RQU686" s="613"/>
      <c r="RQV686" s="613"/>
      <c r="RQW686" s="613"/>
      <c r="RQX686" s="613"/>
      <c r="RQY686" s="613"/>
      <c r="RQZ686" s="613"/>
      <c r="RRA686" s="613"/>
      <c r="RRB686" s="613"/>
      <c r="RRC686" s="613"/>
      <c r="RRD686" s="613"/>
      <c r="RRE686" s="613"/>
      <c r="RRF686" s="613"/>
      <c r="RRG686" s="613"/>
      <c r="RRH686" s="613"/>
      <c r="RRI686" s="613"/>
      <c r="RRJ686" s="613"/>
      <c r="RRK686" s="613"/>
      <c r="RRL686" s="613"/>
      <c r="RRM686" s="613"/>
      <c r="RRN686" s="613"/>
      <c r="RRO686" s="613"/>
      <c r="RRP686" s="613"/>
      <c r="RRQ686" s="613"/>
      <c r="RRR686" s="613"/>
      <c r="RRS686" s="613"/>
      <c r="RRT686" s="613"/>
      <c r="RRU686" s="613"/>
      <c r="RRV686" s="613"/>
      <c r="RRW686" s="613"/>
      <c r="RRX686" s="613"/>
      <c r="RRY686" s="613"/>
      <c r="RRZ686" s="613"/>
      <c r="RSA686" s="613"/>
      <c r="RSB686" s="613"/>
      <c r="RSC686" s="613"/>
      <c r="RSD686" s="613"/>
      <c r="RSE686" s="613"/>
      <c r="RSF686" s="613"/>
      <c r="RSG686" s="613"/>
      <c r="RSH686" s="613"/>
      <c r="RSI686" s="613"/>
      <c r="RSJ686" s="613"/>
      <c r="RSK686" s="613"/>
      <c r="RSL686" s="613"/>
      <c r="RSM686" s="613"/>
      <c r="RSN686" s="613"/>
      <c r="RSO686" s="613"/>
      <c r="RSP686" s="613"/>
      <c r="RSQ686" s="613"/>
      <c r="RSR686" s="613"/>
      <c r="RSS686" s="613"/>
      <c r="RST686" s="613"/>
      <c r="RSU686" s="613"/>
      <c r="RSV686" s="613"/>
      <c r="RSW686" s="613"/>
      <c r="RSX686" s="613"/>
      <c r="RSY686" s="613"/>
      <c r="RSZ686" s="613"/>
      <c r="RTA686" s="613"/>
      <c r="RTB686" s="613"/>
      <c r="RTC686" s="613"/>
      <c r="RTD686" s="613"/>
      <c r="RTE686" s="613"/>
      <c r="RTF686" s="613"/>
      <c r="RTG686" s="613"/>
      <c r="RTH686" s="613"/>
      <c r="RTI686" s="613"/>
      <c r="RTJ686" s="613"/>
      <c r="RTK686" s="613"/>
      <c r="RTL686" s="613"/>
      <c r="RTM686" s="613"/>
      <c r="RTN686" s="613"/>
      <c r="RTO686" s="613"/>
      <c r="RTP686" s="613"/>
      <c r="RTQ686" s="613"/>
      <c r="RTR686" s="613"/>
      <c r="RTS686" s="613"/>
      <c r="RTT686" s="613"/>
      <c r="RTU686" s="613"/>
      <c r="RTV686" s="613"/>
      <c r="RTW686" s="613"/>
      <c r="RTX686" s="613"/>
      <c r="RTY686" s="613"/>
      <c r="RTZ686" s="613"/>
      <c r="RUA686" s="613"/>
      <c r="RUB686" s="613"/>
      <c r="RUC686" s="613"/>
      <c r="RUD686" s="613"/>
      <c r="RUE686" s="613"/>
      <c r="RUF686" s="613"/>
      <c r="RUG686" s="613"/>
      <c r="RUH686" s="613"/>
      <c r="RUI686" s="613"/>
      <c r="RUJ686" s="613"/>
      <c r="RUK686" s="613"/>
      <c r="RUL686" s="613"/>
      <c r="RUM686" s="613"/>
      <c r="RUN686" s="613"/>
      <c r="RUO686" s="613"/>
      <c r="RUP686" s="613"/>
      <c r="RUQ686" s="613"/>
      <c r="RUR686" s="613"/>
      <c r="RUS686" s="613"/>
      <c r="RUT686" s="613"/>
      <c r="RUU686" s="613"/>
      <c r="RUV686" s="613"/>
      <c r="RUW686" s="613"/>
      <c r="RUX686" s="613"/>
      <c r="RUY686" s="613"/>
      <c r="RUZ686" s="613"/>
      <c r="RVA686" s="613"/>
      <c r="RVB686" s="613"/>
      <c r="RVC686" s="613"/>
      <c r="RVD686" s="613"/>
      <c r="RVE686" s="613"/>
      <c r="RVF686" s="613"/>
      <c r="RVG686" s="613"/>
      <c r="RVH686" s="613"/>
      <c r="RVI686" s="613"/>
      <c r="RVJ686" s="613"/>
      <c r="RVK686" s="613"/>
      <c r="RVL686" s="613"/>
      <c r="RVM686" s="613"/>
      <c r="RVN686" s="613"/>
      <c r="RVO686" s="613"/>
      <c r="RVP686" s="613"/>
      <c r="RVQ686" s="613"/>
      <c r="RVR686" s="613"/>
      <c r="RVS686" s="613"/>
      <c r="RVT686" s="613"/>
      <c r="RVU686" s="613"/>
      <c r="RVV686" s="613"/>
      <c r="RVW686" s="613"/>
      <c r="RVX686" s="613"/>
      <c r="RVY686" s="613"/>
      <c r="RVZ686" s="613"/>
      <c r="RWA686" s="613"/>
      <c r="RWB686" s="613"/>
      <c r="RWC686" s="613"/>
      <c r="RWD686" s="613"/>
      <c r="RWE686" s="613"/>
      <c r="RWF686" s="613"/>
      <c r="RWG686" s="613"/>
      <c r="RWH686" s="613"/>
      <c r="RWI686" s="613"/>
      <c r="RWJ686" s="613"/>
      <c r="RWK686" s="613"/>
      <c r="RWL686" s="613"/>
      <c r="RWM686" s="613"/>
      <c r="RWN686" s="613"/>
      <c r="RWO686" s="613"/>
      <c r="RWP686" s="613"/>
      <c r="RWQ686" s="613"/>
      <c r="RWR686" s="613"/>
      <c r="RWS686" s="613"/>
      <c r="RWT686" s="613"/>
      <c r="RWU686" s="613"/>
      <c r="RWV686" s="613"/>
      <c r="RWW686" s="613"/>
      <c r="RWX686" s="613"/>
      <c r="RWY686" s="613"/>
      <c r="RWZ686" s="613"/>
      <c r="RXA686" s="613"/>
      <c r="RXB686" s="613"/>
      <c r="RXC686" s="613"/>
      <c r="RXD686" s="613"/>
      <c r="RXE686" s="613"/>
      <c r="RXF686" s="613"/>
      <c r="RXG686" s="613"/>
      <c r="RXH686" s="613"/>
      <c r="RXI686" s="613"/>
      <c r="RXJ686" s="613"/>
      <c r="RXK686" s="613"/>
      <c r="RXL686" s="613"/>
      <c r="RXM686" s="613"/>
      <c r="RXN686" s="613"/>
      <c r="RXO686" s="613"/>
      <c r="RXP686" s="613"/>
      <c r="RXQ686" s="613"/>
      <c r="RXR686" s="613"/>
      <c r="RXS686" s="613"/>
      <c r="RXT686" s="613"/>
      <c r="RXU686" s="613"/>
      <c r="RXV686" s="613"/>
      <c r="RXW686" s="613"/>
      <c r="RXX686" s="613"/>
      <c r="RXY686" s="613"/>
      <c r="RXZ686" s="613"/>
      <c r="RYA686" s="613"/>
      <c r="RYB686" s="613"/>
      <c r="RYC686" s="613"/>
      <c r="RYD686" s="613"/>
      <c r="RYE686" s="613"/>
      <c r="RYF686" s="613"/>
      <c r="RYG686" s="613"/>
      <c r="RYH686" s="613"/>
      <c r="RYI686" s="613"/>
      <c r="RYJ686" s="613"/>
      <c r="RYK686" s="613"/>
      <c r="RYL686" s="613"/>
      <c r="RYM686" s="613"/>
      <c r="RYN686" s="613"/>
      <c r="RYO686" s="613"/>
      <c r="RYP686" s="613"/>
      <c r="RYQ686" s="613"/>
      <c r="RYR686" s="613"/>
      <c r="RYS686" s="613"/>
      <c r="RYT686" s="613"/>
      <c r="RYU686" s="613"/>
      <c r="RYV686" s="613"/>
      <c r="RYW686" s="613"/>
      <c r="RYX686" s="613"/>
      <c r="RYY686" s="613"/>
      <c r="RYZ686" s="613"/>
      <c r="RZA686" s="613"/>
      <c r="RZB686" s="613"/>
      <c r="RZC686" s="613"/>
      <c r="RZD686" s="613"/>
      <c r="RZE686" s="613"/>
      <c r="RZF686" s="613"/>
      <c r="RZG686" s="613"/>
      <c r="RZH686" s="613"/>
      <c r="RZI686" s="613"/>
      <c r="RZJ686" s="613"/>
      <c r="RZK686" s="613"/>
      <c r="RZL686" s="613"/>
      <c r="RZM686" s="613"/>
      <c r="RZN686" s="613"/>
      <c r="RZO686" s="613"/>
      <c r="RZP686" s="613"/>
      <c r="RZQ686" s="613"/>
      <c r="RZR686" s="613"/>
      <c r="RZS686" s="613"/>
      <c r="RZT686" s="613"/>
      <c r="RZU686" s="613"/>
      <c r="RZV686" s="613"/>
      <c r="RZW686" s="613"/>
      <c r="RZX686" s="613"/>
      <c r="RZY686" s="613"/>
      <c r="RZZ686" s="613"/>
      <c r="SAA686" s="613"/>
      <c r="SAB686" s="613"/>
      <c r="SAC686" s="613"/>
      <c r="SAD686" s="613"/>
      <c r="SAE686" s="613"/>
      <c r="SAF686" s="613"/>
      <c r="SAG686" s="613"/>
      <c r="SAH686" s="613"/>
      <c r="SAI686" s="613"/>
      <c r="SAJ686" s="613"/>
      <c r="SAK686" s="613"/>
      <c r="SAL686" s="613"/>
      <c r="SAM686" s="613"/>
      <c r="SAN686" s="613"/>
      <c r="SAO686" s="613"/>
      <c r="SAP686" s="613"/>
      <c r="SAQ686" s="613"/>
      <c r="SAR686" s="613"/>
      <c r="SAS686" s="613"/>
      <c r="SAT686" s="613"/>
      <c r="SAU686" s="613"/>
      <c r="SAV686" s="613"/>
      <c r="SAW686" s="613"/>
      <c r="SAX686" s="613"/>
      <c r="SAY686" s="613"/>
      <c r="SAZ686" s="613"/>
      <c r="SBA686" s="613"/>
      <c r="SBB686" s="613"/>
      <c r="SBC686" s="613"/>
      <c r="SBD686" s="613"/>
      <c r="SBE686" s="613"/>
      <c r="SBF686" s="613"/>
      <c r="SBG686" s="613"/>
      <c r="SBH686" s="613"/>
      <c r="SBI686" s="613"/>
      <c r="SBJ686" s="613"/>
      <c r="SBK686" s="613"/>
      <c r="SBL686" s="613"/>
      <c r="SBM686" s="613"/>
      <c r="SBN686" s="613"/>
      <c r="SBO686" s="613"/>
      <c r="SBP686" s="613"/>
      <c r="SBQ686" s="613"/>
      <c r="SBR686" s="613"/>
      <c r="SBS686" s="613"/>
      <c r="SBT686" s="613"/>
      <c r="SBU686" s="613"/>
      <c r="SBV686" s="613"/>
      <c r="SBW686" s="613"/>
      <c r="SBX686" s="613"/>
      <c r="SBY686" s="613"/>
      <c r="SBZ686" s="613"/>
      <c r="SCA686" s="613"/>
      <c r="SCB686" s="613"/>
      <c r="SCC686" s="613"/>
      <c r="SCD686" s="613"/>
      <c r="SCE686" s="613"/>
      <c r="SCF686" s="613"/>
      <c r="SCG686" s="613"/>
      <c r="SCH686" s="613"/>
      <c r="SCI686" s="613"/>
      <c r="SCJ686" s="613"/>
      <c r="SCK686" s="613"/>
      <c r="SCL686" s="613"/>
      <c r="SCM686" s="613"/>
      <c r="SCN686" s="613"/>
      <c r="SCO686" s="613"/>
      <c r="SCP686" s="613"/>
      <c r="SCQ686" s="613"/>
      <c r="SCR686" s="613"/>
      <c r="SCS686" s="613"/>
      <c r="SCT686" s="613"/>
      <c r="SCU686" s="613"/>
      <c r="SCV686" s="613"/>
      <c r="SCW686" s="613"/>
      <c r="SCX686" s="613"/>
      <c r="SCY686" s="613"/>
      <c r="SCZ686" s="613"/>
      <c r="SDA686" s="613"/>
      <c r="SDB686" s="613"/>
      <c r="SDC686" s="613"/>
      <c r="SDD686" s="613"/>
      <c r="SDE686" s="613"/>
      <c r="SDF686" s="613"/>
      <c r="SDG686" s="613"/>
      <c r="SDH686" s="613"/>
      <c r="SDI686" s="613"/>
      <c r="SDJ686" s="613"/>
      <c r="SDK686" s="613"/>
      <c r="SDL686" s="613"/>
      <c r="SDM686" s="613"/>
      <c r="SDN686" s="613"/>
      <c r="SDO686" s="613"/>
      <c r="SDP686" s="613"/>
      <c r="SDQ686" s="613"/>
      <c r="SDR686" s="613"/>
      <c r="SDS686" s="613"/>
      <c r="SDT686" s="613"/>
      <c r="SDU686" s="613"/>
      <c r="SDV686" s="613"/>
      <c r="SDW686" s="613"/>
      <c r="SDX686" s="613"/>
      <c r="SDY686" s="613"/>
      <c r="SDZ686" s="613"/>
      <c r="SEA686" s="613"/>
      <c r="SEB686" s="613"/>
      <c r="SEC686" s="613"/>
      <c r="SED686" s="613"/>
      <c r="SEE686" s="613"/>
      <c r="SEF686" s="613"/>
      <c r="SEG686" s="613"/>
      <c r="SEH686" s="613"/>
      <c r="SEI686" s="613"/>
      <c r="SEJ686" s="613"/>
      <c r="SEK686" s="613"/>
      <c r="SEL686" s="613"/>
      <c r="SEM686" s="613"/>
      <c r="SEN686" s="613"/>
      <c r="SEO686" s="613"/>
      <c r="SEP686" s="613"/>
      <c r="SEQ686" s="613"/>
      <c r="SER686" s="613"/>
      <c r="SES686" s="613"/>
      <c r="SET686" s="613"/>
      <c r="SEU686" s="613"/>
      <c r="SEV686" s="613"/>
      <c r="SEW686" s="613"/>
      <c r="SEX686" s="613"/>
      <c r="SEY686" s="613"/>
      <c r="SEZ686" s="613"/>
      <c r="SFA686" s="613"/>
      <c r="SFB686" s="613"/>
      <c r="SFC686" s="613"/>
      <c r="SFD686" s="613"/>
      <c r="SFE686" s="613"/>
      <c r="SFF686" s="613"/>
      <c r="SFG686" s="613"/>
      <c r="SFH686" s="613"/>
      <c r="SFI686" s="613"/>
      <c r="SFJ686" s="613"/>
      <c r="SFK686" s="613"/>
      <c r="SFL686" s="613"/>
      <c r="SFM686" s="613"/>
      <c r="SFN686" s="613"/>
      <c r="SFO686" s="613"/>
      <c r="SFP686" s="613"/>
      <c r="SFQ686" s="613"/>
      <c r="SFR686" s="613"/>
      <c r="SFS686" s="613"/>
      <c r="SFT686" s="613"/>
      <c r="SFU686" s="613"/>
      <c r="SFV686" s="613"/>
      <c r="SFW686" s="613"/>
      <c r="SFX686" s="613"/>
      <c r="SFY686" s="613"/>
      <c r="SFZ686" s="613"/>
      <c r="SGA686" s="613"/>
      <c r="SGB686" s="613"/>
      <c r="SGC686" s="613"/>
      <c r="SGD686" s="613"/>
      <c r="SGE686" s="613"/>
      <c r="SGF686" s="613"/>
      <c r="SGG686" s="613"/>
      <c r="SGH686" s="613"/>
      <c r="SGI686" s="613"/>
      <c r="SGJ686" s="613"/>
      <c r="SGK686" s="613"/>
      <c r="SGL686" s="613"/>
      <c r="SGM686" s="613"/>
      <c r="SGN686" s="613"/>
      <c r="SGO686" s="613"/>
      <c r="SGP686" s="613"/>
      <c r="SGQ686" s="613"/>
      <c r="SGR686" s="613"/>
      <c r="SGS686" s="613"/>
      <c r="SGT686" s="613"/>
      <c r="SGU686" s="613"/>
      <c r="SGV686" s="613"/>
      <c r="SGW686" s="613"/>
      <c r="SGX686" s="613"/>
      <c r="SGY686" s="613"/>
      <c r="SGZ686" s="613"/>
      <c r="SHA686" s="613"/>
      <c r="SHB686" s="613"/>
      <c r="SHC686" s="613"/>
      <c r="SHD686" s="613"/>
      <c r="SHE686" s="613"/>
      <c r="SHF686" s="613"/>
      <c r="SHG686" s="613"/>
      <c r="SHH686" s="613"/>
      <c r="SHI686" s="613"/>
      <c r="SHJ686" s="613"/>
      <c r="SHK686" s="613"/>
      <c r="SHL686" s="613"/>
      <c r="SHM686" s="613"/>
      <c r="SHN686" s="613"/>
      <c r="SHO686" s="613"/>
      <c r="SHP686" s="613"/>
      <c r="SHQ686" s="613"/>
      <c r="SHR686" s="613"/>
      <c r="SHS686" s="613"/>
      <c r="SHT686" s="613"/>
      <c r="SHU686" s="613"/>
      <c r="SHV686" s="613"/>
      <c r="SHW686" s="613"/>
      <c r="SHX686" s="613"/>
      <c r="SHY686" s="613"/>
      <c r="SHZ686" s="613"/>
      <c r="SIA686" s="613"/>
      <c r="SIB686" s="613"/>
      <c r="SIC686" s="613"/>
      <c r="SID686" s="613"/>
      <c r="SIE686" s="613"/>
      <c r="SIF686" s="613"/>
      <c r="SIG686" s="613"/>
      <c r="SIH686" s="613"/>
      <c r="SII686" s="613"/>
      <c r="SIJ686" s="613"/>
      <c r="SIK686" s="613"/>
      <c r="SIL686" s="613"/>
      <c r="SIM686" s="613"/>
      <c r="SIN686" s="613"/>
      <c r="SIO686" s="613"/>
      <c r="SIP686" s="613"/>
      <c r="SIQ686" s="613"/>
      <c r="SIR686" s="613"/>
      <c r="SIS686" s="613"/>
      <c r="SIT686" s="613"/>
      <c r="SIU686" s="613"/>
      <c r="SIV686" s="613"/>
      <c r="SIW686" s="613"/>
      <c r="SIX686" s="613"/>
      <c r="SIY686" s="613"/>
      <c r="SIZ686" s="613"/>
      <c r="SJA686" s="613"/>
      <c r="SJB686" s="613"/>
      <c r="SJC686" s="613"/>
      <c r="SJD686" s="613"/>
      <c r="SJE686" s="613"/>
      <c r="SJF686" s="613"/>
      <c r="SJG686" s="613"/>
      <c r="SJH686" s="613"/>
      <c r="SJI686" s="613"/>
      <c r="SJJ686" s="613"/>
      <c r="SJK686" s="613"/>
      <c r="SJL686" s="613"/>
      <c r="SJM686" s="613"/>
      <c r="SJN686" s="613"/>
      <c r="SJO686" s="613"/>
      <c r="SJP686" s="613"/>
      <c r="SJQ686" s="613"/>
      <c r="SJR686" s="613"/>
      <c r="SJS686" s="613"/>
      <c r="SJT686" s="613"/>
      <c r="SJU686" s="613"/>
      <c r="SJV686" s="613"/>
      <c r="SJW686" s="613"/>
      <c r="SJX686" s="613"/>
      <c r="SJY686" s="613"/>
      <c r="SJZ686" s="613"/>
      <c r="SKA686" s="613"/>
      <c r="SKB686" s="613"/>
      <c r="SKC686" s="613"/>
      <c r="SKD686" s="613"/>
      <c r="SKE686" s="613"/>
      <c r="SKF686" s="613"/>
      <c r="SKG686" s="613"/>
      <c r="SKH686" s="613"/>
      <c r="SKI686" s="613"/>
      <c r="SKJ686" s="613"/>
      <c r="SKK686" s="613"/>
      <c r="SKL686" s="613"/>
      <c r="SKM686" s="613"/>
      <c r="SKN686" s="613"/>
      <c r="SKO686" s="613"/>
      <c r="SKP686" s="613"/>
      <c r="SKQ686" s="613"/>
      <c r="SKR686" s="613"/>
      <c r="SKS686" s="613"/>
      <c r="SKT686" s="613"/>
      <c r="SKU686" s="613"/>
      <c r="SKV686" s="613"/>
      <c r="SKW686" s="613"/>
      <c r="SKX686" s="613"/>
      <c r="SKY686" s="613"/>
      <c r="SKZ686" s="613"/>
      <c r="SLA686" s="613"/>
      <c r="SLB686" s="613"/>
      <c r="SLC686" s="613"/>
      <c r="SLD686" s="613"/>
      <c r="SLE686" s="613"/>
      <c r="SLF686" s="613"/>
      <c r="SLG686" s="613"/>
      <c r="SLH686" s="613"/>
      <c r="SLI686" s="613"/>
      <c r="SLJ686" s="613"/>
      <c r="SLK686" s="613"/>
      <c r="SLL686" s="613"/>
      <c r="SLM686" s="613"/>
      <c r="SLN686" s="613"/>
      <c r="SLO686" s="613"/>
      <c r="SLP686" s="613"/>
      <c r="SLQ686" s="613"/>
      <c r="SLR686" s="613"/>
      <c r="SLS686" s="613"/>
      <c r="SLT686" s="613"/>
      <c r="SLU686" s="613"/>
      <c r="SLV686" s="613"/>
      <c r="SLW686" s="613"/>
      <c r="SLX686" s="613"/>
      <c r="SLY686" s="613"/>
      <c r="SLZ686" s="613"/>
      <c r="SMA686" s="613"/>
      <c r="SMB686" s="613"/>
      <c r="SMC686" s="613"/>
      <c r="SMD686" s="613"/>
      <c r="SME686" s="613"/>
      <c r="SMF686" s="613"/>
      <c r="SMG686" s="613"/>
      <c r="SMH686" s="613"/>
      <c r="SMI686" s="613"/>
      <c r="SMJ686" s="613"/>
      <c r="SMK686" s="613"/>
      <c r="SML686" s="613"/>
      <c r="SMM686" s="613"/>
      <c r="SMN686" s="613"/>
      <c r="SMO686" s="613"/>
      <c r="SMP686" s="613"/>
      <c r="SMQ686" s="613"/>
      <c r="SMR686" s="613"/>
      <c r="SMS686" s="613"/>
      <c r="SMT686" s="613"/>
      <c r="SMU686" s="613"/>
      <c r="SMV686" s="613"/>
      <c r="SMW686" s="613"/>
      <c r="SMX686" s="613"/>
      <c r="SMY686" s="613"/>
      <c r="SMZ686" s="613"/>
      <c r="SNA686" s="613"/>
      <c r="SNB686" s="613"/>
      <c r="SNC686" s="613"/>
      <c r="SND686" s="613"/>
      <c r="SNE686" s="613"/>
      <c r="SNF686" s="613"/>
      <c r="SNG686" s="613"/>
      <c r="SNH686" s="613"/>
      <c r="SNI686" s="613"/>
      <c r="SNJ686" s="613"/>
      <c r="SNK686" s="613"/>
      <c r="SNL686" s="613"/>
      <c r="SNM686" s="613"/>
      <c r="SNN686" s="613"/>
      <c r="SNO686" s="613"/>
      <c r="SNP686" s="613"/>
      <c r="SNQ686" s="613"/>
      <c r="SNR686" s="613"/>
      <c r="SNS686" s="613"/>
      <c r="SNT686" s="613"/>
      <c r="SNU686" s="613"/>
      <c r="SNV686" s="613"/>
      <c r="SNW686" s="613"/>
      <c r="SNX686" s="613"/>
      <c r="SNY686" s="613"/>
      <c r="SNZ686" s="613"/>
      <c r="SOA686" s="613"/>
      <c r="SOB686" s="613"/>
      <c r="SOC686" s="613"/>
      <c r="SOD686" s="613"/>
      <c r="SOE686" s="613"/>
      <c r="SOF686" s="613"/>
      <c r="SOG686" s="613"/>
      <c r="SOH686" s="613"/>
      <c r="SOI686" s="613"/>
      <c r="SOJ686" s="613"/>
      <c r="SOK686" s="613"/>
      <c r="SOL686" s="613"/>
      <c r="SOM686" s="613"/>
      <c r="SON686" s="613"/>
      <c r="SOO686" s="613"/>
      <c r="SOP686" s="613"/>
      <c r="SOQ686" s="613"/>
      <c r="SOR686" s="613"/>
      <c r="SOS686" s="613"/>
      <c r="SOT686" s="613"/>
      <c r="SOU686" s="613"/>
      <c r="SOV686" s="613"/>
      <c r="SOW686" s="613"/>
      <c r="SOX686" s="613"/>
      <c r="SOY686" s="613"/>
      <c r="SOZ686" s="613"/>
      <c r="SPA686" s="613"/>
      <c r="SPB686" s="613"/>
      <c r="SPC686" s="613"/>
      <c r="SPD686" s="613"/>
      <c r="SPE686" s="613"/>
      <c r="SPF686" s="613"/>
      <c r="SPG686" s="613"/>
      <c r="SPH686" s="613"/>
      <c r="SPI686" s="613"/>
      <c r="SPJ686" s="613"/>
      <c r="SPK686" s="613"/>
      <c r="SPL686" s="613"/>
      <c r="SPM686" s="613"/>
      <c r="SPN686" s="613"/>
      <c r="SPO686" s="613"/>
      <c r="SPP686" s="613"/>
      <c r="SPQ686" s="613"/>
      <c r="SPR686" s="613"/>
      <c r="SPS686" s="613"/>
      <c r="SPT686" s="613"/>
      <c r="SPU686" s="613"/>
      <c r="SPV686" s="613"/>
      <c r="SPW686" s="613"/>
      <c r="SPX686" s="613"/>
      <c r="SPY686" s="613"/>
      <c r="SPZ686" s="613"/>
      <c r="SQA686" s="613"/>
      <c r="SQB686" s="613"/>
      <c r="SQC686" s="613"/>
      <c r="SQD686" s="613"/>
      <c r="SQE686" s="613"/>
      <c r="SQF686" s="613"/>
      <c r="SQG686" s="613"/>
      <c r="SQH686" s="613"/>
      <c r="SQI686" s="613"/>
      <c r="SQJ686" s="613"/>
      <c r="SQK686" s="613"/>
      <c r="SQL686" s="613"/>
      <c r="SQM686" s="613"/>
      <c r="SQN686" s="613"/>
      <c r="SQO686" s="613"/>
      <c r="SQP686" s="613"/>
      <c r="SQQ686" s="613"/>
      <c r="SQR686" s="613"/>
      <c r="SQS686" s="613"/>
      <c r="SQT686" s="613"/>
      <c r="SQU686" s="613"/>
      <c r="SQV686" s="613"/>
      <c r="SQW686" s="613"/>
      <c r="SQX686" s="613"/>
      <c r="SQY686" s="613"/>
      <c r="SQZ686" s="613"/>
      <c r="SRA686" s="613"/>
      <c r="SRB686" s="613"/>
      <c r="SRC686" s="613"/>
      <c r="SRD686" s="613"/>
      <c r="SRE686" s="613"/>
      <c r="SRF686" s="613"/>
      <c r="SRG686" s="613"/>
      <c r="SRH686" s="613"/>
      <c r="SRI686" s="613"/>
      <c r="SRJ686" s="613"/>
      <c r="SRK686" s="613"/>
      <c r="SRL686" s="613"/>
      <c r="SRM686" s="613"/>
      <c r="SRN686" s="613"/>
      <c r="SRO686" s="613"/>
      <c r="SRP686" s="613"/>
      <c r="SRQ686" s="613"/>
      <c r="SRR686" s="613"/>
      <c r="SRS686" s="613"/>
      <c r="SRT686" s="613"/>
      <c r="SRU686" s="613"/>
      <c r="SRV686" s="613"/>
      <c r="SRW686" s="613"/>
      <c r="SRX686" s="613"/>
      <c r="SRY686" s="613"/>
      <c r="SRZ686" s="613"/>
      <c r="SSA686" s="613"/>
      <c r="SSB686" s="613"/>
      <c r="SSC686" s="613"/>
      <c r="SSD686" s="613"/>
      <c r="SSE686" s="613"/>
      <c r="SSF686" s="613"/>
      <c r="SSG686" s="613"/>
      <c r="SSH686" s="613"/>
      <c r="SSI686" s="613"/>
      <c r="SSJ686" s="613"/>
      <c r="SSK686" s="613"/>
      <c r="SSL686" s="613"/>
      <c r="SSM686" s="613"/>
      <c r="SSN686" s="613"/>
      <c r="SSO686" s="613"/>
      <c r="SSP686" s="613"/>
      <c r="SSQ686" s="613"/>
      <c r="SSR686" s="613"/>
      <c r="SSS686" s="613"/>
      <c r="SST686" s="613"/>
      <c r="SSU686" s="613"/>
      <c r="SSV686" s="613"/>
      <c r="SSW686" s="613"/>
      <c r="SSX686" s="613"/>
      <c r="SSY686" s="613"/>
      <c r="SSZ686" s="613"/>
      <c r="STA686" s="613"/>
      <c r="STB686" s="613"/>
      <c r="STC686" s="613"/>
      <c r="STD686" s="613"/>
      <c r="STE686" s="613"/>
      <c r="STF686" s="613"/>
      <c r="STG686" s="613"/>
      <c r="STH686" s="613"/>
      <c r="STI686" s="613"/>
      <c r="STJ686" s="613"/>
      <c r="STK686" s="613"/>
      <c r="STL686" s="613"/>
      <c r="STM686" s="613"/>
      <c r="STN686" s="613"/>
      <c r="STO686" s="613"/>
      <c r="STP686" s="613"/>
      <c r="STQ686" s="613"/>
      <c r="STR686" s="613"/>
      <c r="STS686" s="613"/>
      <c r="STT686" s="613"/>
      <c r="STU686" s="613"/>
      <c r="STV686" s="613"/>
      <c r="STW686" s="613"/>
      <c r="STX686" s="613"/>
      <c r="STY686" s="613"/>
      <c r="STZ686" s="613"/>
      <c r="SUA686" s="613"/>
      <c r="SUB686" s="613"/>
      <c r="SUC686" s="613"/>
      <c r="SUD686" s="613"/>
      <c r="SUE686" s="613"/>
      <c r="SUF686" s="613"/>
      <c r="SUG686" s="613"/>
      <c r="SUH686" s="613"/>
      <c r="SUI686" s="613"/>
      <c r="SUJ686" s="613"/>
      <c r="SUK686" s="613"/>
      <c r="SUL686" s="613"/>
      <c r="SUM686" s="613"/>
      <c r="SUN686" s="613"/>
      <c r="SUO686" s="613"/>
      <c r="SUP686" s="613"/>
      <c r="SUQ686" s="613"/>
      <c r="SUR686" s="613"/>
      <c r="SUS686" s="613"/>
      <c r="SUT686" s="613"/>
      <c r="SUU686" s="613"/>
      <c r="SUV686" s="613"/>
      <c r="SUW686" s="613"/>
      <c r="SUX686" s="613"/>
      <c r="SUY686" s="613"/>
      <c r="SUZ686" s="613"/>
      <c r="SVA686" s="613"/>
      <c r="SVB686" s="613"/>
      <c r="SVC686" s="613"/>
      <c r="SVD686" s="613"/>
      <c r="SVE686" s="613"/>
      <c r="SVF686" s="613"/>
      <c r="SVG686" s="613"/>
      <c r="SVH686" s="613"/>
      <c r="SVI686" s="613"/>
      <c r="SVJ686" s="613"/>
      <c r="SVK686" s="613"/>
      <c r="SVL686" s="613"/>
      <c r="SVM686" s="613"/>
      <c r="SVN686" s="613"/>
      <c r="SVO686" s="613"/>
      <c r="SVP686" s="613"/>
      <c r="SVQ686" s="613"/>
      <c r="SVR686" s="613"/>
      <c r="SVS686" s="613"/>
      <c r="SVT686" s="613"/>
      <c r="SVU686" s="613"/>
      <c r="SVV686" s="613"/>
      <c r="SVW686" s="613"/>
      <c r="SVX686" s="613"/>
      <c r="SVY686" s="613"/>
      <c r="SVZ686" s="613"/>
      <c r="SWA686" s="613"/>
      <c r="SWB686" s="613"/>
      <c r="SWC686" s="613"/>
      <c r="SWD686" s="613"/>
      <c r="SWE686" s="613"/>
      <c r="SWF686" s="613"/>
      <c r="SWG686" s="613"/>
      <c r="SWH686" s="613"/>
      <c r="SWI686" s="613"/>
      <c r="SWJ686" s="613"/>
      <c r="SWK686" s="613"/>
      <c r="SWL686" s="613"/>
      <c r="SWM686" s="613"/>
      <c r="SWN686" s="613"/>
      <c r="SWO686" s="613"/>
      <c r="SWP686" s="613"/>
      <c r="SWQ686" s="613"/>
      <c r="SWR686" s="613"/>
      <c r="SWS686" s="613"/>
      <c r="SWT686" s="613"/>
      <c r="SWU686" s="613"/>
      <c r="SWV686" s="613"/>
      <c r="SWW686" s="613"/>
      <c r="SWX686" s="613"/>
      <c r="SWY686" s="613"/>
      <c r="SWZ686" s="613"/>
      <c r="SXA686" s="613"/>
      <c r="SXB686" s="613"/>
      <c r="SXC686" s="613"/>
      <c r="SXD686" s="613"/>
      <c r="SXE686" s="613"/>
      <c r="SXF686" s="613"/>
      <c r="SXG686" s="613"/>
      <c r="SXH686" s="613"/>
      <c r="SXI686" s="613"/>
      <c r="SXJ686" s="613"/>
      <c r="SXK686" s="613"/>
      <c r="SXL686" s="613"/>
      <c r="SXM686" s="613"/>
      <c r="SXN686" s="613"/>
      <c r="SXO686" s="613"/>
      <c r="SXP686" s="613"/>
      <c r="SXQ686" s="613"/>
      <c r="SXR686" s="613"/>
      <c r="SXS686" s="613"/>
      <c r="SXT686" s="613"/>
      <c r="SXU686" s="613"/>
      <c r="SXV686" s="613"/>
      <c r="SXW686" s="613"/>
      <c r="SXX686" s="613"/>
      <c r="SXY686" s="613"/>
      <c r="SXZ686" s="613"/>
      <c r="SYA686" s="613"/>
      <c r="SYB686" s="613"/>
      <c r="SYC686" s="613"/>
      <c r="SYD686" s="613"/>
      <c r="SYE686" s="613"/>
      <c r="SYF686" s="613"/>
      <c r="SYG686" s="613"/>
      <c r="SYH686" s="613"/>
      <c r="SYI686" s="613"/>
      <c r="SYJ686" s="613"/>
      <c r="SYK686" s="613"/>
      <c r="SYL686" s="613"/>
      <c r="SYM686" s="613"/>
      <c r="SYN686" s="613"/>
      <c r="SYO686" s="613"/>
      <c r="SYP686" s="613"/>
      <c r="SYQ686" s="613"/>
      <c r="SYR686" s="613"/>
      <c r="SYS686" s="613"/>
      <c r="SYT686" s="613"/>
      <c r="SYU686" s="613"/>
      <c r="SYV686" s="613"/>
      <c r="SYW686" s="613"/>
      <c r="SYX686" s="613"/>
      <c r="SYY686" s="613"/>
      <c r="SYZ686" s="613"/>
      <c r="SZA686" s="613"/>
      <c r="SZB686" s="613"/>
      <c r="SZC686" s="613"/>
      <c r="SZD686" s="613"/>
      <c r="SZE686" s="613"/>
      <c r="SZF686" s="613"/>
      <c r="SZG686" s="613"/>
      <c r="SZH686" s="613"/>
      <c r="SZI686" s="613"/>
      <c r="SZJ686" s="613"/>
      <c r="SZK686" s="613"/>
      <c r="SZL686" s="613"/>
      <c r="SZM686" s="613"/>
      <c r="SZN686" s="613"/>
      <c r="SZO686" s="613"/>
      <c r="SZP686" s="613"/>
      <c r="SZQ686" s="613"/>
      <c r="SZR686" s="613"/>
      <c r="SZS686" s="613"/>
      <c r="SZT686" s="613"/>
      <c r="SZU686" s="613"/>
      <c r="SZV686" s="613"/>
      <c r="SZW686" s="613"/>
      <c r="SZX686" s="613"/>
      <c r="SZY686" s="613"/>
      <c r="SZZ686" s="613"/>
      <c r="TAA686" s="613"/>
      <c r="TAB686" s="613"/>
      <c r="TAC686" s="613"/>
      <c r="TAD686" s="613"/>
      <c r="TAE686" s="613"/>
      <c r="TAF686" s="613"/>
      <c r="TAG686" s="613"/>
      <c r="TAH686" s="613"/>
      <c r="TAI686" s="613"/>
      <c r="TAJ686" s="613"/>
      <c r="TAK686" s="613"/>
      <c r="TAL686" s="613"/>
      <c r="TAM686" s="613"/>
      <c r="TAN686" s="613"/>
      <c r="TAO686" s="613"/>
      <c r="TAP686" s="613"/>
      <c r="TAQ686" s="613"/>
      <c r="TAR686" s="613"/>
      <c r="TAS686" s="613"/>
      <c r="TAT686" s="613"/>
      <c r="TAU686" s="613"/>
      <c r="TAV686" s="613"/>
      <c r="TAW686" s="613"/>
      <c r="TAX686" s="613"/>
      <c r="TAY686" s="613"/>
      <c r="TAZ686" s="613"/>
      <c r="TBA686" s="613"/>
      <c r="TBB686" s="613"/>
      <c r="TBC686" s="613"/>
      <c r="TBD686" s="613"/>
      <c r="TBE686" s="613"/>
      <c r="TBF686" s="613"/>
      <c r="TBG686" s="613"/>
      <c r="TBH686" s="613"/>
      <c r="TBI686" s="613"/>
      <c r="TBJ686" s="613"/>
      <c r="TBK686" s="613"/>
      <c r="TBL686" s="613"/>
      <c r="TBM686" s="613"/>
      <c r="TBN686" s="613"/>
      <c r="TBO686" s="613"/>
      <c r="TBP686" s="613"/>
      <c r="TBQ686" s="613"/>
      <c r="TBR686" s="613"/>
      <c r="TBS686" s="613"/>
      <c r="TBT686" s="613"/>
      <c r="TBU686" s="613"/>
      <c r="TBV686" s="613"/>
      <c r="TBW686" s="613"/>
      <c r="TBX686" s="613"/>
      <c r="TBY686" s="613"/>
      <c r="TBZ686" s="613"/>
      <c r="TCA686" s="613"/>
      <c r="TCB686" s="613"/>
      <c r="TCC686" s="613"/>
      <c r="TCD686" s="613"/>
      <c r="TCE686" s="613"/>
      <c r="TCF686" s="613"/>
      <c r="TCG686" s="613"/>
      <c r="TCH686" s="613"/>
      <c r="TCI686" s="613"/>
      <c r="TCJ686" s="613"/>
      <c r="TCK686" s="613"/>
      <c r="TCL686" s="613"/>
      <c r="TCM686" s="613"/>
      <c r="TCN686" s="613"/>
      <c r="TCO686" s="613"/>
      <c r="TCP686" s="613"/>
      <c r="TCQ686" s="613"/>
      <c r="TCR686" s="613"/>
      <c r="TCS686" s="613"/>
      <c r="TCT686" s="613"/>
      <c r="TCU686" s="613"/>
      <c r="TCV686" s="613"/>
      <c r="TCW686" s="613"/>
      <c r="TCX686" s="613"/>
      <c r="TCY686" s="613"/>
      <c r="TCZ686" s="613"/>
      <c r="TDA686" s="613"/>
      <c r="TDB686" s="613"/>
      <c r="TDC686" s="613"/>
      <c r="TDD686" s="613"/>
      <c r="TDE686" s="613"/>
      <c r="TDF686" s="613"/>
      <c r="TDG686" s="613"/>
      <c r="TDH686" s="613"/>
      <c r="TDI686" s="613"/>
      <c r="TDJ686" s="613"/>
      <c r="TDK686" s="613"/>
      <c r="TDL686" s="613"/>
      <c r="TDM686" s="613"/>
      <c r="TDN686" s="613"/>
      <c r="TDO686" s="613"/>
      <c r="TDP686" s="613"/>
      <c r="TDQ686" s="613"/>
      <c r="TDR686" s="613"/>
      <c r="TDS686" s="613"/>
      <c r="TDT686" s="613"/>
      <c r="TDU686" s="613"/>
      <c r="TDV686" s="613"/>
      <c r="TDW686" s="613"/>
      <c r="TDX686" s="613"/>
      <c r="TDY686" s="613"/>
      <c r="TDZ686" s="613"/>
      <c r="TEA686" s="613"/>
      <c r="TEB686" s="613"/>
      <c r="TEC686" s="613"/>
      <c r="TED686" s="613"/>
      <c r="TEE686" s="613"/>
      <c r="TEF686" s="613"/>
      <c r="TEG686" s="613"/>
      <c r="TEH686" s="613"/>
      <c r="TEI686" s="613"/>
      <c r="TEJ686" s="613"/>
      <c r="TEK686" s="613"/>
      <c r="TEL686" s="613"/>
      <c r="TEM686" s="613"/>
      <c r="TEN686" s="613"/>
      <c r="TEO686" s="613"/>
      <c r="TEP686" s="613"/>
      <c r="TEQ686" s="613"/>
      <c r="TER686" s="613"/>
      <c r="TES686" s="613"/>
      <c r="TET686" s="613"/>
      <c r="TEU686" s="613"/>
      <c r="TEV686" s="613"/>
      <c r="TEW686" s="613"/>
      <c r="TEX686" s="613"/>
      <c r="TEY686" s="613"/>
      <c r="TEZ686" s="613"/>
      <c r="TFA686" s="613"/>
      <c r="TFB686" s="613"/>
      <c r="TFC686" s="613"/>
      <c r="TFD686" s="613"/>
      <c r="TFE686" s="613"/>
      <c r="TFF686" s="613"/>
      <c r="TFG686" s="613"/>
      <c r="TFH686" s="613"/>
      <c r="TFI686" s="613"/>
      <c r="TFJ686" s="613"/>
      <c r="TFK686" s="613"/>
      <c r="TFL686" s="613"/>
      <c r="TFM686" s="613"/>
      <c r="TFN686" s="613"/>
      <c r="TFO686" s="613"/>
      <c r="TFP686" s="613"/>
      <c r="TFQ686" s="613"/>
      <c r="TFR686" s="613"/>
      <c r="TFS686" s="613"/>
      <c r="TFT686" s="613"/>
      <c r="TFU686" s="613"/>
      <c r="TFV686" s="613"/>
      <c r="TFW686" s="613"/>
      <c r="TFX686" s="613"/>
      <c r="TFY686" s="613"/>
      <c r="TFZ686" s="613"/>
      <c r="TGA686" s="613"/>
      <c r="TGB686" s="613"/>
      <c r="TGC686" s="613"/>
      <c r="TGD686" s="613"/>
      <c r="TGE686" s="613"/>
      <c r="TGF686" s="613"/>
      <c r="TGG686" s="613"/>
      <c r="TGH686" s="613"/>
      <c r="TGI686" s="613"/>
      <c r="TGJ686" s="613"/>
      <c r="TGK686" s="613"/>
      <c r="TGL686" s="613"/>
      <c r="TGM686" s="613"/>
      <c r="TGN686" s="613"/>
      <c r="TGO686" s="613"/>
      <c r="TGP686" s="613"/>
      <c r="TGQ686" s="613"/>
      <c r="TGR686" s="613"/>
      <c r="TGS686" s="613"/>
      <c r="TGT686" s="613"/>
      <c r="TGU686" s="613"/>
      <c r="TGV686" s="613"/>
      <c r="TGW686" s="613"/>
      <c r="TGX686" s="613"/>
      <c r="TGY686" s="613"/>
      <c r="TGZ686" s="613"/>
      <c r="THA686" s="613"/>
      <c r="THB686" s="613"/>
      <c r="THC686" s="613"/>
      <c r="THD686" s="613"/>
      <c r="THE686" s="613"/>
      <c r="THF686" s="613"/>
      <c r="THG686" s="613"/>
      <c r="THH686" s="613"/>
      <c r="THI686" s="613"/>
      <c r="THJ686" s="613"/>
      <c r="THK686" s="613"/>
      <c r="THL686" s="613"/>
      <c r="THM686" s="613"/>
      <c r="THN686" s="613"/>
      <c r="THO686" s="613"/>
      <c r="THP686" s="613"/>
      <c r="THQ686" s="613"/>
      <c r="THR686" s="613"/>
      <c r="THS686" s="613"/>
      <c r="THT686" s="613"/>
      <c r="THU686" s="613"/>
      <c r="THV686" s="613"/>
      <c r="THW686" s="613"/>
      <c r="THX686" s="613"/>
      <c r="THY686" s="613"/>
      <c r="THZ686" s="613"/>
      <c r="TIA686" s="613"/>
      <c r="TIB686" s="613"/>
      <c r="TIC686" s="613"/>
      <c r="TID686" s="613"/>
      <c r="TIE686" s="613"/>
      <c r="TIF686" s="613"/>
      <c r="TIG686" s="613"/>
      <c r="TIH686" s="613"/>
      <c r="TII686" s="613"/>
      <c r="TIJ686" s="613"/>
      <c r="TIK686" s="613"/>
      <c r="TIL686" s="613"/>
      <c r="TIM686" s="613"/>
      <c r="TIN686" s="613"/>
      <c r="TIO686" s="613"/>
      <c r="TIP686" s="613"/>
      <c r="TIQ686" s="613"/>
      <c r="TIR686" s="613"/>
      <c r="TIS686" s="613"/>
      <c r="TIT686" s="613"/>
      <c r="TIU686" s="613"/>
      <c r="TIV686" s="613"/>
      <c r="TIW686" s="613"/>
      <c r="TIX686" s="613"/>
      <c r="TIY686" s="613"/>
      <c r="TIZ686" s="613"/>
      <c r="TJA686" s="613"/>
      <c r="TJB686" s="613"/>
      <c r="TJC686" s="613"/>
      <c r="TJD686" s="613"/>
      <c r="TJE686" s="613"/>
      <c r="TJF686" s="613"/>
      <c r="TJG686" s="613"/>
      <c r="TJH686" s="613"/>
      <c r="TJI686" s="613"/>
      <c r="TJJ686" s="613"/>
      <c r="TJK686" s="613"/>
      <c r="TJL686" s="613"/>
      <c r="TJM686" s="613"/>
      <c r="TJN686" s="613"/>
      <c r="TJO686" s="613"/>
      <c r="TJP686" s="613"/>
      <c r="TJQ686" s="613"/>
      <c r="TJR686" s="613"/>
      <c r="TJS686" s="613"/>
      <c r="TJT686" s="613"/>
      <c r="TJU686" s="613"/>
      <c r="TJV686" s="613"/>
      <c r="TJW686" s="613"/>
      <c r="TJX686" s="613"/>
      <c r="TJY686" s="613"/>
      <c r="TJZ686" s="613"/>
      <c r="TKA686" s="613"/>
      <c r="TKB686" s="613"/>
      <c r="TKC686" s="613"/>
      <c r="TKD686" s="613"/>
      <c r="TKE686" s="613"/>
      <c r="TKF686" s="613"/>
      <c r="TKG686" s="613"/>
      <c r="TKH686" s="613"/>
      <c r="TKI686" s="613"/>
      <c r="TKJ686" s="613"/>
      <c r="TKK686" s="613"/>
      <c r="TKL686" s="613"/>
      <c r="TKM686" s="613"/>
      <c r="TKN686" s="613"/>
      <c r="TKO686" s="613"/>
      <c r="TKP686" s="613"/>
      <c r="TKQ686" s="613"/>
      <c r="TKR686" s="613"/>
      <c r="TKS686" s="613"/>
      <c r="TKT686" s="613"/>
      <c r="TKU686" s="613"/>
      <c r="TKV686" s="613"/>
      <c r="TKW686" s="613"/>
      <c r="TKX686" s="613"/>
      <c r="TKY686" s="613"/>
      <c r="TKZ686" s="613"/>
      <c r="TLA686" s="613"/>
      <c r="TLB686" s="613"/>
      <c r="TLC686" s="613"/>
      <c r="TLD686" s="613"/>
      <c r="TLE686" s="613"/>
      <c r="TLF686" s="613"/>
      <c r="TLG686" s="613"/>
      <c r="TLH686" s="613"/>
      <c r="TLI686" s="613"/>
      <c r="TLJ686" s="613"/>
      <c r="TLK686" s="613"/>
      <c r="TLL686" s="613"/>
      <c r="TLM686" s="613"/>
      <c r="TLN686" s="613"/>
      <c r="TLO686" s="613"/>
      <c r="TLP686" s="613"/>
      <c r="TLQ686" s="613"/>
      <c r="TLR686" s="613"/>
      <c r="TLS686" s="613"/>
      <c r="TLT686" s="613"/>
      <c r="TLU686" s="613"/>
      <c r="TLV686" s="613"/>
      <c r="TLW686" s="613"/>
      <c r="TLX686" s="613"/>
      <c r="TLY686" s="613"/>
      <c r="TLZ686" s="613"/>
      <c r="TMA686" s="613"/>
      <c r="TMB686" s="613"/>
      <c r="TMC686" s="613"/>
      <c r="TMD686" s="613"/>
      <c r="TME686" s="613"/>
      <c r="TMF686" s="613"/>
      <c r="TMG686" s="613"/>
      <c r="TMH686" s="613"/>
      <c r="TMI686" s="613"/>
      <c r="TMJ686" s="613"/>
      <c r="TMK686" s="613"/>
      <c r="TML686" s="613"/>
      <c r="TMM686" s="613"/>
      <c r="TMN686" s="613"/>
      <c r="TMO686" s="613"/>
      <c r="TMP686" s="613"/>
      <c r="TMQ686" s="613"/>
      <c r="TMR686" s="613"/>
      <c r="TMS686" s="613"/>
      <c r="TMT686" s="613"/>
      <c r="TMU686" s="613"/>
      <c r="TMV686" s="613"/>
      <c r="TMW686" s="613"/>
      <c r="TMX686" s="613"/>
      <c r="TMY686" s="613"/>
      <c r="TMZ686" s="613"/>
      <c r="TNA686" s="613"/>
      <c r="TNB686" s="613"/>
      <c r="TNC686" s="613"/>
      <c r="TND686" s="613"/>
      <c r="TNE686" s="613"/>
      <c r="TNF686" s="613"/>
      <c r="TNG686" s="613"/>
      <c r="TNH686" s="613"/>
      <c r="TNI686" s="613"/>
      <c r="TNJ686" s="613"/>
      <c r="TNK686" s="613"/>
      <c r="TNL686" s="613"/>
      <c r="TNM686" s="613"/>
      <c r="TNN686" s="613"/>
      <c r="TNO686" s="613"/>
      <c r="TNP686" s="613"/>
      <c r="TNQ686" s="613"/>
      <c r="TNR686" s="613"/>
      <c r="TNS686" s="613"/>
      <c r="TNT686" s="613"/>
      <c r="TNU686" s="613"/>
      <c r="TNV686" s="613"/>
      <c r="TNW686" s="613"/>
      <c r="TNX686" s="613"/>
      <c r="TNY686" s="613"/>
      <c r="TNZ686" s="613"/>
      <c r="TOA686" s="613"/>
      <c r="TOB686" s="613"/>
      <c r="TOC686" s="613"/>
      <c r="TOD686" s="613"/>
      <c r="TOE686" s="613"/>
      <c r="TOF686" s="613"/>
      <c r="TOG686" s="613"/>
      <c r="TOH686" s="613"/>
      <c r="TOI686" s="613"/>
      <c r="TOJ686" s="613"/>
      <c r="TOK686" s="613"/>
      <c r="TOL686" s="613"/>
      <c r="TOM686" s="613"/>
      <c r="TON686" s="613"/>
      <c r="TOO686" s="613"/>
      <c r="TOP686" s="613"/>
      <c r="TOQ686" s="613"/>
      <c r="TOR686" s="613"/>
      <c r="TOS686" s="613"/>
      <c r="TOT686" s="613"/>
      <c r="TOU686" s="613"/>
      <c r="TOV686" s="613"/>
      <c r="TOW686" s="613"/>
      <c r="TOX686" s="613"/>
      <c r="TOY686" s="613"/>
      <c r="TOZ686" s="613"/>
      <c r="TPA686" s="613"/>
      <c r="TPB686" s="613"/>
      <c r="TPC686" s="613"/>
      <c r="TPD686" s="613"/>
      <c r="TPE686" s="613"/>
      <c r="TPF686" s="613"/>
      <c r="TPG686" s="613"/>
      <c r="TPH686" s="613"/>
      <c r="TPI686" s="613"/>
      <c r="TPJ686" s="613"/>
      <c r="TPK686" s="613"/>
      <c r="TPL686" s="613"/>
      <c r="TPM686" s="613"/>
      <c r="TPN686" s="613"/>
      <c r="TPO686" s="613"/>
      <c r="TPP686" s="613"/>
      <c r="TPQ686" s="613"/>
      <c r="TPR686" s="613"/>
      <c r="TPS686" s="613"/>
      <c r="TPT686" s="613"/>
      <c r="TPU686" s="613"/>
      <c r="TPV686" s="613"/>
      <c r="TPW686" s="613"/>
      <c r="TPX686" s="613"/>
      <c r="TPY686" s="613"/>
      <c r="TPZ686" s="613"/>
      <c r="TQA686" s="613"/>
      <c r="TQB686" s="613"/>
      <c r="TQC686" s="613"/>
      <c r="TQD686" s="613"/>
      <c r="TQE686" s="613"/>
      <c r="TQF686" s="613"/>
      <c r="TQG686" s="613"/>
      <c r="TQH686" s="613"/>
      <c r="TQI686" s="613"/>
      <c r="TQJ686" s="613"/>
      <c r="TQK686" s="613"/>
      <c r="TQL686" s="613"/>
      <c r="TQM686" s="613"/>
      <c r="TQN686" s="613"/>
      <c r="TQO686" s="613"/>
      <c r="TQP686" s="613"/>
      <c r="TQQ686" s="613"/>
      <c r="TQR686" s="613"/>
      <c r="TQS686" s="613"/>
      <c r="TQT686" s="613"/>
      <c r="TQU686" s="613"/>
      <c r="TQV686" s="613"/>
      <c r="TQW686" s="613"/>
      <c r="TQX686" s="613"/>
      <c r="TQY686" s="613"/>
      <c r="TQZ686" s="613"/>
      <c r="TRA686" s="613"/>
      <c r="TRB686" s="613"/>
      <c r="TRC686" s="613"/>
      <c r="TRD686" s="613"/>
      <c r="TRE686" s="613"/>
      <c r="TRF686" s="613"/>
      <c r="TRG686" s="613"/>
      <c r="TRH686" s="613"/>
      <c r="TRI686" s="613"/>
      <c r="TRJ686" s="613"/>
      <c r="TRK686" s="613"/>
      <c r="TRL686" s="613"/>
      <c r="TRM686" s="613"/>
      <c r="TRN686" s="613"/>
      <c r="TRO686" s="613"/>
      <c r="TRP686" s="613"/>
      <c r="TRQ686" s="613"/>
      <c r="TRR686" s="613"/>
      <c r="TRS686" s="613"/>
      <c r="TRT686" s="613"/>
      <c r="TRU686" s="613"/>
      <c r="TRV686" s="613"/>
      <c r="TRW686" s="613"/>
      <c r="TRX686" s="613"/>
      <c r="TRY686" s="613"/>
      <c r="TRZ686" s="613"/>
      <c r="TSA686" s="613"/>
      <c r="TSB686" s="613"/>
      <c r="TSC686" s="613"/>
      <c r="TSD686" s="613"/>
      <c r="TSE686" s="613"/>
      <c r="TSF686" s="613"/>
      <c r="TSG686" s="613"/>
      <c r="TSH686" s="613"/>
      <c r="TSI686" s="613"/>
      <c r="TSJ686" s="613"/>
      <c r="TSK686" s="613"/>
      <c r="TSL686" s="613"/>
      <c r="TSM686" s="613"/>
      <c r="TSN686" s="613"/>
      <c r="TSO686" s="613"/>
      <c r="TSP686" s="613"/>
      <c r="TSQ686" s="613"/>
      <c r="TSR686" s="613"/>
      <c r="TSS686" s="613"/>
      <c r="TST686" s="613"/>
      <c r="TSU686" s="613"/>
      <c r="TSV686" s="613"/>
      <c r="TSW686" s="613"/>
      <c r="TSX686" s="613"/>
      <c r="TSY686" s="613"/>
      <c r="TSZ686" s="613"/>
      <c r="TTA686" s="613"/>
      <c r="TTB686" s="613"/>
      <c r="TTC686" s="613"/>
      <c r="TTD686" s="613"/>
      <c r="TTE686" s="613"/>
      <c r="TTF686" s="613"/>
      <c r="TTG686" s="613"/>
      <c r="TTH686" s="613"/>
      <c r="TTI686" s="613"/>
      <c r="TTJ686" s="613"/>
      <c r="TTK686" s="613"/>
      <c r="TTL686" s="613"/>
      <c r="TTM686" s="613"/>
      <c r="TTN686" s="613"/>
      <c r="TTO686" s="613"/>
      <c r="TTP686" s="613"/>
      <c r="TTQ686" s="613"/>
      <c r="TTR686" s="613"/>
      <c r="TTS686" s="613"/>
      <c r="TTT686" s="613"/>
      <c r="TTU686" s="613"/>
      <c r="TTV686" s="613"/>
      <c r="TTW686" s="613"/>
      <c r="TTX686" s="613"/>
      <c r="TTY686" s="613"/>
      <c r="TTZ686" s="613"/>
      <c r="TUA686" s="613"/>
      <c r="TUB686" s="613"/>
      <c r="TUC686" s="613"/>
      <c r="TUD686" s="613"/>
      <c r="TUE686" s="613"/>
      <c r="TUF686" s="613"/>
      <c r="TUG686" s="613"/>
      <c r="TUH686" s="613"/>
      <c r="TUI686" s="613"/>
      <c r="TUJ686" s="613"/>
      <c r="TUK686" s="613"/>
      <c r="TUL686" s="613"/>
      <c r="TUM686" s="613"/>
      <c r="TUN686" s="613"/>
      <c r="TUO686" s="613"/>
      <c r="TUP686" s="613"/>
      <c r="TUQ686" s="613"/>
      <c r="TUR686" s="613"/>
      <c r="TUS686" s="613"/>
      <c r="TUT686" s="613"/>
      <c r="TUU686" s="613"/>
      <c r="TUV686" s="613"/>
      <c r="TUW686" s="613"/>
      <c r="TUX686" s="613"/>
      <c r="TUY686" s="613"/>
      <c r="TUZ686" s="613"/>
      <c r="TVA686" s="613"/>
      <c r="TVB686" s="613"/>
      <c r="TVC686" s="613"/>
      <c r="TVD686" s="613"/>
      <c r="TVE686" s="613"/>
      <c r="TVF686" s="613"/>
      <c r="TVG686" s="613"/>
      <c r="TVH686" s="613"/>
      <c r="TVI686" s="613"/>
      <c r="TVJ686" s="613"/>
      <c r="TVK686" s="613"/>
      <c r="TVL686" s="613"/>
      <c r="TVM686" s="613"/>
      <c r="TVN686" s="613"/>
      <c r="TVO686" s="613"/>
      <c r="TVP686" s="613"/>
      <c r="TVQ686" s="613"/>
      <c r="TVR686" s="613"/>
      <c r="TVS686" s="613"/>
      <c r="TVT686" s="613"/>
      <c r="TVU686" s="613"/>
      <c r="TVV686" s="613"/>
      <c r="TVW686" s="613"/>
      <c r="TVX686" s="613"/>
      <c r="TVY686" s="613"/>
      <c r="TVZ686" s="613"/>
      <c r="TWA686" s="613"/>
      <c r="TWB686" s="613"/>
      <c r="TWC686" s="613"/>
      <c r="TWD686" s="613"/>
      <c r="TWE686" s="613"/>
      <c r="TWF686" s="613"/>
      <c r="TWG686" s="613"/>
      <c r="TWH686" s="613"/>
      <c r="TWI686" s="613"/>
      <c r="TWJ686" s="613"/>
      <c r="TWK686" s="613"/>
      <c r="TWL686" s="613"/>
      <c r="TWM686" s="613"/>
      <c r="TWN686" s="613"/>
      <c r="TWO686" s="613"/>
      <c r="TWP686" s="613"/>
      <c r="TWQ686" s="613"/>
      <c r="TWR686" s="613"/>
      <c r="TWS686" s="613"/>
      <c r="TWT686" s="613"/>
      <c r="TWU686" s="613"/>
      <c r="TWV686" s="613"/>
      <c r="TWW686" s="613"/>
      <c r="TWX686" s="613"/>
      <c r="TWY686" s="613"/>
      <c r="TWZ686" s="613"/>
      <c r="TXA686" s="613"/>
      <c r="TXB686" s="613"/>
      <c r="TXC686" s="613"/>
      <c r="TXD686" s="613"/>
      <c r="TXE686" s="613"/>
      <c r="TXF686" s="613"/>
      <c r="TXG686" s="613"/>
      <c r="TXH686" s="613"/>
      <c r="TXI686" s="613"/>
      <c r="TXJ686" s="613"/>
      <c r="TXK686" s="613"/>
      <c r="TXL686" s="613"/>
      <c r="TXM686" s="613"/>
      <c r="TXN686" s="613"/>
      <c r="TXO686" s="613"/>
      <c r="TXP686" s="613"/>
      <c r="TXQ686" s="613"/>
      <c r="TXR686" s="613"/>
      <c r="TXS686" s="613"/>
      <c r="TXT686" s="613"/>
      <c r="TXU686" s="613"/>
      <c r="TXV686" s="613"/>
      <c r="TXW686" s="613"/>
      <c r="TXX686" s="613"/>
      <c r="TXY686" s="613"/>
      <c r="TXZ686" s="613"/>
      <c r="TYA686" s="613"/>
      <c r="TYB686" s="613"/>
      <c r="TYC686" s="613"/>
      <c r="TYD686" s="613"/>
      <c r="TYE686" s="613"/>
      <c r="TYF686" s="613"/>
      <c r="TYG686" s="613"/>
      <c r="TYH686" s="613"/>
      <c r="TYI686" s="613"/>
      <c r="TYJ686" s="613"/>
      <c r="TYK686" s="613"/>
      <c r="TYL686" s="613"/>
      <c r="TYM686" s="613"/>
      <c r="TYN686" s="613"/>
      <c r="TYO686" s="613"/>
      <c r="TYP686" s="613"/>
      <c r="TYQ686" s="613"/>
      <c r="TYR686" s="613"/>
      <c r="TYS686" s="613"/>
      <c r="TYT686" s="613"/>
      <c r="TYU686" s="613"/>
      <c r="TYV686" s="613"/>
      <c r="TYW686" s="613"/>
      <c r="TYX686" s="613"/>
      <c r="TYY686" s="613"/>
      <c r="TYZ686" s="613"/>
      <c r="TZA686" s="613"/>
      <c r="TZB686" s="613"/>
      <c r="TZC686" s="613"/>
      <c r="TZD686" s="613"/>
      <c r="TZE686" s="613"/>
      <c r="TZF686" s="613"/>
      <c r="TZG686" s="613"/>
      <c r="TZH686" s="613"/>
      <c r="TZI686" s="613"/>
      <c r="TZJ686" s="613"/>
      <c r="TZK686" s="613"/>
      <c r="TZL686" s="613"/>
      <c r="TZM686" s="613"/>
      <c r="TZN686" s="613"/>
      <c r="TZO686" s="613"/>
      <c r="TZP686" s="613"/>
      <c r="TZQ686" s="613"/>
      <c r="TZR686" s="613"/>
      <c r="TZS686" s="613"/>
      <c r="TZT686" s="613"/>
      <c r="TZU686" s="613"/>
      <c r="TZV686" s="613"/>
      <c r="TZW686" s="613"/>
      <c r="TZX686" s="613"/>
      <c r="TZY686" s="613"/>
      <c r="TZZ686" s="613"/>
      <c r="UAA686" s="613"/>
      <c r="UAB686" s="613"/>
      <c r="UAC686" s="613"/>
      <c r="UAD686" s="613"/>
      <c r="UAE686" s="613"/>
      <c r="UAF686" s="613"/>
      <c r="UAG686" s="613"/>
      <c r="UAH686" s="613"/>
      <c r="UAI686" s="613"/>
      <c r="UAJ686" s="613"/>
      <c r="UAK686" s="613"/>
      <c r="UAL686" s="613"/>
      <c r="UAM686" s="613"/>
      <c r="UAN686" s="613"/>
      <c r="UAO686" s="613"/>
      <c r="UAP686" s="613"/>
      <c r="UAQ686" s="613"/>
      <c r="UAR686" s="613"/>
      <c r="UAS686" s="613"/>
      <c r="UAT686" s="613"/>
      <c r="UAU686" s="613"/>
      <c r="UAV686" s="613"/>
      <c r="UAW686" s="613"/>
      <c r="UAX686" s="613"/>
      <c r="UAY686" s="613"/>
      <c r="UAZ686" s="613"/>
      <c r="UBA686" s="613"/>
      <c r="UBB686" s="613"/>
      <c r="UBC686" s="613"/>
      <c r="UBD686" s="613"/>
      <c r="UBE686" s="613"/>
      <c r="UBF686" s="613"/>
      <c r="UBG686" s="613"/>
      <c r="UBH686" s="613"/>
      <c r="UBI686" s="613"/>
      <c r="UBJ686" s="613"/>
      <c r="UBK686" s="613"/>
      <c r="UBL686" s="613"/>
      <c r="UBM686" s="613"/>
      <c r="UBN686" s="613"/>
      <c r="UBO686" s="613"/>
      <c r="UBP686" s="613"/>
      <c r="UBQ686" s="613"/>
      <c r="UBR686" s="613"/>
      <c r="UBS686" s="613"/>
      <c r="UBT686" s="613"/>
      <c r="UBU686" s="613"/>
      <c r="UBV686" s="613"/>
      <c r="UBW686" s="613"/>
      <c r="UBX686" s="613"/>
      <c r="UBY686" s="613"/>
      <c r="UBZ686" s="613"/>
      <c r="UCA686" s="613"/>
      <c r="UCB686" s="613"/>
      <c r="UCC686" s="613"/>
      <c r="UCD686" s="613"/>
      <c r="UCE686" s="613"/>
      <c r="UCF686" s="613"/>
      <c r="UCG686" s="613"/>
      <c r="UCH686" s="613"/>
      <c r="UCI686" s="613"/>
      <c r="UCJ686" s="613"/>
      <c r="UCK686" s="613"/>
      <c r="UCL686" s="613"/>
      <c r="UCM686" s="613"/>
      <c r="UCN686" s="613"/>
      <c r="UCO686" s="613"/>
      <c r="UCP686" s="613"/>
      <c r="UCQ686" s="613"/>
      <c r="UCR686" s="613"/>
      <c r="UCS686" s="613"/>
      <c r="UCT686" s="613"/>
      <c r="UCU686" s="613"/>
      <c r="UCV686" s="613"/>
      <c r="UCW686" s="613"/>
      <c r="UCX686" s="613"/>
      <c r="UCY686" s="613"/>
      <c r="UCZ686" s="613"/>
      <c r="UDA686" s="613"/>
      <c r="UDB686" s="613"/>
      <c r="UDC686" s="613"/>
      <c r="UDD686" s="613"/>
      <c r="UDE686" s="613"/>
      <c r="UDF686" s="613"/>
      <c r="UDG686" s="613"/>
      <c r="UDH686" s="613"/>
      <c r="UDI686" s="613"/>
      <c r="UDJ686" s="613"/>
      <c r="UDK686" s="613"/>
      <c r="UDL686" s="613"/>
      <c r="UDM686" s="613"/>
      <c r="UDN686" s="613"/>
      <c r="UDO686" s="613"/>
      <c r="UDP686" s="613"/>
      <c r="UDQ686" s="613"/>
      <c r="UDR686" s="613"/>
      <c r="UDS686" s="613"/>
      <c r="UDT686" s="613"/>
      <c r="UDU686" s="613"/>
      <c r="UDV686" s="613"/>
      <c r="UDW686" s="613"/>
      <c r="UDX686" s="613"/>
      <c r="UDY686" s="613"/>
      <c r="UDZ686" s="613"/>
      <c r="UEA686" s="613"/>
      <c r="UEB686" s="613"/>
      <c r="UEC686" s="613"/>
      <c r="UED686" s="613"/>
      <c r="UEE686" s="613"/>
      <c r="UEF686" s="613"/>
      <c r="UEG686" s="613"/>
      <c r="UEH686" s="613"/>
      <c r="UEI686" s="613"/>
      <c r="UEJ686" s="613"/>
      <c r="UEK686" s="613"/>
      <c r="UEL686" s="613"/>
      <c r="UEM686" s="613"/>
      <c r="UEN686" s="613"/>
      <c r="UEO686" s="613"/>
      <c r="UEP686" s="613"/>
      <c r="UEQ686" s="613"/>
      <c r="UER686" s="613"/>
      <c r="UES686" s="613"/>
      <c r="UET686" s="613"/>
      <c r="UEU686" s="613"/>
      <c r="UEV686" s="613"/>
      <c r="UEW686" s="613"/>
      <c r="UEX686" s="613"/>
      <c r="UEY686" s="613"/>
      <c r="UEZ686" s="613"/>
      <c r="UFA686" s="613"/>
      <c r="UFB686" s="613"/>
      <c r="UFC686" s="613"/>
      <c r="UFD686" s="613"/>
      <c r="UFE686" s="613"/>
      <c r="UFF686" s="613"/>
      <c r="UFG686" s="613"/>
      <c r="UFH686" s="613"/>
      <c r="UFI686" s="613"/>
      <c r="UFJ686" s="613"/>
      <c r="UFK686" s="613"/>
      <c r="UFL686" s="613"/>
      <c r="UFM686" s="613"/>
      <c r="UFN686" s="613"/>
      <c r="UFO686" s="613"/>
      <c r="UFP686" s="613"/>
      <c r="UFQ686" s="613"/>
      <c r="UFR686" s="613"/>
      <c r="UFS686" s="613"/>
      <c r="UFT686" s="613"/>
      <c r="UFU686" s="613"/>
      <c r="UFV686" s="613"/>
      <c r="UFW686" s="613"/>
      <c r="UFX686" s="613"/>
      <c r="UFY686" s="613"/>
      <c r="UFZ686" s="613"/>
      <c r="UGA686" s="613"/>
      <c r="UGB686" s="613"/>
      <c r="UGC686" s="613"/>
      <c r="UGD686" s="613"/>
      <c r="UGE686" s="613"/>
      <c r="UGF686" s="613"/>
      <c r="UGG686" s="613"/>
      <c r="UGH686" s="613"/>
      <c r="UGI686" s="613"/>
      <c r="UGJ686" s="613"/>
      <c r="UGK686" s="613"/>
      <c r="UGL686" s="613"/>
      <c r="UGM686" s="613"/>
      <c r="UGN686" s="613"/>
      <c r="UGO686" s="613"/>
      <c r="UGP686" s="613"/>
      <c r="UGQ686" s="613"/>
      <c r="UGR686" s="613"/>
      <c r="UGS686" s="613"/>
      <c r="UGT686" s="613"/>
      <c r="UGU686" s="613"/>
      <c r="UGV686" s="613"/>
      <c r="UGW686" s="613"/>
      <c r="UGX686" s="613"/>
      <c r="UGY686" s="613"/>
      <c r="UGZ686" s="613"/>
      <c r="UHA686" s="613"/>
      <c r="UHB686" s="613"/>
      <c r="UHC686" s="613"/>
      <c r="UHD686" s="613"/>
      <c r="UHE686" s="613"/>
      <c r="UHF686" s="613"/>
      <c r="UHG686" s="613"/>
      <c r="UHH686" s="613"/>
      <c r="UHI686" s="613"/>
      <c r="UHJ686" s="613"/>
      <c r="UHK686" s="613"/>
      <c r="UHL686" s="613"/>
      <c r="UHM686" s="613"/>
      <c r="UHN686" s="613"/>
      <c r="UHO686" s="613"/>
      <c r="UHP686" s="613"/>
      <c r="UHQ686" s="613"/>
      <c r="UHR686" s="613"/>
      <c r="UHS686" s="613"/>
      <c r="UHT686" s="613"/>
      <c r="UHU686" s="613"/>
      <c r="UHV686" s="613"/>
      <c r="UHW686" s="613"/>
      <c r="UHX686" s="613"/>
      <c r="UHY686" s="613"/>
      <c r="UHZ686" s="613"/>
      <c r="UIA686" s="613"/>
      <c r="UIB686" s="613"/>
      <c r="UIC686" s="613"/>
      <c r="UID686" s="613"/>
      <c r="UIE686" s="613"/>
      <c r="UIF686" s="613"/>
      <c r="UIG686" s="613"/>
      <c r="UIH686" s="613"/>
      <c r="UII686" s="613"/>
      <c r="UIJ686" s="613"/>
      <c r="UIK686" s="613"/>
      <c r="UIL686" s="613"/>
      <c r="UIM686" s="613"/>
      <c r="UIN686" s="613"/>
      <c r="UIO686" s="613"/>
      <c r="UIP686" s="613"/>
      <c r="UIQ686" s="613"/>
      <c r="UIR686" s="613"/>
      <c r="UIS686" s="613"/>
      <c r="UIT686" s="613"/>
      <c r="UIU686" s="613"/>
      <c r="UIV686" s="613"/>
      <c r="UIW686" s="613"/>
      <c r="UIX686" s="613"/>
      <c r="UIY686" s="613"/>
      <c r="UIZ686" s="613"/>
      <c r="UJA686" s="613"/>
      <c r="UJB686" s="613"/>
      <c r="UJC686" s="613"/>
      <c r="UJD686" s="613"/>
      <c r="UJE686" s="613"/>
      <c r="UJF686" s="613"/>
      <c r="UJG686" s="613"/>
      <c r="UJH686" s="613"/>
      <c r="UJI686" s="613"/>
      <c r="UJJ686" s="613"/>
      <c r="UJK686" s="613"/>
      <c r="UJL686" s="613"/>
      <c r="UJM686" s="613"/>
      <c r="UJN686" s="613"/>
      <c r="UJO686" s="613"/>
      <c r="UJP686" s="613"/>
      <c r="UJQ686" s="613"/>
      <c r="UJR686" s="613"/>
      <c r="UJS686" s="613"/>
      <c r="UJT686" s="613"/>
      <c r="UJU686" s="613"/>
      <c r="UJV686" s="613"/>
      <c r="UJW686" s="613"/>
      <c r="UJX686" s="613"/>
      <c r="UJY686" s="613"/>
      <c r="UJZ686" s="613"/>
      <c r="UKA686" s="613"/>
      <c r="UKB686" s="613"/>
      <c r="UKC686" s="613"/>
      <c r="UKD686" s="613"/>
      <c r="UKE686" s="613"/>
      <c r="UKF686" s="613"/>
      <c r="UKG686" s="613"/>
      <c r="UKH686" s="613"/>
      <c r="UKI686" s="613"/>
      <c r="UKJ686" s="613"/>
      <c r="UKK686" s="613"/>
      <c r="UKL686" s="613"/>
      <c r="UKM686" s="613"/>
      <c r="UKN686" s="613"/>
      <c r="UKO686" s="613"/>
      <c r="UKP686" s="613"/>
      <c r="UKQ686" s="613"/>
      <c r="UKR686" s="613"/>
      <c r="UKS686" s="613"/>
      <c r="UKT686" s="613"/>
      <c r="UKU686" s="613"/>
      <c r="UKV686" s="613"/>
      <c r="UKW686" s="613"/>
      <c r="UKX686" s="613"/>
      <c r="UKY686" s="613"/>
      <c r="UKZ686" s="613"/>
      <c r="ULA686" s="613"/>
      <c r="ULB686" s="613"/>
      <c r="ULC686" s="613"/>
      <c r="ULD686" s="613"/>
      <c r="ULE686" s="613"/>
      <c r="ULF686" s="613"/>
      <c r="ULG686" s="613"/>
      <c r="ULH686" s="613"/>
      <c r="ULI686" s="613"/>
      <c r="ULJ686" s="613"/>
      <c r="ULK686" s="613"/>
      <c r="ULL686" s="613"/>
      <c r="ULM686" s="613"/>
      <c r="ULN686" s="613"/>
      <c r="ULO686" s="613"/>
      <c r="ULP686" s="613"/>
      <c r="ULQ686" s="613"/>
      <c r="ULR686" s="613"/>
      <c r="ULS686" s="613"/>
      <c r="ULT686" s="613"/>
      <c r="ULU686" s="613"/>
      <c r="ULV686" s="613"/>
      <c r="ULW686" s="613"/>
      <c r="ULX686" s="613"/>
      <c r="ULY686" s="613"/>
      <c r="ULZ686" s="613"/>
      <c r="UMA686" s="613"/>
      <c r="UMB686" s="613"/>
      <c r="UMC686" s="613"/>
      <c r="UMD686" s="613"/>
      <c r="UME686" s="613"/>
      <c r="UMF686" s="613"/>
      <c r="UMG686" s="613"/>
      <c r="UMH686" s="613"/>
      <c r="UMI686" s="613"/>
      <c r="UMJ686" s="613"/>
      <c r="UMK686" s="613"/>
      <c r="UML686" s="613"/>
      <c r="UMM686" s="613"/>
      <c r="UMN686" s="613"/>
      <c r="UMO686" s="613"/>
      <c r="UMP686" s="613"/>
      <c r="UMQ686" s="613"/>
      <c r="UMR686" s="613"/>
      <c r="UMS686" s="613"/>
      <c r="UMT686" s="613"/>
      <c r="UMU686" s="613"/>
      <c r="UMV686" s="613"/>
      <c r="UMW686" s="613"/>
      <c r="UMX686" s="613"/>
      <c r="UMY686" s="613"/>
      <c r="UMZ686" s="613"/>
      <c r="UNA686" s="613"/>
      <c r="UNB686" s="613"/>
      <c r="UNC686" s="613"/>
      <c r="UND686" s="613"/>
      <c r="UNE686" s="613"/>
      <c r="UNF686" s="613"/>
      <c r="UNG686" s="613"/>
      <c r="UNH686" s="613"/>
      <c r="UNI686" s="613"/>
      <c r="UNJ686" s="613"/>
      <c r="UNK686" s="613"/>
      <c r="UNL686" s="613"/>
      <c r="UNM686" s="613"/>
      <c r="UNN686" s="613"/>
      <c r="UNO686" s="613"/>
      <c r="UNP686" s="613"/>
      <c r="UNQ686" s="613"/>
      <c r="UNR686" s="613"/>
      <c r="UNS686" s="613"/>
      <c r="UNT686" s="613"/>
      <c r="UNU686" s="613"/>
      <c r="UNV686" s="613"/>
      <c r="UNW686" s="613"/>
      <c r="UNX686" s="613"/>
      <c r="UNY686" s="613"/>
      <c r="UNZ686" s="613"/>
      <c r="UOA686" s="613"/>
      <c r="UOB686" s="613"/>
      <c r="UOC686" s="613"/>
      <c r="UOD686" s="613"/>
      <c r="UOE686" s="613"/>
      <c r="UOF686" s="613"/>
      <c r="UOG686" s="613"/>
      <c r="UOH686" s="613"/>
      <c r="UOI686" s="613"/>
      <c r="UOJ686" s="613"/>
      <c r="UOK686" s="613"/>
      <c r="UOL686" s="613"/>
      <c r="UOM686" s="613"/>
      <c r="UON686" s="613"/>
      <c r="UOO686" s="613"/>
      <c r="UOP686" s="613"/>
      <c r="UOQ686" s="613"/>
      <c r="UOR686" s="613"/>
      <c r="UOS686" s="613"/>
      <c r="UOT686" s="613"/>
      <c r="UOU686" s="613"/>
      <c r="UOV686" s="613"/>
      <c r="UOW686" s="613"/>
      <c r="UOX686" s="613"/>
      <c r="UOY686" s="613"/>
      <c r="UOZ686" s="613"/>
      <c r="UPA686" s="613"/>
      <c r="UPB686" s="613"/>
      <c r="UPC686" s="613"/>
      <c r="UPD686" s="613"/>
      <c r="UPE686" s="613"/>
      <c r="UPF686" s="613"/>
      <c r="UPG686" s="613"/>
      <c r="UPH686" s="613"/>
      <c r="UPI686" s="613"/>
      <c r="UPJ686" s="613"/>
      <c r="UPK686" s="613"/>
      <c r="UPL686" s="613"/>
      <c r="UPM686" s="613"/>
      <c r="UPN686" s="613"/>
      <c r="UPO686" s="613"/>
      <c r="UPP686" s="613"/>
      <c r="UPQ686" s="613"/>
      <c r="UPR686" s="613"/>
      <c r="UPS686" s="613"/>
      <c r="UPT686" s="613"/>
      <c r="UPU686" s="613"/>
      <c r="UPV686" s="613"/>
      <c r="UPW686" s="613"/>
      <c r="UPX686" s="613"/>
      <c r="UPY686" s="613"/>
      <c r="UPZ686" s="613"/>
      <c r="UQA686" s="613"/>
      <c r="UQB686" s="613"/>
      <c r="UQC686" s="613"/>
      <c r="UQD686" s="613"/>
      <c r="UQE686" s="613"/>
      <c r="UQF686" s="613"/>
      <c r="UQG686" s="613"/>
      <c r="UQH686" s="613"/>
      <c r="UQI686" s="613"/>
      <c r="UQJ686" s="613"/>
      <c r="UQK686" s="613"/>
      <c r="UQL686" s="613"/>
      <c r="UQM686" s="613"/>
      <c r="UQN686" s="613"/>
      <c r="UQO686" s="613"/>
      <c r="UQP686" s="613"/>
      <c r="UQQ686" s="613"/>
      <c r="UQR686" s="613"/>
      <c r="UQS686" s="613"/>
      <c r="UQT686" s="613"/>
      <c r="UQU686" s="613"/>
      <c r="UQV686" s="613"/>
      <c r="UQW686" s="613"/>
      <c r="UQX686" s="613"/>
      <c r="UQY686" s="613"/>
      <c r="UQZ686" s="613"/>
      <c r="URA686" s="613"/>
      <c r="URB686" s="613"/>
      <c r="URC686" s="613"/>
      <c r="URD686" s="613"/>
      <c r="URE686" s="613"/>
      <c r="URF686" s="613"/>
      <c r="URG686" s="613"/>
      <c r="URH686" s="613"/>
      <c r="URI686" s="613"/>
      <c r="URJ686" s="613"/>
      <c r="URK686" s="613"/>
      <c r="URL686" s="613"/>
      <c r="URM686" s="613"/>
      <c r="URN686" s="613"/>
      <c r="URO686" s="613"/>
      <c r="URP686" s="613"/>
      <c r="URQ686" s="613"/>
      <c r="URR686" s="613"/>
      <c r="URS686" s="613"/>
      <c r="URT686" s="613"/>
      <c r="URU686" s="613"/>
      <c r="URV686" s="613"/>
      <c r="URW686" s="613"/>
      <c r="URX686" s="613"/>
      <c r="URY686" s="613"/>
      <c r="URZ686" s="613"/>
      <c r="USA686" s="613"/>
      <c r="USB686" s="613"/>
      <c r="USC686" s="613"/>
      <c r="USD686" s="613"/>
      <c r="USE686" s="613"/>
      <c r="USF686" s="613"/>
      <c r="USG686" s="613"/>
      <c r="USH686" s="613"/>
      <c r="USI686" s="613"/>
      <c r="USJ686" s="613"/>
      <c r="USK686" s="613"/>
      <c r="USL686" s="613"/>
      <c r="USM686" s="613"/>
      <c r="USN686" s="613"/>
      <c r="USO686" s="613"/>
      <c r="USP686" s="613"/>
      <c r="USQ686" s="613"/>
      <c r="USR686" s="613"/>
      <c r="USS686" s="613"/>
      <c r="UST686" s="613"/>
      <c r="USU686" s="613"/>
      <c r="USV686" s="613"/>
      <c r="USW686" s="613"/>
      <c r="USX686" s="613"/>
      <c r="USY686" s="613"/>
      <c r="USZ686" s="613"/>
      <c r="UTA686" s="613"/>
      <c r="UTB686" s="613"/>
      <c r="UTC686" s="613"/>
      <c r="UTD686" s="613"/>
      <c r="UTE686" s="613"/>
      <c r="UTF686" s="613"/>
      <c r="UTG686" s="613"/>
      <c r="UTH686" s="613"/>
      <c r="UTI686" s="613"/>
      <c r="UTJ686" s="613"/>
      <c r="UTK686" s="613"/>
      <c r="UTL686" s="613"/>
      <c r="UTM686" s="613"/>
      <c r="UTN686" s="613"/>
      <c r="UTO686" s="613"/>
      <c r="UTP686" s="613"/>
      <c r="UTQ686" s="613"/>
      <c r="UTR686" s="613"/>
      <c r="UTS686" s="613"/>
      <c r="UTT686" s="613"/>
      <c r="UTU686" s="613"/>
      <c r="UTV686" s="613"/>
      <c r="UTW686" s="613"/>
      <c r="UTX686" s="613"/>
      <c r="UTY686" s="613"/>
      <c r="UTZ686" s="613"/>
      <c r="UUA686" s="613"/>
      <c r="UUB686" s="613"/>
      <c r="UUC686" s="613"/>
      <c r="UUD686" s="613"/>
      <c r="UUE686" s="613"/>
      <c r="UUF686" s="613"/>
      <c r="UUG686" s="613"/>
      <c r="UUH686" s="613"/>
      <c r="UUI686" s="613"/>
      <c r="UUJ686" s="613"/>
      <c r="UUK686" s="613"/>
      <c r="UUL686" s="613"/>
      <c r="UUM686" s="613"/>
      <c r="UUN686" s="613"/>
      <c r="UUO686" s="613"/>
      <c r="UUP686" s="613"/>
      <c r="UUQ686" s="613"/>
      <c r="UUR686" s="613"/>
      <c r="UUS686" s="613"/>
      <c r="UUT686" s="613"/>
      <c r="UUU686" s="613"/>
      <c r="UUV686" s="613"/>
      <c r="UUW686" s="613"/>
      <c r="UUX686" s="613"/>
      <c r="UUY686" s="613"/>
      <c r="UUZ686" s="613"/>
      <c r="UVA686" s="613"/>
      <c r="UVB686" s="613"/>
      <c r="UVC686" s="613"/>
      <c r="UVD686" s="613"/>
      <c r="UVE686" s="613"/>
      <c r="UVF686" s="613"/>
      <c r="UVG686" s="613"/>
      <c r="UVH686" s="613"/>
      <c r="UVI686" s="613"/>
      <c r="UVJ686" s="613"/>
      <c r="UVK686" s="613"/>
      <c r="UVL686" s="613"/>
      <c r="UVM686" s="613"/>
      <c r="UVN686" s="613"/>
      <c r="UVO686" s="613"/>
      <c r="UVP686" s="613"/>
      <c r="UVQ686" s="613"/>
      <c r="UVR686" s="613"/>
      <c r="UVS686" s="613"/>
      <c r="UVT686" s="613"/>
      <c r="UVU686" s="613"/>
      <c r="UVV686" s="613"/>
      <c r="UVW686" s="613"/>
      <c r="UVX686" s="613"/>
      <c r="UVY686" s="613"/>
      <c r="UVZ686" s="613"/>
      <c r="UWA686" s="613"/>
      <c r="UWB686" s="613"/>
      <c r="UWC686" s="613"/>
      <c r="UWD686" s="613"/>
      <c r="UWE686" s="613"/>
      <c r="UWF686" s="613"/>
      <c r="UWG686" s="613"/>
      <c r="UWH686" s="613"/>
      <c r="UWI686" s="613"/>
      <c r="UWJ686" s="613"/>
      <c r="UWK686" s="613"/>
      <c r="UWL686" s="613"/>
      <c r="UWM686" s="613"/>
      <c r="UWN686" s="613"/>
      <c r="UWO686" s="613"/>
      <c r="UWP686" s="613"/>
      <c r="UWQ686" s="613"/>
      <c r="UWR686" s="613"/>
      <c r="UWS686" s="613"/>
      <c r="UWT686" s="613"/>
      <c r="UWU686" s="613"/>
      <c r="UWV686" s="613"/>
      <c r="UWW686" s="613"/>
      <c r="UWX686" s="613"/>
      <c r="UWY686" s="613"/>
      <c r="UWZ686" s="613"/>
      <c r="UXA686" s="613"/>
      <c r="UXB686" s="613"/>
      <c r="UXC686" s="613"/>
      <c r="UXD686" s="613"/>
      <c r="UXE686" s="613"/>
      <c r="UXF686" s="613"/>
      <c r="UXG686" s="613"/>
      <c r="UXH686" s="613"/>
      <c r="UXI686" s="613"/>
      <c r="UXJ686" s="613"/>
      <c r="UXK686" s="613"/>
      <c r="UXL686" s="613"/>
      <c r="UXM686" s="613"/>
      <c r="UXN686" s="613"/>
      <c r="UXO686" s="613"/>
      <c r="UXP686" s="613"/>
      <c r="UXQ686" s="613"/>
      <c r="UXR686" s="613"/>
      <c r="UXS686" s="613"/>
      <c r="UXT686" s="613"/>
      <c r="UXU686" s="613"/>
      <c r="UXV686" s="613"/>
      <c r="UXW686" s="613"/>
      <c r="UXX686" s="613"/>
      <c r="UXY686" s="613"/>
      <c r="UXZ686" s="613"/>
      <c r="UYA686" s="613"/>
      <c r="UYB686" s="613"/>
      <c r="UYC686" s="613"/>
      <c r="UYD686" s="613"/>
      <c r="UYE686" s="613"/>
      <c r="UYF686" s="613"/>
      <c r="UYG686" s="613"/>
      <c r="UYH686" s="613"/>
      <c r="UYI686" s="613"/>
      <c r="UYJ686" s="613"/>
      <c r="UYK686" s="613"/>
      <c r="UYL686" s="613"/>
      <c r="UYM686" s="613"/>
      <c r="UYN686" s="613"/>
      <c r="UYO686" s="613"/>
      <c r="UYP686" s="613"/>
      <c r="UYQ686" s="613"/>
      <c r="UYR686" s="613"/>
      <c r="UYS686" s="613"/>
      <c r="UYT686" s="613"/>
      <c r="UYU686" s="613"/>
      <c r="UYV686" s="613"/>
      <c r="UYW686" s="613"/>
      <c r="UYX686" s="613"/>
      <c r="UYY686" s="613"/>
      <c r="UYZ686" s="613"/>
      <c r="UZA686" s="613"/>
      <c r="UZB686" s="613"/>
      <c r="UZC686" s="613"/>
      <c r="UZD686" s="613"/>
      <c r="UZE686" s="613"/>
      <c r="UZF686" s="613"/>
      <c r="UZG686" s="613"/>
      <c r="UZH686" s="613"/>
      <c r="UZI686" s="613"/>
      <c r="UZJ686" s="613"/>
      <c r="UZK686" s="613"/>
      <c r="UZL686" s="613"/>
      <c r="UZM686" s="613"/>
      <c r="UZN686" s="613"/>
      <c r="UZO686" s="613"/>
      <c r="UZP686" s="613"/>
      <c r="UZQ686" s="613"/>
      <c r="UZR686" s="613"/>
      <c r="UZS686" s="613"/>
      <c r="UZT686" s="613"/>
      <c r="UZU686" s="613"/>
      <c r="UZV686" s="613"/>
      <c r="UZW686" s="613"/>
      <c r="UZX686" s="613"/>
      <c r="UZY686" s="613"/>
      <c r="UZZ686" s="613"/>
      <c r="VAA686" s="613"/>
      <c r="VAB686" s="613"/>
      <c r="VAC686" s="613"/>
      <c r="VAD686" s="613"/>
      <c r="VAE686" s="613"/>
      <c r="VAF686" s="613"/>
      <c r="VAG686" s="613"/>
      <c r="VAH686" s="613"/>
      <c r="VAI686" s="613"/>
      <c r="VAJ686" s="613"/>
      <c r="VAK686" s="613"/>
      <c r="VAL686" s="613"/>
      <c r="VAM686" s="613"/>
      <c r="VAN686" s="613"/>
      <c r="VAO686" s="613"/>
      <c r="VAP686" s="613"/>
      <c r="VAQ686" s="613"/>
      <c r="VAR686" s="613"/>
      <c r="VAS686" s="613"/>
      <c r="VAT686" s="613"/>
      <c r="VAU686" s="613"/>
      <c r="VAV686" s="613"/>
      <c r="VAW686" s="613"/>
      <c r="VAX686" s="613"/>
      <c r="VAY686" s="613"/>
      <c r="VAZ686" s="613"/>
      <c r="VBA686" s="613"/>
      <c r="VBB686" s="613"/>
      <c r="VBC686" s="613"/>
      <c r="VBD686" s="613"/>
      <c r="VBE686" s="613"/>
      <c r="VBF686" s="613"/>
      <c r="VBG686" s="613"/>
      <c r="VBH686" s="613"/>
      <c r="VBI686" s="613"/>
      <c r="VBJ686" s="613"/>
      <c r="VBK686" s="613"/>
      <c r="VBL686" s="613"/>
      <c r="VBM686" s="613"/>
      <c r="VBN686" s="613"/>
      <c r="VBO686" s="613"/>
      <c r="VBP686" s="613"/>
      <c r="VBQ686" s="613"/>
      <c r="VBR686" s="613"/>
      <c r="VBS686" s="613"/>
      <c r="VBT686" s="613"/>
      <c r="VBU686" s="613"/>
      <c r="VBV686" s="613"/>
      <c r="VBW686" s="613"/>
      <c r="VBX686" s="613"/>
      <c r="VBY686" s="613"/>
      <c r="VBZ686" s="613"/>
      <c r="VCA686" s="613"/>
      <c r="VCB686" s="613"/>
      <c r="VCC686" s="613"/>
      <c r="VCD686" s="613"/>
      <c r="VCE686" s="613"/>
      <c r="VCF686" s="613"/>
      <c r="VCG686" s="613"/>
      <c r="VCH686" s="613"/>
      <c r="VCI686" s="613"/>
      <c r="VCJ686" s="613"/>
      <c r="VCK686" s="613"/>
      <c r="VCL686" s="613"/>
      <c r="VCM686" s="613"/>
      <c r="VCN686" s="613"/>
      <c r="VCO686" s="613"/>
      <c r="VCP686" s="613"/>
      <c r="VCQ686" s="613"/>
      <c r="VCR686" s="613"/>
      <c r="VCS686" s="613"/>
      <c r="VCT686" s="613"/>
      <c r="VCU686" s="613"/>
      <c r="VCV686" s="613"/>
      <c r="VCW686" s="613"/>
      <c r="VCX686" s="613"/>
      <c r="VCY686" s="613"/>
      <c r="VCZ686" s="613"/>
      <c r="VDA686" s="613"/>
      <c r="VDB686" s="613"/>
      <c r="VDC686" s="613"/>
      <c r="VDD686" s="613"/>
      <c r="VDE686" s="613"/>
      <c r="VDF686" s="613"/>
      <c r="VDG686" s="613"/>
      <c r="VDH686" s="613"/>
      <c r="VDI686" s="613"/>
      <c r="VDJ686" s="613"/>
      <c r="VDK686" s="613"/>
      <c r="VDL686" s="613"/>
      <c r="VDM686" s="613"/>
      <c r="VDN686" s="613"/>
      <c r="VDO686" s="613"/>
      <c r="VDP686" s="613"/>
      <c r="VDQ686" s="613"/>
      <c r="VDR686" s="613"/>
      <c r="VDS686" s="613"/>
      <c r="VDT686" s="613"/>
      <c r="VDU686" s="613"/>
      <c r="VDV686" s="613"/>
      <c r="VDW686" s="613"/>
      <c r="VDX686" s="613"/>
      <c r="VDY686" s="613"/>
      <c r="VDZ686" s="613"/>
      <c r="VEA686" s="613"/>
      <c r="VEB686" s="613"/>
      <c r="VEC686" s="613"/>
      <c r="VED686" s="613"/>
      <c r="VEE686" s="613"/>
      <c r="VEF686" s="613"/>
      <c r="VEG686" s="613"/>
      <c r="VEH686" s="613"/>
      <c r="VEI686" s="613"/>
      <c r="VEJ686" s="613"/>
      <c r="VEK686" s="613"/>
      <c r="VEL686" s="613"/>
      <c r="VEM686" s="613"/>
      <c r="VEN686" s="613"/>
      <c r="VEO686" s="613"/>
      <c r="VEP686" s="613"/>
      <c r="VEQ686" s="613"/>
      <c r="VER686" s="613"/>
      <c r="VES686" s="613"/>
      <c r="VET686" s="613"/>
      <c r="VEU686" s="613"/>
      <c r="VEV686" s="613"/>
      <c r="VEW686" s="613"/>
      <c r="VEX686" s="613"/>
      <c r="VEY686" s="613"/>
      <c r="VEZ686" s="613"/>
      <c r="VFA686" s="613"/>
      <c r="VFB686" s="613"/>
      <c r="VFC686" s="613"/>
      <c r="VFD686" s="613"/>
      <c r="VFE686" s="613"/>
      <c r="VFF686" s="613"/>
      <c r="VFG686" s="613"/>
      <c r="VFH686" s="613"/>
      <c r="VFI686" s="613"/>
      <c r="VFJ686" s="613"/>
      <c r="VFK686" s="613"/>
      <c r="VFL686" s="613"/>
      <c r="VFM686" s="613"/>
      <c r="VFN686" s="613"/>
      <c r="VFO686" s="613"/>
      <c r="VFP686" s="613"/>
      <c r="VFQ686" s="613"/>
      <c r="VFR686" s="613"/>
      <c r="VFS686" s="613"/>
      <c r="VFT686" s="613"/>
      <c r="VFU686" s="613"/>
      <c r="VFV686" s="613"/>
      <c r="VFW686" s="613"/>
      <c r="VFX686" s="613"/>
      <c r="VFY686" s="613"/>
      <c r="VFZ686" s="613"/>
      <c r="VGA686" s="613"/>
      <c r="VGB686" s="613"/>
      <c r="VGC686" s="613"/>
      <c r="VGD686" s="613"/>
      <c r="VGE686" s="613"/>
      <c r="VGF686" s="613"/>
      <c r="VGG686" s="613"/>
      <c r="VGH686" s="613"/>
      <c r="VGI686" s="613"/>
      <c r="VGJ686" s="613"/>
      <c r="VGK686" s="613"/>
      <c r="VGL686" s="613"/>
      <c r="VGM686" s="613"/>
      <c r="VGN686" s="613"/>
      <c r="VGO686" s="613"/>
      <c r="VGP686" s="613"/>
      <c r="VGQ686" s="613"/>
      <c r="VGR686" s="613"/>
      <c r="VGS686" s="613"/>
      <c r="VGT686" s="613"/>
      <c r="VGU686" s="613"/>
      <c r="VGV686" s="613"/>
      <c r="VGW686" s="613"/>
      <c r="VGX686" s="613"/>
      <c r="VGY686" s="613"/>
      <c r="VGZ686" s="613"/>
      <c r="VHA686" s="613"/>
      <c r="VHB686" s="613"/>
      <c r="VHC686" s="613"/>
      <c r="VHD686" s="613"/>
      <c r="VHE686" s="613"/>
      <c r="VHF686" s="613"/>
      <c r="VHG686" s="613"/>
      <c r="VHH686" s="613"/>
      <c r="VHI686" s="613"/>
      <c r="VHJ686" s="613"/>
      <c r="VHK686" s="613"/>
      <c r="VHL686" s="613"/>
      <c r="VHM686" s="613"/>
      <c r="VHN686" s="613"/>
      <c r="VHO686" s="613"/>
      <c r="VHP686" s="613"/>
      <c r="VHQ686" s="613"/>
      <c r="VHR686" s="613"/>
      <c r="VHS686" s="613"/>
      <c r="VHT686" s="613"/>
      <c r="VHU686" s="613"/>
      <c r="VHV686" s="613"/>
      <c r="VHW686" s="613"/>
      <c r="VHX686" s="613"/>
      <c r="VHY686" s="613"/>
      <c r="VHZ686" s="613"/>
      <c r="VIA686" s="613"/>
      <c r="VIB686" s="613"/>
      <c r="VIC686" s="613"/>
      <c r="VID686" s="613"/>
      <c r="VIE686" s="613"/>
      <c r="VIF686" s="613"/>
      <c r="VIG686" s="613"/>
      <c r="VIH686" s="613"/>
      <c r="VII686" s="613"/>
      <c r="VIJ686" s="613"/>
      <c r="VIK686" s="613"/>
      <c r="VIL686" s="613"/>
      <c r="VIM686" s="613"/>
      <c r="VIN686" s="613"/>
      <c r="VIO686" s="613"/>
      <c r="VIP686" s="613"/>
      <c r="VIQ686" s="613"/>
      <c r="VIR686" s="613"/>
      <c r="VIS686" s="613"/>
      <c r="VIT686" s="613"/>
      <c r="VIU686" s="613"/>
      <c r="VIV686" s="613"/>
      <c r="VIW686" s="613"/>
      <c r="VIX686" s="613"/>
      <c r="VIY686" s="613"/>
      <c r="VIZ686" s="613"/>
      <c r="VJA686" s="613"/>
      <c r="VJB686" s="613"/>
      <c r="VJC686" s="613"/>
      <c r="VJD686" s="613"/>
      <c r="VJE686" s="613"/>
      <c r="VJF686" s="613"/>
      <c r="VJG686" s="613"/>
      <c r="VJH686" s="613"/>
      <c r="VJI686" s="613"/>
      <c r="VJJ686" s="613"/>
      <c r="VJK686" s="613"/>
      <c r="VJL686" s="613"/>
      <c r="VJM686" s="613"/>
      <c r="VJN686" s="613"/>
      <c r="VJO686" s="613"/>
      <c r="VJP686" s="613"/>
      <c r="VJQ686" s="613"/>
      <c r="VJR686" s="613"/>
      <c r="VJS686" s="613"/>
      <c r="VJT686" s="613"/>
      <c r="VJU686" s="613"/>
      <c r="VJV686" s="613"/>
      <c r="VJW686" s="613"/>
      <c r="VJX686" s="613"/>
      <c r="VJY686" s="613"/>
      <c r="VJZ686" s="613"/>
      <c r="VKA686" s="613"/>
      <c r="VKB686" s="613"/>
      <c r="VKC686" s="613"/>
      <c r="VKD686" s="613"/>
      <c r="VKE686" s="613"/>
      <c r="VKF686" s="613"/>
      <c r="VKG686" s="613"/>
      <c r="VKH686" s="613"/>
      <c r="VKI686" s="613"/>
      <c r="VKJ686" s="613"/>
      <c r="VKK686" s="613"/>
      <c r="VKL686" s="613"/>
      <c r="VKM686" s="613"/>
      <c r="VKN686" s="613"/>
      <c r="VKO686" s="613"/>
      <c r="VKP686" s="613"/>
      <c r="VKQ686" s="613"/>
      <c r="VKR686" s="613"/>
      <c r="VKS686" s="613"/>
      <c r="VKT686" s="613"/>
      <c r="VKU686" s="613"/>
      <c r="VKV686" s="613"/>
      <c r="VKW686" s="613"/>
      <c r="VKX686" s="613"/>
      <c r="VKY686" s="613"/>
      <c r="VKZ686" s="613"/>
      <c r="VLA686" s="613"/>
      <c r="VLB686" s="613"/>
      <c r="VLC686" s="613"/>
      <c r="VLD686" s="613"/>
      <c r="VLE686" s="613"/>
      <c r="VLF686" s="613"/>
      <c r="VLG686" s="613"/>
      <c r="VLH686" s="613"/>
      <c r="VLI686" s="613"/>
      <c r="VLJ686" s="613"/>
      <c r="VLK686" s="613"/>
      <c r="VLL686" s="613"/>
      <c r="VLM686" s="613"/>
      <c r="VLN686" s="613"/>
      <c r="VLO686" s="613"/>
      <c r="VLP686" s="613"/>
      <c r="VLQ686" s="613"/>
      <c r="VLR686" s="613"/>
      <c r="VLS686" s="613"/>
      <c r="VLT686" s="613"/>
      <c r="VLU686" s="613"/>
      <c r="VLV686" s="613"/>
      <c r="VLW686" s="613"/>
      <c r="VLX686" s="613"/>
      <c r="VLY686" s="613"/>
      <c r="VLZ686" s="613"/>
      <c r="VMA686" s="613"/>
      <c r="VMB686" s="613"/>
      <c r="VMC686" s="613"/>
      <c r="VMD686" s="613"/>
      <c r="VME686" s="613"/>
      <c r="VMF686" s="613"/>
      <c r="VMG686" s="613"/>
      <c r="VMH686" s="613"/>
      <c r="VMI686" s="613"/>
      <c r="VMJ686" s="613"/>
      <c r="VMK686" s="613"/>
      <c r="VML686" s="613"/>
      <c r="VMM686" s="613"/>
      <c r="VMN686" s="613"/>
      <c r="VMO686" s="613"/>
      <c r="VMP686" s="613"/>
      <c r="VMQ686" s="613"/>
      <c r="VMR686" s="613"/>
      <c r="VMS686" s="613"/>
      <c r="VMT686" s="613"/>
      <c r="VMU686" s="613"/>
      <c r="VMV686" s="613"/>
      <c r="VMW686" s="613"/>
      <c r="VMX686" s="613"/>
      <c r="VMY686" s="613"/>
      <c r="VMZ686" s="613"/>
      <c r="VNA686" s="613"/>
      <c r="VNB686" s="613"/>
      <c r="VNC686" s="613"/>
      <c r="VND686" s="613"/>
      <c r="VNE686" s="613"/>
      <c r="VNF686" s="613"/>
      <c r="VNG686" s="613"/>
      <c r="VNH686" s="613"/>
      <c r="VNI686" s="613"/>
      <c r="VNJ686" s="613"/>
      <c r="VNK686" s="613"/>
      <c r="VNL686" s="613"/>
      <c r="VNM686" s="613"/>
      <c r="VNN686" s="613"/>
      <c r="VNO686" s="613"/>
      <c r="VNP686" s="613"/>
      <c r="VNQ686" s="613"/>
      <c r="VNR686" s="613"/>
      <c r="VNS686" s="613"/>
      <c r="VNT686" s="613"/>
      <c r="VNU686" s="613"/>
      <c r="VNV686" s="613"/>
      <c r="VNW686" s="613"/>
      <c r="VNX686" s="613"/>
      <c r="VNY686" s="613"/>
      <c r="VNZ686" s="613"/>
      <c r="VOA686" s="613"/>
      <c r="VOB686" s="613"/>
      <c r="VOC686" s="613"/>
      <c r="VOD686" s="613"/>
      <c r="VOE686" s="613"/>
      <c r="VOF686" s="613"/>
      <c r="VOG686" s="613"/>
      <c r="VOH686" s="613"/>
      <c r="VOI686" s="613"/>
      <c r="VOJ686" s="613"/>
      <c r="VOK686" s="613"/>
      <c r="VOL686" s="613"/>
      <c r="VOM686" s="613"/>
      <c r="VON686" s="613"/>
      <c r="VOO686" s="613"/>
      <c r="VOP686" s="613"/>
      <c r="VOQ686" s="613"/>
      <c r="VOR686" s="613"/>
      <c r="VOS686" s="613"/>
      <c r="VOT686" s="613"/>
      <c r="VOU686" s="613"/>
      <c r="VOV686" s="613"/>
      <c r="VOW686" s="613"/>
      <c r="VOX686" s="613"/>
      <c r="VOY686" s="613"/>
      <c r="VOZ686" s="613"/>
      <c r="VPA686" s="613"/>
      <c r="VPB686" s="613"/>
      <c r="VPC686" s="613"/>
      <c r="VPD686" s="613"/>
      <c r="VPE686" s="613"/>
      <c r="VPF686" s="613"/>
      <c r="VPG686" s="613"/>
      <c r="VPH686" s="613"/>
      <c r="VPI686" s="613"/>
      <c r="VPJ686" s="613"/>
      <c r="VPK686" s="613"/>
      <c r="VPL686" s="613"/>
      <c r="VPM686" s="613"/>
      <c r="VPN686" s="613"/>
      <c r="VPO686" s="613"/>
      <c r="VPP686" s="613"/>
      <c r="VPQ686" s="613"/>
      <c r="VPR686" s="613"/>
      <c r="VPS686" s="613"/>
      <c r="VPT686" s="613"/>
      <c r="VPU686" s="613"/>
      <c r="VPV686" s="613"/>
      <c r="VPW686" s="613"/>
      <c r="VPX686" s="613"/>
      <c r="VPY686" s="613"/>
      <c r="VPZ686" s="613"/>
      <c r="VQA686" s="613"/>
      <c r="VQB686" s="613"/>
      <c r="VQC686" s="613"/>
      <c r="VQD686" s="613"/>
      <c r="VQE686" s="613"/>
      <c r="VQF686" s="613"/>
      <c r="VQG686" s="613"/>
      <c r="VQH686" s="613"/>
      <c r="VQI686" s="613"/>
      <c r="VQJ686" s="613"/>
      <c r="VQK686" s="613"/>
      <c r="VQL686" s="613"/>
      <c r="VQM686" s="613"/>
      <c r="VQN686" s="613"/>
      <c r="VQO686" s="613"/>
      <c r="VQP686" s="613"/>
      <c r="VQQ686" s="613"/>
      <c r="VQR686" s="613"/>
      <c r="VQS686" s="613"/>
      <c r="VQT686" s="613"/>
      <c r="VQU686" s="613"/>
      <c r="VQV686" s="613"/>
      <c r="VQW686" s="613"/>
      <c r="VQX686" s="613"/>
      <c r="VQY686" s="613"/>
      <c r="VQZ686" s="613"/>
      <c r="VRA686" s="613"/>
      <c r="VRB686" s="613"/>
      <c r="VRC686" s="613"/>
      <c r="VRD686" s="613"/>
      <c r="VRE686" s="613"/>
      <c r="VRF686" s="613"/>
      <c r="VRG686" s="613"/>
      <c r="VRH686" s="613"/>
      <c r="VRI686" s="613"/>
      <c r="VRJ686" s="613"/>
      <c r="VRK686" s="613"/>
      <c r="VRL686" s="613"/>
      <c r="VRM686" s="613"/>
      <c r="VRN686" s="613"/>
      <c r="VRO686" s="613"/>
      <c r="VRP686" s="613"/>
      <c r="VRQ686" s="613"/>
      <c r="VRR686" s="613"/>
      <c r="VRS686" s="613"/>
      <c r="VRT686" s="613"/>
      <c r="VRU686" s="613"/>
      <c r="VRV686" s="613"/>
      <c r="VRW686" s="613"/>
      <c r="VRX686" s="613"/>
      <c r="VRY686" s="613"/>
      <c r="VRZ686" s="613"/>
      <c r="VSA686" s="613"/>
      <c r="VSB686" s="613"/>
      <c r="VSC686" s="613"/>
      <c r="VSD686" s="613"/>
      <c r="VSE686" s="613"/>
      <c r="VSF686" s="613"/>
      <c r="VSG686" s="613"/>
      <c r="VSH686" s="613"/>
      <c r="VSI686" s="613"/>
      <c r="VSJ686" s="613"/>
      <c r="VSK686" s="613"/>
      <c r="VSL686" s="613"/>
      <c r="VSM686" s="613"/>
      <c r="VSN686" s="613"/>
      <c r="VSO686" s="613"/>
      <c r="VSP686" s="613"/>
      <c r="VSQ686" s="613"/>
      <c r="VSR686" s="613"/>
      <c r="VSS686" s="613"/>
      <c r="VST686" s="613"/>
      <c r="VSU686" s="613"/>
      <c r="VSV686" s="613"/>
      <c r="VSW686" s="613"/>
      <c r="VSX686" s="613"/>
      <c r="VSY686" s="613"/>
      <c r="VSZ686" s="613"/>
      <c r="VTA686" s="613"/>
      <c r="VTB686" s="613"/>
      <c r="VTC686" s="613"/>
      <c r="VTD686" s="613"/>
      <c r="VTE686" s="613"/>
      <c r="VTF686" s="613"/>
      <c r="VTG686" s="613"/>
      <c r="VTH686" s="613"/>
      <c r="VTI686" s="613"/>
      <c r="VTJ686" s="613"/>
      <c r="VTK686" s="613"/>
      <c r="VTL686" s="613"/>
      <c r="VTM686" s="613"/>
      <c r="VTN686" s="613"/>
      <c r="VTO686" s="613"/>
      <c r="VTP686" s="613"/>
      <c r="VTQ686" s="613"/>
      <c r="VTR686" s="613"/>
      <c r="VTS686" s="613"/>
      <c r="VTT686" s="613"/>
      <c r="VTU686" s="613"/>
      <c r="VTV686" s="613"/>
      <c r="VTW686" s="613"/>
      <c r="VTX686" s="613"/>
      <c r="VTY686" s="613"/>
      <c r="VTZ686" s="613"/>
      <c r="VUA686" s="613"/>
      <c r="VUB686" s="613"/>
      <c r="VUC686" s="613"/>
      <c r="VUD686" s="613"/>
      <c r="VUE686" s="613"/>
      <c r="VUF686" s="613"/>
      <c r="VUG686" s="613"/>
      <c r="VUH686" s="613"/>
      <c r="VUI686" s="613"/>
      <c r="VUJ686" s="613"/>
      <c r="VUK686" s="613"/>
      <c r="VUL686" s="613"/>
      <c r="VUM686" s="613"/>
      <c r="VUN686" s="613"/>
      <c r="VUO686" s="613"/>
      <c r="VUP686" s="613"/>
      <c r="VUQ686" s="613"/>
      <c r="VUR686" s="613"/>
      <c r="VUS686" s="613"/>
      <c r="VUT686" s="613"/>
      <c r="VUU686" s="613"/>
      <c r="VUV686" s="613"/>
      <c r="VUW686" s="613"/>
      <c r="VUX686" s="613"/>
      <c r="VUY686" s="613"/>
      <c r="VUZ686" s="613"/>
      <c r="VVA686" s="613"/>
      <c r="VVB686" s="613"/>
      <c r="VVC686" s="613"/>
      <c r="VVD686" s="613"/>
      <c r="VVE686" s="613"/>
      <c r="VVF686" s="613"/>
      <c r="VVG686" s="613"/>
      <c r="VVH686" s="613"/>
      <c r="VVI686" s="613"/>
      <c r="VVJ686" s="613"/>
      <c r="VVK686" s="613"/>
      <c r="VVL686" s="613"/>
      <c r="VVM686" s="613"/>
      <c r="VVN686" s="613"/>
      <c r="VVO686" s="613"/>
      <c r="VVP686" s="613"/>
      <c r="VVQ686" s="613"/>
      <c r="VVR686" s="613"/>
      <c r="VVS686" s="613"/>
      <c r="VVT686" s="613"/>
      <c r="VVU686" s="613"/>
      <c r="VVV686" s="613"/>
      <c r="VVW686" s="613"/>
      <c r="VVX686" s="613"/>
      <c r="VVY686" s="613"/>
      <c r="VVZ686" s="613"/>
      <c r="VWA686" s="613"/>
      <c r="VWB686" s="613"/>
      <c r="VWC686" s="613"/>
      <c r="VWD686" s="613"/>
      <c r="VWE686" s="613"/>
      <c r="VWF686" s="613"/>
      <c r="VWG686" s="613"/>
      <c r="VWH686" s="613"/>
      <c r="VWI686" s="613"/>
      <c r="VWJ686" s="613"/>
      <c r="VWK686" s="613"/>
      <c r="VWL686" s="613"/>
      <c r="VWM686" s="613"/>
      <c r="VWN686" s="613"/>
      <c r="VWO686" s="613"/>
      <c r="VWP686" s="613"/>
      <c r="VWQ686" s="613"/>
      <c r="VWR686" s="613"/>
      <c r="VWS686" s="613"/>
      <c r="VWT686" s="613"/>
      <c r="VWU686" s="613"/>
      <c r="VWV686" s="613"/>
      <c r="VWW686" s="613"/>
      <c r="VWX686" s="613"/>
      <c r="VWY686" s="613"/>
      <c r="VWZ686" s="613"/>
      <c r="VXA686" s="613"/>
      <c r="VXB686" s="613"/>
      <c r="VXC686" s="613"/>
      <c r="VXD686" s="613"/>
      <c r="VXE686" s="613"/>
      <c r="VXF686" s="613"/>
      <c r="VXG686" s="613"/>
      <c r="VXH686" s="613"/>
      <c r="VXI686" s="613"/>
      <c r="VXJ686" s="613"/>
      <c r="VXK686" s="613"/>
      <c r="VXL686" s="613"/>
      <c r="VXM686" s="613"/>
      <c r="VXN686" s="613"/>
      <c r="VXO686" s="613"/>
      <c r="VXP686" s="613"/>
      <c r="VXQ686" s="613"/>
      <c r="VXR686" s="613"/>
      <c r="VXS686" s="613"/>
      <c r="VXT686" s="613"/>
      <c r="VXU686" s="613"/>
      <c r="VXV686" s="613"/>
      <c r="VXW686" s="613"/>
      <c r="VXX686" s="613"/>
      <c r="VXY686" s="613"/>
      <c r="VXZ686" s="613"/>
      <c r="VYA686" s="613"/>
      <c r="VYB686" s="613"/>
      <c r="VYC686" s="613"/>
      <c r="VYD686" s="613"/>
      <c r="VYE686" s="613"/>
      <c r="VYF686" s="613"/>
      <c r="VYG686" s="613"/>
      <c r="VYH686" s="613"/>
      <c r="VYI686" s="613"/>
      <c r="VYJ686" s="613"/>
      <c r="VYK686" s="613"/>
      <c r="VYL686" s="613"/>
      <c r="VYM686" s="613"/>
      <c r="VYN686" s="613"/>
      <c r="VYO686" s="613"/>
      <c r="VYP686" s="613"/>
      <c r="VYQ686" s="613"/>
      <c r="VYR686" s="613"/>
      <c r="VYS686" s="613"/>
      <c r="VYT686" s="613"/>
      <c r="VYU686" s="613"/>
      <c r="VYV686" s="613"/>
      <c r="VYW686" s="613"/>
      <c r="VYX686" s="613"/>
      <c r="VYY686" s="613"/>
      <c r="VYZ686" s="613"/>
      <c r="VZA686" s="613"/>
      <c r="VZB686" s="613"/>
      <c r="VZC686" s="613"/>
      <c r="VZD686" s="613"/>
      <c r="VZE686" s="613"/>
      <c r="VZF686" s="613"/>
      <c r="VZG686" s="613"/>
      <c r="VZH686" s="613"/>
      <c r="VZI686" s="613"/>
      <c r="VZJ686" s="613"/>
      <c r="VZK686" s="613"/>
      <c r="VZL686" s="613"/>
      <c r="VZM686" s="613"/>
      <c r="VZN686" s="613"/>
      <c r="VZO686" s="613"/>
      <c r="VZP686" s="613"/>
      <c r="VZQ686" s="613"/>
      <c r="VZR686" s="613"/>
      <c r="VZS686" s="613"/>
      <c r="VZT686" s="613"/>
      <c r="VZU686" s="613"/>
      <c r="VZV686" s="613"/>
      <c r="VZW686" s="613"/>
      <c r="VZX686" s="613"/>
      <c r="VZY686" s="613"/>
      <c r="VZZ686" s="613"/>
      <c r="WAA686" s="613"/>
      <c r="WAB686" s="613"/>
      <c r="WAC686" s="613"/>
      <c r="WAD686" s="613"/>
      <c r="WAE686" s="613"/>
      <c r="WAF686" s="613"/>
      <c r="WAG686" s="613"/>
      <c r="WAH686" s="613"/>
      <c r="WAI686" s="613"/>
      <c r="WAJ686" s="613"/>
      <c r="WAK686" s="613"/>
      <c r="WAL686" s="613"/>
      <c r="WAM686" s="613"/>
      <c r="WAN686" s="613"/>
      <c r="WAO686" s="613"/>
      <c r="WAP686" s="613"/>
      <c r="WAQ686" s="613"/>
      <c r="WAR686" s="613"/>
      <c r="WAS686" s="613"/>
      <c r="WAT686" s="613"/>
      <c r="WAU686" s="613"/>
      <c r="WAV686" s="613"/>
      <c r="WAW686" s="613"/>
      <c r="WAX686" s="613"/>
      <c r="WAY686" s="613"/>
      <c r="WAZ686" s="613"/>
      <c r="WBA686" s="613"/>
      <c r="WBB686" s="613"/>
      <c r="WBC686" s="613"/>
      <c r="WBD686" s="613"/>
      <c r="WBE686" s="613"/>
      <c r="WBF686" s="613"/>
      <c r="WBG686" s="613"/>
      <c r="WBH686" s="613"/>
      <c r="WBI686" s="613"/>
      <c r="WBJ686" s="613"/>
      <c r="WBK686" s="613"/>
      <c r="WBL686" s="613"/>
      <c r="WBM686" s="613"/>
      <c r="WBN686" s="613"/>
      <c r="WBO686" s="613"/>
      <c r="WBP686" s="613"/>
      <c r="WBQ686" s="613"/>
      <c r="WBR686" s="613"/>
      <c r="WBS686" s="613"/>
      <c r="WBT686" s="613"/>
      <c r="WBU686" s="613"/>
      <c r="WBV686" s="613"/>
      <c r="WBW686" s="613"/>
      <c r="WBX686" s="613"/>
      <c r="WBY686" s="613"/>
      <c r="WBZ686" s="613"/>
      <c r="WCA686" s="613"/>
      <c r="WCB686" s="613"/>
      <c r="WCC686" s="613"/>
      <c r="WCD686" s="613"/>
      <c r="WCE686" s="613"/>
      <c r="WCF686" s="613"/>
      <c r="WCG686" s="613"/>
      <c r="WCH686" s="613"/>
      <c r="WCI686" s="613"/>
      <c r="WCJ686" s="613"/>
      <c r="WCK686" s="613"/>
      <c r="WCL686" s="613"/>
      <c r="WCM686" s="613"/>
      <c r="WCN686" s="613"/>
      <c r="WCO686" s="613"/>
      <c r="WCP686" s="613"/>
      <c r="WCQ686" s="613"/>
      <c r="WCR686" s="613"/>
      <c r="WCS686" s="613"/>
      <c r="WCT686" s="613"/>
      <c r="WCU686" s="613"/>
      <c r="WCV686" s="613"/>
      <c r="WCW686" s="613"/>
      <c r="WCX686" s="613"/>
      <c r="WCY686" s="613"/>
      <c r="WCZ686" s="613"/>
      <c r="WDA686" s="613"/>
      <c r="WDB686" s="613"/>
      <c r="WDC686" s="613"/>
      <c r="WDD686" s="613"/>
      <c r="WDE686" s="613"/>
      <c r="WDF686" s="613"/>
      <c r="WDG686" s="613"/>
      <c r="WDH686" s="613"/>
      <c r="WDI686" s="613"/>
      <c r="WDJ686" s="613"/>
      <c r="WDK686" s="613"/>
      <c r="WDL686" s="613"/>
      <c r="WDM686" s="613"/>
      <c r="WDN686" s="613"/>
      <c r="WDO686" s="613"/>
      <c r="WDP686" s="613"/>
      <c r="WDQ686" s="613"/>
      <c r="WDR686" s="613"/>
      <c r="WDS686" s="613"/>
      <c r="WDT686" s="613"/>
      <c r="WDU686" s="613"/>
      <c r="WDV686" s="613"/>
      <c r="WDW686" s="613"/>
      <c r="WDX686" s="613"/>
      <c r="WDY686" s="613"/>
      <c r="WDZ686" s="613"/>
      <c r="WEA686" s="613"/>
      <c r="WEB686" s="613"/>
      <c r="WEC686" s="613"/>
      <c r="WED686" s="613"/>
      <c r="WEE686" s="613"/>
      <c r="WEF686" s="613"/>
      <c r="WEG686" s="613"/>
      <c r="WEH686" s="613"/>
      <c r="WEI686" s="613"/>
      <c r="WEJ686" s="613"/>
      <c r="WEK686" s="613"/>
      <c r="WEL686" s="613"/>
      <c r="WEM686" s="613"/>
      <c r="WEN686" s="613"/>
      <c r="WEO686" s="613"/>
      <c r="WEP686" s="613"/>
      <c r="WEQ686" s="613"/>
      <c r="WER686" s="613"/>
      <c r="WES686" s="613"/>
      <c r="WET686" s="613"/>
      <c r="WEU686" s="613"/>
      <c r="WEV686" s="613"/>
      <c r="WEW686" s="613"/>
      <c r="WEX686" s="613"/>
      <c r="WEY686" s="613"/>
      <c r="WEZ686" s="613"/>
      <c r="WFA686" s="613"/>
      <c r="WFB686" s="613"/>
      <c r="WFC686" s="613"/>
      <c r="WFD686" s="613"/>
      <c r="WFE686" s="613"/>
      <c r="WFF686" s="613"/>
      <c r="WFG686" s="613"/>
      <c r="WFH686" s="613"/>
      <c r="WFI686" s="613"/>
      <c r="WFJ686" s="613"/>
      <c r="WFK686" s="613"/>
      <c r="WFL686" s="613"/>
      <c r="WFM686" s="613"/>
      <c r="WFN686" s="613"/>
      <c r="WFO686" s="613"/>
      <c r="WFP686" s="613"/>
      <c r="WFQ686" s="613"/>
      <c r="WFR686" s="613"/>
      <c r="WFS686" s="613"/>
      <c r="WFT686" s="613"/>
      <c r="WFU686" s="613"/>
      <c r="WFV686" s="613"/>
      <c r="WFW686" s="613"/>
      <c r="WFX686" s="613"/>
      <c r="WFY686" s="613"/>
      <c r="WFZ686" s="613"/>
      <c r="WGA686" s="613"/>
      <c r="WGB686" s="613"/>
      <c r="WGC686" s="613"/>
      <c r="WGD686" s="613"/>
      <c r="WGE686" s="613"/>
      <c r="WGF686" s="613"/>
      <c r="WGG686" s="613"/>
      <c r="WGH686" s="613"/>
      <c r="WGI686" s="613"/>
      <c r="WGJ686" s="613"/>
      <c r="WGK686" s="613"/>
      <c r="WGL686" s="613"/>
      <c r="WGM686" s="613"/>
      <c r="WGN686" s="613"/>
      <c r="WGO686" s="613"/>
      <c r="WGP686" s="613"/>
      <c r="WGQ686" s="613"/>
      <c r="WGR686" s="613"/>
      <c r="WGS686" s="613"/>
      <c r="WGT686" s="613"/>
      <c r="WGU686" s="613"/>
      <c r="WGV686" s="613"/>
      <c r="WGW686" s="613"/>
      <c r="WGX686" s="613"/>
      <c r="WGY686" s="613"/>
      <c r="WGZ686" s="613"/>
      <c r="WHA686" s="613"/>
      <c r="WHB686" s="613"/>
      <c r="WHC686" s="613"/>
      <c r="WHD686" s="613"/>
      <c r="WHE686" s="613"/>
      <c r="WHF686" s="613"/>
      <c r="WHG686" s="613"/>
      <c r="WHH686" s="613"/>
      <c r="WHI686" s="613"/>
      <c r="WHJ686" s="613"/>
      <c r="WHK686" s="613"/>
      <c r="WHL686" s="613"/>
      <c r="WHM686" s="613"/>
      <c r="WHN686" s="613"/>
      <c r="WHO686" s="613"/>
      <c r="WHP686" s="613"/>
      <c r="WHQ686" s="613"/>
      <c r="WHR686" s="613"/>
      <c r="WHS686" s="613"/>
      <c r="WHT686" s="613"/>
      <c r="WHU686" s="613"/>
      <c r="WHV686" s="613"/>
      <c r="WHW686" s="613"/>
      <c r="WHX686" s="613"/>
      <c r="WHY686" s="613"/>
      <c r="WHZ686" s="613"/>
      <c r="WIA686" s="613"/>
      <c r="WIB686" s="613"/>
      <c r="WIC686" s="613"/>
      <c r="WID686" s="613"/>
      <c r="WIE686" s="613"/>
      <c r="WIF686" s="613"/>
      <c r="WIG686" s="613"/>
      <c r="WIH686" s="613"/>
      <c r="WII686" s="613"/>
      <c r="WIJ686" s="613"/>
      <c r="WIK686" s="613"/>
      <c r="WIL686" s="613"/>
      <c r="WIM686" s="613"/>
      <c r="WIN686" s="613"/>
      <c r="WIO686" s="613"/>
      <c r="WIP686" s="613"/>
      <c r="WIQ686" s="613"/>
      <c r="WIR686" s="613"/>
      <c r="WIS686" s="613"/>
      <c r="WIT686" s="613"/>
      <c r="WIU686" s="613"/>
      <c r="WIV686" s="613"/>
      <c r="WIW686" s="613"/>
      <c r="WIX686" s="613"/>
      <c r="WIY686" s="613"/>
      <c r="WIZ686" s="613"/>
      <c r="WJA686" s="613"/>
      <c r="WJB686" s="613"/>
      <c r="WJC686" s="613"/>
      <c r="WJD686" s="613"/>
      <c r="WJE686" s="613"/>
      <c r="WJF686" s="613"/>
      <c r="WJG686" s="613"/>
      <c r="WJH686" s="613"/>
      <c r="WJI686" s="613"/>
      <c r="WJJ686" s="613"/>
      <c r="WJK686" s="613"/>
      <c r="WJL686" s="613"/>
      <c r="WJM686" s="613"/>
      <c r="WJN686" s="613"/>
      <c r="WJO686" s="613"/>
      <c r="WJP686" s="613"/>
      <c r="WJQ686" s="613"/>
      <c r="WJR686" s="613"/>
      <c r="WJS686" s="613"/>
      <c r="WJT686" s="613"/>
      <c r="WJU686" s="613"/>
      <c r="WJV686" s="613"/>
      <c r="WJW686" s="613"/>
      <c r="WJX686" s="613"/>
      <c r="WJY686" s="613"/>
      <c r="WJZ686" s="613"/>
      <c r="WKA686" s="613"/>
      <c r="WKB686" s="613"/>
      <c r="WKC686" s="613"/>
      <c r="WKD686" s="613"/>
      <c r="WKE686" s="613"/>
      <c r="WKF686" s="613"/>
      <c r="WKG686" s="613"/>
      <c r="WKH686" s="613"/>
      <c r="WKI686" s="613"/>
      <c r="WKJ686" s="613"/>
      <c r="WKK686" s="613"/>
      <c r="WKL686" s="613"/>
      <c r="WKM686" s="613"/>
      <c r="WKN686" s="613"/>
      <c r="WKO686" s="613"/>
      <c r="WKP686" s="613"/>
      <c r="WKQ686" s="613"/>
      <c r="WKR686" s="613"/>
      <c r="WKS686" s="613"/>
      <c r="WKT686" s="613"/>
      <c r="WKU686" s="613"/>
      <c r="WKV686" s="613"/>
      <c r="WKW686" s="613"/>
      <c r="WKX686" s="613"/>
      <c r="WKY686" s="613"/>
      <c r="WKZ686" s="613"/>
      <c r="WLA686" s="613"/>
      <c r="WLB686" s="613"/>
      <c r="WLC686" s="613"/>
      <c r="WLD686" s="613"/>
      <c r="WLE686" s="613"/>
      <c r="WLF686" s="613"/>
      <c r="WLG686" s="613"/>
      <c r="WLH686" s="613"/>
      <c r="WLI686" s="613"/>
      <c r="WLJ686" s="613"/>
      <c r="WLK686" s="613"/>
      <c r="WLL686" s="613"/>
      <c r="WLM686" s="613"/>
      <c r="WLN686" s="613"/>
      <c r="WLO686" s="613"/>
      <c r="WLP686" s="613"/>
      <c r="WLQ686" s="613"/>
      <c r="WLR686" s="613"/>
      <c r="WLS686" s="613"/>
      <c r="WLT686" s="613"/>
      <c r="WLU686" s="613"/>
      <c r="WLV686" s="613"/>
      <c r="WLW686" s="613"/>
      <c r="WLX686" s="613"/>
      <c r="WLY686" s="613"/>
      <c r="WLZ686" s="613"/>
      <c r="WMA686" s="613"/>
      <c r="WMB686" s="613"/>
      <c r="WMC686" s="613"/>
      <c r="WMD686" s="613"/>
      <c r="WME686" s="613"/>
      <c r="WMF686" s="613"/>
      <c r="WMG686" s="613"/>
      <c r="WMH686" s="613"/>
      <c r="WMI686" s="613"/>
      <c r="WMJ686" s="613"/>
      <c r="WMK686" s="613"/>
      <c r="WML686" s="613"/>
      <c r="WMM686" s="613"/>
      <c r="WMN686" s="613"/>
      <c r="WMO686" s="613"/>
      <c r="WMP686" s="613"/>
      <c r="WMQ686" s="613"/>
      <c r="WMR686" s="613"/>
      <c r="WMS686" s="613"/>
      <c r="WMT686" s="613"/>
      <c r="WMU686" s="613"/>
      <c r="WMV686" s="613"/>
      <c r="WMW686" s="613"/>
      <c r="WMX686" s="613"/>
      <c r="WMY686" s="613"/>
      <c r="WMZ686" s="613"/>
      <c r="WNA686" s="613"/>
      <c r="WNB686" s="613"/>
      <c r="WNC686" s="613"/>
      <c r="WND686" s="613"/>
      <c r="WNE686" s="613"/>
      <c r="WNF686" s="613"/>
      <c r="WNG686" s="613"/>
      <c r="WNH686" s="613"/>
      <c r="WNI686" s="613"/>
      <c r="WNJ686" s="613"/>
      <c r="WNK686" s="613"/>
      <c r="WNL686" s="613"/>
      <c r="WNM686" s="613"/>
      <c r="WNN686" s="613"/>
      <c r="WNO686" s="613"/>
      <c r="WNP686" s="613"/>
      <c r="WNQ686" s="613"/>
      <c r="WNR686" s="613"/>
      <c r="WNS686" s="613"/>
      <c r="WNT686" s="613"/>
      <c r="WNU686" s="613"/>
      <c r="WNV686" s="613"/>
      <c r="WNW686" s="613"/>
      <c r="WNX686" s="613"/>
      <c r="WNY686" s="613"/>
      <c r="WNZ686" s="613"/>
      <c r="WOA686" s="613"/>
      <c r="WOB686" s="613"/>
      <c r="WOC686" s="613"/>
      <c r="WOD686" s="613"/>
      <c r="WOE686" s="613"/>
      <c r="WOF686" s="613"/>
      <c r="WOG686" s="613"/>
      <c r="WOH686" s="613"/>
      <c r="WOI686" s="613"/>
      <c r="WOJ686" s="613"/>
      <c r="WOK686" s="613"/>
      <c r="WOL686" s="613"/>
      <c r="WOM686" s="613"/>
      <c r="WON686" s="613"/>
      <c r="WOO686" s="613"/>
      <c r="WOP686" s="613"/>
      <c r="WOQ686" s="613"/>
      <c r="WOR686" s="613"/>
      <c r="WOS686" s="613"/>
      <c r="WOT686" s="613"/>
      <c r="WOU686" s="613"/>
      <c r="WOV686" s="613"/>
      <c r="WOW686" s="613"/>
      <c r="WOX686" s="613"/>
      <c r="WOY686" s="613"/>
      <c r="WOZ686" s="613"/>
      <c r="WPA686" s="613"/>
      <c r="WPB686" s="613"/>
      <c r="WPC686" s="613"/>
      <c r="WPD686" s="613"/>
      <c r="WPE686" s="613"/>
      <c r="WPF686" s="613"/>
      <c r="WPG686" s="613"/>
      <c r="WPH686" s="613"/>
      <c r="WPI686" s="613"/>
      <c r="WPJ686" s="613"/>
      <c r="WPK686" s="613"/>
      <c r="WPL686" s="613"/>
      <c r="WPM686" s="613"/>
      <c r="WPN686" s="613"/>
      <c r="WPO686" s="613"/>
      <c r="WPP686" s="613"/>
      <c r="WPQ686" s="613"/>
      <c r="WPR686" s="613"/>
      <c r="WPS686" s="613"/>
      <c r="WPT686" s="613"/>
      <c r="WPU686" s="613"/>
      <c r="WPV686" s="613"/>
      <c r="WPW686" s="613"/>
      <c r="WPX686" s="613"/>
      <c r="WPY686" s="613"/>
      <c r="WPZ686" s="613"/>
      <c r="WQA686" s="613"/>
      <c r="WQB686" s="613"/>
      <c r="WQC686" s="613"/>
      <c r="WQD686" s="613"/>
      <c r="WQE686" s="613"/>
      <c r="WQF686" s="613"/>
      <c r="WQG686" s="613"/>
      <c r="WQH686" s="613"/>
      <c r="WQI686" s="613"/>
      <c r="WQJ686" s="613"/>
      <c r="WQK686" s="613"/>
      <c r="WQL686" s="613"/>
      <c r="WQM686" s="613"/>
      <c r="WQN686" s="613"/>
      <c r="WQO686" s="613"/>
      <c r="WQP686" s="613"/>
      <c r="WQQ686" s="613"/>
      <c r="WQR686" s="613"/>
      <c r="WQS686" s="613"/>
      <c r="WQT686" s="613"/>
      <c r="WQU686" s="613"/>
      <c r="WQV686" s="613"/>
      <c r="WQW686" s="613"/>
      <c r="WQX686" s="613"/>
      <c r="WQY686" s="613"/>
      <c r="WQZ686" s="613"/>
      <c r="WRA686" s="613"/>
      <c r="WRB686" s="613"/>
      <c r="WRC686" s="613"/>
      <c r="WRD686" s="613"/>
      <c r="WRE686" s="613"/>
      <c r="WRF686" s="613"/>
      <c r="WRG686" s="613"/>
      <c r="WRH686" s="613"/>
      <c r="WRI686" s="613"/>
      <c r="WRJ686" s="613"/>
      <c r="WRK686" s="613"/>
      <c r="WRL686" s="613"/>
      <c r="WRM686" s="613"/>
      <c r="WRN686" s="613"/>
      <c r="WRO686" s="613"/>
      <c r="WRP686" s="613"/>
      <c r="WRQ686" s="613"/>
      <c r="WRR686" s="613"/>
      <c r="WRS686" s="613"/>
      <c r="WRT686" s="613"/>
      <c r="WRU686" s="613"/>
      <c r="WRV686" s="613"/>
      <c r="WRW686" s="613"/>
      <c r="WRX686" s="613"/>
      <c r="WRY686" s="613"/>
      <c r="WRZ686" s="613"/>
      <c r="WSA686" s="613"/>
      <c r="WSB686" s="613"/>
      <c r="WSC686" s="613"/>
      <c r="WSD686" s="613"/>
      <c r="WSE686" s="613"/>
      <c r="WSF686" s="613"/>
      <c r="WSG686" s="613"/>
      <c r="WSH686" s="613"/>
      <c r="WSI686" s="613"/>
      <c r="WSJ686" s="613"/>
      <c r="WSK686" s="613"/>
      <c r="WSL686" s="613"/>
      <c r="WSM686" s="613"/>
      <c r="WSN686" s="613"/>
      <c r="WSO686" s="613"/>
      <c r="WSP686" s="613"/>
      <c r="WSQ686" s="613"/>
      <c r="WSR686" s="613"/>
      <c r="WSS686" s="613"/>
      <c r="WST686" s="613"/>
      <c r="WSU686" s="613"/>
      <c r="WSV686" s="613"/>
      <c r="WSW686" s="613"/>
      <c r="WSX686" s="613"/>
      <c r="WSY686" s="613"/>
      <c r="WSZ686" s="613"/>
      <c r="WTA686" s="613"/>
      <c r="WTB686" s="613"/>
      <c r="WTC686" s="613"/>
      <c r="WTD686" s="613"/>
      <c r="WTE686" s="613"/>
      <c r="WTF686" s="613"/>
      <c r="WTG686" s="613"/>
      <c r="WTH686" s="613"/>
      <c r="WTI686" s="613"/>
      <c r="WTJ686" s="613"/>
      <c r="WTK686" s="613"/>
      <c r="WTL686" s="613"/>
      <c r="WTM686" s="613"/>
      <c r="WTN686" s="613"/>
      <c r="WTO686" s="613"/>
      <c r="WTP686" s="613"/>
      <c r="WTQ686" s="613"/>
      <c r="WTR686" s="613"/>
      <c r="WTS686" s="613"/>
      <c r="WTT686" s="613"/>
      <c r="WTU686" s="613"/>
      <c r="WTV686" s="613"/>
      <c r="WTW686" s="613"/>
      <c r="WTX686" s="613"/>
      <c r="WTY686" s="613"/>
      <c r="WTZ686" s="613"/>
      <c r="WUA686" s="613"/>
      <c r="WUB686" s="613"/>
      <c r="WUC686" s="613"/>
      <c r="WUD686" s="613"/>
      <c r="WUE686" s="613"/>
      <c r="WUF686" s="613"/>
      <c r="WUG686" s="613"/>
      <c r="WUH686" s="613"/>
      <c r="WUI686" s="613"/>
      <c r="WUJ686" s="613"/>
      <c r="WUK686" s="613"/>
      <c r="WUL686" s="613"/>
      <c r="WUM686" s="613"/>
      <c r="WUN686" s="613"/>
      <c r="WUO686" s="613"/>
      <c r="WUP686" s="613"/>
      <c r="WUQ686" s="613"/>
      <c r="WUR686" s="613"/>
      <c r="WUS686" s="613"/>
      <c r="WUT686" s="613"/>
      <c r="WUU686" s="613"/>
      <c r="WUV686" s="613"/>
      <c r="WUW686" s="613"/>
      <c r="WUX686" s="613"/>
      <c r="WUY686" s="613"/>
      <c r="WUZ686" s="613"/>
      <c r="WVA686" s="613"/>
      <c r="WVB686" s="613"/>
      <c r="WVC686" s="613"/>
      <c r="WVD686" s="613"/>
      <c r="WVE686" s="613"/>
      <c r="WVF686" s="613"/>
      <c r="WVG686" s="613"/>
      <c r="WVH686" s="613"/>
      <c r="WVI686" s="613"/>
      <c r="WVJ686" s="613"/>
      <c r="WVK686" s="613"/>
      <c r="WVL686" s="613"/>
      <c r="WVM686" s="613"/>
      <c r="WVN686" s="613"/>
      <c r="WVO686" s="613"/>
      <c r="WVP686" s="613"/>
      <c r="WVQ686" s="613"/>
      <c r="WVR686" s="613"/>
      <c r="WVS686" s="613"/>
      <c r="WVT686" s="613"/>
      <c r="WVU686" s="613"/>
      <c r="WVV686" s="613"/>
      <c r="WVW686" s="613"/>
      <c r="WVX686" s="613"/>
      <c r="WVY686" s="613"/>
      <c r="WVZ686" s="613"/>
      <c r="WWA686" s="613"/>
      <c r="WWB686" s="613"/>
      <c r="WWC686" s="613"/>
      <c r="WWD686" s="613"/>
      <c r="WWE686" s="613"/>
      <c r="WWF686" s="613"/>
      <c r="WWG686" s="613"/>
      <c r="WWH686" s="613"/>
      <c r="WWI686" s="613"/>
      <c r="WWJ686" s="613"/>
      <c r="WWK686" s="613"/>
      <c r="WWL686" s="613"/>
      <c r="WWM686" s="613"/>
      <c r="WWN686" s="613"/>
      <c r="WWO686" s="613"/>
      <c r="WWP686" s="613"/>
      <c r="WWQ686" s="613"/>
      <c r="WWR686" s="613"/>
      <c r="WWS686" s="613"/>
      <c r="WWT686" s="613"/>
      <c r="WWU686" s="613"/>
      <c r="WWV686" s="613"/>
      <c r="WWW686" s="613"/>
      <c r="WWX686" s="613"/>
      <c r="WWY686" s="613"/>
      <c r="WWZ686" s="613"/>
      <c r="WXA686" s="613"/>
      <c r="WXB686" s="613"/>
      <c r="WXC686" s="613"/>
      <c r="WXD686" s="613"/>
      <c r="WXE686" s="613"/>
      <c r="WXF686" s="613"/>
      <c r="WXG686" s="613"/>
      <c r="WXH686" s="613"/>
      <c r="WXI686" s="613"/>
      <c r="WXJ686" s="613"/>
      <c r="WXK686" s="613"/>
      <c r="WXL686" s="613"/>
      <c r="WXM686" s="613"/>
      <c r="WXN686" s="613"/>
      <c r="WXO686" s="613"/>
      <c r="WXP686" s="613"/>
      <c r="WXQ686" s="613"/>
      <c r="WXR686" s="613"/>
      <c r="WXS686" s="613"/>
      <c r="WXT686" s="613"/>
      <c r="WXU686" s="613"/>
      <c r="WXV686" s="613"/>
      <c r="WXW686" s="613"/>
      <c r="WXX686" s="613"/>
      <c r="WXY686" s="613"/>
      <c r="WXZ686" s="613"/>
      <c r="WYA686" s="613"/>
      <c r="WYB686" s="613"/>
      <c r="WYC686" s="613"/>
      <c r="WYD686" s="613"/>
      <c r="WYE686" s="613"/>
      <c r="WYF686" s="613"/>
      <c r="WYG686" s="613"/>
      <c r="WYH686" s="613"/>
      <c r="WYI686" s="613"/>
      <c r="WYJ686" s="613"/>
      <c r="WYK686" s="613"/>
      <c r="WYL686" s="613"/>
      <c r="WYM686" s="613"/>
      <c r="WYN686" s="613"/>
      <c r="WYO686" s="613"/>
      <c r="WYP686" s="613"/>
      <c r="WYQ686" s="613"/>
      <c r="WYR686" s="613"/>
      <c r="WYS686" s="613"/>
      <c r="WYT686" s="613"/>
      <c r="WYU686" s="613"/>
      <c r="WYV686" s="613"/>
      <c r="WYW686" s="613"/>
      <c r="WYX686" s="613"/>
      <c r="WYY686" s="613"/>
      <c r="WYZ686" s="613"/>
      <c r="WZA686" s="613"/>
      <c r="WZB686" s="613"/>
      <c r="WZC686" s="613"/>
      <c r="WZD686" s="613"/>
      <c r="WZE686" s="613"/>
      <c r="WZF686" s="613"/>
      <c r="WZG686" s="613"/>
      <c r="WZH686" s="613"/>
      <c r="WZI686" s="613"/>
      <c r="WZJ686" s="613"/>
      <c r="WZK686" s="613"/>
      <c r="WZL686" s="613"/>
      <c r="WZM686" s="613"/>
      <c r="WZN686" s="613"/>
      <c r="WZO686" s="613"/>
      <c r="WZP686" s="613"/>
      <c r="WZQ686" s="613"/>
      <c r="WZR686" s="613"/>
      <c r="WZS686" s="613"/>
      <c r="WZT686" s="613"/>
      <c r="WZU686" s="613"/>
      <c r="WZV686" s="613"/>
      <c r="WZW686" s="613"/>
      <c r="WZX686" s="613"/>
      <c r="WZY686" s="613"/>
      <c r="WZZ686" s="613"/>
      <c r="XAA686" s="613"/>
      <c r="XAB686" s="613"/>
      <c r="XAC686" s="613"/>
      <c r="XAD686" s="613"/>
      <c r="XAE686" s="613"/>
      <c r="XAF686" s="613"/>
      <c r="XAG686" s="613"/>
      <c r="XAH686" s="613"/>
      <c r="XAI686" s="613"/>
      <c r="XAJ686" s="613"/>
      <c r="XAK686" s="613"/>
      <c r="XAL686" s="613"/>
      <c r="XAM686" s="613"/>
      <c r="XAN686" s="613"/>
      <c r="XAO686" s="613"/>
      <c r="XAP686" s="613"/>
      <c r="XAQ686" s="613"/>
      <c r="XAR686" s="613"/>
      <c r="XAS686" s="613"/>
      <c r="XAT686" s="613"/>
      <c r="XAU686" s="613"/>
      <c r="XAV686" s="613"/>
      <c r="XAW686" s="613"/>
      <c r="XAX686" s="613"/>
      <c r="XAY686" s="613"/>
      <c r="XAZ686" s="613"/>
      <c r="XBA686" s="613"/>
      <c r="XBB686" s="613"/>
      <c r="XBC686" s="613"/>
      <c r="XBD686" s="613"/>
      <c r="XBE686" s="613"/>
      <c r="XBF686" s="613"/>
      <c r="XBG686" s="613"/>
      <c r="XBH686" s="613"/>
      <c r="XBI686" s="613"/>
      <c r="XBJ686" s="613"/>
      <c r="XBK686" s="613"/>
      <c r="XBL686" s="613"/>
      <c r="XBM686" s="613"/>
      <c r="XBN686" s="613"/>
      <c r="XBO686" s="613"/>
      <c r="XBP686" s="613"/>
      <c r="XBQ686" s="613"/>
      <c r="XBR686" s="613"/>
      <c r="XBS686" s="613"/>
      <c r="XBT686" s="613"/>
      <c r="XBU686" s="613"/>
      <c r="XBV686" s="613"/>
      <c r="XBW686" s="613"/>
      <c r="XBX686" s="613"/>
      <c r="XBY686" s="613"/>
      <c r="XBZ686" s="613"/>
      <c r="XCA686" s="613"/>
      <c r="XCB686" s="613"/>
      <c r="XCC686" s="613"/>
      <c r="XCD686" s="613"/>
      <c r="XCE686" s="613"/>
      <c r="XCF686" s="613"/>
      <c r="XCG686" s="613"/>
      <c r="XCH686" s="613"/>
      <c r="XCI686" s="613"/>
      <c r="XCJ686" s="613"/>
      <c r="XCK686" s="613"/>
      <c r="XCL686" s="613"/>
      <c r="XCM686" s="613"/>
      <c r="XCN686" s="613"/>
      <c r="XCO686" s="613"/>
      <c r="XCP686" s="613"/>
      <c r="XCQ686" s="613"/>
    </row>
    <row r="687" spans="1:16319" ht="56.1" customHeight="1" x14ac:dyDescent="0.2">
      <c r="A687" s="494"/>
      <c r="B687" s="494"/>
      <c r="C687" s="494"/>
      <c r="D687" s="481">
        <v>249</v>
      </c>
      <c r="E687" s="481"/>
      <c r="F687" s="481" t="s">
        <v>2481</v>
      </c>
      <c r="G687" s="482" t="s">
        <v>53</v>
      </c>
      <c r="H687" s="481" t="s">
        <v>329</v>
      </c>
      <c r="I687" s="654" t="s">
        <v>482</v>
      </c>
      <c r="J687" s="654" t="s">
        <v>483</v>
      </c>
      <c r="K687" s="495" t="s">
        <v>487</v>
      </c>
      <c r="L687" s="621"/>
      <c r="M687" s="484" t="s">
        <v>58</v>
      </c>
      <c r="N687" s="327" t="s">
        <v>1367</v>
      </c>
      <c r="O687" s="484" t="s">
        <v>2996</v>
      </c>
      <c r="P687" s="484" t="s">
        <v>81</v>
      </c>
      <c r="Q687" s="667" t="s">
        <v>334</v>
      </c>
      <c r="R687" s="484" t="s">
        <v>334</v>
      </c>
      <c r="S687" s="484" t="s">
        <v>225</v>
      </c>
      <c r="T687" s="484"/>
      <c r="U687" s="620" t="s">
        <v>63</v>
      </c>
      <c r="V687" s="620" t="s">
        <v>63</v>
      </c>
      <c r="W687" s="723">
        <v>219902</v>
      </c>
      <c r="X687" s="723"/>
      <c r="Y687" s="654" t="s">
        <v>226</v>
      </c>
      <c r="Z687" s="654"/>
      <c r="AA687" s="723">
        <v>219902</v>
      </c>
      <c r="AB687" s="652" t="s">
        <v>82</v>
      </c>
      <c r="AC687" s="652"/>
      <c r="AD687" s="496"/>
      <c r="AE687" s="496"/>
      <c r="AF687" s="496"/>
      <c r="AG687" s="496"/>
      <c r="AH687" s="496"/>
      <c r="AI687" s="496"/>
      <c r="AJ687" s="496"/>
      <c r="AK687" s="487" t="s">
        <v>66</v>
      </c>
      <c r="AL687" s="496"/>
      <c r="AM687" s="496"/>
      <c r="AN687" s="496"/>
      <c r="AO687" s="496"/>
      <c r="AP687" s="496"/>
      <c r="AQ687" s="496"/>
      <c r="AR687" s="496"/>
      <c r="AS687" s="496"/>
      <c r="AT687" s="496"/>
      <c r="AU687" s="487"/>
      <c r="AV687" s="487"/>
      <c r="AW687" s="487"/>
      <c r="AX687" s="487"/>
      <c r="AY687" s="487"/>
      <c r="AZ687" s="487"/>
      <c r="BA687" s="484"/>
      <c r="BB687" s="484" t="s">
        <v>485</v>
      </c>
      <c r="BC687" s="484" t="s">
        <v>3041</v>
      </c>
      <c r="BD687" s="494"/>
      <c r="BE687" s="494"/>
      <c r="BF687" s="613"/>
      <c r="BG687" s="613"/>
      <c r="BH687" s="613"/>
      <c r="BI687" s="613"/>
      <c r="BJ687" s="613"/>
      <c r="BK687" s="613"/>
      <c r="BL687" s="613"/>
      <c r="BM687" s="613"/>
      <c r="BN687" s="613"/>
      <c r="BO687" s="613"/>
      <c r="BP687" s="613"/>
      <c r="BQ687" s="613"/>
      <c r="BR687" s="613"/>
      <c r="BS687" s="613"/>
      <c r="BT687" s="613"/>
      <c r="BU687" s="613"/>
      <c r="BV687" s="613"/>
      <c r="BW687" s="613"/>
      <c r="BX687" s="613"/>
      <c r="BY687" s="613"/>
      <c r="BZ687" s="613"/>
      <c r="CA687" s="613"/>
      <c r="CB687" s="613"/>
      <c r="CC687" s="613"/>
      <c r="CD687" s="613"/>
      <c r="CE687" s="613"/>
      <c r="CF687" s="613"/>
      <c r="CG687" s="613"/>
      <c r="CH687" s="613"/>
      <c r="CI687" s="613"/>
      <c r="CJ687" s="613"/>
      <c r="CK687" s="613"/>
      <c r="CL687" s="613"/>
      <c r="CM687" s="613"/>
      <c r="CN687" s="613"/>
      <c r="CO687" s="613"/>
      <c r="CP687" s="613"/>
      <c r="CQ687" s="613"/>
      <c r="CR687" s="613"/>
      <c r="CS687" s="613"/>
      <c r="CT687" s="613"/>
      <c r="CU687" s="613"/>
      <c r="CV687" s="613"/>
      <c r="CW687" s="613"/>
      <c r="CX687" s="613"/>
      <c r="CY687" s="613"/>
      <c r="CZ687" s="613"/>
      <c r="DA687" s="613"/>
      <c r="DB687" s="613"/>
      <c r="DC687" s="613"/>
      <c r="DD687" s="613"/>
      <c r="DE687" s="613"/>
      <c r="DF687" s="613"/>
      <c r="DG687" s="613"/>
      <c r="DH687" s="613"/>
      <c r="DI687" s="613"/>
      <c r="DJ687" s="613"/>
      <c r="DK687" s="613"/>
      <c r="DL687" s="613"/>
      <c r="DM687" s="613"/>
      <c r="DN687" s="613"/>
      <c r="DO687" s="613"/>
      <c r="DP687" s="613"/>
      <c r="DQ687" s="613"/>
      <c r="DR687" s="613"/>
      <c r="DS687" s="613"/>
      <c r="DT687" s="613"/>
      <c r="DU687" s="613"/>
      <c r="DV687" s="613"/>
      <c r="DW687" s="613"/>
      <c r="DX687" s="613"/>
      <c r="DY687" s="613"/>
      <c r="DZ687" s="613"/>
      <c r="EA687" s="613"/>
      <c r="EB687" s="613"/>
      <c r="EC687" s="613"/>
      <c r="ED687" s="613"/>
      <c r="EE687" s="613"/>
      <c r="EF687" s="613"/>
      <c r="EG687" s="613"/>
      <c r="EH687" s="613"/>
      <c r="EI687" s="613"/>
      <c r="EJ687" s="613"/>
      <c r="EK687" s="613"/>
      <c r="EL687" s="613"/>
      <c r="EM687" s="613"/>
      <c r="EN687" s="613"/>
      <c r="EO687" s="613"/>
      <c r="EP687" s="613"/>
      <c r="EQ687" s="613"/>
      <c r="ER687" s="613"/>
      <c r="ES687" s="613"/>
      <c r="ET687" s="613"/>
      <c r="EU687" s="613"/>
      <c r="EV687" s="613"/>
      <c r="EW687" s="613"/>
      <c r="EX687" s="613"/>
      <c r="EY687" s="613"/>
      <c r="EZ687" s="613"/>
      <c r="FA687" s="613"/>
      <c r="FB687" s="613"/>
      <c r="FC687" s="613"/>
      <c r="FD687" s="613"/>
      <c r="FE687" s="613"/>
      <c r="FF687" s="613"/>
      <c r="FG687" s="613"/>
      <c r="FH687" s="613"/>
      <c r="FI687" s="613"/>
      <c r="FJ687" s="613"/>
      <c r="FK687" s="613"/>
      <c r="FL687" s="613"/>
      <c r="FM687" s="613"/>
      <c r="FN687" s="613"/>
      <c r="FO687" s="613"/>
      <c r="FP687" s="613"/>
      <c r="FQ687" s="613"/>
      <c r="FR687" s="613"/>
      <c r="FS687" s="613"/>
      <c r="FT687" s="613"/>
      <c r="FU687" s="613"/>
      <c r="FV687" s="613"/>
      <c r="FW687" s="613"/>
      <c r="FX687" s="613"/>
      <c r="FY687" s="613"/>
      <c r="FZ687" s="613"/>
      <c r="GA687" s="613"/>
      <c r="GB687" s="613"/>
      <c r="GC687" s="613"/>
      <c r="GD687" s="613"/>
      <c r="GE687" s="613"/>
      <c r="GF687" s="613"/>
      <c r="GG687" s="613"/>
      <c r="GH687" s="613"/>
      <c r="GI687" s="613"/>
      <c r="GJ687" s="613"/>
      <c r="GK687" s="613"/>
      <c r="GL687" s="613"/>
      <c r="GM687" s="613"/>
      <c r="GN687" s="613"/>
      <c r="GO687" s="613"/>
      <c r="GP687" s="613"/>
      <c r="GQ687" s="613"/>
      <c r="GR687" s="613"/>
      <c r="GS687" s="613"/>
      <c r="GT687" s="613"/>
      <c r="GU687" s="613"/>
      <c r="GV687" s="613"/>
      <c r="GW687" s="613"/>
      <c r="GX687" s="613"/>
      <c r="GY687" s="613"/>
      <c r="GZ687" s="613"/>
      <c r="HA687" s="613"/>
      <c r="HB687" s="613"/>
      <c r="HC687" s="613"/>
      <c r="HD687" s="613"/>
      <c r="HE687" s="613"/>
      <c r="HF687" s="613"/>
      <c r="HG687" s="613"/>
      <c r="HH687" s="613"/>
      <c r="HI687" s="613"/>
      <c r="HJ687" s="613"/>
      <c r="HK687" s="613"/>
      <c r="HL687" s="613"/>
      <c r="HM687" s="613"/>
      <c r="HN687" s="613"/>
      <c r="HO687" s="613"/>
      <c r="HP687" s="613"/>
      <c r="HQ687" s="613"/>
      <c r="HR687" s="613"/>
      <c r="HS687" s="613"/>
      <c r="HT687" s="613"/>
      <c r="HU687" s="613"/>
      <c r="HV687" s="613"/>
      <c r="HW687" s="613"/>
      <c r="HX687" s="613"/>
      <c r="HY687" s="613"/>
      <c r="HZ687" s="613"/>
      <c r="IA687" s="613"/>
      <c r="IB687" s="613"/>
      <c r="IC687" s="613"/>
      <c r="ID687" s="613"/>
      <c r="IE687" s="613"/>
      <c r="IF687" s="613"/>
      <c r="IG687" s="613"/>
      <c r="IH687" s="613"/>
      <c r="II687" s="613"/>
      <c r="IJ687" s="613"/>
      <c r="IK687" s="613"/>
      <c r="IL687" s="613"/>
      <c r="IM687" s="613"/>
      <c r="IN687" s="613"/>
      <c r="IO687" s="613"/>
      <c r="IP687" s="613"/>
      <c r="IQ687" s="613"/>
      <c r="IR687" s="613"/>
      <c r="IS687" s="613"/>
      <c r="IT687" s="613"/>
      <c r="IU687" s="613"/>
      <c r="IV687" s="613"/>
      <c r="IW687" s="613"/>
      <c r="IX687" s="613"/>
      <c r="IY687" s="613"/>
      <c r="IZ687" s="613"/>
      <c r="JA687" s="613"/>
      <c r="JB687" s="613"/>
      <c r="JC687" s="613"/>
      <c r="JD687" s="613"/>
      <c r="JE687" s="613"/>
      <c r="JF687" s="613"/>
      <c r="JG687" s="613"/>
      <c r="JH687" s="613"/>
      <c r="JI687" s="613"/>
      <c r="JJ687" s="613"/>
      <c r="JK687" s="613"/>
      <c r="JL687" s="613"/>
      <c r="JM687" s="613"/>
      <c r="JN687" s="613"/>
      <c r="JO687" s="613"/>
      <c r="JP687" s="613"/>
      <c r="JQ687" s="613"/>
      <c r="JR687" s="613"/>
      <c r="JS687" s="613"/>
      <c r="JT687" s="613"/>
      <c r="JU687" s="613"/>
      <c r="JV687" s="613"/>
      <c r="JW687" s="613"/>
      <c r="JX687" s="613"/>
      <c r="JY687" s="613"/>
      <c r="JZ687" s="613"/>
      <c r="KA687" s="613"/>
      <c r="KB687" s="613"/>
      <c r="KC687" s="613"/>
      <c r="KD687" s="613"/>
      <c r="KE687" s="613"/>
      <c r="KF687" s="613"/>
      <c r="KG687" s="613"/>
      <c r="KH687" s="613"/>
      <c r="KI687" s="613"/>
      <c r="KJ687" s="613"/>
      <c r="KK687" s="613"/>
      <c r="KL687" s="613"/>
      <c r="KM687" s="613"/>
      <c r="KN687" s="613"/>
      <c r="KO687" s="613"/>
      <c r="KP687" s="613"/>
      <c r="KQ687" s="613"/>
      <c r="KR687" s="613"/>
      <c r="KS687" s="613"/>
      <c r="KT687" s="613"/>
      <c r="KU687" s="613"/>
      <c r="KV687" s="613"/>
      <c r="KW687" s="613"/>
      <c r="KX687" s="613"/>
      <c r="KY687" s="613"/>
      <c r="KZ687" s="613"/>
      <c r="LA687" s="613"/>
      <c r="LB687" s="613"/>
      <c r="LC687" s="613"/>
      <c r="LD687" s="613"/>
      <c r="LE687" s="613"/>
      <c r="LF687" s="613"/>
      <c r="LG687" s="613"/>
      <c r="LH687" s="613"/>
      <c r="LI687" s="613"/>
      <c r="LJ687" s="613"/>
      <c r="LK687" s="613"/>
      <c r="LL687" s="613"/>
      <c r="LM687" s="613"/>
      <c r="LN687" s="613"/>
      <c r="LO687" s="613"/>
      <c r="LP687" s="613"/>
      <c r="LQ687" s="613"/>
      <c r="LR687" s="613"/>
      <c r="LS687" s="613"/>
      <c r="LT687" s="613"/>
      <c r="LU687" s="613"/>
      <c r="LV687" s="613"/>
      <c r="LW687" s="613"/>
      <c r="LX687" s="613"/>
      <c r="LY687" s="613"/>
      <c r="LZ687" s="613"/>
      <c r="MA687" s="613"/>
      <c r="MB687" s="613"/>
      <c r="MC687" s="613"/>
      <c r="MD687" s="613"/>
      <c r="ME687" s="613"/>
      <c r="MF687" s="613"/>
      <c r="MG687" s="613"/>
      <c r="MH687" s="613"/>
      <c r="MI687" s="613"/>
      <c r="MJ687" s="613"/>
      <c r="MK687" s="613"/>
      <c r="ML687" s="613"/>
      <c r="MM687" s="613"/>
      <c r="MN687" s="613"/>
      <c r="MO687" s="613"/>
      <c r="MP687" s="613"/>
      <c r="MQ687" s="613"/>
      <c r="MR687" s="613"/>
      <c r="MS687" s="613"/>
      <c r="MT687" s="613"/>
      <c r="MU687" s="613"/>
      <c r="MV687" s="613"/>
      <c r="MW687" s="613"/>
      <c r="MX687" s="613"/>
      <c r="MY687" s="613"/>
      <c r="MZ687" s="613"/>
      <c r="NA687" s="613"/>
      <c r="NB687" s="613"/>
      <c r="NC687" s="613"/>
      <c r="ND687" s="613"/>
      <c r="NE687" s="613"/>
      <c r="NF687" s="613"/>
      <c r="NG687" s="613"/>
      <c r="NH687" s="613"/>
      <c r="NI687" s="613"/>
      <c r="NJ687" s="613"/>
      <c r="NK687" s="613"/>
      <c r="NL687" s="613"/>
      <c r="NM687" s="613"/>
      <c r="NN687" s="613"/>
      <c r="NO687" s="613"/>
      <c r="NP687" s="613"/>
      <c r="NQ687" s="613"/>
      <c r="NR687" s="613"/>
      <c r="NS687" s="613"/>
      <c r="NT687" s="613"/>
      <c r="NU687" s="613"/>
      <c r="NV687" s="613"/>
      <c r="NW687" s="613"/>
      <c r="NX687" s="613"/>
      <c r="NY687" s="613"/>
      <c r="NZ687" s="613"/>
      <c r="OA687" s="613"/>
      <c r="OB687" s="613"/>
      <c r="OC687" s="613"/>
      <c r="OD687" s="613"/>
      <c r="OE687" s="613"/>
      <c r="OF687" s="613"/>
      <c r="OG687" s="613"/>
      <c r="OH687" s="613"/>
      <c r="OI687" s="613"/>
      <c r="OJ687" s="613"/>
      <c r="OK687" s="613"/>
      <c r="OL687" s="613"/>
      <c r="OM687" s="613"/>
      <c r="ON687" s="613"/>
      <c r="OO687" s="613"/>
      <c r="OP687" s="613"/>
      <c r="OQ687" s="613"/>
      <c r="OR687" s="613"/>
      <c r="OS687" s="613"/>
      <c r="OT687" s="613"/>
      <c r="OU687" s="613"/>
      <c r="OV687" s="613"/>
      <c r="OW687" s="613"/>
      <c r="OX687" s="613"/>
      <c r="OY687" s="613"/>
      <c r="OZ687" s="613"/>
      <c r="PA687" s="613"/>
      <c r="PB687" s="613"/>
      <c r="PC687" s="613"/>
      <c r="PD687" s="613"/>
      <c r="PE687" s="613"/>
      <c r="PF687" s="613"/>
      <c r="PG687" s="613"/>
      <c r="PH687" s="613"/>
      <c r="PI687" s="613"/>
      <c r="PJ687" s="613"/>
      <c r="PK687" s="613"/>
      <c r="PL687" s="613"/>
      <c r="PM687" s="613"/>
      <c r="PN687" s="613"/>
      <c r="PO687" s="613"/>
      <c r="PP687" s="613"/>
      <c r="PQ687" s="613"/>
      <c r="PR687" s="613"/>
      <c r="PS687" s="613"/>
      <c r="PT687" s="613"/>
      <c r="PU687" s="613"/>
      <c r="PV687" s="613"/>
      <c r="PW687" s="613"/>
      <c r="PX687" s="613"/>
      <c r="PY687" s="613"/>
      <c r="PZ687" s="613"/>
      <c r="QA687" s="613"/>
      <c r="QB687" s="613"/>
      <c r="QC687" s="613"/>
      <c r="QD687" s="613"/>
      <c r="QE687" s="613"/>
      <c r="QF687" s="613"/>
      <c r="QG687" s="613"/>
      <c r="QH687" s="613"/>
      <c r="QI687" s="613"/>
      <c r="QJ687" s="613"/>
      <c r="QK687" s="613"/>
      <c r="QL687" s="613"/>
      <c r="QM687" s="613"/>
      <c r="QN687" s="613"/>
      <c r="QO687" s="613"/>
      <c r="QP687" s="613"/>
      <c r="QQ687" s="613"/>
      <c r="QR687" s="613"/>
      <c r="QS687" s="613"/>
      <c r="QT687" s="613"/>
      <c r="QU687" s="613"/>
      <c r="QV687" s="613"/>
      <c r="QW687" s="613"/>
      <c r="QX687" s="613"/>
      <c r="QY687" s="613"/>
      <c r="QZ687" s="613"/>
      <c r="RA687" s="613"/>
      <c r="RB687" s="613"/>
      <c r="RC687" s="613"/>
      <c r="RD687" s="613"/>
      <c r="RE687" s="613"/>
      <c r="RF687" s="613"/>
      <c r="RG687" s="613"/>
      <c r="RH687" s="613"/>
      <c r="RI687" s="613"/>
      <c r="RJ687" s="613"/>
      <c r="RK687" s="613"/>
      <c r="RL687" s="613"/>
      <c r="RM687" s="613"/>
      <c r="RN687" s="613"/>
      <c r="RO687" s="613"/>
      <c r="RP687" s="613"/>
      <c r="RQ687" s="613"/>
      <c r="RR687" s="613"/>
      <c r="RS687" s="613"/>
      <c r="RT687" s="613"/>
      <c r="RU687" s="613"/>
      <c r="RV687" s="613"/>
      <c r="RW687" s="613"/>
      <c r="RX687" s="613"/>
      <c r="RY687" s="613"/>
      <c r="RZ687" s="613"/>
      <c r="SA687" s="613"/>
      <c r="SB687" s="613"/>
      <c r="SC687" s="613"/>
      <c r="SD687" s="613"/>
      <c r="SE687" s="613"/>
      <c r="SF687" s="613"/>
      <c r="SG687" s="613"/>
      <c r="SH687" s="613"/>
      <c r="SI687" s="613"/>
      <c r="SJ687" s="613"/>
      <c r="SK687" s="613"/>
      <c r="SL687" s="613"/>
      <c r="SM687" s="613"/>
      <c r="SN687" s="613"/>
      <c r="SO687" s="613"/>
      <c r="SP687" s="613"/>
      <c r="SQ687" s="613"/>
      <c r="SR687" s="613"/>
      <c r="SS687" s="613"/>
      <c r="ST687" s="613"/>
      <c r="SU687" s="613"/>
      <c r="SV687" s="613"/>
      <c r="SW687" s="613"/>
      <c r="SX687" s="613"/>
      <c r="SY687" s="613"/>
      <c r="SZ687" s="613"/>
      <c r="TA687" s="613"/>
      <c r="TB687" s="613"/>
      <c r="TC687" s="613"/>
      <c r="TD687" s="613"/>
      <c r="TE687" s="613"/>
      <c r="TF687" s="613"/>
      <c r="TG687" s="613"/>
      <c r="TH687" s="613"/>
      <c r="TI687" s="613"/>
      <c r="TJ687" s="613"/>
      <c r="TK687" s="613"/>
      <c r="TL687" s="613"/>
      <c r="TM687" s="613"/>
      <c r="TN687" s="613"/>
      <c r="TO687" s="613"/>
      <c r="TP687" s="613"/>
      <c r="TQ687" s="613"/>
      <c r="TR687" s="613"/>
      <c r="TS687" s="613"/>
      <c r="TT687" s="613"/>
      <c r="TU687" s="613"/>
      <c r="TV687" s="613"/>
      <c r="TW687" s="613"/>
      <c r="TX687" s="613"/>
      <c r="TY687" s="613"/>
      <c r="TZ687" s="613"/>
      <c r="UA687" s="613"/>
      <c r="UB687" s="613"/>
      <c r="UC687" s="613"/>
      <c r="UD687" s="613"/>
      <c r="UE687" s="613"/>
      <c r="UF687" s="613"/>
      <c r="UG687" s="613"/>
      <c r="UH687" s="613"/>
      <c r="UI687" s="613"/>
      <c r="UJ687" s="613"/>
      <c r="UK687" s="613"/>
      <c r="UL687" s="613"/>
      <c r="UM687" s="613"/>
      <c r="UN687" s="613"/>
      <c r="UO687" s="613"/>
      <c r="UP687" s="613"/>
      <c r="UQ687" s="613"/>
      <c r="UR687" s="613"/>
      <c r="US687" s="613"/>
      <c r="UT687" s="613"/>
      <c r="UU687" s="613"/>
      <c r="UV687" s="613"/>
      <c r="UW687" s="613"/>
      <c r="UX687" s="613"/>
      <c r="UY687" s="613"/>
      <c r="UZ687" s="613"/>
      <c r="VA687" s="613"/>
      <c r="VB687" s="613"/>
      <c r="VC687" s="613"/>
      <c r="VD687" s="613"/>
      <c r="VE687" s="613"/>
      <c r="VF687" s="613"/>
      <c r="VG687" s="613"/>
      <c r="VH687" s="613"/>
      <c r="VI687" s="613"/>
      <c r="VJ687" s="613"/>
      <c r="VK687" s="613"/>
      <c r="VL687" s="613"/>
      <c r="VM687" s="613"/>
      <c r="VN687" s="613"/>
      <c r="VO687" s="613"/>
      <c r="VP687" s="613"/>
      <c r="VQ687" s="613"/>
      <c r="VR687" s="613"/>
      <c r="VS687" s="613"/>
      <c r="VT687" s="613"/>
      <c r="VU687" s="613"/>
      <c r="VV687" s="613"/>
      <c r="VW687" s="613"/>
      <c r="VX687" s="613"/>
      <c r="VY687" s="613"/>
      <c r="VZ687" s="613"/>
      <c r="WA687" s="613"/>
      <c r="WB687" s="613"/>
      <c r="WC687" s="613"/>
      <c r="WD687" s="613"/>
      <c r="WE687" s="613"/>
      <c r="WF687" s="613"/>
      <c r="WG687" s="613"/>
      <c r="WH687" s="613"/>
      <c r="WI687" s="613"/>
      <c r="WJ687" s="613"/>
      <c r="WK687" s="613"/>
      <c r="WL687" s="613"/>
      <c r="WM687" s="613"/>
      <c r="WN687" s="613"/>
      <c r="WO687" s="613"/>
      <c r="WP687" s="613"/>
      <c r="WQ687" s="613"/>
      <c r="WR687" s="613"/>
      <c r="WS687" s="613"/>
      <c r="WT687" s="613"/>
      <c r="WU687" s="613"/>
      <c r="WV687" s="613"/>
      <c r="WW687" s="613"/>
      <c r="WX687" s="613"/>
      <c r="WY687" s="613"/>
      <c r="WZ687" s="613"/>
      <c r="XA687" s="613"/>
      <c r="XB687" s="613"/>
      <c r="XC687" s="613"/>
      <c r="XD687" s="613"/>
      <c r="XE687" s="613"/>
      <c r="XF687" s="613"/>
      <c r="XG687" s="613"/>
      <c r="XH687" s="613"/>
      <c r="XI687" s="613"/>
      <c r="XJ687" s="613"/>
      <c r="XK687" s="613"/>
      <c r="XL687" s="613"/>
      <c r="XM687" s="613"/>
      <c r="XN687" s="613"/>
      <c r="XO687" s="613"/>
      <c r="XP687" s="613"/>
      <c r="XQ687" s="613"/>
      <c r="XR687" s="613"/>
      <c r="XS687" s="613"/>
      <c r="XT687" s="613"/>
      <c r="XU687" s="613"/>
      <c r="XV687" s="613"/>
      <c r="XW687" s="613"/>
      <c r="XX687" s="613"/>
      <c r="XY687" s="613"/>
      <c r="XZ687" s="613"/>
      <c r="YA687" s="613"/>
      <c r="YB687" s="613"/>
      <c r="YC687" s="613"/>
      <c r="YD687" s="613"/>
      <c r="YE687" s="613"/>
      <c r="YF687" s="613"/>
      <c r="YG687" s="613"/>
      <c r="YH687" s="613"/>
      <c r="YI687" s="613"/>
      <c r="YJ687" s="613"/>
      <c r="YK687" s="613"/>
      <c r="YL687" s="613"/>
      <c r="YM687" s="613"/>
      <c r="YN687" s="613"/>
      <c r="YO687" s="613"/>
      <c r="YP687" s="613"/>
      <c r="YQ687" s="613"/>
      <c r="YR687" s="613"/>
      <c r="YS687" s="613"/>
      <c r="YT687" s="613"/>
      <c r="YU687" s="613"/>
      <c r="YV687" s="613"/>
      <c r="YW687" s="613"/>
      <c r="YX687" s="613"/>
      <c r="YY687" s="613"/>
      <c r="YZ687" s="613"/>
      <c r="ZA687" s="613"/>
      <c r="ZB687" s="613"/>
      <c r="ZC687" s="613"/>
      <c r="ZD687" s="613"/>
      <c r="ZE687" s="613"/>
      <c r="ZF687" s="613"/>
      <c r="ZG687" s="613"/>
      <c r="ZH687" s="613"/>
      <c r="ZI687" s="613"/>
      <c r="ZJ687" s="613"/>
      <c r="ZK687" s="613"/>
      <c r="ZL687" s="613"/>
      <c r="ZM687" s="613"/>
      <c r="ZN687" s="613"/>
      <c r="ZO687" s="613"/>
      <c r="ZP687" s="613"/>
      <c r="ZQ687" s="613"/>
      <c r="ZR687" s="613"/>
      <c r="ZS687" s="613"/>
      <c r="ZT687" s="613"/>
      <c r="ZU687" s="613"/>
      <c r="ZV687" s="613"/>
      <c r="ZW687" s="613"/>
      <c r="ZX687" s="613"/>
      <c r="ZY687" s="613"/>
      <c r="ZZ687" s="613"/>
      <c r="AAA687" s="613"/>
      <c r="AAB687" s="613"/>
      <c r="AAC687" s="613"/>
      <c r="AAD687" s="613"/>
      <c r="AAE687" s="613"/>
      <c r="AAF687" s="613"/>
      <c r="AAG687" s="613"/>
      <c r="AAH687" s="613"/>
      <c r="AAI687" s="613"/>
      <c r="AAJ687" s="613"/>
      <c r="AAK687" s="613"/>
      <c r="AAL687" s="613"/>
      <c r="AAM687" s="613"/>
      <c r="AAN687" s="613"/>
      <c r="AAO687" s="613"/>
      <c r="AAP687" s="613"/>
      <c r="AAQ687" s="613"/>
      <c r="AAR687" s="613"/>
      <c r="AAS687" s="613"/>
      <c r="AAT687" s="613"/>
      <c r="AAU687" s="613"/>
      <c r="AAV687" s="613"/>
      <c r="AAW687" s="613"/>
      <c r="AAX687" s="613"/>
      <c r="AAY687" s="613"/>
      <c r="AAZ687" s="613"/>
      <c r="ABA687" s="613"/>
      <c r="ABB687" s="613"/>
      <c r="ABC687" s="613"/>
      <c r="ABD687" s="613"/>
      <c r="ABE687" s="613"/>
      <c r="ABF687" s="613"/>
      <c r="ABG687" s="613"/>
      <c r="ABH687" s="613"/>
      <c r="ABI687" s="613"/>
      <c r="ABJ687" s="613"/>
      <c r="ABK687" s="613"/>
      <c r="ABL687" s="613"/>
      <c r="ABM687" s="613"/>
      <c r="ABN687" s="613"/>
      <c r="ABO687" s="613"/>
      <c r="ABP687" s="613"/>
      <c r="ABQ687" s="613"/>
      <c r="ABR687" s="613"/>
      <c r="ABS687" s="613"/>
      <c r="ABT687" s="613"/>
      <c r="ABU687" s="613"/>
      <c r="ABV687" s="613"/>
      <c r="ABW687" s="613"/>
      <c r="ABX687" s="613"/>
      <c r="ABY687" s="613"/>
      <c r="ABZ687" s="613"/>
      <c r="ACA687" s="613"/>
      <c r="ACB687" s="613"/>
      <c r="ACC687" s="613"/>
      <c r="ACD687" s="613"/>
      <c r="ACE687" s="613"/>
      <c r="ACF687" s="613"/>
      <c r="ACG687" s="613"/>
      <c r="ACH687" s="613"/>
      <c r="ACI687" s="613"/>
      <c r="ACJ687" s="613"/>
      <c r="ACK687" s="613"/>
      <c r="ACL687" s="613"/>
      <c r="ACM687" s="613"/>
      <c r="ACN687" s="613"/>
      <c r="ACO687" s="613"/>
      <c r="ACP687" s="613"/>
      <c r="ACQ687" s="613"/>
      <c r="ACR687" s="613"/>
      <c r="ACS687" s="613"/>
      <c r="ACT687" s="613"/>
      <c r="ACU687" s="613"/>
      <c r="ACV687" s="613"/>
      <c r="ACW687" s="613"/>
      <c r="ACX687" s="613"/>
      <c r="ACY687" s="613"/>
      <c r="ACZ687" s="613"/>
      <c r="ADA687" s="613"/>
      <c r="ADB687" s="613"/>
      <c r="ADC687" s="613"/>
      <c r="ADD687" s="613"/>
      <c r="ADE687" s="613"/>
      <c r="ADF687" s="613"/>
      <c r="ADG687" s="613"/>
      <c r="ADH687" s="613"/>
      <c r="ADI687" s="613"/>
      <c r="ADJ687" s="613"/>
      <c r="ADK687" s="613"/>
      <c r="ADL687" s="613"/>
      <c r="ADM687" s="613"/>
      <c r="ADN687" s="613"/>
      <c r="ADO687" s="613"/>
      <c r="ADP687" s="613"/>
      <c r="ADQ687" s="613"/>
      <c r="ADR687" s="613"/>
      <c r="ADS687" s="613"/>
      <c r="ADT687" s="613"/>
      <c r="ADU687" s="613"/>
      <c r="ADV687" s="613"/>
      <c r="ADW687" s="613"/>
      <c r="ADX687" s="613"/>
      <c r="ADY687" s="613"/>
      <c r="ADZ687" s="613"/>
      <c r="AEA687" s="613"/>
      <c r="AEB687" s="613"/>
      <c r="AEC687" s="613"/>
      <c r="AED687" s="613"/>
      <c r="AEE687" s="613"/>
      <c r="AEF687" s="613"/>
      <c r="AEG687" s="613"/>
      <c r="AEH687" s="613"/>
      <c r="AEI687" s="613"/>
      <c r="AEJ687" s="613"/>
      <c r="AEK687" s="613"/>
      <c r="AEL687" s="613"/>
      <c r="AEM687" s="613"/>
      <c r="AEN687" s="613"/>
      <c r="AEO687" s="613"/>
      <c r="AEP687" s="613"/>
      <c r="AEQ687" s="613"/>
      <c r="AER687" s="613"/>
      <c r="AES687" s="613"/>
      <c r="AET687" s="613"/>
      <c r="AEU687" s="613"/>
      <c r="AEV687" s="613"/>
      <c r="AEW687" s="613"/>
      <c r="AEX687" s="613"/>
      <c r="AEY687" s="613"/>
      <c r="AEZ687" s="613"/>
      <c r="AFA687" s="613"/>
      <c r="AFB687" s="613"/>
      <c r="AFC687" s="613"/>
      <c r="AFD687" s="613"/>
      <c r="AFE687" s="613"/>
      <c r="AFF687" s="613"/>
      <c r="AFG687" s="613"/>
      <c r="AFH687" s="613"/>
      <c r="AFI687" s="613"/>
      <c r="AFJ687" s="613"/>
      <c r="AFK687" s="613"/>
      <c r="AFL687" s="613"/>
      <c r="AFM687" s="613"/>
      <c r="AFN687" s="613"/>
      <c r="AFO687" s="613"/>
      <c r="AFP687" s="613"/>
      <c r="AFQ687" s="613"/>
      <c r="AFR687" s="613"/>
      <c r="AFS687" s="613"/>
      <c r="AFT687" s="613"/>
      <c r="AFU687" s="613"/>
      <c r="AFV687" s="613"/>
      <c r="AFW687" s="613"/>
      <c r="AFX687" s="613"/>
      <c r="AFY687" s="613"/>
      <c r="AFZ687" s="613"/>
      <c r="AGA687" s="613"/>
      <c r="AGB687" s="613"/>
      <c r="AGC687" s="613"/>
      <c r="AGD687" s="613"/>
      <c r="AGE687" s="613"/>
      <c r="AGF687" s="613"/>
      <c r="AGG687" s="613"/>
      <c r="AGH687" s="613"/>
      <c r="AGI687" s="613"/>
      <c r="AGJ687" s="613"/>
      <c r="AGK687" s="613"/>
      <c r="AGL687" s="613"/>
      <c r="AGM687" s="613"/>
      <c r="AGN687" s="613"/>
      <c r="AGO687" s="613"/>
      <c r="AGP687" s="613"/>
      <c r="AGQ687" s="613"/>
      <c r="AGR687" s="613"/>
      <c r="AGS687" s="613"/>
      <c r="AGT687" s="613"/>
      <c r="AGU687" s="613"/>
      <c r="AGV687" s="613"/>
      <c r="AGW687" s="613"/>
      <c r="AGX687" s="613"/>
      <c r="AGY687" s="613"/>
      <c r="AGZ687" s="613"/>
      <c r="AHA687" s="613"/>
      <c r="AHB687" s="613"/>
      <c r="AHC687" s="613"/>
      <c r="AHD687" s="613"/>
      <c r="AHE687" s="613"/>
      <c r="AHF687" s="613"/>
      <c r="AHG687" s="613"/>
      <c r="AHH687" s="613"/>
      <c r="AHI687" s="613"/>
      <c r="AHJ687" s="613"/>
      <c r="AHK687" s="613"/>
      <c r="AHL687" s="613"/>
      <c r="AHM687" s="613"/>
      <c r="AHN687" s="613"/>
      <c r="AHO687" s="613"/>
      <c r="AHP687" s="613"/>
      <c r="AHQ687" s="613"/>
      <c r="AHR687" s="613"/>
      <c r="AHS687" s="613"/>
      <c r="AHT687" s="613"/>
      <c r="AHU687" s="613"/>
      <c r="AHV687" s="613"/>
      <c r="AHW687" s="613"/>
      <c r="AHX687" s="613"/>
      <c r="AHY687" s="613"/>
      <c r="AHZ687" s="613"/>
      <c r="AIA687" s="613"/>
      <c r="AIB687" s="613"/>
      <c r="AIC687" s="613"/>
      <c r="AID687" s="613"/>
      <c r="AIE687" s="613"/>
      <c r="AIF687" s="613"/>
      <c r="AIG687" s="613"/>
      <c r="AIH687" s="613"/>
      <c r="AII687" s="613"/>
      <c r="AIJ687" s="613"/>
      <c r="AIK687" s="613"/>
      <c r="AIL687" s="613"/>
      <c r="AIM687" s="613"/>
      <c r="AIN687" s="613"/>
      <c r="AIO687" s="613"/>
      <c r="AIP687" s="613"/>
      <c r="AIQ687" s="613"/>
      <c r="AIR687" s="613"/>
      <c r="AIS687" s="613"/>
      <c r="AIT687" s="613"/>
      <c r="AIU687" s="613"/>
      <c r="AIV687" s="613"/>
      <c r="AIW687" s="613"/>
      <c r="AIX687" s="613"/>
      <c r="AIY687" s="613"/>
      <c r="AIZ687" s="613"/>
      <c r="AJA687" s="613"/>
      <c r="AJB687" s="613"/>
      <c r="AJC687" s="613"/>
      <c r="AJD687" s="613"/>
      <c r="AJE687" s="613"/>
      <c r="AJF687" s="613"/>
      <c r="AJG687" s="613"/>
      <c r="AJH687" s="613"/>
      <c r="AJI687" s="613"/>
      <c r="AJJ687" s="613"/>
      <c r="AJK687" s="613"/>
      <c r="AJL687" s="613"/>
      <c r="AJM687" s="613"/>
      <c r="AJN687" s="613"/>
      <c r="AJO687" s="613"/>
      <c r="AJP687" s="613"/>
      <c r="AJQ687" s="613"/>
      <c r="AJR687" s="613"/>
      <c r="AJS687" s="613"/>
      <c r="AJT687" s="613"/>
      <c r="AJU687" s="613"/>
      <c r="AJV687" s="613"/>
      <c r="AJW687" s="613"/>
      <c r="AJX687" s="613"/>
      <c r="AJY687" s="613"/>
      <c r="AJZ687" s="613"/>
      <c r="AKA687" s="613"/>
      <c r="AKB687" s="613"/>
      <c r="AKC687" s="613"/>
      <c r="AKD687" s="613"/>
      <c r="AKE687" s="613"/>
      <c r="AKF687" s="613"/>
      <c r="AKG687" s="613"/>
      <c r="AKH687" s="613"/>
      <c r="AKI687" s="613"/>
      <c r="AKJ687" s="613"/>
      <c r="AKK687" s="613"/>
      <c r="AKL687" s="613"/>
      <c r="AKM687" s="613"/>
      <c r="AKN687" s="613"/>
      <c r="AKO687" s="613"/>
      <c r="AKP687" s="613"/>
      <c r="AKQ687" s="613"/>
      <c r="AKR687" s="613"/>
      <c r="AKS687" s="613"/>
      <c r="AKT687" s="613"/>
      <c r="AKU687" s="613"/>
      <c r="AKV687" s="613"/>
      <c r="AKW687" s="613"/>
      <c r="AKX687" s="613"/>
      <c r="AKY687" s="613"/>
      <c r="AKZ687" s="613"/>
      <c r="ALA687" s="613"/>
      <c r="ALB687" s="613"/>
      <c r="ALC687" s="613"/>
      <c r="ALD687" s="613"/>
      <c r="ALE687" s="613"/>
      <c r="ALF687" s="613"/>
      <c r="ALG687" s="613"/>
      <c r="ALH687" s="613"/>
      <c r="ALI687" s="613"/>
      <c r="ALJ687" s="613"/>
      <c r="ALK687" s="613"/>
      <c r="ALL687" s="613"/>
      <c r="ALM687" s="613"/>
      <c r="ALN687" s="613"/>
      <c r="ALO687" s="613"/>
      <c r="ALP687" s="613"/>
      <c r="ALQ687" s="613"/>
      <c r="ALR687" s="613"/>
      <c r="ALS687" s="613"/>
      <c r="ALT687" s="613"/>
      <c r="ALU687" s="613"/>
      <c r="ALV687" s="613"/>
      <c r="ALW687" s="613"/>
      <c r="ALX687" s="613"/>
      <c r="ALY687" s="613"/>
      <c r="ALZ687" s="613"/>
      <c r="AMA687" s="613"/>
      <c r="AMB687" s="613"/>
      <c r="AMC687" s="613"/>
      <c r="AMD687" s="613"/>
      <c r="AME687" s="613"/>
      <c r="AMF687" s="613"/>
      <c r="AMG687" s="613"/>
      <c r="AMH687" s="613"/>
      <c r="AMI687" s="613"/>
      <c r="AMJ687" s="613"/>
      <c r="AMK687" s="613"/>
      <c r="AML687" s="613"/>
      <c r="AMM687" s="613"/>
      <c r="AMN687" s="613"/>
      <c r="AMO687" s="613"/>
      <c r="AMP687" s="613"/>
      <c r="AMQ687" s="613"/>
      <c r="AMR687" s="613"/>
      <c r="AMS687" s="613"/>
      <c r="AMT687" s="613"/>
      <c r="AMU687" s="613"/>
      <c r="AMV687" s="613"/>
      <c r="AMW687" s="613"/>
      <c r="AMX687" s="613"/>
      <c r="AMY687" s="613"/>
      <c r="AMZ687" s="613"/>
      <c r="ANA687" s="613"/>
      <c r="ANB687" s="613"/>
      <c r="ANC687" s="613"/>
      <c r="AND687" s="613"/>
      <c r="ANE687" s="613"/>
      <c r="ANF687" s="613"/>
      <c r="ANG687" s="613"/>
      <c r="ANH687" s="613"/>
      <c r="ANI687" s="613"/>
      <c r="ANJ687" s="613"/>
      <c r="ANK687" s="613"/>
      <c r="ANL687" s="613"/>
      <c r="ANM687" s="613"/>
      <c r="ANN687" s="613"/>
      <c r="ANO687" s="613"/>
      <c r="ANP687" s="613"/>
      <c r="ANQ687" s="613"/>
      <c r="ANR687" s="613"/>
      <c r="ANS687" s="613"/>
      <c r="ANT687" s="613"/>
      <c r="ANU687" s="613"/>
      <c r="ANV687" s="613"/>
      <c r="ANW687" s="613"/>
      <c r="ANX687" s="613"/>
      <c r="ANY687" s="613"/>
      <c r="ANZ687" s="613"/>
      <c r="AOA687" s="613"/>
      <c r="AOB687" s="613"/>
      <c r="AOC687" s="613"/>
      <c r="AOD687" s="613"/>
      <c r="AOE687" s="613"/>
      <c r="AOF687" s="613"/>
      <c r="AOG687" s="613"/>
      <c r="AOH687" s="613"/>
      <c r="AOI687" s="613"/>
      <c r="AOJ687" s="613"/>
      <c r="AOK687" s="613"/>
      <c r="AOL687" s="613"/>
      <c r="AOM687" s="613"/>
      <c r="AON687" s="613"/>
      <c r="AOO687" s="613"/>
      <c r="AOP687" s="613"/>
      <c r="AOQ687" s="613"/>
      <c r="AOR687" s="613"/>
      <c r="AOS687" s="613"/>
      <c r="AOT687" s="613"/>
      <c r="AOU687" s="613"/>
      <c r="AOV687" s="613"/>
      <c r="AOW687" s="613"/>
      <c r="AOX687" s="613"/>
      <c r="AOY687" s="613"/>
      <c r="AOZ687" s="613"/>
      <c r="APA687" s="613"/>
      <c r="APB687" s="613"/>
      <c r="APC687" s="613"/>
      <c r="APD687" s="613"/>
      <c r="APE687" s="613"/>
      <c r="APF687" s="613"/>
      <c r="APG687" s="613"/>
      <c r="APH687" s="613"/>
      <c r="API687" s="613"/>
      <c r="APJ687" s="613"/>
      <c r="APK687" s="613"/>
      <c r="APL687" s="613"/>
      <c r="APM687" s="613"/>
      <c r="APN687" s="613"/>
      <c r="APO687" s="613"/>
      <c r="APP687" s="613"/>
      <c r="APQ687" s="613"/>
      <c r="APR687" s="613"/>
      <c r="APS687" s="613"/>
      <c r="APT687" s="613"/>
      <c r="APU687" s="613"/>
      <c r="APV687" s="613"/>
      <c r="APW687" s="613"/>
      <c r="APX687" s="613"/>
      <c r="APY687" s="613"/>
      <c r="APZ687" s="613"/>
      <c r="AQA687" s="613"/>
      <c r="AQB687" s="613"/>
      <c r="AQC687" s="613"/>
      <c r="AQD687" s="613"/>
      <c r="AQE687" s="613"/>
      <c r="AQF687" s="613"/>
      <c r="AQG687" s="613"/>
      <c r="AQH687" s="613"/>
      <c r="AQI687" s="613"/>
      <c r="AQJ687" s="613"/>
      <c r="AQK687" s="613"/>
      <c r="AQL687" s="613"/>
      <c r="AQM687" s="613"/>
      <c r="AQN687" s="613"/>
      <c r="AQO687" s="613"/>
      <c r="AQP687" s="613"/>
      <c r="AQQ687" s="613"/>
      <c r="AQR687" s="613"/>
      <c r="AQS687" s="613"/>
      <c r="AQT687" s="613"/>
      <c r="AQU687" s="613"/>
      <c r="AQV687" s="613"/>
      <c r="AQW687" s="613"/>
      <c r="AQX687" s="613"/>
      <c r="AQY687" s="613"/>
      <c r="AQZ687" s="613"/>
      <c r="ARA687" s="613"/>
      <c r="ARB687" s="613"/>
      <c r="ARC687" s="613"/>
      <c r="ARD687" s="613"/>
      <c r="ARE687" s="613"/>
      <c r="ARF687" s="613"/>
      <c r="ARG687" s="613"/>
      <c r="ARH687" s="613"/>
      <c r="ARI687" s="613"/>
      <c r="ARJ687" s="613"/>
      <c r="ARK687" s="613"/>
      <c r="ARL687" s="613"/>
      <c r="ARM687" s="613"/>
      <c r="ARN687" s="613"/>
      <c r="ARO687" s="613"/>
      <c r="ARP687" s="613"/>
      <c r="ARQ687" s="613"/>
      <c r="ARR687" s="613"/>
      <c r="ARS687" s="613"/>
      <c r="ART687" s="613"/>
      <c r="ARU687" s="613"/>
      <c r="ARV687" s="613"/>
      <c r="ARW687" s="613"/>
      <c r="ARX687" s="613"/>
      <c r="ARY687" s="613"/>
      <c r="ARZ687" s="613"/>
      <c r="ASA687" s="613"/>
      <c r="ASB687" s="613"/>
      <c r="ASC687" s="613"/>
      <c r="ASD687" s="613"/>
      <c r="ASE687" s="613"/>
      <c r="ASF687" s="613"/>
      <c r="ASG687" s="613"/>
      <c r="ASH687" s="613"/>
      <c r="ASI687" s="613"/>
      <c r="ASJ687" s="613"/>
      <c r="ASK687" s="613"/>
      <c r="ASL687" s="613"/>
      <c r="ASM687" s="613"/>
      <c r="ASN687" s="613"/>
      <c r="ASO687" s="613"/>
      <c r="ASP687" s="613"/>
      <c r="ASQ687" s="613"/>
      <c r="ASR687" s="613"/>
      <c r="ASS687" s="613"/>
      <c r="AST687" s="613"/>
      <c r="ASU687" s="613"/>
      <c r="ASV687" s="613"/>
      <c r="ASW687" s="613"/>
      <c r="ASX687" s="613"/>
      <c r="ASY687" s="613"/>
      <c r="ASZ687" s="613"/>
      <c r="ATA687" s="613"/>
      <c r="ATB687" s="613"/>
      <c r="ATC687" s="613"/>
      <c r="ATD687" s="613"/>
      <c r="ATE687" s="613"/>
      <c r="ATF687" s="613"/>
      <c r="ATG687" s="613"/>
      <c r="ATH687" s="613"/>
      <c r="ATI687" s="613"/>
      <c r="ATJ687" s="613"/>
      <c r="ATK687" s="613"/>
      <c r="ATL687" s="613"/>
      <c r="ATM687" s="613"/>
      <c r="ATN687" s="613"/>
      <c r="ATO687" s="613"/>
      <c r="ATP687" s="613"/>
      <c r="ATQ687" s="613"/>
      <c r="ATR687" s="613"/>
      <c r="ATS687" s="613"/>
      <c r="ATT687" s="613"/>
      <c r="ATU687" s="613"/>
      <c r="ATV687" s="613"/>
      <c r="ATW687" s="613"/>
      <c r="ATX687" s="613"/>
      <c r="ATY687" s="613"/>
      <c r="ATZ687" s="613"/>
      <c r="AUA687" s="613"/>
      <c r="AUB687" s="613"/>
      <c r="AUC687" s="613"/>
      <c r="AUD687" s="613"/>
      <c r="AUE687" s="613"/>
      <c r="AUF687" s="613"/>
      <c r="AUG687" s="613"/>
      <c r="AUH687" s="613"/>
      <c r="AUI687" s="613"/>
      <c r="AUJ687" s="613"/>
      <c r="AUK687" s="613"/>
      <c r="AUL687" s="613"/>
      <c r="AUM687" s="613"/>
      <c r="AUN687" s="613"/>
      <c r="AUO687" s="613"/>
      <c r="AUP687" s="613"/>
      <c r="AUQ687" s="613"/>
      <c r="AUR687" s="613"/>
      <c r="AUS687" s="613"/>
      <c r="AUT687" s="613"/>
      <c r="AUU687" s="613"/>
      <c r="AUV687" s="613"/>
      <c r="AUW687" s="613"/>
      <c r="AUX687" s="613"/>
      <c r="AUY687" s="613"/>
      <c r="AUZ687" s="613"/>
      <c r="AVA687" s="613"/>
      <c r="AVB687" s="613"/>
      <c r="AVC687" s="613"/>
      <c r="AVD687" s="613"/>
      <c r="AVE687" s="613"/>
      <c r="AVF687" s="613"/>
      <c r="AVG687" s="613"/>
      <c r="AVH687" s="613"/>
      <c r="AVI687" s="613"/>
      <c r="AVJ687" s="613"/>
      <c r="AVK687" s="613"/>
      <c r="AVL687" s="613"/>
      <c r="AVM687" s="613"/>
      <c r="AVN687" s="613"/>
      <c r="AVO687" s="613"/>
      <c r="AVP687" s="613"/>
      <c r="AVQ687" s="613"/>
      <c r="AVR687" s="613"/>
      <c r="AVS687" s="613"/>
      <c r="AVT687" s="613"/>
      <c r="AVU687" s="613"/>
      <c r="AVV687" s="613"/>
      <c r="AVW687" s="613"/>
      <c r="AVX687" s="613"/>
      <c r="AVY687" s="613"/>
      <c r="AVZ687" s="613"/>
      <c r="AWA687" s="613"/>
      <c r="AWB687" s="613"/>
      <c r="AWC687" s="613"/>
      <c r="AWD687" s="613"/>
      <c r="AWE687" s="613"/>
      <c r="AWF687" s="613"/>
      <c r="AWG687" s="613"/>
      <c r="AWH687" s="613"/>
      <c r="AWI687" s="613"/>
      <c r="AWJ687" s="613"/>
      <c r="AWK687" s="613"/>
      <c r="AWL687" s="613"/>
      <c r="AWM687" s="613"/>
      <c r="AWN687" s="613"/>
      <c r="AWO687" s="613"/>
      <c r="AWP687" s="613"/>
      <c r="AWQ687" s="613"/>
      <c r="AWR687" s="613"/>
      <c r="AWS687" s="613"/>
      <c r="AWT687" s="613"/>
      <c r="AWU687" s="613"/>
      <c r="AWV687" s="613"/>
      <c r="AWW687" s="613"/>
      <c r="AWX687" s="613"/>
      <c r="AWY687" s="613"/>
      <c r="AWZ687" s="613"/>
      <c r="AXA687" s="613"/>
      <c r="AXB687" s="613"/>
      <c r="AXC687" s="613"/>
      <c r="AXD687" s="613"/>
      <c r="AXE687" s="613"/>
      <c r="AXF687" s="613"/>
      <c r="AXG687" s="613"/>
      <c r="AXH687" s="613"/>
      <c r="AXI687" s="613"/>
      <c r="AXJ687" s="613"/>
      <c r="AXK687" s="613"/>
      <c r="AXL687" s="613"/>
      <c r="AXM687" s="613"/>
      <c r="AXN687" s="613"/>
      <c r="AXO687" s="613"/>
      <c r="AXP687" s="613"/>
      <c r="AXQ687" s="613"/>
      <c r="AXR687" s="613"/>
      <c r="AXS687" s="613"/>
      <c r="AXT687" s="613"/>
      <c r="AXU687" s="613"/>
      <c r="AXV687" s="613"/>
      <c r="AXW687" s="613"/>
      <c r="AXX687" s="613"/>
      <c r="AXY687" s="613"/>
      <c r="AXZ687" s="613"/>
      <c r="AYA687" s="613"/>
      <c r="AYB687" s="613"/>
      <c r="AYC687" s="613"/>
      <c r="AYD687" s="613"/>
      <c r="AYE687" s="613"/>
      <c r="AYF687" s="613"/>
      <c r="AYG687" s="613"/>
      <c r="AYH687" s="613"/>
      <c r="AYI687" s="613"/>
      <c r="AYJ687" s="613"/>
      <c r="AYK687" s="613"/>
      <c r="AYL687" s="613"/>
      <c r="AYM687" s="613"/>
      <c r="AYN687" s="613"/>
      <c r="AYO687" s="613"/>
      <c r="AYP687" s="613"/>
      <c r="AYQ687" s="613"/>
      <c r="AYR687" s="613"/>
      <c r="AYS687" s="613"/>
      <c r="AYT687" s="613"/>
      <c r="AYU687" s="613"/>
      <c r="AYV687" s="613"/>
      <c r="AYW687" s="613"/>
      <c r="AYX687" s="613"/>
      <c r="AYY687" s="613"/>
      <c r="AYZ687" s="613"/>
      <c r="AZA687" s="613"/>
      <c r="AZB687" s="613"/>
      <c r="AZC687" s="613"/>
      <c r="AZD687" s="613"/>
      <c r="AZE687" s="613"/>
      <c r="AZF687" s="613"/>
      <c r="AZG687" s="613"/>
      <c r="AZH687" s="613"/>
      <c r="AZI687" s="613"/>
      <c r="AZJ687" s="613"/>
      <c r="AZK687" s="613"/>
      <c r="AZL687" s="613"/>
      <c r="AZM687" s="613"/>
      <c r="AZN687" s="613"/>
      <c r="AZO687" s="613"/>
      <c r="AZP687" s="613"/>
      <c r="AZQ687" s="613"/>
      <c r="AZR687" s="613"/>
      <c r="AZS687" s="613"/>
      <c r="AZT687" s="613"/>
      <c r="AZU687" s="613"/>
      <c r="AZV687" s="613"/>
      <c r="AZW687" s="613"/>
      <c r="AZX687" s="613"/>
      <c r="AZY687" s="613"/>
      <c r="AZZ687" s="613"/>
      <c r="BAA687" s="613"/>
      <c r="BAB687" s="613"/>
      <c r="BAC687" s="613"/>
      <c r="BAD687" s="613"/>
      <c r="BAE687" s="613"/>
      <c r="BAF687" s="613"/>
      <c r="BAG687" s="613"/>
      <c r="BAH687" s="613"/>
      <c r="BAI687" s="613"/>
      <c r="BAJ687" s="613"/>
      <c r="BAK687" s="613"/>
      <c r="BAL687" s="613"/>
      <c r="BAM687" s="613"/>
      <c r="BAN687" s="613"/>
      <c r="BAO687" s="613"/>
      <c r="BAP687" s="613"/>
      <c r="BAQ687" s="613"/>
      <c r="BAR687" s="613"/>
      <c r="BAS687" s="613"/>
      <c r="BAT687" s="613"/>
      <c r="BAU687" s="613"/>
      <c r="BAV687" s="613"/>
      <c r="BAW687" s="613"/>
      <c r="BAX687" s="613"/>
      <c r="BAY687" s="613"/>
      <c r="BAZ687" s="613"/>
      <c r="BBA687" s="613"/>
      <c r="BBB687" s="613"/>
      <c r="BBC687" s="613"/>
      <c r="BBD687" s="613"/>
      <c r="BBE687" s="613"/>
      <c r="BBF687" s="613"/>
      <c r="BBG687" s="613"/>
      <c r="BBH687" s="613"/>
      <c r="BBI687" s="613"/>
      <c r="BBJ687" s="613"/>
      <c r="BBK687" s="613"/>
      <c r="BBL687" s="613"/>
      <c r="BBM687" s="613"/>
      <c r="BBN687" s="613"/>
      <c r="BBO687" s="613"/>
      <c r="BBP687" s="613"/>
      <c r="BBQ687" s="613"/>
      <c r="BBR687" s="613"/>
      <c r="BBS687" s="613"/>
      <c r="BBT687" s="613"/>
      <c r="BBU687" s="613"/>
      <c r="BBV687" s="613"/>
      <c r="BBW687" s="613"/>
      <c r="BBX687" s="613"/>
      <c r="BBY687" s="613"/>
      <c r="BBZ687" s="613"/>
      <c r="BCA687" s="613"/>
      <c r="BCB687" s="613"/>
      <c r="BCC687" s="613"/>
      <c r="BCD687" s="613"/>
      <c r="BCE687" s="613"/>
      <c r="BCF687" s="613"/>
      <c r="BCG687" s="613"/>
      <c r="BCH687" s="613"/>
      <c r="BCI687" s="613"/>
      <c r="BCJ687" s="613"/>
      <c r="BCK687" s="613"/>
      <c r="BCL687" s="613"/>
      <c r="BCM687" s="613"/>
      <c r="BCN687" s="613"/>
      <c r="BCO687" s="613"/>
      <c r="BCP687" s="613"/>
      <c r="BCQ687" s="613"/>
      <c r="BCR687" s="613"/>
      <c r="BCS687" s="613"/>
      <c r="BCT687" s="613"/>
      <c r="BCU687" s="613"/>
      <c r="BCV687" s="613"/>
      <c r="BCW687" s="613"/>
      <c r="BCX687" s="613"/>
      <c r="BCY687" s="613"/>
      <c r="BCZ687" s="613"/>
      <c r="BDA687" s="613"/>
      <c r="BDB687" s="613"/>
      <c r="BDC687" s="613"/>
      <c r="BDD687" s="613"/>
      <c r="BDE687" s="613"/>
      <c r="BDF687" s="613"/>
      <c r="BDG687" s="613"/>
      <c r="BDH687" s="613"/>
      <c r="BDI687" s="613"/>
      <c r="BDJ687" s="613"/>
      <c r="BDK687" s="613"/>
      <c r="BDL687" s="613"/>
      <c r="BDM687" s="613"/>
      <c r="BDN687" s="613"/>
      <c r="BDO687" s="613"/>
      <c r="BDP687" s="613"/>
      <c r="BDQ687" s="613"/>
      <c r="BDR687" s="613"/>
      <c r="BDS687" s="613"/>
      <c r="BDT687" s="613"/>
      <c r="BDU687" s="613"/>
      <c r="BDV687" s="613"/>
      <c r="BDW687" s="613"/>
      <c r="BDX687" s="613"/>
      <c r="BDY687" s="613"/>
      <c r="BDZ687" s="613"/>
      <c r="BEA687" s="613"/>
      <c r="BEB687" s="613"/>
      <c r="BEC687" s="613"/>
      <c r="BED687" s="613"/>
      <c r="BEE687" s="613"/>
      <c r="BEF687" s="613"/>
      <c r="BEG687" s="613"/>
      <c r="BEH687" s="613"/>
      <c r="BEI687" s="613"/>
      <c r="BEJ687" s="613"/>
      <c r="BEK687" s="613"/>
      <c r="BEL687" s="613"/>
      <c r="BEM687" s="613"/>
      <c r="BEN687" s="613"/>
      <c r="BEO687" s="613"/>
      <c r="BEP687" s="613"/>
      <c r="BEQ687" s="613"/>
      <c r="BER687" s="613"/>
      <c r="BES687" s="613"/>
      <c r="BET687" s="613"/>
      <c r="BEU687" s="613"/>
      <c r="BEV687" s="613"/>
      <c r="BEW687" s="613"/>
      <c r="BEX687" s="613"/>
      <c r="BEY687" s="613"/>
      <c r="BEZ687" s="613"/>
      <c r="BFA687" s="613"/>
      <c r="BFB687" s="613"/>
      <c r="BFC687" s="613"/>
      <c r="BFD687" s="613"/>
      <c r="BFE687" s="613"/>
      <c r="BFF687" s="613"/>
      <c r="BFG687" s="613"/>
      <c r="BFH687" s="613"/>
      <c r="BFI687" s="613"/>
      <c r="BFJ687" s="613"/>
      <c r="BFK687" s="613"/>
      <c r="BFL687" s="613"/>
      <c r="BFM687" s="613"/>
      <c r="BFN687" s="613"/>
      <c r="BFO687" s="613"/>
      <c r="BFP687" s="613"/>
      <c r="BFQ687" s="613"/>
      <c r="BFR687" s="613"/>
      <c r="BFS687" s="613"/>
      <c r="BFT687" s="613"/>
      <c r="BFU687" s="613"/>
      <c r="BFV687" s="613"/>
      <c r="BFW687" s="613"/>
      <c r="BFX687" s="613"/>
      <c r="BFY687" s="613"/>
      <c r="BFZ687" s="613"/>
      <c r="BGA687" s="613"/>
      <c r="BGB687" s="613"/>
      <c r="BGC687" s="613"/>
      <c r="BGD687" s="613"/>
      <c r="BGE687" s="613"/>
      <c r="BGF687" s="613"/>
      <c r="BGG687" s="613"/>
      <c r="BGH687" s="613"/>
      <c r="BGI687" s="613"/>
      <c r="BGJ687" s="613"/>
      <c r="BGK687" s="613"/>
      <c r="BGL687" s="613"/>
      <c r="BGM687" s="613"/>
      <c r="BGN687" s="613"/>
      <c r="BGO687" s="613"/>
      <c r="BGP687" s="613"/>
      <c r="BGQ687" s="613"/>
      <c r="BGR687" s="613"/>
      <c r="BGS687" s="613"/>
      <c r="BGT687" s="613"/>
      <c r="BGU687" s="613"/>
      <c r="BGV687" s="613"/>
      <c r="BGW687" s="613"/>
      <c r="BGX687" s="613"/>
      <c r="BGY687" s="613"/>
      <c r="BGZ687" s="613"/>
      <c r="BHA687" s="613"/>
      <c r="BHB687" s="613"/>
      <c r="BHC687" s="613"/>
      <c r="BHD687" s="613"/>
      <c r="BHE687" s="613"/>
      <c r="BHF687" s="613"/>
      <c r="BHG687" s="613"/>
      <c r="BHH687" s="613"/>
      <c r="BHI687" s="613"/>
      <c r="BHJ687" s="613"/>
      <c r="BHK687" s="613"/>
      <c r="BHL687" s="613"/>
      <c r="BHM687" s="613"/>
      <c r="BHN687" s="613"/>
      <c r="BHO687" s="613"/>
      <c r="BHP687" s="613"/>
      <c r="BHQ687" s="613"/>
      <c r="BHR687" s="613"/>
      <c r="BHS687" s="613"/>
      <c r="BHT687" s="613"/>
      <c r="BHU687" s="613"/>
      <c r="BHV687" s="613"/>
      <c r="BHW687" s="613"/>
      <c r="BHX687" s="613"/>
      <c r="BHY687" s="613"/>
      <c r="BHZ687" s="613"/>
      <c r="BIA687" s="613"/>
      <c r="BIB687" s="613"/>
      <c r="BIC687" s="613"/>
      <c r="BID687" s="613"/>
      <c r="BIE687" s="613"/>
      <c r="BIF687" s="613"/>
      <c r="BIG687" s="613"/>
      <c r="BIH687" s="613"/>
      <c r="BII687" s="613"/>
      <c r="BIJ687" s="613"/>
      <c r="BIK687" s="613"/>
      <c r="BIL687" s="613"/>
      <c r="BIM687" s="613"/>
      <c r="BIN687" s="613"/>
      <c r="BIO687" s="613"/>
      <c r="BIP687" s="613"/>
      <c r="BIQ687" s="613"/>
      <c r="BIR687" s="613"/>
      <c r="BIS687" s="613"/>
      <c r="BIT687" s="613"/>
      <c r="BIU687" s="613"/>
      <c r="BIV687" s="613"/>
      <c r="BIW687" s="613"/>
      <c r="BIX687" s="613"/>
      <c r="BIY687" s="613"/>
      <c r="BIZ687" s="613"/>
      <c r="BJA687" s="613"/>
      <c r="BJB687" s="613"/>
      <c r="BJC687" s="613"/>
      <c r="BJD687" s="613"/>
      <c r="BJE687" s="613"/>
      <c r="BJF687" s="613"/>
      <c r="BJG687" s="613"/>
      <c r="BJH687" s="613"/>
      <c r="BJI687" s="613"/>
      <c r="BJJ687" s="613"/>
      <c r="BJK687" s="613"/>
      <c r="BJL687" s="613"/>
      <c r="BJM687" s="613"/>
      <c r="BJN687" s="613"/>
      <c r="BJO687" s="613"/>
      <c r="BJP687" s="613"/>
      <c r="BJQ687" s="613"/>
      <c r="BJR687" s="613"/>
      <c r="BJS687" s="613"/>
      <c r="BJT687" s="613"/>
      <c r="BJU687" s="613"/>
      <c r="BJV687" s="613"/>
      <c r="BJW687" s="613"/>
      <c r="BJX687" s="613"/>
      <c r="BJY687" s="613"/>
      <c r="BJZ687" s="613"/>
      <c r="BKA687" s="613"/>
      <c r="BKB687" s="613"/>
      <c r="BKC687" s="613"/>
      <c r="BKD687" s="613"/>
      <c r="BKE687" s="613"/>
      <c r="BKF687" s="613"/>
      <c r="BKG687" s="613"/>
      <c r="BKH687" s="613"/>
      <c r="BKI687" s="613"/>
      <c r="BKJ687" s="613"/>
      <c r="BKK687" s="613"/>
      <c r="BKL687" s="613"/>
      <c r="BKM687" s="613"/>
      <c r="BKN687" s="613"/>
      <c r="BKO687" s="613"/>
      <c r="BKP687" s="613"/>
      <c r="BKQ687" s="613"/>
      <c r="BKR687" s="613"/>
      <c r="BKS687" s="613"/>
      <c r="BKT687" s="613"/>
      <c r="BKU687" s="613"/>
      <c r="BKV687" s="613"/>
      <c r="BKW687" s="613"/>
      <c r="BKX687" s="613"/>
      <c r="BKY687" s="613"/>
      <c r="BKZ687" s="613"/>
      <c r="BLA687" s="613"/>
      <c r="BLB687" s="613"/>
      <c r="BLC687" s="613"/>
      <c r="BLD687" s="613"/>
      <c r="BLE687" s="613"/>
      <c r="BLF687" s="613"/>
      <c r="BLG687" s="613"/>
      <c r="BLH687" s="613"/>
      <c r="BLI687" s="613"/>
      <c r="BLJ687" s="613"/>
      <c r="BLK687" s="613"/>
      <c r="BLL687" s="613"/>
      <c r="BLM687" s="613"/>
      <c r="BLN687" s="613"/>
      <c r="BLO687" s="613"/>
      <c r="BLP687" s="613"/>
      <c r="BLQ687" s="613"/>
      <c r="BLR687" s="613"/>
      <c r="BLS687" s="613"/>
      <c r="BLT687" s="613"/>
      <c r="BLU687" s="613"/>
      <c r="BLV687" s="613"/>
      <c r="BLW687" s="613"/>
      <c r="BLX687" s="613"/>
      <c r="BLY687" s="613"/>
      <c r="BLZ687" s="613"/>
      <c r="BMA687" s="613"/>
      <c r="BMB687" s="613"/>
      <c r="BMC687" s="613"/>
      <c r="BMD687" s="613"/>
      <c r="BME687" s="613"/>
      <c r="BMF687" s="613"/>
      <c r="BMG687" s="613"/>
      <c r="BMH687" s="613"/>
      <c r="BMI687" s="613"/>
      <c r="BMJ687" s="613"/>
      <c r="BMK687" s="613"/>
      <c r="BML687" s="613"/>
      <c r="BMM687" s="613"/>
      <c r="BMN687" s="613"/>
      <c r="BMO687" s="613"/>
      <c r="BMP687" s="613"/>
      <c r="BMQ687" s="613"/>
      <c r="BMR687" s="613"/>
      <c r="BMS687" s="613"/>
      <c r="BMT687" s="613"/>
      <c r="BMU687" s="613"/>
      <c r="BMV687" s="613"/>
      <c r="BMW687" s="613"/>
      <c r="BMX687" s="613"/>
      <c r="BMY687" s="613"/>
      <c r="BMZ687" s="613"/>
      <c r="BNA687" s="613"/>
      <c r="BNB687" s="613"/>
      <c r="BNC687" s="613"/>
      <c r="BND687" s="613"/>
      <c r="BNE687" s="613"/>
      <c r="BNF687" s="613"/>
      <c r="BNG687" s="613"/>
      <c r="BNH687" s="613"/>
      <c r="BNI687" s="613"/>
      <c r="BNJ687" s="613"/>
      <c r="BNK687" s="613"/>
      <c r="BNL687" s="613"/>
      <c r="BNM687" s="613"/>
      <c r="BNN687" s="613"/>
      <c r="BNO687" s="613"/>
      <c r="BNP687" s="613"/>
      <c r="BNQ687" s="613"/>
      <c r="BNR687" s="613"/>
      <c r="BNS687" s="613"/>
      <c r="BNT687" s="613"/>
      <c r="BNU687" s="613"/>
      <c r="BNV687" s="613"/>
      <c r="BNW687" s="613"/>
      <c r="BNX687" s="613"/>
      <c r="BNY687" s="613"/>
      <c r="BNZ687" s="613"/>
      <c r="BOA687" s="613"/>
      <c r="BOB687" s="613"/>
      <c r="BOC687" s="613"/>
      <c r="BOD687" s="613"/>
      <c r="BOE687" s="613"/>
      <c r="BOF687" s="613"/>
      <c r="BOG687" s="613"/>
      <c r="BOH687" s="613"/>
      <c r="BOI687" s="613"/>
      <c r="BOJ687" s="613"/>
      <c r="BOK687" s="613"/>
      <c r="BOL687" s="613"/>
      <c r="BOM687" s="613"/>
      <c r="BON687" s="613"/>
      <c r="BOO687" s="613"/>
      <c r="BOP687" s="613"/>
      <c r="BOQ687" s="613"/>
      <c r="BOR687" s="613"/>
      <c r="BOS687" s="613"/>
      <c r="BOT687" s="613"/>
      <c r="BOU687" s="613"/>
      <c r="BOV687" s="613"/>
      <c r="BOW687" s="613"/>
      <c r="BOX687" s="613"/>
      <c r="BOY687" s="613"/>
      <c r="BOZ687" s="613"/>
      <c r="BPA687" s="613"/>
      <c r="BPB687" s="613"/>
      <c r="BPC687" s="613"/>
      <c r="BPD687" s="613"/>
      <c r="BPE687" s="613"/>
      <c r="BPF687" s="613"/>
      <c r="BPG687" s="613"/>
      <c r="BPH687" s="613"/>
      <c r="BPI687" s="613"/>
      <c r="BPJ687" s="613"/>
      <c r="BPK687" s="613"/>
      <c r="BPL687" s="613"/>
      <c r="BPM687" s="613"/>
      <c r="BPN687" s="613"/>
      <c r="BPO687" s="613"/>
      <c r="BPP687" s="613"/>
      <c r="BPQ687" s="613"/>
      <c r="BPR687" s="613"/>
      <c r="BPS687" s="613"/>
      <c r="BPT687" s="613"/>
      <c r="BPU687" s="613"/>
      <c r="BPV687" s="613"/>
      <c r="BPW687" s="613"/>
      <c r="BPX687" s="613"/>
      <c r="BPY687" s="613"/>
      <c r="BPZ687" s="613"/>
      <c r="BQA687" s="613"/>
      <c r="BQB687" s="613"/>
      <c r="BQC687" s="613"/>
      <c r="BQD687" s="613"/>
      <c r="BQE687" s="613"/>
      <c r="BQF687" s="613"/>
      <c r="BQG687" s="613"/>
      <c r="BQH687" s="613"/>
      <c r="BQI687" s="613"/>
      <c r="BQJ687" s="613"/>
      <c r="BQK687" s="613"/>
      <c r="BQL687" s="613"/>
      <c r="BQM687" s="613"/>
      <c r="BQN687" s="613"/>
      <c r="BQO687" s="613"/>
      <c r="BQP687" s="613"/>
      <c r="BQQ687" s="613"/>
      <c r="BQR687" s="613"/>
      <c r="BQS687" s="613"/>
      <c r="BQT687" s="613"/>
      <c r="BQU687" s="613"/>
      <c r="BQV687" s="613"/>
      <c r="BQW687" s="613"/>
      <c r="BQX687" s="613"/>
      <c r="BQY687" s="613"/>
      <c r="BQZ687" s="613"/>
      <c r="BRA687" s="613"/>
      <c r="BRB687" s="613"/>
      <c r="BRC687" s="613"/>
      <c r="BRD687" s="613"/>
      <c r="BRE687" s="613"/>
      <c r="BRF687" s="613"/>
      <c r="BRG687" s="613"/>
      <c r="BRH687" s="613"/>
      <c r="BRI687" s="613"/>
      <c r="BRJ687" s="613"/>
      <c r="BRK687" s="613"/>
      <c r="BRL687" s="613"/>
      <c r="BRM687" s="613"/>
      <c r="BRN687" s="613"/>
      <c r="BRO687" s="613"/>
      <c r="BRP687" s="613"/>
      <c r="BRQ687" s="613"/>
      <c r="BRR687" s="613"/>
      <c r="BRS687" s="613"/>
      <c r="BRT687" s="613"/>
      <c r="BRU687" s="613"/>
      <c r="BRV687" s="613"/>
      <c r="BRW687" s="613"/>
      <c r="BRX687" s="613"/>
      <c r="BRY687" s="613"/>
      <c r="BRZ687" s="613"/>
      <c r="BSA687" s="613"/>
      <c r="BSB687" s="613"/>
      <c r="BSC687" s="613"/>
      <c r="BSD687" s="613"/>
      <c r="BSE687" s="613"/>
      <c r="BSF687" s="613"/>
      <c r="BSG687" s="613"/>
      <c r="BSH687" s="613"/>
      <c r="BSI687" s="613"/>
      <c r="BSJ687" s="613"/>
      <c r="BSK687" s="613"/>
      <c r="BSL687" s="613"/>
      <c r="BSM687" s="613"/>
      <c r="BSN687" s="613"/>
      <c r="BSO687" s="613"/>
      <c r="BSP687" s="613"/>
      <c r="BSQ687" s="613"/>
      <c r="BSR687" s="613"/>
      <c r="BSS687" s="613"/>
      <c r="BST687" s="613"/>
      <c r="BSU687" s="613"/>
      <c r="BSV687" s="613"/>
      <c r="BSW687" s="613"/>
      <c r="BSX687" s="613"/>
      <c r="BSY687" s="613"/>
      <c r="BSZ687" s="613"/>
      <c r="BTA687" s="613"/>
      <c r="BTB687" s="613"/>
      <c r="BTC687" s="613"/>
      <c r="BTD687" s="613"/>
      <c r="BTE687" s="613"/>
      <c r="BTF687" s="613"/>
      <c r="BTG687" s="613"/>
      <c r="BTH687" s="613"/>
      <c r="BTI687" s="613"/>
      <c r="BTJ687" s="613"/>
      <c r="BTK687" s="613"/>
      <c r="BTL687" s="613"/>
      <c r="BTM687" s="613"/>
      <c r="BTN687" s="613"/>
      <c r="BTO687" s="613"/>
      <c r="BTP687" s="613"/>
      <c r="BTQ687" s="613"/>
      <c r="BTR687" s="613"/>
      <c r="BTS687" s="613"/>
      <c r="BTT687" s="613"/>
      <c r="BTU687" s="613"/>
      <c r="BTV687" s="613"/>
      <c r="BTW687" s="613"/>
      <c r="BTX687" s="613"/>
      <c r="BTY687" s="613"/>
      <c r="BTZ687" s="613"/>
      <c r="BUA687" s="613"/>
      <c r="BUB687" s="613"/>
      <c r="BUC687" s="613"/>
      <c r="BUD687" s="613"/>
      <c r="BUE687" s="613"/>
      <c r="BUF687" s="613"/>
      <c r="BUG687" s="613"/>
      <c r="BUH687" s="613"/>
      <c r="BUI687" s="613"/>
      <c r="BUJ687" s="613"/>
      <c r="BUK687" s="613"/>
      <c r="BUL687" s="613"/>
      <c r="BUM687" s="613"/>
      <c r="BUN687" s="613"/>
      <c r="BUO687" s="613"/>
      <c r="BUP687" s="613"/>
      <c r="BUQ687" s="613"/>
      <c r="BUR687" s="613"/>
      <c r="BUS687" s="613"/>
      <c r="BUT687" s="613"/>
      <c r="BUU687" s="613"/>
      <c r="BUV687" s="613"/>
      <c r="BUW687" s="613"/>
      <c r="BUX687" s="613"/>
      <c r="BUY687" s="613"/>
      <c r="BUZ687" s="613"/>
      <c r="BVA687" s="613"/>
      <c r="BVB687" s="613"/>
      <c r="BVC687" s="613"/>
      <c r="BVD687" s="613"/>
      <c r="BVE687" s="613"/>
      <c r="BVF687" s="613"/>
      <c r="BVG687" s="613"/>
      <c r="BVH687" s="613"/>
      <c r="BVI687" s="613"/>
      <c r="BVJ687" s="613"/>
      <c r="BVK687" s="613"/>
      <c r="BVL687" s="613"/>
      <c r="BVM687" s="613"/>
      <c r="BVN687" s="613"/>
      <c r="BVO687" s="613"/>
      <c r="BVP687" s="613"/>
      <c r="BVQ687" s="613"/>
      <c r="BVR687" s="613"/>
      <c r="BVS687" s="613"/>
      <c r="BVT687" s="613"/>
      <c r="BVU687" s="613"/>
      <c r="BVV687" s="613"/>
      <c r="BVW687" s="613"/>
      <c r="BVX687" s="613"/>
      <c r="BVY687" s="613"/>
      <c r="BVZ687" s="613"/>
      <c r="BWA687" s="613"/>
      <c r="BWB687" s="613"/>
      <c r="BWC687" s="613"/>
      <c r="BWD687" s="613"/>
      <c r="BWE687" s="613"/>
      <c r="BWF687" s="613"/>
      <c r="BWG687" s="613"/>
      <c r="BWH687" s="613"/>
      <c r="BWI687" s="613"/>
      <c r="BWJ687" s="613"/>
      <c r="BWK687" s="613"/>
      <c r="BWL687" s="613"/>
      <c r="BWM687" s="613"/>
      <c r="BWN687" s="613"/>
      <c r="BWO687" s="613"/>
      <c r="BWP687" s="613"/>
      <c r="BWQ687" s="613"/>
      <c r="BWR687" s="613"/>
      <c r="BWS687" s="613"/>
      <c r="BWT687" s="613"/>
      <c r="BWU687" s="613"/>
      <c r="BWV687" s="613"/>
      <c r="BWW687" s="613"/>
      <c r="BWX687" s="613"/>
      <c r="BWY687" s="613"/>
      <c r="BWZ687" s="613"/>
      <c r="BXA687" s="613"/>
      <c r="BXB687" s="613"/>
      <c r="BXC687" s="613"/>
      <c r="BXD687" s="613"/>
      <c r="BXE687" s="613"/>
      <c r="BXF687" s="613"/>
      <c r="BXG687" s="613"/>
      <c r="BXH687" s="613"/>
      <c r="BXI687" s="613"/>
      <c r="BXJ687" s="613"/>
      <c r="BXK687" s="613"/>
      <c r="BXL687" s="613"/>
      <c r="BXM687" s="613"/>
      <c r="BXN687" s="613"/>
      <c r="BXO687" s="613"/>
      <c r="BXP687" s="613"/>
      <c r="BXQ687" s="613"/>
      <c r="BXR687" s="613"/>
      <c r="BXS687" s="613"/>
      <c r="BXT687" s="613"/>
      <c r="BXU687" s="613"/>
      <c r="BXV687" s="613"/>
      <c r="BXW687" s="613"/>
      <c r="BXX687" s="613"/>
      <c r="BXY687" s="613"/>
      <c r="BXZ687" s="613"/>
      <c r="BYA687" s="613"/>
      <c r="BYB687" s="613"/>
      <c r="BYC687" s="613"/>
      <c r="BYD687" s="613"/>
      <c r="BYE687" s="613"/>
      <c r="BYF687" s="613"/>
      <c r="BYG687" s="613"/>
      <c r="BYH687" s="613"/>
      <c r="BYI687" s="613"/>
      <c r="BYJ687" s="613"/>
      <c r="BYK687" s="613"/>
      <c r="BYL687" s="613"/>
      <c r="BYM687" s="613"/>
      <c r="BYN687" s="613"/>
      <c r="BYO687" s="613"/>
      <c r="BYP687" s="613"/>
      <c r="BYQ687" s="613"/>
      <c r="BYR687" s="613"/>
      <c r="BYS687" s="613"/>
      <c r="BYT687" s="613"/>
      <c r="BYU687" s="613"/>
      <c r="BYV687" s="613"/>
      <c r="BYW687" s="613"/>
      <c r="BYX687" s="613"/>
      <c r="BYY687" s="613"/>
      <c r="BYZ687" s="613"/>
      <c r="BZA687" s="613"/>
      <c r="BZB687" s="613"/>
      <c r="BZC687" s="613"/>
      <c r="BZD687" s="613"/>
      <c r="BZE687" s="613"/>
      <c r="BZF687" s="613"/>
      <c r="BZG687" s="613"/>
      <c r="BZH687" s="613"/>
      <c r="BZI687" s="613"/>
      <c r="BZJ687" s="613"/>
      <c r="BZK687" s="613"/>
      <c r="BZL687" s="613"/>
      <c r="BZM687" s="613"/>
      <c r="BZN687" s="613"/>
      <c r="BZO687" s="613"/>
      <c r="BZP687" s="613"/>
      <c r="BZQ687" s="613"/>
      <c r="BZR687" s="613"/>
      <c r="BZS687" s="613"/>
      <c r="BZT687" s="613"/>
      <c r="BZU687" s="613"/>
      <c r="BZV687" s="613"/>
      <c r="BZW687" s="613"/>
      <c r="BZX687" s="613"/>
      <c r="BZY687" s="613"/>
      <c r="BZZ687" s="613"/>
      <c r="CAA687" s="613"/>
      <c r="CAB687" s="613"/>
      <c r="CAC687" s="613"/>
      <c r="CAD687" s="613"/>
      <c r="CAE687" s="613"/>
      <c r="CAF687" s="613"/>
      <c r="CAG687" s="613"/>
      <c r="CAH687" s="613"/>
      <c r="CAI687" s="613"/>
      <c r="CAJ687" s="613"/>
      <c r="CAK687" s="613"/>
      <c r="CAL687" s="613"/>
      <c r="CAM687" s="613"/>
      <c r="CAN687" s="613"/>
      <c r="CAO687" s="613"/>
      <c r="CAP687" s="613"/>
      <c r="CAQ687" s="613"/>
      <c r="CAR687" s="613"/>
      <c r="CAS687" s="613"/>
      <c r="CAT687" s="613"/>
      <c r="CAU687" s="613"/>
      <c r="CAV687" s="613"/>
      <c r="CAW687" s="613"/>
      <c r="CAX687" s="613"/>
      <c r="CAY687" s="613"/>
      <c r="CAZ687" s="613"/>
      <c r="CBA687" s="613"/>
      <c r="CBB687" s="613"/>
      <c r="CBC687" s="613"/>
      <c r="CBD687" s="613"/>
      <c r="CBE687" s="613"/>
      <c r="CBF687" s="613"/>
      <c r="CBG687" s="613"/>
      <c r="CBH687" s="613"/>
      <c r="CBI687" s="613"/>
      <c r="CBJ687" s="613"/>
      <c r="CBK687" s="613"/>
      <c r="CBL687" s="613"/>
      <c r="CBM687" s="613"/>
      <c r="CBN687" s="613"/>
      <c r="CBO687" s="613"/>
      <c r="CBP687" s="613"/>
      <c r="CBQ687" s="613"/>
      <c r="CBR687" s="613"/>
      <c r="CBS687" s="613"/>
      <c r="CBT687" s="613"/>
      <c r="CBU687" s="613"/>
      <c r="CBV687" s="613"/>
      <c r="CBW687" s="613"/>
      <c r="CBX687" s="613"/>
      <c r="CBY687" s="613"/>
      <c r="CBZ687" s="613"/>
      <c r="CCA687" s="613"/>
      <c r="CCB687" s="613"/>
      <c r="CCC687" s="613"/>
      <c r="CCD687" s="613"/>
      <c r="CCE687" s="613"/>
      <c r="CCF687" s="613"/>
      <c r="CCG687" s="613"/>
      <c r="CCH687" s="613"/>
      <c r="CCI687" s="613"/>
      <c r="CCJ687" s="613"/>
      <c r="CCK687" s="613"/>
      <c r="CCL687" s="613"/>
      <c r="CCM687" s="613"/>
      <c r="CCN687" s="613"/>
      <c r="CCO687" s="613"/>
      <c r="CCP687" s="613"/>
      <c r="CCQ687" s="613"/>
      <c r="CCR687" s="613"/>
      <c r="CCS687" s="613"/>
      <c r="CCT687" s="613"/>
      <c r="CCU687" s="613"/>
      <c r="CCV687" s="613"/>
      <c r="CCW687" s="613"/>
      <c r="CCX687" s="613"/>
      <c r="CCY687" s="613"/>
      <c r="CCZ687" s="613"/>
      <c r="CDA687" s="613"/>
      <c r="CDB687" s="613"/>
      <c r="CDC687" s="613"/>
      <c r="CDD687" s="613"/>
      <c r="CDE687" s="613"/>
      <c r="CDF687" s="613"/>
      <c r="CDG687" s="613"/>
      <c r="CDH687" s="613"/>
      <c r="CDI687" s="613"/>
      <c r="CDJ687" s="613"/>
      <c r="CDK687" s="613"/>
      <c r="CDL687" s="613"/>
      <c r="CDM687" s="613"/>
      <c r="CDN687" s="613"/>
      <c r="CDO687" s="613"/>
      <c r="CDP687" s="613"/>
      <c r="CDQ687" s="613"/>
      <c r="CDR687" s="613"/>
      <c r="CDS687" s="613"/>
      <c r="CDT687" s="613"/>
      <c r="CDU687" s="613"/>
      <c r="CDV687" s="613"/>
      <c r="CDW687" s="613"/>
      <c r="CDX687" s="613"/>
      <c r="CDY687" s="613"/>
      <c r="CDZ687" s="613"/>
      <c r="CEA687" s="613"/>
      <c r="CEB687" s="613"/>
      <c r="CEC687" s="613"/>
      <c r="CED687" s="613"/>
      <c r="CEE687" s="613"/>
      <c r="CEF687" s="613"/>
      <c r="CEG687" s="613"/>
      <c r="CEH687" s="613"/>
      <c r="CEI687" s="613"/>
      <c r="CEJ687" s="613"/>
      <c r="CEK687" s="613"/>
      <c r="CEL687" s="613"/>
      <c r="CEM687" s="613"/>
      <c r="CEN687" s="613"/>
      <c r="CEO687" s="613"/>
      <c r="CEP687" s="613"/>
      <c r="CEQ687" s="613"/>
      <c r="CER687" s="613"/>
      <c r="CES687" s="613"/>
      <c r="CET687" s="613"/>
      <c r="CEU687" s="613"/>
      <c r="CEV687" s="613"/>
      <c r="CEW687" s="613"/>
      <c r="CEX687" s="613"/>
      <c r="CEY687" s="613"/>
      <c r="CEZ687" s="613"/>
      <c r="CFA687" s="613"/>
      <c r="CFB687" s="613"/>
      <c r="CFC687" s="613"/>
      <c r="CFD687" s="613"/>
      <c r="CFE687" s="613"/>
      <c r="CFF687" s="613"/>
      <c r="CFG687" s="613"/>
      <c r="CFH687" s="613"/>
      <c r="CFI687" s="613"/>
      <c r="CFJ687" s="613"/>
      <c r="CFK687" s="613"/>
      <c r="CFL687" s="613"/>
      <c r="CFM687" s="613"/>
      <c r="CFN687" s="613"/>
      <c r="CFO687" s="613"/>
      <c r="CFP687" s="613"/>
      <c r="CFQ687" s="613"/>
      <c r="CFR687" s="613"/>
      <c r="CFS687" s="613"/>
      <c r="CFT687" s="613"/>
      <c r="CFU687" s="613"/>
      <c r="CFV687" s="613"/>
      <c r="CFW687" s="613"/>
      <c r="CFX687" s="613"/>
      <c r="CFY687" s="613"/>
      <c r="CFZ687" s="613"/>
      <c r="CGA687" s="613"/>
      <c r="CGB687" s="613"/>
      <c r="CGC687" s="613"/>
      <c r="CGD687" s="613"/>
      <c r="CGE687" s="613"/>
      <c r="CGF687" s="613"/>
      <c r="CGG687" s="613"/>
      <c r="CGH687" s="613"/>
      <c r="CGI687" s="613"/>
      <c r="CGJ687" s="613"/>
      <c r="CGK687" s="613"/>
      <c r="CGL687" s="613"/>
      <c r="CGM687" s="613"/>
      <c r="CGN687" s="613"/>
      <c r="CGO687" s="613"/>
      <c r="CGP687" s="613"/>
      <c r="CGQ687" s="613"/>
      <c r="CGR687" s="613"/>
      <c r="CGS687" s="613"/>
      <c r="CGT687" s="613"/>
      <c r="CGU687" s="613"/>
      <c r="CGV687" s="613"/>
      <c r="CGW687" s="613"/>
      <c r="CGX687" s="613"/>
      <c r="CGY687" s="613"/>
      <c r="CGZ687" s="613"/>
      <c r="CHA687" s="613"/>
      <c r="CHB687" s="613"/>
      <c r="CHC687" s="613"/>
      <c r="CHD687" s="613"/>
      <c r="CHE687" s="613"/>
      <c r="CHF687" s="613"/>
      <c r="CHG687" s="613"/>
      <c r="CHH687" s="613"/>
      <c r="CHI687" s="613"/>
      <c r="CHJ687" s="613"/>
      <c r="CHK687" s="613"/>
      <c r="CHL687" s="613"/>
      <c r="CHM687" s="613"/>
      <c r="CHN687" s="613"/>
      <c r="CHO687" s="613"/>
      <c r="CHP687" s="613"/>
      <c r="CHQ687" s="613"/>
      <c r="CHR687" s="613"/>
      <c r="CHS687" s="613"/>
      <c r="CHT687" s="613"/>
      <c r="CHU687" s="613"/>
      <c r="CHV687" s="613"/>
      <c r="CHW687" s="613"/>
      <c r="CHX687" s="613"/>
      <c r="CHY687" s="613"/>
      <c r="CHZ687" s="613"/>
      <c r="CIA687" s="613"/>
      <c r="CIB687" s="613"/>
      <c r="CIC687" s="613"/>
      <c r="CID687" s="613"/>
      <c r="CIE687" s="613"/>
      <c r="CIF687" s="613"/>
      <c r="CIG687" s="613"/>
      <c r="CIH687" s="613"/>
      <c r="CII687" s="613"/>
      <c r="CIJ687" s="613"/>
      <c r="CIK687" s="613"/>
      <c r="CIL687" s="613"/>
      <c r="CIM687" s="613"/>
      <c r="CIN687" s="613"/>
      <c r="CIO687" s="613"/>
      <c r="CIP687" s="613"/>
      <c r="CIQ687" s="613"/>
      <c r="CIR687" s="613"/>
      <c r="CIS687" s="613"/>
      <c r="CIT687" s="613"/>
      <c r="CIU687" s="613"/>
      <c r="CIV687" s="613"/>
      <c r="CIW687" s="613"/>
      <c r="CIX687" s="613"/>
      <c r="CIY687" s="613"/>
      <c r="CIZ687" s="613"/>
      <c r="CJA687" s="613"/>
      <c r="CJB687" s="613"/>
      <c r="CJC687" s="613"/>
      <c r="CJD687" s="613"/>
      <c r="CJE687" s="613"/>
      <c r="CJF687" s="613"/>
      <c r="CJG687" s="613"/>
      <c r="CJH687" s="613"/>
      <c r="CJI687" s="613"/>
      <c r="CJJ687" s="613"/>
      <c r="CJK687" s="613"/>
      <c r="CJL687" s="613"/>
      <c r="CJM687" s="613"/>
      <c r="CJN687" s="613"/>
      <c r="CJO687" s="613"/>
      <c r="CJP687" s="613"/>
      <c r="CJQ687" s="613"/>
      <c r="CJR687" s="613"/>
      <c r="CJS687" s="613"/>
      <c r="CJT687" s="613"/>
      <c r="CJU687" s="613"/>
      <c r="CJV687" s="613"/>
      <c r="CJW687" s="613"/>
      <c r="CJX687" s="613"/>
      <c r="CJY687" s="613"/>
      <c r="CJZ687" s="613"/>
      <c r="CKA687" s="613"/>
      <c r="CKB687" s="613"/>
      <c r="CKC687" s="613"/>
      <c r="CKD687" s="613"/>
      <c r="CKE687" s="613"/>
      <c r="CKF687" s="613"/>
      <c r="CKG687" s="613"/>
      <c r="CKH687" s="613"/>
      <c r="CKI687" s="613"/>
      <c r="CKJ687" s="613"/>
      <c r="CKK687" s="613"/>
      <c r="CKL687" s="613"/>
      <c r="CKM687" s="613"/>
      <c r="CKN687" s="613"/>
      <c r="CKO687" s="613"/>
      <c r="CKP687" s="613"/>
      <c r="CKQ687" s="613"/>
      <c r="CKR687" s="613"/>
      <c r="CKS687" s="613"/>
      <c r="CKT687" s="613"/>
      <c r="CKU687" s="613"/>
      <c r="CKV687" s="613"/>
      <c r="CKW687" s="613"/>
      <c r="CKX687" s="613"/>
      <c r="CKY687" s="613"/>
      <c r="CKZ687" s="613"/>
      <c r="CLA687" s="613"/>
      <c r="CLB687" s="613"/>
      <c r="CLC687" s="613"/>
      <c r="CLD687" s="613"/>
      <c r="CLE687" s="613"/>
      <c r="CLF687" s="613"/>
      <c r="CLG687" s="613"/>
      <c r="CLH687" s="613"/>
      <c r="CLI687" s="613"/>
      <c r="CLJ687" s="613"/>
      <c r="CLK687" s="613"/>
      <c r="CLL687" s="613"/>
      <c r="CLM687" s="613"/>
      <c r="CLN687" s="613"/>
      <c r="CLO687" s="613"/>
      <c r="CLP687" s="613"/>
      <c r="CLQ687" s="613"/>
      <c r="CLR687" s="613"/>
      <c r="CLS687" s="613"/>
      <c r="CLT687" s="613"/>
      <c r="CLU687" s="613"/>
      <c r="CLV687" s="613"/>
      <c r="CLW687" s="613"/>
      <c r="CLX687" s="613"/>
      <c r="CLY687" s="613"/>
      <c r="CLZ687" s="613"/>
      <c r="CMA687" s="613"/>
      <c r="CMB687" s="613"/>
      <c r="CMC687" s="613"/>
      <c r="CMD687" s="613"/>
      <c r="CME687" s="613"/>
      <c r="CMF687" s="613"/>
      <c r="CMG687" s="613"/>
      <c r="CMH687" s="613"/>
      <c r="CMI687" s="613"/>
      <c r="CMJ687" s="613"/>
      <c r="CMK687" s="613"/>
      <c r="CML687" s="613"/>
      <c r="CMM687" s="613"/>
      <c r="CMN687" s="613"/>
      <c r="CMO687" s="613"/>
      <c r="CMP687" s="613"/>
      <c r="CMQ687" s="613"/>
      <c r="CMR687" s="613"/>
      <c r="CMS687" s="613"/>
      <c r="CMT687" s="613"/>
      <c r="CMU687" s="613"/>
      <c r="CMV687" s="613"/>
      <c r="CMW687" s="613"/>
      <c r="CMX687" s="613"/>
      <c r="CMY687" s="613"/>
      <c r="CMZ687" s="613"/>
      <c r="CNA687" s="613"/>
      <c r="CNB687" s="613"/>
      <c r="CNC687" s="613"/>
      <c r="CND687" s="613"/>
      <c r="CNE687" s="613"/>
      <c r="CNF687" s="613"/>
      <c r="CNG687" s="613"/>
      <c r="CNH687" s="613"/>
      <c r="CNI687" s="613"/>
      <c r="CNJ687" s="613"/>
      <c r="CNK687" s="613"/>
      <c r="CNL687" s="613"/>
      <c r="CNM687" s="613"/>
      <c r="CNN687" s="613"/>
      <c r="CNO687" s="613"/>
      <c r="CNP687" s="613"/>
      <c r="CNQ687" s="613"/>
      <c r="CNR687" s="613"/>
      <c r="CNS687" s="613"/>
      <c r="CNT687" s="613"/>
      <c r="CNU687" s="613"/>
      <c r="CNV687" s="613"/>
      <c r="CNW687" s="613"/>
      <c r="CNX687" s="613"/>
      <c r="CNY687" s="613"/>
      <c r="CNZ687" s="613"/>
      <c r="COA687" s="613"/>
      <c r="COB687" s="613"/>
      <c r="COC687" s="613"/>
      <c r="COD687" s="613"/>
      <c r="COE687" s="613"/>
      <c r="COF687" s="613"/>
      <c r="COG687" s="613"/>
      <c r="COH687" s="613"/>
      <c r="COI687" s="613"/>
      <c r="COJ687" s="613"/>
      <c r="COK687" s="613"/>
      <c r="COL687" s="613"/>
      <c r="COM687" s="613"/>
      <c r="CON687" s="613"/>
      <c r="COO687" s="613"/>
      <c r="COP687" s="613"/>
      <c r="COQ687" s="613"/>
      <c r="COR687" s="613"/>
      <c r="COS687" s="613"/>
      <c r="COT687" s="613"/>
      <c r="COU687" s="613"/>
      <c r="COV687" s="613"/>
      <c r="COW687" s="613"/>
      <c r="COX687" s="613"/>
      <c r="COY687" s="613"/>
      <c r="COZ687" s="613"/>
      <c r="CPA687" s="613"/>
      <c r="CPB687" s="613"/>
      <c r="CPC687" s="613"/>
      <c r="CPD687" s="613"/>
      <c r="CPE687" s="613"/>
      <c r="CPF687" s="613"/>
      <c r="CPG687" s="613"/>
      <c r="CPH687" s="613"/>
      <c r="CPI687" s="613"/>
      <c r="CPJ687" s="613"/>
      <c r="CPK687" s="613"/>
      <c r="CPL687" s="613"/>
      <c r="CPM687" s="613"/>
      <c r="CPN687" s="613"/>
      <c r="CPO687" s="613"/>
      <c r="CPP687" s="613"/>
      <c r="CPQ687" s="613"/>
      <c r="CPR687" s="613"/>
      <c r="CPS687" s="613"/>
      <c r="CPT687" s="613"/>
      <c r="CPU687" s="613"/>
      <c r="CPV687" s="613"/>
      <c r="CPW687" s="613"/>
      <c r="CPX687" s="613"/>
      <c r="CPY687" s="613"/>
      <c r="CPZ687" s="613"/>
      <c r="CQA687" s="613"/>
      <c r="CQB687" s="613"/>
      <c r="CQC687" s="613"/>
      <c r="CQD687" s="613"/>
      <c r="CQE687" s="613"/>
      <c r="CQF687" s="613"/>
      <c r="CQG687" s="613"/>
      <c r="CQH687" s="613"/>
      <c r="CQI687" s="613"/>
      <c r="CQJ687" s="613"/>
      <c r="CQK687" s="613"/>
      <c r="CQL687" s="613"/>
      <c r="CQM687" s="613"/>
      <c r="CQN687" s="613"/>
      <c r="CQO687" s="613"/>
      <c r="CQP687" s="613"/>
      <c r="CQQ687" s="613"/>
      <c r="CQR687" s="613"/>
      <c r="CQS687" s="613"/>
      <c r="CQT687" s="613"/>
      <c r="CQU687" s="613"/>
      <c r="CQV687" s="613"/>
      <c r="CQW687" s="613"/>
      <c r="CQX687" s="613"/>
      <c r="CQY687" s="613"/>
      <c r="CQZ687" s="613"/>
      <c r="CRA687" s="613"/>
      <c r="CRB687" s="613"/>
      <c r="CRC687" s="613"/>
      <c r="CRD687" s="613"/>
      <c r="CRE687" s="613"/>
      <c r="CRF687" s="613"/>
      <c r="CRG687" s="613"/>
      <c r="CRH687" s="613"/>
      <c r="CRI687" s="613"/>
      <c r="CRJ687" s="613"/>
      <c r="CRK687" s="613"/>
      <c r="CRL687" s="613"/>
      <c r="CRM687" s="613"/>
      <c r="CRN687" s="613"/>
      <c r="CRO687" s="613"/>
      <c r="CRP687" s="613"/>
      <c r="CRQ687" s="613"/>
      <c r="CRR687" s="613"/>
      <c r="CRS687" s="613"/>
      <c r="CRT687" s="613"/>
      <c r="CRU687" s="613"/>
      <c r="CRV687" s="613"/>
      <c r="CRW687" s="613"/>
      <c r="CRX687" s="613"/>
      <c r="CRY687" s="613"/>
      <c r="CRZ687" s="613"/>
      <c r="CSA687" s="613"/>
      <c r="CSB687" s="613"/>
      <c r="CSC687" s="613"/>
      <c r="CSD687" s="613"/>
      <c r="CSE687" s="613"/>
      <c r="CSF687" s="613"/>
      <c r="CSG687" s="613"/>
      <c r="CSH687" s="613"/>
      <c r="CSI687" s="613"/>
      <c r="CSJ687" s="613"/>
      <c r="CSK687" s="613"/>
      <c r="CSL687" s="613"/>
      <c r="CSM687" s="613"/>
      <c r="CSN687" s="613"/>
      <c r="CSO687" s="613"/>
      <c r="CSP687" s="613"/>
      <c r="CSQ687" s="613"/>
      <c r="CSR687" s="613"/>
      <c r="CSS687" s="613"/>
      <c r="CST687" s="613"/>
      <c r="CSU687" s="613"/>
      <c r="CSV687" s="613"/>
      <c r="CSW687" s="613"/>
      <c r="CSX687" s="613"/>
      <c r="CSY687" s="613"/>
      <c r="CSZ687" s="613"/>
      <c r="CTA687" s="613"/>
      <c r="CTB687" s="613"/>
      <c r="CTC687" s="613"/>
      <c r="CTD687" s="613"/>
      <c r="CTE687" s="613"/>
      <c r="CTF687" s="613"/>
      <c r="CTG687" s="613"/>
      <c r="CTH687" s="613"/>
      <c r="CTI687" s="613"/>
      <c r="CTJ687" s="613"/>
      <c r="CTK687" s="613"/>
      <c r="CTL687" s="613"/>
      <c r="CTM687" s="613"/>
      <c r="CTN687" s="613"/>
      <c r="CTO687" s="613"/>
      <c r="CTP687" s="613"/>
      <c r="CTQ687" s="613"/>
      <c r="CTR687" s="613"/>
      <c r="CTS687" s="613"/>
      <c r="CTT687" s="613"/>
      <c r="CTU687" s="613"/>
      <c r="CTV687" s="613"/>
      <c r="CTW687" s="613"/>
      <c r="CTX687" s="613"/>
      <c r="CTY687" s="613"/>
      <c r="CTZ687" s="613"/>
      <c r="CUA687" s="613"/>
      <c r="CUB687" s="613"/>
      <c r="CUC687" s="613"/>
      <c r="CUD687" s="613"/>
      <c r="CUE687" s="613"/>
      <c r="CUF687" s="613"/>
      <c r="CUG687" s="613"/>
      <c r="CUH687" s="613"/>
      <c r="CUI687" s="613"/>
      <c r="CUJ687" s="613"/>
      <c r="CUK687" s="613"/>
      <c r="CUL687" s="613"/>
      <c r="CUM687" s="613"/>
      <c r="CUN687" s="613"/>
      <c r="CUO687" s="613"/>
      <c r="CUP687" s="613"/>
      <c r="CUQ687" s="613"/>
      <c r="CUR687" s="613"/>
      <c r="CUS687" s="613"/>
      <c r="CUT687" s="613"/>
      <c r="CUU687" s="613"/>
      <c r="CUV687" s="613"/>
      <c r="CUW687" s="613"/>
      <c r="CUX687" s="613"/>
      <c r="CUY687" s="613"/>
      <c r="CUZ687" s="613"/>
      <c r="CVA687" s="613"/>
      <c r="CVB687" s="613"/>
      <c r="CVC687" s="613"/>
      <c r="CVD687" s="613"/>
      <c r="CVE687" s="613"/>
      <c r="CVF687" s="613"/>
      <c r="CVG687" s="613"/>
      <c r="CVH687" s="613"/>
      <c r="CVI687" s="613"/>
      <c r="CVJ687" s="613"/>
      <c r="CVK687" s="613"/>
      <c r="CVL687" s="613"/>
      <c r="CVM687" s="613"/>
      <c r="CVN687" s="613"/>
      <c r="CVO687" s="613"/>
      <c r="CVP687" s="613"/>
      <c r="CVQ687" s="613"/>
      <c r="CVR687" s="613"/>
      <c r="CVS687" s="613"/>
      <c r="CVT687" s="613"/>
      <c r="CVU687" s="613"/>
      <c r="CVV687" s="613"/>
      <c r="CVW687" s="613"/>
      <c r="CVX687" s="613"/>
      <c r="CVY687" s="613"/>
      <c r="CVZ687" s="613"/>
      <c r="CWA687" s="613"/>
      <c r="CWB687" s="613"/>
      <c r="CWC687" s="613"/>
      <c r="CWD687" s="613"/>
      <c r="CWE687" s="613"/>
      <c r="CWF687" s="613"/>
      <c r="CWG687" s="613"/>
      <c r="CWH687" s="613"/>
      <c r="CWI687" s="613"/>
      <c r="CWJ687" s="613"/>
      <c r="CWK687" s="613"/>
      <c r="CWL687" s="613"/>
      <c r="CWM687" s="613"/>
      <c r="CWN687" s="613"/>
      <c r="CWO687" s="613"/>
      <c r="CWP687" s="613"/>
      <c r="CWQ687" s="613"/>
      <c r="CWR687" s="613"/>
      <c r="CWS687" s="613"/>
      <c r="CWT687" s="613"/>
      <c r="CWU687" s="613"/>
      <c r="CWV687" s="613"/>
      <c r="CWW687" s="613"/>
      <c r="CWX687" s="613"/>
      <c r="CWY687" s="613"/>
      <c r="CWZ687" s="613"/>
      <c r="CXA687" s="613"/>
      <c r="CXB687" s="613"/>
      <c r="CXC687" s="613"/>
      <c r="CXD687" s="613"/>
      <c r="CXE687" s="613"/>
      <c r="CXF687" s="613"/>
      <c r="CXG687" s="613"/>
      <c r="CXH687" s="613"/>
      <c r="CXI687" s="613"/>
      <c r="CXJ687" s="613"/>
      <c r="CXK687" s="613"/>
      <c r="CXL687" s="613"/>
      <c r="CXM687" s="613"/>
      <c r="CXN687" s="613"/>
      <c r="CXO687" s="613"/>
      <c r="CXP687" s="613"/>
      <c r="CXQ687" s="613"/>
      <c r="CXR687" s="613"/>
      <c r="CXS687" s="613"/>
      <c r="CXT687" s="613"/>
      <c r="CXU687" s="613"/>
      <c r="CXV687" s="613"/>
      <c r="CXW687" s="613"/>
      <c r="CXX687" s="613"/>
      <c r="CXY687" s="613"/>
      <c r="CXZ687" s="613"/>
      <c r="CYA687" s="613"/>
      <c r="CYB687" s="613"/>
      <c r="CYC687" s="613"/>
      <c r="CYD687" s="613"/>
      <c r="CYE687" s="613"/>
      <c r="CYF687" s="613"/>
      <c r="CYG687" s="613"/>
      <c r="CYH687" s="613"/>
      <c r="CYI687" s="613"/>
      <c r="CYJ687" s="613"/>
      <c r="CYK687" s="613"/>
      <c r="CYL687" s="613"/>
      <c r="CYM687" s="613"/>
      <c r="CYN687" s="613"/>
      <c r="CYO687" s="613"/>
      <c r="CYP687" s="613"/>
      <c r="CYQ687" s="613"/>
      <c r="CYR687" s="613"/>
      <c r="CYS687" s="613"/>
      <c r="CYT687" s="613"/>
      <c r="CYU687" s="613"/>
      <c r="CYV687" s="613"/>
      <c r="CYW687" s="613"/>
      <c r="CYX687" s="613"/>
      <c r="CYY687" s="613"/>
      <c r="CYZ687" s="613"/>
      <c r="CZA687" s="613"/>
      <c r="CZB687" s="613"/>
      <c r="CZC687" s="613"/>
      <c r="CZD687" s="613"/>
      <c r="CZE687" s="613"/>
      <c r="CZF687" s="613"/>
      <c r="CZG687" s="613"/>
      <c r="CZH687" s="613"/>
      <c r="CZI687" s="613"/>
      <c r="CZJ687" s="613"/>
      <c r="CZK687" s="613"/>
      <c r="CZL687" s="613"/>
      <c r="CZM687" s="613"/>
      <c r="CZN687" s="613"/>
      <c r="CZO687" s="613"/>
      <c r="CZP687" s="613"/>
      <c r="CZQ687" s="613"/>
      <c r="CZR687" s="613"/>
      <c r="CZS687" s="613"/>
      <c r="CZT687" s="613"/>
      <c r="CZU687" s="613"/>
      <c r="CZV687" s="613"/>
      <c r="CZW687" s="613"/>
      <c r="CZX687" s="613"/>
      <c r="CZY687" s="613"/>
      <c r="CZZ687" s="613"/>
      <c r="DAA687" s="613"/>
      <c r="DAB687" s="613"/>
      <c r="DAC687" s="613"/>
      <c r="DAD687" s="613"/>
      <c r="DAE687" s="613"/>
      <c r="DAF687" s="613"/>
      <c r="DAG687" s="613"/>
      <c r="DAH687" s="613"/>
      <c r="DAI687" s="613"/>
      <c r="DAJ687" s="613"/>
      <c r="DAK687" s="613"/>
      <c r="DAL687" s="613"/>
      <c r="DAM687" s="613"/>
      <c r="DAN687" s="613"/>
      <c r="DAO687" s="613"/>
      <c r="DAP687" s="613"/>
      <c r="DAQ687" s="613"/>
      <c r="DAR687" s="613"/>
      <c r="DAS687" s="613"/>
      <c r="DAT687" s="613"/>
      <c r="DAU687" s="613"/>
      <c r="DAV687" s="613"/>
      <c r="DAW687" s="613"/>
      <c r="DAX687" s="613"/>
      <c r="DAY687" s="613"/>
      <c r="DAZ687" s="613"/>
      <c r="DBA687" s="613"/>
      <c r="DBB687" s="613"/>
      <c r="DBC687" s="613"/>
      <c r="DBD687" s="613"/>
      <c r="DBE687" s="613"/>
      <c r="DBF687" s="613"/>
      <c r="DBG687" s="613"/>
      <c r="DBH687" s="613"/>
      <c r="DBI687" s="613"/>
      <c r="DBJ687" s="613"/>
      <c r="DBK687" s="613"/>
      <c r="DBL687" s="613"/>
      <c r="DBM687" s="613"/>
      <c r="DBN687" s="613"/>
      <c r="DBO687" s="613"/>
      <c r="DBP687" s="613"/>
      <c r="DBQ687" s="613"/>
      <c r="DBR687" s="613"/>
      <c r="DBS687" s="613"/>
      <c r="DBT687" s="613"/>
      <c r="DBU687" s="613"/>
      <c r="DBV687" s="613"/>
      <c r="DBW687" s="613"/>
      <c r="DBX687" s="613"/>
      <c r="DBY687" s="613"/>
      <c r="DBZ687" s="613"/>
      <c r="DCA687" s="613"/>
      <c r="DCB687" s="613"/>
      <c r="DCC687" s="613"/>
      <c r="DCD687" s="613"/>
      <c r="DCE687" s="613"/>
      <c r="DCF687" s="613"/>
      <c r="DCG687" s="613"/>
      <c r="DCH687" s="613"/>
      <c r="DCI687" s="613"/>
      <c r="DCJ687" s="613"/>
      <c r="DCK687" s="613"/>
      <c r="DCL687" s="613"/>
      <c r="DCM687" s="613"/>
      <c r="DCN687" s="613"/>
      <c r="DCO687" s="613"/>
      <c r="DCP687" s="613"/>
      <c r="DCQ687" s="613"/>
      <c r="DCR687" s="613"/>
      <c r="DCS687" s="613"/>
      <c r="DCT687" s="613"/>
      <c r="DCU687" s="613"/>
      <c r="DCV687" s="613"/>
      <c r="DCW687" s="613"/>
      <c r="DCX687" s="613"/>
      <c r="DCY687" s="613"/>
      <c r="DCZ687" s="613"/>
      <c r="DDA687" s="613"/>
      <c r="DDB687" s="613"/>
      <c r="DDC687" s="613"/>
      <c r="DDD687" s="613"/>
      <c r="DDE687" s="613"/>
      <c r="DDF687" s="613"/>
      <c r="DDG687" s="613"/>
      <c r="DDH687" s="613"/>
      <c r="DDI687" s="613"/>
      <c r="DDJ687" s="613"/>
      <c r="DDK687" s="613"/>
      <c r="DDL687" s="613"/>
      <c r="DDM687" s="613"/>
      <c r="DDN687" s="613"/>
      <c r="DDO687" s="613"/>
      <c r="DDP687" s="613"/>
      <c r="DDQ687" s="613"/>
      <c r="DDR687" s="613"/>
      <c r="DDS687" s="613"/>
      <c r="DDT687" s="613"/>
      <c r="DDU687" s="613"/>
      <c r="DDV687" s="613"/>
      <c r="DDW687" s="613"/>
      <c r="DDX687" s="613"/>
      <c r="DDY687" s="613"/>
      <c r="DDZ687" s="613"/>
      <c r="DEA687" s="613"/>
      <c r="DEB687" s="613"/>
      <c r="DEC687" s="613"/>
      <c r="DED687" s="613"/>
      <c r="DEE687" s="613"/>
      <c r="DEF687" s="613"/>
      <c r="DEG687" s="613"/>
      <c r="DEH687" s="613"/>
      <c r="DEI687" s="613"/>
      <c r="DEJ687" s="613"/>
      <c r="DEK687" s="613"/>
      <c r="DEL687" s="613"/>
      <c r="DEM687" s="613"/>
      <c r="DEN687" s="613"/>
      <c r="DEO687" s="613"/>
      <c r="DEP687" s="613"/>
      <c r="DEQ687" s="613"/>
      <c r="DER687" s="613"/>
      <c r="DES687" s="613"/>
      <c r="DET687" s="613"/>
      <c r="DEU687" s="613"/>
      <c r="DEV687" s="613"/>
      <c r="DEW687" s="613"/>
      <c r="DEX687" s="613"/>
      <c r="DEY687" s="613"/>
      <c r="DEZ687" s="613"/>
      <c r="DFA687" s="613"/>
      <c r="DFB687" s="613"/>
      <c r="DFC687" s="613"/>
      <c r="DFD687" s="613"/>
      <c r="DFE687" s="613"/>
      <c r="DFF687" s="613"/>
      <c r="DFG687" s="613"/>
      <c r="DFH687" s="613"/>
      <c r="DFI687" s="613"/>
      <c r="DFJ687" s="613"/>
      <c r="DFK687" s="613"/>
      <c r="DFL687" s="613"/>
      <c r="DFM687" s="613"/>
      <c r="DFN687" s="613"/>
      <c r="DFO687" s="613"/>
      <c r="DFP687" s="613"/>
      <c r="DFQ687" s="613"/>
      <c r="DFR687" s="613"/>
      <c r="DFS687" s="613"/>
      <c r="DFT687" s="613"/>
      <c r="DFU687" s="613"/>
      <c r="DFV687" s="613"/>
      <c r="DFW687" s="613"/>
      <c r="DFX687" s="613"/>
      <c r="DFY687" s="613"/>
      <c r="DFZ687" s="613"/>
      <c r="DGA687" s="613"/>
      <c r="DGB687" s="613"/>
      <c r="DGC687" s="613"/>
      <c r="DGD687" s="613"/>
      <c r="DGE687" s="613"/>
      <c r="DGF687" s="613"/>
      <c r="DGG687" s="613"/>
      <c r="DGH687" s="613"/>
      <c r="DGI687" s="613"/>
      <c r="DGJ687" s="613"/>
      <c r="DGK687" s="613"/>
      <c r="DGL687" s="613"/>
      <c r="DGM687" s="613"/>
      <c r="DGN687" s="613"/>
      <c r="DGO687" s="613"/>
      <c r="DGP687" s="613"/>
      <c r="DGQ687" s="613"/>
      <c r="DGR687" s="613"/>
      <c r="DGS687" s="613"/>
      <c r="DGT687" s="613"/>
      <c r="DGU687" s="613"/>
      <c r="DGV687" s="613"/>
      <c r="DGW687" s="613"/>
      <c r="DGX687" s="613"/>
      <c r="DGY687" s="613"/>
      <c r="DGZ687" s="613"/>
      <c r="DHA687" s="613"/>
      <c r="DHB687" s="613"/>
      <c r="DHC687" s="613"/>
      <c r="DHD687" s="613"/>
      <c r="DHE687" s="613"/>
      <c r="DHF687" s="613"/>
      <c r="DHG687" s="613"/>
      <c r="DHH687" s="613"/>
      <c r="DHI687" s="613"/>
      <c r="DHJ687" s="613"/>
      <c r="DHK687" s="613"/>
      <c r="DHL687" s="613"/>
      <c r="DHM687" s="613"/>
      <c r="DHN687" s="613"/>
      <c r="DHO687" s="613"/>
      <c r="DHP687" s="613"/>
      <c r="DHQ687" s="613"/>
      <c r="DHR687" s="613"/>
      <c r="DHS687" s="613"/>
      <c r="DHT687" s="613"/>
      <c r="DHU687" s="613"/>
      <c r="DHV687" s="613"/>
      <c r="DHW687" s="613"/>
      <c r="DHX687" s="613"/>
      <c r="DHY687" s="613"/>
      <c r="DHZ687" s="613"/>
      <c r="DIA687" s="613"/>
      <c r="DIB687" s="613"/>
      <c r="DIC687" s="613"/>
      <c r="DID687" s="613"/>
      <c r="DIE687" s="613"/>
      <c r="DIF687" s="613"/>
      <c r="DIG687" s="613"/>
      <c r="DIH687" s="613"/>
      <c r="DII687" s="613"/>
      <c r="DIJ687" s="613"/>
      <c r="DIK687" s="613"/>
      <c r="DIL687" s="613"/>
      <c r="DIM687" s="613"/>
      <c r="DIN687" s="613"/>
      <c r="DIO687" s="613"/>
      <c r="DIP687" s="613"/>
      <c r="DIQ687" s="613"/>
      <c r="DIR687" s="613"/>
      <c r="DIS687" s="613"/>
      <c r="DIT687" s="613"/>
      <c r="DIU687" s="613"/>
      <c r="DIV687" s="613"/>
      <c r="DIW687" s="613"/>
      <c r="DIX687" s="613"/>
      <c r="DIY687" s="613"/>
      <c r="DIZ687" s="613"/>
      <c r="DJA687" s="613"/>
      <c r="DJB687" s="613"/>
      <c r="DJC687" s="613"/>
      <c r="DJD687" s="613"/>
      <c r="DJE687" s="613"/>
      <c r="DJF687" s="613"/>
      <c r="DJG687" s="613"/>
      <c r="DJH687" s="613"/>
      <c r="DJI687" s="613"/>
      <c r="DJJ687" s="613"/>
      <c r="DJK687" s="613"/>
      <c r="DJL687" s="613"/>
      <c r="DJM687" s="613"/>
      <c r="DJN687" s="613"/>
      <c r="DJO687" s="613"/>
      <c r="DJP687" s="613"/>
      <c r="DJQ687" s="613"/>
      <c r="DJR687" s="613"/>
      <c r="DJS687" s="613"/>
      <c r="DJT687" s="613"/>
      <c r="DJU687" s="613"/>
      <c r="DJV687" s="613"/>
      <c r="DJW687" s="613"/>
      <c r="DJX687" s="613"/>
      <c r="DJY687" s="613"/>
      <c r="DJZ687" s="613"/>
      <c r="DKA687" s="613"/>
      <c r="DKB687" s="613"/>
      <c r="DKC687" s="613"/>
      <c r="DKD687" s="613"/>
      <c r="DKE687" s="613"/>
      <c r="DKF687" s="613"/>
      <c r="DKG687" s="613"/>
      <c r="DKH687" s="613"/>
      <c r="DKI687" s="613"/>
      <c r="DKJ687" s="613"/>
      <c r="DKK687" s="613"/>
      <c r="DKL687" s="613"/>
      <c r="DKM687" s="613"/>
      <c r="DKN687" s="613"/>
      <c r="DKO687" s="613"/>
      <c r="DKP687" s="613"/>
      <c r="DKQ687" s="613"/>
      <c r="DKR687" s="613"/>
      <c r="DKS687" s="613"/>
      <c r="DKT687" s="613"/>
      <c r="DKU687" s="613"/>
      <c r="DKV687" s="613"/>
      <c r="DKW687" s="613"/>
      <c r="DKX687" s="613"/>
      <c r="DKY687" s="613"/>
      <c r="DKZ687" s="613"/>
      <c r="DLA687" s="613"/>
      <c r="DLB687" s="613"/>
      <c r="DLC687" s="613"/>
      <c r="DLD687" s="613"/>
      <c r="DLE687" s="613"/>
      <c r="DLF687" s="613"/>
      <c r="DLG687" s="613"/>
      <c r="DLH687" s="613"/>
      <c r="DLI687" s="613"/>
      <c r="DLJ687" s="613"/>
      <c r="DLK687" s="613"/>
      <c r="DLL687" s="613"/>
      <c r="DLM687" s="613"/>
      <c r="DLN687" s="613"/>
      <c r="DLO687" s="613"/>
      <c r="DLP687" s="613"/>
      <c r="DLQ687" s="613"/>
      <c r="DLR687" s="613"/>
      <c r="DLS687" s="613"/>
      <c r="DLT687" s="613"/>
      <c r="DLU687" s="613"/>
      <c r="DLV687" s="613"/>
      <c r="DLW687" s="613"/>
      <c r="DLX687" s="613"/>
      <c r="DLY687" s="613"/>
      <c r="DLZ687" s="613"/>
      <c r="DMA687" s="613"/>
      <c r="DMB687" s="613"/>
      <c r="DMC687" s="613"/>
      <c r="DMD687" s="613"/>
      <c r="DME687" s="613"/>
      <c r="DMF687" s="613"/>
      <c r="DMG687" s="613"/>
      <c r="DMH687" s="613"/>
      <c r="DMI687" s="613"/>
      <c r="DMJ687" s="613"/>
      <c r="DMK687" s="613"/>
      <c r="DML687" s="613"/>
      <c r="DMM687" s="613"/>
      <c r="DMN687" s="613"/>
      <c r="DMO687" s="613"/>
      <c r="DMP687" s="613"/>
      <c r="DMQ687" s="613"/>
      <c r="DMR687" s="613"/>
      <c r="DMS687" s="613"/>
      <c r="DMT687" s="613"/>
      <c r="DMU687" s="613"/>
      <c r="DMV687" s="613"/>
      <c r="DMW687" s="613"/>
      <c r="DMX687" s="613"/>
      <c r="DMY687" s="613"/>
      <c r="DMZ687" s="613"/>
      <c r="DNA687" s="613"/>
      <c r="DNB687" s="613"/>
      <c r="DNC687" s="613"/>
      <c r="DND687" s="613"/>
      <c r="DNE687" s="613"/>
      <c r="DNF687" s="613"/>
      <c r="DNG687" s="613"/>
      <c r="DNH687" s="613"/>
      <c r="DNI687" s="613"/>
      <c r="DNJ687" s="613"/>
      <c r="DNK687" s="613"/>
      <c r="DNL687" s="613"/>
      <c r="DNM687" s="613"/>
      <c r="DNN687" s="613"/>
      <c r="DNO687" s="613"/>
      <c r="DNP687" s="613"/>
      <c r="DNQ687" s="613"/>
      <c r="DNR687" s="613"/>
      <c r="DNS687" s="613"/>
      <c r="DNT687" s="613"/>
      <c r="DNU687" s="613"/>
      <c r="DNV687" s="613"/>
      <c r="DNW687" s="613"/>
      <c r="DNX687" s="613"/>
      <c r="DNY687" s="613"/>
      <c r="DNZ687" s="613"/>
      <c r="DOA687" s="613"/>
      <c r="DOB687" s="613"/>
      <c r="DOC687" s="613"/>
      <c r="DOD687" s="613"/>
      <c r="DOE687" s="613"/>
      <c r="DOF687" s="613"/>
      <c r="DOG687" s="613"/>
      <c r="DOH687" s="613"/>
      <c r="DOI687" s="613"/>
      <c r="DOJ687" s="613"/>
      <c r="DOK687" s="613"/>
      <c r="DOL687" s="613"/>
      <c r="DOM687" s="613"/>
      <c r="DON687" s="613"/>
      <c r="DOO687" s="613"/>
      <c r="DOP687" s="613"/>
      <c r="DOQ687" s="613"/>
      <c r="DOR687" s="613"/>
      <c r="DOS687" s="613"/>
      <c r="DOT687" s="613"/>
      <c r="DOU687" s="613"/>
      <c r="DOV687" s="613"/>
      <c r="DOW687" s="613"/>
      <c r="DOX687" s="613"/>
      <c r="DOY687" s="613"/>
      <c r="DOZ687" s="613"/>
      <c r="DPA687" s="613"/>
      <c r="DPB687" s="613"/>
      <c r="DPC687" s="613"/>
      <c r="DPD687" s="613"/>
      <c r="DPE687" s="613"/>
      <c r="DPF687" s="613"/>
      <c r="DPG687" s="613"/>
      <c r="DPH687" s="613"/>
      <c r="DPI687" s="613"/>
      <c r="DPJ687" s="613"/>
      <c r="DPK687" s="613"/>
      <c r="DPL687" s="613"/>
      <c r="DPM687" s="613"/>
      <c r="DPN687" s="613"/>
      <c r="DPO687" s="613"/>
      <c r="DPP687" s="613"/>
      <c r="DPQ687" s="613"/>
      <c r="DPR687" s="613"/>
      <c r="DPS687" s="613"/>
      <c r="DPT687" s="613"/>
      <c r="DPU687" s="613"/>
      <c r="DPV687" s="613"/>
      <c r="DPW687" s="613"/>
      <c r="DPX687" s="613"/>
      <c r="DPY687" s="613"/>
      <c r="DPZ687" s="613"/>
      <c r="DQA687" s="613"/>
      <c r="DQB687" s="613"/>
      <c r="DQC687" s="613"/>
      <c r="DQD687" s="613"/>
      <c r="DQE687" s="613"/>
      <c r="DQF687" s="613"/>
      <c r="DQG687" s="613"/>
      <c r="DQH687" s="613"/>
      <c r="DQI687" s="613"/>
      <c r="DQJ687" s="613"/>
      <c r="DQK687" s="613"/>
      <c r="DQL687" s="613"/>
      <c r="DQM687" s="613"/>
      <c r="DQN687" s="613"/>
      <c r="DQO687" s="613"/>
      <c r="DQP687" s="613"/>
      <c r="DQQ687" s="613"/>
      <c r="DQR687" s="613"/>
      <c r="DQS687" s="613"/>
      <c r="DQT687" s="613"/>
      <c r="DQU687" s="613"/>
      <c r="DQV687" s="613"/>
      <c r="DQW687" s="613"/>
      <c r="DQX687" s="613"/>
      <c r="DQY687" s="613"/>
      <c r="DQZ687" s="613"/>
      <c r="DRA687" s="613"/>
      <c r="DRB687" s="613"/>
      <c r="DRC687" s="613"/>
      <c r="DRD687" s="613"/>
      <c r="DRE687" s="613"/>
      <c r="DRF687" s="613"/>
      <c r="DRG687" s="613"/>
      <c r="DRH687" s="613"/>
      <c r="DRI687" s="613"/>
      <c r="DRJ687" s="613"/>
      <c r="DRK687" s="613"/>
      <c r="DRL687" s="613"/>
      <c r="DRM687" s="613"/>
      <c r="DRN687" s="613"/>
      <c r="DRO687" s="613"/>
      <c r="DRP687" s="613"/>
      <c r="DRQ687" s="613"/>
      <c r="DRR687" s="613"/>
      <c r="DRS687" s="613"/>
      <c r="DRT687" s="613"/>
      <c r="DRU687" s="613"/>
      <c r="DRV687" s="613"/>
      <c r="DRW687" s="613"/>
      <c r="DRX687" s="613"/>
      <c r="DRY687" s="613"/>
      <c r="DRZ687" s="613"/>
      <c r="DSA687" s="613"/>
      <c r="DSB687" s="613"/>
      <c r="DSC687" s="613"/>
      <c r="DSD687" s="613"/>
      <c r="DSE687" s="613"/>
      <c r="DSF687" s="613"/>
      <c r="DSG687" s="613"/>
      <c r="DSH687" s="613"/>
      <c r="DSI687" s="613"/>
      <c r="DSJ687" s="613"/>
      <c r="DSK687" s="613"/>
      <c r="DSL687" s="613"/>
      <c r="DSM687" s="613"/>
      <c r="DSN687" s="613"/>
      <c r="DSO687" s="613"/>
      <c r="DSP687" s="613"/>
      <c r="DSQ687" s="613"/>
      <c r="DSR687" s="613"/>
      <c r="DSS687" s="613"/>
      <c r="DST687" s="613"/>
      <c r="DSU687" s="613"/>
      <c r="DSV687" s="613"/>
      <c r="DSW687" s="613"/>
      <c r="DSX687" s="613"/>
      <c r="DSY687" s="613"/>
      <c r="DSZ687" s="613"/>
      <c r="DTA687" s="613"/>
      <c r="DTB687" s="613"/>
      <c r="DTC687" s="613"/>
      <c r="DTD687" s="613"/>
      <c r="DTE687" s="613"/>
      <c r="DTF687" s="613"/>
      <c r="DTG687" s="613"/>
      <c r="DTH687" s="613"/>
      <c r="DTI687" s="613"/>
      <c r="DTJ687" s="613"/>
      <c r="DTK687" s="613"/>
      <c r="DTL687" s="613"/>
      <c r="DTM687" s="613"/>
      <c r="DTN687" s="613"/>
      <c r="DTO687" s="613"/>
      <c r="DTP687" s="613"/>
      <c r="DTQ687" s="613"/>
      <c r="DTR687" s="613"/>
      <c r="DTS687" s="613"/>
      <c r="DTT687" s="613"/>
      <c r="DTU687" s="613"/>
      <c r="DTV687" s="613"/>
      <c r="DTW687" s="613"/>
      <c r="DTX687" s="613"/>
      <c r="DTY687" s="613"/>
      <c r="DTZ687" s="613"/>
      <c r="DUA687" s="613"/>
      <c r="DUB687" s="613"/>
      <c r="DUC687" s="613"/>
      <c r="DUD687" s="613"/>
      <c r="DUE687" s="613"/>
      <c r="DUF687" s="613"/>
      <c r="DUG687" s="613"/>
      <c r="DUH687" s="613"/>
      <c r="DUI687" s="613"/>
      <c r="DUJ687" s="613"/>
      <c r="DUK687" s="613"/>
      <c r="DUL687" s="613"/>
      <c r="DUM687" s="613"/>
      <c r="DUN687" s="613"/>
      <c r="DUO687" s="613"/>
      <c r="DUP687" s="613"/>
      <c r="DUQ687" s="613"/>
      <c r="DUR687" s="613"/>
      <c r="DUS687" s="613"/>
      <c r="DUT687" s="613"/>
      <c r="DUU687" s="613"/>
      <c r="DUV687" s="613"/>
      <c r="DUW687" s="613"/>
      <c r="DUX687" s="613"/>
      <c r="DUY687" s="613"/>
      <c r="DUZ687" s="613"/>
      <c r="DVA687" s="613"/>
      <c r="DVB687" s="613"/>
      <c r="DVC687" s="613"/>
      <c r="DVD687" s="613"/>
      <c r="DVE687" s="613"/>
      <c r="DVF687" s="613"/>
      <c r="DVG687" s="613"/>
      <c r="DVH687" s="613"/>
      <c r="DVI687" s="613"/>
      <c r="DVJ687" s="613"/>
      <c r="DVK687" s="613"/>
      <c r="DVL687" s="613"/>
      <c r="DVM687" s="613"/>
      <c r="DVN687" s="613"/>
      <c r="DVO687" s="613"/>
      <c r="DVP687" s="613"/>
      <c r="DVQ687" s="613"/>
      <c r="DVR687" s="613"/>
      <c r="DVS687" s="613"/>
      <c r="DVT687" s="613"/>
      <c r="DVU687" s="613"/>
      <c r="DVV687" s="613"/>
      <c r="DVW687" s="613"/>
      <c r="DVX687" s="613"/>
      <c r="DVY687" s="613"/>
      <c r="DVZ687" s="613"/>
      <c r="DWA687" s="613"/>
      <c r="DWB687" s="613"/>
      <c r="DWC687" s="613"/>
      <c r="DWD687" s="613"/>
      <c r="DWE687" s="613"/>
      <c r="DWF687" s="613"/>
      <c r="DWG687" s="613"/>
      <c r="DWH687" s="613"/>
      <c r="DWI687" s="613"/>
      <c r="DWJ687" s="613"/>
      <c r="DWK687" s="613"/>
      <c r="DWL687" s="613"/>
      <c r="DWM687" s="613"/>
      <c r="DWN687" s="613"/>
      <c r="DWO687" s="613"/>
      <c r="DWP687" s="613"/>
      <c r="DWQ687" s="613"/>
      <c r="DWR687" s="613"/>
      <c r="DWS687" s="613"/>
      <c r="DWT687" s="613"/>
      <c r="DWU687" s="613"/>
      <c r="DWV687" s="613"/>
      <c r="DWW687" s="613"/>
      <c r="DWX687" s="613"/>
      <c r="DWY687" s="613"/>
      <c r="DWZ687" s="613"/>
      <c r="DXA687" s="613"/>
      <c r="DXB687" s="613"/>
      <c r="DXC687" s="613"/>
      <c r="DXD687" s="613"/>
      <c r="DXE687" s="613"/>
      <c r="DXF687" s="613"/>
      <c r="DXG687" s="613"/>
      <c r="DXH687" s="613"/>
      <c r="DXI687" s="613"/>
      <c r="DXJ687" s="613"/>
      <c r="DXK687" s="613"/>
      <c r="DXL687" s="613"/>
      <c r="DXM687" s="613"/>
      <c r="DXN687" s="613"/>
      <c r="DXO687" s="613"/>
      <c r="DXP687" s="613"/>
      <c r="DXQ687" s="613"/>
      <c r="DXR687" s="613"/>
      <c r="DXS687" s="613"/>
      <c r="DXT687" s="613"/>
      <c r="DXU687" s="613"/>
      <c r="DXV687" s="613"/>
      <c r="DXW687" s="613"/>
      <c r="DXX687" s="613"/>
      <c r="DXY687" s="613"/>
      <c r="DXZ687" s="613"/>
      <c r="DYA687" s="613"/>
      <c r="DYB687" s="613"/>
      <c r="DYC687" s="613"/>
      <c r="DYD687" s="613"/>
      <c r="DYE687" s="613"/>
      <c r="DYF687" s="613"/>
      <c r="DYG687" s="613"/>
      <c r="DYH687" s="613"/>
      <c r="DYI687" s="613"/>
      <c r="DYJ687" s="613"/>
      <c r="DYK687" s="613"/>
      <c r="DYL687" s="613"/>
      <c r="DYM687" s="613"/>
      <c r="DYN687" s="613"/>
      <c r="DYO687" s="613"/>
      <c r="DYP687" s="613"/>
      <c r="DYQ687" s="613"/>
      <c r="DYR687" s="613"/>
      <c r="DYS687" s="613"/>
      <c r="DYT687" s="613"/>
      <c r="DYU687" s="613"/>
      <c r="DYV687" s="613"/>
      <c r="DYW687" s="613"/>
      <c r="DYX687" s="613"/>
      <c r="DYY687" s="613"/>
      <c r="DYZ687" s="613"/>
      <c r="DZA687" s="613"/>
      <c r="DZB687" s="613"/>
      <c r="DZC687" s="613"/>
      <c r="DZD687" s="613"/>
      <c r="DZE687" s="613"/>
      <c r="DZF687" s="613"/>
      <c r="DZG687" s="613"/>
      <c r="DZH687" s="613"/>
      <c r="DZI687" s="613"/>
      <c r="DZJ687" s="613"/>
      <c r="DZK687" s="613"/>
      <c r="DZL687" s="613"/>
      <c r="DZM687" s="613"/>
      <c r="DZN687" s="613"/>
      <c r="DZO687" s="613"/>
      <c r="DZP687" s="613"/>
      <c r="DZQ687" s="613"/>
      <c r="DZR687" s="613"/>
      <c r="DZS687" s="613"/>
      <c r="DZT687" s="613"/>
      <c r="DZU687" s="613"/>
      <c r="DZV687" s="613"/>
      <c r="DZW687" s="613"/>
      <c r="DZX687" s="613"/>
      <c r="DZY687" s="613"/>
      <c r="DZZ687" s="613"/>
      <c r="EAA687" s="613"/>
      <c r="EAB687" s="613"/>
      <c r="EAC687" s="613"/>
      <c r="EAD687" s="613"/>
      <c r="EAE687" s="613"/>
      <c r="EAF687" s="613"/>
      <c r="EAG687" s="613"/>
      <c r="EAH687" s="613"/>
      <c r="EAI687" s="613"/>
      <c r="EAJ687" s="613"/>
      <c r="EAK687" s="613"/>
      <c r="EAL687" s="613"/>
      <c r="EAM687" s="613"/>
      <c r="EAN687" s="613"/>
      <c r="EAO687" s="613"/>
      <c r="EAP687" s="613"/>
      <c r="EAQ687" s="613"/>
      <c r="EAR687" s="613"/>
      <c r="EAS687" s="613"/>
      <c r="EAT687" s="613"/>
      <c r="EAU687" s="613"/>
      <c r="EAV687" s="613"/>
      <c r="EAW687" s="613"/>
      <c r="EAX687" s="613"/>
      <c r="EAY687" s="613"/>
      <c r="EAZ687" s="613"/>
      <c r="EBA687" s="613"/>
      <c r="EBB687" s="613"/>
      <c r="EBC687" s="613"/>
      <c r="EBD687" s="613"/>
      <c r="EBE687" s="613"/>
      <c r="EBF687" s="613"/>
      <c r="EBG687" s="613"/>
      <c r="EBH687" s="613"/>
      <c r="EBI687" s="613"/>
      <c r="EBJ687" s="613"/>
      <c r="EBK687" s="613"/>
      <c r="EBL687" s="613"/>
      <c r="EBM687" s="613"/>
      <c r="EBN687" s="613"/>
      <c r="EBO687" s="613"/>
      <c r="EBP687" s="613"/>
      <c r="EBQ687" s="613"/>
      <c r="EBR687" s="613"/>
      <c r="EBS687" s="613"/>
      <c r="EBT687" s="613"/>
      <c r="EBU687" s="613"/>
      <c r="EBV687" s="613"/>
      <c r="EBW687" s="613"/>
      <c r="EBX687" s="613"/>
      <c r="EBY687" s="613"/>
      <c r="EBZ687" s="613"/>
      <c r="ECA687" s="613"/>
      <c r="ECB687" s="613"/>
      <c r="ECC687" s="613"/>
      <c r="ECD687" s="613"/>
      <c r="ECE687" s="613"/>
      <c r="ECF687" s="613"/>
      <c r="ECG687" s="613"/>
      <c r="ECH687" s="613"/>
      <c r="ECI687" s="613"/>
      <c r="ECJ687" s="613"/>
      <c r="ECK687" s="613"/>
      <c r="ECL687" s="613"/>
      <c r="ECM687" s="613"/>
      <c r="ECN687" s="613"/>
      <c r="ECO687" s="613"/>
      <c r="ECP687" s="613"/>
      <c r="ECQ687" s="613"/>
      <c r="ECR687" s="613"/>
      <c r="ECS687" s="613"/>
      <c r="ECT687" s="613"/>
      <c r="ECU687" s="613"/>
      <c r="ECV687" s="613"/>
      <c r="ECW687" s="613"/>
      <c r="ECX687" s="613"/>
      <c r="ECY687" s="613"/>
      <c r="ECZ687" s="613"/>
      <c r="EDA687" s="613"/>
      <c r="EDB687" s="613"/>
      <c r="EDC687" s="613"/>
      <c r="EDD687" s="613"/>
      <c r="EDE687" s="613"/>
      <c r="EDF687" s="613"/>
      <c r="EDG687" s="613"/>
      <c r="EDH687" s="613"/>
      <c r="EDI687" s="613"/>
      <c r="EDJ687" s="613"/>
      <c r="EDK687" s="613"/>
      <c r="EDL687" s="613"/>
      <c r="EDM687" s="613"/>
      <c r="EDN687" s="613"/>
      <c r="EDO687" s="613"/>
      <c r="EDP687" s="613"/>
      <c r="EDQ687" s="613"/>
      <c r="EDR687" s="613"/>
      <c r="EDS687" s="613"/>
      <c r="EDT687" s="613"/>
      <c r="EDU687" s="613"/>
      <c r="EDV687" s="613"/>
      <c r="EDW687" s="613"/>
      <c r="EDX687" s="613"/>
      <c r="EDY687" s="613"/>
      <c r="EDZ687" s="613"/>
      <c r="EEA687" s="613"/>
      <c r="EEB687" s="613"/>
      <c r="EEC687" s="613"/>
      <c r="EED687" s="613"/>
      <c r="EEE687" s="613"/>
      <c r="EEF687" s="613"/>
      <c r="EEG687" s="613"/>
      <c r="EEH687" s="613"/>
      <c r="EEI687" s="613"/>
      <c r="EEJ687" s="613"/>
      <c r="EEK687" s="613"/>
      <c r="EEL687" s="613"/>
      <c r="EEM687" s="613"/>
      <c r="EEN687" s="613"/>
      <c r="EEO687" s="613"/>
      <c r="EEP687" s="613"/>
      <c r="EEQ687" s="613"/>
      <c r="EER687" s="613"/>
      <c r="EES687" s="613"/>
      <c r="EET687" s="613"/>
      <c r="EEU687" s="613"/>
      <c r="EEV687" s="613"/>
      <c r="EEW687" s="613"/>
      <c r="EEX687" s="613"/>
      <c r="EEY687" s="613"/>
      <c r="EEZ687" s="613"/>
      <c r="EFA687" s="613"/>
      <c r="EFB687" s="613"/>
      <c r="EFC687" s="613"/>
      <c r="EFD687" s="613"/>
      <c r="EFE687" s="613"/>
      <c r="EFF687" s="613"/>
      <c r="EFG687" s="613"/>
      <c r="EFH687" s="613"/>
      <c r="EFI687" s="613"/>
      <c r="EFJ687" s="613"/>
      <c r="EFK687" s="613"/>
      <c r="EFL687" s="613"/>
      <c r="EFM687" s="613"/>
      <c r="EFN687" s="613"/>
      <c r="EFO687" s="613"/>
      <c r="EFP687" s="613"/>
      <c r="EFQ687" s="613"/>
      <c r="EFR687" s="613"/>
      <c r="EFS687" s="613"/>
      <c r="EFT687" s="613"/>
      <c r="EFU687" s="613"/>
      <c r="EFV687" s="613"/>
      <c r="EFW687" s="613"/>
      <c r="EFX687" s="613"/>
      <c r="EFY687" s="613"/>
      <c r="EFZ687" s="613"/>
      <c r="EGA687" s="613"/>
      <c r="EGB687" s="613"/>
      <c r="EGC687" s="613"/>
      <c r="EGD687" s="613"/>
      <c r="EGE687" s="613"/>
      <c r="EGF687" s="613"/>
      <c r="EGG687" s="613"/>
      <c r="EGH687" s="613"/>
      <c r="EGI687" s="613"/>
      <c r="EGJ687" s="613"/>
      <c r="EGK687" s="613"/>
      <c r="EGL687" s="613"/>
      <c r="EGM687" s="613"/>
      <c r="EGN687" s="613"/>
      <c r="EGO687" s="613"/>
      <c r="EGP687" s="613"/>
      <c r="EGQ687" s="613"/>
      <c r="EGR687" s="613"/>
      <c r="EGS687" s="613"/>
      <c r="EGT687" s="613"/>
      <c r="EGU687" s="613"/>
      <c r="EGV687" s="613"/>
      <c r="EGW687" s="613"/>
      <c r="EGX687" s="613"/>
      <c r="EGY687" s="613"/>
      <c r="EGZ687" s="613"/>
      <c r="EHA687" s="613"/>
      <c r="EHB687" s="613"/>
      <c r="EHC687" s="613"/>
      <c r="EHD687" s="613"/>
      <c r="EHE687" s="613"/>
      <c r="EHF687" s="613"/>
      <c r="EHG687" s="613"/>
      <c r="EHH687" s="613"/>
      <c r="EHI687" s="613"/>
      <c r="EHJ687" s="613"/>
      <c r="EHK687" s="613"/>
      <c r="EHL687" s="613"/>
      <c r="EHM687" s="613"/>
      <c r="EHN687" s="613"/>
      <c r="EHO687" s="613"/>
      <c r="EHP687" s="613"/>
      <c r="EHQ687" s="613"/>
      <c r="EHR687" s="613"/>
      <c r="EHS687" s="613"/>
      <c r="EHT687" s="613"/>
      <c r="EHU687" s="613"/>
      <c r="EHV687" s="613"/>
      <c r="EHW687" s="613"/>
      <c r="EHX687" s="613"/>
      <c r="EHY687" s="613"/>
      <c r="EHZ687" s="613"/>
      <c r="EIA687" s="613"/>
      <c r="EIB687" s="613"/>
      <c r="EIC687" s="613"/>
      <c r="EID687" s="613"/>
      <c r="EIE687" s="613"/>
      <c r="EIF687" s="613"/>
      <c r="EIG687" s="613"/>
      <c r="EIH687" s="613"/>
      <c r="EII687" s="613"/>
      <c r="EIJ687" s="613"/>
      <c r="EIK687" s="613"/>
      <c r="EIL687" s="613"/>
      <c r="EIM687" s="613"/>
      <c r="EIN687" s="613"/>
      <c r="EIO687" s="613"/>
      <c r="EIP687" s="613"/>
      <c r="EIQ687" s="613"/>
      <c r="EIR687" s="613"/>
      <c r="EIS687" s="613"/>
      <c r="EIT687" s="613"/>
      <c r="EIU687" s="613"/>
      <c r="EIV687" s="613"/>
      <c r="EIW687" s="613"/>
      <c r="EIX687" s="613"/>
      <c r="EIY687" s="613"/>
      <c r="EIZ687" s="613"/>
      <c r="EJA687" s="613"/>
      <c r="EJB687" s="613"/>
      <c r="EJC687" s="613"/>
      <c r="EJD687" s="613"/>
      <c r="EJE687" s="613"/>
      <c r="EJF687" s="613"/>
      <c r="EJG687" s="613"/>
      <c r="EJH687" s="613"/>
      <c r="EJI687" s="613"/>
      <c r="EJJ687" s="613"/>
      <c r="EJK687" s="613"/>
      <c r="EJL687" s="613"/>
      <c r="EJM687" s="613"/>
      <c r="EJN687" s="613"/>
      <c r="EJO687" s="613"/>
      <c r="EJP687" s="613"/>
      <c r="EJQ687" s="613"/>
      <c r="EJR687" s="613"/>
      <c r="EJS687" s="613"/>
      <c r="EJT687" s="613"/>
      <c r="EJU687" s="613"/>
      <c r="EJV687" s="613"/>
      <c r="EJW687" s="613"/>
      <c r="EJX687" s="613"/>
      <c r="EJY687" s="613"/>
      <c r="EJZ687" s="613"/>
      <c r="EKA687" s="613"/>
      <c r="EKB687" s="613"/>
      <c r="EKC687" s="613"/>
      <c r="EKD687" s="613"/>
      <c r="EKE687" s="613"/>
      <c r="EKF687" s="613"/>
      <c r="EKG687" s="613"/>
      <c r="EKH687" s="613"/>
      <c r="EKI687" s="613"/>
      <c r="EKJ687" s="613"/>
      <c r="EKK687" s="613"/>
      <c r="EKL687" s="613"/>
      <c r="EKM687" s="613"/>
      <c r="EKN687" s="613"/>
      <c r="EKO687" s="613"/>
      <c r="EKP687" s="613"/>
      <c r="EKQ687" s="613"/>
      <c r="EKR687" s="613"/>
      <c r="EKS687" s="613"/>
      <c r="EKT687" s="613"/>
      <c r="EKU687" s="613"/>
      <c r="EKV687" s="613"/>
      <c r="EKW687" s="613"/>
      <c r="EKX687" s="613"/>
      <c r="EKY687" s="613"/>
      <c r="EKZ687" s="613"/>
      <c r="ELA687" s="613"/>
      <c r="ELB687" s="613"/>
      <c r="ELC687" s="613"/>
      <c r="ELD687" s="613"/>
      <c r="ELE687" s="613"/>
      <c r="ELF687" s="613"/>
      <c r="ELG687" s="613"/>
      <c r="ELH687" s="613"/>
      <c r="ELI687" s="613"/>
      <c r="ELJ687" s="613"/>
      <c r="ELK687" s="613"/>
      <c r="ELL687" s="613"/>
      <c r="ELM687" s="613"/>
      <c r="ELN687" s="613"/>
      <c r="ELO687" s="613"/>
      <c r="ELP687" s="613"/>
      <c r="ELQ687" s="613"/>
      <c r="ELR687" s="613"/>
      <c r="ELS687" s="613"/>
      <c r="ELT687" s="613"/>
      <c r="ELU687" s="613"/>
      <c r="ELV687" s="613"/>
      <c r="ELW687" s="613"/>
      <c r="ELX687" s="613"/>
      <c r="ELY687" s="613"/>
      <c r="ELZ687" s="613"/>
      <c r="EMA687" s="613"/>
      <c r="EMB687" s="613"/>
      <c r="EMC687" s="613"/>
      <c r="EMD687" s="613"/>
      <c r="EME687" s="613"/>
      <c r="EMF687" s="613"/>
      <c r="EMG687" s="613"/>
      <c r="EMH687" s="613"/>
      <c r="EMI687" s="613"/>
      <c r="EMJ687" s="613"/>
      <c r="EMK687" s="613"/>
      <c r="EML687" s="613"/>
      <c r="EMM687" s="613"/>
      <c r="EMN687" s="613"/>
      <c r="EMO687" s="613"/>
      <c r="EMP687" s="613"/>
      <c r="EMQ687" s="613"/>
      <c r="EMR687" s="613"/>
      <c r="EMS687" s="613"/>
      <c r="EMT687" s="613"/>
      <c r="EMU687" s="613"/>
      <c r="EMV687" s="613"/>
      <c r="EMW687" s="613"/>
      <c r="EMX687" s="613"/>
      <c r="EMY687" s="613"/>
      <c r="EMZ687" s="613"/>
      <c r="ENA687" s="613"/>
      <c r="ENB687" s="613"/>
      <c r="ENC687" s="613"/>
      <c r="END687" s="613"/>
      <c r="ENE687" s="613"/>
      <c r="ENF687" s="613"/>
      <c r="ENG687" s="613"/>
      <c r="ENH687" s="613"/>
      <c r="ENI687" s="613"/>
      <c r="ENJ687" s="613"/>
      <c r="ENK687" s="613"/>
      <c r="ENL687" s="613"/>
      <c r="ENM687" s="613"/>
      <c r="ENN687" s="613"/>
      <c r="ENO687" s="613"/>
      <c r="ENP687" s="613"/>
      <c r="ENQ687" s="613"/>
      <c r="ENR687" s="613"/>
      <c r="ENS687" s="613"/>
      <c r="ENT687" s="613"/>
      <c r="ENU687" s="613"/>
      <c r="ENV687" s="613"/>
      <c r="ENW687" s="613"/>
      <c r="ENX687" s="613"/>
      <c r="ENY687" s="613"/>
      <c r="ENZ687" s="613"/>
      <c r="EOA687" s="613"/>
      <c r="EOB687" s="613"/>
      <c r="EOC687" s="613"/>
      <c r="EOD687" s="613"/>
      <c r="EOE687" s="613"/>
      <c r="EOF687" s="613"/>
      <c r="EOG687" s="613"/>
      <c r="EOH687" s="613"/>
      <c r="EOI687" s="613"/>
      <c r="EOJ687" s="613"/>
      <c r="EOK687" s="613"/>
      <c r="EOL687" s="613"/>
      <c r="EOM687" s="613"/>
      <c r="EON687" s="613"/>
      <c r="EOO687" s="613"/>
      <c r="EOP687" s="613"/>
      <c r="EOQ687" s="613"/>
      <c r="EOR687" s="613"/>
      <c r="EOS687" s="613"/>
      <c r="EOT687" s="613"/>
      <c r="EOU687" s="613"/>
      <c r="EOV687" s="613"/>
      <c r="EOW687" s="613"/>
      <c r="EOX687" s="613"/>
      <c r="EOY687" s="613"/>
      <c r="EOZ687" s="613"/>
      <c r="EPA687" s="613"/>
      <c r="EPB687" s="613"/>
      <c r="EPC687" s="613"/>
      <c r="EPD687" s="613"/>
      <c r="EPE687" s="613"/>
      <c r="EPF687" s="613"/>
      <c r="EPG687" s="613"/>
      <c r="EPH687" s="613"/>
      <c r="EPI687" s="613"/>
      <c r="EPJ687" s="613"/>
      <c r="EPK687" s="613"/>
      <c r="EPL687" s="613"/>
      <c r="EPM687" s="613"/>
      <c r="EPN687" s="613"/>
      <c r="EPO687" s="613"/>
      <c r="EPP687" s="613"/>
      <c r="EPQ687" s="613"/>
      <c r="EPR687" s="613"/>
      <c r="EPS687" s="613"/>
      <c r="EPT687" s="613"/>
      <c r="EPU687" s="613"/>
      <c r="EPV687" s="613"/>
      <c r="EPW687" s="613"/>
      <c r="EPX687" s="613"/>
      <c r="EPY687" s="613"/>
      <c r="EPZ687" s="613"/>
      <c r="EQA687" s="613"/>
      <c r="EQB687" s="613"/>
      <c r="EQC687" s="613"/>
      <c r="EQD687" s="613"/>
      <c r="EQE687" s="613"/>
      <c r="EQF687" s="613"/>
      <c r="EQG687" s="613"/>
      <c r="EQH687" s="613"/>
      <c r="EQI687" s="613"/>
      <c r="EQJ687" s="613"/>
      <c r="EQK687" s="613"/>
      <c r="EQL687" s="613"/>
      <c r="EQM687" s="613"/>
      <c r="EQN687" s="613"/>
      <c r="EQO687" s="613"/>
      <c r="EQP687" s="613"/>
      <c r="EQQ687" s="613"/>
      <c r="EQR687" s="613"/>
      <c r="EQS687" s="613"/>
      <c r="EQT687" s="613"/>
      <c r="EQU687" s="613"/>
      <c r="EQV687" s="613"/>
      <c r="EQW687" s="613"/>
      <c r="EQX687" s="613"/>
      <c r="EQY687" s="613"/>
      <c r="EQZ687" s="613"/>
      <c r="ERA687" s="613"/>
      <c r="ERB687" s="613"/>
      <c r="ERC687" s="613"/>
      <c r="ERD687" s="613"/>
      <c r="ERE687" s="613"/>
      <c r="ERF687" s="613"/>
      <c r="ERG687" s="613"/>
      <c r="ERH687" s="613"/>
      <c r="ERI687" s="613"/>
      <c r="ERJ687" s="613"/>
      <c r="ERK687" s="613"/>
      <c r="ERL687" s="613"/>
      <c r="ERM687" s="613"/>
      <c r="ERN687" s="613"/>
      <c r="ERO687" s="613"/>
      <c r="ERP687" s="613"/>
      <c r="ERQ687" s="613"/>
      <c r="ERR687" s="613"/>
      <c r="ERS687" s="613"/>
      <c r="ERT687" s="613"/>
      <c r="ERU687" s="613"/>
      <c r="ERV687" s="613"/>
      <c r="ERW687" s="613"/>
      <c r="ERX687" s="613"/>
      <c r="ERY687" s="613"/>
      <c r="ERZ687" s="613"/>
      <c r="ESA687" s="613"/>
      <c r="ESB687" s="613"/>
      <c r="ESC687" s="613"/>
      <c r="ESD687" s="613"/>
      <c r="ESE687" s="613"/>
      <c r="ESF687" s="613"/>
      <c r="ESG687" s="613"/>
      <c r="ESH687" s="613"/>
      <c r="ESI687" s="613"/>
      <c r="ESJ687" s="613"/>
      <c r="ESK687" s="613"/>
      <c r="ESL687" s="613"/>
      <c r="ESM687" s="613"/>
      <c r="ESN687" s="613"/>
      <c r="ESO687" s="613"/>
      <c r="ESP687" s="613"/>
      <c r="ESQ687" s="613"/>
      <c r="ESR687" s="613"/>
      <c r="ESS687" s="613"/>
      <c r="EST687" s="613"/>
      <c r="ESU687" s="613"/>
      <c r="ESV687" s="613"/>
      <c r="ESW687" s="613"/>
      <c r="ESX687" s="613"/>
      <c r="ESY687" s="613"/>
      <c r="ESZ687" s="613"/>
      <c r="ETA687" s="613"/>
      <c r="ETB687" s="613"/>
      <c r="ETC687" s="613"/>
      <c r="ETD687" s="613"/>
      <c r="ETE687" s="613"/>
      <c r="ETF687" s="613"/>
      <c r="ETG687" s="613"/>
      <c r="ETH687" s="613"/>
      <c r="ETI687" s="613"/>
      <c r="ETJ687" s="613"/>
      <c r="ETK687" s="613"/>
      <c r="ETL687" s="613"/>
      <c r="ETM687" s="613"/>
      <c r="ETN687" s="613"/>
      <c r="ETO687" s="613"/>
      <c r="ETP687" s="613"/>
      <c r="ETQ687" s="613"/>
      <c r="ETR687" s="613"/>
      <c r="ETS687" s="613"/>
      <c r="ETT687" s="613"/>
      <c r="ETU687" s="613"/>
      <c r="ETV687" s="613"/>
      <c r="ETW687" s="613"/>
      <c r="ETX687" s="613"/>
      <c r="ETY687" s="613"/>
      <c r="ETZ687" s="613"/>
      <c r="EUA687" s="613"/>
      <c r="EUB687" s="613"/>
      <c r="EUC687" s="613"/>
      <c r="EUD687" s="613"/>
      <c r="EUE687" s="613"/>
      <c r="EUF687" s="613"/>
      <c r="EUG687" s="613"/>
      <c r="EUH687" s="613"/>
      <c r="EUI687" s="613"/>
      <c r="EUJ687" s="613"/>
      <c r="EUK687" s="613"/>
      <c r="EUL687" s="613"/>
      <c r="EUM687" s="613"/>
      <c r="EUN687" s="613"/>
      <c r="EUO687" s="613"/>
      <c r="EUP687" s="613"/>
      <c r="EUQ687" s="613"/>
      <c r="EUR687" s="613"/>
      <c r="EUS687" s="613"/>
      <c r="EUT687" s="613"/>
      <c r="EUU687" s="613"/>
      <c r="EUV687" s="613"/>
      <c r="EUW687" s="613"/>
      <c r="EUX687" s="613"/>
      <c r="EUY687" s="613"/>
      <c r="EUZ687" s="613"/>
      <c r="EVA687" s="613"/>
      <c r="EVB687" s="613"/>
      <c r="EVC687" s="613"/>
      <c r="EVD687" s="613"/>
      <c r="EVE687" s="613"/>
      <c r="EVF687" s="613"/>
      <c r="EVG687" s="613"/>
      <c r="EVH687" s="613"/>
      <c r="EVI687" s="613"/>
      <c r="EVJ687" s="613"/>
      <c r="EVK687" s="613"/>
      <c r="EVL687" s="613"/>
      <c r="EVM687" s="613"/>
      <c r="EVN687" s="613"/>
      <c r="EVO687" s="613"/>
      <c r="EVP687" s="613"/>
      <c r="EVQ687" s="613"/>
      <c r="EVR687" s="613"/>
      <c r="EVS687" s="613"/>
      <c r="EVT687" s="613"/>
      <c r="EVU687" s="613"/>
      <c r="EVV687" s="613"/>
      <c r="EVW687" s="613"/>
      <c r="EVX687" s="613"/>
      <c r="EVY687" s="613"/>
      <c r="EVZ687" s="613"/>
      <c r="EWA687" s="613"/>
      <c r="EWB687" s="613"/>
      <c r="EWC687" s="613"/>
      <c r="EWD687" s="613"/>
      <c r="EWE687" s="613"/>
      <c r="EWF687" s="613"/>
      <c r="EWG687" s="613"/>
      <c r="EWH687" s="613"/>
      <c r="EWI687" s="613"/>
      <c r="EWJ687" s="613"/>
      <c r="EWK687" s="613"/>
      <c r="EWL687" s="613"/>
      <c r="EWM687" s="613"/>
      <c r="EWN687" s="613"/>
      <c r="EWO687" s="613"/>
      <c r="EWP687" s="613"/>
      <c r="EWQ687" s="613"/>
      <c r="EWR687" s="613"/>
      <c r="EWS687" s="613"/>
      <c r="EWT687" s="613"/>
      <c r="EWU687" s="613"/>
      <c r="EWV687" s="613"/>
      <c r="EWW687" s="613"/>
      <c r="EWX687" s="613"/>
      <c r="EWY687" s="613"/>
      <c r="EWZ687" s="613"/>
      <c r="EXA687" s="613"/>
      <c r="EXB687" s="613"/>
      <c r="EXC687" s="613"/>
      <c r="EXD687" s="613"/>
      <c r="EXE687" s="613"/>
      <c r="EXF687" s="613"/>
      <c r="EXG687" s="613"/>
      <c r="EXH687" s="613"/>
      <c r="EXI687" s="613"/>
      <c r="EXJ687" s="613"/>
      <c r="EXK687" s="613"/>
      <c r="EXL687" s="613"/>
      <c r="EXM687" s="613"/>
      <c r="EXN687" s="613"/>
      <c r="EXO687" s="613"/>
      <c r="EXP687" s="613"/>
      <c r="EXQ687" s="613"/>
      <c r="EXR687" s="613"/>
      <c r="EXS687" s="613"/>
      <c r="EXT687" s="613"/>
      <c r="EXU687" s="613"/>
      <c r="EXV687" s="613"/>
      <c r="EXW687" s="613"/>
      <c r="EXX687" s="613"/>
      <c r="EXY687" s="613"/>
      <c r="EXZ687" s="613"/>
      <c r="EYA687" s="613"/>
      <c r="EYB687" s="613"/>
      <c r="EYC687" s="613"/>
      <c r="EYD687" s="613"/>
      <c r="EYE687" s="613"/>
      <c r="EYF687" s="613"/>
      <c r="EYG687" s="613"/>
      <c r="EYH687" s="613"/>
      <c r="EYI687" s="613"/>
      <c r="EYJ687" s="613"/>
      <c r="EYK687" s="613"/>
      <c r="EYL687" s="613"/>
      <c r="EYM687" s="613"/>
      <c r="EYN687" s="613"/>
      <c r="EYO687" s="613"/>
      <c r="EYP687" s="613"/>
      <c r="EYQ687" s="613"/>
      <c r="EYR687" s="613"/>
      <c r="EYS687" s="613"/>
      <c r="EYT687" s="613"/>
      <c r="EYU687" s="613"/>
      <c r="EYV687" s="613"/>
      <c r="EYW687" s="613"/>
      <c r="EYX687" s="613"/>
      <c r="EYY687" s="613"/>
      <c r="EYZ687" s="613"/>
      <c r="EZA687" s="613"/>
      <c r="EZB687" s="613"/>
      <c r="EZC687" s="613"/>
      <c r="EZD687" s="613"/>
      <c r="EZE687" s="613"/>
      <c r="EZF687" s="613"/>
      <c r="EZG687" s="613"/>
      <c r="EZH687" s="613"/>
      <c r="EZI687" s="613"/>
      <c r="EZJ687" s="613"/>
      <c r="EZK687" s="613"/>
      <c r="EZL687" s="613"/>
      <c r="EZM687" s="613"/>
      <c r="EZN687" s="613"/>
      <c r="EZO687" s="613"/>
      <c r="EZP687" s="613"/>
      <c r="EZQ687" s="613"/>
      <c r="EZR687" s="613"/>
      <c r="EZS687" s="613"/>
      <c r="EZT687" s="613"/>
      <c r="EZU687" s="613"/>
      <c r="EZV687" s="613"/>
      <c r="EZW687" s="613"/>
      <c r="EZX687" s="613"/>
      <c r="EZY687" s="613"/>
      <c r="EZZ687" s="613"/>
      <c r="FAA687" s="613"/>
      <c r="FAB687" s="613"/>
      <c r="FAC687" s="613"/>
      <c r="FAD687" s="613"/>
      <c r="FAE687" s="613"/>
      <c r="FAF687" s="613"/>
      <c r="FAG687" s="613"/>
      <c r="FAH687" s="613"/>
      <c r="FAI687" s="613"/>
      <c r="FAJ687" s="613"/>
      <c r="FAK687" s="613"/>
      <c r="FAL687" s="613"/>
      <c r="FAM687" s="613"/>
      <c r="FAN687" s="613"/>
      <c r="FAO687" s="613"/>
      <c r="FAP687" s="613"/>
      <c r="FAQ687" s="613"/>
      <c r="FAR687" s="613"/>
      <c r="FAS687" s="613"/>
      <c r="FAT687" s="613"/>
      <c r="FAU687" s="613"/>
      <c r="FAV687" s="613"/>
      <c r="FAW687" s="613"/>
      <c r="FAX687" s="613"/>
      <c r="FAY687" s="613"/>
      <c r="FAZ687" s="613"/>
      <c r="FBA687" s="613"/>
      <c r="FBB687" s="613"/>
      <c r="FBC687" s="613"/>
      <c r="FBD687" s="613"/>
      <c r="FBE687" s="613"/>
      <c r="FBF687" s="613"/>
      <c r="FBG687" s="613"/>
      <c r="FBH687" s="613"/>
      <c r="FBI687" s="613"/>
      <c r="FBJ687" s="613"/>
      <c r="FBK687" s="613"/>
      <c r="FBL687" s="613"/>
      <c r="FBM687" s="613"/>
      <c r="FBN687" s="613"/>
      <c r="FBO687" s="613"/>
      <c r="FBP687" s="613"/>
      <c r="FBQ687" s="613"/>
      <c r="FBR687" s="613"/>
      <c r="FBS687" s="613"/>
      <c r="FBT687" s="613"/>
      <c r="FBU687" s="613"/>
      <c r="FBV687" s="613"/>
      <c r="FBW687" s="613"/>
      <c r="FBX687" s="613"/>
      <c r="FBY687" s="613"/>
      <c r="FBZ687" s="613"/>
      <c r="FCA687" s="613"/>
      <c r="FCB687" s="613"/>
      <c r="FCC687" s="613"/>
      <c r="FCD687" s="613"/>
      <c r="FCE687" s="613"/>
      <c r="FCF687" s="613"/>
      <c r="FCG687" s="613"/>
      <c r="FCH687" s="613"/>
      <c r="FCI687" s="613"/>
      <c r="FCJ687" s="613"/>
      <c r="FCK687" s="613"/>
      <c r="FCL687" s="613"/>
      <c r="FCM687" s="613"/>
      <c r="FCN687" s="613"/>
      <c r="FCO687" s="613"/>
      <c r="FCP687" s="613"/>
      <c r="FCQ687" s="613"/>
      <c r="FCR687" s="613"/>
      <c r="FCS687" s="613"/>
      <c r="FCT687" s="613"/>
      <c r="FCU687" s="613"/>
      <c r="FCV687" s="613"/>
      <c r="FCW687" s="613"/>
      <c r="FCX687" s="613"/>
      <c r="FCY687" s="613"/>
      <c r="FCZ687" s="613"/>
      <c r="FDA687" s="613"/>
      <c r="FDB687" s="613"/>
      <c r="FDC687" s="613"/>
      <c r="FDD687" s="613"/>
      <c r="FDE687" s="613"/>
      <c r="FDF687" s="613"/>
      <c r="FDG687" s="613"/>
      <c r="FDH687" s="613"/>
      <c r="FDI687" s="613"/>
      <c r="FDJ687" s="613"/>
      <c r="FDK687" s="613"/>
      <c r="FDL687" s="613"/>
      <c r="FDM687" s="613"/>
      <c r="FDN687" s="613"/>
      <c r="FDO687" s="613"/>
      <c r="FDP687" s="613"/>
      <c r="FDQ687" s="613"/>
      <c r="FDR687" s="613"/>
      <c r="FDS687" s="613"/>
      <c r="FDT687" s="613"/>
      <c r="FDU687" s="613"/>
      <c r="FDV687" s="613"/>
      <c r="FDW687" s="613"/>
      <c r="FDX687" s="613"/>
      <c r="FDY687" s="613"/>
      <c r="FDZ687" s="613"/>
      <c r="FEA687" s="613"/>
      <c r="FEB687" s="613"/>
      <c r="FEC687" s="613"/>
      <c r="FED687" s="613"/>
      <c r="FEE687" s="613"/>
      <c r="FEF687" s="613"/>
      <c r="FEG687" s="613"/>
      <c r="FEH687" s="613"/>
      <c r="FEI687" s="613"/>
      <c r="FEJ687" s="613"/>
      <c r="FEK687" s="613"/>
      <c r="FEL687" s="613"/>
      <c r="FEM687" s="613"/>
      <c r="FEN687" s="613"/>
      <c r="FEO687" s="613"/>
      <c r="FEP687" s="613"/>
      <c r="FEQ687" s="613"/>
      <c r="FER687" s="613"/>
      <c r="FES687" s="613"/>
      <c r="FET687" s="613"/>
      <c r="FEU687" s="613"/>
      <c r="FEV687" s="613"/>
      <c r="FEW687" s="613"/>
      <c r="FEX687" s="613"/>
      <c r="FEY687" s="613"/>
      <c r="FEZ687" s="613"/>
      <c r="FFA687" s="613"/>
      <c r="FFB687" s="613"/>
      <c r="FFC687" s="613"/>
      <c r="FFD687" s="613"/>
      <c r="FFE687" s="613"/>
      <c r="FFF687" s="613"/>
      <c r="FFG687" s="613"/>
      <c r="FFH687" s="613"/>
      <c r="FFI687" s="613"/>
      <c r="FFJ687" s="613"/>
      <c r="FFK687" s="613"/>
      <c r="FFL687" s="613"/>
      <c r="FFM687" s="613"/>
      <c r="FFN687" s="613"/>
      <c r="FFO687" s="613"/>
      <c r="FFP687" s="613"/>
      <c r="FFQ687" s="613"/>
      <c r="FFR687" s="613"/>
      <c r="FFS687" s="613"/>
      <c r="FFT687" s="613"/>
      <c r="FFU687" s="613"/>
      <c r="FFV687" s="613"/>
      <c r="FFW687" s="613"/>
      <c r="FFX687" s="613"/>
      <c r="FFY687" s="613"/>
      <c r="FFZ687" s="613"/>
      <c r="FGA687" s="613"/>
      <c r="FGB687" s="613"/>
      <c r="FGC687" s="613"/>
      <c r="FGD687" s="613"/>
      <c r="FGE687" s="613"/>
      <c r="FGF687" s="613"/>
      <c r="FGG687" s="613"/>
      <c r="FGH687" s="613"/>
      <c r="FGI687" s="613"/>
      <c r="FGJ687" s="613"/>
      <c r="FGK687" s="613"/>
      <c r="FGL687" s="613"/>
      <c r="FGM687" s="613"/>
      <c r="FGN687" s="613"/>
      <c r="FGO687" s="613"/>
      <c r="FGP687" s="613"/>
      <c r="FGQ687" s="613"/>
      <c r="FGR687" s="613"/>
      <c r="FGS687" s="613"/>
      <c r="FGT687" s="613"/>
      <c r="FGU687" s="613"/>
      <c r="FGV687" s="613"/>
      <c r="FGW687" s="613"/>
      <c r="FGX687" s="613"/>
      <c r="FGY687" s="613"/>
      <c r="FGZ687" s="613"/>
      <c r="FHA687" s="613"/>
      <c r="FHB687" s="613"/>
      <c r="FHC687" s="613"/>
      <c r="FHD687" s="613"/>
      <c r="FHE687" s="613"/>
      <c r="FHF687" s="613"/>
      <c r="FHG687" s="613"/>
      <c r="FHH687" s="613"/>
      <c r="FHI687" s="613"/>
      <c r="FHJ687" s="613"/>
      <c r="FHK687" s="613"/>
      <c r="FHL687" s="613"/>
      <c r="FHM687" s="613"/>
      <c r="FHN687" s="613"/>
      <c r="FHO687" s="613"/>
      <c r="FHP687" s="613"/>
      <c r="FHQ687" s="613"/>
      <c r="FHR687" s="613"/>
      <c r="FHS687" s="613"/>
      <c r="FHT687" s="613"/>
      <c r="FHU687" s="613"/>
      <c r="FHV687" s="613"/>
      <c r="FHW687" s="613"/>
      <c r="FHX687" s="613"/>
      <c r="FHY687" s="613"/>
      <c r="FHZ687" s="613"/>
      <c r="FIA687" s="613"/>
      <c r="FIB687" s="613"/>
      <c r="FIC687" s="613"/>
      <c r="FID687" s="613"/>
      <c r="FIE687" s="613"/>
      <c r="FIF687" s="613"/>
      <c r="FIG687" s="613"/>
      <c r="FIH687" s="613"/>
      <c r="FII687" s="613"/>
      <c r="FIJ687" s="613"/>
      <c r="FIK687" s="613"/>
      <c r="FIL687" s="613"/>
      <c r="FIM687" s="613"/>
      <c r="FIN687" s="613"/>
      <c r="FIO687" s="613"/>
      <c r="FIP687" s="613"/>
      <c r="FIQ687" s="613"/>
      <c r="FIR687" s="613"/>
      <c r="FIS687" s="613"/>
      <c r="FIT687" s="613"/>
      <c r="FIU687" s="613"/>
      <c r="FIV687" s="613"/>
      <c r="FIW687" s="613"/>
      <c r="FIX687" s="613"/>
      <c r="FIY687" s="613"/>
      <c r="FIZ687" s="613"/>
      <c r="FJA687" s="613"/>
      <c r="FJB687" s="613"/>
      <c r="FJC687" s="613"/>
      <c r="FJD687" s="613"/>
      <c r="FJE687" s="613"/>
      <c r="FJF687" s="613"/>
      <c r="FJG687" s="613"/>
      <c r="FJH687" s="613"/>
      <c r="FJI687" s="613"/>
      <c r="FJJ687" s="613"/>
      <c r="FJK687" s="613"/>
      <c r="FJL687" s="613"/>
      <c r="FJM687" s="613"/>
      <c r="FJN687" s="613"/>
      <c r="FJO687" s="613"/>
      <c r="FJP687" s="613"/>
      <c r="FJQ687" s="613"/>
      <c r="FJR687" s="613"/>
      <c r="FJS687" s="613"/>
      <c r="FJT687" s="613"/>
      <c r="FJU687" s="613"/>
      <c r="FJV687" s="613"/>
      <c r="FJW687" s="613"/>
      <c r="FJX687" s="613"/>
      <c r="FJY687" s="613"/>
      <c r="FJZ687" s="613"/>
      <c r="FKA687" s="613"/>
      <c r="FKB687" s="613"/>
      <c r="FKC687" s="613"/>
      <c r="FKD687" s="613"/>
      <c r="FKE687" s="613"/>
      <c r="FKF687" s="613"/>
      <c r="FKG687" s="613"/>
      <c r="FKH687" s="613"/>
      <c r="FKI687" s="613"/>
      <c r="FKJ687" s="613"/>
      <c r="FKK687" s="613"/>
      <c r="FKL687" s="613"/>
      <c r="FKM687" s="613"/>
      <c r="FKN687" s="613"/>
      <c r="FKO687" s="613"/>
      <c r="FKP687" s="613"/>
      <c r="FKQ687" s="613"/>
      <c r="FKR687" s="613"/>
      <c r="FKS687" s="613"/>
      <c r="FKT687" s="613"/>
      <c r="FKU687" s="613"/>
      <c r="FKV687" s="613"/>
      <c r="FKW687" s="613"/>
      <c r="FKX687" s="613"/>
      <c r="FKY687" s="613"/>
      <c r="FKZ687" s="613"/>
      <c r="FLA687" s="613"/>
      <c r="FLB687" s="613"/>
      <c r="FLC687" s="613"/>
      <c r="FLD687" s="613"/>
      <c r="FLE687" s="613"/>
      <c r="FLF687" s="613"/>
      <c r="FLG687" s="613"/>
      <c r="FLH687" s="613"/>
      <c r="FLI687" s="613"/>
      <c r="FLJ687" s="613"/>
      <c r="FLK687" s="613"/>
      <c r="FLL687" s="613"/>
      <c r="FLM687" s="613"/>
      <c r="FLN687" s="613"/>
      <c r="FLO687" s="613"/>
      <c r="FLP687" s="613"/>
      <c r="FLQ687" s="613"/>
      <c r="FLR687" s="613"/>
      <c r="FLS687" s="613"/>
      <c r="FLT687" s="613"/>
      <c r="FLU687" s="613"/>
      <c r="FLV687" s="613"/>
      <c r="FLW687" s="613"/>
      <c r="FLX687" s="613"/>
      <c r="FLY687" s="613"/>
      <c r="FLZ687" s="613"/>
      <c r="FMA687" s="613"/>
      <c r="FMB687" s="613"/>
      <c r="FMC687" s="613"/>
      <c r="FMD687" s="613"/>
      <c r="FME687" s="613"/>
      <c r="FMF687" s="613"/>
      <c r="FMG687" s="613"/>
      <c r="FMH687" s="613"/>
      <c r="FMI687" s="613"/>
      <c r="FMJ687" s="613"/>
      <c r="FMK687" s="613"/>
      <c r="FML687" s="613"/>
      <c r="FMM687" s="613"/>
      <c r="FMN687" s="613"/>
      <c r="FMO687" s="613"/>
      <c r="FMP687" s="613"/>
      <c r="FMQ687" s="613"/>
      <c r="FMR687" s="613"/>
      <c r="FMS687" s="613"/>
      <c r="FMT687" s="613"/>
      <c r="FMU687" s="613"/>
      <c r="FMV687" s="613"/>
      <c r="FMW687" s="613"/>
      <c r="FMX687" s="613"/>
      <c r="FMY687" s="613"/>
      <c r="FMZ687" s="613"/>
      <c r="FNA687" s="613"/>
      <c r="FNB687" s="613"/>
      <c r="FNC687" s="613"/>
      <c r="FND687" s="613"/>
      <c r="FNE687" s="613"/>
      <c r="FNF687" s="613"/>
      <c r="FNG687" s="613"/>
      <c r="FNH687" s="613"/>
      <c r="FNI687" s="613"/>
      <c r="FNJ687" s="613"/>
      <c r="FNK687" s="613"/>
      <c r="FNL687" s="613"/>
      <c r="FNM687" s="613"/>
      <c r="FNN687" s="613"/>
      <c r="FNO687" s="613"/>
      <c r="FNP687" s="613"/>
      <c r="FNQ687" s="613"/>
      <c r="FNR687" s="613"/>
      <c r="FNS687" s="613"/>
      <c r="FNT687" s="613"/>
      <c r="FNU687" s="613"/>
      <c r="FNV687" s="613"/>
      <c r="FNW687" s="613"/>
      <c r="FNX687" s="613"/>
      <c r="FNY687" s="613"/>
      <c r="FNZ687" s="613"/>
      <c r="FOA687" s="613"/>
      <c r="FOB687" s="613"/>
      <c r="FOC687" s="613"/>
      <c r="FOD687" s="613"/>
      <c r="FOE687" s="613"/>
      <c r="FOF687" s="613"/>
      <c r="FOG687" s="613"/>
      <c r="FOH687" s="613"/>
      <c r="FOI687" s="613"/>
      <c r="FOJ687" s="613"/>
      <c r="FOK687" s="613"/>
      <c r="FOL687" s="613"/>
      <c r="FOM687" s="613"/>
      <c r="FON687" s="613"/>
      <c r="FOO687" s="613"/>
      <c r="FOP687" s="613"/>
      <c r="FOQ687" s="613"/>
      <c r="FOR687" s="613"/>
      <c r="FOS687" s="613"/>
      <c r="FOT687" s="613"/>
      <c r="FOU687" s="613"/>
      <c r="FOV687" s="613"/>
      <c r="FOW687" s="613"/>
      <c r="FOX687" s="613"/>
      <c r="FOY687" s="613"/>
      <c r="FOZ687" s="613"/>
      <c r="FPA687" s="613"/>
      <c r="FPB687" s="613"/>
      <c r="FPC687" s="613"/>
      <c r="FPD687" s="613"/>
      <c r="FPE687" s="613"/>
      <c r="FPF687" s="613"/>
      <c r="FPG687" s="613"/>
      <c r="FPH687" s="613"/>
      <c r="FPI687" s="613"/>
      <c r="FPJ687" s="613"/>
      <c r="FPK687" s="613"/>
      <c r="FPL687" s="613"/>
      <c r="FPM687" s="613"/>
      <c r="FPN687" s="613"/>
      <c r="FPO687" s="613"/>
      <c r="FPP687" s="613"/>
      <c r="FPQ687" s="613"/>
      <c r="FPR687" s="613"/>
      <c r="FPS687" s="613"/>
      <c r="FPT687" s="613"/>
      <c r="FPU687" s="613"/>
      <c r="FPV687" s="613"/>
      <c r="FPW687" s="613"/>
      <c r="FPX687" s="613"/>
      <c r="FPY687" s="613"/>
      <c r="FPZ687" s="613"/>
      <c r="FQA687" s="613"/>
      <c r="FQB687" s="613"/>
      <c r="FQC687" s="613"/>
      <c r="FQD687" s="613"/>
      <c r="FQE687" s="613"/>
      <c r="FQF687" s="613"/>
      <c r="FQG687" s="613"/>
      <c r="FQH687" s="613"/>
      <c r="FQI687" s="613"/>
      <c r="FQJ687" s="613"/>
      <c r="FQK687" s="613"/>
      <c r="FQL687" s="613"/>
      <c r="FQM687" s="613"/>
      <c r="FQN687" s="613"/>
      <c r="FQO687" s="613"/>
      <c r="FQP687" s="613"/>
      <c r="FQQ687" s="613"/>
      <c r="FQR687" s="613"/>
      <c r="FQS687" s="613"/>
      <c r="FQT687" s="613"/>
      <c r="FQU687" s="613"/>
      <c r="FQV687" s="613"/>
      <c r="FQW687" s="613"/>
      <c r="FQX687" s="613"/>
      <c r="FQY687" s="613"/>
      <c r="FQZ687" s="613"/>
      <c r="FRA687" s="613"/>
      <c r="FRB687" s="613"/>
      <c r="FRC687" s="613"/>
      <c r="FRD687" s="613"/>
      <c r="FRE687" s="613"/>
      <c r="FRF687" s="613"/>
      <c r="FRG687" s="613"/>
      <c r="FRH687" s="613"/>
      <c r="FRI687" s="613"/>
      <c r="FRJ687" s="613"/>
      <c r="FRK687" s="613"/>
      <c r="FRL687" s="613"/>
      <c r="FRM687" s="613"/>
      <c r="FRN687" s="613"/>
      <c r="FRO687" s="613"/>
      <c r="FRP687" s="613"/>
      <c r="FRQ687" s="613"/>
      <c r="FRR687" s="613"/>
      <c r="FRS687" s="613"/>
      <c r="FRT687" s="613"/>
      <c r="FRU687" s="613"/>
      <c r="FRV687" s="613"/>
      <c r="FRW687" s="613"/>
      <c r="FRX687" s="613"/>
      <c r="FRY687" s="613"/>
      <c r="FRZ687" s="613"/>
      <c r="FSA687" s="613"/>
      <c r="FSB687" s="613"/>
      <c r="FSC687" s="613"/>
      <c r="FSD687" s="613"/>
      <c r="FSE687" s="613"/>
      <c r="FSF687" s="613"/>
      <c r="FSG687" s="613"/>
      <c r="FSH687" s="613"/>
      <c r="FSI687" s="613"/>
      <c r="FSJ687" s="613"/>
      <c r="FSK687" s="613"/>
      <c r="FSL687" s="613"/>
      <c r="FSM687" s="613"/>
      <c r="FSN687" s="613"/>
      <c r="FSO687" s="613"/>
      <c r="FSP687" s="613"/>
      <c r="FSQ687" s="613"/>
      <c r="FSR687" s="613"/>
      <c r="FSS687" s="613"/>
      <c r="FST687" s="613"/>
      <c r="FSU687" s="613"/>
      <c r="FSV687" s="613"/>
      <c r="FSW687" s="613"/>
      <c r="FSX687" s="613"/>
      <c r="FSY687" s="613"/>
      <c r="FSZ687" s="613"/>
      <c r="FTA687" s="613"/>
      <c r="FTB687" s="613"/>
      <c r="FTC687" s="613"/>
      <c r="FTD687" s="613"/>
      <c r="FTE687" s="613"/>
      <c r="FTF687" s="613"/>
      <c r="FTG687" s="613"/>
      <c r="FTH687" s="613"/>
      <c r="FTI687" s="613"/>
      <c r="FTJ687" s="613"/>
      <c r="FTK687" s="613"/>
      <c r="FTL687" s="613"/>
      <c r="FTM687" s="613"/>
      <c r="FTN687" s="613"/>
      <c r="FTO687" s="613"/>
      <c r="FTP687" s="613"/>
      <c r="FTQ687" s="613"/>
      <c r="FTR687" s="613"/>
      <c r="FTS687" s="613"/>
      <c r="FTT687" s="613"/>
      <c r="FTU687" s="613"/>
      <c r="FTV687" s="613"/>
      <c r="FTW687" s="613"/>
      <c r="FTX687" s="613"/>
      <c r="FTY687" s="613"/>
      <c r="FTZ687" s="613"/>
      <c r="FUA687" s="613"/>
      <c r="FUB687" s="613"/>
      <c r="FUC687" s="613"/>
      <c r="FUD687" s="613"/>
      <c r="FUE687" s="613"/>
      <c r="FUF687" s="613"/>
      <c r="FUG687" s="613"/>
      <c r="FUH687" s="613"/>
      <c r="FUI687" s="613"/>
      <c r="FUJ687" s="613"/>
      <c r="FUK687" s="613"/>
      <c r="FUL687" s="613"/>
      <c r="FUM687" s="613"/>
      <c r="FUN687" s="613"/>
      <c r="FUO687" s="613"/>
      <c r="FUP687" s="613"/>
      <c r="FUQ687" s="613"/>
      <c r="FUR687" s="613"/>
      <c r="FUS687" s="613"/>
      <c r="FUT687" s="613"/>
      <c r="FUU687" s="613"/>
      <c r="FUV687" s="613"/>
      <c r="FUW687" s="613"/>
      <c r="FUX687" s="613"/>
      <c r="FUY687" s="613"/>
      <c r="FUZ687" s="613"/>
      <c r="FVA687" s="613"/>
      <c r="FVB687" s="613"/>
      <c r="FVC687" s="613"/>
      <c r="FVD687" s="613"/>
      <c r="FVE687" s="613"/>
      <c r="FVF687" s="613"/>
      <c r="FVG687" s="613"/>
      <c r="FVH687" s="613"/>
      <c r="FVI687" s="613"/>
      <c r="FVJ687" s="613"/>
      <c r="FVK687" s="613"/>
      <c r="FVL687" s="613"/>
      <c r="FVM687" s="613"/>
      <c r="FVN687" s="613"/>
      <c r="FVO687" s="613"/>
      <c r="FVP687" s="613"/>
      <c r="FVQ687" s="613"/>
      <c r="FVR687" s="613"/>
      <c r="FVS687" s="613"/>
      <c r="FVT687" s="613"/>
      <c r="FVU687" s="613"/>
      <c r="FVV687" s="613"/>
      <c r="FVW687" s="613"/>
      <c r="FVX687" s="613"/>
      <c r="FVY687" s="613"/>
      <c r="FVZ687" s="613"/>
      <c r="FWA687" s="613"/>
      <c r="FWB687" s="613"/>
      <c r="FWC687" s="613"/>
      <c r="FWD687" s="613"/>
      <c r="FWE687" s="613"/>
      <c r="FWF687" s="613"/>
      <c r="FWG687" s="613"/>
      <c r="FWH687" s="613"/>
      <c r="FWI687" s="613"/>
      <c r="FWJ687" s="613"/>
      <c r="FWK687" s="613"/>
      <c r="FWL687" s="613"/>
      <c r="FWM687" s="613"/>
      <c r="FWN687" s="613"/>
      <c r="FWO687" s="613"/>
      <c r="FWP687" s="613"/>
      <c r="FWQ687" s="613"/>
      <c r="FWR687" s="613"/>
      <c r="FWS687" s="613"/>
      <c r="FWT687" s="613"/>
      <c r="FWU687" s="613"/>
      <c r="FWV687" s="613"/>
      <c r="FWW687" s="613"/>
      <c r="FWX687" s="613"/>
      <c r="FWY687" s="613"/>
      <c r="FWZ687" s="613"/>
      <c r="FXA687" s="613"/>
      <c r="FXB687" s="613"/>
      <c r="FXC687" s="613"/>
      <c r="FXD687" s="613"/>
      <c r="FXE687" s="613"/>
      <c r="FXF687" s="613"/>
      <c r="FXG687" s="613"/>
      <c r="FXH687" s="613"/>
      <c r="FXI687" s="613"/>
      <c r="FXJ687" s="613"/>
      <c r="FXK687" s="613"/>
      <c r="FXL687" s="613"/>
      <c r="FXM687" s="613"/>
      <c r="FXN687" s="613"/>
      <c r="FXO687" s="613"/>
      <c r="FXP687" s="613"/>
      <c r="FXQ687" s="613"/>
      <c r="FXR687" s="613"/>
      <c r="FXS687" s="613"/>
      <c r="FXT687" s="613"/>
      <c r="FXU687" s="613"/>
      <c r="FXV687" s="613"/>
      <c r="FXW687" s="613"/>
      <c r="FXX687" s="613"/>
      <c r="FXY687" s="613"/>
      <c r="FXZ687" s="613"/>
      <c r="FYA687" s="613"/>
      <c r="FYB687" s="613"/>
      <c r="FYC687" s="613"/>
      <c r="FYD687" s="613"/>
      <c r="FYE687" s="613"/>
      <c r="FYF687" s="613"/>
      <c r="FYG687" s="613"/>
      <c r="FYH687" s="613"/>
      <c r="FYI687" s="613"/>
      <c r="FYJ687" s="613"/>
      <c r="FYK687" s="613"/>
      <c r="FYL687" s="613"/>
      <c r="FYM687" s="613"/>
      <c r="FYN687" s="613"/>
      <c r="FYO687" s="613"/>
      <c r="FYP687" s="613"/>
      <c r="FYQ687" s="613"/>
      <c r="FYR687" s="613"/>
      <c r="FYS687" s="613"/>
      <c r="FYT687" s="613"/>
      <c r="FYU687" s="613"/>
      <c r="FYV687" s="613"/>
      <c r="FYW687" s="613"/>
      <c r="FYX687" s="613"/>
      <c r="FYY687" s="613"/>
      <c r="FYZ687" s="613"/>
      <c r="FZA687" s="613"/>
      <c r="FZB687" s="613"/>
      <c r="FZC687" s="613"/>
      <c r="FZD687" s="613"/>
      <c r="FZE687" s="613"/>
      <c r="FZF687" s="613"/>
      <c r="FZG687" s="613"/>
      <c r="FZH687" s="613"/>
      <c r="FZI687" s="613"/>
      <c r="FZJ687" s="613"/>
      <c r="FZK687" s="613"/>
      <c r="FZL687" s="613"/>
      <c r="FZM687" s="613"/>
      <c r="FZN687" s="613"/>
      <c r="FZO687" s="613"/>
      <c r="FZP687" s="613"/>
      <c r="FZQ687" s="613"/>
      <c r="FZR687" s="613"/>
      <c r="FZS687" s="613"/>
      <c r="FZT687" s="613"/>
      <c r="FZU687" s="613"/>
      <c r="FZV687" s="613"/>
      <c r="FZW687" s="613"/>
      <c r="FZX687" s="613"/>
      <c r="FZY687" s="613"/>
      <c r="FZZ687" s="613"/>
      <c r="GAA687" s="613"/>
      <c r="GAB687" s="613"/>
      <c r="GAC687" s="613"/>
      <c r="GAD687" s="613"/>
      <c r="GAE687" s="613"/>
      <c r="GAF687" s="613"/>
      <c r="GAG687" s="613"/>
      <c r="GAH687" s="613"/>
      <c r="GAI687" s="613"/>
      <c r="GAJ687" s="613"/>
      <c r="GAK687" s="613"/>
      <c r="GAL687" s="613"/>
      <c r="GAM687" s="613"/>
      <c r="GAN687" s="613"/>
      <c r="GAO687" s="613"/>
      <c r="GAP687" s="613"/>
      <c r="GAQ687" s="613"/>
      <c r="GAR687" s="613"/>
      <c r="GAS687" s="613"/>
      <c r="GAT687" s="613"/>
      <c r="GAU687" s="613"/>
      <c r="GAV687" s="613"/>
      <c r="GAW687" s="613"/>
      <c r="GAX687" s="613"/>
      <c r="GAY687" s="613"/>
      <c r="GAZ687" s="613"/>
      <c r="GBA687" s="613"/>
      <c r="GBB687" s="613"/>
      <c r="GBC687" s="613"/>
      <c r="GBD687" s="613"/>
      <c r="GBE687" s="613"/>
      <c r="GBF687" s="613"/>
      <c r="GBG687" s="613"/>
      <c r="GBH687" s="613"/>
      <c r="GBI687" s="613"/>
      <c r="GBJ687" s="613"/>
      <c r="GBK687" s="613"/>
      <c r="GBL687" s="613"/>
      <c r="GBM687" s="613"/>
      <c r="GBN687" s="613"/>
      <c r="GBO687" s="613"/>
      <c r="GBP687" s="613"/>
      <c r="GBQ687" s="613"/>
      <c r="GBR687" s="613"/>
      <c r="GBS687" s="613"/>
      <c r="GBT687" s="613"/>
      <c r="GBU687" s="613"/>
      <c r="GBV687" s="613"/>
      <c r="GBW687" s="613"/>
      <c r="GBX687" s="613"/>
      <c r="GBY687" s="613"/>
      <c r="GBZ687" s="613"/>
      <c r="GCA687" s="613"/>
      <c r="GCB687" s="613"/>
      <c r="GCC687" s="613"/>
      <c r="GCD687" s="613"/>
      <c r="GCE687" s="613"/>
      <c r="GCF687" s="613"/>
      <c r="GCG687" s="613"/>
      <c r="GCH687" s="613"/>
      <c r="GCI687" s="613"/>
      <c r="GCJ687" s="613"/>
      <c r="GCK687" s="613"/>
      <c r="GCL687" s="613"/>
      <c r="GCM687" s="613"/>
      <c r="GCN687" s="613"/>
      <c r="GCO687" s="613"/>
      <c r="GCP687" s="613"/>
      <c r="GCQ687" s="613"/>
      <c r="GCR687" s="613"/>
      <c r="GCS687" s="613"/>
      <c r="GCT687" s="613"/>
      <c r="GCU687" s="613"/>
      <c r="GCV687" s="613"/>
      <c r="GCW687" s="613"/>
      <c r="GCX687" s="613"/>
      <c r="GCY687" s="613"/>
      <c r="GCZ687" s="613"/>
      <c r="GDA687" s="613"/>
      <c r="GDB687" s="613"/>
      <c r="GDC687" s="613"/>
      <c r="GDD687" s="613"/>
      <c r="GDE687" s="613"/>
      <c r="GDF687" s="613"/>
      <c r="GDG687" s="613"/>
      <c r="GDH687" s="613"/>
      <c r="GDI687" s="613"/>
      <c r="GDJ687" s="613"/>
      <c r="GDK687" s="613"/>
      <c r="GDL687" s="613"/>
      <c r="GDM687" s="613"/>
      <c r="GDN687" s="613"/>
      <c r="GDO687" s="613"/>
      <c r="GDP687" s="613"/>
      <c r="GDQ687" s="613"/>
      <c r="GDR687" s="613"/>
      <c r="GDS687" s="613"/>
      <c r="GDT687" s="613"/>
      <c r="GDU687" s="613"/>
      <c r="GDV687" s="613"/>
      <c r="GDW687" s="613"/>
      <c r="GDX687" s="613"/>
      <c r="GDY687" s="613"/>
      <c r="GDZ687" s="613"/>
      <c r="GEA687" s="613"/>
      <c r="GEB687" s="613"/>
      <c r="GEC687" s="613"/>
      <c r="GED687" s="613"/>
      <c r="GEE687" s="613"/>
      <c r="GEF687" s="613"/>
      <c r="GEG687" s="613"/>
      <c r="GEH687" s="613"/>
      <c r="GEI687" s="613"/>
      <c r="GEJ687" s="613"/>
      <c r="GEK687" s="613"/>
      <c r="GEL687" s="613"/>
      <c r="GEM687" s="613"/>
      <c r="GEN687" s="613"/>
      <c r="GEO687" s="613"/>
      <c r="GEP687" s="613"/>
      <c r="GEQ687" s="613"/>
      <c r="GER687" s="613"/>
      <c r="GES687" s="613"/>
      <c r="GET687" s="613"/>
      <c r="GEU687" s="613"/>
      <c r="GEV687" s="613"/>
      <c r="GEW687" s="613"/>
      <c r="GEX687" s="613"/>
      <c r="GEY687" s="613"/>
      <c r="GEZ687" s="613"/>
      <c r="GFA687" s="613"/>
      <c r="GFB687" s="613"/>
      <c r="GFC687" s="613"/>
      <c r="GFD687" s="613"/>
      <c r="GFE687" s="613"/>
      <c r="GFF687" s="613"/>
      <c r="GFG687" s="613"/>
      <c r="GFH687" s="613"/>
      <c r="GFI687" s="613"/>
      <c r="GFJ687" s="613"/>
      <c r="GFK687" s="613"/>
      <c r="GFL687" s="613"/>
      <c r="GFM687" s="613"/>
      <c r="GFN687" s="613"/>
      <c r="GFO687" s="613"/>
      <c r="GFP687" s="613"/>
      <c r="GFQ687" s="613"/>
      <c r="GFR687" s="613"/>
      <c r="GFS687" s="613"/>
      <c r="GFT687" s="613"/>
      <c r="GFU687" s="613"/>
      <c r="GFV687" s="613"/>
      <c r="GFW687" s="613"/>
      <c r="GFX687" s="613"/>
      <c r="GFY687" s="613"/>
      <c r="GFZ687" s="613"/>
      <c r="GGA687" s="613"/>
      <c r="GGB687" s="613"/>
      <c r="GGC687" s="613"/>
      <c r="GGD687" s="613"/>
      <c r="GGE687" s="613"/>
      <c r="GGF687" s="613"/>
      <c r="GGG687" s="613"/>
      <c r="GGH687" s="613"/>
      <c r="GGI687" s="613"/>
      <c r="GGJ687" s="613"/>
      <c r="GGK687" s="613"/>
      <c r="GGL687" s="613"/>
      <c r="GGM687" s="613"/>
      <c r="GGN687" s="613"/>
      <c r="GGO687" s="613"/>
      <c r="GGP687" s="613"/>
      <c r="GGQ687" s="613"/>
      <c r="GGR687" s="613"/>
      <c r="GGS687" s="613"/>
      <c r="GGT687" s="613"/>
      <c r="GGU687" s="613"/>
      <c r="GGV687" s="613"/>
      <c r="GGW687" s="613"/>
      <c r="GGX687" s="613"/>
      <c r="GGY687" s="613"/>
      <c r="GGZ687" s="613"/>
      <c r="GHA687" s="613"/>
      <c r="GHB687" s="613"/>
      <c r="GHC687" s="613"/>
      <c r="GHD687" s="613"/>
      <c r="GHE687" s="613"/>
      <c r="GHF687" s="613"/>
      <c r="GHG687" s="613"/>
      <c r="GHH687" s="613"/>
      <c r="GHI687" s="613"/>
      <c r="GHJ687" s="613"/>
      <c r="GHK687" s="613"/>
      <c r="GHL687" s="613"/>
      <c r="GHM687" s="613"/>
      <c r="GHN687" s="613"/>
      <c r="GHO687" s="613"/>
      <c r="GHP687" s="613"/>
      <c r="GHQ687" s="613"/>
      <c r="GHR687" s="613"/>
      <c r="GHS687" s="613"/>
      <c r="GHT687" s="613"/>
      <c r="GHU687" s="613"/>
      <c r="GHV687" s="613"/>
      <c r="GHW687" s="613"/>
      <c r="GHX687" s="613"/>
      <c r="GHY687" s="613"/>
      <c r="GHZ687" s="613"/>
      <c r="GIA687" s="613"/>
      <c r="GIB687" s="613"/>
      <c r="GIC687" s="613"/>
      <c r="GID687" s="613"/>
      <c r="GIE687" s="613"/>
      <c r="GIF687" s="613"/>
      <c r="GIG687" s="613"/>
      <c r="GIH687" s="613"/>
      <c r="GII687" s="613"/>
      <c r="GIJ687" s="613"/>
      <c r="GIK687" s="613"/>
      <c r="GIL687" s="613"/>
      <c r="GIM687" s="613"/>
      <c r="GIN687" s="613"/>
      <c r="GIO687" s="613"/>
      <c r="GIP687" s="613"/>
      <c r="GIQ687" s="613"/>
      <c r="GIR687" s="613"/>
      <c r="GIS687" s="613"/>
      <c r="GIT687" s="613"/>
      <c r="GIU687" s="613"/>
      <c r="GIV687" s="613"/>
      <c r="GIW687" s="613"/>
      <c r="GIX687" s="613"/>
      <c r="GIY687" s="613"/>
      <c r="GIZ687" s="613"/>
      <c r="GJA687" s="613"/>
      <c r="GJB687" s="613"/>
      <c r="GJC687" s="613"/>
      <c r="GJD687" s="613"/>
      <c r="GJE687" s="613"/>
      <c r="GJF687" s="613"/>
      <c r="GJG687" s="613"/>
      <c r="GJH687" s="613"/>
      <c r="GJI687" s="613"/>
      <c r="GJJ687" s="613"/>
      <c r="GJK687" s="613"/>
      <c r="GJL687" s="613"/>
      <c r="GJM687" s="613"/>
      <c r="GJN687" s="613"/>
      <c r="GJO687" s="613"/>
      <c r="GJP687" s="613"/>
      <c r="GJQ687" s="613"/>
      <c r="GJR687" s="613"/>
      <c r="GJS687" s="613"/>
      <c r="GJT687" s="613"/>
      <c r="GJU687" s="613"/>
      <c r="GJV687" s="613"/>
      <c r="GJW687" s="613"/>
      <c r="GJX687" s="613"/>
      <c r="GJY687" s="613"/>
      <c r="GJZ687" s="613"/>
      <c r="GKA687" s="613"/>
      <c r="GKB687" s="613"/>
      <c r="GKC687" s="613"/>
      <c r="GKD687" s="613"/>
      <c r="GKE687" s="613"/>
      <c r="GKF687" s="613"/>
      <c r="GKG687" s="613"/>
      <c r="GKH687" s="613"/>
      <c r="GKI687" s="613"/>
      <c r="GKJ687" s="613"/>
      <c r="GKK687" s="613"/>
      <c r="GKL687" s="613"/>
      <c r="GKM687" s="613"/>
      <c r="GKN687" s="613"/>
      <c r="GKO687" s="613"/>
      <c r="GKP687" s="613"/>
      <c r="GKQ687" s="613"/>
      <c r="GKR687" s="613"/>
      <c r="GKS687" s="613"/>
      <c r="GKT687" s="613"/>
      <c r="GKU687" s="613"/>
      <c r="GKV687" s="613"/>
      <c r="GKW687" s="613"/>
      <c r="GKX687" s="613"/>
      <c r="GKY687" s="613"/>
      <c r="GKZ687" s="613"/>
      <c r="GLA687" s="613"/>
      <c r="GLB687" s="613"/>
      <c r="GLC687" s="613"/>
      <c r="GLD687" s="613"/>
      <c r="GLE687" s="613"/>
      <c r="GLF687" s="613"/>
      <c r="GLG687" s="613"/>
      <c r="GLH687" s="613"/>
      <c r="GLI687" s="613"/>
      <c r="GLJ687" s="613"/>
      <c r="GLK687" s="613"/>
      <c r="GLL687" s="613"/>
      <c r="GLM687" s="613"/>
      <c r="GLN687" s="613"/>
      <c r="GLO687" s="613"/>
      <c r="GLP687" s="613"/>
      <c r="GLQ687" s="613"/>
      <c r="GLR687" s="613"/>
      <c r="GLS687" s="613"/>
      <c r="GLT687" s="613"/>
      <c r="GLU687" s="613"/>
      <c r="GLV687" s="613"/>
      <c r="GLW687" s="613"/>
      <c r="GLX687" s="613"/>
      <c r="GLY687" s="613"/>
      <c r="GLZ687" s="613"/>
      <c r="GMA687" s="613"/>
      <c r="GMB687" s="613"/>
      <c r="GMC687" s="613"/>
      <c r="GMD687" s="613"/>
      <c r="GME687" s="613"/>
      <c r="GMF687" s="613"/>
      <c r="GMG687" s="613"/>
      <c r="GMH687" s="613"/>
      <c r="GMI687" s="613"/>
      <c r="GMJ687" s="613"/>
      <c r="GMK687" s="613"/>
      <c r="GML687" s="613"/>
      <c r="GMM687" s="613"/>
      <c r="GMN687" s="613"/>
      <c r="GMO687" s="613"/>
      <c r="GMP687" s="613"/>
      <c r="GMQ687" s="613"/>
      <c r="GMR687" s="613"/>
      <c r="GMS687" s="613"/>
      <c r="GMT687" s="613"/>
      <c r="GMU687" s="613"/>
      <c r="GMV687" s="613"/>
      <c r="GMW687" s="613"/>
      <c r="GMX687" s="613"/>
      <c r="GMY687" s="613"/>
      <c r="GMZ687" s="613"/>
      <c r="GNA687" s="613"/>
      <c r="GNB687" s="613"/>
      <c r="GNC687" s="613"/>
      <c r="GND687" s="613"/>
      <c r="GNE687" s="613"/>
      <c r="GNF687" s="613"/>
      <c r="GNG687" s="613"/>
      <c r="GNH687" s="613"/>
      <c r="GNI687" s="613"/>
      <c r="GNJ687" s="613"/>
      <c r="GNK687" s="613"/>
      <c r="GNL687" s="613"/>
      <c r="GNM687" s="613"/>
      <c r="GNN687" s="613"/>
      <c r="GNO687" s="613"/>
      <c r="GNP687" s="613"/>
      <c r="GNQ687" s="613"/>
      <c r="GNR687" s="613"/>
      <c r="GNS687" s="613"/>
      <c r="GNT687" s="613"/>
      <c r="GNU687" s="613"/>
      <c r="GNV687" s="613"/>
      <c r="GNW687" s="613"/>
      <c r="GNX687" s="613"/>
      <c r="GNY687" s="613"/>
      <c r="GNZ687" s="613"/>
      <c r="GOA687" s="613"/>
      <c r="GOB687" s="613"/>
      <c r="GOC687" s="613"/>
      <c r="GOD687" s="613"/>
      <c r="GOE687" s="613"/>
      <c r="GOF687" s="613"/>
      <c r="GOG687" s="613"/>
      <c r="GOH687" s="613"/>
      <c r="GOI687" s="613"/>
      <c r="GOJ687" s="613"/>
      <c r="GOK687" s="613"/>
      <c r="GOL687" s="613"/>
      <c r="GOM687" s="613"/>
      <c r="GON687" s="613"/>
      <c r="GOO687" s="613"/>
      <c r="GOP687" s="613"/>
      <c r="GOQ687" s="613"/>
      <c r="GOR687" s="613"/>
      <c r="GOS687" s="613"/>
      <c r="GOT687" s="613"/>
      <c r="GOU687" s="613"/>
      <c r="GOV687" s="613"/>
      <c r="GOW687" s="613"/>
      <c r="GOX687" s="613"/>
      <c r="GOY687" s="613"/>
      <c r="GOZ687" s="613"/>
      <c r="GPA687" s="613"/>
      <c r="GPB687" s="613"/>
      <c r="GPC687" s="613"/>
      <c r="GPD687" s="613"/>
      <c r="GPE687" s="613"/>
      <c r="GPF687" s="613"/>
      <c r="GPG687" s="613"/>
      <c r="GPH687" s="613"/>
      <c r="GPI687" s="613"/>
      <c r="GPJ687" s="613"/>
      <c r="GPK687" s="613"/>
      <c r="GPL687" s="613"/>
      <c r="GPM687" s="613"/>
      <c r="GPN687" s="613"/>
      <c r="GPO687" s="613"/>
      <c r="GPP687" s="613"/>
      <c r="GPQ687" s="613"/>
      <c r="GPR687" s="613"/>
      <c r="GPS687" s="613"/>
      <c r="GPT687" s="613"/>
      <c r="GPU687" s="613"/>
      <c r="GPV687" s="613"/>
      <c r="GPW687" s="613"/>
      <c r="GPX687" s="613"/>
      <c r="GPY687" s="613"/>
      <c r="GPZ687" s="613"/>
      <c r="GQA687" s="613"/>
      <c r="GQB687" s="613"/>
      <c r="GQC687" s="613"/>
      <c r="GQD687" s="613"/>
      <c r="GQE687" s="613"/>
      <c r="GQF687" s="613"/>
      <c r="GQG687" s="613"/>
      <c r="GQH687" s="613"/>
      <c r="GQI687" s="613"/>
      <c r="GQJ687" s="613"/>
      <c r="GQK687" s="613"/>
      <c r="GQL687" s="613"/>
      <c r="GQM687" s="613"/>
      <c r="GQN687" s="613"/>
      <c r="GQO687" s="613"/>
      <c r="GQP687" s="613"/>
      <c r="GQQ687" s="613"/>
      <c r="GQR687" s="613"/>
      <c r="GQS687" s="613"/>
      <c r="GQT687" s="613"/>
      <c r="GQU687" s="613"/>
      <c r="GQV687" s="613"/>
      <c r="GQW687" s="613"/>
      <c r="GQX687" s="613"/>
      <c r="GQY687" s="613"/>
      <c r="GQZ687" s="613"/>
      <c r="GRA687" s="613"/>
      <c r="GRB687" s="613"/>
      <c r="GRC687" s="613"/>
      <c r="GRD687" s="613"/>
      <c r="GRE687" s="613"/>
      <c r="GRF687" s="613"/>
      <c r="GRG687" s="613"/>
      <c r="GRH687" s="613"/>
      <c r="GRI687" s="613"/>
      <c r="GRJ687" s="613"/>
      <c r="GRK687" s="613"/>
      <c r="GRL687" s="613"/>
      <c r="GRM687" s="613"/>
      <c r="GRN687" s="613"/>
      <c r="GRO687" s="613"/>
      <c r="GRP687" s="613"/>
      <c r="GRQ687" s="613"/>
      <c r="GRR687" s="613"/>
      <c r="GRS687" s="613"/>
      <c r="GRT687" s="613"/>
      <c r="GRU687" s="613"/>
      <c r="GRV687" s="613"/>
      <c r="GRW687" s="613"/>
      <c r="GRX687" s="613"/>
      <c r="GRY687" s="613"/>
      <c r="GRZ687" s="613"/>
      <c r="GSA687" s="613"/>
      <c r="GSB687" s="613"/>
      <c r="GSC687" s="613"/>
      <c r="GSD687" s="613"/>
      <c r="GSE687" s="613"/>
      <c r="GSF687" s="613"/>
      <c r="GSG687" s="613"/>
      <c r="GSH687" s="613"/>
      <c r="GSI687" s="613"/>
      <c r="GSJ687" s="613"/>
      <c r="GSK687" s="613"/>
      <c r="GSL687" s="613"/>
      <c r="GSM687" s="613"/>
      <c r="GSN687" s="613"/>
      <c r="GSO687" s="613"/>
      <c r="GSP687" s="613"/>
      <c r="GSQ687" s="613"/>
      <c r="GSR687" s="613"/>
      <c r="GSS687" s="613"/>
      <c r="GST687" s="613"/>
      <c r="GSU687" s="613"/>
      <c r="GSV687" s="613"/>
      <c r="GSW687" s="613"/>
      <c r="GSX687" s="613"/>
      <c r="GSY687" s="613"/>
      <c r="GSZ687" s="613"/>
      <c r="GTA687" s="613"/>
      <c r="GTB687" s="613"/>
      <c r="GTC687" s="613"/>
      <c r="GTD687" s="613"/>
      <c r="GTE687" s="613"/>
      <c r="GTF687" s="613"/>
      <c r="GTG687" s="613"/>
      <c r="GTH687" s="613"/>
      <c r="GTI687" s="613"/>
      <c r="GTJ687" s="613"/>
      <c r="GTK687" s="613"/>
      <c r="GTL687" s="613"/>
      <c r="GTM687" s="613"/>
      <c r="GTN687" s="613"/>
      <c r="GTO687" s="613"/>
      <c r="GTP687" s="613"/>
      <c r="GTQ687" s="613"/>
      <c r="GTR687" s="613"/>
      <c r="GTS687" s="613"/>
      <c r="GTT687" s="613"/>
      <c r="GTU687" s="613"/>
      <c r="GTV687" s="613"/>
      <c r="GTW687" s="613"/>
      <c r="GTX687" s="613"/>
      <c r="GTY687" s="613"/>
      <c r="GTZ687" s="613"/>
      <c r="GUA687" s="613"/>
      <c r="GUB687" s="613"/>
      <c r="GUC687" s="613"/>
      <c r="GUD687" s="613"/>
      <c r="GUE687" s="613"/>
      <c r="GUF687" s="613"/>
      <c r="GUG687" s="613"/>
      <c r="GUH687" s="613"/>
      <c r="GUI687" s="613"/>
      <c r="GUJ687" s="613"/>
      <c r="GUK687" s="613"/>
      <c r="GUL687" s="613"/>
      <c r="GUM687" s="613"/>
      <c r="GUN687" s="613"/>
      <c r="GUO687" s="613"/>
      <c r="GUP687" s="613"/>
      <c r="GUQ687" s="613"/>
      <c r="GUR687" s="613"/>
      <c r="GUS687" s="613"/>
      <c r="GUT687" s="613"/>
      <c r="GUU687" s="613"/>
      <c r="GUV687" s="613"/>
      <c r="GUW687" s="613"/>
      <c r="GUX687" s="613"/>
      <c r="GUY687" s="613"/>
      <c r="GUZ687" s="613"/>
      <c r="GVA687" s="613"/>
      <c r="GVB687" s="613"/>
      <c r="GVC687" s="613"/>
      <c r="GVD687" s="613"/>
      <c r="GVE687" s="613"/>
      <c r="GVF687" s="613"/>
      <c r="GVG687" s="613"/>
      <c r="GVH687" s="613"/>
      <c r="GVI687" s="613"/>
      <c r="GVJ687" s="613"/>
      <c r="GVK687" s="613"/>
      <c r="GVL687" s="613"/>
      <c r="GVM687" s="613"/>
      <c r="GVN687" s="613"/>
      <c r="GVO687" s="613"/>
      <c r="GVP687" s="613"/>
      <c r="GVQ687" s="613"/>
      <c r="GVR687" s="613"/>
      <c r="GVS687" s="613"/>
      <c r="GVT687" s="613"/>
      <c r="GVU687" s="613"/>
      <c r="GVV687" s="613"/>
      <c r="GVW687" s="613"/>
      <c r="GVX687" s="613"/>
      <c r="GVY687" s="613"/>
      <c r="GVZ687" s="613"/>
      <c r="GWA687" s="613"/>
      <c r="GWB687" s="613"/>
      <c r="GWC687" s="613"/>
      <c r="GWD687" s="613"/>
      <c r="GWE687" s="613"/>
      <c r="GWF687" s="613"/>
      <c r="GWG687" s="613"/>
      <c r="GWH687" s="613"/>
      <c r="GWI687" s="613"/>
      <c r="GWJ687" s="613"/>
      <c r="GWK687" s="613"/>
      <c r="GWL687" s="613"/>
      <c r="GWM687" s="613"/>
      <c r="GWN687" s="613"/>
      <c r="GWO687" s="613"/>
      <c r="GWP687" s="613"/>
      <c r="GWQ687" s="613"/>
      <c r="GWR687" s="613"/>
      <c r="GWS687" s="613"/>
      <c r="GWT687" s="613"/>
      <c r="GWU687" s="613"/>
      <c r="GWV687" s="613"/>
      <c r="GWW687" s="613"/>
      <c r="GWX687" s="613"/>
      <c r="GWY687" s="613"/>
      <c r="GWZ687" s="613"/>
      <c r="GXA687" s="613"/>
      <c r="GXB687" s="613"/>
      <c r="GXC687" s="613"/>
      <c r="GXD687" s="613"/>
      <c r="GXE687" s="613"/>
      <c r="GXF687" s="613"/>
      <c r="GXG687" s="613"/>
      <c r="GXH687" s="613"/>
      <c r="GXI687" s="613"/>
      <c r="GXJ687" s="613"/>
      <c r="GXK687" s="613"/>
      <c r="GXL687" s="613"/>
      <c r="GXM687" s="613"/>
      <c r="GXN687" s="613"/>
      <c r="GXO687" s="613"/>
      <c r="GXP687" s="613"/>
      <c r="GXQ687" s="613"/>
      <c r="GXR687" s="613"/>
      <c r="GXS687" s="613"/>
      <c r="GXT687" s="613"/>
      <c r="GXU687" s="613"/>
      <c r="GXV687" s="613"/>
      <c r="GXW687" s="613"/>
      <c r="GXX687" s="613"/>
      <c r="GXY687" s="613"/>
      <c r="GXZ687" s="613"/>
      <c r="GYA687" s="613"/>
      <c r="GYB687" s="613"/>
      <c r="GYC687" s="613"/>
      <c r="GYD687" s="613"/>
      <c r="GYE687" s="613"/>
      <c r="GYF687" s="613"/>
      <c r="GYG687" s="613"/>
      <c r="GYH687" s="613"/>
      <c r="GYI687" s="613"/>
      <c r="GYJ687" s="613"/>
      <c r="GYK687" s="613"/>
      <c r="GYL687" s="613"/>
      <c r="GYM687" s="613"/>
      <c r="GYN687" s="613"/>
      <c r="GYO687" s="613"/>
      <c r="GYP687" s="613"/>
      <c r="GYQ687" s="613"/>
      <c r="GYR687" s="613"/>
      <c r="GYS687" s="613"/>
      <c r="GYT687" s="613"/>
      <c r="GYU687" s="613"/>
      <c r="GYV687" s="613"/>
      <c r="GYW687" s="613"/>
      <c r="GYX687" s="613"/>
      <c r="GYY687" s="613"/>
      <c r="GYZ687" s="613"/>
      <c r="GZA687" s="613"/>
      <c r="GZB687" s="613"/>
      <c r="GZC687" s="613"/>
      <c r="GZD687" s="613"/>
      <c r="GZE687" s="613"/>
      <c r="GZF687" s="613"/>
      <c r="GZG687" s="613"/>
      <c r="GZH687" s="613"/>
      <c r="GZI687" s="613"/>
      <c r="GZJ687" s="613"/>
      <c r="GZK687" s="613"/>
      <c r="GZL687" s="613"/>
      <c r="GZM687" s="613"/>
      <c r="GZN687" s="613"/>
      <c r="GZO687" s="613"/>
      <c r="GZP687" s="613"/>
      <c r="GZQ687" s="613"/>
      <c r="GZR687" s="613"/>
      <c r="GZS687" s="613"/>
      <c r="GZT687" s="613"/>
      <c r="GZU687" s="613"/>
      <c r="GZV687" s="613"/>
      <c r="GZW687" s="613"/>
      <c r="GZX687" s="613"/>
      <c r="GZY687" s="613"/>
      <c r="GZZ687" s="613"/>
      <c r="HAA687" s="613"/>
      <c r="HAB687" s="613"/>
      <c r="HAC687" s="613"/>
      <c r="HAD687" s="613"/>
      <c r="HAE687" s="613"/>
      <c r="HAF687" s="613"/>
      <c r="HAG687" s="613"/>
      <c r="HAH687" s="613"/>
      <c r="HAI687" s="613"/>
      <c r="HAJ687" s="613"/>
      <c r="HAK687" s="613"/>
      <c r="HAL687" s="613"/>
      <c r="HAM687" s="613"/>
      <c r="HAN687" s="613"/>
      <c r="HAO687" s="613"/>
      <c r="HAP687" s="613"/>
      <c r="HAQ687" s="613"/>
      <c r="HAR687" s="613"/>
      <c r="HAS687" s="613"/>
      <c r="HAT687" s="613"/>
      <c r="HAU687" s="613"/>
      <c r="HAV687" s="613"/>
      <c r="HAW687" s="613"/>
      <c r="HAX687" s="613"/>
      <c r="HAY687" s="613"/>
      <c r="HAZ687" s="613"/>
      <c r="HBA687" s="613"/>
      <c r="HBB687" s="613"/>
      <c r="HBC687" s="613"/>
      <c r="HBD687" s="613"/>
      <c r="HBE687" s="613"/>
      <c r="HBF687" s="613"/>
      <c r="HBG687" s="613"/>
      <c r="HBH687" s="613"/>
      <c r="HBI687" s="613"/>
      <c r="HBJ687" s="613"/>
      <c r="HBK687" s="613"/>
      <c r="HBL687" s="613"/>
      <c r="HBM687" s="613"/>
      <c r="HBN687" s="613"/>
      <c r="HBO687" s="613"/>
      <c r="HBP687" s="613"/>
      <c r="HBQ687" s="613"/>
      <c r="HBR687" s="613"/>
      <c r="HBS687" s="613"/>
      <c r="HBT687" s="613"/>
      <c r="HBU687" s="613"/>
      <c r="HBV687" s="613"/>
      <c r="HBW687" s="613"/>
      <c r="HBX687" s="613"/>
      <c r="HBY687" s="613"/>
      <c r="HBZ687" s="613"/>
      <c r="HCA687" s="613"/>
      <c r="HCB687" s="613"/>
      <c r="HCC687" s="613"/>
      <c r="HCD687" s="613"/>
      <c r="HCE687" s="613"/>
      <c r="HCF687" s="613"/>
      <c r="HCG687" s="613"/>
      <c r="HCH687" s="613"/>
      <c r="HCI687" s="613"/>
      <c r="HCJ687" s="613"/>
      <c r="HCK687" s="613"/>
      <c r="HCL687" s="613"/>
      <c r="HCM687" s="613"/>
      <c r="HCN687" s="613"/>
      <c r="HCO687" s="613"/>
      <c r="HCP687" s="613"/>
      <c r="HCQ687" s="613"/>
      <c r="HCR687" s="613"/>
      <c r="HCS687" s="613"/>
      <c r="HCT687" s="613"/>
      <c r="HCU687" s="613"/>
      <c r="HCV687" s="613"/>
      <c r="HCW687" s="613"/>
      <c r="HCX687" s="613"/>
      <c r="HCY687" s="613"/>
      <c r="HCZ687" s="613"/>
      <c r="HDA687" s="613"/>
      <c r="HDB687" s="613"/>
      <c r="HDC687" s="613"/>
      <c r="HDD687" s="613"/>
      <c r="HDE687" s="613"/>
      <c r="HDF687" s="613"/>
      <c r="HDG687" s="613"/>
      <c r="HDH687" s="613"/>
      <c r="HDI687" s="613"/>
      <c r="HDJ687" s="613"/>
      <c r="HDK687" s="613"/>
      <c r="HDL687" s="613"/>
      <c r="HDM687" s="613"/>
      <c r="HDN687" s="613"/>
      <c r="HDO687" s="613"/>
      <c r="HDP687" s="613"/>
      <c r="HDQ687" s="613"/>
      <c r="HDR687" s="613"/>
      <c r="HDS687" s="613"/>
      <c r="HDT687" s="613"/>
      <c r="HDU687" s="613"/>
      <c r="HDV687" s="613"/>
      <c r="HDW687" s="613"/>
      <c r="HDX687" s="613"/>
      <c r="HDY687" s="613"/>
      <c r="HDZ687" s="613"/>
      <c r="HEA687" s="613"/>
      <c r="HEB687" s="613"/>
      <c r="HEC687" s="613"/>
      <c r="HED687" s="613"/>
      <c r="HEE687" s="613"/>
      <c r="HEF687" s="613"/>
      <c r="HEG687" s="613"/>
      <c r="HEH687" s="613"/>
      <c r="HEI687" s="613"/>
      <c r="HEJ687" s="613"/>
      <c r="HEK687" s="613"/>
      <c r="HEL687" s="613"/>
      <c r="HEM687" s="613"/>
      <c r="HEN687" s="613"/>
      <c r="HEO687" s="613"/>
      <c r="HEP687" s="613"/>
      <c r="HEQ687" s="613"/>
      <c r="HER687" s="613"/>
      <c r="HES687" s="613"/>
      <c r="HET687" s="613"/>
      <c r="HEU687" s="613"/>
      <c r="HEV687" s="613"/>
      <c r="HEW687" s="613"/>
      <c r="HEX687" s="613"/>
      <c r="HEY687" s="613"/>
      <c r="HEZ687" s="613"/>
      <c r="HFA687" s="613"/>
      <c r="HFB687" s="613"/>
      <c r="HFC687" s="613"/>
      <c r="HFD687" s="613"/>
      <c r="HFE687" s="613"/>
      <c r="HFF687" s="613"/>
      <c r="HFG687" s="613"/>
      <c r="HFH687" s="613"/>
      <c r="HFI687" s="613"/>
      <c r="HFJ687" s="613"/>
      <c r="HFK687" s="613"/>
      <c r="HFL687" s="613"/>
      <c r="HFM687" s="613"/>
      <c r="HFN687" s="613"/>
      <c r="HFO687" s="613"/>
      <c r="HFP687" s="613"/>
      <c r="HFQ687" s="613"/>
      <c r="HFR687" s="613"/>
      <c r="HFS687" s="613"/>
      <c r="HFT687" s="613"/>
      <c r="HFU687" s="613"/>
      <c r="HFV687" s="613"/>
      <c r="HFW687" s="613"/>
      <c r="HFX687" s="613"/>
      <c r="HFY687" s="613"/>
      <c r="HFZ687" s="613"/>
      <c r="HGA687" s="613"/>
      <c r="HGB687" s="613"/>
      <c r="HGC687" s="613"/>
      <c r="HGD687" s="613"/>
      <c r="HGE687" s="613"/>
      <c r="HGF687" s="613"/>
      <c r="HGG687" s="613"/>
      <c r="HGH687" s="613"/>
      <c r="HGI687" s="613"/>
      <c r="HGJ687" s="613"/>
      <c r="HGK687" s="613"/>
      <c r="HGL687" s="613"/>
      <c r="HGM687" s="613"/>
      <c r="HGN687" s="613"/>
      <c r="HGO687" s="613"/>
      <c r="HGP687" s="613"/>
      <c r="HGQ687" s="613"/>
      <c r="HGR687" s="613"/>
      <c r="HGS687" s="613"/>
      <c r="HGT687" s="613"/>
      <c r="HGU687" s="613"/>
      <c r="HGV687" s="613"/>
      <c r="HGW687" s="613"/>
      <c r="HGX687" s="613"/>
      <c r="HGY687" s="613"/>
      <c r="HGZ687" s="613"/>
      <c r="HHA687" s="613"/>
      <c r="HHB687" s="613"/>
      <c r="HHC687" s="613"/>
      <c r="HHD687" s="613"/>
      <c r="HHE687" s="613"/>
      <c r="HHF687" s="613"/>
      <c r="HHG687" s="613"/>
      <c r="HHH687" s="613"/>
      <c r="HHI687" s="613"/>
      <c r="HHJ687" s="613"/>
      <c r="HHK687" s="613"/>
      <c r="HHL687" s="613"/>
      <c r="HHM687" s="613"/>
      <c r="HHN687" s="613"/>
      <c r="HHO687" s="613"/>
      <c r="HHP687" s="613"/>
      <c r="HHQ687" s="613"/>
      <c r="HHR687" s="613"/>
      <c r="HHS687" s="613"/>
      <c r="HHT687" s="613"/>
      <c r="HHU687" s="613"/>
      <c r="HHV687" s="613"/>
      <c r="HHW687" s="613"/>
      <c r="HHX687" s="613"/>
      <c r="HHY687" s="613"/>
      <c r="HHZ687" s="613"/>
      <c r="HIA687" s="613"/>
      <c r="HIB687" s="613"/>
      <c r="HIC687" s="613"/>
      <c r="HID687" s="613"/>
      <c r="HIE687" s="613"/>
      <c r="HIF687" s="613"/>
      <c r="HIG687" s="613"/>
      <c r="HIH687" s="613"/>
      <c r="HII687" s="613"/>
      <c r="HIJ687" s="613"/>
      <c r="HIK687" s="613"/>
      <c r="HIL687" s="613"/>
      <c r="HIM687" s="613"/>
      <c r="HIN687" s="613"/>
      <c r="HIO687" s="613"/>
      <c r="HIP687" s="613"/>
      <c r="HIQ687" s="613"/>
      <c r="HIR687" s="613"/>
      <c r="HIS687" s="613"/>
      <c r="HIT687" s="613"/>
      <c r="HIU687" s="613"/>
      <c r="HIV687" s="613"/>
      <c r="HIW687" s="613"/>
      <c r="HIX687" s="613"/>
      <c r="HIY687" s="613"/>
      <c r="HIZ687" s="613"/>
      <c r="HJA687" s="613"/>
      <c r="HJB687" s="613"/>
      <c r="HJC687" s="613"/>
      <c r="HJD687" s="613"/>
      <c r="HJE687" s="613"/>
      <c r="HJF687" s="613"/>
      <c r="HJG687" s="613"/>
      <c r="HJH687" s="613"/>
      <c r="HJI687" s="613"/>
      <c r="HJJ687" s="613"/>
      <c r="HJK687" s="613"/>
      <c r="HJL687" s="613"/>
      <c r="HJM687" s="613"/>
      <c r="HJN687" s="613"/>
      <c r="HJO687" s="613"/>
      <c r="HJP687" s="613"/>
      <c r="HJQ687" s="613"/>
      <c r="HJR687" s="613"/>
      <c r="HJS687" s="613"/>
      <c r="HJT687" s="613"/>
      <c r="HJU687" s="613"/>
      <c r="HJV687" s="613"/>
      <c r="HJW687" s="613"/>
      <c r="HJX687" s="613"/>
      <c r="HJY687" s="613"/>
      <c r="HJZ687" s="613"/>
      <c r="HKA687" s="613"/>
      <c r="HKB687" s="613"/>
      <c r="HKC687" s="613"/>
      <c r="HKD687" s="613"/>
      <c r="HKE687" s="613"/>
      <c r="HKF687" s="613"/>
      <c r="HKG687" s="613"/>
      <c r="HKH687" s="613"/>
      <c r="HKI687" s="613"/>
      <c r="HKJ687" s="613"/>
      <c r="HKK687" s="613"/>
      <c r="HKL687" s="613"/>
      <c r="HKM687" s="613"/>
      <c r="HKN687" s="613"/>
      <c r="HKO687" s="613"/>
      <c r="HKP687" s="613"/>
      <c r="HKQ687" s="613"/>
      <c r="HKR687" s="613"/>
      <c r="HKS687" s="613"/>
      <c r="HKT687" s="613"/>
      <c r="HKU687" s="613"/>
      <c r="HKV687" s="613"/>
      <c r="HKW687" s="613"/>
      <c r="HKX687" s="613"/>
      <c r="HKY687" s="613"/>
      <c r="HKZ687" s="613"/>
      <c r="HLA687" s="613"/>
      <c r="HLB687" s="613"/>
      <c r="HLC687" s="613"/>
      <c r="HLD687" s="613"/>
      <c r="HLE687" s="613"/>
      <c r="HLF687" s="613"/>
      <c r="HLG687" s="613"/>
      <c r="HLH687" s="613"/>
      <c r="HLI687" s="613"/>
      <c r="HLJ687" s="613"/>
      <c r="HLK687" s="613"/>
      <c r="HLL687" s="613"/>
      <c r="HLM687" s="613"/>
      <c r="HLN687" s="613"/>
      <c r="HLO687" s="613"/>
      <c r="HLP687" s="613"/>
      <c r="HLQ687" s="613"/>
      <c r="HLR687" s="613"/>
      <c r="HLS687" s="613"/>
      <c r="HLT687" s="613"/>
      <c r="HLU687" s="613"/>
      <c r="HLV687" s="613"/>
      <c r="HLW687" s="613"/>
      <c r="HLX687" s="613"/>
      <c r="HLY687" s="613"/>
      <c r="HLZ687" s="613"/>
      <c r="HMA687" s="613"/>
      <c r="HMB687" s="613"/>
      <c r="HMC687" s="613"/>
      <c r="HMD687" s="613"/>
      <c r="HME687" s="613"/>
      <c r="HMF687" s="613"/>
      <c r="HMG687" s="613"/>
      <c r="HMH687" s="613"/>
      <c r="HMI687" s="613"/>
      <c r="HMJ687" s="613"/>
      <c r="HMK687" s="613"/>
      <c r="HML687" s="613"/>
      <c r="HMM687" s="613"/>
      <c r="HMN687" s="613"/>
      <c r="HMO687" s="613"/>
      <c r="HMP687" s="613"/>
      <c r="HMQ687" s="613"/>
      <c r="HMR687" s="613"/>
      <c r="HMS687" s="613"/>
      <c r="HMT687" s="613"/>
      <c r="HMU687" s="613"/>
      <c r="HMV687" s="613"/>
      <c r="HMW687" s="613"/>
      <c r="HMX687" s="613"/>
      <c r="HMY687" s="613"/>
      <c r="HMZ687" s="613"/>
      <c r="HNA687" s="613"/>
      <c r="HNB687" s="613"/>
      <c r="HNC687" s="613"/>
      <c r="HND687" s="613"/>
      <c r="HNE687" s="613"/>
      <c r="HNF687" s="613"/>
      <c r="HNG687" s="613"/>
      <c r="HNH687" s="613"/>
      <c r="HNI687" s="613"/>
      <c r="HNJ687" s="613"/>
      <c r="HNK687" s="613"/>
      <c r="HNL687" s="613"/>
      <c r="HNM687" s="613"/>
      <c r="HNN687" s="613"/>
      <c r="HNO687" s="613"/>
      <c r="HNP687" s="613"/>
      <c r="HNQ687" s="613"/>
      <c r="HNR687" s="613"/>
      <c r="HNS687" s="613"/>
      <c r="HNT687" s="613"/>
      <c r="HNU687" s="613"/>
      <c r="HNV687" s="613"/>
      <c r="HNW687" s="613"/>
      <c r="HNX687" s="613"/>
      <c r="HNY687" s="613"/>
      <c r="HNZ687" s="613"/>
      <c r="HOA687" s="613"/>
      <c r="HOB687" s="613"/>
      <c r="HOC687" s="613"/>
      <c r="HOD687" s="613"/>
      <c r="HOE687" s="613"/>
      <c r="HOF687" s="613"/>
      <c r="HOG687" s="613"/>
      <c r="HOH687" s="613"/>
      <c r="HOI687" s="613"/>
      <c r="HOJ687" s="613"/>
      <c r="HOK687" s="613"/>
      <c r="HOL687" s="613"/>
      <c r="HOM687" s="613"/>
      <c r="HON687" s="613"/>
      <c r="HOO687" s="613"/>
      <c r="HOP687" s="613"/>
      <c r="HOQ687" s="613"/>
      <c r="HOR687" s="613"/>
      <c r="HOS687" s="613"/>
      <c r="HOT687" s="613"/>
      <c r="HOU687" s="613"/>
      <c r="HOV687" s="613"/>
      <c r="HOW687" s="613"/>
      <c r="HOX687" s="613"/>
      <c r="HOY687" s="613"/>
      <c r="HOZ687" s="613"/>
      <c r="HPA687" s="613"/>
      <c r="HPB687" s="613"/>
      <c r="HPC687" s="613"/>
      <c r="HPD687" s="613"/>
      <c r="HPE687" s="613"/>
      <c r="HPF687" s="613"/>
      <c r="HPG687" s="613"/>
      <c r="HPH687" s="613"/>
      <c r="HPI687" s="613"/>
      <c r="HPJ687" s="613"/>
      <c r="HPK687" s="613"/>
      <c r="HPL687" s="613"/>
      <c r="HPM687" s="613"/>
      <c r="HPN687" s="613"/>
      <c r="HPO687" s="613"/>
      <c r="HPP687" s="613"/>
      <c r="HPQ687" s="613"/>
      <c r="HPR687" s="613"/>
      <c r="HPS687" s="613"/>
      <c r="HPT687" s="613"/>
      <c r="HPU687" s="613"/>
      <c r="HPV687" s="613"/>
      <c r="HPW687" s="613"/>
      <c r="HPX687" s="613"/>
      <c r="HPY687" s="613"/>
      <c r="HPZ687" s="613"/>
      <c r="HQA687" s="613"/>
      <c r="HQB687" s="613"/>
      <c r="HQC687" s="613"/>
      <c r="HQD687" s="613"/>
      <c r="HQE687" s="613"/>
      <c r="HQF687" s="613"/>
      <c r="HQG687" s="613"/>
      <c r="HQH687" s="613"/>
      <c r="HQI687" s="613"/>
      <c r="HQJ687" s="613"/>
      <c r="HQK687" s="613"/>
      <c r="HQL687" s="613"/>
      <c r="HQM687" s="613"/>
      <c r="HQN687" s="613"/>
      <c r="HQO687" s="613"/>
      <c r="HQP687" s="613"/>
      <c r="HQQ687" s="613"/>
      <c r="HQR687" s="613"/>
      <c r="HQS687" s="613"/>
      <c r="HQT687" s="613"/>
      <c r="HQU687" s="613"/>
      <c r="HQV687" s="613"/>
      <c r="HQW687" s="613"/>
      <c r="HQX687" s="613"/>
      <c r="HQY687" s="613"/>
      <c r="HQZ687" s="613"/>
      <c r="HRA687" s="613"/>
      <c r="HRB687" s="613"/>
      <c r="HRC687" s="613"/>
      <c r="HRD687" s="613"/>
      <c r="HRE687" s="613"/>
      <c r="HRF687" s="613"/>
      <c r="HRG687" s="613"/>
      <c r="HRH687" s="613"/>
      <c r="HRI687" s="613"/>
      <c r="HRJ687" s="613"/>
      <c r="HRK687" s="613"/>
      <c r="HRL687" s="613"/>
      <c r="HRM687" s="613"/>
      <c r="HRN687" s="613"/>
      <c r="HRO687" s="613"/>
      <c r="HRP687" s="613"/>
      <c r="HRQ687" s="613"/>
      <c r="HRR687" s="613"/>
      <c r="HRS687" s="613"/>
      <c r="HRT687" s="613"/>
      <c r="HRU687" s="613"/>
      <c r="HRV687" s="613"/>
      <c r="HRW687" s="613"/>
      <c r="HRX687" s="613"/>
      <c r="HRY687" s="613"/>
      <c r="HRZ687" s="613"/>
      <c r="HSA687" s="613"/>
      <c r="HSB687" s="613"/>
      <c r="HSC687" s="613"/>
      <c r="HSD687" s="613"/>
      <c r="HSE687" s="613"/>
      <c r="HSF687" s="613"/>
      <c r="HSG687" s="613"/>
      <c r="HSH687" s="613"/>
      <c r="HSI687" s="613"/>
      <c r="HSJ687" s="613"/>
      <c r="HSK687" s="613"/>
      <c r="HSL687" s="613"/>
      <c r="HSM687" s="613"/>
      <c r="HSN687" s="613"/>
      <c r="HSO687" s="613"/>
      <c r="HSP687" s="613"/>
      <c r="HSQ687" s="613"/>
      <c r="HSR687" s="613"/>
      <c r="HSS687" s="613"/>
      <c r="HST687" s="613"/>
      <c r="HSU687" s="613"/>
      <c r="HSV687" s="613"/>
      <c r="HSW687" s="613"/>
      <c r="HSX687" s="613"/>
      <c r="HSY687" s="613"/>
      <c r="HSZ687" s="613"/>
      <c r="HTA687" s="613"/>
      <c r="HTB687" s="613"/>
      <c r="HTC687" s="613"/>
      <c r="HTD687" s="613"/>
      <c r="HTE687" s="613"/>
      <c r="HTF687" s="613"/>
      <c r="HTG687" s="613"/>
      <c r="HTH687" s="613"/>
      <c r="HTI687" s="613"/>
      <c r="HTJ687" s="613"/>
      <c r="HTK687" s="613"/>
      <c r="HTL687" s="613"/>
      <c r="HTM687" s="613"/>
      <c r="HTN687" s="613"/>
      <c r="HTO687" s="613"/>
      <c r="HTP687" s="613"/>
      <c r="HTQ687" s="613"/>
      <c r="HTR687" s="613"/>
      <c r="HTS687" s="613"/>
      <c r="HTT687" s="613"/>
      <c r="HTU687" s="613"/>
      <c r="HTV687" s="613"/>
      <c r="HTW687" s="613"/>
      <c r="HTX687" s="613"/>
      <c r="HTY687" s="613"/>
      <c r="HTZ687" s="613"/>
      <c r="HUA687" s="613"/>
      <c r="HUB687" s="613"/>
      <c r="HUC687" s="613"/>
      <c r="HUD687" s="613"/>
      <c r="HUE687" s="613"/>
      <c r="HUF687" s="613"/>
      <c r="HUG687" s="613"/>
      <c r="HUH687" s="613"/>
      <c r="HUI687" s="613"/>
      <c r="HUJ687" s="613"/>
      <c r="HUK687" s="613"/>
      <c r="HUL687" s="613"/>
      <c r="HUM687" s="613"/>
      <c r="HUN687" s="613"/>
      <c r="HUO687" s="613"/>
      <c r="HUP687" s="613"/>
      <c r="HUQ687" s="613"/>
      <c r="HUR687" s="613"/>
      <c r="HUS687" s="613"/>
      <c r="HUT687" s="613"/>
      <c r="HUU687" s="613"/>
      <c r="HUV687" s="613"/>
      <c r="HUW687" s="613"/>
      <c r="HUX687" s="613"/>
      <c r="HUY687" s="613"/>
      <c r="HUZ687" s="613"/>
      <c r="HVA687" s="613"/>
      <c r="HVB687" s="613"/>
      <c r="HVC687" s="613"/>
      <c r="HVD687" s="613"/>
      <c r="HVE687" s="613"/>
      <c r="HVF687" s="613"/>
      <c r="HVG687" s="613"/>
      <c r="HVH687" s="613"/>
      <c r="HVI687" s="613"/>
      <c r="HVJ687" s="613"/>
      <c r="HVK687" s="613"/>
      <c r="HVL687" s="613"/>
      <c r="HVM687" s="613"/>
      <c r="HVN687" s="613"/>
      <c r="HVO687" s="613"/>
      <c r="HVP687" s="613"/>
      <c r="HVQ687" s="613"/>
      <c r="HVR687" s="613"/>
      <c r="HVS687" s="613"/>
      <c r="HVT687" s="613"/>
      <c r="HVU687" s="613"/>
      <c r="HVV687" s="613"/>
      <c r="HVW687" s="613"/>
      <c r="HVX687" s="613"/>
      <c r="HVY687" s="613"/>
      <c r="HVZ687" s="613"/>
      <c r="HWA687" s="613"/>
      <c r="HWB687" s="613"/>
      <c r="HWC687" s="613"/>
      <c r="HWD687" s="613"/>
      <c r="HWE687" s="613"/>
      <c r="HWF687" s="613"/>
      <c r="HWG687" s="613"/>
      <c r="HWH687" s="613"/>
      <c r="HWI687" s="613"/>
      <c r="HWJ687" s="613"/>
      <c r="HWK687" s="613"/>
      <c r="HWL687" s="613"/>
      <c r="HWM687" s="613"/>
      <c r="HWN687" s="613"/>
      <c r="HWO687" s="613"/>
      <c r="HWP687" s="613"/>
      <c r="HWQ687" s="613"/>
      <c r="HWR687" s="613"/>
      <c r="HWS687" s="613"/>
      <c r="HWT687" s="613"/>
      <c r="HWU687" s="613"/>
      <c r="HWV687" s="613"/>
      <c r="HWW687" s="613"/>
      <c r="HWX687" s="613"/>
      <c r="HWY687" s="613"/>
      <c r="HWZ687" s="613"/>
      <c r="HXA687" s="613"/>
      <c r="HXB687" s="613"/>
      <c r="HXC687" s="613"/>
      <c r="HXD687" s="613"/>
      <c r="HXE687" s="613"/>
      <c r="HXF687" s="613"/>
      <c r="HXG687" s="613"/>
      <c r="HXH687" s="613"/>
      <c r="HXI687" s="613"/>
      <c r="HXJ687" s="613"/>
      <c r="HXK687" s="613"/>
      <c r="HXL687" s="613"/>
      <c r="HXM687" s="613"/>
      <c r="HXN687" s="613"/>
      <c r="HXO687" s="613"/>
      <c r="HXP687" s="613"/>
      <c r="HXQ687" s="613"/>
      <c r="HXR687" s="613"/>
      <c r="HXS687" s="613"/>
      <c r="HXT687" s="613"/>
      <c r="HXU687" s="613"/>
      <c r="HXV687" s="613"/>
      <c r="HXW687" s="613"/>
      <c r="HXX687" s="613"/>
      <c r="HXY687" s="613"/>
      <c r="HXZ687" s="613"/>
      <c r="HYA687" s="613"/>
      <c r="HYB687" s="613"/>
      <c r="HYC687" s="613"/>
      <c r="HYD687" s="613"/>
      <c r="HYE687" s="613"/>
      <c r="HYF687" s="613"/>
      <c r="HYG687" s="613"/>
      <c r="HYH687" s="613"/>
      <c r="HYI687" s="613"/>
      <c r="HYJ687" s="613"/>
      <c r="HYK687" s="613"/>
      <c r="HYL687" s="613"/>
      <c r="HYM687" s="613"/>
      <c r="HYN687" s="613"/>
      <c r="HYO687" s="613"/>
      <c r="HYP687" s="613"/>
      <c r="HYQ687" s="613"/>
      <c r="HYR687" s="613"/>
      <c r="HYS687" s="613"/>
      <c r="HYT687" s="613"/>
      <c r="HYU687" s="613"/>
      <c r="HYV687" s="613"/>
      <c r="HYW687" s="613"/>
      <c r="HYX687" s="613"/>
      <c r="HYY687" s="613"/>
      <c r="HYZ687" s="613"/>
      <c r="HZA687" s="613"/>
      <c r="HZB687" s="613"/>
      <c r="HZC687" s="613"/>
      <c r="HZD687" s="613"/>
      <c r="HZE687" s="613"/>
      <c r="HZF687" s="613"/>
      <c r="HZG687" s="613"/>
      <c r="HZH687" s="613"/>
      <c r="HZI687" s="613"/>
      <c r="HZJ687" s="613"/>
      <c r="HZK687" s="613"/>
      <c r="HZL687" s="613"/>
      <c r="HZM687" s="613"/>
      <c r="HZN687" s="613"/>
      <c r="HZO687" s="613"/>
      <c r="HZP687" s="613"/>
      <c r="HZQ687" s="613"/>
      <c r="HZR687" s="613"/>
      <c r="HZS687" s="613"/>
      <c r="HZT687" s="613"/>
      <c r="HZU687" s="613"/>
      <c r="HZV687" s="613"/>
      <c r="HZW687" s="613"/>
      <c r="HZX687" s="613"/>
      <c r="HZY687" s="613"/>
      <c r="HZZ687" s="613"/>
      <c r="IAA687" s="613"/>
      <c r="IAB687" s="613"/>
      <c r="IAC687" s="613"/>
      <c r="IAD687" s="613"/>
      <c r="IAE687" s="613"/>
      <c r="IAF687" s="613"/>
      <c r="IAG687" s="613"/>
      <c r="IAH687" s="613"/>
      <c r="IAI687" s="613"/>
      <c r="IAJ687" s="613"/>
      <c r="IAK687" s="613"/>
      <c r="IAL687" s="613"/>
      <c r="IAM687" s="613"/>
      <c r="IAN687" s="613"/>
      <c r="IAO687" s="613"/>
      <c r="IAP687" s="613"/>
      <c r="IAQ687" s="613"/>
      <c r="IAR687" s="613"/>
      <c r="IAS687" s="613"/>
      <c r="IAT687" s="613"/>
      <c r="IAU687" s="613"/>
      <c r="IAV687" s="613"/>
      <c r="IAW687" s="613"/>
      <c r="IAX687" s="613"/>
      <c r="IAY687" s="613"/>
      <c r="IAZ687" s="613"/>
      <c r="IBA687" s="613"/>
      <c r="IBB687" s="613"/>
      <c r="IBC687" s="613"/>
      <c r="IBD687" s="613"/>
      <c r="IBE687" s="613"/>
      <c r="IBF687" s="613"/>
      <c r="IBG687" s="613"/>
      <c r="IBH687" s="613"/>
      <c r="IBI687" s="613"/>
      <c r="IBJ687" s="613"/>
      <c r="IBK687" s="613"/>
      <c r="IBL687" s="613"/>
      <c r="IBM687" s="613"/>
      <c r="IBN687" s="613"/>
      <c r="IBO687" s="613"/>
      <c r="IBP687" s="613"/>
      <c r="IBQ687" s="613"/>
      <c r="IBR687" s="613"/>
      <c r="IBS687" s="613"/>
      <c r="IBT687" s="613"/>
      <c r="IBU687" s="613"/>
      <c r="IBV687" s="613"/>
      <c r="IBW687" s="613"/>
      <c r="IBX687" s="613"/>
      <c r="IBY687" s="613"/>
      <c r="IBZ687" s="613"/>
      <c r="ICA687" s="613"/>
      <c r="ICB687" s="613"/>
      <c r="ICC687" s="613"/>
      <c r="ICD687" s="613"/>
      <c r="ICE687" s="613"/>
      <c r="ICF687" s="613"/>
      <c r="ICG687" s="613"/>
      <c r="ICH687" s="613"/>
      <c r="ICI687" s="613"/>
      <c r="ICJ687" s="613"/>
      <c r="ICK687" s="613"/>
      <c r="ICL687" s="613"/>
      <c r="ICM687" s="613"/>
      <c r="ICN687" s="613"/>
      <c r="ICO687" s="613"/>
      <c r="ICP687" s="613"/>
      <c r="ICQ687" s="613"/>
      <c r="ICR687" s="613"/>
      <c r="ICS687" s="613"/>
      <c r="ICT687" s="613"/>
      <c r="ICU687" s="613"/>
      <c r="ICV687" s="613"/>
      <c r="ICW687" s="613"/>
      <c r="ICX687" s="613"/>
      <c r="ICY687" s="613"/>
      <c r="ICZ687" s="613"/>
      <c r="IDA687" s="613"/>
      <c r="IDB687" s="613"/>
      <c r="IDC687" s="613"/>
      <c r="IDD687" s="613"/>
      <c r="IDE687" s="613"/>
      <c r="IDF687" s="613"/>
      <c r="IDG687" s="613"/>
      <c r="IDH687" s="613"/>
      <c r="IDI687" s="613"/>
      <c r="IDJ687" s="613"/>
      <c r="IDK687" s="613"/>
      <c r="IDL687" s="613"/>
      <c r="IDM687" s="613"/>
      <c r="IDN687" s="613"/>
      <c r="IDO687" s="613"/>
      <c r="IDP687" s="613"/>
      <c r="IDQ687" s="613"/>
      <c r="IDR687" s="613"/>
      <c r="IDS687" s="613"/>
      <c r="IDT687" s="613"/>
      <c r="IDU687" s="613"/>
      <c r="IDV687" s="613"/>
      <c r="IDW687" s="613"/>
      <c r="IDX687" s="613"/>
      <c r="IDY687" s="613"/>
      <c r="IDZ687" s="613"/>
      <c r="IEA687" s="613"/>
      <c r="IEB687" s="613"/>
      <c r="IEC687" s="613"/>
      <c r="IED687" s="613"/>
      <c r="IEE687" s="613"/>
      <c r="IEF687" s="613"/>
      <c r="IEG687" s="613"/>
      <c r="IEH687" s="613"/>
      <c r="IEI687" s="613"/>
      <c r="IEJ687" s="613"/>
      <c r="IEK687" s="613"/>
      <c r="IEL687" s="613"/>
      <c r="IEM687" s="613"/>
      <c r="IEN687" s="613"/>
      <c r="IEO687" s="613"/>
      <c r="IEP687" s="613"/>
      <c r="IEQ687" s="613"/>
      <c r="IER687" s="613"/>
      <c r="IES687" s="613"/>
      <c r="IET687" s="613"/>
      <c r="IEU687" s="613"/>
      <c r="IEV687" s="613"/>
      <c r="IEW687" s="613"/>
      <c r="IEX687" s="613"/>
      <c r="IEY687" s="613"/>
      <c r="IEZ687" s="613"/>
      <c r="IFA687" s="613"/>
      <c r="IFB687" s="613"/>
      <c r="IFC687" s="613"/>
      <c r="IFD687" s="613"/>
      <c r="IFE687" s="613"/>
      <c r="IFF687" s="613"/>
      <c r="IFG687" s="613"/>
      <c r="IFH687" s="613"/>
      <c r="IFI687" s="613"/>
      <c r="IFJ687" s="613"/>
      <c r="IFK687" s="613"/>
      <c r="IFL687" s="613"/>
      <c r="IFM687" s="613"/>
      <c r="IFN687" s="613"/>
      <c r="IFO687" s="613"/>
      <c r="IFP687" s="613"/>
      <c r="IFQ687" s="613"/>
      <c r="IFR687" s="613"/>
      <c r="IFS687" s="613"/>
      <c r="IFT687" s="613"/>
      <c r="IFU687" s="613"/>
      <c r="IFV687" s="613"/>
      <c r="IFW687" s="613"/>
      <c r="IFX687" s="613"/>
      <c r="IFY687" s="613"/>
      <c r="IFZ687" s="613"/>
      <c r="IGA687" s="613"/>
      <c r="IGB687" s="613"/>
      <c r="IGC687" s="613"/>
      <c r="IGD687" s="613"/>
      <c r="IGE687" s="613"/>
      <c r="IGF687" s="613"/>
      <c r="IGG687" s="613"/>
      <c r="IGH687" s="613"/>
      <c r="IGI687" s="613"/>
      <c r="IGJ687" s="613"/>
      <c r="IGK687" s="613"/>
      <c r="IGL687" s="613"/>
      <c r="IGM687" s="613"/>
      <c r="IGN687" s="613"/>
      <c r="IGO687" s="613"/>
      <c r="IGP687" s="613"/>
      <c r="IGQ687" s="613"/>
      <c r="IGR687" s="613"/>
      <c r="IGS687" s="613"/>
      <c r="IGT687" s="613"/>
      <c r="IGU687" s="613"/>
      <c r="IGV687" s="613"/>
      <c r="IGW687" s="613"/>
      <c r="IGX687" s="613"/>
      <c r="IGY687" s="613"/>
      <c r="IGZ687" s="613"/>
      <c r="IHA687" s="613"/>
      <c r="IHB687" s="613"/>
      <c r="IHC687" s="613"/>
      <c r="IHD687" s="613"/>
      <c r="IHE687" s="613"/>
      <c r="IHF687" s="613"/>
      <c r="IHG687" s="613"/>
      <c r="IHH687" s="613"/>
      <c r="IHI687" s="613"/>
      <c r="IHJ687" s="613"/>
      <c r="IHK687" s="613"/>
      <c r="IHL687" s="613"/>
      <c r="IHM687" s="613"/>
      <c r="IHN687" s="613"/>
      <c r="IHO687" s="613"/>
      <c r="IHP687" s="613"/>
      <c r="IHQ687" s="613"/>
      <c r="IHR687" s="613"/>
      <c r="IHS687" s="613"/>
      <c r="IHT687" s="613"/>
      <c r="IHU687" s="613"/>
      <c r="IHV687" s="613"/>
      <c r="IHW687" s="613"/>
      <c r="IHX687" s="613"/>
      <c r="IHY687" s="613"/>
      <c r="IHZ687" s="613"/>
      <c r="IIA687" s="613"/>
      <c r="IIB687" s="613"/>
      <c r="IIC687" s="613"/>
      <c r="IID687" s="613"/>
      <c r="IIE687" s="613"/>
      <c r="IIF687" s="613"/>
      <c r="IIG687" s="613"/>
      <c r="IIH687" s="613"/>
      <c r="III687" s="613"/>
      <c r="IIJ687" s="613"/>
      <c r="IIK687" s="613"/>
      <c r="IIL687" s="613"/>
      <c r="IIM687" s="613"/>
      <c r="IIN687" s="613"/>
      <c r="IIO687" s="613"/>
      <c r="IIP687" s="613"/>
      <c r="IIQ687" s="613"/>
      <c r="IIR687" s="613"/>
      <c r="IIS687" s="613"/>
      <c r="IIT687" s="613"/>
      <c r="IIU687" s="613"/>
      <c r="IIV687" s="613"/>
      <c r="IIW687" s="613"/>
      <c r="IIX687" s="613"/>
      <c r="IIY687" s="613"/>
      <c r="IIZ687" s="613"/>
      <c r="IJA687" s="613"/>
      <c r="IJB687" s="613"/>
      <c r="IJC687" s="613"/>
      <c r="IJD687" s="613"/>
      <c r="IJE687" s="613"/>
      <c r="IJF687" s="613"/>
      <c r="IJG687" s="613"/>
      <c r="IJH687" s="613"/>
      <c r="IJI687" s="613"/>
      <c r="IJJ687" s="613"/>
      <c r="IJK687" s="613"/>
      <c r="IJL687" s="613"/>
      <c r="IJM687" s="613"/>
      <c r="IJN687" s="613"/>
      <c r="IJO687" s="613"/>
      <c r="IJP687" s="613"/>
      <c r="IJQ687" s="613"/>
      <c r="IJR687" s="613"/>
      <c r="IJS687" s="613"/>
      <c r="IJT687" s="613"/>
      <c r="IJU687" s="613"/>
      <c r="IJV687" s="613"/>
      <c r="IJW687" s="613"/>
      <c r="IJX687" s="613"/>
      <c r="IJY687" s="613"/>
      <c r="IJZ687" s="613"/>
      <c r="IKA687" s="613"/>
      <c r="IKB687" s="613"/>
      <c r="IKC687" s="613"/>
      <c r="IKD687" s="613"/>
      <c r="IKE687" s="613"/>
      <c r="IKF687" s="613"/>
      <c r="IKG687" s="613"/>
      <c r="IKH687" s="613"/>
      <c r="IKI687" s="613"/>
      <c r="IKJ687" s="613"/>
      <c r="IKK687" s="613"/>
      <c r="IKL687" s="613"/>
      <c r="IKM687" s="613"/>
      <c r="IKN687" s="613"/>
      <c r="IKO687" s="613"/>
      <c r="IKP687" s="613"/>
      <c r="IKQ687" s="613"/>
      <c r="IKR687" s="613"/>
      <c r="IKS687" s="613"/>
      <c r="IKT687" s="613"/>
      <c r="IKU687" s="613"/>
      <c r="IKV687" s="613"/>
      <c r="IKW687" s="613"/>
      <c r="IKX687" s="613"/>
      <c r="IKY687" s="613"/>
      <c r="IKZ687" s="613"/>
      <c r="ILA687" s="613"/>
      <c r="ILB687" s="613"/>
      <c r="ILC687" s="613"/>
      <c r="ILD687" s="613"/>
      <c r="ILE687" s="613"/>
      <c r="ILF687" s="613"/>
      <c r="ILG687" s="613"/>
      <c r="ILH687" s="613"/>
      <c r="ILI687" s="613"/>
      <c r="ILJ687" s="613"/>
      <c r="ILK687" s="613"/>
      <c r="ILL687" s="613"/>
      <c r="ILM687" s="613"/>
      <c r="ILN687" s="613"/>
      <c r="ILO687" s="613"/>
      <c r="ILP687" s="613"/>
      <c r="ILQ687" s="613"/>
      <c r="ILR687" s="613"/>
      <c r="ILS687" s="613"/>
      <c r="ILT687" s="613"/>
      <c r="ILU687" s="613"/>
      <c r="ILV687" s="613"/>
      <c r="ILW687" s="613"/>
      <c r="ILX687" s="613"/>
      <c r="ILY687" s="613"/>
      <c r="ILZ687" s="613"/>
      <c r="IMA687" s="613"/>
      <c r="IMB687" s="613"/>
      <c r="IMC687" s="613"/>
      <c r="IMD687" s="613"/>
      <c r="IME687" s="613"/>
      <c r="IMF687" s="613"/>
      <c r="IMG687" s="613"/>
      <c r="IMH687" s="613"/>
      <c r="IMI687" s="613"/>
      <c r="IMJ687" s="613"/>
      <c r="IMK687" s="613"/>
      <c r="IML687" s="613"/>
      <c r="IMM687" s="613"/>
      <c r="IMN687" s="613"/>
      <c r="IMO687" s="613"/>
      <c r="IMP687" s="613"/>
      <c r="IMQ687" s="613"/>
      <c r="IMR687" s="613"/>
      <c r="IMS687" s="613"/>
      <c r="IMT687" s="613"/>
      <c r="IMU687" s="613"/>
      <c r="IMV687" s="613"/>
      <c r="IMW687" s="613"/>
      <c r="IMX687" s="613"/>
      <c r="IMY687" s="613"/>
      <c r="IMZ687" s="613"/>
      <c r="INA687" s="613"/>
      <c r="INB687" s="613"/>
      <c r="INC687" s="613"/>
      <c r="IND687" s="613"/>
      <c r="INE687" s="613"/>
      <c r="INF687" s="613"/>
      <c r="ING687" s="613"/>
      <c r="INH687" s="613"/>
      <c r="INI687" s="613"/>
      <c r="INJ687" s="613"/>
      <c r="INK687" s="613"/>
      <c r="INL687" s="613"/>
      <c r="INM687" s="613"/>
      <c r="INN687" s="613"/>
      <c r="INO687" s="613"/>
      <c r="INP687" s="613"/>
      <c r="INQ687" s="613"/>
      <c r="INR687" s="613"/>
      <c r="INS687" s="613"/>
      <c r="INT687" s="613"/>
      <c r="INU687" s="613"/>
      <c r="INV687" s="613"/>
      <c r="INW687" s="613"/>
      <c r="INX687" s="613"/>
      <c r="INY687" s="613"/>
      <c r="INZ687" s="613"/>
      <c r="IOA687" s="613"/>
      <c r="IOB687" s="613"/>
      <c r="IOC687" s="613"/>
      <c r="IOD687" s="613"/>
      <c r="IOE687" s="613"/>
      <c r="IOF687" s="613"/>
      <c r="IOG687" s="613"/>
      <c r="IOH687" s="613"/>
      <c r="IOI687" s="613"/>
      <c r="IOJ687" s="613"/>
      <c r="IOK687" s="613"/>
      <c r="IOL687" s="613"/>
      <c r="IOM687" s="613"/>
      <c r="ION687" s="613"/>
      <c r="IOO687" s="613"/>
      <c r="IOP687" s="613"/>
      <c r="IOQ687" s="613"/>
      <c r="IOR687" s="613"/>
      <c r="IOS687" s="613"/>
      <c r="IOT687" s="613"/>
      <c r="IOU687" s="613"/>
      <c r="IOV687" s="613"/>
      <c r="IOW687" s="613"/>
      <c r="IOX687" s="613"/>
      <c r="IOY687" s="613"/>
      <c r="IOZ687" s="613"/>
      <c r="IPA687" s="613"/>
      <c r="IPB687" s="613"/>
      <c r="IPC687" s="613"/>
      <c r="IPD687" s="613"/>
      <c r="IPE687" s="613"/>
      <c r="IPF687" s="613"/>
      <c r="IPG687" s="613"/>
      <c r="IPH687" s="613"/>
      <c r="IPI687" s="613"/>
      <c r="IPJ687" s="613"/>
      <c r="IPK687" s="613"/>
      <c r="IPL687" s="613"/>
      <c r="IPM687" s="613"/>
      <c r="IPN687" s="613"/>
      <c r="IPO687" s="613"/>
      <c r="IPP687" s="613"/>
      <c r="IPQ687" s="613"/>
      <c r="IPR687" s="613"/>
      <c r="IPS687" s="613"/>
      <c r="IPT687" s="613"/>
      <c r="IPU687" s="613"/>
      <c r="IPV687" s="613"/>
      <c r="IPW687" s="613"/>
      <c r="IPX687" s="613"/>
      <c r="IPY687" s="613"/>
      <c r="IPZ687" s="613"/>
      <c r="IQA687" s="613"/>
      <c r="IQB687" s="613"/>
      <c r="IQC687" s="613"/>
      <c r="IQD687" s="613"/>
      <c r="IQE687" s="613"/>
      <c r="IQF687" s="613"/>
      <c r="IQG687" s="613"/>
      <c r="IQH687" s="613"/>
      <c r="IQI687" s="613"/>
      <c r="IQJ687" s="613"/>
      <c r="IQK687" s="613"/>
      <c r="IQL687" s="613"/>
      <c r="IQM687" s="613"/>
      <c r="IQN687" s="613"/>
      <c r="IQO687" s="613"/>
      <c r="IQP687" s="613"/>
      <c r="IQQ687" s="613"/>
      <c r="IQR687" s="613"/>
      <c r="IQS687" s="613"/>
      <c r="IQT687" s="613"/>
      <c r="IQU687" s="613"/>
      <c r="IQV687" s="613"/>
      <c r="IQW687" s="613"/>
      <c r="IQX687" s="613"/>
      <c r="IQY687" s="613"/>
      <c r="IQZ687" s="613"/>
      <c r="IRA687" s="613"/>
      <c r="IRB687" s="613"/>
      <c r="IRC687" s="613"/>
      <c r="IRD687" s="613"/>
      <c r="IRE687" s="613"/>
      <c r="IRF687" s="613"/>
      <c r="IRG687" s="613"/>
      <c r="IRH687" s="613"/>
      <c r="IRI687" s="613"/>
      <c r="IRJ687" s="613"/>
      <c r="IRK687" s="613"/>
      <c r="IRL687" s="613"/>
      <c r="IRM687" s="613"/>
      <c r="IRN687" s="613"/>
      <c r="IRO687" s="613"/>
      <c r="IRP687" s="613"/>
      <c r="IRQ687" s="613"/>
      <c r="IRR687" s="613"/>
      <c r="IRS687" s="613"/>
      <c r="IRT687" s="613"/>
      <c r="IRU687" s="613"/>
      <c r="IRV687" s="613"/>
      <c r="IRW687" s="613"/>
      <c r="IRX687" s="613"/>
      <c r="IRY687" s="613"/>
      <c r="IRZ687" s="613"/>
      <c r="ISA687" s="613"/>
      <c r="ISB687" s="613"/>
      <c r="ISC687" s="613"/>
      <c r="ISD687" s="613"/>
      <c r="ISE687" s="613"/>
      <c r="ISF687" s="613"/>
      <c r="ISG687" s="613"/>
      <c r="ISH687" s="613"/>
      <c r="ISI687" s="613"/>
      <c r="ISJ687" s="613"/>
      <c r="ISK687" s="613"/>
      <c r="ISL687" s="613"/>
      <c r="ISM687" s="613"/>
      <c r="ISN687" s="613"/>
      <c r="ISO687" s="613"/>
      <c r="ISP687" s="613"/>
      <c r="ISQ687" s="613"/>
      <c r="ISR687" s="613"/>
      <c r="ISS687" s="613"/>
      <c r="IST687" s="613"/>
      <c r="ISU687" s="613"/>
      <c r="ISV687" s="613"/>
      <c r="ISW687" s="613"/>
      <c r="ISX687" s="613"/>
      <c r="ISY687" s="613"/>
      <c r="ISZ687" s="613"/>
      <c r="ITA687" s="613"/>
      <c r="ITB687" s="613"/>
      <c r="ITC687" s="613"/>
      <c r="ITD687" s="613"/>
      <c r="ITE687" s="613"/>
      <c r="ITF687" s="613"/>
      <c r="ITG687" s="613"/>
      <c r="ITH687" s="613"/>
      <c r="ITI687" s="613"/>
      <c r="ITJ687" s="613"/>
      <c r="ITK687" s="613"/>
      <c r="ITL687" s="613"/>
      <c r="ITM687" s="613"/>
      <c r="ITN687" s="613"/>
      <c r="ITO687" s="613"/>
      <c r="ITP687" s="613"/>
      <c r="ITQ687" s="613"/>
      <c r="ITR687" s="613"/>
      <c r="ITS687" s="613"/>
      <c r="ITT687" s="613"/>
      <c r="ITU687" s="613"/>
      <c r="ITV687" s="613"/>
      <c r="ITW687" s="613"/>
      <c r="ITX687" s="613"/>
      <c r="ITY687" s="613"/>
      <c r="ITZ687" s="613"/>
      <c r="IUA687" s="613"/>
      <c r="IUB687" s="613"/>
      <c r="IUC687" s="613"/>
      <c r="IUD687" s="613"/>
      <c r="IUE687" s="613"/>
      <c r="IUF687" s="613"/>
      <c r="IUG687" s="613"/>
      <c r="IUH687" s="613"/>
      <c r="IUI687" s="613"/>
      <c r="IUJ687" s="613"/>
      <c r="IUK687" s="613"/>
      <c r="IUL687" s="613"/>
      <c r="IUM687" s="613"/>
      <c r="IUN687" s="613"/>
      <c r="IUO687" s="613"/>
      <c r="IUP687" s="613"/>
      <c r="IUQ687" s="613"/>
      <c r="IUR687" s="613"/>
      <c r="IUS687" s="613"/>
      <c r="IUT687" s="613"/>
      <c r="IUU687" s="613"/>
      <c r="IUV687" s="613"/>
      <c r="IUW687" s="613"/>
      <c r="IUX687" s="613"/>
      <c r="IUY687" s="613"/>
      <c r="IUZ687" s="613"/>
      <c r="IVA687" s="613"/>
      <c r="IVB687" s="613"/>
      <c r="IVC687" s="613"/>
      <c r="IVD687" s="613"/>
      <c r="IVE687" s="613"/>
      <c r="IVF687" s="613"/>
      <c r="IVG687" s="613"/>
      <c r="IVH687" s="613"/>
      <c r="IVI687" s="613"/>
      <c r="IVJ687" s="613"/>
      <c r="IVK687" s="613"/>
      <c r="IVL687" s="613"/>
      <c r="IVM687" s="613"/>
      <c r="IVN687" s="613"/>
      <c r="IVO687" s="613"/>
      <c r="IVP687" s="613"/>
      <c r="IVQ687" s="613"/>
      <c r="IVR687" s="613"/>
      <c r="IVS687" s="613"/>
      <c r="IVT687" s="613"/>
      <c r="IVU687" s="613"/>
      <c r="IVV687" s="613"/>
      <c r="IVW687" s="613"/>
      <c r="IVX687" s="613"/>
      <c r="IVY687" s="613"/>
      <c r="IVZ687" s="613"/>
      <c r="IWA687" s="613"/>
      <c r="IWB687" s="613"/>
      <c r="IWC687" s="613"/>
      <c r="IWD687" s="613"/>
      <c r="IWE687" s="613"/>
      <c r="IWF687" s="613"/>
      <c r="IWG687" s="613"/>
      <c r="IWH687" s="613"/>
      <c r="IWI687" s="613"/>
      <c r="IWJ687" s="613"/>
      <c r="IWK687" s="613"/>
      <c r="IWL687" s="613"/>
      <c r="IWM687" s="613"/>
      <c r="IWN687" s="613"/>
      <c r="IWO687" s="613"/>
      <c r="IWP687" s="613"/>
      <c r="IWQ687" s="613"/>
      <c r="IWR687" s="613"/>
      <c r="IWS687" s="613"/>
      <c r="IWT687" s="613"/>
      <c r="IWU687" s="613"/>
      <c r="IWV687" s="613"/>
      <c r="IWW687" s="613"/>
      <c r="IWX687" s="613"/>
      <c r="IWY687" s="613"/>
      <c r="IWZ687" s="613"/>
      <c r="IXA687" s="613"/>
      <c r="IXB687" s="613"/>
      <c r="IXC687" s="613"/>
      <c r="IXD687" s="613"/>
      <c r="IXE687" s="613"/>
      <c r="IXF687" s="613"/>
      <c r="IXG687" s="613"/>
      <c r="IXH687" s="613"/>
      <c r="IXI687" s="613"/>
      <c r="IXJ687" s="613"/>
      <c r="IXK687" s="613"/>
      <c r="IXL687" s="613"/>
      <c r="IXM687" s="613"/>
      <c r="IXN687" s="613"/>
      <c r="IXO687" s="613"/>
      <c r="IXP687" s="613"/>
      <c r="IXQ687" s="613"/>
      <c r="IXR687" s="613"/>
      <c r="IXS687" s="613"/>
      <c r="IXT687" s="613"/>
      <c r="IXU687" s="613"/>
      <c r="IXV687" s="613"/>
      <c r="IXW687" s="613"/>
      <c r="IXX687" s="613"/>
      <c r="IXY687" s="613"/>
      <c r="IXZ687" s="613"/>
      <c r="IYA687" s="613"/>
      <c r="IYB687" s="613"/>
      <c r="IYC687" s="613"/>
      <c r="IYD687" s="613"/>
      <c r="IYE687" s="613"/>
      <c r="IYF687" s="613"/>
      <c r="IYG687" s="613"/>
      <c r="IYH687" s="613"/>
      <c r="IYI687" s="613"/>
      <c r="IYJ687" s="613"/>
      <c r="IYK687" s="613"/>
      <c r="IYL687" s="613"/>
      <c r="IYM687" s="613"/>
      <c r="IYN687" s="613"/>
      <c r="IYO687" s="613"/>
      <c r="IYP687" s="613"/>
      <c r="IYQ687" s="613"/>
      <c r="IYR687" s="613"/>
      <c r="IYS687" s="613"/>
      <c r="IYT687" s="613"/>
      <c r="IYU687" s="613"/>
      <c r="IYV687" s="613"/>
      <c r="IYW687" s="613"/>
      <c r="IYX687" s="613"/>
      <c r="IYY687" s="613"/>
      <c r="IYZ687" s="613"/>
      <c r="IZA687" s="613"/>
      <c r="IZB687" s="613"/>
      <c r="IZC687" s="613"/>
      <c r="IZD687" s="613"/>
      <c r="IZE687" s="613"/>
      <c r="IZF687" s="613"/>
      <c r="IZG687" s="613"/>
      <c r="IZH687" s="613"/>
      <c r="IZI687" s="613"/>
      <c r="IZJ687" s="613"/>
      <c r="IZK687" s="613"/>
      <c r="IZL687" s="613"/>
      <c r="IZM687" s="613"/>
      <c r="IZN687" s="613"/>
      <c r="IZO687" s="613"/>
      <c r="IZP687" s="613"/>
      <c r="IZQ687" s="613"/>
      <c r="IZR687" s="613"/>
      <c r="IZS687" s="613"/>
      <c r="IZT687" s="613"/>
      <c r="IZU687" s="613"/>
      <c r="IZV687" s="613"/>
      <c r="IZW687" s="613"/>
      <c r="IZX687" s="613"/>
      <c r="IZY687" s="613"/>
      <c r="IZZ687" s="613"/>
      <c r="JAA687" s="613"/>
      <c r="JAB687" s="613"/>
      <c r="JAC687" s="613"/>
      <c r="JAD687" s="613"/>
      <c r="JAE687" s="613"/>
      <c r="JAF687" s="613"/>
      <c r="JAG687" s="613"/>
      <c r="JAH687" s="613"/>
      <c r="JAI687" s="613"/>
      <c r="JAJ687" s="613"/>
      <c r="JAK687" s="613"/>
      <c r="JAL687" s="613"/>
      <c r="JAM687" s="613"/>
      <c r="JAN687" s="613"/>
      <c r="JAO687" s="613"/>
      <c r="JAP687" s="613"/>
      <c r="JAQ687" s="613"/>
      <c r="JAR687" s="613"/>
      <c r="JAS687" s="613"/>
      <c r="JAT687" s="613"/>
      <c r="JAU687" s="613"/>
      <c r="JAV687" s="613"/>
      <c r="JAW687" s="613"/>
      <c r="JAX687" s="613"/>
      <c r="JAY687" s="613"/>
      <c r="JAZ687" s="613"/>
      <c r="JBA687" s="613"/>
      <c r="JBB687" s="613"/>
      <c r="JBC687" s="613"/>
      <c r="JBD687" s="613"/>
      <c r="JBE687" s="613"/>
      <c r="JBF687" s="613"/>
      <c r="JBG687" s="613"/>
      <c r="JBH687" s="613"/>
      <c r="JBI687" s="613"/>
      <c r="JBJ687" s="613"/>
      <c r="JBK687" s="613"/>
      <c r="JBL687" s="613"/>
      <c r="JBM687" s="613"/>
      <c r="JBN687" s="613"/>
      <c r="JBO687" s="613"/>
      <c r="JBP687" s="613"/>
      <c r="JBQ687" s="613"/>
      <c r="JBR687" s="613"/>
      <c r="JBS687" s="613"/>
      <c r="JBT687" s="613"/>
      <c r="JBU687" s="613"/>
      <c r="JBV687" s="613"/>
      <c r="JBW687" s="613"/>
      <c r="JBX687" s="613"/>
      <c r="JBY687" s="613"/>
      <c r="JBZ687" s="613"/>
      <c r="JCA687" s="613"/>
      <c r="JCB687" s="613"/>
      <c r="JCC687" s="613"/>
      <c r="JCD687" s="613"/>
      <c r="JCE687" s="613"/>
      <c r="JCF687" s="613"/>
      <c r="JCG687" s="613"/>
      <c r="JCH687" s="613"/>
      <c r="JCI687" s="613"/>
      <c r="JCJ687" s="613"/>
      <c r="JCK687" s="613"/>
      <c r="JCL687" s="613"/>
      <c r="JCM687" s="613"/>
      <c r="JCN687" s="613"/>
      <c r="JCO687" s="613"/>
      <c r="JCP687" s="613"/>
      <c r="JCQ687" s="613"/>
      <c r="JCR687" s="613"/>
      <c r="JCS687" s="613"/>
      <c r="JCT687" s="613"/>
      <c r="JCU687" s="613"/>
      <c r="JCV687" s="613"/>
      <c r="JCW687" s="613"/>
      <c r="JCX687" s="613"/>
      <c r="JCY687" s="613"/>
      <c r="JCZ687" s="613"/>
      <c r="JDA687" s="613"/>
      <c r="JDB687" s="613"/>
      <c r="JDC687" s="613"/>
      <c r="JDD687" s="613"/>
      <c r="JDE687" s="613"/>
      <c r="JDF687" s="613"/>
      <c r="JDG687" s="613"/>
      <c r="JDH687" s="613"/>
      <c r="JDI687" s="613"/>
      <c r="JDJ687" s="613"/>
      <c r="JDK687" s="613"/>
      <c r="JDL687" s="613"/>
      <c r="JDM687" s="613"/>
      <c r="JDN687" s="613"/>
      <c r="JDO687" s="613"/>
      <c r="JDP687" s="613"/>
      <c r="JDQ687" s="613"/>
      <c r="JDR687" s="613"/>
      <c r="JDS687" s="613"/>
      <c r="JDT687" s="613"/>
      <c r="JDU687" s="613"/>
      <c r="JDV687" s="613"/>
      <c r="JDW687" s="613"/>
      <c r="JDX687" s="613"/>
      <c r="JDY687" s="613"/>
      <c r="JDZ687" s="613"/>
      <c r="JEA687" s="613"/>
      <c r="JEB687" s="613"/>
      <c r="JEC687" s="613"/>
      <c r="JED687" s="613"/>
      <c r="JEE687" s="613"/>
      <c r="JEF687" s="613"/>
      <c r="JEG687" s="613"/>
      <c r="JEH687" s="613"/>
      <c r="JEI687" s="613"/>
      <c r="JEJ687" s="613"/>
      <c r="JEK687" s="613"/>
      <c r="JEL687" s="613"/>
      <c r="JEM687" s="613"/>
      <c r="JEN687" s="613"/>
      <c r="JEO687" s="613"/>
      <c r="JEP687" s="613"/>
      <c r="JEQ687" s="613"/>
      <c r="JER687" s="613"/>
      <c r="JES687" s="613"/>
      <c r="JET687" s="613"/>
      <c r="JEU687" s="613"/>
      <c r="JEV687" s="613"/>
      <c r="JEW687" s="613"/>
      <c r="JEX687" s="613"/>
      <c r="JEY687" s="613"/>
      <c r="JEZ687" s="613"/>
      <c r="JFA687" s="613"/>
      <c r="JFB687" s="613"/>
      <c r="JFC687" s="613"/>
      <c r="JFD687" s="613"/>
      <c r="JFE687" s="613"/>
      <c r="JFF687" s="613"/>
      <c r="JFG687" s="613"/>
      <c r="JFH687" s="613"/>
      <c r="JFI687" s="613"/>
      <c r="JFJ687" s="613"/>
      <c r="JFK687" s="613"/>
      <c r="JFL687" s="613"/>
      <c r="JFM687" s="613"/>
      <c r="JFN687" s="613"/>
      <c r="JFO687" s="613"/>
      <c r="JFP687" s="613"/>
      <c r="JFQ687" s="613"/>
      <c r="JFR687" s="613"/>
      <c r="JFS687" s="613"/>
      <c r="JFT687" s="613"/>
      <c r="JFU687" s="613"/>
      <c r="JFV687" s="613"/>
      <c r="JFW687" s="613"/>
      <c r="JFX687" s="613"/>
      <c r="JFY687" s="613"/>
      <c r="JFZ687" s="613"/>
      <c r="JGA687" s="613"/>
      <c r="JGB687" s="613"/>
      <c r="JGC687" s="613"/>
      <c r="JGD687" s="613"/>
      <c r="JGE687" s="613"/>
      <c r="JGF687" s="613"/>
      <c r="JGG687" s="613"/>
      <c r="JGH687" s="613"/>
      <c r="JGI687" s="613"/>
      <c r="JGJ687" s="613"/>
      <c r="JGK687" s="613"/>
      <c r="JGL687" s="613"/>
      <c r="JGM687" s="613"/>
      <c r="JGN687" s="613"/>
      <c r="JGO687" s="613"/>
      <c r="JGP687" s="613"/>
      <c r="JGQ687" s="613"/>
      <c r="JGR687" s="613"/>
      <c r="JGS687" s="613"/>
      <c r="JGT687" s="613"/>
      <c r="JGU687" s="613"/>
      <c r="JGV687" s="613"/>
      <c r="JGW687" s="613"/>
      <c r="JGX687" s="613"/>
      <c r="JGY687" s="613"/>
      <c r="JGZ687" s="613"/>
      <c r="JHA687" s="613"/>
      <c r="JHB687" s="613"/>
      <c r="JHC687" s="613"/>
      <c r="JHD687" s="613"/>
      <c r="JHE687" s="613"/>
      <c r="JHF687" s="613"/>
      <c r="JHG687" s="613"/>
      <c r="JHH687" s="613"/>
      <c r="JHI687" s="613"/>
      <c r="JHJ687" s="613"/>
      <c r="JHK687" s="613"/>
      <c r="JHL687" s="613"/>
      <c r="JHM687" s="613"/>
      <c r="JHN687" s="613"/>
      <c r="JHO687" s="613"/>
      <c r="JHP687" s="613"/>
      <c r="JHQ687" s="613"/>
      <c r="JHR687" s="613"/>
      <c r="JHS687" s="613"/>
      <c r="JHT687" s="613"/>
      <c r="JHU687" s="613"/>
      <c r="JHV687" s="613"/>
      <c r="JHW687" s="613"/>
      <c r="JHX687" s="613"/>
      <c r="JHY687" s="613"/>
      <c r="JHZ687" s="613"/>
      <c r="JIA687" s="613"/>
      <c r="JIB687" s="613"/>
      <c r="JIC687" s="613"/>
      <c r="JID687" s="613"/>
      <c r="JIE687" s="613"/>
      <c r="JIF687" s="613"/>
      <c r="JIG687" s="613"/>
      <c r="JIH687" s="613"/>
      <c r="JII687" s="613"/>
      <c r="JIJ687" s="613"/>
      <c r="JIK687" s="613"/>
      <c r="JIL687" s="613"/>
      <c r="JIM687" s="613"/>
      <c r="JIN687" s="613"/>
      <c r="JIO687" s="613"/>
      <c r="JIP687" s="613"/>
      <c r="JIQ687" s="613"/>
      <c r="JIR687" s="613"/>
      <c r="JIS687" s="613"/>
      <c r="JIT687" s="613"/>
      <c r="JIU687" s="613"/>
      <c r="JIV687" s="613"/>
      <c r="JIW687" s="613"/>
      <c r="JIX687" s="613"/>
      <c r="JIY687" s="613"/>
      <c r="JIZ687" s="613"/>
      <c r="JJA687" s="613"/>
      <c r="JJB687" s="613"/>
      <c r="JJC687" s="613"/>
      <c r="JJD687" s="613"/>
      <c r="JJE687" s="613"/>
      <c r="JJF687" s="613"/>
      <c r="JJG687" s="613"/>
      <c r="JJH687" s="613"/>
      <c r="JJI687" s="613"/>
      <c r="JJJ687" s="613"/>
      <c r="JJK687" s="613"/>
      <c r="JJL687" s="613"/>
      <c r="JJM687" s="613"/>
      <c r="JJN687" s="613"/>
      <c r="JJO687" s="613"/>
      <c r="JJP687" s="613"/>
      <c r="JJQ687" s="613"/>
      <c r="JJR687" s="613"/>
      <c r="JJS687" s="613"/>
      <c r="JJT687" s="613"/>
      <c r="JJU687" s="613"/>
      <c r="JJV687" s="613"/>
      <c r="JJW687" s="613"/>
      <c r="JJX687" s="613"/>
      <c r="JJY687" s="613"/>
      <c r="JJZ687" s="613"/>
      <c r="JKA687" s="613"/>
      <c r="JKB687" s="613"/>
      <c r="JKC687" s="613"/>
      <c r="JKD687" s="613"/>
      <c r="JKE687" s="613"/>
      <c r="JKF687" s="613"/>
      <c r="JKG687" s="613"/>
      <c r="JKH687" s="613"/>
      <c r="JKI687" s="613"/>
      <c r="JKJ687" s="613"/>
      <c r="JKK687" s="613"/>
      <c r="JKL687" s="613"/>
      <c r="JKM687" s="613"/>
      <c r="JKN687" s="613"/>
      <c r="JKO687" s="613"/>
      <c r="JKP687" s="613"/>
      <c r="JKQ687" s="613"/>
      <c r="JKR687" s="613"/>
      <c r="JKS687" s="613"/>
      <c r="JKT687" s="613"/>
      <c r="JKU687" s="613"/>
      <c r="JKV687" s="613"/>
      <c r="JKW687" s="613"/>
      <c r="JKX687" s="613"/>
      <c r="JKY687" s="613"/>
      <c r="JKZ687" s="613"/>
      <c r="JLA687" s="613"/>
      <c r="JLB687" s="613"/>
      <c r="JLC687" s="613"/>
      <c r="JLD687" s="613"/>
      <c r="JLE687" s="613"/>
      <c r="JLF687" s="613"/>
      <c r="JLG687" s="613"/>
      <c r="JLH687" s="613"/>
      <c r="JLI687" s="613"/>
      <c r="JLJ687" s="613"/>
      <c r="JLK687" s="613"/>
      <c r="JLL687" s="613"/>
      <c r="JLM687" s="613"/>
      <c r="JLN687" s="613"/>
      <c r="JLO687" s="613"/>
      <c r="JLP687" s="613"/>
      <c r="JLQ687" s="613"/>
      <c r="JLR687" s="613"/>
      <c r="JLS687" s="613"/>
      <c r="JLT687" s="613"/>
      <c r="JLU687" s="613"/>
      <c r="JLV687" s="613"/>
      <c r="JLW687" s="613"/>
      <c r="JLX687" s="613"/>
      <c r="JLY687" s="613"/>
      <c r="JLZ687" s="613"/>
      <c r="JMA687" s="613"/>
      <c r="JMB687" s="613"/>
      <c r="JMC687" s="613"/>
      <c r="JMD687" s="613"/>
      <c r="JME687" s="613"/>
      <c r="JMF687" s="613"/>
      <c r="JMG687" s="613"/>
      <c r="JMH687" s="613"/>
      <c r="JMI687" s="613"/>
      <c r="JMJ687" s="613"/>
      <c r="JMK687" s="613"/>
      <c r="JML687" s="613"/>
      <c r="JMM687" s="613"/>
      <c r="JMN687" s="613"/>
      <c r="JMO687" s="613"/>
      <c r="JMP687" s="613"/>
      <c r="JMQ687" s="613"/>
      <c r="JMR687" s="613"/>
      <c r="JMS687" s="613"/>
      <c r="JMT687" s="613"/>
      <c r="JMU687" s="613"/>
      <c r="JMV687" s="613"/>
      <c r="JMW687" s="613"/>
      <c r="JMX687" s="613"/>
      <c r="JMY687" s="613"/>
      <c r="JMZ687" s="613"/>
      <c r="JNA687" s="613"/>
      <c r="JNB687" s="613"/>
      <c r="JNC687" s="613"/>
      <c r="JND687" s="613"/>
      <c r="JNE687" s="613"/>
      <c r="JNF687" s="613"/>
      <c r="JNG687" s="613"/>
      <c r="JNH687" s="613"/>
      <c r="JNI687" s="613"/>
      <c r="JNJ687" s="613"/>
      <c r="JNK687" s="613"/>
      <c r="JNL687" s="613"/>
      <c r="JNM687" s="613"/>
      <c r="JNN687" s="613"/>
      <c r="JNO687" s="613"/>
      <c r="JNP687" s="613"/>
      <c r="JNQ687" s="613"/>
      <c r="JNR687" s="613"/>
      <c r="JNS687" s="613"/>
      <c r="JNT687" s="613"/>
      <c r="JNU687" s="613"/>
      <c r="JNV687" s="613"/>
      <c r="JNW687" s="613"/>
      <c r="JNX687" s="613"/>
      <c r="JNY687" s="613"/>
      <c r="JNZ687" s="613"/>
      <c r="JOA687" s="613"/>
      <c r="JOB687" s="613"/>
      <c r="JOC687" s="613"/>
      <c r="JOD687" s="613"/>
      <c r="JOE687" s="613"/>
      <c r="JOF687" s="613"/>
      <c r="JOG687" s="613"/>
      <c r="JOH687" s="613"/>
      <c r="JOI687" s="613"/>
      <c r="JOJ687" s="613"/>
      <c r="JOK687" s="613"/>
      <c r="JOL687" s="613"/>
      <c r="JOM687" s="613"/>
      <c r="JON687" s="613"/>
      <c r="JOO687" s="613"/>
      <c r="JOP687" s="613"/>
      <c r="JOQ687" s="613"/>
      <c r="JOR687" s="613"/>
      <c r="JOS687" s="613"/>
      <c r="JOT687" s="613"/>
      <c r="JOU687" s="613"/>
      <c r="JOV687" s="613"/>
      <c r="JOW687" s="613"/>
      <c r="JOX687" s="613"/>
      <c r="JOY687" s="613"/>
      <c r="JOZ687" s="613"/>
      <c r="JPA687" s="613"/>
      <c r="JPB687" s="613"/>
      <c r="JPC687" s="613"/>
      <c r="JPD687" s="613"/>
      <c r="JPE687" s="613"/>
      <c r="JPF687" s="613"/>
      <c r="JPG687" s="613"/>
      <c r="JPH687" s="613"/>
      <c r="JPI687" s="613"/>
      <c r="JPJ687" s="613"/>
      <c r="JPK687" s="613"/>
      <c r="JPL687" s="613"/>
      <c r="JPM687" s="613"/>
      <c r="JPN687" s="613"/>
      <c r="JPO687" s="613"/>
      <c r="JPP687" s="613"/>
      <c r="JPQ687" s="613"/>
      <c r="JPR687" s="613"/>
      <c r="JPS687" s="613"/>
      <c r="JPT687" s="613"/>
      <c r="JPU687" s="613"/>
      <c r="JPV687" s="613"/>
      <c r="JPW687" s="613"/>
      <c r="JPX687" s="613"/>
      <c r="JPY687" s="613"/>
      <c r="JPZ687" s="613"/>
      <c r="JQA687" s="613"/>
      <c r="JQB687" s="613"/>
      <c r="JQC687" s="613"/>
      <c r="JQD687" s="613"/>
      <c r="JQE687" s="613"/>
      <c r="JQF687" s="613"/>
      <c r="JQG687" s="613"/>
      <c r="JQH687" s="613"/>
      <c r="JQI687" s="613"/>
      <c r="JQJ687" s="613"/>
      <c r="JQK687" s="613"/>
      <c r="JQL687" s="613"/>
      <c r="JQM687" s="613"/>
      <c r="JQN687" s="613"/>
      <c r="JQO687" s="613"/>
      <c r="JQP687" s="613"/>
      <c r="JQQ687" s="613"/>
      <c r="JQR687" s="613"/>
      <c r="JQS687" s="613"/>
      <c r="JQT687" s="613"/>
      <c r="JQU687" s="613"/>
      <c r="JQV687" s="613"/>
      <c r="JQW687" s="613"/>
      <c r="JQX687" s="613"/>
      <c r="JQY687" s="613"/>
      <c r="JQZ687" s="613"/>
      <c r="JRA687" s="613"/>
      <c r="JRB687" s="613"/>
      <c r="JRC687" s="613"/>
      <c r="JRD687" s="613"/>
      <c r="JRE687" s="613"/>
      <c r="JRF687" s="613"/>
      <c r="JRG687" s="613"/>
      <c r="JRH687" s="613"/>
      <c r="JRI687" s="613"/>
      <c r="JRJ687" s="613"/>
      <c r="JRK687" s="613"/>
      <c r="JRL687" s="613"/>
      <c r="JRM687" s="613"/>
      <c r="JRN687" s="613"/>
      <c r="JRO687" s="613"/>
      <c r="JRP687" s="613"/>
      <c r="JRQ687" s="613"/>
      <c r="JRR687" s="613"/>
      <c r="JRS687" s="613"/>
      <c r="JRT687" s="613"/>
      <c r="JRU687" s="613"/>
      <c r="JRV687" s="613"/>
      <c r="JRW687" s="613"/>
      <c r="JRX687" s="613"/>
      <c r="JRY687" s="613"/>
      <c r="JRZ687" s="613"/>
      <c r="JSA687" s="613"/>
      <c r="JSB687" s="613"/>
      <c r="JSC687" s="613"/>
      <c r="JSD687" s="613"/>
      <c r="JSE687" s="613"/>
      <c r="JSF687" s="613"/>
      <c r="JSG687" s="613"/>
      <c r="JSH687" s="613"/>
      <c r="JSI687" s="613"/>
      <c r="JSJ687" s="613"/>
      <c r="JSK687" s="613"/>
      <c r="JSL687" s="613"/>
      <c r="JSM687" s="613"/>
      <c r="JSN687" s="613"/>
      <c r="JSO687" s="613"/>
      <c r="JSP687" s="613"/>
      <c r="JSQ687" s="613"/>
      <c r="JSR687" s="613"/>
      <c r="JSS687" s="613"/>
      <c r="JST687" s="613"/>
      <c r="JSU687" s="613"/>
      <c r="JSV687" s="613"/>
      <c r="JSW687" s="613"/>
      <c r="JSX687" s="613"/>
      <c r="JSY687" s="613"/>
      <c r="JSZ687" s="613"/>
      <c r="JTA687" s="613"/>
      <c r="JTB687" s="613"/>
      <c r="JTC687" s="613"/>
      <c r="JTD687" s="613"/>
      <c r="JTE687" s="613"/>
      <c r="JTF687" s="613"/>
      <c r="JTG687" s="613"/>
      <c r="JTH687" s="613"/>
      <c r="JTI687" s="613"/>
      <c r="JTJ687" s="613"/>
      <c r="JTK687" s="613"/>
      <c r="JTL687" s="613"/>
      <c r="JTM687" s="613"/>
      <c r="JTN687" s="613"/>
      <c r="JTO687" s="613"/>
      <c r="JTP687" s="613"/>
      <c r="JTQ687" s="613"/>
      <c r="JTR687" s="613"/>
      <c r="JTS687" s="613"/>
      <c r="JTT687" s="613"/>
      <c r="JTU687" s="613"/>
      <c r="JTV687" s="613"/>
      <c r="JTW687" s="613"/>
      <c r="JTX687" s="613"/>
      <c r="JTY687" s="613"/>
      <c r="JTZ687" s="613"/>
      <c r="JUA687" s="613"/>
      <c r="JUB687" s="613"/>
      <c r="JUC687" s="613"/>
      <c r="JUD687" s="613"/>
      <c r="JUE687" s="613"/>
      <c r="JUF687" s="613"/>
      <c r="JUG687" s="613"/>
      <c r="JUH687" s="613"/>
      <c r="JUI687" s="613"/>
      <c r="JUJ687" s="613"/>
      <c r="JUK687" s="613"/>
      <c r="JUL687" s="613"/>
      <c r="JUM687" s="613"/>
      <c r="JUN687" s="613"/>
      <c r="JUO687" s="613"/>
      <c r="JUP687" s="613"/>
      <c r="JUQ687" s="613"/>
      <c r="JUR687" s="613"/>
      <c r="JUS687" s="613"/>
      <c r="JUT687" s="613"/>
      <c r="JUU687" s="613"/>
      <c r="JUV687" s="613"/>
      <c r="JUW687" s="613"/>
      <c r="JUX687" s="613"/>
      <c r="JUY687" s="613"/>
      <c r="JUZ687" s="613"/>
      <c r="JVA687" s="613"/>
      <c r="JVB687" s="613"/>
      <c r="JVC687" s="613"/>
      <c r="JVD687" s="613"/>
      <c r="JVE687" s="613"/>
      <c r="JVF687" s="613"/>
      <c r="JVG687" s="613"/>
      <c r="JVH687" s="613"/>
      <c r="JVI687" s="613"/>
      <c r="JVJ687" s="613"/>
      <c r="JVK687" s="613"/>
      <c r="JVL687" s="613"/>
      <c r="JVM687" s="613"/>
      <c r="JVN687" s="613"/>
      <c r="JVO687" s="613"/>
      <c r="JVP687" s="613"/>
      <c r="JVQ687" s="613"/>
      <c r="JVR687" s="613"/>
      <c r="JVS687" s="613"/>
      <c r="JVT687" s="613"/>
      <c r="JVU687" s="613"/>
      <c r="JVV687" s="613"/>
      <c r="JVW687" s="613"/>
      <c r="JVX687" s="613"/>
      <c r="JVY687" s="613"/>
      <c r="JVZ687" s="613"/>
      <c r="JWA687" s="613"/>
      <c r="JWB687" s="613"/>
      <c r="JWC687" s="613"/>
      <c r="JWD687" s="613"/>
      <c r="JWE687" s="613"/>
      <c r="JWF687" s="613"/>
      <c r="JWG687" s="613"/>
      <c r="JWH687" s="613"/>
      <c r="JWI687" s="613"/>
      <c r="JWJ687" s="613"/>
      <c r="JWK687" s="613"/>
      <c r="JWL687" s="613"/>
      <c r="JWM687" s="613"/>
      <c r="JWN687" s="613"/>
      <c r="JWO687" s="613"/>
      <c r="JWP687" s="613"/>
      <c r="JWQ687" s="613"/>
      <c r="JWR687" s="613"/>
      <c r="JWS687" s="613"/>
      <c r="JWT687" s="613"/>
      <c r="JWU687" s="613"/>
      <c r="JWV687" s="613"/>
      <c r="JWW687" s="613"/>
      <c r="JWX687" s="613"/>
      <c r="JWY687" s="613"/>
      <c r="JWZ687" s="613"/>
      <c r="JXA687" s="613"/>
      <c r="JXB687" s="613"/>
      <c r="JXC687" s="613"/>
      <c r="JXD687" s="613"/>
      <c r="JXE687" s="613"/>
      <c r="JXF687" s="613"/>
      <c r="JXG687" s="613"/>
      <c r="JXH687" s="613"/>
      <c r="JXI687" s="613"/>
      <c r="JXJ687" s="613"/>
      <c r="JXK687" s="613"/>
      <c r="JXL687" s="613"/>
      <c r="JXM687" s="613"/>
      <c r="JXN687" s="613"/>
      <c r="JXO687" s="613"/>
      <c r="JXP687" s="613"/>
      <c r="JXQ687" s="613"/>
      <c r="JXR687" s="613"/>
      <c r="JXS687" s="613"/>
      <c r="JXT687" s="613"/>
      <c r="JXU687" s="613"/>
      <c r="JXV687" s="613"/>
      <c r="JXW687" s="613"/>
      <c r="JXX687" s="613"/>
      <c r="JXY687" s="613"/>
      <c r="JXZ687" s="613"/>
      <c r="JYA687" s="613"/>
      <c r="JYB687" s="613"/>
      <c r="JYC687" s="613"/>
      <c r="JYD687" s="613"/>
      <c r="JYE687" s="613"/>
      <c r="JYF687" s="613"/>
      <c r="JYG687" s="613"/>
      <c r="JYH687" s="613"/>
      <c r="JYI687" s="613"/>
      <c r="JYJ687" s="613"/>
      <c r="JYK687" s="613"/>
      <c r="JYL687" s="613"/>
      <c r="JYM687" s="613"/>
      <c r="JYN687" s="613"/>
      <c r="JYO687" s="613"/>
      <c r="JYP687" s="613"/>
      <c r="JYQ687" s="613"/>
      <c r="JYR687" s="613"/>
      <c r="JYS687" s="613"/>
      <c r="JYT687" s="613"/>
      <c r="JYU687" s="613"/>
      <c r="JYV687" s="613"/>
      <c r="JYW687" s="613"/>
      <c r="JYX687" s="613"/>
      <c r="JYY687" s="613"/>
      <c r="JYZ687" s="613"/>
      <c r="JZA687" s="613"/>
      <c r="JZB687" s="613"/>
      <c r="JZC687" s="613"/>
      <c r="JZD687" s="613"/>
      <c r="JZE687" s="613"/>
      <c r="JZF687" s="613"/>
      <c r="JZG687" s="613"/>
      <c r="JZH687" s="613"/>
      <c r="JZI687" s="613"/>
      <c r="JZJ687" s="613"/>
      <c r="JZK687" s="613"/>
      <c r="JZL687" s="613"/>
      <c r="JZM687" s="613"/>
      <c r="JZN687" s="613"/>
      <c r="JZO687" s="613"/>
      <c r="JZP687" s="613"/>
      <c r="JZQ687" s="613"/>
      <c r="JZR687" s="613"/>
      <c r="JZS687" s="613"/>
      <c r="JZT687" s="613"/>
      <c r="JZU687" s="613"/>
      <c r="JZV687" s="613"/>
      <c r="JZW687" s="613"/>
      <c r="JZX687" s="613"/>
      <c r="JZY687" s="613"/>
      <c r="JZZ687" s="613"/>
      <c r="KAA687" s="613"/>
      <c r="KAB687" s="613"/>
      <c r="KAC687" s="613"/>
      <c r="KAD687" s="613"/>
      <c r="KAE687" s="613"/>
      <c r="KAF687" s="613"/>
      <c r="KAG687" s="613"/>
      <c r="KAH687" s="613"/>
      <c r="KAI687" s="613"/>
      <c r="KAJ687" s="613"/>
      <c r="KAK687" s="613"/>
      <c r="KAL687" s="613"/>
      <c r="KAM687" s="613"/>
      <c r="KAN687" s="613"/>
      <c r="KAO687" s="613"/>
      <c r="KAP687" s="613"/>
      <c r="KAQ687" s="613"/>
      <c r="KAR687" s="613"/>
      <c r="KAS687" s="613"/>
      <c r="KAT687" s="613"/>
      <c r="KAU687" s="613"/>
      <c r="KAV687" s="613"/>
      <c r="KAW687" s="613"/>
      <c r="KAX687" s="613"/>
      <c r="KAY687" s="613"/>
      <c r="KAZ687" s="613"/>
      <c r="KBA687" s="613"/>
      <c r="KBB687" s="613"/>
      <c r="KBC687" s="613"/>
      <c r="KBD687" s="613"/>
      <c r="KBE687" s="613"/>
      <c r="KBF687" s="613"/>
      <c r="KBG687" s="613"/>
      <c r="KBH687" s="613"/>
      <c r="KBI687" s="613"/>
      <c r="KBJ687" s="613"/>
      <c r="KBK687" s="613"/>
      <c r="KBL687" s="613"/>
      <c r="KBM687" s="613"/>
      <c r="KBN687" s="613"/>
      <c r="KBO687" s="613"/>
      <c r="KBP687" s="613"/>
      <c r="KBQ687" s="613"/>
      <c r="KBR687" s="613"/>
      <c r="KBS687" s="613"/>
      <c r="KBT687" s="613"/>
      <c r="KBU687" s="613"/>
      <c r="KBV687" s="613"/>
      <c r="KBW687" s="613"/>
      <c r="KBX687" s="613"/>
      <c r="KBY687" s="613"/>
      <c r="KBZ687" s="613"/>
      <c r="KCA687" s="613"/>
      <c r="KCB687" s="613"/>
      <c r="KCC687" s="613"/>
      <c r="KCD687" s="613"/>
      <c r="KCE687" s="613"/>
      <c r="KCF687" s="613"/>
      <c r="KCG687" s="613"/>
      <c r="KCH687" s="613"/>
      <c r="KCI687" s="613"/>
      <c r="KCJ687" s="613"/>
      <c r="KCK687" s="613"/>
      <c r="KCL687" s="613"/>
      <c r="KCM687" s="613"/>
      <c r="KCN687" s="613"/>
      <c r="KCO687" s="613"/>
      <c r="KCP687" s="613"/>
      <c r="KCQ687" s="613"/>
      <c r="KCR687" s="613"/>
      <c r="KCS687" s="613"/>
      <c r="KCT687" s="613"/>
      <c r="KCU687" s="613"/>
      <c r="KCV687" s="613"/>
      <c r="KCW687" s="613"/>
      <c r="KCX687" s="613"/>
      <c r="KCY687" s="613"/>
      <c r="KCZ687" s="613"/>
      <c r="KDA687" s="613"/>
      <c r="KDB687" s="613"/>
      <c r="KDC687" s="613"/>
      <c r="KDD687" s="613"/>
      <c r="KDE687" s="613"/>
      <c r="KDF687" s="613"/>
      <c r="KDG687" s="613"/>
      <c r="KDH687" s="613"/>
      <c r="KDI687" s="613"/>
      <c r="KDJ687" s="613"/>
      <c r="KDK687" s="613"/>
      <c r="KDL687" s="613"/>
      <c r="KDM687" s="613"/>
      <c r="KDN687" s="613"/>
      <c r="KDO687" s="613"/>
      <c r="KDP687" s="613"/>
      <c r="KDQ687" s="613"/>
      <c r="KDR687" s="613"/>
      <c r="KDS687" s="613"/>
      <c r="KDT687" s="613"/>
      <c r="KDU687" s="613"/>
      <c r="KDV687" s="613"/>
      <c r="KDW687" s="613"/>
      <c r="KDX687" s="613"/>
      <c r="KDY687" s="613"/>
      <c r="KDZ687" s="613"/>
      <c r="KEA687" s="613"/>
      <c r="KEB687" s="613"/>
      <c r="KEC687" s="613"/>
      <c r="KED687" s="613"/>
      <c r="KEE687" s="613"/>
      <c r="KEF687" s="613"/>
      <c r="KEG687" s="613"/>
      <c r="KEH687" s="613"/>
      <c r="KEI687" s="613"/>
      <c r="KEJ687" s="613"/>
      <c r="KEK687" s="613"/>
      <c r="KEL687" s="613"/>
      <c r="KEM687" s="613"/>
      <c r="KEN687" s="613"/>
      <c r="KEO687" s="613"/>
      <c r="KEP687" s="613"/>
      <c r="KEQ687" s="613"/>
      <c r="KER687" s="613"/>
      <c r="KES687" s="613"/>
      <c r="KET687" s="613"/>
      <c r="KEU687" s="613"/>
      <c r="KEV687" s="613"/>
      <c r="KEW687" s="613"/>
      <c r="KEX687" s="613"/>
      <c r="KEY687" s="613"/>
      <c r="KEZ687" s="613"/>
      <c r="KFA687" s="613"/>
      <c r="KFB687" s="613"/>
      <c r="KFC687" s="613"/>
      <c r="KFD687" s="613"/>
      <c r="KFE687" s="613"/>
      <c r="KFF687" s="613"/>
      <c r="KFG687" s="613"/>
      <c r="KFH687" s="613"/>
      <c r="KFI687" s="613"/>
      <c r="KFJ687" s="613"/>
      <c r="KFK687" s="613"/>
      <c r="KFL687" s="613"/>
      <c r="KFM687" s="613"/>
      <c r="KFN687" s="613"/>
      <c r="KFO687" s="613"/>
      <c r="KFP687" s="613"/>
      <c r="KFQ687" s="613"/>
      <c r="KFR687" s="613"/>
      <c r="KFS687" s="613"/>
      <c r="KFT687" s="613"/>
      <c r="KFU687" s="613"/>
      <c r="KFV687" s="613"/>
      <c r="KFW687" s="613"/>
      <c r="KFX687" s="613"/>
      <c r="KFY687" s="613"/>
      <c r="KFZ687" s="613"/>
      <c r="KGA687" s="613"/>
      <c r="KGB687" s="613"/>
      <c r="KGC687" s="613"/>
      <c r="KGD687" s="613"/>
      <c r="KGE687" s="613"/>
      <c r="KGF687" s="613"/>
      <c r="KGG687" s="613"/>
      <c r="KGH687" s="613"/>
      <c r="KGI687" s="613"/>
      <c r="KGJ687" s="613"/>
      <c r="KGK687" s="613"/>
      <c r="KGL687" s="613"/>
      <c r="KGM687" s="613"/>
      <c r="KGN687" s="613"/>
      <c r="KGO687" s="613"/>
      <c r="KGP687" s="613"/>
      <c r="KGQ687" s="613"/>
      <c r="KGR687" s="613"/>
      <c r="KGS687" s="613"/>
      <c r="KGT687" s="613"/>
      <c r="KGU687" s="613"/>
      <c r="KGV687" s="613"/>
      <c r="KGW687" s="613"/>
      <c r="KGX687" s="613"/>
      <c r="KGY687" s="613"/>
      <c r="KGZ687" s="613"/>
      <c r="KHA687" s="613"/>
      <c r="KHB687" s="613"/>
      <c r="KHC687" s="613"/>
      <c r="KHD687" s="613"/>
      <c r="KHE687" s="613"/>
      <c r="KHF687" s="613"/>
      <c r="KHG687" s="613"/>
      <c r="KHH687" s="613"/>
      <c r="KHI687" s="613"/>
      <c r="KHJ687" s="613"/>
      <c r="KHK687" s="613"/>
      <c r="KHL687" s="613"/>
      <c r="KHM687" s="613"/>
      <c r="KHN687" s="613"/>
      <c r="KHO687" s="613"/>
      <c r="KHP687" s="613"/>
      <c r="KHQ687" s="613"/>
      <c r="KHR687" s="613"/>
      <c r="KHS687" s="613"/>
      <c r="KHT687" s="613"/>
      <c r="KHU687" s="613"/>
      <c r="KHV687" s="613"/>
      <c r="KHW687" s="613"/>
      <c r="KHX687" s="613"/>
      <c r="KHY687" s="613"/>
      <c r="KHZ687" s="613"/>
      <c r="KIA687" s="613"/>
      <c r="KIB687" s="613"/>
      <c r="KIC687" s="613"/>
      <c r="KID687" s="613"/>
      <c r="KIE687" s="613"/>
      <c r="KIF687" s="613"/>
      <c r="KIG687" s="613"/>
      <c r="KIH687" s="613"/>
      <c r="KII687" s="613"/>
      <c r="KIJ687" s="613"/>
      <c r="KIK687" s="613"/>
      <c r="KIL687" s="613"/>
      <c r="KIM687" s="613"/>
      <c r="KIN687" s="613"/>
      <c r="KIO687" s="613"/>
      <c r="KIP687" s="613"/>
      <c r="KIQ687" s="613"/>
      <c r="KIR687" s="613"/>
      <c r="KIS687" s="613"/>
      <c r="KIT687" s="613"/>
      <c r="KIU687" s="613"/>
      <c r="KIV687" s="613"/>
      <c r="KIW687" s="613"/>
      <c r="KIX687" s="613"/>
      <c r="KIY687" s="613"/>
      <c r="KIZ687" s="613"/>
      <c r="KJA687" s="613"/>
      <c r="KJB687" s="613"/>
      <c r="KJC687" s="613"/>
      <c r="KJD687" s="613"/>
      <c r="KJE687" s="613"/>
      <c r="KJF687" s="613"/>
      <c r="KJG687" s="613"/>
      <c r="KJH687" s="613"/>
      <c r="KJI687" s="613"/>
      <c r="KJJ687" s="613"/>
      <c r="KJK687" s="613"/>
      <c r="KJL687" s="613"/>
      <c r="KJM687" s="613"/>
      <c r="KJN687" s="613"/>
      <c r="KJO687" s="613"/>
      <c r="KJP687" s="613"/>
      <c r="KJQ687" s="613"/>
      <c r="KJR687" s="613"/>
      <c r="KJS687" s="613"/>
      <c r="KJT687" s="613"/>
      <c r="KJU687" s="613"/>
      <c r="KJV687" s="613"/>
      <c r="KJW687" s="613"/>
      <c r="KJX687" s="613"/>
      <c r="KJY687" s="613"/>
      <c r="KJZ687" s="613"/>
      <c r="KKA687" s="613"/>
      <c r="KKB687" s="613"/>
      <c r="KKC687" s="613"/>
      <c r="KKD687" s="613"/>
      <c r="KKE687" s="613"/>
      <c r="KKF687" s="613"/>
      <c r="KKG687" s="613"/>
      <c r="KKH687" s="613"/>
      <c r="KKI687" s="613"/>
      <c r="KKJ687" s="613"/>
      <c r="KKK687" s="613"/>
      <c r="KKL687" s="613"/>
      <c r="KKM687" s="613"/>
      <c r="KKN687" s="613"/>
      <c r="KKO687" s="613"/>
      <c r="KKP687" s="613"/>
      <c r="KKQ687" s="613"/>
      <c r="KKR687" s="613"/>
      <c r="KKS687" s="613"/>
      <c r="KKT687" s="613"/>
      <c r="KKU687" s="613"/>
      <c r="KKV687" s="613"/>
      <c r="KKW687" s="613"/>
      <c r="KKX687" s="613"/>
      <c r="KKY687" s="613"/>
      <c r="KKZ687" s="613"/>
      <c r="KLA687" s="613"/>
      <c r="KLB687" s="613"/>
      <c r="KLC687" s="613"/>
      <c r="KLD687" s="613"/>
      <c r="KLE687" s="613"/>
      <c r="KLF687" s="613"/>
      <c r="KLG687" s="613"/>
      <c r="KLH687" s="613"/>
      <c r="KLI687" s="613"/>
      <c r="KLJ687" s="613"/>
      <c r="KLK687" s="613"/>
      <c r="KLL687" s="613"/>
      <c r="KLM687" s="613"/>
      <c r="KLN687" s="613"/>
      <c r="KLO687" s="613"/>
      <c r="KLP687" s="613"/>
      <c r="KLQ687" s="613"/>
      <c r="KLR687" s="613"/>
      <c r="KLS687" s="613"/>
      <c r="KLT687" s="613"/>
      <c r="KLU687" s="613"/>
      <c r="KLV687" s="613"/>
      <c r="KLW687" s="613"/>
      <c r="KLX687" s="613"/>
      <c r="KLY687" s="613"/>
      <c r="KLZ687" s="613"/>
      <c r="KMA687" s="613"/>
      <c r="KMB687" s="613"/>
      <c r="KMC687" s="613"/>
      <c r="KMD687" s="613"/>
      <c r="KME687" s="613"/>
      <c r="KMF687" s="613"/>
      <c r="KMG687" s="613"/>
      <c r="KMH687" s="613"/>
      <c r="KMI687" s="613"/>
      <c r="KMJ687" s="613"/>
      <c r="KMK687" s="613"/>
      <c r="KML687" s="613"/>
      <c r="KMM687" s="613"/>
      <c r="KMN687" s="613"/>
      <c r="KMO687" s="613"/>
      <c r="KMP687" s="613"/>
      <c r="KMQ687" s="613"/>
      <c r="KMR687" s="613"/>
      <c r="KMS687" s="613"/>
      <c r="KMT687" s="613"/>
      <c r="KMU687" s="613"/>
      <c r="KMV687" s="613"/>
      <c r="KMW687" s="613"/>
      <c r="KMX687" s="613"/>
      <c r="KMY687" s="613"/>
      <c r="KMZ687" s="613"/>
      <c r="KNA687" s="613"/>
      <c r="KNB687" s="613"/>
      <c r="KNC687" s="613"/>
      <c r="KND687" s="613"/>
      <c r="KNE687" s="613"/>
      <c r="KNF687" s="613"/>
      <c r="KNG687" s="613"/>
      <c r="KNH687" s="613"/>
      <c r="KNI687" s="613"/>
      <c r="KNJ687" s="613"/>
      <c r="KNK687" s="613"/>
      <c r="KNL687" s="613"/>
      <c r="KNM687" s="613"/>
      <c r="KNN687" s="613"/>
      <c r="KNO687" s="613"/>
      <c r="KNP687" s="613"/>
      <c r="KNQ687" s="613"/>
      <c r="KNR687" s="613"/>
      <c r="KNS687" s="613"/>
      <c r="KNT687" s="613"/>
      <c r="KNU687" s="613"/>
      <c r="KNV687" s="613"/>
      <c r="KNW687" s="613"/>
      <c r="KNX687" s="613"/>
      <c r="KNY687" s="613"/>
      <c r="KNZ687" s="613"/>
      <c r="KOA687" s="613"/>
      <c r="KOB687" s="613"/>
      <c r="KOC687" s="613"/>
      <c r="KOD687" s="613"/>
      <c r="KOE687" s="613"/>
      <c r="KOF687" s="613"/>
      <c r="KOG687" s="613"/>
      <c r="KOH687" s="613"/>
      <c r="KOI687" s="613"/>
      <c r="KOJ687" s="613"/>
      <c r="KOK687" s="613"/>
      <c r="KOL687" s="613"/>
      <c r="KOM687" s="613"/>
      <c r="KON687" s="613"/>
      <c r="KOO687" s="613"/>
      <c r="KOP687" s="613"/>
      <c r="KOQ687" s="613"/>
      <c r="KOR687" s="613"/>
      <c r="KOS687" s="613"/>
      <c r="KOT687" s="613"/>
      <c r="KOU687" s="613"/>
      <c r="KOV687" s="613"/>
      <c r="KOW687" s="613"/>
      <c r="KOX687" s="613"/>
      <c r="KOY687" s="613"/>
      <c r="KOZ687" s="613"/>
      <c r="KPA687" s="613"/>
      <c r="KPB687" s="613"/>
      <c r="KPC687" s="613"/>
      <c r="KPD687" s="613"/>
      <c r="KPE687" s="613"/>
      <c r="KPF687" s="613"/>
      <c r="KPG687" s="613"/>
      <c r="KPH687" s="613"/>
      <c r="KPI687" s="613"/>
      <c r="KPJ687" s="613"/>
      <c r="KPK687" s="613"/>
      <c r="KPL687" s="613"/>
      <c r="KPM687" s="613"/>
      <c r="KPN687" s="613"/>
      <c r="KPO687" s="613"/>
      <c r="KPP687" s="613"/>
      <c r="KPQ687" s="613"/>
      <c r="KPR687" s="613"/>
      <c r="KPS687" s="613"/>
      <c r="KPT687" s="613"/>
      <c r="KPU687" s="613"/>
      <c r="KPV687" s="613"/>
      <c r="KPW687" s="613"/>
      <c r="KPX687" s="613"/>
      <c r="KPY687" s="613"/>
      <c r="KPZ687" s="613"/>
      <c r="KQA687" s="613"/>
      <c r="KQB687" s="613"/>
      <c r="KQC687" s="613"/>
      <c r="KQD687" s="613"/>
      <c r="KQE687" s="613"/>
      <c r="KQF687" s="613"/>
      <c r="KQG687" s="613"/>
      <c r="KQH687" s="613"/>
      <c r="KQI687" s="613"/>
      <c r="KQJ687" s="613"/>
      <c r="KQK687" s="613"/>
      <c r="KQL687" s="613"/>
      <c r="KQM687" s="613"/>
      <c r="KQN687" s="613"/>
      <c r="KQO687" s="613"/>
      <c r="KQP687" s="613"/>
      <c r="KQQ687" s="613"/>
      <c r="KQR687" s="613"/>
      <c r="KQS687" s="613"/>
      <c r="KQT687" s="613"/>
      <c r="KQU687" s="613"/>
      <c r="KQV687" s="613"/>
      <c r="KQW687" s="613"/>
      <c r="KQX687" s="613"/>
      <c r="KQY687" s="613"/>
      <c r="KQZ687" s="613"/>
      <c r="KRA687" s="613"/>
      <c r="KRB687" s="613"/>
      <c r="KRC687" s="613"/>
      <c r="KRD687" s="613"/>
      <c r="KRE687" s="613"/>
      <c r="KRF687" s="613"/>
      <c r="KRG687" s="613"/>
      <c r="KRH687" s="613"/>
      <c r="KRI687" s="613"/>
      <c r="KRJ687" s="613"/>
      <c r="KRK687" s="613"/>
      <c r="KRL687" s="613"/>
      <c r="KRM687" s="613"/>
      <c r="KRN687" s="613"/>
      <c r="KRO687" s="613"/>
      <c r="KRP687" s="613"/>
      <c r="KRQ687" s="613"/>
      <c r="KRR687" s="613"/>
      <c r="KRS687" s="613"/>
      <c r="KRT687" s="613"/>
      <c r="KRU687" s="613"/>
      <c r="KRV687" s="613"/>
      <c r="KRW687" s="613"/>
      <c r="KRX687" s="613"/>
      <c r="KRY687" s="613"/>
      <c r="KRZ687" s="613"/>
      <c r="KSA687" s="613"/>
      <c r="KSB687" s="613"/>
      <c r="KSC687" s="613"/>
      <c r="KSD687" s="613"/>
      <c r="KSE687" s="613"/>
      <c r="KSF687" s="613"/>
      <c r="KSG687" s="613"/>
      <c r="KSH687" s="613"/>
      <c r="KSI687" s="613"/>
      <c r="KSJ687" s="613"/>
      <c r="KSK687" s="613"/>
      <c r="KSL687" s="613"/>
      <c r="KSM687" s="613"/>
      <c r="KSN687" s="613"/>
      <c r="KSO687" s="613"/>
      <c r="KSP687" s="613"/>
      <c r="KSQ687" s="613"/>
      <c r="KSR687" s="613"/>
      <c r="KSS687" s="613"/>
      <c r="KST687" s="613"/>
      <c r="KSU687" s="613"/>
      <c r="KSV687" s="613"/>
      <c r="KSW687" s="613"/>
      <c r="KSX687" s="613"/>
      <c r="KSY687" s="613"/>
      <c r="KSZ687" s="613"/>
      <c r="KTA687" s="613"/>
      <c r="KTB687" s="613"/>
      <c r="KTC687" s="613"/>
      <c r="KTD687" s="613"/>
      <c r="KTE687" s="613"/>
      <c r="KTF687" s="613"/>
      <c r="KTG687" s="613"/>
      <c r="KTH687" s="613"/>
      <c r="KTI687" s="613"/>
      <c r="KTJ687" s="613"/>
      <c r="KTK687" s="613"/>
      <c r="KTL687" s="613"/>
      <c r="KTM687" s="613"/>
      <c r="KTN687" s="613"/>
      <c r="KTO687" s="613"/>
      <c r="KTP687" s="613"/>
      <c r="KTQ687" s="613"/>
      <c r="KTR687" s="613"/>
      <c r="KTS687" s="613"/>
      <c r="KTT687" s="613"/>
      <c r="KTU687" s="613"/>
      <c r="KTV687" s="613"/>
      <c r="KTW687" s="613"/>
      <c r="KTX687" s="613"/>
      <c r="KTY687" s="613"/>
      <c r="KTZ687" s="613"/>
      <c r="KUA687" s="613"/>
      <c r="KUB687" s="613"/>
      <c r="KUC687" s="613"/>
      <c r="KUD687" s="613"/>
      <c r="KUE687" s="613"/>
      <c r="KUF687" s="613"/>
      <c r="KUG687" s="613"/>
      <c r="KUH687" s="613"/>
      <c r="KUI687" s="613"/>
      <c r="KUJ687" s="613"/>
      <c r="KUK687" s="613"/>
      <c r="KUL687" s="613"/>
      <c r="KUM687" s="613"/>
      <c r="KUN687" s="613"/>
      <c r="KUO687" s="613"/>
      <c r="KUP687" s="613"/>
      <c r="KUQ687" s="613"/>
      <c r="KUR687" s="613"/>
      <c r="KUS687" s="613"/>
      <c r="KUT687" s="613"/>
      <c r="KUU687" s="613"/>
      <c r="KUV687" s="613"/>
      <c r="KUW687" s="613"/>
      <c r="KUX687" s="613"/>
      <c r="KUY687" s="613"/>
      <c r="KUZ687" s="613"/>
      <c r="KVA687" s="613"/>
      <c r="KVB687" s="613"/>
      <c r="KVC687" s="613"/>
      <c r="KVD687" s="613"/>
      <c r="KVE687" s="613"/>
      <c r="KVF687" s="613"/>
      <c r="KVG687" s="613"/>
      <c r="KVH687" s="613"/>
      <c r="KVI687" s="613"/>
      <c r="KVJ687" s="613"/>
      <c r="KVK687" s="613"/>
      <c r="KVL687" s="613"/>
      <c r="KVM687" s="613"/>
      <c r="KVN687" s="613"/>
      <c r="KVO687" s="613"/>
      <c r="KVP687" s="613"/>
      <c r="KVQ687" s="613"/>
      <c r="KVR687" s="613"/>
      <c r="KVS687" s="613"/>
      <c r="KVT687" s="613"/>
      <c r="KVU687" s="613"/>
      <c r="KVV687" s="613"/>
      <c r="KVW687" s="613"/>
      <c r="KVX687" s="613"/>
      <c r="KVY687" s="613"/>
      <c r="KVZ687" s="613"/>
      <c r="KWA687" s="613"/>
      <c r="KWB687" s="613"/>
      <c r="KWC687" s="613"/>
      <c r="KWD687" s="613"/>
      <c r="KWE687" s="613"/>
      <c r="KWF687" s="613"/>
      <c r="KWG687" s="613"/>
      <c r="KWH687" s="613"/>
      <c r="KWI687" s="613"/>
      <c r="KWJ687" s="613"/>
      <c r="KWK687" s="613"/>
      <c r="KWL687" s="613"/>
      <c r="KWM687" s="613"/>
      <c r="KWN687" s="613"/>
      <c r="KWO687" s="613"/>
      <c r="KWP687" s="613"/>
      <c r="KWQ687" s="613"/>
      <c r="KWR687" s="613"/>
      <c r="KWS687" s="613"/>
      <c r="KWT687" s="613"/>
      <c r="KWU687" s="613"/>
      <c r="KWV687" s="613"/>
      <c r="KWW687" s="613"/>
      <c r="KWX687" s="613"/>
      <c r="KWY687" s="613"/>
      <c r="KWZ687" s="613"/>
      <c r="KXA687" s="613"/>
      <c r="KXB687" s="613"/>
      <c r="KXC687" s="613"/>
      <c r="KXD687" s="613"/>
      <c r="KXE687" s="613"/>
      <c r="KXF687" s="613"/>
      <c r="KXG687" s="613"/>
      <c r="KXH687" s="613"/>
      <c r="KXI687" s="613"/>
      <c r="KXJ687" s="613"/>
      <c r="KXK687" s="613"/>
      <c r="KXL687" s="613"/>
      <c r="KXM687" s="613"/>
      <c r="KXN687" s="613"/>
      <c r="KXO687" s="613"/>
      <c r="KXP687" s="613"/>
      <c r="KXQ687" s="613"/>
      <c r="KXR687" s="613"/>
      <c r="KXS687" s="613"/>
      <c r="KXT687" s="613"/>
      <c r="KXU687" s="613"/>
      <c r="KXV687" s="613"/>
      <c r="KXW687" s="613"/>
      <c r="KXX687" s="613"/>
      <c r="KXY687" s="613"/>
      <c r="KXZ687" s="613"/>
      <c r="KYA687" s="613"/>
      <c r="KYB687" s="613"/>
      <c r="KYC687" s="613"/>
      <c r="KYD687" s="613"/>
      <c r="KYE687" s="613"/>
      <c r="KYF687" s="613"/>
      <c r="KYG687" s="613"/>
      <c r="KYH687" s="613"/>
      <c r="KYI687" s="613"/>
      <c r="KYJ687" s="613"/>
      <c r="KYK687" s="613"/>
      <c r="KYL687" s="613"/>
      <c r="KYM687" s="613"/>
      <c r="KYN687" s="613"/>
      <c r="KYO687" s="613"/>
      <c r="KYP687" s="613"/>
      <c r="KYQ687" s="613"/>
      <c r="KYR687" s="613"/>
      <c r="KYS687" s="613"/>
      <c r="KYT687" s="613"/>
      <c r="KYU687" s="613"/>
      <c r="KYV687" s="613"/>
      <c r="KYW687" s="613"/>
      <c r="KYX687" s="613"/>
      <c r="KYY687" s="613"/>
      <c r="KYZ687" s="613"/>
      <c r="KZA687" s="613"/>
      <c r="KZB687" s="613"/>
      <c r="KZC687" s="613"/>
      <c r="KZD687" s="613"/>
      <c r="KZE687" s="613"/>
      <c r="KZF687" s="613"/>
      <c r="KZG687" s="613"/>
      <c r="KZH687" s="613"/>
      <c r="KZI687" s="613"/>
      <c r="KZJ687" s="613"/>
      <c r="KZK687" s="613"/>
      <c r="KZL687" s="613"/>
      <c r="KZM687" s="613"/>
      <c r="KZN687" s="613"/>
      <c r="KZO687" s="613"/>
      <c r="KZP687" s="613"/>
      <c r="KZQ687" s="613"/>
      <c r="KZR687" s="613"/>
      <c r="KZS687" s="613"/>
      <c r="KZT687" s="613"/>
      <c r="KZU687" s="613"/>
      <c r="KZV687" s="613"/>
      <c r="KZW687" s="613"/>
      <c r="KZX687" s="613"/>
      <c r="KZY687" s="613"/>
      <c r="KZZ687" s="613"/>
      <c r="LAA687" s="613"/>
      <c r="LAB687" s="613"/>
      <c r="LAC687" s="613"/>
      <c r="LAD687" s="613"/>
      <c r="LAE687" s="613"/>
      <c r="LAF687" s="613"/>
      <c r="LAG687" s="613"/>
      <c r="LAH687" s="613"/>
      <c r="LAI687" s="613"/>
      <c r="LAJ687" s="613"/>
      <c r="LAK687" s="613"/>
      <c r="LAL687" s="613"/>
      <c r="LAM687" s="613"/>
      <c r="LAN687" s="613"/>
      <c r="LAO687" s="613"/>
      <c r="LAP687" s="613"/>
      <c r="LAQ687" s="613"/>
      <c r="LAR687" s="613"/>
      <c r="LAS687" s="613"/>
      <c r="LAT687" s="613"/>
      <c r="LAU687" s="613"/>
      <c r="LAV687" s="613"/>
      <c r="LAW687" s="613"/>
      <c r="LAX687" s="613"/>
      <c r="LAY687" s="613"/>
      <c r="LAZ687" s="613"/>
      <c r="LBA687" s="613"/>
      <c r="LBB687" s="613"/>
      <c r="LBC687" s="613"/>
      <c r="LBD687" s="613"/>
      <c r="LBE687" s="613"/>
      <c r="LBF687" s="613"/>
      <c r="LBG687" s="613"/>
      <c r="LBH687" s="613"/>
      <c r="LBI687" s="613"/>
      <c r="LBJ687" s="613"/>
      <c r="LBK687" s="613"/>
      <c r="LBL687" s="613"/>
      <c r="LBM687" s="613"/>
      <c r="LBN687" s="613"/>
      <c r="LBO687" s="613"/>
      <c r="LBP687" s="613"/>
      <c r="LBQ687" s="613"/>
      <c r="LBR687" s="613"/>
      <c r="LBS687" s="613"/>
      <c r="LBT687" s="613"/>
      <c r="LBU687" s="613"/>
      <c r="LBV687" s="613"/>
      <c r="LBW687" s="613"/>
      <c r="LBX687" s="613"/>
      <c r="LBY687" s="613"/>
      <c r="LBZ687" s="613"/>
      <c r="LCA687" s="613"/>
      <c r="LCB687" s="613"/>
      <c r="LCC687" s="613"/>
      <c r="LCD687" s="613"/>
      <c r="LCE687" s="613"/>
      <c r="LCF687" s="613"/>
      <c r="LCG687" s="613"/>
      <c r="LCH687" s="613"/>
      <c r="LCI687" s="613"/>
      <c r="LCJ687" s="613"/>
      <c r="LCK687" s="613"/>
      <c r="LCL687" s="613"/>
      <c r="LCM687" s="613"/>
      <c r="LCN687" s="613"/>
      <c r="LCO687" s="613"/>
      <c r="LCP687" s="613"/>
      <c r="LCQ687" s="613"/>
      <c r="LCR687" s="613"/>
      <c r="LCS687" s="613"/>
      <c r="LCT687" s="613"/>
      <c r="LCU687" s="613"/>
      <c r="LCV687" s="613"/>
      <c r="LCW687" s="613"/>
      <c r="LCX687" s="613"/>
      <c r="LCY687" s="613"/>
      <c r="LCZ687" s="613"/>
      <c r="LDA687" s="613"/>
      <c r="LDB687" s="613"/>
      <c r="LDC687" s="613"/>
      <c r="LDD687" s="613"/>
      <c r="LDE687" s="613"/>
      <c r="LDF687" s="613"/>
      <c r="LDG687" s="613"/>
      <c r="LDH687" s="613"/>
      <c r="LDI687" s="613"/>
      <c r="LDJ687" s="613"/>
      <c r="LDK687" s="613"/>
      <c r="LDL687" s="613"/>
      <c r="LDM687" s="613"/>
      <c r="LDN687" s="613"/>
      <c r="LDO687" s="613"/>
      <c r="LDP687" s="613"/>
      <c r="LDQ687" s="613"/>
      <c r="LDR687" s="613"/>
      <c r="LDS687" s="613"/>
      <c r="LDT687" s="613"/>
      <c r="LDU687" s="613"/>
      <c r="LDV687" s="613"/>
      <c r="LDW687" s="613"/>
      <c r="LDX687" s="613"/>
      <c r="LDY687" s="613"/>
      <c r="LDZ687" s="613"/>
      <c r="LEA687" s="613"/>
      <c r="LEB687" s="613"/>
      <c r="LEC687" s="613"/>
      <c r="LED687" s="613"/>
      <c r="LEE687" s="613"/>
      <c r="LEF687" s="613"/>
      <c r="LEG687" s="613"/>
      <c r="LEH687" s="613"/>
      <c r="LEI687" s="613"/>
      <c r="LEJ687" s="613"/>
      <c r="LEK687" s="613"/>
      <c r="LEL687" s="613"/>
      <c r="LEM687" s="613"/>
      <c r="LEN687" s="613"/>
      <c r="LEO687" s="613"/>
      <c r="LEP687" s="613"/>
      <c r="LEQ687" s="613"/>
      <c r="LER687" s="613"/>
      <c r="LES687" s="613"/>
      <c r="LET687" s="613"/>
      <c r="LEU687" s="613"/>
      <c r="LEV687" s="613"/>
      <c r="LEW687" s="613"/>
      <c r="LEX687" s="613"/>
      <c r="LEY687" s="613"/>
      <c r="LEZ687" s="613"/>
      <c r="LFA687" s="613"/>
      <c r="LFB687" s="613"/>
      <c r="LFC687" s="613"/>
      <c r="LFD687" s="613"/>
      <c r="LFE687" s="613"/>
      <c r="LFF687" s="613"/>
      <c r="LFG687" s="613"/>
      <c r="LFH687" s="613"/>
      <c r="LFI687" s="613"/>
      <c r="LFJ687" s="613"/>
      <c r="LFK687" s="613"/>
      <c r="LFL687" s="613"/>
      <c r="LFM687" s="613"/>
      <c r="LFN687" s="613"/>
      <c r="LFO687" s="613"/>
      <c r="LFP687" s="613"/>
      <c r="LFQ687" s="613"/>
      <c r="LFR687" s="613"/>
      <c r="LFS687" s="613"/>
      <c r="LFT687" s="613"/>
      <c r="LFU687" s="613"/>
      <c r="LFV687" s="613"/>
      <c r="LFW687" s="613"/>
      <c r="LFX687" s="613"/>
      <c r="LFY687" s="613"/>
      <c r="LFZ687" s="613"/>
      <c r="LGA687" s="613"/>
      <c r="LGB687" s="613"/>
      <c r="LGC687" s="613"/>
      <c r="LGD687" s="613"/>
      <c r="LGE687" s="613"/>
      <c r="LGF687" s="613"/>
      <c r="LGG687" s="613"/>
      <c r="LGH687" s="613"/>
      <c r="LGI687" s="613"/>
      <c r="LGJ687" s="613"/>
      <c r="LGK687" s="613"/>
      <c r="LGL687" s="613"/>
      <c r="LGM687" s="613"/>
      <c r="LGN687" s="613"/>
      <c r="LGO687" s="613"/>
      <c r="LGP687" s="613"/>
      <c r="LGQ687" s="613"/>
      <c r="LGR687" s="613"/>
      <c r="LGS687" s="613"/>
      <c r="LGT687" s="613"/>
      <c r="LGU687" s="613"/>
      <c r="LGV687" s="613"/>
      <c r="LGW687" s="613"/>
      <c r="LGX687" s="613"/>
      <c r="LGY687" s="613"/>
      <c r="LGZ687" s="613"/>
      <c r="LHA687" s="613"/>
      <c r="LHB687" s="613"/>
      <c r="LHC687" s="613"/>
      <c r="LHD687" s="613"/>
      <c r="LHE687" s="613"/>
      <c r="LHF687" s="613"/>
      <c r="LHG687" s="613"/>
      <c r="LHH687" s="613"/>
      <c r="LHI687" s="613"/>
      <c r="LHJ687" s="613"/>
      <c r="LHK687" s="613"/>
      <c r="LHL687" s="613"/>
      <c r="LHM687" s="613"/>
      <c r="LHN687" s="613"/>
      <c r="LHO687" s="613"/>
      <c r="LHP687" s="613"/>
      <c r="LHQ687" s="613"/>
      <c r="LHR687" s="613"/>
      <c r="LHS687" s="613"/>
      <c r="LHT687" s="613"/>
      <c r="LHU687" s="613"/>
      <c r="LHV687" s="613"/>
      <c r="LHW687" s="613"/>
      <c r="LHX687" s="613"/>
      <c r="LHY687" s="613"/>
      <c r="LHZ687" s="613"/>
      <c r="LIA687" s="613"/>
      <c r="LIB687" s="613"/>
      <c r="LIC687" s="613"/>
      <c r="LID687" s="613"/>
      <c r="LIE687" s="613"/>
      <c r="LIF687" s="613"/>
      <c r="LIG687" s="613"/>
      <c r="LIH687" s="613"/>
      <c r="LII687" s="613"/>
      <c r="LIJ687" s="613"/>
      <c r="LIK687" s="613"/>
      <c r="LIL687" s="613"/>
      <c r="LIM687" s="613"/>
      <c r="LIN687" s="613"/>
      <c r="LIO687" s="613"/>
      <c r="LIP687" s="613"/>
      <c r="LIQ687" s="613"/>
      <c r="LIR687" s="613"/>
      <c r="LIS687" s="613"/>
      <c r="LIT687" s="613"/>
      <c r="LIU687" s="613"/>
      <c r="LIV687" s="613"/>
      <c r="LIW687" s="613"/>
      <c r="LIX687" s="613"/>
      <c r="LIY687" s="613"/>
      <c r="LIZ687" s="613"/>
      <c r="LJA687" s="613"/>
      <c r="LJB687" s="613"/>
      <c r="LJC687" s="613"/>
      <c r="LJD687" s="613"/>
      <c r="LJE687" s="613"/>
      <c r="LJF687" s="613"/>
      <c r="LJG687" s="613"/>
      <c r="LJH687" s="613"/>
      <c r="LJI687" s="613"/>
      <c r="LJJ687" s="613"/>
      <c r="LJK687" s="613"/>
      <c r="LJL687" s="613"/>
      <c r="LJM687" s="613"/>
      <c r="LJN687" s="613"/>
      <c r="LJO687" s="613"/>
      <c r="LJP687" s="613"/>
      <c r="LJQ687" s="613"/>
      <c r="LJR687" s="613"/>
      <c r="LJS687" s="613"/>
      <c r="LJT687" s="613"/>
      <c r="LJU687" s="613"/>
      <c r="LJV687" s="613"/>
      <c r="LJW687" s="613"/>
      <c r="LJX687" s="613"/>
      <c r="LJY687" s="613"/>
      <c r="LJZ687" s="613"/>
      <c r="LKA687" s="613"/>
      <c r="LKB687" s="613"/>
      <c r="LKC687" s="613"/>
      <c r="LKD687" s="613"/>
      <c r="LKE687" s="613"/>
      <c r="LKF687" s="613"/>
      <c r="LKG687" s="613"/>
      <c r="LKH687" s="613"/>
      <c r="LKI687" s="613"/>
      <c r="LKJ687" s="613"/>
      <c r="LKK687" s="613"/>
      <c r="LKL687" s="613"/>
      <c r="LKM687" s="613"/>
      <c r="LKN687" s="613"/>
      <c r="LKO687" s="613"/>
      <c r="LKP687" s="613"/>
      <c r="LKQ687" s="613"/>
      <c r="LKR687" s="613"/>
      <c r="LKS687" s="613"/>
      <c r="LKT687" s="613"/>
      <c r="LKU687" s="613"/>
      <c r="LKV687" s="613"/>
      <c r="LKW687" s="613"/>
      <c r="LKX687" s="613"/>
      <c r="LKY687" s="613"/>
      <c r="LKZ687" s="613"/>
      <c r="LLA687" s="613"/>
      <c r="LLB687" s="613"/>
      <c r="LLC687" s="613"/>
      <c r="LLD687" s="613"/>
      <c r="LLE687" s="613"/>
      <c r="LLF687" s="613"/>
      <c r="LLG687" s="613"/>
      <c r="LLH687" s="613"/>
      <c r="LLI687" s="613"/>
      <c r="LLJ687" s="613"/>
      <c r="LLK687" s="613"/>
      <c r="LLL687" s="613"/>
      <c r="LLM687" s="613"/>
      <c r="LLN687" s="613"/>
      <c r="LLO687" s="613"/>
      <c r="LLP687" s="613"/>
      <c r="LLQ687" s="613"/>
      <c r="LLR687" s="613"/>
      <c r="LLS687" s="613"/>
      <c r="LLT687" s="613"/>
      <c r="LLU687" s="613"/>
      <c r="LLV687" s="613"/>
      <c r="LLW687" s="613"/>
      <c r="LLX687" s="613"/>
      <c r="LLY687" s="613"/>
      <c r="LLZ687" s="613"/>
      <c r="LMA687" s="613"/>
      <c r="LMB687" s="613"/>
      <c r="LMC687" s="613"/>
      <c r="LMD687" s="613"/>
      <c r="LME687" s="613"/>
      <c r="LMF687" s="613"/>
      <c r="LMG687" s="613"/>
      <c r="LMH687" s="613"/>
      <c r="LMI687" s="613"/>
      <c r="LMJ687" s="613"/>
      <c r="LMK687" s="613"/>
      <c r="LML687" s="613"/>
      <c r="LMM687" s="613"/>
      <c r="LMN687" s="613"/>
      <c r="LMO687" s="613"/>
      <c r="LMP687" s="613"/>
      <c r="LMQ687" s="613"/>
      <c r="LMR687" s="613"/>
      <c r="LMS687" s="613"/>
      <c r="LMT687" s="613"/>
      <c r="LMU687" s="613"/>
      <c r="LMV687" s="613"/>
      <c r="LMW687" s="613"/>
      <c r="LMX687" s="613"/>
      <c r="LMY687" s="613"/>
      <c r="LMZ687" s="613"/>
      <c r="LNA687" s="613"/>
      <c r="LNB687" s="613"/>
      <c r="LNC687" s="613"/>
      <c r="LND687" s="613"/>
      <c r="LNE687" s="613"/>
      <c r="LNF687" s="613"/>
      <c r="LNG687" s="613"/>
      <c r="LNH687" s="613"/>
      <c r="LNI687" s="613"/>
      <c r="LNJ687" s="613"/>
      <c r="LNK687" s="613"/>
      <c r="LNL687" s="613"/>
      <c r="LNM687" s="613"/>
      <c r="LNN687" s="613"/>
      <c r="LNO687" s="613"/>
      <c r="LNP687" s="613"/>
      <c r="LNQ687" s="613"/>
      <c r="LNR687" s="613"/>
      <c r="LNS687" s="613"/>
      <c r="LNT687" s="613"/>
      <c r="LNU687" s="613"/>
      <c r="LNV687" s="613"/>
      <c r="LNW687" s="613"/>
      <c r="LNX687" s="613"/>
      <c r="LNY687" s="613"/>
      <c r="LNZ687" s="613"/>
      <c r="LOA687" s="613"/>
      <c r="LOB687" s="613"/>
      <c r="LOC687" s="613"/>
      <c r="LOD687" s="613"/>
      <c r="LOE687" s="613"/>
      <c r="LOF687" s="613"/>
      <c r="LOG687" s="613"/>
      <c r="LOH687" s="613"/>
      <c r="LOI687" s="613"/>
      <c r="LOJ687" s="613"/>
      <c r="LOK687" s="613"/>
      <c r="LOL687" s="613"/>
      <c r="LOM687" s="613"/>
      <c r="LON687" s="613"/>
      <c r="LOO687" s="613"/>
      <c r="LOP687" s="613"/>
      <c r="LOQ687" s="613"/>
      <c r="LOR687" s="613"/>
      <c r="LOS687" s="613"/>
      <c r="LOT687" s="613"/>
      <c r="LOU687" s="613"/>
      <c r="LOV687" s="613"/>
      <c r="LOW687" s="613"/>
      <c r="LOX687" s="613"/>
      <c r="LOY687" s="613"/>
      <c r="LOZ687" s="613"/>
      <c r="LPA687" s="613"/>
      <c r="LPB687" s="613"/>
      <c r="LPC687" s="613"/>
      <c r="LPD687" s="613"/>
      <c r="LPE687" s="613"/>
      <c r="LPF687" s="613"/>
      <c r="LPG687" s="613"/>
      <c r="LPH687" s="613"/>
      <c r="LPI687" s="613"/>
      <c r="LPJ687" s="613"/>
      <c r="LPK687" s="613"/>
      <c r="LPL687" s="613"/>
      <c r="LPM687" s="613"/>
      <c r="LPN687" s="613"/>
      <c r="LPO687" s="613"/>
      <c r="LPP687" s="613"/>
      <c r="LPQ687" s="613"/>
      <c r="LPR687" s="613"/>
      <c r="LPS687" s="613"/>
      <c r="LPT687" s="613"/>
      <c r="LPU687" s="613"/>
      <c r="LPV687" s="613"/>
      <c r="LPW687" s="613"/>
      <c r="LPX687" s="613"/>
      <c r="LPY687" s="613"/>
      <c r="LPZ687" s="613"/>
      <c r="LQA687" s="613"/>
      <c r="LQB687" s="613"/>
      <c r="LQC687" s="613"/>
      <c r="LQD687" s="613"/>
      <c r="LQE687" s="613"/>
      <c r="LQF687" s="613"/>
      <c r="LQG687" s="613"/>
      <c r="LQH687" s="613"/>
      <c r="LQI687" s="613"/>
      <c r="LQJ687" s="613"/>
      <c r="LQK687" s="613"/>
      <c r="LQL687" s="613"/>
      <c r="LQM687" s="613"/>
      <c r="LQN687" s="613"/>
      <c r="LQO687" s="613"/>
      <c r="LQP687" s="613"/>
      <c r="LQQ687" s="613"/>
      <c r="LQR687" s="613"/>
      <c r="LQS687" s="613"/>
      <c r="LQT687" s="613"/>
      <c r="LQU687" s="613"/>
      <c r="LQV687" s="613"/>
      <c r="LQW687" s="613"/>
      <c r="LQX687" s="613"/>
      <c r="LQY687" s="613"/>
      <c r="LQZ687" s="613"/>
      <c r="LRA687" s="613"/>
      <c r="LRB687" s="613"/>
      <c r="LRC687" s="613"/>
      <c r="LRD687" s="613"/>
      <c r="LRE687" s="613"/>
      <c r="LRF687" s="613"/>
      <c r="LRG687" s="613"/>
      <c r="LRH687" s="613"/>
      <c r="LRI687" s="613"/>
      <c r="LRJ687" s="613"/>
      <c r="LRK687" s="613"/>
      <c r="LRL687" s="613"/>
      <c r="LRM687" s="613"/>
      <c r="LRN687" s="613"/>
      <c r="LRO687" s="613"/>
      <c r="LRP687" s="613"/>
      <c r="LRQ687" s="613"/>
      <c r="LRR687" s="613"/>
      <c r="LRS687" s="613"/>
      <c r="LRT687" s="613"/>
      <c r="LRU687" s="613"/>
      <c r="LRV687" s="613"/>
      <c r="LRW687" s="613"/>
      <c r="LRX687" s="613"/>
      <c r="LRY687" s="613"/>
      <c r="LRZ687" s="613"/>
      <c r="LSA687" s="613"/>
      <c r="LSB687" s="613"/>
      <c r="LSC687" s="613"/>
      <c r="LSD687" s="613"/>
      <c r="LSE687" s="613"/>
      <c r="LSF687" s="613"/>
      <c r="LSG687" s="613"/>
      <c r="LSH687" s="613"/>
      <c r="LSI687" s="613"/>
      <c r="LSJ687" s="613"/>
      <c r="LSK687" s="613"/>
      <c r="LSL687" s="613"/>
      <c r="LSM687" s="613"/>
      <c r="LSN687" s="613"/>
      <c r="LSO687" s="613"/>
      <c r="LSP687" s="613"/>
      <c r="LSQ687" s="613"/>
      <c r="LSR687" s="613"/>
      <c r="LSS687" s="613"/>
      <c r="LST687" s="613"/>
      <c r="LSU687" s="613"/>
      <c r="LSV687" s="613"/>
      <c r="LSW687" s="613"/>
      <c r="LSX687" s="613"/>
      <c r="LSY687" s="613"/>
      <c r="LSZ687" s="613"/>
      <c r="LTA687" s="613"/>
      <c r="LTB687" s="613"/>
      <c r="LTC687" s="613"/>
      <c r="LTD687" s="613"/>
      <c r="LTE687" s="613"/>
      <c r="LTF687" s="613"/>
      <c r="LTG687" s="613"/>
      <c r="LTH687" s="613"/>
      <c r="LTI687" s="613"/>
      <c r="LTJ687" s="613"/>
      <c r="LTK687" s="613"/>
      <c r="LTL687" s="613"/>
      <c r="LTM687" s="613"/>
      <c r="LTN687" s="613"/>
      <c r="LTO687" s="613"/>
      <c r="LTP687" s="613"/>
      <c r="LTQ687" s="613"/>
      <c r="LTR687" s="613"/>
      <c r="LTS687" s="613"/>
      <c r="LTT687" s="613"/>
      <c r="LTU687" s="613"/>
      <c r="LTV687" s="613"/>
      <c r="LTW687" s="613"/>
      <c r="LTX687" s="613"/>
      <c r="LTY687" s="613"/>
      <c r="LTZ687" s="613"/>
      <c r="LUA687" s="613"/>
      <c r="LUB687" s="613"/>
      <c r="LUC687" s="613"/>
      <c r="LUD687" s="613"/>
      <c r="LUE687" s="613"/>
      <c r="LUF687" s="613"/>
      <c r="LUG687" s="613"/>
      <c r="LUH687" s="613"/>
      <c r="LUI687" s="613"/>
      <c r="LUJ687" s="613"/>
      <c r="LUK687" s="613"/>
      <c r="LUL687" s="613"/>
      <c r="LUM687" s="613"/>
      <c r="LUN687" s="613"/>
      <c r="LUO687" s="613"/>
      <c r="LUP687" s="613"/>
      <c r="LUQ687" s="613"/>
      <c r="LUR687" s="613"/>
      <c r="LUS687" s="613"/>
      <c r="LUT687" s="613"/>
      <c r="LUU687" s="613"/>
      <c r="LUV687" s="613"/>
      <c r="LUW687" s="613"/>
      <c r="LUX687" s="613"/>
      <c r="LUY687" s="613"/>
      <c r="LUZ687" s="613"/>
      <c r="LVA687" s="613"/>
      <c r="LVB687" s="613"/>
      <c r="LVC687" s="613"/>
      <c r="LVD687" s="613"/>
      <c r="LVE687" s="613"/>
      <c r="LVF687" s="613"/>
      <c r="LVG687" s="613"/>
      <c r="LVH687" s="613"/>
      <c r="LVI687" s="613"/>
      <c r="LVJ687" s="613"/>
      <c r="LVK687" s="613"/>
      <c r="LVL687" s="613"/>
      <c r="LVM687" s="613"/>
      <c r="LVN687" s="613"/>
      <c r="LVO687" s="613"/>
      <c r="LVP687" s="613"/>
      <c r="LVQ687" s="613"/>
      <c r="LVR687" s="613"/>
      <c r="LVS687" s="613"/>
      <c r="LVT687" s="613"/>
      <c r="LVU687" s="613"/>
      <c r="LVV687" s="613"/>
      <c r="LVW687" s="613"/>
      <c r="LVX687" s="613"/>
      <c r="LVY687" s="613"/>
      <c r="LVZ687" s="613"/>
      <c r="LWA687" s="613"/>
      <c r="LWB687" s="613"/>
      <c r="LWC687" s="613"/>
      <c r="LWD687" s="613"/>
      <c r="LWE687" s="613"/>
      <c r="LWF687" s="613"/>
      <c r="LWG687" s="613"/>
      <c r="LWH687" s="613"/>
      <c r="LWI687" s="613"/>
      <c r="LWJ687" s="613"/>
      <c r="LWK687" s="613"/>
      <c r="LWL687" s="613"/>
      <c r="LWM687" s="613"/>
      <c r="LWN687" s="613"/>
      <c r="LWO687" s="613"/>
      <c r="LWP687" s="613"/>
      <c r="LWQ687" s="613"/>
      <c r="LWR687" s="613"/>
      <c r="LWS687" s="613"/>
      <c r="LWT687" s="613"/>
      <c r="LWU687" s="613"/>
      <c r="LWV687" s="613"/>
      <c r="LWW687" s="613"/>
      <c r="LWX687" s="613"/>
      <c r="LWY687" s="613"/>
      <c r="LWZ687" s="613"/>
      <c r="LXA687" s="613"/>
      <c r="LXB687" s="613"/>
      <c r="LXC687" s="613"/>
      <c r="LXD687" s="613"/>
      <c r="LXE687" s="613"/>
      <c r="LXF687" s="613"/>
      <c r="LXG687" s="613"/>
      <c r="LXH687" s="613"/>
      <c r="LXI687" s="613"/>
      <c r="LXJ687" s="613"/>
      <c r="LXK687" s="613"/>
      <c r="LXL687" s="613"/>
      <c r="LXM687" s="613"/>
      <c r="LXN687" s="613"/>
      <c r="LXO687" s="613"/>
      <c r="LXP687" s="613"/>
      <c r="LXQ687" s="613"/>
      <c r="LXR687" s="613"/>
      <c r="LXS687" s="613"/>
      <c r="LXT687" s="613"/>
      <c r="LXU687" s="613"/>
      <c r="LXV687" s="613"/>
      <c r="LXW687" s="613"/>
      <c r="LXX687" s="613"/>
      <c r="LXY687" s="613"/>
      <c r="LXZ687" s="613"/>
      <c r="LYA687" s="613"/>
      <c r="LYB687" s="613"/>
      <c r="LYC687" s="613"/>
      <c r="LYD687" s="613"/>
      <c r="LYE687" s="613"/>
      <c r="LYF687" s="613"/>
      <c r="LYG687" s="613"/>
      <c r="LYH687" s="613"/>
      <c r="LYI687" s="613"/>
      <c r="LYJ687" s="613"/>
      <c r="LYK687" s="613"/>
      <c r="LYL687" s="613"/>
      <c r="LYM687" s="613"/>
      <c r="LYN687" s="613"/>
      <c r="LYO687" s="613"/>
      <c r="LYP687" s="613"/>
      <c r="LYQ687" s="613"/>
      <c r="LYR687" s="613"/>
      <c r="LYS687" s="613"/>
      <c r="LYT687" s="613"/>
      <c r="LYU687" s="613"/>
      <c r="LYV687" s="613"/>
      <c r="LYW687" s="613"/>
      <c r="LYX687" s="613"/>
      <c r="LYY687" s="613"/>
      <c r="LYZ687" s="613"/>
      <c r="LZA687" s="613"/>
      <c r="LZB687" s="613"/>
      <c r="LZC687" s="613"/>
      <c r="LZD687" s="613"/>
      <c r="LZE687" s="613"/>
      <c r="LZF687" s="613"/>
      <c r="LZG687" s="613"/>
      <c r="LZH687" s="613"/>
      <c r="LZI687" s="613"/>
      <c r="LZJ687" s="613"/>
      <c r="LZK687" s="613"/>
      <c r="LZL687" s="613"/>
      <c r="LZM687" s="613"/>
      <c r="LZN687" s="613"/>
      <c r="LZO687" s="613"/>
      <c r="LZP687" s="613"/>
      <c r="LZQ687" s="613"/>
      <c r="LZR687" s="613"/>
      <c r="LZS687" s="613"/>
      <c r="LZT687" s="613"/>
      <c r="LZU687" s="613"/>
      <c r="LZV687" s="613"/>
      <c r="LZW687" s="613"/>
      <c r="LZX687" s="613"/>
      <c r="LZY687" s="613"/>
      <c r="LZZ687" s="613"/>
      <c r="MAA687" s="613"/>
      <c r="MAB687" s="613"/>
      <c r="MAC687" s="613"/>
      <c r="MAD687" s="613"/>
      <c r="MAE687" s="613"/>
      <c r="MAF687" s="613"/>
      <c r="MAG687" s="613"/>
      <c r="MAH687" s="613"/>
      <c r="MAI687" s="613"/>
      <c r="MAJ687" s="613"/>
      <c r="MAK687" s="613"/>
      <c r="MAL687" s="613"/>
      <c r="MAM687" s="613"/>
      <c r="MAN687" s="613"/>
      <c r="MAO687" s="613"/>
      <c r="MAP687" s="613"/>
      <c r="MAQ687" s="613"/>
      <c r="MAR687" s="613"/>
      <c r="MAS687" s="613"/>
      <c r="MAT687" s="613"/>
      <c r="MAU687" s="613"/>
      <c r="MAV687" s="613"/>
      <c r="MAW687" s="613"/>
      <c r="MAX687" s="613"/>
      <c r="MAY687" s="613"/>
      <c r="MAZ687" s="613"/>
      <c r="MBA687" s="613"/>
      <c r="MBB687" s="613"/>
      <c r="MBC687" s="613"/>
      <c r="MBD687" s="613"/>
      <c r="MBE687" s="613"/>
      <c r="MBF687" s="613"/>
      <c r="MBG687" s="613"/>
      <c r="MBH687" s="613"/>
      <c r="MBI687" s="613"/>
      <c r="MBJ687" s="613"/>
      <c r="MBK687" s="613"/>
      <c r="MBL687" s="613"/>
      <c r="MBM687" s="613"/>
      <c r="MBN687" s="613"/>
      <c r="MBO687" s="613"/>
      <c r="MBP687" s="613"/>
      <c r="MBQ687" s="613"/>
      <c r="MBR687" s="613"/>
      <c r="MBS687" s="613"/>
      <c r="MBT687" s="613"/>
      <c r="MBU687" s="613"/>
      <c r="MBV687" s="613"/>
      <c r="MBW687" s="613"/>
      <c r="MBX687" s="613"/>
      <c r="MBY687" s="613"/>
      <c r="MBZ687" s="613"/>
      <c r="MCA687" s="613"/>
      <c r="MCB687" s="613"/>
      <c r="MCC687" s="613"/>
      <c r="MCD687" s="613"/>
      <c r="MCE687" s="613"/>
      <c r="MCF687" s="613"/>
      <c r="MCG687" s="613"/>
      <c r="MCH687" s="613"/>
      <c r="MCI687" s="613"/>
      <c r="MCJ687" s="613"/>
      <c r="MCK687" s="613"/>
      <c r="MCL687" s="613"/>
      <c r="MCM687" s="613"/>
      <c r="MCN687" s="613"/>
      <c r="MCO687" s="613"/>
      <c r="MCP687" s="613"/>
      <c r="MCQ687" s="613"/>
      <c r="MCR687" s="613"/>
      <c r="MCS687" s="613"/>
      <c r="MCT687" s="613"/>
      <c r="MCU687" s="613"/>
      <c r="MCV687" s="613"/>
      <c r="MCW687" s="613"/>
      <c r="MCX687" s="613"/>
      <c r="MCY687" s="613"/>
      <c r="MCZ687" s="613"/>
      <c r="MDA687" s="613"/>
      <c r="MDB687" s="613"/>
      <c r="MDC687" s="613"/>
      <c r="MDD687" s="613"/>
      <c r="MDE687" s="613"/>
      <c r="MDF687" s="613"/>
      <c r="MDG687" s="613"/>
      <c r="MDH687" s="613"/>
      <c r="MDI687" s="613"/>
      <c r="MDJ687" s="613"/>
      <c r="MDK687" s="613"/>
      <c r="MDL687" s="613"/>
      <c r="MDM687" s="613"/>
      <c r="MDN687" s="613"/>
      <c r="MDO687" s="613"/>
      <c r="MDP687" s="613"/>
      <c r="MDQ687" s="613"/>
      <c r="MDR687" s="613"/>
      <c r="MDS687" s="613"/>
      <c r="MDT687" s="613"/>
      <c r="MDU687" s="613"/>
      <c r="MDV687" s="613"/>
      <c r="MDW687" s="613"/>
      <c r="MDX687" s="613"/>
      <c r="MDY687" s="613"/>
      <c r="MDZ687" s="613"/>
      <c r="MEA687" s="613"/>
      <c r="MEB687" s="613"/>
      <c r="MEC687" s="613"/>
      <c r="MED687" s="613"/>
      <c r="MEE687" s="613"/>
      <c r="MEF687" s="613"/>
      <c r="MEG687" s="613"/>
      <c r="MEH687" s="613"/>
      <c r="MEI687" s="613"/>
      <c r="MEJ687" s="613"/>
      <c r="MEK687" s="613"/>
      <c r="MEL687" s="613"/>
      <c r="MEM687" s="613"/>
      <c r="MEN687" s="613"/>
      <c r="MEO687" s="613"/>
      <c r="MEP687" s="613"/>
      <c r="MEQ687" s="613"/>
      <c r="MER687" s="613"/>
      <c r="MES687" s="613"/>
      <c r="MET687" s="613"/>
      <c r="MEU687" s="613"/>
      <c r="MEV687" s="613"/>
      <c r="MEW687" s="613"/>
      <c r="MEX687" s="613"/>
      <c r="MEY687" s="613"/>
      <c r="MEZ687" s="613"/>
      <c r="MFA687" s="613"/>
      <c r="MFB687" s="613"/>
      <c r="MFC687" s="613"/>
      <c r="MFD687" s="613"/>
      <c r="MFE687" s="613"/>
      <c r="MFF687" s="613"/>
      <c r="MFG687" s="613"/>
      <c r="MFH687" s="613"/>
      <c r="MFI687" s="613"/>
      <c r="MFJ687" s="613"/>
      <c r="MFK687" s="613"/>
      <c r="MFL687" s="613"/>
      <c r="MFM687" s="613"/>
      <c r="MFN687" s="613"/>
      <c r="MFO687" s="613"/>
      <c r="MFP687" s="613"/>
      <c r="MFQ687" s="613"/>
      <c r="MFR687" s="613"/>
      <c r="MFS687" s="613"/>
      <c r="MFT687" s="613"/>
      <c r="MFU687" s="613"/>
      <c r="MFV687" s="613"/>
      <c r="MFW687" s="613"/>
      <c r="MFX687" s="613"/>
      <c r="MFY687" s="613"/>
      <c r="MFZ687" s="613"/>
      <c r="MGA687" s="613"/>
      <c r="MGB687" s="613"/>
      <c r="MGC687" s="613"/>
      <c r="MGD687" s="613"/>
      <c r="MGE687" s="613"/>
      <c r="MGF687" s="613"/>
      <c r="MGG687" s="613"/>
      <c r="MGH687" s="613"/>
      <c r="MGI687" s="613"/>
      <c r="MGJ687" s="613"/>
      <c r="MGK687" s="613"/>
      <c r="MGL687" s="613"/>
      <c r="MGM687" s="613"/>
      <c r="MGN687" s="613"/>
      <c r="MGO687" s="613"/>
      <c r="MGP687" s="613"/>
      <c r="MGQ687" s="613"/>
      <c r="MGR687" s="613"/>
      <c r="MGS687" s="613"/>
      <c r="MGT687" s="613"/>
      <c r="MGU687" s="613"/>
      <c r="MGV687" s="613"/>
      <c r="MGW687" s="613"/>
      <c r="MGX687" s="613"/>
      <c r="MGY687" s="613"/>
      <c r="MGZ687" s="613"/>
      <c r="MHA687" s="613"/>
      <c r="MHB687" s="613"/>
      <c r="MHC687" s="613"/>
      <c r="MHD687" s="613"/>
      <c r="MHE687" s="613"/>
      <c r="MHF687" s="613"/>
      <c r="MHG687" s="613"/>
      <c r="MHH687" s="613"/>
      <c r="MHI687" s="613"/>
      <c r="MHJ687" s="613"/>
      <c r="MHK687" s="613"/>
      <c r="MHL687" s="613"/>
      <c r="MHM687" s="613"/>
      <c r="MHN687" s="613"/>
      <c r="MHO687" s="613"/>
      <c r="MHP687" s="613"/>
      <c r="MHQ687" s="613"/>
      <c r="MHR687" s="613"/>
      <c r="MHS687" s="613"/>
      <c r="MHT687" s="613"/>
      <c r="MHU687" s="613"/>
      <c r="MHV687" s="613"/>
      <c r="MHW687" s="613"/>
      <c r="MHX687" s="613"/>
      <c r="MHY687" s="613"/>
      <c r="MHZ687" s="613"/>
      <c r="MIA687" s="613"/>
      <c r="MIB687" s="613"/>
      <c r="MIC687" s="613"/>
      <c r="MID687" s="613"/>
      <c r="MIE687" s="613"/>
      <c r="MIF687" s="613"/>
      <c r="MIG687" s="613"/>
      <c r="MIH687" s="613"/>
      <c r="MII687" s="613"/>
      <c r="MIJ687" s="613"/>
      <c r="MIK687" s="613"/>
      <c r="MIL687" s="613"/>
      <c r="MIM687" s="613"/>
      <c r="MIN687" s="613"/>
      <c r="MIO687" s="613"/>
      <c r="MIP687" s="613"/>
      <c r="MIQ687" s="613"/>
      <c r="MIR687" s="613"/>
      <c r="MIS687" s="613"/>
      <c r="MIT687" s="613"/>
      <c r="MIU687" s="613"/>
      <c r="MIV687" s="613"/>
      <c r="MIW687" s="613"/>
      <c r="MIX687" s="613"/>
      <c r="MIY687" s="613"/>
      <c r="MIZ687" s="613"/>
      <c r="MJA687" s="613"/>
      <c r="MJB687" s="613"/>
      <c r="MJC687" s="613"/>
      <c r="MJD687" s="613"/>
      <c r="MJE687" s="613"/>
      <c r="MJF687" s="613"/>
      <c r="MJG687" s="613"/>
      <c r="MJH687" s="613"/>
      <c r="MJI687" s="613"/>
      <c r="MJJ687" s="613"/>
      <c r="MJK687" s="613"/>
      <c r="MJL687" s="613"/>
      <c r="MJM687" s="613"/>
      <c r="MJN687" s="613"/>
      <c r="MJO687" s="613"/>
      <c r="MJP687" s="613"/>
      <c r="MJQ687" s="613"/>
      <c r="MJR687" s="613"/>
      <c r="MJS687" s="613"/>
      <c r="MJT687" s="613"/>
      <c r="MJU687" s="613"/>
      <c r="MJV687" s="613"/>
      <c r="MJW687" s="613"/>
      <c r="MJX687" s="613"/>
      <c r="MJY687" s="613"/>
      <c r="MJZ687" s="613"/>
      <c r="MKA687" s="613"/>
      <c r="MKB687" s="613"/>
      <c r="MKC687" s="613"/>
      <c r="MKD687" s="613"/>
      <c r="MKE687" s="613"/>
      <c r="MKF687" s="613"/>
      <c r="MKG687" s="613"/>
      <c r="MKH687" s="613"/>
      <c r="MKI687" s="613"/>
      <c r="MKJ687" s="613"/>
      <c r="MKK687" s="613"/>
      <c r="MKL687" s="613"/>
      <c r="MKM687" s="613"/>
      <c r="MKN687" s="613"/>
      <c r="MKO687" s="613"/>
      <c r="MKP687" s="613"/>
      <c r="MKQ687" s="613"/>
      <c r="MKR687" s="613"/>
      <c r="MKS687" s="613"/>
      <c r="MKT687" s="613"/>
      <c r="MKU687" s="613"/>
      <c r="MKV687" s="613"/>
      <c r="MKW687" s="613"/>
      <c r="MKX687" s="613"/>
      <c r="MKY687" s="613"/>
      <c r="MKZ687" s="613"/>
      <c r="MLA687" s="613"/>
      <c r="MLB687" s="613"/>
      <c r="MLC687" s="613"/>
      <c r="MLD687" s="613"/>
      <c r="MLE687" s="613"/>
      <c r="MLF687" s="613"/>
      <c r="MLG687" s="613"/>
      <c r="MLH687" s="613"/>
      <c r="MLI687" s="613"/>
      <c r="MLJ687" s="613"/>
      <c r="MLK687" s="613"/>
      <c r="MLL687" s="613"/>
      <c r="MLM687" s="613"/>
      <c r="MLN687" s="613"/>
      <c r="MLO687" s="613"/>
      <c r="MLP687" s="613"/>
      <c r="MLQ687" s="613"/>
      <c r="MLR687" s="613"/>
      <c r="MLS687" s="613"/>
      <c r="MLT687" s="613"/>
      <c r="MLU687" s="613"/>
      <c r="MLV687" s="613"/>
      <c r="MLW687" s="613"/>
      <c r="MLX687" s="613"/>
      <c r="MLY687" s="613"/>
      <c r="MLZ687" s="613"/>
      <c r="MMA687" s="613"/>
      <c r="MMB687" s="613"/>
      <c r="MMC687" s="613"/>
      <c r="MMD687" s="613"/>
      <c r="MME687" s="613"/>
      <c r="MMF687" s="613"/>
      <c r="MMG687" s="613"/>
      <c r="MMH687" s="613"/>
      <c r="MMI687" s="613"/>
      <c r="MMJ687" s="613"/>
      <c r="MMK687" s="613"/>
      <c r="MML687" s="613"/>
      <c r="MMM687" s="613"/>
      <c r="MMN687" s="613"/>
      <c r="MMO687" s="613"/>
      <c r="MMP687" s="613"/>
      <c r="MMQ687" s="613"/>
      <c r="MMR687" s="613"/>
      <c r="MMS687" s="613"/>
      <c r="MMT687" s="613"/>
      <c r="MMU687" s="613"/>
      <c r="MMV687" s="613"/>
      <c r="MMW687" s="613"/>
      <c r="MMX687" s="613"/>
      <c r="MMY687" s="613"/>
      <c r="MMZ687" s="613"/>
      <c r="MNA687" s="613"/>
      <c r="MNB687" s="613"/>
      <c r="MNC687" s="613"/>
      <c r="MND687" s="613"/>
      <c r="MNE687" s="613"/>
      <c r="MNF687" s="613"/>
      <c r="MNG687" s="613"/>
      <c r="MNH687" s="613"/>
      <c r="MNI687" s="613"/>
      <c r="MNJ687" s="613"/>
      <c r="MNK687" s="613"/>
      <c r="MNL687" s="613"/>
      <c r="MNM687" s="613"/>
      <c r="MNN687" s="613"/>
      <c r="MNO687" s="613"/>
      <c r="MNP687" s="613"/>
      <c r="MNQ687" s="613"/>
      <c r="MNR687" s="613"/>
      <c r="MNS687" s="613"/>
      <c r="MNT687" s="613"/>
      <c r="MNU687" s="613"/>
      <c r="MNV687" s="613"/>
      <c r="MNW687" s="613"/>
      <c r="MNX687" s="613"/>
      <c r="MNY687" s="613"/>
      <c r="MNZ687" s="613"/>
      <c r="MOA687" s="613"/>
      <c r="MOB687" s="613"/>
      <c r="MOC687" s="613"/>
      <c r="MOD687" s="613"/>
      <c r="MOE687" s="613"/>
      <c r="MOF687" s="613"/>
      <c r="MOG687" s="613"/>
      <c r="MOH687" s="613"/>
      <c r="MOI687" s="613"/>
      <c r="MOJ687" s="613"/>
      <c r="MOK687" s="613"/>
      <c r="MOL687" s="613"/>
      <c r="MOM687" s="613"/>
      <c r="MON687" s="613"/>
      <c r="MOO687" s="613"/>
      <c r="MOP687" s="613"/>
      <c r="MOQ687" s="613"/>
      <c r="MOR687" s="613"/>
      <c r="MOS687" s="613"/>
      <c r="MOT687" s="613"/>
      <c r="MOU687" s="613"/>
      <c r="MOV687" s="613"/>
      <c r="MOW687" s="613"/>
      <c r="MOX687" s="613"/>
      <c r="MOY687" s="613"/>
      <c r="MOZ687" s="613"/>
      <c r="MPA687" s="613"/>
      <c r="MPB687" s="613"/>
      <c r="MPC687" s="613"/>
      <c r="MPD687" s="613"/>
      <c r="MPE687" s="613"/>
      <c r="MPF687" s="613"/>
      <c r="MPG687" s="613"/>
      <c r="MPH687" s="613"/>
      <c r="MPI687" s="613"/>
      <c r="MPJ687" s="613"/>
      <c r="MPK687" s="613"/>
      <c r="MPL687" s="613"/>
      <c r="MPM687" s="613"/>
      <c r="MPN687" s="613"/>
      <c r="MPO687" s="613"/>
      <c r="MPP687" s="613"/>
      <c r="MPQ687" s="613"/>
      <c r="MPR687" s="613"/>
      <c r="MPS687" s="613"/>
      <c r="MPT687" s="613"/>
      <c r="MPU687" s="613"/>
      <c r="MPV687" s="613"/>
      <c r="MPW687" s="613"/>
      <c r="MPX687" s="613"/>
      <c r="MPY687" s="613"/>
      <c r="MPZ687" s="613"/>
      <c r="MQA687" s="613"/>
      <c r="MQB687" s="613"/>
      <c r="MQC687" s="613"/>
      <c r="MQD687" s="613"/>
      <c r="MQE687" s="613"/>
      <c r="MQF687" s="613"/>
      <c r="MQG687" s="613"/>
      <c r="MQH687" s="613"/>
      <c r="MQI687" s="613"/>
      <c r="MQJ687" s="613"/>
      <c r="MQK687" s="613"/>
      <c r="MQL687" s="613"/>
      <c r="MQM687" s="613"/>
      <c r="MQN687" s="613"/>
      <c r="MQO687" s="613"/>
      <c r="MQP687" s="613"/>
      <c r="MQQ687" s="613"/>
      <c r="MQR687" s="613"/>
      <c r="MQS687" s="613"/>
      <c r="MQT687" s="613"/>
      <c r="MQU687" s="613"/>
      <c r="MQV687" s="613"/>
      <c r="MQW687" s="613"/>
      <c r="MQX687" s="613"/>
      <c r="MQY687" s="613"/>
      <c r="MQZ687" s="613"/>
      <c r="MRA687" s="613"/>
      <c r="MRB687" s="613"/>
      <c r="MRC687" s="613"/>
      <c r="MRD687" s="613"/>
      <c r="MRE687" s="613"/>
      <c r="MRF687" s="613"/>
      <c r="MRG687" s="613"/>
      <c r="MRH687" s="613"/>
      <c r="MRI687" s="613"/>
      <c r="MRJ687" s="613"/>
      <c r="MRK687" s="613"/>
      <c r="MRL687" s="613"/>
      <c r="MRM687" s="613"/>
      <c r="MRN687" s="613"/>
      <c r="MRO687" s="613"/>
      <c r="MRP687" s="613"/>
      <c r="MRQ687" s="613"/>
      <c r="MRR687" s="613"/>
      <c r="MRS687" s="613"/>
      <c r="MRT687" s="613"/>
      <c r="MRU687" s="613"/>
      <c r="MRV687" s="613"/>
      <c r="MRW687" s="613"/>
      <c r="MRX687" s="613"/>
      <c r="MRY687" s="613"/>
      <c r="MRZ687" s="613"/>
      <c r="MSA687" s="613"/>
      <c r="MSB687" s="613"/>
      <c r="MSC687" s="613"/>
      <c r="MSD687" s="613"/>
      <c r="MSE687" s="613"/>
      <c r="MSF687" s="613"/>
      <c r="MSG687" s="613"/>
      <c r="MSH687" s="613"/>
      <c r="MSI687" s="613"/>
      <c r="MSJ687" s="613"/>
      <c r="MSK687" s="613"/>
      <c r="MSL687" s="613"/>
      <c r="MSM687" s="613"/>
      <c r="MSN687" s="613"/>
      <c r="MSO687" s="613"/>
      <c r="MSP687" s="613"/>
      <c r="MSQ687" s="613"/>
      <c r="MSR687" s="613"/>
      <c r="MSS687" s="613"/>
      <c r="MST687" s="613"/>
      <c r="MSU687" s="613"/>
      <c r="MSV687" s="613"/>
      <c r="MSW687" s="613"/>
      <c r="MSX687" s="613"/>
      <c r="MSY687" s="613"/>
      <c r="MSZ687" s="613"/>
      <c r="MTA687" s="613"/>
      <c r="MTB687" s="613"/>
      <c r="MTC687" s="613"/>
      <c r="MTD687" s="613"/>
      <c r="MTE687" s="613"/>
      <c r="MTF687" s="613"/>
      <c r="MTG687" s="613"/>
      <c r="MTH687" s="613"/>
      <c r="MTI687" s="613"/>
      <c r="MTJ687" s="613"/>
      <c r="MTK687" s="613"/>
      <c r="MTL687" s="613"/>
      <c r="MTM687" s="613"/>
      <c r="MTN687" s="613"/>
      <c r="MTO687" s="613"/>
      <c r="MTP687" s="613"/>
      <c r="MTQ687" s="613"/>
      <c r="MTR687" s="613"/>
      <c r="MTS687" s="613"/>
      <c r="MTT687" s="613"/>
      <c r="MTU687" s="613"/>
      <c r="MTV687" s="613"/>
      <c r="MTW687" s="613"/>
      <c r="MTX687" s="613"/>
      <c r="MTY687" s="613"/>
      <c r="MTZ687" s="613"/>
      <c r="MUA687" s="613"/>
      <c r="MUB687" s="613"/>
      <c r="MUC687" s="613"/>
      <c r="MUD687" s="613"/>
      <c r="MUE687" s="613"/>
      <c r="MUF687" s="613"/>
      <c r="MUG687" s="613"/>
      <c r="MUH687" s="613"/>
      <c r="MUI687" s="613"/>
      <c r="MUJ687" s="613"/>
      <c r="MUK687" s="613"/>
      <c r="MUL687" s="613"/>
      <c r="MUM687" s="613"/>
      <c r="MUN687" s="613"/>
      <c r="MUO687" s="613"/>
      <c r="MUP687" s="613"/>
      <c r="MUQ687" s="613"/>
      <c r="MUR687" s="613"/>
      <c r="MUS687" s="613"/>
      <c r="MUT687" s="613"/>
      <c r="MUU687" s="613"/>
      <c r="MUV687" s="613"/>
      <c r="MUW687" s="613"/>
      <c r="MUX687" s="613"/>
      <c r="MUY687" s="613"/>
      <c r="MUZ687" s="613"/>
      <c r="MVA687" s="613"/>
      <c r="MVB687" s="613"/>
      <c r="MVC687" s="613"/>
      <c r="MVD687" s="613"/>
      <c r="MVE687" s="613"/>
      <c r="MVF687" s="613"/>
      <c r="MVG687" s="613"/>
      <c r="MVH687" s="613"/>
      <c r="MVI687" s="613"/>
      <c r="MVJ687" s="613"/>
      <c r="MVK687" s="613"/>
      <c r="MVL687" s="613"/>
      <c r="MVM687" s="613"/>
      <c r="MVN687" s="613"/>
      <c r="MVO687" s="613"/>
      <c r="MVP687" s="613"/>
      <c r="MVQ687" s="613"/>
      <c r="MVR687" s="613"/>
      <c r="MVS687" s="613"/>
      <c r="MVT687" s="613"/>
      <c r="MVU687" s="613"/>
      <c r="MVV687" s="613"/>
      <c r="MVW687" s="613"/>
      <c r="MVX687" s="613"/>
      <c r="MVY687" s="613"/>
      <c r="MVZ687" s="613"/>
      <c r="MWA687" s="613"/>
      <c r="MWB687" s="613"/>
      <c r="MWC687" s="613"/>
      <c r="MWD687" s="613"/>
      <c r="MWE687" s="613"/>
      <c r="MWF687" s="613"/>
      <c r="MWG687" s="613"/>
      <c r="MWH687" s="613"/>
      <c r="MWI687" s="613"/>
      <c r="MWJ687" s="613"/>
      <c r="MWK687" s="613"/>
      <c r="MWL687" s="613"/>
      <c r="MWM687" s="613"/>
      <c r="MWN687" s="613"/>
      <c r="MWO687" s="613"/>
      <c r="MWP687" s="613"/>
      <c r="MWQ687" s="613"/>
      <c r="MWR687" s="613"/>
      <c r="MWS687" s="613"/>
      <c r="MWT687" s="613"/>
      <c r="MWU687" s="613"/>
      <c r="MWV687" s="613"/>
      <c r="MWW687" s="613"/>
      <c r="MWX687" s="613"/>
      <c r="MWY687" s="613"/>
      <c r="MWZ687" s="613"/>
      <c r="MXA687" s="613"/>
      <c r="MXB687" s="613"/>
      <c r="MXC687" s="613"/>
      <c r="MXD687" s="613"/>
      <c r="MXE687" s="613"/>
      <c r="MXF687" s="613"/>
      <c r="MXG687" s="613"/>
      <c r="MXH687" s="613"/>
      <c r="MXI687" s="613"/>
      <c r="MXJ687" s="613"/>
      <c r="MXK687" s="613"/>
      <c r="MXL687" s="613"/>
      <c r="MXM687" s="613"/>
      <c r="MXN687" s="613"/>
      <c r="MXO687" s="613"/>
      <c r="MXP687" s="613"/>
      <c r="MXQ687" s="613"/>
      <c r="MXR687" s="613"/>
      <c r="MXS687" s="613"/>
      <c r="MXT687" s="613"/>
      <c r="MXU687" s="613"/>
      <c r="MXV687" s="613"/>
      <c r="MXW687" s="613"/>
      <c r="MXX687" s="613"/>
      <c r="MXY687" s="613"/>
      <c r="MXZ687" s="613"/>
      <c r="MYA687" s="613"/>
      <c r="MYB687" s="613"/>
      <c r="MYC687" s="613"/>
      <c r="MYD687" s="613"/>
      <c r="MYE687" s="613"/>
      <c r="MYF687" s="613"/>
      <c r="MYG687" s="613"/>
      <c r="MYH687" s="613"/>
      <c r="MYI687" s="613"/>
      <c r="MYJ687" s="613"/>
      <c r="MYK687" s="613"/>
      <c r="MYL687" s="613"/>
      <c r="MYM687" s="613"/>
      <c r="MYN687" s="613"/>
      <c r="MYO687" s="613"/>
      <c r="MYP687" s="613"/>
      <c r="MYQ687" s="613"/>
      <c r="MYR687" s="613"/>
      <c r="MYS687" s="613"/>
      <c r="MYT687" s="613"/>
      <c r="MYU687" s="613"/>
      <c r="MYV687" s="613"/>
      <c r="MYW687" s="613"/>
      <c r="MYX687" s="613"/>
      <c r="MYY687" s="613"/>
      <c r="MYZ687" s="613"/>
      <c r="MZA687" s="613"/>
      <c r="MZB687" s="613"/>
      <c r="MZC687" s="613"/>
      <c r="MZD687" s="613"/>
      <c r="MZE687" s="613"/>
      <c r="MZF687" s="613"/>
      <c r="MZG687" s="613"/>
      <c r="MZH687" s="613"/>
      <c r="MZI687" s="613"/>
      <c r="MZJ687" s="613"/>
      <c r="MZK687" s="613"/>
      <c r="MZL687" s="613"/>
      <c r="MZM687" s="613"/>
      <c r="MZN687" s="613"/>
      <c r="MZO687" s="613"/>
      <c r="MZP687" s="613"/>
      <c r="MZQ687" s="613"/>
      <c r="MZR687" s="613"/>
      <c r="MZS687" s="613"/>
      <c r="MZT687" s="613"/>
      <c r="MZU687" s="613"/>
      <c r="MZV687" s="613"/>
      <c r="MZW687" s="613"/>
      <c r="MZX687" s="613"/>
      <c r="MZY687" s="613"/>
      <c r="MZZ687" s="613"/>
      <c r="NAA687" s="613"/>
      <c r="NAB687" s="613"/>
      <c r="NAC687" s="613"/>
      <c r="NAD687" s="613"/>
      <c r="NAE687" s="613"/>
      <c r="NAF687" s="613"/>
      <c r="NAG687" s="613"/>
      <c r="NAH687" s="613"/>
      <c r="NAI687" s="613"/>
      <c r="NAJ687" s="613"/>
      <c r="NAK687" s="613"/>
      <c r="NAL687" s="613"/>
      <c r="NAM687" s="613"/>
      <c r="NAN687" s="613"/>
      <c r="NAO687" s="613"/>
      <c r="NAP687" s="613"/>
      <c r="NAQ687" s="613"/>
      <c r="NAR687" s="613"/>
      <c r="NAS687" s="613"/>
      <c r="NAT687" s="613"/>
      <c r="NAU687" s="613"/>
      <c r="NAV687" s="613"/>
      <c r="NAW687" s="613"/>
      <c r="NAX687" s="613"/>
      <c r="NAY687" s="613"/>
      <c r="NAZ687" s="613"/>
      <c r="NBA687" s="613"/>
      <c r="NBB687" s="613"/>
      <c r="NBC687" s="613"/>
      <c r="NBD687" s="613"/>
      <c r="NBE687" s="613"/>
      <c r="NBF687" s="613"/>
      <c r="NBG687" s="613"/>
      <c r="NBH687" s="613"/>
      <c r="NBI687" s="613"/>
      <c r="NBJ687" s="613"/>
      <c r="NBK687" s="613"/>
      <c r="NBL687" s="613"/>
      <c r="NBM687" s="613"/>
      <c r="NBN687" s="613"/>
      <c r="NBO687" s="613"/>
      <c r="NBP687" s="613"/>
      <c r="NBQ687" s="613"/>
      <c r="NBR687" s="613"/>
      <c r="NBS687" s="613"/>
      <c r="NBT687" s="613"/>
      <c r="NBU687" s="613"/>
      <c r="NBV687" s="613"/>
      <c r="NBW687" s="613"/>
      <c r="NBX687" s="613"/>
      <c r="NBY687" s="613"/>
      <c r="NBZ687" s="613"/>
      <c r="NCA687" s="613"/>
      <c r="NCB687" s="613"/>
      <c r="NCC687" s="613"/>
      <c r="NCD687" s="613"/>
      <c r="NCE687" s="613"/>
      <c r="NCF687" s="613"/>
      <c r="NCG687" s="613"/>
      <c r="NCH687" s="613"/>
      <c r="NCI687" s="613"/>
      <c r="NCJ687" s="613"/>
      <c r="NCK687" s="613"/>
      <c r="NCL687" s="613"/>
      <c r="NCM687" s="613"/>
      <c r="NCN687" s="613"/>
      <c r="NCO687" s="613"/>
      <c r="NCP687" s="613"/>
      <c r="NCQ687" s="613"/>
      <c r="NCR687" s="613"/>
      <c r="NCS687" s="613"/>
      <c r="NCT687" s="613"/>
      <c r="NCU687" s="613"/>
      <c r="NCV687" s="613"/>
      <c r="NCW687" s="613"/>
      <c r="NCX687" s="613"/>
      <c r="NCY687" s="613"/>
      <c r="NCZ687" s="613"/>
      <c r="NDA687" s="613"/>
      <c r="NDB687" s="613"/>
      <c r="NDC687" s="613"/>
      <c r="NDD687" s="613"/>
      <c r="NDE687" s="613"/>
      <c r="NDF687" s="613"/>
      <c r="NDG687" s="613"/>
      <c r="NDH687" s="613"/>
      <c r="NDI687" s="613"/>
      <c r="NDJ687" s="613"/>
      <c r="NDK687" s="613"/>
      <c r="NDL687" s="613"/>
      <c r="NDM687" s="613"/>
      <c r="NDN687" s="613"/>
      <c r="NDO687" s="613"/>
      <c r="NDP687" s="613"/>
      <c r="NDQ687" s="613"/>
      <c r="NDR687" s="613"/>
      <c r="NDS687" s="613"/>
      <c r="NDT687" s="613"/>
      <c r="NDU687" s="613"/>
      <c r="NDV687" s="613"/>
      <c r="NDW687" s="613"/>
      <c r="NDX687" s="613"/>
      <c r="NDY687" s="613"/>
      <c r="NDZ687" s="613"/>
      <c r="NEA687" s="613"/>
      <c r="NEB687" s="613"/>
      <c r="NEC687" s="613"/>
      <c r="NED687" s="613"/>
      <c r="NEE687" s="613"/>
      <c r="NEF687" s="613"/>
      <c r="NEG687" s="613"/>
      <c r="NEH687" s="613"/>
      <c r="NEI687" s="613"/>
      <c r="NEJ687" s="613"/>
      <c r="NEK687" s="613"/>
      <c r="NEL687" s="613"/>
      <c r="NEM687" s="613"/>
      <c r="NEN687" s="613"/>
      <c r="NEO687" s="613"/>
      <c r="NEP687" s="613"/>
      <c r="NEQ687" s="613"/>
      <c r="NER687" s="613"/>
      <c r="NES687" s="613"/>
      <c r="NET687" s="613"/>
      <c r="NEU687" s="613"/>
      <c r="NEV687" s="613"/>
      <c r="NEW687" s="613"/>
      <c r="NEX687" s="613"/>
      <c r="NEY687" s="613"/>
      <c r="NEZ687" s="613"/>
      <c r="NFA687" s="613"/>
      <c r="NFB687" s="613"/>
      <c r="NFC687" s="613"/>
      <c r="NFD687" s="613"/>
      <c r="NFE687" s="613"/>
      <c r="NFF687" s="613"/>
      <c r="NFG687" s="613"/>
      <c r="NFH687" s="613"/>
      <c r="NFI687" s="613"/>
      <c r="NFJ687" s="613"/>
      <c r="NFK687" s="613"/>
      <c r="NFL687" s="613"/>
      <c r="NFM687" s="613"/>
      <c r="NFN687" s="613"/>
      <c r="NFO687" s="613"/>
      <c r="NFP687" s="613"/>
      <c r="NFQ687" s="613"/>
      <c r="NFR687" s="613"/>
      <c r="NFS687" s="613"/>
      <c r="NFT687" s="613"/>
      <c r="NFU687" s="613"/>
      <c r="NFV687" s="613"/>
      <c r="NFW687" s="613"/>
      <c r="NFX687" s="613"/>
      <c r="NFY687" s="613"/>
      <c r="NFZ687" s="613"/>
      <c r="NGA687" s="613"/>
      <c r="NGB687" s="613"/>
      <c r="NGC687" s="613"/>
      <c r="NGD687" s="613"/>
      <c r="NGE687" s="613"/>
      <c r="NGF687" s="613"/>
      <c r="NGG687" s="613"/>
      <c r="NGH687" s="613"/>
      <c r="NGI687" s="613"/>
      <c r="NGJ687" s="613"/>
      <c r="NGK687" s="613"/>
      <c r="NGL687" s="613"/>
      <c r="NGM687" s="613"/>
      <c r="NGN687" s="613"/>
      <c r="NGO687" s="613"/>
      <c r="NGP687" s="613"/>
      <c r="NGQ687" s="613"/>
      <c r="NGR687" s="613"/>
      <c r="NGS687" s="613"/>
      <c r="NGT687" s="613"/>
      <c r="NGU687" s="613"/>
      <c r="NGV687" s="613"/>
      <c r="NGW687" s="613"/>
      <c r="NGX687" s="613"/>
      <c r="NGY687" s="613"/>
      <c r="NGZ687" s="613"/>
      <c r="NHA687" s="613"/>
      <c r="NHB687" s="613"/>
      <c r="NHC687" s="613"/>
      <c r="NHD687" s="613"/>
      <c r="NHE687" s="613"/>
      <c r="NHF687" s="613"/>
      <c r="NHG687" s="613"/>
      <c r="NHH687" s="613"/>
      <c r="NHI687" s="613"/>
      <c r="NHJ687" s="613"/>
      <c r="NHK687" s="613"/>
      <c r="NHL687" s="613"/>
      <c r="NHM687" s="613"/>
      <c r="NHN687" s="613"/>
      <c r="NHO687" s="613"/>
      <c r="NHP687" s="613"/>
      <c r="NHQ687" s="613"/>
      <c r="NHR687" s="613"/>
      <c r="NHS687" s="613"/>
      <c r="NHT687" s="613"/>
      <c r="NHU687" s="613"/>
      <c r="NHV687" s="613"/>
      <c r="NHW687" s="613"/>
      <c r="NHX687" s="613"/>
      <c r="NHY687" s="613"/>
      <c r="NHZ687" s="613"/>
      <c r="NIA687" s="613"/>
      <c r="NIB687" s="613"/>
      <c r="NIC687" s="613"/>
      <c r="NID687" s="613"/>
      <c r="NIE687" s="613"/>
      <c r="NIF687" s="613"/>
      <c r="NIG687" s="613"/>
      <c r="NIH687" s="613"/>
      <c r="NII687" s="613"/>
      <c r="NIJ687" s="613"/>
      <c r="NIK687" s="613"/>
      <c r="NIL687" s="613"/>
      <c r="NIM687" s="613"/>
      <c r="NIN687" s="613"/>
      <c r="NIO687" s="613"/>
      <c r="NIP687" s="613"/>
      <c r="NIQ687" s="613"/>
      <c r="NIR687" s="613"/>
      <c r="NIS687" s="613"/>
      <c r="NIT687" s="613"/>
      <c r="NIU687" s="613"/>
      <c r="NIV687" s="613"/>
      <c r="NIW687" s="613"/>
      <c r="NIX687" s="613"/>
      <c r="NIY687" s="613"/>
      <c r="NIZ687" s="613"/>
      <c r="NJA687" s="613"/>
      <c r="NJB687" s="613"/>
      <c r="NJC687" s="613"/>
      <c r="NJD687" s="613"/>
      <c r="NJE687" s="613"/>
      <c r="NJF687" s="613"/>
      <c r="NJG687" s="613"/>
      <c r="NJH687" s="613"/>
      <c r="NJI687" s="613"/>
      <c r="NJJ687" s="613"/>
      <c r="NJK687" s="613"/>
      <c r="NJL687" s="613"/>
      <c r="NJM687" s="613"/>
      <c r="NJN687" s="613"/>
      <c r="NJO687" s="613"/>
      <c r="NJP687" s="613"/>
      <c r="NJQ687" s="613"/>
      <c r="NJR687" s="613"/>
      <c r="NJS687" s="613"/>
      <c r="NJT687" s="613"/>
      <c r="NJU687" s="613"/>
      <c r="NJV687" s="613"/>
      <c r="NJW687" s="613"/>
      <c r="NJX687" s="613"/>
      <c r="NJY687" s="613"/>
      <c r="NJZ687" s="613"/>
      <c r="NKA687" s="613"/>
      <c r="NKB687" s="613"/>
      <c r="NKC687" s="613"/>
      <c r="NKD687" s="613"/>
      <c r="NKE687" s="613"/>
      <c r="NKF687" s="613"/>
      <c r="NKG687" s="613"/>
      <c r="NKH687" s="613"/>
      <c r="NKI687" s="613"/>
      <c r="NKJ687" s="613"/>
      <c r="NKK687" s="613"/>
      <c r="NKL687" s="613"/>
      <c r="NKM687" s="613"/>
      <c r="NKN687" s="613"/>
      <c r="NKO687" s="613"/>
      <c r="NKP687" s="613"/>
      <c r="NKQ687" s="613"/>
      <c r="NKR687" s="613"/>
      <c r="NKS687" s="613"/>
      <c r="NKT687" s="613"/>
      <c r="NKU687" s="613"/>
      <c r="NKV687" s="613"/>
      <c r="NKW687" s="613"/>
      <c r="NKX687" s="613"/>
      <c r="NKY687" s="613"/>
      <c r="NKZ687" s="613"/>
      <c r="NLA687" s="613"/>
      <c r="NLB687" s="613"/>
      <c r="NLC687" s="613"/>
      <c r="NLD687" s="613"/>
      <c r="NLE687" s="613"/>
      <c r="NLF687" s="613"/>
      <c r="NLG687" s="613"/>
      <c r="NLH687" s="613"/>
      <c r="NLI687" s="613"/>
      <c r="NLJ687" s="613"/>
      <c r="NLK687" s="613"/>
      <c r="NLL687" s="613"/>
      <c r="NLM687" s="613"/>
      <c r="NLN687" s="613"/>
      <c r="NLO687" s="613"/>
      <c r="NLP687" s="613"/>
      <c r="NLQ687" s="613"/>
      <c r="NLR687" s="613"/>
      <c r="NLS687" s="613"/>
      <c r="NLT687" s="613"/>
      <c r="NLU687" s="613"/>
      <c r="NLV687" s="613"/>
      <c r="NLW687" s="613"/>
      <c r="NLX687" s="613"/>
      <c r="NLY687" s="613"/>
      <c r="NLZ687" s="613"/>
      <c r="NMA687" s="613"/>
      <c r="NMB687" s="613"/>
      <c r="NMC687" s="613"/>
      <c r="NMD687" s="613"/>
      <c r="NME687" s="613"/>
      <c r="NMF687" s="613"/>
      <c r="NMG687" s="613"/>
      <c r="NMH687" s="613"/>
      <c r="NMI687" s="613"/>
      <c r="NMJ687" s="613"/>
      <c r="NMK687" s="613"/>
      <c r="NML687" s="613"/>
      <c r="NMM687" s="613"/>
      <c r="NMN687" s="613"/>
      <c r="NMO687" s="613"/>
      <c r="NMP687" s="613"/>
      <c r="NMQ687" s="613"/>
      <c r="NMR687" s="613"/>
      <c r="NMS687" s="613"/>
      <c r="NMT687" s="613"/>
      <c r="NMU687" s="613"/>
      <c r="NMV687" s="613"/>
      <c r="NMW687" s="613"/>
      <c r="NMX687" s="613"/>
      <c r="NMY687" s="613"/>
      <c r="NMZ687" s="613"/>
      <c r="NNA687" s="613"/>
      <c r="NNB687" s="613"/>
      <c r="NNC687" s="613"/>
      <c r="NND687" s="613"/>
      <c r="NNE687" s="613"/>
      <c r="NNF687" s="613"/>
      <c r="NNG687" s="613"/>
      <c r="NNH687" s="613"/>
      <c r="NNI687" s="613"/>
      <c r="NNJ687" s="613"/>
      <c r="NNK687" s="613"/>
      <c r="NNL687" s="613"/>
      <c r="NNM687" s="613"/>
      <c r="NNN687" s="613"/>
      <c r="NNO687" s="613"/>
      <c r="NNP687" s="613"/>
      <c r="NNQ687" s="613"/>
      <c r="NNR687" s="613"/>
      <c r="NNS687" s="613"/>
      <c r="NNT687" s="613"/>
      <c r="NNU687" s="613"/>
      <c r="NNV687" s="613"/>
      <c r="NNW687" s="613"/>
      <c r="NNX687" s="613"/>
      <c r="NNY687" s="613"/>
      <c r="NNZ687" s="613"/>
      <c r="NOA687" s="613"/>
      <c r="NOB687" s="613"/>
      <c r="NOC687" s="613"/>
      <c r="NOD687" s="613"/>
      <c r="NOE687" s="613"/>
      <c r="NOF687" s="613"/>
      <c r="NOG687" s="613"/>
      <c r="NOH687" s="613"/>
      <c r="NOI687" s="613"/>
      <c r="NOJ687" s="613"/>
      <c r="NOK687" s="613"/>
      <c r="NOL687" s="613"/>
      <c r="NOM687" s="613"/>
      <c r="NON687" s="613"/>
      <c r="NOO687" s="613"/>
      <c r="NOP687" s="613"/>
      <c r="NOQ687" s="613"/>
      <c r="NOR687" s="613"/>
      <c r="NOS687" s="613"/>
      <c r="NOT687" s="613"/>
      <c r="NOU687" s="613"/>
      <c r="NOV687" s="613"/>
      <c r="NOW687" s="613"/>
      <c r="NOX687" s="613"/>
      <c r="NOY687" s="613"/>
      <c r="NOZ687" s="613"/>
      <c r="NPA687" s="613"/>
      <c r="NPB687" s="613"/>
      <c r="NPC687" s="613"/>
      <c r="NPD687" s="613"/>
      <c r="NPE687" s="613"/>
      <c r="NPF687" s="613"/>
      <c r="NPG687" s="613"/>
      <c r="NPH687" s="613"/>
      <c r="NPI687" s="613"/>
      <c r="NPJ687" s="613"/>
      <c r="NPK687" s="613"/>
      <c r="NPL687" s="613"/>
      <c r="NPM687" s="613"/>
      <c r="NPN687" s="613"/>
      <c r="NPO687" s="613"/>
      <c r="NPP687" s="613"/>
      <c r="NPQ687" s="613"/>
      <c r="NPR687" s="613"/>
      <c r="NPS687" s="613"/>
      <c r="NPT687" s="613"/>
      <c r="NPU687" s="613"/>
      <c r="NPV687" s="613"/>
      <c r="NPW687" s="613"/>
      <c r="NPX687" s="613"/>
      <c r="NPY687" s="613"/>
      <c r="NPZ687" s="613"/>
      <c r="NQA687" s="613"/>
      <c r="NQB687" s="613"/>
      <c r="NQC687" s="613"/>
      <c r="NQD687" s="613"/>
      <c r="NQE687" s="613"/>
      <c r="NQF687" s="613"/>
      <c r="NQG687" s="613"/>
      <c r="NQH687" s="613"/>
      <c r="NQI687" s="613"/>
      <c r="NQJ687" s="613"/>
      <c r="NQK687" s="613"/>
      <c r="NQL687" s="613"/>
      <c r="NQM687" s="613"/>
      <c r="NQN687" s="613"/>
      <c r="NQO687" s="613"/>
      <c r="NQP687" s="613"/>
      <c r="NQQ687" s="613"/>
      <c r="NQR687" s="613"/>
      <c r="NQS687" s="613"/>
      <c r="NQT687" s="613"/>
      <c r="NQU687" s="613"/>
      <c r="NQV687" s="613"/>
      <c r="NQW687" s="613"/>
      <c r="NQX687" s="613"/>
      <c r="NQY687" s="613"/>
      <c r="NQZ687" s="613"/>
      <c r="NRA687" s="613"/>
      <c r="NRB687" s="613"/>
      <c r="NRC687" s="613"/>
      <c r="NRD687" s="613"/>
      <c r="NRE687" s="613"/>
      <c r="NRF687" s="613"/>
      <c r="NRG687" s="613"/>
      <c r="NRH687" s="613"/>
      <c r="NRI687" s="613"/>
      <c r="NRJ687" s="613"/>
      <c r="NRK687" s="613"/>
      <c r="NRL687" s="613"/>
      <c r="NRM687" s="613"/>
      <c r="NRN687" s="613"/>
      <c r="NRO687" s="613"/>
      <c r="NRP687" s="613"/>
      <c r="NRQ687" s="613"/>
      <c r="NRR687" s="613"/>
      <c r="NRS687" s="613"/>
      <c r="NRT687" s="613"/>
      <c r="NRU687" s="613"/>
      <c r="NRV687" s="613"/>
      <c r="NRW687" s="613"/>
      <c r="NRX687" s="613"/>
      <c r="NRY687" s="613"/>
      <c r="NRZ687" s="613"/>
      <c r="NSA687" s="613"/>
      <c r="NSB687" s="613"/>
      <c r="NSC687" s="613"/>
      <c r="NSD687" s="613"/>
      <c r="NSE687" s="613"/>
      <c r="NSF687" s="613"/>
      <c r="NSG687" s="613"/>
      <c r="NSH687" s="613"/>
      <c r="NSI687" s="613"/>
      <c r="NSJ687" s="613"/>
      <c r="NSK687" s="613"/>
      <c r="NSL687" s="613"/>
      <c r="NSM687" s="613"/>
      <c r="NSN687" s="613"/>
      <c r="NSO687" s="613"/>
      <c r="NSP687" s="613"/>
      <c r="NSQ687" s="613"/>
      <c r="NSR687" s="613"/>
      <c r="NSS687" s="613"/>
      <c r="NST687" s="613"/>
      <c r="NSU687" s="613"/>
      <c r="NSV687" s="613"/>
      <c r="NSW687" s="613"/>
      <c r="NSX687" s="613"/>
      <c r="NSY687" s="613"/>
      <c r="NSZ687" s="613"/>
      <c r="NTA687" s="613"/>
      <c r="NTB687" s="613"/>
      <c r="NTC687" s="613"/>
      <c r="NTD687" s="613"/>
      <c r="NTE687" s="613"/>
      <c r="NTF687" s="613"/>
      <c r="NTG687" s="613"/>
      <c r="NTH687" s="613"/>
      <c r="NTI687" s="613"/>
      <c r="NTJ687" s="613"/>
      <c r="NTK687" s="613"/>
      <c r="NTL687" s="613"/>
      <c r="NTM687" s="613"/>
      <c r="NTN687" s="613"/>
      <c r="NTO687" s="613"/>
      <c r="NTP687" s="613"/>
      <c r="NTQ687" s="613"/>
      <c r="NTR687" s="613"/>
      <c r="NTS687" s="613"/>
      <c r="NTT687" s="613"/>
      <c r="NTU687" s="613"/>
      <c r="NTV687" s="613"/>
      <c r="NTW687" s="613"/>
      <c r="NTX687" s="613"/>
      <c r="NTY687" s="613"/>
      <c r="NTZ687" s="613"/>
      <c r="NUA687" s="613"/>
      <c r="NUB687" s="613"/>
      <c r="NUC687" s="613"/>
      <c r="NUD687" s="613"/>
      <c r="NUE687" s="613"/>
      <c r="NUF687" s="613"/>
      <c r="NUG687" s="613"/>
      <c r="NUH687" s="613"/>
      <c r="NUI687" s="613"/>
      <c r="NUJ687" s="613"/>
      <c r="NUK687" s="613"/>
      <c r="NUL687" s="613"/>
      <c r="NUM687" s="613"/>
      <c r="NUN687" s="613"/>
      <c r="NUO687" s="613"/>
      <c r="NUP687" s="613"/>
      <c r="NUQ687" s="613"/>
      <c r="NUR687" s="613"/>
      <c r="NUS687" s="613"/>
      <c r="NUT687" s="613"/>
      <c r="NUU687" s="613"/>
      <c r="NUV687" s="613"/>
      <c r="NUW687" s="613"/>
      <c r="NUX687" s="613"/>
      <c r="NUY687" s="613"/>
      <c r="NUZ687" s="613"/>
      <c r="NVA687" s="613"/>
      <c r="NVB687" s="613"/>
      <c r="NVC687" s="613"/>
      <c r="NVD687" s="613"/>
      <c r="NVE687" s="613"/>
      <c r="NVF687" s="613"/>
      <c r="NVG687" s="613"/>
      <c r="NVH687" s="613"/>
      <c r="NVI687" s="613"/>
      <c r="NVJ687" s="613"/>
      <c r="NVK687" s="613"/>
      <c r="NVL687" s="613"/>
      <c r="NVM687" s="613"/>
      <c r="NVN687" s="613"/>
      <c r="NVO687" s="613"/>
      <c r="NVP687" s="613"/>
      <c r="NVQ687" s="613"/>
      <c r="NVR687" s="613"/>
      <c r="NVS687" s="613"/>
      <c r="NVT687" s="613"/>
      <c r="NVU687" s="613"/>
      <c r="NVV687" s="613"/>
      <c r="NVW687" s="613"/>
      <c r="NVX687" s="613"/>
      <c r="NVY687" s="613"/>
      <c r="NVZ687" s="613"/>
      <c r="NWA687" s="613"/>
      <c r="NWB687" s="613"/>
      <c r="NWC687" s="613"/>
      <c r="NWD687" s="613"/>
      <c r="NWE687" s="613"/>
      <c r="NWF687" s="613"/>
      <c r="NWG687" s="613"/>
      <c r="NWH687" s="613"/>
      <c r="NWI687" s="613"/>
      <c r="NWJ687" s="613"/>
      <c r="NWK687" s="613"/>
      <c r="NWL687" s="613"/>
      <c r="NWM687" s="613"/>
      <c r="NWN687" s="613"/>
      <c r="NWO687" s="613"/>
      <c r="NWP687" s="613"/>
      <c r="NWQ687" s="613"/>
      <c r="NWR687" s="613"/>
      <c r="NWS687" s="613"/>
      <c r="NWT687" s="613"/>
      <c r="NWU687" s="613"/>
      <c r="NWV687" s="613"/>
      <c r="NWW687" s="613"/>
      <c r="NWX687" s="613"/>
      <c r="NWY687" s="613"/>
      <c r="NWZ687" s="613"/>
      <c r="NXA687" s="613"/>
      <c r="NXB687" s="613"/>
      <c r="NXC687" s="613"/>
      <c r="NXD687" s="613"/>
      <c r="NXE687" s="613"/>
      <c r="NXF687" s="613"/>
      <c r="NXG687" s="613"/>
      <c r="NXH687" s="613"/>
      <c r="NXI687" s="613"/>
      <c r="NXJ687" s="613"/>
      <c r="NXK687" s="613"/>
      <c r="NXL687" s="613"/>
      <c r="NXM687" s="613"/>
      <c r="NXN687" s="613"/>
      <c r="NXO687" s="613"/>
      <c r="NXP687" s="613"/>
      <c r="NXQ687" s="613"/>
      <c r="NXR687" s="613"/>
      <c r="NXS687" s="613"/>
      <c r="NXT687" s="613"/>
      <c r="NXU687" s="613"/>
      <c r="NXV687" s="613"/>
      <c r="NXW687" s="613"/>
      <c r="NXX687" s="613"/>
      <c r="NXY687" s="613"/>
      <c r="NXZ687" s="613"/>
      <c r="NYA687" s="613"/>
      <c r="NYB687" s="613"/>
      <c r="NYC687" s="613"/>
      <c r="NYD687" s="613"/>
      <c r="NYE687" s="613"/>
      <c r="NYF687" s="613"/>
      <c r="NYG687" s="613"/>
      <c r="NYH687" s="613"/>
      <c r="NYI687" s="613"/>
      <c r="NYJ687" s="613"/>
      <c r="NYK687" s="613"/>
      <c r="NYL687" s="613"/>
      <c r="NYM687" s="613"/>
      <c r="NYN687" s="613"/>
      <c r="NYO687" s="613"/>
      <c r="NYP687" s="613"/>
      <c r="NYQ687" s="613"/>
      <c r="NYR687" s="613"/>
      <c r="NYS687" s="613"/>
      <c r="NYT687" s="613"/>
      <c r="NYU687" s="613"/>
      <c r="NYV687" s="613"/>
      <c r="NYW687" s="613"/>
      <c r="NYX687" s="613"/>
      <c r="NYY687" s="613"/>
      <c r="NYZ687" s="613"/>
      <c r="NZA687" s="613"/>
      <c r="NZB687" s="613"/>
      <c r="NZC687" s="613"/>
      <c r="NZD687" s="613"/>
      <c r="NZE687" s="613"/>
      <c r="NZF687" s="613"/>
      <c r="NZG687" s="613"/>
      <c r="NZH687" s="613"/>
      <c r="NZI687" s="613"/>
      <c r="NZJ687" s="613"/>
      <c r="NZK687" s="613"/>
      <c r="NZL687" s="613"/>
      <c r="NZM687" s="613"/>
      <c r="NZN687" s="613"/>
      <c r="NZO687" s="613"/>
      <c r="NZP687" s="613"/>
      <c r="NZQ687" s="613"/>
      <c r="NZR687" s="613"/>
      <c r="NZS687" s="613"/>
      <c r="NZT687" s="613"/>
      <c r="NZU687" s="613"/>
      <c r="NZV687" s="613"/>
      <c r="NZW687" s="613"/>
      <c r="NZX687" s="613"/>
      <c r="NZY687" s="613"/>
      <c r="NZZ687" s="613"/>
      <c r="OAA687" s="613"/>
      <c r="OAB687" s="613"/>
      <c r="OAC687" s="613"/>
      <c r="OAD687" s="613"/>
      <c r="OAE687" s="613"/>
      <c r="OAF687" s="613"/>
      <c r="OAG687" s="613"/>
      <c r="OAH687" s="613"/>
      <c r="OAI687" s="613"/>
      <c r="OAJ687" s="613"/>
      <c r="OAK687" s="613"/>
      <c r="OAL687" s="613"/>
      <c r="OAM687" s="613"/>
      <c r="OAN687" s="613"/>
      <c r="OAO687" s="613"/>
      <c r="OAP687" s="613"/>
      <c r="OAQ687" s="613"/>
      <c r="OAR687" s="613"/>
      <c r="OAS687" s="613"/>
      <c r="OAT687" s="613"/>
      <c r="OAU687" s="613"/>
      <c r="OAV687" s="613"/>
      <c r="OAW687" s="613"/>
      <c r="OAX687" s="613"/>
      <c r="OAY687" s="613"/>
      <c r="OAZ687" s="613"/>
      <c r="OBA687" s="613"/>
      <c r="OBB687" s="613"/>
      <c r="OBC687" s="613"/>
      <c r="OBD687" s="613"/>
      <c r="OBE687" s="613"/>
      <c r="OBF687" s="613"/>
      <c r="OBG687" s="613"/>
      <c r="OBH687" s="613"/>
      <c r="OBI687" s="613"/>
      <c r="OBJ687" s="613"/>
      <c r="OBK687" s="613"/>
      <c r="OBL687" s="613"/>
      <c r="OBM687" s="613"/>
      <c r="OBN687" s="613"/>
      <c r="OBO687" s="613"/>
      <c r="OBP687" s="613"/>
      <c r="OBQ687" s="613"/>
      <c r="OBR687" s="613"/>
      <c r="OBS687" s="613"/>
      <c r="OBT687" s="613"/>
      <c r="OBU687" s="613"/>
      <c r="OBV687" s="613"/>
      <c r="OBW687" s="613"/>
      <c r="OBX687" s="613"/>
      <c r="OBY687" s="613"/>
      <c r="OBZ687" s="613"/>
      <c r="OCA687" s="613"/>
      <c r="OCB687" s="613"/>
      <c r="OCC687" s="613"/>
      <c r="OCD687" s="613"/>
      <c r="OCE687" s="613"/>
      <c r="OCF687" s="613"/>
      <c r="OCG687" s="613"/>
      <c r="OCH687" s="613"/>
      <c r="OCI687" s="613"/>
      <c r="OCJ687" s="613"/>
      <c r="OCK687" s="613"/>
      <c r="OCL687" s="613"/>
      <c r="OCM687" s="613"/>
      <c r="OCN687" s="613"/>
      <c r="OCO687" s="613"/>
      <c r="OCP687" s="613"/>
      <c r="OCQ687" s="613"/>
      <c r="OCR687" s="613"/>
      <c r="OCS687" s="613"/>
      <c r="OCT687" s="613"/>
      <c r="OCU687" s="613"/>
      <c r="OCV687" s="613"/>
      <c r="OCW687" s="613"/>
      <c r="OCX687" s="613"/>
      <c r="OCY687" s="613"/>
      <c r="OCZ687" s="613"/>
      <c r="ODA687" s="613"/>
      <c r="ODB687" s="613"/>
      <c r="ODC687" s="613"/>
      <c r="ODD687" s="613"/>
      <c r="ODE687" s="613"/>
      <c r="ODF687" s="613"/>
      <c r="ODG687" s="613"/>
      <c r="ODH687" s="613"/>
      <c r="ODI687" s="613"/>
      <c r="ODJ687" s="613"/>
      <c r="ODK687" s="613"/>
      <c r="ODL687" s="613"/>
      <c r="ODM687" s="613"/>
      <c r="ODN687" s="613"/>
      <c r="ODO687" s="613"/>
      <c r="ODP687" s="613"/>
      <c r="ODQ687" s="613"/>
      <c r="ODR687" s="613"/>
      <c r="ODS687" s="613"/>
      <c r="ODT687" s="613"/>
      <c r="ODU687" s="613"/>
      <c r="ODV687" s="613"/>
      <c r="ODW687" s="613"/>
      <c r="ODX687" s="613"/>
      <c r="ODY687" s="613"/>
      <c r="ODZ687" s="613"/>
      <c r="OEA687" s="613"/>
      <c r="OEB687" s="613"/>
      <c r="OEC687" s="613"/>
      <c r="OED687" s="613"/>
      <c r="OEE687" s="613"/>
      <c r="OEF687" s="613"/>
      <c r="OEG687" s="613"/>
      <c r="OEH687" s="613"/>
      <c r="OEI687" s="613"/>
      <c r="OEJ687" s="613"/>
      <c r="OEK687" s="613"/>
      <c r="OEL687" s="613"/>
      <c r="OEM687" s="613"/>
      <c r="OEN687" s="613"/>
      <c r="OEO687" s="613"/>
      <c r="OEP687" s="613"/>
      <c r="OEQ687" s="613"/>
      <c r="OER687" s="613"/>
      <c r="OES687" s="613"/>
      <c r="OET687" s="613"/>
      <c r="OEU687" s="613"/>
      <c r="OEV687" s="613"/>
      <c r="OEW687" s="613"/>
      <c r="OEX687" s="613"/>
      <c r="OEY687" s="613"/>
      <c r="OEZ687" s="613"/>
      <c r="OFA687" s="613"/>
      <c r="OFB687" s="613"/>
      <c r="OFC687" s="613"/>
      <c r="OFD687" s="613"/>
      <c r="OFE687" s="613"/>
      <c r="OFF687" s="613"/>
      <c r="OFG687" s="613"/>
      <c r="OFH687" s="613"/>
      <c r="OFI687" s="613"/>
      <c r="OFJ687" s="613"/>
      <c r="OFK687" s="613"/>
      <c r="OFL687" s="613"/>
      <c r="OFM687" s="613"/>
      <c r="OFN687" s="613"/>
      <c r="OFO687" s="613"/>
      <c r="OFP687" s="613"/>
      <c r="OFQ687" s="613"/>
      <c r="OFR687" s="613"/>
      <c r="OFS687" s="613"/>
      <c r="OFT687" s="613"/>
      <c r="OFU687" s="613"/>
      <c r="OFV687" s="613"/>
      <c r="OFW687" s="613"/>
      <c r="OFX687" s="613"/>
      <c r="OFY687" s="613"/>
      <c r="OFZ687" s="613"/>
      <c r="OGA687" s="613"/>
      <c r="OGB687" s="613"/>
      <c r="OGC687" s="613"/>
      <c r="OGD687" s="613"/>
      <c r="OGE687" s="613"/>
      <c r="OGF687" s="613"/>
      <c r="OGG687" s="613"/>
      <c r="OGH687" s="613"/>
      <c r="OGI687" s="613"/>
      <c r="OGJ687" s="613"/>
      <c r="OGK687" s="613"/>
      <c r="OGL687" s="613"/>
      <c r="OGM687" s="613"/>
      <c r="OGN687" s="613"/>
      <c r="OGO687" s="613"/>
      <c r="OGP687" s="613"/>
      <c r="OGQ687" s="613"/>
      <c r="OGR687" s="613"/>
      <c r="OGS687" s="613"/>
      <c r="OGT687" s="613"/>
      <c r="OGU687" s="613"/>
      <c r="OGV687" s="613"/>
      <c r="OGW687" s="613"/>
      <c r="OGX687" s="613"/>
      <c r="OGY687" s="613"/>
      <c r="OGZ687" s="613"/>
      <c r="OHA687" s="613"/>
      <c r="OHB687" s="613"/>
      <c r="OHC687" s="613"/>
      <c r="OHD687" s="613"/>
      <c r="OHE687" s="613"/>
      <c r="OHF687" s="613"/>
      <c r="OHG687" s="613"/>
      <c r="OHH687" s="613"/>
      <c r="OHI687" s="613"/>
      <c r="OHJ687" s="613"/>
      <c r="OHK687" s="613"/>
      <c r="OHL687" s="613"/>
      <c r="OHM687" s="613"/>
      <c r="OHN687" s="613"/>
      <c r="OHO687" s="613"/>
      <c r="OHP687" s="613"/>
      <c r="OHQ687" s="613"/>
      <c r="OHR687" s="613"/>
      <c r="OHS687" s="613"/>
      <c r="OHT687" s="613"/>
      <c r="OHU687" s="613"/>
      <c r="OHV687" s="613"/>
      <c r="OHW687" s="613"/>
      <c r="OHX687" s="613"/>
      <c r="OHY687" s="613"/>
      <c r="OHZ687" s="613"/>
      <c r="OIA687" s="613"/>
      <c r="OIB687" s="613"/>
      <c r="OIC687" s="613"/>
      <c r="OID687" s="613"/>
      <c r="OIE687" s="613"/>
      <c r="OIF687" s="613"/>
      <c r="OIG687" s="613"/>
      <c r="OIH687" s="613"/>
      <c r="OII687" s="613"/>
      <c r="OIJ687" s="613"/>
      <c r="OIK687" s="613"/>
      <c r="OIL687" s="613"/>
      <c r="OIM687" s="613"/>
      <c r="OIN687" s="613"/>
      <c r="OIO687" s="613"/>
      <c r="OIP687" s="613"/>
      <c r="OIQ687" s="613"/>
      <c r="OIR687" s="613"/>
      <c r="OIS687" s="613"/>
      <c r="OIT687" s="613"/>
      <c r="OIU687" s="613"/>
      <c r="OIV687" s="613"/>
      <c r="OIW687" s="613"/>
      <c r="OIX687" s="613"/>
      <c r="OIY687" s="613"/>
      <c r="OIZ687" s="613"/>
      <c r="OJA687" s="613"/>
      <c r="OJB687" s="613"/>
      <c r="OJC687" s="613"/>
      <c r="OJD687" s="613"/>
      <c r="OJE687" s="613"/>
      <c r="OJF687" s="613"/>
      <c r="OJG687" s="613"/>
      <c r="OJH687" s="613"/>
      <c r="OJI687" s="613"/>
      <c r="OJJ687" s="613"/>
      <c r="OJK687" s="613"/>
      <c r="OJL687" s="613"/>
      <c r="OJM687" s="613"/>
      <c r="OJN687" s="613"/>
      <c r="OJO687" s="613"/>
      <c r="OJP687" s="613"/>
      <c r="OJQ687" s="613"/>
      <c r="OJR687" s="613"/>
      <c r="OJS687" s="613"/>
      <c r="OJT687" s="613"/>
      <c r="OJU687" s="613"/>
      <c r="OJV687" s="613"/>
      <c r="OJW687" s="613"/>
      <c r="OJX687" s="613"/>
      <c r="OJY687" s="613"/>
      <c r="OJZ687" s="613"/>
      <c r="OKA687" s="613"/>
      <c r="OKB687" s="613"/>
      <c r="OKC687" s="613"/>
      <c r="OKD687" s="613"/>
      <c r="OKE687" s="613"/>
      <c r="OKF687" s="613"/>
      <c r="OKG687" s="613"/>
      <c r="OKH687" s="613"/>
      <c r="OKI687" s="613"/>
      <c r="OKJ687" s="613"/>
      <c r="OKK687" s="613"/>
      <c r="OKL687" s="613"/>
      <c r="OKM687" s="613"/>
      <c r="OKN687" s="613"/>
      <c r="OKO687" s="613"/>
      <c r="OKP687" s="613"/>
      <c r="OKQ687" s="613"/>
      <c r="OKR687" s="613"/>
      <c r="OKS687" s="613"/>
      <c r="OKT687" s="613"/>
      <c r="OKU687" s="613"/>
      <c r="OKV687" s="613"/>
      <c r="OKW687" s="613"/>
      <c r="OKX687" s="613"/>
      <c r="OKY687" s="613"/>
      <c r="OKZ687" s="613"/>
      <c r="OLA687" s="613"/>
      <c r="OLB687" s="613"/>
      <c r="OLC687" s="613"/>
      <c r="OLD687" s="613"/>
      <c r="OLE687" s="613"/>
      <c r="OLF687" s="613"/>
      <c r="OLG687" s="613"/>
      <c r="OLH687" s="613"/>
      <c r="OLI687" s="613"/>
      <c r="OLJ687" s="613"/>
      <c r="OLK687" s="613"/>
      <c r="OLL687" s="613"/>
      <c r="OLM687" s="613"/>
      <c r="OLN687" s="613"/>
      <c r="OLO687" s="613"/>
      <c r="OLP687" s="613"/>
      <c r="OLQ687" s="613"/>
      <c r="OLR687" s="613"/>
      <c r="OLS687" s="613"/>
      <c r="OLT687" s="613"/>
      <c r="OLU687" s="613"/>
      <c r="OLV687" s="613"/>
      <c r="OLW687" s="613"/>
      <c r="OLX687" s="613"/>
      <c r="OLY687" s="613"/>
      <c r="OLZ687" s="613"/>
      <c r="OMA687" s="613"/>
      <c r="OMB687" s="613"/>
      <c r="OMC687" s="613"/>
      <c r="OMD687" s="613"/>
      <c r="OME687" s="613"/>
      <c r="OMF687" s="613"/>
      <c r="OMG687" s="613"/>
      <c r="OMH687" s="613"/>
      <c r="OMI687" s="613"/>
      <c r="OMJ687" s="613"/>
      <c r="OMK687" s="613"/>
      <c r="OML687" s="613"/>
      <c r="OMM687" s="613"/>
      <c r="OMN687" s="613"/>
      <c r="OMO687" s="613"/>
      <c r="OMP687" s="613"/>
      <c r="OMQ687" s="613"/>
      <c r="OMR687" s="613"/>
      <c r="OMS687" s="613"/>
      <c r="OMT687" s="613"/>
      <c r="OMU687" s="613"/>
      <c r="OMV687" s="613"/>
      <c r="OMW687" s="613"/>
      <c r="OMX687" s="613"/>
      <c r="OMY687" s="613"/>
      <c r="OMZ687" s="613"/>
      <c r="ONA687" s="613"/>
      <c r="ONB687" s="613"/>
      <c r="ONC687" s="613"/>
      <c r="OND687" s="613"/>
      <c r="ONE687" s="613"/>
      <c r="ONF687" s="613"/>
      <c r="ONG687" s="613"/>
      <c r="ONH687" s="613"/>
      <c r="ONI687" s="613"/>
      <c r="ONJ687" s="613"/>
      <c r="ONK687" s="613"/>
      <c r="ONL687" s="613"/>
      <c r="ONM687" s="613"/>
      <c r="ONN687" s="613"/>
      <c r="ONO687" s="613"/>
      <c r="ONP687" s="613"/>
      <c r="ONQ687" s="613"/>
      <c r="ONR687" s="613"/>
      <c r="ONS687" s="613"/>
      <c r="ONT687" s="613"/>
      <c r="ONU687" s="613"/>
      <c r="ONV687" s="613"/>
      <c r="ONW687" s="613"/>
      <c r="ONX687" s="613"/>
      <c r="ONY687" s="613"/>
      <c r="ONZ687" s="613"/>
      <c r="OOA687" s="613"/>
      <c r="OOB687" s="613"/>
      <c r="OOC687" s="613"/>
      <c r="OOD687" s="613"/>
      <c r="OOE687" s="613"/>
      <c r="OOF687" s="613"/>
      <c r="OOG687" s="613"/>
      <c r="OOH687" s="613"/>
      <c r="OOI687" s="613"/>
      <c r="OOJ687" s="613"/>
      <c r="OOK687" s="613"/>
      <c r="OOL687" s="613"/>
      <c r="OOM687" s="613"/>
      <c r="OON687" s="613"/>
      <c r="OOO687" s="613"/>
      <c r="OOP687" s="613"/>
      <c r="OOQ687" s="613"/>
      <c r="OOR687" s="613"/>
      <c r="OOS687" s="613"/>
      <c r="OOT687" s="613"/>
      <c r="OOU687" s="613"/>
      <c r="OOV687" s="613"/>
      <c r="OOW687" s="613"/>
      <c r="OOX687" s="613"/>
      <c r="OOY687" s="613"/>
      <c r="OOZ687" s="613"/>
      <c r="OPA687" s="613"/>
      <c r="OPB687" s="613"/>
      <c r="OPC687" s="613"/>
      <c r="OPD687" s="613"/>
      <c r="OPE687" s="613"/>
      <c r="OPF687" s="613"/>
      <c r="OPG687" s="613"/>
      <c r="OPH687" s="613"/>
      <c r="OPI687" s="613"/>
      <c r="OPJ687" s="613"/>
      <c r="OPK687" s="613"/>
      <c r="OPL687" s="613"/>
      <c r="OPM687" s="613"/>
      <c r="OPN687" s="613"/>
      <c r="OPO687" s="613"/>
      <c r="OPP687" s="613"/>
      <c r="OPQ687" s="613"/>
      <c r="OPR687" s="613"/>
      <c r="OPS687" s="613"/>
      <c r="OPT687" s="613"/>
      <c r="OPU687" s="613"/>
      <c r="OPV687" s="613"/>
      <c r="OPW687" s="613"/>
      <c r="OPX687" s="613"/>
      <c r="OPY687" s="613"/>
      <c r="OPZ687" s="613"/>
      <c r="OQA687" s="613"/>
      <c r="OQB687" s="613"/>
      <c r="OQC687" s="613"/>
      <c r="OQD687" s="613"/>
      <c r="OQE687" s="613"/>
      <c r="OQF687" s="613"/>
      <c r="OQG687" s="613"/>
      <c r="OQH687" s="613"/>
      <c r="OQI687" s="613"/>
      <c r="OQJ687" s="613"/>
      <c r="OQK687" s="613"/>
      <c r="OQL687" s="613"/>
      <c r="OQM687" s="613"/>
      <c r="OQN687" s="613"/>
      <c r="OQO687" s="613"/>
      <c r="OQP687" s="613"/>
      <c r="OQQ687" s="613"/>
      <c r="OQR687" s="613"/>
      <c r="OQS687" s="613"/>
      <c r="OQT687" s="613"/>
      <c r="OQU687" s="613"/>
      <c r="OQV687" s="613"/>
      <c r="OQW687" s="613"/>
      <c r="OQX687" s="613"/>
      <c r="OQY687" s="613"/>
      <c r="OQZ687" s="613"/>
      <c r="ORA687" s="613"/>
      <c r="ORB687" s="613"/>
      <c r="ORC687" s="613"/>
      <c r="ORD687" s="613"/>
      <c r="ORE687" s="613"/>
      <c r="ORF687" s="613"/>
      <c r="ORG687" s="613"/>
      <c r="ORH687" s="613"/>
      <c r="ORI687" s="613"/>
      <c r="ORJ687" s="613"/>
      <c r="ORK687" s="613"/>
      <c r="ORL687" s="613"/>
      <c r="ORM687" s="613"/>
      <c r="ORN687" s="613"/>
      <c r="ORO687" s="613"/>
      <c r="ORP687" s="613"/>
      <c r="ORQ687" s="613"/>
      <c r="ORR687" s="613"/>
      <c r="ORS687" s="613"/>
      <c r="ORT687" s="613"/>
      <c r="ORU687" s="613"/>
      <c r="ORV687" s="613"/>
      <c r="ORW687" s="613"/>
      <c r="ORX687" s="613"/>
      <c r="ORY687" s="613"/>
      <c r="ORZ687" s="613"/>
      <c r="OSA687" s="613"/>
      <c r="OSB687" s="613"/>
      <c r="OSC687" s="613"/>
      <c r="OSD687" s="613"/>
      <c r="OSE687" s="613"/>
      <c r="OSF687" s="613"/>
      <c r="OSG687" s="613"/>
      <c r="OSH687" s="613"/>
      <c r="OSI687" s="613"/>
      <c r="OSJ687" s="613"/>
      <c r="OSK687" s="613"/>
      <c r="OSL687" s="613"/>
      <c r="OSM687" s="613"/>
      <c r="OSN687" s="613"/>
      <c r="OSO687" s="613"/>
      <c r="OSP687" s="613"/>
      <c r="OSQ687" s="613"/>
      <c r="OSR687" s="613"/>
      <c r="OSS687" s="613"/>
      <c r="OST687" s="613"/>
      <c r="OSU687" s="613"/>
      <c r="OSV687" s="613"/>
      <c r="OSW687" s="613"/>
      <c r="OSX687" s="613"/>
      <c r="OSY687" s="613"/>
      <c r="OSZ687" s="613"/>
      <c r="OTA687" s="613"/>
      <c r="OTB687" s="613"/>
      <c r="OTC687" s="613"/>
      <c r="OTD687" s="613"/>
      <c r="OTE687" s="613"/>
      <c r="OTF687" s="613"/>
      <c r="OTG687" s="613"/>
      <c r="OTH687" s="613"/>
      <c r="OTI687" s="613"/>
      <c r="OTJ687" s="613"/>
      <c r="OTK687" s="613"/>
      <c r="OTL687" s="613"/>
      <c r="OTM687" s="613"/>
      <c r="OTN687" s="613"/>
      <c r="OTO687" s="613"/>
      <c r="OTP687" s="613"/>
      <c r="OTQ687" s="613"/>
      <c r="OTR687" s="613"/>
      <c r="OTS687" s="613"/>
      <c r="OTT687" s="613"/>
      <c r="OTU687" s="613"/>
      <c r="OTV687" s="613"/>
      <c r="OTW687" s="613"/>
      <c r="OTX687" s="613"/>
      <c r="OTY687" s="613"/>
      <c r="OTZ687" s="613"/>
      <c r="OUA687" s="613"/>
      <c r="OUB687" s="613"/>
      <c r="OUC687" s="613"/>
      <c r="OUD687" s="613"/>
      <c r="OUE687" s="613"/>
      <c r="OUF687" s="613"/>
      <c r="OUG687" s="613"/>
      <c r="OUH687" s="613"/>
      <c r="OUI687" s="613"/>
      <c r="OUJ687" s="613"/>
      <c r="OUK687" s="613"/>
      <c r="OUL687" s="613"/>
      <c r="OUM687" s="613"/>
      <c r="OUN687" s="613"/>
      <c r="OUO687" s="613"/>
      <c r="OUP687" s="613"/>
      <c r="OUQ687" s="613"/>
      <c r="OUR687" s="613"/>
      <c r="OUS687" s="613"/>
      <c r="OUT687" s="613"/>
      <c r="OUU687" s="613"/>
      <c r="OUV687" s="613"/>
      <c r="OUW687" s="613"/>
      <c r="OUX687" s="613"/>
      <c r="OUY687" s="613"/>
      <c r="OUZ687" s="613"/>
      <c r="OVA687" s="613"/>
      <c r="OVB687" s="613"/>
      <c r="OVC687" s="613"/>
      <c r="OVD687" s="613"/>
      <c r="OVE687" s="613"/>
      <c r="OVF687" s="613"/>
      <c r="OVG687" s="613"/>
      <c r="OVH687" s="613"/>
      <c r="OVI687" s="613"/>
      <c r="OVJ687" s="613"/>
      <c r="OVK687" s="613"/>
      <c r="OVL687" s="613"/>
      <c r="OVM687" s="613"/>
      <c r="OVN687" s="613"/>
      <c r="OVO687" s="613"/>
      <c r="OVP687" s="613"/>
      <c r="OVQ687" s="613"/>
      <c r="OVR687" s="613"/>
      <c r="OVS687" s="613"/>
      <c r="OVT687" s="613"/>
      <c r="OVU687" s="613"/>
      <c r="OVV687" s="613"/>
      <c r="OVW687" s="613"/>
      <c r="OVX687" s="613"/>
      <c r="OVY687" s="613"/>
      <c r="OVZ687" s="613"/>
      <c r="OWA687" s="613"/>
      <c r="OWB687" s="613"/>
      <c r="OWC687" s="613"/>
      <c r="OWD687" s="613"/>
      <c r="OWE687" s="613"/>
      <c r="OWF687" s="613"/>
      <c r="OWG687" s="613"/>
      <c r="OWH687" s="613"/>
      <c r="OWI687" s="613"/>
      <c r="OWJ687" s="613"/>
      <c r="OWK687" s="613"/>
      <c r="OWL687" s="613"/>
      <c r="OWM687" s="613"/>
      <c r="OWN687" s="613"/>
      <c r="OWO687" s="613"/>
      <c r="OWP687" s="613"/>
      <c r="OWQ687" s="613"/>
      <c r="OWR687" s="613"/>
      <c r="OWS687" s="613"/>
      <c r="OWT687" s="613"/>
      <c r="OWU687" s="613"/>
      <c r="OWV687" s="613"/>
      <c r="OWW687" s="613"/>
      <c r="OWX687" s="613"/>
      <c r="OWY687" s="613"/>
      <c r="OWZ687" s="613"/>
      <c r="OXA687" s="613"/>
      <c r="OXB687" s="613"/>
      <c r="OXC687" s="613"/>
      <c r="OXD687" s="613"/>
      <c r="OXE687" s="613"/>
      <c r="OXF687" s="613"/>
      <c r="OXG687" s="613"/>
      <c r="OXH687" s="613"/>
      <c r="OXI687" s="613"/>
      <c r="OXJ687" s="613"/>
      <c r="OXK687" s="613"/>
      <c r="OXL687" s="613"/>
      <c r="OXM687" s="613"/>
      <c r="OXN687" s="613"/>
      <c r="OXO687" s="613"/>
      <c r="OXP687" s="613"/>
      <c r="OXQ687" s="613"/>
      <c r="OXR687" s="613"/>
      <c r="OXS687" s="613"/>
      <c r="OXT687" s="613"/>
      <c r="OXU687" s="613"/>
      <c r="OXV687" s="613"/>
      <c r="OXW687" s="613"/>
      <c r="OXX687" s="613"/>
      <c r="OXY687" s="613"/>
      <c r="OXZ687" s="613"/>
      <c r="OYA687" s="613"/>
      <c r="OYB687" s="613"/>
      <c r="OYC687" s="613"/>
      <c r="OYD687" s="613"/>
      <c r="OYE687" s="613"/>
      <c r="OYF687" s="613"/>
      <c r="OYG687" s="613"/>
      <c r="OYH687" s="613"/>
      <c r="OYI687" s="613"/>
      <c r="OYJ687" s="613"/>
      <c r="OYK687" s="613"/>
      <c r="OYL687" s="613"/>
      <c r="OYM687" s="613"/>
      <c r="OYN687" s="613"/>
      <c r="OYO687" s="613"/>
      <c r="OYP687" s="613"/>
      <c r="OYQ687" s="613"/>
      <c r="OYR687" s="613"/>
      <c r="OYS687" s="613"/>
      <c r="OYT687" s="613"/>
      <c r="OYU687" s="613"/>
      <c r="OYV687" s="613"/>
      <c r="OYW687" s="613"/>
      <c r="OYX687" s="613"/>
      <c r="OYY687" s="613"/>
      <c r="OYZ687" s="613"/>
      <c r="OZA687" s="613"/>
      <c r="OZB687" s="613"/>
      <c r="OZC687" s="613"/>
      <c r="OZD687" s="613"/>
      <c r="OZE687" s="613"/>
      <c r="OZF687" s="613"/>
      <c r="OZG687" s="613"/>
      <c r="OZH687" s="613"/>
      <c r="OZI687" s="613"/>
      <c r="OZJ687" s="613"/>
      <c r="OZK687" s="613"/>
      <c r="OZL687" s="613"/>
      <c r="OZM687" s="613"/>
      <c r="OZN687" s="613"/>
      <c r="OZO687" s="613"/>
      <c r="OZP687" s="613"/>
      <c r="OZQ687" s="613"/>
      <c r="OZR687" s="613"/>
      <c r="OZS687" s="613"/>
      <c r="OZT687" s="613"/>
      <c r="OZU687" s="613"/>
      <c r="OZV687" s="613"/>
      <c r="OZW687" s="613"/>
      <c r="OZX687" s="613"/>
      <c r="OZY687" s="613"/>
      <c r="OZZ687" s="613"/>
      <c r="PAA687" s="613"/>
      <c r="PAB687" s="613"/>
      <c r="PAC687" s="613"/>
      <c r="PAD687" s="613"/>
      <c r="PAE687" s="613"/>
      <c r="PAF687" s="613"/>
      <c r="PAG687" s="613"/>
      <c r="PAH687" s="613"/>
      <c r="PAI687" s="613"/>
      <c r="PAJ687" s="613"/>
      <c r="PAK687" s="613"/>
      <c r="PAL687" s="613"/>
      <c r="PAM687" s="613"/>
      <c r="PAN687" s="613"/>
      <c r="PAO687" s="613"/>
      <c r="PAP687" s="613"/>
      <c r="PAQ687" s="613"/>
      <c r="PAR687" s="613"/>
      <c r="PAS687" s="613"/>
      <c r="PAT687" s="613"/>
      <c r="PAU687" s="613"/>
      <c r="PAV687" s="613"/>
      <c r="PAW687" s="613"/>
      <c r="PAX687" s="613"/>
      <c r="PAY687" s="613"/>
      <c r="PAZ687" s="613"/>
      <c r="PBA687" s="613"/>
      <c r="PBB687" s="613"/>
      <c r="PBC687" s="613"/>
      <c r="PBD687" s="613"/>
      <c r="PBE687" s="613"/>
      <c r="PBF687" s="613"/>
      <c r="PBG687" s="613"/>
      <c r="PBH687" s="613"/>
      <c r="PBI687" s="613"/>
      <c r="PBJ687" s="613"/>
      <c r="PBK687" s="613"/>
      <c r="PBL687" s="613"/>
      <c r="PBM687" s="613"/>
      <c r="PBN687" s="613"/>
      <c r="PBO687" s="613"/>
      <c r="PBP687" s="613"/>
      <c r="PBQ687" s="613"/>
      <c r="PBR687" s="613"/>
      <c r="PBS687" s="613"/>
      <c r="PBT687" s="613"/>
      <c r="PBU687" s="613"/>
      <c r="PBV687" s="613"/>
      <c r="PBW687" s="613"/>
      <c r="PBX687" s="613"/>
      <c r="PBY687" s="613"/>
      <c r="PBZ687" s="613"/>
      <c r="PCA687" s="613"/>
      <c r="PCB687" s="613"/>
      <c r="PCC687" s="613"/>
      <c r="PCD687" s="613"/>
      <c r="PCE687" s="613"/>
      <c r="PCF687" s="613"/>
      <c r="PCG687" s="613"/>
      <c r="PCH687" s="613"/>
      <c r="PCI687" s="613"/>
      <c r="PCJ687" s="613"/>
      <c r="PCK687" s="613"/>
      <c r="PCL687" s="613"/>
      <c r="PCM687" s="613"/>
      <c r="PCN687" s="613"/>
      <c r="PCO687" s="613"/>
      <c r="PCP687" s="613"/>
      <c r="PCQ687" s="613"/>
      <c r="PCR687" s="613"/>
      <c r="PCS687" s="613"/>
      <c r="PCT687" s="613"/>
      <c r="PCU687" s="613"/>
      <c r="PCV687" s="613"/>
      <c r="PCW687" s="613"/>
      <c r="PCX687" s="613"/>
      <c r="PCY687" s="613"/>
      <c r="PCZ687" s="613"/>
      <c r="PDA687" s="613"/>
      <c r="PDB687" s="613"/>
      <c r="PDC687" s="613"/>
      <c r="PDD687" s="613"/>
      <c r="PDE687" s="613"/>
      <c r="PDF687" s="613"/>
      <c r="PDG687" s="613"/>
      <c r="PDH687" s="613"/>
      <c r="PDI687" s="613"/>
      <c r="PDJ687" s="613"/>
      <c r="PDK687" s="613"/>
      <c r="PDL687" s="613"/>
      <c r="PDM687" s="613"/>
      <c r="PDN687" s="613"/>
      <c r="PDO687" s="613"/>
      <c r="PDP687" s="613"/>
      <c r="PDQ687" s="613"/>
      <c r="PDR687" s="613"/>
      <c r="PDS687" s="613"/>
      <c r="PDT687" s="613"/>
      <c r="PDU687" s="613"/>
      <c r="PDV687" s="613"/>
      <c r="PDW687" s="613"/>
      <c r="PDX687" s="613"/>
      <c r="PDY687" s="613"/>
      <c r="PDZ687" s="613"/>
      <c r="PEA687" s="613"/>
      <c r="PEB687" s="613"/>
      <c r="PEC687" s="613"/>
      <c r="PED687" s="613"/>
      <c r="PEE687" s="613"/>
      <c r="PEF687" s="613"/>
      <c r="PEG687" s="613"/>
      <c r="PEH687" s="613"/>
      <c r="PEI687" s="613"/>
      <c r="PEJ687" s="613"/>
      <c r="PEK687" s="613"/>
      <c r="PEL687" s="613"/>
      <c r="PEM687" s="613"/>
      <c r="PEN687" s="613"/>
      <c r="PEO687" s="613"/>
      <c r="PEP687" s="613"/>
      <c r="PEQ687" s="613"/>
      <c r="PER687" s="613"/>
      <c r="PES687" s="613"/>
      <c r="PET687" s="613"/>
      <c r="PEU687" s="613"/>
      <c r="PEV687" s="613"/>
      <c r="PEW687" s="613"/>
      <c r="PEX687" s="613"/>
      <c r="PEY687" s="613"/>
      <c r="PEZ687" s="613"/>
      <c r="PFA687" s="613"/>
      <c r="PFB687" s="613"/>
      <c r="PFC687" s="613"/>
      <c r="PFD687" s="613"/>
      <c r="PFE687" s="613"/>
      <c r="PFF687" s="613"/>
      <c r="PFG687" s="613"/>
      <c r="PFH687" s="613"/>
      <c r="PFI687" s="613"/>
      <c r="PFJ687" s="613"/>
      <c r="PFK687" s="613"/>
      <c r="PFL687" s="613"/>
      <c r="PFM687" s="613"/>
      <c r="PFN687" s="613"/>
      <c r="PFO687" s="613"/>
      <c r="PFP687" s="613"/>
      <c r="PFQ687" s="613"/>
      <c r="PFR687" s="613"/>
      <c r="PFS687" s="613"/>
      <c r="PFT687" s="613"/>
      <c r="PFU687" s="613"/>
      <c r="PFV687" s="613"/>
      <c r="PFW687" s="613"/>
      <c r="PFX687" s="613"/>
      <c r="PFY687" s="613"/>
      <c r="PFZ687" s="613"/>
      <c r="PGA687" s="613"/>
      <c r="PGB687" s="613"/>
      <c r="PGC687" s="613"/>
      <c r="PGD687" s="613"/>
      <c r="PGE687" s="613"/>
      <c r="PGF687" s="613"/>
      <c r="PGG687" s="613"/>
      <c r="PGH687" s="613"/>
      <c r="PGI687" s="613"/>
      <c r="PGJ687" s="613"/>
      <c r="PGK687" s="613"/>
      <c r="PGL687" s="613"/>
      <c r="PGM687" s="613"/>
      <c r="PGN687" s="613"/>
      <c r="PGO687" s="613"/>
      <c r="PGP687" s="613"/>
      <c r="PGQ687" s="613"/>
      <c r="PGR687" s="613"/>
      <c r="PGS687" s="613"/>
      <c r="PGT687" s="613"/>
      <c r="PGU687" s="613"/>
      <c r="PGV687" s="613"/>
      <c r="PGW687" s="613"/>
      <c r="PGX687" s="613"/>
      <c r="PGY687" s="613"/>
      <c r="PGZ687" s="613"/>
      <c r="PHA687" s="613"/>
      <c r="PHB687" s="613"/>
      <c r="PHC687" s="613"/>
      <c r="PHD687" s="613"/>
      <c r="PHE687" s="613"/>
      <c r="PHF687" s="613"/>
      <c r="PHG687" s="613"/>
      <c r="PHH687" s="613"/>
      <c r="PHI687" s="613"/>
      <c r="PHJ687" s="613"/>
      <c r="PHK687" s="613"/>
      <c r="PHL687" s="613"/>
      <c r="PHM687" s="613"/>
      <c r="PHN687" s="613"/>
      <c r="PHO687" s="613"/>
      <c r="PHP687" s="613"/>
      <c r="PHQ687" s="613"/>
      <c r="PHR687" s="613"/>
      <c r="PHS687" s="613"/>
      <c r="PHT687" s="613"/>
      <c r="PHU687" s="613"/>
      <c r="PHV687" s="613"/>
      <c r="PHW687" s="613"/>
      <c r="PHX687" s="613"/>
      <c r="PHY687" s="613"/>
      <c r="PHZ687" s="613"/>
      <c r="PIA687" s="613"/>
      <c r="PIB687" s="613"/>
      <c r="PIC687" s="613"/>
      <c r="PID687" s="613"/>
      <c r="PIE687" s="613"/>
      <c r="PIF687" s="613"/>
      <c r="PIG687" s="613"/>
      <c r="PIH687" s="613"/>
      <c r="PII687" s="613"/>
      <c r="PIJ687" s="613"/>
      <c r="PIK687" s="613"/>
      <c r="PIL687" s="613"/>
      <c r="PIM687" s="613"/>
      <c r="PIN687" s="613"/>
      <c r="PIO687" s="613"/>
      <c r="PIP687" s="613"/>
      <c r="PIQ687" s="613"/>
      <c r="PIR687" s="613"/>
      <c r="PIS687" s="613"/>
      <c r="PIT687" s="613"/>
      <c r="PIU687" s="613"/>
      <c r="PIV687" s="613"/>
      <c r="PIW687" s="613"/>
      <c r="PIX687" s="613"/>
      <c r="PIY687" s="613"/>
      <c r="PIZ687" s="613"/>
      <c r="PJA687" s="613"/>
      <c r="PJB687" s="613"/>
      <c r="PJC687" s="613"/>
      <c r="PJD687" s="613"/>
      <c r="PJE687" s="613"/>
      <c r="PJF687" s="613"/>
      <c r="PJG687" s="613"/>
      <c r="PJH687" s="613"/>
      <c r="PJI687" s="613"/>
      <c r="PJJ687" s="613"/>
      <c r="PJK687" s="613"/>
      <c r="PJL687" s="613"/>
      <c r="PJM687" s="613"/>
      <c r="PJN687" s="613"/>
      <c r="PJO687" s="613"/>
      <c r="PJP687" s="613"/>
      <c r="PJQ687" s="613"/>
      <c r="PJR687" s="613"/>
      <c r="PJS687" s="613"/>
      <c r="PJT687" s="613"/>
      <c r="PJU687" s="613"/>
      <c r="PJV687" s="613"/>
      <c r="PJW687" s="613"/>
      <c r="PJX687" s="613"/>
      <c r="PJY687" s="613"/>
      <c r="PJZ687" s="613"/>
      <c r="PKA687" s="613"/>
      <c r="PKB687" s="613"/>
      <c r="PKC687" s="613"/>
      <c r="PKD687" s="613"/>
      <c r="PKE687" s="613"/>
      <c r="PKF687" s="613"/>
      <c r="PKG687" s="613"/>
      <c r="PKH687" s="613"/>
      <c r="PKI687" s="613"/>
      <c r="PKJ687" s="613"/>
      <c r="PKK687" s="613"/>
      <c r="PKL687" s="613"/>
      <c r="PKM687" s="613"/>
      <c r="PKN687" s="613"/>
      <c r="PKO687" s="613"/>
      <c r="PKP687" s="613"/>
      <c r="PKQ687" s="613"/>
      <c r="PKR687" s="613"/>
      <c r="PKS687" s="613"/>
      <c r="PKT687" s="613"/>
      <c r="PKU687" s="613"/>
      <c r="PKV687" s="613"/>
      <c r="PKW687" s="613"/>
      <c r="PKX687" s="613"/>
      <c r="PKY687" s="613"/>
      <c r="PKZ687" s="613"/>
      <c r="PLA687" s="613"/>
      <c r="PLB687" s="613"/>
      <c r="PLC687" s="613"/>
      <c r="PLD687" s="613"/>
      <c r="PLE687" s="613"/>
      <c r="PLF687" s="613"/>
      <c r="PLG687" s="613"/>
      <c r="PLH687" s="613"/>
      <c r="PLI687" s="613"/>
      <c r="PLJ687" s="613"/>
      <c r="PLK687" s="613"/>
      <c r="PLL687" s="613"/>
      <c r="PLM687" s="613"/>
      <c r="PLN687" s="613"/>
      <c r="PLO687" s="613"/>
      <c r="PLP687" s="613"/>
      <c r="PLQ687" s="613"/>
      <c r="PLR687" s="613"/>
      <c r="PLS687" s="613"/>
      <c r="PLT687" s="613"/>
      <c r="PLU687" s="613"/>
      <c r="PLV687" s="613"/>
      <c r="PLW687" s="613"/>
      <c r="PLX687" s="613"/>
      <c r="PLY687" s="613"/>
      <c r="PLZ687" s="613"/>
      <c r="PMA687" s="613"/>
      <c r="PMB687" s="613"/>
      <c r="PMC687" s="613"/>
      <c r="PMD687" s="613"/>
      <c r="PME687" s="613"/>
      <c r="PMF687" s="613"/>
      <c r="PMG687" s="613"/>
      <c r="PMH687" s="613"/>
      <c r="PMI687" s="613"/>
      <c r="PMJ687" s="613"/>
      <c r="PMK687" s="613"/>
      <c r="PML687" s="613"/>
      <c r="PMM687" s="613"/>
      <c r="PMN687" s="613"/>
      <c r="PMO687" s="613"/>
      <c r="PMP687" s="613"/>
      <c r="PMQ687" s="613"/>
      <c r="PMR687" s="613"/>
      <c r="PMS687" s="613"/>
      <c r="PMT687" s="613"/>
      <c r="PMU687" s="613"/>
      <c r="PMV687" s="613"/>
      <c r="PMW687" s="613"/>
      <c r="PMX687" s="613"/>
      <c r="PMY687" s="613"/>
      <c r="PMZ687" s="613"/>
      <c r="PNA687" s="613"/>
      <c r="PNB687" s="613"/>
      <c r="PNC687" s="613"/>
      <c r="PND687" s="613"/>
      <c r="PNE687" s="613"/>
      <c r="PNF687" s="613"/>
      <c r="PNG687" s="613"/>
      <c r="PNH687" s="613"/>
      <c r="PNI687" s="613"/>
      <c r="PNJ687" s="613"/>
      <c r="PNK687" s="613"/>
      <c r="PNL687" s="613"/>
      <c r="PNM687" s="613"/>
      <c r="PNN687" s="613"/>
      <c r="PNO687" s="613"/>
      <c r="PNP687" s="613"/>
      <c r="PNQ687" s="613"/>
      <c r="PNR687" s="613"/>
      <c r="PNS687" s="613"/>
      <c r="PNT687" s="613"/>
      <c r="PNU687" s="613"/>
      <c r="PNV687" s="613"/>
      <c r="PNW687" s="613"/>
      <c r="PNX687" s="613"/>
      <c r="PNY687" s="613"/>
      <c r="PNZ687" s="613"/>
      <c r="POA687" s="613"/>
      <c r="POB687" s="613"/>
      <c r="POC687" s="613"/>
      <c r="POD687" s="613"/>
      <c r="POE687" s="613"/>
      <c r="POF687" s="613"/>
      <c r="POG687" s="613"/>
      <c r="POH687" s="613"/>
      <c r="POI687" s="613"/>
      <c r="POJ687" s="613"/>
      <c r="POK687" s="613"/>
      <c r="POL687" s="613"/>
      <c r="POM687" s="613"/>
      <c r="PON687" s="613"/>
      <c r="POO687" s="613"/>
      <c r="POP687" s="613"/>
      <c r="POQ687" s="613"/>
      <c r="POR687" s="613"/>
      <c r="POS687" s="613"/>
      <c r="POT687" s="613"/>
      <c r="POU687" s="613"/>
      <c r="POV687" s="613"/>
      <c r="POW687" s="613"/>
      <c r="POX687" s="613"/>
      <c r="POY687" s="613"/>
      <c r="POZ687" s="613"/>
      <c r="PPA687" s="613"/>
      <c r="PPB687" s="613"/>
      <c r="PPC687" s="613"/>
      <c r="PPD687" s="613"/>
      <c r="PPE687" s="613"/>
      <c r="PPF687" s="613"/>
      <c r="PPG687" s="613"/>
      <c r="PPH687" s="613"/>
      <c r="PPI687" s="613"/>
      <c r="PPJ687" s="613"/>
      <c r="PPK687" s="613"/>
      <c r="PPL687" s="613"/>
      <c r="PPM687" s="613"/>
      <c r="PPN687" s="613"/>
      <c r="PPO687" s="613"/>
      <c r="PPP687" s="613"/>
      <c r="PPQ687" s="613"/>
      <c r="PPR687" s="613"/>
      <c r="PPS687" s="613"/>
      <c r="PPT687" s="613"/>
      <c r="PPU687" s="613"/>
      <c r="PPV687" s="613"/>
      <c r="PPW687" s="613"/>
      <c r="PPX687" s="613"/>
      <c r="PPY687" s="613"/>
      <c r="PPZ687" s="613"/>
      <c r="PQA687" s="613"/>
      <c r="PQB687" s="613"/>
      <c r="PQC687" s="613"/>
      <c r="PQD687" s="613"/>
      <c r="PQE687" s="613"/>
      <c r="PQF687" s="613"/>
      <c r="PQG687" s="613"/>
      <c r="PQH687" s="613"/>
      <c r="PQI687" s="613"/>
      <c r="PQJ687" s="613"/>
      <c r="PQK687" s="613"/>
      <c r="PQL687" s="613"/>
      <c r="PQM687" s="613"/>
      <c r="PQN687" s="613"/>
      <c r="PQO687" s="613"/>
      <c r="PQP687" s="613"/>
      <c r="PQQ687" s="613"/>
      <c r="PQR687" s="613"/>
      <c r="PQS687" s="613"/>
      <c r="PQT687" s="613"/>
      <c r="PQU687" s="613"/>
      <c r="PQV687" s="613"/>
      <c r="PQW687" s="613"/>
      <c r="PQX687" s="613"/>
      <c r="PQY687" s="613"/>
      <c r="PQZ687" s="613"/>
      <c r="PRA687" s="613"/>
      <c r="PRB687" s="613"/>
      <c r="PRC687" s="613"/>
      <c r="PRD687" s="613"/>
      <c r="PRE687" s="613"/>
      <c r="PRF687" s="613"/>
      <c r="PRG687" s="613"/>
      <c r="PRH687" s="613"/>
      <c r="PRI687" s="613"/>
      <c r="PRJ687" s="613"/>
      <c r="PRK687" s="613"/>
      <c r="PRL687" s="613"/>
      <c r="PRM687" s="613"/>
      <c r="PRN687" s="613"/>
      <c r="PRO687" s="613"/>
      <c r="PRP687" s="613"/>
      <c r="PRQ687" s="613"/>
      <c r="PRR687" s="613"/>
      <c r="PRS687" s="613"/>
      <c r="PRT687" s="613"/>
      <c r="PRU687" s="613"/>
      <c r="PRV687" s="613"/>
      <c r="PRW687" s="613"/>
      <c r="PRX687" s="613"/>
      <c r="PRY687" s="613"/>
      <c r="PRZ687" s="613"/>
      <c r="PSA687" s="613"/>
      <c r="PSB687" s="613"/>
      <c r="PSC687" s="613"/>
      <c r="PSD687" s="613"/>
      <c r="PSE687" s="613"/>
      <c r="PSF687" s="613"/>
      <c r="PSG687" s="613"/>
      <c r="PSH687" s="613"/>
      <c r="PSI687" s="613"/>
      <c r="PSJ687" s="613"/>
      <c r="PSK687" s="613"/>
      <c r="PSL687" s="613"/>
      <c r="PSM687" s="613"/>
      <c r="PSN687" s="613"/>
      <c r="PSO687" s="613"/>
      <c r="PSP687" s="613"/>
      <c r="PSQ687" s="613"/>
      <c r="PSR687" s="613"/>
      <c r="PSS687" s="613"/>
      <c r="PST687" s="613"/>
      <c r="PSU687" s="613"/>
      <c r="PSV687" s="613"/>
      <c r="PSW687" s="613"/>
      <c r="PSX687" s="613"/>
      <c r="PSY687" s="613"/>
      <c r="PSZ687" s="613"/>
      <c r="PTA687" s="613"/>
      <c r="PTB687" s="613"/>
      <c r="PTC687" s="613"/>
      <c r="PTD687" s="613"/>
      <c r="PTE687" s="613"/>
      <c r="PTF687" s="613"/>
      <c r="PTG687" s="613"/>
      <c r="PTH687" s="613"/>
      <c r="PTI687" s="613"/>
      <c r="PTJ687" s="613"/>
      <c r="PTK687" s="613"/>
      <c r="PTL687" s="613"/>
      <c r="PTM687" s="613"/>
      <c r="PTN687" s="613"/>
      <c r="PTO687" s="613"/>
      <c r="PTP687" s="613"/>
      <c r="PTQ687" s="613"/>
      <c r="PTR687" s="613"/>
      <c r="PTS687" s="613"/>
      <c r="PTT687" s="613"/>
      <c r="PTU687" s="613"/>
      <c r="PTV687" s="613"/>
      <c r="PTW687" s="613"/>
      <c r="PTX687" s="613"/>
      <c r="PTY687" s="613"/>
      <c r="PTZ687" s="613"/>
      <c r="PUA687" s="613"/>
      <c r="PUB687" s="613"/>
      <c r="PUC687" s="613"/>
      <c r="PUD687" s="613"/>
      <c r="PUE687" s="613"/>
      <c r="PUF687" s="613"/>
      <c r="PUG687" s="613"/>
      <c r="PUH687" s="613"/>
      <c r="PUI687" s="613"/>
      <c r="PUJ687" s="613"/>
      <c r="PUK687" s="613"/>
      <c r="PUL687" s="613"/>
      <c r="PUM687" s="613"/>
      <c r="PUN687" s="613"/>
      <c r="PUO687" s="613"/>
      <c r="PUP687" s="613"/>
      <c r="PUQ687" s="613"/>
      <c r="PUR687" s="613"/>
      <c r="PUS687" s="613"/>
      <c r="PUT687" s="613"/>
      <c r="PUU687" s="613"/>
      <c r="PUV687" s="613"/>
      <c r="PUW687" s="613"/>
      <c r="PUX687" s="613"/>
      <c r="PUY687" s="613"/>
      <c r="PUZ687" s="613"/>
      <c r="PVA687" s="613"/>
      <c r="PVB687" s="613"/>
      <c r="PVC687" s="613"/>
      <c r="PVD687" s="613"/>
      <c r="PVE687" s="613"/>
      <c r="PVF687" s="613"/>
      <c r="PVG687" s="613"/>
      <c r="PVH687" s="613"/>
      <c r="PVI687" s="613"/>
      <c r="PVJ687" s="613"/>
      <c r="PVK687" s="613"/>
      <c r="PVL687" s="613"/>
      <c r="PVM687" s="613"/>
      <c r="PVN687" s="613"/>
      <c r="PVO687" s="613"/>
      <c r="PVP687" s="613"/>
      <c r="PVQ687" s="613"/>
      <c r="PVR687" s="613"/>
      <c r="PVS687" s="613"/>
      <c r="PVT687" s="613"/>
      <c r="PVU687" s="613"/>
      <c r="PVV687" s="613"/>
      <c r="PVW687" s="613"/>
      <c r="PVX687" s="613"/>
      <c r="PVY687" s="613"/>
      <c r="PVZ687" s="613"/>
      <c r="PWA687" s="613"/>
      <c r="PWB687" s="613"/>
      <c r="PWC687" s="613"/>
      <c r="PWD687" s="613"/>
      <c r="PWE687" s="613"/>
      <c r="PWF687" s="613"/>
      <c r="PWG687" s="613"/>
      <c r="PWH687" s="613"/>
      <c r="PWI687" s="613"/>
      <c r="PWJ687" s="613"/>
      <c r="PWK687" s="613"/>
      <c r="PWL687" s="613"/>
      <c r="PWM687" s="613"/>
      <c r="PWN687" s="613"/>
      <c r="PWO687" s="613"/>
      <c r="PWP687" s="613"/>
      <c r="PWQ687" s="613"/>
      <c r="PWR687" s="613"/>
      <c r="PWS687" s="613"/>
      <c r="PWT687" s="613"/>
      <c r="PWU687" s="613"/>
      <c r="PWV687" s="613"/>
      <c r="PWW687" s="613"/>
      <c r="PWX687" s="613"/>
      <c r="PWY687" s="613"/>
      <c r="PWZ687" s="613"/>
      <c r="PXA687" s="613"/>
      <c r="PXB687" s="613"/>
      <c r="PXC687" s="613"/>
      <c r="PXD687" s="613"/>
      <c r="PXE687" s="613"/>
      <c r="PXF687" s="613"/>
      <c r="PXG687" s="613"/>
      <c r="PXH687" s="613"/>
      <c r="PXI687" s="613"/>
      <c r="PXJ687" s="613"/>
      <c r="PXK687" s="613"/>
      <c r="PXL687" s="613"/>
      <c r="PXM687" s="613"/>
      <c r="PXN687" s="613"/>
      <c r="PXO687" s="613"/>
      <c r="PXP687" s="613"/>
      <c r="PXQ687" s="613"/>
      <c r="PXR687" s="613"/>
      <c r="PXS687" s="613"/>
      <c r="PXT687" s="613"/>
      <c r="PXU687" s="613"/>
      <c r="PXV687" s="613"/>
      <c r="PXW687" s="613"/>
      <c r="PXX687" s="613"/>
      <c r="PXY687" s="613"/>
      <c r="PXZ687" s="613"/>
      <c r="PYA687" s="613"/>
      <c r="PYB687" s="613"/>
      <c r="PYC687" s="613"/>
      <c r="PYD687" s="613"/>
      <c r="PYE687" s="613"/>
      <c r="PYF687" s="613"/>
      <c r="PYG687" s="613"/>
      <c r="PYH687" s="613"/>
      <c r="PYI687" s="613"/>
      <c r="PYJ687" s="613"/>
      <c r="PYK687" s="613"/>
      <c r="PYL687" s="613"/>
      <c r="PYM687" s="613"/>
      <c r="PYN687" s="613"/>
      <c r="PYO687" s="613"/>
      <c r="PYP687" s="613"/>
      <c r="PYQ687" s="613"/>
      <c r="PYR687" s="613"/>
      <c r="PYS687" s="613"/>
      <c r="PYT687" s="613"/>
      <c r="PYU687" s="613"/>
      <c r="PYV687" s="613"/>
      <c r="PYW687" s="613"/>
      <c r="PYX687" s="613"/>
      <c r="PYY687" s="613"/>
      <c r="PYZ687" s="613"/>
      <c r="PZA687" s="613"/>
      <c r="PZB687" s="613"/>
      <c r="PZC687" s="613"/>
      <c r="PZD687" s="613"/>
      <c r="PZE687" s="613"/>
      <c r="PZF687" s="613"/>
      <c r="PZG687" s="613"/>
      <c r="PZH687" s="613"/>
      <c r="PZI687" s="613"/>
      <c r="PZJ687" s="613"/>
      <c r="PZK687" s="613"/>
      <c r="PZL687" s="613"/>
      <c r="PZM687" s="613"/>
      <c r="PZN687" s="613"/>
      <c r="PZO687" s="613"/>
      <c r="PZP687" s="613"/>
      <c r="PZQ687" s="613"/>
      <c r="PZR687" s="613"/>
      <c r="PZS687" s="613"/>
      <c r="PZT687" s="613"/>
      <c r="PZU687" s="613"/>
      <c r="PZV687" s="613"/>
      <c r="PZW687" s="613"/>
      <c r="PZX687" s="613"/>
      <c r="PZY687" s="613"/>
      <c r="PZZ687" s="613"/>
      <c r="QAA687" s="613"/>
      <c r="QAB687" s="613"/>
      <c r="QAC687" s="613"/>
      <c r="QAD687" s="613"/>
      <c r="QAE687" s="613"/>
      <c r="QAF687" s="613"/>
      <c r="QAG687" s="613"/>
      <c r="QAH687" s="613"/>
      <c r="QAI687" s="613"/>
      <c r="QAJ687" s="613"/>
      <c r="QAK687" s="613"/>
      <c r="QAL687" s="613"/>
      <c r="QAM687" s="613"/>
      <c r="QAN687" s="613"/>
      <c r="QAO687" s="613"/>
      <c r="QAP687" s="613"/>
      <c r="QAQ687" s="613"/>
      <c r="QAR687" s="613"/>
      <c r="QAS687" s="613"/>
      <c r="QAT687" s="613"/>
      <c r="QAU687" s="613"/>
      <c r="QAV687" s="613"/>
      <c r="QAW687" s="613"/>
      <c r="QAX687" s="613"/>
      <c r="QAY687" s="613"/>
      <c r="QAZ687" s="613"/>
      <c r="QBA687" s="613"/>
      <c r="QBB687" s="613"/>
      <c r="QBC687" s="613"/>
      <c r="QBD687" s="613"/>
      <c r="QBE687" s="613"/>
      <c r="QBF687" s="613"/>
      <c r="QBG687" s="613"/>
      <c r="QBH687" s="613"/>
      <c r="QBI687" s="613"/>
      <c r="QBJ687" s="613"/>
      <c r="QBK687" s="613"/>
      <c r="QBL687" s="613"/>
      <c r="QBM687" s="613"/>
      <c r="QBN687" s="613"/>
      <c r="QBO687" s="613"/>
      <c r="QBP687" s="613"/>
      <c r="QBQ687" s="613"/>
      <c r="QBR687" s="613"/>
      <c r="QBS687" s="613"/>
      <c r="QBT687" s="613"/>
      <c r="QBU687" s="613"/>
      <c r="QBV687" s="613"/>
      <c r="QBW687" s="613"/>
      <c r="QBX687" s="613"/>
      <c r="QBY687" s="613"/>
      <c r="QBZ687" s="613"/>
      <c r="QCA687" s="613"/>
      <c r="QCB687" s="613"/>
      <c r="QCC687" s="613"/>
      <c r="QCD687" s="613"/>
      <c r="QCE687" s="613"/>
      <c r="QCF687" s="613"/>
      <c r="QCG687" s="613"/>
      <c r="QCH687" s="613"/>
      <c r="QCI687" s="613"/>
      <c r="QCJ687" s="613"/>
      <c r="QCK687" s="613"/>
      <c r="QCL687" s="613"/>
      <c r="QCM687" s="613"/>
      <c r="QCN687" s="613"/>
      <c r="QCO687" s="613"/>
      <c r="QCP687" s="613"/>
      <c r="QCQ687" s="613"/>
      <c r="QCR687" s="613"/>
      <c r="QCS687" s="613"/>
      <c r="QCT687" s="613"/>
      <c r="QCU687" s="613"/>
      <c r="QCV687" s="613"/>
      <c r="QCW687" s="613"/>
      <c r="QCX687" s="613"/>
      <c r="QCY687" s="613"/>
      <c r="QCZ687" s="613"/>
      <c r="QDA687" s="613"/>
      <c r="QDB687" s="613"/>
      <c r="QDC687" s="613"/>
      <c r="QDD687" s="613"/>
      <c r="QDE687" s="613"/>
      <c r="QDF687" s="613"/>
      <c r="QDG687" s="613"/>
      <c r="QDH687" s="613"/>
      <c r="QDI687" s="613"/>
      <c r="QDJ687" s="613"/>
      <c r="QDK687" s="613"/>
      <c r="QDL687" s="613"/>
      <c r="QDM687" s="613"/>
      <c r="QDN687" s="613"/>
      <c r="QDO687" s="613"/>
      <c r="QDP687" s="613"/>
      <c r="QDQ687" s="613"/>
      <c r="QDR687" s="613"/>
      <c r="QDS687" s="613"/>
      <c r="QDT687" s="613"/>
      <c r="QDU687" s="613"/>
      <c r="QDV687" s="613"/>
      <c r="QDW687" s="613"/>
      <c r="QDX687" s="613"/>
      <c r="QDY687" s="613"/>
      <c r="QDZ687" s="613"/>
      <c r="QEA687" s="613"/>
      <c r="QEB687" s="613"/>
      <c r="QEC687" s="613"/>
      <c r="QED687" s="613"/>
      <c r="QEE687" s="613"/>
      <c r="QEF687" s="613"/>
      <c r="QEG687" s="613"/>
      <c r="QEH687" s="613"/>
      <c r="QEI687" s="613"/>
      <c r="QEJ687" s="613"/>
      <c r="QEK687" s="613"/>
      <c r="QEL687" s="613"/>
      <c r="QEM687" s="613"/>
      <c r="QEN687" s="613"/>
      <c r="QEO687" s="613"/>
      <c r="QEP687" s="613"/>
      <c r="QEQ687" s="613"/>
      <c r="QER687" s="613"/>
      <c r="QES687" s="613"/>
      <c r="QET687" s="613"/>
      <c r="QEU687" s="613"/>
      <c r="QEV687" s="613"/>
      <c r="QEW687" s="613"/>
      <c r="QEX687" s="613"/>
      <c r="QEY687" s="613"/>
      <c r="QEZ687" s="613"/>
      <c r="QFA687" s="613"/>
      <c r="QFB687" s="613"/>
      <c r="QFC687" s="613"/>
      <c r="QFD687" s="613"/>
      <c r="QFE687" s="613"/>
      <c r="QFF687" s="613"/>
      <c r="QFG687" s="613"/>
      <c r="QFH687" s="613"/>
      <c r="QFI687" s="613"/>
      <c r="QFJ687" s="613"/>
      <c r="QFK687" s="613"/>
      <c r="QFL687" s="613"/>
      <c r="QFM687" s="613"/>
      <c r="QFN687" s="613"/>
      <c r="QFO687" s="613"/>
      <c r="QFP687" s="613"/>
      <c r="QFQ687" s="613"/>
      <c r="QFR687" s="613"/>
      <c r="QFS687" s="613"/>
      <c r="QFT687" s="613"/>
      <c r="QFU687" s="613"/>
      <c r="QFV687" s="613"/>
      <c r="QFW687" s="613"/>
      <c r="QFX687" s="613"/>
      <c r="QFY687" s="613"/>
      <c r="QFZ687" s="613"/>
      <c r="QGA687" s="613"/>
      <c r="QGB687" s="613"/>
      <c r="QGC687" s="613"/>
      <c r="QGD687" s="613"/>
      <c r="QGE687" s="613"/>
      <c r="QGF687" s="613"/>
      <c r="QGG687" s="613"/>
      <c r="QGH687" s="613"/>
      <c r="QGI687" s="613"/>
      <c r="QGJ687" s="613"/>
      <c r="QGK687" s="613"/>
      <c r="QGL687" s="613"/>
      <c r="QGM687" s="613"/>
      <c r="QGN687" s="613"/>
      <c r="QGO687" s="613"/>
      <c r="QGP687" s="613"/>
      <c r="QGQ687" s="613"/>
      <c r="QGR687" s="613"/>
      <c r="QGS687" s="613"/>
      <c r="QGT687" s="613"/>
      <c r="QGU687" s="613"/>
      <c r="QGV687" s="613"/>
      <c r="QGW687" s="613"/>
      <c r="QGX687" s="613"/>
      <c r="QGY687" s="613"/>
      <c r="QGZ687" s="613"/>
      <c r="QHA687" s="613"/>
      <c r="QHB687" s="613"/>
      <c r="QHC687" s="613"/>
      <c r="QHD687" s="613"/>
      <c r="QHE687" s="613"/>
      <c r="QHF687" s="613"/>
      <c r="QHG687" s="613"/>
      <c r="QHH687" s="613"/>
      <c r="QHI687" s="613"/>
      <c r="QHJ687" s="613"/>
      <c r="QHK687" s="613"/>
      <c r="QHL687" s="613"/>
      <c r="QHM687" s="613"/>
      <c r="QHN687" s="613"/>
      <c r="QHO687" s="613"/>
      <c r="QHP687" s="613"/>
      <c r="QHQ687" s="613"/>
      <c r="QHR687" s="613"/>
      <c r="QHS687" s="613"/>
      <c r="QHT687" s="613"/>
      <c r="QHU687" s="613"/>
      <c r="QHV687" s="613"/>
      <c r="QHW687" s="613"/>
      <c r="QHX687" s="613"/>
      <c r="QHY687" s="613"/>
      <c r="QHZ687" s="613"/>
      <c r="QIA687" s="613"/>
      <c r="QIB687" s="613"/>
      <c r="QIC687" s="613"/>
      <c r="QID687" s="613"/>
      <c r="QIE687" s="613"/>
      <c r="QIF687" s="613"/>
      <c r="QIG687" s="613"/>
      <c r="QIH687" s="613"/>
      <c r="QII687" s="613"/>
      <c r="QIJ687" s="613"/>
      <c r="QIK687" s="613"/>
      <c r="QIL687" s="613"/>
      <c r="QIM687" s="613"/>
      <c r="QIN687" s="613"/>
      <c r="QIO687" s="613"/>
      <c r="QIP687" s="613"/>
      <c r="QIQ687" s="613"/>
      <c r="QIR687" s="613"/>
      <c r="QIS687" s="613"/>
      <c r="QIT687" s="613"/>
      <c r="QIU687" s="613"/>
      <c r="QIV687" s="613"/>
      <c r="QIW687" s="613"/>
      <c r="QIX687" s="613"/>
      <c r="QIY687" s="613"/>
      <c r="QIZ687" s="613"/>
      <c r="QJA687" s="613"/>
      <c r="QJB687" s="613"/>
      <c r="QJC687" s="613"/>
      <c r="QJD687" s="613"/>
      <c r="QJE687" s="613"/>
      <c r="QJF687" s="613"/>
      <c r="QJG687" s="613"/>
      <c r="QJH687" s="613"/>
      <c r="QJI687" s="613"/>
      <c r="QJJ687" s="613"/>
      <c r="QJK687" s="613"/>
      <c r="QJL687" s="613"/>
      <c r="QJM687" s="613"/>
      <c r="QJN687" s="613"/>
      <c r="QJO687" s="613"/>
      <c r="QJP687" s="613"/>
      <c r="QJQ687" s="613"/>
      <c r="QJR687" s="613"/>
      <c r="QJS687" s="613"/>
      <c r="QJT687" s="613"/>
      <c r="QJU687" s="613"/>
      <c r="QJV687" s="613"/>
      <c r="QJW687" s="613"/>
      <c r="QJX687" s="613"/>
      <c r="QJY687" s="613"/>
      <c r="QJZ687" s="613"/>
      <c r="QKA687" s="613"/>
      <c r="QKB687" s="613"/>
      <c r="QKC687" s="613"/>
      <c r="QKD687" s="613"/>
      <c r="QKE687" s="613"/>
      <c r="QKF687" s="613"/>
      <c r="QKG687" s="613"/>
      <c r="QKH687" s="613"/>
      <c r="QKI687" s="613"/>
      <c r="QKJ687" s="613"/>
      <c r="QKK687" s="613"/>
      <c r="QKL687" s="613"/>
      <c r="QKM687" s="613"/>
      <c r="QKN687" s="613"/>
      <c r="QKO687" s="613"/>
      <c r="QKP687" s="613"/>
      <c r="QKQ687" s="613"/>
      <c r="QKR687" s="613"/>
      <c r="QKS687" s="613"/>
      <c r="QKT687" s="613"/>
      <c r="QKU687" s="613"/>
      <c r="QKV687" s="613"/>
      <c r="QKW687" s="613"/>
      <c r="QKX687" s="613"/>
      <c r="QKY687" s="613"/>
      <c r="QKZ687" s="613"/>
      <c r="QLA687" s="613"/>
      <c r="QLB687" s="613"/>
      <c r="QLC687" s="613"/>
      <c r="QLD687" s="613"/>
      <c r="QLE687" s="613"/>
      <c r="QLF687" s="613"/>
      <c r="QLG687" s="613"/>
      <c r="QLH687" s="613"/>
      <c r="QLI687" s="613"/>
      <c r="QLJ687" s="613"/>
      <c r="QLK687" s="613"/>
      <c r="QLL687" s="613"/>
      <c r="QLM687" s="613"/>
      <c r="QLN687" s="613"/>
      <c r="QLO687" s="613"/>
      <c r="QLP687" s="613"/>
      <c r="QLQ687" s="613"/>
      <c r="QLR687" s="613"/>
      <c r="QLS687" s="613"/>
      <c r="QLT687" s="613"/>
      <c r="QLU687" s="613"/>
      <c r="QLV687" s="613"/>
      <c r="QLW687" s="613"/>
      <c r="QLX687" s="613"/>
      <c r="QLY687" s="613"/>
      <c r="QLZ687" s="613"/>
      <c r="QMA687" s="613"/>
      <c r="QMB687" s="613"/>
      <c r="QMC687" s="613"/>
      <c r="QMD687" s="613"/>
      <c r="QME687" s="613"/>
      <c r="QMF687" s="613"/>
      <c r="QMG687" s="613"/>
      <c r="QMH687" s="613"/>
      <c r="QMI687" s="613"/>
      <c r="QMJ687" s="613"/>
      <c r="QMK687" s="613"/>
      <c r="QML687" s="613"/>
      <c r="QMM687" s="613"/>
      <c r="QMN687" s="613"/>
      <c r="QMO687" s="613"/>
      <c r="QMP687" s="613"/>
      <c r="QMQ687" s="613"/>
      <c r="QMR687" s="613"/>
      <c r="QMS687" s="613"/>
      <c r="QMT687" s="613"/>
      <c r="QMU687" s="613"/>
      <c r="QMV687" s="613"/>
      <c r="QMW687" s="613"/>
      <c r="QMX687" s="613"/>
      <c r="QMY687" s="613"/>
      <c r="QMZ687" s="613"/>
      <c r="QNA687" s="613"/>
      <c r="QNB687" s="613"/>
      <c r="QNC687" s="613"/>
      <c r="QND687" s="613"/>
      <c r="QNE687" s="613"/>
      <c r="QNF687" s="613"/>
      <c r="QNG687" s="613"/>
      <c r="QNH687" s="613"/>
      <c r="QNI687" s="613"/>
      <c r="QNJ687" s="613"/>
      <c r="QNK687" s="613"/>
      <c r="QNL687" s="613"/>
      <c r="QNM687" s="613"/>
      <c r="QNN687" s="613"/>
      <c r="QNO687" s="613"/>
      <c r="QNP687" s="613"/>
      <c r="QNQ687" s="613"/>
      <c r="QNR687" s="613"/>
      <c r="QNS687" s="613"/>
      <c r="QNT687" s="613"/>
      <c r="QNU687" s="613"/>
      <c r="QNV687" s="613"/>
      <c r="QNW687" s="613"/>
      <c r="QNX687" s="613"/>
      <c r="QNY687" s="613"/>
      <c r="QNZ687" s="613"/>
      <c r="QOA687" s="613"/>
      <c r="QOB687" s="613"/>
      <c r="QOC687" s="613"/>
      <c r="QOD687" s="613"/>
      <c r="QOE687" s="613"/>
      <c r="QOF687" s="613"/>
      <c r="QOG687" s="613"/>
      <c r="QOH687" s="613"/>
      <c r="QOI687" s="613"/>
      <c r="QOJ687" s="613"/>
      <c r="QOK687" s="613"/>
      <c r="QOL687" s="613"/>
      <c r="QOM687" s="613"/>
      <c r="QON687" s="613"/>
      <c r="QOO687" s="613"/>
      <c r="QOP687" s="613"/>
      <c r="QOQ687" s="613"/>
      <c r="QOR687" s="613"/>
      <c r="QOS687" s="613"/>
      <c r="QOT687" s="613"/>
      <c r="QOU687" s="613"/>
      <c r="QOV687" s="613"/>
      <c r="QOW687" s="613"/>
      <c r="QOX687" s="613"/>
      <c r="QOY687" s="613"/>
      <c r="QOZ687" s="613"/>
      <c r="QPA687" s="613"/>
      <c r="QPB687" s="613"/>
      <c r="QPC687" s="613"/>
      <c r="QPD687" s="613"/>
      <c r="QPE687" s="613"/>
      <c r="QPF687" s="613"/>
      <c r="QPG687" s="613"/>
      <c r="QPH687" s="613"/>
      <c r="QPI687" s="613"/>
      <c r="QPJ687" s="613"/>
      <c r="QPK687" s="613"/>
      <c r="QPL687" s="613"/>
      <c r="QPM687" s="613"/>
      <c r="QPN687" s="613"/>
      <c r="QPO687" s="613"/>
      <c r="QPP687" s="613"/>
      <c r="QPQ687" s="613"/>
      <c r="QPR687" s="613"/>
      <c r="QPS687" s="613"/>
      <c r="QPT687" s="613"/>
      <c r="QPU687" s="613"/>
      <c r="QPV687" s="613"/>
      <c r="QPW687" s="613"/>
      <c r="QPX687" s="613"/>
      <c r="QPY687" s="613"/>
      <c r="QPZ687" s="613"/>
      <c r="QQA687" s="613"/>
      <c r="QQB687" s="613"/>
      <c r="QQC687" s="613"/>
      <c r="QQD687" s="613"/>
      <c r="QQE687" s="613"/>
      <c r="QQF687" s="613"/>
      <c r="QQG687" s="613"/>
      <c r="QQH687" s="613"/>
      <c r="QQI687" s="613"/>
      <c r="QQJ687" s="613"/>
      <c r="QQK687" s="613"/>
      <c r="QQL687" s="613"/>
      <c r="QQM687" s="613"/>
      <c r="QQN687" s="613"/>
      <c r="QQO687" s="613"/>
      <c r="QQP687" s="613"/>
      <c r="QQQ687" s="613"/>
      <c r="QQR687" s="613"/>
      <c r="QQS687" s="613"/>
      <c r="QQT687" s="613"/>
      <c r="QQU687" s="613"/>
      <c r="QQV687" s="613"/>
      <c r="QQW687" s="613"/>
      <c r="QQX687" s="613"/>
      <c r="QQY687" s="613"/>
      <c r="QQZ687" s="613"/>
      <c r="QRA687" s="613"/>
      <c r="QRB687" s="613"/>
      <c r="QRC687" s="613"/>
      <c r="QRD687" s="613"/>
      <c r="QRE687" s="613"/>
      <c r="QRF687" s="613"/>
      <c r="QRG687" s="613"/>
      <c r="QRH687" s="613"/>
      <c r="QRI687" s="613"/>
      <c r="QRJ687" s="613"/>
      <c r="QRK687" s="613"/>
      <c r="QRL687" s="613"/>
      <c r="QRM687" s="613"/>
      <c r="QRN687" s="613"/>
      <c r="QRO687" s="613"/>
      <c r="QRP687" s="613"/>
      <c r="QRQ687" s="613"/>
      <c r="QRR687" s="613"/>
      <c r="QRS687" s="613"/>
      <c r="QRT687" s="613"/>
      <c r="QRU687" s="613"/>
      <c r="QRV687" s="613"/>
      <c r="QRW687" s="613"/>
      <c r="QRX687" s="613"/>
      <c r="QRY687" s="613"/>
      <c r="QRZ687" s="613"/>
      <c r="QSA687" s="613"/>
      <c r="QSB687" s="613"/>
      <c r="QSC687" s="613"/>
      <c r="QSD687" s="613"/>
      <c r="QSE687" s="613"/>
      <c r="QSF687" s="613"/>
      <c r="QSG687" s="613"/>
      <c r="QSH687" s="613"/>
      <c r="QSI687" s="613"/>
      <c r="QSJ687" s="613"/>
      <c r="QSK687" s="613"/>
      <c r="QSL687" s="613"/>
      <c r="QSM687" s="613"/>
      <c r="QSN687" s="613"/>
      <c r="QSO687" s="613"/>
      <c r="QSP687" s="613"/>
      <c r="QSQ687" s="613"/>
      <c r="QSR687" s="613"/>
      <c r="QSS687" s="613"/>
      <c r="QST687" s="613"/>
      <c r="QSU687" s="613"/>
      <c r="QSV687" s="613"/>
      <c r="QSW687" s="613"/>
      <c r="QSX687" s="613"/>
      <c r="QSY687" s="613"/>
      <c r="QSZ687" s="613"/>
      <c r="QTA687" s="613"/>
      <c r="QTB687" s="613"/>
      <c r="QTC687" s="613"/>
      <c r="QTD687" s="613"/>
      <c r="QTE687" s="613"/>
      <c r="QTF687" s="613"/>
      <c r="QTG687" s="613"/>
      <c r="QTH687" s="613"/>
      <c r="QTI687" s="613"/>
      <c r="QTJ687" s="613"/>
      <c r="QTK687" s="613"/>
      <c r="QTL687" s="613"/>
      <c r="QTM687" s="613"/>
      <c r="QTN687" s="613"/>
      <c r="QTO687" s="613"/>
      <c r="QTP687" s="613"/>
      <c r="QTQ687" s="613"/>
      <c r="QTR687" s="613"/>
      <c r="QTS687" s="613"/>
      <c r="QTT687" s="613"/>
      <c r="QTU687" s="613"/>
      <c r="QTV687" s="613"/>
      <c r="QTW687" s="613"/>
      <c r="QTX687" s="613"/>
      <c r="QTY687" s="613"/>
      <c r="QTZ687" s="613"/>
      <c r="QUA687" s="613"/>
      <c r="QUB687" s="613"/>
      <c r="QUC687" s="613"/>
      <c r="QUD687" s="613"/>
      <c r="QUE687" s="613"/>
      <c r="QUF687" s="613"/>
      <c r="QUG687" s="613"/>
      <c r="QUH687" s="613"/>
      <c r="QUI687" s="613"/>
      <c r="QUJ687" s="613"/>
      <c r="QUK687" s="613"/>
      <c r="QUL687" s="613"/>
      <c r="QUM687" s="613"/>
      <c r="QUN687" s="613"/>
      <c r="QUO687" s="613"/>
      <c r="QUP687" s="613"/>
      <c r="QUQ687" s="613"/>
      <c r="QUR687" s="613"/>
      <c r="QUS687" s="613"/>
      <c r="QUT687" s="613"/>
      <c r="QUU687" s="613"/>
      <c r="QUV687" s="613"/>
      <c r="QUW687" s="613"/>
      <c r="QUX687" s="613"/>
      <c r="QUY687" s="613"/>
      <c r="QUZ687" s="613"/>
      <c r="QVA687" s="613"/>
      <c r="QVB687" s="613"/>
      <c r="QVC687" s="613"/>
      <c r="QVD687" s="613"/>
      <c r="QVE687" s="613"/>
      <c r="QVF687" s="613"/>
      <c r="QVG687" s="613"/>
      <c r="QVH687" s="613"/>
      <c r="QVI687" s="613"/>
      <c r="QVJ687" s="613"/>
      <c r="QVK687" s="613"/>
      <c r="QVL687" s="613"/>
      <c r="QVM687" s="613"/>
      <c r="QVN687" s="613"/>
      <c r="QVO687" s="613"/>
      <c r="QVP687" s="613"/>
      <c r="QVQ687" s="613"/>
      <c r="QVR687" s="613"/>
      <c r="QVS687" s="613"/>
      <c r="QVT687" s="613"/>
      <c r="QVU687" s="613"/>
      <c r="QVV687" s="613"/>
      <c r="QVW687" s="613"/>
      <c r="QVX687" s="613"/>
      <c r="QVY687" s="613"/>
      <c r="QVZ687" s="613"/>
      <c r="QWA687" s="613"/>
      <c r="QWB687" s="613"/>
      <c r="QWC687" s="613"/>
      <c r="QWD687" s="613"/>
      <c r="QWE687" s="613"/>
      <c r="QWF687" s="613"/>
      <c r="QWG687" s="613"/>
      <c r="QWH687" s="613"/>
      <c r="QWI687" s="613"/>
      <c r="QWJ687" s="613"/>
      <c r="QWK687" s="613"/>
      <c r="QWL687" s="613"/>
      <c r="QWM687" s="613"/>
      <c r="QWN687" s="613"/>
      <c r="QWO687" s="613"/>
      <c r="QWP687" s="613"/>
      <c r="QWQ687" s="613"/>
      <c r="QWR687" s="613"/>
      <c r="QWS687" s="613"/>
      <c r="QWT687" s="613"/>
      <c r="QWU687" s="613"/>
      <c r="QWV687" s="613"/>
      <c r="QWW687" s="613"/>
      <c r="QWX687" s="613"/>
      <c r="QWY687" s="613"/>
      <c r="QWZ687" s="613"/>
      <c r="QXA687" s="613"/>
      <c r="QXB687" s="613"/>
      <c r="QXC687" s="613"/>
      <c r="QXD687" s="613"/>
      <c r="QXE687" s="613"/>
      <c r="QXF687" s="613"/>
      <c r="QXG687" s="613"/>
      <c r="QXH687" s="613"/>
      <c r="QXI687" s="613"/>
      <c r="QXJ687" s="613"/>
      <c r="QXK687" s="613"/>
      <c r="QXL687" s="613"/>
      <c r="QXM687" s="613"/>
      <c r="QXN687" s="613"/>
      <c r="QXO687" s="613"/>
      <c r="QXP687" s="613"/>
      <c r="QXQ687" s="613"/>
      <c r="QXR687" s="613"/>
      <c r="QXS687" s="613"/>
      <c r="QXT687" s="613"/>
      <c r="QXU687" s="613"/>
      <c r="QXV687" s="613"/>
      <c r="QXW687" s="613"/>
      <c r="QXX687" s="613"/>
      <c r="QXY687" s="613"/>
      <c r="QXZ687" s="613"/>
      <c r="QYA687" s="613"/>
      <c r="QYB687" s="613"/>
      <c r="QYC687" s="613"/>
      <c r="QYD687" s="613"/>
      <c r="QYE687" s="613"/>
      <c r="QYF687" s="613"/>
      <c r="QYG687" s="613"/>
      <c r="QYH687" s="613"/>
      <c r="QYI687" s="613"/>
      <c r="QYJ687" s="613"/>
      <c r="QYK687" s="613"/>
      <c r="QYL687" s="613"/>
      <c r="QYM687" s="613"/>
      <c r="QYN687" s="613"/>
      <c r="QYO687" s="613"/>
      <c r="QYP687" s="613"/>
      <c r="QYQ687" s="613"/>
      <c r="QYR687" s="613"/>
      <c r="QYS687" s="613"/>
      <c r="QYT687" s="613"/>
      <c r="QYU687" s="613"/>
      <c r="QYV687" s="613"/>
      <c r="QYW687" s="613"/>
      <c r="QYX687" s="613"/>
      <c r="QYY687" s="613"/>
      <c r="QYZ687" s="613"/>
      <c r="QZA687" s="613"/>
      <c r="QZB687" s="613"/>
      <c r="QZC687" s="613"/>
      <c r="QZD687" s="613"/>
      <c r="QZE687" s="613"/>
      <c r="QZF687" s="613"/>
      <c r="QZG687" s="613"/>
      <c r="QZH687" s="613"/>
      <c r="QZI687" s="613"/>
      <c r="QZJ687" s="613"/>
      <c r="QZK687" s="613"/>
      <c r="QZL687" s="613"/>
      <c r="QZM687" s="613"/>
      <c r="QZN687" s="613"/>
      <c r="QZO687" s="613"/>
      <c r="QZP687" s="613"/>
      <c r="QZQ687" s="613"/>
      <c r="QZR687" s="613"/>
      <c r="QZS687" s="613"/>
      <c r="QZT687" s="613"/>
      <c r="QZU687" s="613"/>
      <c r="QZV687" s="613"/>
      <c r="QZW687" s="613"/>
      <c r="QZX687" s="613"/>
      <c r="QZY687" s="613"/>
      <c r="QZZ687" s="613"/>
      <c r="RAA687" s="613"/>
      <c r="RAB687" s="613"/>
      <c r="RAC687" s="613"/>
      <c r="RAD687" s="613"/>
      <c r="RAE687" s="613"/>
      <c r="RAF687" s="613"/>
      <c r="RAG687" s="613"/>
      <c r="RAH687" s="613"/>
      <c r="RAI687" s="613"/>
      <c r="RAJ687" s="613"/>
      <c r="RAK687" s="613"/>
      <c r="RAL687" s="613"/>
      <c r="RAM687" s="613"/>
      <c r="RAN687" s="613"/>
      <c r="RAO687" s="613"/>
      <c r="RAP687" s="613"/>
      <c r="RAQ687" s="613"/>
      <c r="RAR687" s="613"/>
      <c r="RAS687" s="613"/>
      <c r="RAT687" s="613"/>
      <c r="RAU687" s="613"/>
      <c r="RAV687" s="613"/>
      <c r="RAW687" s="613"/>
      <c r="RAX687" s="613"/>
      <c r="RAY687" s="613"/>
      <c r="RAZ687" s="613"/>
      <c r="RBA687" s="613"/>
      <c r="RBB687" s="613"/>
      <c r="RBC687" s="613"/>
      <c r="RBD687" s="613"/>
      <c r="RBE687" s="613"/>
      <c r="RBF687" s="613"/>
      <c r="RBG687" s="613"/>
      <c r="RBH687" s="613"/>
      <c r="RBI687" s="613"/>
      <c r="RBJ687" s="613"/>
      <c r="RBK687" s="613"/>
      <c r="RBL687" s="613"/>
      <c r="RBM687" s="613"/>
      <c r="RBN687" s="613"/>
      <c r="RBO687" s="613"/>
      <c r="RBP687" s="613"/>
      <c r="RBQ687" s="613"/>
      <c r="RBR687" s="613"/>
      <c r="RBS687" s="613"/>
      <c r="RBT687" s="613"/>
      <c r="RBU687" s="613"/>
      <c r="RBV687" s="613"/>
      <c r="RBW687" s="613"/>
      <c r="RBX687" s="613"/>
      <c r="RBY687" s="613"/>
      <c r="RBZ687" s="613"/>
      <c r="RCA687" s="613"/>
      <c r="RCB687" s="613"/>
      <c r="RCC687" s="613"/>
      <c r="RCD687" s="613"/>
      <c r="RCE687" s="613"/>
      <c r="RCF687" s="613"/>
      <c r="RCG687" s="613"/>
      <c r="RCH687" s="613"/>
      <c r="RCI687" s="613"/>
      <c r="RCJ687" s="613"/>
      <c r="RCK687" s="613"/>
      <c r="RCL687" s="613"/>
      <c r="RCM687" s="613"/>
      <c r="RCN687" s="613"/>
      <c r="RCO687" s="613"/>
      <c r="RCP687" s="613"/>
      <c r="RCQ687" s="613"/>
      <c r="RCR687" s="613"/>
      <c r="RCS687" s="613"/>
      <c r="RCT687" s="613"/>
      <c r="RCU687" s="613"/>
      <c r="RCV687" s="613"/>
      <c r="RCW687" s="613"/>
      <c r="RCX687" s="613"/>
      <c r="RCY687" s="613"/>
      <c r="RCZ687" s="613"/>
      <c r="RDA687" s="613"/>
      <c r="RDB687" s="613"/>
      <c r="RDC687" s="613"/>
      <c r="RDD687" s="613"/>
      <c r="RDE687" s="613"/>
      <c r="RDF687" s="613"/>
      <c r="RDG687" s="613"/>
      <c r="RDH687" s="613"/>
      <c r="RDI687" s="613"/>
      <c r="RDJ687" s="613"/>
      <c r="RDK687" s="613"/>
      <c r="RDL687" s="613"/>
      <c r="RDM687" s="613"/>
      <c r="RDN687" s="613"/>
      <c r="RDO687" s="613"/>
      <c r="RDP687" s="613"/>
      <c r="RDQ687" s="613"/>
      <c r="RDR687" s="613"/>
      <c r="RDS687" s="613"/>
      <c r="RDT687" s="613"/>
      <c r="RDU687" s="613"/>
      <c r="RDV687" s="613"/>
      <c r="RDW687" s="613"/>
      <c r="RDX687" s="613"/>
      <c r="RDY687" s="613"/>
      <c r="RDZ687" s="613"/>
      <c r="REA687" s="613"/>
      <c r="REB687" s="613"/>
      <c r="REC687" s="613"/>
      <c r="RED687" s="613"/>
      <c r="REE687" s="613"/>
      <c r="REF687" s="613"/>
      <c r="REG687" s="613"/>
      <c r="REH687" s="613"/>
      <c r="REI687" s="613"/>
      <c r="REJ687" s="613"/>
      <c r="REK687" s="613"/>
      <c r="REL687" s="613"/>
      <c r="REM687" s="613"/>
      <c r="REN687" s="613"/>
      <c r="REO687" s="613"/>
      <c r="REP687" s="613"/>
      <c r="REQ687" s="613"/>
      <c r="RER687" s="613"/>
      <c r="RES687" s="613"/>
      <c r="RET687" s="613"/>
      <c r="REU687" s="613"/>
      <c r="REV687" s="613"/>
      <c r="REW687" s="613"/>
      <c r="REX687" s="613"/>
      <c r="REY687" s="613"/>
      <c r="REZ687" s="613"/>
      <c r="RFA687" s="613"/>
      <c r="RFB687" s="613"/>
      <c r="RFC687" s="613"/>
      <c r="RFD687" s="613"/>
      <c r="RFE687" s="613"/>
      <c r="RFF687" s="613"/>
      <c r="RFG687" s="613"/>
      <c r="RFH687" s="613"/>
      <c r="RFI687" s="613"/>
      <c r="RFJ687" s="613"/>
      <c r="RFK687" s="613"/>
      <c r="RFL687" s="613"/>
      <c r="RFM687" s="613"/>
      <c r="RFN687" s="613"/>
      <c r="RFO687" s="613"/>
      <c r="RFP687" s="613"/>
      <c r="RFQ687" s="613"/>
      <c r="RFR687" s="613"/>
      <c r="RFS687" s="613"/>
      <c r="RFT687" s="613"/>
      <c r="RFU687" s="613"/>
      <c r="RFV687" s="613"/>
      <c r="RFW687" s="613"/>
      <c r="RFX687" s="613"/>
      <c r="RFY687" s="613"/>
      <c r="RFZ687" s="613"/>
      <c r="RGA687" s="613"/>
      <c r="RGB687" s="613"/>
      <c r="RGC687" s="613"/>
      <c r="RGD687" s="613"/>
      <c r="RGE687" s="613"/>
      <c r="RGF687" s="613"/>
      <c r="RGG687" s="613"/>
      <c r="RGH687" s="613"/>
      <c r="RGI687" s="613"/>
      <c r="RGJ687" s="613"/>
      <c r="RGK687" s="613"/>
      <c r="RGL687" s="613"/>
      <c r="RGM687" s="613"/>
      <c r="RGN687" s="613"/>
      <c r="RGO687" s="613"/>
      <c r="RGP687" s="613"/>
      <c r="RGQ687" s="613"/>
      <c r="RGR687" s="613"/>
      <c r="RGS687" s="613"/>
      <c r="RGT687" s="613"/>
      <c r="RGU687" s="613"/>
      <c r="RGV687" s="613"/>
      <c r="RGW687" s="613"/>
      <c r="RGX687" s="613"/>
      <c r="RGY687" s="613"/>
      <c r="RGZ687" s="613"/>
      <c r="RHA687" s="613"/>
      <c r="RHB687" s="613"/>
      <c r="RHC687" s="613"/>
      <c r="RHD687" s="613"/>
      <c r="RHE687" s="613"/>
      <c r="RHF687" s="613"/>
      <c r="RHG687" s="613"/>
      <c r="RHH687" s="613"/>
      <c r="RHI687" s="613"/>
      <c r="RHJ687" s="613"/>
      <c r="RHK687" s="613"/>
      <c r="RHL687" s="613"/>
      <c r="RHM687" s="613"/>
      <c r="RHN687" s="613"/>
      <c r="RHO687" s="613"/>
      <c r="RHP687" s="613"/>
      <c r="RHQ687" s="613"/>
      <c r="RHR687" s="613"/>
      <c r="RHS687" s="613"/>
      <c r="RHT687" s="613"/>
      <c r="RHU687" s="613"/>
      <c r="RHV687" s="613"/>
      <c r="RHW687" s="613"/>
      <c r="RHX687" s="613"/>
      <c r="RHY687" s="613"/>
      <c r="RHZ687" s="613"/>
      <c r="RIA687" s="613"/>
      <c r="RIB687" s="613"/>
      <c r="RIC687" s="613"/>
      <c r="RID687" s="613"/>
      <c r="RIE687" s="613"/>
      <c r="RIF687" s="613"/>
      <c r="RIG687" s="613"/>
      <c r="RIH687" s="613"/>
      <c r="RII687" s="613"/>
      <c r="RIJ687" s="613"/>
      <c r="RIK687" s="613"/>
      <c r="RIL687" s="613"/>
      <c r="RIM687" s="613"/>
      <c r="RIN687" s="613"/>
      <c r="RIO687" s="613"/>
      <c r="RIP687" s="613"/>
      <c r="RIQ687" s="613"/>
      <c r="RIR687" s="613"/>
      <c r="RIS687" s="613"/>
      <c r="RIT687" s="613"/>
      <c r="RIU687" s="613"/>
      <c r="RIV687" s="613"/>
      <c r="RIW687" s="613"/>
      <c r="RIX687" s="613"/>
      <c r="RIY687" s="613"/>
      <c r="RIZ687" s="613"/>
      <c r="RJA687" s="613"/>
      <c r="RJB687" s="613"/>
      <c r="RJC687" s="613"/>
      <c r="RJD687" s="613"/>
      <c r="RJE687" s="613"/>
      <c r="RJF687" s="613"/>
      <c r="RJG687" s="613"/>
      <c r="RJH687" s="613"/>
      <c r="RJI687" s="613"/>
      <c r="RJJ687" s="613"/>
      <c r="RJK687" s="613"/>
      <c r="RJL687" s="613"/>
      <c r="RJM687" s="613"/>
      <c r="RJN687" s="613"/>
      <c r="RJO687" s="613"/>
      <c r="RJP687" s="613"/>
      <c r="RJQ687" s="613"/>
      <c r="RJR687" s="613"/>
      <c r="RJS687" s="613"/>
      <c r="RJT687" s="613"/>
      <c r="RJU687" s="613"/>
      <c r="RJV687" s="613"/>
      <c r="RJW687" s="613"/>
      <c r="RJX687" s="613"/>
      <c r="RJY687" s="613"/>
      <c r="RJZ687" s="613"/>
      <c r="RKA687" s="613"/>
      <c r="RKB687" s="613"/>
      <c r="RKC687" s="613"/>
      <c r="RKD687" s="613"/>
      <c r="RKE687" s="613"/>
      <c r="RKF687" s="613"/>
      <c r="RKG687" s="613"/>
      <c r="RKH687" s="613"/>
      <c r="RKI687" s="613"/>
      <c r="RKJ687" s="613"/>
      <c r="RKK687" s="613"/>
      <c r="RKL687" s="613"/>
      <c r="RKM687" s="613"/>
      <c r="RKN687" s="613"/>
      <c r="RKO687" s="613"/>
      <c r="RKP687" s="613"/>
      <c r="RKQ687" s="613"/>
      <c r="RKR687" s="613"/>
      <c r="RKS687" s="613"/>
      <c r="RKT687" s="613"/>
      <c r="RKU687" s="613"/>
      <c r="RKV687" s="613"/>
      <c r="RKW687" s="613"/>
      <c r="RKX687" s="613"/>
      <c r="RKY687" s="613"/>
      <c r="RKZ687" s="613"/>
      <c r="RLA687" s="613"/>
      <c r="RLB687" s="613"/>
      <c r="RLC687" s="613"/>
      <c r="RLD687" s="613"/>
      <c r="RLE687" s="613"/>
      <c r="RLF687" s="613"/>
      <c r="RLG687" s="613"/>
      <c r="RLH687" s="613"/>
      <c r="RLI687" s="613"/>
      <c r="RLJ687" s="613"/>
      <c r="RLK687" s="613"/>
      <c r="RLL687" s="613"/>
      <c r="RLM687" s="613"/>
      <c r="RLN687" s="613"/>
      <c r="RLO687" s="613"/>
      <c r="RLP687" s="613"/>
      <c r="RLQ687" s="613"/>
      <c r="RLR687" s="613"/>
      <c r="RLS687" s="613"/>
      <c r="RLT687" s="613"/>
      <c r="RLU687" s="613"/>
      <c r="RLV687" s="613"/>
      <c r="RLW687" s="613"/>
      <c r="RLX687" s="613"/>
      <c r="RLY687" s="613"/>
      <c r="RLZ687" s="613"/>
      <c r="RMA687" s="613"/>
      <c r="RMB687" s="613"/>
      <c r="RMC687" s="613"/>
      <c r="RMD687" s="613"/>
      <c r="RME687" s="613"/>
      <c r="RMF687" s="613"/>
      <c r="RMG687" s="613"/>
      <c r="RMH687" s="613"/>
      <c r="RMI687" s="613"/>
      <c r="RMJ687" s="613"/>
      <c r="RMK687" s="613"/>
      <c r="RML687" s="613"/>
      <c r="RMM687" s="613"/>
      <c r="RMN687" s="613"/>
      <c r="RMO687" s="613"/>
      <c r="RMP687" s="613"/>
      <c r="RMQ687" s="613"/>
      <c r="RMR687" s="613"/>
      <c r="RMS687" s="613"/>
      <c r="RMT687" s="613"/>
      <c r="RMU687" s="613"/>
      <c r="RMV687" s="613"/>
      <c r="RMW687" s="613"/>
      <c r="RMX687" s="613"/>
      <c r="RMY687" s="613"/>
      <c r="RMZ687" s="613"/>
      <c r="RNA687" s="613"/>
      <c r="RNB687" s="613"/>
      <c r="RNC687" s="613"/>
      <c r="RND687" s="613"/>
      <c r="RNE687" s="613"/>
      <c r="RNF687" s="613"/>
      <c r="RNG687" s="613"/>
      <c r="RNH687" s="613"/>
      <c r="RNI687" s="613"/>
      <c r="RNJ687" s="613"/>
      <c r="RNK687" s="613"/>
      <c r="RNL687" s="613"/>
      <c r="RNM687" s="613"/>
      <c r="RNN687" s="613"/>
      <c r="RNO687" s="613"/>
      <c r="RNP687" s="613"/>
      <c r="RNQ687" s="613"/>
      <c r="RNR687" s="613"/>
      <c r="RNS687" s="613"/>
      <c r="RNT687" s="613"/>
      <c r="RNU687" s="613"/>
      <c r="RNV687" s="613"/>
      <c r="RNW687" s="613"/>
      <c r="RNX687" s="613"/>
      <c r="RNY687" s="613"/>
      <c r="RNZ687" s="613"/>
      <c r="ROA687" s="613"/>
      <c r="ROB687" s="613"/>
      <c r="ROC687" s="613"/>
      <c r="ROD687" s="613"/>
      <c r="ROE687" s="613"/>
      <c r="ROF687" s="613"/>
      <c r="ROG687" s="613"/>
      <c r="ROH687" s="613"/>
      <c r="ROI687" s="613"/>
      <c r="ROJ687" s="613"/>
      <c r="ROK687" s="613"/>
      <c r="ROL687" s="613"/>
      <c r="ROM687" s="613"/>
      <c r="RON687" s="613"/>
      <c r="ROO687" s="613"/>
      <c r="ROP687" s="613"/>
      <c r="ROQ687" s="613"/>
      <c r="ROR687" s="613"/>
      <c r="ROS687" s="613"/>
      <c r="ROT687" s="613"/>
      <c r="ROU687" s="613"/>
      <c r="ROV687" s="613"/>
      <c r="ROW687" s="613"/>
      <c r="ROX687" s="613"/>
      <c r="ROY687" s="613"/>
      <c r="ROZ687" s="613"/>
      <c r="RPA687" s="613"/>
      <c r="RPB687" s="613"/>
      <c r="RPC687" s="613"/>
      <c r="RPD687" s="613"/>
      <c r="RPE687" s="613"/>
      <c r="RPF687" s="613"/>
      <c r="RPG687" s="613"/>
      <c r="RPH687" s="613"/>
      <c r="RPI687" s="613"/>
      <c r="RPJ687" s="613"/>
      <c r="RPK687" s="613"/>
      <c r="RPL687" s="613"/>
      <c r="RPM687" s="613"/>
      <c r="RPN687" s="613"/>
      <c r="RPO687" s="613"/>
      <c r="RPP687" s="613"/>
      <c r="RPQ687" s="613"/>
      <c r="RPR687" s="613"/>
      <c r="RPS687" s="613"/>
      <c r="RPT687" s="613"/>
      <c r="RPU687" s="613"/>
      <c r="RPV687" s="613"/>
      <c r="RPW687" s="613"/>
      <c r="RPX687" s="613"/>
      <c r="RPY687" s="613"/>
      <c r="RPZ687" s="613"/>
      <c r="RQA687" s="613"/>
      <c r="RQB687" s="613"/>
      <c r="RQC687" s="613"/>
      <c r="RQD687" s="613"/>
      <c r="RQE687" s="613"/>
      <c r="RQF687" s="613"/>
      <c r="RQG687" s="613"/>
      <c r="RQH687" s="613"/>
      <c r="RQI687" s="613"/>
      <c r="RQJ687" s="613"/>
      <c r="RQK687" s="613"/>
      <c r="RQL687" s="613"/>
      <c r="RQM687" s="613"/>
      <c r="RQN687" s="613"/>
      <c r="RQO687" s="613"/>
      <c r="RQP687" s="613"/>
      <c r="RQQ687" s="613"/>
      <c r="RQR687" s="613"/>
      <c r="RQS687" s="613"/>
      <c r="RQT687" s="613"/>
      <c r="RQU687" s="613"/>
      <c r="RQV687" s="613"/>
      <c r="RQW687" s="613"/>
      <c r="RQX687" s="613"/>
      <c r="RQY687" s="613"/>
      <c r="RQZ687" s="613"/>
      <c r="RRA687" s="613"/>
      <c r="RRB687" s="613"/>
      <c r="RRC687" s="613"/>
      <c r="RRD687" s="613"/>
      <c r="RRE687" s="613"/>
      <c r="RRF687" s="613"/>
      <c r="RRG687" s="613"/>
      <c r="RRH687" s="613"/>
      <c r="RRI687" s="613"/>
      <c r="RRJ687" s="613"/>
      <c r="RRK687" s="613"/>
      <c r="RRL687" s="613"/>
      <c r="RRM687" s="613"/>
      <c r="RRN687" s="613"/>
      <c r="RRO687" s="613"/>
      <c r="RRP687" s="613"/>
      <c r="RRQ687" s="613"/>
      <c r="RRR687" s="613"/>
      <c r="RRS687" s="613"/>
      <c r="RRT687" s="613"/>
      <c r="RRU687" s="613"/>
      <c r="RRV687" s="613"/>
      <c r="RRW687" s="613"/>
      <c r="RRX687" s="613"/>
      <c r="RRY687" s="613"/>
      <c r="RRZ687" s="613"/>
      <c r="RSA687" s="613"/>
      <c r="RSB687" s="613"/>
      <c r="RSC687" s="613"/>
      <c r="RSD687" s="613"/>
      <c r="RSE687" s="613"/>
      <c r="RSF687" s="613"/>
      <c r="RSG687" s="613"/>
      <c r="RSH687" s="613"/>
      <c r="RSI687" s="613"/>
      <c r="RSJ687" s="613"/>
      <c r="RSK687" s="613"/>
      <c r="RSL687" s="613"/>
      <c r="RSM687" s="613"/>
      <c r="RSN687" s="613"/>
      <c r="RSO687" s="613"/>
      <c r="RSP687" s="613"/>
      <c r="RSQ687" s="613"/>
      <c r="RSR687" s="613"/>
      <c r="RSS687" s="613"/>
      <c r="RST687" s="613"/>
      <c r="RSU687" s="613"/>
      <c r="RSV687" s="613"/>
      <c r="RSW687" s="613"/>
      <c r="RSX687" s="613"/>
      <c r="RSY687" s="613"/>
      <c r="RSZ687" s="613"/>
      <c r="RTA687" s="613"/>
      <c r="RTB687" s="613"/>
      <c r="RTC687" s="613"/>
      <c r="RTD687" s="613"/>
      <c r="RTE687" s="613"/>
      <c r="RTF687" s="613"/>
      <c r="RTG687" s="613"/>
      <c r="RTH687" s="613"/>
      <c r="RTI687" s="613"/>
      <c r="RTJ687" s="613"/>
      <c r="RTK687" s="613"/>
      <c r="RTL687" s="613"/>
      <c r="RTM687" s="613"/>
      <c r="RTN687" s="613"/>
      <c r="RTO687" s="613"/>
      <c r="RTP687" s="613"/>
      <c r="RTQ687" s="613"/>
      <c r="RTR687" s="613"/>
      <c r="RTS687" s="613"/>
      <c r="RTT687" s="613"/>
      <c r="RTU687" s="613"/>
      <c r="RTV687" s="613"/>
      <c r="RTW687" s="613"/>
      <c r="RTX687" s="613"/>
      <c r="RTY687" s="613"/>
      <c r="RTZ687" s="613"/>
      <c r="RUA687" s="613"/>
      <c r="RUB687" s="613"/>
      <c r="RUC687" s="613"/>
      <c r="RUD687" s="613"/>
      <c r="RUE687" s="613"/>
      <c r="RUF687" s="613"/>
      <c r="RUG687" s="613"/>
      <c r="RUH687" s="613"/>
      <c r="RUI687" s="613"/>
      <c r="RUJ687" s="613"/>
      <c r="RUK687" s="613"/>
      <c r="RUL687" s="613"/>
      <c r="RUM687" s="613"/>
      <c r="RUN687" s="613"/>
      <c r="RUO687" s="613"/>
      <c r="RUP687" s="613"/>
      <c r="RUQ687" s="613"/>
      <c r="RUR687" s="613"/>
      <c r="RUS687" s="613"/>
      <c r="RUT687" s="613"/>
      <c r="RUU687" s="613"/>
      <c r="RUV687" s="613"/>
      <c r="RUW687" s="613"/>
      <c r="RUX687" s="613"/>
      <c r="RUY687" s="613"/>
      <c r="RUZ687" s="613"/>
      <c r="RVA687" s="613"/>
      <c r="RVB687" s="613"/>
      <c r="RVC687" s="613"/>
      <c r="RVD687" s="613"/>
      <c r="RVE687" s="613"/>
      <c r="RVF687" s="613"/>
      <c r="RVG687" s="613"/>
      <c r="RVH687" s="613"/>
      <c r="RVI687" s="613"/>
      <c r="RVJ687" s="613"/>
      <c r="RVK687" s="613"/>
      <c r="RVL687" s="613"/>
      <c r="RVM687" s="613"/>
      <c r="RVN687" s="613"/>
      <c r="RVO687" s="613"/>
      <c r="RVP687" s="613"/>
      <c r="RVQ687" s="613"/>
      <c r="RVR687" s="613"/>
      <c r="RVS687" s="613"/>
      <c r="RVT687" s="613"/>
      <c r="RVU687" s="613"/>
      <c r="RVV687" s="613"/>
      <c r="RVW687" s="613"/>
      <c r="RVX687" s="613"/>
      <c r="RVY687" s="613"/>
      <c r="RVZ687" s="613"/>
      <c r="RWA687" s="613"/>
      <c r="RWB687" s="613"/>
      <c r="RWC687" s="613"/>
      <c r="RWD687" s="613"/>
      <c r="RWE687" s="613"/>
      <c r="RWF687" s="613"/>
      <c r="RWG687" s="613"/>
      <c r="RWH687" s="613"/>
      <c r="RWI687" s="613"/>
      <c r="RWJ687" s="613"/>
      <c r="RWK687" s="613"/>
      <c r="RWL687" s="613"/>
      <c r="RWM687" s="613"/>
      <c r="RWN687" s="613"/>
      <c r="RWO687" s="613"/>
      <c r="RWP687" s="613"/>
      <c r="RWQ687" s="613"/>
      <c r="RWR687" s="613"/>
      <c r="RWS687" s="613"/>
      <c r="RWT687" s="613"/>
      <c r="RWU687" s="613"/>
      <c r="RWV687" s="613"/>
      <c r="RWW687" s="613"/>
      <c r="RWX687" s="613"/>
      <c r="RWY687" s="613"/>
      <c r="RWZ687" s="613"/>
      <c r="RXA687" s="613"/>
      <c r="RXB687" s="613"/>
      <c r="RXC687" s="613"/>
      <c r="RXD687" s="613"/>
      <c r="RXE687" s="613"/>
      <c r="RXF687" s="613"/>
      <c r="RXG687" s="613"/>
      <c r="RXH687" s="613"/>
      <c r="RXI687" s="613"/>
      <c r="RXJ687" s="613"/>
      <c r="RXK687" s="613"/>
      <c r="RXL687" s="613"/>
      <c r="RXM687" s="613"/>
      <c r="RXN687" s="613"/>
      <c r="RXO687" s="613"/>
      <c r="RXP687" s="613"/>
      <c r="RXQ687" s="613"/>
      <c r="RXR687" s="613"/>
      <c r="RXS687" s="613"/>
      <c r="RXT687" s="613"/>
      <c r="RXU687" s="613"/>
      <c r="RXV687" s="613"/>
      <c r="RXW687" s="613"/>
      <c r="RXX687" s="613"/>
      <c r="RXY687" s="613"/>
      <c r="RXZ687" s="613"/>
      <c r="RYA687" s="613"/>
      <c r="RYB687" s="613"/>
      <c r="RYC687" s="613"/>
      <c r="RYD687" s="613"/>
      <c r="RYE687" s="613"/>
      <c r="RYF687" s="613"/>
      <c r="RYG687" s="613"/>
      <c r="RYH687" s="613"/>
      <c r="RYI687" s="613"/>
      <c r="RYJ687" s="613"/>
      <c r="RYK687" s="613"/>
      <c r="RYL687" s="613"/>
      <c r="RYM687" s="613"/>
      <c r="RYN687" s="613"/>
      <c r="RYO687" s="613"/>
      <c r="RYP687" s="613"/>
      <c r="RYQ687" s="613"/>
      <c r="RYR687" s="613"/>
      <c r="RYS687" s="613"/>
      <c r="RYT687" s="613"/>
      <c r="RYU687" s="613"/>
      <c r="RYV687" s="613"/>
      <c r="RYW687" s="613"/>
      <c r="RYX687" s="613"/>
      <c r="RYY687" s="613"/>
      <c r="RYZ687" s="613"/>
      <c r="RZA687" s="613"/>
      <c r="RZB687" s="613"/>
      <c r="RZC687" s="613"/>
      <c r="RZD687" s="613"/>
      <c r="RZE687" s="613"/>
      <c r="RZF687" s="613"/>
      <c r="RZG687" s="613"/>
      <c r="RZH687" s="613"/>
      <c r="RZI687" s="613"/>
      <c r="RZJ687" s="613"/>
      <c r="RZK687" s="613"/>
      <c r="RZL687" s="613"/>
      <c r="RZM687" s="613"/>
      <c r="RZN687" s="613"/>
      <c r="RZO687" s="613"/>
      <c r="RZP687" s="613"/>
      <c r="RZQ687" s="613"/>
      <c r="RZR687" s="613"/>
      <c r="RZS687" s="613"/>
      <c r="RZT687" s="613"/>
      <c r="RZU687" s="613"/>
      <c r="RZV687" s="613"/>
      <c r="RZW687" s="613"/>
      <c r="RZX687" s="613"/>
      <c r="RZY687" s="613"/>
      <c r="RZZ687" s="613"/>
      <c r="SAA687" s="613"/>
      <c r="SAB687" s="613"/>
      <c r="SAC687" s="613"/>
      <c r="SAD687" s="613"/>
      <c r="SAE687" s="613"/>
      <c r="SAF687" s="613"/>
      <c r="SAG687" s="613"/>
      <c r="SAH687" s="613"/>
      <c r="SAI687" s="613"/>
      <c r="SAJ687" s="613"/>
      <c r="SAK687" s="613"/>
      <c r="SAL687" s="613"/>
      <c r="SAM687" s="613"/>
      <c r="SAN687" s="613"/>
      <c r="SAO687" s="613"/>
      <c r="SAP687" s="613"/>
      <c r="SAQ687" s="613"/>
      <c r="SAR687" s="613"/>
      <c r="SAS687" s="613"/>
      <c r="SAT687" s="613"/>
      <c r="SAU687" s="613"/>
      <c r="SAV687" s="613"/>
      <c r="SAW687" s="613"/>
      <c r="SAX687" s="613"/>
      <c r="SAY687" s="613"/>
      <c r="SAZ687" s="613"/>
      <c r="SBA687" s="613"/>
      <c r="SBB687" s="613"/>
      <c r="SBC687" s="613"/>
      <c r="SBD687" s="613"/>
      <c r="SBE687" s="613"/>
      <c r="SBF687" s="613"/>
      <c r="SBG687" s="613"/>
      <c r="SBH687" s="613"/>
      <c r="SBI687" s="613"/>
      <c r="SBJ687" s="613"/>
      <c r="SBK687" s="613"/>
      <c r="SBL687" s="613"/>
      <c r="SBM687" s="613"/>
      <c r="SBN687" s="613"/>
      <c r="SBO687" s="613"/>
      <c r="SBP687" s="613"/>
      <c r="SBQ687" s="613"/>
      <c r="SBR687" s="613"/>
      <c r="SBS687" s="613"/>
      <c r="SBT687" s="613"/>
      <c r="SBU687" s="613"/>
      <c r="SBV687" s="613"/>
      <c r="SBW687" s="613"/>
      <c r="SBX687" s="613"/>
      <c r="SBY687" s="613"/>
      <c r="SBZ687" s="613"/>
      <c r="SCA687" s="613"/>
      <c r="SCB687" s="613"/>
      <c r="SCC687" s="613"/>
      <c r="SCD687" s="613"/>
      <c r="SCE687" s="613"/>
      <c r="SCF687" s="613"/>
      <c r="SCG687" s="613"/>
      <c r="SCH687" s="613"/>
      <c r="SCI687" s="613"/>
      <c r="SCJ687" s="613"/>
      <c r="SCK687" s="613"/>
      <c r="SCL687" s="613"/>
      <c r="SCM687" s="613"/>
      <c r="SCN687" s="613"/>
      <c r="SCO687" s="613"/>
      <c r="SCP687" s="613"/>
      <c r="SCQ687" s="613"/>
      <c r="SCR687" s="613"/>
      <c r="SCS687" s="613"/>
      <c r="SCT687" s="613"/>
      <c r="SCU687" s="613"/>
      <c r="SCV687" s="613"/>
      <c r="SCW687" s="613"/>
      <c r="SCX687" s="613"/>
      <c r="SCY687" s="613"/>
      <c r="SCZ687" s="613"/>
      <c r="SDA687" s="613"/>
      <c r="SDB687" s="613"/>
      <c r="SDC687" s="613"/>
      <c r="SDD687" s="613"/>
      <c r="SDE687" s="613"/>
      <c r="SDF687" s="613"/>
      <c r="SDG687" s="613"/>
      <c r="SDH687" s="613"/>
      <c r="SDI687" s="613"/>
      <c r="SDJ687" s="613"/>
      <c r="SDK687" s="613"/>
      <c r="SDL687" s="613"/>
      <c r="SDM687" s="613"/>
      <c r="SDN687" s="613"/>
      <c r="SDO687" s="613"/>
      <c r="SDP687" s="613"/>
      <c r="SDQ687" s="613"/>
      <c r="SDR687" s="613"/>
      <c r="SDS687" s="613"/>
      <c r="SDT687" s="613"/>
      <c r="SDU687" s="613"/>
      <c r="SDV687" s="613"/>
      <c r="SDW687" s="613"/>
      <c r="SDX687" s="613"/>
      <c r="SDY687" s="613"/>
      <c r="SDZ687" s="613"/>
      <c r="SEA687" s="613"/>
      <c r="SEB687" s="613"/>
      <c r="SEC687" s="613"/>
      <c r="SED687" s="613"/>
      <c r="SEE687" s="613"/>
      <c r="SEF687" s="613"/>
      <c r="SEG687" s="613"/>
      <c r="SEH687" s="613"/>
      <c r="SEI687" s="613"/>
      <c r="SEJ687" s="613"/>
      <c r="SEK687" s="613"/>
      <c r="SEL687" s="613"/>
      <c r="SEM687" s="613"/>
      <c r="SEN687" s="613"/>
      <c r="SEO687" s="613"/>
      <c r="SEP687" s="613"/>
      <c r="SEQ687" s="613"/>
      <c r="SER687" s="613"/>
      <c r="SES687" s="613"/>
      <c r="SET687" s="613"/>
      <c r="SEU687" s="613"/>
      <c r="SEV687" s="613"/>
      <c r="SEW687" s="613"/>
      <c r="SEX687" s="613"/>
      <c r="SEY687" s="613"/>
      <c r="SEZ687" s="613"/>
      <c r="SFA687" s="613"/>
      <c r="SFB687" s="613"/>
      <c r="SFC687" s="613"/>
      <c r="SFD687" s="613"/>
      <c r="SFE687" s="613"/>
      <c r="SFF687" s="613"/>
      <c r="SFG687" s="613"/>
      <c r="SFH687" s="613"/>
      <c r="SFI687" s="613"/>
      <c r="SFJ687" s="613"/>
      <c r="SFK687" s="613"/>
      <c r="SFL687" s="613"/>
      <c r="SFM687" s="613"/>
      <c r="SFN687" s="613"/>
      <c r="SFO687" s="613"/>
      <c r="SFP687" s="613"/>
      <c r="SFQ687" s="613"/>
      <c r="SFR687" s="613"/>
      <c r="SFS687" s="613"/>
      <c r="SFT687" s="613"/>
      <c r="SFU687" s="613"/>
      <c r="SFV687" s="613"/>
      <c r="SFW687" s="613"/>
      <c r="SFX687" s="613"/>
      <c r="SFY687" s="613"/>
      <c r="SFZ687" s="613"/>
      <c r="SGA687" s="613"/>
      <c r="SGB687" s="613"/>
      <c r="SGC687" s="613"/>
      <c r="SGD687" s="613"/>
      <c r="SGE687" s="613"/>
      <c r="SGF687" s="613"/>
      <c r="SGG687" s="613"/>
      <c r="SGH687" s="613"/>
      <c r="SGI687" s="613"/>
      <c r="SGJ687" s="613"/>
      <c r="SGK687" s="613"/>
      <c r="SGL687" s="613"/>
      <c r="SGM687" s="613"/>
      <c r="SGN687" s="613"/>
      <c r="SGO687" s="613"/>
      <c r="SGP687" s="613"/>
      <c r="SGQ687" s="613"/>
      <c r="SGR687" s="613"/>
      <c r="SGS687" s="613"/>
      <c r="SGT687" s="613"/>
      <c r="SGU687" s="613"/>
      <c r="SGV687" s="613"/>
      <c r="SGW687" s="613"/>
      <c r="SGX687" s="613"/>
      <c r="SGY687" s="613"/>
      <c r="SGZ687" s="613"/>
      <c r="SHA687" s="613"/>
      <c r="SHB687" s="613"/>
      <c r="SHC687" s="613"/>
      <c r="SHD687" s="613"/>
      <c r="SHE687" s="613"/>
      <c r="SHF687" s="613"/>
      <c r="SHG687" s="613"/>
      <c r="SHH687" s="613"/>
      <c r="SHI687" s="613"/>
      <c r="SHJ687" s="613"/>
      <c r="SHK687" s="613"/>
      <c r="SHL687" s="613"/>
      <c r="SHM687" s="613"/>
      <c r="SHN687" s="613"/>
      <c r="SHO687" s="613"/>
      <c r="SHP687" s="613"/>
      <c r="SHQ687" s="613"/>
      <c r="SHR687" s="613"/>
      <c r="SHS687" s="613"/>
      <c r="SHT687" s="613"/>
      <c r="SHU687" s="613"/>
      <c r="SHV687" s="613"/>
      <c r="SHW687" s="613"/>
      <c r="SHX687" s="613"/>
      <c r="SHY687" s="613"/>
      <c r="SHZ687" s="613"/>
      <c r="SIA687" s="613"/>
      <c r="SIB687" s="613"/>
      <c r="SIC687" s="613"/>
      <c r="SID687" s="613"/>
      <c r="SIE687" s="613"/>
      <c r="SIF687" s="613"/>
      <c r="SIG687" s="613"/>
      <c r="SIH687" s="613"/>
      <c r="SII687" s="613"/>
      <c r="SIJ687" s="613"/>
      <c r="SIK687" s="613"/>
      <c r="SIL687" s="613"/>
      <c r="SIM687" s="613"/>
      <c r="SIN687" s="613"/>
      <c r="SIO687" s="613"/>
      <c r="SIP687" s="613"/>
      <c r="SIQ687" s="613"/>
      <c r="SIR687" s="613"/>
      <c r="SIS687" s="613"/>
      <c r="SIT687" s="613"/>
      <c r="SIU687" s="613"/>
      <c r="SIV687" s="613"/>
      <c r="SIW687" s="613"/>
      <c r="SIX687" s="613"/>
      <c r="SIY687" s="613"/>
      <c r="SIZ687" s="613"/>
      <c r="SJA687" s="613"/>
      <c r="SJB687" s="613"/>
      <c r="SJC687" s="613"/>
      <c r="SJD687" s="613"/>
      <c r="SJE687" s="613"/>
      <c r="SJF687" s="613"/>
      <c r="SJG687" s="613"/>
      <c r="SJH687" s="613"/>
      <c r="SJI687" s="613"/>
      <c r="SJJ687" s="613"/>
      <c r="SJK687" s="613"/>
      <c r="SJL687" s="613"/>
      <c r="SJM687" s="613"/>
      <c r="SJN687" s="613"/>
      <c r="SJO687" s="613"/>
      <c r="SJP687" s="613"/>
      <c r="SJQ687" s="613"/>
      <c r="SJR687" s="613"/>
      <c r="SJS687" s="613"/>
      <c r="SJT687" s="613"/>
      <c r="SJU687" s="613"/>
      <c r="SJV687" s="613"/>
      <c r="SJW687" s="613"/>
      <c r="SJX687" s="613"/>
      <c r="SJY687" s="613"/>
      <c r="SJZ687" s="613"/>
      <c r="SKA687" s="613"/>
      <c r="SKB687" s="613"/>
      <c r="SKC687" s="613"/>
      <c r="SKD687" s="613"/>
      <c r="SKE687" s="613"/>
      <c r="SKF687" s="613"/>
      <c r="SKG687" s="613"/>
      <c r="SKH687" s="613"/>
      <c r="SKI687" s="613"/>
      <c r="SKJ687" s="613"/>
      <c r="SKK687" s="613"/>
      <c r="SKL687" s="613"/>
      <c r="SKM687" s="613"/>
      <c r="SKN687" s="613"/>
      <c r="SKO687" s="613"/>
      <c r="SKP687" s="613"/>
      <c r="SKQ687" s="613"/>
      <c r="SKR687" s="613"/>
      <c r="SKS687" s="613"/>
      <c r="SKT687" s="613"/>
      <c r="SKU687" s="613"/>
      <c r="SKV687" s="613"/>
      <c r="SKW687" s="613"/>
      <c r="SKX687" s="613"/>
      <c r="SKY687" s="613"/>
      <c r="SKZ687" s="613"/>
      <c r="SLA687" s="613"/>
      <c r="SLB687" s="613"/>
      <c r="SLC687" s="613"/>
      <c r="SLD687" s="613"/>
      <c r="SLE687" s="613"/>
      <c r="SLF687" s="613"/>
      <c r="SLG687" s="613"/>
      <c r="SLH687" s="613"/>
      <c r="SLI687" s="613"/>
      <c r="SLJ687" s="613"/>
      <c r="SLK687" s="613"/>
      <c r="SLL687" s="613"/>
      <c r="SLM687" s="613"/>
      <c r="SLN687" s="613"/>
      <c r="SLO687" s="613"/>
      <c r="SLP687" s="613"/>
      <c r="SLQ687" s="613"/>
      <c r="SLR687" s="613"/>
      <c r="SLS687" s="613"/>
      <c r="SLT687" s="613"/>
      <c r="SLU687" s="613"/>
      <c r="SLV687" s="613"/>
      <c r="SLW687" s="613"/>
      <c r="SLX687" s="613"/>
      <c r="SLY687" s="613"/>
      <c r="SLZ687" s="613"/>
      <c r="SMA687" s="613"/>
      <c r="SMB687" s="613"/>
      <c r="SMC687" s="613"/>
      <c r="SMD687" s="613"/>
      <c r="SME687" s="613"/>
      <c r="SMF687" s="613"/>
      <c r="SMG687" s="613"/>
      <c r="SMH687" s="613"/>
      <c r="SMI687" s="613"/>
      <c r="SMJ687" s="613"/>
      <c r="SMK687" s="613"/>
      <c r="SML687" s="613"/>
      <c r="SMM687" s="613"/>
      <c r="SMN687" s="613"/>
      <c r="SMO687" s="613"/>
      <c r="SMP687" s="613"/>
      <c r="SMQ687" s="613"/>
      <c r="SMR687" s="613"/>
      <c r="SMS687" s="613"/>
      <c r="SMT687" s="613"/>
      <c r="SMU687" s="613"/>
      <c r="SMV687" s="613"/>
      <c r="SMW687" s="613"/>
      <c r="SMX687" s="613"/>
      <c r="SMY687" s="613"/>
      <c r="SMZ687" s="613"/>
      <c r="SNA687" s="613"/>
      <c r="SNB687" s="613"/>
      <c r="SNC687" s="613"/>
      <c r="SND687" s="613"/>
      <c r="SNE687" s="613"/>
      <c r="SNF687" s="613"/>
      <c r="SNG687" s="613"/>
      <c r="SNH687" s="613"/>
      <c r="SNI687" s="613"/>
      <c r="SNJ687" s="613"/>
      <c r="SNK687" s="613"/>
      <c r="SNL687" s="613"/>
      <c r="SNM687" s="613"/>
      <c r="SNN687" s="613"/>
      <c r="SNO687" s="613"/>
      <c r="SNP687" s="613"/>
      <c r="SNQ687" s="613"/>
      <c r="SNR687" s="613"/>
      <c r="SNS687" s="613"/>
      <c r="SNT687" s="613"/>
      <c r="SNU687" s="613"/>
      <c r="SNV687" s="613"/>
      <c r="SNW687" s="613"/>
      <c r="SNX687" s="613"/>
      <c r="SNY687" s="613"/>
      <c r="SNZ687" s="613"/>
      <c r="SOA687" s="613"/>
      <c r="SOB687" s="613"/>
      <c r="SOC687" s="613"/>
      <c r="SOD687" s="613"/>
      <c r="SOE687" s="613"/>
      <c r="SOF687" s="613"/>
      <c r="SOG687" s="613"/>
      <c r="SOH687" s="613"/>
      <c r="SOI687" s="613"/>
      <c r="SOJ687" s="613"/>
      <c r="SOK687" s="613"/>
      <c r="SOL687" s="613"/>
      <c r="SOM687" s="613"/>
      <c r="SON687" s="613"/>
      <c r="SOO687" s="613"/>
      <c r="SOP687" s="613"/>
      <c r="SOQ687" s="613"/>
      <c r="SOR687" s="613"/>
      <c r="SOS687" s="613"/>
      <c r="SOT687" s="613"/>
      <c r="SOU687" s="613"/>
      <c r="SOV687" s="613"/>
      <c r="SOW687" s="613"/>
      <c r="SOX687" s="613"/>
      <c r="SOY687" s="613"/>
      <c r="SOZ687" s="613"/>
      <c r="SPA687" s="613"/>
      <c r="SPB687" s="613"/>
      <c r="SPC687" s="613"/>
      <c r="SPD687" s="613"/>
      <c r="SPE687" s="613"/>
      <c r="SPF687" s="613"/>
      <c r="SPG687" s="613"/>
      <c r="SPH687" s="613"/>
      <c r="SPI687" s="613"/>
      <c r="SPJ687" s="613"/>
      <c r="SPK687" s="613"/>
      <c r="SPL687" s="613"/>
      <c r="SPM687" s="613"/>
      <c r="SPN687" s="613"/>
      <c r="SPO687" s="613"/>
      <c r="SPP687" s="613"/>
      <c r="SPQ687" s="613"/>
      <c r="SPR687" s="613"/>
      <c r="SPS687" s="613"/>
      <c r="SPT687" s="613"/>
      <c r="SPU687" s="613"/>
      <c r="SPV687" s="613"/>
      <c r="SPW687" s="613"/>
      <c r="SPX687" s="613"/>
      <c r="SPY687" s="613"/>
      <c r="SPZ687" s="613"/>
      <c r="SQA687" s="613"/>
      <c r="SQB687" s="613"/>
      <c r="SQC687" s="613"/>
      <c r="SQD687" s="613"/>
      <c r="SQE687" s="613"/>
      <c r="SQF687" s="613"/>
      <c r="SQG687" s="613"/>
      <c r="SQH687" s="613"/>
      <c r="SQI687" s="613"/>
      <c r="SQJ687" s="613"/>
      <c r="SQK687" s="613"/>
      <c r="SQL687" s="613"/>
      <c r="SQM687" s="613"/>
      <c r="SQN687" s="613"/>
      <c r="SQO687" s="613"/>
      <c r="SQP687" s="613"/>
      <c r="SQQ687" s="613"/>
      <c r="SQR687" s="613"/>
      <c r="SQS687" s="613"/>
      <c r="SQT687" s="613"/>
      <c r="SQU687" s="613"/>
      <c r="SQV687" s="613"/>
      <c r="SQW687" s="613"/>
      <c r="SQX687" s="613"/>
      <c r="SQY687" s="613"/>
      <c r="SQZ687" s="613"/>
      <c r="SRA687" s="613"/>
      <c r="SRB687" s="613"/>
      <c r="SRC687" s="613"/>
      <c r="SRD687" s="613"/>
      <c r="SRE687" s="613"/>
      <c r="SRF687" s="613"/>
      <c r="SRG687" s="613"/>
      <c r="SRH687" s="613"/>
      <c r="SRI687" s="613"/>
      <c r="SRJ687" s="613"/>
      <c r="SRK687" s="613"/>
      <c r="SRL687" s="613"/>
      <c r="SRM687" s="613"/>
      <c r="SRN687" s="613"/>
      <c r="SRO687" s="613"/>
      <c r="SRP687" s="613"/>
      <c r="SRQ687" s="613"/>
      <c r="SRR687" s="613"/>
      <c r="SRS687" s="613"/>
      <c r="SRT687" s="613"/>
      <c r="SRU687" s="613"/>
      <c r="SRV687" s="613"/>
      <c r="SRW687" s="613"/>
      <c r="SRX687" s="613"/>
      <c r="SRY687" s="613"/>
      <c r="SRZ687" s="613"/>
      <c r="SSA687" s="613"/>
      <c r="SSB687" s="613"/>
      <c r="SSC687" s="613"/>
      <c r="SSD687" s="613"/>
      <c r="SSE687" s="613"/>
      <c r="SSF687" s="613"/>
      <c r="SSG687" s="613"/>
      <c r="SSH687" s="613"/>
      <c r="SSI687" s="613"/>
      <c r="SSJ687" s="613"/>
      <c r="SSK687" s="613"/>
      <c r="SSL687" s="613"/>
      <c r="SSM687" s="613"/>
      <c r="SSN687" s="613"/>
      <c r="SSO687" s="613"/>
      <c r="SSP687" s="613"/>
      <c r="SSQ687" s="613"/>
      <c r="SSR687" s="613"/>
      <c r="SSS687" s="613"/>
      <c r="SST687" s="613"/>
      <c r="SSU687" s="613"/>
      <c r="SSV687" s="613"/>
      <c r="SSW687" s="613"/>
      <c r="SSX687" s="613"/>
      <c r="SSY687" s="613"/>
      <c r="SSZ687" s="613"/>
      <c r="STA687" s="613"/>
      <c r="STB687" s="613"/>
      <c r="STC687" s="613"/>
      <c r="STD687" s="613"/>
      <c r="STE687" s="613"/>
      <c r="STF687" s="613"/>
      <c r="STG687" s="613"/>
      <c r="STH687" s="613"/>
      <c r="STI687" s="613"/>
      <c r="STJ687" s="613"/>
      <c r="STK687" s="613"/>
      <c r="STL687" s="613"/>
      <c r="STM687" s="613"/>
      <c r="STN687" s="613"/>
      <c r="STO687" s="613"/>
      <c r="STP687" s="613"/>
      <c r="STQ687" s="613"/>
      <c r="STR687" s="613"/>
      <c r="STS687" s="613"/>
      <c r="STT687" s="613"/>
      <c r="STU687" s="613"/>
      <c r="STV687" s="613"/>
      <c r="STW687" s="613"/>
      <c r="STX687" s="613"/>
      <c r="STY687" s="613"/>
      <c r="STZ687" s="613"/>
      <c r="SUA687" s="613"/>
      <c r="SUB687" s="613"/>
      <c r="SUC687" s="613"/>
      <c r="SUD687" s="613"/>
      <c r="SUE687" s="613"/>
      <c r="SUF687" s="613"/>
      <c r="SUG687" s="613"/>
      <c r="SUH687" s="613"/>
      <c r="SUI687" s="613"/>
      <c r="SUJ687" s="613"/>
      <c r="SUK687" s="613"/>
      <c r="SUL687" s="613"/>
      <c r="SUM687" s="613"/>
      <c r="SUN687" s="613"/>
      <c r="SUO687" s="613"/>
      <c r="SUP687" s="613"/>
      <c r="SUQ687" s="613"/>
      <c r="SUR687" s="613"/>
      <c r="SUS687" s="613"/>
      <c r="SUT687" s="613"/>
      <c r="SUU687" s="613"/>
      <c r="SUV687" s="613"/>
      <c r="SUW687" s="613"/>
      <c r="SUX687" s="613"/>
      <c r="SUY687" s="613"/>
      <c r="SUZ687" s="613"/>
      <c r="SVA687" s="613"/>
      <c r="SVB687" s="613"/>
      <c r="SVC687" s="613"/>
      <c r="SVD687" s="613"/>
      <c r="SVE687" s="613"/>
      <c r="SVF687" s="613"/>
      <c r="SVG687" s="613"/>
      <c r="SVH687" s="613"/>
      <c r="SVI687" s="613"/>
      <c r="SVJ687" s="613"/>
      <c r="SVK687" s="613"/>
      <c r="SVL687" s="613"/>
      <c r="SVM687" s="613"/>
      <c r="SVN687" s="613"/>
      <c r="SVO687" s="613"/>
      <c r="SVP687" s="613"/>
      <c r="SVQ687" s="613"/>
      <c r="SVR687" s="613"/>
      <c r="SVS687" s="613"/>
      <c r="SVT687" s="613"/>
      <c r="SVU687" s="613"/>
      <c r="SVV687" s="613"/>
      <c r="SVW687" s="613"/>
      <c r="SVX687" s="613"/>
      <c r="SVY687" s="613"/>
      <c r="SVZ687" s="613"/>
      <c r="SWA687" s="613"/>
      <c r="SWB687" s="613"/>
      <c r="SWC687" s="613"/>
      <c r="SWD687" s="613"/>
      <c r="SWE687" s="613"/>
      <c r="SWF687" s="613"/>
      <c r="SWG687" s="613"/>
      <c r="SWH687" s="613"/>
      <c r="SWI687" s="613"/>
      <c r="SWJ687" s="613"/>
      <c r="SWK687" s="613"/>
      <c r="SWL687" s="613"/>
      <c r="SWM687" s="613"/>
      <c r="SWN687" s="613"/>
      <c r="SWO687" s="613"/>
      <c r="SWP687" s="613"/>
      <c r="SWQ687" s="613"/>
      <c r="SWR687" s="613"/>
      <c r="SWS687" s="613"/>
      <c r="SWT687" s="613"/>
      <c r="SWU687" s="613"/>
      <c r="SWV687" s="613"/>
      <c r="SWW687" s="613"/>
      <c r="SWX687" s="613"/>
      <c r="SWY687" s="613"/>
      <c r="SWZ687" s="613"/>
      <c r="SXA687" s="613"/>
      <c r="SXB687" s="613"/>
      <c r="SXC687" s="613"/>
      <c r="SXD687" s="613"/>
      <c r="SXE687" s="613"/>
      <c r="SXF687" s="613"/>
      <c r="SXG687" s="613"/>
      <c r="SXH687" s="613"/>
      <c r="SXI687" s="613"/>
      <c r="SXJ687" s="613"/>
      <c r="SXK687" s="613"/>
      <c r="SXL687" s="613"/>
      <c r="SXM687" s="613"/>
      <c r="SXN687" s="613"/>
      <c r="SXO687" s="613"/>
      <c r="SXP687" s="613"/>
      <c r="SXQ687" s="613"/>
      <c r="SXR687" s="613"/>
      <c r="SXS687" s="613"/>
      <c r="SXT687" s="613"/>
      <c r="SXU687" s="613"/>
      <c r="SXV687" s="613"/>
      <c r="SXW687" s="613"/>
      <c r="SXX687" s="613"/>
      <c r="SXY687" s="613"/>
      <c r="SXZ687" s="613"/>
      <c r="SYA687" s="613"/>
      <c r="SYB687" s="613"/>
      <c r="SYC687" s="613"/>
      <c r="SYD687" s="613"/>
      <c r="SYE687" s="613"/>
      <c r="SYF687" s="613"/>
      <c r="SYG687" s="613"/>
      <c r="SYH687" s="613"/>
      <c r="SYI687" s="613"/>
      <c r="SYJ687" s="613"/>
      <c r="SYK687" s="613"/>
      <c r="SYL687" s="613"/>
      <c r="SYM687" s="613"/>
      <c r="SYN687" s="613"/>
      <c r="SYO687" s="613"/>
      <c r="SYP687" s="613"/>
      <c r="SYQ687" s="613"/>
      <c r="SYR687" s="613"/>
      <c r="SYS687" s="613"/>
      <c r="SYT687" s="613"/>
      <c r="SYU687" s="613"/>
      <c r="SYV687" s="613"/>
      <c r="SYW687" s="613"/>
      <c r="SYX687" s="613"/>
      <c r="SYY687" s="613"/>
      <c r="SYZ687" s="613"/>
      <c r="SZA687" s="613"/>
      <c r="SZB687" s="613"/>
      <c r="SZC687" s="613"/>
      <c r="SZD687" s="613"/>
      <c r="SZE687" s="613"/>
      <c r="SZF687" s="613"/>
      <c r="SZG687" s="613"/>
      <c r="SZH687" s="613"/>
      <c r="SZI687" s="613"/>
      <c r="SZJ687" s="613"/>
      <c r="SZK687" s="613"/>
      <c r="SZL687" s="613"/>
      <c r="SZM687" s="613"/>
      <c r="SZN687" s="613"/>
      <c r="SZO687" s="613"/>
      <c r="SZP687" s="613"/>
      <c r="SZQ687" s="613"/>
      <c r="SZR687" s="613"/>
      <c r="SZS687" s="613"/>
      <c r="SZT687" s="613"/>
      <c r="SZU687" s="613"/>
      <c r="SZV687" s="613"/>
      <c r="SZW687" s="613"/>
      <c r="SZX687" s="613"/>
      <c r="SZY687" s="613"/>
      <c r="SZZ687" s="613"/>
      <c r="TAA687" s="613"/>
      <c r="TAB687" s="613"/>
      <c r="TAC687" s="613"/>
      <c r="TAD687" s="613"/>
      <c r="TAE687" s="613"/>
      <c r="TAF687" s="613"/>
      <c r="TAG687" s="613"/>
      <c r="TAH687" s="613"/>
      <c r="TAI687" s="613"/>
      <c r="TAJ687" s="613"/>
      <c r="TAK687" s="613"/>
      <c r="TAL687" s="613"/>
      <c r="TAM687" s="613"/>
      <c r="TAN687" s="613"/>
      <c r="TAO687" s="613"/>
      <c r="TAP687" s="613"/>
      <c r="TAQ687" s="613"/>
      <c r="TAR687" s="613"/>
      <c r="TAS687" s="613"/>
      <c r="TAT687" s="613"/>
      <c r="TAU687" s="613"/>
      <c r="TAV687" s="613"/>
      <c r="TAW687" s="613"/>
      <c r="TAX687" s="613"/>
      <c r="TAY687" s="613"/>
      <c r="TAZ687" s="613"/>
      <c r="TBA687" s="613"/>
      <c r="TBB687" s="613"/>
      <c r="TBC687" s="613"/>
      <c r="TBD687" s="613"/>
      <c r="TBE687" s="613"/>
      <c r="TBF687" s="613"/>
      <c r="TBG687" s="613"/>
      <c r="TBH687" s="613"/>
      <c r="TBI687" s="613"/>
      <c r="TBJ687" s="613"/>
      <c r="TBK687" s="613"/>
      <c r="TBL687" s="613"/>
      <c r="TBM687" s="613"/>
      <c r="TBN687" s="613"/>
      <c r="TBO687" s="613"/>
      <c r="TBP687" s="613"/>
      <c r="TBQ687" s="613"/>
      <c r="TBR687" s="613"/>
      <c r="TBS687" s="613"/>
      <c r="TBT687" s="613"/>
      <c r="TBU687" s="613"/>
      <c r="TBV687" s="613"/>
      <c r="TBW687" s="613"/>
      <c r="TBX687" s="613"/>
      <c r="TBY687" s="613"/>
      <c r="TBZ687" s="613"/>
      <c r="TCA687" s="613"/>
      <c r="TCB687" s="613"/>
      <c r="TCC687" s="613"/>
      <c r="TCD687" s="613"/>
      <c r="TCE687" s="613"/>
      <c r="TCF687" s="613"/>
      <c r="TCG687" s="613"/>
      <c r="TCH687" s="613"/>
      <c r="TCI687" s="613"/>
      <c r="TCJ687" s="613"/>
      <c r="TCK687" s="613"/>
      <c r="TCL687" s="613"/>
      <c r="TCM687" s="613"/>
      <c r="TCN687" s="613"/>
      <c r="TCO687" s="613"/>
      <c r="TCP687" s="613"/>
      <c r="TCQ687" s="613"/>
      <c r="TCR687" s="613"/>
      <c r="TCS687" s="613"/>
      <c r="TCT687" s="613"/>
      <c r="TCU687" s="613"/>
      <c r="TCV687" s="613"/>
      <c r="TCW687" s="613"/>
      <c r="TCX687" s="613"/>
      <c r="TCY687" s="613"/>
      <c r="TCZ687" s="613"/>
      <c r="TDA687" s="613"/>
      <c r="TDB687" s="613"/>
      <c r="TDC687" s="613"/>
      <c r="TDD687" s="613"/>
      <c r="TDE687" s="613"/>
      <c r="TDF687" s="613"/>
      <c r="TDG687" s="613"/>
      <c r="TDH687" s="613"/>
      <c r="TDI687" s="613"/>
      <c r="TDJ687" s="613"/>
      <c r="TDK687" s="613"/>
      <c r="TDL687" s="613"/>
      <c r="TDM687" s="613"/>
      <c r="TDN687" s="613"/>
      <c r="TDO687" s="613"/>
      <c r="TDP687" s="613"/>
      <c r="TDQ687" s="613"/>
      <c r="TDR687" s="613"/>
      <c r="TDS687" s="613"/>
      <c r="TDT687" s="613"/>
      <c r="TDU687" s="613"/>
      <c r="TDV687" s="613"/>
      <c r="TDW687" s="613"/>
      <c r="TDX687" s="613"/>
      <c r="TDY687" s="613"/>
      <c r="TDZ687" s="613"/>
      <c r="TEA687" s="613"/>
      <c r="TEB687" s="613"/>
      <c r="TEC687" s="613"/>
      <c r="TED687" s="613"/>
      <c r="TEE687" s="613"/>
      <c r="TEF687" s="613"/>
      <c r="TEG687" s="613"/>
      <c r="TEH687" s="613"/>
      <c r="TEI687" s="613"/>
      <c r="TEJ687" s="613"/>
      <c r="TEK687" s="613"/>
      <c r="TEL687" s="613"/>
      <c r="TEM687" s="613"/>
      <c r="TEN687" s="613"/>
      <c r="TEO687" s="613"/>
      <c r="TEP687" s="613"/>
      <c r="TEQ687" s="613"/>
      <c r="TER687" s="613"/>
      <c r="TES687" s="613"/>
      <c r="TET687" s="613"/>
      <c r="TEU687" s="613"/>
      <c r="TEV687" s="613"/>
      <c r="TEW687" s="613"/>
      <c r="TEX687" s="613"/>
      <c r="TEY687" s="613"/>
      <c r="TEZ687" s="613"/>
      <c r="TFA687" s="613"/>
      <c r="TFB687" s="613"/>
      <c r="TFC687" s="613"/>
      <c r="TFD687" s="613"/>
      <c r="TFE687" s="613"/>
      <c r="TFF687" s="613"/>
      <c r="TFG687" s="613"/>
      <c r="TFH687" s="613"/>
      <c r="TFI687" s="613"/>
      <c r="TFJ687" s="613"/>
      <c r="TFK687" s="613"/>
      <c r="TFL687" s="613"/>
      <c r="TFM687" s="613"/>
      <c r="TFN687" s="613"/>
      <c r="TFO687" s="613"/>
      <c r="TFP687" s="613"/>
      <c r="TFQ687" s="613"/>
      <c r="TFR687" s="613"/>
      <c r="TFS687" s="613"/>
      <c r="TFT687" s="613"/>
      <c r="TFU687" s="613"/>
      <c r="TFV687" s="613"/>
      <c r="TFW687" s="613"/>
      <c r="TFX687" s="613"/>
      <c r="TFY687" s="613"/>
      <c r="TFZ687" s="613"/>
      <c r="TGA687" s="613"/>
      <c r="TGB687" s="613"/>
      <c r="TGC687" s="613"/>
      <c r="TGD687" s="613"/>
      <c r="TGE687" s="613"/>
      <c r="TGF687" s="613"/>
      <c r="TGG687" s="613"/>
      <c r="TGH687" s="613"/>
      <c r="TGI687" s="613"/>
      <c r="TGJ687" s="613"/>
      <c r="TGK687" s="613"/>
      <c r="TGL687" s="613"/>
      <c r="TGM687" s="613"/>
      <c r="TGN687" s="613"/>
      <c r="TGO687" s="613"/>
      <c r="TGP687" s="613"/>
      <c r="TGQ687" s="613"/>
      <c r="TGR687" s="613"/>
      <c r="TGS687" s="613"/>
      <c r="TGT687" s="613"/>
      <c r="TGU687" s="613"/>
      <c r="TGV687" s="613"/>
      <c r="TGW687" s="613"/>
      <c r="TGX687" s="613"/>
      <c r="TGY687" s="613"/>
      <c r="TGZ687" s="613"/>
      <c r="THA687" s="613"/>
      <c r="THB687" s="613"/>
      <c r="THC687" s="613"/>
      <c r="THD687" s="613"/>
      <c r="THE687" s="613"/>
      <c r="THF687" s="613"/>
      <c r="THG687" s="613"/>
      <c r="THH687" s="613"/>
      <c r="THI687" s="613"/>
      <c r="THJ687" s="613"/>
      <c r="THK687" s="613"/>
      <c r="THL687" s="613"/>
      <c r="THM687" s="613"/>
      <c r="THN687" s="613"/>
      <c r="THO687" s="613"/>
      <c r="THP687" s="613"/>
      <c r="THQ687" s="613"/>
      <c r="THR687" s="613"/>
      <c r="THS687" s="613"/>
      <c r="THT687" s="613"/>
      <c r="THU687" s="613"/>
      <c r="THV687" s="613"/>
      <c r="THW687" s="613"/>
      <c r="THX687" s="613"/>
      <c r="THY687" s="613"/>
      <c r="THZ687" s="613"/>
      <c r="TIA687" s="613"/>
      <c r="TIB687" s="613"/>
      <c r="TIC687" s="613"/>
      <c r="TID687" s="613"/>
      <c r="TIE687" s="613"/>
      <c r="TIF687" s="613"/>
      <c r="TIG687" s="613"/>
      <c r="TIH687" s="613"/>
      <c r="TII687" s="613"/>
      <c r="TIJ687" s="613"/>
      <c r="TIK687" s="613"/>
      <c r="TIL687" s="613"/>
      <c r="TIM687" s="613"/>
      <c r="TIN687" s="613"/>
      <c r="TIO687" s="613"/>
      <c r="TIP687" s="613"/>
      <c r="TIQ687" s="613"/>
      <c r="TIR687" s="613"/>
      <c r="TIS687" s="613"/>
      <c r="TIT687" s="613"/>
      <c r="TIU687" s="613"/>
      <c r="TIV687" s="613"/>
      <c r="TIW687" s="613"/>
      <c r="TIX687" s="613"/>
      <c r="TIY687" s="613"/>
      <c r="TIZ687" s="613"/>
      <c r="TJA687" s="613"/>
      <c r="TJB687" s="613"/>
      <c r="TJC687" s="613"/>
      <c r="TJD687" s="613"/>
      <c r="TJE687" s="613"/>
      <c r="TJF687" s="613"/>
      <c r="TJG687" s="613"/>
      <c r="TJH687" s="613"/>
      <c r="TJI687" s="613"/>
      <c r="TJJ687" s="613"/>
      <c r="TJK687" s="613"/>
      <c r="TJL687" s="613"/>
      <c r="TJM687" s="613"/>
      <c r="TJN687" s="613"/>
      <c r="TJO687" s="613"/>
      <c r="TJP687" s="613"/>
      <c r="TJQ687" s="613"/>
      <c r="TJR687" s="613"/>
      <c r="TJS687" s="613"/>
      <c r="TJT687" s="613"/>
      <c r="TJU687" s="613"/>
      <c r="TJV687" s="613"/>
      <c r="TJW687" s="613"/>
      <c r="TJX687" s="613"/>
      <c r="TJY687" s="613"/>
      <c r="TJZ687" s="613"/>
      <c r="TKA687" s="613"/>
      <c r="TKB687" s="613"/>
      <c r="TKC687" s="613"/>
      <c r="TKD687" s="613"/>
      <c r="TKE687" s="613"/>
      <c r="TKF687" s="613"/>
      <c r="TKG687" s="613"/>
      <c r="TKH687" s="613"/>
      <c r="TKI687" s="613"/>
      <c r="TKJ687" s="613"/>
      <c r="TKK687" s="613"/>
      <c r="TKL687" s="613"/>
      <c r="TKM687" s="613"/>
      <c r="TKN687" s="613"/>
      <c r="TKO687" s="613"/>
      <c r="TKP687" s="613"/>
      <c r="TKQ687" s="613"/>
      <c r="TKR687" s="613"/>
      <c r="TKS687" s="613"/>
      <c r="TKT687" s="613"/>
      <c r="TKU687" s="613"/>
      <c r="TKV687" s="613"/>
      <c r="TKW687" s="613"/>
      <c r="TKX687" s="613"/>
      <c r="TKY687" s="613"/>
      <c r="TKZ687" s="613"/>
      <c r="TLA687" s="613"/>
      <c r="TLB687" s="613"/>
      <c r="TLC687" s="613"/>
      <c r="TLD687" s="613"/>
      <c r="TLE687" s="613"/>
      <c r="TLF687" s="613"/>
      <c r="TLG687" s="613"/>
      <c r="TLH687" s="613"/>
      <c r="TLI687" s="613"/>
      <c r="TLJ687" s="613"/>
      <c r="TLK687" s="613"/>
      <c r="TLL687" s="613"/>
      <c r="TLM687" s="613"/>
      <c r="TLN687" s="613"/>
      <c r="TLO687" s="613"/>
      <c r="TLP687" s="613"/>
      <c r="TLQ687" s="613"/>
      <c r="TLR687" s="613"/>
      <c r="TLS687" s="613"/>
      <c r="TLT687" s="613"/>
      <c r="TLU687" s="613"/>
      <c r="TLV687" s="613"/>
      <c r="TLW687" s="613"/>
      <c r="TLX687" s="613"/>
      <c r="TLY687" s="613"/>
      <c r="TLZ687" s="613"/>
      <c r="TMA687" s="613"/>
      <c r="TMB687" s="613"/>
      <c r="TMC687" s="613"/>
      <c r="TMD687" s="613"/>
      <c r="TME687" s="613"/>
      <c r="TMF687" s="613"/>
      <c r="TMG687" s="613"/>
      <c r="TMH687" s="613"/>
      <c r="TMI687" s="613"/>
      <c r="TMJ687" s="613"/>
      <c r="TMK687" s="613"/>
      <c r="TML687" s="613"/>
      <c r="TMM687" s="613"/>
      <c r="TMN687" s="613"/>
      <c r="TMO687" s="613"/>
      <c r="TMP687" s="613"/>
      <c r="TMQ687" s="613"/>
      <c r="TMR687" s="613"/>
      <c r="TMS687" s="613"/>
      <c r="TMT687" s="613"/>
      <c r="TMU687" s="613"/>
      <c r="TMV687" s="613"/>
      <c r="TMW687" s="613"/>
      <c r="TMX687" s="613"/>
      <c r="TMY687" s="613"/>
      <c r="TMZ687" s="613"/>
      <c r="TNA687" s="613"/>
      <c r="TNB687" s="613"/>
      <c r="TNC687" s="613"/>
      <c r="TND687" s="613"/>
      <c r="TNE687" s="613"/>
      <c r="TNF687" s="613"/>
      <c r="TNG687" s="613"/>
      <c r="TNH687" s="613"/>
      <c r="TNI687" s="613"/>
      <c r="TNJ687" s="613"/>
      <c r="TNK687" s="613"/>
      <c r="TNL687" s="613"/>
      <c r="TNM687" s="613"/>
      <c r="TNN687" s="613"/>
      <c r="TNO687" s="613"/>
      <c r="TNP687" s="613"/>
      <c r="TNQ687" s="613"/>
      <c r="TNR687" s="613"/>
      <c r="TNS687" s="613"/>
      <c r="TNT687" s="613"/>
      <c r="TNU687" s="613"/>
      <c r="TNV687" s="613"/>
      <c r="TNW687" s="613"/>
      <c r="TNX687" s="613"/>
      <c r="TNY687" s="613"/>
      <c r="TNZ687" s="613"/>
      <c r="TOA687" s="613"/>
      <c r="TOB687" s="613"/>
      <c r="TOC687" s="613"/>
      <c r="TOD687" s="613"/>
      <c r="TOE687" s="613"/>
      <c r="TOF687" s="613"/>
      <c r="TOG687" s="613"/>
      <c r="TOH687" s="613"/>
      <c r="TOI687" s="613"/>
      <c r="TOJ687" s="613"/>
      <c r="TOK687" s="613"/>
      <c r="TOL687" s="613"/>
      <c r="TOM687" s="613"/>
      <c r="TON687" s="613"/>
      <c r="TOO687" s="613"/>
      <c r="TOP687" s="613"/>
      <c r="TOQ687" s="613"/>
      <c r="TOR687" s="613"/>
      <c r="TOS687" s="613"/>
      <c r="TOT687" s="613"/>
      <c r="TOU687" s="613"/>
      <c r="TOV687" s="613"/>
      <c r="TOW687" s="613"/>
      <c r="TOX687" s="613"/>
      <c r="TOY687" s="613"/>
      <c r="TOZ687" s="613"/>
      <c r="TPA687" s="613"/>
      <c r="TPB687" s="613"/>
      <c r="TPC687" s="613"/>
      <c r="TPD687" s="613"/>
      <c r="TPE687" s="613"/>
      <c r="TPF687" s="613"/>
      <c r="TPG687" s="613"/>
      <c r="TPH687" s="613"/>
      <c r="TPI687" s="613"/>
      <c r="TPJ687" s="613"/>
      <c r="TPK687" s="613"/>
      <c r="TPL687" s="613"/>
      <c r="TPM687" s="613"/>
      <c r="TPN687" s="613"/>
      <c r="TPO687" s="613"/>
      <c r="TPP687" s="613"/>
      <c r="TPQ687" s="613"/>
      <c r="TPR687" s="613"/>
      <c r="TPS687" s="613"/>
      <c r="TPT687" s="613"/>
      <c r="TPU687" s="613"/>
      <c r="TPV687" s="613"/>
      <c r="TPW687" s="613"/>
      <c r="TPX687" s="613"/>
      <c r="TPY687" s="613"/>
      <c r="TPZ687" s="613"/>
      <c r="TQA687" s="613"/>
      <c r="TQB687" s="613"/>
      <c r="TQC687" s="613"/>
      <c r="TQD687" s="613"/>
      <c r="TQE687" s="613"/>
      <c r="TQF687" s="613"/>
      <c r="TQG687" s="613"/>
      <c r="TQH687" s="613"/>
      <c r="TQI687" s="613"/>
      <c r="TQJ687" s="613"/>
      <c r="TQK687" s="613"/>
      <c r="TQL687" s="613"/>
      <c r="TQM687" s="613"/>
      <c r="TQN687" s="613"/>
      <c r="TQO687" s="613"/>
      <c r="TQP687" s="613"/>
      <c r="TQQ687" s="613"/>
      <c r="TQR687" s="613"/>
      <c r="TQS687" s="613"/>
      <c r="TQT687" s="613"/>
      <c r="TQU687" s="613"/>
      <c r="TQV687" s="613"/>
      <c r="TQW687" s="613"/>
      <c r="TQX687" s="613"/>
      <c r="TQY687" s="613"/>
      <c r="TQZ687" s="613"/>
      <c r="TRA687" s="613"/>
      <c r="TRB687" s="613"/>
      <c r="TRC687" s="613"/>
      <c r="TRD687" s="613"/>
      <c r="TRE687" s="613"/>
      <c r="TRF687" s="613"/>
      <c r="TRG687" s="613"/>
      <c r="TRH687" s="613"/>
      <c r="TRI687" s="613"/>
      <c r="TRJ687" s="613"/>
      <c r="TRK687" s="613"/>
      <c r="TRL687" s="613"/>
      <c r="TRM687" s="613"/>
      <c r="TRN687" s="613"/>
      <c r="TRO687" s="613"/>
      <c r="TRP687" s="613"/>
      <c r="TRQ687" s="613"/>
      <c r="TRR687" s="613"/>
      <c r="TRS687" s="613"/>
      <c r="TRT687" s="613"/>
      <c r="TRU687" s="613"/>
      <c r="TRV687" s="613"/>
      <c r="TRW687" s="613"/>
      <c r="TRX687" s="613"/>
      <c r="TRY687" s="613"/>
      <c r="TRZ687" s="613"/>
      <c r="TSA687" s="613"/>
      <c r="TSB687" s="613"/>
      <c r="TSC687" s="613"/>
      <c r="TSD687" s="613"/>
      <c r="TSE687" s="613"/>
      <c r="TSF687" s="613"/>
      <c r="TSG687" s="613"/>
      <c r="TSH687" s="613"/>
      <c r="TSI687" s="613"/>
      <c r="TSJ687" s="613"/>
      <c r="TSK687" s="613"/>
      <c r="TSL687" s="613"/>
      <c r="TSM687" s="613"/>
      <c r="TSN687" s="613"/>
      <c r="TSO687" s="613"/>
      <c r="TSP687" s="613"/>
      <c r="TSQ687" s="613"/>
      <c r="TSR687" s="613"/>
      <c r="TSS687" s="613"/>
      <c r="TST687" s="613"/>
      <c r="TSU687" s="613"/>
      <c r="TSV687" s="613"/>
      <c r="TSW687" s="613"/>
      <c r="TSX687" s="613"/>
      <c r="TSY687" s="613"/>
      <c r="TSZ687" s="613"/>
      <c r="TTA687" s="613"/>
      <c r="TTB687" s="613"/>
      <c r="TTC687" s="613"/>
      <c r="TTD687" s="613"/>
      <c r="TTE687" s="613"/>
      <c r="TTF687" s="613"/>
      <c r="TTG687" s="613"/>
      <c r="TTH687" s="613"/>
      <c r="TTI687" s="613"/>
      <c r="TTJ687" s="613"/>
      <c r="TTK687" s="613"/>
      <c r="TTL687" s="613"/>
      <c r="TTM687" s="613"/>
      <c r="TTN687" s="613"/>
      <c r="TTO687" s="613"/>
      <c r="TTP687" s="613"/>
      <c r="TTQ687" s="613"/>
      <c r="TTR687" s="613"/>
      <c r="TTS687" s="613"/>
      <c r="TTT687" s="613"/>
      <c r="TTU687" s="613"/>
      <c r="TTV687" s="613"/>
      <c r="TTW687" s="613"/>
      <c r="TTX687" s="613"/>
      <c r="TTY687" s="613"/>
      <c r="TTZ687" s="613"/>
      <c r="TUA687" s="613"/>
      <c r="TUB687" s="613"/>
      <c r="TUC687" s="613"/>
      <c r="TUD687" s="613"/>
      <c r="TUE687" s="613"/>
      <c r="TUF687" s="613"/>
      <c r="TUG687" s="613"/>
      <c r="TUH687" s="613"/>
      <c r="TUI687" s="613"/>
      <c r="TUJ687" s="613"/>
      <c r="TUK687" s="613"/>
      <c r="TUL687" s="613"/>
      <c r="TUM687" s="613"/>
      <c r="TUN687" s="613"/>
      <c r="TUO687" s="613"/>
      <c r="TUP687" s="613"/>
      <c r="TUQ687" s="613"/>
      <c r="TUR687" s="613"/>
      <c r="TUS687" s="613"/>
      <c r="TUT687" s="613"/>
      <c r="TUU687" s="613"/>
      <c r="TUV687" s="613"/>
      <c r="TUW687" s="613"/>
      <c r="TUX687" s="613"/>
      <c r="TUY687" s="613"/>
      <c r="TUZ687" s="613"/>
      <c r="TVA687" s="613"/>
      <c r="TVB687" s="613"/>
      <c r="TVC687" s="613"/>
      <c r="TVD687" s="613"/>
      <c r="TVE687" s="613"/>
      <c r="TVF687" s="613"/>
      <c r="TVG687" s="613"/>
      <c r="TVH687" s="613"/>
      <c r="TVI687" s="613"/>
      <c r="TVJ687" s="613"/>
      <c r="TVK687" s="613"/>
      <c r="TVL687" s="613"/>
      <c r="TVM687" s="613"/>
      <c r="TVN687" s="613"/>
      <c r="TVO687" s="613"/>
      <c r="TVP687" s="613"/>
      <c r="TVQ687" s="613"/>
      <c r="TVR687" s="613"/>
      <c r="TVS687" s="613"/>
      <c r="TVT687" s="613"/>
      <c r="TVU687" s="613"/>
      <c r="TVV687" s="613"/>
      <c r="TVW687" s="613"/>
      <c r="TVX687" s="613"/>
      <c r="TVY687" s="613"/>
      <c r="TVZ687" s="613"/>
      <c r="TWA687" s="613"/>
      <c r="TWB687" s="613"/>
      <c r="TWC687" s="613"/>
      <c r="TWD687" s="613"/>
      <c r="TWE687" s="613"/>
      <c r="TWF687" s="613"/>
      <c r="TWG687" s="613"/>
      <c r="TWH687" s="613"/>
      <c r="TWI687" s="613"/>
      <c r="TWJ687" s="613"/>
      <c r="TWK687" s="613"/>
      <c r="TWL687" s="613"/>
      <c r="TWM687" s="613"/>
      <c r="TWN687" s="613"/>
      <c r="TWO687" s="613"/>
      <c r="TWP687" s="613"/>
      <c r="TWQ687" s="613"/>
      <c r="TWR687" s="613"/>
      <c r="TWS687" s="613"/>
      <c r="TWT687" s="613"/>
      <c r="TWU687" s="613"/>
      <c r="TWV687" s="613"/>
      <c r="TWW687" s="613"/>
      <c r="TWX687" s="613"/>
      <c r="TWY687" s="613"/>
      <c r="TWZ687" s="613"/>
      <c r="TXA687" s="613"/>
      <c r="TXB687" s="613"/>
      <c r="TXC687" s="613"/>
      <c r="TXD687" s="613"/>
      <c r="TXE687" s="613"/>
      <c r="TXF687" s="613"/>
      <c r="TXG687" s="613"/>
      <c r="TXH687" s="613"/>
      <c r="TXI687" s="613"/>
      <c r="TXJ687" s="613"/>
      <c r="TXK687" s="613"/>
      <c r="TXL687" s="613"/>
      <c r="TXM687" s="613"/>
      <c r="TXN687" s="613"/>
      <c r="TXO687" s="613"/>
      <c r="TXP687" s="613"/>
      <c r="TXQ687" s="613"/>
      <c r="TXR687" s="613"/>
      <c r="TXS687" s="613"/>
      <c r="TXT687" s="613"/>
      <c r="TXU687" s="613"/>
      <c r="TXV687" s="613"/>
      <c r="TXW687" s="613"/>
      <c r="TXX687" s="613"/>
      <c r="TXY687" s="613"/>
      <c r="TXZ687" s="613"/>
      <c r="TYA687" s="613"/>
      <c r="TYB687" s="613"/>
      <c r="TYC687" s="613"/>
      <c r="TYD687" s="613"/>
      <c r="TYE687" s="613"/>
      <c r="TYF687" s="613"/>
      <c r="TYG687" s="613"/>
      <c r="TYH687" s="613"/>
      <c r="TYI687" s="613"/>
      <c r="TYJ687" s="613"/>
      <c r="TYK687" s="613"/>
      <c r="TYL687" s="613"/>
      <c r="TYM687" s="613"/>
      <c r="TYN687" s="613"/>
      <c r="TYO687" s="613"/>
      <c r="TYP687" s="613"/>
      <c r="TYQ687" s="613"/>
      <c r="TYR687" s="613"/>
      <c r="TYS687" s="613"/>
      <c r="TYT687" s="613"/>
      <c r="TYU687" s="613"/>
      <c r="TYV687" s="613"/>
      <c r="TYW687" s="613"/>
      <c r="TYX687" s="613"/>
      <c r="TYY687" s="613"/>
      <c r="TYZ687" s="613"/>
      <c r="TZA687" s="613"/>
      <c r="TZB687" s="613"/>
      <c r="TZC687" s="613"/>
      <c r="TZD687" s="613"/>
      <c r="TZE687" s="613"/>
      <c r="TZF687" s="613"/>
      <c r="TZG687" s="613"/>
      <c r="TZH687" s="613"/>
      <c r="TZI687" s="613"/>
      <c r="TZJ687" s="613"/>
      <c r="TZK687" s="613"/>
      <c r="TZL687" s="613"/>
      <c r="TZM687" s="613"/>
      <c r="TZN687" s="613"/>
      <c r="TZO687" s="613"/>
      <c r="TZP687" s="613"/>
      <c r="TZQ687" s="613"/>
      <c r="TZR687" s="613"/>
      <c r="TZS687" s="613"/>
      <c r="TZT687" s="613"/>
      <c r="TZU687" s="613"/>
      <c r="TZV687" s="613"/>
      <c r="TZW687" s="613"/>
      <c r="TZX687" s="613"/>
      <c r="TZY687" s="613"/>
      <c r="TZZ687" s="613"/>
      <c r="UAA687" s="613"/>
      <c r="UAB687" s="613"/>
      <c r="UAC687" s="613"/>
      <c r="UAD687" s="613"/>
      <c r="UAE687" s="613"/>
      <c r="UAF687" s="613"/>
      <c r="UAG687" s="613"/>
      <c r="UAH687" s="613"/>
      <c r="UAI687" s="613"/>
      <c r="UAJ687" s="613"/>
      <c r="UAK687" s="613"/>
      <c r="UAL687" s="613"/>
      <c r="UAM687" s="613"/>
      <c r="UAN687" s="613"/>
      <c r="UAO687" s="613"/>
      <c r="UAP687" s="613"/>
      <c r="UAQ687" s="613"/>
      <c r="UAR687" s="613"/>
      <c r="UAS687" s="613"/>
      <c r="UAT687" s="613"/>
      <c r="UAU687" s="613"/>
      <c r="UAV687" s="613"/>
      <c r="UAW687" s="613"/>
      <c r="UAX687" s="613"/>
      <c r="UAY687" s="613"/>
      <c r="UAZ687" s="613"/>
      <c r="UBA687" s="613"/>
      <c r="UBB687" s="613"/>
      <c r="UBC687" s="613"/>
      <c r="UBD687" s="613"/>
      <c r="UBE687" s="613"/>
      <c r="UBF687" s="613"/>
      <c r="UBG687" s="613"/>
      <c r="UBH687" s="613"/>
      <c r="UBI687" s="613"/>
      <c r="UBJ687" s="613"/>
      <c r="UBK687" s="613"/>
      <c r="UBL687" s="613"/>
      <c r="UBM687" s="613"/>
      <c r="UBN687" s="613"/>
      <c r="UBO687" s="613"/>
      <c r="UBP687" s="613"/>
      <c r="UBQ687" s="613"/>
      <c r="UBR687" s="613"/>
      <c r="UBS687" s="613"/>
      <c r="UBT687" s="613"/>
      <c r="UBU687" s="613"/>
      <c r="UBV687" s="613"/>
      <c r="UBW687" s="613"/>
      <c r="UBX687" s="613"/>
      <c r="UBY687" s="613"/>
      <c r="UBZ687" s="613"/>
      <c r="UCA687" s="613"/>
      <c r="UCB687" s="613"/>
      <c r="UCC687" s="613"/>
      <c r="UCD687" s="613"/>
      <c r="UCE687" s="613"/>
      <c r="UCF687" s="613"/>
      <c r="UCG687" s="613"/>
      <c r="UCH687" s="613"/>
      <c r="UCI687" s="613"/>
      <c r="UCJ687" s="613"/>
      <c r="UCK687" s="613"/>
      <c r="UCL687" s="613"/>
      <c r="UCM687" s="613"/>
      <c r="UCN687" s="613"/>
      <c r="UCO687" s="613"/>
      <c r="UCP687" s="613"/>
      <c r="UCQ687" s="613"/>
      <c r="UCR687" s="613"/>
      <c r="UCS687" s="613"/>
      <c r="UCT687" s="613"/>
      <c r="UCU687" s="613"/>
      <c r="UCV687" s="613"/>
      <c r="UCW687" s="613"/>
      <c r="UCX687" s="613"/>
      <c r="UCY687" s="613"/>
      <c r="UCZ687" s="613"/>
      <c r="UDA687" s="613"/>
      <c r="UDB687" s="613"/>
      <c r="UDC687" s="613"/>
      <c r="UDD687" s="613"/>
      <c r="UDE687" s="613"/>
      <c r="UDF687" s="613"/>
      <c r="UDG687" s="613"/>
      <c r="UDH687" s="613"/>
      <c r="UDI687" s="613"/>
      <c r="UDJ687" s="613"/>
      <c r="UDK687" s="613"/>
      <c r="UDL687" s="613"/>
      <c r="UDM687" s="613"/>
      <c r="UDN687" s="613"/>
      <c r="UDO687" s="613"/>
      <c r="UDP687" s="613"/>
      <c r="UDQ687" s="613"/>
      <c r="UDR687" s="613"/>
      <c r="UDS687" s="613"/>
      <c r="UDT687" s="613"/>
      <c r="UDU687" s="613"/>
      <c r="UDV687" s="613"/>
      <c r="UDW687" s="613"/>
      <c r="UDX687" s="613"/>
      <c r="UDY687" s="613"/>
      <c r="UDZ687" s="613"/>
      <c r="UEA687" s="613"/>
      <c r="UEB687" s="613"/>
      <c r="UEC687" s="613"/>
      <c r="UED687" s="613"/>
      <c r="UEE687" s="613"/>
      <c r="UEF687" s="613"/>
      <c r="UEG687" s="613"/>
      <c r="UEH687" s="613"/>
      <c r="UEI687" s="613"/>
      <c r="UEJ687" s="613"/>
      <c r="UEK687" s="613"/>
      <c r="UEL687" s="613"/>
      <c r="UEM687" s="613"/>
      <c r="UEN687" s="613"/>
      <c r="UEO687" s="613"/>
      <c r="UEP687" s="613"/>
      <c r="UEQ687" s="613"/>
      <c r="UER687" s="613"/>
      <c r="UES687" s="613"/>
      <c r="UET687" s="613"/>
      <c r="UEU687" s="613"/>
      <c r="UEV687" s="613"/>
      <c r="UEW687" s="613"/>
      <c r="UEX687" s="613"/>
      <c r="UEY687" s="613"/>
      <c r="UEZ687" s="613"/>
      <c r="UFA687" s="613"/>
      <c r="UFB687" s="613"/>
      <c r="UFC687" s="613"/>
      <c r="UFD687" s="613"/>
      <c r="UFE687" s="613"/>
      <c r="UFF687" s="613"/>
      <c r="UFG687" s="613"/>
      <c r="UFH687" s="613"/>
      <c r="UFI687" s="613"/>
      <c r="UFJ687" s="613"/>
      <c r="UFK687" s="613"/>
      <c r="UFL687" s="613"/>
      <c r="UFM687" s="613"/>
      <c r="UFN687" s="613"/>
      <c r="UFO687" s="613"/>
      <c r="UFP687" s="613"/>
      <c r="UFQ687" s="613"/>
      <c r="UFR687" s="613"/>
      <c r="UFS687" s="613"/>
      <c r="UFT687" s="613"/>
      <c r="UFU687" s="613"/>
      <c r="UFV687" s="613"/>
      <c r="UFW687" s="613"/>
      <c r="UFX687" s="613"/>
      <c r="UFY687" s="613"/>
      <c r="UFZ687" s="613"/>
      <c r="UGA687" s="613"/>
      <c r="UGB687" s="613"/>
      <c r="UGC687" s="613"/>
      <c r="UGD687" s="613"/>
      <c r="UGE687" s="613"/>
      <c r="UGF687" s="613"/>
      <c r="UGG687" s="613"/>
      <c r="UGH687" s="613"/>
      <c r="UGI687" s="613"/>
      <c r="UGJ687" s="613"/>
      <c r="UGK687" s="613"/>
      <c r="UGL687" s="613"/>
      <c r="UGM687" s="613"/>
      <c r="UGN687" s="613"/>
      <c r="UGO687" s="613"/>
      <c r="UGP687" s="613"/>
      <c r="UGQ687" s="613"/>
      <c r="UGR687" s="613"/>
      <c r="UGS687" s="613"/>
      <c r="UGT687" s="613"/>
      <c r="UGU687" s="613"/>
      <c r="UGV687" s="613"/>
      <c r="UGW687" s="613"/>
      <c r="UGX687" s="613"/>
      <c r="UGY687" s="613"/>
      <c r="UGZ687" s="613"/>
      <c r="UHA687" s="613"/>
      <c r="UHB687" s="613"/>
      <c r="UHC687" s="613"/>
      <c r="UHD687" s="613"/>
      <c r="UHE687" s="613"/>
      <c r="UHF687" s="613"/>
      <c r="UHG687" s="613"/>
      <c r="UHH687" s="613"/>
      <c r="UHI687" s="613"/>
      <c r="UHJ687" s="613"/>
      <c r="UHK687" s="613"/>
      <c r="UHL687" s="613"/>
      <c r="UHM687" s="613"/>
      <c r="UHN687" s="613"/>
      <c r="UHO687" s="613"/>
      <c r="UHP687" s="613"/>
      <c r="UHQ687" s="613"/>
      <c r="UHR687" s="613"/>
      <c r="UHS687" s="613"/>
      <c r="UHT687" s="613"/>
      <c r="UHU687" s="613"/>
      <c r="UHV687" s="613"/>
      <c r="UHW687" s="613"/>
      <c r="UHX687" s="613"/>
      <c r="UHY687" s="613"/>
      <c r="UHZ687" s="613"/>
      <c r="UIA687" s="613"/>
      <c r="UIB687" s="613"/>
      <c r="UIC687" s="613"/>
      <c r="UID687" s="613"/>
      <c r="UIE687" s="613"/>
      <c r="UIF687" s="613"/>
      <c r="UIG687" s="613"/>
      <c r="UIH687" s="613"/>
      <c r="UII687" s="613"/>
      <c r="UIJ687" s="613"/>
      <c r="UIK687" s="613"/>
      <c r="UIL687" s="613"/>
      <c r="UIM687" s="613"/>
      <c r="UIN687" s="613"/>
      <c r="UIO687" s="613"/>
      <c r="UIP687" s="613"/>
      <c r="UIQ687" s="613"/>
      <c r="UIR687" s="613"/>
      <c r="UIS687" s="613"/>
      <c r="UIT687" s="613"/>
      <c r="UIU687" s="613"/>
      <c r="UIV687" s="613"/>
      <c r="UIW687" s="613"/>
      <c r="UIX687" s="613"/>
      <c r="UIY687" s="613"/>
      <c r="UIZ687" s="613"/>
      <c r="UJA687" s="613"/>
      <c r="UJB687" s="613"/>
      <c r="UJC687" s="613"/>
      <c r="UJD687" s="613"/>
      <c r="UJE687" s="613"/>
      <c r="UJF687" s="613"/>
      <c r="UJG687" s="613"/>
      <c r="UJH687" s="613"/>
      <c r="UJI687" s="613"/>
      <c r="UJJ687" s="613"/>
      <c r="UJK687" s="613"/>
      <c r="UJL687" s="613"/>
      <c r="UJM687" s="613"/>
      <c r="UJN687" s="613"/>
      <c r="UJO687" s="613"/>
      <c r="UJP687" s="613"/>
      <c r="UJQ687" s="613"/>
      <c r="UJR687" s="613"/>
      <c r="UJS687" s="613"/>
      <c r="UJT687" s="613"/>
      <c r="UJU687" s="613"/>
      <c r="UJV687" s="613"/>
      <c r="UJW687" s="613"/>
      <c r="UJX687" s="613"/>
      <c r="UJY687" s="613"/>
      <c r="UJZ687" s="613"/>
      <c r="UKA687" s="613"/>
      <c r="UKB687" s="613"/>
      <c r="UKC687" s="613"/>
      <c r="UKD687" s="613"/>
      <c r="UKE687" s="613"/>
      <c r="UKF687" s="613"/>
      <c r="UKG687" s="613"/>
      <c r="UKH687" s="613"/>
      <c r="UKI687" s="613"/>
      <c r="UKJ687" s="613"/>
      <c r="UKK687" s="613"/>
      <c r="UKL687" s="613"/>
      <c r="UKM687" s="613"/>
      <c r="UKN687" s="613"/>
      <c r="UKO687" s="613"/>
      <c r="UKP687" s="613"/>
      <c r="UKQ687" s="613"/>
      <c r="UKR687" s="613"/>
      <c r="UKS687" s="613"/>
      <c r="UKT687" s="613"/>
      <c r="UKU687" s="613"/>
      <c r="UKV687" s="613"/>
      <c r="UKW687" s="613"/>
      <c r="UKX687" s="613"/>
      <c r="UKY687" s="613"/>
      <c r="UKZ687" s="613"/>
      <c r="ULA687" s="613"/>
      <c r="ULB687" s="613"/>
      <c r="ULC687" s="613"/>
      <c r="ULD687" s="613"/>
      <c r="ULE687" s="613"/>
      <c r="ULF687" s="613"/>
      <c r="ULG687" s="613"/>
      <c r="ULH687" s="613"/>
      <c r="ULI687" s="613"/>
      <c r="ULJ687" s="613"/>
      <c r="ULK687" s="613"/>
      <c r="ULL687" s="613"/>
      <c r="ULM687" s="613"/>
      <c r="ULN687" s="613"/>
      <c r="ULO687" s="613"/>
      <c r="ULP687" s="613"/>
      <c r="ULQ687" s="613"/>
      <c r="ULR687" s="613"/>
      <c r="ULS687" s="613"/>
      <c r="ULT687" s="613"/>
      <c r="ULU687" s="613"/>
      <c r="ULV687" s="613"/>
      <c r="ULW687" s="613"/>
      <c r="ULX687" s="613"/>
      <c r="ULY687" s="613"/>
      <c r="ULZ687" s="613"/>
      <c r="UMA687" s="613"/>
      <c r="UMB687" s="613"/>
      <c r="UMC687" s="613"/>
      <c r="UMD687" s="613"/>
      <c r="UME687" s="613"/>
      <c r="UMF687" s="613"/>
      <c r="UMG687" s="613"/>
      <c r="UMH687" s="613"/>
      <c r="UMI687" s="613"/>
      <c r="UMJ687" s="613"/>
      <c r="UMK687" s="613"/>
      <c r="UML687" s="613"/>
      <c r="UMM687" s="613"/>
      <c r="UMN687" s="613"/>
      <c r="UMO687" s="613"/>
      <c r="UMP687" s="613"/>
      <c r="UMQ687" s="613"/>
      <c r="UMR687" s="613"/>
      <c r="UMS687" s="613"/>
      <c r="UMT687" s="613"/>
      <c r="UMU687" s="613"/>
      <c r="UMV687" s="613"/>
      <c r="UMW687" s="613"/>
      <c r="UMX687" s="613"/>
      <c r="UMY687" s="613"/>
      <c r="UMZ687" s="613"/>
      <c r="UNA687" s="613"/>
      <c r="UNB687" s="613"/>
      <c r="UNC687" s="613"/>
      <c r="UND687" s="613"/>
      <c r="UNE687" s="613"/>
      <c r="UNF687" s="613"/>
      <c r="UNG687" s="613"/>
      <c r="UNH687" s="613"/>
      <c r="UNI687" s="613"/>
      <c r="UNJ687" s="613"/>
      <c r="UNK687" s="613"/>
      <c r="UNL687" s="613"/>
      <c r="UNM687" s="613"/>
      <c r="UNN687" s="613"/>
      <c r="UNO687" s="613"/>
      <c r="UNP687" s="613"/>
      <c r="UNQ687" s="613"/>
      <c r="UNR687" s="613"/>
      <c r="UNS687" s="613"/>
      <c r="UNT687" s="613"/>
      <c r="UNU687" s="613"/>
      <c r="UNV687" s="613"/>
      <c r="UNW687" s="613"/>
      <c r="UNX687" s="613"/>
      <c r="UNY687" s="613"/>
      <c r="UNZ687" s="613"/>
      <c r="UOA687" s="613"/>
      <c r="UOB687" s="613"/>
      <c r="UOC687" s="613"/>
      <c r="UOD687" s="613"/>
      <c r="UOE687" s="613"/>
      <c r="UOF687" s="613"/>
      <c r="UOG687" s="613"/>
      <c r="UOH687" s="613"/>
      <c r="UOI687" s="613"/>
      <c r="UOJ687" s="613"/>
      <c r="UOK687" s="613"/>
      <c r="UOL687" s="613"/>
      <c r="UOM687" s="613"/>
      <c r="UON687" s="613"/>
      <c r="UOO687" s="613"/>
      <c r="UOP687" s="613"/>
      <c r="UOQ687" s="613"/>
      <c r="UOR687" s="613"/>
      <c r="UOS687" s="613"/>
      <c r="UOT687" s="613"/>
      <c r="UOU687" s="613"/>
      <c r="UOV687" s="613"/>
      <c r="UOW687" s="613"/>
      <c r="UOX687" s="613"/>
      <c r="UOY687" s="613"/>
      <c r="UOZ687" s="613"/>
      <c r="UPA687" s="613"/>
      <c r="UPB687" s="613"/>
      <c r="UPC687" s="613"/>
      <c r="UPD687" s="613"/>
      <c r="UPE687" s="613"/>
      <c r="UPF687" s="613"/>
      <c r="UPG687" s="613"/>
      <c r="UPH687" s="613"/>
      <c r="UPI687" s="613"/>
      <c r="UPJ687" s="613"/>
      <c r="UPK687" s="613"/>
      <c r="UPL687" s="613"/>
      <c r="UPM687" s="613"/>
      <c r="UPN687" s="613"/>
      <c r="UPO687" s="613"/>
      <c r="UPP687" s="613"/>
      <c r="UPQ687" s="613"/>
      <c r="UPR687" s="613"/>
      <c r="UPS687" s="613"/>
      <c r="UPT687" s="613"/>
      <c r="UPU687" s="613"/>
      <c r="UPV687" s="613"/>
      <c r="UPW687" s="613"/>
      <c r="UPX687" s="613"/>
      <c r="UPY687" s="613"/>
      <c r="UPZ687" s="613"/>
      <c r="UQA687" s="613"/>
      <c r="UQB687" s="613"/>
      <c r="UQC687" s="613"/>
      <c r="UQD687" s="613"/>
      <c r="UQE687" s="613"/>
      <c r="UQF687" s="613"/>
      <c r="UQG687" s="613"/>
      <c r="UQH687" s="613"/>
      <c r="UQI687" s="613"/>
      <c r="UQJ687" s="613"/>
      <c r="UQK687" s="613"/>
      <c r="UQL687" s="613"/>
      <c r="UQM687" s="613"/>
      <c r="UQN687" s="613"/>
      <c r="UQO687" s="613"/>
      <c r="UQP687" s="613"/>
      <c r="UQQ687" s="613"/>
      <c r="UQR687" s="613"/>
      <c r="UQS687" s="613"/>
      <c r="UQT687" s="613"/>
      <c r="UQU687" s="613"/>
      <c r="UQV687" s="613"/>
      <c r="UQW687" s="613"/>
      <c r="UQX687" s="613"/>
      <c r="UQY687" s="613"/>
      <c r="UQZ687" s="613"/>
      <c r="URA687" s="613"/>
      <c r="URB687" s="613"/>
      <c r="URC687" s="613"/>
      <c r="URD687" s="613"/>
      <c r="URE687" s="613"/>
      <c r="URF687" s="613"/>
      <c r="URG687" s="613"/>
      <c r="URH687" s="613"/>
      <c r="URI687" s="613"/>
      <c r="URJ687" s="613"/>
      <c r="URK687" s="613"/>
      <c r="URL687" s="613"/>
      <c r="URM687" s="613"/>
      <c r="URN687" s="613"/>
      <c r="URO687" s="613"/>
      <c r="URP687" s="613"/>
      <c r="URQ687" s="613"/>
      <c r="URR687" s="613"/>
      <c r="URS687" s="613"/>
      <c r="URT687" s="613"/>
      <c r="URU687" s="613"/>
      <c r="URV687" s="613"/>
      <c r="URW687" s="613"/>
      <c r="URX687" s="613"/>
      <c r="URY687" s="613"/>
      <c r="URZ687" s="613"/>
      <c r="USA687" s="613"/>
      <c r="USB687" s="613"/>
      <c r="USC687" s="613"/>
      <c r="USD687" s="613"/>
      <c r="USE687" s="613"/>
      <c r="USF687" s="613"/>
      <c r="USG687" s="613"/>
      <c r="USH687" s="613"/>
      <c r="USI687" s="613"/>
      <c r="USJ687" s="613"/>
      <c r="USK687" s="613"/>
      <c r="USL687" s="613"/>
      <c r="USM687" s="613"/>
      <c r="USN687" s="613"/>
      <c r="USO687" s="613"/>
      <c r="USP687" s="613"/>
      <c r="USQ687" s="613"/>
      <c r="USR687" s="613"/>
      <c r="USS687" s="613"/>
      <c r="UST687" s="613"/>
      <c r="USU687" s="613"/>
      <c r="USV687" s="613"/>
      <c r="USW687" s="613"/>
      <c r="USX687" s="613"/>
      <c r="USY687" s="613"/>
      <c r="USZ687" s="613"/>
      <c r="UTA687" s="613"/>
      <c r="UTB687" s="613"/>
      <c r="UTC687" s="613"/>
      <c r="UTD687" s="613"/>
      <c r="UTE687" s="613"/>
      <c r="UTF687" s="613"/>
      <c r="UTG687" s="613"/>
      <c r="UTH687" s="613"/>
      <c r="UTI687" s="613"/>
      <c r="UTJ687" s="613"/>
      <c r="UTK687" s="613"/>
      <c r="UTL687" s="613"/>
      <c r="UTM687" s="613"/>
      <c r="UTN687" s="613"/>
      <c r="UTO687" s="613"/>
      <c r="UTP687" s="613"/>
      <c r="UTQ687" s="613"/>
      <c r="UTR687" s="613"/>
      <c r="UTS687" s="613"/>
      <c r="UTT687" s="613"/>
      <c r="UTU687" s="613"/>
      <c r="UTV687" s="613"/>
      <c r="UTW687" s="613"/>
      <c r="UTX687" s="613"/>
      <c r="UTY687" s="613"/>
      <c r="UTZ687" s="613"/>
      <c r="UUA687" s="613"/>
      <c r="UUB687" s="613"/>
      <c r="UUC687" s="613"/>
      <c r="UUD687" s="613"/>
      <c r="UUE687" s="613"/>
      <c r="UUF687" s="613"/>
      <c r="UUG687" s="613"/>
      <c r="UUH687" s="613"/>
      <c r="UUI687" s="613"/>
      <c r="UUJ687" s="613"/>
      <c r="UUK687" s="613"/>
      <c r="UUL687" s="613"/>
      <c r="UUM687" s="613"/>
      <c r="UUN687" s="613"/>
      <c r="UUO687" s="613"/>
      <c r="UUP687" s="613"/>
      <c r="UUQ687" s="613"/>
      <c r="UUR687" s="613"/>
      <c r="UUS687" s="613"/>
      <c r="UUT687" s="613"/>
      <c r="UUU687" s="613"/>
      <c r="UUV687" s="613"/>
      <c r="UUW687" s="613"/>
      <c r="UUX687" s="613"/>
      <c r="UUY687" s="613"/>
      <c r="UUZ687" s="613"/>
      <c r="UVA687" s="613"/>
      <c r="UVB687" s="613"/>
      <c r="UVC687" s="613"/>
      <c r="UVD687" s="613"/>
      <c r="UVE687" s="613"/>
      <c r="UVF687" s="613"/>
      <c r="UVG687" s="613"/>
      <c r="UVH687" s="613"/>
      <c r="UVI687" s="613"/>
      <c r="UVJ687" s="613"/>
      <c r="UVK687" s="613"/>
      <c r="UVL687" s="613"/>
      <c r="UVM687" s="613"/>
      <c r="UVN687" s="613"/>
      <c r="UVO687" s="613"/>
      <c r="UVP687" s="613"/>
      <c r="UVQ687" s="613"/>
      <c r="UVR687" s="613"/>
      <c r="UVS687" s="613"/>
      <c r="UVT687" s="613"/>
      <c r="UVU687" s="613"/>
      <c r="UVV687" s="613"/>
      <c r="UVW687" s="613"/>
      <c r="UVX687" s="613"/>
      <c r="UVY687" s="613"/>
      <c r="UVZ687" s="613"/>
      <c r="UWA687" s="613"/>
      <c r="UWB687" s="613"/>
      <c r="UWC687" s="613"/>
      <c r="UWD687" s="613"/>
      <c r="UWE687" s="613"/>
      <c r="UWF687" s="613"/>
      <c r="UWG687" s="613"/>
      <c r="UWH687" s="613"/>
      <c r="UWI687" s="613"/>
      <c r="UWJ687" s="613"/>
      <c r="UWK687" s="613"/>
      <c r="UWL687" s="613"/>
      <c r="UWM687" s="613"/>
      <c r="UWN687" s="613"/>
      <c r="UWO687" s="613"/>
      <c r="UWP687" s="613"/>
      <c r="UWQ687" s="613"/>
      <c r="UWR687" s="613"/>
      <c r="UWS687" s="613"/>
      <c r="UWT687" s="613"/>
      <c r="UWU687" s="613"/>
      <c r="UWV687" s="613"/>
      <c r="UWW687" s="613"/>
      <c r="UWX687" s="613"/>
      <c r="UWY687" s="613"/>
      <c r="UWZ687" s="613"/>
      <c r="UXA687" s="613"/>
      <c r="UXB687" s="613"/>
      <c r="UXC687" s="613"/>
      <c r="UXD687" s="613"/>
      <c r="UXE687" s="613"/>
      <c r="UXF687" s="613"/>
      <c r="UXG687" s="613"/>
      <c r="UXH687" s="613"/>
      <c r="UXI687" s="613"/>
      <c r="UXJ687" s="613"/>
      <c r="UXK687" s="613"/>
      <c r="UXL687" s="613"/>
      <c r="UXM687" s="613"/>
      <c r="UXN687" s="613"/>
      <c r="UXO687" s="613"/>
      <c r="UXP687" s="613"/>
      <c r="UXQ687" s="613"/>
      <c r="UXR687" s="613"/>
      <c r="UXS687" s="613"/>
      <c r="UXT687" s="613"/>
      <c r="UXU687" s="613"/>
      <c r="UXV687" s="613"/>
      <c r="UXW687" s="613"/>
      <c r="UXX687" s="613"/>
      <c r="UXY687" s="613"/>
      <c r="UXZ687" s="613"/>
      <c r="UYA687" s="613"/>
      <c r="UYB687" s="613"/>
      <c r="UYC687" s="613"/>
      <c r="UYD687" s="613"/>
      <c r="UYE687" s="613"/>
      <c r="UYF687" s="613"/>
      <c r="UYG687" s="613"/>
      <c r="UYH687" s="613"/>
      <c r="UYI687" s="613"/>
      <c r="UYJ687" s="613"/>
      <c r="UYK687" s="613"/>
      <c r="UYL687" s="613"/>
      <c r="UYM687" s="613"/>
      <c r="UYN687" s="613"/>
      <c r="UYO687" s="613"/>
      <c r="UYP687" s="613"/>
      <c r="UYQ687" s="613"/>
      <c r="UYR687" s="613"/>
      <c r="UYS687" s="613"/>
      <c r="UYT687" s="613"/>
      <c r="UYU687" s="613"/>
      <c r="UYV687" s="613"/>
      <c r="UYW687" s="613"/>
      <c r="UYX687" s="613"/>
      <c r="UYY687" s="613"/>
      <c r="UYZ687" s="613"/>
      <c r="UZA687" s="613"/>
      <c r="UZB687" s="613"/>
      <c r="UZC687" s="613"/>
      <c r="UZD687" s="613"/>
      <c r="UZE687" s="613"/>
      <c r="UZF687" s="613"/>
      <c r="UZG687" s="613"/>
      <c r="UZH687" s="613"/>
      <c r="UZI687" s="613"/>
      <c r="UZJ687" s="613"/>
      <c r="UZK687" s="613"/>
      <c r="UZL687" s="613"/>
      <c r="UZM687" s="613"/>
      <c r="UZN687" s="613"/>
      <c r="UZO687" s="613"/>
      <c r="UZP687" s="613"/>
      <c r="UZQ687" s="613"/>
      <c r="UZR687" s="613"/>
      <c r="UZS687" s="613"/>
      <c r="UZT687" s="613"/>
      <c r="UZU687" s="613"/>
      <c r="UZV687" s="613"/>
      <c r="UZW687" s="613"/>
      <c r="UZX687" s="613"/>
      <c r="UZY687" s="613"/>
      <c r="UZZ687" s="613"/>
      <c r="VAA687" s="613"/>
      <c r="VAB687" s="613"/>
      <c r="VAC687" s="613"/>
      <c r="VAD687" s="613"/>
      <c r="VAE687" s="613"/>
      <c r="VAF687" s="613"/>
      <c r="VAG687" s="613"/>
      <c r="VAH687" s="613"/>
      <c r="VAI687" s="613"/>
      <c r="VAJ687" s="613"/>
      <c r="VAK687" s="613"/>
      <c r="VAL687" s="613"/>
      <c r="VAM687" s="613"/>
      <c r="VAN687" s="613"/>
      <c r="VAO687" s="613"/>
      <c r="VAP687" s="613"/>
      <c r="VAQ687" s="613"/>
      <c r="VAR687" s="613"/>
      <c r="VAS687" s="613"/>
      <c r="VAT687" s="613"/>
      <c r="VAU687" s="613"/>
      <c r="VAV687" s="613"/>
      <c r="VAW687" s="613"/>
      <c r="VAX687" s="613"/>
      <c r="VAY687" s="613"/>
      <c r="VAZ687" s="613"/>
      <c r="VBA687" s="613"/>
      <c r="VBB687" s="613"/>
      <c r="VBC687" s="613"/>
      <c r="VBD687" s="613"/>
      <c r="VBE687" s="613"/>
      <c r="VBF687" s="613"/>
      <c r="VBG687" s="613"/>
      <c r="VBH687" s="613"/>
      <c r="VBI687" s="613"/>
      <c r="VBJ687" s="613"/>
      <c r="VBK687" s="613"/>
      <c r="VBL687" s="613"/>
      <c r="VBM687" s="613"/>
      <c r="VBN687" s="613"/>
      <c r="VBO687" s="613"/>
      <c r="VBP687" s="613"/>
      <c r="VBQ687" s="613"/>
      <c r="VBR687" s="613"/>
      <c r="VBS687" s="613"/>
      <c r="VBT687" s="613"/>
      <c r="VBU687" s="613"/>
      <c r="VBV687" s="613"/>
      <c r="VBW687" s="613"/>
      <c r="VBX687" s="613"/>
      <c r="VBY687" s="613"/>
      <c r="VBZ687" s="613"/>
      <c r="VCA687" s="613"/>
      <c r="VCB687" s="613"/>
      <c r="VCC687" s="613"/>
      <c r="VCD687" s="613"/>
      <c r="VCE687" s="613"/>
      <c r="VCF687" s="613"/>
      <c r="VCG687" s="613"/>
      <c r="VCH687" s="613"/>
      <c r="VCI687" s="613"/>
      <c r="VCJ687" s="613"/>
      <c r="VCK687" s="613"/>
      <c r="VCL687" s="613"/>
      <c r="VCM687" s="613"/>
      <c r="VCN687" s="613"/>
      <c r="VCO687" s="613"/>
      <c r="VCP687" s="613"/>
      <c r="VCQ687" s="613"/>
      <c r="VCR687" s="613"/>
      <c r="VCS687" s="613"/>
      <c r="VCT687" s="613"/>
      <c r="VCU687" s="613"/>
      <c r="VCV687" s="613"/>
      <c r="VCW687" s="613"/>
      <c r="VCX687" s="613"/>
      <c r="VCY687" s="613"/>
      <c r="VCZ687" s="613"/>
      <c r="VDA687" s="613"/>
      <c r="VDB687" s="613"/>
      <c r="VDC687" s="613"/>
      <c r="VDD687" s="613"/>
      <c r="VDE687" s="613"/>
      <c r="VDF687" s="613"/>
      <c r="VDG687" s="613"/>
      <c r="VDH687" s="613"/>
      <c r="VDI687" s="613"/>
      <c r="VDJ687" s="613"/>
      <c r="VDK687" s="613"/>
      <c r="VDL687" s="613"/>
      <c r="VDM687" s="613"/>
      <c r="VDN687" s="613"/>
      <c r="VDO687" s="613"/>
      <c r="VDP687" s="613"/>
      <c r="VDQ687" s="613"/>
      <c r="VDR687" s="613"/>
      <c r="VDS687" s="613"/>
      <c r="VDT687" s="613"/>
      <c r="VDU687" s="613"/>
      <c r="VDV687" s="613"/>
      <c r="VDW687" s="613"/>
      <c r="VDX687" s="613"/>
      <c r="VDY687" s="613"/>
      <c r="VDZ687" s="613"/>
      <c r="VEA687" s="613"/>
      <c r="VEB687" s="613"/>
      <c r="VEC687" s="613"/>
      <c r="VED687" s="613"/>
      <c r="VEE687" s="613"/>
      <c r="VEF687" s="613"/>
      <c r="VEG687" s="613"/>
      <c r="VEH687" s="613"/>
      <c r="VEI687" s="613"/>
      <c r="VEJ687" s="613"/>
      <c r="VEK687" s="613"/>
      <c r="VEL687" s="613"/>
      <c r="VEM687" s="613"/>
      <c r="VEN687" s="613"/>
      <c r="VEO687" s="613"/>
      <c r="VEP687" s="613"/>
      <c r="VEQ687" s="613"/>
      <c r="VER687" s="613"/>
      <c r="VES687" s="613"/>
      <c r="VET687" s="613"/>
      <c r="VEU687" s="613"/>
      <c r="VEV687" s="613"/>
      <c r="VEW687" s="613"/>
      <c r="VEX687" s="613"/>
      <c r="VEY687" s="613"/>
      <c r="VEZ687" s="613"/>
      <c r="VFA687" s="613"/>
      <c r="VFB687" s="613"/>
      <c r="VFC687" s="613"/>
      <c r="VFD687" s="613"/>
      <c r="VFE687" s="613"/>
      <c r="VFF687" s="613"/>
      <c r="VFG687" s="613"/>
      <c r="VFH687" s="613"/>
      <c r="VFI687" s="613"/>
      <c r="VFJ687" s="613"/>
      <c r="VFK687" s="613"/>
      <c r="VFL687" s="613"/>
      <c r="VFM687" s="613"/>
      <c r="VFN687" s="613"/>
      <c r="VFO687" s="613"/>
      <c r="VFP687" s="613"/>
      <c r="VFQ687" s="613"/>
      <c r="VFR687" s="613"/>
      <c r="VFS687" s="613"/>
      <c r="VFT687" s="613"/>
      <c r="VFU687" s="613"/>
      <c r="VFV687" s="613"/>
      <c r="VFW687" s="613"/>
      <c r="VFX687" s="613"/>
      <c r="VFY687" s="613"/>
      <c r="VFZ687" s="613"/>
      <c r="VGA687" s="613"/>
      <c r="VGB687" s="613"/>
      <c r="VGC687" s="613"/>
      <c r="VGD687" s="613"/>
      <c r="VGE687" s="613"/>
      <c r="VGF687" s="613"/>
      <c r="VGG687" s="613"/>
      <c r="VGH687" s="613"/>
      <c r="VGI687" s="613"/>
      <c r="VGJ687" s="613"/>
      <c r="VGK687" s="613"/>
      <c r="VGL687" s="613"/>
      <c r="VGM687" s="613"/>
      <c r="VGN687" s="613"/>
      <c r="VGO687" s="613"/>
      <c r="VGP687" s="613"/>
      <c r="VGQ687" s="613"/>
      <c r="VGR687" s="613"/>
      <c r="VGS687" s="613"/>
      <c r="VGT687" s="613"/>
      <c r="VGU687" s="613"/>
      <c r="VGV687" s="613"/>
      <c r="VGW687" s="613"/>
      <c r="VGX687" s="613"/>
      <c r="VGY687" s="613"/>
      <c r="VGZ687" s="613"/>
      <c r="VHA687" s="613"/>
      <c r="VHB687" s="613"/>
      <c r="VHC687" s="613"/>
      <c r="VHD687" s="613"/>
      <c r="VHE687" s="613"/>
      <c r="VHF687" s="613"/>
      <c r="VHG687" s="613"/>
      <c r="VHH687" s="613"/>
      <c r="VHI687" s="613"/>
      <c r="VHJ687" s="613"/>
      <c r="VHK687" s="613"/>
      <c r="VHL687" s="613"/>
      <c r="VHM687" s="613"/>
      <c r="VHN687" s="613"/>
      <c r="VHO687" s="613"/>
      <c r="VHP687" s="613"/>
      <c r="VHQ687" s="613"/>
      <c r="VHR687" s="613"/>
      <c r="VHS687" s="613"/>
      <c r="VHT687" s="613"/>
      <c r="VHU687" s="613"/>
      <c r="VHV687" s="613"/>
      <c r="VHW687" s="613"/>
      <c r="VHX687" s="613"/>
      <c r="VHY687" s="613"/>
      <c r="VHZ687" s="613"/>
      <c r="VIA687" s="613"/>
      <c r="VIB687" s="613"/>
      <c r="VIC687" s="613"/>
      <c r="VID687" s="613"/>
      <c r="VIE687" s="613"/>
      <c r="VIF687" s="613"/>
      <c r="VIG687" s="613"/>
      <c r="VIH687" s="613"/>
      <c r="VII687" s="613"/>
      <c r="VIJ687" s="613"/>
      <c r="VIK687" s="613"/>
      <c r="VIL687" s="613"/>
      <c r="VIM687" s="613"/>
      <c r="VIN687" s="613"/>
      <c r="VIO687" s="613"/>
      <c r="VIP687" s="613"/>
      <c r="VIQ687" s="613"/>
      <c r="VIR687" s="613"/>
      <c r="VIS687" s="613"/>
      <c r="VIT687" s="613"/>
      <c r="VIU687" s="613"/>
      <c r="VIV687" s="613"/>
      <c r="VIW687" s="613"/>
      <c r="VIX687" s="613"/>
      <c r="VIY687" s="613"/>
      <c r="VIZ687" s="613"/>
      <c r="VJA687" s="613"/>
      <c r="VJB687" s="613"/>
      <c r="VJC687" s="613"/>
      <c r="VJD687" s="613"/>
      <c r="VJE687" s="613"/>
      <c r="VJF687" s="613"/>
      <c r="VJG687" s="613"/>
      <c r="VJH687" s="613"/>
      <c r="VJI687" s="613"/>
      <c r="VJJ687" s="613"/>
      <c r="VJK687" s="613"/>
      <c r="VJL687" s="613"/>
      <c r="VJM687" s="613"/>
      <c r="VJN687" s="613"/>
      <c r="VJO687" s="613"/>
      <c r="VJP687" s="613"/>
      <c r="VJQ687" s="613"/>
      <c r="VJR687" s="613"/>
      <c r="VJS687" s="613"/>
      <c r="VJT687" s="613"/>
      <c r="VJU687" s="613"/>
      <c r="VJV687" s="613"/>
      <c r="VJW687" s="613"/>
      <c r="VJX687" s="613"/>
      <c r="VJY687" s="613"/>
      <c r="VJZ687" s="613"/>
      <c r="VKA687" s="613"/>
      <c r="VKB687" s="613"/>
      <c r="VKC687" s="613"/>
      <c r="VKD687" s="613"/>
      <c r="VKE687" s="613"/>
      <c r="VKF687" s="613"/>
      <c r="VKG687" s="613"/>
      <c r="VKH687" s="613"/>
      <c r="VKI687" s="613"/>
      <c r="VKJ687" s="613"/>
      <c r="VKK687" s="613"/>
      <c r="VKL687" s="613"/>
      <c r="VKM687" s="613"/>
      <c r="VKN687" s="613"/>
      <c r="VKO687" s="613"/>
      <c r="VKP687" s="613"/>
      <c r="VKQ687" s="613"/>
      <c r="VKR687" s="613"/>
      <c r="VKS687" s="613"/>
      <c r="VKT687" s="613"/>
      <c r="VKU687" s="613"/>
      <c r="VKV687" s="613"/>
      <c r="VKW687" s="613"/>
      <c r="VKX687" s="613"/>
      <c r="VKY687" s="613"/>
      <c r="VKZ687" s="613"/>
      <c r="VLA687" s="613"/>
      <c r="VLB687" s="613"/>
      <c r="VLC687" s="613"/>
      <c r="VLD687" s="613"/>
      <c r="VLE687" s="613"/>
      <c r="VLF687" s="613"/>
      <c r="VLG687" s="613"/>
      <c r="VLH687" s="613"/>
      <c r="VLI687" s="613"/>
      <c r="VLJ687" s="613"/>
      <c r="VLK687" s="613"/>
      <c r="VLL687" s="613"/>
      <c r="VLM687" s="613"/>
      <c r="VLN687" s="613"/>
      <c r="VLO687" s="613"/>
      <c r="VLP687" s="613"/>
      <c r="VLQ687" s="613"/>
      <c r="VLR687" s="613"/>
      <c r="VLS687" s="613"/>
      <c r="VLT687" s="613"/>
      <c r="VLU687" s="613"/>
      <c r="VLV687" s="613"/>
      <c r="VLW687" s="613"/>
      <c r="VLX687" s="613"/>
      <c r="VLY687" s="613"/>
      <c r="VLZ687" s="613"/>
      <c r="VMA687" s="613"/>
      <c r="VMB687" s="613"/>
      <c r="VMC687" s="613"/>
      <c r="VMD687" s="613"/>
      <c r="VME687" s="613"/>
      <c r="VMF687" s="613"/>
      <c r="VMG687" s="613"/>
      <c r="VMH687" s="613"/>
      <c r="VMI687" s="613"/>
      <c r="VMJ687" s="613"/>
      <c r="VMK687" s="613"/>
      <c r="VML687" s="613"/>
      <c r="VMM687" s="613"/>
      <c r="VMN687" s="613"/>
      <c r="VMO687" s="613"/>
      <c r="VMP687" s="613"/>
      <c r="VMQ687" s="613"/>
      <c r="VMR687" s="613"/>
      <c r="VMS687" s="613"/>
      <c r="VMT687" s="613"/>
      <c r="VMU687" s="613"/>
      <c r="VMV687" s="613"/>
      <c r="VMW687" s="613"/>
      <c r="VMX687" s="613"/>
      <c r="VMY687" s="613"/>
      <c r="VMZ687" s="613"/>
      <c r="VNA687" s="613"/>
      <c r="VNB687" s="613"/>
      <c r="VNC687" s="613"/>
      <c r="VND687" s="613"/>
      <c r="VNE687" s="613"/>
      <c r="VNF687" s="613"/>
      <c r="VNG687" s="613"/>
      <c r="VNH687" s="613"/>
      <c r="VNI687" s="613"/>
      <c r="VNJ687" s="613"/>
      <c r="VNK687" s="613"/>
      <c r="VNL687" s="613"/>
      <c r="VNM687" s="613"/>
      <c r="VNN687" s="613"/>
      <c r="VNO687" s="613"/>
      <c r="VNP687" s="613"/>
      <c r="VNQ687" s="613"/>
      <c r="VNR687" s="613"/>
      <c r="VNS687" s="613"/>
      <c r="VNT687" s="613"/>
      <c r="VNU687" s="613"/>
      <c r="VNV687" s="613"/>
      <c r="VNW687" s="613"/>
      <c r="VNX687" s="613"/>
      <c r="VNY687" s="613"/>
      <c r="VNZ687" s="613"/>
      <c r="VOA687" s="613"/>
      <c r="VOB687" s="613"/>
      <c r="VOC687" s="613"/>
      <c r="VOD687" s="613"/>
      <c r="VOE687" s="613"/>
      <c r="VOF687" s="613"/>
      <c r="VOG687" s="613"/>
      <c r="VOH687" s="613"/>
      <c r="VOI687" s="613"/>
      <c r="VOJ687" s="613"/>
      <c r="VOK687" s="613"/>
      <c r="VOL687" s="613"/>
      <c r="VOM687" s="613"/>
      <c r="VON687" s="613"/>
      <c r="VOO687" s="613"/>
      <c r="VOP687" s="613"/>
      <c r="VOQ687" s="613"/>
      <c r="VOR687" s="613"/>
      <c r="VOS687" s="613"/>
      <c r="VOT687" s="613"/>
      <c r="VOU687" s="613"/>
      <c r="VOV687" s="613"/>
      <c r="VOW687" s="613"/>
      <c r="VOX687" s="613"/>
      <c r="VOY687" s="613"/>
      <c r="VOZ687" s="613"/>
      <c r="VPA687" s="613"/>
      <c r="VPB687" s="613"/>
      <c r="VPC687" s="613"/>
      <c r="VPD687" s="613"/>
      <c r="VPE687" s="613"/>
      <c r="VPF687" s="613"/>
      <c r="VPG687" s="613"/>
      <c r="VPH687" s="613"/>
      <c r="VPI687" s="613"/>
      <c r="VPJ687" s="613"/>
      <c r="VPK687" s="613"/>
      <c r="VPL687" s="613"/>
      <c r="VPM687" s="613"/>
      <c r="VPN687" s="613"/>
      <c r="VPO687" s="613"/>
      <c r="VPP687" s="613"/>
      <c r="VPQ687" s="613"/>
      <c r="VPR687" s="613"/>
      <c r="VPS687" s="613"/>
      <c r="VPT687" s="613"/>
      <c r="VPU687" s="613"/>
      <c r="VPV687" s="613"/>
      <c r="VPW687" s="613"/>
      <c r="VPX687" s="613"/>
      <c r="VPY687" s="613"/>
      <c r="VPZ687" s="613"/>
      <c r="VQA687" s="613"/>
      <c r="VQB687" s="613"/>
      <c r="VQC687" s="613"/>
      <c r="VQD687" s="613"/>
      <c r="VQE687" s="613"/>
      <c r="VQF687" s="613"/>
      <c r="VQG687" s="613"/>
      <c r="VQH687" s="613"/>
      <c r="VQI687" s="613"/>
      <c r="VQJ687" s="613"/>
      <c r="VQK687" s="613"/>
      <c r="VQL687" s="613"/>
      <c r="VQM687" s="613"/>
      <c r="VQN687" s="613"/>
      <c r="VQO687" s="613"/>
      <c r="VQP687" s="613"/>
      <c r="VQQ687" s="613"/>
      <c r="VQR687" s="613"/>
      <c r="VQS687" s="613"/>
      <c r="VQT687" s="613"/>
      <c r="VQU687" s="613"/>
      <c r="VQV687" s="613"/>
      <c r="VQW687" s="613"/>
      <c r="VQX687" s="613"/>
      <c r="VQY687" s="613"/>
      <c r="VQZ687" s="613"/>
      <c r="VRA687" s="613"/>
      <c r="VRB687" s="613"/>
      <c r="VRC687" s="613"/>
      <c r="VRD687" s="613"/>
      <c r="VRE687" s="613"/>
      <c r="VRF687" s="613"/>
      <c r="VRG687" s="613"/>
      <c r="VRH687" s="613"/>
      <c r="VRI687" s="613"/>
      <c r="VRJ687" s="613"/>
      <c r="VRK687" s="613"/>
      <c r="VRL687" s="613"/>
      <c r="VRM687" s="613"/>
      <c r="VRN687" s="613"/>
      <c r="VRO687" s="613"/>
      <c r="VRP687" s="613"/>
      <c r="VRQ687" s="613"/>
      <c r="VRR687" s="613"/>
      <c r="VRS687" s="613"/>
      <c r="VRT687" s="613"/>
      <c r="VRU687" s="613"/>
      <c r="VRV687" s="613"/>
      <c r="VRW687" s="613"/>
      <c r="VRX687" s="613"/>
      <c r="VRY687" s="613"/>
      <c r="VRZ687" s="613"/>
      <c r="VSA687" s="613"/>
      <c r="VSB687" s="613"/>
      <c r="VSC687" s="613"/>
      <c r="VSD687" s="613"/>
      <c r="VSE687" s="613"/>
      <c r="VSF687" s="613"/>
      <c r="VSG687" s="613"/>
      <c r="VSH687" s="613"/>
      <c r="VSI687" s="613"/>
      <c r="VSJ687" s="613"/>
      <c r="VSK687" s="613"/>
      <c r="VSL687" s="613"/>
      <c r="VSM687" s="613"/>
      <c r="VSN687" s="613"/>
      <c r="VSO687" s="613"/>
      <c r="VSP687" s="613"/>
      <c r="VSQ687" s="613"/>
      <c r="VSR687" s="613"/>
      <c r="VSS687" s="613"/>
      <c r="VST687" s="613"/>
      <c r="VSU687" s="613"/>
      <c r="VSV687" s="613"/>
      <c r="VSW687" s="613"/>
      <c r="VSX687" s="613"/>
      <c r="VSY687" s="613"/>
      <c r="VSZ687" s="613"/>
      <c r="VTA687" s="613"/>
      <c r="VTB687" s="613"/>
      <c r="VTC687" s="613"/>
      <c r="VTD687" s="613"/>
      <c r="VTE687" s="613"/>
      <c r="VTF687" s="613"/>
      <c r="VTG687" s="613"/>
      <c r="VTH687" s="613"/>
      <c r="VTI687" s="613"/>
      <c r="VTJ687" s="613"/>
      <c r="VTK687" s="613"/>
      <c r="VTL687" s="613"/>
      <c r="VTM687" s="613"/>
      <c r="VTN687" s="613"/>
      <c r="VTO687" s="613"/>
      <c r="VTP687" s="613"/>
      <c r="VTQ687" s="613"/>
      <c r="VTR687" s="613"/>
      <c r="VTS687" s="613"/>
      <c r="VTT687" s="613"/>
      <c r="VTU687" s="613"/>
      <c r="VTV687" s="613"/>
      <c r="VTW687" s="613"/>
      <c r="VTX687" s="613"/>
      <c r="VTY687" s="613"/>
      <c r="VTZ687" s="613"/>
      <c r="VUA687" s="613"/>
      <c r="VUB687" s="613"/>
      <c r="VUC687" s="613"/>
      <c r="VUD687" s="613"/>
      <c r="VUE687" s="613"/>
      <c r="VUF687" s="613"/>
      <c r="VUG687" s="613"/>
      <c r="VUH687" s="613"/>
      <c r="VUI687" s="613"/>
      <c r="VUJ687" s="613"/>
      <c r="VUK687" s="613"/>
      <c r="VUL687" s="613"/>
      <c r="VUM687" s="613"/>
      <c r="VUN687" s="613"/>
      <c r="VUO687" s="613"/>
      <c r="VUP687" s="613"/>
      <c r="VUQ687" s="613"/>
      <c r="VUR687" s="613"/>
      <c r="VUS687" s="613"/>
      <c r="VUT687" s="613"/>
      <c r="VUU687" s="613"/>
      <c r="VUV687" s="613"/>
      <c r="VUW687" s="613"/>
      <c r="VUX687" s="613"/>
      <c r="VUY687" s="613"/>
      <c r="VUZ687" s="613"/>
      <c r="VVA687" s="613"/>
      <c r="VVB687" s="613"/>
      <c r="VVC687" s="613"/>
      <c r="VVD687" s="613"/>
      <c r="VVE687" s="613"/>
      <c r="VVF687" s="613"/>
      <c r="VVG687" s="613"/>
      <c r="VVH687" s="613"/>
      <c r="VVI687" s="613"/>
      <c r="VVJ687" s="613"/>
      <c r="VVK687" s="613"/>
      <c r="VVL687" s="613"/>
      <c r="VVM687" s="613"/>
      <c r="VVN687" s="613"/>
      <c r="VVO687" s="613"/>
      <c r="VVP687" s="613"/>
      <c r="VVQ687" s="613"/>
      <c r="VVR687" s="613"/>
      <c r="VVS687" s="613"/>
      <c r="VVT687" s="613"/>
      <c r="VVU687" s="613"/>
      <c r="VVV687" s="613"/>
      <c r="VVW687" s="613"/>
      <c r="VVX687" s="613"/>
      <c r="VVY687" s="613"/>
      <c r="VVZ687" s="613"/>
      <c r="VWA687" s="613"/>
      <c r="VWB687" s="613"/>
      <c r="VWC687" s="613"/>
      <c r="VWD687" s="613"/>
      <c r="VWE687" s="613"/>
      <c r="VWF687" s="613"/>
      <c r="VWG687" s="613"/>
      <c r="VWH687" s="613"/>
      <c r="VWI687" s="613"/>
      <c r="VWJ687" s="613"/>
      <c r="VWK687" s="613"/>
      <c r="VWL687" s="613"/>
      <c r="VWM687" s="613"/>
      <c r="VWN687" s="613"/>
      <c r="VWO687" s="613"/>
      <c r="VWP687" s="613"/>
      <c r="VWQ687" s="613"/>
      <c r="VWR687" s="613"/>
      <c r="VWS687" s="613"/>
      <c r="VWT687" s="613"/>
      <c r="VWU687" s="613"/>
      <c r="VWV687" s="613"/>
      <c r="VWW687" s="613"/>
      <c r="VWX687" s="613"/>
      <c r="VWY687" s="613"/>
      <c r="VWZ687" s="613"/>
      <c r="VXA687" s="613"/>
      <c r="VXB687" s="613"/>
      <c r="VXC687" s="613"/>
      <c r="VXD687" s="613"/>
      <c r="VXE687" s="613"/>
      <c r="VXF687" s="613"/>
      <c r="VXG687" s="613"/>
      <c r="VXH687" s="613"/>
      <c r="VXI687" s="613"/>
      <c r="VXJ687" s="613"/>
      <c r="VXK687" s="613"/>
      <c r="VXL687" s="613"/>
      <c r="VXM687" s="613"/>
      <c r="VXN687" s="613"/>
      <c r="VXO687" s="613"/>
      <c r="VXP687" s="613"/>
      <c r="VXQ687" s="613"/>
      <c r="VXR687" s="613"/>
      <c r="VXS687" s="613"/>
      <c r="VXT687" s="613"/>
      <c r="VXU687" s="613"/>
      <c r="VXV687" s="613"/>
      <c r="VXW687" s="613"/>
      <c r="VXX687" s="613"/>
      <c r="VXY687" s="613"/>
      <c r="VXZ687" s="613"/>
      <c r="VYA687" s="613"/>
      <c r="VYB687" s="613"/>
      <c r="VYC687" s="613"/>
      <c r="VYD687" s="613"/>
      <c r="VYE687" s="613"/>
      <c r="VYF687" s="613"/>
      <c r="VYG687" s="613"/>
      <c r="VYH687" s="613"/>
      <c r="VYI687" s="613"/>
      <c r="VYJ687" s="613"/>
      <c r="VYK687" s="613"/>
      <c r="VYL687" s="613"/>
      <c r="VYM687" s="613"/>
      <c r="VYN687" s="613"/>
      <c r="VYO687" s="613"/>
      <c r="VYP687" s="613"/>
      <c r="VYQ687" s="613"/>
      <c r="VYR687" s="613"/>
      <c r="VYS687" s="613"/>
      <c r="VYT687" s="613"/>
      <c r="VYU687" s="613"/>
      <c r="VYV687" s="613"/>
      <c r="VYW687" s="613"/>
      <c r="VYX687" s="613"/>
      <c r="VYY687" s="613"/>
      <c r="VYZ687" s="613"/>
      <c r="VZA687" s="613"/>
      <c r="VZB687" s="613"/>
      <c r="VZC687" s="613"/>
      <c r="VZD687" s="613"/>
      <c r="VZE687" s="613"/>
      <c r="VZF687" s="613"/>
      <c r="VZG687" s="613"/>
      <c r="VZH687" s="613"/>
      <c r="VZI687" s="613"/>
      <c r="VZJ687" s="613"/>
      <c r="VZK687" s="613"/>
      <c r="VZL687" s="613"/>
      <c r="VZM687" s="613"/>
      <c r="VZN687" s="613"/>
      <c r="VZO687" s="613"/>
      <c r="VZP687" s="613"/>
      <c r="VZQ687" s="613"/>
      <c r="VZR687" s="613"/>
      <c r="VZS687" s="613"/>
      <c r="VZT687" s="613"/>
      <c r="VZU687" s="613"/>
      <c r="VZV687" s="613"/>
      <c r="VZW687" s="613"/>
      <c r="VZX687" s="613"/>
      <c r="VZY687" s="613"/>
      <c r="VZZ687" s="613"/>
      <c r="WAA687" s="613"/>
      <c r="WAB687" s="613"/>
      <c r="WAC687" s="613"/>
      <c r="WAD687" s="613"/>
      <c r="WAE687" s="613"/>
      <c r="WAF687" s="613"/>
      <c r="WAG687" s="613"/>
      <c r="WAH687" s="613"/>
      <c r="WAI687" s="613"/>
      <c r="WAJ687" s="613"/>
      <c r="WAK687" s="613"/>
      <c r="WAL687" s="613"/>
      <c r="WAM687" s="613"/>
      <c r="WAN687" s="613"/>
      <c r="WAO687" s="613"/>
      <c r="WAP687" s="613"/>
      <c r="WAQ687" s="613"/>
      <c r="WAR687" s="613"/>
      <c r="WAS687" s="613"/>
      <c r="WAT687" s="613"/>
      <c r="WAU687" s="613"/>
      <c r="WAV687" s="613"/>
      <c r="WAW687" s="613"/>
      <c r="WAX687" s="613"/>
      <c r="WAY687" s="613"/>
      <c r="WAZ687" s="613"/>
      <c r="WBA687" s="613"/>
      <c r="WBB687" s="613"/>
      <c r="WBC687" s="613"/>
      <c r="WBD687" s="613"/>
      <c r="WBE687" s="613"/>
      <c r="WBF687" s="613"/>
      <c r="WBG687" s="613"/>
      <c r="WBH687" s="613"/>
      <c r="WBI687" s="613"/>
      <c r="WBJ687" s="613"/>
      <c r="WBK687" s="613"/>
      <c r="WBL687" s="613"/>
      <c r="WBM687" s="613"/>
      <c r="WBN687" s="613"/>
      <c r="WBO687" s="613"/>
      <c r="WBP687" s="613"/>
      <c r="WBQ687" s="613"/>
      <c r="WBR687" s="613"/>
      <c r="WBS687" s="613"/>
      <c r="WBT687" s="613"/>
      <c r="WBU687" s="613"/>
      <c r="WBV687" s="613"/>
      <c r="WBW687" s="613"/>
      <c r="WBX687" s="613"/>
      <c r="WBY687" s="613"/>
      <c r="WBZ687" s="613"/>
      <c r="WCA687" s="613"/>
      <c r="WCB687" s="613"/>
      <c r="WCC687" s="613"/>
      <c r="WCD687" s="613"/>
      <c r="WCE687" s="613"/>
      <c r="WCF687" s="613"/>
      <c r="WCG687" s="613"/>
      <c r="WCH687" s="613"/>
      <c r="WCI687" s="613"/>
      <c r="WCJ687" s="613"/>
      <c r="WCK687" s="613"/>
      <c r="WCL687" s="613"/>
      <c r="WCM687" s="613"/>
      <c r="WCN687" s="613"/>
      <c r="WCO687" s="613"/>
      <c r="WCP687" s="613"/>
      <c r="WCQ687" s="613"/>
      <c r="WCR687" s="613"/>
      <c r="WCS687" s="613"/>
      <c r="WCT687" s="613"/>
      <c r="WCU687" s="613"/>
      <c r="WCV687" s="613"/>
      <c r="WCW687" s="613"/>
      <c r="WCX687" s="613"/>
      <c r="WCY687" s="613"/>
      <c r="WCZ687" s="613"/>
      <c r="WDA687" s="613"/>
      <c r="WDB687" s="613"/>
      <c r="WDC687" s="613"/>
      <c r="WDD687" s="613"/>
      <c r="WDE687" s="613"/>
      <c r="WDF687" s="613"/>
      <c r="WDG687" s="613"/>
      <c r="WDH687" s="613"/>
      <c r="WDI687" s="613"/>
      <c r="WDJ687" s="613"/>
      <c r="WDK687" s="613"/>
      <c r="WDL687" s="613"/>
      <c r="WDM687" s="613"/>
      <c r="WDN687" s="613"/>
      <c r="WDO687" s="613"/>
      <c r="WDP687" s="613"/>
      <c r="WDQ687" s="613"/>
      <c r="WDR687" s="613"/>
      <c r="WDS687" s="613"/>
      <c r="WDT687" s="613"/>
      <c r="WDU687" s="613"/>
      <c r="WDV687" s="613"/>
      <c r="WDW687" s="613"/>
      <c r="WDX687" s="613"/>
      <c r="WDY687" s="613"/>
      <c r="WDZ687" s="613"/>
      <c r="WEA687" s="613"/>
      <c r="WEB687" s="613"/>
      <c r="WEC687" s="613"/>
      <c r="WED687" s="613"/>
      <c r="WEE687" s="613"/>
      <c r="WEF687" s="613"/>
      <c r="WEG687" s="613"/>
      <c r="WEH687" s="613"/>
      <c r="WEI687" s="613"/>
      <c r="WEJ687" s="613"/>
      <c r="WEK687" s="613"/>
      <c r="WEL687" s="613"/>
      <c r="WEM687" s="613"/>
      <c r="WEN687" s="613"/>
      <c r="WEO687" s="613"/>
      <c r="WEP687" s="613"/>
      <c r="WEQ687" s="613"/>
      <c r="WER687" s="613"/>
      <c r="WES687" s="613"/>
      <c r="WET687" s="613"/>
      <c r="WEU687" s="613"/>
      <c r="WEV687" s="613"/>
      <c r="WEW687" s="613"/>
      <c r="WEX687" s="613"/>
      <c r="WEY687" s="613"/>
      <c r="WEZ687" s="613"/>
      <c r="WFA687" s="613"/>
      <c r="WFB687" s="613"/>
      <c r="WFC687" s="613"/>
      <c r="WFD687" s="613"/>
      <c r="WFE687" s="613"/>
      <c r="WFF687" s="613"/>
      <c r="WFG687" s="613"/>
      <c r="WFH687" s="613"/>
      <c r="WFI687" s="613"/>
      <c r="WFJ687" s="613"/>
      <c r="WFK687" s="613"/>
      <c r="WFL687" s="613"/>
      <c r="WFM687" s="613"/>
      <c r="WFN687" s="613"/>
      <c r="WFO687" s="613"/>
      <c r="WFP687" s="613"/>
      <c r="WFQ687" s="613"/>
      <c r="WFR687" s="613"/>
      <c r="WFS687" s="613"/>
      <c r="WFT687" s="613"/>
      <c r="WFU687" s="613"/>
      <c r="WFV687" s="613"/>
      <c r="WFW687" s="613"/>
      <c r="WFX687" s="613"/>
      <c r="WFY687" s="613"/>
      <c r="WFZ687" s="613"/>
      <c r="WGA687" s="613"/>
      <c r="WGB687" s="613"/>
      <c r="WGC687" s="613"/>
      <c r="WGD687" s="613"/>
      <c r="WGE687" s="613"/>
      <c r="WGF687" s="613"/>
      <c r="WGG687" s="613"/>
      <c r="WGH687" s="613"/>
      <c r="WGI687" s="613"/>
      <c r="WGJ687" s="613"/>
      <c r="WGK687" s="613"/>
      <c r="WGL687" s="613"/>
      <c r="WGM687" s="613"/>
      <c r="WGN687" s="613"/>
      <c r="WGO687" s="613"/>
      <c r="WGP687" s="613"/>
      <c r="WGQ687" s="613"/>
      <c r="WGR687" s="613"/>
      <c r="WGS687" s="613"/>
      <c r="WGT687" s="613"/>
      <c r="WGU687" s="613"/>
      <c r="WGV687" s="613"/>
      <c r="WGW687" s="613"/>
      <c r="WGX687" s="613"/>
      <c r="WGY687" s="613"/>
      <c r="WGZ687" s="613"/>
      <c r="WHA687" s="613"/>
      <c r="WHB687" s="613"/>
      <c r="WHC687" s="613"/>
      <c r="WHD687" s="613"/>
      <c r="WHE687" s="613"/>
      <c r="WHF687" s="613"/>
      <c r="WHG687" s="613"/>
      <c r="WHH687" s="613"/>
      <c r="WHI687" s="613"/>
      <c r="WHJ687" s="613"/>
      <c r="WHK687" s="613"/>
      <c r="WHL687" s="613"/>
      <c r="WHM687" s="613"/>
      <c r="WHN687" s="613"/>
      <c r="WHO687" s="613"/>
      <c r="WHP687" s="613"/>
      <c r="WHQ687" s="613"/>
      <c r="WHR687" s="613"/>
      <c r="WHS687" s="613"/>
      <c r="WHT687" s="613"/>
      <c r="WHU687" s="613"/>
      <c r="WHV687" s="613"/>
      <c r="WHW687" s="613"/>
      <c r="WHX687" s="613"/>
      <c r="WHY687" s="613"/>
      <c r="WHZ687" s="613"/>
      <c r="WIA687" s="613"/>
      <c r="WIB687" s="613"/>
      <c r="WIC687" s="613"/>
      <c r="WID687" s="613"/>
      <c r="WIE687" s="613"/>
      <c r="WIF687" s="613"/>
      <c r="WIG687" s="613"/>
      <c r="WIH687" s="613"/>
      <c r="WII687" s="613"/>
      <c r="WIJ687" s="613"/>
      <c r="WIK687" s="613"/>
      <c r="WIL687" s="613"/>
      <c r="WIM687" s="613"/>
      <c r="WIN687" s="613"/>
      <c r="WIO687" s="613"/>
      <c r="WIP687" s="613"/>
      <c r="WIQ687" s="613"/>
      <c r="WIR687" s="613"/>
      <c r="WIS687" s="613"/>
      <c r="WIT687" s="613"/>
      <c r="WIU687" s="613"/>
      <c r="WIV687" s="613"/>
      <c r="WIW687" s="613"/>
      <c r="WIX687" s="613"/>
      <c r="WIY687" s="613"/>
      <c r="WIZ687" s="613"/>
      <c r="WJA687" s="613"/>
      <c r="WJB687" s="613"/>
      <c r="WJC687" s="613"/>
      <c r="WJD687" s="613"/>
      <c r="WJE687" s="613"/>
      <c r="WJF687" s="613"/>
      <c r="WJG687" s="613"/>
      <c r="WJH687" s="613"/>
      <c r="WJI687" s="613"/>
      <c r="WJJ687" s="613"/>
      <c r="WJK687" s="613"/>
      <c r="WJL687" s="613"/>
      <c r="WJM687" s="613"/>
      <c r="WJN687" s="613"/>
      <c r="WJO687" s="613"/>
      <c r="WJP687" s="613"/>
      <c r="WJQ687" s="613"/>
      <c r="WJR687" s="613"/>
      <c r="WJS687" s="613"/>
      <c r="WJT687" s="613"/>
      <c r="WJU687" s="613"/>
      <c r="WJV687" s="613"/>
      <c r="WJW687" s="613"/>
      <c r="WJX687" s="613"/>
      <c r="WJY687" s="613"/>
      <c r="WJZ687" s="613"/>
      <c r="WKA687" s="613"/>
      <c r="WKB687" s="613"/>
      <c r="WKC687" s="613"/>
      <c r="WKD687" s="613"/>
      <c r="WKE687" s="613"/>
      <c r="WKF687" s="613"/>
      <c r="WKG687" s="613"/>
      <c r="WKH687" s="613"/>
      <c r="WKI687" s="613"/>
      <c r="WKJ687" s="613"/>
      <c r="WKK687" s="613"/>
      <c r="WKL687" s="613"/>
      <c r="WKM687" s="613"/>
      <c r="WKN687" s="613"/>
      <c r="WKO687" s="613"/>
      <c r="WKP687" s="613"/>
      <c r="WKQ687" s="613"/>
      <c r="WKR687" s="613"/>
      <c r="WKS687" s="613"/>
      <c r="WKT687" s="613"/>
      <c r="WKU687" s="613"/>
      <c r="WKV687" s="613"/>
      <c r="WKW687" s="613"/>
      <c r="WKX687" s="613"/>
      <c r="WKY687" s="613"/>
      <c r="WKZ687" s="613"/>
      <c r="WLA687" s="613"/>
      <c r="WLB687" s="613"/>
      <c r="WLC687" s="613"/>
      <c r="WLD687" s="613"/>
      <c r="WLE687" s="613"/>
      <c r="WLF687" s="613"/>
      <c r="WLG687" s="613"/>
      <c r="WLH687" s="613"/>
      <c r="WLI687" s="613"/>
      <c r="WLJ687" s="613"/>
      <c r="WLK687" s="613"/>
      <c r="WLL687" s="613"/>
      <c r="WLM687" s="613"/>
      <c r="WLN687" s="613"/>
      <c r="WLO687" s="613"/>
      <c r="WLP687" s="613"/>
      <c r="WLQ687" s="613"/>
      <c r="WLR687" s="613"/>
      <c r="WLS687" s="613"/>
      <c r="WLT687" s="613"/>
      <c r="WLU687" s="613"/>
      <c r="WLV687" s="613"/>
      <c r="WLW687" s="613"/>
      <c r="WLX687" s="613"/>
      <c r="WLY687" s="613"/>
      <c r="WLZ687" s="613"/>
      <c r="WMA687" s="613"/>
      <c r="WMB687" s="613"/>
      <c r="WMC687" s="613"/>
      <c r="WMD687" s="613"/>
      <c r="WME687" s="613"/>
      <c r="WMF687" s="613"/>
      <c r="WMG687" s="613"/>
      <c r="WMH687" s="613"/>
      <c r="WMI687" s="613"/>
      <c r="WMJ687" s="613"/>
      <c r="WMK687" s="613"/>
      <c r="WML687" s="613"/>
      <c r="WMM687" s="613"/>
      <c r="WMN687" s="613"/>
      <c r="WMO687" s="613"/>
      <c r="WMP687" s="613"/>
      <c r="WMQ687" s="613"/>
      <c r="WMR687" s="613"/>
      <c r="WMS687" s="613"/>
      <c r="WMT687" s="613"/>
      <c r="WMU687" s="613"/>
      <c r="WMV687" s="613"/>
      <c r="WMW687" s="613"/>
      <c r="WMX687" s="613"/>
      <c r="WMY687" s="613"/>
      <c r="WMZ687" s="613"/>
      <c r="WNA687" s="613"/>
      <c r="WNB687" s="613"/>
      <c r="WNC687" s="613"/>
      <c r="WND687" s="613"/>
      <c r="WNE687" s="613"/>
      <c r="WNF687" s="613"/>
      <c r="WNG687" s="613"/>
      <c r="WNH687" s="613"/>
      <c r="WNI687" s="613"/>
      <c r="WNJ687" s="613"/>
      <c r="WNK687" s="613"/>
      <c r="WNL687" s="613"/>
      <c r="WNM687" s="613"/>
      <c r="WNN687" s="613"/>
      <c r="WNO687" s="613"/>
      <c r="WNP687" s="613"/>
      <c r="WNQ687" s="613"/>
      <c r="WNR687" s="613"/>
      <c r="WNS687" s="613"/>
      <c r="WNT687" s="613"/>
      <c r="WNU687" s="613"/>
      <c r="WNV687" s="613"/>
      <c r="WNW687" s="613"/>
      <c r="WNX687" s="613"/>
      <c r="WNY687" s="613"/>
      <c r="WNZ687" s="613"/>
      <c r="WOA687" s="613"/>
      <c r="WOB687" s="613"/>
      <c r="WOC687" s="613"/>
      <c r="WOD687" s="613"/>
      <c r="WOE687" s="613"/>
      <c r="WOF687" s="613"/>
      <c r="WOG687" s="613"/>
      <c r="WOH687" s="613"/>
      <c r="WOI687" s="613"/>
      <c r="WOJ687" s="613"/>
      <c r="WOK687" s="613"/>
      <c r="WOL687" s="613"/>
      <c r="WOM687" s="613"/>
      <c r="WON687" s="613"/>
      <c r="WOO687" s="613"/>
      <c r="WOP687" s="613"/>
      <c r="WOQ687" s="613"/>
      <c r="WOR687" s="613"/>
      <c r="WOS687" s="613"/>
      <c r="WOT687" s="613"/>
      <c r="WOU687" s="613"/>
      <c r="WOV687" s="613"/>
      <c r="WOW687" s="613"/>
      <c r="WOX687" s="613"/>
      <c r="WOY687" s="613"/>
      <c r="WOZ687" s="613"/>
      <c r="WPA687" s="613"/>
      <c r="WPB687" s="613"/>
      <c r="WPC687" s="613"/>
      <c r="WPD687" s="613"/>
      <c r="WPE687" s="613"/>
      <c r="WPF687" s="613"/>
      <c r="WPG687" s="613"/>
      <c r="WPH687" s="613"/>
      <c r="WPI687" s="613"/>
      <c r="WPJ687" s="613"/>
      <c r="WPK687" s="613"/>
      <c r="WPL687" s="613"/>
      <c r="WPM687" s="613"/>
      <c r="WPN687" s="613"/>
      <c r="WPO687" s="613"/>
      <c r="WPP687" s="613"/>
      <c r="WPQ687" s="613"/>
      <c r="WPR687" s="613"/>
      <c r="WPS687" s="613"/>
      <c r="WPT687" s="613"/>
      <c r="WPU687" s="613"/>
      <c r="WPV687" s="613"/>
      <c r="WPW687" s="613"/>
      <c r="WPX687" s="613"/>
      <c r="WPY687" s="613"/>
      <c r="WPZ687" s="613"/>
      <c r="WQA687" s="613"/>
      <c r="WQB687" s="613"/>
      <c r="WQC687" s="613"/>
      <c r="WQD687" s="613"/>
      <c r="WQE687" s="613"/>
      <c r="WQF687" s="613"/>
      <c r="WQG687" s="613"/>
      <c r="WQH687" s="613"/>
      <c r="WQI687" s="613"/>
      <c r="WQJ687" s="613"/>
      <c r="WQK687" s="613"/>
      <c r="WQL687" s="613"/>
      <c r="WQM687" s="613"/>
      <c r="WQN687" s="613"/>
      <c r="WQO687" s="613"/>
      <c r="WQP687" s="613"/>
      <c r="WQQ687" s="613"/>
      <c r="WQR687" s="613"/>
      <c r="WQS687" s="613"/>
      <c r="WQT687" s="613"/>
      <c r="WQU687" s="613"/>
      <c r="WQV687" s="613"/>
      <c r="WQW687" s="613"/>
      <c r="WQX687" s="613"/>
      <c r="WQY687" s="613"/>
      <c r="WQZ687" s="613"/>
      <c r="WRA687" s="613"/>
      <c r="WRB687" s="613"/>
      <c r="WRC687" s="613"/>
      <c r="WRD687" s="613"/>
      <c r="WRE687" s="613"/>
      <c r="WRF687" s="613"/>
      <c r="WRG687" s="613"/>
      <c r="WRH687" s="613"/>
      <c r="WRI687" s="613"/>
      <c r="WRJ687" s="613"/>
      <c r="WRK687" s="613"/>
      <c r="WRL687" s="613"/>
      <c r="WRM687" s="613"/>
      <c r="WRN687" s="613"/>
      <c r="WRO687" s="613"/>
      <c r="WRP687" s="613"/>
      <c r="WRQ687" s="613"/>
      <c r="WRR687" s="613"/>
      <c r="WRS687" s="613"/>
      <c r="WRT687" s="613"/>
      <c r="WRU687" s="613"/>
      <c r="WRV687" s="613"/>
      <c r="WRW687" s="613"/>
      <c r="WRX687" s="613"/>
      <c r="WRY687" s="613"/>
      <c r="WRZ687" s="613"/>
      <c r="WSA687" s="613"/>
      <c r="WSB687" s="613"/>
      <c r="WSC687" s="613"/>
      <c r="WSD687" s="613"/>
      <c r="WSE687" s="613"/>
      <c r="WSF687" s="613"/>
      <c r="WSG687" s="613"/>
      <c r="WSH687" s="613"/>
      <c r="WSI687" s="613"/>
      <c r="WSJ687" s="613"/>
      <c r="WSK687" s="613"/>
      <c r="WSL687" s="613"/>
      <c r="WSM687" s="613"/>
      <c r="WSN687" s="613"/>
      <c r="WSO687" s="613"/>
      <c r="WSP687" s="613"/>
      <c r="WSQ687" s="613"/>
      <c r="WSR687" s="613"/>
      <c r="WSS687" s="613"/>
      <c r="WST687" s="613"/>
      <c r="WSU687" s="613"/>
      <c r="WSV687" s="613"/>
      <c r="WSW687" s="613"/>
      <c r="WSX687" s="613"/>
      <c r="WSY687" s="613"/>
      <c r="WSZ687" s="613"/>
      <c r="WTA687" s="613"/>
      <c r="WTB687" s="613"/>
      <c r="WTC687" s="613"/>
      <c r="WTD687" s="613"/>
      <c r="WTE687" s="613"/>
      <c r="WTF687" s="613"/>
      <c r="WTG687" s="613"/>
      <c r="WTH687" s="613"/>
      <c r="WTI687" s="613"/>
      <c r="WTJ687" s="613"/>
      <c r="WTK687" s="613"/>
      <c r="WTL687" s="613"/>
      <c r="WTM687" s="613"/>
      <c r="WTN687" s="613"/>
      <c r="WTO687" s="613"/>
      <c r="WTP687" s="613"/>
      <c r="WTQ687" s="613"/>
      <c r="WTR687" s="613"/>
      <c r="WTS687" s="613"/>
      <c r="WTT687" s="613"/>
      <c r="WTU687" s="613"/>
      <c r="WTV687" s="613"/>
      <c r="WTW687" s="613"/>
      <c r="WTX687" s="613"/>
      <c r="WTY687" s="613"/>
      <c r="WTZ687" s="613"/>
      <c r="WUA687" s="613"/>
      <c r="WUB687" s="613"/>
      <c r="WUC687" s="613"/>
      <c r="WUD687" s="613"/>
      <c r="WUE687" s="613"/>
      <c r="WUF687" s="613"/>
      <c r="WUG687" s="613"/>
      <c r="WUH687" s="613"/>
      <c r="WUI687" s="613"/>
      <c r="WUJ687" s="613"/>
      <c r="WUK687" s="613"/>
      <c r="WUL687" s="613"/>
      <c r="WUM687" s="613"/>
      <c r="WUN687" s="613"/>
      <c r="WUO687" s="613"/>
      <c r="WUP687" s="613"/>
      <c r="WUQ687" s="613"/>
      <c r="WUR687" s="613"/>
      <c r="WUS687" s="613"/>
      <c r="WUT687" s="613"/>
      <c r="WUU687" s="613"/>
      <c r="WUV687" s="613"/>
      <c r="WUW687" s="613"/>
      <c r="WUX687" s="613"/>
      <c r="WUY687" s="613"/>
      <c r="WUZ687" s="613"/>
      <c r="WVA687" s="613"/>
      <c r="WVB687" s="613"/>
      <c r="WVC687" s="613"/>
      <c r="WVD687" s="613"/>
      <c r="WVE687" s="613"/>
      <c r="WVF687" s="613"/>
      <c r="WVG687" s="613"/>
      <c r="WVH687" s="613"/>
      <c r="WVI687" s="613"/>
      <c r="WVJ687" s="613"/>
      <c r="WVK687" s="613"/>
      <c r="WVL687" s="613"/>
      <c r="WVM687" s="613"/>
      <c r="WVN687" s="613"/>
      <c r="WVO687" s="613"/>
      <c r="WVP687" s="613"/>
      <c r="WVQ687" s="613"/>
      <c r="WVR687" s="613"/>
      <c r="WVS687" s="613"/>
      <c r="WVT687" s="613"/>
      <c r="WVU687" s="613"/>
      <c r="WVV687" s="613"/>
      <c r="WVW687" s="613"/>
      <c r="WVX687" s="613"/>
      <c r="WVY687" s="613"/>
      <c r="WVZ687" s="613"/>
      <c r="WWA687" s="613"/>
      <c r="WWB687" s="613"/>
      <c r="WWC687" s="613"/>
      <c r="WWD687" s="613"/>
      <c r="WWE687" s="613"/>
      <c r="WWF687" s="613"/>
      <c r="WWG687" s="613"/>
      <c r="WWH687" s="613"/>
      <c r="WWI687" s="613"/>
      <c r="WWJ687" s="613"/>
      <c r="WWK687" s="613"/>
      <c r="WWL687" s="613"/>
      <c r="WWM687" s="613"/>
      <c r="WWN687" s="613"/>
      <c r="WWO687" s="613"/>
      <c r="WWP687" s="613"/>
      <c r="WWQ687" s="613"/>
      <c r="WWR687" s="613"/>
      <c r="WWS687" s="613"/>
      <c r="WWT687" s="613"/>
      <c r="WWU687" s="613"/>
      <c r="WWV687" s="613"/>
      <c r="WWW687" s="613"/>
      <c r="WWX687" s="613"/>
      <c r="WWY687" s="613"/>
      <c r="WWZ687" s="613"/>
      <c r="WXA687" s="613"/>
      <c r="WXB687" s="613"/>
      <c r="WXC687" s="613"/>
      <c r="WXD687" s="613"/>
      <c r="WXE687" s="613"/>
      <c r="WXF687" s="613"/>
      <c r="WXG687" s="613"/>
      <c r="WXH687" s="613"/>
      <c r="WXI687" s="613"/>
      <c r="WXJ687" s="613"/>
      <c r="WXK687" s="613"/>
      <c r="WXL687" s="613"/>
      <c r="WXM687" s="613"/>
      <c r="WXN687" s="613"/>
      <c r="WXO687" s="613"/>
      <c r="WXP687" s="613"/>
      <c r="WXQ687" s="613"/>
      <c r="WXR687" s="613"/>
      <c r="WXS687" s="613"/>
      <c r="WXT687" s="613"/>
      <c r="WXU687" s="613"/>
      <c r="WXV687" s="613"/>
      <c r="WXW687" s="613"/>
      <c r="WXX687" s="613"/>
      <c r="WXY687" s="613"/>
      <c r="WXZ687" s="613"/>
      <c r="WYA687" s="613"/>
      <c r="WYB687" s="613"/>
      <c r="WYC687" s="613"/>
      <c r="WYD687" s="613"/>
      <c r="WYE687" s="613"/>
      <c r="WYF687" s="613"/>
      <c r="WYG687" s="613"/>
      <c r="WYH687" s="613"/>
      <c r="WYI687" s="613"/>
      <c r="WYJ687" s="613"/>
      <c r="WYK687" s="613"/>
      <c r="WYL687" s="613"/>
      <c r="WYM687" s="613"/>
      <c r="WYN687" s="613"/>
      <c r="WYO687" s="613"/>
      <c r="WYP687" s="613"/>
      <c r="WYQ687" s="613"/>
      <c r="WYR687" s="613"/>
      <c r="WYS687" s="613"/>
      <c r="WYT687" s="613"/>
      <c r="WYU687" s="613"/>
      <c r="WYV687" s="613"/>
      <c r="WYW687" s="613"/>
      <c r="WYX687" s="613"/>
      <c r="WYY687" s="613"/>
      <c r="WYZ687" s="613"/>
      <c r="WZA687" s="613"/>
      <c r="WZB687" s="613"/>
      <c r="WZC687" s="613"/>
      <c r="WZD687" s="613"/>
      <c r="WZE687" s="613"/>
      <c r="WZF687" s="613"/>
      <c r="WZG687" s="613"/>
      <c r="WZH687" s="613"/>
      <c r="WZI687" s="613"/>
      <c r="WZJ687" s="613"/>
      <c r="WZK687" s="613"/>
      <c r="WZL687" s="613"/>
      <c r="WZM687" s="613"/>
      <c r="WZN687" s="613"/>
      <c r="WZO687" s="613"/>
      <c r="WZP687" s="613"/>
      <c r="WZQ687" s="613"/>
      <c r="WZR687" s="613"/>
      <c r="WZS687" s="613"/>
      <c r="WZT687" s="613"/>
      <c r="WZU687" s="613"/>
      <c r="WZV687" s="613"/>
      <c r="WZW687" s="613"/>
      <c r="WZX687" s="613"/>
      <c r="WZY687" s="613"/>
      <c r="WZZ687" s="613"/>
      <c r="XAA687" s="613"/>
      <c r="XAB687" s="613"/>
      <c r="XAC687" s="613"/>
      <c r="XAD687" s="613"/>
      <c r="XAE687" s="613"/>
      <c r="XAF687" s="613"/>
      <c r="XAG687" s="613"/>
      <c r="XAH687" s="613"/>
      <c r="XAI687" s="613"/>
      <c r="XAJ687" s="613"/>
      <c r="XAK687" s="613"/>
      <c r="XAL687" s="613"/>
      <c r="XAM687" s="613"/>
      <c r="XAN687" s="613"/>
      <c r="XAO687" s="613"/>
      <c r="XAP687" s="613"/>
      <c r="XAQ687" s="613"/>
      <c r="XAR687" s="613"/>
      <c r="XAS687" s="613"/>
      <c r="XAT687" s="613"/>
      <c r="XAU687" s="613"/>
      <c r="XAV687" s="613"/>
      <c r="XAW687" s="613"/>
      <c r="XAX687" s="613"/>
      <c r="XAY687" s="613"/>
      <c r="XAZ687" s="613"/>
      <c r="XBA687" s="613"/>
      <c r="XBB687" s="613"/>
      <c r="XBC687" s="613"/>
      <c r="XBD687" s="613"/>
      <c r="XBE687" s="613"/>
      <c r="XBF687" s="613"/>
      <c r="XBG687" s="613"/>
      <c r="XBH687" s="613"/>
      <c r="XBI687" s="613"/>
      <c r="XBJ687" s="613"/>
      <c r="XBK687" s="613"/>
      <c r="XBL687" s="613"/>
      <c r="XBM687" s="613"/>
      <c r="XBN687" s="613"/>
      <c r="XBO687" s="613"/>
      <c r="XBP687" s="613"/>
      <c r="XBQ687" s="613"/>
      <c r="XBR687" s="613"/>
      <c r="XBS687" s="613"/>
      <c r="XBT687" s="613"/>
      <c r="XBU687" s="613"/>
      <c r="XBV687" s="613"/>
      <c r="XBW687" s="613"/>
      <c r="XBX687" s="613"/>
      <c r="XBY687" s="613"/>
      <c r="XBZ687" s="613"/>
      <c r="XCA687" s="613"/>
      <c r="XCB687" s="613"/>
      <c r="XCC687" s="613"/>
      <c r="XCD687" s="613"/>
      <c r="XCE687" s="613"/>
      <c r="XCF687" s="613"/>
      <c r="XCG687" s="613"/>
      <c r="XCH687" s="613"/>
      <c r="XCI687" s="613"/>
      <c r="XCJ687" s="613"/>
      <c r="XCK687" s="613"/>
      <c r="XCL687" s="613"/>
      <c r="XCM687" s="613"/>
      <c r="XCN687" s="613"/>
      <c r="XCO687" s="613"/>
      <c r="XCP687" s="613"/>
      <c r="XCQ687" s="613"/>
    </row>
    <row r="688" spans="1:16319" ht="56.1" customHeight="1" x14ac:dyDescent="0.2">
      <c r="A688" s="494"/>
      <c r="B688" s="499"/>
      <c r="C688" s="494"/>
      <c r="D688" s="481">
        <v>244</v>
      </c>
      <c r="E688" s="481"/>
      <c r="F688" s="481" t="s">
        <v>2481</v>
      </c>
      <c r="G688" s="482" t="s">
        <v>53</v>
      </c>
      <c r="H688" s="481" t="s">
        <v>329</v>
      </c>
      <c r="I688" s="654" t="s">
        <v>482</v>
      </c>
      <c r="J688" s="654" t="s">
        <v>483</v>
      </c>
      <c r="K688" s="495" t="s">
        <v>497</v>
      </c>
      <c r="L688" s="621"/>
      <c r="M688" s="484" t="s">
        <v>58</v>
      </c>
      <c r="N688" s="328" t="s">
        <v>1362</v>
      </c>
      <c r="O688" s="484" t="s">
        <v>2996</v>
      </c>
      <c r="P688" s="484" t="s">
        <v>81</v>
      </c>
      <c r="Q688" s="667" t="s">
        <v>334</v>
      </c>
      <c r="R688" s="484" t="s">
        <v>334</v>
      </c>
      <c r="S688" s="484" t="s">
        <v>225</v>
      </c>
      <c r="T688" s="484"/>
      <c r="U688" s="620" t="s">
        <v>63</v>
      </c>
      <c r="V688" s="620" t="s">
        <v>63</v>
      </c>
      <c r="W688" s="723">
        <v>253733</v>
      </c>
      <c r="X688" s="723"/>
      <c r="Y688" s="654" t="s">
        <v>226</v>
      </c>
      <c r="Z688" s="654"/>
      <c r="AA688" s="723">
        <v>253733</v>
      </c>
      <c r="AB688" s="652" t="s">
        <v>82</v>
      </c>
      <c r="AC688" s="652"/>
      <c r="AD688" s="496"/>
      <c r="AE688" s="496"/>
      <c r="AF688" s="487" t="s">
        <v>66</v>
      </c>
      <c r="AG688" s="496"/>
      <c r="AH688" s="496"/>
      <c r="AI688" s="496"/>
      <c r="AJ688" s="496"/>
      <c r="AK688" s="496"/>
      <c r="AL688" s="496"/>
      <c r="AM688" s="496"/>
      <c r="AN688" s="496"/>
      <c r="AO688" s="496"/>
      <c r="AP688" s="496"/>
      <c r="AQ688" s="496"/>
      <c r="AR688" s="496"/>
      <c r="AS688" s="496"/>
      <c r="AT688" s="496"/>
      <c r="AU688" s="487"/>
      <c r="AV688" s="487"/>
      <c r="AW688" s="487"/>
      <c r="AX688" s="487"/>
      <c r="AY688" s="487"/>
      <c r="AZ688" s="487"/>
      <c r="BA688" s="484"/>
      <c r="BB688" s="484" t="s">
        <v>485</v>
      </c>
      <c r="BC688" s="484" t="s">
        <v>3041</v>
      </c>
      <c r="BD688" s="494"/>
      <c r="BE688" s="494"/>
      <c r="BF688" s="613"/>
      <c r="BG688" s="613"/>
      <c r="BH688" s="613"/>
      <c r="BI688" s="613"/>
      <c r="BJ688" s="613"/>
      <c r="BK688" s="613"/>
      <c r="BL688" s="613"/>
      <c r="BM688" s="613"/>
      <c r="BN688" s="613"/>
      <c r="BO688" s="613"/>
      <c r="BP688" s="613"/>
      <c r="BQ688" s="613"/>
      <c r="BR688" s="613"/>
      <c r="BS688" s="613"/>
      <c r="BT688" s="613"/>
      <c r="BU688" s="613"/>
      <c r="BV688" s="613"/>
      <c r="BW688" s="613"/>
      <c r="BX688" s="613"/>
      <c r="BY688" s="613"/>
      <c r="BZ688" s="613"/>
      <c r="CA688" s="613"/>
      <c r="CB688" s="613"/>
      <c r="CC688" s="613"/>
      <c r="CD688" s="613"/>
      <c r="CE688" s="613"/>
      <c r="CF688" s="613"/>
      <c r="CG688" s="613"/>
      <c r="CH688" s="613"/>
      <c r="CI688" s="613"/>
      <c r="CJ688" s="613"/>
      <c r="CK688" s="613"/>
      <c r="CL688" s="613"/>
      <c r="CM688" s="613"/>
      <c r="CN688" s="613"/>
      <c r="CO688" s="613"/>
      <c r="CP688" s="613"/>
      <c r="CQ688" s="613"/>
      <c r="CR688" s="613"/>
      <c r="CS688" s="613"/>
      <c r="CT688" s="613"/>
      <c r="CU688" s="613"/>
      <c r="CV688" s="613"/>
      <c r="CW688" s="613"/>
      <c r="CX688" s="613"/>
      <c r="CY688" s="613"/>
      <c r="CZ688" s="613"/>
      <c r="DA688" s="613"/>
      <c r="DB688" s="613"/>
      <c r="DC688" s="613"/>
      <c r="DD688" s="613"/>
      <c r="DE688" s="613"/>
      <c r="DF688" s="613"/>
      <c r="DG688" s="613"/>
      <c r="DH688" s="613"/>
      <c r="DI688" s="613"/>
      <c r="DJ688" s="613"/>
      <c r="DK688" s="613"/>
      <c r="DL688" s="613"/>
      <c r="DM688" s="613"/>
      <c r="DN688" s="613"/>
      <c r="DO688" s="613"/>
      <c r="DP688" s="613"/>
      <c r="DQ688" s="613"/>
      <c r="DR688" s="613"/>
      <c r="DS688" s="613"/>
      <c r="DT688" s="613"/>
      <c r="DU688" s="613"/>
      <c r="DV688" s="613"/>
      <c r="DW688" s="613"/>
      <c r="DX688" s="613"/>
      <c r="DY688" s="613"/>
      <c r="DZ688" s="613"/>
      <c r="EA688" s="613"/>
      <c r="EB688" s="613"/>
      <c r="EC688" s="613"/>
      <c r="ED688" s="613"/>
      <c r="EE688" s="613"/>
      <c r="EF688" s="613"/>
      <c r="EG688" s="613"/>
      <c r="EH688" s="613"/>
      <c r="EI688" s="613"/>
      <c r="EJ688" s="613"/>
      <c r="EK688" s="613"/>
      <c r="EL688" s="613"/>
      <c r="EM688" s="613"/>
      <c r="EN688" s="613"/>
      <c r="EO688" s="613"/>
      <c r="EP688" s="613"/>
      <c r="EQ688" s="613"/>
      <c r="ER688" s="613"/>
      <c r="ES688" s="613"/>
      <c r="ET688" s="613"/>
      <c r="EU688" s="613"/>
      <c r="EV688" s="613"/>
      <c r="EW688" s="613"/>
      <c r="EX688" s="613"/>
      <c r="EY688" s="613"/>
      <c r="EZ688" s="613"/>
      <c r="FA688" s="613"/>
      <c r="FB688" s="613"/>
      <c r="FC688" s="613"/>
      <c r="FD688" s="613"/>
      <c r="FE688" s="613"/>
      <c r="FF688" s="613"/>
      <c r="FG688" s="613"/>
      <c r="FH688" s="613"/>
      <c r="FI688" s="613"/>
      <c r="FJ688" s="613"/>
      <c r="FK688" s="613"/>
      <c r="FL688" s="613"/>
      <c r="FM688" s="613"/>
      <c r="FN688" s="613"/>
      <c r="FO688" s="613"/>
      <c r="FP688" s="613"/>
      <c r="FQ688" s="613"/>
      <c r="FR688" s="613"/>
      <c r="FS688" s="613"/>
      <c r="FT688" s="613"/>
      <c r="FU688" s="613"/>
      <c r="FV688" s="613"/>
      <c r="FW688" s="613"/>
      <c r="FX688" s="613"/>
      <c r="FY688" s="613"/>
      <c r="FZ688" s="613"/>
      <c r="GA688" s="613"/>
      <c r="GB688" s="613"/>
      <c r="GC688" s="613"/>
      <c r="GD688" s="613"/>
      <c r="GE688" s="613"/>
      <c r="GF688" s="613"/>
      <c r="GG688" s="613"/>
      <c r="GH688" s="613"/>
      <c r="GI688" s="613"/>
      <c r="GJ688" s="613"/>
      <c r="GK688" s="613"/>
      <c r="GL688" s="613"/>
      <c r="GM688" s="613"/>
      <c r="GN688" s="613"/>
      <c r="GO688" s="613"/>
      <c r="GP688" s="613"/>
      <c r="GQ688" s="613"/>
      <c r="GR688" s="613"/>
      <c r="GS688" s="613"/>
      <c r="GT688" s="613"/>
      <c r="GU688" s="613"/>
      <c r="GV688" s="613"/>
      <c r="GW688" s="613"/>
      <c r="GX688" s="613"/>
      <c r="GY688" s="613"/>
      <c r="GZ688" s="613"/>
      <c r="HA688" s="613"/>
      <c r="HB688" s="613"/>
      <c r="HC688" s="613"/>
      <c r="HD688" s="613"/>
      <c r="HE688" s="613"/>
      <c r="HF688" s="613"/>
      <c r="HG688" s="613"/>
      <c r="HH688" s="613"/>
      <c r="HI688" s="613"/>
      <c r="HJ688" s="613"/>
      <c r="HK688" s="613"/>
      <c r="HL688" s="613"/>
      <c r="HM688" s="613"/>
      <c r="HN688" s="613"/>
      <c r="HO688" s="613"/>
      <c r="HP688" s="613"/>
      <c r="HQ688" s="613"/>
      <c r="HR688" s="613"/>
      <c r="HS688" s="613"/>
      <c r="HT688" s="613"/>
      <c r="HU688" s="613"/>
      <c r="HV688" s="613"/>
      <c r="HW688" s="613"/>
      <c r="HX688" s="613"/>
      <c r="HY688" s="613"/>
      <c r="HZ688" s="613"/>
      <c r="IA688" s="613"/>
      <c r="IB688" s="613"/>
      <c r="IC688" s="613"/>
      <c r="ID688" s="613"/>
      <c r="IE688" s="613"/>
      <c r="IF688" s="613"/>
      <c r="IG688" s="613"/>
      <c r="IH688" s="613"/>
      <c r="II688" s="613"/>
      <c r="IJ688" s="613"/>
      <c r="IK688" s="613"/>
      <c r="IL688" s="613"/>
      <c r="IM688" s="613"/>
      <c r="IN688" s="613"/>
      <c r="IO688" s="613"/>
      <c r="IP688" s="613"/>
      <c r="IQ688" s="613"/>
      <c r="IR688" s="613"/>
      <c r="IS688" s="613"/>
      <c r="IT688" s="613"/>
      <c r="IU688" s="613"/>
      <c r="IV688" s="613"/>
      <c r="IW688" s="613"/>
      <c r="IX688" s="613"/>
      <c r="IY688" s="613"/>
      <c r="IZ688" s="613"/>
      <c r="JA688" s="613"/>
      <c r="JB688" s="613"/>
      <c r="JC688" s="613"/>
      <c r="JD688" s="613"/>
      <c r="JE688" s="613"/>
      <c r="JF688" s="613"/>
      <c r="JG688" s="613"/>
      <c r="JH688" s="613"/>
      <c r="JI688" s="613"/>
      <c r="JJ688" s="613"/>
      <c r="JK688" s="613"/>
      <c r="JL688" s="613"/>
      <c r="JM688" s="613"/>
      <c r="JN688" s="613"/>
      <c r="JO688" s="613"/>
      <c r="JP688" s="613"/>
      <c r="JQ688" s="613"/>
      <c r="JR688" s="613"/>
      <c r="JS688" s="613"/>
      <c r="JT688" s="613"/>
      <c r="JU688" s="613"/>
      <c r="JV688" s="613"/>
      <c r="JW688" s="613"/>
      <c r="JX688" s="613"/>
      <c r="JY688" s="613"/>
      <c r="JZ688" s="613"/>
      <c r="KA688" s="613"/>
      <c r="KB688" s="613"/>
      <c r="KC688" s="613"/>
      <c r="KD688" s="613"/>
      <c r="KE688" s="613"/>
      <c r="KF688" s="613"/>
      <c r="KG688" s="613"/>
      <c r="KH688" s="613"/>
      <c r="KI688" s="613"/>
      <c r="KJ688" s="613"/>
      <c r="KK688" s="613"/>
      <c r="KL688" s="613"/>
      <c r="KM688" s="613"/>
      <c r="KN688" s="613"/>
      <c r="KO688" s="613"/>
      <c r="KP688" s="613"/>
      <c r="KQ688" s="613"/>
      <c r="KR688" s="613"/>
      <c r="KS688" s="613"/>
      <c r="KT688" s="613"/>
      <c r="KU688" s="613"/>
      <c r="KV688" s="613"/>
      <c r="KW688" s="613"/>
      <c r="KX688" s="613"/>
      <c r="KY688" s="613"/>
      <c r="KZ688" s="613"/>
      <c r="LA688" s="613"/>
      <c r="LB688" s="613"/>
      <c r="LC688" s="613"/>
      <c r="LD688" s="613"/>
      <c r="LE688" s="613"/>
      <c r="LF688" s="613"/>
      <c r="LG688" s="613"/>
      <c r="LH688" s="613"/>
      <c r="LI688" s="613"/>
      <c r="LJ688" s="613"/>
      <c r="LK688" s="613"/>
      <c r="LL688" s="613"/>
      <c r="LM688" s="613"/>
      <c r="LN688" s="613"/>
      <c r="LO688" s="613"/>
      <c r="LP688" s="613"/>
      <c r="LQ688" s="613"/>
      <c r="LR688" s="613"/>
      <c r="LS688" s="613"/>
      <c r="LT688" s="613"/>
      <c r="LU688" s="613"/>
      <c r="LV688" s="613"/>
      <c r="LW688" s="613"/>
      <c r="LX688" s="613"/>
      <c r="LY688" s="613"/>
      <c r="LZ688" s="613"/>
      <c r="MA688" s="613"/>
      <c r="MB688" s="613"/>
      <c r="MC688" s="613"/>
      <c r="MD688" s="613"/>
      <c r="ME688" s="613"/>
      <c r="MF688" s="613"/>
      <c r="MG688" s="613"/>
      <c r="MH688" s="613"/>
      <c r="MI688" s="613"/>
      <c r="MJ688" s="613"/>
      <c r="MK688" s="613"/>
      <c r="ML688" s="613"/>
      <c r="MM688" s="613"/>
      <c r="MN688" s="613"/>
      <c r="MO688" s="613"/>
      <c r="MP688" s="613"/>
      <c r="MQ688" s="613"/>
      <c r="MR688" s="613"/>
      <c r="MS688" s="613"/>
      <c r="MT688" s="613"/>
      <c r="MU688" s="613"/>
      <c r="MV688" s="613"/>
      <c r="MW688" s="613"/>
      <c r="MX688" s="613"/>
      <c r="MY688" s="613"/>
      <c r="MZ688" s="613"/>
      <c r="NA688" s="613"/>
      <c r="NB688" s="613"/>
      <c r="NC688" s="613"/>
      <c r="ND688" s="613"/>
      <c r="NE688" s="613"/>
      <c r="NF688" s="613"/>
      <c r="NG688" s="613"/>
      <c r="NH688" s="613"/>
      <c r="NI688" s="613"/>
      <c r="NJ688" s="613"/>
      <c r="NK688" s="613"/>
      <c r="NL688" s="613"/>
      <c r="NM688" s="613"/>
      <c r="NN688" s="613"/>
      <c r="NO688" s="613"/>
      <c r="NP688" s="613"/>
      <c r="NQ688" s="613"/>
      <c r="NR688" s="613"/>
      <c r="NS688" s="613"/>
      <c r="NT688" s="613"/>
      <c r="NU688" s="613"/>
      <c r="NV688" s="613"/>
      <c r="NW688" s="613"/>
      <c r="NX688" s="613"/>
      <c r="NY688" s="613"/>
      <c r="NZ688" s="613"/>
      <c r="OA688" s="613"/>
      <c r="OB688" s="613"/>
      <c r="OC688" s="613"/>
      <c r="OD688" s="613"/>
      <c r="OE688" s="613"/>
      <c r="OF688" s="613"/>
      <c r="OG688" s="613"/>
      <c r="OH688" s="613"/>
      <c r="OI688" s="613"/>
      <c r="OJ688" s="613"/>
      <c r="OK688" s="613"/>
      <c r="OL688" s="613"/>
      <c r="OM688" s="613"/>
      <c r="ON688" s="613"/>
      <c r="OO688" s="613"/>
      <c r="OP688" s="613"/>
      <c r="OQ688" s="613"/>
      <c r="OR688" s="613"/>
      <c r="OS688" s="613"/>
      <c r="OT688" s="613"/>
      <c r="OU688" s="613"/>
      <c r="OV688" s="613"/>
      <c r="OW688" s="613"/>
      <c r="OX688" s="613"/>
      <c r="OY688" s="613"/>
      <c r="OZ688" s="613"/>
      <c r="PA688" s="613"/>
      <c r="PB688" s="613"/>
      <c r="PC688" s="613"/>
      <c r="PD688" s="613"/>
      <c r="PE688" s="613"/>
      <c r="PF688" s="613"/>
      <c r="PG688" s="613"/>
      <c r="PH688" s="613"/>
      <c r="PI688" s="613"/>
      <c r="PJ688" s="613"/>
      <c r="PK688" s="613"/>
      <c r="PL688" s="613"/>
      <c r="PM688" s="613"/>
      <c r="PN688" s="613"/>
      <c r="PO688" s="613"/>
      <c r="PP688" s="613"/>
      <c r="PQ688" s="613"/>
      <c r="PR688" s="613"/>
      <c r="PS688" s="613"/>
      <c r="PT688" s="613"/>
      <c r="PU688" s="613"/>
      <c r="PV688" s="613"/>
      <c r="PW688" s="613"/>
      <c r="PX688" s="613"/>
      <c r="PY688" s="613"/>
      <c r="PZ688" s="613"/>
      <c r="QA688" s="613"/>
      <c r="QB688" s="613"/>
      <c r="QC688" s="613"/>
      <c r="QD688" s="613"/>
      <c r="QE688" s="613"/>
      <c r="QF688" s="613"/>
      <c r="QG688" s="613"/>
      <c r="QH688" s="613"/>
      <c r="QI688" s="613"/>
      <c r="QJ688" s="613"/>
      <c r="QK688" s="613"/>
      <c r="QL688" s="613"/>
      <c r="QM688" s="613"/>
      <c r="QN688" s="613"/>
      <c r="QO688" s="613"/>
      <c r="QP688" s="613"/>
      <c r="QQ688" s="613"/>
      <c r="QR688" s="613"/>
      <c r="QS688" s="613"/>
      <c r="QT688" s="613"/>
      <c r="QU688" s="613"/>
      <c r="QV688" s="613"/>
      <c r="QW688" s="613"/>
      <c r="QX688" s="613"/>
      <c r="QY688" s="613"/>
      <c r="QZ688" s="613"/>
      <c r="RA688" s="613"/>
      <c r="RB688" s="613"/>
      <c r="RC688" s="613"/>
      <c r="RD688" s="613"/>
      <c r="RE688" s="613"/>
      <c r="RF688" s="613"/>
      <c r="RG688" s="613"/>
      <c r="RH688" s="613"/>
      <c r="RI688" s="613"/>
      <c r="RJ688" s="613"/>
      <c r="RK688" s="613"/>
      <c r="RL688" s="613"/>
      <c r="RM688" s="613"/>
      <c r="RN688" s="613"/>
      <c r="RO688" s="613"/>
      <c r="RP688" s="613"/>
      <c r="RQ688" s="613"/>
      <c r="RR688" s="613"/>
      <c r="RS688" s="613"/>
      <c r="RT688" s="613"/>
      <c r="RU688" s="613"/>
      <c r="RV688" s="613"/>
      <c r="RW688" s="613"/>
      <c r="RX688" s="613"/>
      <c r="RY688" s="613"/>
      <c r="RZ688" s="613"/>
      <c r="SA688" s="613"/>
      <c r="SB688" s="613"/>
      <c r="SC688" s="613"/>
      <c r="SD688" s="613"/>
      <c r="SE688" s="613"/>
      <c r="SF688" s="613"/>
      <c r="SG688" s="613"/>
      <c r="SH688" s="613"/>
      <c r="SI688" s="613"/>
      <c r="SJ688" s="613"/>
      <c r="SK688" s="613"/>
      <c r="SL688" s="613"/>
      <c r="SM688" s="613"/>
      <c r="SN688" s="613"/>
      <c r="SO688" s="613"/>
      <c r="SP688" s="613"/>
      <c r="SQ688" s="613"/>
      <c r="SR688" s="613"/>
      <c r="SS688" s="613"/>
      <c r="ST688" s="613"/>
      <c r="SU688" s="613"/>
      <c r="SV688" s="613"/>
      <c r="SW688" s="613"/>
      <c r="SX688" s="613"/>
      <c r="SY688" s="613"/>
      <c r="SZ688" s="613"/>
      <c r="TA688" s="613"/>
      <c r="TB688" s="613"/>
      <c r="TC688" s="613"/>
      <c r="TD688" s="613"/>
      <c r="TE688" s="613"/>
      <c r="TF688" s="613"/>
      <c r="TG688" s="613"/>
      <c r="TH688" s="613"/>
      <c r="TI688" s="613"/>
      <c r="TJ688" s="613"/>
      <c r="TK688" s="613"/>
      <c r="TL688" s="613"/>
      <c r="TM688" s="613"/>
      <c r="TN688" s="613"/>
      <c r="TO688" s="613"/>
      <c r="TP688" s="613"/>
      <c r="TQ688" s="613"/>
      <c r="TR688" s="613"/>
      <c r="TS688" s="613"/>
      <c r="TT688" s="613"/>
      <c r="TU688" s="613"/>
      <c r="TV688" s="613"/>
      <c r="TW688" s="613"/>
      <c r="TX688" s="613"/>
      <c r="TY688" s="613"/>
      <c r="TZ688" s="613"/>
      <c r="UA688" s="613"/>
      <c r="UB688" s="613"/>
      <c r="UC688" s="613"/>
      <c r="UD688" s="613"/>
      <c r="UE688" s="613"/>
      <c r="UF688" s="613"/>
      <c r="UG688" s="613"/>
      <c r="UH688" s="613"/>
      <c r="UI688" s="613"/>
      <c r="UJ688" s="613"/>
      <c r="UK688" s="613"/>
      <c r="UL688" s="613"/>
      <c r="UM688" s="613"/>
      <c r="UN688" s="613"/>
      <c r="UO688" s="613"/>
      <c r="UP688" s="613"/>
      <c r="UQ688" s="613"/>
      <c r="UR688" s="613"/>
      <c r="US688" s="613"/>
      <c r="UT688" s="613"/>
      <c r="UU688" s="613"/>
      <c r="UV688" s="613"/>
      <c r="UW688" s="613"/>
      <c r="UX688" s="613"/>
      <c r="UY688" s="613"/>
      <c r="UZ688" s="613"/>
      <c r="VA688" s="613"/>
      <c r="VB688" s="613"/>
      <c r="VC688" s="613"/>
      <c r="VD688" s="613"/>
      <c r="VE688" s="613"/>
      <c r="VF688" s="613"/>
      <c r="VG688" s="613"/>
      <c r="VH688" s="613"/>
      <c r="VI688" s="613"/>
      <c r="VJ688" s="613"/>
      <c r="VK688" s="613"/>
      <c r="VL688" s="613"/>
      <c r="VM688" s="613"/>
      <c r="VN688" s="613"/>
      <c r="VO688" s="613"/>
      <c r="VP688" s="613"/>
      <c r="VQ688" s="613"/>
      <c r="VR688" s="613"/>
      <c r="VS688" s="613"/>
      <c r="VT688" s="613"/>
      <c r="VU688" s="613"/>
      <c r="VV688" s="613"/>
      <c r="VW688" s="613"/>
      <c r="VX688" s="613"/>
      <c r="VY688" s="613"/>
      <c r="VZ688" s="613"/>
      <c r="WA688" s="613"/>
      <c r="WB688" s="613"/>
      <c r="WC688" s="613"/>
      <c r="WD688" s="613"/>
      <c r="WE688" s="613"/>
      <c r="WF688" s="613"/>
      <c r="WG688" s="613"/>
      <c r="WH688" s="613"/>
      <c r="WI688" s="613"/>
      <c r="WJ688" s="613"/>
      <c r="WK688" s="613"/>
      <c r="WL688" s="613"/>
      <c r="WM688" s="613"/>
      <c r="WN688" s="613"/>
      <c r="WO688" s="613"/>
      <c r="WP688" s="613"/>
      <c r="WQ688" s="613"/>
      <c r="WR688" s="613"/>
      <c r="WS688" s="613"/>
      <c r="WT688" s="613"/>
      <c r="WU688" s="613"/>
      <c r="WV688" s="613"/>
      <c r="WW688" s="613"/>
      <c r="WX688" s="613"/>
      <c r="WY688" s="613"/>
      <c r="WZ688" s="613"/>
      <c r="XA688" s="613"/>
      <c r="XB688" s="613"/>
      <c r="XC688" s="613"/>
      <c r="XD688" s="613"/>
      <c r="XE688" s="613"/>
      <c r="XF688" s="613"/>
      <c r="XG688" s="613"/>
      <c r="XH688" s="613"/>
      <c r="XI688" s="613"/>
      <c r="XJ688" s="613"/>
      <c r="XK688" s="613"/>
      <c r="XL688" s="613"/>
      <c r="XM688" s="613"/>
      <c r="XN688" s="613"/>
      <c r="XO688" s="613"/>
      <c r="XP688" s="613"/>
      <c r="XQ688" s="613"/>
      <c r="XR688" s="613"/>
      <c r="XS688" s="613"/>
      <c r="XT688" s="613"/>
      <c r="XU688" s="613"/>
      <c r="XV688" s="613"/>
      <c r="XW688" s="613"/>
      <c r="XX688" s="613"/>
      <c r="XY688" s="613"/>
      <c r="XZ688" s="613"/>
      <c r="YA688" s="613"/>
      <c r="YB688" s="613"/>
      <c r="YC688" s="613"/>
      <c r="YD688" s="613"/>
      <c r="YE688" s="613"/>
      <c r="YF688" s="613"/>
      <c r="YG688" s="613"/>
      <c r="YH688" s="613"/>
      <c r="YI688" s="613"/>
      <c r="YJ688" s="613"/>
      <c r="YK688" s="613"/>
      <c r="YL688" s="613"/>
      <c r="YM688" s="613"/>
      <c r="YN688" s="613"/>
      <c r="YO688" s="613"/>
      <c r="YP688" s="613"/>
      <c r="YQ688" s="613"/>
      <c r="YR688" s="613"/>
      <c r="YS688" s="613"/>
      <c r="YT688" s="613"/>
      <c r="YU688" s="613"/>
      <c r="YV688" s="613"/>
      <c r="YW688" s="613"/>
      <c r="YX688" s="613"/>
      <c r="YY688" s="613"/>
      <c r="YZ688" s="613"/>
      <c r="ZA688" s="613"/>
      <c r="ZB688" s="613"/>
      <c r="ZC688" s="613"/>
      <c r="ZD688" s="613"/>
      <c r="ZE688" s="613"/>
      <c r="ZF688" s="613"/>
      <c r="ZG688" s="613"/>
      <c r="ZH688" s="613"/>
      <c r="ZI688" s="613"/>
      <c r="ZJ688" s="613"/>
      <c r="ZK688" s="613"/>
      <c r="ZL688" s="613"/>
      <c r="ZM688" s="613"/>
      <c r="ZN688" s="613"/>
      <c r="ZO688" s="613"/>
      <c r="ZP688" s="613"/>
      <c r="ZQ688" s="613"/>
      <c r="ZR688" s="613"/>
      <c r="ZS688" s="613"/>
      <c r="ZT688" s="613"/>
      <c r="ZU688" s="613"/>
      <c r="ZV688" s="613"/>
      <c r="ZW688" s="613"/>
      <c r="ZX688" s="613"/>
      <c r="ZY688" s="613"/>
      <c r="ZZ688" s="613"/>
      <c r="AAA688" s="613"/>
      <c r="AAB688" s="613"/>
      <c r="AAC688" s="613"/>
      <c r="AAD688" s="613"/>
      <c r="AAE688" s="613"/>
      <c r="AAF688" s="613"/>
      <c r="AAG688" s="613"/>
      <c r="AAH688" s="613"/>
      <c r="AAI688" s="613"/>
      <c r="AAJ688" s="613"/>
      <c r="AAK688" s="613"/>
      <c r="AAL688" s="613"/>
      <c r="AAM688" s="613"/>
      <c r="AAN688" s="613"/>
      <c r="AAO688" s="613"/>
      <c r="AAP688" s="613"/>
      <c r="AAQ688" s="613"/>
      <c r="AAR688" s="613"/>
      <c r="AAS688" s="613"/>
      <c r="AAT688" s="613"/>
      <c r="AAU688" s="613"/>
      <c r="AAV688" s="613"/>
      <c r="AAW688" s="613"/>
      <c r="AAX688" s="613"/>
      <c r="AAY688" s="613"/>
      <c r="AAZ688" s="613"/>
      <c r="ABA688" s="613"/>
      <c r="ABB688" s="613"/>
      <c r="ABC688" s="613"/>
      <c r="ABD688" s="613"/>
      <c r="ABE688" s="613"/>
      <c r="ABF688" s="613"/>
      <c r="ABG688" s="613"/>
      <c r="ABH688" s="613"/>
      <c r="ABI688" s="613"/>
      <c r="ABJ688" s="613"/>
      <c r="ABK688" s="613"/>
      <c r="ABL688" s="613"/>
      <c r="ABM688" s="613"/>
      <c r="ABN688" s="613"/>
      <c r="ABO688" s="613"/>
      <c r="ABP688" s="613"/>
      <c r="ABQ688" s="613"/>
      <c r="ABR688" s="613"/>
      <c r="ABS688" s="613"/>
      <c r="ABT688" s="613"/>
      <c r="ABU688" s="613"/>
      <c r="ABV688" s="613"/>
      <c r="ABW688" s="613"/>
      <c r="ABX688" s="613"/>
      <c r="ABY688" s="613"/>
      <c r="ABZ688" s="613"/>
      <c r="ACA688" s="613"/>
      <c r="ACB688" s="613"/>
      <c r="ACC688" s="613"/>
      <c r="ACD688" s="613"/>
      <c r="ACE688" s="613"/>
      <c r="ACF688" s="613"/>
      <c r="ACG688" s="613"/>
      <c r="ACH688" s="613"/>
      <c r="ACI688" s="613"/>
      <c r="ACJ688" s="613"/>
      <c r="ACK688" s="613"/>
      <c r="ACL688" s="613"/>
      <c r="ACM688" s="613"/>
      <c r="ACN688" s="613"/>
      <c r="ACO688" s="613"/>
      <c r="ACP688" s="613"/>
      <c r="ACQ688" s="613"/>
      <c r="ACR688" s="613"/>
      <c r="ACS688" s="613"/>
      <c r="ACT688" s="613"/>
      <c r="ACU688" s="613"/>
      <c r="ACV688" s="613"/>
      <c r="ACW688" s="613"/>
      <c r="ACX688" s="613"/>
      <c r="ACY688" s="613"/>
      <c r="ACZ688" s="613"/>
      <c r="ADA688" s="613"/>
      <c r="ADB688" s="613"/>
      <c r="ADC688" s="613"/>
      <c r="ADD688" s="613"/>
      <c r="ADE688" s="613"/>
      <c r="ADF688" s="613"/>
      <c r="ADG688" s="613"/>
      <c r="ADH688" s="613"/>
      <c r="ADI688" s="613"/>
      <c r="ADJ688" s="613"/>
      <c r="ADK688" s="613"/>
      <c r="ADL688" s="613"/>
      <c r="ADM688" s="613"/>
      <c r="ADN688" s="613"/>
      <c r="ADO688" s="613"/>
      <c r="ADP688" s="613"/>
      <c r="ADQ688" s="613"/>
      <c r="ADR688" s="613"/>
      <c r="ADS688" s="613"/>
      <c r="ADT688" s="613"/>
      <c r="ADU688" s="613"/>
      <c r="ADV688" s="613"/>
      <c r="ADW688" s="613"/>
      <c r="ADX688" s="613"/>
      <c r="ADY688" s="613"/>
      <c r="ADZ688" s="613"/>
      <c r="AEA688" s="613"/>
      <c r="AEB688" s="613"/>
      <c r="AEC688" s="613"/>
      <c r="AED688" s="613"/>
      <c r="AEE688" s="613"/>
      <c r="AEF688" s="613"/>
      <c r="AEG688" s="613"/>
      <c r="AEH688" s="613"/>
      <c r="AEI688" s="613"/>
      <c r="AEJ688" s="613"/>
      <c r="AEK688" s="613"/>
      <c r="AEL688" s="613"/>
      <c r="AEM688" s="613"/>
      <c r="AEN688" s="613"/>
      <c r="AEO688" s="613"/>
      <c r="AEP688" s="613"/>
      <c r="AEQ688" s="613"/>
      <c r="AER688" s="613"/>
      <c r="AES688" s="613"/>
      <c r="AET688" s="613"/>
      <c r="AEU688" s="613"/>
      <c r="AEV688" s="613"/>
      <c r="AEW688" s="613"/>
      <c r="AEX688" s="613"/>
      <c r="AEY688" s="613"/>
      <c r="AEZ688" s="613"/>
      <c r="AFA688" s="613"/>
      <c r="AFB688" s="613"/>
      <c r="AFC688" s="613"/>
      <c r="AFD688" s="613"/>
      <c r="AFE688" s="613"/>
      <c r="AFF688" s="613"/>
      <c r="AFG688" s="613"/>
      <c r="AFH688" s="613"/>
      <c r="AFI688" s="613"/>
      <c r="AFJ688" s="613"/>
      <c r="AFK688" s="613"/>
      <c r="AFL688" s="613"/>
      <c r="AFM688" s="613"/>
      <c r="AFN688" s="613"/>
      <c r="AFO688" s="613"/>
      <c r="AFP688" s="613"/>
      <c r="AFQ688" s="613"/>
      <c r="AFR688" s="613"/>
      <c r="AFS688" s="613"/>
      <c r="AFT688" s="613"/>
      <c r="AFU688" s="613"/>
      <c r="AFV688" s="613"/>
      <c r="AFW688" s="613"/>
      <c r="AFX688" s="613"/>
      <c r="AFY688" s="613"/>
      <c r="AFZ688" s="613"/>
      <c r="AGA688" s="613"/>
      <c r="AGB688" s="613"/>
      <c r="AGC688" s="613"/>
      <c r="AGD688" s="613"/>
      <c r="AGE688" s="613"/>
      <c r="AGF688" s="613"/>
      <c r="AGG688" s="613"/>
      <c r="AGH688" s="613"/>
      <c r="AGI688" s="613"/>
      <c r="AGJ688" s="613"/>
      <c r="AGK688" s="613"/>
      <c r="AGL688" s="613"/>
      <c r="AGM688" s="613"/>
      <c r="AGN688" s="613"/>
      <c r="AGO688" s="613"/>
      <c r="AGP688" s="613"/>
      <c r="AGQ688" s="613"/>
      <c r="AGR688" s="613"/>
      <c r="AGS688" s="613"/>
      <c r="AGT688" s="613"/>
      <c r="AGU688" s="613"/>
      <c r="AGV688" s="613"/>
      <c r="AGW688" s="613"/>
      <c r="AGX688" s="613"/>
      <c r="AGY688" s="613"/>
      <c r="AGZ688" s="613"/>
      <c r="AHA688" s="613"/>
      <c r="AHB688" s="613"/>
      <c r="AHC688" s="613"/>
      <c r="AHD688" s="613"/>
      <c r="AHE688" s="613"/>
      <c r="AHF688" s="613"/>
      <c r="AHG688" s="613"/>
      <c r="AHH688" s="613"/>
      <c r="AHI688" s="613"/>
      <c r="AHJ688" s="613"/>
      <c r="AHK688" s="613"/>
      <c r="AHL688" s="613"/>
      <c r="AHM688" s="613"/>
      <c r="AHN688" s="613"/>
      <c r="AHO688" s="613"/>
      <c r="AHP688" s="613"/>
      <c r="AHQ688" s="613"/>
      <c r="AHR688" s="613"/>
      <c r="AHS688" s="613"/>
      <c r="AHT688" s="613"/>
      <c r="AHU688" s="613"/>
      <c r="AHV688" s="613"/>
      <c r="AHW688" s="613"/>
      <c r="AHX688" s="613"/>
      <c r="AHY688" s="613"/>
      <c r="AHZ688" s="613"/>
      <c r="AIA688" s="613"/>
      <c r="AIB688" s="613"/>
      <c r="AIC688" s="613"/>
      <c r="AID688" s="613"/>
      <c r="AIE688" s="613"/>
      <c r="AIF688" s="613"/>
      <c r="AIG688" s="613"/>
      <c r="AIH688" s="613"/>
      <c r="AII688" s="613"/>
      <c r="AIJ688" s="613"/>
      <c r="AIK688" s="613"/>
      <c r="AIL688" s="613"/>
      <c r="AIM688" s="613"/>
      <c r="AIN688" s="613"/>
      <c r="AIO688" s="613"/>
      <c r="AIP688" s="613"/>
      <c r="AIQ688" s="613"/>
      <c r="AIR688" s="613"/>
      <c r="AIS688" s="613"/>
      <c r="AIT688" s="613"/>
      <c r="AIU688" s="613"/>
      <c r="AIV688" s="613"/>
      <c r="AIW688" s="613"/>
      <c r="AIX688" s="613"/>
      <c r="AIY688" s="613"/>
      <c r="AIZ688" s="613"/>
      <c r="AJA688" s="613"/>
      <c r="AJB688" s="613"/>
      <c r="AJC688" s="613"/>
      <c r="AJD688" s="613"/>
      <c r="AJE688" s="613"/>
      <c r="AJF688" s="613"/>
      <c r="AJG688" s="613"/>
      <c r="AJH688" s="613"/>
      <c r="AJI688" s="613"/>
      <c r="AJJ688" s="613"/>
      <c r="AJK688" s="613"/>
      <c r="AJL688" s="613"/>
      <c r="AJM688" s="613"/>
      <c r="AJN688" s="613"/>
      <c r="AJO688" s="613"/>
      <c r="AJP688" s="613"/>
      <c r="AJQ688" s="613"/>
      <c r="AJR688" s="613"/>
      <c r="AJS688" s="613"/>
      <c r="AJT688" s="613"/>
      <c r="AJU688" s="613"/>
      <c r="AJV688" s="613"/>
      <c r="AJW688" s="613"/>
      <c r="AJX688" s="613"/>
      <c r="AJY688" s="613"/>
      <c r="AJZ688" s="613"/>
      <c r="AKA688" s="613"/>
      <c r="AKB688" s="613"/>
      <c r="AKC688" s="613"/>
      <c r="AKD688" s="613"/>
      <c r="AKE688" s="613"/>
      <c r="AKF688" s="613"/>
      <c r="AKG688" s="613"/>
      <c r="AKH688" s="613"/>
      <c r="AKI688" s="613"/>
      <c r="AKJ688" s="613"/>
      <c r="AKK688" s="613"/>
      <c r="AKL688" s="613"/>
      <c r="AKM688" s="613"/>
      <c r="AKN688" s="613"/>
      <c r="AKO688" s="613"/>
      <c r="AKP688" s="613"/>
      <c r="AKQ688" s="613"/>
      <c r="AKR688" s="613"/>
      <c r="AKS688" s="613"/>
      <c r="AKT688" s="613"/>
      <c r="AKU688" s="613"/>
      <c r="AKV688" s="613"/>
      <c r="AKW688" s="613"/>
      <c r="AKX688" s="613"/>
      <c r="AKY688" s="613"/>
      <c r="AKZ688" s="613"/>
      <c r="ALA688" s="613"/>
      <c r="ALB688" s="613"/>
      <c r="ALC688" s="613"/>
      <c r="ALD688" s="613"/>
      <c r="ALE688" s="613"/>
      <c r="ALF688" s="613"/>
      <c r="ALG688" s="613"/>
      <c r="ALH688" s="613"/>
      <c r="ALI688" s="613"/>
      <c r="ALJ688" s="613"/>
      <c r="ALK688" s="613"/>
      <c r="ALL688" s="613"/>
      <c r="ALM688" s="613"/>
      <c r="ALN688" s="613"/>
      <c r="ALO688" s="613"/>
      <c r="ALP688" s="613"/>
      <c r="ALQ688" s="613"/>
      <c r="ALR688" s="613"/>
      <c r="ALS688" s="613"/>
      <c r="ALT688" s="613"/>
      <c r="ALU688" s="613"/>
      <c r="ALV688" s="613"/>
      <c r="ALW688" s="613"/>
      <c r="ALX688" s="613"/>
      <c r="ALY688" s="613"/>
      <c r="ALZ688" s="613"/>
      <c r="AMA688" s="613"/>
      <c r="AMB688" s="613"/>
      <c r="AMC688" s="613"/>
      <c r="AMD688" s="613"/>
      <c r="AME688" s="613"/>
      <c r="AMF688" s="613"/>
      <c r="AMG688" s="613"/>
      <c r="AMH688" s="613"/>
      <c r="AMI688" s="613"/>
      <c r="AMJ688" s="613"/>
      <c r="AMK688" s="613"/>
      <c r="AML688" s="613"/>
      <c r="AMM688" s="613"/>
      <c r="AMN688" s="613"/>
      <c r="AMO688" s="613"/>
      <c r="AMP688" s="613"/>
      <c r="AMQ688" s="613"/>
      <c r="AMR688" s="613"/>
      <c r="AMS688" s="613"/>
      <c r="AMT688" s="613"/>
      <c r="AMU688" s="613"/>
      <c r="AMV688" s="613"/>
      <c r="AMW688" s="613"/>
      <c r="AMX688" s="613"/>
      <c r="AMY688" s="613"/>
      <c r="AMZ688" s="613"/>
      <c r="ANA688" s="613"/>
      <c r="ANB688" s="613"/>
      <c r="ANC688" s="613"/>
      <c r="AND688" s="613"/>
      <c r="ANE688" s="613"/>
      <c r="ANF688" s="613"/>
      <c r="ANG688" s="613"/>
      <c r="ANH688" s="613"/>
      <c r="ANI688" s="613"/>
      <c r="ANJ688" s="613"/>
      <c r="ANK688" s="613"/>
      <c r="ANL688" s="613"/>
      <c r="ANM688" s="613"/>
      <c r="ANN688" s="613"/>
      <c r="ANO688" s="613"/>
      <c r="ANP688" s="613"/>
      <c r="ANQ688" s="613"/>
      <c r="ANR688" s="613"/>
      <c r="ANS688" s="613"/>
      <c r="ANT688" s="613"/>
      <c r="ANU688" s="613"/>
      <c r="ANV688" s="613"/>
      <c r="ANW688" s="613"/>
      <c r="ANX688" s="613"/>
      <c r="ANY688" s="613"/>
      <c r="ANZ688" s="613"/>
      <c r="AOA688" s="613"/>
      <c r="AOB688" s="613"/>
      <c r="AOC688" s="613"/>
      <c r="AOD688" s="613"/>
      <c r="AOE688" s="613"/>
      <c r="AOF688" s="613"/>
      <c r="AOG688" s="613"/>
      <c r="AOH688" s="613"/>
      <c r="AOI688" s="613"/>
      <c r="AOJ688" s="613"/>
      <c r="AOK688" s="613"/>
      <c r="AOL688" s="613"/>
      <c r="AOM688" s="613"/>
      <c r="AON688" s="613"/>
      <c r="AOO688" s="613"/>
      <c r="AOP688" s="613"/>
      <c r="AOQ688" s="613"/>
      <c r="AOR688" s="613"/>
      <c r="AOS688" s="613"/>
      <c r="AOT688" s="613"/>
      <c r="AOU688" s="613"/>
      <c r="AOV688" s="613"/>
      <c r="AOW688" s="613"/>
      <c r="AOX688" s="613"/>
      <c r="AOY688" s="613"/>
      <c r="AOZ688" s="613"/>
      <c r="APA688" s="613"/>
      <c r="APB688" s="613"/>
      <c r="APC688" s="613"/>
      <c r="APD688" s="613"/>
      <c r="APE688" s="613"/>
      <c r="APF688" s="613"/>
      <c r="APG688" s="613"/>
      <c r="APH688" s="613"/>
      <c r="API688" s="613"/>
      <c r="APJ688" s="613"/>
      <c r="APK688" s="613"/>
      <c r="APL688" s="613"/>
      <c r="APM688" s="613"/>
      <c r="APN688" s="613"/>
      <c r="APO688" s="613"/>
      <c r="APP688" s="613"/>
      <c r="APQ688" s="613"/>
      <c r="APR688" s="613"/>
      <c r="APS688" s="613"/>
      <c r="APT688" s="613"/>
      <c r="APU688" s="613"/>
      <c r="APV688" s="613"/>
      <c r="APW688" s="613"/>
      <c r="APX688" s="613"/>
      <c r="APY688" s="613"/>
      <c r="APZ688" s="613"/>
      <c r="AQA688" s="613"/>
      <c r="AQB688" s="613"/>
      <c r="AQC688" s="613"/>
      <c r="AQD688" s="613"/>
      <c r="AQE688" s="613"/>
      <c r="AQF688" s="613"/>
      <c r="AQG688" s="613"/>
      <c r="AQH688" s="613"/>
      <c r="AQI688" s="613"/>
      <c r="AQJ688" s="613"/>
      <c r="AQK688" s="613"/>
      <c r="AQL688" s="613"/>
      <c r="AQM688" s="613"/>
      <c r="AQN688" s="613"/>
      <c r="AQO688" s="613"/>
      <c r="AQP688" s="613"/>
      <c r="AQQ688" s="613"/>
      <c r="AQR688" s="613"/>
      <c r="AQS688" s="613"/>
      <c r="AQT688" s="613"/>
      <c r="AQU688" s="613"/>
      <c r="AQV688" s="613"/>
      <c r="AQW688" s="613"/>
      <c r="AQX688" s="613"/>
      <c r="AQY688" s="613"/>
      <c r="AQZ688" s="613"/>
      <c r="ARA688" s="613"/>
      <c r="ARB688" s="613"/>
      <c r="ARC688" s="613"/>
      <c r="ARD688" s="613"/>
      <c r="ARE688" s="613"/>
      <c r="ARF688" s="613"/>
      <c r="ARG688" s="613"/>
      <c r="ARH688" s="613"/>
      <c r="ARI688" s="613"/>
      <c r="ARJ688" s="613"/>
      <c r="ARK688" s="613"/>
      <c r="ARL688" s="613"/>
      <c r="ARM688" s="613"/>
      <c r="ARN688" s="613"/>
      <c r="ARO688" s="613"/>
      <c r="ARP688" s="613"/>
      <c r="ARQ688" s="613"/>
      <c r="ARR688" s="613"/>
      <c r="ARS688" s="613"/>
      <c r="ART688" s="613"/>
      <c r="ARU688" s="613"/>
      <c r="ARV688" s="613"/>
      <c r="ARW688" s="613"/>
      <c r="ARX688" s="613"/>
      <c r="ARY688" s="613"/>
      <c r="ARZ688" s="613"/>
      <c r="ASA688" s="613"/>
      <c r="ASB688" s="613"/>
      <c r="ASC688" s="613"/>
      <c r="ASD688" s="613"/>
      <c r="ASE688" s="613"/>
      <c r="ASF688" s="613"/>
      <c r="ASG688" s="613"/>
      <c r="ASH688" s="613"/>
      <c r="ASI688" s="613"/>
      <c r="ASJ688" s="613"/>
      <c r="ASK688" s="613"/>
      <c r="ASL688" s="613"/>
      <c r="ASM688" s="613"/>
      <c r="ASN688" s="613"/>
      <c r="ASO688" s="613"/>
      <c r="ASP688" s="613"/>
      <c r="ASQ688" s="613"/>
      <c r="ASR688" s="613"/>
      <c r="ASS688" s="613"/>
      <c r="AST688" s="613"/>
      <c r="ASU688" s="613"/>
      <c r="ASV688" s="613"/>
      <c r="ASW688" s="613"/>
      <c r="ASX688" s="613"/>
      <c r="ASY688" s="613"/>
      <c r="ASZ688" s="613"/>
      <c r="ATA688" s="613"/>
      <c r="ATB688" s="613"/>
      <c r="ATC688" s="613"/>
      <c r="ATD688" s="613"/>
      <c r="ATE688" s="613"/>
      <c r="ATF688" s="613"/>
      <c r="ATG688" s="613"/>
      <c r="ATH688" s="613"/>
      <c r="ATI688" s="613"/>
      <c r="ATJ688" s="613"/>
      <c r="ATK688" s="613"/>
      <c r="ATL688" s="613"/>
      <c r="ATM688" s="613"/>
      <c r="ATN688" s="613"/>
      <c r="ATO688" s="613"/>
      <c r="ATP688" s="613"/>
      <c r="ATQ688" s="613"/>
      <c r="ATR688" s="613"/>
      <c r="ATS688" s="613"/>
      <c r="ATT688" s="613"/>
      <c r="ATU688" s="613"/>
      <c r="ATV688" s="613"/>
      <c r="ATW688" s="613"/>
      <c r="ATX688" s="613"/>
      <c r="ATY688" s="613"/>
      <c r="ATZ688" s="613"/>
      <c r="AUA688" s="613"/>
      <c r="AUB688" s="613"/>
      <c r="AUC688" s="613"/>
      <c r="AUD688" s="613"/>
      <c r="AUE688" s="613"/>
      <c r="AUF688" s="613"/>
      <c r="AUG688" s="613"/>
      <c r="AUH688" s="613"/>
      <c r="AUI688" s="613"/>
      <c r="AUJ688" s="613"/>
      <c r="AUK688" s="613"/>
      <c r="AUL688" s="613"/>
      <c r="AUM688" s="613"/>
      <c r="AUN688" s="613"/>
      <c r="AUO688" s="613"/>
      <c r="AUP688" s="613"/>
      <c r="AUQ688" s="613"/>
      <c r="AUR688" s="613"/>
      <c r="AUS688" s="613"/>
      <c r="AUT688" s="613"/>
      <c r="AUU688" s="613"/>
      <c r="AUV688" s="613"/>
      <c r="AUW688" s="613"/>
      <c r="AUX688" s="613"/>
      <c r="AUY688" s="613"/>
      <c r="AUZ688" s="613"/>
      <c r="AVA688" s="613"/>
      <c r="AVB688" s="613"/>
      <c r="AVC688" s="613"/>
      <c r="AVD688" s="613"/>
      <c r="AVE688" s="613"/>
      <c r="AVF688" s="613"/>
      <c r="AVG688" s="613"/>
      <c r="AVH688" s="613"/>
      <c r="AVI688" s="613"/>
      <c r="AVJ688" s="613"/>
      <c r="AVK688" s="613"/>
      <c r="AVL688" s="613"/>
      <c r="AVM688" s="613"/>
      <c r="AVN688" s="613"/>
      <c r="AVO688" s="613"/>
      <c r="AVP688" s="613"/>
      <c r="AVQ688" s="613"/>
      <c r="AVR688" s="613"/>
      <c r="AVS688" s="613"/>
      <c r="AVT688" s="613"/>
      <c r="AVU688" s="613"/>
      <c r="AVV688" s="613"/>
      <c r="AVW688" s="613"/>
      <c r="AVX688" s="613"/>
      <c r="AVY688" s="613"/>
      <c r="AVZ688" s="613"/>
      <c r="AWA688" s="613"/>
      <c r="AWB688" s="613"/>
      <c r="AWC688" s="613"/>
      <c r="AWD688" s="613"/>
      <c r="AWE688" s="613"/>
      <c r="AWF688" s="613"/>
      <c r="AWG688" s="613"/>
      <c r="AWH688" s="613"/>
      <c r="AWI688" s="613"/>
      <c r="AWJ688" s="613"/>
      <c r="AWK688" s="613"/>
      <c r="AWL688" s="613"/>
      <c r="AWM688" s="613"/>
      <c r="AWN688" s="613"/>
      <c r="AWO688" s="613"/>
      <c r="AWP688" s="613"/>
      <c r="AWQ688" s="613"/>
      <c r="AWR688" s="613"/>
      <c r="AWS688" s="613"/>
      <c r="AWT688" s="613"/>
      <c r="AWU688" s="613"/>
      <c r="AWV688" s="613"/>
      <c r="AWW688" s="613"/>
      <c r="AWX688" s="613"/>
      <c r="AWY688" s="613"/>
      <c r="AWZ688" s="613"/>
      <c r="AXA688" s="613"/>
      <c r="AXB688" s="613"/>
      <c r="AXC688" s="613"/>
      <c r="AXD688" s="613"/>
      <c r="AXE688" s="613"/>
      <c r="AXF688" s="613"/>
      <c r="AXG688" s="613"/>
      <c r="AXH688" s="613"/>
      <c r="AXI688" s="613"/>
      <c r="AXJ688" s="613"/>
      <c r="AXK688" s="613"/>
      <c r="AXL688" s="613"/>
      <c r="AXM688" s="613"/>
      <c r="AXN688" s="613"/>
      <c r="AXO688" s="613"/>
      <c r="AXP688" s="613"/>
      <c r="AXQ688" s="613"/>
      <c r="AXR688" s="613"/>
      <c r="AXS688" s="613"/>
      <c r="AXT688" s="613"/>
      <c r="AXU688" s="613"/>
      <c r="AXV688" s="613"/>
      <c r="AXW688" s="613"/>
      <c r="AXX688" s="613"/>
      <c r="AXY688" s="613"/>
      <c r="AXZ688" s="613"/>
      <c r="AYA688" s="613"/>
      <c r="AYB688" s="613"/>
      <c r="AYC688" s="613"/>
      <c r="AYD688" s="613"/>
      <c r="AYE688" s="613"/>
      <c r="AYF688" s="613"/>
      <c r="AYG688" s="613"/>
      <c r="AYH688" s="613"/>
      <c r="AYI688" s="613"/>
      <c r="AYJ688" s="613"/>
      <c r="AYK688" s="613"/>
      <c r="AYL688" s="613"/>
      <c r="AYM688" s="613"/>
      <c r="AYN688" s="613"/>
      <c r="AYO688" s="613"/>
      <c r="AYP688" s="613"/>
      <c r="AYQ688" s="613"/>
      <c r="AYR688" s="613"/>
      <c r="AYS688" s="613"/>
      <c r="AYT688" s="613"/>
      <c r="AYU688" s="613"/>
      <c r="AYV688" s="613"/>
      <c r="AYW688" s="613"/>
      <c r="AYX688" s="613"/>
      <c r="AYY688" s="613"/>
      <c r="AYZ688" s="613"/>
      <c r="AZA688" s="613"/>
      <c r="AZB688" s="613"/>
      <c r="AZC688" s="613"/>
      <c r="AZD688" s="613"/>
      <c r="AZE688" s="613"/>
      <c r="AZF688" s="613"/>
      <c r="AZG688" s="613"/>
      <c r="AZH688" s="613"/>
      <c r="AZI688" s="613"/>
      <c r="AZJ688" s="613"/>
      <c r="AZK688" s="613"/>
      <c r="AZL688" s="613"/>
      <c r="AZM688" s="613"/>
      <c r="AZN688" s="613"/>
      <c r="AZO688" s="613"/>
      <c r="AZP688" s="613"/>
      <c r="AZQ688" s="613"/>
      <c r="AZR688" s="613"/>
      <c r="AZS688" s="613"/>
      <c r="AZT688" s="613"/>
      <c r="AZU688" s="613"/>
      <c r="AZV688" s="613"/>
      <c r="AZW688" s="613"/>
      <c r="AZX688" s="613"/>
      <c r="AZY688" s="613"/>
      <c r="AZZ688" s="613"/>
      <c r="BAA688" s="613"/>
      <c r="BAB688" s="613"/>
      <c r="BAC688" s="613"/>
      <c r="BAD688" s="613"/>
      <c r="BAE688" s="613"/>
      <c r="BAF688" s="613"/>
      <c r="BAG688" s="613"/>
      <c r="BAH688" s="613"/>
      <c r="BAI688" s="613"/>
      <c r="BAJ688" s="613"/>
      <c r="BAK688" s="613"/>
      <c r="BAL688" s="613"/>
      <c r="BAM688" s="613"/>
      <c r="BAN688" s="613"/>
      <c r="BAO688" s="613"/>
      <c r="BAP688" s="613"/>
      <c r="BAQ688" s="613"/>
      <c r="BAR688" s="613"/>
      <c r="BAS688" s="613"/>
      <c r="BAT688" s="613"/>
      <c r="BAU688" s="613"/>
      <c r="BAV688" s="613"/>
      <c r="BAW688" s="613"/>
      <c r="BAX688" s="613"/>
      <c r="BAY688" s="613"/>
      <c r="BAZ688" s="613"/>
      <c r="BBA688" s="613"/>
      <c r="BBB688" s="613"/>
      <c r="BBC688" s="613"/>
      <c r="BBD688" s="613"/>
      <c r="BBE688" s="613"/>
      <c r="BBF688" s="613"/>
      <c r="BBG688" s="613"/>
      <c r="BBH688" s="613"/>
      <c r="BBI688" s="613"/>
      <c r="BBJ688" s="613"/>
      <c r="BBK688" s="613"/>
      <c r="BBL688" s="613"/>
      <c r="BBM688" s="613"/>
      <c r="BBN688" s="613"/>
      <c r="BBO688" s="613"/>
      <c r="BBP688" s="613"/>
      <c r="BBQ688" s="613"/>
      <c r="BBR688" s="613"/>
      <c r="BBS688" s="613"/>
      <c r="BBT688" s="613"/>
      <c r="BBU688" s="613"/>
      <c r="BBV688" s="613"/>
      <c r="BBW688" s="613"/>
      <c r="BBX688" s="613"/>
      <c r="BBY688" s="613"/>
      <c r="BBZ688" s="613"/>
      <c r="BCA688" s="613"/>
      <c r="BCB688" s="613"/>
      <c r="BCC688" s="613"/>
      <c r="BCD688" s="613"/>
      <c r="BCE688" s="613"/>
      <c r="BCF688" s="613"/>
      <c r="BCG688" s="613"/>
      <c r="BCH688" s="613"/>
      <c r="BCI688" s="613"/>
      <c r="BCJ688" s="613"/>
      <c r="BCK688" s="613"/>
      <c r="BCL688" s="613"/>
      <c r="BCM688" s="613"/>
      <c r="BCN688" s="613"/>
      <c r="BCO688" s="613"/>
      <c r="BCP688" s="613"/>
      <c r="BCQ688" s="613"/>
      <c r="BCR688" s="613"/>
      <c r="BCS688" s="613"/>
      <c r="BCT688" s="613"/>
      <c r="BCU688" s="613"/>
      <c r="BCV688" s="613"/>
      <c r="BCW688" s="613"/>
      <c r="BCX688" s="613"/>
      <c r="BCY688" s="613"/>
      <c r="BCZ688" s="613"/>
      <c r="BDA688" s="613"/>
      <c r="BDB688" s="613"/>
      <c r="BDC688" s="613"/>
      <c r="BDD688" s="613"/>
      <c r="BDE688" s="613"/>
      <c r="BDF688" s="613"/>
      <c r="BDG688" s="613"/>
      <c r="BDH688" s="613"/>
      <c r="BDI688" s="613"/>
      <c r="BDJ688" s="613"/>
      <c r="BDK688" s="613"/>
      <c r="BDL688" s="613"/>
      <c r="BDM688" s="613"/>
      <c r="BDN688" s="613"/>
      <c r="BDO688" s="613"/>
      <c r="BDP688" s="613"/>
      <c r="BDQ688" s="613"/>
      <c r="BDR688" s="613"/>
      <c r="BDS688" s="613"/>
      <c r="BDT688" s="613"/>
      <c r="BDU688" s="613"/>
      <c r="BDV688" s="613"/>
      <c r="BDW688" s="613"/>
      <c r="BDX688" s="613"/>
      <c r="BDY688" s="613"/>
      <c r="BDZ688" s="613"/>
      <c r="BEA688" s="613"/>
      <c r="BEB688" s="613"/>
      <c r="BEC688" s="613"/>
      <c r="BED688" s="613"/>
      <c r="BEE688" s="613"/>
      <c r="BEF688" s="613"/>
      <c r="BEG688" s="613"/>
      <c r="BEH688" s="613"/>
      <c r="BEI688" s="613"/>
      <c r="BEJ688" s="613"/>
      <c r="BEK688" s="613"/>
      <c r="BEL688" s="613"/>
      <c r="BEM688" s="613"/>
      <c r="BEN688" s="613"/>
      <c r="BEO688" s="613"/>
      <c r="BEP688" s="613"/>
      <c r="BEQ688" s="613"/>
      <c r="BER688" s="613"/>
      <c r="BES688" s="613"/>
      <c r="BET688" s="613"/>
      <c r="BEU688" s="613"/>
      <c r="BEV688" s="613"/>
      <c r="BEW688" s="613"/>
      <c r="BEX688" s="613"/>
      <c r="BEY688" s="613"/>
      <c r="BEZ688" s="613"/>
      <c r="BFA688" s="613"/>
      <c r="BFB688" s="613"/>
      <c r="BFC688" s="613"/>
      <c r="BFD688" s="613"/>
      <c r="BFE688" s="613"/>
      <c r="BFF688" s="613"/>
      <c r="BFG688" s="613"/>
      <c r="BFH688" s="613"/>
      <c r="BFI688" s="613"/>
      <c r="BFJ688" s="613"/>
      <c r="BFK688" s="613"/>
      <c r="BFL688" s="613"/>
      <c r="BFM688" s="613"/>
      <c r="BFN688" s="613"/>
      <c r="BFO688" s="613"/>
      <c r="BFP688" s="613"/>
      <c r="BFQ688" s="613"/>
      <c r="BFR688" s="613"/>
      <c r="BFS688" s="613"/>
      <c r="BFT688" s="613"/>
      <c r="BFU688" s="613"/>
      <c r="BFV688" s="613"/>
      <c r="BFW688" s="613"/>
      <c r="BFX688" s="613"/>
      <c r="BFY688" s="613"/>
      <c r="BFZ688" s="613"/>
      <c r="BGA688" s="613"/>
      <c r="BGB688" s="613"/>
      <c r="BGC688" s="613"/>
      <c r="BGD688" s="613"/>
      <c r="BGE688" s="613"/>
      <c r="BGF688" s="613"/>
      <c r="BGG688" s="613"/>
      <c r="BGH688" s="613"/>
      <c r="BGI688" s="613"/>
      <c r="BGJ688" s="613"/>
      <c r="BGK688" s="613"/>
      <c r="BGL688" s="613"/>
      <c r="BGM688" s="613"/>
      <c r="BGN688" s="613"/>
      <c r="BGO688" s="613"/>
      <c r="BGP688" s="613"/>
      <c r="BGQ688" s="613"/>
      <c r="BGR688" s="613"/>
      <c r="BGS688" s="613"/>
      <c r="BGT688" s="613"/>
      <c r="BGU688" s="613"/>
      <c r="BGV688" s="613"/>
      <c r="BGW688" s="613"/>
      <c r="BGX688" s="613"/>
      <c r="BGY688" s="613"/>
      <c r="BGZ688" s="613"/>
      <c r="BHA688" s="613"/>
      <c r="BHB688" s="613"/>
      <c r="BHC688" s="613"/>
      <c r="BHD688" s="613"/>
      <c r="BHE688" s="613"/>
      <c r="BHF688" s="613"/>
      <c r="BHG688" s="613"/>
      <c r="BHH688" s="613"/>
      <c r="BHI688" s="613"/>
      <c r="BHJ688" s="613"/>
      <c r="BHK688" s="613"/>
      <c r="BHL688" s="613"/>
      <c r="BHM688" s="613"/>
      <c r="BHN688" s="613"/>
      <c r="BHO688" s="613"/>
      <c r="BHP688" s="613"/>
      <c r="BHQ688" s="613"/>
      <c r="BHR688" s="613"/>
      <c r="BHS688" s="613"/>
      <c r="BHT688" s="613"/>
      <c r="BHU688" s="613"/>
      <c r="BHV688" s="613"/>
      <c r="BHW688" s="613"/>
      <c r="BHX688" s="613"/>
      <c r="BHY688" s="613"/>
      <c r="BHZ688" s="613"/>
      <c r="BIA688" s="613"/>
      <c r="BIB688" s="613"/>
      <c r="BIC688" s="613"/>
      <c r="BID688" s="613"/>
      <c r="BIE688" s="613"/>
      <c r="BIF688" s="613"/>
      <c r="BIG688" s="613"/>
      <c r="BIH688" s="613"/>
      <c r="BII688" s="613"/>
      <c r="BIJ688" s="613"/>
      <c r="BIK688" s="613"/>
      <c r="BIL688" s="613"/>
      <c r="BIM688" s="613"/>
      <c r="BIN688" s="613"/>
      <c r="BIO688" s="613"/>
      <c r="BIP688" s="613"/>
      <c r="BIQ688" s="613"/>
      <c r="BIR688" s="613"/>
      <c r="BIS688" s="613"/>
      <c r="BIT688" s="613"/>
      <c r="BIU688" s="613"/>
      <c r="BIV688" s="613"/>
      <c r="BIW688" s="613"/>
      <c r="BIX688" s="613"/>
      <c r="BIY688" s="613"/>
      <c r="BIZ688" s="613"/>
      <c r="BJA688" s="613"/>
      <c r="BJB688" s="613"/>
      <c r="BJC688" s="613"/>
      <c r="BJD688" s="613"/>
      <c r="BJE688" s="613"/>
      <c r="BJF688" s="613"/>
      <c r="BJG688" s="613"/>
      <c r="BJH688" s="613"/>
      <c r="BJI688" s="613"/>
      <c r="BJJ688" s="613"/>
      <c r="BJK688" s="613"/>
      <c r="BJL688" s="613"/>
      <c r="BJM688" s="613"/>
      <c r="BJN688" s="613"/>
      <c r="BJO688" s="613"/>
      <c r="BJP688" s="613"/>
      <c r="BJQ688" s="613"/>
      <c r="BJR688" s="613"/>
      <c r="BJS688" s="613"/>
      <c r="BJT688" s="613"/>
      <c r="BJU688" s="613"/>
      <c r="BJV688" s="613"/>
      <c r="BJW688" s="613"/>
      <c r="BJX688" s="613"/>
      <c r="BJY688" s="613"/>
      <c r="BJZ688" s="613"/>
      <c r="BKA688" s="613"/>
      <c r="BKB688" s="613"/>
      <c r="BKC688" s="613"/>
      <c r="BKD688" s="613"/>
      <c r="BKE688" s="613"/>
      <c r="BKF688" s="613"/>
      <c r="BKG688" s="613"/>
      <c r="BKH688" s="613"/>
      <c r="BKI688" s="613"/>
      <c r="BKJ688" s="613"/>
      <c r="BKK688" s="613"/>
      <c r="BKL688" s="613"/>
      <c r="BKM688" s="613"/>
      <c r="BKN688" s="613"/>
      <c r="BKO688" s="613"/>
      <c r="BKP688" s="613"/>
      <c r="BKQ688" s="613"/>
      <c r="BKR688" s="613"/>
      <c r="BKS688" s="613"/>
      <c r="BKT688" s="613"/>
      <c r="BKU688" s="613"/>
      <c r="BKV688" s="613"/>
      <c r="BKW688" s="613"/>
      <c r="BKX688" s="613"/>
      <c r="BKY688" s="613"/>
      <c r="BKZ688" s="613"/>
      <c r="BLA688" s="613"/>
      <c r="BLB688" s="613"/>
      <c r="BLC688" s="613"/>
      <c r="BLD688" s="613"/>
      <c r="BLE688" s="613"/>
      <c r="BLF688" s="613"/>
      <c r="BLG688" s="613"/>
      <c r="BLH688" s="613"/>
      <c r="BLI688" s="613"/>
      <c r="BLJ688" s="613"/>
      <c r="BLK688" s="613"/>
      <c r="BLL688" s="613"/>
      <c r="BLM688" s="613"/>
      <c r="BLN688" s="613"/>
      <c r="BLO688" s="613"/>
      <c r="BLP688" s="613"/>
      <c r="BLQ688" s="613"/>
      <c r="BLR688" s="613"/>
      <c r="BLS688" s="613"/>
      <c r="BLT688" s="613"/>
      <c r="BLU688" s="613"/>
      <c r="BLV688" s="613"/>
      <c r="BLW688" s="613"/>
      <c r="BLX688" s="613"/>
      <c r="BLY688" s="613"/>
      <c r="BLZ688" s="613"/>
      <c r="BMA688" s="613"/>
      <c r="BMB688" s="613"/>
      <c r="BMC688" s="613"/>
      <c r="BMD688" s="613"/>
      <c r="BME688" s="613"/>
      <c r="BMF688" s="613"/>
      <c r="BMG688" s="613"/>
      <c r="BMH688" s="613"/>
      <c r="BMI688" s="613"/>
      <c r="BMJ688" s="613"/>
      <c r="BMK688" s="613"/>
      <c r="BML688" s="613"/>
      <c r="BMM688" s="613"/>
      <c r="BMN688" s="613"/>
      <c r="BMO688" s="613"/>
      <c r="BMP688" s="613"/>
      <c r="BMQ688" s="613"/>
      <c r="BMR688" s="613"/>
      <c r="BMS688" s="613"/>
      <c r="BMT688" s="613"/>
      <c r="BMU688" s="613"/>
      <c r="BMV688" s="613"/>
      <c r="BMW688" s="613"/>
      <c r="BMX688" s="613"/>
      <c r="BMY688" s="613"/>
      <c r="BMZ688" s="613"/>
      <c r="BNA688" s="613"/>
      <c r="BNB688" s="613"/>
      <c r="BNC688" s="613"/>
      <c r="BND688" s="613"/>
      <c r="BNE688" s="613"/>
      <c r="BNF688" s="613"/>
      <c r="BNG688" s="613"/>
      <c r="BNH688" s="613"/>
      <c r="BNI688" s="613"/>
      <c r="BNJ688" s="613"/>
      <c r="BNK688" s="613"/>
      <c r="BNL688" s="613"/>
      <c r="BNM688" s="613"/>
      <c r="BNN688" s="613"/>
      <c r="BNO688" s="613"/>
      <c r="BNP688" s="613"/>
      <c r="BNQ688" s="613"/>
      <c r="BNR688" s="613"/>
      <c r="BNS688" s="613"/>
      <c r="BNT688" s="613"/>
      <c r="BNU688" s="613"/>
      <c r="BNV688" s="613"/>
      <c r="BNW688" s="613"/>
      <c r="BNX688" s="613"/>
      <c r="BNY688" s="613"/>
      <c r="BNZ688" s="613"/>
      <c r="BOA688" s="613"/>
      <c r="BOB688" s="613"/>
      <c r="BOC688" s="613"/>
      <c r="BOD688" s="613"/>
      <c r="BOE688" s="613"/>
      <c r="BOF688" s="613"/>
      <c r="BOG688" s="613"/>
      <c r="BOH688" s="613"/>
      <c r="BOI688" s="613"/>
      <c r="BOJ688" s="613"/>
      <c r="BOK688" s="613"/>
      <c r="BOL688" s="613"/>
      <c r="BOM688" s="613"/>
      <c r="BON688" s="613"/>
      <c r="BOO688" s="613"/>
      <c r="BOP688" s="613"/>
      <c r="BOQ688" s="613"/>
      <c r="BOR688" s="613"/>
      <c r="BOS688" s="613"/>
      <c r="BOT688" s="613"/>
      <c r="BOU688" s="613"/>
      <c r="BOV688" s="613"/>
      <c r="BOW688" s="613"/>
      <c r="BOX688" s="613"/>
      <c r="BOY688" s="613"/>
      <c r="BOZ688" s="613"/>
      <c r="BPA688" s="613"/>
      <c r="BPB688" s="613"/>
      <c r="BPC688" s="613"/>
      <c r="BPD688" s="613"/>
      <c r="BPE688" s="613"/>
      <c r="BPF688" s="613"/>
      <c r="BPG688" s="613"/>
      <c r="BPH688" s="613"/>
      <c r="BPI688" s="613"/>
      <c r="BPJ688" s="613"/>
      <c r="BPK688" s="613"/>
      <c r="BPL688" s="613"/>
      <c r="BPM688" s="613"/>
      <c r="BPN688" s="613"/>
      <c r="BPO688" s="613"/>
      <c r="BPP688" s="613"/>
      <c r="BPQ688" s="613"/>
      <c r="BPR688" s="613"/>
      <c r="BPS688" s="613"/>
      <c r="BPT688" s="613"/>
      <c r="BPU688" s="613"/>
      <c r="BPV688" s="613"/>
      <c r="BPW688" s="613"/>
      <c r="BPX688" s="613"/>
      <c r="BPY688" s="613"/>
      <c r="BPZ688" s="613"/>
      <c r="BQA688" s="613"/>
      <c r="BQB688" s="613"/>
      <c r="BQC688" s="613"/>
      <c r="BQD688" s="613"/>
      <c r="BQE688" s="613"/>
      <c r="BQF688" s="613"/>
      <c r="BQG688" s="613"/>
      <c r="BQH688" s="613"/>
      <c r="BQI688" s="613"/>
      <c r="BQJ688" s="613"/>
      <c r="BQK688" s="613"/>
      <c r="BQL688" s="613"/>
      <c r="BQM688" s="613"/>
      <c r="BQN688" s="613"/>
      <c r="BQO688" s="613"/>
      <c r="BQP688" s="613"/>
      <c r="BQQ688" s="613"/>
      <c r="BQR688" s="613"/>
      <c r="BQS688" s="613"/>
      <c r="BQT688" s="613"/>
      <c r="BQU688" s="613"/>
      <c r="BQV688" s="613"/>
      <c r="BQW688" s="613"/>
      <c r="BQX688" s="613"/>
      <c r="BQY688" s="613"/>
      <c r="BQZ688" s="613"/>
      <c r="BRA688" s="613"/>
      <c r="BRB688" s="613"/>
      <c r="BRC688" s="613"/>
      <c r="BRD688" s="613"/>
      <c r="BRE688" s="613"/>
      <c r="BRF688" s="613"/>
      <c r="BRG688" s="613"/>
      <c r="BRH688" s="613"/>
      <c r="BRI688" s="613"/>
      <c r="BRJ688" s="613"/>
      <c r="BRK688" s="613"/>
      <c r="BRL688" s="613"/>
      <c r="BRM688" s="613"/>
      <c r="BRN688" s="613"/>
      <c r="BRO688" s="613"/>
      <c r="BRP688" s="613"/>
      <c r="BRQ688" s="613"/>
      <c r="BRR688" s="613"/>
      <c r="BRS688" s="613"/>
      <c r="BRT688" s="613"/>
      <c r="BRU688" s="613"/>
      <c r="BRV688" s="613"/>
      <c r="BRW688" s="613"/>
      <c r="BRX688" s="613"/>
      <c r="BRY688" s="613"/>
      <c r="BRZ688" s="613"/>
      <c r="BSA688" s="613"/>
      <c r="BSB688" s="613"/>
      <c r="BSC688" s="613"/>
      <c r="BSD688" s="613"/>
      <c r="BSE688" s="613"/>
      <c r="BSF688" s="613"/>
      <c r="BSG688" s="613"/>
      <c r="BSH688" s="613"/>
      <c r="BSI688" s="613"/>
      <c r="BSJ688" s="613"/>
      <c r="BSK688" s="613"/>
      <c r="BSL688" s="613"/>
      <c r="BSM688" s="613"/>
      <c r="BSN688" s="613"/>
      <c r="BSO688" s="613"/>
      <c r="BSP688" s="613"/>
      <c r="BSQ688" s="613"/>
      <c r="BSR688" s="613"/>
      <c r="BSS688" s="613"/>
      <c r="BST688" s="613"/>
      <c r="BSU688" s="613"/>
      <c r="BSV688" s="613"/>
      <c r="BSW688" s="613"/>
      <c r="BSX688" s="613"/>
      <c r="BSY688" s="613"/>
      <c r="BSZ688" s="613"/>
      <c r="BTA688" s="613"/>
      <c r="BTB688" s="613"/>
      <c r="BTC688" s="613"/>
      <c r="BTD688" s="613"/>
      <c r="BTE688" s="613"/>
      <c r="BTF688" s="613"/>
      <c r="BTG688" s="613"/>
      <c r="BTH688" s="613"/>
      <c r="BTI688" s="613"/>
      <c r="BTJ688" s="613"/>
      <c r="BTK688" s="613"/>
      <c r="BTL688" s="613"/>
      <c r="BTM688" s="613"/>
      <c r="BTN688" s="613"/>
      <c r="BTO688" s="613"/>
      <c r="BTP688" s="613"/>
      <c r="BTQ688" s="613"/>
      <c r="BTR688" s="613"/>
      <c r="BTS688" s="613"/>
      <c r="BTT688" s="613"/>
      <c r="BTU688" s="613"/>
      <c r="BTV688" s="613"/>
      <c r="BTW688" s="613"/>
      <c r="BTX688" s="613"/>
      <c r="BTY688" s="613"/>
      <c r="BTZ688" s="613"/>
      <c r="BUA688" s="613"/>
      <c r="BUB688" s="613"/>
      <c r="BUC688" s="613"/>
      <c r="BUD688" s="613"/>
      <c r="BUE688" s="613"/>
      <c r="BUF688" s="613"/>
      <c r="BUG688" s="613"/>
      <c r="BUH688" s="613"/>
      <c r="BUI688" s="613"/>
      <c r="BUJ688" s="613"/>
      <c r="BUK688" s="613"/>
      <c r="BUL688" s="613"/>
      <c r="BUM688" s="613"/>
      <c r="BUN688" s="613"/>
      <c r="BUO688" s="613"/>
      <c r="BUP688" s="613"/>
      <c r="BUQ688" s="613"/>
      <c r="BUR688" s="613"/>
      <c r="BUS688" s="613"/>
      <c r="BUT688" s="613"/>
      <c r="BUU688" s="613"/>
      <c r="BUV688" s="613"/>
      <c r="BUW688" s="613"/>
      <c r="BUX688" s="613"/>
      <c r="BUY688" s="613"/>
      <c r="BUZ688" s="613"/>
      <c r="BVA688" s="613"/>
      <c r="BVB688" s="613"/>
      <c r="BVC688" s="613"/>
      <c r="BVD688" s="613"/>
      <c r="BVE688" s="613"/>
      <c r="BVF688" s="613"/>
      <c r="BVG688" s="613"/>
      <c r="BVH688" s="613"/>
      <c r="BVI688" s="613"/>
      <c r="BVJ688" s="613"/>
      <c r="BVK688" s="613"/>
      <c r="BVL688" s="613"/>
      <c r="BVM688" s="613"/>
      <c r="BVN688" s="613"/>
      <c r="BVO688" s="613"/>
      <c r="BVP688" s="613"/>
      <c r="BVQ688" s="613"/>
      <c r="BVR688" s="613"/>
      <c r="BVS688" s="613"/>
      <c r="BVT688" s="613"/>
      <c r="BVU688" s="613"/>
      <c r="BVV688" s="613"/>
      <c r="BVW688" s="613"/>
      <c r="BVX688" s="613"/>
      <c r="BVY688" s="613"/>
      <c r="BVZ688" s="613"/>
      <c r="BWA688" s="613"/>
      <c r="BWB688" s="613"/>
      <c r="BWC688" s="613"/>
      <c r="BWD688" s="613"/>
      <c r="BWE688" s="613"/>
      <c r="BWF688" s="613"/>
      <c r="BWG688" s="613"/>
      <c r="BWH688" s="613"/>
      <c r="BWI688" s="613"/>
      <c r="BWJ688" s="613"/>
      <c r="BWK688" s="613"/>
      <c r="BWL688" s="613"/>
      <c r="BWM688" s="613"/>
      <c r="BWN688" s="613"/>
      <c r="BWO688" s="613"/>
      <c r="BWP688" s="613"/>
      <c r="BWQ688" s="613"/>
      <c r="BWR688" s="613"/>
      <c r="BWS688" s="613"/>
      <c r="BWT688" s="613"/>
      <c r="BWU688" s="613"/>
      <c r="BWV688" s="613"/>
      <c r="BWW688" s="613"/>
      <c r="BWX688" s="613"/>
      <c r="BWY688" s="613"/>
      <c r="BWZ688" s="613"/>
      <c r="BXA688" s="613"/>
      <c r="BXB688" s="613"/>
      <c r="BXC688" s="613"/>
      <c r="BXD688" s="613"/>
      <c r="BXE688" s="613"/>
      <c r="BXF688" s="613"/>
      <c r="BXG688" s="613"/>
      <c r="BXH688" s="613"/>
      <c r="BXI688" s="613"/>
      <c r="BXJ688" s="613"/>
      <c r="BXK688" s="613"/>
      <c r="BXL688" s="613"/>
      <c r="BXM688" s="613"/>
      <c r="BXN688" s="613"/>
      <c r="BXO688" s="613"/>
      <c r="BXP688" s="613"/>
      <c r="BXQ688" s="613"/>
      <c r="BXR688" s="613"/>
      <c r="BXS688" s="613"/>
      <c r="BXT688" s="613"/>
      <c r="BXU688" s="613"/>
      <c r="BXV688" s="613"/>
      <c r="BXW688" s="613"/>
      <c r="BXX688" s="613"/>
      <c r="BXY688" s="613"/>
      <c r="BXZ688" s="613"/>
      <c r="BYA688" s="613"/>
      <c r="BYB688" s="613"/>
      <c r="BYC688" s="613"/>
      <c r="BYD688" s="613"/>
      <c r="BYE688" s="613"/>
      <c r="BYF688" s="613"/>
      <c r="BYG688" s="613"/>
      <c r="BYH688" s="613"/>
      <c r="BYI688" s="613"/>
      <c r="BYJ688" s="613"/>
      <c r="BYK688" s="613"/>
      <c r="BYL688" s="613"/>
      <c r="BYM688" s="613"/>
      <c r="BYN688" s="613"/>
      <c r="BYO688" s="613"/>
      <c r="BYP688" s="613"/>
      <c r="BYQ688" s="613"/>
      <c r="BYR688" s="613"/>
      <c r="BYS688" s="613"/>
      <c r="BYT688" s="613"/>
      <c r="BYU688" s="613"/>
      <c r="BYV688" s="613"/>
      <c r="BYW688" s="613"/>
      <c r="BYX688" s="613"/>
      <c r="BYY688" s="613"/>
      <c r="BYZ688" s="613"/>
      <c r="BZA688" s="613"/>
      <c r="BZB688" s="613"/>
      <c r="BZC688" s="613"/>
      <c r="BZD688" s="613"/>
      <c r="BZE688" s="613"/>
      <c r="BZF688" s="613"/>
      <c r="BZG688" s="613"/>
      <c r="BZH688" s="613"/>
      <c r="BZI688" s="613"/>
      <c r="BZJ688" s="613"/>
      <c r="BZK688" s="613"/>
      <c r="BZL688" s="613"/>
      <c r="BZM688" s="613"/>
      <c r="BZN688" s="613"/>
      <c r="BZO688" s="613"/>
      <c r="BZP688" s="613"/>
      <c r="BZQ688" s="613"/>
      <c r="BZR688" s="613"/>
      <c r="BZS688" s="613"/>
      <c r="BZT688" s="613"/>
      <c r="BZU688" s="613"/>
      <c r="BZV688" s="613"/>
      <c r="BZW688" s="613"/>
      <c r="BZX688" s="613"/>
      <c r="BZY688" s="613"/>
      <c r="BZZ688" s="613"/>
      <c r="CAA688" s="613"/>
      <c r="CAB688" s="613"/>
      <c r="CAC688" s="613"/>
      <c r="CAD688" s="613"/>
      <c r="CAE688" s="613"/>
      <c r="CAF688" s="613"/>
      <c r="CAG688" s="613"/>
      <c r="CAH688" s="613"/>
      <c r="CAI688" s="613"/>
      <c r="CAJ688" s="613"/>
      <c r="CAK688" s="613"/>
      <c r="CAL688" s="613"/>
      <c r="CAM688" s="613"/>
      <c r="CAN688" s="613"/>
      <c r="CAO688" s="613"/>
      <c r="CAP688" s="613"/>
      <c r="CAQ688" s="613"/>
      <c r="CAR688" s="613"/>
      <c r="CAS688" s="613"/>
      <c r="CAT688" s="613"/>
      <c r="CAU688" s="613"/>
      <c r="CAV688" s="613"/>
      <c r="CAW688" s="613"/>
      <c r="CAX688" s="613"/>
      <c r="CAY688" s="613"/>
      <c r="CAZ688" s="613"/>
      <c r="CBA688" s="613"/>
      <c r="CBB688" s="613"/>
      <c r="CBC688" s="613"/>
      <c r="CBD688" s="613"/>
      <c r="CBE688" s="613"/>
      <c r="CBF688" s="613"/>
      <c r="CBG688" s="613"/>
      <c r="CBH688" s="613"/>
      <c r="CBI688" s="613"/>
      <c r="CBJ688" s="613"/>
      <c r="CBK688" s="613"/>
      <c r="CBL688" s="613"/>
      <c r="CBM688" s="613"/>
      <c r="CBN688" s="613"/>
      <c r="CBO688" s="613"/>
      <c r="CBP688" s="613"/>
      <c r="CBQ688" s="613"/>
      <c r="CBR688" s="613"/>
      <c r="CBS688" s="613"/>
      <c r="CBT688" s="613"/>
      <c r="CBU688" s="613"/>
      <c r="CBV688" s="613"/>
      <c r="CBW688" s="613"/>
      <c r="CBX688" s="613"/>
      <c r="CBY688" s="613"/>
      <c r="CBZ688" s="613"/>
      <c r="CCA688" s="613"/>
      <c r="CCB688" s="613"/>
      <c r="CCC688" s="613"/>
      <c r="CCD688" s="613"/>
      <c r="CCE688" s="613"/>
      <c r="CCF688" s="613"/>
      <c r="CCG688" s="613"/>
      <c r="CCH688" s="613"/>
      <c r="CCI688" s="613"/>
      <c r="CCJ688" s="613"/>
      <c r="CCK688" s="613"/>
      <c r="CCL688" s="613"/>
      <c r="CCM688" s="613"/>
      <c r="CCN688" s="613"/>
      <c r="CCO688" s="613"/>
      <c r="CCP688" s="613"/>
      <c r="CCQ688" s="613"/>
      <c r="CCR688" s="613"/>
      <c r="CCS688" s="613"/>
      <c r="CCT688" s="613"/>
      <c r="CCU688" s="613"/>
      <c r="CCV688" s="613"/>
      <c r="CCW688" s="613"/>
      <c r="CCX688" s="613"/>
      <c r="CCY688" s="613"/>
      <c r="CCZ688" s="613"/>
      <c r="CDA688" s="613"/>
      <c r="CDB688" s="613"/>
      <c r="CDC688" s="613"/>
      <c r="CDD688" s="613"/>
      <c r="CDE688" s="613"/>
      <c r="CDF688" s="613"/>
      <c r="CDG688" s="613"/>
      <c r="CDH688" s="613"/>
      <c r="CDI688" s="613"/>
      <c r="CDJ688" s="613"/>
      <c r="CDK688" s="613"/>
      <c r="CDL688" s="613"/>
      <c r="CDM688" s="613"/>
      <c r="CDN688" s="613"/>
      <c r="CDO688" s="613"/>
      <c r="CDP688" s="613"/>
      <c r="CDQ688" s="613"/>
      <c r="CDR688" s="613"/>
      <c r="CDS688" s="613"/>
      <c r="CDT688" s="613"/>
      <c r="CDU688" s="613"/>
      <c r="CDV688" s="613"/>
      <c r="CDW688" s="613"/>
      <c r="CDX688" s="613"/>
      <c r="CDY688" s="613"/>
      <c r="CDZ688" s="613"/>
      <c r="CEA688" s="613"/>
      <c r="CEB688" s="613"/>
      <c r="CEC688" s="613"/>
      <c r="CED688" s="613"/>
      <c r="CEE688" s="613"/>
      <c r="CEF688" s="613"/>
      <c r="CEG688" s="613"/>
      <c r="CEH688" s="613"/>
      <c r="CEI688" s="613"/>
      <c r="CEJ688" s="613"/>
      <c r="CEK688" s="613"/>
      <c r="CEL688" s="613"/>
      <c r="CEM688" s="613"/>
      <c r="CEN688" s="613"/>
      <c r="CEO688" s="613"/>
      <c r="CEP688" s="613"/>
      <c r="CEQ688" s="613"/>
      <c r="CER688" s="613"/>
      <c r="CES688" s="613"/>
      <c r="CET688" s="613"/>
      <c r="CEU688" s="613"/>
      <c r="CEV688" s="613"/>
      <c r="CEW688" s="613"/>
      <c r="CEX688" s="613"/>
      <c r="CEY688" s="613"/>
      <c r="CEZ688" s="613"/>
      <c r="CFA688" s="613"/>
      <c r="CFB688" s="613"/>
      <c r="CFC688" s="613"/>
      <c r="CFD688" s="613"/>
      <c r="CFE688" s="613"/>
      <c r="CFF688" s="613"/>
      <c r="CFG688" s="613"/>
      <c r="CFH688" s="613"/>
      <c r="CFI688" s="613"/>
      <c r="CFJ688" s="613"/>
      <c r="CFK688" s="613"/>
      <c r="CFL688" s="613"/>
      <c r="CFM688" s="613"/>
      <c r="CFN688" s="613"/>
      <c r="CFO688" s="613"/>
      <c r="CFP688" s="613"/>
      <c r="CFQ688" s="613"/>
      <c r="CFR688" s="613"/>
      <c r="CFS688" s="613"/>
      <c r="CFT688" s="613"/>
      <c r="CFU688" s="613"/>
      <c r="CFV688" s="613"/>
      <c r="CFW688" s="613"/>
      <c r="CFX688" s="613"/>
      <c r="CFY688" s="613"/>
      <c r="CFZ688" s="613"/>
      <c r="CGA688" s="613"/>
      <c r="CGB688" s="613"/>
      <c r="CGC688" s="613"/>
      <c r="CGD688" s="613"/>
      <c r="CGE688" s="613"/>
      <c r="CGF688" s="613"/>
      <c r="CGG688" s="613"/>
      <c r="CGH688" s="613"/>
      <c r="CGI688" s="613"/>
      <c r="CGJ688" s="613"/>
      <c r="CGK688" s="613"/>
      <c r="CGL688" s="613"/>
      <c r="CGM688" s="613"/>
      <c r="CGN688" s="613"/>
      <c r="CGO688" s="613"/>
      <c r="CGP688" s="613"/>
      <c r="CGQ688" s="613"/>
      <c r="CGR688" s="613"/>
      <c r="CGS688" s="613"/>
      <c r="CGT688" s="613"/>
      <c r="CGU688" s="613"/>
      <c r="CGV688" s="613"/>
      <c r="CGW688" s="613"/>
      <c r="CGX688" s="613"/>
      <c r="CGY688" s="613"/>
      <c r="CGZ688" s="613"/>
      <c r="CHA688" s="613"/>
      <c r="CHB688" s="613"/>
      <c r="CHC688" s="613"/>
      <c r="CHD688" s="613"/>
      <c r="CHE688" s="613"/>
      <c r="CHF688" s="613"/>
      <c r="CHG688" s="613"/>
      <c r="CHH688" s="613"/>
      <c r="CHI688" s="613"/>
      <c r="CHJ688" s="613"/>
      <c r="CHK688" s="613"/>
      <c r="CHL688" s="613"/>
      <c r="CHM688" s="613"/>
      <c r="CHN688" s="613"/>
      <c r="CHO688" s="613"/>
      <c r="CHP688" s="613"/>
      <c r="CHQ688" s="613"/>
      <c r="CHR688" s="613"/>
      <c r="CHS688" s="613"/>
      <c r="CHT688" s="613"/>
      <c r="CHU688" s="613"/>
      <c r="CHV688" s="613"/>
      <c r="CHW688" s="613"/>
      <c r="CHX688" s="613"/>
      <c r="CHY688" s="613"/>
      <c r="CHZ688" s="613"/>
      <c r="CIA688" s="613"/>
      <c r="CIB688" s="613"/>
      <c r="CIC688" s="613"/>
      <c r="CID688" s="613"/>
      <c r="CIE688" s="613"/>
      <c r="CIF688" s="613"/>
      <c r="CIG688" s="613"/>
      <c r="CIH688" s="613"/>
      <c r="CII688" s="613"/>
      <c r="CIJ688" s="613"/>
      <c r="CIK688" s="613"/>
      <c r="CIL688" s="613"/>
      <c r="CIM688" s="613"/>
      <c r="CIN688" s="613"/>
      <c r="CIO688" s="613"/>
      <c r="CIP688" s="613"/>
      <c r="CIQ688" s="613"/>
      <c r="CIR688" s="613"/>
      <c r="CIS688" s="613"/>
      <c r="CIT688" s="613"/>
      <c r="CIU688" s="613"/>
      <c r="CIV688" s="613"/>
      <c r="CIW688" s="613"/>
      <c r="CIX688" s="613"/>
      <c r="CIY688" s="613"/>
      <c r="CIZ688" s="613"/>
      <c r="CJA688" s="613"/>
      <c r="CJB688" s="613"/>
      <c r="CJC688" s="613"/>
      <c r="CJD688" s="613"/>
      <c r="CJE688" s="613"/>
      <c r="CJF688" s="613"/>
      <c r="CJG688" s="613"/>
      <c r="CJH688" s="613"/>
      <c r="CJI688" s="613"/>
      <c r="CJJ688" s="613"/>
      <c r="CJK688" s="613"/>
      <c r="CJL688" s="613"/>
      <c r="CJM688" s="613"/>
      <c r="CJN688" s="613"/>
      <c r="CJO688" s="613"/>
      <c r="CJP688" s="613"/>
      <c r="CJQ688" s="613"/>
      <c r="CJR688" s="613"/>
      <c r="CJS688" s="613"/>
      <c r="CJT688" s="613"/>
      <c r="CJU688" s="613"/>
      <c r="CJV688" s="613"/>
      <c r="CJW688" s="613"/>
      <c r="CJX688" s="613"/>
      <c r="CJY688" s="613"/>
      <c r="CJZ688" s="613"/>
      <c r="CKA688" s="613"/>
      <c r="CKB688" s="613"/>
      <c r="CKC688" s="613"/>
      <c r="CKD688" s="613"/>
      <c r="CKE688" s="613"/>
      <c r="CKF688" s="613"/>
      <c r="CKG688" s="613"/>
      <c r="CKH688" s="613"/>
      <c r="CKI688" s="613"/>
      <c r="CKJ688" s="613"/>
      <c r="CKK688" s="613"/>
      <c r="CKL688" s="613"/>
      <c r="CKM688" s="613"/>
      <c r="CKN688" s="613"/>
      <c r="CKO688" s="613"/>
      <c r="CKP688" s="613"/>
      <c r="CKQ688" s="613"/>
      <c r="CKR688" s="613"/>
      <c r="CKS688" s="613"/>
      <c r="CKT688" s="613"/>
      <c r="CKU688" s="613"/>
      <c r="CKV688" s="613"/>
      <c r="CKW688" s="613"/>
      <c r="CKX688" s="613"/>
      <c r="CKY688" s="613"/>
      <c r="CKZ688" s="613"/>
      <c r="CLA688" s="613"/>
      <c r="CLB688" s="613"/>
      <c r="CLC688" s="613"/>
      <c r="CLD688" s="613"/>
      <c r="CLE688" s="613"/>
      <c r="CLF688" s="613"/>
      <c r="CLG688" s="613"/>
      <c r="CLH688" s="613"/>
      <c r="CLI688" s="613"/>
      <c r="CLJ688" s="613"/>
      <c r="CLK688" s="613"/>
      <c r="CLL688" s="613"/>
      <c r="CLM688" s="613"/>
      <c r="CLN688" s="613"/>
      <c r="CLO688" s="613"/>
      <c r="CLP688" s="613"/>
      <c r="CLQ688" s="613"/>
      <c r="CLR688" s="613"/>
      <c r="CLS688" s="613"/>
      <c r="CLT688" s="613"/>
      <c r="CLU688" s="613"/>
      <c r="CLV688" s="613"/>
      <c r="CLW688" s="613"/>
      <c r="CLX688" s="613"/>
      <c r="CLY688" s="613"/>
      <c r="CLZ688" s="613"/>
      <c r="CMA688" s="613"/>
      <c r="CMB688" s="613"/>
      <c r="CMC688" s="613"/>
      <c r="CMD688" s="613"/>
      <c r="CME688" s="613"/>
      <c r="CMF688" s="613"/>
      <c r="CMG688" s="613"/>
      <c r="CMH688" s="613"/>
      <c r="CMI688" s="613"/>
      <c r="CMJ688" s="613"/>
      <c r="CMK688" s="613"/>
      <c r="CML688" s="613"/>
      <c r="CMM688" s="613"/>
      <c r="CMN688" s="613"/>
      <c r="CMO688" s="613"/>
      <c r="CMP688" s="613"/>
      <c r="CMQ688" s="613"/>
      <c r="CMR688" s="613"/>
      <c r="CMS688" s="613"/>
      <c r="CMT688" s="613"/>
      <c r="CMU688" s="613"/>
      <c r="CMV688" s="613"/>
      <c r="CMW688" s="613"/>
      <c r="CMX688" s="613"/>
      <c r="CMY688" s="613"/>
      <c r="CMZ688" s="613"/>
      <c r="CNA688" s="613"/>
      <c r="CNB688" s="613"/>
      <c r="CNC688" s="613"/>
      <c r="CND688" s="613"/>
      <c r="CNE688" s="613"/>
      <c r="CNF688" s="613"/>
      <c r="CNG688" s="613"/>
      <c r="CNH688" s="613"/>
      <c r="CNI688" s="613"/>
      <c r="CNJ688" s="613"/>
      <c r="CNK688" s="613"/>
      <c r="CNL688" s="613"/>
      <c r="CNM688" s="613"/>
      <c r="CNN688" s="613"/>
      <c r="CNO688" s="613"/>
      <c r="CNP688" s="613"/>
      <c r="CNQ688" s="613"/>
      <c r="CNR688" s="613"/>
      <c r="CNS688" s="613"/>
      <c r="CNT688" s="613"/>
      <c r="CNU688" s="613"/>
      <c r="CNV688" s="613"/>
      <c r="CNW688" s="613"/>
      <c r="CNX688" s="613"/>
      <c r="CNY688" s="613"/>
      <c r="CNZ688" s="613"/>
      <c r="COA688" s="613"/>
      <c r="COB688" s="613"/>
      <c r="COC688" s="613"/>
      <c r="COD688" s="613"/>
      <c r="COE688" s="613"/>
      <c r="COF688" s="613"/>
      <c r="COG688" s="613"/>
      <c r="COH688" s="613"/>
      <c r="COI688" s="613"/>
      <c r="COJ688" s="613"/>
      <c r="COK688" s="613"/>
      <c r="COL688" s="613"/>
      <c r="COM688" s="613"/>
      <c r="CON688" s="613"/>
      <c r="COO688" s="613"/>
      <c r="COP688" s="613"/>
      <c r="COQ688" s="613"/>
      <c r="COR688" s="613"/>
      <c r="COS688" s="613"/>
      <c r="COT688" s="613"/>
      <c r="COU688" s="613"/>
      <c r="COV688" s="613"/>
      <c r="COW688" s="613"/>
      <c r="COX688" s="613"/>
      <c r="COY688" s="613"/>
      <c r="COZ688" s="613"/>
      <c r="CPA688" s="613"/>
      <c r="CPB688" s="613"/>
      <c r="CPC688" s="613"/>
      <c r="CPD688" s="613"/>
      <c r="CPE688" s="613"/>
      <c r="CPF688" s="613"/>
      <c r="CPG688" s="613"/>
      <c r="CPH688" s="613"/>
      <c r="CPI688" s="613"/>
      <c r="CPJ688" s="613"/>
      <c r="CPK688" s="613"/>
      <c r="CPL688" s="613"/>
      <c r="CPM688" s="613"/>
      <c r="CPN688" s="613"/>
      <c r="CPO688" s="613"/>
      <c r="CPP688" s="613"/>
      <c r="CPQ688" s="613"/>
      <c r="CPR688" s="613"/>
      <c r="CPS688" s="613"/>
      <c r="CPT688" s="613"/>
      <c r="CPU688" s="613"/>
      <c r="CPV688" s="613"/>
      <c r="CPW688" s="613"/>
      <c r="CPX688" s="613"/>
      <c r="CPY688" s="613"/>
      <c r="CPZ688" s="613"/>
      <c r="CQA688" s="613"/>
      <c r="CQB688" s="613"/>
      <c r="CQC688" s="613"/>
      <c r="CQD688" s="613"/>
      <c r="CQE688" s="613"/>
      <c r="CQF688" s="613"/>
      <c r="CQG688" s="613"/>
      <c r="CQH688" s="613"/>
      <c r="CQI688" s="613"/>
      <c r="CQJ688" s="613"/>
      <c r="CQK688" s="613"/>
      <c r="CQL688" s="613"/>
      <c r="CQM688" s="613"/>
      <c r="CQN688" s="613"/>
      <c r="CQO688" s="613"/>
      <c r="CQP688" s="613"/>
      <c r="CQQ688" s="613"/>
      <c r="CQR688" s="613"/>
      <c r="CQS688" s="613"/>
      <c r="CQT688" s="613"/>
      <c r="CQU688" s="613"/>
      <c r="CQV688" s="613"/>
      <c r="CQW688" s="613"/>
      <c r="CQX688" s="613"/>
      <c r="CQY688" s="613"/>
      <c r="CQZ688" s="613"/>
      <c r="CRA688" s="613"/>
      <c r="CRB688" s="613"/>
      <c r="CRC688" s="613"/>
      <c r="CRD688" s="613"/>
      <c r="CRE688" s="613"/>
      <c r="CRF688" s="613"/>
      <c r="CRG688" s="613"/>
      <c r="CRH688" s="613"/>
      <c r="CRI688" s="613"/>
      <c r="CRJ688" s="613"/>
      <c r="CRK688" s="613"/>
      <c r="CRL688" s="613"/>
      <c r="CRM688" s="613"/>
      <c r="CRN688" s="613"/>
      <c r="CRO688" s="613"/>
      <c r="CRP688" s="613"/>
      <c r="CRQ688" s="613"/>
      <c r="CRR688" s="613"/>
      <c r="CRS688" s="613"/>
      <c r="CRT688" s="613"/>
      <c r="CRU688" s="613"/>
      <c r="CRV688" s="613"/>
      <c r="CRW688" s="613"/>
      <c r="CRX688" s="613"/>
      <c r="CRY688" s="613"/>
      <c r="CRZ688" s="613"/>
      <c r="CSA688" s="613"/>
      <c r="CSB688" s="613"/>
      <c r="CSC688" s="613"/>
      <c r="CSD688" s="613"/>
      <c r="CSE688" s="613"/>
      <c r="CSF688" s="613"/>
      <c r="CSG688" s="613"/>
      <c r="CSH688" s="613"/>
      <c r="CSI688" s="613"/>
      <c r="CSJ688" s="613"/>
      <c r="CSK688" s="613"/>
      <c r="CSL688" s="613"/>
      <c r="CSM688" s="613"/>
      <c r="CSN688" s="613"/>
      <c r="CSO688" s="613"/>
      <c r="CSP688" s="613"/>
      <c r="CSQ688" s="613"/>
      <c r="CSR688" s="613"/>
      <c r="CSS688" s="613"/>
      <c r="CST688" s="613"/>
      <c r="CSU688" s="613"/>
      <c r="CSV688" s="613"/>
      <c r="CSW688" s="613"/>
      <c r="CSX688" s="613"/>
      <c r="CSY688" s="613"/>
      <c r="CSZ688" s="613"/>
      <c r="CTA688" s="613"/>
      <c r="CTB688" s="613"/>
      <c r="CTC688" s="613"/>
      <c r="CTD688" s="613"/>
      <c r="CTE688" s="613"/>
      <c r="CTF688" s="613"/>
      <c r="CTG688" s="613"/>
      <c r="CTH688" s="613"/>
      <c r="CTI688" s="613"/>
      <c r="CTJ688" s="613"/>
      <c r="CTK688" s="613"/>
      <c r="CTL688" s="613"/>
      <c r="CTM688" s="613"/>
      <c r="CTN688" s="613"/>
      <c r="CTO688" s="613"/>
      <c r="CTP688" s="613"/>
      <c r="CTQ688" s="613"/>
      <c r="CTR688" s="613"/>
      <c r="CTS688" s="613"/>
      <c r="CTT688" s="613"/>
      <c r="CTU688" s="613"/>
      <c r="CTV688" s="613"/>
      <c r="CTW688" s="613"/>
      <c r="CTX688" s="613"/>
      <c r="CTY688" s="613"/>
      <c r="CTZ688" s="613"/>
      <c r="CUA688" s="613"/>
      <c r="CUB688" s="613"/>
      <c r="CUC688" s="613"/>
      <c r="CUD688" s="613"/>
      <c r="CUE688" s="613"/>
      <c r="CUF688" s="613"/>
      <c r="CUG688" s="613"/>
      <c r="CUH688" s="613"/>
      <c r="CUI688" s="613"/>
      <c r="CUJ688" s="613"/>
      <c r="CUK688" s="613"/>
      <c r="CUL688" s="613"/>
      <c r="CUM688" s="613"/>
      <c r="CUN688" s="613"/>
      <c r="CUO688" s="613"/>
      <c r="CUP688" s="613"/>
      <c r="CUQ688" s="613"/>
      <c r="CUR688" s="613"/>
      <c r="CUS688" s="613"/>
      <c r="CUT688" s="613"/>
      <c r="CUU688" s="613"/>
      <c r="CUV688" s="613"/>
      <c r="CUW688" s="613"/>
      <c r="CUX688" s="613"/>
      <c r="CUY688" s="613"/>
      <c r="CUZ688" s="613"/>
      <c r="CVA688" s="613"/>
      <c r="CVB688" s="613"/>
      <c r="CVC688" s="613"/>
      <c r="CVD688" s="613"/>
      <c r="CVE688" s="613"/>
      <c r="CVF688" s="613"/>
      <c r="CVG688" s="613"/>
      <c r="CVH688" s="613"/>
      <c r="CVI688" s="613"/>
      <c r="CVJ688" s="613"/>
      <c r="CVK688" s="613"/>
      <c r="CVL688" s="613"/>
      <c r="CVM688" s="613"/>
      <c r="CVN688" s="613"/>
      <c r="CVO688" s="613"/>
      <c r="CVP688" s="613"/>
      <c r="CVQ688" s="613"/>
      <c r="CVR688" s="613"/>
      <c r="CVS688" s="613"/>
      <c r="CVT688" s="613"/>
      <c r="CVU688" s="613"/>
      <c r="CVV688" s="613"/>
      <c r="CVW688" s="613"/>
      <c r="CVX688" s="613"/>
      <c r="CVY688" s="613"/>
      <c r="CVZ688" s="613"/>
      <c r="CWA688" s="613"/>
      <c r="CWB688" s="613"/>
      <c r="CWC688" s="613"/>
      <c r="CWD688" s="613"/>
      <c r="CWE688" s="613"/>
      <c r="CWF688" s="613"/>
      <c r="CWG688" s="613"/>
      <c r="CWH688" s="613"/>
      <c r="CWI688" s="613"/>
      <c r="CWJ688" s="613"/>
      <c r="CWK688" s="613"/>
      <c r="CWL688" s="613"/>
      <c r="CWM688" s="613"/>
      <c r="CWN688" s="613"/>
      <c r="CWO688" s="613"/>
      <c r="CWP688" s="613"/>
      <c r="CWQ688" s="613"/>
      <c r="CWR688" s="613"/>
      <c r="CWS688" s="613"/>
      <c r="CWT688" s="613"/>
      <c r="CWU688" s="613"/>
      <c r="CWV688" s="613"/>
      <c r="CWW688" s="613"/>
      <c r="CWX688" s="613"/>
      <c r="CWY688" s="613"/>
      <c r="CWZ688" s="613"/>
      <c r="CXA688" s="613"/>
      <c r="CXB688" s="613"/>
      <c r="CXC688" s="613"/>
      <c r="CXD688" s="613"/>
      <c r="CXE688" s="613"/>
      <c r="CXF688" s="613"/>
      <c r="CXG688" s="613"/>
      <c r="CXH688" s="613"/>
      <c r="CXI688" s="613"/>
      <c r="CXJ688" s="613"/>
      <c r="CXK688" s="613"/>
      <c r="CXL688" s="613"/>
      <c r="CXM688" s="613"/>
      <c r="CXN688" s="613"/>
      <c r="CXO688" s="613"/>
      <c r="CXP688" s="613"/>
      <c r="CXQ688" s="613"/>
      <c r="CXR688" s="613"/>
      <c r="CXS688" s="613"/>
      <c r="CXT688" s="613"/>
      <c r="CXU688" s="613"/>
      <c r="CXV688" s="613"/>
      <c r="CXW688" s="613"/>
      <c r="CXX688" s="613"/>
      <c r="CXY688" s="613"/>
      <c r="CXZ688" s="613"/>
      <c r="CYA688" s="613"/>
      <c r="CYB688" s="613"/>
      <c r="CYC688" s="613"/>
      <c r="CYD688" s="613"/>
      <c r="CYE688" s="613"/>
      <c r="CYF688" s="613"/>
      <c r="CYG688" s="613"/>
      <c r="CYH688" s="613"/>
      <c r="CYI688" s="613"/>
      <c r="CYJ688" s="613"/>
      <c r="CYK688" s="613"/>
      <c r="CYL688" s="613"/>
      <c r="CYM688" s="613"/>
      <c r="CYN688" s="613"/>
      <c r="CYO688" s="613"/>
      <c r="CYP688" s="613"/>
      <c r="CYQ688" s="613"/>
      <c r="CYR688" s="613"/>
      <c r="CYS688" s="613"/>
      <c r="CYT688" s="613"/>
      <c r="CYU688" s="613"/>
      <c r="CYV688" s="613"/>
      <c r="CYW688" s="613"/>
      <c r="CYX688" s="613"/>
      <c r="CYY688" s="613"/>
      <c r="CYZ688" s="613"/>
      <c r="CZA688" s="613"/>
      <c r="CZB688" s="613"/>
      <c r="CZC688" s="613"/>
      <c r="CZD688" s="613"/>
      <c r="CZE688" s="613"/>
      <c r="CZF688" s="613"/>
      <c r="CZG688" s="613"/>
      <c r="CZH688" s="613"/>
      <c r="CZI688" s="613"/>
      <c r="CZJ688" s="613"/>
      <c r="CZK688" s="613"/>
      <c r="CZL688" s="613"/>
      <c r="CZM688" s="613"/>
      <c r="CZN688" s="613"/>
      <c r="CZO688" s="613"/>
      <c r="CZP688" s="613"/>
      <c r="CZQ688" s="613"/>
      <c r="CZR688" s="613"/>
      <c r="CZS688" s="613"/>
      <c r="CZT688" s="613"/>
      <c r="CZU688" s="613"/>
      <c r="CZV688" s="613"/>
      <c r="CZW688" s="613"/>
      <c r="CZX688" s="613"/>
      <c r="CZY688" s="613"/>
      <c r="CZZ688" s="613"/>
      <c r="DAA688" s="613"/>
      <c r="DAB688" s="613"/>
      <c r="DAC688" s="613"/>
      <c r="DAD688" s="613"/>
      <c r="DAE688" s="613"/>
      <c r="DAF688" s="613"/>
      <c r="DAG688" s="613"/>
      <c r="DAH688" s="613"/>
      <c r="DAI688" s="613"/>
      <c r="DAJ688" s="613"/>
      <c r="DAK688" s="613"/>
      <c r="DAL688" s="613"/>
      <c r="DAM688" s="613"/>
      <c r="DAN688" s="613"/>
      <c r="DAO688" s="613"/>
      <c r="DAP688" s="613"/>
      <c r="DAQ688" s="613"/>
      <c r="DAR688" s="613"/>
      <c r="DAS688" s="613"/>
      <c r="DAT688" s="613"/>
      <c r="DAU688" s="613"/>
      <c r="DAV688" s="613"/>
      <c r="DAW688" s="613"/>
      <c r="DAX688" s="613"/>
      <c r="DAY688" s="613"/>
      <c r="DAZ688" s="613"/>
      <c r="DBA688" s="613"/>
      <c r="DBB688" s="613"/>
      <c r="DBC688" s="613"/>
      <c r="DBD688" s="613"/>
      <c r="DBE688" s="613"/>
      <c r="DBF688" s="613"/>
      <c r="DBG688" s="613"/>
      <c r="DBH688" s="613"/>
      <c r="DBI688" s="613"/>
      <c r="DBJ688" s="613"/>
      <c r="DBK688" s="613"/>
      <c r="DBL688" s="613"/>
      <c r="DBM688" s="613"/>
      <c r="DBN688" s="613"/>
      <c r="DBO688" s="613"/>
      <c r="DBP688" s="613"/>
      <c r="DBQ688" s="613"/>
      <c r="DBR688" s="613"/>
      <c r="DBS688" s="613"/>
      <c r="DBT688" s="613"/>
      <c r="DBU688" s="613"/>
      <c r="DBV688" s="613"/>
      <c r="DBW688" s="613"/>
      <c r="DBX688" s="613"/>
      <c r="DBY688" s="613"/>
      <c r="DBZ688" s="613"/>
      <c r="DCA688" s="613"/>
      <c r="DCB688" s="613"/>
      <c r="DCC688" s="613"/>
      <c r="DCD688" s="613"/>
      <c r="DCE688" s="613"/>
      <c r="DCF688" s="613"/>
      <c r="DCG688" s="613"/>
      <c r="DCH688" s="613"/>
      <c r="DCI688" s="613"/>
      <c r="DCJ688" s="613"/>
      <c r="DCK688" s="613"/>
      <c r="DCL688" s="613"/>
      <c r="DCM688" s="613"/>
      <c r="DCN688" s="613"/>
      <c r="DCO688" s="613"/>
      <c r="DCP688" s="613"/>
      <c r="DCQ688" s="613"/>
      <c r="DCR688" s="613"/>
      <c r="DCS688" s="613"/>
      <c r="DCT688" s="613"/>
      <c r="DCU688" s="613"/>
      <c r="DCV688" s="613"/>
      <c r="DCW688" s="613"/>
      <c r="DCX688" s="613"/>
      <c r="DCY688" s="613"/>
      <c r="DCZ688" s="613"/>
      <c r="DDA688" s="613"/>
      <c r="DDB688" s="613"/>
      <c r="DDC688" s="613"/>
      <c r="DDD688" s="613"/>
      <c r="DDE688" s="613"/>
      <c r="DDF688" s="613"/>
      <c r="DDG688" s="613"/>
      <c r="DDH688" s="613"/>
      <c r="DDI688" s="613"/>
      <c r="DDJ688" s="613"/>
      <c r="DDK688" s="613"/>
      <c r="DDL688" s="613"/>
      <c r="DDM688" s="613"/>
      <c r="DDN688" s="613"/>
      <c r="DDO688" s="613"/>
      <c r="DDP688" s="613"/>
      <c r="DDQ688" s="613"/>
      <c r="DDR688" s="613"/>
      <c r="DDS688" s="613"/>
      <c r="DDT688" s="613"/>
      <c r="DDU688" s="613"/>
      <c r="DDV688" s="613"/>
      <c r="DDW688" s="613"/>
      <c r="DDX688" s="613"/>
      <c r="DDY688" s="613"/>
      <c r="DDZ688" s="613"/>
      <c r="DEA688" s="613"/>
      <c r="DEB688" s="613"/>
      <c r="DEC688" s="613"/>
      <c r="DED688" s="613"/>
      <c r="DEE688" s="613"/>
      <c r="DEF688" s="613"/>
      <c r="DEG688" s="613"/>
      <c r="DEH688" s="613"/>
      <c r="DEI688" s="613"/>
      <c r="DEJ688" s="613"/>
      <c r="DEK688" s="613"/>
      <c r="DEL688" s="613"/>
      <c r="DEM688" s="613"/>
      <c r="DEN688" s="613"/>
      <c r="DEO688" s="613"/>
      <c r="DEP688" s="613"/>
      <c r="DEQ688" s="613"/>
      <c r="DER688" s="613"/>
      <c r="DES688" s="613"/>
      <c r="DET688" s="613"/>
      <c r="DEU688" s="613"/>
      <c r="DEV688" s="613"/>
      <c r="DEW688" s="613"/>
      <c r="DEX688" s="613"/>
      <c r="DEY688" s="613"/>
      <c r="DEZ688" s="613"/>
      <c r="DFA688" s="613"/>
      <c r="DFB688" s="613"/>
      <c r="DFC688" s="613"/>
      <c r="DFD688" s="613"/>
      <c r="DFE688" s="613"/>
      <c r="DFF688" s="613"/>
      <c r="DFG688" s="613"/>
      <c r="DFH688" s="613"/>
      <c r="DFI688" s="613"/>
      <c r="DFJ688" s="613"/>
      <c r="DFK688" s="613"/>
      <c r="DFL688" s="613"/>
      <c r="DFM688" s="613"/>
      <c r="DFN688" s="613"/>
      <c r="DFO688" s="613"/>
      <c r="DFP688" s="613"/>
      <c r="DFQ688" s="613"/>
      <c r="DFR688" s="613"/>
      <c r="DFS688" s="613"/>
      <c r="DFT688" s="613"/>
      <c r="DFU688" s="613"/>
      <c r="DFV688" s="613"/>
      <c r="DFW688" s="613"/>
      <c r="DFX688" s="613"/>
      <c r="DFY688" s="613"/>
      <c r="DFZ688" s="613"/>
      <c r="DGA688" s="613"/>
      <c r="DGB688" s="613"/>
      <c r="DGC688" s="613"/>
      <c r="DGD688" s="613"/>
      <c r="DGE688" s="613"/>
      <c r="DGF688" s="613"/>
      <c r="DGG688" s="613"/>
      <c r="DGH688" s="613"/>
      <c r="DGI688" s="613"/>
      <c r="DGJ688" s="613"/>
      <c r="DGK688" s="613"/>
      <c r="DGL688" s="613"/>
      <c r="DGM688" s="613"/>
      <c r="DGN688" s="613"/>
      <c r="DGO688" s="613"/>
      <c r="DGP688" s="613"/>
      <c r="DGQ688" s="613"/>
      <c r="DGR688" s="613"/>
      <c r="DGS688" s="613"/>
      <c r="DGT688" s="613"/>
      <c r="DGU688" s="613"/>
      <c r="DGV688" s="613"/>
      <c r="DGW688" s="613"/>
      <c r="DGX688" s="613"/>
      <c r="DGY688" s="613"/>
      <c r="DGZ688" s="613"/>
      <c r="DHA688" s="613"/>
      <c r="DHB688" s="613"/>
      <c r="DHC688" s="613"/>
      <c r="DHD688" s="613"/>
      <c r="DHE688" s="613"/>
      <c r="DHF688" s="613"/>
      <c r="DHG688" s="613"/>
      <c r="DHH688" s="613"/>
      <c r="DHI688" s="613"/>
      <c r="DHJ688" s="613"/>
      <c r="DHK688" s="613"/>
      <c r="DHL688" s="613"/>
      <c r="DHM688" s="613"/>
      <c r="DHN688" s="613"/>
      <c r="DHO688" s="613"/>
      <c r="DHP688" s="613"/>
      <c r="DHQ688" s="613"/>
      <c r="DHR688" s="613"/>
      <c r="DHS688" s="613"/>
      <c r="DHT688" s="613"/>
      <c r="DHU688" s="613"/>
      <c r="DHV688" s="613"/>
      <c r="DHW688" s="613"/>
      <c r="DHX688" s="613"/>
      <c r="DHY688" s="613"/>
      <c r="DHZ688" s="613"/>
      <c r="DIA688" s="613"/>
      <c r="DIB688" s="613"/>
      <c r="DIC688" s="613"/>
      <c r="DID688" s="613"/>
      <c r="DIE688" s="613"/>
      <c r="DIF688" s="613"/>
      <c r="DIG688" s="613"/>
      <c r="DIH688" s="613"/>
      <c r="DII688" s="613"/>
      <c r="DIJ688" s="613"/>
      <c r="DIK688" s="613"/>
      <c r="DIL688" s="613"/>
      <c r="DIM688" s="613"/>
      <c r="DIN688" s="613"/>
      <c r="DIO688" s="613"/>
      <c r="DIP688" s="613"/>
      <c r="DIQ688" s="613"/>
      <c r="DIR688" s="613"/>
      <c r="DIS688" s="613"/>
      <c r="DIT688" s="613"/>
      <c r="DIU688" s="613"/>
      <c r="DIV688" s="613"/>
      <c r="DIW688" s="613"/>
      <c r="DIX688" s="613"/>
      <c r="DIY688" s="613"/>
      <c r="DIZ688" s="613"/>
      <c r="DJA688" s="613"/>
      <c r="DJB688" s="613"/>
      <c r="DJC688" s="613"/>
      <c r="DJD688" s="613"/>
      <c r="DJE688" s="613"/>
      <c r="DJF688" s="613"/>
      <c r="DJG688" s="613"/>
      <c r="DJH688" s="613"/>
      <c r="DJI688" s="613"/>
      <c r="DJJ688" s="613"/>
      <c r="DJK688" s="613"/>
      <c r="DJL688" s="613"/>
      <c r="DJM688" s="613"/>
      <c r="DJN688" s="613"/>
      <c r="DJO688" s="613"/>
      <c r="DJP688" s="613"/>
      <c r="DJQ688" s="613"/>
      <c r="DJR688" s="613"/>
      <c r="DJS688" s="613"/>
      <c r="DJT688" s="613"/>
      <c r="DJU688" s="613"/>
      <c r="DJV688" s="613"/>
      <c r="DJW688" s="613"/>
      <c r="DJX688" s="613"/>
      <c r="DJY688" s="613"/>
      <c r="DJZ688" s="613"/>
      <c r="DKA688" s="613"/>
      <c r="DKB688" s="613"/>
      <c r="DKC688" s="613"/>
      <c r="DKD688" s="613"/>
      <c r="DKE688" s="613"/>
      <c r="DKF688" s="613"/>
      <c r="DKG688" s="613"/>
      <c r="DKH688" s="613"/>
      <c r="DKI688" s="613"/>
      <c r="DKJ688" s="613"/>
      <c r="DKK688" s="613"/>
      <c r="DKL688" s="613"/>
      <c r="DKM688" s="613"/>
      <c r="DKN688" s="613"/>
      <c r="DKO688" s="613"/>
      <c r="DKP688" s="613"/>
      <c r="DKQ688" s="613"/>
      <c r="DKR688" s="613"/>
      <c r="DKS688" s="613"/>
      <c r="DKT688" s="613"/>
      <c r="DKU688" s="613"/>
      <c r="DKV688" s="613"/>
      <c r="DKW688" s="613"/>
      <c r="DKX688" s="613"/>
      <c r="DKY688" s="613"/>
      <c r="DKZ688" s="613"/>
      <c r="DLA688" s="613"/>
      <c r="DLB688" s="613"/>
      <c r="DLC688" s="613"/>
      <c r="DLD688" s="613"/>
      <c r="DLE688" s="613"/>
      <c r="DLF688" s="613"/>
      <c r="DLG688" s="613"/>
      <c r="DLH688" s="613"/>
      <c r="DLI688" s="613"/>
      <c r="DLJ688" s="613"/>
      <c r="DLK688" s="613"/>
      <c r="DLL688" s="613"/>
      <c r="DLM688" s="613"/>
      <c r="DLN688" s="613"/>
      <c r="DLO688" s="613"/>
      <c r="DLP688" s="613"/>
      <c r="DLQ688" s="613"/>
      <c r="DLR688" s="613"/>
      <c r="DLS688" s="613"/>
      <c r="DLT688" s="613"/>
      <c r="DLU688" s="613"/>
      <c r="DLV688" s="613"/>
      <c r="DLW688" s="613"/>
      <c r="DLX688" s="613"/>
      <c r="DLY688" s="613"/>
      <c r="DLZ688" s="613"/>
      <c r="DMA688" s="613"/>
      <c r="DMB688" s="613"/>
      <c r="DMC688" s="613"/>
      <c r="DMD688" s="613"/>
      <c r="DME688" s="613"/>
      <c r="DMF688" s="613"/>
      <c r="DMG688" s="613"/>
      <c r="DMH688" s="613"/>
      <c r="DMI688" s="613"/>
      <c r="DMJ688" s="613"/>
      <c r="DMK688" s="613"/>
      <c r="DML688" s="613"/>
      <c r="DMM688" s="613"/>
      <c r="DMN688" s="613"/>
      <c r="DMO688" s="613"/>
      <c r="DMP688" s="613"/>
      <c r="DMQ688" s="613"/>
      <c r="DMR688" s="613"/>
      <c r="DMS688" s="613"/>
      <c r="DMT688" s="613"/>
      <c r="DMU688" s="613"/>
      <c r="DMV688" s="613"/>
      <c r="DMW688" s="613"/>
      <c r="DMX688" s="613"/>
      <c r="DMY688" s="613"/>
      <c r="DMZ688" s="613"/>
      <c r="DNA688" s="613"/>
      <c r="DNB688" s="613"/>
      <c r="DNC688" s="613"/>
      <c r="DND688" s="613"/>
      <c r="DNE688" s="613"/>
      <c r="DNF688" s="613"/>
      <c r="DNG688" s="613"/>
      <c r="DNH688" s="613"/>
      <c r="DNI688" s="613"/>
      <c r="DNJ688" s="613"/>
      <c r="DNK688" s="613"/>
      <c r="DNL688" s="613"/>
      <c r="DNM688" s="613"/>
      <c r="DNN688" s="613"/>
      <c r="DNO688" s="613"/>
      <c r="DNP688" s="613"/>
      <c r="DNQ688" s="613"/>
      <c r="DNR688" s="613"/>
      <c r="DNS688" s="613"/>
      <c r="DNT688" s="613"/>
      <c r="DNU688" s="613"/>
      <c r="DNV688" s="613"/>
      <c r="DNW688" s="613"/>
      <c r="DNX688" s="613"/>
      <c r="DNY688" s="613"/>
      <c r="DNZ688" s="613"/>
      <c r="DOA688" s="613"/>
      <c r="DOB688" s="613"/>
      <c r="DOC688" s="613"/>
      <c r="DOD688" s="613"/>
      <c r="DOE688" s="613"/>
      <c r="DOF688" s="613"/>
      <c r="DOG688" s="613"/>
      <c r="DOH688" s="613"/>
      <c r="DOI688" s="613"/>
      <c r="DOJ688" s="613"/>
      <c r="DOK688" s="613"/>
      <c r="DOL688" s="613"/>
      <c r="DOM688" s="613"/>
      <c r="DON688" s="613"/>
      <c r="DOO688" s="613"/>
      <c r="DOP688" s="613"/>
      <c r="DOQ688" s="613"/>
      <c r="DOR688" s="613"/>
      <c r="DOS688" s="613"/>
      <c r="DOT688" s="613"/>
      <c r="DOU688" s="613"/>
      <c r="DOV688" s="613"/>
      <c r="DOW688" s="613"/>
      <c r="DOX688" s="613"/>
      <c r="DOY688" s="613"/>
      <c r="DOZ688" s="613"/>
      <c r="DPA688" s="613"/>
      <c r="DPB688" s="613"/>
      <c r="DPC688" s="613"/>
      <c r="DPD688" s="613"/>
      <c r="DPE688" s="613"/>
      <c r="DPF688" s="613"/>
      <c r="DPG688" s="613"/>
      <c r="DPH688" s="613"/>
      <c r="DPI688" s="613"/>
      <c r="DPJ688" s="613"/>
      <c r="DPK688" s="613"/>
      <c r="DPL688" s="613"/>
      <c r="DPM688" s="613"/>
      <c r="DPN688" s="613"/>
      <c r="DPO688" s="613"/>
      <c r="DPP688" s="613"/>
      <c r="DPQ688" s="613"/>
      <c r="DPR688" s="613"/>
      <c r="DPS688" s="613"/>
      <c r="DPT688" s="613"/>
      <c r="DPU688" s="613"/>
      <c r="DPV688" s="613"/>
      <c r="DPW688" s="613"/>
      <c r="DPX688" s="613"/>
      <c r="DPY688" s="613"/>
      <c r="DPZ688" s="613"/>
      <c r="DQA688" s="613"/>
      <c r="DQB688" s="613"/>
      <c r="DQC688" s="613"/>
      <c r="DQD688" s="613"/>
      <c r="DQE688" s="613"/>
      <c r="DQF688" s="613"/>
      <c r="DQG688" s="613"/>
      <c r="DQH688" s="613"/>
      <c r="DQI688" s="613"/>
      <c r="DQJ688" s="613"/>
      <c r="DQK688" s="613"/>
      <c r="DQL688" s="613"/>
      <c r="DQM688" s="613"/>
      <c r="DQN688" s="613"/>
      <c r="DQO688" s="613"/>
      <c r="DQP688" s="613"/>
      <c r="DQQ688" s="613"/>
      <c r="DQR688" s="613"/>
      <c r="DQS688" s="613"/>
      <c r="DQT688" s="613"/>
      <c r="DQU688" s="613"/>
      <c r="DQV688" s="613"/>
      <c r="DQW688" s="613"/>
      <c r="DQX688" s="613"/>
      <c r="DQY688" s="613"/>
      <c r="DQZ688" s="613"/>
      <c r="DRA688" s="613"/>
      <c r="DRB688" s="613"/>
      <c r="DRC688" s="613"/>
      <c r="DRD688" s="613"/>
      <c r="DRE688" s="613"/>
      <c r="DRF688" s="613"/>
      <c r="DRG688" s="613"/>
      <c r="DRH688" s="613"/>
      <c r="DRI688" s="613"/>
      <c r="DRJ688" s="613"/>
      <c r="DRK688" s="613"/>
      <c r="DRL688" s="613"/>
      <c r="DRM688" s="613"/>
      <c r="DRN688" s="613"/>
      <c r="DRO688" s="613"/>
      <c r="DRP688" s="613"/>
      <c r="DRQ688" s="613"/>
      <c r="DRR688" s="613"/>
      <c r="DRS688" s="613"/>
      <c r="DRT688" s="613"/>
      <c r="DRU688" s="613"/>
      <c r="DRV688" s="613"/>
      <c r="DRW688" s="613"/>
      <c r="DRX688" s="613"/>
      <c r="DRY688" s="613"/>
      <c r="DRZ688" s="613"/>
      <c r="DSA688" s="613"/>
      <c r="DSB688" s="613"/>
      <c r="DSC688" s="613"/>
      <c r="DSD688" s="613"/>
      <c r="DSE688" s="613"/>
      <c r="DSF688" s="613"/>
      <c r="DSG688" s="613"/>
      <c r="DSH688" s="613"/>
      <c r="DSI688" s="613"/>
      <c r="DSJ688" s="613"/>
      <c r="DSK688" s="613"/>
      <c r="DSL688" s="613"/>
      <c r="DSM688" s="613"/>
      <c r="DSN688" s="613"/>
      <c r="DSO688" s="613"/>
      <c r="DSP688" s="613"/>
      <c r="DSQ688" s="613"/>
      <c r="DSR688" s="613"/>
      <c r="DSS688" s="613"/>
      <c r="DST688" s="613"/>
      <c r="DSU688" s="613"/>
      <c r="DSV688" s="613"/>
      <c r="DSW688" s="613"/>
      <c r="DSX688" s="613"/>
      <c r="DSY688" s="613"/>
      <c r="DSZ688" s="613"/>
      <c r="DTA688" s="613"/>
      <c r="DTB688" s="613"/>
      <c r="DTC688" s="613"/>
      <c r="DTD688" s="613"/>
      <c r="DTE688" s="613"/>
      <c r="DTF688" s="613"/>
      <c r="DTG688" s="613"/>
      <c r="DTH688" s="613"/>
      <c r="DTI688" s="613"/>
      <c r="DTJ688" s="613"/>
      <c r="DTK688" s="613"/>
      <c r="DTL688" s="613"/>
      <c r="DTM688" s="613"/>
      <c r="DTN688" s="613"/>
      <c r="DTO688" s="613"/>
      <c r="DTP688" s="613"/>
      <c r="DTQ688" s="613"/>
      <c r="DTR688" s="613"/>
      <c r="DTS688" s="613"/>
      <c r="DTT688" s="613"/>
      <c r="DTU688" s="613"/>
      <c r="DTV688" s="613"/>
      <c r="DTW688" s="613"/>
      <c r="DTX688" s="613"/>
      <c r="DTY688" s="613"/>
      <c r="DTZ688" s="613"/>
      <c r="DUA688" s="613"/>
      <c r="DUB688" s="613"/>
      <c r="DUC688" s="613"/>
      <c r="DUD688" s="613"/>
      <c r="DUE688" s="613"/>
      <c r="DUF688" s="613"/>
      <c r="DUG688" s="613"/>
      <c r="DUH688" s="613"/>
      <c r="DUI688" s="613"/>
      <c r="DUJ688" s="613"/>
      <c r="DUK688" s="613"/>
      <c r="DUL688" s="613"/>
      <c r="DUM688" s="613"/>
      <c r="DUN688" s="613"/>
      <c r="DUO688" s="613"/>
      <c r="DUP688" s="613"/>
      <c r="DUQ688" s="613"/>
      <c r="DUR688" s="613"/>
      <c r="DUS688" s="613"/>
      <c r="DUT688" s="613"/>
      <c r="DUU688" s="613"/>
      <c r="DUV688" s="613"/>
      <c r="DUW688" s="613"/>
      <c r="DUX688" s="613"/>
      <c r="DUY688" s="613"/>
      <c r="DUZ688" s="613"/>
      <c r="DVA688" s="613"/>
      <c r="DVB688" s="613"/>
      <c r="DVC688" s="613"/>
      <c r="DVD688" s="613"/>
      <c r="DVE688" s="613"/>
      <c r="DVF688" s="613"/>
      <c r="DVG688" s="613"/>
      <c r="DVH688" s="613"/>
      <c r="DVI688" s="613"/>
      <c r="DVJ688" s="613"/>
      <c r="DVK688" s="613"/>
      <c r="DVL688" s="613"/>
      <c r="DVM688" s="613"/>
      <c r="DVN688" s="613"/>
      <c r="DVO688" s="613"/>
      <c r="DVP688" s="613"/>
      <c r="DVQ688" s="613"/>
      <c r="DVR688" s="613"/>
      <c r="DVS688" s="613"/>
      <c r="DVT688" s="613"/>
      <c r="DVU688" s="613"/>
      <c r="DVV688" s="613"/>
      <c r="DVW688" s="613"/>
      <c r="DVX688" s="613"/>
      <c r="DVY688" s="613"/>
      <c r="DVZ688" s="613"/>
      <c r="DWA688" s="613"/>
      <c r="DWB688" s="613"/>
      <c r="DWC688" s="613"/>
      <c r="DWD688" s="613"/>
      <c r="DWE688" s="613"/>
      <c r="DWF688" s="613"/>
      <c r="DWG688" s="613"/>
      <c r="DWH688" s="613"/>
      <c r="DWI688" s="613"/>
      <c r="DWJ688" s="613"/>
      <c r="DWK688" s="613"/>
      <c r="DWL688" s="613"/>
      <c r="DWM688" s="613"/>
      <c r="DWN688" s="613"/>
      <c r="DWO688" s="613"/>
      <c r="DWP688" s="613"/>
      <c r="DWQ688" s="613"/>
      <c r="DWR688" s="613"/>
      <c r="DWS688" s="613"/>
      <c r="DWT688" s="613"/>
      <c r="DWU688" s="613"/>
      <c r="DWV688" s="613"/>
      <c r="DWW688" s="613"/>
      <c r="DWX688" s="613"/>
      <c r="DWY688" s="613"/>
      <c r="DWZ688" s="613"/>
      <c r="DXA688" s="613"/>
      <c r="DXB688" s="613"/>
      <c r="DXC688" s="613"/>
      <c r="DXD688" s="613"/>
      <c r="DXE688" s="613"/>
      <c r="DXF688" s="613"/>
      <c r="DXG688" s="613"/>
      <c r="DXH688" s="613"/>
      <c r="DXI688" s="613"/>
      <c r="DXJ688" s="613"/>
      <c r="DXK688" s="613"/>
      <c r="DXL688" s="613"/>
      <c r="DXM688" s="613"/>
      <c r="DXN688" s="613"/>
      <c r="DXO688" s="613"/>
      <c r="DXP688" s="613"/>
      <c r="DXQ688" s="613"/>
      <c r="DXR688" s="613"/>
      <c r="DXS688" s="613"/>
      <c r="DXT688" s="613"/>
      <c r="DXU688" s="613"/>
      <c r="DXV688" s="613"/>
      <c r="DXW688" s="613"/>
      <c r="DXX688" s="613"/>
      <c r="DXY688" s="613"/>
      <c r="DXZ688" s="613"/>
      <c r="DYA688" s="613"/>
      <c r="DYB688" s="613"/>
      <c r="DYC688" s="613"/>
      <c r="DYD688" s="613"/>
      <c r="DYE688" s="613"/>
      <c r="DYF688" s="613"/>
      <c r="DYG688" s="613"/>
      <c r="DYH688" s="613"/>
      <c r="DYI688" s="613"/>
      <c r="DYJ688" s="613"/>
      <c r="DYK688" s="613"/>
      <c r="DYL688" s="613"/>
      <c r="DYM688" s="613"/>
      <c r="DYN688" s="613"/>
      <c r="DYO688" s="613"/>
      <c r="DYP688" s="613"/>
      <c r="DYQ688" s="613"/>
      <c r="DYR688" s="613"/>
      <c r="DYS688" s="613"/>
      <c r="DYT688" s="613"/>
      <c r="DYU688" s="613"/>
      <c r="DYV688" s="613"/>
      <c r="DYW688" s="613"/>
      <c r="DYX688" s="613"/>
      <c r="DYY688" s="613"/>
      <c r="DYZ688" s="613"/>
      <c r="DZA688" s="613"/>
      <c r="DZB688" s="613"/>
      <c r="DZC688" s="613"/>
      <c r="DZD688" s="613"/>
      <c r="DZE688" s="613"/>
      <c r="DZF688" s="613"/>
      <c r="DZG688" s="613"/>
      <c r="DZH688" s="613"/>
      <c r="DZI688" s="613"/>
      <c r="DZJ688" s="613"/>
      <c r="DZK688" s="613"/>
      <c r="DZL688" s="613"/>
      <c r="DZM688" s="613"/>
      <c r="DZN688" s="613"/>
      <c r="DZO688" s="613"/>
      <c r="DZP688" s="613"/>
      <c r="DZQ688" s="613"/>
      <c r="DZR688" s="613"/>
      <c r="DZS688" s="613"/>
      <c r="DZT688" s="613"/>
      <c r="DZU688" s="613"/>
      <c r="DZV688" s="613"/>
      <c r="DZW688" s="613"/>
      <c r="DZX688" s="613"/>
      <c r="DZY688" s="613"/>
      <c r="DZZ688" s="613"/>
      <c r="EAA688" s="613"/>
      <c r="EAB688" s="613"/>
      <c r="EAC688" s="613"/>
      <c r="EAD688" s="613"/>
      <c r="EAE688" s="613"/>
      <c r="EAF688" s="613"/>
      <c r="EAG688" s="613"/>
      <c r="EAH688" s="613"/>
      <c r="EAI688" s="613"/>
      <c r="EAJ688" s="613"/>
      <c r="EAK688" s="613"/>
      <c r="EAL688" s="613"/>
      <c r="EAM688" s="613"/>
      <c r="EAN688" s="613"/>
      <c r="EAO688" s="613"/>
      <c r="EAP688" s="613"/>
      <c r="EAQ688" s="613"/>
      <c r="EAR688" s="613"/>
      <c r="EAS688" s="613"/>
      <c r="EAT688" s="613"/>
      <c r="EAU688" s="613"/>
      <c r="EAV688" s="613"/>
      <c r="EAW688" s="613"/>
      <c r="EAX688" s="613"/>
      <c r="EAY688" s="613"/>
      <c r="EAZ688" s="613"/>
      <c r="EBA688" s="613"/>
      <c r="EBB688" s="613"/>
      <c r="EBC688" s="613"/>
      <c r="EBD688" s="613"/>
      <c r="EBE688" s="613"/>
      <c r="EBF688" s="613"/>
      <c r="EBG688" s="613"/>
      <c r="EBH688" s="613"/>
      <c r="EBI688" s="613"/>
      <c r="EBJ688" s="613"/>
      <c r="EBK688" s="613"/>
      <c r="EBL688" s="613"/>
      <c r="EBM688" s="613"/>
      <c r="EBN688" s="613"/>
      <c r="EBO688" s="613"/>
      <c r="EBP688" s="613"/>
      <c r="EBQ688" s="613"/>
      <c r="EBR688" s="613"/>
      <c r="EBS688" s="613"/>
      <c r="EBT688" s="613"/>
      <c r="EBU688" s="613"/>
      <c r="EBV688" s="613"/>
      <c r="EBW688" s="613"/>
      <c r="EBX688" s="613"/>
      <c r="EBY688" s="613"/>
      <c r="EBZ688" s="613"/>
      <c r="ECA688" s="613"/>
      <c r="ECB688" s="613"/>
      <c r="ECC688" s="613"/>
      <c r="ECD688" s="613"/>
      <c r="ECE688" s="613"/>
      <c r="ECF688" s="613"/>
      <c r="ECG688" s="613"/>
      <c r="ECH688" s="613"/>
      <c r="ECI688" s="613"/>
      <c r="ECJ688" s="613"/>
      <c r="ECK688" s="613"/>
      <c r="ECL688" s="613"/>
      <c r="ECM688" s="613"/>
      <c r="ECN688" s="613"/>
      <c r="ECO688" s="613"/>
      <c r="ECP688" s="613"/>
      <c r="ECQ688" s="613"/>
      <c r="ECR688" s="613"/>
      <c r="ECS688" s="613"/>
      <c r="ECT688" s="613"/>
      <c r="ECU688" s="613"/>
      <c r="ECV688" s="613"/>
      <c r="ECW688" s="613"/>
      <c r="ECX688" s="613"/>
      <c r="ECY688" s="613"/>
      <c r="ECZ688" s="613"/>
      <c r="EDA688" s="613"/>
      <c r="EDB688" s="613"/>
      <c r="EDC688" s="613"/>
      <c r="EDD688" s="613"/>
      <c r="EDE688" s="613"/>
      <c r="EDF688" s="613"/>
      <c r="EDG688" s="613"/>
      <c r="EDH688" s="613"/>
      <c r="EDI688" s="613"/>
      <c r="EDJ688" s="613"/>
      <c r="EDK688" s="613"/>
      <c r="EDL688" s="613"/>
      <c r="EDM688" s="613"/>
      <c r="EDN688" s="613"/>
      <c r="EDO688" s="613"/>
      <c r="EDP688" s="613"/>
      <c r="EDQ688" s="613"/>
      <c r="EDR688" s="613"/>
      <c r="EDS688" s="613"/>
      <c r="EDT688" s="613"/>
      <c r="EDU688" s="613"/>
      <c r="EDV688" s="613"/>
      <c r="EDW688" s="613"/>
      <c r="EDX688" s="613"/>
      <c r="EDY688" s="613"/>
      <c r="EDZ688" s="613"/>
      <c r="EEA688" s="613"/>
      <c r="EEB688" s="613"/>
      <c r="EEC688" s="613"/>
      <c r="EED688" s="613"/>
      <c r="EEE688" s="613"/>
      <c r="EEF688" s="613"/>
      <c r="EEG688" s="613"/>
      <c r="EEH688" s="613"/>
      <c r="EEI688" s="613"/>
      <c r="EEJ688" s="613"/>
      <c r="EEK688" s="613"/>
      <c r="EEL688" s="613"/>
      <c r="EEM688" s="613"/>
      <c r="EEN688" s="613"/>
      <c r="EEO688" s="613"/>
      <c r="EEP688" s="613"/>
      <c r="EEQ688" s="613"/>
      <c r="EER688" s="613"/>
      <c r="EES688" s="613"/>
      <c r="EET688" s="613"/>
      <c r="EEU688" s="613"/>
      <c r="EEV688" s="613"/>
      <c r="EEW688" s="613"/>
      <c r="EEX688" s="613"/>
      <c r="EEY688" s="613"/>
      <c r="EEZ688" s="613"/>
      <c r="EFA688" s="613"/>
      <c r="EFB688" s="613"/>
      <c r="EFC688" s="613"/>
      <c r="EFD688" s="613"/>
      <c r="EFE688" s="613"/>
      <c r="EFF688" s="613"/>
      <c r="EFG688" s="613"/>
      <c r="EFH688" s="613"/>
      <c r="EFI688" s="613"/>
      <c r="EFJ688" s="613"/>
      <c r="EFK688" s="613"/>
      <c r="EFL688" s="613"/>
      <c r="EFM688" s="613"/>
      <c r="EFN688" s="613"/>
      <c r="EFO688" s="613"/>
      <c r="EFP688" s="613"/>
      <c r="EFQ688" s="613"/>
      <c r="EFR688" s="613"/>
      <c r="EFS688" s="613"/>
      <c r="EFT688" s="613"/>
      <c r="EFU688" s="613"/>
      <c r="EFV688" s="613"/>
      <c r="EFW688" s="613"/>
      <c r="EFX688" s="613"/>
      <c r="EFY688" s="613"/>
      <c r="EFZ688" s="613"/>
      <c r="EGA688" s="613"/>
      <c r="EGB688" s="613"/>
      <c r="EGC688" s="613"/>
      <c r="EGD688" s="613"/>
      <c r="EGE688" s="613"/>
      <c r="EGF688" s="613"/>
      <c r="EGG688" s="613"/>
      <c r="EGH688" s="613"/>
      <c r="EGI688" s="613"/>
      <c r="EGJ688" s="613"/>
      <c r="EGK688" s="613"/>
      <c r="EGL688" s="613"/>
      <c r="EGM688" s="613"/>
      <c r="EGN688" s="613"/>
      <c r="EGO688" s="613"/>
      <c r="EGP688" s="613"/>
      <c r="EGQ688" s="613"/>
      <c r="EGR688" s="613"/>
      <c r="EGS688" s="613"/>
      <c r="EGT688" s="613"/>
      <c r="EGU688" s="613"/>
      <c r="EGV688" s="613"/>
      <c r="EGW688" s="613"/>
      <c r="EGX688" s="613"/>
      <c r="EGY688" s="613"/>
      <c r="EGZ688" s="613"/>
      <c r="EHA688" s="613"/>
      <c r="EHB688" s="613"/>
      <c r="EHC688" s="613"/>
      <c r="EHD688" s="613"/>
      <c r="EHE688" s="613"/>
      <c r="EHF688" s="613"/>
      <c r="EHG688" s="613"/>
      <c r="EHH688" s="613"/>
      <c r="EHI688" s="613"/>
      <c r="EHJ688" s="613"/>
      <c r="EHK688" s="613"/>
      <c r="EHL688" s="613"/>
      <c r="EHM688" s="613"/>
      <c r="EHN688" s="613"/>
      <c r="EHO688" s="613"/>
      <c r="EHP688" s="613"/>
      <c r="EHQ688" s="613"/>
      <c r="EHR688" s="613"/>
      <c r="EHS688" s="613"/>
      <c r="EHT688" s="613"/>
      <c r="EHU688" s="613"/>
      <c r="EHV688" s="613"/>
      <c r="EHW688" s="613"/>
      <c r="EHX688" s="613"/>
      <c r="EHY688" s="613"/>
      <c r="EHZ688" s="613"/>
      <c r="EIA688" s="613"/>
      <c r="EIB688" s="613"/>
      <c r="EIC688" s="613"/>
      <c r="EID688" s="613"/>
      <c r="EIE688" s="613"/>
      <c r="EIF688" s="613"/>
      <c r="EIG688" s="613"/>
      <c r="EIH688" s="613"/>
      <c r="EII688" s="613"/>
      <c r="EIJ688" s="613"/>
      <c r="EIK688" s="613"/>
      <c r="EIL688" s="613"/>
      <c r="EIM688" s="613"/>
      <c r="EIN688" s="613"/>
      <c r="EIO688" s="613"/>
      <c r="EIP688" s="613"/>
      <c r="EIQ688" s="613"/>
      <c r="EIR688" s="613"/>
      <c r="EIS688" s="613"/>
      <c r="EIT688" s="613"/>
      <c r="EIU688" s="613"/>
      <c r="EIV688" s="613"/>
      <c r="EIW688" s="613"/>
      <c r="EIX688" s="613"/>
      <c r="EIY688" s="613"/>
      <c r="EIZ688" s="613"/>
      <c r="EJA688" s="613"/>
      <c r="EJB688" s="613"/>
      <c r="EJC688" s="613"/>
      <c r="EJD688" s="613"/>
      <c r="EJE688" s="613"/>
      <c r="EJF688" s="613"/>
      <c r="EJG688" s="613"/>
      <c r="EJH688" s="613"/>
      <c r="EJI688" s="613"/>
      <c r="EJJ688" s="613"/>
      <c r="EJK688" s="613"/>
      <c r="EJL688" s="613"/>
      <c r="EJM688" s="613"/>
      <c r="EJN688" s="613"/>
      <c r="EJO688" s="613"/>
      <c r="EJP688" s="613"/>
      <c r="EJQ688" s="613"/>
      <c r="EJR688" s="613"/>
      <c r="EJS688" s="613"/>
      <c r="EJT688" s="613"/>
      <c r="EJU688" s="613"/>
      <c r="EJV688" s="613"/>
      <c r="EJW688" s="613"/>
      <c r="EJX688" s="613"/>
      <c r="EJY688" s="613"/>
      <c r="EJZ688" s="613"/>
      <c r="EKA688" s="613"/>
      <c r="EKB688" s="613"/>
      <c r="EKC688" s="613"/>
      <c r="EKD688" s="613"/>
      <c r="EKE688" s="613"/>
      <c r="EKF688" s="613"/>
      <c r="EKG688" s="613"/>
      <c r="EKH688" s="613"/>
      <c r="EKI688" s="613"/>
      <c r="EKJ688" s="613"/>
      <c r="EKK688" s="613"/>
      <c r="EKL688" s="613"/>
      <c r="EKM688" s="613"/>
      <c r="EKN688" s="613"/>
      <c r="EKO688" s="613"/>
      <c r="EKP688" s="613"/>
      <c r="EKQ688" s="613"/>
      <c r="EKR688" s="613"/>
      <c r="EKS688" s="613"/>
      <c r="EKT688" s="613"/>
      <c r="EKU688" s="613"/>
      <c r="EKV688" s="613"/>
      <c r="EKW688" s="613"/>
      <c r="EKX688" s="613"/>
      <c r="EKY688" s="613"/>
      <c r="EKZ688" s="613"/>
      <c r="ELA688" s="613"/>
      <c r="ELB688" s="613"/>
      <c r="ELC688" s="613"/>
      <c r="ELD688" s="613"/>
      <c r="ELE688" s="613"/>
      <c r="ELF688" s="613"/>
      <c r="ELG688" s="613"/>
      <c r="ELH688" s="613"/>
      <c r="ELI688" s="613"/>
      <c r="ELJ688" s="613"/>
      <c r="ELK688" s="613"/>
      <c r="ELL688" s="613"/>
      <c r="ELM688" s="613"/>
      <c r="ELN688" s="613"/>
      <c r="ELO688" s="613"/>
      <c r="ELP688" s="613"/>
      <c r="ELQ688" s="613"/>
      <c r="ELR688" s="613"/>
      <c r="ELS688" s="613"/>
      <c r="ELT688" s="613"/>
      <c r="ELU688" s="613"/>
      <c r="ELV688" s="613"/>
      <c r="ELW688" s="613"/>
      <c r="ELX688" s="613"/>
      <c r="ELY688" s="613"/>
      <c r="ELZ688" s="613"/>
      <c r="EMA688" s="613"/>
      <c r="EMB688" s="613"/>
      <c r="EMC688" s="613"/>
      <c r="EMD688" s="613"/>
      <c r="EME688" s="613"/>
      <c r="EMF688" s="613"/>
      <c r="EMG688" s="613"/>
      <c r="EMH688" s="613"/>
      <c r="EMI688" s="613"/>
      <c r="EMJ688" s="613"/>
      <c r="EMK688" s="613"/>
      <c r="EML688" s="613"/>
      <c r="EMM688" s="613"/>
      <c r="EMN688" s="613"/>
      <c r="EMO688" s="613"/>
      <c r="EMP688" s="613"/>
      <c r="EMQ688" s="613"/>
      <c r="EMR688" s="613"/>
      <c r="EMS688" s="613"/>
      <c r="EMT688" s="613"/>
      <c r="EMU688" s="613"/>
      <c r="EMV688" s="613"/>
      <c r="EMW688" s="613"/>
      <c r="EMX688" s="613"/>
      <c r="EMY688" s="613"/>
      <c r="EMZ688" s="613"/>
      <c r="ENA688" s="613"/>
      <c r="ENB688" s="613"/>
      <c r="ENC688" s="613"/>
      <c r="END688" s="613"/>
      <c r="ENE688" s="613"/>
      <c r="ENF688" s="613"/>
      <c r="ENG688" s="613"/>
      <c r="ENH688" s="613"/>
      <c r="ENI688" s="613"/>
      <c r="ENJ688" s="613"/>
      <c r="ENK688" s="613"/>
      <c r="ENL688" s="613"/>
      <c r="ENM688" s="613"/>
      <c r="ENN688" s="613"/>
      <c r="ENO688" s="613"/>
      <c r="ENP688" s="613"/>
      <c r="ENQ688" s="613"/>
      <c r="ENR688" s="613"/>
      <c r="ENS688" s="613"/>
      <c r="ENT688" s="613"/>
      <c r="ENU688" s="613"/>
      <c r="ENV688" s="613"/>
      <c r="ENW688" s="613"/>
      <c r="ENX688" s="613"/>
      <c r="ENY688" s="613"/>
      <c r="ENZ688" s="613"/>
      <c r="EOA688" s="613"/>
      <c r="EOB688" s="613"/>
      <c r="EOC688" s="613"/>
      <c r="EOD688" s="613"/>
      <c r="EOE688" s="613"/>
      <c r="EOF688" s="613"/>
      <c r="EOG688" s="613"/>
      <c r="EOH688" s="613"/>
      <c r="EOI688" s="613"/>
      <c r="EOJ688" s="613"/>
      <c r="EOK688" s="613"/>
      <c r="EOL688" s="613"/>
      <c r="EOM688" s="613"/>
      <c r="EON688" s="613"/>
      <c r="EOO688" s="613"/>
      <c r="EOP688" s="613"/>
      <c r="EOQ688" s="613"/>
      <c r="EOR688" s="613"/>
      <c r="EOS688" s="613"/>
      <c r="EOT688" s="613"/>
      <c r="EOU688" s="613"/>
      <c r="EOV688" s="613"/>
      <c r="EOW688" s="613"/>
      <c r="EOX688" s="613"/>
      <c r="EOY688" s="613"/>
      <c r="EOZ688" s="613"/>
      <c r="EPA688" s="613"/>
      <c r="EPB688" s="613"/>
      <c r="EPC688" s="613"/>
      <c r="EPD688" s="613"/>
      <c r="EPE688" s="613"/>
      <c r="EPF688" s="613"/>
      <c r="EPG688" s="613"/>
      <c r="EPH688" s="613"/>
      <c r="EPI688" s="613"/>
      <c r="EPJ688" s="613"/>
      <c r="EPK688" s="613"/>
      <c r="EPL688" s="613"/>
      <c r="EPM688" s="613"/>
      <c r="EPN688" s="613"/>
      <c r="EPO688" s="613"/>
      <c r="EPP688" s="613"/>
      <c r="EPQ688" s="613"/>
      <c r="EPR688" s="613"/>
      <c r="EPS688" s="613"/>
      <c r="EPT688" s="613"/>
      <c r="EPU688" s="613"/>
      <c r="EPV688" s="613"/>
      <c r="EPW688" s="613"/>
      <c r="EPX688" s="613"/>
      <c r="EPY688" s="613"/>
      <c r="EPZ688" s="613"/>
      <c r="EQA688" s="613"/>
      <c r="EQB688" s="613"/>
      <c r="EQC688" s="613"/>
      <c r="EQD688" s="613"/>
      <c r="EQE688" s="613"/>
      <c r="EQF688" s="613"/>
      <c r="EQG688" s="613"/>
      <c r="EQH688" s="613"/>
      <c r="EQI688" s="613"/>
      <c r="EQJ688" s="613"/>
      <c r="EQK688" s="613"/>
      <c r="EQL688" s="613"/>
      <c r="EQM688" s="613"/>
      <c r="EQN688" s="613"/>
      <c r="EQO688" s="613"/>
      <c r="EQP688" s="613"/>
      <c r="EQQ688" s="613"/>
      <c r="EQR688" s="613"/>
      <c r="EQS688" s="613"/>
      <c r="EQT688" s="613"/>
      <c r="EQU688" s="613"/>
      <c r="EQV688" s="613"/>
      <c r="EQW688" s="613"/>
      <c r="EQX688" s="613"/>
      <c r="EQY688" s="613"/>
      <c r="EQZ688" s="613"/>
      <c r="ERA688" s="613"/>
      <c r="ERB688" s="613"/>
      <c r="ERC688" s="613"/>
      <c r="ERD688" s="613"/>
      <c r="ERE688" s="613"/>
      <c r="ERF688" s="613"/>
      <c r="ERG688" s="613"/>
      <c r="ERH688" s="613"/>
      <c r="ERI688" s="613"/>
      <c r="ERJ688" s="613"/>
      <c r="ERK688" s="613"/>
      <c r="ERL688" s="613"/>
      <c r="ERM688" s="613"/>
      <c r="ERN688" s="613"/>
      <c r="ERO688" s="613"/>
      <c r="ERP688" s="613"/>
      <c r="ERQ688" s="613"/>
      <c r="ERR688" s="613"/>
      <c r="ERS688" s="613"/>
      <c r="ERT688" s="613"/>
      <c r="ERU688" s="613"/>
      <c r="ERV688" s="613"/>
      <c r="ERW688" s="613"/>
      <c r="ERX688" s="613"/>
      <c r="ERY688" s="613"/>
      <c r="ERZ688" s="613"/>
      <c r="ESA688" s="613"/>
      <c r="ESB688" s="613"/>
      <c r="ESC688" s="613"/>
      <c r="ESD688" s="613"/>
      <c r="ESE688" s="613"/>
      <c r="ESF688" s="613"/>
      <c r="ESG688" s="613"/>
      <c r="ESH688" s="613"/>
      <c r="ESI688" s="613"/>
      <c r="ESJ688" s="613"/>
      <c r="ESK688" s="613"/>
      <c r="ESL688" s="613"/>
      <c r="ESM688" s="613"/>
      <c r="ESN688" s="613"/>
      <c r="ESO688" s="613"/>
      <c r="ESP688" s="613"/>
      <c r="ESQ688" s="613"/>
      <c r="ESR688" s="613"/>
      <c r="ESS688" s="613"/>
      <c r="EST688" s="613"/>
      <c r="ESU688" s="613"/>
      <c r="ESV688" s="613"/>
      <c r="ESW688" s="613"/>
      <c r="ESX688" s="613"/>
      <c r="ESY688" s="613"/>
      <c r="ESZ688" s="613"/>
      <c r="ETA688" s="613"/>
      <c r="ETB688" s="613"/>
      <c r="ETC688" s="613"/>
      <c r="ETD688" s="613"/>
      <c r="ETE688" s="613"/>
      <c r="ETF688" s="613"/>
      <c r="ETG688" s="613"/>
      <c r="ETH688" s="613"/>
      <c r="ETI688" s="613"/>
      <c r="ETJ688" s="613"/>
      <c r="ETK688" s="613"/>
      <c r="ETL688" s="613"/>
      <c r="ETM688" s="613"/>
      <c r="ETN688" s="613"/>
      <c r="ETO688" s="613"/>
      <c r="ETP688" s="613"/>
      <c r="ETQ688" s="613"/>
      <c r="ETR688" s="613"/>
      <c r="ETS688" s="613"/>
      <c r="ETT688" s="613"/>
      <c r="ETU688" s="613"/>
      <c r="ETV688" s="613"/>
      <c r="ETW688" s="613"/>
      <c r="ETX688" s="613"/>
      <c r="ETY688" s="613"/>
      <c r="ETZ688" s="613"/>
      <c r="EUA688" s="613"/>
      <c r="EUB688" s="613"/>
      <c r="EUC688" s="613"/>
      <c r="EUD688" s="613"/>
      <c r="EUE688" s="613"/>
      <c r="EUF688" s="613"/>
      <c r="EUG688" s="613"/>
      <c r="EUH688" s="613"/>
      <c r="EUI688" s="613"/>
      <c r="EUJ688" s="613"/>
      <c r="EUK688" s="613"/>
      <c r="EUL688" s="613"/>
      <c r="EUM688" s="613"/>
      <c r="EUN688" s="613"/>
      <c r="EUO688" s="613"/>
      <c r="EUP688" s="613"/>
      <c r="EUQ688" s="613"/>
      <c r="EUR688" s="613"/>
      <c r="EUS688" s="613"/>
      <c r="EUT688" s="613"/>
      <c r="EUU688" s="613"/>
      <c r="EUV688" s="613"/>
      <c r="EUW688" s="613"/>
      <c r="EUX688" s="613"/>
      <c r="EUY688" s="613"/>
      <c r="EUZ688" s="613"/>
      <c r="EVA688" s="613"/>
      <c r="EVB688" s="613"/>
      <c r="EVC688" s="613"/>
      <c r="EVD688" s="613"/>
      <c r="EVE688" s="613"/>
      <c r="EVF688" s="613"/>
      <c r="EVG688" s="613"/>
      <c r="EVH688" s="613"/>
      <c r="EVI688" s="613"/>
      <c r="EVJ688" s="613"/>
      <c r="EVK688" s="613"/>
      <c r="EVL688" s="613"/>
      <c r="EVM688" s="613"/>
      <c r="EVN688" s="613"/>
      <c r="EVO688" s="613"/>
      <c r="EVP688" s="613"/>
      <c r="EVQ688" s="613"/>
      <c r="EVR688" s="613"/>
      <c r="EVS688" s="613"/>
      <c r="EVT688" s="613"/>
      <c r="EVU688" s="613"/>
      <c r="EVV688" s="613"/>
      <c r="EVW688" s="613"/>
      <c r="EVX688" s="613"/>
      <c r="EVY688" s="613"/>
      <c r="EVZ688" s="613"/>
      <c r="EWA688" s="613"/>
      <c r="EWB688" s="613"/>
      <c r="EWC688" s="613"/>
      <c r="EWD688" s="613"/>
      <c r="EWE688" s="613"/>
      <c r="EWF688" s="613"/>
      <c r="EWG688" s="613"/>
      <c r="EWH688" s="613"/>
      <c r="EWI688" s="613"/>
      <c r="EWJ688" s="613"/>
      <c r="EWK688" s="613"/>
      <c r="EWL688" s="613"/>
      <c r="EWM688" s="613"/>
      <c r="EWN688" s="613"/>
      <c r="EWO688" s="613"/>
      <c r="EWP688" s="613"/>
      <c r="EWQ688" s="613"/>
      <c r="EWR688" s="613"/>
      <c r="EWS688" s="613"/>
      <c r="EWT688" s="613"/>
      <c r="EWU688" s="613"/>
      <c r="EWV688" s="613"/>
      <c r="EWW688" s="613"/>
      <c r="EWX688" s="613"/>
      <c r="EWY688" s="613"/>
      <c r="EWZ688" s="613"/>
      <c r="EXA688" s="613"/>
      <c r="EXB688" s="613"/>
      <c r="EXC688" s="613"/>
      <c r="EXD688" s="613"/>
      <c r="EXE688" s="613"/>
      <c r="EXF688" s="613"/>
      <c r="EXG688" s="613"/>
      <c r="EXH688" s="613"/>
      <c r="EXI688" s="613"/>
      <c r="EXJ688" s="613"/>
      <c r="EXK688" s="613"/>
      <c r="EXL688" s="613"/>
      <c r="EXM688" s="613"/>
      <c r="EXN688" s="613"/>
      <c r="EXO688" s="613"/>
      <c r="EXP688" s="613"/>
      <c r="EXQ688" s="613"/>
      <c r="EXR688" s="613"/>
      <c r="EXS688" s="613"/>
      <c r="EXT688" s="613"/>
      <c r="EXU688" s="613"/>
      <c r="EXV688" s="613"/>
      <c r="EXW688" s="613"/>
      <c r="EXX688" s="613"/>
      <c r="EXY688" s="613"/>
      <c r="EXZ688" s="613"/>
      <c r="EYA688" s="613"/>
      <c r="EYB688" s="613"/>
      <c r="EYC688" s="613"/>
      <c r="EYD688" s="613"/>
      <c r="EYE688" s="613"/>
      <c r="EYF688" s="613"/>
      <c r="EYG688" s="613"/>
      <c r="EYH688" s="613"/>
      <c r="EYI688" s="613"/>
      <c r="EYJ688" s="613"/>
      <c r="EYK688" s="613"/>
      <c r="EYL688" s="613"/>
      <c r="EYM688" s="613"/>
      <c r="EYN688" s="613"/>
      <c r="EYO688" s="613"/>
      <c r="EYP688" s="613"/>
      <c r="EYQ688" s="613"/>
      <c r="EYR688" s="613"/>
      <c r="EYS688" s="613"/>
      <c r="EYT688" s="613"/>
      <c r="EYU688" s="613"/>
      <c r="EYV688" s="613"/>
      <c r="EYW688" s="613"/>
      <c r="EYX688" s="613"/>
      <c r="EYY688" s="613"/>
      <c r="EYZ688" s="613"/>
      <c r="EZA688" s="613"/>
      <c r="EZB688" s="613"/>
      <c r="EZC688" s="613"/>
      <c r="EZD688" s="613"/>
      <c r="EZE688" s="613"/>
      <c r="EZF688" s="613"/>
      <c r="EZG688" s="613"/>
      <c r="EZH688" s="613"/>
      <c r="EZI688" s="613"/>
      <c r="EZJ688" s="613"/>
      <c r="EZK688" s="613"/>
      <c r="EZL688" s="613"/>
      <c r="EZM688" s="613"/>
      <c r="EZN688" s="613"/>
      <c r="EZO688" s="613"/>
      <c r="EZP688" s="613"/>
      <c r="EZQ688" s="613"/>
      <c r="EZR688" s="613"/>
      <c r="EZS688" s="613"/>
      <c r="EZT688" s="613"/>
      <c r="EZU688" s="613"/>
      <c r="EZV688" s="613"/>
      <c r="EZW688" s="613"/>
      <c r="EZX688" s="613"/>
      <c r="EZY688" s="613"/>
      <c r="EZZ688" s="613"/>
      <c r="FAA688" s="613"/>
      <c r="FAB688" s="613"/>
      <c r="FAC688" s="613"/>
      <c r="FAD688" s="613"/>
      <c r="FAE688" s="613"/>
      <c r="FAF688" s="613"/>
      <c r="FAG688" s="613"/>
      <c r="FAH688" s="613"/>
      <c r="FAI688" s="613"/>
      <c r="FAJ688" s="613"/>
      <c r="FAK688" s="613"/>
      <c r="FAL688" s="613"/>
      <c r="FAM688" s="613"/>
      <c r="FAN688" s="613"/>
      <c r="FAO688" s="613"/>
      <c r="FAP688" s="613"/>
      <c r="FAQ688" s="613"/>
      <c r="FAR688" s="613"/>
      <c r="FAS688" s="613"/>
      <c r="FAT688" s="613"/>
      <c r="FAU688" s="613"/>
      <c r="FAV688" s="613"/>
      <c r="FAW688" s="613"/>
      <c r="FAX688" s="613"/>
      <c r="FAY688" s="613"/>
      <c r="FAZ688" s="613"/>
      <c r="FBA688" s="613"/>
      <c r="FBB688" s="613"/>
      <c r="FBC688" s="613"/>
      <c r="FBD688" s="613"/>
      <c r="FBE688" s="613"/>
      <c r="FBF688" s="613"/>
      <c r="FBG688" s="613"/>
      <c r="FBH688" s="613"/>
      <c r="FBI688" s="613"/>
      <c r="FBJ688" s="613"/>
      <c r="FBK688" s="613"/>
      <c r="FBL688" s="613"/>
      <c r="FBM688" s="613"/>
      <c r="FBN688" s="613"/>
      <c r="FBO688" s="613"/>
      <c r="FBP688" s="613"/>
      <c r="FBQ688" s="613"/>
      <c r="FBR688" s="613"/>
      <c r="FBS688" s="613"/>
      <c r="FBT688" s="613"/>
      <c r="FBU688" s="613"/>
      <c r="FBV688" s="613"/>
      <c r="FBW688" s="613"/>
      <c r="FBX688" s="613"/>
      <c r="FBY688" s="613"/>
      <c r="FBZ688" s="613"/>
      <c r="FCA688" s="613"/>
      <c r="FCB688" s="613"/>
      <c r="FCC688" s="613"/>
      <c r="FCD688" s="613"/>
      <c r="FCE688" s="613"/>
      <c r="FCF688" s="613"/>
      <c r="FCG688" s="613"/>
      <c r="FCH688" s="613"/>
      <c r="FCI688" s="613"/>
      <c r="FCJ688" s="613"/>
      <c r="FCK688" s="613"/>
      <c r="FCL688" s="613"/>
      <c r="FCM688" s="613"/>
      <c r="FCN688" s="613"/>
      <c r="FCO688" s="613"/>
      <c r="FCP688" s="613"/>
      <c r="FCQ688" s="613"/>
      <c r="FCR688" s="613"/>
      <c r="FCS688" s="613"/>
      <c r="FCT688" s="613"/>
      <c r="FCU688" s="613"/>
      <c r="FCV688" s="613"/>
      <c r="FCW688" s="613"/>
      <c r="FCX688" s="613"/>
      <c r="FCY688" s="613"/>
      <c r="FCZ688" s="613"/>
      <c r="FDA688" s="613"/>
      <c r="FDB688" s="613"/>
      <c r="FDC688" s="613"/>
      <c r="FDD688" s="613"/>
      <c r="FDE688" s="613"/>
      <c r="FDF688" s="613"/>
      <c r="FDG688" s="613"/>
      <c r="FDH688" s="613"/>
      <c r="FDI688" s="613"/>
      <c r="FDJ688" s="613"/>
      <c r="FDK688" s="613"/>
      <c r="FDL688" s="613"/>
      <c r="FDM688" s="613"/>
      <c r="FDN688" s="613"/>
      <c r="FDO688" s="613"/>
      <c r="FDP688" s="613"/>
      <c r="FDQ688" s="613"/>
      <c r="FDR688" s="613"/>
      <c r="FDS688" s="613"/>
      <c r="FDT688" s="613"/>
      <c r="FDU688" s="613"/>
      <c r="FDV688" s="613"/>
      <c r="FDW688" s="613"/>
      <c r="FDX688" s="613"/>
      <c r="FDY688" s="613"/>
      <c r="FDZ688" s="613"/>
      <c r="FEA688" s="613"/>
      <c r="FEB688" s="613"/>
      <c r="FEC688" s="613"/>
      <c r="FED688" s="613"/>
      <c r="FEE688" s="613"/>
      <c r="FEF688" s="613"/>
      <c r="FEG688" s="613"/>
      <c r="FEH688" s="613"/>
      <c r="FEI688" s="613"/>
      <c r="FEJ688" s="613"/>
      <c r="FEK688" s="613"/>
      <c r="FEL688" s="613"/>
      <c r="FEM688" s="613"/>
      <c r="FEN688" s="613"/>
      <c r="FEO688" s="613"/>
      <c r="FEP688" s="613"/>
      <c r="FEQ688" s="613"/>
      <c r="FER688" s="613"/>
      <c r="FES688" s="613"/>
      <c r="FET688" s="613"/>
      <c r="FEU688" s="613"/>
      <c r="FEV688" s="613"/>
      <c r="FEW688" s="613"/>
      <c r="FEX688" s="613"/>
      <c r="FEY688" s="613"/>
      <c r="FEZ688" s="613"/>
      <c r="FFA688" s="613"/>
      <c r="FFB688" s="613"/>
      <c r="FFC688" s="613"/>
      <c r="FFD688" s="613"/>
      <c r="FFE688" s="613"/>
      <c r="FFF688" s="613"/>
      <c r="FFG688" s="613"/>
      <c r="FFH688" s="613"/>
      <c r="FFI688" s="613"/>
      <c r="FFJ688" s="613"/>
      <c r="FFK688" s="613"/>
      <c r="FFL688" s="613"/>
      <c r="FFM688" s="613"/>
      <c r="FFN688" s="613"/>
      <c r="FFO688" s="613"/>
      <c r="FFP688" s="613"/>
      <c r="FFQ688" s="613"/>
      <c r="FFR688" s="613"/>
      <c r="FFS688" s="613"/>
      <c r="FFT688" s="613"/>
      <c r="FFU688" s="613"/>
      <c r="FFV688" s="613"/>
      <c r="FFW688" s="613"/>
      <c r="FFX688" s="613"/>
      <c r="FFY688" s="613"/>
      <c r="FFZ688" s="613"/>
      <c r="FGA688" s="613"/>
      <c r="FGB688" s="613"/>
      <c r="FGC688" s="613"/>
      <c r="FGD688" s="613"/>
      <c r="FGE688" s="613"/>
      <c r="FGF688" s="613"/>
      <c r="FGG688" s="613"/>
      <c r="FGH688" s="613"/>
      <c r="FGI688" s="613"/>
      <c r="FGJ688" s="613"/>
      <c r="FGK688" s="613"/>
      <c r="FGL688" s="613"/>
      <c r="FGM688" s="613"/>
      <c r="FGN688" s="613"/>
      <c r="FGO688" s="613"/>
      <c r="FGP688" s="613"/>
      <c r="FGQ688" s="613"/>
      <c r="FGR688" s="613"/>
      <c r="FGS688" s="613"/>
      <c r="FGT688" s="613"/>
      <c r="FGU688" s="613"/>
      <c r="FGV688" s="613"/>
      <c r="FGW688" s="613"/>
      <c r="FGX688" s="613"/>
      <c r="FGY688" s="613"/>
      <c r="FGZ688" s="613"/>
      <c r="FHA688" s="613"/>
      <c r="FHB688" s="613"/>
      <c r="FHC688" s="613"/>
      <c r="FHD688" s="613"/>
      <c r="FHE688" s="613"/>
      <c r="FHF688" s="613"/>
      <c r="FHG688" s="613"/>
      <c r="FHH688" s="613"/>
      <c r="FHI688" s="613"/>
      <c r="FHJ688" s="613"/>
      <c r="FHK688" s="613"/>
      <c r="FHL688" s="613"/>
      <c r="FHM688" s="613"/>
      <c r="FHN688" s="613"/>
      <c r="FHO688" s="613"/>
      <c r="FHP688" s="613"/>
      <c r="FHQ688" s="613"/>
      <c r="FHR688" s="613"/>
      <c r="FHS688" s="613"/>
      <c r="FHT688" s="613"/>
      <c r="FHU688" s="613"/>
      <c r="FHV688" s="613"/>
      <c r="FHW688" s="613"/>
      <c r="FHX688" s="613"/>
      <c r="FHY688" s="613"/>
      <c r="FHZ688" s="613"/>
      <c r="FIA688" s="613"/>
      <c r="FIB688" s="613"/>
      <c r="FIC688" s="613"/>
      <c r="FID688" s="613"/>
      <c r="FIE688" s="613"/>
      <c r="FIF688" s="613"/>
      <c r="FIG688" s="613"/>
      <c r="FIH688" s="613"/>
      <c r="FII688" s="613"/>
      <c r="FIJ688" s="613"/>
      <c r="FIK688" s="613"/>
      <c r="FIL688" s="613"/>
      <c r="FIM688" s="613"/>
      <c r="FIN688" s="613"/>
      <c r="FIO688" s="613"/>
      <c r="FIP688" s="613"/>
      <c r="FIQ688" s="613"/>
      <c r="FIR688" s="613"/>
      <c r="FIS688" s="613"/>
      <c r="FIT688" s="613"/>
      <c r="FIU688" s="613"/>
      <c r="FIV688" s="613"/>
      <c r="FIW688" s="613"/>
      <c r="FIX688" s="613"/>
      <c r="FIY688" s="613"/>
      <c r="FIZ688" s="613"/>
      <c r="FJA688" s="613"/>
      <c r="FJB688" s="613"/>
      <c r="FJC688" s="613"/>
      <c r="FJD688" s="613"/>
      <c r="FJE688" s="613"/>
      <c r="FJF688" s="613"/>
      <c r="FJG688" s="613"/>
      <c r="FJH688" s="613"/>
      <c r="FJI688" s="613"/>
      <c r="FJJ688" s="613"/>
      <c r="FJK688" s="613"/>
      <c r="FJL688" s="613"/>
      <c r="FJM688" s="613"/>
      <c r="FJN688" s="613"/>
      <c r="FJO688" s="613"/>
      <c r="FJP688" s="613"/>
      <c r="FJQ688" s="613"/>
      <c r="FJR688" s="613"/>
      <c r="FJS688" s="613"/>
      <c r="FJT688" s="613"/>
      <c r="FJU688" s="613"/>
      <c r="FJV688" s="613"/>
      <c r="FJW688" s="613"/>
      <c r="FJX688" s="613"/>
      <c r="FJY688" s="613"/>
      <c r="FJZ688" s="613"/>
      <c r="FKA688" s="613"/>
      <c r="FKB688" s="613"/>
      <c r="FKC688" s="613"/>
      <c r="FKD688" s="613"/>
      <c r="FKE688" s="613"/>
      <c r="FKF688" s="613"/>
      <c r="FKG688" s="613"/>
      <c r="FKH688" s="613"/>
      <c r="FKI688" s="613"/>
      <c r="FKJ688" s="613"/>
      <c r="FKK688" s="613"/>
      <c r="FKL688" s="613"/>
      <c r="FKM688" s="613"/>
      <c r="FKN688" s="613"/>
      <c r="FKO688" s="613"/>
      <c r="FKP688" s="613"/>
      <c r="FKQ688" s="613"/>
      <c r="FKR688" s="613"/>
      <c r="FKS688" s="613"/>
      <c r="FKT688" s="613"/>
      <c r="FKU688" s="613"/>
      <c r="FKV688" s="613"/>
      <c r="FKW688" s="613"/>
      <c r="FKX688" s="613"/>
      <c r="FKY688" s="613"/>
      <c r="FKZ688" s="613"/>
      <c r="FLA688" s="613"/>
      <c r="FLB688" s="613"/>
      <c r="FLC688" s="613"/>
      <c r="FLD688" s="613"/>
      <c r="FLE688" s="613"/>
      <c r="FLF688" s="613"/>
      <c r="FLG688" s="613"/>
      <c r="FLH688" s="613"/>
      <c r="FLI688" s="613"/>
      <c r="FLJ688" s="613"/>
      <c r="FLK688" s="613"/>
      <c r="FLL688" s="613"/>
      <c r="FLM688" s="613"/>
      <c r="FLN688" s="613"/>
      <c r="FLO688" s="613"/>
      <c r="FLP688" s="613"/>
      <c r="FLQ688" s="613"/>
      <c r="FLR688" s="613"/>
      <c r="FLS688" s="613"/>
      <c r="FLT688" s="613"/>
      <c r="FLU688" s="613"/>
      <c r="FLV688" s="613"/>
      <c r="FLW688" s="613"/>
      <c r="FLX688" s="613"/>
      <c r="FLY688" s="613"/>
      <c r="FLZ688" s="613"/>
      <c r="FMA688" s="613"/>
      <c r="FMB688" s="613"/>
      <c r="FMC688" s="613"/>
      <c r="FMD688" s="613"/>
      <c r="FME688" s="613"/>
      <c r="FMF688" s="613"/>
      <c r="FMG688" s="613"/>
      <c r="FMH688" s="613"/>
      <c r="FMI688" s="613"/>
      <c r="FMJ688" s="613"/>
      <c r="FMK688" s="613"/>
      <c r="FML688" s="613"/>
      <c r="FMM688" s="613"/>
      <c r="FMN688" s="613"/>
      <c r="FMO688" s="613"/>
      <c r="FMP688" s="613"/>
      <c r="FMQ688" s="613"/>
      <c r="FMR688" s="613"/>
      <c r="FMS688" s="613"/>
      <c r="FMT688" s="613"/>
      <c r="FMU688" s="613"/>
      <c r="FMV688" s="613"/>
      <c r="FMW688" s="613"/>
      <c r="FMX688" s="613"/>
      <c r="FMY688" s="613"/>
      <c r="FMZ688" s="613"/>
      <c r="FNA688" s="613"/>
      <c r="FNB688" s="613"/>
      <c r="FNC688" s="613"/>
      <c r="FND688" s="613"/>
      <c r="FNE688" s="613"/>
      <c r="FNF688" s="613"/>
      <c r="FNG688" s="613"/>
      <c r="FNH688" s="613"/>
      <c r="FNI688" s="613"/>
      <c r="FNJ688" s="613"/>
      <c r="FNK688" s="613"/>
      <c r="FNL688" s="613"/>
      <c r="FNM688" s="613"/>
      <c r="FNN688" s="613"/>
      <c r="FNO688" s="613"/>
      <c r="FNP688" s="613"/>
      <c r="FNQ688" s="613"/>
      <c r="FNR688" s="613"/>
      <c r="FNS688" s="613"/>
      <c r="FNT688" s="613"/>
      <c r="FNU688" s="613"/>
      <c r="FNV688" s="613"/>
      <c r="FNW688" s="613"/>
      <c r="FNX688" s="613"/>
      <c r="FNY688" s="613"/>
      <c r="FNZ688" s="613"/>
      <c r="FOA688" s="613"/>
      <c r="FOB688" s="613"/>
      <c r="FOC688" s="613"/>
      <c r="FOD688" s="613"/>
      <c r="FOE688" s="613"/>
      <c r="FOF688" s="613"/>
      <c r="FOG688" s="613"/>
      <c r="FOH688" s="613"/>
      <c r="FOI688" s="613"/>
      <c r="FOJ688" s="613"/>
      <c r="FOK688" s="613"/>
      <c r="FOL688" s="613"/>
      <c r="FOM688" s="613"/>
      <c r="FON688" s="613"/>
      <c r="FOO688" s="613"/>
      <c r="FOP688" s="613"/>
      <c r="FOQ688" s="613"/>
      <c r="FOR688" s="613"/>
      <c r="FOS688" s="613"/>
      <c r="FOT688" s="613"/>
      <c r="FOU688" s="613"/>
      <c r="FOV688" s="613"/>
      <c r="FOW688" s="613"/>
      <c r="FOX688" s="613"/>
      <c r="FOY688" s="613"/>
      <c r="FOZ688" s="613"/>
      <c r="FPA688" s="613"/>
      <c r="FPB688" s="613"/>
      <c r="FPC688" s="613"/>
      <c r="FPD688" s="613"/>
      <c r="FPE688" s="613"/>
      <c r="FPF688" s="613"/>
      <c r="FPG688" s="613"/>
      <c r="FPH688" s="613"/>
      <c r="FPI688" s="613"/>
      <c r="FPJ688" s="613"/>
      <c r="FPK688" s="613"/>
      <c r="FPL688" s="613"/>
      <c r="FPM688" s="613"/>
      <c r="FPN688" s="613"/>
      <c r="FPO688" s="613"/>
      <c r="FPP688" s="613"/>
      <c r="FPQ688" s="613"/>
      <c r="FPR688" s="613"/>
      <c r="FPS688" s="613"/>
      <c r="FPT688" s="613"/>
      <c r="FPU688" s="613"/>
      <c r="FPV688" s="613"/>
      <c r="FPW688" s="613"/>
      <c r="FPX688" s="613"/>
      <c r="FPY688" s="613"/>
      <c r="FPZ688" s="613"/>
      <c r="FQA688" s="613"/>
      <c r="FQB688" s="613"/>
      <c r="FQC688" s="613"/>
      <c r="FQD688" s="613"/>
      <c r="FQE688" s="613"/>
      <c r="FQF688" s="613"/>
      <c r="FQG688" s="613"/>
      <c r="FQH688" s="613"/>
      <c r="FQI688" s="613"/>
      <c r="FQJ688" s="613"/>
      <c r="FQK688" s="613"/>
      <c r="FQL688" s="613"/>
      <c r="FQM688" s="613"/>
      <c r="FQN688" s="613"/>
      <c r="FQO688" s="613"/>
      <c r="FQP688" s="613"/>
      <c r="FQQ688" s="613"/>
      <c r="FQR688" s="613"/>
      <c r="FQS688" s="613"/>
      <c r="FQT688" s="613"/>
      <c r="FQU688" s="613"/>
      <c r="FQV688" s="613"/>
      <c r="FQW688" s="613"/>
      <c r="FQX688" s="613"/>
      <c r="FQY688" s="613"/>
      <c r="FQZ688" s="613"/>
      <c r="FRA688" s="613"/>
      <c r="FRB688" s="613"/>
      <c r="FRC688" s="613"/>
      <c r="FRD688" s="613"/>
      <c r="FRE688" s="613"/>
      <c r="FRF688" s="613"/>
      <c r="FRG688" s="613"/>
      <c r="FRH688" s="613"/>
      <c r="FRI688" s="613"/>
      <c r="FRJ688" s="613"/>
      <c r="FRK688" s="613"/>
      <c r="FRL688" s="613"/>
      <c r="FRM688" s="613"/>
      <c r="FRN688" s="613"/>
      <c r="FRO688" s="613"/>
      <c r="FRP688" s="613"/>
      <c r="FRQ688" s="613"/>
      <c r="FRR688" s="613"/>
      <c r="FRS688" s="613"/>
      <c r="FRT688" s="613"/>
      <c r="FRU688" s="613"/>
      <c r="FRV688" s="613"/>
      <c r="FRW688" s="613"/>
      <c r="FRX688" s="613"/>
      <c r="FRY688" s="613"/>
      <c r="FRZ688" s="613"/>
      <c r="FSA688" s="613"/>
      <c r="FSB688" s="613"/>
      <c r="FSC688" s="613"/>
      <c r="FSD688" s="613"/>
      <c r="FSE688" s="613"/>
      <c r="FSF688" s="613"/>
      <c r="FSG688" s="613"/>
      <c r="FSH688" s="613"/>
      <c r="FSI688" s="613"/>
      <c r="FSJ688" s="613"/>
      <c r="FSK688" s="613"/>
      <c r="FSL688" s="613"/>
      <c r="FSM688" s="613"/>
      <c r="FSN688" s="613"/>
      <c r="FSO688" s="613"/>
      <c r="FSP688" s="613"/>
      <c r="FSQ688" s="613"/>
      <c r="FSR688" s="613"/>
      <c r="FSS688" s="613"/>
      <c r="FST688" s="613"/>
      <c r="FSU688" s="613"/>
      <c r="FSV688" s="613"/>
      <c r="FSW688" s="613"/>
      <c r="FSX688" s="613"/>
      <c r="FSY688" s="613"/>
      <c r="FSZ688" s="613"/>
      <c r="FTA688" s="613"/>
      <c r="FTB688" s="613"/>
      <c r="FTC688" s="613"/>
      <c r="FTD688" s="613"/>
      <c r="FTE688" s="613"/>
      <c r="FTF688" s="613"/>
      <c r="FTG688" s="613"/>
      <c r="FTH688" s="613"/>
      <c r="FTI688" s="613"/>
      <c r="FTJ688" s="613"/>
      <c r="FTK688" s="613"/>
      <c r="FTL688" s="613"/>
      <c r="FTM688" s="613"/>
      <c r="FTN688" s="613"/>
      <c r="FTO688" s="613"/>
      <c r="FTP688" s="613"/>
      <c r="FTQ688" s="613"/>
      <c r="FTR688" s="613"/>
      <c r="FTS688" s="613"/>
      <c r="FTT688" s="613"/>
      <c r="FTU688" s="613"/>
      <c r="FTV688" s="613"/>
      <c r="FTW688" s="613"/>
      <c r="FTX688" s="613"/>
      <c r="FTY688" s="613"/>
      <c r="FTZ688" s="613"/>
      <c r="FUA688" s="613"/>
      <c r="FUB688" s="613"/>
      <c r="FUC688" s="613"/>
      <c r="FUD688" s="613"/>
      <c r="FUE688" s="613"/>
      <c r="FUF688" s="613"/>
      <c r="FUG688" s="613"/>
      <c r="FUH688" s="613"/>
      <c r="FUI688" s="613"/>
      <c r="FUJ688" s="613"/>
      <c r="FUK688" s="613"/>
      <c r="FUL688" s="613"/>
      <c r="FUM688" s="613"/>
      <c r="FUN688" s="613"/>
      <c r="FUO688" s="613"/>
      <c r="FUP688" s="613"/>
      <c r="FUQ688" s="613"/>
      <c r="FUR688" s="613"/>
      <c r="FUS688" s="613"/>
      <c r="FUT688" s="613"/>
      <c r="FUU688" s="613"/>
      <c r="FUV688" s="613"/>
      <c r="FUW688" s="613"/>
      <c r="FUX688" s="613"/>
      <c r="FUY688" s="613"/>
      <c r="FUZ688" s="613"/>
      <c r="FVA688" s="613"/>
      <c r="FVB688" s="613"/>
      <c r="FVC688" s="613"/>
      <c r="FVD688" s="613"/>
      <c r="FVE688" s="613"/>
      <c r="FVF688" s="613"/>
      <c r="FVG688" s="613"/>
      <c r="FVH688" s="613"/>
      <c r="FVI688" s="613"/>
      <c r="FVJ688" s="613"/>
      <c r="FVK688" s="613"/>
      <c r="FVL688" s="613"/>
      <c r="FVM688" s="613"/>
      <c r="FVN688" s="613"/>
      <c r="FVO688" s="613"/>
      <c r="FVP688" s="613"/>
      <c r="FVQ688" s="613"/>
      <c r="FVR688" s="613"/>
      <c r="FVS688" s="613"/>
      <c r="FVT688" s="613"/>
      <c r="FVU688" s="613"/>
      <c r="FVV688" s="613"/>
      <c r="FVW688" s="613"/>
      <c r="FVX688" s="613"/>
      <c r="FVY688" s="613"/>
      <c r="FVZ688" s="613"/>
      <c r="FWA688" s="613"/>
      <c r="FWB688" s="613"/>
      <c r="FWC688" s="613"/>
      <c r="FWD688" s="613"/>
      <c r="FWE688" s="613"/>
      <c r="FWF688" s="613"/>
      <c r="FWG688" s="613"/>
      <c r="FWH688" s="613"/>
      <c r="FWI688" s="613"/>
      <c r="FWJ688" s="613"/>
      <c r="FWK688" s="613"/>
      <c r="FWL688" s="613"/>
      <c r="FWM688" s="613"/>
      <c r="FWN688" s="613"/>
      <c r="FWO688" s="613"/>
      <c r="FWP688" s="613"/>
      <c r="FWQ688" s="613"/>
      <c r="FWR688" s="613"/>
      <c r="FWS688" s="613"/>
      <c r="FWT688" s="613"/>
      <c r="FWU688" s="613"/>
      <c r="FWV688" s="613"/>
      <c r="FWW688" s="613"/>
      <c r="FWX688" s="613"/>
      <c r="FWY688" s="613"/>
      <c r="FWZ688" s="613"/>
      <c r="FXA688" s="613"/>
      <c r="FXB688" s="613"/>
      <c r="FXC688" s="613"/>
      <c r="FXD688" s="613"/>
      <c r="FXE688" s="613"/>
      <c r="FXF688" s="613"/>
      <c r="FXG688" s="613"/>
      <c r="FXH688" s="613"/>
      <c r="FXI688" s="613"/>
      <c r="FXJ688" s="613"/>
      <c r="FXK688" s="613"/>
      <c r="FXL688" s="613"/>
      <c r="FXM688" s="613"/>
      <c r="FXN688" s="613"/>
      <c r="FXO688" s="613"/>
      <c r="FXP688" s="613"/>
      <c r="FXQ688" s="613"/>
      <c r="FXR688" s="613"/>
      <c r="FXS688" s="613"/>
      <c r="FXT688" s="613"/>
      <c r="FXU688" s="613"/>
      <c r="FXV688" s="613"/>
      <c r="FXW688" s="613"/>
      <c r="FXX688" s="613"/>
      <c r="FXY688" s="613"/>
      <c r="FXZ688" s="613"/>
      <c r="FYA688" s="613"/>
      <c r="FYB688" s="613"/>
      <c r="FYC688" s="613"/>
      <c r="FYD688" s="613"/>
      <c r="FYE688" s="613"/>
      <c r="FYF688" s="613"/>
      <c r="FYG688" s="613"/>
      <c r="FYH688" s="613"/>
      <c r="FYI688" s="613"/>
      <c r="FYJ688" s="613"/>
      <c r="FYK688" s="613"/>
      <c r="FYL688" s="613"/>
      <c r="FYM688" s="613"/>
      <c r="FYN688" s="613"/>
      <c r="FYO688" s="613"/>
      <c r="FYP688" s="613"/>
      <c r="FYQ688" s="613"/>
      <c r="FYR688" s="613"/>
      <c r="FYS688" s="613"/>
      <c r="FYT688" s="613"/>
      <c r="FYU688" s="613"/>
      <c r="FYV688" s="613"/>
      <c r="FYW688" s="613"/>
      <c r="FYX688" s="613"/>
      <c r="FYY688" s="613"/>
      <c r="FYZ688" s="613"/>
      <c r="FZA688" s="613"/>
      <c r="FZB688" s="613"/>
      <c r="FZC688" s="613"/>
      <c r="FZD688" s="613"/>
      <c r="FZE688" s="613"/>
      <c r="FZF688" s="613"/>
      <c r="FZG688" s="613"/>
      <c r="FZH688" s="613"/>
      <c r="FZI688" s="613"/>
      <c r="FZJ688" s="613"/>
      <c r="FZK688" s="613"/>
      <c r="FZL688" s="613"/>
      <c r="FZM688" s="613"/>
      <c r="FZN688" s="613"/>
      <c r="FZO688" s="613"/>
      <c r="FZP688" s="613"/>
      <c r="FZQ688" s="613"/>
      <c r="FZR688" s="613"/>
      <c r="FZS688" s="613"/>
      <c r="FZT688" s="613"/>
      <c r="FZU688" s="613"/>
      <c r="FZV688" s="613"/>
      <c r="FZW688" s="613"/>
      <c r="FZX688" s="613"/>
      <c r="FZY688" s="613"/>
      <c r="FZZ688" s="613"/>
      <c r="GAA688" s="613"/>
      <c r="GAB688" s="613"/>
      <c r="GAC688" s="613"/>
      <c r="GAD688" s="613"/>
      <c r="GAE688" s="613"/>
      <c r="GAF688" s="613"/>
      <c r="GAG688" s="613"/>
      <c r="GAH688" s="613"/>
      <c r="GAI688" s="613"/>
      <c r="GAJ688" s="613"/>
      <c r="GAK688" s="613"/>
      <c r="GAL688" s="613"/>
      <c r="GAM688" s="613"/>
      <c r="GAN688" s="613"/>
      <c r="GAO688" s="613"/>
      <c r="GAP688" s="613"/>
      <c r="GAQ688" s="613"/>
      <c r="GAR688" s="613"/>
      <c r="GAS688" s="613"/>
      <c r="GAT688" s="613"/>
      <c r="GAU688" s="613"/>
      <c r="GAV688" s="613"/>
      <c r="GAW688" s="613"/>
      <c r="GAX688" s="613"/>
      <c r="GAY688" s="613"/>
      <c r="GAZ688" s="613"/>
      <c r="GBA688" s="613"/>
      <c r="GBB688" s="613"/>
      <c r="GBC688" s="613"/>
      <c r="GBD688" s="613"/>
      <c r="GBE688" s="613"/>
      <c r="GBF688" s="613"/>
      <c r="GBG688" s="613"/>
      <c r="GBH688" s="613"/>
      <c r="GBI688" s="613"/>
      <c r="GBJ688" s="613"/>
      <c r="GBK688" s="613"/>
      <c r="GBL688" s="613"/>
      <c r="GBM688" s="613"/>
      <c r="GBN688" s="613"/>
      <c r="GBO688" s="613"/>
      <c r="GBP688" s="613"/>
      <c r="GBQ688" s="613"/>
      <c r="GBR688" s="613"/>
      <c r="GBS688" s="613"/>
      <c r="GBT688" s="613"/>
      <c r="GBU688" s="613"/>
      <c r="GBV688" s="613"/>
      <c r="GBW688" s="613"/>
      <c r="GBX688" s="613"/>
      <c r="GBY688" s="613"/>
      <c r="GBZ688" s="613"/>
      <c r="GCA688" s="613"/>
      <c r="GCB688" s="613"/>
      <c r="GCC688" s="613"/>
      <c r="GCD688" s="613"/>
      <c r="GCE688" s="613"/>
      <c r="GCF688" s="613"/>
      <c r="GCG688" s="613"/>
      <c r="GCH688" s="613"/>
      <c r="GCI688" s="613"/>
      <c r="GCJ688" s="613"/>
      <c r="GCK688" s="613"/>
      <c r="GCL688" s="613"/>
      <c r="GCM688" s="613"/>
      <c r="GCN688" s="613"/>
      <c r="GCO688" s="613"/>
      <c r="GCP688" s="613"/>
      <c r="GCQ688" s="613"/>
      <c r="GCR688" s="613"/>
      <c r="GCS688" s="613"/>
      <c r="GCT688" s="613"/>
      <c r="GCU688" s="613"/>
      <c r="GCV688" s="613"/>
      <c r="GCW688" s="613"/>
      <c r="GCX688" s="613"/>
      <c r="GCY688" s="613"/>
      <c r="GCZ688" s="613"/>
      <c r="GDA688" s="613"/>
      <c r="GDB688" s="613"/>
      <c r="GDC688" s="613"/>
      <c r="GDD688" s="613"/>
      <c r="GDE688" s="613"/>
      <c r="GDF688" s="613"/>
      <c r="GDG688" s="613"/>
      <c r="GDH688" s="613"/>
      <c r="GDI688" s="613"/>
      <c r="GDJ688" s="613"/>
      <c r="GDK688" s="613"/>
      <c r="GDL688" s="613"/>
      <c r="GDM688" s="613"/>
      <c r="GDN688" s="613"/>
      <c r="GDO688" s="613"/>
      <c r="GDP688" s="613"/>
      <c r="GDQ688" s="613"/>
      <c r="GDR688" s="613"/>
      <c r="GDS688" s="613"/>
      <c r="GDT688" s="613"/>
      <c r="GDU688" s="613"/>
      <c r="GDV688" s="613"/>
      <c r="GDW688" s="613"/>
      <c r="GDX688" s="613"/>
      <c r="GDY688" s="613"/>
      <c r="GDZ688" s="613"/>
      <c r="GEA688" s="613"/>
      <c r="GEB688" s="613"/>
      <c r="GEC688" s="613"/>
      <c r="GED688" s="613"/>
      <c r="GEE688" s="613"/>
      <c r="GEF688" s="613"/>
      <c r="GEG688" s="613"/>
      <c r="GEH688" s="613"/>
      <c r="GEI688" s="613"/>
      <c r="GEJ688" s="613"/>
      <c r="GEK688" s="613"/>
      <c r="GEL688" s="613"/>
      <c r="GEM688" s="613"/>
      <c r="GEN688" s="613"/>
      <c r="GEO688" s="613"/>
      <c r="GEP688" s="613"/>
      <c r="GEQ688" s="613"/>
      <c r="GER688" s="613"/>
      <c r="GES688" s="613"/>
      <c r="GET688" s="613"/>
      <c r="GEU688" s="613"/>
      <c r="GEV688" s="613"/>
      <c r="GEW688" s="613"/>
      <c r="GEX688" s="613"/>
      <c r="GEY688" s="613"/>
      <c r="GEZ688" s="613"/>
      <c r="GFA688" s="613"/>
      <c r="GFB688" s="613"/>
      <c r="GFC688" s="613"/>
      <c r="GFD688" s="613"/>
      <c r="GFE688" s="613"/>
      <c r="GFF688" s="613"/>
      <c r="GFG688" s="613"/>
      <c r="GFH688" s="613"/>
      <c r="GFI688" s="613"/>
      <c r="GFJ688" s="613"/>
      <c r="GFK688" s="613"/>
      <c r="GFL688" s="613"/>
      <c r="GFM688" s="613"/>
      <c r="GFN688" s="613"/>
      <c r="GFO688" s="613"/>
      <c r="GFP688" s="613"/>
      <c r="GFQ688" s="613"/>
      <c r="GFR688" s="613"/>
      <c r="GFS688" s="613"/>
      <c r="GFT688" s="613"/>
      <c r="GFU688" s="613"/>
      <c r="GFV688" s="613"/>
      <c r="GFW688" s="613"/>
      <c r="GFX688" s="613"/>
      <c r="GFY688" s="613"/>
      <c r="GFZ688" s="613"/>
      <c r="GGA688" s="613"/>
      <c r="GGB688" s="613"/>
      <c r="GGC688" s="613"/>
      <c r="GGD688" s="613"/>
      <c r="GGE688" s="613"/>
      <c r="GGF688" s="613"/>
      <c r="GGG688" s="613"/>
      <c r="GGH688" s="613"/>
      <c r="GGI688" s="613"/>
      <c r="GGJ688" s="613"/>
      <c r="GGK688" s="613"/>
      <c r="GGL688" s="613"/>
      <c r="GGM688" s="613"/>
      <c r="GGN688" s="613"/>
      <c r="GGO688" s="613"/>
      <c r="GGP688" s="613"/>
      <c r="GGQ688" s="613"/>
      <c r="GGR688" s="613"/>
      <c r="GGS688" s="613"/>
      <c r="GGT688" s="613"/>
      <c r="GGU688" s="613"/>
      <c r="GGV688" s="613"/>
      <c r="GGW688" s="613"/>
      <c r="GGX688" s="613"/>
      <c r="GGY688" s="613"/>
      <c r="GGZ688" s="613"/>
      <c r="GHA688" s="613"/>
      <c r="GHB688" s="613"/>
      <c r="GHC688" s="613"/>
      <c r="GHD688" s="613"/>
      <c r="GHE688" s="613"/>
      <c r="GHF688" s="613"/>
      <c r="GHG688" s="613"/>
      <c r="GHH688" s="613"/>
      <c r="GHI688" s="613"/>
      <c r="GHJ688" s="613"/>
      <c r="GHK688" s="613"/>
      <c r="GHL688" s="613"/>
      <c r="GHM688" s="613"/>
      <c r="GHN688" s="613"/>
      <c r="GHO688" s="613"/>
      <c r="GHP688" s="613"/>
      <c r="GHQ688" s="613"/>
      <c r="GHR688" s="613"/>
      <c r="GHS688" s="613"/>
      <c r="GHT688" s="613"/>
      <c r="GHU688" s="613"/>
      <c r="GHV688" s="613"/>
      <c r="GHW688" s="613"/>
      <c r="GHX688" s="613"/>
      <c r="GHY688" s="613"/>
      <c r="GHZ688" s="613"/>
      <c r="GIA688" s="613"/>
      <c r="GIB688" s="613"/>
      <c r="GIC688" s="613"/>
      <c r="GID688" s="613"/>
      <c r="GIE688" s="613"/>
      <c r="GIF688" s="613"/>
      <c r="GIG688" s="613"/>
      <c r="GIH688" s="613"/>
      <c r="GII688" s="613"/>
      <c r="GIJ688" s="613"/>
      <c r="GIK688" s="613"/>
      <c r="GIL688" s="613"/>
      <c r="GIM688" s="613"/>
      <c r="GIN688" s="613"/>
      <c r="GIO688" s="613"/>
      <c r="GIP688" s="613"/>
      <c r="GIQ688" s="613"/>
      <c r="GIR688" s="613"/>
      <c r="GIS688" s="613"/>
      <c r="GIT688" s="613"/>
      <c r="GIU688" s="613"/>
      <c r="GIV688" s="613"/>
      <c r="GIW688" s="613"/>
      <c r="GIX688" s="613"/>
      <c r="GIY688" s="613"/>
      <c r="GIZ688" s="613"/>
      <c r="GJA688" s="613"/>
      <c r="GJB688" s="613"/>
      <c r="GJC688" s="613"/>
      <c r="GJD688" s="613"/>
      <c r="GJE688" s="613"/>
      <c r="GJF688" s="613"/>
      <c r="GJG688" s="613"/>
      <c r="GJH688" s="613"/>
      <c r="GJI688" s="613"/>
      <c r="GJJ688" s="613"/>
      <c r="GJK688" s="613"/>
      <c r="GJL688" s="613"/>
      <c r="GJM688" s="613"/>
      <c r="GJN688" s="613"/>
      <c r="GJO688" s="613"/>
      <c r="GJP688" s="613"/>
      <c r="GJQ688" s="613"/>
      <c r="GJR688" s="613"/>
      <c r="GJS688" s="613"/>
      <c r="GJT688" s="613"/>
      <c r="GJU688" s="613"/>
      <c r="GJV688" s="613"/>
      <c r="GJW688" s="613"/>
      <c r="GJX688" s="613"/>
      <c r="GJY688" s="613"/>
      <c r="GJZ688" s="613"/>
      <c r="GKA688" s="613"/>
      <c r="GKB688" s="613"/>
      <c r="GKC688" s="613"/>
      <c r="GKD688" s="613"/>
      <c r="GKE688" s="613"/>
      <c r="GKF688" s="613"/>
      <c r="GKG688" s="613"/>
      <c r="GKH688" s="613"/>
      <c r="GKI688" s="613"/>
      <c r="GKJ688" s="613"/>
      <c r="GKK688" s="613"/>
      <c r="GKL688" s="613"/>
      <c r="GKM688" s="613"/>
      <c r="GKN688" s="613"/>
      <c r="GKO688" s="613"/>
      <c r="GKP688" s="613"/>
      <c r="GKQ688" s="613"/>
      <c r="GKR688" s="613"/>
      <c r="GKS688" s="613"/>
      <c r="GKT688" s="613"/>
      <c r="GKU688" s="613"/>
      <c r="GKV688" s="613"/>
      <c r="GKW688" s="613"/>
      <c r="GKX688" s="613"/>
      <c r="GKY688" s="613"/>
      <c r="GKZ688" s="613"/>
      <c r="GLA688" s="613"/>
      <c r="GLB688" s="613"/>
      <c r="GLC688" s="613"/>
      <c r="GLD688" s="613"/>
      <c r="GLE688" s="613"/>
      <c r="GLF688" s="613"/>
      <c r="GLG688" s="613"/>
      <c r="GLH688" s="613"/>
      <c r="GLI688" s="613"/>
      <c r="GLJ688" s="613"/>
      <c r="GLK688" s="613"/>
      <c r="GLL688" s="613"/>
      <c r="GLM688" s="613"/>
      <c r="GLN688" s="613"/>
      <c r="GLO688" s="613"/>
      <c r="GLP688" s="613"/>
      <c r="GLQ688" s="613"/>
      <c r="GLR688" s="613"/>
      <c r="GLS688" s="613"/>
      <c r="GLT688" s="613"/>
      <c r="GLU688" s="613"/>
      <c r="GLV688" s="613"/>
      <c r="GLW688" s="613"/>
      <c r="GLX688" s="613"/>
      <c r="GLY688" s="613"/>
      <c r="GLZ688" s="613"/>
      <c r="GMA688" s="613"/>
      <c r="GMB688" s="613"/>
      <c r="GMC688" s="613"/>
      <c r="GMD688" s="613"/>
      <c r="GME688" s="613"/>
      <c r="GMF688" s="613"/>
      <c r="GMG688" s="613"/>
      <c r="GMH688" s="613"/>
      <c r="GMI688" s="613"/>
      <c r="GMJ688" s="613"/>
      <c r="GMK688" s="613"/>
      <c r="GML688" s="613"/>
      <c r="GMM688" s="613"/>
      <c r="GMN688" s="613"/>
      <c r="GMO688" s="613"/>
      <c r="GMP688" s="613"/>
      <c r="GMQ688" s="613"/>
      <c r="GMR688" s="613"/>
      <c r="GMS688" s="613"/>
      <c r="GMT688" s="613"/>
      <c r="GMU688" s="613"/>
      <c r="GMV688" s="613"/>
      <c r="GMW688" s="613"/>
      <c r="GMX688" s="613"/>
      <c r="GMY688" s="613"/>
      <c r="GMZ688" s="613"/>
      <c r="GNA688" s="613"/>
      <c r="GNB688" s="613"/>
      <c r="GNC688" s="613"/>
      <c r="GND688" s="613"/>
      <c r="GNE688" s="613"/>
      <c r="GNF688" s="613"/>
      <c r="GNG688" s="613"/>
      <c r="GNH688" s="613"/>
      <c r="GNI688" s="613"/>
      <c r="GNJ688" s="613"/>
      <c r="GNK688" s="613"/>
      <c r="GNL688" s="613"/>
      <c r="GNM688" s="613"/>
      <c r="GNN688" s="613"/>
      <c r="GNO688" s="613"/>
      <c r="GNP688" s="613"/>
      <c r="GNQ688" s="613"/>
      <c r="GNR688" s="613"/>
      <c r="GNS688" s="613"/>
      <c r="GNT688" s="613"/>
      <c r="GNU688" s="613"/>
      <c r="GNV688" s="613"/>
      <c r="GNW688" s="613"/>
      <c r="GNX688" s="613"/>
      <c r="GNY688" s="613"/>
      <c r="GNZ688" s="613"/>
      <c r="GOA688" s="613"/>
      <c r="GOB688" s="613"/>
      <c r="GOC688" s="613"/>
      <c r="GOD688" s="613"/>
      <c r="GOE688" s="613"/>
      <c r="GOF688" s="613"/>
      <c r="GOG688" s="613"/>
      <c r="GOH688" s="613"/>
      <c r="GOI688" s="613"/>
      <c r="GOJ688" s="613"/>
      <c r="GOK688" s="613"/>
      <c r="GOL688" s="613"/>
      <c r="GOM688" s="613"/>
      <c r="GON688" s="613"/>
      <c r="GOO688" s="613"/>
      <c r="GOP688" s="613"/>
      <c r="GOQ688" s="613"/>
      <c r="GOR688" s="613"/>
      <c r="GOS688" s="613"/>
      <c r="GOT688" s="613"/>
      <c r="GOU688" s="613"/>
      <c r="GOV688" s="613"/>
      <c r="GOW688" s="613"/>
      <c r="GOX688" s="613"/>
      <c r="GOY688" s="613"/>
      <c r="GOZ688" s="613"/>
      <c r="GPA688" s="613"/>
      <c r="GPB688" s="613"/>
      <c r="GPC688" s="613"/>
      <c r="GPD688" s="613"/>
      <c r="GPE688" s="613"/>
      <c r="GPF688" s="613"/>
      <c r="GPG688" s="613"/>
      <c r="GPH688" s="613"/>
      <c r="GPI688" s="613"/>
      <c r="GPJ688" s="613"/>
      <c r="GPK688" s="613"/>
      <c r="GPL688" s="613"/>
      <c r="GPM688" s="613"/>
      <c r="GPN688" s="613"/>
      <c r="GPO688" s="613"/>
      <c r="GPP688" s="613"/>
      <c r="GPQ688" s="613"/>
      <c r="GPR688" s="613"/>
      <c r="GPS688" s="613"/>
      <c r="GPT688" s="613"/>
      <c r="GPU688" s="613"/>
      <c r="GPV688" s="613"/>
      <c r="GPW688" s="613"/>
      <c r="GPX688" s="613"/>
      <c r="GPY688" s="613"/>
      <c r="GPZ688" s="613"/>
      <c r="GQA688" s="613"/>
      <c r="GQB688" s="613"/>
      <c r="GQC688" s="613"/>
      <c r="GQD688" s="613"/>
      <c r="GQE688" s="613"/>
      <c r="GQF688" s="613"/>
      <c r="GQG688" s="613"/>
      <c r="GQH688" s="613"/>
      <c r="GQI688" s="613"/>
      <c r="GQJ688" s="613"/>
      <c r="GQK688" s="613"/>
      <c r="GQL688" s="613"/>
      <c r="GQM688" s="613"/>
      <c r="GQN688" s="613"/>
      <c r="GQO688" s="613"/>
      <c r="GQP688" s="613"/>
      <c r="GQQ688" s="613"/>
      <c r="GQR688" s="613"/>
      <c r="GQS688" s="613"/>
      <c r="GQT688" s="613"/>
      <c r="GQU688" s="613"/>
      <c r="GQV688" s="613"/>
      <c r="GQW688" s="613"/>
      <c r="GQX688" s="613"/>
      <c r="GQY688" s="613"/>
      <c r="GQZ688" s="613"/>
      <c r="GRA688" s="613"/>
      <c r="GRB688" s="613"/>
      <c r="GRC688" s="613"/>
      <c r="GRD688" s="613"/>
      <c r="GRE688" s="613"/>
      <c r="GRF688" s="613"/>
      <c r="GRG688" s="613"/>
      <c r="GRH688" s="613"/>
      <c r="GRI688" s="613"/>
      <c r="GRJ688" s="613"/>
      <c r="GRK688" s="613"/>
      <c r="GRL688" s="613"/>
      <c r="GRM688" s="613"/>
      <c r="GRN688" s="613"/>
      <c r="GRO688" s="613"/>
      <c r="GRP688" s="613"/>
      <c r="GRQ688" s="613"/>
      <c r="GRR688" s="613"/>
      <c r="GRS688" s="613"/>
      <c r="GRT688" s="613"/>
      <c r="GRU688" s="613"/>
      <c r="GRV688" s="613"/>
      <c r="GRW688" s="613"/>
      <c r="GRX688" s="613"/>
      <c r="GRY688" s="613"/>
      <c r="GRZ688" s="613"/>
      <c r="GSA688" s="613"/>
      <c r="GSB688" s="613"/>
      <c r="GSC688" s="613"/>
      <c r="GSD688" s="613"/>
      <c r="GSE688" s="613"/>
      <c r="GSF688" s="613"/>
      <c r="GSG688" s="613"/>
      <c r="GSH688" s="613"/>
      <c r="GSI688" s="613"/>
      <c r="GSJ688" s="613"/>
      <c r="GSK688" s="613"/>
      <c r="GSL688" s="613"/>
      <c r="GSM688" s="613"/>
      <c r="GSN688" s="613"/>
      <c r="GSO688" s="613"/>
      <c r="GSP688" s="613"/>
      <c r="GSQ688" s="613"/>
      <c r="GSR688" s="613"/>
      <c r="GSS688" s="613"/>
      <c r="GST688" s="613"/>
      <c r="GSU688" s="613"/>
      <c r="GSV688" s="613"/>
      <c r="GSW688" s="613"/>
      <c r="GSX688" s="613"/>
      <c r="GSY688" s="613"/>
      <c r="GSZ688" s="613"/>
      <c r="GTA688" s="613"/>
      <c r="GTB688" s="613"/>
      <c r="GTC688" s="613"/>
      <c r="GTD688" s="613"/>
      <c r="GTE688" s="613"/>
      <c r="GTF688" s="613"/>
      <c r="GTG688" s="613"/>
      <c r="GTH688" s="613"/>
      <c r="GTI688" s="613"/>
      <c r="GTJ688" s="613"/>
      <c r="GTK688" s="613"/>
      <c r="GTL688" s="613"/>
      <c r="GTM688" s="613"/>
      <c r="GTN688" s="613"/>
      <c r="GTO688" s="613"/>
      <c r="GTP688" s="613"/>
      <c r="GTQ688" s="613"/>
      <c r="GTR688" s="613"/>
      <c r="GTS688" s="613"/>
      <c r="GTT688" s="613"/>
      <c r="GTU688" s="613"/>
      <c r="GTV688" s="613"/>
      <c r="GTW688" s="613"/>
      <c r="GTX688" s="613"/>
      <c r="GTY688" s="613"/>
      <c r="GTZ688" s="613"/>
      <c r="GUA688" s="613"/>
      <c r="GUB688" s="613"/>
      <c r="GUC688" s="613"/>
      <c r="GUD688" s="613"/>
      <c r="GUE688" s="613"/>
      <c r="GUF688" s="613"/>
      <c r="GUG688" s="613"/>
      <c r="GUH688" s="613"/>
      <c r="GUI688" s="613"/>
      <c r="GUJ688" s="613"/>
      <c r="GUK688" s="613"/>
      <c r="GUL688" s="613"/>
      <c r="GUM688" s="613"/>
      <c r="GUN688" s="613"/>
      <c r="GUO688" s="613"/>
      <c r="GUP688" s="613"/>
      <c r="GUQ688" s="613"/>
      <c r="GUR688" s="613"/>
      <c r="GUS688" s="613"/>
      <c r="GUT688" s="613"/>
      <c r="GUU688" s="613"/>
      <c r="GUV688" s="613"/>
      <c r="GUW688" s="613"/>
      <c r="GUX688" s="613"/>
      <c r="GUY688" s="613"/>
      <c r="GUZ688" s="613"/>
      <c r="GVA688" s="613"/>
      <c r="GVB688" s="613"/>
      <c r="GVC688" s="613"/>
      <c r="GVD688" s="613"/>
      <c r="GVE688" s="613"/>
      <c r="GVF688" s="613"/>
      <c r="GVG688" s="613"/>
      <c r="GVH688" s="613"/>
      <c r="GVI688" s="613"/>
      <c r="GVJ688" s="613"/>
      <c r="GVK688" s="613"/>
      <c r="GVL688" s="613"/>
      <c r="GVM688" s="613"/>
      <c r="GVN688" s="613"/>
      <c r="GVO688" s="613"/>
      <c r="GVP688" s="613"/>
      <c r="GVQ688" s="613"/>
      <c r="GVR688" s="613"/>
      <c r="GVS688" s="613"/>
      <c r="GVT688" s="613"/>
      <c r="GVU688" s="613"/>
      <c r="GVV688" s="613"/>
      <c r="GVW688" s="613"/>
      <c r="GVX688" s="613"/>
      <c r="GVY688" s="613"/>
      <c r="GVZ688" s="613"/>
      <c r="GWA688" s="613"/>
      <c r="GWB688" s="613"/>
      <c r="GWC688" s="613"/>
      <c r="GWD688" s="613"/>
      <c r="GWE688" s="613"/>
      <c r="GWF688" s="613"/>
      <c r="GWG688" s="613"/>
      <c r="GWH688" s="613"/>
      <c r="GWI688" s="613"/>
      <c r="GWJ688" s="613"/>
      <c r="GWK688" s="613"/>
      <c r="GWL688" s="613"/>
      <c r="GWM688" s="613"/>
      <c r="GWN688" s="613"/>
      <c r="GWO688" s="613"/>
      <c r="GWP688" s="613"/>
      <c r="GWQ688" s="613"/>
      <c r="GWR688" s="613"/>
      <c r="GWS688" s="613"/>
      <c r="GWT688" s="613"/>
      <c r="GWU688" s="613"/>
      <c r="GWV688" s="613"/>
      <c r="GWW688" s="613"/>
      <c r="GWX688" s="613"/>
      <c r="GWY688" s="613"/>
      <c r="GWZ688" s="613"/>
      <c r="GXA688" s="613"/>
      <c r="GXB688" s="613"/>
      <c r="GXC688" s="613"/>
      <c r="GXD688" s="613"/>
      <c r="GXE688" s="613"/>
      <c r="GXF688" s="613"/>
      <c r="GXG688" s="613"/>
      <c r="GXH688" s="613"/>
      <c r="GXI688" s="613"/>
      <c r="GXJ688" s="613"/>
      <c r="GXK688" s="613"/>
      <c r="GXL688" s="613"/>
      <c r="GXM688" s="613"/>
      <c r="GXN688" s="613"/>
      <c r="GXO688" s="613"/>
      <c r="GXP688" s="613"/>
      <c r="GXQ688" s="613"/>
      <c r="GXR688" s="613"/>
      <c r="GXS688" s="613"/>
      <c r="GXT688" s="613"/>
      <c r="GXU688" s="613"/>
      <c r="GXV688" s="613"/>
      <c r="GXW688" s="613"/>
      <c r="GXX688" s="613"/>
      <c r="GXY688" s="613"/>
      <c r="GXZ688" s="613"/>
      <c r="GYA688" s="613"/>
      <c r="GYB688" s="613"/>
      <c r="GYC688" s="613"/>
      <c r="GYD688" s="613"/>
      <c r="GYE688" s="613"/>
      <c r="GYF688" s="613"/>
      <c r="GYG688" s="613"/>
      <c r="GYH688" s="613"/>
      <c r="GYI688" s="613"/>
      <c r="GYJ688" s="613"/>
      <c r="GYK688" s="613"/>
      <c r="GYL688" s="613"/>
      <c r="GYM688" s="613"/>
      <c r="GYN688" s="613"/>
      <c r="GYO688" s="613"/>
      <c r="GYP688" s="613"/>
      <c r="GYQ688" s="613"/>
      <c r="GYR688" s="613"/>
      <c r="GYS688" s="613"/>
      <c r="GYT688" s="613"/>
      <c r="GYU688" s="613"/>
      <c r="GYV688" s="613"/>
      <c r="GYW688" s="613"/>
      <c r="GYX688" s="613"/>
      <c r="GYY688" s="613"/>
      <c r="GYZ688" s="613"/>
      <c r="GZA688" s="613"/>
      <c r="GZB688" s="613"/>
      <c r="GZC688" s="613"/>
      <c r="GZD688" s="613"/>
      <c r="GZE688" s="613"/>
      <c r="GZF688" s="613"/>
      <c r="GZG688" s="613"/>
      <c r="GZH688" s="613"/>
      <c r="GZI688" s="613"/>
      <c r="GZJ688" s="613"/>
      <c r="GZK688" s="613"/>
      <c r="GZL688" s="613"/>
      <c r="GZM688" s="613"/>
      <c r="GZN688" s="613"/>
      <c r="GZO688" s="613"/>
      <c r="GZP688" s="613"/>
      <c r="GZQ688" s="613"/>
      <c r="GZR688" s="613"/>
      <c r="GZS688" s="613"/>
      <c r="GZT688" s="613"/>
      <c r="GZU688" s="613"/>
      <c r="GZV688" s="613"/>
      <c r="GZW688" s="613"/>
      <c r="GZX688" s="613"/>
      <c r="GZY688" s="613"/>
      <c r="GZZ688" s="613"/>
      <c r="HAA688" s="613"/>
      <c r="HAB688" s="613"/>
      <c r="HAC688" s="613"/>
      <c r="HAD688" s="613"/>
      <c r="HAE688" s="613"/>
      <c r="HAF688" s="613"/>
      <c r="HAG688" s="613"/>
      <c r="HAH688" s="613"/>
      <c r="HAI688" s="613"/>
      <c r="HAJ688" s="613"/>
      <c r="HAK688" s="613"/>
      <c r="HAL688" s="613"/>
      <c r="HAM688" s="613"/>
      <c r="HAN688" s="613"/>
      <c r="HAO688" s="613"/>
      <c r="HAP688" s="613"/>
      <c r="HAQ688" s="613"/>
      <c r="HAR688" s="613"/>
      <c r="HAS688" s="613"/>
      <c r="HAT688" s="613"/>
      <c r="HAU688" s="613"/>
      <c r="HAV688" s="613"/>
      <c r="HAW688" s="613"/>
      <c r="HAX688" s="613"/>
      <c r="HAY688" s="613"/>
      <c r="HAZ688" s="613"/>
      <c r="HBA688" s="613"/>
      <c r="HBB688" s="613"/>
      <c r="HBC688" s="613"/>
      <c r="HBD688" s="613"/>
      <c r="HBE688" s="613"/>
      <c r="HBF688" s="613"/>
      <c r="HBG688" s="613"/>
      <c r="HBH688" s="613"/>
      <c r="HBI688" s="613"/>
      <c r="HBJ688" s="613"/>
      <c r="HBK688" s="613"/>
      <c r="HBL688" s="613"/>
      <c r="HBM688" s="613"/>
      <c r="HBN688" s="613"/>
      <c r="HBO688" s="613"/>
      <c r="HBP688" s="613"/>
      <c r="HBQ688" s="613"/>
      <c r="HBR688" s="613"/>
      <c r="HBS688" s="613"/>
      <c r="HBT688" s="613"/>
      <c r="HBU688" s="613"/>
      <c r="HBV688" s="613"/>
      <c r="HBW688" s="613"/>
      <c r="HBX688" s="613"/>
      <c r="HBY688" s="613"/>
      <c r="HBZ688" s="613"/>
      <c r="HCA688" s="613"/>
      <c r="HCB688" s="613"/>
      <c r="HCC688" s="613"/>
      <c r="HCD688" s="613"/>
      <c r="HCE688" s="613"/>
      <c r="HCF688" s="613"/>
      <c r="HCG688" s="613"/>
      <c r="HCH688" s="613"/>
      <c r="HCI688" s="613"/>
      <c r="HCJ688" s="613"/>
      <c r="HCK688" s="613"/>
      <c r="HCL688" s="613"/>
      <c r="HCM688" s="613"/>
      <c r="HCN688" s="613"/>
      <c r="HCO688" s="613"/>
      <c r="HCP688" s="613"/>
      <c r="HCQ688" s="613"/>
      <c r="HCR688" s="613"/>
      <c r="HCS688" s="613"/>
      <c r="HCT688" s="613"/>
      <c r="HCU688" s="613"/>
      <c r="HCV688" s="613"/>
      <c r="HCW688" s="613"/>
      <c r="HCX688" s="613"/>
      <c r="HCY688" s="613"/>
      <c r="HCZ688" s="613"/>
      <c r="HDA688" s="613"/>
      <c r="HDB688" s="613"/>
      <c r="HDC688" s="613"/>
      <c r="HDD688" s="613"/>
      <c r="HDE688" s="613"/>
      <c r="HDF688" s="613"/>
      <c r="HDG688" s="613"/>
      <c r="HDH688" s="613"/>
      <c r="HDI688" s="613"/>
      <c r="HDJ688" s="613"/>
      <c r="HDK688" s="613"/>
      <c r="HDL688" s="613"/>
      <c r="HDM688" s="613"/>
      <c r="HDN688" s="613"/>
      <c r="HDO688" s="613"/>
      <c r="HDP688" s="613"/>
      <c r="HDQ688" s="613"/>
      <c r="HDR688" s="613"/>
      <c r="HDS688" s="613"/>
      <c r="HDT688" s="613"/>
      <c r="HDU688" s="613"/>
      <c r="HDV688" s="613"/>
      <c r="HDW688" s="613"/>
      <c r="HDX688" s="613"/>
      <c r="HDY688" s="613"/>
      <c r="HDZ688" s="613"/>
      <c r="HEA688" s="613"/>
      <c r="HEB688" s="613"/>
      <c r="HEC688" s="613"/>
      <c r="HED688" s="613"/>
      <c r="HEE688" s="613"/>
      <c r="HEF688" s="613"/>
      <c r="HEG688" s="613"/>
      <c r="HEH688" s="613"/>
      <c r="HEI688" s="613"/>
      <c r="HEJ688" s="613"/>
      <c r="HEK688" s="613"/>
      <c r="HEL688" s="613"/>
      <c r="HEM688" s="613"/>
      <c r="HEN688" s="613"/>
      <c r="HEO688" s="613"/>
      <c r="HEP688" s="613"/>
      <c r="HEQ688" s="613"/>
      <c r="HER688" s="613"/>
      <c r="HES688" s="613"/>
      <c r="HET688" s="613"/>
      <c r="HEU688" s="613"/>
      <c r="HEV688" s="613"/>
      <c r="HEW688" s="613"/>
      <c r="HEX688" s="613"/>
      <c r="HEY688" s="613"/>
      <c r="HEZ688" s="613"/>
      <c r="HFA688" s="613"/>
      <c r="HFB688" s="613"/>
      <c r="HFC688" s="613"/>
      <c r="HFD688" s="613"/>
      <c r="HFE688" s="613"/>
      <c r="HFF688" s="613"/>
      <c r="HFG688" s="613"/>
      <c r="HFH688" s="613"/>
      <c r="HFI688" s="613"/>
      <c r="HFJ688" s="613"/>
      <c r="HFK688" s="613"/>
      <c r="HFL688" s="613"/>
      <c r="HFM688" s="613"/>
      <c r="HFN688" s="613"/>
      <c r="HFO688" s="613"/>
      <c r="HFP688" s="613"/>
      <c r="HFQ688" s="613"/>
      <c r="HFR688" s="613"/>
      <c r="HFS688" s="613"/>
      <c r="HFT688" s="613"/>
      <c r="HFU688" s="613"/>
      <c r="HFV688" s="613"/>
      <c r="HFW688" s="613"/>
      <c r="HFX688" s="613"/>
      <c r="HFY688" s="613"/>
      <c r="HFZ688" s="613"/>
      <c r="HGA688" s="613"/>
      <c r="HGB688" s="613"/>
      <c r="HGC688" s="613"/>
      <c r="HGD688" s="613"/>
      <c r="HGE688" s="613"/>
      <c r="HGF688" s="613"/>
      <c r="HGG688" s="613"/>
      <c r="HGH688" s="613"/>
      <c r="HGI688" s="613"/>
      <c r="HGJ688" s="613"/>
      <c r="HGK688" s="613"/>
      <c r="HGL688" s="613"/>
      <c r="HGM688" s="613"/>
      <c r="HGN688" s="613"/>
      <c r="HGO688" s="613"/>
      <c r="HGP688" s="613"/>
      <c r="HGQ688" s="613"/>
      <c r="HGR688" s="613"/>
      <c r="HGS688" s="613"/>
      <c r="HGT688" s="613"/>
      <c r="HGU688" s="613"/>
      <c r="HGV688" s="613"/>
      <c r="HGW688" s="613"/>
      <c r="HGX688" s="613"/>
      <c r="HGY688" s="613"/>
      <c r="HGZ688" s="613"/>
      <c r="HHA688" s="613"/>
      <c r="HHB688" s="613"/>
      <c r="HHC688" s="613"/>
      <c r="HHD688" s="613"/>
      <c r="HHE688" s="613"/>
      <c r="HHF688" s="613"/>
      <c r="HHG688" s="613"/>
      <c r="HHH688" s="613"/>
      <c r="HHI688" s="613"/>
      <c r="HHJ688" s="613"/>
      <c r="HHK688" s="613"/>
      <c r="HHL688" s="613"/>
      <c r="HHM688" s="613"/>
      <c r="HHN688" s="613"/>
      <c r="HHO688" s="613"/>
      <c r="HHP688" s="613"/>
      <c r="HHQ688" s="613"/>
      <c r="HHR688" s="613"/>
      <c r="HHS688" s="613"/>
      <c r="HHT688" s="613"/>
      <c r="HHU688" s="613"/>
      <c r="HHV688" s="613"/>
      <c r="HHW688" s="613"/>
      <c r="HHX688" s="613"/>
      <c r="HHY688" s="613"/>
      <c r="HHZ688" s="613"/>
      <c r="HIA688" s="613"/>
      <c r="HIB688" s="613"/>
      <c r="HIC688" s="613"/>
      <c r="HID688" s="613"/>
      <c r="HIE688" s="613"/>
      <c r="HIF688" s="613"/>
      <c r="HIG688" s="613"/>
      <c r="HIH688" s="613"/>
      <c r="HII688" s="613"/>
      <c r="HIJ688" s="613"/>
      <c r="HIK688" s="613"/>
      <c r="HIL688" s="613"/>
      <c r="HIM688" s="613"/>
      <c r="HIN688" s="613"/>
      <c r="HIO688" s="613"/>
      <c r="HIP688" s="613"/>
      <c r="HIQ688" s="613"/>
      <c r="HIR688" s="613"/>
      <c r="HIS688" s="613"/>
      <c r="HIT688" s="613"/>
      <c r="HIU688" s="613"/>
      <c r="HIV688" s="613"/>
      <c r="HIW688" s="613"/>
      <c r="HIX688" s="613"/>
      <c r="HIY688" s="613"/>
      <c r="HIZ688" s="613"/>
      <c r="HJA688" s="613"/>
      <c r="HJB688" s="613"/>
      <c r="HJC688" s="613"/>
      <c r="HJD688" s="613"/>
      <c r="HJE688" s="613"/>
      <c r="HJF688" s="613"/>
      <c r="HJG688" s="613"/>
      <c r="HJH688" s="613"/>
      <c r="HJI688" s="613"/>
      <c r="HJJ688" s="613"/>
      <c r="HJK688" s="613"/>
      <c r="HJL688" s="613"/>
      <c r="HJM688" s="613"/>
      <c r="HJN688" s="613"/>
      <c r="HJO688" s="613"/>
      <c r="HJP688" s="613"/>
      <c r="HJQ688" s="613"/>
      <c r="HJR688" s="613"/>
      <c r="HJS688" s="613"/>
      <c r="HJT688" s="613"/>
      <c r="HJU688" s="613"/>
      <c r="HJV688" s="613"/>
      <c r="HJW688" s="613"/>
      <c r="HJX688" s="613"/>
      <c r="HJY688" s="613"/>
      <c r="HJZ688" s="613"/>
      <c r="HKA688" s="613"/>
      <c r="HKB688" s="613"/>
      <c r="HKC688" s="613"/>
      <c r="HKD688" s="613"/>
      <c r="HKE688" s="613"/>
      <c r="HKF688" s="613"/>
      <c r="HKG688" s="613"/>
      <c r="HKH688" s="613"/>
      <c r="HKI688" s="613"/>
      <c r="HKJ688" s="613"/>
      <c r="HKK688" s="613"/>
      <c r="HKL688" s="613"/>
      <c r="HKM688" s="613"/>
      <c r="HKN688" s="613"/>
      <c r="HKO688" s="613"/>
      <c r="HKP688" s="613"/>
      <c r="HKQ688" s="613"/>
      <c r="HKR688" s="613"/>
      <c r="HKS688" s="613"/>
      <c r="HKT688" s="613"/>
      <c r="HKU688" s="613"/>
      <c r="HKV688" s="613"/>
      <c r="HKW688" s="613"/>
      <c r="HKX688" s="613"/>
      <c r="HKY688" s="613"/>
      <c r="HKZ688" s="613"/>
      <c r="HLA688" s="613"/>
      <c r="HLB688" s="613"/>
      <c r="HLC688" s="613"/>
      <c r="HLD688" s="613"/>
      <c r="HLE688" s="613"/>
      <c r="HLF688" s="613"/>
      <c r="HLG688" s="613"/>
      <c r="HLH688" s="613"/>
      <c r="HLI688" s="613"/>
      <c r="HLJ688" s="613"/>
      <c r="HLK688" s="613"/>
      <c r="HLL688" s="613"/>
      <c r="HLM688" s="613"/>
      <c r="HLN688" s="613"/>
      <c r="HLO688" s="613"/>
      <c r="HLP688" s="613"/>
      <c r="HLQ688" s="613"/>
      <c r="HLR688" s="613"/>
      <c r="HLS688" s="613"/>
      <c r="HLT688" s="613"/>
      <c r="HLU688" s="613"/>
      <c r="HLV688" s="613"/>
      <c r="HLW688" s="613"/>
      <c r="HLX688" s="613"/>
      <c r="HLY688" s="613"/>
      <c r="HLZ688" s="613"/>
      <c r="HMA688" s="613"/>
      <c r="HMB688" s="613"/>
      <c r="HMC688" s="613"/>
      <c r="HMD688" s="613"/>
      <c r="HME688" s="613"/>
      <c r="HMF688" s="613"/>
      <c r="HMG688" s="613"/>
      <c r="HMH688" s="613"/>
      <c r="HMI688" s="613"/>
      <c r="HMJ688" s="613"/>
      <c r="HMK688" s="613"/>
      <c r="HML688" s="613"/>
      <c r="HMM688" s="613"/>
      <c r="HMN688" s="613"/>
      <c r="HMO688" s="613"/>
      <c r="HMP688" s="613"/>
      <c r="HMQ688" s="613"/>
      <c r="HMR688" s="613"/>
      <c r="HMS688" s="613"/>
      <c r="HMT688" s="613"/>
      <c r="HMU688" s="613"/>
      <c r="HMV688" s="613"/>
      <c r="HMW688" s="613"/>
      <c r="HMX688" s="613"/>
      <c r="HMY688" s="613"/>
      <c r="HMZ688" s="613"/>
      <c r="HNA688" s="613"/>
      <c r="HNB688" s="613"/>
      <c r="HNC688" s="613"/>
      <c r="HND688" s="613"/>
      <c r="HNE688" s="613"/>
      <c r="HNF688" s="613"/>
      <c r="HNG688" s="613"/>
      <c r="HNH688" s="613"/>
      <c r="HNI688" s="613"/>
      <c r="HNJ688" s="613"/>
      <c r="HNK688" s="613"/>
      <c r="HNL688" s="613"/>
      <c r="HNM688" s="613"/>
      <c r="HNN688" s="613"/>
      <c r="HNO688" s="613"/>
      <c r="HNP688" s="613"/>
      <c r="HNQ688" s="613"/>
      <c r="HNR688" s="613"/>
      <c r="HNS688" s="613"/>
      <c r="HNT688" s="613"/>
      <c r="HNU688" s="613"/>
      <c r="HNV688" s="613"/>
      <c r="HNW688" s="613"/>
      <c r="HNX688" s="613"/>
      <c r="HNY688" s="613"/>
      <c r="HNZ688" s="613"/>
      <c r="HOA688" s="613"/>
      <c r="HOB688" s="613"/>
      <c r="HOC688" s="613"/>
      <c r="HOD688" s="613"/>
      <c r="HOE688" s="613"/>
      <c r="HOF688" s="613"/>
      <c r="HOG688" s="613"/>
      <c r="HOH688" s="613"/>
      <c r="HOI688" s="613"/>
      <c r="HOJ688" s="613"/>
      <c r="HOK688" s="613"/>
      <c r="HOL688" s="613"/>
      <c r="HOM688" s="613"/>
      <c r="HON688" s="613"/>
      <c r="HOO688" s="613"/>
      <c r="HOP688" s="613"/>
      <c r="HOQ688" s="613"/>
      <c r="HOR688" s="613"/>
      <c r="HOS688" s="613"/>
      <c r="HOT688" s="613"/>
      <c r="HOU688" s="613"/>
      <c r="HOV688" s="613"/>
      <c r="HOW688" s="613"/>
      <c r="HOX688" s="613"/>
      <c r="HOY688" s="613"/>
      <c r="HOZ688" s="613"/>
      <c r="HPA688" s="613"/>
      <c r="HPB688" s="613"/>
      <c r="HPC688" s="613"/>
      <c r="HPD688" s="613"/>
      <c r="HPE688" s="613"/>
      <c r="HPF688" s="613"/>
      <c r="HPG688" s="613"/>
      <c r="HPH688" s="613"/>
      <c r="HPI688" s="613"/>
      <c r="HPJ688" s="613"/>
      <c r="HPK688" s="613"/>
      <c r="HPL688" s="613"/>
      <c r="HPM688" s="613"/>
      <c r="HPN688" s="613"/>
      <c r="HPO688" s="613"/>
      <c r="HPP688" s="613"/>
      <c r="HPQ688" s="613"/>
      <c r="HPR688" s="613"/>
      <c r="HPS688" s="613"/>
      <c r="HPT688" s="613"/>
      <c r="HPU688" s="613"/>
      <c r="HPV688" s="613"/>
      <c r="HPW688" s="613"/>
      <c r="HPX688" s="613"/>
      <c r="HPY688" s="613"/>
      <c r="HPZ688" s="613"/>
      <c r="HQA688" s="613"/>
      <c r="HQB688" s="613"/>
      <c r="HQC688" s="613"/>
      <c r="HQD688" s="613"/>
      <c r="HQE688" s="613"/>
      <c r="HQF688" s="613"/>
      <c r="HQG688" s="613"/>
      <c r="HQH688" s="613"/>
      <c r="HQI688" s="613"/>
      <c r="HQJ688" s="613"/>
      <c r="HQK688" s="613"/>
      <c r="HQL688" s="613"/>
      <c r="HQM688" s="613"/>
      <c r="HQN688" s="613"/>
      <c r="HQO688" s="613"/>
      <c r="HQP688" s="613"/>
      <c r="HQQ688" s="613"/>
      <c r="HQR688" s="613"/>
      <c r="HQS688" s="613"/>
      <c r="HQT688" s="613"/>
      <c r="HQU688" s="613"/>
      <c r="HQV688" s="613"/>
      <c r="HQW688" s="613"/>
      <c r="HQX688" s="613"/>
      <c r="HQY688" s="613"/>
      <c r="HQZ688" s="613"/>
      <c r="HRA688" s="613"/>
      <c r="HRB688" s="613"/>
      <c r="HRC688" s="613"/>
      <c r="HRD688" s="613"/>
      <c r="HRE688" s="613"/>
      <c r="HRF688" s="613"/>
      <c r="HRG688" s="613"/>
      <c r="HRH688" s="613"/>
      <c r="HRI688" s="613"/>
      <c r="HRJ688" s="613"/>
      <c r="HRK688" s="613"/>
      <c r="HRL688" s="613"/>
      <c r="HRM688" s="613"/>
      <c r="HRN688" s="613"/>
      <c r="HRO688" s="613"/>
      <c r="HRP688" s="613"/>
      <c r="HRQ688" s="613"/>
      <c r="HRR688" s="613"/>
      <c r="HRS688" s="613"/>
      <c r="HRT688" s="613"/>
      <c r="HRU688" s="613"/>
      <c r="HRV688" s="613"/>
      <c r="HRW688" s="613"/>
      <c r="HRX688" s="613"/>
      <c r="HRY688" s="613"/>
      <c r="HRZ688" s="613"/>
      <c r="HSA688" s="613"/>
      <c r="HSB688" s="613"/>
      <c r="HSC688" s="613"/>
      <c r="HSD688" s="613"/>
      <c r="HSE688" s="613"/>
      <c r="HSF688" s="613"/>
      <c r="HSG688" s="613"/>
      <c r="HSH688" s="613"/>
      <c r="HSI688" s="613"/>
      <c r="HSJ688" s="613"/>
      <c r="HSK688" s="613"/>
      <c r="HSL688" s="613"/>
      <c r="HSM688" s="613"/>
      <c r="HSN688" s="613"/>
      <c r="HSO688" s="613"/>
      <c r="HSP688" s="613"/>
      <c r="HSQ688" s="613"/>
      <c r="HSR688" s="613"/>
      <c r="HSS688" s="613"/>
      <c r="HST688" s="613"/>
      <c r="HSU688" s="613"/>
      <c r="HSV688" s="613"/>
      <c r="HSW688" s="613"/>
      <c r="HSX688" s="613"/>
      <c r="HSY688" s="613"/>
      <c r="HSZ688" s="613"/>
      <c r="HTA688" s="613"/>
      <c r="HTB688" s="613"/>
      <c r="HTC688" s="613"/>
      <c r="HTD688" s="613"/>
      <c r="HTE688" s="613"/>
      <c r="HTF688" s="613"/>
      <c r="HTG688" s="613"/>
      <c r="HTH688" s="613"/>
      <c r="HTI688" s="613"/>
      <c r="HTJ688" s="613"/>
      <c r="HTK688" s="613"/>
      <c r="HTL688" s="613"/>
      <c r="HTM688" s="613"/>
      <c r="HTN688" s="613"/>
      <c r="HTO688" s="613"/>
      <c r="HTP688" s="613"/>
      <c r="HTQ688" s="613"/>
      <c r="HTR688" s="613"/>
      <c r="HTS688" s="613"/>
      <c r="HTT688" s="613"/>
      <c r="HTU688" s="613"/>
      <c r="HTV688" s="613"/>
      <c r="HTW688" s="613"/>
      <c r="HTX688" s="613"/>
      <c r="HTY688" s="613"/>
      <c r="HTZ688" s="613"/>
      <c r="HUA688" s="613"/>
      <c r="HUB688" s="613"/>
      <c r="HUC688" s="613"/>
      <c r="HUD688" s="613"/>
      <c r="HUE688" s="613"/>
      <c r="HUF688" s="613"/>
      <c r="HUG688" s="613"/>
      <c r="HUH688" s="613"/>
      <c r="HUI688" s="613"/>
      <c r="HUJ688" s="613"/>
      <c r="HUK688" s="613"/>
      <c r="HUL688" s="613"/>
      <c r="HUM688" s="613"/>
      <c r="HUN688" s="613"/>
      <c r="HUO688" s="613"/>
      <c r="HUP688" s="613"/>
      <c r="HUQ688" s="613"/>
      <c r="HUR688" s="613"/>
      <c r="HUS688" s="613"/>
      <c r="HUT688" s="613"/>
      <c r="HUU688" s="613"/>
      <c r="HUV688" s="613"/>
      <c r="HUW688" s="613"/>
      <c r="HUX688" s="613"/>
      <c r="HUY688" s="613"/>
      <c r="HUZ688" s="613"/>
      <c r="HVA688" s="613"/>
      <c r="HVB688" s="613"/>
      <c r="HVC688" s="613"/>
      <c r="HVD688" s="613"/>
      <c r="HVE688" s="613"/>
      <c r="HVF688" s="613"/>
      <c r="HVG688" s="613"/>
      <c r="HVH688" s="613"/>
      <c r="HVI688" s="613"/>
      <c r="HVJ688" s="613"/>
      <c r="HVK688" s="613"/>
      <c r="HVL688" s="613"/>
      <c r="HVM688" s="613"/>
      <c r="HVN688" s="613"/>
      <c r="HVO688" s="613"/>
      <c r="HVP688" s="613"/>
      <c r="HVQ688" s="613"/>
      <c r="HVR688" s="613"/>
      <c r="HVS688" s="613"/>
      <c r="HVT688" s="613"/>
      <c r="HVU688" s="613"/>
      <c r="HVV688" s="613"/>
      <c r="HVW688" s="613"/>
      <c r="HVX688" s="613"/>
      <c r="HVY688" s="613"/>
      <c r="HVZ688" s="613"/>
      <c r="HWA688" s="613"/>
      <c r="HWB688" s="613"/>
      <c r="HWC688" s="613"/>
      <c r="HWD688" s="613"/>
      <c r="HWE688" s="613"/>
      <c r="HWF688" s="613"/>
      <c r="HWG688" s="613"/>
      <c r="HWH688" s="613"/>
      <c r="HWI688" s="613"/>
      <c r="HWJ688" s="613"/>
      <c r="HWK688" s="613"/>
      <c r="HWL688" s="613"/>
      <c r="HWM688" s="613"/>
      <c r="HWN688" s="613"/>
      <c r="HWO688" s="613"/>
      <c r="HWP688" s="613"/>
      <c r="HWQ688" s="613"/>
      <c r="HWR688" s="613"/>
      <c r="HWS688" s="613"/>
      <c r="HWT688" s="613"/>
      <c r="HWU688" s="613"/>
      <c r="HWV688" s="613"/>
      <c r="HWW688" s="613"/>
      <c r="HWX688" s="613"/>
      <c r="HWY688" s="613"/>
      <c r="HWZ688" s="613"/>
      <c r="HXA688" s="613"/>
      <c r="HXB688" s="613"/>
      <c r="HXC688" s="613"/>
      <c r="HXD688" s="613"/>
      <c r="HXE688" s="613"/>
      <c r="HXF688" s="613"/>
      <c r="HXG688" s="613"/>
      <c r="HXH688" s="613"/>
      <c r="HXI688" s="613"/>
      <c r="HXJ688" s="613"/>
      <c r="HXK688" s="613"/>
      <c r="HXL688" s="613"/>
      <c r="HXM688" s="613"/>
      <c r="HXN688" s="613"/>
      <c r="HXO688" s="613"/>
      <c r="HXP688" s="613"/>
      <c r="HXQ688" s="613"/>
      <c r="HXR688" s="613"/>
      <c r="HXS688" s="613"/>
      <c r="HXT688" s="613"/>
      <c r="HXU688" s="613"/>
      <c r="HXV688" s="613"/>
      <c r="HXW688" s="613"/>
      <c r="HXX688" s="613"/>
      <c r="HXY688" s="613"/>
      <c r="HXZ688" s="613"/>
      <c r="HYA688" s="613"/>
      <c r="HYB688" s="613"/>
      <c r="HYC688" s="613"/>
      <c r="HYD688" s="613"/>
      <c r="HYE688" s="613"/>
      <c r="HYF688" s="613"/>
      <c r="HYG688" s="613"/>
      <c r="HYH688" s="613"/>
      <c r="HYI688" s="613"/>
      <c r="HYJ688" s="613"/>
      <c r="HYK688" s="613"/>
      <c r="HYL688" s="613"/>
      <c r="HYM688" s="613"/>
      <c r="HYN688" s="613"/>
      <c r="HYO688" s="613"/>
      <c r="HYP688" s="613"/>
      <c r="HYQ688" s="613"/>
      <c r="HYR688" s="613"/>
      <c r="HYS688" s="613"/>
      <c r="HYT688" s="613"/>
      <c r="HYU688" s="613"/>
      <c r="HYV688" s="613"/>
      <c r="HYW688" s="613"/>
      <c r="HYX688" s="613"/>
      <c r="HYY688" s="613"/>
      <c r="HYZ688" s="613"/>
      <c r="HZA688" s="613"/>
      <c r="HZB688" s="613"/>
      <c r="HZC688" s="613"/>
      <c r="HZD688" s="613"/>
      <c r="HZE688" s="613"/>
      <c r="HZF688" s="613"/>
      <c r="HZG688" s="613"/>
      <c r="HZH688" s="613"/>
      <c r="HZI688" s="613"/>
      <c r="HZJ688" s="613"/>
      <c r="HZK688" s="613"/>
      <c r="HZL688" s="613"/>
      <c r="HZM688" s="613"/>
      <c r="HZN688" s="613"/>
      <c r="HZO688" s="613"/>
      <c r="HZP688" s="613"/>
      <c r="HZQ688" s="613"/>
      <c r="HZR688" s="613"/>
      <c r="HZS688" s="613"/>
      <c r="HZT688" s="613"/>
      <c r="HZU688" s="613"/>
      <c r="HZV688" s="613"/>
      <c r="HZW688" s="613"/>
      <c r="HZX688" s="613"/>
      <c r="HZY688" s="613"/>
      <c r="HZZ688" s="613"/>
      <c r="IAA688" s="613"/>
      <c r="IAB688" s="613"/>
      <c r="IAC688" s="613"/>
      <c r="IAD688" s="613"/>
      <c r="IAE688" s="613"/>
      <c r="IAF688" s="613"/>
      <c r="IAG688" s="613"/>
      <c r="IAH688" s="613"/>
      <c r="IAI688" s="613"/>
      <c r="IAJ688" s="613"/>
      <c r="IAK688" s="613"/>
      <c r="IAL688" s="613"/>
      <c r="IAM688" s="613"/>
      <c r="IAN688" s="613"/>
      <c r="IAO688" s="613"/>
      <c r="IAP688" s="613"/>
      <c r="IAQ688" s="613"/>
      <c r="IAR688" s="613"/>
      <c r="IAS688" s="613"/>
      <c r="IAT688" s="613"/>
      <c r="IAU688" s="613"/>
      <c r="IAV688" s="613"/>
      <c r="IAW688" s="613"/>
      <c r="IAX688" s="613"/>
      <c r="IAY688" s="613"/>
      <c r="IAZ688" s="613"/>
      <c r="IBA688" s="613"/>
      <c r="IBB688" s="613"/>
      <c r="IBC688" s="613"/>
      <c r="IBD688" s="613"/>
      <c r="IBE688" s="613"/>
      <c r="IBF688" s="613"/>
      <c r="IBG688" s="613"/>
      <c r="IBH688" s="613"/>
      <c r="IBI688" s="613"/>
      <c r="IBJ688" s="613"/>
      <c r="IBK688" s="613"/>
      <c r="IBL688" s="613"/>
      <c r="IBM688" s="613"/>
      <c r="IBN688" s="613"/>
      <c r="IBO688" s="613"/>
      <c r="IBP688" s="613"/>
      <c r="IBQ688" s="613"/>
      <c r="IBR688" s="613"/>
      <c r="IBS688" s="613"/>
      <c r="IBT688" s="613"/>
      <c r="IBU688" s="613"/>
      <c r="IBV688" s="613"/>
      <c r="IBW688" s="613"/>
      <c r="IBX688" s="613"/>
      <c r="IBY688" s="613"/>
      <c r="IBZ688" s="613"/>
      <c r="ICA688" s="613"/>
      <c r="ICB688" s="613"/>
      <c r="ICC688" s="613"/>
      <c r="ICD688" s="613"/>
      <c r="ICE688" s="613"/>
      <c r="ICF688" s="613"/>
      <c r="ICG688" s="613"/>
      <c r="ICH688" s="613"/>
      <c r="ICI688" s="613"/>
      <c r="ICJ688" s="613"/>
      <c r="ICK688" s="613"/>
      <c r="ICL688" s="613"/>
      <c r="ICM688" s="613"/>
      <c r="ICN688" s="613"/>
      <c r="ICO688" s="613"/>
      <c r="ICP688" s="613"/>
      <c r="ICQ688" s="613"/>
      <c r="ICR688" s="613"/>
      <c r="ICS688" s="613"/>
      <c r="ICT688" s="613"/>
      <c r="ICU688" s="613"/>
      <c r="ICV688" s="613"/>
      <c r="ICW688" s="613"/>
      <c r="ICX688" s="613"/>
      <c r="ICY688" s="613"/>
      <c r="ICZ688" s="613"/>
      <c r="IDA688" s="613"/>
      <c r="IDB688" s="613"/>
      <c r="IDC688" s="613"/>
      <c r="IDD688" s="613"/>
      <c r="IDE688" s="613"/>
      <c r="IDF688" s="613"/>
      <c r="IDG688" s="613"/>
      <c r="IDH688" s="613"/>
      <c r="IDI688" s="613"/>
      <c r="IDJ688" s="613"/>
      <c r="IDK688" s="613"/>
      <c r="IDL688" s="613"/>
      <c r="IDM688" s="613"/>
      <c r="IDN688" s="613"/>
      <c r="IDO688" s="613"/>
      <c r="IDP688" s="613"/>
      <c r="IDQ688" s="613"/>
      <c r="IDR688" s="613"/>
      <c r="IDS688" s="613"/>
      <c r="IDT688" s="613"/>
      <c r="IDU688" s="613"/>
      <c r="IDV688" s="613"/>
      <c r="IDW688" s="613"/>
      <c r="IDX688" s="613"/>
      <c r="IDY688" s="613"/>
      <c r="IDZ688" s="613"/>
      <c r="IEA688" s="613"/>
      <c r="IEB688" s="613"/>
      <c r="IEC688" s="613"/>
      <c r="IED688" s="613"/>
      <c r="IEE688" s="613"/>
      <c r="IEF688" s="613"/>
      <c r="IEG688" s="613"/>
      <c r="IEH688" s="613"/>
      <c r="IEI688" s="613"/>
      <c r="IEJ688" s="613"/>
      <c r="IEK688" s="613"/>
      <c r="IEL688" s="613"/>
      <c r="IEM688" s="613"/>
      <c r="IEN688" s="613"/>
      <c r="IEO688" s="613"/>
      <c r="IEP688" s="613"/>
      <c r="IEQ688" s="613"/>
      <c r="IER688" s="613"/>
      <c r="IES688" s="613"/>
      <c r="IET688" s="613"/>
      <c r="IEU688" s="613"/>
      <c r="IEV688" s="613"/>
      <c r="IEW688" s="613"/>
      <c r="IEX688" s="613"/>
      <c r="IEY688" s="613"/>
      <c r="IEZ688" s="613"/>
      <c r="IFA688" s="613"/>
      <c r="IFB688" s="613"/>
      <c r="IFC688" s="613"/>
      <c r="IFD688" s="613"/>
      <c r="IFE688" s="613"/>
      <c r="IFF688" s="613"/>
      <c r="IFG688" s="613"/>
      <c r="IFH688" s="613"/>
      <c r="IFI688" s="613"/>
      <c r="IFJ688" s="613"/>
      <c r="IFK688" s="613"/>
      <c r="IFL688" s="613"/>
      <c r="IFM688" s="613"/>
      <c r="IFN688" s="613"/>
      <c r="IFO688" s="613"/>
      <c r="IFP688" s="613"/>
      <c r="IFQ688" s="613"/>
      <c r="IFR688" s="613"/>
      <c r="IFS688" s="613"/>
      <c r="IFT688" s="613"/>
      <c r="IFU688" s="613"/>
      <c r="IFV688" s="613"/>
      <c r="IFW688" s="613"/>
      <c r="IFX688" s="613"/>
      <c r="IFY688" s="613"/>
      <c r="IFZ688" s="613"/>
      <c r="IGA688" s="613"/>
      <c r="IGB688" s="613"/>
      <c r="IGC688" s="613"/>
      <c r="IGD688" s="613"/>
      <c r="IGE688" s="613"/>
      <c r="IGF688" s="613"/>
      <c r="IGG688" s="613"/>
      <c r="IGH688" s="613"/>
      <c r="IGI688" s="613"/>
      <c r="IGJ688" s="613"/>
      <c r="IGK688" s="613"/>
      <c r="IGL688" s="613"/>
      <c r="IGM688" s="613"/>
      <c r="IGN688" s="613"/>
      <c r="IGO688" s="613"/>
      <c r="IGP688" s="613"/>
      <c r="IGQ688" s="613"/>
      <c r="IGR688" s="613"/>
      <c r="IGS688" s="613"/>
      <c r="IGT688" s="613"/>
      <c r="IGU688" s="613"/>
      <c r="IGV688" s="613"/>
      <c r="IGW688" s="613"/>
      <c r="IGX688" s="613"/>
      <c r="IGY688" s="613"/>
      <c r="IGZ688" s="613"/>
      <c r="IHA688" s="613"/>
      <c r="IHB688" s="613"/>
      <c r="IHC688" s="613"/>
      <c r="IHD688" s="613"/>
      <c r="IHE688" s="613"/>
      <c r="IHF688" s="613"/>
      <c r="IHG688" s="613"/>
      <c r="IHH688" s="613"/>
      <c r="IHI688" s="613"/>
      <c r="IHJ688" s="613"/>
      <c r="IHK688" s="613"/>
      <c r="IHL688" s="613"/>
      <c r="IHM688" s="613"/>
      <c r="IHN688" s="613"/>
      <c r="IHO688" s="613"/>
      <c r="IHP688" s="613"/>
      <c r="IHQ688" s="613"/>
      <c r="IHR688" s="613"/>
      <c r="IHS688" s="613"/>
      <c r="IHT688" s="613"/>
      <c r="IHU688" s="613"/>
      <c r="IHV688" s="613"/>
      <c r="IHW688" s="613"/>
      <c r="IHX688" s="613"/>
      <c r="IHY688" s="613"/>
      <c r="IHZ688" s="613"/>
      <c r="IIA688" s="613"/>
      <c r="IIB688" s="613"/>
      <c r="IIC688" s="613"/>
      <c r="IID688" s="613"/>
      <c r="IIE688" s="613"/>
      <c r="IIF688" s="613"/>
      <c r="IIG688" s="613"/>
      <c r="IIH688" s="613"/>
      <c r="III688" s="613"/>
      <c r="IIJ688" s="613"/>
      <c r="IIK688" s="613"/>
      <c r="IIL688" s="613"/>
      <c r="IIM688" s="613"/>
      <c r="IIN688" s="613"/>
      <c r="IIO688" s="613"/>
      <c r="IIP688" s="613"/>
      <c r="IIQ688" s="613"/>
      <c r="IIR688" s="613"/>
      <c r="IIS688" s="613"/>
      <c r="IIT688" s="613"/>
      <c r="IIU688" s="613"/>
      <c r="IIV688" s="613"/>
      <c r="IIW688" s="613"/>
      <c r="IIX688" s="613"/>
      <c r="IIY688" s="613"/>
      <c r="IIZ688" s="613"/>
      <c r="IJA688" s="613"/>
      <c r="IJB688" s="613"/>
      <c r="IJC688" s="613"/>
      <c r="IJD688" s="613"/>
      <c r="IJE688" s="613"/>
      <c r="IJF688" s="613"/>
      <c r="IJG688" s="613"/>
      <c r="IJH688" s="613"/>
      <c r="IJI688" s="613"/>
      <c r="IJJ688" s="613"/>
      <c r="IJK688" s="613"/>
      <c r="IJL688" s="613"/>
      <c r="IJM688" s="613"/>
      <c r="IJN688" s="613"/>
      <c r="IJO688" s="613"/>
      <c r="IJP688" s="613"/>
      <c r="IJQ688" s="613"/>
      <c r="IJR688" s="613"/>
      <c r="IJS688" s="613"/>
      <c r="IJT688" s="613"/>
      <c r="IJU688" s="613"/>
      <c r="IJV688" s="613"/>
      <c r="IJW688" s="613"/>
      <c r="IJX688" s="613"/>
      <c r="IJY688" s="613"/>
      <c r="IJZ688" s="613"/>
      <c r="IKA688" s="613"/>
      <c r="IKB688" s="613"/>
      <c r="IKC688" s="613"/>
      <c r="IKD688" s="613"/>
      <c r="IKE688" s="613"/>
      <c r="IKF688" s="613"/>
      <c r="IKG688" s="613"/>
      <c r="IKH688" s="613"/>
      <c r="IKI688" s="613"/>
      <c r="IKJ688" s="613"/>
      <c r="IKK688" s="613"/>
      <c r="IKL688" s="613"/>
      <c r="IKM688" s="613"/>
      <c r="IKN688" s="613"/>
      <c r="IKO688" s="613"/>
      <c r="IKP688" s="613"/>
      <c r="IKQ688" s="613"/>
      <c r="IKR688" s="613"/>
      <c r="IKS688" s="613"/>
      <c r="IKT688" s="613"/>
      <c r="IKU688" s="613"/>
      <c r="IKV688" s="613"/>
      <c r="IKW688" s="613"/>
      <c r="IKX688" s="613"/>
      <c r="IKY688" s="613"/>
      <c r="IKZ688" s="613"/>
      <c r="ILA688" s="613"/>
      <c r="ILB688" s="613"/>
      <c r="ILC688" s="613"/>
      <c r="ILD688" s="613"/>
      <c r="ILE688" s="613"/>
      <c r="ILF688" s="613"/>
      <c r="ILG688" s="613"/>
      <c r="ILH688" s="613"/>
      <c r="ILI688" s="613"/>
      <c r="ILJ688" s="613"/>
      <c r="ILK688" s="613"/>
      <c r="ILL688" s="613"/>
      <c r="ILM688" s="613"/>
      <c r="ILN688" s="613"/>
      <c r="ILO688" s="613"/>
      <c r="ILP688" s="613"/>
      <c r="ILQ688" s="613"/>
      <c r="ILR688" s="613"/>
      <c r="ILS688" s="613"/>
      <c r="ILT688" s="613"/>
      <c r="ILU688" s="613"/>
      <c r="ILV688" s="613"/>
      <c r="ILW688" s="613"/>
      <c r="ILX688" s="613"/>
      <c r="ILY688" s="613"/>
      <c r="ILZ688" s="613"/>
      <c r="IMA688" s="613"/>
      <c r="IMB688" s="613"/>
      <c r="IMC688" s="613"/>
      <c r="IMD688" s="613"/>
      <c r="IME688" s="613"/>
      <c r="IMF688" s="613"/>
      <c r="IMG688" s="613"/>
      <c r="IMH688" s="613"/>
      <c r="IMI688" s="613"/>
      <c r="IMJ688" s="613"/>
      <c r="IMK688" s="613"/>
      <c r="IML688" s="613"/>
      <c r="IMM688" s="613"/>
      <c r="IMN688" s="613"/>
      <c r="IMO688" s="613"/>
      <c r="IMP688" s="613"/>
      <c r="IMQ688" s="613"/>
      <c r="IMR688" s="613"/>
      <c r="IMS688" s="613"/>
      <c r="IMT688" s="613"/>
      <c r="IMU688" s="613"/>
      <c r="IMV688" s="613"/>
      <c r="IMW688" s="613"/>
      <c r="IMX688" s="613"/>
      <c r="IMY688" s="613"/>
      <c r="IMZ688" s="613"/>
      <c r="INA688" s="613"/>
      <c r="INB688" s="613"/>
      <c r="INC688" s="613"/>
      <c r="IND688" s="613"/>
      <c r="INE688" s="613"/>
      <c r="INF688" s="613"/>
      <c r="ING688" s="613"/>
      <c r="INH688" s="613"/>
      <c r="INI688" s="613"/>
      <c r="INJ688" s="613"/>
      <c r="INK688" s="613"/>
      <c r="INL688" s="613"/>
      <c r="INM688" s="613"/>
      <c r="INN688" s="613"/>
      <c r="INO688" s="613"/>
      <c r="INP688" s="613"/>
      <c r="INQ688" s="613"/>
      <c r="INR688" s="613"/>
      <c r="INS688" s="613"/>
      <c r="INT688" s="613"/>
      <c r="INU688" s="613"/>
      <c r="INV688" s="613"/>
      <c r="INW688" s="613"/>
      <c r="INX688" s="613"/>
      <c r="INY688" s="613"/>
      <c r="INZ688" s="613"/>
      <c r="IOA688" s="613"/>
      <c r="IOB688" s="613"/>
      <c r="IOC688" s="613"/>
      <c r="IOD688" s="613"/>
      <c r="IOE688" s="613"/>
      <c r="IOF688" s="613"/>
      <c r="IOG688" s="613"/>
      <c r="IOH688" s="613"/>
      <c r="IOI688" s="613"/>
      <c r="IOJ688" s="613"/>
      <c r="IOK688" s="613"/>
      <c r="IOL688" s="613"/>
      <c r="IOM688" s="613"/>
      <c r="ION688" s="613"/>
      <c r="IOO688" s="613"/>
      <c r="IOP688" s="613"/>
      <c r="IOQ688" s="613"/>
      <c r="IOR688" s="613"/>
      <c r="IOS688" s="613"/>
      <c r="IOT688" s="613"/>
      <c r="IOU688" s="613"/>
      <c r="IOV688" s="613"/>
      <c r="IOW688" s="613"/>
      <c r="IOX688" s="613"/>
      <c r="IOY688" s="613"/>
      <c r="IOZ688" s="613"/>
      <c r="IPA688" s="613"/>
      <c r="IPB688" s="613"/>
      <c r="IPC688" s="613"/>
      <c r="IPD688" s="613"/>
      <c r="IPE688" s="613"/>
      <c r="IPF688" s="613"/>
      <c r="IPG688" s="613"/>
      <c r="IPH688" s="613"/>
      <c r="IPI688" s="613"/>
      <c r="IPJ688" s="613"/>
      <c r="IPK688" s="613"/>
      <c r="IPL688" s="613"/>
      <c r="IPM688" s="613"/>
      <c r="IPN688" s="613"/>
      <c r="IPO688" s="613"/>
      <c r="IPP688" s="613"/>
      <c r="IPQ688" s="613"/>
      <c r="IPR688" s="613"/>
      <c r="IPS688" s="613"/>
      <c r="IPT688" s="613"/>
      <c r="IPU688" s="613"/>
      <c r="IPV688" s="613"/>
      <c r="IPW688" s="613"/>
      <c r="IPX688" s="613"/>
      <c r="IPY688" s="613"/>
      <c r="IPZ688" s="613"/>
      <c r="IQA688" s="613"/>
      <c r="IQB688" s="613"/>
      <c r="IQC688" s="613"/>
      <c r="IQD688" s="613"/>
      <c r="IQE688" s="613"/>
      <c r="IQF688" s="613"/>
      <c r="IQG688" s="613"/>
      <c r="IQH688" s="613"/>
      <c r="IQI688" s="613"/>
      <c r="IQJ688" s="613"/>
      <c r="IQK688" s="613"/>
      <c r="IQL688" s="613"/>
      <c r="IQM688" s="613"/>
      <c r="IQN688" s="613"/>
      <c r="IQO688" s="613"/>
      <c r="IQP688" s="613"/>
      <c r="IQQ688" s="613"/>
      <c r="IQR688" s="613"/>
      <c r="IQS688" s="613"/>
      <c r="IQT688" s="613"/>
      <c r="IQU688" s="613"/>
      <c r="IQV688" s="613"/>
      <c r="IQW688" s="613"/>
      <c r="IQX688" s="613"/>
      <c r="IQY688" s="613"/>
      <c r="IQZ688" s="613"/>
      <c r="IRA688" s="613"/>
      <c r="IRB688" s="613"/>
      <c r="IRC688" s="613"/>
      <c r="IRD688" s="613"/>
      <c r="IRE688" s="613"/>
      <c r="IRF688" s="613"/>
      <c r="IRG688" s="613"/>
      <c r="IRH688" s="613"/>
      <c r="IRI688" s="613"/>
      <c r="IRJ688" s="613"/>
      <c r="IRK688" s="613"/>
      <c r="IRL688" s="613"/>
      <c r="IRM688" s="613"/>
      <c r="IRN688" s="613"/>
      <c r="IRO688" s="613"/>
      <c r="IRP688" s="613"/>
      <c r="IRQ688" s="613"/>
      <c r="IRR688" s="613"/>
      <c r="IRS688" s="613"/>
      <c r="IRT688" s="613"/>
      <c r="IRU688" s="613"/>
      <c r="IRV688" s="613"/>
      <c r="IRW688" s="613"/>
      <c r="IRX688" s="613"/>
      <c r="IRY688" s="613"/>
      <c r="IRZ688" s="613"/>
      <c r="ISA688" s="613"/>
      <c r="ISB688" s="613"/>
      <c r="ISC688" s="613"/>
      <c r="ISD688" s="613"/>
      <c r="ISE688" s="613"/>
      <c r="ISF688" s="613"/>
      <c r="ISG688" s="613"/>
      <c r="ISH688" s="613"/>
      <c r="ISI688" s="613"/>
      <c r="ISJ688" s="613"/>
      <c r="ISK688" s="613"/>
      <c r="ISL688" s="613"/>
      <c r="ISM688" s="613"/>
      <c r="ISN688" s="613"/>
      <c r="ISO688" s="613"/>
      <c r="ISP688" s="613"/>
      <c r="ISQ688" s="613"/>
      <c r="ISR688" s="613"/>
      <c r="ISS688" s="613"/>
      <c r="IST688" s="613"/>
      <c r="ISU688" s="613"/>
      <c r="ISV688" s="613"/>
      <c r="ISW688" s="613"/>
      <c r="ISX688" s="613"/>
      <c r="ISY688" s="613"/>
      <c r="ISZ688" s="613"/>
      <c r="ITA688" s="613"/>
      <c r="ITB688" s="613"/>
      <c r="ITC688" s="613"/>
      <c r="ITD688" s="613"/>
      <c r="ITE688" s="613"/>
      <c r="ITF688" s="613"/>
      <c r="ITG688" s="613"/>
      <c r="ITH688" s="613"/>
      <c r="ITI688" s="613"/>
      <c r="ITJ688" s="613"/>
      <c r="ITK688" s="613"/>
      <c r="ITL688" s="613"/>
      <c r="ITM688" s="613"/>
      <c r="ITN688" s="613"/>
      <c r="ITO688" s="613"/>
      <c r="ITP688" s="613"/>
      <c r="ITQ688" s="613"/>
      <c r="ITR688" s="613"/>
      <c r="ITS688" s="613"/>
      <c r="ITT688" s="613"/>
      <c r="ITU688" s="613"/>
      <c r="ITV688" s="613"/>
      <c r="ITW688" s="613"/>
      <c r="ITX688" s="613"/>
      <c r="ITY688" s="613"/>
      <c r="ITZ688" s="613"/>
      <c r="IUA688" s="613"/>
      <c r="IUB688" s="613"/>
      <c r="IUC688" s="613"/>
      <c r="IUD688" s="613"/>
      <c r="IUE688" s="613"/>
      <c r="IUF688" s="613"/>
      <c r="IUG688" s="613"/>
      <c r="IUH688" s="613"/>
      <c r="IUI688" s="613"/>
      <c r="IUJ688" s="613"/>
      <c r="IUK688" s="613"/>
      <c r="IUL688" s="613"/>
      <c r="IUM688" s="613"/>
      <c r="IUN688" s="613"/>
      <c r="IUO688" s="613"/>
      <c r="IUP688" s="613"/>
      <c r="IUQ688" s="613"/>
      <c r="IUR688" s="613"/>
      <c r="IUS688" s="613"/>
      <c r="IUT688" s="613"/>
      <c r="IUU688" s="613"/>
      <c r="IUV688" s="613"/>
      <c r="IUW688" s="613"/>
      <c r="IUX688" s="613"/>
      <c r="IUY688" s="613"/>
      <c r="IUZ688" s="613"/>
      <c r="IVA688" s="613"/>
      <c r="IVB688" s="613"/>
      <c r="IVC688" s="613"/>
      <c r="IVD688" s="613"/>
      <c r="IVE688" s="613"/>
      <c r="IVF688" s="613"/>
      <c r="IVG688" s="613"/>
      <c r="IVH688" s="613"/>
      <c r="IVI688" s="613"/>
      <c r="IVJ688" s="613"/>
      <c r="IVK688" s="613"/>
      <c r="IVL688" s="613"/>
      <c r="IVM688" s="613"/>
      <c r="IVN688" s="613"/>
      <c r="IVO688" s="613"/>
      <c r="IVP688" s="613"/>
      <c r="IVQ688" s="613"/>
      <c r="IVR688" s="613"/>
      <c r="IVS688" s="613"/>
      <c r="IVT688" s="613"/>
      <c r="IVU688" s="613"/>
      <c r="IVV688" s="613"/>
      <c r="IVW688" s="613"/>
      <c r="IVX688" s="613"/>
      <c r="IVY688" s="613"/>
      <c r="IVZ688" s="613"/>
      <c r="IWA688" s="613"/>
      <c r="IWB688" s="613"/>
      <c r="IWC688" s="613"/>
      <c r="IWD688" s="613"/>
      <c r="IWE688" s="613"/>
      <c r="IWF688" s="613"/>
      <c r="IWG688" s="613"/>
      <c r="IWH688" s="613"/>
      <c r="IWI688" s="613"/>
      <c r="IWJ688" s="613"/>
      <c r="IWK688" s="613"/>
      <c r="IWL688" s="613"/>
      <c r="IWM688" s="613"/>
      <c r="IWN688" s="613"/>
      <c r="IWO688" s="613"/>
      <c r="IWP688" s="613"/>
      <c r="IWQ688" s="613"/>
      <c r="IWR688" s="613"/>
      <c r="IWS688" s="613"/>
      <c r="IWT688" s="613"/>
      <c r="IWU688" s="613"/>
      <c r="IWV688" s="613"/>
      <c r="IWW688" s="613"/>
      <c r="IWX688" s="613"/>
      <c r="IWY688" s="613"/>
      <c r="IWZ688" s="613"/>
      <c r="IXA688" s="613"/>
      <c r="IXB688" s="613"/>
      <c r="IXC688" s="613"/>
      <c r="IXD688" s="613"/>
      <c r="IXE688" s="613"/>
      <c r="IXF688" s="613"/>
      <c r="IXG688" s="613"/>
      <c r="IXH688" s="613"/>
      <c r="IXI688" s="613"/>
      <c r="IXJ688" s="613"/>
      <c r="IXK688" s="613"/>
      <c r="IXL688" s="613"/>
      <c r="IXM688" s="613"/>
      <c r="IXN688" s="613"/>
      <c r="IXO688" s="613"/>
      <c r="IXP688" s="613"/>
      <c r="IXQ688" s="613"/>
      <c r="IXR688" s="613"/>
      <c r="IXS688" s="613"/>
      <c r="IXT688" s="613"/>
      <c r="IXU688" s="613"/>
      <c r="IXV688" s="613"/>
      <c r="IXW688" s="613"/>
      <c r="IXX688" s="613"/>
      <c r="IXY688" s="613"/>
      <c r="IXZ688" s="613"/>
      <c r="IYA688" s="613"/>
      <c r="IYB688" s="613"/>
      <c r="IYC688" s="613"/>
      <c r="IYD688" s="613"/>
      <c r="IYE688" s="613"/>
      <c r="IYF688" s="613"/>
      <c r="IYG688" s="613"/>
      <c r="IYH688" s="613"/>
      <c r="IYI688" s="613"/>
      <c r="IYJ688" s="613"/>
      <c r="IYK688" s="613"/>
      <c r="IYL688" s="613"/>
      <c r="IYM688" s="613"/>
      <c r="IYN688" s="613"/>
      <c r="IYO688" s="613"/>
      <c r="IYP688" s="613"/>
      <c r="IYQ688" s="613"/>
      <c r="IYR688" s="613"/>
      <c r="IYS688" s="613"/>
      <c r="IYT688" s="613"/>
      <c r="IYU688" s="613"/>
      <c r="IYV688" s="613"/>
      <c r="IYW688" s="613"/>
      <c r="IYX688" s="613"/>
      <c r="IYY688" s="613"/>
      <c r="IYZ688" s="613"/>
      <c r="IZA688" s="613"/>
      <c r="IZB688" s="613"/>
      <c r="IZC688" s="613"/>
      <c r="IZD688" s="613"/>
      <c r="IZE688" s="613"/>
      <c r="IZF688" s="613"/>
      <c r="IZG688" s="613"/>
      <c r="IZH688" s="613"/>
      <c r="IZI688" s="613"/>
      <c r="IZJ688" s="613"/>
      <c r="IZK688" s="613"/>
      <c r="IZL688" s="613"/>
      <c r="IZM688" s="613"/>
      <c r="IZN688" s="613"/>
      <c r="IZO688" s="613"/>
      <c r="IZP688" s="613"/>
      <c r="IZQ688" s="613"/>
      <c r="IZR688" s="613"/>
      <c r="IZS688" s="613"/>
      <c r="IZT688" s="613"/>
      <c r="IZU688" s="613"/>
      <c r="IZV688" s="613"/>
      <c r="IZW688" s="613"/>
      <c r="IZX688" s="613"/>
      <c r="IZY688" s="613"/>
      <c r="IZZ688" s="613"/>
      <c r="JAA688" s="613"/>
      <c r="JAB688" s="613"/>
      <c r="JAC688" s="613"/>
      <c r="JAD688" s="613"/>
      <c r="JAE688" s="613"/>
      <c r="JAF688" s="613"/>
      <c r="JAG688" s="613"/>
      <c r="JAH688" s="613"/>
      <c r="JAI688" s="613"/>
      <c r="JAJ688" s="613"/>
      <c r="JAK688" s="613"/>
      <c r="JAL688" s="613"/>
      <c r="JAM688" s="613"/>
      <c r="JAN688" s="613"/>
      <c r="JAO688" s="613"/>
      <c r="JAP688" s="613"/>
      <c r="JAQ688" s="613"/>
      <c r="JAR688" s="613"/>
      <c r="JAS688" s="613"/>
      <c r="JAT688" s="613"/>
      <c r="JAU688" s="613"/>
      <c r="JAV688" s="613"/>
      <c r="JAW688" s="613"/>
      <c r="JAX688" s="613"/>
      <c r="JAY688" s="613"/>
      <c r="JAZ688" s="613"/>
      <c r="JBA688" s="613"/>
      <c r="JBB688" s="613"/>
      <c r="JBC688" s="613"/>
      <c r="JBD688" s="613"/>
      <c r="JBE688" s="613"/>
      <c r="JBF688" s="613"/>
      <c r="JBG688" s="613"/>
      <c r="JBH688" s="613"/>
      <c r="JBI688" s="613"/>
      <c r="JBJ688" s="613"/>
      <c r="JBK688" s="613"/>
      <c r="JBL688" s="613"/>
      <c r="JBM688" s="613"/>
      <c r="JBN688" s="613"/>
      <c r="JBO688" s="613"/>
      <c r="JBP688" s="613"/>
      <c r="JBQ688" s="613"/>
      <c r="JBR688" s="613"/>
      <c r="JBS688" s="613"/>
      <c r="JBT688" s="613"/>
      <c r="JBU688" s="613"/>
      <c r="JBV688" s="613"/>
      <c r="JBW688" s="613"/>
      <c r="JBX688" s="613"/>
      <c r="JBY688" s="613"/>
      <c r="JBZ688" s="613"/>
      <c r="JCA688" s="613"/>
      <c r="JCB688" s="613"/>
      <c r="JCC688" s="613"/>
      <c r="JCD688" s="613"/>
      <c r="JCE688" s="613"/>
      <c r="JCF688" s="613"/>
      <c r="JCG688" s="613"/>
      <c r="JCH688" s="613"/>
      <c r="JCI688" s="613"/>
      <c r="JCJ688" s="613"/>
      <c r="JCK688" s="613"/>
      <c r="JCL688" s="613"/>
      <c r="JCM688" s="613"/>
      <c r="JCN688" s="613"/>
      <c r="JCO688" s="613"/>
      <c r="JCP688" s="613"/>
      <c r="JCQ688" s="613"/>
      <c r="JCR688" s="613"/>
      <c r="JCS688" s="613"/>
      <c r="JCT688" s="613"/>
      <c r="JCU688" s="613"/>
      <c r="JCV688" s="613"/>
      <c r="JCW688" s="613"/>
      <c r="JCX688" s="613"/>
      <c r="JCY688" s="613"/>
      <c r="JCZ688" s="613"/>
      <c r="JDA688" s="613"/>
      <c r="JDB688" s="613"/>
      <c r="JDC688" s="613"/>
      <c r="JDD688" s="613"/>
      <c r="JDE688" s="613"/>
      <c r="JDF688" s="613"/>
      <c r="JDG688" s="613"/>
      <c r="JDH688" s="613"/>
      <c r="JDI688" s="613"/>
      <c r="JDJ688" s="613"/>
      <c r="JDK688" s="613"/>
      <c r="JDL688" s="613"/>
      <c r="JDM688" s="613"/>
      <c r="JDN688" s="613"/>
      <c r="JDO688" s="613"/>
      <c r="JDP688" s="613"/>
      <c r="JDQ688" s="613"/>
      <c r="JDR688" s="613"/>
      <c r="JDS688" s="613"/>
      <c r="JDT688" s="613"/>
      <c r="JDU688" s="613"/>
      <c r="JDV688" s="613"/>
      <c r="JDW688" s="613"/>
      <c r="JDX688" s="613"/>
      <c r="JDY688" s="613"/>
      <c r="JDZ688" s="613"/>
      <c r="JEA688" s="613"/>
      <c r="JEB688" s="613"/>
      <c r="JEC688" s="613"/>
      <c r="JED688" s="613"/>
      <c r="JEE688" s="613"/>
      <c r="JEF688" s="613"/>
      <c r="JEG688" s="613"/>
      <c r="JEH688" s="613"/>
      <c r="JEI688" s="613"/>
      <c r="JEJ688" s="613"/>
      <c r="JEK688" s="613"/>
      <c r="JEL688" s="613"/>
      <c r="JEM688" s="613"/>
      <c r="JEN688" s="613"/>
      <c r="JEO688" s="613"/>
      <c r="JEP688" s="613"/>
      <c r="JEQ688" s="613"/>
      <c r="JER688" s="613"/>
      <c r="JES688" s="613"/>
      <c r="JET688" s="613"/>
      <c r="JEU688" s="613"/>
      <c r="JEV688" s="613"/>
      <c r="JEW688" s="613"/>
      <c r="JEX688" s="613"/>
      <c r="JEY688" s="613"/>
      <c r="JEZ688" s="613"/>
      <c r="JFA688" s="613"/>
      <c r="JFB688" s="613"/>
      <c r="JFC688" s="613"/>
      <c r="JFD688" s="613"/>
      <c r="JFE688" s="613"/>
      <c r="JFF688" s="613"/>
      <c r="JFG688" s="613"/>
      <c r="JFH688" s="613"/>
      <c r="JFI688" s="613"/>
      <c r="JFJ688" s="613"/>
      <c r="JFK688" s="613"/>
      <c r="JFL688" s="613"/>
      <c r="JFM688" s="613"/>
      <c r="JFN688" s="613"/>
      <c r="JFO688" s="613"/>
      <c r="JFP688" s="613"/>
      <c r="JFQ688" s="613"/>
      <c r="JFR688" s="613"/>
      <c r="JFS688" s="613"/>
      <c r="JFT688" s="613"/>
      <c r="JFU688" s="613"/>
      <c r="JFV688" s="613"/>
      <c r="JFW688" s="613"/>
      <c r="JFX688" s="613"/>
      <c r="JFY688" s="613"/>
      <c r="JFZ688" s="613"/>
      <c r="JGA688" s="613"/>
      <c r="JGB688" s="613"/>
      <c r="JGC688" s="613"/>
      <c r="JGD688" s="613"/>
      <c r="JGE688" s="613"/>
      <c r="JGF688" s="613"/>
      <c r="JGG688" s="613"/>
      <c r="JGH688" s="613"/>
      <c r="JGI688" s="613"/>
      <c r="JGJ688" s="613"/>
      <c r="JGK688" s="613"/>
      <c r="JGL688" s="613"/>
      <c r="JGM688" s="613"/>
      <c r="JGN688" s="613"/>
      <c r="JGO688" s="613"/>
      <c r="JGP688" s="613"/>
      <c r="JGQ688" s="613"/>
      <c r="JGR688" s="613"/>
      <c r="JGS688" s="613"/>
      <c r="JGT688" s="613"/>
      <c r="JGU688" s="613"/>
      <c r="JGV688" s="613"/>
      <c r="JGW688" s="613"/>
      <c r="JGX688" s="613"/>
      <c r="JGY688" s="613"/>
      <c r="JGZ688" s="613"/>
      <c r="JHA688" s="613"/>
      <c r="JHB688" s="613"/>
      <c r="JHC688" s="613"/>
      <c r="JHD688" s="613"/>
      <c r="JHE688" s="613"/>
      <c r="JHF688" s="613"/>
      <c r="JHG688" s="613"/>
      <c r="JHH688" s="613"/>
      <c r="JHI688" s="613"/>
      <c r="JHJ688" s="613"/>
      <c r="JHK688" s="613"/>
      <c r="JHL688" s="613"/>
      <c r="JHM688" s="613"/>
      <c r="JHN688" s="613"/>
      <c r="JHO688" s="613"/>
      <c r="JHP688" s="613"/>
      <c r="JHQ688" s="613"/>
      <c r="JHR688" s="613"/>
      <c r="JHS688" s="613"/>
      <c r="JHT688" s="613"/>
      <c r="JHU688" s="613"/>
      <c r="JHV688" s="613"/>
      <c r="JHW688" s="613"/>
      <c r="JHX688" s="613"/>
      <c r="JHY688" s="613"/>
      <c r="JHZ688" s="613"/>
      <c r="JIA688" s="613"/>
      <c r="JIB688" s="613"/>
      <c r="JIC688" s="613"/>
      <c r="JID688" s="613"/>
      <c r="JIE688" s="613"/>
      <c r="JIF688" s="613"/>
      <c r="JIG688" s="613"/>
      <c r="JIH688" s="613"/>
      <c r="JII688" s="613"/>
      <c r="JIJ688" s="613"/>
      <c r="JIK688" s="613"/>
      <c r="JIL688" s="613"/>
      <c r="JIM688" s="613"/>
      <c r="JIN688" s="613"/>
      <c r="JIO688" s="613"/>
      <c r="JIP688" s="613"/>
      <c r="JIQ688" s="613"/>
      <c r="JIR688" s="613"/>
      <c r="JIS688" s="613"/>
      <c r="JIT688" s="613"/>
      <c r="JIU688" s="613"/>
      <c r="JIV688" s="613"/>
      <c r="JIW688" s="613"/>
      <c r="JIX688" s="613"/>
      <c r="JIY688" s="613"/>
      <c r="JIZ688" s="613"/>
      <c r="JJA688" s="613"/>
      <c r="JJB688" s="613"/>
      <c r="JJC688" s="613"/>
      <c r="JJD688" s="613"/>
      <c r="JJE688" s="613"/>
      <c r="JJF688" s="613"/>
      <c r="JJG688" s="613"/>
      <c r="JJH688" s="613"/>
      <c r="JJI688" s="613"/>
      <c r="JJJ688" s="613"/>
      <c r="JJK688" s="613"/>
      <c r="JJL688" s="613"/>
      <c r="JJM688" s="613"/>
      <c r="JJN688" s="613"/>
      <c r="JJO688" s="613"/>
      <c r="JJP688" s="613"/>
      <c r="JJQ688" s="613"/>
      <c r="JJR688" s="613"/>
      <c r="JJS688" s="613"/>
      <c r="JJT688" s="613"/>
      <c r="JJU688" s="613"/>
      <c r="JJV688" s="613"/>
      <c r="JJW688" s="613"/>
      <c r="JJX688" s="613"/>
      <c r="JJY688" s="613"/>
      <c r="JJZ688" s="613"/>
      <c r="JKA688" s="613"/>
      <c r="JKB688" s="613"/>
      <c r="JKC688" s="613"/>
      <c r="JKD688" s="613"/>
      <c r="JKE688" s="613"/>
      <c r="JKF688" s="613"/>
      <c r="JKG688" s="613"/>
      <c r="JKH688" s="613"/>
      <c r="JKI688" s="613"/>
      <c r="JKJ688" s="613"/>
      <c r="JKK688" s="613"/>
      <c r="JKL688" s="613"/>
      <c r="JKM688" s="613"/>
      <c r="JKN688" s="613"/>
      <c r="JKO688" s="613"/>
      <c r="JKP688" s="613"/>
      <c r="JKQ688" s="613"/>
      <c r="JKR688" s="613"/>
      <c r="JKS688" s="613"/>
      <c r="JKT688" s="613"/>
      <c r="JKU688" s="613"/>
      <c r="JKV688" s="613"/>
      <c r="JKW688" s="613"/>
      <c r="JKX688" s="613"/>
      <c r="JKY688" s="613"/>
      <c r="JKZ688" s="613"/>
      <c r="JLA688" s="613"/>
      <c r="JLB688" s="613"/>
      <c r="JLC688" s="613"/>
      <c r="JLD688" s="613"/>
      <c r="JLE688" s="613"/>
      <c r="JLF688" s="613"/>
      <c r="JLG688" s="613"/>
      <c r="JLH688" s="613"/>
      <c r="JLI688" s="613"/>
      <c r="JLJ688" s="613"/>
      <c r="JLK688" s="613"/>
      <c r="JLL688" s="613"/>
      <c r="JLM688" s="613"/>
      <c r="JLN688" s="613"/>
      <c r="JLO688" s="613"/>
      <c r="JLP688" s="613"/>
      <c r="JLQ688" s="613"/>
      <c r="JLR688" s="613"/>
      <c r="JLS688" s="613"/>
      <c r="JLT688" s="613"/>
      <c r="JLU688" s="613"/>
      <c r="JLV688" s="613"/>
      <c r="JLW688" s="613"/>
      <c r="JLX688" s="613"/>
      <c r="JLY688" s="613"/>
      <c r="JLZ688" s="613"/>
      <c r="JMA688" s="613"/>
      <c r="JMB688" s="613"/>
      <c r="JMC688" s="613"/>
      <c r="JMD688" s="613"/>
      <c r="JME688" s="613"/>
      <c r="JMF688" s="613"/>
      <c r="JMG688" s="613"/>
      <c r="JMH688" s="613"/>
      <c r="JMI688" s="613"/>
      <c r="JMJ688" s="613"/>
      <c r="JMK688" s="613"/>
      <c r="JML688" s="613"/>
      <c r="JMM688" s="613"/>
      <c r="JMN688" s="613"/>
      <c r="JMO688" s="613"/>
      <c r="JMP688" s="613"/>
      <c r="JMQ688" s="613"/>
      <c r="JMR688" s="613"/>
      <c r="JMS688" s="613"/>
      <c r="JMT688" s="613"/>
      <c r="JMU688" s="613"/>
      <c r="JMV688" s="613"/>
      <c r="JMW688" s="613"/>
      <c r="JMX688" s="613"/>
      <c r="JMY688" s="613"/>
      <c r="JMZ688" s="613"/>
      <c r="JNA688" s="613"/>
      <c r="JNB688" s="613"/>
      <c r="JNC688" s="613"/>
      <c r="JND688" s="613"/>
      <c r="JNE688" s="613"/>
      <c r="JNF688" s="613"/>
      <c r="JNG688" s="613"/>
      <c r="JNH688" s="613"/>
      <c r="JNI688" s="613"/>
      <c r="JNJ688" s="613"/>
      <c r="JNK688" s="613"/>
      <c r="JNL688" s="613"/>
      <c r="JNM688" s="613"/>
      <c r="JNN688" s="613"/>
      <c r="JNO688" s="613"/>
      <c r="JNP688" s="613"/>
      <c r="JNQ688" s="613"/>
      <c r="JNR688" s="613"/>
      <c r="JNS688" s="613"/>
      <c r="JNT688" s="613"/>
      <c r="JNU688" s="613"/>
      <c r="JNV688" s="613"/>
      <c r="JNW688" s="613"/>
      <c r="JNX688" s="613"/>
      <c r="JNY688" s="613"/>
      <c r="JNZ688" s="613"/>
      <c r="JOA688" s="613"/>
      <c r="JOB688" s="613"/>
      <c r="JOC688" s="613"/>
      <c r="JOD688" s="613"/>
      <c r="JOE688" s="613"/>
      <c r="JOF688" s="613"/>
      <c r="JOG688" s="613"/>
      <c r="JOH688" s="613"/>
      <c r="JOI688" s="613"/>
      <c r="JOJ688" s="613"/>
      <c r="JOK688" s="613"/>
      <c r="JOL688" s="613"/>
      <c r="JOM688" s="613"/>
      <c r="JON688" s="613"/>
      <c r="JOO688" s="613"/>
      <c r="JOP688" s="613"/>
      <c r="JOQ688" s="613"/>
      <c r="JOR688" s="613"/>
      <c r="JOS688" s="613"/>
      <c r="JOT688" s="613"/>
      <c r="JOU688" s="613"/>
      <c r="JOV688" s="613"/>
      <c r="JOW688" s="613"/>
      <c r="JOX688" s="613"/>
      <c r="JOY688" s="613"/>
      <c r="JOZ688" s="613"/>
      <c r="JPA688" s="613"/>
      <c r="JPB688" s="613"/>
      <c r="JPC688" s="613"/>
      <c r="JPD688" s="613"/>
      <c r="JPE688" s="613"/>
      <c r="JPF688" s="613"/>
      <c r="JPG688" s="613"/>
      <c r="JPH688" s="613"/>
      <c r="JPI688" s="613"/>
      <c r="JPJ688" s="613"/>
      <c r="JPK688" s="613"/>
      <c r="JPL688" s="613"/>
      <c r="JPM688" s="613"/>
      <c r="JPN688" s="613"/>
      <c r="JPO688" s="613"/>
      <c r="JPP688" s="613"/>
      <c r="JPQ688" s="613"/>
      <c r="JPR688" s="613"/>
      <c r="JPS688" s="613"/>
      <c r="JPT688" s="613"/>
      <c r="JPU688" s="613"/>
      <c r="JPV688" s="613"/>
      <c r="JPW688" s="613"/>
      <c r="JPX688" s="613"/>
      <c r="JPY688" s="613"/>
      <c r="JPZ688" s="613"/>
      <c r="JQA688" s="613"/>
      <c r="JQB688" s="613"/>
      <c r="JQC688" s="613"/>
      <c r="JQD688" s="613"/>
      <c r="JQE688" s="613"/>
      <c r="JQF688" s="613"/>
      <c r="JQG688" s="613"/>
      <c r="JQH688" s="613"/>
      <c r="JQI688" s="613"/>
      <c r="JQJ688" s="613"/>
      <c r="JQK688" s="613"/>
      <c r="JQL688" s="613"/>
      <c r="JQM688" s="613"/>
      <c r="JQN688" s="613"/>
      <c r="JQO688" s="613"/>
      <c r="JQP688" s="613"/>
      <c r="JQQ688" s="613"/>
      <c r="JQR688" s="613"/>
      <c r="JQS688" s="613"/>
      <c r="JQT688" s="613"/>
      <c r="JQU688" s="613"/>
      <c r="JQV688" s="613"/>
      <c r="JQW688" s="613"/>
      <c r="JQX688" s="613"/>
      <c r="JQY688" s="613"/>
      <c r="JQZ688" s="613"/>
      <c r="JRA688" s="613"/>
      <c r="JRB688" s="613"/>
      <c r="JRC688" s="613"/>
      <c r="JRD688" s="613"/>
      <c r="JRE688" s="613"/>
      <c r="JRF688" s="613"/>
      <c r="JRG688" s="613"/>
      <c r="JRH688" s="613"/>
      <c r="JRI688" s="613"/>
      <c r="JRJ688" s="613"/>
      <c r="JRK688" s="613"/>
      <c r="JRL688" s="613"/>
      <c r="JRM688" s="613"/>
      <c r="JRN688" s="613"/>
      <c r="JRO688" s="613"/>
      <c r="JRP688" s="613"/>
      <c r="JRQ688" s="613"/>
      <c r="JRR688" s="613"/>
      <c r="JRS688" s="613"/>
      <c r="JRT688" s="613"/>
      <c r="JRU688" s="613"/>
      <c r="JRV688" s="613"/>
      <c r="JRW688" s="613"/>
      <c r="JRX688" s="613"/>
      <c r="JRY688" s="613"/>
      <c r="JRZ688" s="613"/>
      <c r="JSA688" s="613"/>
      <c r="JSB688" s="613"/>
      <c r="JSC688" s="613"/>
      <c r="JSD688" s="613"/>
      <c r="JSE688" s="613"/>
      <c r="JSF688" s="613"/>
      <c r="JSG688" s="613"/>
      <c r="JSH688" s="613"/>
      <c r="JSI688" s="613"/>
      <c r="JSJ688" s="613"/>
      <c r="JSK688" s="613"/>
      <c r="JSL688" s="613"/>
      <c r="JSM688" s="613"/>
      <c r="JSN688" s="613"/>
      <c r="JSO688" s="613"/>
      <c r="JSP688" s="613"/>
      <c r="JSQ688" s="613"/>
      <c r="JSR688" s="613"/>
      <c r="JSS688" s="613"/>
      <c r="JST688" s="613"/>
      <c r="JSU688" s="613"/>
      <c r="JSV688" s="613"/>
      <c r="JSW688" s="613"/>
      <c r="JSX688" s="613"/>
      <c r="JSY688" s="613"/>
      <c r="JSZ688" s="613"/>
      <c r="JTA688" s="613"/>
      <c r="JTB688" s="613"/>
      <c r="JTC688" s="613"/>
      <c r="JTD688" s="613"/>
      <c r="JTE688" s="613"/>
      <c r="JTF688" s="613"/>
      <c r="JTG688" s="613"/>
      <c r="JTH688" s="613"/>
      <c r="JTI688" s="613"/>
      <c r="JTJ688" s="613"/>
      <c r="JTK688" s="613"/>
      <c r="JTL688" s="613"/>
      <c r="JTM688" s="613"/>
      <c r="JTN688" s="613"/>
      <c r="JTO688" s="613"/>
      <c r="JTP688" s="613"/>
      <c r="JTQ688" s="613"/>
      <c r="JTR688" s="613"/>
      <c r="JTS688" s="613"/>
      <c r="JTT688" s="613"/>
      <c r="JTU688" s="613"/>
      <c r="JTV688" s="613"/>
      <c r="JTW688" s="613"/>
      <c r="JTX688" s="613"/>
      <c r="JTY688" s="613"/>
      <c r="JTZ688" s="613"/>
      <c r="JUA688" s="613"/>
      <c r="JUB688" s="613"/>
      <c r="JUC688" s="613"/>
      <c r="JUD688" s="613"/>
      <c r="JUE688" s="613"/>
      <c r="JUF688" s="613"/>
      <c r="JUG688" s="613"/>
      <c r="JUH688" s="613"/>
      <c r="JUI688" s="613"/>
      <c r="JUJ688" s="613"/>
      <c r="JUK688" s="613"/>
      <c r="JUL688" s="613"/>
      <c r="JUM688" s="613"/>
      <c r="JUN688" s="613"/>
      <c r="JUO688" s="613"/>
      <c r="JUP688" s="613"/>
      <c r="JUQ688" s="613"/>
      <c r="JUR688" s="613"/>
      <c r="JUS688" s="613"/>
      <c r="JUT688" s="613"/>
      <c r="JUU688" s="613"/>
      <c r="JUV688" s="613"/>
      <c r="JUW688" s="613"/>
      <c r="JUX688" s="613"/>
      <c r="JUY688" s="613"/>
      <c r="JUZ688" s="613"/>
      <c r="JVA688" s="613"/>
      <c r="JVB688" s="613"/>
      <c r="JVC688" s="613"/>
      <c r="JVD688" s="613"/>
      <c r="JVE688" s="613"/>
      <c r="JVF688" s="613"/>
      <c r="JVG688" s="613"/>
      <c r="JVH688" s="613"/>
      <c r="JVI688" s="613"/>
      <c r="JVJ688" s="613"/>
      <c r="JVK688" s="613"/>
      <c r="JVL688" s="613"/>
      <c r="JVM688" s="613"/>
      <c r="JVN688" s="613"/>
      <c r="JVO688" s="613"/>
      <c r="JVP688" s="613"/>
      <c r="JVQ688" s="613"/>
      <c r="JVR688" s="613"/>
      <c r="JVS688" s="613"/>
      <c r="JVT688" s="613"/>
      <c r="JVU688" s="613"/>
      <c r="JVV688" s="613"/>
      <c r="JVW688" s="613"/>
      <c r="JVX688" s="613"/>
      <c r="JVY688" s="613"/>
      <c r="JVZ688" s="613"/>
      <c r="JWA688" s="613"/>
      <c r="JWB688" s="613"/>
      <c r="JWC688" s="613"/>
      <c r="JWD688" s="613"/>
      <c r="JWE688" s="613"/>
      <c r="JWF688" s="613"/>
      <c r="JWG688" s="613"/>
      <c r="JWH688" s="613"/>
      <c r="JWI688" s="613"/>
      <c r="JWJ688" s="613"/>
      <c r="JWK688" s="613"/>
      <c r="JWL688" s="613"/>
      <c r="JWM688" s="613"/>
      <c r="JWN688" s="613"/>
      <c r="JWO688" s="613"/>
      <c r="JWP688" s="613"/>
      <c r="JWQ688" s="613"/>
      <c r="JWR688" s="613"/>
      <c r="JWS688" s="613"/>
      <c r="JWT688" s="613"/>
      <c r="JWU688" s="613"/>
      <c r="JWV688" s="613"/>
      <c r="JWW688" s="613"/>
      <c r="JWX688" s="613"/>
      <c r="JWY688" s="613"/>
      <c r="JWZ688" s="613"/>
      <c r="JXA688" s="613"/>
      <c r="JXB688" s="613"/>
      <c r="JXC688" s="613"/>
      <c r="JXD688" s="613"/>
      <c r="JXE688" s="613"/>
      <c r="JXF688" s="613"/>
      <c r="JXG688" s="613"/>
      <c r="JXH688" s="613"/>
      <c r="JXI688" s="613"/>
      <c r="JXJ688" s="613"/>
      <c r="JXK688" s="613"/>
      <c r="JXL688" s="613"/>
      <c r="JXM688" s="613"/>
      <c r="JXN688" s="613"/>
      <c r="JXO688" s="613"/>
      <c r="JXP688" s="613"/>
      <c r="JXQ688" s="613"/>
      <c r="JXR688" s="613"/>
      <c r="JXS688" s="613"/>
      <c r="JXT688" s="613"/>
      <c r="JXU688" s="613"/>
      <c r="JXV688" s="613"/>
      <c r="JXW688" s="613"/>
      <c r="JXX688" s="613"/>
      <c r="JXY688" s="613"/>
      <c r="JXZ688" s="613"/>
      <c r="JYA688" s="613"/>
      <c r="JYB688" s="613"/>
      <c r="JYC688" s="613"/>
      <c r="JYD688" s="613"/>
      <c r="JYE688" s="613"/>
      <c r="JYF688" s="613"/>
      <c r="JYG688" s="613"/>
      <c r="JYH688" s="613"/>
      <c r="JYI688" s="613"/>
      <c r="JYJ688" s="613"/>
      <c r="JYK688" s="613"/>
      <c r="JYL688" s="613"/>
      <c r="JYM688" s="613"/>
      <c r="JYN688" s="613"/>
      <c r="JYO688" s="613"/>
      <c r="JYP688" s="613"/>
      <c r="JYQ688" s="613"/>
      <c r="JYR688" s="613"/>
      <c r="JYS688" s="613"/>
      <c r="JYT688" s="613"/>
      <c r="JYU688" s="613"/>
      <c r="JYV688" s="613"/>
      <c r="JYW688" s="613"/>
      <c r="JYX688" s="613"/>
      <c r="JYY688" s="613"/>
      <c r="JYZ688" s="613"/>
      <c r="JZA688" s="613"/>
      <c r="JZB688" s="613"/>
      <c r="JZC688" s="613"/>
      <c r="JZD688" s="613"/>
      <c r="JZE688" s="613"/>
      <c r="JZF688" s="613"/>
      <c r="JZG688" s="613"/>
      <c r="JZH688" s="613"/>
      <c r="JZI688" s="613"/>
      <c r="JZJ688" s="613"/>
      <c r="JZK688" s="613"/>
      <c r="JZL688" s="613"/>
      <c r="JZM688" s="613"/>
      <c r="JZN688" s="613"/>
      <c r="JZO688" s="613"/>
      <c r="JZP688" s="613"/>
      <c r="JZQ688" s="613"/>
      <c r="JZR688" s="613"/>
      <c r="JZS688" s="613"/>
      <c r="JZT688" s="613"/>
      <c r="JZU688" s="613"/>
      <c r="JZV688" s="613"/>
      <c r="JZW688" s="613"/>
      <c r="JZX688" s="613"/>
      <c r="JZY688" s="613"/>
      <c r="JZZ688" s="613"/>
      <c r="KAA688" s="613"/>
      <c r="KAB688" s="613"/>
      <c r="KAC688" s="613"/>
      <c r="KAD688" s="613"/>
      <c r="KAE688" s="613"/>
      <c r="KAF688" s="613"/>
      <c r="KAG688" s="613"/>
      <c r="KAH688" s="613"/>
      <c r="KAI688" s="613"/>
      <c r="KAJ688" s="613"/>
      <c r="KAK688" s="613"/>
      <c r="KAL688" s="613"/>
      <c r="KAM688" s="613"/>
      <c r="KAN688" s="613"/>
      <c r="KAO688" s="613"/>
      <c r="KAP688" s="613"/>
      <c r="KAQ688" s="613"/>
      <c r="KAR688" s="613"/>
      <c r="KAS688" s="613"/>
      <c r="KAT688" s="613"/>
      <c r="KAU688" s="613"/>
      <c r="KAV688" s="613"/>
      <c r="KAW688" s="613"/>
      <c r="KAX688" s="613"/>
      <c r="KAY688" s="613"/>
      <c r="KAZ688" s="613"/>
      <c r="KBA688" s="613"/>
      <c r="KBB688" s="613"/>
      <c r="KBC688" s="613"/>
      <c r="KBD688" s="613"/>
      <c r="KBE688" s="613"/>
      <c r="KBF688" s="613"/>
      <c r="KBG688" s="613"/>
      <c r="KBH688" s="613"/>
      <c r="KBI688" s="613"/>
      <c r="KBJ688" s="613"/>
      <c r="KBK688" s="613"/>
      <c r="KBL688" s="613"/>
      <c r="KBM688" s="613"/>
      <c r="KBN688" s="613"/>
      <c r="KBO688" s="613"/>
      <c r="KBP688" s="613"/>
      <c r="KBQ688" s="613"/>
      <c r="KBR688" s="613"/>
      <c r="KBS688" s="613"/>
      <c r="KBT688" s="613"/>
      <c r="KBU688" s="613"/>
      <c r="KBV688" s="613"/>
      <c r="KBW688" s="613"/>
      <c r="KBX688" s="613"/>
      <c r="KBY688" s="613"/>
      <c r="KBZ688" s="613"/>
      <c r="KCA688" s="613"/>
      <c r="KCB688" s="613"/>
      <c r="KCC688" s="613"/>
      <c r="KCD688" s="613"/>
      <c r="KCE688" s="613"/>
      <c r="KCF688" s="613"/>
      <c r="KCG688" s="613"/>
      <c r="KCH688" s="613"/>
      <c r="KCI688" s="613"/>
      <c r="KCJ688" s="613"/>
      <c r="KCK688" s="613"/>
      <c r="KCL688" s="613"/>
      <c r="KCM688" s="613"/>
      <c r="KCN688" s="613"/>
      <c r="KCO688" s="613"/>
      <c r="KCP688" s="613"/>
      <c r="KCQ688" s="613"/>
      <c r="KCR688" s="613"/>
      <c r="KCS688" s="613"/>
      <c r="KCT688" s="613"/>
      <c r="KCU688" s="613"/>
      <c r="KCV688" s="613"/>
      <c r="KCW688" s="613"/>
      <c r="KCX688" s="613"/>
      <c r="KCY688" s="613"/>
      <c r="KCZ688" s="613"/>
      <c r="KDA688" s="613"/>
      <c r="KDB688" s="613"/>
      <c r="KDC688" s="613"/>
      <c r="KDD688" s="613"/>
      <c r="KDE688" s="613"/>
      <c r="KDF688" s="613"/>
      <c r="KDG688" s="613"/>
      <c r="KDH688" s="613"/>
      <c r="KDI688" s="613"/>
      <c r="KDJ688" s="613"/>
      <c r="KDK688" s="613"/>
      <c r="KDL688" s="613"/>
      <c r="KDM688" s="613"/>
      <c r="KDN688" s="613"/>
      <c r="KDO688" s="613"/>
      <c r="KDP688" s="613"/>
      <c r="KDQ688" s="613"/>
      <c r="KDR688" s="613"/>
      <c r="KDS688" s="613"/>
      <c r="KDT688" s="613"/>
      <c r="KDU688" s="613"/>
      <c r="KDV688" s="613"/>
      <c r="KDW688" s="613"/>
      <c r="KDX688" s="613"/>
      <c r="KDY688" s="613"/>
      <c r="KDZ688" s="613"/>
      <c r="KEA688" s="613"/>
      <c r="KEB688" s="613"/>
      <c r="KEC688" s="613"/>
      <c r="KED688" s="613"/>
      <c r="KEE688" s="613"/>
      <c r="KEF688" s="613"/>
      <c r="KEG688" s="613"/>
      <c r="KEH688" s="613"/>
      <c r="KEI688" s="613"/>
      <c r="KEJ688" s="613"/>
      <c r="KEK688" s="613"/>
      <c r="KEL688" s="613"/>
      <c r="KEM688" s="613"/>
      <c r="KEN688" s="613"/>
      <c r="KEO688" s="613"/>
      <c r="KEP688" s="613"/>
      <c r="KEQ688" s="613"/>
      <c r="KER688" s="613"/>
      <c r="KES688" s="613"/>
      <c r="KET688" s="613"/>
      <c r="KEU688" s="613"/>
      <c r="KEV688" s="613"/>
      <c r="KEW688" s="613"/>
      <c r="KEX688" s="613"/>
      <c r="KEY688" s="613"/>
      <c r="KEZ688" s="613"/>
      <c r="KFA688" s="613"/>
      <c r="KFB688" s="613"/>
      <c r="KFC688" s="613"/>
      <c r="KFD688" s="613"/>
      <c r="KFE688" s="613"/>
      <c r="KFF688" s="613"/>
      <c r="KFG688" s="613"/>
      <c r="KFH688" s="613"/>
      <c r="KFI688" s="613"/>
      <c r="KFJ688" s="613"/>
      <c r="KFK688" s="613"/>
      <c r="KFL688" s="613"/>
      <c r="KFM688" s="613"/>
      <c r="KFN688" s="613"/>
      <c r="KFO688" s="613"/>
      <c r="KFP688" s="613"/>
      <c r="KFQ688" s="613"/>
      <c r="KFR688" s="613"/>
      <c r="KFS688" s="613"/>
      <c r="KFT688" s="613"/>
      <c r="KFU688" s="613"/>
      <c r="KFV688" s="613"/>
      <c r="KFW688" s="613"/>
      <c r="KFX688" s="613"/>
      <c r="KFY688" s="613"/>
      <c r="KFZ688" s="613"/>
      <c r="KGA688" s="613"/>
      <c r="KGB688" s="613"/>
      <c r="KGC688" s="613"/>
      <c r="KGD688" s="613"/>
      <c r="KGE688" s="613"/>
      <c r="KGF688" s="613"/>
      <c r="KGG688" s="613"/>
      <c r="KGH688" s="613"/>
      <c r="KGI688" s="613"/>
      <c r="KGJ688" s="613"/>
      <c r="KGK688" s="613"/>
      <c r="KGL688" s="613"/>
      <c r="KGM688" s="613"/>
      <c r="KGN688" s="613"/>
      <c r="KGO688" s="613"/>
      <c r="KGP688" s="613"/>
      <c r="KGQ688" s="613"/>
      <c r="KGR688" s="613"/>
      <c r="KGS688" s="613"/>
      <c r="KGT688" s="613"/>
      <c r="KGU688" s="613"/>
      <c r="KGV688" s="613"/>
      <c r="KGW688" s="613"/>
      <c r="KGX688" s="613"/>
      <c r="KGY688" s="613"/>
      <c r="KGZ688" s="613"/>
      <c r="KHA688" s="613"/>
      <c r="KHB688" s="613"/>
      <c r="KHC688" s="613"/>
      <c r="KHD688" s="613"/>
      <c r="KHE688" s="613"/>
      <c r="KHF688" s="613"/>
      <c r="KHG688" s="613"/>
      <c r="KHH688" s="613"/>
      <c r="KHI688" s="613"/>
      <c r="KHJ688" s="613"/>
      <c r="KHK688" s="613"/>
      <c r="KHL688" s="613"/>
      <c r="KHM688" s="613"/>
      <c r="KHN688" s="613"/>
      <c r="KHO688" s="613"/>
      <c r="KHP688" s="613"/>
      <c r="KHQ688" s="613"/>
      <c r="KHR688" s="613"/>
      <c r="KHS688" s="613"/>
      <c r="KHT688" s="613"/>
      <c r="KHU688" s="613"/>
      <c r="KHV688" s="613"/>
      <c r="KHW688" s="613"/>
      <c r="KHX688" s="613"/>
      <c r="KHY688" s="613"/>
      <c r="KHZ688" s="613"/>
      <c r="KIA688" s="613"/>
      <c r="KIB688" s="613"/>
      <c r="KIC688" s="613"/>
      <c r="KID688" s="613"/>
      <c r="KIE688" s="613"/>
      <c r="KIF688" s="613"/>
      <c r="KIG688" s="613"/>
      <c r="KIH688" s="613"/>
      <c r="KII688" s="613"/>
      <c r="KIJ688" s="613"/>
      <c r="KIK688" s="613"/>
      <c r="KIL688" s="613"/>
      <c r="KIM688" s="613"/>
      <c r="KIN688" s="613"/>
      <c r="KIO688" s="613"/>
      <c r="KIP688" s="613"/>
      <c r="KIQ688" s="613"/>
      <c r="KIR688" s="613"/>
      <c r="KIS688" s="613"/>
      <c r="KIT688" s="613"/>
      <c r="KIU688" s="613"/>
      <c r="KIV688" s="613"/>
      <c r="KIW688" s="613"/>
      <c r="KIX688" s="613"/>
      <c r="KIY688" s="613"/>
      <c r="KIZ688" s="613"/>
      <c r="KJA688" s="613"/>
      <c r="KJB688" s="613"/>
      <c r="KJC688" s="613"/>
      <c r="KJD688" s="613"/>
      <c r="KJE688" s="613"/>
      <c r="KJF688" s="613"/>
      <c r="KJG688" s="613"/>
      <c r="KJH688" s="613"/>
      <c r="KJI688" s="613"/>
      <c r="KJJ688" s="613"/>
      <c r="KJK688" s="613"/>
      <c r="KJL688" s="613"/>
      <c r="KJM688" s="613"/>
      <c r="KJN688" s="613"/>
      <c r="KJO688" s="613"/>
      <c r="KJP688" s="613"/>
      <c r="KJQ688" s="613"/>
      <c r="KJR688" s="613"/>
      <c r="KJS688" s="613"/>
      <c r="KJT688" s="613"/>
      <c r="KJU688" s="613"/>
      <c r="KJV688" s="613"/>
      <c r="KJW688" s="613"/>
      <c r="KJX688" s="613"/>
      <c r="KJY688" s="613"/>
      <c r="KJZ688" s="613"/>
      <c r="KKA688" s="613"/>
      <c r="KKB688" s="613"/>
      <c r="KKC688" s="613"/>
      <c r="KKD688" s="613"/>
      <c r="KKE688" s="613"/>
      <c r="KKF688" s="613"/>
      <c r="KKG688" s="613"/>
      <c r="KKH688" s="613"/>
      <c r="KKI688" s="613"/>
      <c r="KKJ688" s="613"/>
      <c r="KKK688" s="613"/>
      <c r="KKL688" s="613"/>
      <c r="KKM688" s="613"/>
      <c r="KKN688" s="613"/>
      <c r="KKO688" s="613"/>
      <c r="KKP688" s="613"/>
      <c r="KKQ688" s="613"/>
      <c r="KKR688" s="613"/>
      <c r="KKS688" s="613"/>
      <c r="KKT688" s="613"/>
      <c r="KKU688" s="613"/>
      <c r="KKV688" s="613"/>
      <c r="KKW688" s="613"/>
      <c r="KKX688" s="613"/>
      <c r="KKY688" s="613"/>
      <c r="KKZ688" s="613"/>
      <c r="KLA688" s="613"/>
      <c r="KLB688" s="613"/>
      <c r="KLC688" s="613"/>
      <c r="KLD688" s="613"/>
      <c r="KLE688" s="613"/>
      <c r="KLF688" s="613"/>
      <c r="KLG688" s="613"/>
      <c r="KLH688" s="613"/>
      <c r="KLI688" s="613"/>
      <c r="KLJ688" s="613"/>
      <c r="KLK688" s="613"/>
      <c r="KLL688" s="613"/>
      <c r="KLM688" s="613"/>
      <c r="KLN688" s="613"/>
      <c r="KLO688" s="613"/>
      <c r="KLP688" s="613"/>
      <c r="KLQ688" s="613"/>
      <c r="KLR688" s="613"/>
      <c r="KLS688" s="613"/>
      <c r="KLT688" s="613"/>
      <c r="KLU688" s="613"/>
      <c r="KLV688" s="613"/>
      <c r="KLW688" s="613"/>
      <c r="KLX688" s="613"/>
      <c r="KLY688" s="613"/>
      <c r="KLZ688" s="613"/>
      <c r="KMA688" s="613"/>
      <c r="KMB688" s="613"/>
      <c r="KMC688" s="613"/>
      <c r="KMD688" s="613"/>
      <c r="KME688" s="613"/>
      <c r="KMF688" s="613"/>
      <c r="KMG688" s="613"/>
      <c r="KMH688" s="613"/>
      <c r="KMI688" s="613"/>
      <c r="KMJ688" s="613"/>
      <c r="KMK688" s="613"/>
      <c r="KML688" s="613"/>
      <c r="KMM688" s="613"/>
      <c r="KMN688" s="613"/>
      <c r="KMO688" s="613"/>
      <c r="KMP688" s="613"/>
      <c r="KMQ688" s="613"/>
      <c r="KMR688" s="613"/>
      <c r="KMS688" s="613"/>
      <c r="KMT688" s="613"/>
      <c r="KMU688" s="613"/>
      <c r="KMV688" s="613"/>
      <c r="KMW688" s="613"/>
      <c r="KMX688" s="613"/>
      <c r="KMY688" s="613"/>
      <c r="KMZ688" s="613"/>
      <c r="KNA688" s="613"/>
      <c r="KNB688" s="613"/>
      <c r="KNC688" s="613"/>
      <c r="KND688" s="613"/>
      <c r="KNE688" s="613"/>
      <c r="KNF688" s="613"/>
      <c r="KNG688" s="613"/>
      <c r="KNH688" s="613"/>
      <c r="KNI688" s="613"/>
      <c r="KNJ688" s="613"/>
      <c r="KNK688" s="613"/>
      <c r="KNL688" s="613"/>
      <c r="KNM688" s="613"/>
      <c r="KNN688" s="613"/>
      <c r="KNO688" s="613"/>
      <c r="KNP688" s="613"/>
      <c r="KNQ688" s="613"/>
      <c r="KNR688" s="613"/>
      <c r="KNS688" s="613"/>
      <c r="KNT688" s="613"/>
      <c r="KNU688" s="613"/>
      <c r="KNV688" s="613"/>
      <c r="KNW688" s="613"/>
      <c r="KNX688" s="613"/>
      <c r="KNY688" s="613"/>
      <c r="KNZ688" s="613"/>
      <c r="KOA688" s="613"/>
      <c r="KOB688" s="613"/>
      <c r="KOC688" s="613"/>
      <c r="KOD688" s="613"/>
      <c r="KOE688" s="613"/>
      <c r="KOF688" s="613"/>
      <c r="KOG688" s="613"/>
      <c r="KOH688" s="613"/>
      <c r="KOI688" s="613"/>
      <c r="KOJ688" s="613"/>
      <c r="KOK688" s="613"/>
      <c r="KOL688" s="613"/>
      <c r="KOM688" s="613"/>
      <c r="KON688" s="613"/>
      <c r="KOO688" s="613"/>
      <c r="KOP688" s="613"/>
      <c r="KOQ688" s="613"/>
      <c r="KOR688" s="613"/>
      <c r="KOS688" s="613"/>
      <c r="KOT688" s="613"/>
      <c r="KOU688" s="613"/>
      <c r="KOV688" s="613"/>
      <c r="KOW688" s="613"/>
      <c r="KOX688" s="613"/>
      <c r="KOY688" s="613"/>
      <c r="KOZ688" s="613"/>
      <c r="KPA688" s="613"/>
      <c r="KPB688" s="613"/>
      <c r="KPC688" s="613"/>
      <c r="KPD688" s="613"/>
      <c r="KPE688" s="613"/>
      <c r="KPF688" s="613"/>
      <c r="KPG688" s="613"/>
      <c r="KPH688" s="613"/>
      <c r="KPI688" s="613"/>
      <c r="KPJ688" s="613"/>
      <c r="KPK688" s="613"/>
      <c r="KPL688" s="613"/>
      <c r="KPM688" s="613"/>
      <c r="KPN688" s="613"/>
      <c r="KPO688" s="613"/>
      <c r="KPP688" s="613"/>
      <c r="KPQ688" s="613"/>
      <c r="KPR688" s="613"/>
      <c r="KPS688" s="613"/>
      <c r="KPT688" s="613"/>
      <c r="KPU688" s="613"/>
      <c r="KPV688" s="613"/>
      <c r="KPW688" s="613"/>
      <c r="KPX688" s="613"/>
      <c r="KPY688" s="613"/>
      <c r="KPZ688" s="613"/>
      <c r="KQA688" s="613"/>
      <c r="KQB688" s="613"/>
      <c r="KQC688" s="613"/>
      <c r="KQD688" s="613"/>
      <c r="KQE688" s="613"/>
      <c r="KQF688" s="613"/>
      <c r="KQG688" s="613"/>
      <c r="KQH688" s="613"/>
      <c r="KQI688" s="613"/>
      <c r="KQJ688" s="613"/>
      <c r="KQK688" s="613"/>
      <c r="KQL688" s="613"/>
      <c r="KQM688" s="613"/>
      <c r="KQN688" s="613"/>
      <c r="KQO688" s="613"/>
      <c r="KQP688" s="613"/>
      <c r="KQQ688" s="613"/>
      <c r="KQR688" s="613"/>
      <c r="KQS688" s="613"/>
      <c r="KQT688" s="613"/>
      <c r="KQU688" s="613"/>
      <c r="KQV688" s="613"/>
      <c r="KQW688" s="613"/>
      <c r="KQX688" s="613"/>
      <c r="KQY688" s="613"/>
      <c r="KQZ688" s="613"/>
      <c r="KRA688" s="613"/>
      <c r="KRB688" s="613"/>
      <c r="KRC688" s="613"/>
      <c r="KRD688" s="613"/>
      <c r="KRE688" s="613"/>
      <c r="KRF688" s="613"/>
      <c r="KRG688" s="613"/>
      <c r="KRH688" s="613"/>
      <c r="KRI688" s="613"/>
      <c r="KRJ688" s="613"/>
      <c r="KRK688" s="613"/>
      <c r="KRL688" s="613"/>
      <c r="KRM688" s="613"/>
      <c r="KRN688" s="613"/>
      <c r="KRO688" s="613"/>
      <c r="KRP688" s="613"/>
      <c r="KRQ688" s="613"/>
      <c r="KRR688" s="613"/>
      <c r="KRS688" s="613"/>
      <c r="KRT688" s="613"/>
      <c r="KRU688" s="613"/>
      <c r="KRV688" s="613"/>
      <c r="KRW688" s="613"/>
      <c r="KRX688" s="613"/>
      <c r="KRY688" s="613"/>
      <c r="KRZ688" s="613"/>
      <c r="KSA688" s="613"/>
      <c r="KSB688" s="613"/>
      <c r="KSC688" s="613"/>
      <c r="KSD688" s="613"/>
      <c r="KSE688" s="613"/>
      <c r="KSF688" s="613"/>
      <c r="KSG688" s="613"/>
      <c r="KSH688" s="613"/>
      <c r="KSI688" s="613"/>
      <c r="KSJ688" s="613"/>
      <c r="KSK688" s="613"/>
      <c r="KSL688" s="613"/>
      <c r="KSM688" s="613"/>
      <c r="KSN688" s="613"/>
      <c r="KSO688" s="613"/>
      <c r="KSP688" s="613"/>
      <c r="KSQ688" s="613"/>
      <c r="KSR688" s="613"/>
      <c r="KSS688" s="613"/>
      <c r="KST688" s="613"/>
      <c r="KSU688" s="613"/>
      <c r="KSV688" s="613"/>
      <c r="KSW688" s="613"/>
      <c r="KSX688" s="613"/>
      <c r="KSY688" s="613"/>
      <c r="KSZ688" s="613"/>
      <c r="KTA688" s="613"/>
      <c r="KTB688" s="613"/>
      <c r="KTC688" s="613"/>
      <c r="KTD688" s="613"/>
      <c r="KTE688" s="613"/>
      <c r="KTF688" s="613"/>
      <c r="KTG688" s="613"/>
      <c r="KTH688" s="613"/>
      <c r="KTI688" s="613"/>
      <c r="KTJ688" s="613"/>
      <c r="KTK688" s="613"/>
      <c r="KTL688" s="613"/>
      <c r="KTM688" s="613"/>
      <c r="KTN688" s="613"/>
      <c r="KTO688" s="613"/>
      <c r="KTP688" s="613"/>
      <c r="KTQ688" s="613"/>
      <c r="KTR688" s="613"/>
      <c r="KTS688" s="613"/>
      <c r="KTT688" s="613"/>
      <c r="KTU688" s="613"/>
      <c r="KTV688" s="613"/>
      <c r="KTW688" s="613"/>
      <c r="KTX688" s="613"/>
      <c r="KTY688" s="613"/>
      <c r="KTZ688" s="613"/>
      <c r="KUA688" s="613"/>
      <c r="KUB688" s="613"/>
      <c r="KUC688" s="613"/>
      <c r="KUD688" s="613"/>
      <c r="KUE688" s="613"/>
      <c r="KUF688" s="613"/>
      <c r="KUG688" s="613"/>
      <c r="KUH688" s="613"/>
      <c r="KUI688" s="613"/>
      <c r="KUJ688" s="613"/>
      <c r="KUK688" s="613"/>
      <c r="KUL688" s="613"/>
      <c r="KUM688" s="613"/>
      <c r="KUN688" s="613"/>
      <c r="KUO688" s="613"/>
      <c r="KUP688" s="613"/>
      <c r="KUQ688" s="613"/>
      <c r="KUR688" s="613"/>
      <c r="KUS688" s="613"/>
      <c r="KUT688" s="613"/>
      <c r="KUU688" s="613"/>
      <c r="KUV688" s="613"/>
      <c r="KUW688" s="613"/>
      <c r="KUX688" s="613"/>
      <c r="KUY688" s="613"/>
      <c r="KUZ688" s="613"/>
      <c r="KVA688" s="613"/>
      <c r="KVB688" s="613"/>
      <c r="KVC688" s="613"/>
      <c r="KVD688" s="613"/>
      <c r="KVE688" s="613"/>
      <c r="KVF688" s="613"/>
      <c r="KVG688" s="613"/>
      <c r="KVH688" s="613"/>
      <c r="KVI688" s="613"/>
      <c r="KVJ688" s="613"/>
      <c r="KVK688" s="613"/>
      <c r="KVL688" s="613"/>
      <c r="KVM688" s="613"/>
      <c r="KVN688" s="613"/>
      <c r="KVO688" s="613"/>
      <c r="KVP688" s="613"/>
      <c r="KVQ688" s="613"/>
      <c r="KVR688" s="613"/>
      <c r="KVS688" s="613"/>
      <c r="KVT688" s="613"/>
      <c r="KVU688" s="613"/>
      <c r="KVV688" s="613"/>
      <c r="KVW688" s="613"/>
      <c r="KVX688" s="613"/>
      <c r="KVY688" s="613"/>
      <c r="KVZ688" s="613"/>
      <c r="KWA688" s="613"/>
      <c r="KWB688" s="613"/>
      <c r="KWC688" s="613"/>
      <c r="KWD688" s="613"/>
      <c r="KWE688" s="613"/>
      <c r="KWF688" s="613"/>
      <c r="KWG688" s="613"/>
      <c r="KWH688" s="613"/>
      <c r="KWI688" s="613"/>
      <c r="KWJ688" s="613"/>
      <c r="KWK688" s="613"/>
      <c r="KWL688" s="613"/>
      <c r="KWM688" s="613"/>
      <c r="KWN688" s="613"/>
      <c r="KWO688" s="613"/>
      <c r="KWP688" s="613"/>
      <c r="KWQ688" s="613"/>
      <c r="KWR688" s="613"/>
      <c r="KWS688" s="613"/>
      <c r="KWT688" s="613"/>
      <c r="KWU688" s="613"/>
      <c r="KWV688" s="613"/>
      <c r="KWW688" s="613"/>
      <c r="KWX688" s="613"/>
      <c r="KWY688" s="613"/>
      <c r="KWZ688" s="613"/>
      <c r="KXA688" s="613"/>
      <c r="KXB688" s="613"/>
      <c r="KXC688" s="613"/>
      <c r="KXD688" s="613"/>
      <c r="KXE688" s="613"/>
      <c r="KXF688" s="613"/>
      <c r="KXG688" s="613"/>
      <c r="KXH688" s="613"/>
      <c r="KXI688" s="613"/>
      <c r="KXJ688" s="613"/>
      <c r="KXK688" s="613"/>
      <c r="KXL688" s="613"/>
      <c r="KXM688" s="613"/>
      <c r="KXN688" s="613"/>
      <c r="KXO688" s="613"/>
      <c r="KXP688" s="613"/>
      <c r="KXQ688" s="613"/>
      <c r="KXR688" s="613"/>
      <c r="KXS688" s="613"/>
      <c r="KXT688" s="613"/>
      <c r="KXU688" s="613"/>
      <c r="KXV688" s="613"/>
      <c r="KXW688" s="613"/>
      <c r="KXX688" s="613"/>
      <c r="KXY688" s="613"/>
      <c r="KXZ688" s="613"/>
      <c r="KYA688" s="613"/>
      <c r="KYB688" s="613"/>
      <c r="KYC688" s="613"/>
      <c r="KYD688" s="613"/>
      <c r="KYE688" s="613"/>
      <c r="KYF688" s="613"/>
      <c r="KYG688" s="613"/>
      <c r="KYH688" s="613"/>
      <c r="KYI688" s="613"/>
      <c r="KYJ688" s="613"/>
      <c r="KYK688" s="613"/>
      <c r="KYL688" s="613"/>
      <c r="KYM688" s="613"/>
      <c r="KYN688" s="613"/>
      <c r="KYO688" s="613"/>
      <c r="KYP688" s="613"/>
      <c r="KYQ688" s="613"/>
      <c r="KYR688" s="613"/>
      <c r="KYS688" s="613"/>
      <c r="KYT688" s="613"/>
      <c r="KYU688" s="613"/>
      <c r="KYV688" s="613"/>
      <c r="KYW688" s="613"/>
      <c r="KYX688" s="613"/>
      <c r="KYY688" s="613"/>
      <c r="KYZ688" s="613"/>
      <c r="KZA688" s="613"/>
      <c r="KZB688" s="613"/>
      <c r="KZC688" s="613"/>
      <c r="KZD688" s="613"/>
      <c r="KZE688" s="613"/>
      <c r="KZF688" s="613"/>
      <c r="KZG688" s="613"/>
      <c r="KZH688" s="613"/>
      <c r="KZI688" s="613"/>
      <c r="KZJ688" s="613"/>
      <c r="KZK688" s="613"/>
      <c r="KZL688" s="613"/>
      <c r="KZM688" s="613"/>
      <c r="KZN688" s="613"/>
      <c r="KZO688" s="613"/>
      <c r="KZP688" s="613"/>
      <c r="KZQ688" s="613"/>
      <c r="KZR688" s="613"/>
      <c r="KZS688" s="613"/>
      <c r="KZT688" s="613"/>
      <c r="KZU688" s="613"/>
      <c r="KZV688" s="613"/>
      <c r="KZW688" s="613"/>
      <c r="KZX688" s="613"/>
      <c r="KZY688" s="613"/>
      <c r="KZZ688" s="613"/>
      <c r="LAA688" s="613"/>
      <c r="LAB688" s="613"/>
      <c r="LAC688" s="613"/>
      <c r="LAD688" s="613"/>
      <c r="LAE688" s="613"/>
      <c r="LAF688" s="613"/>
      <c r="LAG688" s="613"/>
      <c r="LAH688" s="613"/>
      <c r="LAI688" s="613"/>
      <c r="LAJ688" s="613"/>
      <c r="LAK688" s="613"/>
      <c r="LAL688" s="613"/>
      <c r="LAM688" s="613"/>
      <c r="LAN688" s="613"/>
      <c r="LAO688" s="613"/>
      <c r="LAP688" s="613"/>
      <c r="LAQ688" s="613"/>
      <c r="LAR688" s="613"/>
      <c r="LAS688" s="613"/>
      <c r="LAT688" s="613"/>
      <c r="LAU688" s="613"/>
      <c r="LAV688" s="613"/>
      <c r="LAW688" s="613"/>
      <c r="LAX688" s="613"/>
      <c r="LAY688" s="613"/>
      <c r="LAZ688" s="613"/>
      <c r="LBA688" s="613"/>
      <c r="LBB688" s="613"/>
      <c r="LBC688" s="613"/>
      <c r="LBD688" s="613"/>
      <c r="LBE688" s="613"/>
      <c r="LBF688" s="613"/>
      <c r="LBG688" s="613"/>
      <c r="LBH688" s="613"/>
      <c r="LBI688" s="613"/>
      <c r="LBJ688" s="613"/>
      <c r="LBK688" s="613"/>
      <c r="LBL688" s="613"/>
      <c r="LBM688" s="613"/>
      <c r="LBN688" s="613"/>
      <c r="LBO688" s="613"/>
      <c r="LBP688" s="613"/>
      <c r="LBQ688" s="613"/>
      <c r="LBR688" s="613"/>
      <c r="LBS688" s="613"/>
      <c r="LBT688" s="613"/>
      <c r="LBU688" s="613"/>
      <c r="LBV688" s="613"/>
      <c r="LBW688" s="613"/>
      <c r="LBX688" s="613"/>
      <c r="LBY688" s="613"/>
      <c r="LBZ688" s="613"/>
      <c r="LCA688" s="613"/>
      <c r="LCB688" s="613"/>
      <c r="LCC688" s="613"/>
      <c r="LCD688" s="613"/>
      <c r="LCE688" s="613"/>
      <c r="LCF688" s="613"/>
      <c r="LCG688" s="613"/>
      <c r="LCH688" s="613"/>
      <c r="LCI688" s="613"/>
      <c r="LCJ688" s="613"/>
      <c r="LCK688" s="613"/>
      <c r="LCL688" s="613"/>
      <c r="LCM688" s="613"/>
      <c r="LCN688" s="613"/>
      <c r="LCO688" s="613"/>
      <c r="LCP688" s="613"/>
      <c r="LCQ688" s="613"/>
      <c r="LCR688" s="613"/>
      <c r="LCS688" s="613"/>
      <c r="LCT688" s="613"/>
      <c r="LCU688" s="613"/>
      <c r="LCV688" s="613"/>
      <c r="LCW688" s="613"/>
      <c r="LCX688" s="613"/>
      <c r="LCY688" s="613"/>
      <c r="LCZ688" s="613"/>
      <c r="LDA688" s="613"/>
      <c r="LDB688" s="613"/>
      <c r="LDC688" s="613"/>
      <c r="LDD688" s="613"/>
      <c r="LDE688" s="613"/>
      <c r="LDF688" s="613"/>
      <c r="LDG688" s="613"/>
      <c r="LDH688" s="613"/>
      <c r="LDI688" s="613"/>
      <c r="LDJ688" s="613"/>
      <c r="LDK688" s="613"/>
      <c r="LDL688" s="613"/>
      <c r="LDM688" s="613"/>
      <c r="LDN688" s="613"/>
      <c r="LDO688" s="613"/>
      <c r="LDP688" s="613"/>
      <c r="LDQ688" s="613"/>
      <c r="LDR688" s="613"/>
      <c r="LDS688" s="613"/>
      <c r="LDT688" s="613"/>
      <c r="LDU688" s="613"/>
      <c r="LDV688" s="613"/>
      <c r="LDW688" s="613"/>
      <c r="LDX688" s="613"/>
      <c r="LDY688" s="613"/>
      <c r="LDZ688" s="613"/>
      <c r="LEA688" s="613"/>
      <c r="LEB688" s="613"/>
      <c r="LEC688" s="613"/>
      <c r="LED688" s="613"/>
      <c r="LEE688" s="613"/>
      <c r="LEF688" s="613"/>
      <c r="LEG688" s="613"/>
      <c r="LEH688" s="613"/>
      <c r="LEI688" s="613"/>
      <c r="LEJ688" s="613"/>
      <c r="LEK688" s="613"/>
      <c r="LEL688" s="613"/>
      <c r="LEM688" s="613"/>
      <c r="LEN688" s="613"/>
      <c r="LEO688" s="613"/>
      <c r="LEP688" s="613"/>
      <c r="LEQ688" s="613"/>
      <c r="LER688" s="613"/>
      <c r="LES688" s="613"/>
      <c r="LET688" s="613"/>
      <c r="LEU688" s="613"/>
      <c r="LEV688" s="613"/>
      <c r="LEW688" s="613"/>
      <c r="LEX688" s="613"/>
      <c r="LEY688" s="613"/>
      <c r="LEZ688" s="613"/>
      <c r="LFA688" s="613"/>
      <c r="LFB688" s="613"/>
      <c r="LFC688" s="613"/>
      <c r="LFD688" s="613"/>
      <c r="LFE688" s="613"/>
      <c r="LFF688" s="613"/>
      <c r="LFG688" s="613"/>
      <c r="LFH688" s="613"/>
      <c r="LFI688" s="613"/>
      <c r="LFJ688" s="613"/>
      <c r="LFK688" s="613"/>
      <c r="LFL688" s="613"/>
      <c r="LFM688" s="613"/>
      <c r="LFN688" s="613"/>
      <c r="LFO688" s="613"/>
      <c r="LFP688" s="613"/>
      <c r="LFQ688" s="613"/>
      <c r="LFR688" s="613"/>
      <c r="LFS688" s="613"/>
      <c r="LFT688" s="613"/>
      <c r="LFU688" s="613"/>
      <c r="LFV688" s="613"/>
      <c r="LFW688" s="613"/>
      <c r="LFX688" s="613"/>
      <c r="LFY688" s="613"/>
      <c r="LFZ688" s="613"/>
      <c r="LGA688" s="613"/>
      <c r="LGB688" s="613"/>
      <c r="LGC688" s="613"/>
      <c r="LGD688" s="613"/>
      <c r="LGE688" s="613"/>
      <c r="LGF688" s="613"/>
      <c r="LGG688" s="613"/>
      <c r="LGH688" s="613"/>
      <c r="LGI688" s="613"/>
      <c r="LGJ688" s="613"/>
      <c r="LGK688" s="613"/>
      <c r="LGL688" s="613"/>
      <c r="LGM688" s="613"/>
      <c r="LGN688" s="613"/>
      <c r="LGO688" s="613"/>
      <c r="LGP688" s="613"/>
      <c r="LGQ688" s="613"/>
      <c r="LGR688" s="613"/>
      <c r="LGS688" s="613"/>
      <c r="LGT688" s="613"/>
      <c r="LGU688" s="613"/>
      <c r="LGV688" s="613"/>
      <c r="LGW688" s="613"/>
      <c r="LGX688" s="613"/>
      <c r="LGY688" s="613"/>
      <c r="LGZ688" s="613"/>
      <c r="LHA688" s="613"/>
      <c r="LHB688" s="613"/>
      <c r="LHC688" s="613"/>
      <c r="LHD688" s="613"/>
      <c r="LHE688" s="613"/>
      <c r="LHF688" s="613"/>
      <c r="LHG688" s="613"/>
      <c r="LHH688" s="613"/>
      <c r="LHI688" s="613"/>
      <c r="LHJ688" s="613"/>
      <c r="LHK688" s="613"/>
      <c r="LHL688" s="613"/>
      <c r="LHM688" s="613"/>
      <c r="LHN688" s="613"/>
      <c r="LHO688" s="613"/>
      <c r="LHP688" s="613"/>
      <c r="LHQ688" s="613"/>
      <c r="LHR688" s="613"/>
      <c r="LHS688" s="613"/>
      <c r="LHT688" s="613"/>
      <c r="LHU688" s="613"/>
      <c r="LHV688" s="613"/>
      <c r="LHW688" s="613"/>
      <c r="LHX688" s="613"/>
      <c r="LHY688" s="613"/>
      <c r="LHZ688" s="613"/>
      <c r="LIA688" s="613"/>
      <c r="LIB688" s="613"/>
      <c r="LIC688" s="613"/>
      <c r="LID688" s="613"/>
      <c r="LIE688" s="613"/>
      <c r="LIF688" s="613"/>
      <c r="LIG688" s="613"/>
      <c r="LIH688" s="613"/>
      <c r="LII688" s="613"/>
      <c r="LIJ688" s="613"/>
      <c r="LIK688" s="613"/>
      <c r="LIL688" s="613"/>
      <c r="LIM688" s="613"/>
      <c r="LIN688" s="613"/>
      <c r="LIO688" s="613"/>
      <c r="LIP688" s="613"/>
      <c r="LIQ688" s="613"/>
      <c r="LIR688" s="613"/>
      <c r="LIS688" s="613"/>
      <c r="LIT688" s="613"/>
      <c r="LIU688" s="613"/>
      <c r="LIV688" s="613"/>
      <c r="LIW688" s="613"/>
      <c r="LIX688" s="613"/>
      <c r="LIY688" s="613"/>
      <c r="LIZ688" s="613"/>
      <c r="LJA688" s="613"/>
      <c r="LJB688" s="613"/>
      <c r="LJC688" s="613"/>
      <c r="LJD688" s="613"/>
      <c r="LJE688" s="613"/>
      <c r="LJF688" s="613"/>
      <c r="LJG688" s="613"/>
      <c r="LJH688" s="613"/>
      <c r="LJI688" s="613"/>
      <c r="LJJ688" s="613"/>
      <c r="LJK688" s="613"/>
      <c r="LJL688" s="613"/>
      <c r="LJM688" s="613"/>
      <c r="LJN688" s="613"/>
      <c r="LJO688" s="613"/>
      <c r="LJP688" s="613"/>
      <c r="LJQ688" s="613"/>
      <c r="LJR688" s="613"/>
      <c r="LJS688" s="613"/>
      <c r="LJT688" s="613"/>
      <c r="LJU688" s="613"/>
      <c r="LJV688" s="613"/>
      <c r="LJW688" s="613"/>
      <c r="LJX688" s="613"/>
      <c r="LJY688" s="613"/>
      <c r="LJZ688" s="613"/>
      <c r="LKA688" s="613"/>
      <c r="LKB688" s="613"/>
      <c r="LKC688" s="613"/>
      <c r="LKD688" s="613"/>
      <c r="LKE688" s="613"/>
      <c r="LKF688" s="613"/>
      <c r="LKG688" s="613"/>
      <c r="LKH688" s="613"/>
      <c r="LKI688" s="613"/>
      <c r="LKJ688" s="613"/>
      <c r="LKK688" s="613"/>
      <c r="LKL688" s="613"/>
      <c r="LKM688" s="613"/>
      <c r="LKN688" s="613"/>
      <c r="LKO688" s="613"/>
      <c r="LKP688" s="613"/>
      <c r="LKQ688" s="613"/>
      <c r="LKR688" s="613"/>
      <c r="LKS688" s="613"/>
      <c r="LKT688" s="613"/>
      <c r="LKU688" s="613"/>
      <c r="LKV688" s="613"/>
      <c r="LKW688" s="613"/>
      <c r="LKX688" s="613"/>
      <c r="LKY688" s="613"/>
      <c r="LKZ688" s="613"/>
      <c r="LLA688" s="613"/>
      <c r="LLB688" s="613"/>
      <c r="LLC688" s="613"/>
      <c r="LLD688" s="613"/>
      <c r="LLE688" s="613"/>
      <c r="LLF688" s="613"/>
      <c r="LLG688" s="613"/>
      <c r="LLH688" s="613"/>
      <c r="LLI688" s="613"/>
      <c r="LLJ688" s="613"/>
      <c r="LLK688" s="613"/>
      <c r="LLL688" s="613"/>
      <c r="LLM688" s="613"/>
      <c r="LLN688" s="613"/>
      <c r="LLO688" s="613"/>
      <c r="LLP688" s="613"/>
      <c r="LLQ688" s="613"/>
      <c r="LLR688" s="613"/>
      <c r="LLS688" s="613"/>
      <c r="LLT688" s="613"/>
      <c r="LLU688" s="613"/>
      <c r="LLV688" s="613"/>
      <c r="LLW688" s="613"/>
      <c r="LLX688" s="613"/>
      <c r="LLY688" s="613"/>
      <c r="LLZ688" s="613"/>
      <c r="LMA688" s="613"/>
      <c r="LMB688" s="613"/>
      <c r="LMC688" s="613"/>
      <c r="LMD688" s="613"/>
      <c r="LME688" s="613"/>
      <c r="LMF688" s="613"/>
      <c r="LMG688" s="613"/>
      <c r="LMH688" s="613"/>
      <c r="LMI688" s="613"/>
      <c r="LMJ688" s="613"/>
      <c r="LMK688" s="613"/>
      <c r="LML688" s="613"/>
      <c r="LMM688" s="613"/>
      <c r="LMN688" s="613"/>
      <c r="LMO688" s="613"/>
      <c r="LMP688" s="613"/>
      <c r="LMQ688" s="613"/>
      <c r="LMR688" s="613"/>
      <c r="LMS688" s="613"/>
      <c r="LMT688" s="613"/>
      <c r="LMU688" s="613"/>
      <c r="LMV688" s="613"/>
      <c r="LMW688" s="613"/>
      <c r="LMX688" s="613"/>
      <c r="LMY688" s="613"/>
      <c r="LMZ688" s="613"/>
      <c r="LNA688" s="613"/>
      <c r="LNB688" s="613"/>
      <c r="LNC688" s="613"/>
      <c r="LND688" s="613"/>
      <c r="LNE688" s="613"/>
      <c r="LNF688" s="613"/>
      <c r="LNG688" s="613"/>
      <c r="LNH688" s="613"/>
      <c r="LNI688" s="613"/>
      <c r="LNJ688" s="613"/>
      <c r="LNK688" s="613"/>
      <c r="LNL688" s="613"/>
      <c r="LNM688" s="613"/>
      <c r="LNN688" s="613"/>
      <c r="LNO688" s="613"/>
      <c r="LNP688" s="613"/>
      <c r="LNQ688" s="613"/>
      <c r="LNR688" s="613"/>
      <c r="LNS688" s="613"/>
      <c r="LNT688" s="613"/>
      <c r="LNU688" s="613"/>
      <c r="LNV688" s="613"/>
      <c r="LNW688" s="613"/>
      <c r="LNX688" s="613"/>
      <c r="LNY688" s="613"/>
      <c r="LNZ688" s="613"/>
      <c r="LOA688" s="613"/>
      <c r="LOB688" s="613"/>
      <c r="LOC688" s="613"/>
      <c r="LOD688" s="613"/>
      <c r="LOE688" s="613"/>
      <c r="LOF688" s="613"/>
      <c r="LOG688" s="613"/>
      <c r="LOH688" s="613"/>
      <c r="LOI688" s="613"/>
      <c r="LOJ688" s="613"/>
      <c r="LOK688" s="613"/>
      <c r="LOL688" s="613"/>
      <c r="LOM688" s="613"/>
      <c r="LON688" s="613"/>
      <c r="LOO688" s="613"/>
      <c r="LOP688" s="613"/>
      <c r="LOQ688" s="613"/>
      <c r="LOR688" s="613"/>
      <c r="LOS688" s="613"/>
      <c r="LOT688" s="613"/>
      <c r="LOU688" s="613"/>
      <c r="LOV688" s="613"/>
      <c r="LOW688" s="613"/>
      <c r="LOX688" s="613"/>
      <c r="LOY688" s="613"/>
      <c r="LOZ688" s="613"/>
      <c r="LPA688" s="613"/>
      <c r="LPB688" s="613"/>
      <c r="LPC688" s="613"/>
      <c r="LPD688" s="613"/>
      <c r="LPE688" s="613"/>
      <c r="LPF688" s="613"/>
      <c r="LPG688" s="613"/>
      <c r="LPH688" s="613"/>
      <c r="LPI688" s="613"/>
      <c r="LPJ688" s="613"/>
      <c r="LPK688" s="613"/>
      <c r="LPL688" s="613"/>
      <c r="LPM688" s="613"/>
      <c r="LPN688" s="613"/>
      <c r="LPO688" s="613"/>
      <c r="LPP688" s="613"/>
      <c r="LPQ688" s="613"/>
      <c r="LPR688" s="613"/>
      <c r="LPS688" s="613"/>
      <c r="LPT688" s="613"/>
      <c r="LPU688" s="613"/>
      <c r="LPV688" s="613"/>
      <c r="LPW688" s="613"/>
      <c r="LPX688" s="613"/>
      <c r="LPY688" s="613"/>
      <c r="LPZ688" s="613"/>
      <c r="LQA688" s="613"/>
      <c r="LQB688" s="613"/>
      <c r="LQC688" s="613"/>
      <c r="LQD688" s="613"/>
      <c r="LQE688" s="613"/>
      <c r="LQF688" s="613"/>
      <c r="LQG688" s="613"/>
      <c r="LQH688" s="613"/>
      <c r="LQI688" s="613"/>
      <c r="LQJ688" s="613"/>
      <c r="LQK688" s="613"/>
      <c r="LQL688" s="613"/>
      <c r="LQM688" s="613"/>
      <c r="LQN688" s="613"/>
      <c r="LQO688" s="613"/>
      <c r="LQP688" s="613"/>
      <c r="LQQ688" s="613"/>
      <c r="LQR688" s="613"/>
      <c r="LQS688" s="613"/>
      <c r="LQT688" s="613"/>
      <c r="LQU688" s="613"/>
      <c r="LQV688" s="613"/>
      <c r="LQW688" s="613"/>
      <c r="LQX688" s="613"/>
      <c r="LQY688" s="613"/>
      <c r="LQZ688" s="613"/>
      <c r="LRA688" s="613"/>
      <c r="LRB688" s="613"/>
      <c r="LRC688" s="613"/>
      <c r="LRD688" s="613"/>
      <c r="LRE688" s="613"/>
      <c r="LRF688" s="613"/>
      <c r="LRG688" s="613"/>
      <c r="LRH688" s="613"/>
      <c r="LRI688" s="613"/>
      <c r="LRJ688" s="613"/>
      <c r="LRK688" s="613"/>
      <c r="LRL688" s="613"/>
      <c r="LRM688" s="613"/>
      <c r="LRN688" s="613"/>
      <c r="LRO688" s="613"/>
      <c r="LRP688" s="613"/>
      <c r="LRQ688" s="613"/>
      <c r="LRR688" s="613"/>
      <c r="LRS688" s="613"/>
      <c r="LRT688" s="613"/>
      <c r="LRU688" s="613"/>
      <c r="LRV688" s="613"/>
      <c r="LRW688" s="613"/>
      <c r="LRX688" s="613"/>
      <c r="LRY688" s="613"/>
      <c r="LRZ688" s="613"/>
      <c r="LSA688" s="613"/>
      <c r="LSB688" s="613"/>
      <c r="LSC688" s="613"/>
      <c r="LSD688" s="613"/>
      <c r="LSE688" s="613"/>
      <c r="LSF688" s="613"/>
      <c r="LSG688" s="613"/>
      <c r="LSH688" s="613"/>
      <c r="LSI688" s="613"/>
      <c r="LSJ688" s="613"/>
      <c r="LSK688" s="613"/>
      <c r="LSL688" s="613"/>
      <c r="LSM688" s="613"/>
      <c r="LSN688" s="613"/>
      <c r="LSO688" s="613"/>
      <c r="LSP688" s="613"/>
      <c r="LSQ688" s="613"/>
      <c r="LSR688" s="613"/>
      <c r="LSS688" s="613"/>
      <c r="LST688" s="613"/>
      <c r="LSU688" s="613"/>
      <c r="LSV688" s="613"/>
      <c r="LSW688" s="613"/>
      <c r="LSX688" s="613"/>
      <c r="LSY688" s="613"/>
      <c r="LSZ688" s="613"/>
      <c r="LTA688" s="613"/>
      <c r="LTB688" s="613"/>
      <c r="LTC688" s="613"/>
      <c r="LTD688" s="613"/>
      <c r="LTE688" s="613"/>
      <c r="LTF688" s="613"/>
      <c r="LTG688" s="613"/>
      <c r="LTH688" s="613"/>
      <c r="LTI688" s="613"/>
      <c r="LTJ688" s="613"/>
      <c r="LTK688" s="613"/>
      <c r="LTL688" s="613"/>
      <c r="LTM688" s="613"/>
      <c r="LTN688" s="613"/>
      <c r="LTO688" s="613"/>
      <c r="LTP688" s="613"/>
      <c r="LTQ688" s="613"/>
      <c r="LTR688" s="613"/>
      <c r="LTS688" s="613"/>
      <c r="LTT688" s="613"/>
      <c r="LTU688" s="613"/>
      <c r="LTV688" s="613"/>
      <c r="LTW688" s="613"/>
      <c r="LTX688" s="613"/>
      <c r="LTY688" s="613"/>
      <c r="LTZ688" s="613"/>
      <c r="LUA688" s="613"/>
      <c r="LUB688" s="613"/>
      <c r="LUC688" s="613"/>
      <c r="LUD688" s="613"/>
      <c r="LUE688" s="613"/>
      <c r="LUF688" s="613"/>
      <c r="LUG688" s="613"/>
      <c r="LUH688" s="613"/>
      <c r="LUI688" s="613"/>
      <c r="LUJ688" s="613"/>
      <c r="LUK688" s="613"/>
      <c r="LUL688" s="613"/>
      <c r="LUM688" s="613"/>
      <c r="LUN688" s="613"/>
      <c r="LUO688" s="613"/>
      <c r="LUP688" s="613"/>
      <c r="LUQ688" s="613"/>
      <c r="LUR688" s="613"/>
      <c r="LUS688" s="613"/>
      <c r="LUT688" s="613"/>
      <c r="LUU688" s="613"/>
      <c r="LUV688" s="613"/>
      <c r="LUW688" s="613"/>
      <c r="LUX688" s="613"/>
      <c r="LUY688" s="613"/>
      <c r="LUZ688" s="613"/>
      <c r="LVA688" s="613"/>
      <c r="LVB688" s="613"/>
      <c r="LVC688" s="613"/>
      <c r="LVD688" s="613"/>
      <c r="LVE688" s="613"/>
      <c r="LVF688" s="613"/>
      <c r="LVG688" s="613"/>
      <c r="LVH688" s="613"/>
      <c r="LVI688" s="613"/>
      <c r="LVJ688" s="613"/>
      <c r="LVK688" s="613"/>
      <c r="LVL688" s="613"/>
      <c r="LVM688" s="613"/>
      <c r="LVN688" s="613"/>
      <c r="LVO688" s="613"/>
      <c r="LVP688" s="613"/>
      <c r="LVQ688" s="613"/>
      <c r="LVR688" s="613"/>
      <c r="LVS688" s="613"/>
      <c r="LVT688" s="613"/>
      <c r="LVU688" s="613"/>
      <c r="LVV688" s="613"/>
      <c r="LVW688" s="613"/>
      <c r="LVX688" s="613"/>
      <c r="LVY688" s="613"/>
      <c r="LVZ688" s="613"/>
      <c r="LWA688" s="613"/>
      <c r="LWB688" s="613"/>
      <c r="LWC688" s="613"/>
      <c r="LWD688" s="613"/>
      <c r="LWE688" s="613"/>
      <c r="LWF688" s="613"/>
      <c r="LWG688" s="613"/>
      <c r="LWH688" s="613"/>
      <c r="LWI688" s="613"/>
      <c r="LWJ688" s="613"/>
      <c r="LWK688" s="613"/>
      <c r="LWL688" s="613"/>
      <c r="LWM688" s="613"/>
      <c r="LWN688" s="613"/>
      <c r="LWO688" s="613"/>
      <c r="LWP688" s="613"/>
      <c r="LWQ688" s="613"/>
      <c r="LWR688" s="613"/>
      <c r="LWS688" s="613"/>
      <c r="LWT688" s="613"/>
      <c r="LWU688" s="613"/>
      <c r="LWV688" s="613"/>
      <c r="LWW688" s="613"/>
      <c r="LWX688" s="613"/>
      <c r="LWY688" s="613"/>
      <c r="LWZ688" s="613"/>
      <c r="LXA688" s="613"/>
      <c r="LXB688" s="613"/>
      <c r="LXC688" s="613"/>
      <c r="LXD688" s="613"/>
      <c r="LXE688" s="613"/>
      <c r="LXF688" s="613"/>
      <c r="LXG688" s="613"/>
      <c r="LXH688" s="613"/>
      <c r="LXI688" s="613"/>
      <c r="LXJ688" s="613"/>
      <c r="LXK688" s="613"/>
      <c r="LXL688" s="613"/>
      <c r="LXM688" s="613"/>
      <c r="LXN688" s="613"/>
      <c r="LXO688" s="613"/>
      <c r="LXP688" s="613"/>
      <c r="LXQ688" s="613"/>
      <c r="LXR688" s="613"/>
      <c r="LXS688" s="613"/>
      <c r="LXT688" s="613"/>
      <c r="LXU688" s="613"/>
      <c r="LXV688" s="613"/>
      <c r="LXW688" s="613"/>
      <c r="LXX688" s="613"/>
      <c r="LXY688" s="613"/>
      <c r="LXZ688" s="613"/>
      <c r="LYA688" s="613"/>
      <c r="LYB688" s="613"/>
      <c r="LYC688" s="613"/>
      <c r="LYD688" s="613"/>
      <c r="LYE688" s="613"/>
      <c r="LYF688" s="613"/>
      <c r="LYG688" s="613"/>
      <c r="LYH688" s="613"/>
      <c r="LYI688" s="613"/>
      <c r="LYJ688" s="613"/>
      <c r="LYK688" s="613"/>
      <c r="LYL688" s="613"/>
      <c r="LYM688" s="613"/>
      <c r="LYN688" s="613"/>
      <c r="LYO688" s="613"/>
      <c r="LYP688" s="613"/>
      <c r="LYQ688" s="613"/>
      <c r="LYR688" s="613"/>
      <c r="LYS688" s="613"/>
      <c r="LYT688" s="613"/>
      <c r="LYU688" s="613"/>
      <c r="LYV688" s="613"/>
      <c r="LYW688" s="613"/>
      <c r="LYX688" s="613"/>
      <c r="LYY688" s="613"/>
      <c r="LYZ688" s="613"/>
      <c r="LZA688" s="613"/>
      <c r="LZB688" s="613"/>
      <c r="LZC688" s="613"/>
      <c r="LZD688" s="613"/>
      <c r="LZE688" s="613"/>
      <c r="LZF688" s="613"/>
      <c r="LZG688" s="613"/>
      <c r="LZH688" s="613"/>
      <c r="LZI688" s="613"/>
      <c r="LZJ688" s="613"/>
      <c r="LZK688" s="613"/>
      <c r="LZL688" s="613"/>
      <c r="LZM688" s="613"/>
      <c r="LZN688" s="613"/>
      <c r="LZO688" s="613"/>
      <c r="LZP688" s="613"/>
      <c r="LZQ688" s="613"/>
      <c r="LZR688" s="613"/>
      <c r="LZS688" s="613"/>
      <c r="LZT688" s="613"/>
      <c r="LZU688" s="613"/>
      <c r="LZV688" s="613"/>
      <c r="LZW688" s="613"/>
      <c r="LZX688" s="613"/>
      <c r="LZY688" s="613"/>
      <c r="LZZ688" s="613"/>
      <c r="MAA688" s="613"/>
      <c r="MAB688" s="613"/>
      <c r="MAC688" s="613"/>
      <c r="MAD688" s="613"/>
      <c r="MAE688" s="613"/>
      <c r="MAF688" s="613"/>
      <c r="MAG688" s="613"/>
      <c r="MAH688" s="613"/>
      <c r="MAI688" s="613"/>
      <c r="MAJ688" s="613"/>
      <c r="MAK688" s="613"/>
      <c r="MAL688" s="613"/>
      <c r="MAM688" s="613"/>
      <c r="MAN688" s="613"/>
      <c r="MAO688" s="613"/>
      <c r="MAP688" s="613"/>
      <c r="MAQ688" s="613"/>
      <c r="MAR688" s="613"/>
      <c r="MAS688" s="613"/>
      <c r="MAT688" s="613"/>
      <c r="MAU688" s="613"/>
      <c r="MAV688" s="613"/>
      <c r="MAW688" s="613"/>
      <c r="MAX688" s="613"/>
      <c r="MAY688" s="613"/>
      <c r="MAZ688" s="613"/>
      <c r="MBA688" s="613"/>
      <c r="MBB688" s="613"/>
      <c r="MBC688" s="613"/>
      <c r="MBD688" s="613"/>
      <c r="MBE688" s="613"/>
      <c r="MBF688" s="613"/>
      <c r="MBG688" s="613"/>
      <c r="MBH688" s="613"/>
      <c r="MBI688" s="613"/>
      <c r="MBJ688" s="613"/>
      <c r="MBK688" s="613"/>
      <c r="MBL688" s="613"/>
      <c r="MBM688" s="613"/>
      <c r="MBN688" s="613"/>
      <c r="MBO688" s="613"/>
      <c r="MBP688" s="613"/>
      <c r="MBQ688" s="613"/>
      <c r="MBR688" s="613"/>
      <c r="MBS688" s="613"/>
      <c r="MBT688" s="613"/>
      <c r="MBU688" s="613"/>
      <c r="MBV688" s="613"/>
      <c r="MBW688" s="613"/>
      <c r="MBX688" s="613"/>
      <c r="MBY688" s="613"/>
      <c r="MBZ688" s="613"/>
      <c r="MCA688" s="613"/>
      <c r="MCB688" s="613"/>
      <c r="MCC688" s="613"/>
      <c r="MCD688" s="613"/>
      <c r="MCE688" s="613"/>
      <c r="MCF688" s="613"/>
      <c r="MCG688" s="613"/>
      <c r="MCH688" s="613"/>
      <c r="MCI688" s="613"/>
      <c r="MCJ688" s="613"/>
      <c r="MCK688" s="613"/>
      <c r="MCL688" s="613"/>
      <c r="MCM688" s="613"/>
      <c r="MCN688" s="613"/>
      <c r="MCO688" s="613"/>
      <c r="MCP688" s="613"/>
      <c r="MCQ688" s="613"/>
      <c r="MCR688" s="613"/>
      <c r="MCS688" s="613"/>
      <c r="MCT688" s="613"/>
      <c r="MCU688" s="613"/>
      <c r="MCV688" s="613"/>
      <c r="MCW688" s="613"/>
      <c r="MCX688" s="613"/>
      <c r="MCY688" s="613"/>
      <c r="MCZ688" s="613"/>
      <c r="MDA688" s="613"/>
      <c r="MDB688" s="613"/>
      <c r="MDC688" s="613"/>
      <c r="MDD688" s="613"/>
      <c r="MDE688" s="613"/>
      <c r="MDF688" s="613"/>
      <c r="MDG688" s="613"/>
      <c r="MDH688" s="613"/>
      <c r="MDI688" s="613"/>
      <c r="MDJ688" s="613"/>
      <c r="MDK688" s="613"/>
      <c r="MDL688" s="613"/>
      <c r="MDM688" s="613"/>
      <c r="MDN688" s="613"/>
      <c r="MDO688" s="613"/>
      <c r="MDP688" s="613"/>
      <c r="MDQ688" s="613"/>
      <c r="MDR688" s="613"/>
      <c r="MDS688" s="613"/>
      <c r="MDT688" s="613"/>
      <c r="MDU688" s="613"/>
      <c r="MDV688" s="613"/>
      <c r="MDW688" s="613"/>
      <c r="MDX688" s="613"/>
      <c r="MDY688" s="613"/>
      <c r="MDZ688" s="613"/>
      <c r="MEA688" s="613"/>
      <c r="MEB688" s="613"/>
      <c r="MEC688" s="613"/>
      <c r="MED688" s="613"/>
      <c r="MEE688" s="613"/>
      <c r="MEF688" s="613"/>
      <c r="MEG688" s="613"/>
      <c r="MEH688" s="613"/>
      <c r="MEI688" s="613"/>
      <c r="MEJ688" s="613"/>
      <c r="MEK688" s="613"/>
      <c r="MEL688" s="613"/>
      <c r="MEM688" s="613"/>
      <c r="MEN688" s="613"/>
      <c r="MEO688" s="613"/>
      <c r="MEP688" s="613"/>
      <c r="MEQ688" s="613"/>
      <c r="MER688" s="613"/>
      <c r="MES688" s="613"/>
      <c r="MET688" s="613"/>
      <c r="MEU688" s="613"/>
      <c r="MEV688" s="613"/>
      <c r="MEW688" s="613"/>
      <c r="MEX688" s="613"/>
      <c r="MEY688" s="613"/>
      <c r="MEZ688" s="613"/>
      <c r="MFA688" s="613"/>
      <c r="MFB688" s="613"/>
      <c r="MFC688" s="613"/>
      <c r="MFD688" s="613"/>
      <c r="MFE688" s="613"/>
      <c r="MFF688" s="613"/>
      <c r="MFG688" s="613"/>
      <c r="MFH688" s="613"/>
      <c r="MFI688" s="613"/>
      <c r="MFJ688" s="613"/>
      <c r="MFK688" s="613"/>
      <c r="MFL688" s="613"/>
      <c r="MFM688" s="613"/>
      <c r="MFN688" s="613"/>
      <c r="MFO688" s="613"/>
      <c r="MFP688" s="613"/>
      <c r="MFQ688" s="613"/>
      <c r="MFR688" s="613"/>
      <c r="MFS688" s="613"/>
      <c r="MFT688" s="613"/>
      <c r="MFU688" s="613"/>
      <c r="MFV688" s="613"/>
      <c r="MFW688" s="613"/>
      <c r="MFX688" s="613"/>
      <c r="MFY688" s="613"/>
      <c r="MFZ688" s="613"/>
      <c r="MGA688" s="613"/>
      <c r="MGB688" s="613"/>
      <c r="MGC688" s="613"/>
      <c r="MGD688" s="613"/>
      <c r="MGE688" s="613"/>
      <c r="MGF688" s="613"/>
      <c r="MGG688" s="613"/>
      <c r="MGH688" s="613"/>
      <c r="MGI688" s="613"/>
      <c r="MGJ688" s="613"/>
      <c r="MGK688" s="613"/>
      <c r="MGL688" s="613"/>
      <c r="MGM688" s="613"/>
      <c r="MGN688" s="613"/>
      <c r="MGO688" s="613"/>
      <c r="MGP688" s="613"/>
      <c r="MGQ688" s="613"/>
      <c r="MGR688" s="613"/>
      <c r="MGS688" s="613"/>
      <c r="MGT688" s="613"/>
      <c r="MGU688" s="613"/>
      <c r="MGV688" s="613"/>
      <c r="MGW688" s="613"/>
      <c r="MGX688" s="613"/>
      <c r="MGY688" s="613"/>
      <c r="MGZ688" s="613"/>
      <c r="MHA688" s="613"/>
      <c r="MHB688" s="613"/>
      <c r="MHC688" s="613"/>
      <c r="MHD688" s="613"/>
      <c r="MHE688" s="613"/>
      <c r="MHF688" s="613"/>
      <c r="MHG688" s="613"/>
      <c r="MHH688" s="613"/>
      <c r="MHI688" s="613"/>
      <c r="MHJ688" s="613"/>
      <c r="MHK688" s="613"/>
      <c r="MHL688" s="613"/>
      <c r="MHM688" s="613"/>
      <c r="MHN688" s="613"/>
      <c r="MHO688" s="613"/>
      <c r="MHP688" s="613"/>
      <c r="MHQ688" s="613"/>
      <c r="MHR688" s="613"/>
      <c r="MHS688" s="613"/>
      <c r="MHT688" s="613"/>
      <c r="MHU688" s="613"/>
      <c r="MHV688" s="613"/>
      <c r="MHW688" s="613"/>
      <c r="MHX688" s="613"/>
      <c r="MHY688" s="613"/>
      <c r="MHZ688" s="613"/>
      <c r="MIA688" s="613"/>
      <c r="MIB688" s="613"/>
      <c r="MIC688" s="613"/>
      <c r="MID688" s="613"/>
      <c r="MIE688" s="613"/>
      <c r="MIF688" s="613"/>
      <c r="MIG688" s="613"/>
      <c r="MIH688" s="613"/>
      <c r="MII688" s="613"/>
      <c r="MIJ688" s="613"/>
      <c r="MIK688" s="613"/>
      <c r="MIL688" s="613"/>
      <c r="MIM688" s="613"/>
      <c r="MIN688" s="613"/>
      <c r="MIO688" s="613"/>
      <c r="MIP688" s="613"/>
      <c r="MIQ688" s="613"/>
      <c r="MIR688" s="613"/>
      <c r="MIS688" s="613"/>
      <c r="MIT688" s="613"/>
      <c r="MIU688" s="613"/>
      <c r="MIV688" s="613"/>
      <c r="MIW688" s="613"/>
      <c r="MIX688" s="613"/>
      <c r="MIY688" s="613"/>
      <c r="MIZ688" s="613"/>
      <c r="MJA688" s="613"/>
      <c r="MJB688" s="613"/>
      <c r="MJC688" s="613"/>
      <c r="MJD688" s="613"/>
      <c r="MJE688" s="613"/>
      <c r="MJF688" s="613"/>
      <c r="MJG688" s="613"/>
      <c r="MJH688" s="613"/>
      <c r="MJI688" s="613"/>
      <c r="MJJ688" s="613"/>
      <c r="MJK688" s="613"/>
      <c r="MJL688" s="613"/>
      <c r="MJM688" s="613"/>
      <c r="MJN688" s="613"/>
      <c r="MJO688" s="613"/>
      <c r="MJP688" s="613"/>
      <c r="MJQ688" s="613"/>
      <c r="MJR688" s="613"/>
      <c r="MJS688" s="613"/>
      <c r="MJT688" s="613"/>
      <c r="MJU688" s="613"/>
      <c r="MJV688" s="613"/>
      <c r="MJW688" s="613"/>
      <c r="MJX688" s="613"/>
      <c r="MJY688" s="613"/>
      <c r="MJZ688" s="613"/>
      <c r="MKA688" s="613"/>
      <c r="MKB688" s="613"/>
      <c r="MKC688" s="613"/>
      <c r="MKD688" s="613"/>
      <c r="MKE688" s="613"/>
      <c r="MKF688" s="613"/>
      <c r="MKG688" s="613"/>
      <c r="MKH688" s="613"/>
      <c r="MKI688" s="613"/>
      <c r="MKJ688" s="613"/>
      <c r="MKK688" s="613"/>
      <c r="MKL688" s="613"/>
      <c r="MKM688" s="613"/>
      <c r="MKN688" s="613"/>
      <c r="MKO688" s="613"/>
      <c r="MKP688" s="613"/>
      <c r="MKQ688" s="613"/>
      <c r="MKR688" s="613"/>
      <c r="MKS688" s="613"/>
      <c r="MKT688" s="613"/>
      <c r="MKU688" s="613"/>
      <c r="MKV688" s="613"/>
      <c r="MKW688" s="613"/>
      <c r="MKX688" s="613"/>
      <c r="MKY688" s="613"/>
      <c r="MKZ688" s="613"/>
      <c r="MLA688" s="613"/>
      <c r="MLB688" s="613"/>
      <c r="MLC688" s="613"/>
      <c r="MLD688" s="613"/>
      <c r="MLE688" s="613"/>
      <c r="MLF688" s="613"/>
      <c r="MLG688" s="613"/>
      <c r="MLH688" s="613"/>
      <c r="MLI688" s="613"/>
      <c r="MLJ688" s="613"/>
      <c r="MLK688" s="613"/>
      <c r="MLL688" s="613"/>
      <c r="MLM688" s="613"/>
      <c r="MLN688" s="613"/>
      <c r="MLO688" s="613"/>
      <c r="MLP688" s="613"/>
      <c r="MLQ688" s="613"/>
      <c r="MLR688" s="613"/>
      <c r="MLS688" s="613"/>
      <c r="MLT688" s="613"/>
      <c r="MLU688" s="613"/>
      <c r="MLV688" s="613"/>
      <c r="MLW688" s="613"/>
      <c r="MLX688" s="613"/>
      <c r="MLY688" s="613"/>
      <c r="MLZ688" s="613"/>
      <c r="MMA688" s="613"/>
      <c r="MMB688" s="613"/>
      <c r="MMC688" s="613"/>
      <c r="MMD688" s="613"/>
      <c r="MME688" s="613"/>
      <c r="MMF688" s="613"/>
      <c r="MMG688" s="613"/>
      <c r="MMH688" s="613"/>
      <c r="MMI688" s="613"/>
      <c r="MMJ688" s="613"/>
      <c r="MMK688" s="613"/>
      <c r="MML688" s="613"/>
      <c r="MMM688" s="613"/>
      <c r="MMN688" s="613"/>
      <c r="MMO688" s="613"/>
      <c r="MMP688" s="613"/>
      <c r="MMQ688" s="613"/>
      <c r="MMR688" s="613"/>
      <c r="MMS688" s="613"/>
      <c r="MMT688" s="613"/>
      <c r="MMU688" s="613"/>
      <c r="MMV688" s="613"/>
      <c r="MMW688" s="613"/>
      <c r="MMX688" s="613"/>
      <c r="MMY688" s="613"/>
      <c r="MMZ688" s="613"/>
      <c r="MNA688" s="613"/>
      <c r="MNB688" s="613"/>
      <c r="MNC688" s="613"/>
      <c r="MND688" s="613"/>
      <c r="MNE688" s="613"/>
      <c r="MNF688" s="613"/>
      <c r="MNG688" s="613"/>
      <c r="MNH688" s="613"/>
      <c r="MNI688" s="613"/>
      <c r="MNJ688" s="613"/>
      <c r="MNK688" s="613"/>
      <c r="MNL688" s="613"/>
      <c r="MNM688" s="613"/>
      <c r="MNN688" s="613"/>
      <c r="MNO688" s="613"/>
      <c r="MNP688" s="613"/>
      <c r="MNQ688" s="613"/>
      <c r="MNR688" s="613"/>
      <c r="MNS688" s="613"/>
      <c r="MNT688" s="613"/>
      <c r="MNU688" s="613"/>
      <c r="MNV688" s="613"/>
      <c r="MNW688" s="613"/>
      <c r="MNX688" s="613"/>
      <c r="MNY688" s="613"/>
      <c r="MNZ688" s="613"/>
      <c r="MOA688" s="613"/>
      <c r="MOB688" s="613"/>
      <c r="MOC688" s="613"/>
      <c r="MOD688" s="613"/>
      <c r="MOE688" s="613"/>
      <c r="MOF688" s="613"/>
      <c r="MOG688" s="613"/>
      <c r="MOH688" s="613"/>
      <c r="MOI688" s="613"/>
      <c r="MOJ688" s="613"/>
      <c r="MOK688" s="613"/>
      <c r="MOL688" s="613"/>
      <c r="MOM688" s="613"/>
      <c r="MON688" s="613"/>
      <c r="MOO688" s="613"/>
      <c r="MOP688" s="613"/>
      <c r="MOQ688" s="613"/>
      <c r="MOR688" s="613"/>
      <c r="MOS688" s="613"/>
      <c r="MOT688" s="613"/>
      <c r="MOU688" s="613"/>
      <c r="MOV688" s="613"/>
      <c r="MOW688" s="613"/>
      <c r="MOX688" s="613"/>
      <c r="MOY688" s="613"/>
      <c r="MOZ688" s="613"/>
      <c r="MPA688" s="613"/>
      <c r="MPB688" s="613"/>
      <c r="MPC688" s="613"/>
      <c r="MPD688" s="613"/>
      <c r="MPE688" s="613"/>
      <c r="MPF688" s="613"/>
      <c r="MPG688" s="613"/>
      <c r="MPH688" s="613"/>
      <c r="MPI688" s="613"/>
      <c r="MPJ688" s="613"/>
      <c r="MPK688" s="613"/>
      <c r="MPL688" s="613"/>
      <c r="MPM688" s="613"/>
      <c r="MPN688" s="613"/>
      <c r="MPO688" s="613"/>
      <c r="MPP688" s="613"/>
      <c r="MPQ688" s="613"/>
      <c r="MPR688" s="613"/>
      <c r="MPS688" s="613"/>
      <c r="MPT688" s="613"/>
      <c r="MPU688" s="613"/>
      <c r="MPV688" s="613"/>
      <c r="MPW688" s="613"/>
      <c r="MPX688" s="613"/>
      <c r="MPY688" s="613"/>
      <c r="MPZ688" s="613"/>
      <c r="MQA688" s="613"/>
      <c r="MQB688" s="613"/>
      <c r="MQC688" s="613"/>
      <c r="MQD688" s="613"/>
      <c r="MQE688" s="613"/>
      <c r="MQF688" s="613"/>
      <c r="MQG688" s="613"/>
      <c r="MQH688" s="613"/>
      <c r="MQI688" s="613"/>
      <c r="MQJ688" s="613"/>
      <c r="MQK688" s="613"/>
      <c r="MQL688" s="613"/>
      <c r="MQM688" s="613"/>
      <c r="MQN688" s="613"/>
      <c r="MQO688" s="613"/>
      <c r="MQP688" s="613"/>
      <c r="MQQ688" s="613"/>
      <c r="MQR688" s="613"/>
      <c r="MQS688" s="613"/>
      <c r="MQT688" s="613"/>
      <c r="MQU688" s="613"/>
      <c r="MQV688" s="613"/>
      <c r="MQW688" s="613"/>
      <c r="MQX688" s="613"/>
      <c r="MQY688" s="613"/>
      <c r="MQZ688" s="613"/>
      <c r="MRA688" s="613"/>
      <c r="MRB688" s="613"/>
      <c r="MRC688" s="613"/>
      <c r="MRD688" s="613"/>
      <c r="MRE688" s="613"/>
      <c r="MRF688" s="613"/>
      <c r="MRG688" s="613"/>
      <c r="MRH688" s="613"/>
      <c r="MRI688" s="613"/>
      <c r="MRJ688" s="613"/>
      <c r="MRK688" s="613"/>
      <c r="MRL688" s="613"/>
      <c r="MRM688" s="613"/>
      <c r="MRN688" s="613"/>
      <c r="MRO688" s="613"/>
      <c r="MRP688" s="613"/>
      <c r="MRQ688" s="613"/>
      <c r="MRR688" s="613"/>
      <c r="MRS688" s="613"/>
      <c r="MRT688" s="613"/>
      <c r="MRU688" s="613"/>
      <c r="MRV688" s="613"/>
      <c r="MRW688" s="613"/>
      <c r="MRX688" s="613"/>
      <c r="MRY688" s="613"/>
      <c r="MRZ688" s="613"/>
      <c r="MSA688" s="613"/>
      <c r="MSB688" s="613"/>
      <c r="MSC688" s="613"/>
      <c r="MSD688" s="613"/>
      <c r="MSE688" s="613"/>
      <c r="MSF688" s="613"/>
      <c r="MSG688" s="613"/>
      <c r="MSH688" s="613"/>
      <c r="MSI688" s="613"/>
      <c r="MSJ688" s="613"/>
      <c r="MSK688" s="613"/>
      <c r="MSL688" s="613"/>
      <c r="MSM688" s="613"/>
      <c r="MSN688" s="613"/>
      <c r="MSO688" s="613"/>
      <c r="MSP688" s="613"/>
      <c r="MSQ688" s="613"/>
      <c r="MSR688" s="613"/>
      <c r="MSS688" s="613"/>
      <c r="MST688" s="613"/>
      <c r="MSU688" s="613"/>
      <c r="MSV688" s="613"/>
      <c r="MSW688" s="613"/>
      <c r="MSX688" s="613"/>
      <c r="MSY688" s="613"/>
      <c r="MSZ688" s="613"/>
      <c r="MTA688" s="613"/>
      <c r="MTB688" s="613"/>
      <c r="MTC688" s="613"/>
      <c r="MTD688" s="613"/>
      <c r="MTE688" s="613"/>
      <c r="MTF688" s="613"/>
      <c r="MTG688" s="613"/>
      <c r="MTH688" s="613"/>
      <c r="MTI688" s="613"/>
      <c r="MTJ688" s="613"/>
      <c r="MTK688" s="613"/>
      <c r="MTL688" s="613"/>
      <c r="MTM688" s="613"/>
      <c r="MTN688" s="613"/>
      <c r="MTO688" s="613"/>
      <c r="MTP688" s="613"/>
      <c r="MTQ688" s="613"/>
      <c r="MTR688" s="613"/>
      <c r="MTS688" s="613"/>
      <c r="MTT688" s="613"/>
      <c r="MTU688" s="613"/>
      <c r="MTV688" s="613"/>
      <c r="MTW688" s="613"/>
      <c r="MTX688" s="613"/>
      <c r="MTY688" s="613"/>
      <c r="MTZ688" s="613"/>
      <c r="MUA688" s="613"/>
      <c r="MUB688" s="613"/>
      <c r="MUC688" s="613"/>
      <c r="MUD688" s="613"/>
      <c r="MUE688" s="613"/>
      <c r="MUF688" s="613"/>
      <c r="MUG688" s="613"/>
      <c r="MUH688" s="613"/>
      <c r="MUI688" s="613"/>
      <c r="MUJ688" s="613"/>
      <c r="MUK688" s="613"/>
      <c r="MUL688" s="613"/>
      <c r="MUM688" s="613"/>
      <c r="MUN688" s="613"/>
      <c r="MUO688" s="613"/>
      <c r="MUP688" s="613"/>
      <c r="MUQ688" s="613"/>
      <c r="MUR688" s="613"/>
      <c r="MUS688" s="613"/>
      <c r="MUT688" s="613"/>
      <c r="MUU688" s="613"/>
      <c r="MUV688" s="613"/>
      <c r="MUW688" s="613"/>
      <c r="MUX688" s="613"/>
      <c r="MUY688" s="613"/>
      <c r="MUZ688" s="613"/>
      <c r="MVA688" s="613"/>
      <c r="MVB688" s="613"/>
      <c r="MVC688" s="613"/>
      <c r="MVD688" s="613"/>
      <c r="MVE688" s="613"/>
      <c r="MVF688" s="613"/>
      <c r="MVG688" s="613"/>
      <c r="MVH688" s="613"/>
      <c r="MVI688" s="613"/>
      <c r="MVJ688" s="613"/>
      <c r="MVK688" s="613"/>
      <c r="MVL688" s="613"/>
      <c r="MVM688" s="613"/>
      <c r="MVN688" s="613"/>
      <c r="MVO688" s="613"/>
      <c r="MVP688" s="613"/>
      <c r="MVQ688" s="613"/>
      <c r="MVR688" s="613"/>
      <c r="MVS688" s="613"/>
      <c r="MVT688" s="613"/>
      <c r="MVU688" s="613"/>
      <c r="MVV688" s="613"/>
      <c r="MVW688" s="613"/>
      <c r="MVX688" s="613"/>
      <c r="MVY688" s="613"/>
      <c r="MVZ688" s="613"/>
      <c r="MWA688" s="613"/>
      <c r="MWB688" s="613"/>
      <c r="MWC688" s="613"/>
      <c r="MWD688" s="613"/>
      <c r="MWE688" s="613"/>
      <c r="MWF688" s="613"/>
      <c r="MWG688" s="613"/>
      <c r="MWH688" s="613"/>
      <c r="MWI688" s="613"/>
      <c r="MWJ688" s="613"/>
      <c r="MWK688" s="613"/>
      <c r="MWL688" s="613"/>
      <c r="MWM688" s="613"/>
      <c r="MWN688" s="613"/>
      <c r="MWO688" s="613"/>
      <c r="MWP688" s="613"/>
      <c r="MWQ688" s="613"/>
      <c r="MWR688" s="613"/>
      <c r="MWS688" s="613"/>
      <c r="MWT688" s="613"/>
      <c r="MWU688" s="613"/>
      <c r="MWV688" s="613"/>
      <c r="MWW688" s="613"/>
      <c r="MWX688" s="613"/>
      <c r="MWY688" s="613"/>
      <c r="MWZ688" s="613"/>
      <c r="MXA688" s="613"/>
      <c r="MXB688" s="613"/>
      <c r="MXC688" s="613"/>
      <c r="MXD688" s="613"/>
      <c r="MXE688" s="613"/>
      <c r="MXF688" s="613"/>
      <c r="MXG688" s="613"/>
      <c r="MXH688" s="613"/>
      <c r="MXI688" s="613"/>
      <c r="MXJ688" s="613"/>
      <c r="MXK688" s="613"/>
      <c r="MXL688" s="613"/>
      <c r="MXM688" s="613"/>
      <c r="MXN688" s="613"/>
      <c r="MXO688" s="613"/>
      <c r="MXP688" s="613"/>
      <c r="MXQ688" s="613"/>
      <c r="MXR688" s="613"/>
      <c r="MXS688" s="613"/>
      <c r="MXT688" s="613"/>
      <c r="MXU688" s="613"/>
      <c r="MXV688" s="613"/>
      <c r="MXW688" s="613"/>
      <c r="MXX688" s="613"/>
      <c r="MXY688" s="613"/>
      <c r="MXZ688" s="613"/>
      <c r="MYA688" s="613"/>
      <c r="MYB688" s="613"/>
      <c r="MYC688" s="613"/>
      <c r="MYD688" s="613"/>
      <c r="MYE688" s="613"/>
      <c r="MYF688" s="613"/>
      <c r="MYG688" s="613"/>
      <c r="MYH688" s="613"/>
      <c r="MYI688" s="613"/>
      <c r="MYJ688" s="613"/>
      <c r="MYK688" s="613"/>
      <c r="MYL688" s="613"/>
      <c r="MYM688" s="613"/>
      <c r="MYN688" s="613"/>
      <c r="MYO688" s="613"/>
      <c r="MYP688" s="613"/>
      <c r="MYQ688" s="613"/>
      <c r="MYR688" s="613"/>
      <c r="MYS688" s="613"/>
      <c r="MYT688" s="613"/>
      <c r="MYU688" s="613"/>
      <c r="MYV688" s="613"/>
      <c r="MYW688" s="613"/>
      <c r="MYX688" s="613"/>
      <c r="MYY688" s="613"/>
      <c r="MYZ688" s="613"/>
      <c r="MZA688" s="613"/>
      <c r="MZB688" s="613"/>
      <c r="MZC688" s="613"/>
      <c r="MZD688" s="613"/>
      <c r="MZE688" s="613"/>
      <c r="MZF688" s="613"/>
      <c r="MZG688" s="613"/>
      <c r="MZH688" s="613"/>
      <c r="MZI688" s="613"/>
      <c r="MZJ688" s="613"/>
      <c r="MZK688" s="613"/>
      <c r="MZL688" s="613"/>
      <c r="MZM688" s="613"/>
      <c r="MZN688" s="613"/>
      <c r="MZO688" s="613"/>
      <c r="MZP688" s="613"/>
      <c r="MZQ688" s="613"/>
      <c r="MZR688" s="613"/>
      <c r="MZS688" s="613"/>
      <c r="MZT688" s="613"/>
      <c r="MZU688" s="613"/>
      <c r="MZV688" s="613"/>
      <c r="MZW688" s="613"/>
      <c r="MZX688" s="613"/>
      <c r="MZY688" s="613"/>
      <c r="MZZ688" s="613"/>
      <c r="NAA688" s="613"/>
      <c r="NAB688" s="613"/>
      <c r="NAC688" s="613"/>
      <c r="NAD688" s="613"/>
      <c r="NAE688" s="613"/>
      <c r="NAF688" s="613"/>
      <c r="NAG688" s="613"/>
      <c r="NAH688" s="613"/>
      <c r="NAI688" s="613"/>
      <c r="NAJ688" s="613"/>
      <c r="NAK688" s="613"/>
      <c r="NAL688" s="613"/>
      <c r="NAM688" s="613"/>
      <c r="NAN688" s="613"/>
      <c r="NAO688" s="613"/>
      <c r="NAP688" s="613"/>
      <c r="NAQ688" s="613"/>
      <c r="NAR688" s="613"/>
      <c r="NAS688" s="613"/>
      <c r="NAT688" s="613"/>
      <c r="NAU688" s="613"/>
      <c r="NAV688" s="613"/>
      <c r="NAW688" s="613"/>
      <c r="NAX688" s="613"/>
      <c r="NAY688" s="613"/>
      <c r="NAZ688" s="613"/>
      <c r="NBA688" s="613"/>
      <c r="NBB688" s="613"/>
      <c r="NBC688" s="613"/>
      <c r="NBD688" s="613"/>
      <c r="NBE688" s="613"/>
      <c r="NBF688" s="613"/>
      <c r="NBG688" s="613"/>
      <c r="NBH688" s="613"/>
      <c r="NBI688" s="613"/>
      <c r="NBJ688" s="613"/>
      <c r="NBK688" s="613"/>
      <c r="NBL688" s="613"/>
      <c r="NBM688" s="613"/>
      <c r="NBN688" s="613"/>
      <c r="NBO688" s="613"/>
      <c r="NBP688" s="613"/>
      <c r="NBQ688" s="613"/>
      <c r="NBR688" s="613"/>
      <c r="NBS688" s="613"/>
      <c r="NBT688" s="613"/>
      <c r="NBU688" s="613"/>
      <c r="NBV688" s="613"/>
      <c r="NBW688" s="613"/>
      <c r="NBX688" s="613"/>
      <c r="NBY688" s="613"/>
      <c r="NBZ688" s="613"/>
      <c r="NCA688" s="613"/>
      <c r="NCB688" s="613"/>
      <c r="NCC688" s="613"/>
      <c r="NCD688" s="613"/>
      <c r="NCE688" s="613"/>
      <c r="NCF688" s="613"/>
      <c r="NCG688" s="613"/>
      <c r="NCH688" s="613"/>
      <c r="NCI688" s="613"/>
      <c r="NCJ688" s="613"/>
      <c r="NCK688" s="613"/>
      <c r="NCL688" s="613"/>
      <c r="NCM688" s="613"/>
      <c r="NCN688" s="613"/>
      <c r="NCO688" s="613"/>
      <c r="NCP688" s="613"/>
      <c r="NCQ688" s="613"/>
      <c r="NCR688" s="613"/>
      <c r="NCS688" s="613"/>
      <c r="NCT688" s="613"/>
      <c r="NCU688" s="613"/>
      <c r="NCV688" s="613"/>
      <c r="NCW688" s="613"/>
      <c r="NCX688" s="613"/>
      <c r="NCY688" s="613"/>
      <c r="NCZ688" s="613"/>
      <c r="NDA688" s="613"/>
      <c r="NDB688" s="613"/>
      <c r="NDC688" s="613"/>
      <c r="NDD688" s="613"/>
      <c r="NDE688" s="613"/>
      <c r="NDF688" s="613"/>
      <c r="NDG688" s="613"/>
      <c r="NDH688" s="613"/>
      <c r="NDI688" s="613"/>
      <c r="NDJ688" s="613"/>
      <c r="NDK688" s="613"/>
      <c r="NDL688" s="613"/>
      <c r="NDM688" s="613"/>
      <c r="NDN688" s="613"/>
      <c r="NDO688" s="613"/>
      <c r="NDP688" s="613"/>
      <c r="NDQ688" s="613"/>
      <c r="NDR688" s="613"/>
      <c r="NDS688" s="613"/>
      <c r="NDT688" s="613"/>
      <c r="NDU688" s="613"/>
      <c r="NDV688" s="613"/>
      <c r="NDW688" s="613"/>
      <c r="NDX688" s="613"/>
      <c r="NDY688" s="613"/>
      <c r="NDZ688" s="613"/>
      <c r="NEA688" s="613"/>
      <c r="NEB688" s="613"/>
      <c r="NEC688" s="613"/>
      <c r="NED688" s="613"/>
      <c r="NEE688" s="613"/>
      <c r="NEF688" s="613"/>
      <c r="NEG688" s="613"/>
      <c r="NEH688" s="613"/>
      <c r="NEI688" s="613"/>
      <c r="NEJ688" s="613"/>
      <c r="NEK688" s="613"/>
      <c r="NEL688" s="613"/>
      <c r="NEM688" s="613"/>
      <c r="NEN688" s="613"/>
      <c r="NEO688" s="613"/>
      <c r="NEP688" s="613"/>
      <c r="NEQ688" s="613"/>
      <c r="NER688" s="613"/>
      <c r="NES688" s="613"/>
      <c r="NET688" s="613"/>
      <c r="NEU688" s="613"/>
      <c r="NEV688" s="613"/>
      <c r="NEW688" s="613"/>
      <c r="NEX688" s="613"/>
      <c r="NEY688" s="613"/>
      <c r="NEZ688" s="613"/>
      <c r="NFA688" s="613"/>
      <c r="NFB688" s="613"/>
      <c r="NFC688" s="613"/>
      <c r="NFD688" s="613"/>
      <c r="NFE688" s="613"/>
      <c r="NFF688" s="613"/>
      <c r="NFG688" s="613"/>
      <c r="NFH688" s="613"/>
      <c r="NFI688" s="613"/>
      <c r="NFJ688" s="613"/>
      <c r="NFK688" s="613"/>
      <c r="NFL688" s="613"/>
      <c r="NFM688" s="613"/>
      <c r="NFN688" s="613"/>
      <c r="NFO688" s="613"/>
      <c r="NFP688" s="613"/>
      <c r="NFQ688" s="613"/>
      <c r="NFR688" s="613"/>
      <c r="NFS688" s="613"/>
      <c r="NFT688" s="613"/>
      <c r="NFU688" s="613"/>
      <c r="NFV688" s="613"/>
      <c r="NFW688" s="613"/>
      <c r="NFX688" s="613"/>
      <c r="NFY688" s="613"/>
      <c r="NFZ688" s="613"/>
      <c r="NGA688" s="613"/>
      <c r="NGB688" s="613"/>
      <c r="NGC688" s="613"/>
      <c r="NGD688" s="613"/>
      <c r="NGE688" s="613"/>
      <c r="NGF688" s="613"/>
      <c r="NGG688" s="613"/>
      <c r="NGH688" s="613"/>
      <c r="NGI688" s="613"/>
      <c r="NGJ688" s="613"/>
      <c r="NGK688" s="613"/>
      <c r="NGL688" s="613"/>
      <c r="NGM688" s="613"/>
      <c r="NGN688" s="613"/>
      <c r="NGO688" s="613"/>
      <c r="NGP688" s="613"/>
      <c r="NGQ688" s="613"/>
      <c r="NGR688" s="613"/>
      <c r="NGS688" s="613"/>
      <c r="NGT688" s="613"/>
      <c r="NGU688" s="613"/>
      <c r="NGV688" s="613"/>
      <c r="NGW688" s="613"/>
      <c r="NGX688" s="613"/>
      <c r="NGY688" s="613"/>
      <c r="NGZ688" s="613"/>
      <c r="NHA688" s="613"/>
      <c r="NHB688" s="613"/>
      <c r="NHC688" s="613"/>
      <c r="NHD688" s="613"/>
      <c r="NHE688" s="613"/>
      <c r="NHF688" s="613"/>
      <c r="NHG688" s="613"/>
      <c r="NHH688" s="613"/>
      <c r="NHI688" s="613"/>
      <c r="NHJ688" s="613"/>
      <c r="NHK688" s="613"/>
      <c r="NHL688" s="613"/>
      <c r="NHM688" s="613"/>
      <c r="NHN688" s="613"/>
      <c r="NHO688" s="613"/>
      <c r="NHP688" s="613"/>
      <c r="NHQ688" s="613"/>
      <c r="NHR688" s="613"/>
      <c r="NHS688" s="613"/>
      <c r="NHT688" s="613"/>
      <c r="NHU688" s="613"/>
      <c r="NHV688" s="613"/>
      <c r="NHW688" s="613"/>
      <c r="NHX688" s="613"/>
      <c r="NHY688" s="613"/>
      <c r="NHZ688" s="613"/>
      <c r="NIA688" s="613"/>
      <c r="NIB688" s="613"/>
      <c r="NIC688" s="613"/>
      <c r="NID688" s="613"/>
      <c r="NIE688" s="613"/>
      <c r="NIF688" s="613"/>
      <c r="NIG688" s="613"/>
      <c r="NIH688" s="613"/>
      <c r="NII688" s="613"/>
      <c r="NIJ688" s="613"/>
      <c r="NIK688" s="613"/>
      <c r="NIL688" s="613"/>
      <c r="NIM688" s="613"/>
      <c r="NIN688" s="613"/>
      <c r="NIO688" s="613"/>
      <c r="NIP688" s="613"/>
      <c r="NIQ688" s="613"/>
      <c r="NIR688" s="613"/>
      <c r="NIS688" s="613"/>
      <c r="NIT688" s="613"/>
      <c r="NIU688" s="613"/>
      <c r="NIV688" s="613"/>
      <c r="NIW688" s="613"/>
      <c r="NIX688" s="613"/>
      <c r="NIY688" s="613"/>
      <c r="NIZ688" s="613"/>
      <c r="NJA688" s="613"/>
      <c r="NJB688" s="613"/>
      <c r="NJC688" s="613"/>
      <c r="NJD688" s="613"/>
      <c r="NJE688" s="613"/>
      <c r="NJF688" s="613"/>
      <c r="NJG688" s="613"/>
      <c r="NJH688" s="613"/>
      <c r="NJI688" s="613"/>
      <c r="NJJ688" s="613"/>
      <c r="NJK688" s="613"/>
      <c r="NJL688" s="613"/>
      <c r="NJM688" s="613"/>
      <c r="NJN688" s="613"/>
      <c r="NJO688" s="613"/>
      <c r="NJP688" s="613"/>
      <c r="NJQ688" s="613"/>
      <c r="NJR688" s="613"/>
      <c r="NJS688" s="613"/>
      <c r="NJT688" s="613"/>
      <c r="NJU688" s="613"/>
      <c r="NJV688" s="613"/>
      <c r="NJW688" s="613"/>
      <c r="NJX688" s="613"/>
      <c r="NJY688" s="613"/>
      <c r="NJZ688" s="613"/>
      <c r="NKA688" s="613"/>
      <c r="NKB688" s="613"/>
      <c r="NKC688" s="613"/>
      <c r="NKD688" s="613"/>
      <c r="NKE688" s="613"/>
      <c r="NKF688" s="613"/>
      <c r="NKG688" s="613"/>
      <c r="NKH688" s="613"/>
      <c r="NKI688" s="613"/>
      <c r="NKJ688" s="613"/>
      <c r="NKK688" s="613"/>
      <c r="NKL688" s="613"/>
      <c r="NKM688" s="613"/>
      <c r="NKN688" s="613"/>
      <c r="NKO688" s="613"/>
      <c r="NKP688" s="613"/>
      <c r="NKQ688" s="613"/>
      <c r="NKR688" s="613"/>
      <c r="NKS688" s="613"/>
      <c r="NKT688" s="613"/>
      <c r="NKU688" s="613"/>
      <c r="NKV688" s="613"/>
      <c r="NKW688" s="613"/>
      <c r="NKX688" s="613"/>
      <c r="NKY688" s="613"/>
      <c r="NKZ688" s="613"/>
      <c r="NLA688" s="613"/>
      <c r="NLB688" s="613"/>
      <c r="NLC688" s="613"/>
      <c r="NLD688" s="613"/>
      <c r="NLE688" s="613"/>
      <c r="NLF688" s="613"/>
      <c r="NLG688" s="613"/>
      <c r="NLH688" s="613"/>
      <c r="NLI688" s="613"/>
      <c r="NLJ688" s="613"/>
      <c r="NLK688" s="613"/>
      <c r="NLL688" s="613"/>
      <c r="NLM688" s="613"/>
      <c r="NLN688" s="613"/>
      <c r="NLO688" s="613"/>
      <c r="NLP688" s="613"/>
      <c r="NLQ688" s="613"/>
      <c r="NLR688" s="613"/>
      <c r="NLS688" s="613"/>
      <c r="NLT688" s="613"/>
      <c r="NLU688" s="613"/>
      <c r="NLV688" s="613"/>
      <c r="NLW688" s="613"/>
      <c r="NLX688" s="613"/>
      <c r="NLY688" s="613"/>
      <c r="NLZ688" s="613"/>
      <c r="NMA688" s="613"/>
      <c r="NMB688" s="613"/>
      <c r="NMC688" s="613"/>
      <c r="NMD688" s="613"/>
      <c r="NME688" s="613"/>
      <c r="NMF688" s="613"/>
      <c r="NMG688" s="613"/>
      <c r="NMH688" s="613"/>
      <c r="NMI688" s="613"/>
      <c r="NMJ688" s="613"/>
      <c r="NMK688" s="613"/>
      <c r="NML688" s="613"/>
      <c r="NMM688" s="613"/>
      <c r="NMN688" s="613"/>
      <c r="NMO688" s="613"/>
      <c r="NMP688" s="613"/>
      <c r="NMQ688" s="613"/>
      <c r="NMR688" s="613"/>
      <c r="NMS688" s="613"/>
      <c r="NMT688" s="613"/>
      <c r="NMU688" s="613"/>
      <c r="NMV688" s="613"/>
      <c r="NMW688" s="613"/>
      <c r="NMX688" s="613"/>
      <c r="NMY688" s="613"/>
      <c r="NMZ688" s="613"/>
      <c r="NNA688" s="613"/>
      <c r="NNB688" s="613"/>
      <c r="NNC688" s="613"/>
      <c r="NND688" s="613"/>
      <c r="NNE688" s="613"/>
      <c r="NNF688" s="613"/>
      <c r="NNG688" s="613"/>
      <c r="NNH688" s="613"/>
      <c r="NNI688" s="613"/>
      <c r="NNJ688" s="613"/>
      <c r="NNK688" s="613"/>
      <c r="NNL688" s="613"/>
      <c r="NNM688" s="613"/>
      <c r="NNN688" s="613"/>
      <c r="NNO688" s="613"/>
      <c r="NNP688" s="613"/>
      <c r="NNQ688" s="613"/>
      <c r="NNR688" s="613"/>
      <c r="NNS688" s="613"/>
      <c r="NNT688" s="613"/>
      <c r="NNU688" s="613"/>
      <c r="NNV688" s="613"/>
      <c r="NNW688" s="613"/>
      <c r="NNX688" s="613"/>
      <c r="NNY688" s="613"/>
      <c r="NNZ688" s="613"/>
      <c r="NOA688" s="613"/>
      <c r="NOB688" s="613"/>
      <c r="NOC688" s="613"/>
      <c r="NOD688" s="613"/>
      <c r="NOE688" s="613"/>
      <c r="NOF688" s="613"/>
      <c r="NOG688" s="613"/>
      <c r="NOH688" s="613"/>
      <c r="NOI688" s="613"/>
      <c r="NOJ688" s="613"/>
      <c r="NOK688" s="613"/>
      <c r="NOL688" s="613"/>
      <c r="NOM688" s="613"/>
      <c r="NON688" s="613"/>
      <c r="NOO688" s="613"/>
      <c r="NOP688" s="613"/>
      <c r="NOQ688" s="613"/>
      <c r="NOR688" s="613"/>
      <c r="NOS688" s="613"/>
      <c r="NOT688" s="613"/>
      <c r="NOU688" s="613"/>
      <c r="NOV688" s="613"/>
      <c r="NOW688" s="613"/>
      <c r="NOX688" s="613"/>
      <c r="NOY688" s="613"/>
      <c r="NOZ688" s="613"/>
      <c r="NPA688" s="613"/>
      <c r="NPB688" s="613"/>
      <c r="NPC688" s="613"/>
      <c r="NPD688" s="613"/>
      <c r="NPE688" s="613"/>
      <c r="NPF688" s="613"/>
      <c r="NPG688" s="613"/>
      <c r="NPH688" s="613"/>
      <c r="NPI688" s="613"/>
      <c r="NPJ688" s="613"/>
      <c r="NPK688" s="613"/>
      <c r="NPL688" s="613"/>
      <c r="NPM688" s="613"/>
      <c r="NPN688" s="613"/>
      <c r="NPO688" s="613"/>
      <c r="NPP688" s="613"/>
      <c r="NPQ688" s="613"/>
      <c r="NPR688" s="613"/>
      <c r="NPS688" s="613"/>
      <c r="NPT688" s="613"/>
      <c r="NPU688" s="613"/>
      <c r="NPV688" s="613"/>
      <c r="NPW688" s="613"/>
      <c r="NPX688" s="613"/>
      <c r="NPY688" s="613"/>
      <c r="NPZ688" s="613"/>
      <c r="NQA688" s="613"/>
      <c r="NQB688" s="613"/>
      <c r="NQC688" s="613"/>
      <c r="NQD688" s="613"/>
      <c r="NQE688" s="613"/>
      <c r="NQF688" s="613"/>
      <c r="NQG688" s="613"/>
      <c r="NQH688" s="613"/>
      <c r="NQI688" s="613"/>
      <c r="NQJ688" s="613"/>
      <c r="NQK688" s="613"/>
      <c r="NQL688" s="613"/>
      <c r="NQM688" s="613"/>
      <c r="NQN688" s="613"/>
      <c r="NQO688" s="613"/>
      <c r="NQP688" s="613"/>
      <c r="NQQ688" s="613"/>
      <c r="NQR688" s="613"/>
      <c r="NQS688" s="613"/>
      <c r="NQT688" s="613"/>
      <c r="NQU688" s="613"/>
      <c r="NQV688" s="613"/>
      <c r="NQW688" s="613"/>
      <c r="NQX688" s="613"/>
      <c r="NQY688" s="613"/>
      <c r="NQZ688" s="613"/>
      <c r="NRA688" s="613"/>
      <c r="NRB688" s="613"/>
      <c r="NRC688" s="613"/>
      <c r="NRD688" s="613"/>
      <c r="NRE688" s="613"/>
      <c r="NRF688" s="613"/>
      <c r="NRG688" s="613"/>
      <c r="NRH688" s="613"/>
      <c r="NRI688" s="613"/>
      <c r="NRJ688" s="613"/>
      <c r="NRK688" s="613"/>
      <c r="NRL688" s="613"/>
      <c r="NRM688" s="613"/>
      <c r="NRN688" s="613"/>
      <c r="NRO688" s="613"/>
      <c r="NRP688" s="613"/>
      <c r="NRQ688" s="613"/>
      <c r="NRR688" s="613"/>
      <c r="NRS688" s="613"/>
      <c r="NRT688" s="613"/>
      <c r="NRU688" s="613"/>
      <c r="NRV688" s="613"/>
      <c r="NRW688" s="613"/>
      <c r="NRX688" s="613"/>
      <c r="NRY688" s="613"/>
      <c r="NRZ688" s="613"/>
      <c r="NSA688" s="613"/>
      <c r="NSB688" s="613"/>
      <c r="NSC688" s="613"/>
      <c r="NSD688" s="613"/>
      <c r="NSE688" s="613"/>
      <c r="NSF688" s="613"/>
      <c r="NSG688" s="613"/>
      <c r="NSH688" s="613"/>
      <c r="NSI688" s="613"/>
      <c r="NSJ688" s="613"/>
      <c r="NSK688" s="613"/>
      <c r="NSL688" s="613"/>
      <c r="NSM688" s="613"/>
      <c r="NSN688" s="613"/>
      <c r="NSO688" s="613"/>
      <c r="NSP688" s="613"/>
      <c r="NSQ688" s="613"/>
      <c r="NSR688" s="613"/>
      <c r="NSS688" s="613"/>
      <c r="NST688" s="613"/>
      <c r="NSU688" s="613"/>
      <c r="NSV688" s="613"/>
      <c r="NSW688" s="613"/>
      <c r="NSX688" s="613"/>
      <c r="NSY688" s="613"/>
      <c r="NSZ688" s="613"/>
      <c r="NTA688" s="613"/>
      <c r="NTB688" s="613"/>
      <c r="NTC688" s="613"/>
      <c r="NTD688" s="613"/>
      <c r="NTE688" s="613"/>
      <c r="NTF688" s="613"/>
      <c r="NTG688" s="613"/>
      <c r="NTH688" s="613"/>
      <c r="NTI688" s="613"/>
      <c r="NTJ688" s="613"/>
      <c r="NTK688" s="613"/>
      <c r="NTL688" s="613"/>
      <c r="NTM688" s="613"/>
      <c r="NTN688" s="613"/>
      <c r="NTO688" s="613"/>
      <c r="NTP688" s="613"/>
      <c r="NTQ688" s="613"/>
      <c r="NTR688" s="613"/>
      <c r="NTS688" s="613"/>
      <c r="NTT688" s="613"/>
      <c r="NTU688" s="613"/>
      <c r="NTV688" s="613"/>
      <c r="NTW688" s="613"/>
      <c r="NTX688" s="613"/>
      <c r="NTY688" s="613"/>
      <c r="NTZ688" s="613"/>
      <c r="NUA688" s="613"/>
      <c r="NUB688" s="613"/>
      <c r="NUC688" s="613"/>
      <c r="NUD688" s="613"/>
      <c r="NUE688" s="613"/>
      <c r="NUF688" s="613"/>
      <c r="NUG688" s="613"/>
      <c r="NUH688" s="613"/>
      <c r="NUI688" s="613"/>
      <c r="NUJ688" s="613"/>
      <c r="NUK688" s="613"/>
      <c r="NUL688" s="613"/>
      <c r="NUM688" s="613"/>
      <c r="NUN688" s="613"/>
      <c r="NUO688" s="613"/>
      <c r="NUP688" s="613"/>
      <c r="NUQ688" s="613"/>
      <c r="NUR688" s="613"/>
      <c r="NUS688" s="613"/>
      <c r="NUT688" s="613"/>
      <c r="NUU688" s="613"/>
      <c r="NUV688" s="613"/>
      <c r="NUW688" s="613"/>
      <c r="NUX688" s="613"/>
      <c r="NUY688" s="613"/>
      <c r="NUZ688" s="613"/>
      <c r="NVA688" s="613"/>
      <c r="NVB688" s="613"/>
      <c r="NVC688" s="613"/>
      <c r="NVD688" s="613"/>
      <c r="NVE688" s="613"/>
      <c r="NVF688" s="613"/>
      <c r="NVG688" s="613"/>
      <c r="NVH688" s="613"/>
      <c r="NVI688" s="613"/>
      <c r="NVJ688" s="613"/>
      <c r="NVK688" s="613"/>
      <c r="NVL688" s="613"/>
      <c r="NVM688" s="613"/>
      <c r="NVN688" s="613"/>
      <c r="NVO688" s="613"/>
      <c r="NVP688" s="613"/>
      <c r="NVQ688" s="613"/>
      <c r="NVR688" s="613"/>
      <c r="NVS688" s="613"/>
      <c r="NVT688" s="613"/>
      <c r="NVU688" s="613"/>
      <c r="NVV688" s="613"/>
      <c r="NVW688" s="613"/>
      <c r="NVX688" s="613"/>
      <c r="NVY688" s="613"/>
      <c r="NVZ688" s="613"/>
      <c r="NWA688" s="613"/>
      <c r="NWB688" s="613"/>
      <c r="NWC688" s="613"/>
      <c r="NWD688" s="613"/>
      <c r="NWE688" s="613"/>
      <c r="NWF688" s="613"/>
      <c r="NWG688" s="613"/>
      <c r="NWH688" s="613"/>
      <c r="NWI688" s="613"/>
      <c r="NWJ688" s="613"/>
      <c r="NWK688" s="613"/>
      <c r="NWL688" s="613"/>
      <c r="NWM688" s="613"/>
      <c r="NWN688" s="613"/>
      <c r="NWO688" s="613"/>
      <c r="NWP688" s="613"/>
      <c r="NWQ688" s="613"/>
      <c r="NWR688" s="613"/>
      <c r="NWS688" s="613"/>
      <c r="NWT688" s="613"/>
      <c r="NWU688" s="613"/>
      <c r="NWV688" s="613"/>
      <c r="NWW688" s="613"/>
      <c r="NWX688" s="613"/>
      <c r="NWY688" s="613"/>
      <c r="NWZ688" s="613"/>
      <c r="NXA688" s="613"/>
      <c r="NXB688" s="613"/>
      <c r="NXC688" s="613"/>
      <c r="NXD688" s="613"/>
      <c r="NXE688" s="613"/>
      <c r="NXF688" s="613"/>
      <c r="NXG688" s="613"/>
      <c r="NXH688" s="613"/>
      <c r="NXI688" s="613"/>
      <c r="NXJ688" s="613"/>
      <c r="NXK688" s="613"/>
      <c r="NXL688" s="613"/>
      <c r="NXM688" s="613"/>
      <c r="NXN688" s="613"/>
      <c r="NXO688" s="613"/>
      <c r="NXP688" s="613"/>
      <c r="NXQ688" s="613"/>
      <c r="NXR688" s="613"/>
      <c r="NXS688" s="613"/>
      <c r="NXT688" s="613"/>
      <c r="NXU688" s="613"/>
      <c r="NXV688" s="613"/>
      <c r="NXW688" s="613"/>
      <c r="NXX688" s="613"/>
      <c r="NXY688" s="613"/>
      <c r="NXZ688" s="613"/>
      <c r="NYA688" s="613"/>
      <c r="NYB688" s="613"/>
      <c r="NYC688" s="613"/>
      <c r="NYD688" s="613"/>
      <c r="NYE688" s="613"/>
      <c r="NYF688" s="613"/>
      <c r="NYG688" s="613"/>
      <c r="NYH688" s="613"/>
      <c r="NYI688" s="613"/>
      <c r="NYJ688" s="613"/>
      <c r="NYK688" s="613"/>
      <c r="NYL688" s="613"/>
      <c r="NYM688" s="613"/>
      <c r="NYN688" s="613"/>
      <c r="NYO688" s="613"/>
      <c r="NYP688" s="613"/>
      <c r="NYQ688" s="613"/>
      <c r="NYR688" s="613"/>
      <c r="NYS688" s="613"/>
      <c r="NYT688" s="613"/>
      <c r="NYU688" s="613"/>
      <c r="NYV688" s="613"/>
      <c r="NYW688" s="613"/>
      <c r="NYX688" s="613"/>
      <c r="NYY688" s="613"/>
      <c r="NYZ688" s="613"/>
      <c r="NZA688" s="613"/>
      <c r="NZB688" s="613"/>
      <c r="NZC688" s="613"/>
      <c r="NZD688" s="613"/>
      <c r="NZE688" s="613"/>
      <c r="NZF688" s="613"/>
      <c r="NZG688" s="613"/>
      <c r="NZH688" s="613"/>
      <c r="NZI688" s="613"/>
      <c r="NZJ688" s="613"/>
      <c r="NZK688" s="613"/>
      <c r="NZL688" s="613"/>
      <c r="NZM688" s="613"/>
      <c r="NZN688" s="613"/>
      <c r="NZO688" s="613"/>
      <c r="NZP688" s="613"/>
      <c r="NZQ688" s="613"/>
      <c r="NZR688" s="613"/>
      <c r="NZS688" s="613"/>
      <c r="NZT688" s="613"/>
      <c r="NZU688" s="613"/>
      <c r="NZV688" s="613"/>
      <c r="NZW688" s="613"/>
      <c r="NZX688" s="613"/>
      <c r="NZY688" s="613"/>
      <c r="NZZ688" s="613"/>
      <c r="OAA688" s="613"/>
      <c r="OAB688" s="613"/>
      <c r="OAC688" s="613"/>
      <c r="OAD688" s="613"/>
      <c r="OAE688" s="613"/>
      <c r="OAF688" s="613"/>
      <c r="OAG688" s="613"/>
      <c r="OAH688" s="613"/>
      <c r="OAI688" s="613"/>
      <c r="OAJ688" s="613"/>
      <c r="OAK688" s="613"/>
      <c r="OAL688" s="613"/>
      <c r="OAM688" s="613"/>
      <c r="OAN688" s="613"/>
      <c r="OAO688" s="613"/>
      <c r="OAP688" s="613"/>
      <c r="OAQ688" s="613"/>
      <c r="OAR688" s="613"/>
      <c r="OAS688" s="613"/>
      <c r="OAT688" s="613"/>
      <c r="OAU688" s="613"/>
      <c r="OAV688" s="613"/>
      <c r="OAW688" s="613"/>
      <c r="OAX688" s="613"/>
      <c r="OAY688" s="613"/>
      <c r="OAZ688" s="613"/>
      <c r="OBA688" s="613"/>
      <c r="OBB688" s="613"/>
      <c r="OBC688" s="613"/>
      <c r="OBD688" s="613"/>
      <c r="OBE688" s="613"/>
      <c r="OBF688" s="613"/>
      <c r="OBG688" s="613"/>
      <c r="OBH688" s="613"/>
      <c r="OBI688" s="613"/>
      <c r="OBJ688" s="613"/>
      <c r="OBK688" s="613"/>
      <c r="OBL688" s="613"/>
      <c r="OBM688" s="613"/>
      <c r="OBN688" s="613"/>
      <c r="OBO688" s="613"/>
      <c r="OBP688" s="613"/>
      <c r="OBQ688" s="613"/>
      <c r="OBR688" s="613"/>
      <c r="OBS688" s="613"/>
      <c r="OBT688" s="613"/>
      <c r="OBU688" s="613"/>
      <c r="OBV688" s="613"/>
      <c r="OBW688" s="613"/>
      <c r="OBX688" s="613"/>
      <c r="OBY688" s="613"/>
      <c r="OBZ688" s="613"/>
      <c r="OCA688" s="613"/>
      <c r="OCB688" s="613"/>
      <c r="OCC688" s="613"/>
      <c r="OCD688" s="613"/>
      <c r="OCE688" s="613"/>
      <c r="OCF688" s="613"/>
      <c r="OCG688" s="613"/>
      <c r="OCH688" s="613"/>
      <c r="OCI688" s="613"/>
      <c r="OCJ688" s="613"/>
      <c r="OCK688" s="613"/>
      <c r="OCL688" s="613"/>
      <c r="OCM688" s="613"/>
      <c r="OCN688" s="613"/>
      <c r="OCO688" s="613"/>
      <c r="OCP688" s="613"/>
      <c r="OCQ688" s="613"/>
      <c r="OCR688" s="613"/>
      <c r="OCS688" s="613"/>
      <c r="OCT688" s="613"/>
      <c r="OCU688" s="613"/>
      <c r="OCV688" s="613"/>
      <c r="OCW688" s="613"/>
      <c r="OCX688" s="613"/>
      <c r="OCY688" s="613"/>
      <c r="OCZ688" s="613"/>
      <c r="ODA688" s="613"/>
      <c r="ODB688" s="613"/>
      <c r="ODC688" s="613"/>
      <c r="ODD688" s="613"/>
      <c r="ODE688" s="613"/>
      <c r="ODF688" s="613"/>
      <c r="ODG688" s="613"/>
      <c r="ODH688" s="613"/>
      <c r="ODI688" s="613"/>
      <c r="ODJ688" s="613"/>
      <c r="ODK688" s="613"/>
      <c r="ODL688" s="613"/>
      <c r="ODM688" s="613"/>
      <c r="ODN688" s="613"/>
      <c r="ODO688" s="613"/>
      <c r="ODP688" s="613"/>
      <c r="ODQ688" s="613"/>
      <c r="ODR688" s="613"/>
      <c r="ODS688" s="613"/>
      <c r="ODT688" s="613"/>
      <c r="ODU688" s="613"/>
      <c r="ODV688" s="613"/>
      <c r="ODW688" s="613"/>
      <c r="ODX688" s="613"/>
      <c r="ODY688" s="613"/>
      <c r="ODZ688" s="613"/>
      <c r="OEA688" s="613"/>
      <c r="OEB688" s="613"/>
      <c r="OEC688" s="613"/>
      <c r="OED688" s="613"/>
      <c r="OEE688" s="613"/>
      <c r="OEF688" s="613"/>
      <c r="OEG688" s="613"/>
      <c r="OEH688" s="613"/>
      <c r="OEI688" s="613"/>
      <c r="OEJ688" s="613"/>
      <c r="OEK688" s="613"/>
      <c r="OEL688" s="613"/>
      <c r="OEM688" s="613"/>
      <c r="OEN688" s="613"/>
      <c r="OEO688" s="613"/>
      <c r="OEP688" s="613"/>
      <c r="OEQ688" s="613"/>
      <c r="OER688" s="613"/>
      <c r="OES688" s="613"/>
      <c r="OET688" s="613"/>
      <c r="OEU688" s="613"/>
      <c r="OEV688" s="613"/>
      <c r="OEW688" s="613"/>
      <c r="OEX688" s="613"/>
      <c r="OEY688" s="613"/>
      <c r="OEZ688" s="613"/>
      <c r="OFA688" s="613"/>
      <c r="OFB688" s="613"/>
      <c r="OFC688" s="613"/>
      <c r="OFD688" s="613"/>
      <c r="OFE688" s="613"/>
      <c r="OFF688" s="613"/>
      <c r="OFG688" s="613"/>
      <c r="OFH688" s="613"/>
      <c r="OFI688" s="613"/>
      <c r="OFJ688" s="613"/>
      <c r="OFK688" s="613"/>
      <c r="OFL688" s="613"/>
      <c r="OFM688" s="613"/>
      <c r="OFN688" s="613"/>
      <c r="OFO688" s="613"/>
      <c r="OFP688" s="613"/>
      <c r="OFQ688" s="613"/>
      <c r="OFR688" s="613"/>
      <c r="OFS688" s="613"/>
      <c r="OFT688" s="613"/>
      <c r="OFU688" s="613"/>
      <c r="OFV688" s="613"/>
      <c r="OFW688" s="613"/>
      <c r="OFX688" s="613"/>
      <c r="OFY688" s="613"/>
      <c r="OFZ688" s="613"/>
      <c r="OGA688" s="613"/>
      <c r="OGB688" s="613"/>
      <c r="OGC688" s="613"/>
      <c r="OGD688" s="613"/>
      <c r="OGE688" s="613"/>
      <c r="OGF688" s="613"/>
      <c r="OGG688" s="613"/>
      <c r="OGH688" s="613"/>
      <c r="OGI688" s="613"/>
      <c r="OGJ688" s="613"/>
      <c r="OGK688" s="613"/>
      <c r="OGL688" s="613"/>
      <c r="OGM688" s="613"/>
      <c r="OGN688" s="613"/>
      <c r="OGO688" s="613"/>
      <c r="OGP688" s="613"/>
      <c r="OGQ688" s="613"/>
      <c r="OGR688" s="613"/>
      <c r="OGS688" s="613"/>
      <c r="OGT688" s="613"/>
      <c r="OGU688" s="613"/>
      <c r="OGV688" s="613"/>
      <c r="OGW688" s="613"/>
      <c r="OGX688" s="613"/>
      <c r="OGY688" s="613"/>
      <c r="OGZ688" s="613"/>
      <c r="OHA688" s="613"/>
      <c r="OHB688" s="613"/>
      <c r="OHC688" s="613"/>
      <c r="OHD688" s="613"/>
      <c r="OHE688" s="613"/>
      <c r="OHF688" s="613"/>
      <c r="OHG688" s="613"/>
      <c r="OHH688" s="613"/>
      <c r="OHI688" s="613"/>
      <c r="OHJ688" s="613"/>
      <c r="OHK688" s="613"/>
      <c r="OHL688" s="613"/>
      <c r="OHM688" s="613"/>
      <c r="OHN688" s="613"/>
      <c r="OHO688" s="613"/>
      <c r="OHP688" s="613"/>
      <c r="OHQ688" s="613"/>
      <c r="OHR688" s="613"/>
      <c r="OHS688" s="613"/>
      <c r="OHT688" s="613"/>
      <c r="OHU688" s="613"/>
      <c r="OHV688" s="613"/>
      <c r="OHW688" s="613"/>
      <c r="OHX688" s="613"/>
      <c r="OHY688" s="613"/>
      <c r="OHZ688" s="613"/>
      <c r="OIA688" s="613"/>
      <c r="OIB688" s="613"/>
      <c r="OIC688" s="613"/>
      <c r="OID688" s="613"/>
      <c r="OIE688" s="613"/>
      <c r="OIF688" s="613"/>
      <c r="OIG688" s="613"/>
      <c r="OIH688" s="613"/>
      <c r="OII688" s="613"/>
      <c r="OIJ688" s="613"/>
      <c r="OIK688" s="613"/>
      <c r="OIL688" s="613"/>
      <c r="OIM688" s="613"/>
      <c r="OIN688" s="613"/>
      <c r="OIO688" s="613"/>
      <c r="OIP688" s="613"/>
      <c r="OIQ688" s="613"/>
      <c r="OIR688" s="613"/>
      <c r="OIS688" s="613"/>
      <c r="OIT688" s="613"/>
      <c r="OIU688" s="613"/>
      <c r="OIV688" s="613"/>
      <c r="OIW688" s="613"/>
      <c r="OIX688" s="613"/>
      <c r="OIY688" s="613"/>
      <c r="OIZ688" s="613"/>
      <c r="OJA688" s="613"/>
      <c r="OJB688" s="613"/>
      <c r="OJC688" s="613"/>
      <c r="OJD688" s="613"/>
      <c r="OJE688" s="613"/>
      <c r="OJF688" s="613"/>
      <c r="OJG688" s="613"/>
      <c r="OJH688" s="613"/>
      <c r="OJI688" s="613"/>
      <c r="OJJ688" s="613"/>
      <c r="OJK688" s="613"/>
      <c r="OJL688" s="613"/>
      <c r="OJM688" s="613"/>
      <c r="OJN688" s="613"/>
      <c r="OJO688" s="613"/>
      <c r="OJP688" s="613"/>
      <c r="OJQ688" s="613"/>
      <c r="OJR688" s="613"/>
      <c r="OJS688" s="613"/>
      <c r="OJT688" s="613"/>
      <c r="OJU688" s="613"/>
      <c r="OJV688" s="613"/>
      <c r="OJW688" s="613"/>
      <c r="OJX688" s="613"/>
      <c r="OJY688" s="613"/>
      <c r="OJZ688" s="613"/>
      <c r="OKA688" s="613"/>
      <c r="OKB688" s="613"/>
      <c r="OKC688" s="613"/>
      <c r="OKD688" s="613"/>
      <c r="OKE688" s="613"/>
      <c r="OKF688" s="613"/>
      <c r="OKG688" s="613"/>
      <c r="OKH688" s="613"/>
      <c r="OKI688" s="613"/>
      <c r="OKJ688" s="613"/>
      <c r="OKK688" s="613"/>
      <c r="OKL688" s="613"/>
      <c r="OKM688" s="613"/>
      <c r="OKN688" s="613"/>
      <c r="OKO688" s="613"/>
      <c r="OKP688" s="613"/>
      <c r="OKQ688" s="613"/>
      <c r="OKR688" s="613"/>
      <c r="OKS688" s="613"/>
      <c r="OKT688" s="613"/>
      <c r="OKU688" s="613"/>
      <c r="OKV688" s="613"/>
      <c r="OKW688" s="613"/>
      <c r="OKX688" s="613"/>
      <c r="OKY688" s="613"/>
      <c r="OKZ688" s="613"/>
      <c r="OLA688" s="613"/>
      <c r="OLB688" s="613"/>
      <c r="OLC688" s="613"/>
      <c r="OLD688" s="613"/>
      <c r="OLE688" s="613"/>
      <c r="OLF688" s="613"/>
      <c r="OLG688" s="613"/>
      <c r="OLH688" s="613"/>
      <c r="OLI688" s="613"/>
      <c r="OLJ688" s="613"/>
      <c r="OLK688" s="613"/>
      <c r="OLL688" s="613"/>
      <c r="OLM688" s="613"/>
      <c r="OLN688" s="613"/>
      <c r="OLO688" s="613"/>
      <c r="OLP688" s="613"/>
      <c r="OLQ688" s="613"/>
      <c r="OLR688" s="613"/>
      <c r="OLS688" s="613"/>
      <c r="OLT688" s="613"/>
      <c r="OLU688" s="613"/>
      <c r="OLV688" s="613"/>
      <c r="OLW688" s="613"/>
      <c r="OLX688" s="613"/>
      <c r="OLY688" s="613"/>
      <c r="OLZ688" s="613"/>
      <c r="OMA688" s="613"/>
      <c r="OMB688" s="613"/>
      <c r="OMC688" s="613"/>
      <c r="OMD688" s="613"/>
      <c r="OME688" s="613"/>
      <c r="OMF688" s="613"/>
      <c r="OMG688" s="613"/>
      <c r="OMH688" s="613"/>
      <c r="OMI688" s="613"/>
      <c r="OMJ688" s="613"/>
      <c r="OMK688" s="613"/>
      <c r="OML688" s="613"/>
      <c r="OMM688" s="613"/>
      <c r="OMN688" s="613"/>
      <c r="OMO688" s="613"/>
      <c r="OMP688" s="613"/>
      <c r="OMQ688" s="613"/>
      <c r="OMR688" s="613"/>
      <c r="OMS688" s="613"/>
      <c r="OMT688" s="613"/>
      <c r="OMU688" s="613"/>
      <c r="OMV688" s="613"/>
      <c r="OMW688" s="613"/>
      <c r="OMX688" s="613"/>
      <c r="OMY688" s="613"/>
      <c r="OMZ688" s="613"/>
      <c r="ONA688" s="613"/>
      <c r="ONB688" s="613"/>
      <c r="ONC688" s="613"/>
      <c r="OND688" s="613"/>
      <c r="ONE688" s="613"/>
      <c r="ONF688" s="613"/>
      <c r="ONG688" s="613"/>
      <c r="ONH688" s="613"/>
      <c r="ONI688" s="613"/>
      <c r="ONJ688" s="613"/>
      <c r="ONK688" s="613"/>
      <c r="ONL688" s="613"/>
      <c r="ONM688" s="613"/>
      <c r="ONN688" s="613"/>
      <c r="ONO688" s="613"/>
      <c r="ONP688" s="613"/>
      <c r="ONQ688" s="613"/>
      <c r="ONR688" s="613"/>
      <c r="ONS688" s="613"/>
      <c r="ONT688" s="613"/>
      <c r="ONU688" s="613"/>
      <c r="ONV688" s="613"/>
      <c r="ONW688" s="613"/>
      <c r="ONX688" s="613"/>
      <c r="ONY688" s="613"/>
      <c r="ONZ688" s="613"/>
      <c r="OOA688" s="613"/>
      <c r="OOB688" s="613"/>
      <c r="OOC688" s="613"/>
      <c r="OOD688" s="613"/>
      <c r="OOE688" s="613"/>
      <c r="OOF688" s="613"/>
      <c r="OOG688" s="613"/>
      <c r="OOH688" s="613"/>
      <c r="OOI688" s="613"/>
      <c r="OOJ688" s="613"/>
      <c r="OOK688" s="613"/>
      <c r="OOL688" s="613"/>
      <c r="OOM688" s="613"/>
      <c r="OON688" s="613"/>
      <c r="OOO688" s="613"/>
      <c r="OOP688" s="613"/>
      <c r="OOQ688" s="613"/>
      <c r="OOR688" s="613"/>
      <c r="OOS688" s="613"/>
      <c r="OOT688" s="613"/>
      <c r="OOU688" s="613"/>
      <c r="OOV688" s="613"/>
      <c r="OOW688" s="613"/>
      <c r="OOX688" s="613"/>
      <c r="OOY688" s="613"/>
      <c r="OOZ688" s="613"/>
      <c r="OPA688" s="613"/>
      <c r="OPB688" s="613"/>
      <c r="OPC688" s="613"/>
      <c r="OPD688" s="613"/>
      <c r="OPE688" s="613"/>
      <c r="OPF688" s="613"/>
      <c r="OPG688" s="613"/>
      <c r="OPH688" s="613"/>
      <c r="OPI688" s="613"/>
      <c r="OPJ688" s="613"/>
      <c r="OPK688" s="613"/>
      <c r="OPL688" s="613"/>
      <c r="OPM688" s="613"/>
      <c r="OPN688" s="613"/>
      <c r="OPO688" s="613"/>
      <c r="OPP688" s="613"/>
      <c r="OPQ688" s="613"/>
      <c r="OPR688" s="613"/>
      <c r="OPS688" s="613"/>
      <c r="OPT688" s="613"/>
      <c r="OPU688" s="613"/>
      <c r="OPV688" s="613"/>
      <c r="OPW688" s="613"/>
      <c r="OPX688" s="613"/>
      <c r="OPY688" s="613"/>
      <c r="OPZ688" s="613"/>
      <c r="OQA688" s="613"/>
      <c r="OQB688" s="613"/>
      <c r="OQC688" s="613"/>
      <c r="OQD688" s="613"/>
      <c r="OQE688" s="613"/>
      <c r="OQF688" s="613"/>
      <c r="OQG688" s="613"/>
      <c r="OQH688" s="613"/>
      <c r="OQI688" s="613"/>
      <c r="OQJ688" s="613"/>
      <c r="OQK688" s="613"/>
      <c r="OQL688" s="613"/>
      <c r="OQM688" s="613"/>
      <c r="OQN688" s="613"/>
      <c r="OQO688" s="613"/>
      <c r="OQP688" s="613"/>
      <c r="OQQ688" s="613"/>
      <c r="OQR688" s="613"/>
      <c r="OQS688" s="613"/>
      <c r="OQT688" s="613"/>
      <c r="OQU688" s="613"/>
      <c r="OQV688" s="613"/>
      <c r="OQW688" s="613"/>
      <c r="OQX688" s="613"/>
      <c r="OQY688" s="613"/>
      <c r="OQZ688" s="613"/>
      <c r="ORA688" s="613"/>
      <c r="ORB688" s="613"/>
      <c r="ORC688" s="613"/>
      <c r="ORD688" s="613"/>
      <c r="ORE688" s="613"/>
      <c r="ORF688" s="613"/>
      <c r="ORG688" s="613"/>
      <c r="ORH688" s="613"/>
      <c r="ORI688" s="613"/>
      <c r="ORJ688" s="613"/>
      <c r="ORK688" s="613"/>
      <c r="ORL688" s="613"/>
      <c r="ORM688" s="613"/>
      <c r="ORN688" s="613"/>
      <c r="ORO688" s="613"/>
      <c r="ORP688" s="613"/>
      <c r="ORQ688" s="613"/>
      <c r="ORR688" s="613"/>
      <c r="ORS688" s="613"/>
      <c r="ORT688" s="613"/>
      <c r="ORU688" s="613"/>
      <c r="ORV688" s="613"/>
      <c r="ORW688" s="613"/>
      <c r="ORX688" s="613"/>
      <c r="ORY688" s="613"/>
      <c r="ORZ688" s="613"/>
      <c r="OSA688" s="613"/>
      <c r="OSB688" s="613"/>
      <c r="OSC688" s="613"/>
      <c r="OSD688" s="613"/>
      <c r="OSE688" s="613"/>
      <c r="OSF688" s="613"/>
      <c r="OSG688" s="613"/>
      <c r="OSH688" s="613"/>
      <c r="OSI688" s="613"/>
      <c r="OSJ688" s="613"/>
      <c r="OSK688" s="613"/>
      <c r="OSL688" s="613"/>
      <c r="OSM688" s="613"/>
      <c r="OSN688" s="613"/>
      <c r="OSO688" s="613"/>
      <c r="OSP688" s="613"/>
      <c r="OSQ688" s="613"/>
      <c r="OSR688" s="613"/>
      <c r="OSS688" s="613"/>
      <c r="OST688" s="613"/>
      <c r="OSU688" s="613"/>
      <c r="OSV688" s="613"/>
      <c r="OSW688" s="613"/>
      <c r="OSX688" s="613"/>
      <c r="OSY688" s="613"/>
      <c r="OSZ688" s="613"/>
      <c r="OTA688" s="613"/>
      <c r="OTB688" s="613"/>
      <c r="OTC688" s="613"/>
      <c r="OTD688" s="613"/>
      <c r="OTE688" s="613"/>
      <c r="OTF688" s="613"/>
      <c r="OTG688" s="613"/>
      <c r="OTH688" s="613"/>
      <c r="OTI688" s="613"/>
      <c r="OTJ688" s="613"/>
      <c r="OTK688" s="613"/>
      <c r="OTL688" s="613"/>
      <c r="OTM688" s="613"/>
      <c r="OTN688" s="613"/>
      <c r="OTO688" s="613"/>
      <c r="OTP688" s="613"/>
      <c r="OTQ688" s="613"/>
      <c r="OTR688" s="613"/>
      <c r="OTS688" s="613"/>
      <c r="OTT688" s="613"/>
      <c r="OTU688" s="613"/>
      <c r="OTV688" s="613"/>
      <c r="OTW688" s="613"/>
      <c r="OTX688" s="613"/>
      <c r="OTY688" s="613"/>
      <c r="OTZ688" s="613"/>
      <c r="OUA688" s="613"/>
      <c r="OUB688" s="613"/>
      <c r="OUC688" s="613"/>
      <c r="OUD688" s="613"/>
      <c r="OUE688" s="613"/>
      <c r="OUF688" s="613"/>
      <c r="OUG688" s="613"/>
      <c r="OUH688" s="613"/>
      <c r="OUI688" s="613"/>
      <c r="OUJ688" s="613"/>
      <c r="OUK688" s="613"/>
      <c r="OUL688" s="613"/>
      <c r="OUM688" s="613"/>
      <c r="OUN688" s="613"/>
      <c r="OUO688" s="613"/>
      <c r="OUP688" s="613"/>
      <c r="OUQ688" s="613"/>
      <c r="OUR688" s="613"/>
      <c r="OUS688" s="613"/>
      <c r="OUT688" s="613"/>
      <c r="OUU688" s="613"/>
      <c r="OUV688" s="613"/>
      <c r="OUW688" s="613"/>
      <c r="OUX688" s="613"/>
      <c r="OUY688" s="613"/>
      <c r="OUZ688" s="613"/>
      <c r="OVA688" s="613"/>
      <c r="OVB688" s="613"/>
      <c r="OVC688" s="613"/>
      <c r="OVD688" s="613"/>
      <c r="OVE688" s="613"/>
      <c r="OVF688" s="613"/>
      <c r="OVG688" s="613"/>
      <c r="OVH688" s="613"/>
      <c r="OVI688" s="613"/>
      <c r="OVJ688" s="613"/>
      <c r="OVK688" s="613"/>
      <c r="OVL688" s="613"/>
      <c r="OVM688" s="613"/>
      <c r="OVN688" s="613"/>
      <c r="OVO688" s="613"/>
      <c r="OVP688" s="613"/>
      <c r="OVQ688" s="613"/>
      <c r="OVR688" s="613"/>
      <c r="OVS688" s="613"/>
      <c r="OVT688" s="613"/>
      <c r="OVU688" s="613"/>
      <c r="OVV688" s="613"/>
      <c r="OVW688" s="613"/>
      <c r="OVX688" s="613"/>
      <c r="OVY688" s="613"/>
      <c r="OVZ688" s="613"/>
      <c r="OWA688" s="613"/>
      <c r="OWB688" s="613"/>
      <c r="OWC688" s="613"/>
      <c r="OWD688" s="613"/>
      <c r="OWE688" s="613"/>
      <c r="OWF688" s="613"/>
      <c r="OWG688" s="613"/>
      <c r="OWH688" s="613"/>
      <c r="OWI688" s="613"/>
      <c r="OWJ688" s="613"/>
      <c r="OWK688" s="613"/>
      <c r="OWL688" s="613"/>
      <c r="OWM688" s="613"/>
      <c r="OWN688" s="613"/>
      <c r="OWO688" s="613"/>
      <c r="OWP688" s="613"/>
      <c r="OWQ688" s="613"/>
      <c r="OWR688" s="613"/>
      <c r="OWS688" s="613"/>
      <c r="OWT688" s="613"/>
      <c r="OWU688" s="613"/>
      <c r="OWV688" s="613"/>
      <c r="OWW688" s="613"/>
      <c r="OWX688" s="613"/>
      <c r="OWY688" s="613"/>
      <c r="OWZ688" s="613"/>
      <c r="OXA688" s="613"/>
      <c r="OXB688" s="613"/>
      <c r="OXC688" s="613"/>
      <c r="OXD688" s="613"/>
      <c r="OXE688" s="613"/>
      <c r="OXF688" s="613"/>
      <c r="OXG688" s="613"/>
      <c r="OXH688" s="613"/>
      <c r="OXI688" s="613"/>
      <c r="OXJ688" s="613"/>
      <c r="OXK688" s="613"/>
      <c r="OXL688" s="613"/>
      <c r="OXM688" s="613"/>
      <c r="OXN688" s="613"/>
      <c r="OXO688" s="613"/>
      <c r="OXP688" s="613"/>
      <c r="OXQ688" s="613"/>
      <c r="OXR688" s="613"/>
      <c r="OXS688" s="613"/>
      <c r="OXT688" s="613"/>
      <c r="OXU688" s="613"/>
      <c r="OXV688" s="613"/>
      <c r="OXW688" s="613"/>
      <c r="OXX688" s="613"/>
      <c r="OXY688" s="613"/>
      <c r="OXZ688" s="613"/>
      <c r="OYA688" s="613"/>
      <c r="OYB688" s="613"/>
      <c r="OYC688" s="613"/>
      <c r="OYD688" s="613"/>
      <c r="OYE688" s="613"/>
      <c r="OYF688" s="613"/>
      <c r="OYG688" s="613"/>
      <c r="OYH688" s="613"/>
      <c r="OYI688" s="613"/>
      <c r="OYJ688" s="613"/>
      <c r="OYK688" s="613"/>
      <c r="OYL688" s="613"/>
      <c r="OYM688" s="613"/>
      <c r="OYN688" s="613"/>
      <c r="OYO688" s="613"/>
      <c r="OYP688" s="613"/>
      <c r="OYQ688" s="613"/>
      <c r="OYR688" s="613"/>
      <c r="OYS688" s="613"/>
      <c r="OYT688" s="613"/>
      <c r="OYU688" s="613"/>
      <c r="OYV688" s="613"/>
      <c r="OYW688" s="613"/>
      <c r="OYX688" s="613"/>
      <c r="OYY688" s="613"/>
      <c r="OYZ688" s="613"/>
      <c r="OZA688" s="613"/>
      <c r="OZB688" s="613"/>
      <c r="OZC688" s="613"/>
      <c r="OZD688" s="613"/>
      <c r="OZE688" s="613"/>
      <c r="OZF688" s="613"/>
      <c r="OZG688" s="613"/>
      <c r="OZH688" s="613"/>
      <c r="OZI688" s="613"/>
      <c r="OZJ688" s="613"/>
      <c r="OZK688" s="613"/>
      <c r="OZL688" s="613"/>
      <c r="OZM688" s="613"/>
      <c r="OZN688" s="613"/>
      <c r="OZO688" s="613"/>
      <c r="OZP688" s="613"/>
      <c r="OZQ688" s="613"/>
      <c r="OZR688" s="613"/>
      <c r="OZS688" s="613"/>
      <c r="OZT688" s="613"/>
      <c r="OZU688" s="613"/>
      <c r="OZV688" s="613"/>
      <c r="OZW688" s="613"/>
      <c r="OZX688" s="613"/>
      <c r="OZY688" s="613"/>
      <c r="OZZ688" s="613"/>
      <c r="PAA688" s="613"/>
      <c r="PAB688" s="613"/>
      <c r="PAC688" s="613"/>
      <c r="PAD688" s="613"/>
      <c r="PAE688" s="613"/>
      <c r="PAF688" s="613"/>
      <c r="PAG688" s="613"/>
      <c r="PAH688" s="613"/>
      <c r="PAI688" s="613"/>
      <c r="PAJ688" s="613"/>
      <c r="PAK688" s="613"/>
      <c r="PAL688" s="613"/>
      <c r="PAM688" s="613"/>
      <c r="PAN688" s="613"/>
      <c r="PAO688" s="613"/>
      <c r="PAP688" s="613"/>
      <c r="PAQ688" s="613"/>
      <c r="PAR688" s="613"/>
      <c r="PAS688" s="613"/>
      <c r="PAT688" s="613"/>
      <c r="PAU688" s="613"/>
      <c r="PAV688" s="613"/>
      <c r="PAW688" s="613"/>
      <c r="PAX688" s="613"/>
      <c r="PAY688" s="613"/>
      <c r="PAZ688" s="613"/>
      <c r="PBA688" s="613"/>
      <c r="PBB688" s="613"/>
      <c r="PBC688" s="613"/>
      <c r="PBD688" s="613"/>
      <c r="PBE688" s="613"/>
      <c r="PBF688" s="613"/>
      <c r="PBG688" s="613"/>
      <c r="PBH688" s="613"/>
      <c r="PBI688" s="613"/>
      <c r="PBJ688" s="613"/>
      <c r="PBK688" s="613"/>
      <c r="PBL688" s="613"/>
      <c r="PBM688" s="613"/>
      <c r="PBN688" s="613"/>
      <c r="PBO688" s="613"/>
      <c r="PBP688" s="613"/>
      <c r="PBQ688" s="613"/>
      <c r="PBR688" s="613"/>
      <c r="PBS688" s="613"/>
      <c r="PBT688" s="613"/>
      <c r="PBU688" s="613"/>
      <c r="PBV688" s="613"/>
      <c r="PBW688" s="613"/>
      <c r="PBX688" s="613"/>
      <c r="PBY688" s="613"/>
      <c r="PBZ688" s="613"/>
      <c r="PCA688" s="613"/>
      <c r="PCB688" s="613"/>
      <c r="PCC688" s="613"/>
      <c r="PCD688" s="613"/>
      <c r="PCE688" s="613"/>
      <c r="PCF688" s="613"/>
      <c r="PCG688" s="613"/>
      <c r="PCH688" s="613"/>
      <c r="PCI688" s="613"/>
      <c r="PCJ688" s="613"/>
      <c r="PCK688" s="613"/>
      <c r="PCL688" s="613"/>
      <c r="PCM688" s="613"/>
      <c r="PCN688" s="613"/>
      <c r="PCO688" s="613"/>
      <c r="PCP688" s="613"/>
      <c r="PCQ688" s="613"/>
      <c r="PCR688" s="613"/>
      <c r="PCS688" s="613"/>
      <c r="PCT688" s="613"/>
      <c r="PCU688" s="613"/>
      <c r="PCV688" s="613"/>
      <c r="PCW688" s="613"/>
      <c r="PCX688" s="613"/>
      <c r="PCY688" s="613"/>
      <c r="PCZ688" s="613"/>
      <c r="PDA688" s="613"/>
      <c r="PDB688" s="613"/>
      <c r="PDC688" s="613"/>
      <c r="PDD688" s="613"/>
      <c r="PDE688" s="613"/>
      <c r="PDF688" s="613"/>
      <c r="PDG688" s="613"/>
      <c r="PDH688" s="613"/>
      <c r="PDI688" s="613"/>
      <c r="PDJ688" s="613"/>
      <c r="PDK688" s="613"/>
      <c r="PDL688" s="613"/>
      <c r="PDM688" s="613"/>
      <c r="PDN688" s="613"/>
      <c r="PDO688" s="613"/>
      <c r="PDP688" s="613"/>
      <c r="PDQ688" s="613"/>
      <c r="PDR688" s="613"/>
      <c r="PDS688" s="613"/>
      <c r="PDT688" s="613"/>
      <c r="PDU688" s="613"/>
      <c r="PDV688" s="613"/>
      <c r="PDW688" s="613"/>
      <c r="PDX688" s="613"/>
      <c r="PDY688" s="613"/>
      <c r="PDZ688" s="613"/>
      <c r="PEA688" s="613"/>
      <c r="PEB688" s="613"/>
      <c r="PEC688" s="613"/>
      <c r="PED688" s="613"/>
      <c r="PEE688" s="613"/>
      <c r="PEF688" s="613"/>
      <c r="PEG688" s="613"/>
      <c r="PEH688" s="613"/>
      <c r="PEI688" s="613"/>
      <c r="PEJ688" s="613"/>
      <c r="PEK688" s="613"/>
      <c r="PEL688" s="613"/>
      <c r="PEM688" s="613"/>
      <c r="PEN688" s="613"/>
      <c r="PEO688" s="613"/>
      <c r="PEP688" s="613"/>
      <c r="PEQ688" s="613"/>
      <c r="PER688" s="613"/>
      <c r="PES688" s="613"/>
      <c r="PET688" s="613"/>
      <c r="PEU688" s="613"/>
      <c r="PEV688" s="613"/>
      <c r="PEW688" s="613"/>
      <c r="PEX688" s="613"/>
      <c r="PEY688" s="613"/>
      <c r="PEZ688" s="613"/>
      <c r="PFA688" s="613"/>
      <c r="PFB688" s="613"/>
      <c r="PFC688" s="613"/>
      <c r="PFD688" s="613"/>
      <c r="PFE688" s="613"/>
      <c r="PFF688" s="613"/>
      <c r="PFG688" s="613"/>
      <c r="PFH688" s="613"/>
      <c r="PFI688" s="613"/>
      <c r="PFJ688" s="613"/>
      <c r="PFK688" s="613"/>
      <c r="PFL688" s="613"/>
      <c r="PFM688" s="613"/>
      <c r="PFN688" s="613"/>
      <c r="PFO688" s="613"/>
      <c r="PFP688" s="613"/>
      <c r="PFQ688" s="613"/>
      <c r="PFR688" s="613"/>
      <c r="PFS688" s="613"/>
      <c r="PFT688" s="613"/>
      <c r="PFU688" s="613"/>
      <c r="PFV688" s="613"/>
      <c r="PFW688" s="613"/>
      <c r="PFX688" s="613"/>
      <c r="PFY688" s="613"/>
      <c r="PFZ688" s="613"/>
      <c r="PGA688" s="613"/>
      <c r="PGB688" s="613"/>
      <c r="PGC688" s="613"/>
      <c r="PGD688" s="613"/>
      <c r="PGE688" s="613"/>
      <c r="PGF688" s="613"/>
      <c r="PGG688" s="613"/>
      <c r="PGH688" s="613"/>
      <c r="PGI688" s="613"/>
      <c r="PGJ688" s="613"/>
      <c r="PGK688" s="613"/>
      <c r="PGL688" s="613"/>
      <c r="PGM688" s="613"/>
      <c r="PGN688" s="613"/>
      <c r="PGO688" s="613"/>
      <c r="PGP688" s="613"/>
      <c r="PGQ688" s="613"/>
      <c r="PGR688" s="613"/>
      <c r="PGS688" s="613"/>
      <c r="PGT688" s="613"/>
      <c r="PGU688" s="613"/>
      <c r="PGV688" s="613"/>
      <c r="PGW688" s="613"/>
      <c r="PGX688" s="613"/>
      <c r="PGY688" s="613"/>
      <c r="PGZ688" s="613"/>
      <c r="PHA688" s="613"/>
      <c r="PHB688" s="613"/>
      <c r="PHC688" s="613"/>
      <c r="PHD688" s="613"/>
      <c r="PHE688" s="613"/>
      <c r="PHF688" s="613"/>
      <c r="PHG688" s="613"/>
      <c r="PHH688" s="613"/>
      <c r="PHI688" s="613"/>
      <c r="PHJ688" s="613"/>
      <c r="PHK688" s="613"/>
      <c r="PHL688" s="613"/>
      <c r="PHM688" s="613"/>
      <c r="PHN688" s="613"/>
      <c r="PHO688" s="613"/>
      <c r="PHP688" s="613"/>
      <c r="PHQ688" s="613"/>
      <c r="PHR688" s="613"/>
      <c r="PHS688" s="613"/>
      <c r="PHT688" s="613"/>
      <c r="PHU688" s="613"/>
      <c r="PHV688" s="613"/>
      <c r="PHW688" s="613"/>
      <c r="PHX688" s="613"/>
      <c r="PHY688" s="613"/>
      <c r="PHZ688" s="613"/>
      <c r="PIA688" s="613"/>
      <c r="PIB688" s="613"/>
      <c r="PIC688" s="613"/>
      <c r="PID688" s="613"/>
      <c r="PIE688" s="613"/>
      <c r="PIF688" s="613"/>
      <c r="PIG688" s="613"/>
      <c r="PIH688" s="613"/>
      <c r="PII688" s="613"/>
      <c r="PIJ688" s="613"/>
      <c r="PIK688" s="613"/>
      <c r="PIL688" s="613"/>
      <c r="PIM688" s="613"/>
      <c r="PIN688" s="613"/>
      <c r="PIO688" s="613"/>
      <c r="PIP688" s="613"/>
      <c r="PIQ688" s="613"/>
      <c r="PIR688" s="613"/>
      <c r="PIS688" s="613"/>
      <c r="PIT688" s="613"/>
      <c r="PIU688" s="613"/>
      <c r="PIV688" s="613"/>
      <c r="PIW688" s="613"/>
      <c r="PIX688" s="613"/>
      <c r="PIY688" s="613"/>
      <c r="PIZ688" s="613"/>
      <c r="PJA688" s="613"/>
      <c r="PJB688" s="613"/>
      <c r="PJC688" s="613"/>
      <c r="PJD688" s="613"/>
      <c r="PJE688" s="613"/>
      <c r="PJF688" s="613"/>
      <c r="PJG688" s="613"/>
      <c r="PJH688" s="613"/>
      <c r="PJI688" s="613"/>
      <c r="PJJ688" s="613"/>
      <c r="PJK688" s="613"/>
      <c r="PJL688" s="613"/>
      <c r="PJM688" s="613"/>
      <c r="PJN688" s="613"/>
      <c r="PJO688" s="613"/>
      <c r="PJP688" s="613"/>
      <c r="PJQ688" s="613"/>
      <c r="PJR688" s="613"/>
      <c r="PJS688" s="613"/>
      <c r="PJT688" s="613"/>
      <c r="PJU688" s="613"/>
      <c r="PJV688" s="613"/>
      <c r="PJW688" s="613"/>
      <c r="PJX688" s="613"/>
      <c r="PJY688" s="613"/>
      <c r="PJZ688" s="613"/>
      <c r="PKA688" s="613"/>
      <c r="PKB688" s="613"/>
      <c r="PKC688" s="613"/>
      <c r="PKD688" s="613"/>
      <c r="PKE688" s="613"/>
      <c r="PKF688" s="613"/>
      <c r="PKG688" s="613"/>
      <c r="PKH688" s="613"/>
      <c r="PKI688" s="613"/>
      <c r="PKJ688" s="613"/>
      <c r="PKK688" s="613"/>
      <c r="PKL688" s="613"/>
      <c r="PKM688" s="613"/>
      <c r="PKN688" s="613"/>
      <c r="PKO688" s="613"/>
      <c r="PKP688" s="613"/>
      <c r="PKQ688" s="613"/>
      <c r="PKR688" s="613"/>
      <c r="PKS688" s="613"/>
      <c r="PKT688" s="613"/>
      <c r="PKU688" s="613"/>
      <c r="PKV688" s="613"/>
      <c r="PKW688" s="613"/>
      <c r="PKX688" s="613"/>
      <c r="PKY688" s="613"/>
      <c r="PKZ688" s="613"/>
      <c r="PLA688" s="613"/>
      <c r="PLB688" s="613"/>
      <c r="PLC688" s="613"/>
      <c r="PLD688" s="613"/>
      <c r="PLE688" s="613"/>
      <c r="PLF688" s="613"/>
      <c r="PLG688" s="613"/>
      <c r="PLH688" s="613"/>
      <c r="PLI688" s="613"/>
      <c r="PLJ688" s="613"/>
      <c r="PLK688" s="613"/>
      <c r="PLL688" s="613"/>
      <c r="PLM688" s="613"/>
      <c r="PLN688" s="613"/>
      <c r="PLO688" s="613"/>
      <c r="PLP688" s="613"/>
      <c r="PLQ688" s="613"/>
      <c r="PLR688" s="613"/>
      <c r="PLS688" s="613"/>
      <c r="PLT688" s="613"/>
      <c r="PLU688" s="613"/>
      <c r="PLV688" s="613"/>
      <c r="PLW688" s="613"/>
      <c r="PLX688" s="613"/>
      <c r="PLY688" s="613"/>
      <c r="PLZ688" s="613"/>
      <c r="PMA688" s="613"/>
      <c r="PMB688" s="613"/>
      <c r="PMC688" s="613"/>
      <c r="PMD688" s="613"/>
      <c r="PME688" s="613"/>
      <c r="PMF688" s="613"/>
      <c r="PMG688" s="613"/>
      <c r="PMH688" s="613"/>
      <c r="PMI688" s="613"/>
      <c r="PMJ688" s="613"/>
      <c r="PMK688" s="613"/>
      <c r="PML688" s="613"/>
      <c r="PMM688" s="613"/>
      <c r="PMN688" s="613"/>
      <c r="PMO688" s="613"/>
      <c r="PMP688" s="613"/>
      <c r="PMQ688" s="613"/>
      <c r="PMR688" s="613"/>
      <c r="PMS688" s="613"/>
      <c r="PMT688" s="613"/>
      <c r="PMU688" s="613"/>
      <c r="PMV688" s="613"/>
      <c r="PMW688" s="613"/>
      <c r="PMX688" s="613"/>
      <c r="PMY688" s="613"/>
      <c r="PMZ688" s="613"/>
      <c r="PNA688" s="613"/>
      <c r="PNB688" s="613"/>
      <c r="PNC688" s="613"/>
      <c r="PND688" s="613"/>
      <c r="PNE688" s="613"/>
      <c r="PNF688" s="613"/>
      <c r="PNG688" s="613"/>
      <c r="PNH688" s="613"/>
      <c r="PNI688" s="613"/>
      <c r="PNJ688" s="613"/>
      <c r="PNK688" s="613"/>
      <c r="PNL688" s="613"/>
      <c r="PNM688" s="613"/>
      <c r="PNN688" s="613"/>
      <c r="PNO688" s="613"/>
      <c r="PNP688" s="613"/>
      <c r="PNQ688" s="613"/>
      <c r="PNR688" s="613"/>
      <c r="PNS688" s="613"/>
      <c r="PNT688" s="613"/>
      <c r="PNU688" s="613"/>
      <c r="PNV688" s="613"/>
      <c r="PNW688" s="613"/>
      <c r="PNX688" s="613"/>
      <c r="PNY688" s="613"/>
      <c r="PNZ688" s="613"/>
      <c r="POA688" s="613"/>
      <c r="POB688" s="613"/>
      <c r="POC688" s="613"/>
      <c r="POD688" s="613"/>
      <c r="POE688" s="613"/>
      <c r="POF688" s="613"/>
      <c r="POG688" s="613"/>
      <c r="POH688" s="613"/>
      <c r="POI688" s="613"/>
      <c r="POJ688" s="613"/>
      <c r="POK688" s="613"/>
      <c r="POL688" s="613"/>
      <c r="POM688" s="613"/>
      <c r="PON688" s="613"/>
      <c r="POO688" s="613"/>
      <c r="POP688" s="613"/>
      <c r="POQ688" s="613"/>
      <c r="POR688" s="613"/>
      <c r="POS688" s="613"/>
      <c r="POT688" s="613"/>
      <c r="POU688" s="613"/>
      <c r="POV688" s="613"/>
      <c r="POW688" s="613"/>
      <c r="POX688" s="613"/>
      <c r="POY688" s="613"/>
      <c r="POZ688" s="613"/>
      <c r="PPA688" s="613"/>
      <c r="PPB688" s="613"/>
      <c r="PPC688" s="613"/>
      <c r="PPD688" s="613"/>
      <c r="PPE688" s="613"/>
      <c r="PPF688" s="613"/>
      <c r="PPG688" s="613"/>
      <c r="PPH688" s="613"/>
      <c r="PPI688" s="613"/>
      <c r="PPJ688" s="613"/>
      <c r="PPK688" s="613"/>
      <c r="PPL688" s="613"/>
      <c r="PPM688" s="613"/>
      <c r="PPN688" s="613"/>
      <c r="PPO688" s="613"/>
      <c r="PPP688" s="613"/>
      <c r="PPQ688" s="613"/>
      <c r="PPR688" s="613"/>
      <c r="PPS688" s="613"/>
      <c r="PPT688" s="613"/>
      <c r="PPU688" s="613"/>
      <c r="PPV688" s="613"/>
      <c r="PPW688" s="613"/>
      <c r="PPX688" s="613"/>
      <c r="PPY688" s="613"/>
      <c r="PPZ688" s="613"/>
      <c r="PQA688" s="613"/>
      <c r="PQB688" s="613"/>
      <c r="PQC688" s="613"/>
      <c r="PQD688" s="613"/>
      <c r="PQE688" s="613"/>
      <c r="PQF688" s="613"/>
      <c r="PQG688" s="613"/>
      <c r="PQH688" s="613"/>
      <c r="PQI688" s="613"/>
      <c r="PQJ688" s="613"/>
      <c r="PQK688" s="613"/>
      <c r="PQL688" s="613"/>
      <c r="PQM688" s="613"/>
      <c r="PQN688" s="613"/>
      <c r="PQO688" s="613"/>
      <c r="PQP688" s="613"/>
      <c r="PQQ688" s="613"/>
      <c r="PQR688" s="613"/>
      <c r="PQS688" s="613"/>
      <c r="PQT688" s="613"/>
      <c r="PQU688" s="613"/>
      <c r="PQV688" s="613"/>
      <c r="PQW688" s="613"/>
      <c r="PQX688" s="613"/>
      <c r="PQY688" s="613"/>
      <c r="PQZ688" s="613"/>
      <c r="PRA688" s="613"/>
      <c r="PRB688" s="613"/>
      <c r="PRC688" s="613"/>
      <c r="PRD688" s="613"/>
      <c r="PRE688" s="613"/>
      <c r="PRF688" s="613"/>
      <c r="PRG688" s="613"/>
      <c r="PRH688" s="613"/>
      <c r="PRI688" s="613"/>
      <c r="PRJ688" s="613"/>
      <c r="PRK688" s="613"/>
      <c r="PRL688" s="613"/>
      <c r="PRM688" s="613"/>
      <c r="PRN688" s="613"/>
      <c r="PRO688" s="613"/>
      <c r="PRP688" s="613"/>
      <c r="PRQ688" s="613"/>
      <c r="PRR688" s="613"/>
      <c r="PRS688" s="613"/>
      <c r="PRT688" s="613"/>
      <c r="PRU688" s="613"/>
      <c r="PRV688" s="613"/>
      <c r="PRW688" s="613"/>
      <c r="PRX688" s="613"/>
      <c r="PRY688" s="613"/>
      <c r="PRZ688" s="613"/>
      <c r="PSA688" s="613"/>
      <c r="PSB688" s="613"/>
      <c r="PSC688" s="613"/>
      <c r="PSD688" s="613"/>
      <c r="PSE688" s="613"/>
      <c r="PSF688" s="613"/>
      <c r="PSG688" s="613"/>
      <c r="PSH688" s="613"/>
      <c r="PSI688" s="613"/>
      <c r="PSJ688" s="613"/>
      <c r="PSK688" s="613"/>
      <c r="PSL688" s="613"/>
      <c r="PSM688" s="613"/>
      <c r="PSN688" s="613"/>
      <c r="PSO688" s="613"/>
      <c r="PSP688" s="613"/>
      <c r="PSQ688" s="613"/>
      <c r="PSR688" s="613"/>
      <c r="PSS688" s="613"/>
      <c r="PST688" s="613"/>
      <c r="PSU688" s="613"/>
      <c r="PSV688" s="613"/>
      <c r="PSW688" s="613"/>
      <c r="PSX688" s="613"/>
      <c r="PSY688" s="613"/>
      <c r="PSZ688" s="613"/>
      <c r="PTA688" s="613"/>
      <c r="PTB688" s="613"/>
      <c r="PTC688" s="613"/>
      <c r="PTD688" s="613"/>
      <c r="PTE688" s="613"/>
      <c r="PTF688" s="613"/>
      <c r="PTG688" s="613"/>
      <c r="PTH688" s="613"/>
      <c r="PTI688" s="613"/>
      <c r="PTJ688" s="613"/>
      <c r="PTK688" s="613"/>
      <c r="PTL688" s="613"/>
      <c r="PTM688" s="613"/>
      <c r="PTN688" s="613"/>
      <c r="PTO688" s="613"/>
      <c r="PTP688" s="613"/>
      <c r="PTQ688" s="613"/>
      <c r="PTR688" s="613"/>
      <c r="PTS688" s="613"/>
      <c r="PTT688" s="613"/>
      <c r="PTU688" s="613"/>
      <c r="PTV688" s="613"/>
      <c r="PTW688" s="613"/>
      <c r="PTX688" s="613"/>
      <c r="PTY688" s="613"/>
      <c r="PTZ688" s="613"/>
      <c r="PUA688" s="613"/>
      <c r="PUB688" s="613"/>
      <c r="PUC688" s="613"/>
      <c r="PUD688" s="613"/>
      <c r="PUE688" s="613"/>
      <c r="PUF688" s="613"/>
      <c r="PUG688" s="613"/>
      <c r="PUH688" s="613"/>
      <c r="PUI688" s="613"/>
      <c r="PUJ688" s="613"/>
      <c r="PUK688" s="613"/>
      <c r="PUL688" s="613"/>
      <c r="PUM688" s="613"/>
      <c r="PUN688" s="613"/>
      <c r="PUO688" s="613"/>
      <c r="PUP688" s="613"/>
      <c r="PUQ688" s="613"/>
      <c r="PUR688" s="613"/>
      <c r="PUS688" s="613"/>
      <c r="PUT688" s="613"/>
      <c r="PUU688" s="613"/>
      <c r="PUV688" s="613"/>
      <c r="PUW688" s="613"/>
      <c r="PUX688" s="613"/>
      <c r="PUY688" s="613"/>
      <c r="PUZ688" s="613"/>
      <c r="PVA688" s="613"/>
      <c r="PVB688" s="613"/>
      <c r="PVC688" s="613"/>
      <c r="PVD688" s="613"/>
      <c r="PVE688" s="613"/>
      <c r="PVF688" s="613"/>
      <c r="PVG688" s="613"/>
      <c r="PVH688" s="613"/>
      <c r="PVI688" s="613"/>
      <c r="PVJ688" s="613"/>
      <c r="PVK688" s="613"/>
      <c r="PVL688" s="613"/>
      <c r="PVM688" s="613"/>
      <c r="PVN688" s="613"/>
      <c r="PVO688" s="613"/>
      <c r="PVP688" s="613"/>
      <c r="PVQ688" s="613"/>
      <c r="PVR688" s="613"/>
      <c r="PVS688" s="613"/>
      <c r="PVT688" s="613"/>
      <c r="PVU688" s="613"/>
      <c r="PVV688" s="613"/>
      <c r="PVW688" s="613"/>
      <c r="PVX688" s="613"/>
      <c r="PVY688" s="613"/>
      <c r="PVZ688" s="613"/>
      <c r="PWA688" s="613"/>
      <c r="PWB688" s="613"/>
      <c r="PWC688" s="613"/>
      <c r="PWD688" s="613"/>
      <c r="PWE688" s="613"/>
      <c r="PWF688" s="613"/>
      <c r="PWG688" s="613"/>
      <c r="PWH688" s="613"/>
      <c r="PWI688" s="613"/>
      <c r="PWJ688" s="613"/>
      <c r="PWK688" s="613"/>
      <c r="PWL688" s="613"/>
      <c r="PWM688" s="613"/>
      <c r="PWN688" s="613"/>
      <c r="PWO688" s="613"/>
      <c r="PWP688" s="613"/>
      <c r="PWQ688" s="613"/>
      <c r="PWR688" s="613"/>
      <c r="PWS688" s="613"/>
      <c r="PWT688" s="613"/>
      <c r="PWU688" s="613"/>
      <c r="PWV688" s="613"/>
      <c r="PWW688" s="613"/>
      <c r="PWX688" s="613"/>
      <c r="PWY688" s="613"/>
      <c r="PWZ688" s="613"/>
      <c r="PXA688" s="613"/>
      <c r="PXB688" s="613"/>
      <c r="PXC688" s="613"/>
      <c r="PXD688" s="613"/>
      <c r="PXE688" s="613"/>
      <c r="PXF688" s="613"/>
      <c r="PXG688" s="613"/>
      <c r="PXH688" s="613"/>
      <c r="PXI688" s="613"/>
      <c r="PXJ688" s="613"/>
      <c r="PXK688" s="613"/>
      <c r="PXL688" s="613"/>
      <c r="PXM688" s="613"/>
      <c r="PXN688" s="613"/>
      <c r="PXO688" s="613"/>
      <c r="PXP688" s="613"/>
      <c r="PXQ688" s="613"/>
      <c r="PXR688" s="613"/>
      <c r="PXS688" s="613"/>
      <c r="PXT688" s="613"/>
      <c r="PXU688" s="613"/>
      <c r="PXV688" s="613"/>
      <c r="PXW688" s="613"/>
      <c r="PXX688" s="613"/>
      <c r="PXY688" s="613"/>
      <c r="PXZ688" s="613"/>
      <c r="PYA688" s="613"/>
      <c r="PYB688" s="613"/>
      <c r="PYC688" s="613"/>
      <c r="PYD688" s="613"/>
      <c r="PYE688" s="613"/>
      <c r="PYF688" s="613"/>
      <c r="PYG688" s="613"/>
      <c r="PYH688" s="613"/>
      <c r="PYI688" s="613"/>
      <c r="PYJ688" s="613"/>
      <c r="PYK688" s="613"/>
      <c r="PYL688" s="613"/>
      <c r="PYM688" s="613"/>
      <c r="PYN688" s="613"/>
      <c r="PYO688" s="613"/>
      <c r="PYP688" s="613"/>
      <c r="PYQ688" s="613"/>
      <c r="PYR688" s="613"/>
      <c r="PYS688" s="613"/>
      <c r="PYT688" s="613"/>
      <c r="PYU688" s="613"/>
      <c r="PYV688" s="613"/>
      <c r="PYW688" s="613"/>
      <c r="PYX688" s="613"/>
      <c r="PYY688" s="613"/>
      <c r="PYZ688" s="613"/>
      <c r="PZA688" s="613"/>
      <c r="PZB688" s="613"/>
      <c r="PZC688" s="613"/>
      <c r="PZD688" s="613"/>
      <c r="PZE688" s="613"/>
      <c r="PZF688" s="613"/>
      <c r="PZG688" s="613"/>
      <c r="PZH688" s="613"/>
      <c r="PZI688" s="613"/>
      <c r="PZJ688" s="613"/>
      <c r="PZK688" s="613"/>
      <c r="PZL688" s="613"/>
      <c r="PZM688" s="613"/>
      <c r="PZN688" s="613"/>
      <c r="PZO688" s="613"/>
      <c r="PZP688" s="613"/>
      <c r="PZQ688" s="613"/>
      <c r="PZR688" s="613"/>
      <c r="PZS688" s="613"/>
      <c r="PZT688" s="613"/>
      <c r="PZU688" s="613"/>
      <c r="PZV688" s="613"/>
      <c r="PZW688" s="613"/>
      <c r="PZX688" s="613"/>
      <c r="PZY688" s="613"/>
      <c r="PZZ688" s="613"/>
      <c r="QAA688" s="613"/>
      <c r="QAB688" s="613"/>
      <c r="QAC688" s="613"/>
      <c r="QAD688" s="613"/>
      <c r="QAE688" s="613"/>
      <c r="QAF688" s="613"/>
      <c r="QAG688" s="613"/>
      <c r="QAH688" s="613"/>
      <c r="QAI688" s="613"/>
      <c r="QAJ688" s="613"/>
      <c r="QAK688" s="613"/>
      <c r="QAL688" s="613"/>
      <c r="QAM688" s="613"/>
      <c r="QAN688" s="613"/>
      <c r="QAO688" s="613"/>
      <c r="QAP688" s="613"/>
      <c r="QAQ688" s="613"/>
      <c r="QAR688" s="613"/>
      <c r="QAS688" s="613"/>
      <c r="QAT688" s="613"/>
      <c r="QAU688" s="613"/>
      <c r="QAV688" s="613"/>
      <c r="QAW688" s="613"/>
      <c r="QAX688" s="613"/>
      <c r="QAY688" s="613"/>
      <c r="QAZ688" s="613"/>
      <c r="QBA688" s="613"/>
      <c r="QBB688" s="613"/>
      <c r="QBC688" s="613"/>
      <c r="QBD688" s="613"/>
      <c r="QBE688" s="613"/>
      <c r="QBF688" s="613"/>
      <c r="QBG688" s="613"/>
      <c r="QBH688" s="613"/>
      <c r="QBI688" s="613"/>
      <c r="QBJ688" s="613"/>
      <c r="QBK688" s="613"/>
      <c r="QBL688" s="613"/>
      <c r="QBM688" s="613"/>
      <c r="QBN688" s="613"/>
      <c r="QBO688" s="613"/>
      <c r="QBP688" s="613"/>
      <c r="QBQ688" s="613"/>
      <c r="QBR688" s="613"/>
      <c r="QBS688" s="613"/>
      <c r="QBT688" s="613"/>
      <c r="QBU688" s="613"/>
      <c r="QBV688" s="613"/>
      <c r="QBW688" s="613"/>
      <c r="QBX688" s="613"/>
      <c r="QBY688" s="613"/>
      <c r="QBZ688" s="613"/>
      <c r="QCA688" s="613"/>
      <c r="QCB688" s="613"/>
      <c r="QCC688" s="613"/>
      <c r="QCD688" s="613"/>
      <c r="QCE688" s="613"/>
      <c r="QCF688" s="613"/>
      <c r="QCG688" s="613"/>
      <c r="QCH688" s="613"/>
      <c r="QCI688" s="613"/>
      <c r="QCJ688" s="613"/>
      <c r="QCK688" s="613"/>
      <c r="QCL688" s="613"/>
      <c r="QCM688" s="613"/>
      <c r="QCN688" s="613"/>
      <c r="QCO688" s="613"/>
      <c r="QCP688" s="613"/>
      <c r="QCQ688" s="613"/>
      <c r="QCR688" s="613"/>
      <c r="QCS688" s="613"/>
      <c r="QCT688" s="613"/>
      <c r="QCU688" s="613"/>
      <c r="QCV688" s="613"/>
      <c r="QCW688" s="613"/>
      <c r="QCX688" s="613"/>
      <c r="QCY688" s="613"/>
      <c r="QCZ688" s="613"/>
      <c r="QDA688" s="613"/>
      <c r="QDB688" s="613"/>
      <c r="QDC688" s="613"/>
      <c r="QDD688" s="613"/>
      <c r="QDE688" s="613"/>
      <c r="QDF688" s="613"/>
      <c r="QDG688" s="613"/>
      <c r="QDH688" s="613"/>
      <c r="QDI688" s="613"/>
      <c r="QDJ688" s="613"/>
      <c r="QDK688" s="613"/>
      <c r="QDL688" s="613"/>
      <c r="QDM688" s="613"/>
      <c r="QDN688" s="613"/>
      <c r="QDO688" s="613"/>
      <c r="QDP688" s="613"/>
      <c r="QDQ688" s="613"/>
      <c r="QDR688" s="613"/>
      <c r="QDS688" s="613"/>
      <c r="QDT688" s="613"/>
      <c r="QDU688" s="613"/>
      <c r="QDV688" s="613"/>
      <c r="QDW688" s="613"/>
      <c r="QDX688" s="613"/>
      <c r="QDY688" s="613"/>
      <c r="QDZ688" s="613"/>
      <c r="QEA688" s="613"/>
      <c r="QEB688" s="613"/>
      <c r="QEC688" s="613"/>
      <c r="QED688" s="613"/>
      <c r="QEE688" s="613"/>
      <c r="QEF688" s="613"/>
      <c r="QEG688" s="613"/>
      <c r="QEH688" s="613"/>
      <c r="QEI688" s="613"/>
      <c r="QEJ688" s="613"/>
      <c r="QEK688" s="613"/>
      <c r="QEL688" s="613"/>
      <c r="QEM688" s="613"/>
      <c r="QEN688" s="613"/>
      <c r="QEO688" s="613"/>
      <c r="QEP688" s="613"/>
      <c r="QEQ688" s="613"/>
      <c r="QER688" s="613"/>
      <c r="QES688" s="613"/>
      <c r="QET688" s="613"/>
      <c r="QEU688" s="613"/>
      <c r="QEV688" s="613"/>
      <c r="QEW688" s="613"/>
      <c r="QEX688" s="613"/>
      <c r="QEY688" s="613"/>
      <c r="QEZ688" s="613"/>
      <c r="QFA688" s="613"/>
      <c r="QFB688" s="613"/>
      <c r="QFC688" s="613"/>
      <c r="QFD688" s="613"/>
      <c r="QFE688" s="613"/>
      <c r="QFF688" s="613"/>
      <c r="QFG688" s="613"/>
      <c r="QFH688" s="613"/>
      <c r="QFI688" s="613"/>
      <c r="QFJ688" s="613"/>
      <c r="QFK688" s="613"/>
      <c r="QFL688" s="613"/>
      <c r="QFM688" s="613"/>
      <c r="QFN688" s="613"/>
      <c r="QFO688" s="613"/>
      <c r="QFP688" s="613"/>
      <c r="QFQ688" s="613"/>
      <c r="QFR688" s="613"/>
      <c r="QFS688" s="613"/>
      <c r="QFT688" s="613"/>
      <c r="QFU688" s="613"/>
      <c r="QFV688" s="613"/>
      <c r="QFW688" s="613"/>
      <c r="QFX688" s="613"/>
      <c r="QFY688" s="613"/>
      <c r="QFZ688" s="613"/>
      <c r="QGA688" s="613"/>
      <c r="QGB688" s="613"/>
      <c r="QGC688" s="613"/>
      <c r="QGD688" s="613"/>
      <c r="QGE688" s="613"/>
      <c r="QGF688" s="613"/>
      <c r="QGG688" s="613"/>
      <c r="QGH688" s="613"/>
      <c r="QGI688" s="613"/>
      <c r="QGJ688" s="613"/>
      <c r="QGK688" s="613"/>
      <c r="QGL688" s="613"/>
      <c r="QGM688" s="613"/>
      <c r="QGN688" s="613"/>
      <c r="QGO688" s="613"/>
      <c r="QGP688" s="613"/>
      <c r="QGQ688" s="613"/>
      <c r="QGR688" s="613"/>
      <c r="QGS688" s="613"/>
      <c r="QGT688" s="613"/>
      <c r="QGU688" s="613"/>
      <c r="QGV688" s="613"/>
      <c r="QGW688" s="613"/>
      <c r="QGX688" s="613"/>
      <c r="QGY688" s="613"/>
      <c r="QGZ688" s="613"/>
      <c r="QHA688" s="613"/>
      <c r="QHB688" s="613"/>
      <c r="QHC688" s="613"/>
      <c r="QHD688" s="613"/>
      <c r="QHE688" s="613"/>
      <c r="QHF688" s="613"/>
      <c r="QHG688" s="613"/>
      <c r="QHH688" s="613"/>
      <c r="QHI688" s="613"/>
      <c r="QHJ688" s="613"/>
      <c r="QHK688" s="613"/>
      <c r="QHL688" s="613"/>
      <c r="QHM688" s="613"/>
      <c r="QHN688" s="613"/>
      <c r="QHO688" s="613"/>
      <c r="QHP688" s="613"/>
      <c r="QHQ688" s="613"/>
      <c r="QHR688" s="613"/>
      <c r="QHS688" s="613"/>
      <c r="QHT688" s="613"/>
      <c r="QHU688" s="613"/>
      <c r="QHV688" s="613"/>
      <c r="QHW688" s="613"/>
      <c r="QHX688" s="613"/>
      <c r="QHY688" s="613"/>
      <c r="QHZ688" s="613"/>
      <c r="QIA688" s="613"/>
      <c r="QIB688" s="613"/>
      <c r="QIC688" s="613"/>
      <c r="QID688" s="613"/>
      <c r="QIE688" s="613"/>
      <c r="QIF688" s="613"/>
      <c r="QIG688" s="613"/>
      <c r="QIH688" s="613"/>
      <c r="QII688" s="613"/>
      <c r="QIJ688" s="613"/>
      <c r="QIK688" s="613"/>
      <c r="QIL688" s="613"/>
      <c r="QIM688" s="613"/>
      <c r="QIN688" s="613"/>
      <c r="QIO688" s="613"/>
      <c r="QIP688" s="613"/>
      <c r="QIQ688" s="613"/>
      <c r="QIR688" s="613"/>
      <c r="QIS688" s="613"/>
      <c r="QIT688" s="613"/>
      <c r="QIU688" s="613"/>
      <c r="QIV688" s="613"/>
      <c r="QIW688" s="613"/>
      <c r="QIX688" s="613"/>
      <c r="QIY688" s="613"/>
      <c r="QIZ688" s="613"/>
      <c r="QJA688" s="613"/>
      <c r="QJB688" s="613"/>
      <c r="QJC688" s="613"/>
      <c r="QJD688" s="613"/>
      <c r="QJE688" s="613"/>
      <c r="QJF688" s="613"/>
      <c r="QJG688" s="613"/>
      <c r="QJH688" s="613"/>
      <c r="QJI688" s="613"/>
      <c r="QJJ688" s="613"/>
      <c r="QJK688" s="613"/>
      <c r="QJL688" s="613"/>
      <c r="QJM688" s="613"/>
      <c r="QJN688" s="613"/>
      <c r="QJO688" s="613"/>
      <c r="QJP688" s="613"/>
      <c r="QJQ688" s="613"/>
      <c r="QJR688" s="613"/>
      <c r="QJS688" s="613"/>
      <c r="QJT688" s="613"/>
      <c r="QJU688" s="613"/>
      <c r="QJV688" s="613"/>
      <c r="QJW688" s="613"/>
      <c r="QJX688" s="613"/>
      <c r="QJY688" s="613"/>
      <c r="QJZ688" s="613"/>
      <c r="QKA688" s="613"/>
      <c r="QKB688" s="613"/>
      <c r="QKC688" s="613"/>
      <c r="QKD688" s="613"/>
      <c r="QKE688" s="613"/>
      <c r="QKF688" s="613"/>
      <c r="QKG688" s="613"/>
      <c r="QKH688" s="613"/>
      <c r="QKI688" s="613"/>
      <c r="QKJ688" s="613"/>
      <c r="QKK688" s="613"/>
      <c r="QKL688" s="613"/>
      <c r="QKM688" s="613"/>
      <c r="QKN688" s="613"/>
      <c r="QKO688" s="613"/>
      <c r="QKP688" s="613"/>
      <c r="QKQ688" s="613"/>
      <c r="QKR688" s="613"/>
      <c r="QKS688" s="613"/>
      <c r="QKT688" s="613"/>
      <c r="QKU688" s="613"/>
      <c r="QKV688" s="613"/>
      <c r="QKW688" s="613"/>
      <c r="QKX688" s="613"/>
      <c r="QKY688" s="613"/>
      <c r="QKZ688" s="613"/>
      <c r="QLA688" s="613"/>
      <c r="QLB688" s="613"/>
      <c r="QLC688" s="613"/>
      <c r="QLD688" s="613"/>
      <c r="QLE688" s="613"/>
      <c r="QLF688" s="613"/>
      <c r="QLG688" s="613"/>
      <c r="QLH688" s="613"/>
      <c r="QLI688" s="613"/>
      <c r="QLJ688" s="613"/>
      <c r="QLK688" s="613"/>
      <c r="QLL688" s="613"/>
      <c r="QLM688" s="613"/>
      <c r="QLN688" s="613"/>
      <c r="QLO688" s="613"/>
      <c r="QLP688" s="613"/>
      <c r="QLQ688" s="613"/>
      <c r="QLR688" s="613"/>
      <c r="QLS688" s="613"/>
      <c r="QLT688" s="613"/>
      <c r="QLU688" s="613"/>
      <c r="QLV688" s="613"/>
      <c r="QLW688" s="613"/>
      <c r="QLX688" s="613"/>
      <c r="QLY688" s="613"/>
      <c r="QLZ688" s="613"/>
      <c r="QMA688" s="613"/>
      <c r="QMB688" s="613"/>
      <c r="QMC688" s="613"/>
      <c r="QMD688" s="613"/>
      <c r="QME688" s="613"/>
      <c r="QMF688" s="613"/>
      <c r="QMG688" s="613"/>
      <c r="QMH688" s="613"/>
      <c r="QMI688" s="613"/>
      <c r="QMJ688" s="613"/>
      <c r="QMK688" s="613"/>
      <c r="QML688" s="613"/>
      <c r="QMM688" s="613"/>
      <c r="QMN688" s="613"/>
      <c r="QMO688" s="613"/>
      <c r="QMP688" s="613"/>
      <c r="QMQ688" s="613"/>
      <c r="QMR688" s="613"/>
      <c r="QMS688" s="613"/>
      <c r="QMT688" s="613"/>
      <c r="QMU688" s="613"/>
      <c r="QMV688" s="613"/>
      <c r="QMW688" s="613"/>
      <c r="QMX688" s="613"/>
      <c r="QMY688" s="613"/>
      <c r="QMZ688" s="613"/>
      <c r="QNA688" s="613"/>
      <c r="QNB688" s="613"/>
      <c r="QNC688" s="613"/>
      <c r="QND688" s="613"/>
      <c r="QNE688" s="613"/>
      <c r="QNF688" s="613"/>
      <c r="QNG688" s="613"/>
      <c r="QNH688" s="613"/>
      <c r="QNI688" s="613"/>
      <c r="QNJ688" s="613"/>
      <c r="QNK688" s="613"/>
      <c r="QNL688" s="613"/>
      <c r="QNM688" s="613"/>
      <c r="QNN688" s="613"/>
      <c r="QNO688" s="613"/>
      <c r="QNP688" s="613"/>
      <c r="QNQ688" s="613"/>
      <c r="QNR688" s="613"/>
      <c r="QNS688" s="613"/>
      <c r="QNT688" s="613"/>
      <c r="QNU688" s="613"/>
      <c r="QNV688" s="613"/>
      <c r="QNW688" s="613"/>
      <c r="QNX688" s="613"/>
      <c r="QNY688" s="613"/>
      <c r="QNZ688" s="613"/>
      <c r="QOA688" s="613"/>
      <c r="QOB688" s="613"/>
      <c r="QOC688" s="613"/>
      <c r="QOD688" s="613"/>
      <c r="QOE688" s="613"/>
      <c r="QOF688" s="613"/>
      <c r="QOG688" s="613"/>
      <c r="QOH688" s="613"/>
      <c r="QOI688" s="613"/>
      <c r="QOJ688" s="613"/>
      <c r="QOK688" s="613"/>
      <c r="QOL688" s="613"/>
      <c r="QOM688" s="613"/>
      <c r="QON688" s="613"/>
      <c r="QOO688" s="613"/>
      <c r="QOP688" s="613"/>
      <c r="QOQ688" s="613"/>
      <c r="QOR688" s="613"/>
      <c r="QOS688" s="613"/>
      <c r="QOT688" s="613"/>
      <c r="QOU688" s="613"/>
      <c r="QOV688" s="613"/>
      <c r="QOW688" s="613"/>
      <c r="QOX688" s="613"/>
      <c r="QOY688" s="613"/>
      <c r="QOZ688" s="613"/>
      <c r="QPA688" s="613"/>
      <c r="QPB688" s="613"/>
      <c r="QPC688" s="613"/>
      <c r="QPD688" s="613"/>
      <c r="QPE688" s="613"/>
      <c r="QPF688" s="613"/>
      <c r="QPG688" s="613"/>
      <c r="QPH688" s="613"/>
      <c r="QPI688" s="613"/>
      <c r="QPJ688" s="613"/>
      <c r="QPK688" s="613"/>
      <c r="QPL688" s="613"/>
      <c r="QPM688" s="613"/>
      <c r="QPN688" s="613"/>
      <c r="QPO688" s="613"/>
      <c r="QPP688" s="613"/>
      <c r="QPQ688" s="613"/>
      <c r="QPR688" s="613"/>
      <c r="QPS688" s="613"/>
      <c r="QPT688" s="613"/>
      <c r="QPU688" s="613"/>
      <c r="QPV688" s="613"/>
      <c r="QPW688" s="613"/>
      <c r="QPX688" s="613"/>
      <c r="QPY688" s="613"/>
      <c r="QPZ688" s="613"/>
      <c r="QQA688" s="613"/>
      <c r="QQB688" s="613"/>
      <c r="QQC688" s="613"/>
      <c r="QQD688" s="613"/>
      <c r="QQE688" s="613"/>
      <c r="QQF688" s="613"/>
      <c r="QQG688" s="613"/>
      <c r="QQH688" s="613"/>
      <c r="QQI688" s="613"/>
      <c r="QQJ688" s="613"/>
      <c r="QQK688" s="613"/>
      <c r="QQL688" s="613"/>
      <c r="QQM688" s="613"/>
      <c r="QQN688" s="613"/>
      <c r="QQO688" s="613"/>
      <c r="QQP688" s="613"/>
      <c r="QQQ688" s="613"/>
      <c r="QQR688" s="613"/>
      <c r="QQS688" s="613"/>
      <c r="QQT688" s="613"/>
      <c r="QQU688" s="613"/>
      <c r="QQV688" s="613"/>
      <c r="QQW688" s="613"/>
      <c r="QQX688" s="613"/>
      <c r="QQY688" s="613"/>
      <c r="QQZ688" s="613"/>
      <c r="QRA688" s="613"/>
      <c r="QRB688" s="613"/>
      <c r="QRC688" s="613"/>
      <c r="QRD688" s="613"/>
      <c r="QRE688" s="613"/>
      <c r="QRF688" s="613"/>
      <c r="QRG688" s="613"/>
      <c r="QRH688" s="613"/>
      <c r="QRI688" s="613"/>
      <c r="QRJ688" s="613"/>
      <c r="QRK688" s="613"/>
      <c r="QRL688" s="613"/>
      <c r="QRM688" s="613"/>
      <c r="QRN688" s="613"/>
      <c r="QRO688" s="613"/>
      <c r="QRP688" s="613"/>
      <c r="QRQ688" s="613"/>
      <c r="QRR688" s="613"/>
      <c r="QRS688" s="613"/>
      <c r="QRT688" s="613"/>
      <c r="QRU688" s="613"/>
      <c r="QRV688" s="613"/>
      <c r="QRW688" s="613"/>
      <c r="QRX688" s="613"/>
      <c r="QRY688" s="613"/>
      <c r="QRZ688" s="613"/>
      <c r="QSA688" s="613"/>
      <c r="QSB688" s="613"/>
      <c r="QSC688" s="613"/>
      <c r="QSD688" s="613"/>
      <c r="QSE688" s="613"/>
      <c r="QSF688" s="613"/>
      <c r="QSG688" s="613"/>
      <c r="QSH688" s="613"/>
      <c r="QSI688" s="613"/>
      <c r="QSJ688" s="613"/>
      <c r="QSK688" s="613"/>
      <c r="QSL688" s="613"/>
      <c r="QSM688" s="613"/>
      <c r="QSN688" s="613"/>
      <c r="QSO688" s="613"/>
      <c r="QSP688" s="613"/>
      <c r="QSQ688" s="613"/>
      <c r="QSR688" s="613"/>
      <c r="QSS688" s="613"/>
      <c r="QST688" s="613"/>
      <c r="QSU688" s="613"/>
      <c r="QSV688" s="613"/>
      <c r="QSW688" s="613"/>
      <c r="QSX688" s="613"/>
      <c r="QSY688" s="613"/>
      <c r="QSZ688" s="613"/>
      <c r="QTA688" s="613"/>
      <c r="QTB688" s="613"/>
      <c r="QTC688" s="613"/>
      <c r="QTD688" s="613"/>
      <c r="QTE688" s="613"/>
      <c r="QTF688" s="613"/>
      <c r="QTG688" s="613"/>
      <c r="QTH688" s="613"/>
      <c r="QTI688" s="613"/>
      <c r="QTJ688" s="613"/>
      <c r="QTK688" s="613"/>
      <c r="QTL688" s="613"/>
      <c r="QTM688" s="613"/>
      <c r="QTN688" s="613"/>
      <c r="QTO688" s="613"/>
      <c r="QTP688" s="613"/>
      <c r="QTQ688" s="613"/>
      <c r="QTR688" s="613"/>
      <c r="QTS688" s="613"/>
      <c r="QTT688" s="613"/>
      <c r="QTU688" s="613"/>
      <c r="QTV688" s="613"/>
      <c r="QTW688" s="613"/>
      <c r="QTX688" s="613"/>
      <c r="QTY688" s="613"/>
      <c r="QTZ688" s="613"/>
      <c r="QUA688" s="613"/>
      <c r="QUB688" s="613"/>
      <c r="QUC688" s="613"/>
      <c r="QUD688" s="613"/>
      <c r="QUE688" s="613"/>
      <c r="QUF688" s="613"/>
      <c r="QUG688" s="613"/>
      <c r="QUH688" s="613"/>
      <c r="QUI688" s="613"/>
      <c r="QUJ688" s="613"/>
      <c r="QUK688" s="613"/>
      <c r="QUL688" s="613"/>
      <c r="QUM688" s="613"/>
      <c r="QUN688" s="613"/>
      <c r="QUO688" s="613"/>
      <c r="QUP688" s="613"/>
      <c r="QUQ688" s="613"/>
      <c r="QUR688" s="613"/>
      <c r="QUS688" s="613"/>
      <c r="QUT688" s="613"/>
      <c r="QUU688" s="613"/>
      <c r="QUV688" s="613"/>
      <c r="QUW688" s="613"/>
      <c r="QUX688" s="613"/>
      <c r="QUY688" s="613"/>
      <c r="QUZ688" s="613"/>
      <c r="QVA688" s="613"/>
      <c r="QVB688" s="613"/>
      <c r="QVC688" s="613"/>
      <c r="QVD688" s="613"/>
      <c r="QVE688" s="613"/>
      <c r="QVF688" s="613"/>
      <c r="QVG688" s="613"/>
      <c r="QVH688" s="613"/>
      <c r="QVI688" s="613"/>
      <c r="QVJ688" s="613"/>
      <c r="QVK688" s="613"/>
      <c r="QVL688" s="613"/>
      <c r="QVM688" s="613"/>
      <c r="QVN688" s="613"/>
      <c r="QVO688" s="613"/>
      <c r="QVP688" s="613"/>
      <c r="QVQ688" s="613"/>
      <c r="QVR688" s="613"/>
      <c r="QVS688" s="613"/>
      <c r="QVT688" s="613"/>
      <c r="QVU688" s="613"/>
      <c r="QVV688" s="613"/>
      <c r="QVW688" s="613"/>
      <c r="QVX688" s="613"/>
      <c r="QVY688" s="613"/>
      <c r="QVZ688" s="613"/>
      <c r="QWA688" s="613"/>
      <c r="QWB688" s="613"/>
      <c r="QWC688" s="613"/>
      <c r="QWD688" s="613"/>
      <c r="QWE688" s="613"/>
      <c r="QWF688" s="613"/>
      <c r="QWG688" s="613"/>
      <c r="QWH688" s="613"/>
      <c r="QWI688" s="613"/>
      <c r="QWJ688" s="613"/>
      <c r="QWK688" s="613"/>
      <c r="QWL688" s="613"/>
      <c r="QWM688" s="613"/>
      <c r="QWN688" s="613"/>
      <c r="QWO688" s="613"/>
      <c r="QWP688" s="613"/>
      <c r="QWQ688" s="613"/>
      <c r="QWR688" s="613"/>
      <c r="QWS688" s="613"/>
      <c r="QWT688" s="613"/>
      <c r="QWU688" s="613"/>
      <c r="QWV688" s="613"/>
      <c r="QWW688" s="613"/>
      <c r="QWX688" s="613"/>
      <c r="QWY688" s="613"/>
      <c r="QWZ688" s="613"/>
      <c r="QXA688" s="613"/>
      <c r="QXB688" s="613"/>
      <c r="QXC688" s="613"/>
      <c r="QXD688" s="613"/>
      <c r="QXE688" s="613"/>
      <c r="QXF688" s="613"/>
      <c r="QXG688" s="613"/>
      <c r="QXH688" s="613"/>
      <c r="QXI688" s="613"/>
      <c r="QXJ688" s="613"/>
      <c r="QXK688" s="613"/>
      <c r="QXL688" s="613"/>
      <c r="QXM688" s="613"/>
      <c r="QXN688" s="613"/>
      <c r="QXO688" s="613"/>
      <c r="QXP688" s="613"/>
      <c r="QXQ688" s="613"/>
      <c r="QXR688" s="613"/>
      <c r="QXS688" s="613"/>
      <c r="QXT688" s="613"/>
      <c r="QXU688" s="613"/>
      <c r="QXV688" s="613"/>
      <c r="QXW688" s="613"/>
      <c r="QXX688" s="613"/>
      <c r="QXY688" s="613"/>
      <c r="QXZ688" s="613"/>
      <c r="QYA688" s="613"/>
      <c r="QYB688" s="613"/>
      <c r="QYC688" s="613"/>
      <c r="QYD688" s="613"/>
      <c r="QYE688" s="613"/>
      <c r="QYF688" s="613"/>
      <c r="QYG688" s="613"/>
      <c r="QYH688" s="613"/>
      <c r="QYI688" s="613"/>
      <c r="QYJ688" s="613"/>
      <c r="QYK688" s="613"/>
      <c r="QYL688" s="613"/>
      <c r="QYM688" s="613"/>
      <c r="QYN688" s="613"/>
      <c r="QYO688" s="613"/>
      <c r="QYP688" s="613"/>
      <c r="QYQ688" s="613"/>
      <c r="QYR688" s="613"/>
      <c r="QYS688" s="613"/>
      <c r="QYT688" s="613"/>
      <c r="QYU688" s="613"/>
      <c r="QYV688" s="613"/>
      <c r="QYW688" s="613"/>
      <c r="QYX688" s="613"/>
      <c r="QYY688" s="613"/>
      <c r="QYZ688" s="613"/>
      <c r="QZA688" s="613"/>
      <c r="QZB688" s="613"/>
      <c r="QZC688" s="613"/>
      <c r="QZD688" s="613"/>
      <c r="QZE688" s="613"/>
      <c r="QZF688" s="613"/>
      <c r="QZG688" s="613"/>
      <c r="QZH688" s="613"/>
      <c r="QZI688" s="613"/>
      <c r="QZJ688" s="613"/>
      <c r="QZK688" s="613"/>
      <c r="QZL688" s="613"/>
      <c r="QZM688" s="613"/>
      <c r="QZN688" s="613"/>
      <c r="QZO688" s="613"/>
      <c r="QZP688" s="613"/>
      <c r="QZQ688" s="613"/>
      <c r="QZR688" s="613"/>
      <c r="QZS688" s="613"/>
      <c r="QZT688" s="613"/>
      <c r="QZU688" s="613"/>
      <c r="QZV688" s="613"/>
      <c r="QZW688" s="613"/>
      <c r="QZX688" s="613"/>
      <c r="QZY688" s="613"/>
      <c r="QZZ688" s="613"/>
      <c r="RAA688" s="613"/>
      <c r="RAB688" s="613"/>
      <c r="RAC688" s="613"/>
      <c r="RAD688" s="613"/>
      <c r="RAE688" s="613"/>
      <c r="RAF688" s="613"/>
      <c r="RAG688" s="613"/>
      <c r="RAH688" s="613"/>
      <c r="RAI688" s="613"/>
      <c r="RAJ688" s="613"/>
      <c r="RAK688" s="613"/>
      <c r="RAL688" s="613"/>
      <c r="RAM688" s="613"/>
      <c r="RAN688" s="613"/>
      <c r="RAO688" s="613"/>
      <c r="RAP688" s="613"/>
      <c r="RAQ688" s="613"/>
      <c r="RAR688" s="613"/>
      <c r="RAS688" s="613"/>
      <c r="RAT688" s="613"/>
      <c r="RAU688" s="613"/>
      <c r="RAV688" s="613"/>
      <c r="RAW688" s="613"/>
      <c r="RAX688" s="613"/>
      <c r="RAY688" s="613"/>
      <c r="RAZ688" s="613"/>
      <c r="RBA688" s="613"/>
      <c r="RBB688" s="613"/>
      <c r="RBC688" s="613"/>
      <c r="RBD688" s="613"/>
      <c r="RBE688" s="613"/>
      <c r="RBF688" s="613"/>
      <c r="RBG688" s="613"/>
      <c r="RBH688" s="613"/>
      <c r="RBI688" s="613"/>
      <c r="RBJ688" s="613"/>
      <c r="RBK688" s="613"/>
      <c r="RBL688" s="613"/>
      <c r="RBM688" s="613"/>
      <c r="RBN688" s="613"/>
      <c r="RBO688" s="613"/>
      <c r="RBP688" s="613"/>
      <c r="RBQ688" s="613"/>
      <c r="RBR688" s="613"/>
      <c r="RBS688" s="613"/>
      <c r="RBT688" s="613"/>
      <c r="RBU688" s="613"/>
      <c r="RBV688" s="613"/>
      <c r="RBW688" s="613"/>
      <c r="RBX688" s="613"/>
      <c r="RBY688" s="613"/>
      <c r="RBZ688" s="613"/>
      <c r="RCA688" s="613"/>
      <c r="RCB688" s="613"/>
      <c r="RCC688" s="613"/>
      <c r="RCD688" s="613"/>
      <c r="RCE688" s="613"/>
      <c r="RCF688" s="613"/>
      <c r="RCG688" s="613"/>
      <c r="RCH688" s="613"/>
      <c r="RCI688" s="613"/>
      <c r="RCJ688" s="613"/>
      <c r="RCK688" s="613"/>
      <c r="RCL688" s="613"/>
      <c r="RCM688" s="613"/>
      <c r="RCN688" s="613"/>
      <c r="RCO688" s="613"/>
      <c r="RCP688" s="613"/>
      <c r="RCQ688" s="613"/>
      <c r="RCR688" s="613"/>
      <c r="RCS688" s="613"/>
      <c r="RCT688" s="613"/>
      <c r="RCU688" s="613"/>
      <c r="RCV688" s="613"/>
      <c r="RCW688" s="613"/>
      <c r="RCX688" s="613"/>
      <c r="RCY688" s="613"/>
      <c r="RCZ688" s="613"/>
      <c r="RDA688" s="613"/>
      <c r="RDB688" s="613"/>
      <c r="RDC688" s="613"/>
      <c r="RDD688" s="613"/>
      <c r="RDE688" s="613"/>
      <c r="RDF688" s="613"/>
      <c r="RDG688" s="613"/>
      <c r="RDH688" s="613"/>
      <c r="RDI688" s="613"/>
      <c r="RDJ688" s="613"/>
      <c r="RDK688" s="613"/>
      <c r="RDL688" s="613"/>
      <c r="RDM688" s="613"/>
      <c r="RDN688" s="613"/>
      <c r="RDO688" s="613"/>
      <c r="RDP688" s="613"/>
      <c r="RDQ688" s="613"/>
      <c r="RDR688" s="613"/>
      <c r="RDS688" s="613"/>
      <c r="RDT688" s="613"/>
      <c r="RDU688" s="613"/>
      <c r="RDV688" s="613"/>
      <c r="RDW688" s="613"/>
      <c r="RDX688" s="613"/>
      <c r="RDY688" s="613"/>
      <c r="RDZ688" s="613"/>
      <c r="REA688" s="613"/>
      <c r="REB688" s="613"/>
      <c r="REC688" s="613"/>
      <c r="RED688" s="613"/>
      <c r="REE688" s="613"/>
      <c r="REF688" s="613"/>
      <c r="REG688" s="613"/>
      <c r="REH688" s="613"/>
      <c r="REI688" s="613"/>
      <c r="REJ688" s="613"/>
      <c r="REK688" s="613"/>
      <c r="REL688" s="613"/>
      <c r="REM688" s="613"/>
      <c r="REN688" s="613"/>
      <c r="REO688" s="613"/>
      <c r="REP688" s="613"/>
      <c r="REQ688" s="613"/>
      <c r="RER688" s="613"/>
      <c r="RES688" s="613"/>
      <c r="RET688" s="613"/>
      <c r="REU688" s="613"/>
      <c r="REV688" s="613"/>
      <c r="REW688" s="613"/>
      <c r="REX688" s="613"/>
      <c r="REY688" s="613"/>
      <c r="REZ688" s="613"/>
      <c r="RFA688" s="613"/>
      <c r="RFB688" s="613"/>
      <c r="RFC688" s="613"/>
      <c r="RFD688" s="613"/>
      <c r="RFE688" s="613"/>
      <c r="RFF688" s="613"/>
      <c r="RFG688" s="613"/>
      <c r="RFH688" s="613"/>
      <c r="RFI688" s="613"/>
      <c r="RFJ688" s="613"/>
      <c r="RFK688" s="613"/>
      <c r="RFL688" s="613"/>
      <c r="RFM688" s="613"/>
      <c r="RFN688" s="613"/>
      <c r="RFO688" s="613"/>
      <c r="RFP688" s="613"/>
      <c r="RFQ688" s="613"/>
      <c r="RFR688" s="613"/>
      <c r="RFS688" s="613"/>
      <c r="RFT688" s="613"/>
      <c r="RFU688" s="613"/>
      <c r="RFV688" s="613"/>
      <c r="RFW688" s="613"/>
      <c r="RFX688" s="613"/>
      <c r="RFY688" s="613"/>
      <c r="RFZ688" s="613"/>
      <c r="RGA688" s="613"/>
      <c r="RGB688" s="613"/>
      <c r="RGC688" s="613"/>
      <c r="RGD688" s="613"/>
      <c r="RGE688" s="613"/>
      <c r="RGF688" s="613"/>
      <c r="RGG688" s="613"/>
      <c r="RGH688" s="613"/>
      <c r="RGI688" s="613"/>
      <c r="RGJ688" s="613"/>
      <c r="RGK688" s="613"/>
      <c r="RGL688" s="613"/>
      <c r="RGM688" s="613"/>
      <c r="RGN688" s="613"/>
      <c r="RGO688" s="613"/>
      <c r="RGP688" s="613"/>
      <c r="RGQ688" s="613"/>
      <c r="RGR688" s="613"/>
      <c r="RGS688" s="613"/>
      <c r="RGT688" s="613"/>
      <c r="RGU688" s="613"/>
      <c r="RGV688" s="613"/>
      <c r="RGW688" s="613"/>
      <c r="RGX688" s="613"/>
      <c r="RGY688" s="613"/>
      <c r="RGZ688" s="613"/>
      <c r="RHA688" s="613"/>
      <c r="RHB688" s="613"/>
      <c r="RHC688" s="613"/>
      <c r="RHD688" s="613"/>
      <c r="RHE688" s="613"/>
      <c r="RHF688" s="613"/>
      <c r="RHG688" s="613"/>
      <c r="RHH688" s="613"/>
      <c r="RHI688" s="613"/>
      <c r="RHJ688" s="613"/>
      <c r="RHK688" s="613"/>
      <c r="RHL688" s="613"/>
      <c r="RHM688" s="613"/>
      <c r="RHN688" s="613"/>
      <c r="RHO688" s="613"/>
      <c r="RHP688" s="613"/>
      <c r="RHQ688" s="613"/>
      <c r="RHR688" s="613"/>
      <c r="RHS688" s="613"/>
      <c r="RHT688" s="613"/>
      <c r="RHU688" s="613"/>
      <c r="RHV688" s="613"/>
      <c r="RHW688" s="613"/>
      <c r="RHX688" s="613"/>
      <c r="RHY688" s="613"/>
      <c r="RHZ688" s="613"/>
      <c r="RIA688" s="613"/>
      <c r="RIB688" s="613"/>
      <c r="RIC688" s="613"/>
      <c r="RID688" s="613"/>
      <c r="RIE688" s="613"/>
      <c r="RIF688" s="613"/>
      <c r="RIG688" s="613"/>
      <c r="RIH688" s="613"/>
      <c r="RII688" s="613"/>
      <c r="RIJ688" s="613"/>
      <c r="RIK688" s="613"/>
      <c r="RIL688" s="613"/>
      <c r="RIM688" s="613"/>
      <c r="RIN688" s="613"/>
      <c r="RIO688" s="613"/>
      <c r="RIP688" s="613"/>
      <c r="RIQ688" s="613"/>
      <c r="RIR688" s="613"/>
      <c r="RIS688" s="613"/>
      <c r="RIT688" s="613"/>
      <c r="RIU688" s="613"/>
      <c r="RIV688" s="613"/>
      <c r="RIW688" s="613"/>
      <c r="RIX688" s="613"/>
      <c r="RIY688" s="613"/>
      <c r="RIZ688" s="613"/>
      <c r="RJA688" s="613"/>
      <c r="RJB688" s="613"/>
      <c r="RJC688" s="613"/>
      <c r="RJD688" s="613"/>
      <c r="RJE688" s="613"/>
      <c r="RJF688" s="613"/>
      <c r="RJG688" s="613"/>
      <c r="RJH688" s="613"/>
      <c r="RJI688" s="613"/>
      <c r="RJJ688" s="613"/>
      <c r="RJK688" s="613"/>
      <c r="RJL688" s="613"/>
      <c r="RJM688" s="613"/>
      <c r="RJN688" s="613"/>
      <c r="RJO688" s="613"/>
      <c r="RJP688" s="613"/>
      <c r="RJQ688" s="613"/>
      <c r="RJR688" s="613"/>
      <c r="RJS688" s="613"/>
      <c r="RJT688" s="613"/>
      <c r="RJU688" s="613"/>
      <c r="RJV688" s="613"/>
      <c r="RJW688" s="613"/>
      <c r="RJX688" s="613"/>
      <c r="RJY688" s="613"/>
      <c r="RJZ688" s="613"/>
      <c r="RKA688" s="613"/>
      <c r="RKB688" s="613"/>
      <c r="RKC688" s="613"/>
      <c r="RKD688" s="613"/>
      <c r="RKE688" s="613"/>
      <c r="RKF688" s="613"/>
      <c r="RKG688" s="613"/>
      <c r="RKH688" s="613"/>
      <c r="RKI688" s="613"/>
      <c r="RKJ688" s="613"/>
      <c r="RKK688" s="613"/>
      <c r="RKL688" s="613"/>
      <c r="RKM688" s="613"/>
      <c r="RKN688" s="613"/>
      <c r="RKO688" s="613"/>
      <c r="RKP688" s="613"/>
      <c r="RKQ688" s="613"/>
      <c r="RKR688" s="613"/>
      <c r="RKS688" s="613"/>
      <c r="RKT688" s="613"/>
      <c r="RKU688" s="613"/>
      <c r="RKV688" s="613"/>
      <c r="RKW688" s="613"/>
      <c r="RKX688" s="613"/>
      <c r="RKY688" s="613"/>
      <c r="RKZ688" s="613"/>
      <c r="RLA688" s="613"/>
      <c r="RLB688" s="613"/>
      <c r="RLC688" s="613"/>
      <c r="RLD688" s="613"/>
      <c r="RLE688" s="613"/>
      <c r="RLF688" s="613"/>
      <c r="RLG688" s="613"/>
      <c r="RLH688" s="613"/>
      <c r="RLI688" s="613"/>
      <c r="RLJ688" s="613"/>
      <c r="RLK688" s="613"/>
      <c r="RLL688" s="613"/>
      <c r="RLM688" s="613"/>
      <c r="RLN688" s="613"/>
      <c r="RLO688" s="613"/>
      <c r="RLP688" s="613"/>
      <c r="RLQ688" s="613"/>
      <c r="RLR688" s="613"/>
      <c r="RLS688" s="613"/>
      <c r="RLT688" s="613"/>
      <c r="RLU688" s="613"/>
      <c r="RLV688" s="613"/>
      <c r="RLW688" s="613"/>
      <c r="RLX688" s="613"/>
      <c r="RLY688" s="613"/>
      <c r="RLZ688" s="613"/>
      <c r="RMA688" s="613"/>
      <c r="RMB688" s="613"/>
      <c r="RMC688" s="613"/>
      <c r="RMD688" s="613"/>
      <c r="RME688" s="613"/>
      <c r="RMF688" s="613"/>
      <c r="RMG688" s="613"/>
      <c r="RMH688" s="613"/>
      <c r="RMI688" s="613"/>
      <c r="RMJ688" s="613"/>
      <c r="RMK688" s="613"/>
      <c r="RML688" s="613"/>
      <c r="RMM688" s="613"/>
      <c r="RMN688" s="613"/>
      <c r="RMO688" s="613"/>
      <c r="RMP688" s="613"/>
      <c r="RMQ688" s="613"/>
      <c r="RMR688" s="613"/>
      <c r="RMS688" s="613"/>
      <c r="RMT688" s="613"/>
      <c r="RMU688" s="613"/>
      <c r="RMV688" s="613"/>
      <c r="RMW688" s="613"/>
      <c r="RMX688" s="613"/>
      <c r="RMY688" s="613"/>
      <c r="RMZ688" s="613"/>
      <c r="RNA688" s="613"/>
      <c r="RNB688" s="613"/>
      <c r="RNC688" s="613"/>
      <c r="RND688" s="613"/>
      <c r="RNE688" s="613"/>
      <c r="RNF688" s="613"/>
      <c r="RNG688" s="613"/>
      <c r="RNH688" s="613"/>
      <c r="RNI688" s="613"/>
      <c r="RNJ688" s="613"/>
      <c r="RNK688" s="613"/>
      <c r="RNL688" s="613"/>
      <c r="RNM688" s="613"/>
      <c r="RNN688" s="613"/>
      <c r="RNO688" s="613"/>
      <c r="RNP688" s="613"/>
      <c r="RNQ688" s="613"/>
      <c r="RNR688" s="613"/>
      <c r="RNS688" s="613"/>
      <c r="RNT688" s="613"/>
      <c r="RNU688" s="613"/>
      <c r="RNV688" s="613"/>
      <c r="RNW688" s="613"/>
      <c r="RNX688" s="613"/>
      <c r="RNY688" s="613"/>
      <c r="RNZ688" s="613"/>
      <c r="ROA688" s="613"/>
      <c r="ROB688" s="613"/>
      <c r="ROC688" s="613"/>
      <c r="ROD688" s="613"/>
      <c r="ROE688" s="613"/>
      <c r="ROF688" s="613"/>
      <c r="ROG688" s="613"/>
      <c r="ROH688" s="613"/>
      <c r="ROI688" s="613"/>
      <c r="ROJ688" s="613"/>
      <c r="ROK688" s="613"/>
      <c r="ROL688" s="613"/>
      <c r="ROM688" s="613"/>
      <c r="RON688" s="613"/>
      <c r="ROO688" s="613"/>
      <c r="ROP688" s="613"/>
      <c r="ROQ688" s="613"/>
      <c r="ROR688" s="613"/>
      <c r="ROS688" s="613"/>
      <c r="ROT688" s="613"/>
      <c r="ROU688" s="613"/>
      <c r="ROV688" s="613"/>
      <c r="ROW688" s="613"/>
      <c r="ROX688" s="613"/>
      <c r="ROY688" s="613"/>
      <c r="ROZ688" s="613"/>
      <c r="RPA688" s="613"/>
      <c r="RPB688" s="613"/>
      <c r="RPC688" s="613"/>
      <c r="RPD688" s="613"/>
      <c r="RPE688" s="613"/>
      <c r="RPF688" s="613"/>
      <c r="RPG688" s="613"/>
      <c r="RPH688" s="613"/>
      <c r="RPI688" s="613"/>
      <c r="RPJ688" s="613"/>
      <c r="RPK688" s="613"/>
      <c r="RPL688" s="613"/>
      <c r="RPM688" s="613"/>
      <c r="RPN688" s="613"/>
      <c r="RPO688" s="613"/>
      <c r="RPP688" s="613"/>
      <c r="RPQ688" s="613"/>
      <c r="RPR688" s="613"/>
      <c r="RPS688" s="613"/>
      <c r="RPT688" s="613"/>
      <c r="RPU688" s="613"/>
      <c r="RPV688" s="613"/>
      <c r="RPW688" s="613"/>
      <c r="RPX688" s="613"/>
      <c r="RPY688" s="613"/>
      <c r="RPZ688" s="613"/>
      <c r="RQA688" s="613"/>
      <c r="RQB688" s="613"/>
      <c r="RQC688" s="613"/>
      <c r="RQD688" s="613"/>
      <c r="RQE688" s="613"/>
      <c r="RQF688" s="613"/>
      <c r="RQG688" s="613"/>
      <c r="RQH688" s="613"/>
      <c r="RQI688" s="613"/>
      <c r="RQJ688" s="613"/>
      <c r="RQK688" s="613"/>
      <c r="RQL688" s="613"/>
      <c r="RQM688" s="613"/>
      <c r="RQN688" s="613"/>
      <c r="RQO688" s="613"/>
      <c r="RQP688" s="613"/>
      <c r="RQQ688" s="613"/>
      <c r="RQR688" s="613"/>
      <c r="RQS688" s="613"/>
      <c r="RQT688" s="613"/>
      <c r="RQU688" s="613"/>
      <c r="RQV688" s="613"/>
      <c r="RQW688" s="613"/>
      <c r="RQX688" s="613"/>
      <c r="RQY688" s="613"/>
      <c r="RQZ688" s="613"/>
      <c r="RRA688" s="613"/>
      <c r="RRB688" s="613"/>
      <c r="RRC688" s="613"/>
      <c r="RRD688" s="613"/>
      <c r="RRE688" s="613"/>
      <c r="RRF688" s="613"/>
      <c r="RRG688" s="613"/>
      <c r="RRH688" s="613"/>
      <c r="RRI688" s="613"/>
      <c r="RRJ688" s="613"/>
      <c r="RRK688" s="613"/>
      <c r="RRL688" s="613"/>
      <c r="RRM688" s="613"/>
      <c r="RRN688" s="613"/>
      <c r="RRO688" s="613"/>
      <c r="RRP688" s="613"/>
      <c r="RRQ688" s="613"/>
      <c r="RRR688" s="613"/>
      <c r="RRS688" s="613"/>
      <c r="RRT688" s="613"/>
      <c r="RRU688" s="613"/>
      <c r="RRV688" s="613"/>
      <c r="RRW688" s="613"/>
      <c r="RRX688" s="613"/>
      <c r="RRY688" s="613"/>
      <c r="RRZ688" s="613"/>
      <c r="RSA688" s="613"/>
      <c r="RSB688" s="613"/>
      <c r="RSC688" s="613"/>
      <c r="RSD688" s="613"/>
      <c r="RSE688" s="613"/>
      <c r="RSF688" s="613"/>
      <c r="RSG688" s="613"/>
      <c r="RSH688" s="613"/>
      <c r="RSI688" s="613"/>
      <c r="RSJ688" s="613"/>
      <c r="RSK688" s="613"/>
      <c r="RSL688" s="613"/>
      <c r="RSM688" s="613"/>
      <c r="RSN688" s="613"/>
      <c r="RSO688" s="613"/>
      <c r="RSP688" s="613"/>
      <c r="RSQ688" s="613"/>
      <c r="RSR688" s="613"/>
      <c r="RSS688" s="613"/>
      <c r="RST688" s="613"/>
      <c r="RSU688" s="613"/>
      <c r="RSV688" s="613"/>
      <c r="RSW688" s="613"/>
      <c r="RSX688" s="613"/>
      <c r="RSY688" s="613"/>
      <c r="RSZ688" s="613"/>
      <c r="RTA688" s="613"/>
      <c r="RTB688" s="613"/>
      <c r="RTC688" s="613"/>
      <c r="RTD688" s="613"/>
      <c r="RTE688" s="613"/>
      <c r="RTF688" s="613"/>
      <c r="RTG688" s="613"/>
      <c r="RTH688" s="613"/>
      <c r="RTI688" s="613"/>
      <c r="RTJ688" s="613"/>
      <c r="RTK688" s="613"/>
      <c r="RTL688" s="613"/>
      <c r="RTM688" s="613"/>
      <c r="RTN688" s="613"/>
      <c r="RTO688" s="613"/>
      <c r="RTP688" s="613"/>
      <c r="RTQ688" s="613"/>
      <c r="RTR688" s="613"/>
      <c r="RTS688" s="613"/>
      <c r="RTT688" s="613"/>
      <c r="RTU688" s="613"/>
      <c r="RTV688" s="613"/>
      <c r="RTW688" s="613"/>
      <c r="RTX688" s="613"/>
      <c r="RTY688" s="613"/>
      <c r="RTZ688" s="613"/>
      <c r="RUA688" s="613"/>
      <c r="RUB688" s="613"/>
      <c r="RUC688" s="613"/>
      <c r="RUD688" s="613"/>
      <c r="RUE688" s="613"/>
      <c r="RUF688" s="613"/>
      <c r="RUG688" s="613"/>
      <c r="RUH688" s="613"/>
      <c r="RUI688" s="613"/>
      <c r="RUJ688" s="613"/>
      <c r="RUK688" s="613"/>
      <c r="RUL688" s="613"/>
      <c r="RUM688" s="613"/>
      <c r="RUN688" s="613"/>
      <c r="RUO688" s="613"/>
      <c r="RUP688" s="613"/>
      <c r="RUQ688" s="613"/>
      <c r="RUR688" s="613"/>
      <c r="RUS688" s="613"/>
      <c r="RUT688" s="613"/>
      <c r="RUU688" s="613"/>
      <c r="RUV688" s="613"/>
      <c r="RUW688" s="613"/>
      <c r="RUX688" s="613"/>
      <c r="RUY688" s="613"/>
      <c r="RUZ688" s="613"/>
      <c r="RVA688" s="613"/>
      <c r="RVB688" s="613"/>
      <c r="RVC688" s="613"/>
      <c r="RVD688" s="613"/>
      <c r="RVE688" s="613"/>
      <c r="RVF688" s="613"/>
      <c r="RVG688" s="613"/>
      <c r="RVH688" s="613"/>
      <c r="RVI688" s="613"/>
      <c r="RVJ688" s="613"/>
      <c r="RVK688" s="613"/>
      <c r="RVL688" s="613"/>
      <c r="RVM688" s="613"/>
      <c r="RVN688" s="613"/>
      <c r="RVO688" s="613"/>
      <c r="RVP688" s="613"/>
      <c r="RVQ688" s="613"/>
      <c r="RVR688" s="613"/>
      <c r="RVS688" s="613"/>
      <c r="RVT688" s="613"/>
      <c r="RVU688" s="613"/>
      <c r="RVV688" s="613"/>
      <c r="RVW688" s="613"/>
      <c r="RVX688" s="613"/>
      <c r="RVY688" s="613"/>
      <c r="RVZ688" s="613"/>
      <c r="RWA688" s="613"/>
      <c r="RWB688" s="613"/>
      <c r="RWC688" s="613"/>
      <c r="RWD688" s="613"/>
      <c r="RWE688" s="613"/>
      <c r="RWF688" s="613"/>
      <c r="RWG688" s="613"/>
      <c r="RWH688" s="613"/>
      <c r="RWI688" s="613"/>
      <c r="RWJ688" s="613"/>
      <c r="RWK688" s="613"/>
      <c r="RWL688" s="613"/>
      <c r="RWM688" s="613"/>
      <c r="RWN688" s="613"/>
      <c r="RWO688" s="613"/>
      <c r="RWP688" s="613"/>
      <c r="RWQ688" s="613"/>
      <c r="RWR688" s="613"/>
      <c r="RWS688" s="613"/>
      <c r="RWT688" s="613"/>
      <c r="RWU688" s="613"/>
      <c r="RWV688" s="613"/>
      <c r="RWW688" s="613"/>
      <c r="RWX688" s="613"/>
      <c r="RWY688" s="613"/>
      <c r="RWZ688" s="613"/>
      <c r="RXA688" s="613"/>
      <c r="RXB688" s="613"/>
      <c r="RXC688" s="613"/>
      <c r="RXD688" s="613"/>
      <c r="RXE688" s="613"/>
      <c r="RXF688" s="613"/>
      <c r="RXG688" s="613"/>
      <c r="RXH688" s="613"/>
      <c r="RXI688" s="613"/>
      <c r="RXJ688" s="613"/>
      <c r="RXK688" s="613"/>
      <c r="RXL688" s="613"/>
      <c r="RXM688" s="613"/>
      <c r="RXN688" s="613"/>
      <c r="RXO688" s="613"/>
      <c r="RXP688" s="613"/>
      <c r="RXQ688" s="613"/>
      <c r="RXR688" s="613"/>
      <c r="RXS688" s="613"/>
      <c r="RXT688" s="613"/>
      <c r="RXU688" s="613"/>
      <c r="RXV688" s="613"/>
      <c r="RXW688" s="613"/>
      <c r="RXX688" s="613"/>
      <c r="RXY688" s="613"/>
      <c r="RXZ688" s="613"/>
      <c r="RYA688" s="613"/>
      <c r="RYB688" s="613"/>
      <c r="RYC688" s="613"/>
      <c r="RYD688" s="613"/>
      <c r="RYE688" s="613"/>
      <c r="RYF688" s="613"/>
      <c r="RYG688" s="613"/>
      <c r="RYH688" s="613"/>
      <c r="RYI688" s="613"/>
      <c r="RYJ688" s="613"/>
      <c r="RYK688" s="613"/>
      <c r="RYL688" s="613"/>
      <c r="RYM688" s="613"/>
      <c r="RYN688" s="613"/>
      <c r="RYO688" s="613"/>
      <c r="RYP688" s="613"/>
      <c r="RYQ688" s="613"/>
      <c r="RYR688" s="613"/>
      <c r="RYS688" s="613"/>
      <c r="RYT688" s="613"/>
      <c r="RYU688" s="613"/>
      <c r="RYV688" s="613"/>
      <c r="RYW688" s="613"/>
      <c r="RYX688" s="613"/>
      <c r="RYY688" s="613"/>
      <c r="RYZ688" s="613"/>
      <c r="RZA688" s="613"/>
      <c r="RZB688" s="613"/>
      <c r="RZC688" s="613"/>
      <c r="RZD688" s="613"/>
      <c r="RZE688" s="613"/>
      <c r="RZF688" s="613"/>
      <c r="RZG688" s="613"/>
      <c r="RZH688" s="613"/>
      <c r="RZI688" s="613"/>
      <c r="RZJ688" s="613"/>
      <c r="RZK688" s="613"/>
      <c r="RZL688" s="613"/>
      <c r="RZM688" s="613"/>
      <c r="RZN688" s="613"/>
      <c r="RZO688" s="613"/>
      <c r="RZP688" s="613"/>
      <c r="RZQ688" s="613"/>
      <c r="RZR688" s="613"/>
      <c r="RZS688" s="613"/>
      <c r="RZT688" s="613"/>
      <c r="RZU688" s="613"/>
      <c r="RZV688" s="613"/>
      <c r="RZW688" s="613"/>
      <c r="RZX688" s="613"/>
      <c r="RZY688" s="613"/>
      <c r="RZZ688" s="613"/>
      <c r="SAA688" s="613"/>
      <c r="SAB688" s="613"/>
      <c r="SAC688" s="613"/>
      <c r="SAD688" s="613"/>
      <c r="SAE688" s="613"/>
      <c r="SAF688" s="613"/>
      <c r="SAG688" s="613"/>
      <c r="SAH688" s="613"/>
      <c r="SAI688" s="613"/>
      <c r="SAJ688" s="613"/>
      <c r="SAK688" s="613"/>
      <c r="SAL688" s="613"/>
      <c r="SAM688" s="613"/>
      <c r="SAN688" s="613"/>
      <c r="SAO688" s="613"/>
      <c r="SAP688" s="613"/>
      <c r="SAQ688" s="613"/>
      <c r="SAR688" s="613"/>
      <c r="SAS688" s="613"/>
      <c r="SAT688" s="613"/>
      <c r="SAU688" s="613"/>
      <c r="SAV688" s="613"/>
      <c r="SAW688" s="613"/>
      <c r="SAX688" s="613"/>
      <c r="SAY688" s="613"/>
      <c r="SAZ688" s="613"/>
      <c r="SBA688" s="613"/>
      <c r="SBB688" s="613"/>
      <c r="SBC688" s="613"/>
      <c r="SBD688" s="613"/>
      <c r="SBE688" s="613"/>
      <c r="SBF688" s="613"/>
      <c r="SBG688" s="613"/>
      <c r="SBH688" s="613"/>
      <c r="SBI688" s="613"/>
      <c r="SBJ688" s="613"/>
      <c r="SBK688" s="613"/>
      <c r="SBL688" s="613"/>
      <c r="SBM688" s="613"/>
      <c r="SBN688" s="613"/>
      <c r="SBO688" s="613"/>
      <c r="SBP688" s="613"/>
      <c r="SBQ688" s="613"/>
      <c r="SBR688" s="613"/>
      <c r="SBS688" s="613"/>
      <c r="SBT688" s="613"/>
      <c r="SBU688" s="613"/>
      <c r="SBV688" s="613"/>
      <c r="SBW688" s="613"/>
      <c r="SBX688" s="613"/>
      <c r="SBY688" s="613"/>
      <c r="SBZ688" s="613"/>
      <c r="SCA688" s="613"/>
      <c r="SCB688" s="613"/>
      <c r="SCC688" s="613"/>
      <c r="SCD688" s="613"/>
      <c r="SCE688" s="613"/>
      <c r="SCF688" s="613"/>
      <c r="SCG688" s="613"/>
      <c r="SCH688" s="613"/>
      <c r="SCI688" s="613"/>
      <c r="SCJ688" s="613"/>
      <c r="SCK688" s="613"/>
      <c r="SCL688" s="613"/>
      <c r="SCM688" s="613"/>
      <c r="SCN688" s="613"/>
      <c r="SCO688" s="613"/>
      <c r="SCP688" s="613"/>
      <c r="SCQ688" s="613"/>
      <c r="SCR688" s="613"/>
      <c r="SCS688" s="613"/>
      <c r="SCT688" s="613"/>
      <c r="SCU688" s="613"/>
      <c r="SCV688" s="613"/>
      <c r="SCW688" s="613"/>
      <c r="SCX688" s="613"/>
      <c r="SCY688" s="613"/>
      <c r="SCZ688" s="613"/>
      <c r="SDA688" s="613"/>
      <c r="SDB688" s="613"/>
      <c r="SDC688" s="613"/>
      <c r="SDD688" s="613"/>
      <c r="SDE688" s="613"/>
      <c r="SDF688" s="613"/>
      <c r="SDG688" s="613"/>
      <c r="SDH688" s="613"/>
      <c r="SDI688" s="613"/>
      <c r="SDJ688" s="613"/>
      <c r="SDK688" s="613"/>
      <c r="SDL688" s="613"/>
      <c r="SDM688" s="613"/>
      <c r="SDN688" s="613"/>
      <c r="SDO688" s="613"/>
      <c r="SDP688" s="613"/>
      <c r="SDQ688" s="613"/>
      <c r="SDR688" s="613"/>
      <c r="SDS688" s="613"/>
      <c r="SDT688" s="613"/>
      <c r="SDU688" s="613"/>
      <c r="SDV688" s="613"/>
      <c r="SDW688" s="613"/>
      <c r="SDX688" s="613"/>
      <c r="SDY688" s="613"/>
      <c r="SDZ688" s="613"/>
      <c r="SEA688" s="613"/>
      <c r="SEB688" s="613"/>
      <c r="SEC688" s="613"/>
      <c r="SED688" s="613"/>
      <c r="SEE688" s="613"/>
      <c r="SEF688" s="613"/>
      <c r="SEG688" s="613"/>
      <c r="SEH688" s="613"/>
      <c r="SEI688" s="613"/>
      <c r="SEJ688" s="613"/>
      <c r="SEK688" s="613"/>
      <c r="SEL688" s="613"/>
      <c r="SEM688" s="613"/>
      <c r="SEN688" s="613"/>
      <c r="SEO688" s="613"/>
      <c r="SEP688" s="613"/>
      <c r="SEQ688" s="613"/>
      <c r="SER688" s="613"/>
      <c r="SES688" s="613"/>
      <c r="SET688" s="613"/>
      <c r="SEU688" s="613"/>
      <c r="SEV688" s="613"/>
      <c r="SEW688" s="613"/>
      <c r="SEX688" s="613"/>
      <c r="SEY688" s="613"/>
      <c r="SEZ688" s="613"/>
      <c r="SFA688" s="613"/>
      <c r="SFB688" s="613"/>
      <c r="SFC688" s="613"/>
      <c r="SFD688" s="613"/>
      <c r="SFE688" s="613"/>
      <c r="SFF688" s="613"/>
      <c r="SFG688" s="613"/>
      <c r="SFH688" s="613"/>
      <c r="SFI688" s="613"/>
      <c r="SFJ688" s="613"/>
      <c r="SFK688" s="613"/>
      <c r="SFL688" s="613"/>
      <c r="SFM688" s="613"/>
      <c r="SFN688" s="613"/>
      <c r="SFO688" s="613"/>
      <c r="SFP688" s="613"/>
      <c r="SFQ688" s="613"/>
      <c r="SFR688" s="613"/>
      <c r="SFS688" s="613"/>
      <c r="SFT688" s="613"/>
      <c r="SFU688" s="613"/>
      <c r="SFV688" s="613"/>
      <c r="SFW688" s="613"/>
      <c r="SFX688" s="613"/>
      <c r="SFY688" s="613"/>
      <c r="SFZ688" s="613"/>
      <c r="SGA688" s="613"/>
      <c r="SGB688" s="613"/>
      <c r="SGC688" s="613"/>
      <c r="SGD688" s="613"/>
      <c r="SGE688" s="613"/>
      <c r="SGF688" s="613"/>
      <c r="SGG688" s="613"/>
      <c r="SGH688" s="613"/>
      <c r="SGI688" s="613"/>
      <c r="SGJ688" s="613"/>
      <c r="SGK688" s="613"/>
      <c r="SGL688" s="613"/>
      <c r="SGM688" s="613"/>
      <c r="SGN688" s="613"/>
      <c r="SGO688" s="613"/>
      <c r="SGP688" s="613"/>
      <c r="SGQ688" s="613"/>
      <c r="SGR688" s="613"/>
      <c r="SGS688" s="613"/>
      <c r="SGT688" s="613"/>
      <c r="SGU688" s="613"/>
      <c r="SGV688" s="613"/>
      <c r="SGW688" s="613"/>
      <c r="SGX688" s="613"/>
      <c r="SGY688" s="613"/>
      <c r="SGZ688" s="613"/>
      <c r="SHA688" s="613"/>
      <c r="SHB688" s="613"/>
      <c r="SHC688" s="613"/>
      <c r="SHD688" s="613"/>
      <c r="SHE688" s="613"/>
      <c r="SHF688" s="613"/>
      <c r="SHG688" s="613"/>
      <c r="SHH688" s="613"/>
      <c r="SHI688" s="613"/>
      <c r="SHJ688" s="613"/>
      <c r="SHK688" s="613"/>
      <c r="SHL688" s="613"/>
      <c r="SHM688" s="613"/>
      <c r="SHN688" s="613"/>
      <c r="SHO688" s="613"/>
      <c r="SHP688" s="613"/>
      <c r="SHQ688" s="613"/>
      <c r="SHR688" s="613"/>
      <c r="SHS688" s="613"/>
      <c r="SHT688" s="613"/>
      <c r="SHU688" s="613"/>
      <c r="SHV688" s="613"/>
      <c r="SHW688" s="613"/>
      <c r="SHX688" s="613"/>
      <c r="SHY688" s="613"/>
      <c r="SHZ688" s="613"/>
      <c r="SIA688" s="613"/>
      <c r="SIB688" s="613"/>
      <c r="SIC688" s="613"/>
      <c r="SID688" s="613"/>
      <c r="SIE688" s="613"/>
      <c r="SIF688" s="613"/>
      <c r="SIG688" s="613"/>
      <c r="SIH688" s="613"/>
      <c r="SII688" s="613"/>
      <c r="SIJ688" s="613"/>
      <c r="SIK688" s="613"/>
      <c r="SIL688" s="613"/>
      <c r="SIM688" s="613"/>
      <c r="SIN688" s="613"/>
      <c r="SIO688" s="613"/>
      <c r="SIP688" s="613"/>
      <c r="SIQ688" s="613"/>
      <c r="SIR688" s="613"/>
      <c r="SIS688" s="613"/>
      <c r="SIT688" s="613"/>
      <c r="SIU688" s="613"/>
      <c r="SIV688" s="613"/>
      <c r="SIW688" s="613"/>
      <c r="SIX688" s="613"/>
      <c r="SIY688" s="613"/>
      <c r="SIZ688" s="613"/>
      <c r="SJA688" s="613"/>
      <c r="SJB688" s="613"/>
      <c r="SJC688" s="613"/>
      <c r="SJD688" s="613"/>
      <c r="SJE688" s="613"/>
      <c r="SJF688" s="613"/>
      <c r="SJG688" s="613"/>
      <c r="SJH688" s="613"/>
      <c r="SJI688" s="613"/>
      <c r="SJJ688" s="613"/>
      <c r="SJK688" s="613"/>
      <c r="SJL688" s="613"/>
      <c r="SJM688" s="613"/>
      <c r="SJN688" s="613"/>
      <c r="SJO688" s="613"/>
      <c r="SJP688" s="613"/>
      <c r="SJQ688" s="613"/>
      <c r="SJR688" s="613"/>
      <c r="SJS688" s="613"/>
      <c r="SJT688" s="613"/>
      <c r="SJU688" s="613"/>
      <c r="SJV688" s="613"/>
      <c r="SJW688" s="613"/>
      <c r="SJX688" s="613"/>
      <c r="SJY688" s="613"/>
      <c r="SJZ688" s="613"/>
      <c r="SKA688" s="613"/>
      <c r="SKB688" s="613"/>
      <c r="SKC688" s="613"/>
      <c r="SKD688" s="613"/>
      <c r="SKE688" s="613"/>
      <c r="SKF688" s="613"/>
      <c r="SKG688" s="613"/>
      <c r="SKH688" s="613"/>
      <c r="SKI688" s="613"/>
      <c r="SKJ688" s="613"/>
      <c r="SKK688" s="613"/>
      <c r="SKL688" s="613"/>
      <c r="SKM688" s="613"/>
      <c r="SKN688" s="613"/>
      <c r="SKO688" s="613"/>
      <c r="SKP688" s="613"/>
      <c r="SKQ688" s="613"/>
      <c r="SKR688" s="613"/>
      <c r="SKS688" s="613"/>
      <c r="SKT688" s="613"/>
      <c r="SKU688" s="613"/>
      <c r="SKV688" s="613"/>
      <c r="SKW688" s="613"/>
      <c r="SKX688" s="613"/>
      <c r="SKY688" s="613"/>
      <c r="SKZ688" s="613"/>
      <c r="SLA688" s="613"/>
      <c r="SLB688" s="613"/>
      <c r="SLC688" s="613"/>
      <c r="SLD688" s="613"/>
      <c r="SLE688" s="613"/>
      <c r="SLF688" s="613"/>
      <c r="SLG688" s="613"/>
      <c r="SLH688" s="613"/>
      <c r="SLI688" s="613"/>
      <c r="SLJ688" s="613"/>
      <c r="SLK688" s="613"/>
      <c r="SLL688" s="613"/>
      <c r="SLM688" s="613"/>
      <c r="SLN688" s="613"/>
      <c r="SLO688" s="613"/>
      <c r="SLP688" s="613"/>
      <c r="SLQ688" s="613"/>
      <c r="SLR688" s="613"/>
      <c r="SLS688" s="613"/>
      <c r="SLT688" s="613"/>
      <c r="SLU688" s="613"/>
      <c r="SLV688" s="613"/>
      <c r="SLW688" s="613"/>
      <c r="SLX688" s="613"/>
      <c r="SLY688" s="613"/>
      <c r="SLZ688" s="613"/>
      <c r="SMA688" s="613"/>
      <c r="SMB688" s="613"/>
      <c r="SMC688" s="613"/>
      <c r="SMD688" s="613"/>
      <c r="SME688" s="613"/>
      <c r="SMF688" s="613"/>
      <c r="SMG688" s="613"/>
      <c r="SMH688" s="613"/>
      <c r="SMI688" s="613"/>
      <c r="SMJ688" s="613"/>
      <c r="SMK688" s="613"/>
      <c r="SML688" s="613"/>
      <c r="SMM688" s="613"/>
      <c r="SMN688" s="613"/>
      <c r="SMO688" s="613"/>
      <c r="SMP688" s="613"/>
      <c r="SMQ688" s="613"/>
      <c r="SMR688" s="613"/>
      <c r="SMS688" s="613"/>
      <c r="SMT688" s="613"/>
      <c r="SMU688" s="613"/>
      <c r="SMV688" s="613"/>
      <c r="SMW688" s="613"/>
      <c r="SMX688" s="613"/>
      <c r="SMY688" s="613"/>
      <c r="SMZ688" s="613"/>
      <c r="SNA688" s="613"/>
      <c r="SNB688" s="613"/>
      <c r="SNC688" s="613"/>
      <c r="SND688" s="613"/>
      <c r="SNE688" s="613"/>
      <c r="SNF688" s="613"/>
      <c r="SNG688" s="613"/>
      <c r="SNH688" s="613"/>
      <c r="SNI688" s="613"/>
      <c r="SNJ688" s="613"/>
      <c r="SNK688" s="613"/>
      <c r="SNL688" s="613"/>
      <c r="SNM688" s="613"/>
      <c r="SNN688" s="613"/>
      <c r="SNO688" s="613"/>
      <c r="SNP688" s="613"/>
      <c r="SNQ688" s="613"/>
      <c r="SNR688" s="613"/>
      <c r="SNS688" s="613"/>
      <c r="SNT688" s="613"/>
      <c r="SNU688" s="613"/>
      <c r="SNV688" s="613"/>
      <c r="SNW688" s="613"/>
      <c r="SNX688" s="613"/>
      <c r="SNY688" s="613"/>
      <c r="SNZ688" s="613"/>
      <c r="SOA688" s="613"/>
      <c r="SOB688" s="613"/>
      <c r="SOC688" s="613"/>
      <c r="SOD688" s="613"/>
      <c r="SOE688" s="613"/>
      <c r="SOF688" s="613"/>
      <c r="SOG688" s="613"/>
      <c r="SOH688" s="613"/>
      <c r="SOI688" s="613"/>
      <c r="SOJ688" s="613"/>
      <c r="SOK688" s="613"/>
      <c r="SOL688" s="613"/>
      <c r="SOM688" s="613"/>
      <c r="SON688" s="613"/>
      <c r="SOO688" s="613"/>
      <c r="SOP688" s="613"/>
      <c r="SOQ688" s="613"/>
      <c r="SOR688" s="613"/>
      <c r="SOS688" s="613"/>
      <c r="SOT688" s="613"/>
      <c r="SOU688" s="613"/>
      <c r="SOV688" s="613"/>
      <c r="SOW688" s="613"/>
      <c r="SOX688" s="613"/>
      <c r="SOY688" s="613"/>
      <c r="SOZ688" s="613"/>
      <c r="SPA688" s="613"/>
      <c r="SPB688" s="613"/>
      <c r="SPC688" s="613"/>
      <c r="SPD688" s="613"/>
      <c r="SPE688" s="613"/>
      <c r="SPF688" s="613"/>
      <c r="SPG688" s="613"/>
      <c r="SPH688" s="613"/>
      <c r="SPI688" s="613"/>
      <c r="SPJ688" s="613"/>
      <c r="SPK688" s="613"/>
      <c r="SPL688" s="613"/>
      <c r="SPM688" s="613"/>
      <c r="SPN688" s="613"/>
      <c r="SPO688" s="613"/>
      <c r="SPP688" s="613"/>
      <c r="SPQ688" s="613"/>
      <c r="SPR688" s="613"/>
      <c r="SPS688" s="613"/>
      <c r="SPT688" s="613"/>
      <c r="SPU688" s="613"/>
      <c r="SPV688" s="613"/>
      <c r="SPW688" s="613"/>
      <c r="SPX688" s="613"/>
      <c r="SPY688" s="613"/>
      <c r="SPZ688" s="613"/>
      <c r="SQA688" s="613"/>
      <c r="SQB688" s="613"/>
      <c r="SQC688" s="613"/>
      <c r="SQD688" s="613"/>
      <c r="SQE688" s="613"/>
      <c r="SQF688" s="613"/>
      <c r="SQG688" s="613"/>
      <c r="SQH688" s="613"/>
      <c r="SQI688" s="613"/>
      <c r="SQJ688" s="613"/>
      <c r="SQK688" s="613"/>
      <c r="SQL688" s="613"/>
      <c r="SQM688" s="613"/>
      <c r="SQN688" s="613"/>
      <c r="SQO688" s="613"/>
      <c r="SQP688" s="613"/>
      <c r="SQQ688" s="613"/>
      <c r="SQR688" s="613"/>
      <c r="SQS688" s="613"/>
      <c r="SQT688" s="613"/>
      <c r="SQU688" s="613"/>
      <c r="SQV688" s="613"/>
      <c r="SQW688" s="613"/>
      <c r="SQX688" s="613"/>
      <c r="SQY688" s="613"/>
      <c r="SQZ688" s="613"/>
      <c r="SRA688" s="613"/>
      <c r="SRB688" s="613"/>
      <c r="SRC688" s="613"/>
      <c r="SRD688" s="613"/>
      <c r="SRE688" s="613"/>
      <c r="SRF688" s="613"/>
      <c r="SRG688" s="613"/>
      <c r="SRH688" s="613"/>
      <c r="SRI688" s="613"/>
      <c r="SRJ688" s="613"/>
      <c r="SRK688" s="613"/>
      <c r="SRL688" s="613"/>
      <c r="SRM688" s="613"/>
      <c r="SRN688" s="613"/>
      <c r="SRO688" s="613"/>
      <c r="SRP688" s="613"/>
      <c r="SRQ688" s="613"/>
      <c r="SRR688" s="613"/>
      <c r="SRS688" s="613"/>
      <c r="SRT688" s="613"/>
      <c r="SRU688" s="613"/>
      <c r="SRV688" s="613"/>
      <c r="SRW688" s="613"/>
      <c r="SRX688" s="613"/>
      <c r="SRY688" s="613"/>
      <c r="SRZ688" s="613"/>
      <c r="SSA688" s="613"/>
      <c r="SSB688" s="613"/>
      <c r="SSC688" s="613"/>
      <c r="SSD688" s="613"/>
      <c r="SSE688" s="613"/>
      <c r="SSF688" s="613"/>
      <c r="SSG688" s="613"/>
      <c r="SSH688" s="613"/>
      <c r="SSI688" s="613"/>
      <c r="SSJ688" s="613"/>
      <c r="SSK688" s="613"/>
      <c r="SSL688" s="613"/>
      <c r="SSM688" s="613"/>
      <c r="SSN688" s="613"/>
      <c r="SSO688" s="613"/>
      <c r="SSP688" s="613"/>
      <c r="SSQ688" s="613"/>
      <c r="SSR688" s="613"/>
      <c r="SSS688" s="613"/>
      <c r="SST688" s="613"/>
      <c r="SSU688" s="613"/>
      <c r="SSV688" s="613"/>
      <c r="SSW688" s="613"/>
      <c r="SSX688" s="613"/>
      <c r="SSY688" s="613"/>
      <c r="SSZ688" s="613"/>
      <c r="STA688" s="613"/>
      <c r="STB688" s="613"/>
      <c r="STC688" s="613"/>
      <c r="STD688" s="613"/>
      <c r="STE688" s="613"/>
      <c r="STF688" s="613"/>
      <c r="STG688" s="613"/>
      <c r="STH688" s="613"/>
      <c r="STI688" s="613"/>
      <c r="STJ688" s="613"/>
      <c r="STK688" s="613"/>
      <c r="STL688" s="613"/>
      <c r="STM688" s="613"/>
      <c r="STN688" s="613"/>
      <c r="STO688" s="613"/>
      <c r="STP688" s="613"/>
      <c r="STQ688" s="613"/>
      <c r="STR688" s="613"/>
      <c r="STS688" s="613"/>
      <c r="STT688" s="613"/>
      <c r="STU688" s="613"/>
      <c r="STV688" s="613"/>
      <c r="STW688" s="613"/>
      <c r="STX688" s="613"/>
      <c r="STY688" s="613"/>
      <c r="STZ688" s="613"/>
      <c r="SUA688" s="613"/>
      <c r="SUB688" s="613"/>
      <c r="SUC688" s="613"/>
      <c r="SUD688" s="613"/>
      <c r="SUE688" s="613"/>
      <c r="SUF688" s="613"/>
      <c r="SUG688" s="613"/>
      <c r="SUH688" s="613"/>
      <c r="SUI688" s="613"/>
      <c r="SUJ688" s="613"/>
      <c r="SUK688" s="613"/>
      <c r="SUL688" s="613"/>
      <c r="SUM688" s="613"/>
      <c r="SUN688" s="613"/>
      <c r="SUO688" s="613"/>
      <c r="SUP688" s="613"/>
      <c r="SUQ688" s="613"/>
      <c r="SUR688" s="613"/>
      <c r="SUS688" s="613"/>
      <c r="SUT688" s="613"/>
      <c r="SUU688" s="613"/>
      <c r="SUV688" s="613"/>
      <c r="SUW688" s="613"/>
      <c r="SUX688" s="613"/>
      <c r="SUY688" s="613"/>
      <c r="SUZ688" s="613"/>
      <c r="SVA688" s="613"/>
      <c r="SVB688" s="613"/>
      <c r="SVC688" s="613"/>
      <c r="SVD688" s="613"/>
      <c r="SVE688" s="613"/>
      <c r="SVF688" s="613"/>
      <c r="SVG688" s="613"/>
      <c r="SVH688" s="613"/>
      <c r="SVI688" s="613"/>
      <c r="SVJ688" s="613"/>
      <c r="SVK688" s="613"/>
      <c r="SVL688" s="613"/>
      <c r="SVM688" s="613"/>
      <c r="SVN688" s="613"/>
      <c r="SVO688" s="613"/>
      <c r="SVP688" s="613"/>
      <c r="SVQ688" s="613"/>
      <c r="SVR688" s="613"/>
      <c r="SVS688" s="613"/>
      <c r="SVT688" s="613"/>
      <c r="SVU688" s="613"/>
      <c r="SVV688" s="613"/>
      <c r="SVW688" s="613"/>
      <c r="SVX688" s="613"/>
      <c r="SVY688" s="613"/>
      <c r="SVZ688" s="613"/>
      <c r="SWA688" s="613"/>
      <c r="SWB688" s="613"/>
      <c r="SWC688" s="613"/>
      <c r="SWD688" s="613"/>
      <c r="SWE688" s="613"/>
      <c r="SWF688" s="613"/>
      <c r="SWG688" s="613"/>
      <c r="SWH688" s="613"/>
      <c r="SWI688" s="613"/>
      <c r="SWJ688" s="613"/>
      <c r="SWK688" s="613"/>
      <c r="SWL688" s="613"/>
      <c r="SWM688" s="613"/>
      <c r="SWN688" s="613"/>
      <c r="SWO688" s="613"/>
      <c r="SWP688" s="613"/>
      <c r="SWQ688" s="613"/>
      <c r="SWR688" s="613"/>
      <c r="SWS688" s="613"/>
      <c r="SWT688" s="613"/>
      <c r="SWU688" s="613"/>
      <c r="SWV688" s="613"/>
      <c r="SWW688" s="613"/>
      <c r="SWX688" s="613"/>
      <c r="SWY688" s="613"/>
      <c r="SWZ688" s="613"/>
      <c r="SXA688" s="613"/>
      <c r="SXB688" s="613"/>
      <c r="SXC688" s="613"/>
      <c r="SXD688" s="613"/>
      <c r="SXE688" s="613"/>
      <c r="SXF688" s="613"/>
      <c r="SXG688" s="613"/>
      <c r="SXH688" s="613"/>
      <c r="SXI688" s="613"/>
      <c r="SXJ688" s="613"/>
      <c r="SXK688" s="613"/>
      <c r="SXL688" s="613"/>
      <c r="SXM688" s="613"/>
      <c r="SXN688" s="613"/>
      <c r="SXO688" s="613"/>
      <c r="SXP688" s="613"/>
      <c r="SXQ688" s="613"/>
      <c r="SXR688" s="613"/>
      <c r="SXS688" s="613"/>
      <c r="SXT688" s="613"/>
      <c r="SXU688" s="613"/>
      <c r="SXV688" s="613"/>
      <c r="SXW688" s="613"/>
      <c r="SXX688" s="613"/>
      <c r="SXY688" s="613"/>
      <c r="SXZ688" s="613"/>
      <c r="SYA688" s="613"/>
      <c r="SYB688" s="613"/>
      <c r="SYC688" s="613"/>
      <c r="SYD688" s="613"/>
      <c r="SYE688" s="613"/>
      <c r="SYF688" s="613"/>
      <c r="SYG688" s="613"/>
      <c r="SYH688" s="613"/>
      <c r="SYI688" s="613"/>
      <c r="SYJ688" s="613"/>
      <c r="SYK688" s="613"/>
      <c r="SYL688" s="613"/>
      <c r="SYM688" s="613"/>
      <c r="SYN688" s="613"/>
      <c r="SYO688" s="613"/>
      <c r="SYP688" s="613"/>
      <c r="SYQ688" s="613"/>
      <c r="SYR688" s="613"/>
      <c r="SYS688" s="613"/>
      <c r="SYT688" s="613"/>
      <c r="SYU688" s="613"/>
      <c r="SYV688" s="613"/>
      <c r="SYW688" s="613"/>
      <c r="SYX688" s="613"/>
      <c r="SYY688" s="613"/>
      <c r="SYZ688" s="613"/>
      <c r="SZA688" s="613"/>
      <c r="SZB688" s="613"/>
      <c r="SZC688" s="613"/>
      <c r="SZD688" s="613"/>
      <c r="SZE688" s="613"/>
      <c r="SZF688" s="613"/>
      <c r="SZG688" s="613"/>
      <c r="SZH688" s="613"/>
      <c r="SZI688" s="613"/>
      <c r="SZJ688" s="613"/>
      <c r="SZK688" s="613"/>
      <c r="SZL688" s="613"/>
      <c r="SZM688" s="613"/>
      <c r="SZN688" s="613"/>
      <c r="SZO688" s="613"/>
      <c r="SZP688" s="613"/>
      <c r="SZQ688" s="613"/>
      <c r="SZR688" s="613"/>
      <c r="SZS688" s="613"/>
      <c r="SZT688" s="613"/>
      <c r="SZU688" s="613"/>
      <c r="SZV688" s="613"/>
      <c r="SZW688" s="613"/>
      <c r="SZX688" s="613"/>
      <c r="SZY688" s="613"/>
      <c r="SZZ688" s="613"/>
      <c r="TAA688" s="613"/>
      <c r="TAB688" s="613"/>
      <c r="TAC688" s="613"/>
      <c r="TAD688" s="613"/>
      <c r="TAE688" s="613"/>
      <c r="TAF688" s="613"/>
      <c r="TAG688" s="613"/>
      <c r="TAH688" s="613"/>
      <c r="TAI688" s="613"/>
      <c r="TAJ688" s="613"/>
      <c r="TAK688" s="613"/>
      <c r="TAL688" s="613"/>
      <c r="TAM688" s="613"/>
      <c r="TAN688" s="613"/>
      <c r="TAO688" s="613"/>
      <c r="TAP688" s="613"/>
      <c r="TAQ688" s="613"/>
      <c r="TAR688" s="613"/>
      <c r="TAS688" s="613"/>
      <c r="TAT688" s="613"/>
      <c r="TAU688" s="613"/>
      <c r="TAV688" s="613"/>
      <c r="TAW688" s="613"/>
      <c r="TAX688" s="613"/>
      <c r="TAY688" s="613"/>
      <c r="TAZ688" s="613"/>
      <c r="TBA688" s="613"/>
      <c r="TBB688" s="613"/>
      <c r="TBC688" s="613"/>
      <c r="TBD688" s="613"/>
      <c r="TBE688" s="613"/>
      <c r="TBF688" s="613"/>
      <c r="TBG688" s="613"/>
      <c r="TBH688" s="613"/>
      <c r="TBI688" s="613"/>
      <c r="TBJ688" s="613"/>
      <c r="TBK688" s="613"/>
      <c r="TBL688" s="613"/>
      <c r="TBM688" s="613"/>
      <c r="TBN688" s="613"/>
      <c r="TBO688" s="613"/>
      <c r="TBP688" s="613"/>
      <c r="TBQ688" s="613"/>
      <c r="TBR688" s="613"/>
      <c r="TBS688" s="613"/>
      <c r="TBT688" s="613"/>
      <c r="TBU688" s="613"/>
      <c r="TBV688" s="613"/>
      <c r="TBW688" s="613"/>
      <c r="TBX688" s="613"/>
      <c r="TBY688" s="613"/>
      <c r="TBZ688" s="613"/>
      <c r="TCA688" s="613"/>
      <c r="TCB688" s="613"/>
      <c r="TCC688" s="613"/>
      <c r="TCD688" s="613"/>
      <c r="TCE688" s="613"/>
      <c r="TCF688" s="613"/>
      <c r="TCG688" s="613"/>
      <c r="TCH688" s="613"/>
      <c r="TCI688" s="613"/>
      <c r="TCJ688" s="613"/>
      <c r="TCK688" s="613"/>
      <c r="TCL688" s="613"/>
      <c r="TCM688" s="613"/>
      <c r="TCN688" s="613"/>
      <c r="TCO688" s="613"/>
      <c r="TCP688" s="613"/>
      <c r="TCQ688" s="613"/>
      <c r="TCR688" s="613"/>
      <c r="TCS688" s="613"/>
      <c r="TCT688" s="613"/>
      <c r="TCU688" s="613"/>
      <c r="TCV688" s="613"/>
      <c r="TCW688" s="613"/>
      <c r="TCX688" s="613"/>
      <c r="TCY688" s="613"/>
      <c r="TCZ688" s="613"/>
      <c r="TDA688" s="613"/>
      <c r="TDB688" s="613"/>
      <c r="TDC688" s="613"/>
      <c r="TDD688" s="613"/>
      <c r="TDE688" s="613"/>
      <c r="TDF688" s="613"/>
      <c r="TDG688" s="613"/>
      <c r="TDH688" s="613"/>
      <c r="TDI688" s="613"/>
      <c r="TDJ688" s="613"/>
      <c r="TDK688" s="613"/>
      <c r="TDL688" s="613"/>
      <c r="TDM688" s="613"/>
      <c r="TDN688" s="613"/>
      <c r="TDO688" s="613"/>
      <c r="TDP688" s="613"/>
      <c r="TDQ688" s="613"/>
      <c r="TDR688" s="613"/>
      <c r="TDS688" s="613"/>
      <c r="TDT688" s="613"/>
      <c r="TDU688" s="613"/>
      <c r="TDV688" s="613"/>
      <c r="TDW688" s="613"/>
      <c r="TDX688" s="613"/>
      <c r="TDY688" s="613"/>
      <c r="TDZ688" s="613"/>
      <c r="TEA688" s="613"/>
      <c r="TEB688" s="613"/>
      <c r="TEC688" s="613"/>
      <c r="TED688" s="613"/>
      <c r="TEE688" s="613"/>
      <c r="TEF688" s="613"/>
      <c r="TEG688" s="613"/>
      <c r="TEH688" s="613"/>
      <c r="TEI688" s="613"/>
      <c r="TEJ688" s="613"/>
      <c r="TEK688" s="613"/>
      <c r="TEL688" s="613"/>
      <c r="TEM688" s="613"/>
      <c r="TEN688" s="613"/>
      <c r="TEO688" s="613"/>
      <c r="TEP688" s="613"/>
      <c r="TEQ688" s="613"/>
      <c r="TER688" s="613"/>
      <c r="TES688" s="613"/>
      <c r="TET688" s="613"/>
      <c r="TEU688" s="613"/>
      <c r="TEV688" s="613"/>
      <c r="TEW688" s="613"/>
      <c r="TEX688" s="613"/>
      <c r="TEY688" s="613"/>
      <c r="TEZ688" s="613"/>
      <c r="TFA688" s="613"/>
      <c r="TFB688" s="613"/>
      <c r="TFC688" s="613"/>
      <c r="TFD688" s="613"/>
      <c r="TFE688" s="613"/>
      <c r="TFF688" s="613"/>
      <c r="TFG688" s="613"/>
      <c r="TFH688" s="613"/>
      <c r="TFI688" s="613"/>
      <c r="TFJ688" s="613"/>
      <c r="TFK688" s="613"/>
      <c r="TFL688" s="613"/>
      <c r="TFM688" s="613"/>
      <c r="TFN688" s="613"/>
      <c r="TFO688" s="613"/>
      <c r="TFP688" s="613"/>
      <c r="TFQ688" s="613"/>
      <c r="TFR688" s="613"/>
      <c r="TFS688" s="613"/>
      <c r="TFT688" s="613"/>
      <c r="TFU688" s="613"/>
      <c r="TFV688" s="613"/>
      <c r="TFW688" s="613"/>
      <c r="TFX688" s="613"/>
      <c r="TFY688" s="613"/>
      <c r="TFZ688" s="613"/>
      <c r="TGA688" s="613"/>
      <c r="TGB688" s="613"/>
      <c r="TGC688" s="613"/>
      <c r="TGD688" s="613"/>
      <c r="TGE688" s="613"/>
      <c r="TGF688" s="613"/>
      <c r="TGG688" s="613"/>
      <c r="TGH688" s="613"/>
      <c r="TGI688" s="613"/>
      <c r="TGJ688" s="613"/>
      <c r="TGK688" s="613"/>
      <c r="TGL688" s="613"/>
      <c r="TGM688" s="613"/>
      <c r="TGN688" s="613"/>
      <c r="TGO688" s="613"/>
      <c r="TGP688" s="613"/>
      <c r="TGQ688" s="613"/>
      <c r="TGR688" s="613"/>
      <c r="TGS688" s="613"/>
      <c r="TGT688" s="613"/>
      <c r="TGU688" s="613"/>
      <c r="TGV688" s="613"/>
      <c r="TGW688" s="613"/>
      <c r="TGX688" s="613"/>
      <c r="TGY688" s="613"/>
      <c r="TGZ688" s="613"/>
      <c r="THA688" s="613"/>
      <c r="THB688" s="613"/>
      <c r="THC688" s="613"/>
      <c r="THD688" s="613"/>
      <c r="THE688" s="613"/>
      <c r="THF688" s="613"/>
      <c r="THG688" s="613"/>
      <c r="THH688" s="613"/>
      <c r="THI688" s="613"/>
      <c r="THJ688" s="613"/>
      <c r="THK688" s="613"/>
      <c r="THL688" s="613"/>
      <c r="THM688" s="613"/>
      <c r="THN688" s="613"/>
      <c r="THO688" s="613"/>
      <c r="THP688" s="613"/>
      <c r="THQ688" s="613"/>
      <c r="THR688" s="613"/>
      <c r="THS688" s="613"/>
      <c r="THT688" s="613"/>
      <c r="THU688" s="613"/>
      <c r="THV688" s="613"/>
      <c r="THW688" s="613"/>
      <c r="THX688" s="613"/>
      <c r="THY688" s="613"/>
      <c r="THZ688" s="613"/>
      <c r="TIA688" s="613"/>
      <c r="TIB688" s="613"/>
      <c r="TIC688" s="613"/>
      <c r="TID688" s="613"/>
      <c r="TIE688" s="613"/>
      <c r="TIF688" s="613"/>
      <c r="TIG688" s="613"/>
      <c r="TIH688" s="613"/>
      <c r="TII688" s="613"/>
      <c r="TIJ688" s="613"/>
      <c r="TIK688" s="613"/>
      <c r="TIL688" s="613"/>
      <c r="TIM688" s="613"/>
      <c r="TIN688" s="613"/>
      <c r="TIO688" s="613"/>
      <c r="TIP688" s="613"/>
      <c r="TIQ688" s="613"/>
      <c r="TIR688" s="613"/>
      <c r="TIS688" s="613"/>
      <c r="TIT688" s="613"/>
      <c r="TIU688" s="613"/>
      <c r="TIV688" s="613"/>
      <c r="TIW688" s="613"/>
      <c r="TIX688" s="613"/>
      <c r="TIY688" s="613"/>
      <c r="TIZ688" s="613"/>
      <c r="TJA688" s="613"/>
      <c r="TJB688" s="613"/>
      <c r="TJC688" s="613"/>
      <c r="TJD688" s="613"/>
      <c r="TJE688" s="613"/>
      <c r="TJF688" s="613"/>
      <c r="TJG688" s="613"/>
      <c r="TJH688" s="613"/>
      <c r="TJI688" s="613"/>
      <c r="TJJ688" s="613"/>
      <c r="TJK688" s="613"/>
      <c r="TJL688" s="613"/>
      <c r="TJM688" s="613"/>
      <c r="TJN688" s="613"/>
      <c r="TJO688" s="613"/>
      <c r="TJP688" s="613"/>
      <c r="TJQ688" s="613"/>
      <c r="TJR688" s="613"/>
      <c r="TJS688" s="613"/>
      <c r="TJT688" s="613"/>
      <c r="TJU688" s="613"/>
      <c r="TJV688" s="613"/>
      <c r="TJW688" s="613"/>
      <c r="TJX688" s="613"/>
      <c r="TJY688" s="613"/>
      <c r="TJZ688" s="613"/>
      <c r="TKA688" s="613"/>
      <c r="TKB688" s="613"/>
      <c r="TKC688" s="613"/>
      <c r="TKD688" s="613"/>
      <c r="TKE688" s="613"/>
      <c r="TKF688" s="613"/>
      <c r="TKG688" s="613"/>
      <c r="TKH688" s="613"/>
      <c r="TKI688" s="613"/>
      <c r="TKJ688" s="613"/>
      <c r="TKK688" s="613"/>
      <c r="TKL688" s="613"/>
      <c r="TKM688" s="613"/>
      <c r="TKN688" s="613"/>
      <c r="TKO688" s="613"/>
      <c r="TKP688" s="613"/>
      <c r="TKQ688" s="613"/>
      <c r="TKR688" s="613"/>
      <c r="TKS688" s="613"/>
      <c r="TKT688" s="613"/>
      <c r="TKU688" s="613"/>
      <c r="TKV688" s="613"/>
      <c r="TKW688" s="613"/>
      <c r="TKX688" s="613"/>
      <c r="TKY688" s="613"/>
      <c r="TKZ688" s="613"/>
      <c r="TLA688" s="613"/>
      <c r="TLB688" s="613"/>
      <c r="TLC688" s="613"/>
      <c r="TLD688" s="613"/>
      <c r="TLE688" s="613"/>
      <c r="TLF688" s="613"/>
      <c r="TLG688" s="613"/>
      <c r="TLH688" s="613"/>
      <c r="TLI688" s="613"/>
      <c r="TLJ688" s="613"/>
      <c r="TLK688" s="613"/>
      <c r="TLL688" s="613"/>
      <c r="TLM688" s="613"/>
      <c r="TLN688" s="613"/>
      <c r="TLO688" s="613"/>
      <c r="TLP688" s="613"/>
      <c r="TLQ688" s="613"/>
      <c r="TLR688" s="613"/>
      <c r="TLS688" s="613"/>
      <c r="TLT688" s="613"/>
      <c r="TLU688" s="613"/>
      <c r="TLV688" s="613"/>
      <c r="TLW688" s="613"/>
      <c r="TLX688" s="613"/>
      <c r="TLY688" s="613"/>
      <c r="TLZ688" s="613"/>
      <c r="TMA688" s="613"/>
      <c r="TMB688" s="613"/>
      <c r="TMC688" s="613"/>
      <c r="TMD688" s="613"/>
      <c r="TME688" s="613"/>
      <c r="TMF688" s="613"/>
      <c r="TMG688" s="613"/>
      <c r="TMH688" s="613"/>
      <c r="TMI688" s="613"/>
      <c r="TMJ688" s="613"/>
      <c r="TMK688" s="613"/>
      <c r="TML688" s="613"/>
      <c r="TMM688" s="613"/>
      <c r="TMN688" s="613"/>
      <c r="TMO688" s="613"/>
      <c r="TMP688" s="613"/>
      <c r="TMQ688" s="613"/>
      <c r="TMR688" s="613"/>
      <c r="TMS688" s="613"/>
      <c r="TMT688" s="613"/>
      <c r="TMU688" s="613"/>
      <c r="TMV688" s="613"/>
      <c r="TMW688" s="613"/>
      <c r="TMX688" s="613"/>
      <c r="TMY688" s="613"/>
      <c r="TMZ688" s="613"/>
      <c r="TNA688" s="613"/>
      <c r="TNB688" s="613"/>
      <c r="TNC688" s="613"/>
      <c r="TND688" s="613"/>
      <c r="TNE688" s="613"/>
      <c r="TNF688" s="613"/>
      <c r="TNG688" s="613"/>
      <c r="TNH688" s="613"/>
      <c r="TNI688" s="613"/>
      <c r="TNJ688" s="613"/>
      <c r="TNK688" s="613"/>
      <c r="TNL688" s="613"/>
      <c r="TNM688" s="613"/>
      <c r="TNN688" s="613"/>
      <c r="TNO688" s="613"/>
      <c r="TNP688" s="613"/>
      <c r="TNQ688" s="613"/>
      <c r="TNR688" s="613"/>
      <c r="TNS688" s="613"/>
      <c r="TNT688" s="613"/>
      <c r="TNU688" s="613"/>
      <c r="TNV688" s="613"/>
      <c r="TNW688" s="613"/>
      <c r="TNX688" s="613"/>
      <c r="TNY688" s="613"/>
      <c r="TNZ688" s="613"/>
      <c r="TOA688" s="613"/>
      <c r="TOB688" s="613"/>
      <c r="TOC688" s="613"/>
      <c r="TOD688" s="613"/>
      <c r="TOE688" s="613"/>
      <c r="TOF688" s="613"/>
      <c r="TOG688" s="613"/>
      <c r="TOH688" s="613"/>
      <c r="TOI688" s="613"/>
      <c r="TOJ688" s="613"/>
      <c r="TOK688" s="613"/>
      <c r="TOL688" s="613"/>
      <c r="TOM688" s="613"/>
      <c r="TON688" s="613"/>
      <c r="TOO688" s="613"/>
      <c r="TOP688" s="613"/>
      <c r="TOQ688" s="613"/>
      <c r="TOR688" s="613"/>
      <c r="TOS688" s="613"/>
      <c r="TOT688" s="613"/>
      <c r="TOU688" s="613"/>
      <c r="TOV688" s="613"/>
      <c r="TOW688" s="613"/>
      <c r="TOX688" s="613"/>
      <c r="TOY688" s="613"/>
      <c r="TOZ688" s="613"/>
      <c r="TPA688" s="613"/>
      <c r="TPB688" s="613"/>
      <c r="TPC688" s="613"/>
      <c r="TPD688" s="613"/>
      <c r="TPE688" s="613"/>
      <c r="TPF688" s="613"/>
      <c r="TPG688" s="613"/>
      <c r="TPH688" s="613"/>
      <c r="TPI688" s="613"/>
      <c r="TPJ688" s="613"/>
      <c r="TPK688" s="613"/>
      <c r="TPL688" s="613"/>
      <c r="TPM688" s="613"/>
      <c r="TPN688" s="613"/>
      <c r="TPO688" s="613"/>
      <c r="TPP688" s="613"/>
      <c r="TPQ688" s="613"/>
      <c r="TPR688" s="613"/>
      <c r="TPS688" s="613"/>
      <c r="TPT688" s="613"/>
      <c r="TPU688" s="613"/>
      <c r="TPV688" s="613"/>
      <c r="TPW688" s="613"/>
      <c r="TPX688" s="613"/>
      <c r="TPY688" s="613"/>
      <c r="TPZ688" s="613"/>
      <c r="TQA688" s="613"/>
      <c r="TQB688" s="613"/>
      <c r="TQC688" s="613"/>
      <c r="TQD688" s="613"/>
      <c r="TQE688" s="613"/>
      <c r="TQF688" s="613"/>
      <c r="TQG688" s="613"/>
      <c r="TQH688" s="613"/>
      <c r="TQI688" s="613"/>
      <c r="TQJ688" s="613"/>
      <c r="TQK688" s="613"/>
      <c r="TQL688" s="613"/>
      <c r="TQM688" s="613"/>
      <c r="TQN688" s="613"/>
      <c r="TQO688" s="613"/>
      <c r="TQP688" s="613"/>
      <c r="TQQ688" s="613"/>
      <c r="TQR688" s="613"/>
      <c r="TQS688" s="613"/>
      <c r="TQT688" s="613"/>
      <c r="TQU688" s="613"/>
      <c r="TQV688" s="613"/>
      <c r="TQW688" s="613"/>
      <c r="TQX688" s="613"/>
      <c r="TQY688" s="613"/>
      <c r="TQZ688" s="613"/>
      <c r="TRA688" s="613"/>
      <c r="TRB688" s="613"/>
      <c r="TRC688" s="613"/>
      <c r="TRD688" s="613"/>
      <c r="TRE688" s="613"/>
      <c r="TRF688" s="613"/>
      <c r="TRG688" s="613"/>
      <c r="TRH688" s="613"/>
      <c r="TRI688" s="613"/>
      <c r="TRJ688" s="613"/>
      <c r="TRK688" s="613"/>
      <c r="TRL688" s="613"/>
      <c r="TRM688" s="613"/>
      <c r="TRN688" s="613"/>
      <c r="TRO688" s="613"/>
      <c r="TRP688" s="613"/>
      <c r="TRQ688" s="613"/>
      <c r="TRR688" s="613"/>
      <c r="TRS688" s="613"/>
      <c r="TRT688" s="613"/>
      <c r="TRU688" s="613"/>
      <c r="TRV688" s="613"/>
      <c r="TRW688" s="613"/>
      <c r="TRX688" s="613"/>
      <c r="TRY688" s="613"/>
      <c r="TRZ688" s="613"/>
      <c r="TSA688" s="613"/>
      <c r="TSB688" s="613"/>
      <c r="TSC688" s="613"/>
      <c r="TSD688" s="613"/>
      <c r="TSE688" s="613"/>
      <c r="TSF688" s="613"/>
      <c r="TSG688" s="613"/>
      <c r="TSH688" s="613"/>
      <c r="TSI688" s="613"/>
      <c r="TSJ688" s="613"/>
      <c r="TSK688" s="613"/>
      <c r="TSL688" s="613"/>
      <c r="TSM688" s="613"/>
      <c r="TSN688" s="613"/>
      <c r="TSO688" s="613"/>
      <c r="TSP688" s="613"/>
      <c r="TSQ688" s="613"/>
      <c r="TSR688" s="613"/>
      <c r="TSS688" s="613"/>
      <c r="TST688" s="613"/>
      <c r="TSU688" s="613"/>
      <c r="TSV688" s="613"/>
      <c r="TSW688" s="613"/>
      <c r="TSX688" s="613"/>
      <c r="TSY688" s="613"/>
      <c r="TSZ688" s="613"/>
      <c r="TTA688" s="613"/>
      <c r="TTB688" s="613"/>
      <c r="TTC688" s="613"/>
      <c r="TTD688" s="613"/>
      <c r="TTE688" s="613"/>
      <c r="TTF688" s="613"/>
      <c r="TTG688" s="613"/>
      <c r="TTH688" s="613"/>
      <c r="TTI688" s="613"/>
      <c r="TTJ688" s="613"/>
      <c r="TTK688" s="613"/>
      <c r="TTL688" s="613"/>
      <c r="TTM688" s="613"/>
      <c r="TTN688" s="613"/>
      <c r="TTO688" s="613"/>
      <c r="TTP688" s="613"/>
      <c r="TTQ688" s="613"/>
      <c r="TTR688" s="613"/>
      <c r="TTS688" s="613"/>
      <c r="TTT688" s="613"/>
      <c r="TTU688" s="613"/>
      <c r="TTV688" s="613"/>
      <c r="TTW688" s="613"/>
      <c r="TTX688" s="613"/>
      <c r="TTY688" s="613"/>
      <c r="TTZ688" s="613"/>
      <c r="TUA688" s="613"/>
      <c r="TUB688" s="613"/>
      <c r="TUC688" s="613"/>
      <c r="TUD688" s="613"/>
      <c r="TUE688" s="613"/>
      <c r="TUF688" s="613"/>
      <c r="TUG688" s="613"/>
      <c r="TUH688" s="613"/>
      <c r="TUI688" s="613"/>
      <c r="TUJ688" s="613"/>
      <c r="TUK688" s="613"/>
      <c r="TUL688" s="613"/>
      <c r="TUM688" s="613"/>
      <c r="TUN688" s="613"/>
      <c r="TUO688" s="613"/>
      <c r="TUP688" s="613"/>
      <c r="TUQ688" s="613"/>
      <c r="TUR688" s="613"/>
      <c r="TUS688" s="613"/>
      <c r="TUT688" s="613"/>
      <c r="TUU688" s="613"/>
      <c r="TUV688" s="613"/>
      <c r="TUW688" s="613"/>
      <c r="TUX688" s="613"/>
      <c r="TUY688" s="613"/>
      <c r="TUZ688" s="613"/>
      <c r="TVA688" s="613"/>
      <c r="TVB688" s="613"/>
      <c r="TVC688" s="613"/>
      <c r="TVD688" s="613"/>
      <c r="TVE688" s="613"/>
      <c r="TVF688" s="613"/>
      <c r="TVG688" s="613"/>
      <c r="TVH688" s="613"/>
      <c r="TVI688" s="613"/>
      <c r="TVJ688" s="613"/>
      <c r="TVK688" s="613"/>
      <c r="TVL688" s="613"/>
      <c r="TVM688" s="613"/>
      <c r="TVN688" s="613"/>
      <c r="TVO688" s="613"/>
      <c r="TVP688" s="613"/>
      <c r="TVQ688" s="613"/>
      <c r="TVR688" s="613"/>
      <c r="TVS688" s="613"/>
      <c r="TVT688" s="613"/>
      <c r="TVU688" s="613"/>
      <c r="TVV688" s="613"/>
      <c r="TVW688" s="613"/>
      <c r="TVX688" s="613"/>
      <c r="TVY688" s="613"/>
      <c r="TVZ688" s="613"/>
      <c r="TWA688" s="613"/>
      <c r="TWB688" s="613"/>
      <c r="TWC688" s="613"/>
      <c r="TWD688" s="613"/>
      <c r="TWE688" s="613"/>
      <c r="TWF688" s="613"/>
      <c r="TWG688" s="613"/>
      <c r="TWH688" s="613"/>
      <c r="TWI688" s="613"/>
      <c r="TWJ688" s="613"/>
      <c r="TWK688" s="613"/>
      <c r="TWL688" s="613"/>
      <c r="TWM688" s="613"/>
      <c r="TWN688" s="613"/>
      <c r="TWO688" s="613"/>
      <c r="TWP688" s="613"/>
      <c r="TWQ688" s="613"/>
      <c r="TWR688" s="613"/>
      <c r="TWS688" s="613"/>
      <c r="TWT688" s="613"/>
      <c r="TWU688" s="613"/>
      <c r="TWV688" s="613"/>
      <c r="TWW688" s="613"/>
      <c r="TWX688" s="613"/>
      <c r="TWY688" s="613"/>
      <c r="TWZ688" s="613"/>
      <c r="TXA688" s="613"/>
      <c r="TXB688" s="613"/>
      <c r="TXC688" s="613"/>
      <c r="TXD688" s="613"/>
      <c r="TXE688" s="613"/>
      <c r="TXF688" s="613"/>
      <c r="TXG688" s="613"/>
      <c r="TXH688" s="613"/>
      <c r="TXI688" s="613"/>
      <c r="TXJ688" s="613"/>
      <c r="TXK688" s="613"/>
      <c r="TXL688" s="613"/>
      <c r="TXM688" s="613"/>
      <c r="TXN688" s="613"/>
      <c r="TXO688" s="613"/>
      <c r="TXP688" s="613"/>
      <c r="TXQ688" s="613"/>
      <c r="TXR688" s="613"/>
      <c r="TXS688" s="613"/>
      <c r="TXT688" s="613"/>
      <c r="TXU688" s="613"/>
      <c r="TXV688" s="613"/>
      <c r="TXW688" s="613"/>
      <c r="TXX688" s="613"/>
      <c r="TXY688" s="613"/>
      <c r="TXZ688" s="613"/>
      <c r="TYA688" s="613"/>
      <c r="TYB688" s="613"/>
      <c r="TYC688" s="613"/>
      <c r="TYD688" s="613"/>
      <c r="TYE688" s="613"/>
      <c r="TYF688" s="613"/>
      <c r="TYG688" s="613"/>
      <c r="TYH688" s="613"/>
      <c r="TYI688" s="613"/>
      <c r="TYJ688" s="613"/>
      <c r="TYK688" s="613"/>
      <c r="TYL688" s="613"/>
      <c r="TYM688" s="613"/>
      <c r="TYN688" s="613"/>
      <c r="TYO688" s="613"/>
      <c r="TYP688" s="613"/>
      <c r="TYQ688" s="613"/>
      <c r="TYR688" s="613"/>
      <c r="TYS688" s="613"/>
      <c r="TYT688" s="613"/>
      <c r="TYU688" s="613"/>
      <c r="TYV688" s="613"/>
      <c r="TYW688" s="613"/>
      <c r="TYX688" s="613"/>
      <c r="TYY688" s="613"/>
      <c r="TYZ688" s="613"/>
      <c r="TZA688" s="613"/>
      <c r="TZB688" s="613"/>
      <c r="TZC688" s="613"/>
      <c r="TZD688" s="613"/>
      <c r="TZE688" s="613"/>
      <c r="TZF688" s="613"/>
      <c r="TZG688" s="613"/>
      <c r="TZH688" s="613"/>
      <c r="TZI688" s="613"/>
      <c r="TZJ688" s="613"/>
      <c r="TZK688" s="613"/>
      <c r="TZL688" s="613"/>
      <c r="TZM688" s="613"/>
      <c r="TZN688" s="613"/>
      <c r="TZO688" s="613"/>
      <c r="TZP688" s="613"/>
      <c r="TZQ688" s="613"/>
      <c r="TZR688" s="613"/>
      <c r="TZS688" s="613"/>
      <c r="TZT688" s="613"/>
      <c r="TZU688" s="613"/>
      <c r="TZV688" s="613"/>
      <c r="TZW688" s="613"/>
      <c r="TZX688" s="613"/>
      <c r="TZY688" s="613"/>
      <c r="TZZ688" s="613"/>
      <c r="UAA688" s="613"/>
      <c r="UAB688" s="613"/>
      <c r="UAC688" s="613"/>
      <c r="UAD688" s="613"/>
      <c r="UAE688" s="613"/>
      <c r="UAF688" s="613"/>
      <c r="UAG688" s="613"/>
      <c r="UAH688" s="613"/>
      <c r="UAI688" s="613"/>
      <c r="UAJ688" s="613"/>
      <c r="UAK688" s="613"/>
      <c r="UAL688" s="613"/>
      <c r="UAM688" s="613"/>
      <c r="UAN688" s="613"/>
      <c r="UAO688" s="613"/>
      <c r="UAP688" s="613"/>
      <c r="UAQ688" s="613"/>
      <c r="UAR688" s="613"/>
      <c r="UAS688" s="613"/>
      <c r="UAT688" s="613"/>
      <c r="UAU688" s="613"/>
      <c r="UAV688" s="613"/>
      <c r="UAW688" s="613"/>
      <c r="UAX688" s="613"/>
      <c r="UAY688" s="613"/>
      <c r="UAZ688" s="613"/>
      <c r="UBA688" s="613"/>
      <c r="UBB688" s="613"/>
      <c r="UBC688" s="613"/>
      <c r="UBD688" s="613"/>
      <c r="UBE688" s="613"/>
      <c r="UBF688" s="613"/>
      <c r="UBG688" s="613"/>
      <c r="UBH688" s="613"/>
      <c r="UBI688" s="613"/>
      <c r="UBJ688" s="613"/>
      <c r="UBK688" s="613"/>
      <c r="UBL688" s="613"/>
      <c r="UBM688" s="613"/>
      <c r="UBN688" s="613"/>
      <c r="UBO688" s="613"/>
      <c r="UBP688" s="613"/>
      <c r="UBQ688" s="613"/>
      <c r="UBR688" s="613"/>
      <c r="UBS688" s="613"/>
      <c r="UBT688" s="613"/>
      <c r="UBU688" s="613"/>
      <c r="UBV688" s="613"/>
      <c r="UBW688" s="613"/>
      <c r="UBX688" s="613"/>
      <c r="UBY688" s="613"/>
      <c r="UBZ688" s="613"/>
      <c r="UCA688" s="613"/>
      <c r="UCB688" s="613"/>
      <c r="UCC688" s="613"/>
      <c r="UCD688" s="613"/>
      <c r="UCE688" s="613"/>
      <c r="UCF688" s="613"/>
      <c r="UCG688" s="613"/>
      <c r="UCH688" s="613"/>
      <c r="UCI688" s="613"/>
      <c r="UCJ688" s="613"/>
      <c r="UCK688" s="613"/>
      <c r="UCL688" s="613"/>
      <c r="UCM688" s="613"/>
      <c r="UCN688" s="613"/>
      <c r="UCO688" s="613"/>
      <c r="UCP688" s="613"/>
      <c r="UCQ688" s="613"/>
      <c r="UCR688" s="613"/>
      <c r="UCS688" s="613"/>
      <c r="UCT688" s="613"/>
      <c r="UCU688" s="613"/>
      <c r="UCV688" s="613"/>
      <c r="UCW688" s="613"/>
      <c r="UCX688" s="613"/>
      <c r="UCY688" s="613"/>
      <c r="UCZ688" s="613"/>
      <c r="UDA688" s="613"/>
      <c r="UDB688" s="613"/>
      <c r="UDC688" s="613"/>
      <c r="UDD688" s="613"/>
      <c r="UDE688" s="613"/>
      <c r="UDF688" s="613"/>
      <c r="UDG688" s="613"/>
      <c r="UDH688" s="613"/>
      <c r="UDI688" s="613"/>
      <c r="UDJ688" s="613"/>
      <c r="UDK688" s="613"/>
      <c r="UDL688" s="613"/>
      <c r="UDM688" s="613"/>
      <c r="UDN688" s="613"/>
      <c r="UDO688" s="613"/>
      <c r="UDP688" s="613"/>
      <c r="UDQ688" s="613"/>
      <c r="UDR688" s="613"/>
      <c r="UDS688" s="613"/>
      <c r="UDT688" s="613"/>
      <c r="UDU688" s="613"/>
      <c r="UDV688" s="613"/>
      <c r="UDW688" s="613"/>
      <c r="UDX688" s="613"/>
      <c r="UDY688" s="613"/>
      <c r="UDZ688" s="613"/>
      <c r="UEA688" s="613"/>
      <c r="UEB688" s="613"/>
      <c r="UEC688" s="613"/>
      <c r="UED688" s="613"/>
      <c r="UEE688" s="613"/>
      <c r="UEF688" s="613"/>
      <c r="UEG688" s="613"/>
      <c r="UEH688" s="613"/>
      <c r="UEI688" s="613"/>
      <c r="UEJ688" s="613"/>
      <c r="UEK688" s="613"/>
      <c r="UEL688" s="613"/>
      <c r="UEM688" s="613"/>
      <c r="UEN688" s="613"/>
      <c r="UEO688" s="613"/>
      <c r="UEP688" s="613"/>
      <c r="UEQ688" s="613"/>
      <c r="UER688" s="613"/>
      <c r="UES688" s="613"/>
      <c r="UET688" s="613"/>
      <c r="UEU688" s="613"/>
      <c r="UEV688" s="613"/>
      <c r="UEW688" s="613"/>
      <c r="UEX688" s="613"/>
      <c r="UEY688" s="613"/>
      <c r="UEZ688" s="613"/>
      <c r="UFA688" s="613"/>
      <c r="UFB688" s="613"/>
      <c r="UFC688" s="613"/>
      <c r="UFD688" s="613"/>
      <c r="UFE688" s="613"/>
      <c r="UFF688" s="613"/>
      <c r="UFG688" s="613"/>
      <c r="UFH688" s="613"/>
      <c r="UFI688" s="613"/>
      <c r="UFJ688" s="613"/>
      <c r="UFK688" s="613"/>
      <c r="UFL688" s="613"/>
      <c r="UFM688" s="613"/>
      <c r="UFN688" s="613"/>
      <c r="UFO688" s="613"/>
      <c r="UFP688" s="613"/>
      <c r="UFQ688" s="613"/>
      <c r="UFR688" s="613"/>
      <c r="UFS688" s="613"/>
      <c r="UFT688" s="613"/>
      <c r="UFU688" s="613"/>
      <c r="UFV688" s="613"/>
      <c r="UFW688" s="613"/>
      <c r="UFX688" s="613"/>
      <c r="UFY688" s="613"/>
      <c r="UFZ688" s="613"/>
      <c r="UGA688" s="613"/>
      <c r="UGB688" s="613"/>
      <c r="UGC688" s="613"/>
      <c r="UGD688" s="613"/>
      <c r="UGE688" s="613"/>
      <c r="UGF688" s="613"/>
      <c r="UGG688" s="613"/>
      <c r="UGH688" s="613"/>
      <c r="UGI688" s="613"/>
      <c r="UGJ688" s="613"/>
      <c r="UGK688" s="613"/>
      <c r="UGL688" s="613"/>
      <c r="UGM688" s="613"/>
      <c r="UGN688" s="613"/>
      <c r="UGO688" s="613"/>
      <c r="UGP688" s="613"/>
      <c r="UGQ688" s="613"/>
      <c r="UGR688" s="613"/>
      <c r="UGS688" s="613"/>
      <c r="UGT688" s="613"/>
      <c r="UGU688" s="613"/>
      <c r="UGV688" s="613"/>
      <c r="UGW688" s="613"/>
      <c r="UGX688" s="613"/>
      <c r="UGY688" s="613"/>
      <c r="UGZ688" s="613"/>
      <c r="UHA688" s="613"/>
      <c r="UHB688" s="613"/>
      <c r="UHC688" s="613"/>
      <c r="UHD688" s="613"/>
      <c r="UHE688" s="613"/>
      <c r="UHF688" s="613"/>
      <c r="UHG688" s="613"/>
      <c r="UHH688" s="613"/>
      <c r="UHI688" s="613"/>
      <c r="UHJ688" s="613"/>
      <c r="UHK688" s="613"/>
      <c r="UHL688" s="613"/>
      <c r="UHM688" s="613"/>
      <c r="UHN688" s="613"/>
      <c r="UHO688" s="613"/>
      <c r="UHP688" s="613"/>
      <c r="UHQ688" s="613"/>
      <c r="UHR688" s="613"/>
      <c r="UHS688" s="613"/>
      <c r="UHT688" s="613"/>
      <c r="UHU688" s="613"/>
      <c r="UHV688" s="613"/>
      <c r="UHW688" s="613"/>
      <c r="UHX688" s="613"/>
      <c r="UHY688" s="613"/>
      <c r="UHZ688" s="613"/>
      <c r="UIA688" s="613"/>
      <c r="UIB688" s="613"/>
      <c r="UIC688" s="613"/>
      <c r="UID688" s="613"/>
      <c r="UIE688" s="613"/>
      <c r="UIF688" s="613"/>
      <c r="UIG688" s="613"/>
      <c r="UIH688" s="613"/>
      <c r="UII688" s="613"/>
      <c r="UIJ688" s="613"/>
      <c r="UIK688" s="613"/>
      <c r="UIL688" s="613"/>
      <c r="UIM688" s="613"/>
      <c r="UIN688" s="613"/>
      <c r="UIO688" s="613"/>
      <c r="UIP688" s="613"/>
      <c r="UIQ688" s="613"/>
      <c r="UIR688" s="613"/>
      <c r="UIS688" s="613"/>
      <c r="UIT688" s="613"/>
      <c r="UIU688" s="613"/>
      <c r="UIV688" s="613"/>
      <c r="UIW688" s="613"/>
      <c r="UIX688" s="613"/>
      <c r="UIY688" s="613"/>
      <c r="UIZ688" s="613"/>
      <c r="UJA688" s="613"/>
      <c r="UJB688" s="613"/>
      <c r="UJC688" s="613"/>
      <c r="UJD688" s="613"/>
      <c r="UJE688" s="613"/>
      <c r="UJF688" s="613"/>
      <c r="UJG688" s="613"/>
      <c r="UJH688" s="613"/>
      <c r="UJI688" s="613"/>
      <c r="UJJ688" s="613"/>
      <c r="UJK688" s="613"/>
      <c r="UJL688" s="613"/>
      <c r="UJM688" s="613"/>
      <c r="UJN688" s="613"/>
      <c r="UJO688" s="613"/>
      <c r="UJP688" s="613"/>
      <c r="UJQ688" s="613"/>
      <c r="UJR688" s="613"/>
      <c r="UJS688" s="613"/>
      <c r="UJT688" s="613"/>
      <c r="UJU688" s="613"/>
      <c r="UJV688" s="613"/>
      <c r="UJW688" s="613"/>
      <c r="UJX688" s="613"/>
      <c r="UJY688" s="613"/>
      <c r="UJZ688" s="613"/>
      <c r="UKA688" s="613"/>
      <c r="UKB688" s="613"/>
      <c r="UKC688" s="613"/>
      <c r="UKD688" s="613"/>
      <c r="UKE688" s="613"/>
      <c r="UKF688" s="613"/>
      <c r="UKG688" s="613"/>
      <c r="UKH688" s="613"/>
      <c r="UKI688" s="613"/>
      <c r="UKJ688" s="613"/>
      <c r="UKK688" s="613"/>
      <c r="UKL688" s="613"/>
      <c r="UKM688" s="613"/>
      <c r="UKN688" s="613"/>
      <c r="UKO688" s="613"/>
      <c r="UKP688" s="613"/>
      <c r="UKQ688" s="613"/>
      <c r="UKR688" s="613"/>
      <c r="UKS688" s="613"/>
      <c r="UKT688" s="613"/>
      <c r="UKU688" s="613"/>
      <c r="UKV688" s="613"/>
      <c r="UKW688" s="613"/>
      <c r="UKX688" s="613"/>
      <c r="UKY688" s="613"/>
      <c r="UKZ688" s="613"/>
      <c r="ULA688" s="613"/>
      <c r="ULB688" s="613"/>
      <c r="ULC688" s="613"/>
      <c r="ULD688" s="613"/>
      <c r="ULE688" s="613"/>
      <c r="ULF688" s="613"/>
      <c r="ULG688" s="613"/>
      <c r="ULH688" s="613"/>
      <c r="ULI688" s="613"/>
      <c r="ULJ688" s="613"/>
      <c r="ULK688" s="613"/>
      <c r="ULL688" s="613"/>
      <c r="ULM688" s="613"/>
      <c r="ULN688" s="613"/>
      <c r="ULO688" s="613"/>
      <c r="ULP688" s="613"/>
      <c r="ULQ688" s="613"/>
      <c r="ULR688" s="613"/>
      <c r="ULS688" s="613"/>
      <c r="ULT688" s="613"/>
      <c r="ULU688" s="613"/>
      <c r="ULV688" s="613"/>
      <c r="ULW688" s="613"/>
      <c r="ULX688" s="613"/>
      <c r="ULY688" s="613"/>
      <c r="ULZ688" s="613"/>
      <c r="UMA688" s="613"/>
      <c r="UMB688" s="613"/>
      <c r="UMC688" s="613"/>
      <c r="UMD688" s="613"/>
      <c r="UME688" s="613"/>
      <c r="UMF688" s="613"/>
      <c r="UMG688" s="613"/>
      <c r="UMH688" s="613"/>
      <c r="UMI688" s="613"/>
      <c r="UMJ688" s="613"/>
      <c r="UMK688" s="613"/>
      <c r="UML688" s="613"/>
      <c r="UMM688" s="613"/>
      <c r="UMN688" s="613"/>
      <c r="UMO688" s="613"/>
      <c r="UMP688" s="613"/>
      <c r="UMQ688" s="613"/>
      <c r="UMR688" s="613"/>
      <c r="UMS688" s="613"/>
      <c r="UMT688" s="613"/>
      <c r="UMU688" s="613"/>
      <c r="UMV688" s="613"/>
      <c r="UMW688" s="613"/>
      <c r="UMX688" s="613"/>
      <c r="UMY688" s="613"/>
      <c r="UMZ688" s="613"/>
      <c r="UNA688" s="613"/>
      <c r="UNB688" s="613"/>
      <c r="UNC688" s="613"/>
      <c r="UND688" s="613"/>
      <c r="UNE688" s="613"/>
      <c r="UNF688" s="613"/>
      <c r="UNG688" s="613"/>
      <c r="UNH688" s="613"/>
      <c r="UNI688" s="613"/>
      <c r="UNJ688" s="613"/>
      <c r="UNK688" s="613"/>
      <c r="UNL688" s="613"/>
      <c r="UNM688" s="613"/>
      <c r="UNN688" s="613"/>
      <c r="UNO688" s="613"/>
      <c r="UNP688" s="613"/>
      <c r="UNQ688" s="613"/>
      <c r="UNR688" s="613"/>
      <c r="UNS688" s="613"/>
      <c r="UNT688" s="613"/>
      <c r="UNU688" s="613"/>
      <c r="UNV688" s="613"/>
      <c r="UNW688" s="613"/>
      <c r="UNX688" s="613"/>
      <c r="UNY688" s="613"/>
      <c r="UNZ688" s="613"/>
      <c r="UOA688" s="613"/>
      <c r="UOB688" s="613"/>
      <c r="UOC688" s="613"/>
      <c r="UOD688" s="613"/>
      <c r="UOE688" s="613"/>
      <c r="UOF688" s="613"/>
      <c r="UOG688" s="613"/>
      <c r="UOH688" s="613"/>
      <c r="UOI688" s="613"/>
      <c r="UOJ688" s="613"/>
      <c r="UOK688" s="613"/>
      <c r="UOL688" s="613"/>
      <c r="UOM688" s="613"/>
      <c r="UON688" s="613"/>
      <c r="UOO688" s="613"/>
      <c r="UOP688" s="613"/>
      <c r="UOQ688" s="613"/>
      <c r="UOR688" s="613"/>
      <c r="UOS688" s="613"/>
      <c r="UOT688" s="613"/>
      <c r="UOU688" s="613"/>
      <c r="UOV688" s="613"/>
      <c r="UOW688" s="613"/>
      <c r="UOX688" s="613"/>
      <c r="UOY688" s="613"/>
      <c r="UOZ688" s="613"/>
      <c r="UPA688" s="613"/>
      <c r="UPB688" s="613"/>
      <c r="UPC688" s="613"/>
      <c r="UPD688" s="613"/>
      <c r="UPE688" s="613"/>
      <c r="UPF688" s="613"/>
      <c r="UPG688" s="613"/>
      <c r="UPH688" s="613"/>
      <c r="UPI688" s="613"/>
      <c r="UPJ688" s="613"/>
      <c r="UPK688" s="613"/>
      <c r="UPL688" s="613"/>
      <c r="UPM688" s="613"/>
      <c r="UPN688" s="613"/>
      <c r="UPO688" s="613"/>
      <c r="UPP688" s="613"/>
      <c r="UPQ688" s="613"/>
      <c r="UPR688" s="613"/>
      <c r="UPS688" s="613"/>
      <c r="UPT688" s="613"/>
      <c r="UPU688" s="613"/>
      <c r="UPV688" s="613"/>
      <c r="UPW688" s="613"/>
      <c r="UPX688" s="613"/>
      <c r="UPY688" s="613"/>
      <c r="UPZ688" s="613"/>
      <c r="UQA688" s="613"/>
      <c r="UQB688" s="613"/>
      <c r="UQC688" s="613"/>
      <c r="UQD688" s="613"/>
      <c r="UQE688" s="613"/>
      <c r="UQF688" s="613"/>
      <c r="UQG688" s="613"/>
      <c r="UQH688" s="613"/>
      <c r="UQI688" s="613"/>
      <c r="UQJ688" s="613"/>
      <c r="UQK688" s="613"/>
      <c r="UQL688" s="613"/>
      <c r="UQM688" s="613"/>
      <c r="UQN688" s="613"/>
      <c r="UQO688" s="613"/>
      <c r="UQP688" s="613"/>
      <c r="UQQ688" s="613"/>
      <c r="UQR688" s="613"/>
      <c r="UQS688" s="613"/>
      <c r="UQT688" s="613"/>
      <c r="UQU688" s="613"/>
      <c r="UQV688" s="613"/>
      <c r="UQW688" s="613"/>
      <c r="UQX688" s="613"/>
      <c r="UQY688" s="613"/>
      <c r="UQZ688" s="613"/>
      <c r="URA688" s="613"/>
      <c r="URB688" s="613"/>
      <c r="URC688" s="613"/>
      <c r="URD688" s="613"/>
      <c r="URE688" s="613"/>
      <c r="URF688" s="613"/>
      <c r="URG688" s="613"/>
      <c r="URH688" s="613"/>
      <c r="URI688" s="613"/>
      <c r="URJ688" s="613"/>
      <c r="URK688" s="613"/>
      <c r="URL688" s="613"/>
      <c r="URM688" s="613"/>
      <c r="URN688" s="613"/>
      <c r="URO688" s="613"/>
      <c r="URP688" s="613"/>
      <c r="URQ688" s="613"/>
      <c r="URR688" s="613"/>
      <c r="URS688" s="613"/>
      <c r="URT688" s="613"/>
      <c r="URU688" s="613"/>
      <c r="URV688" s="613"/>
      <c r="URW688" s="613"/>
      <c r="URX688" s="613"/>
      <c r="URY688" s="613"/>
      <c r="URZ688" s="613"/>
      <c r="USA688" s="613"/>
      <c r="USB688" s="613"/>
      <c r="USC688" s="613"/>
      <c r="USD688" s="613"/>
      <c r="USE688" s="613"/>
      <c r="USF688" s="613"/>
      <c r="USG688" s="613"/>
      <c r="USH688" s="613"/>
      <c r="USI688" s="613"/>
      <c r="USJ688" s="613"/>
      <c r="USK688" s="613"/>
      <c r="USL688" s="613"/>
      <c r="USM688" s="613"/>
      <c r="USN688" s="613"/>
      <c r="USO688" s="613"/>
      <c r="USP688" s="613"/>
      <c r="USQ688" s="613"/>
      <c r="USR688" s="613"/>
      <c r="USS688" s="613"/>
      <c r="UST688" s="613"/>
      <c r="USU688" s="613"/>
      <c r="USV688" s="613"/>
      <c r="USW688" s="613"/>
      <c r="USX688" s="613"/>
      <c r="USY688" s="613"/>
      <c r="USZ688" s="613"/>
      <c r="UTA688" s="613"/>
      <c r="UTB688" s="613"/>
      <c r="UTC688" s="613"/>
      <c r="UTD688" s="613"/>
      <c r="UTE688" s="613"/>
      <c r="UTF688" s="613"/>
      <c r="UTG688" s="613"/>
      <c r="UTH688" s="613"/>
      <c r="UTI688" s="613"/>
      <c r="UTJ688" s="613"/>
      <c r="UTK688" s="613"/>
      <c r="UTL688" s="613"/>
      <c r="UTM688" s="613"/>
      <c r="UTN688" s="613"/>
      <c r="UTO688" s="613"/>
      <c r="UTP688" s="613"/>
      <c r="UTQ688" s="613"/>
      <c r="UTR688" s="613"/>
      <c r="UTS688" s="613"/>
      <c r="UTT688" s="613"/>
      <c r="UTU688" s="613"/>
      <c r="UTV688" s="613"/>
      <c r="UTW688" s="613"/>
      <c r="UTX688" s="613"/>
      <c r="UTY688" s="613"/>
      <c r="UTZ688" s="613"/>
      <c r="UUA688" s="613"/>
      <c r="UUB688" s="613"/>
      <c r="UUC688" s="613"/>
      <c r="UUD688" s="613"/>
      <c r="UUE688" s="613"/>
      <c r="UUF688" s="613"/>
      <c r="UUG688" s="613"/>
      <c r="UUH688" s="613"/>
      <c r="UUI688" s="613"/>
      <c r="UUJ688" s="613"/>
      <c r="UUK688" s="613"/>
      <c r="UUL688" s="613"/>
      <c r="UUM688" s="613"/>
      <c r="UUN688" s="613"/>
      <c r="UUO688" s="613"/>
      <c r="UUP688" s="613"/>
      <c r="UUQ688" s="613"/>
      <c r="UUR688" s="613"/>
      <c r="UUS688" s="613"/>
      <c r="UUT688" s="613"/>
      <c r="UUU688" s="613"/>
      <c r="UUV688" s="613"/>
      <c r="UUW688" s="613"/>
      <c r="UUX688" s="613"/>
      <c r="UUY688" s="613"/>
      <c r="UUZ688" s="613"/>
      <c r="UVA688" s="613"/>
      <c r="UVB688" s="613"/>
      <c r="UVC688" s="613"/>
      <c r="UVD688" s="613"/>
      <c r="UVE688" s="613"/>
      <c r="UVF688" s="613"/>
      <c r="UVG688" s="613"/>
      <c r="UVH688" s="613"/>
      <c r="UVI688" s="613"/>
      <c r="UVJ688" s="613"/>
      <c r="UVK688" s="613"/>
      <c r="UVL688" s="613"/>
      <c r="UVM688" s="613"/>
      <c r="UVN688" s="613"/>
      <c r="UVO688" s="613"/>
      <c r="UVP688" s="613"/>
      <c r="UVQ688" s="613"/>
      <c r="UVR688" s="613"/>
      <c r="UVS688" s="613"/>
      <c r="UVT688" s="613"/>
      <c r="UVU688" s="613"/>
      <c r="UVV688" s="613"/>
      <c r="UVW688" s="613"/>
      <c r="UVX688" s="613"/>
      <c r="UVY688" s="613"/>
      <c r="UVZ688" s="613"/>
      <c r="UWA688" s="613"/>
      <c r="UWB688" s="613"/>
      <c r="UWC688" s="613"/>
      <c r="UWD688" s="613"/>
      <c r="UWE688" s="613"/>
      <c r="UWF688" s="613"/>
      <c r="UWG688" s="613"/>
      <c r="UWH688" s="613"/>
      <c r="UWI688" s="613"/>
      <c r="UWJ688" s="613"/>
      <c r="UWK688" s="613"/>
      <c r="UWL688" s="613"/>
      <c r="UWM688" s="613"/>
      <c r="UWN688" s="613"/>
      <c r="UWO688" s="613"/>
      <c r="UWP688" s="613"/>
      <c r="UWQ688" s="613"/>
      <c r="UWR688" s="613"/>
      <c r="UWS688" s="613"/>
      <c r="UWT688" s="613"/>
      <c r="UWU688" s="613"/>
      <c r="UWV688" s="613"/>
      <c r="UWW688" s="613"/>
      <c r="UWX688" s="613"/>
      <c r="UWY688" s="613"/>
      <c r="UWZ688" s="613"/>
      <c r="UXA688" s="613"/>
      <c r="UXB688" s="613"/>
      <c r="UXC688" s="613"/>
      <c r="UXD688" s="613"/>
      <c r="UXE688" s="613"/>
      <c r="UXF688" s="613"/>
      <c r="UXG688" s="613"/>
      <c r="UXH688" s="613"/>
      <c r="UXI688" s="613"/>
      <c r="UXJ688" s="613"/>
      <c r="UXK688" s="613"/>
      <c r="UXL688" s="613"/>
      <c r="UXM688" s="613"/>
      <c r="UXN688" s="613"/>
      <c r="UXO688" s="613"/>
      <c r="UXP688" s="613"/>
      <c r="UXQ688" s="613"/>
      <c r="UXR688" s="613"/>
      <c r="UXS688" s="613"/>
      <c r="UXT688" s="613"/>
      <c r="UXU688" s="613"/>
      <c r="UXV688" s="613"/>
      <c r="UXW688" s="613"/>
      <c r="UXX688" s="613"/>
      <c r="UXY688" s="613"/>
      <c r="UXZ688" s="613"/>
      <c r="UYA688" s="613"/>
      <c r="UYB688" s="613"/>
      <c r="UYC688" s="613"/>
      <c r="UYD688" s="613"/>
      <c r="UYE688" s="613"/>
      <c r="UYF688" s="613"/>
      <c r="UYG688" s="613"/>
      <c r="UYH688" s="613"/>
      <c r="UYI688" s="613"/>
      <c r="UYJ688" s="613"/>
      <c r="UYK688" s="613"/>
      <c r="UYL688" s="613"/>
      <c r="UYM688" s="613"/>
      <c r="UYN688" s="613"/>
      <c r="UYO688" s="613"/>
      <c r="UYP688" s="613"/>
      <c r="UYQ688" s="613"/>
      <c r="UYR688" s="613"/>
      <c r="UYS688" s="613"/>
      <c r="UYT688" s="613"/>
      <c r="UYU688" s="613"/>
      <c r="UYV688" s="613"/>
      <c r="UYW688" s="613"/>
      <c r="UYX688" s="613"/>
      <c r="UYY688" s="613"/>
      <c r="UYZ688" s="613"/>
      <c r="UZA688" s="613"/>
      <c r="UZB688" s="613"/>
      <c r="UZC688" s="613"/>
      <c r="UZD688" s="613"/>
      <c r="UZE688" s="613"/>
      <c r="UZF688" s="613"/>
      <c r="UZG688" s="613"/>
      <c r="UZH688" s="613"/>
      <c r="UZI688" s="613"/>
      <c r="UZJ688" s="613"/>
      <c r="UZK688" s="613"/>
      <c r="UZL688" s="613"/>
      <c r="UZM688" s="613"/>
      <c r="UZN688" s="613"/>
      <c r="UZO688" s="613"/>
      <c r="UZP688" s="613"/>
      <c r="UZQ688" s="613"/>
      <c r="UZR688" s="613"/>
      <c r="UZS688" s="613"/>
      <c r="UZT688" s="613"/>
      <c r="UZU688" s="613"/>
      <c r="UZV688" s="613"/>
      <c r="UZW688" s="613"/>
      <c r="UZX688" s="613"/>
      <c r="UZY688" s="613"/>
      <c r="UZZ688" s="613"/>
      <c r="VAA688" s="613"/>
      <c r="VAB688" s="613"/>
      <c r="VAC688" s="613"/>
      <c r="VAD688" s="613"/>
      <c r="VAE688" s="613"/>
      <c r="VAF688" s="613"/>
      <c r="VAG688" s="613"/>
      <c r="VAH688" s="613"/>
      <c r="VAI688" s="613"/>
      <c r="VAJ688" s="613"/>
      <c r="VAK688" s="613"/>
      <c r="VAL688" s="613"/>
      <c r="VAM688" s="613"/>
      <c r="VAN688" s="613"/>
      <c r="VAO688" s="613"/>
      <c r="VAP688" s="613"/>
      <c r="VAQ688" s="613"/>
      <c r="VAR688" s="613"/>
      <c r="VAS688" s="613"/>
      <c r="VAT688" s="613"/>
      <c r="VAU688" s="613"/>
      <c r="VAV688" s="613"/>
      <c r="VAW688" s="613"/>
      <c r="VAX688" s="613"/>
      <c r="VAY688" s="613"/>
      <c r="VAZ688" s="613"/>
      <c r="VBA688" s="613"/>
      <c r="VBB688" s="613"/>
      <c r="VBC688" s="613"/>
      <c r="VBD688" s="613"/>
      <c r="VBE688" s="613"/>
      <c r="VBF688" s="613"/>
      <c r="VBG688" s="613"/>
      <c r="VBH688" s="613"/>
      <c r="VBI688" s="613"/>
      <c r="VBJ688" s="613"/>
      <c r="VBK688" s="613"/>
      <c r="VBL688" s="613"/>
      <c r="VBM688" s="613"/>
      <c r="VBN688" s="613"/>
      <c r="VBO688" s="613"/>
      <c r="VBP688" s="613"/>
      <c r="VBQ688" s="613"/>
      <c r="VBR688" s="613"/>
      <c r="VBS688" s="613"/>
      <c r="VBT688" s="613"/>
      <c r="VBU688" s="613"/>
      <c r="VBV688" s="613"/>
      <c r="VBW688" s="613"/>
      <c r="VBX688" s="613"/>
      <c r="VBY688" s="613"/>
      <c r="VBZ688" s="613"/>
      <c r="VCA688" s="613"/>
      <c r="VCB688" s="613"/>
      <c r="VCC688" s="613"/>
      <c r="VCD688" s="613"/>
      <c r="VCE688" s="613"/>
      <c r="VCF688" s="613"/>
      <c r="VCG688" s="613"/>
      <c r="VCH688" s="613"/>
      <c r="VCI688" s="613"/>
      <c r="VCJ688" s="613"/>
      <c r="VCK688" s="613"/>
      <c r="VCL688" s="613"/>
      <c r="VCM688" s="613"/>
      <c r="VCN688" s="613"/>
      <c r="VCO688" s="613"/>
      <c r="VCP688" s="613"/>
      <c r="VCQ688" s="613"/>
      <c r="VCR688" s="613"/>
      <c r="VCS688" s="613"/>
      <c r="VCT688" s="613"/>
      <c r="VCU688" s="613"/>
      <c r="VCV688" s="613"/>
      <c r="VCW688" s="613"/>
      <c r="VCX688" s="613"/>
      <c r="VCY688" s="613"/>
      <c r="VCZ688" s="613"/>
      <c r="VDA688" s="613"/>
      <c r="VDB688" s="613"/>
      <c r="VDC688" s="613"/>
      <c r="VDD688" s="613"/>
      <c r="VDE688" s="613"/>
      <c r="VDF688" s="613"/>
      <c r="VDG688" s="613"/>
      <c r="VDH688" s="613"/>
      <c r="VDI688" s="613"/>
      <c r="VDJ688" s="613"/>
      <c r="VDK688" s="613"/>
      <c r="VDL688" s="613"/>
      <c r="VDM688" s="613"/>
      <c r="VDN688" s="613"/>
      <c r="VDO688" s="613"/>
      <c r="VDP688" s="613"/>
      <c r="VDQ688" s="613"/>
      <c r="VDR688" s="613"/>
      <c r="VDS688" s="613"/>
      <c r="VDT688" s="613"/>
      <c r="VDU688" s="613"/>
      <c r="VDV688" s="613"/>
      <c r="VDW688" s="613"/>
      <c r="VDX688" s="613"/>
      <c r="VDY688" s="613"/>
      <c r="VDZ688" s="613"/>
      <c r="VEA688" s="613"/>
      <c r="VEB688" s="613"/>
      <c r="VEC688" s="613"/>
      <c r="VED688" s="613"/>
      <c r="VEE688" s="613"/>
      <c r="VEF688" s="613"/>
      <c r="VEG688" s="613"/>
      <c r="VEH688" s="613"/>
      <c r="VEI688" s="613"/>
      <c r="VEJ688" s="613"/>
      <c r="VEK688" s="613"/>
      <c r="VEL688" s="613"/>
      <c r="VEM688" s="613"/>
      <c r="VEN688" s="613"/>
      <c r="VEO688" s="613"/>
      <c r="VEP688" s="613"/>
      <c r="VEQ688" s="613"/>
      <c r="VER688" s="613"/>
      <c r="VES688" s="613"/>
      <c r="VET688" s="613"/>
      <c r="VEU688" s="613"/>
      <c r="VEV688" s="613"/>
      <c r="VEW688" s="613"/>
      <c r="VEX688" s="613"/>
      <c r="VEY688" s="613"/>
      <c r="VEZ688" s="613"/>
      <c r="VFA688" s="613"/>
      <c r="VFB688" s="613"/>
      <c r="VFC688" s="613"/>
      <c r="VFD688" s="613"/>
      <c r="VFE688" s="613"/>
      <c r="VFF688" s="613"/>
      <c r="VFG688" s="613"/>
      <c r="VFH688" s="613"/>
      <c r="VFI688" s="613"/>
      <c r="VFJ688" s="613"/>
      <c r="VFK688" s="613"/>
      <c r="VFL688" s="613"/>
      <c r="VFM688" s="613"/>
      <c r="VFN688" s="613"/>
      <c r="VFO688" s="613"/>
      <c r="VFP688" s="613"/>
      <c r="VFQ688" s="613"/>
      <c r="VFR688" s="613"/>
      <c r="VFS688" s="613"/>
      <c r="VFT688" s="613"/>
      <c r="VFU688" s="613"/>
      <c r="VFV688" s="613"/>
      <c r="VFW688" s="613"/>
      <c r="VFX688" s="613"/>
      <c r="VFY688" s="613"/>
      <c r="VFZ688" s="613"/>
      <c r="VGA688" s="613"/>
      <c r="VGB688" s="613"/>
      <c r="VGC688" s="613"/>
      <c r="VGD688" s="613"/>
      <c r="VGE688" s="613"/>
      <c r="VGF688" s="613"/>
      <c r="VGG688" s="613"/>
      <c r="VGH688" s="613"/>
      <c r="VGI688" s="613"/>
      <c r="VGJ688" s="613"/>
      <c r="VGK688" s="613"/>
      <c r="VGL688" s="613"/>
      <c r="VGM688" s="613"/>
      <c r="VGN688" s="613"/>
      <c r="VGO688" s="613"/>
      <c r="VGP688" s="613"/>
      <c r="VGQ688" s="613"/>
      <c r="VGR688" s="613"/>
      <c r="VGS688" s="613"/>
      <c r="VGT688" s="613"/>
      <c r="VGU688" s="613"/>
      <c r="VGV688" s="613"/>
      <c r="VGW688" s="613"/>
      <c r="VGX688" s="613"/>
      <c r="VGY688" s="613"/>
      <c r="VGZ688" s="613"/>
      <c r="VHA688" s="613"/>
      <c r="VHB688" s="613"/>
      <c r="VHC688" s="613"/>
      <c r="VHD688" s="613"/>
      <c r="VHE688" s="613"/>
      <c r="VHF688" s="613"/>
      <c r="VHG688" s="613"/>
      <c r="VHH688" s="613"/>
      <c r="VHI688" s="613"/>
      <c r="VHJ688" s="613"/>
      <c r="VHK688" s="613"/>
      <c r="VHL688" s="613"/>
      <c r="VHM688" s="613"/>
      <c r="VHN688" s="613"/>
      <c r="VHO688" s="613"/>
      <c r="VHP688" s="613"/>
      <c r="VHQ688" s="613"/>
      <c r="VHR688" s="613"/>
      <c r="VHS688" s="613"/>
      <c r="VHT688" s="613"/>
      <c r="VHU688" s="613"/>
      <c r="VHV688" s="613"/>
      <c r="VHW688" s="613"/>
      <c r="VHX688" s="613"/>
      <c r="VHY688" s="613"/>
      <c r="VHZ688" s="613"/>
      <c r="VIA688" s="613"/>
      <c r="VIB688" s="613"/>
      <c r="VIC688" s="613"/>
      <c r="VID688" s="613"/>
      <c r="VIE688" s="613"/>
      <c r="VIF688" s="613"/>
      <c r="VIG688" s="613"/>
      <c r="VIH688" s="613"/>
      <c r="VII688" s="613"/>
      <c r="VIJ688" s="613"/>
      <c r="VIK688" s="613"/>
      <c r="VIL688" s="613"/>
      <c r="VIM688" s="613"/>
      <c r="VIN688" s="613"/>
      <c r="VIO688" s="613"/>
      <c r="VIP688" s="613"/>
      <c r="VIQ688" s="613"/>
      <c r="VIR688" s="613"/>
      <c r="VIS688" s="613"/>
      <c r="VIT688" s="613"/>
      <c r="VIU688" s="613"/>
      <c r="VIV688" s="613"/>
      <c r="VIW688" s="613"/>
      <c r="VIX688" s="613"/>
      <c r="VIY688" s="613"/>
      <c r="VIZ688" s="613"/>
      <c r="VJA688" s="613"/>
      <c r="VJB688" s="613"/>
      <c r="VJC688" s="613"/>
      <c r="VJD688" s="613"/>
      <c r="VJE688" s="613"/>
      <c r="VJF688" s="613"/>
      <c r="VJG688" s="613"/>
      <c r="VJH688" s="613"/>
      <c r="VJI688" s="613"/>
      <c r="VJJ688" s="613"/>
      <c r="VJK688" s="613"/>
      <c r="VJL688" s="613"/>
      <c r="VJM688" s="613"/>
      <c r="VJN688" s="613"/>
      <c r="VJO688" s="613"/>
      <c r="VJP688" s="613"/>
      <c r="VJQ688" s="613"/>
      <c r="VJR688" s="613"/>
      <c r="VJS688" s="613"/>
      <c r="VJT688" s="613"/>
      <c r="VJU688" s="613"/>
      <c r="VJV688" s="613"/>
      <c r="VJW688" s="613"/>
      <c r="VJX688" s="613"/>
      <c r="VJY688" s="613"/>
      <c r="VJZ688" s="613"/>
      <c r="VKA688" s="613"/>
      <c r="VKB688" s="613"/>
      <c r="VKC688" s="613"/>
      <c r="VKD688" s="613"/>
      <c r="VKE688" s="613"/>
      <c r="VKF688" s="613"/>
      <c r="VKG688" s="613"/>
      <c r="VKH688" s="613"/>
      <c r="VKI688" s="613"/>
      <c r="VKJ688" s="613"/>
      <c r="VKK688" s="613"/>
      <c r="VKL688" s="613"/>
      <c r="VKM688" s="613"/>
      <c r="VKN688" s="613"/>
      <c r="VKO688" s="613"/>
      <c r="VKP688" s="613"/>
      <c r="VKQ688" s="613"/>
      <c r="VKR688" s="613"/>
      <c r="VKS688" s="613"/>
      <c r="VKT688" s="613"/>
      <c r="VKU688" s="613"/>
      <c r="VKV688" s="613"/>
      <c r="VKW688" s="613"/>
      <c r="VKX688" s="613"/>
      <c r="VKY688" s="613"/>
      <c r="VKZ688" s="613"/>
      <c r="VLA688" s="613"/>
      <c r="VLB688" s="613"/>
      <c r="VLC688" s="613"/>
      <c r="VLD688" s="613"/>
      <c r="VLE688" s="613"/>
      <c r="VLF688" s="613"/>
      <c r="VLG688" s="613"/>
      <c r="VLH688" s="613"/>
      <c r="VLI688" s="613"/>
      <c r="VLJ688" s="613"/>
      <c r="VLK688" s="613"/>
      <c r="VLL688" s="613"/>
      <c r="VLM688" s="613"/>
      <c r="VLN688" s="613"/>
      <c r="VLO688" s="613"/>
      <c r="VLP688" s="613"/>
      <c r="VLQ688" s="613"/>
      <c r="VLR688" s="613"/>
      <c r="VLS688" s="613"/>
      <c r="VLT688" s="613"/>
      <c r="VLU688" s="613"/>
      <c r="VLV688" s="613"/>
      <c r="VLW688" s="613"/>
      <c r="VLX688" s="613"/>
      <c r="VLY688" s="613"/>
      <c r="VLZ688" s="613"/>
      <c r="VMA688" s="613"/>
      <c r="VMB688" s="613"/>
      <c r="VMC688" s="613"/>
      <c r="VMD688" s="613"/>
      <c r="VME688" s="613"/>
      <c r="VMF688" s="613"/>
      <c r="VMG688" s="613"/>
      <c r="VMH688" s="613"/>
      <c r="VMI688" s="613"/>
      <c r="VMJ688" s="613"/>
      <c r="VMK688" s="613"/>
      <c r="VML688" s="613"/>
      <c r="VMM688" s="613"/>
      <c r="VMN688" s="613"/>
      <c r="VMO688" s="613"/>
      <c r="VMP688" s="613"/>
      <c r="VMQ688" s="613"/>
      <c r="VMR688" s="613"/>
      <c r="VMS688" s="613"/>
      <c r="VMT688" s="613"/>
      <c r="VMU688" s="613"/>
      <c r="VMV688" s="613"/>
      <c r="VMW688" s="613"/>
      <c r="VMX688" s="613"/>
      <c r="VMY688" s="613"/>
      <c r="VMZ688" s="613"/>
      <c r="VNA688" s="613"/>
      <c r="VNB688" s="613"/>
      <c r="VNC688" s="613"/>
      <c r="VND688" s="613"/>
      <c r="VNE688" s="613"/>
      <c r="VNF688" s="613"/>
      <c r="VNG688" s="613"/>
      <c r="VNH688" s="613"/>
      <c r="VNI688" s="613"/>
      <c r="VNJ688" s="613"/>
      <c r="VNK688" s="613"/>
      <c r="VNL688" s="613"/>
      <c r="VNM688" s="613"/>
      <c r="VNN688" s="613"/>
      <c r="VNO688" s="613"/>
      <c r="VNP688" s="613"/>
      <c r="VNQ688" s="613"/>
      <c r="VNR688" s="613"/>
      <c r="VNS688" s="613"/>
      <c r="VNT688" s="613"/>
      <c r="VNU688" s="613"/>
      <c r="VNV688" s="613"/>
      <c r="VNW688" s="613"/>
      <c r="VNX688" s="613"/>
      <c r="VNY688" s="613"/>
      <c r="VNZ688" s="613"/>
      <c r="VOA688" s="613"/>
      <c r="VOB688" s="613"/>
      <c r="VOC688" s="613"/>
      <c r="VOD688" s="613"/>
      <c r="VOE688" s="613"/>
      <c r="VOF688" s="613"/>
      <c r="VOG688" s="613"/>
      <c r="VOH688" s="613"/>
      <c r="VOI688" s="613"/>
      <c r="VOJ688" s="613"/>
      <c r="VOK688" s="613"/>
      <c r="VOL688" s="613"/>
      <c r="VOM688" s="613"/>
      <c r="VON688" s="613"/>
      <c r="VOO688" s="613"/>
      <c r="VOP688" s="613"/>
      <c r="VOQ688" s="613"/>
      <c r="VOR688" s="613"/>
      <c r="VOS688" s="613"/>
      <c r="VOT688" s="613"/>
      <c r="VOU688" s="613"/>
      <c r="VOV688" s="613"/>
      <c r="VOW688" s="613"/>
      <c r="VOX688" s="613"/>
      <c r="VOY688" s="613"/>
      <c r="VOZ688" s="613"/>
      <c r="VPA688" s="613"/>
      <c r="VPB688" s="613"/>
      <c r="VPC688" s="613"/>
      <c r="VPD688" s="613"/>
      <c r="VPE688" s="613"/>
      <c r="VPF688" s="613"/>
      <c r="VPG688" s="613"/>
      <c r="VPH688" s="613"/>
      <c r="VPI688" s="613"/>
      <c r="VPJ688" s="613"/>
      <c r="VPK688" s="613"/>
      <c r="VPL688" s="613"/>
      <c r="VPM688" s="613"/>
      <c r="VPN688" s="613"/>
      <c r="VPO688" s="613"/>
      <c r="VPP688" s="613"/>
      <c r="VPQ688" s="613"/>
      <c r="VPR688" s="613"/>
      <c r="VPS688" s="613"/>
      <c r="VPT688" s="613"/>
      <c r="VPU688" s="613"/>
      <c r="VPV688" s="613"/>
      <c r="VPW688" s="613"/>
      <c r="VPX688" s="613"/>
      <c r="VPY688" s="613"/>
      <c r="VPZ688" s="613"/>
      <c r="VQA688" s="613"/>
      <c r="VQB688" s="613"/>
      <c r="VQC688" s="613"/>
      <c r="VQD688" s="613"/>
      <c r="VQE688" s="613"/>
      <c r="VQF688" s="613"/>
      <c r="VQG688" s="613"/>
      <c r="VQH688" s="613"/>
      <c r="VQI688" s="613"/>
      <c r="VQJ688" s="613"/>
      <c r="VQK688" s="613"/>
      <c r="VQL688" s="613"/>
      <c r="VQM688" s="613"/>
      <c r="VQN688" s="613"/>
      <c r="VQO688" s="613"/>
      <c r="VQP688" s="613"/>
      <c r="VQQ688" s="613"/>
      <c r="VQR688" s="613"/>
      <c r="VQS688" s="613"/>
      <c r="VQT688" s="613"/>
      <c r="VQU688" s="613"/>
      <c r="VQV688" s="613"/>
      <c r="VQW688" s="613"/>
      <c r="VQX688" s="613"/>
      <c r="VQY688" s="613"/>
      <c r="VQZ688" s="613"/>
      <c r="VRA688" s="613"/>
      <c r="VRB688" s="613"/>
      <c r="VRC688" s="613"/>
      <c r="VRD688" s="613"/>
      <c r="VRE688" s="613"/>
      <c r="VRF688" s="613"/>
      <c r="VRG688" s="613"/>
      <c r="VRH688" s="613"/>
      <c r="VRI688" s="613"/>
      <c r="VRJ688" s="613"/>
      <c r="VRK688" s="613"/>
      <c r="VRL688" s="613"/>
      <c r="VRM688" s="613"/>
      <c r="VRN688" s="613"/>
      <c r="VRO688" s="613"/>
      <c r="VRP688" s="613"/>
      <c r="VRQ688" s="613"/>
      <c r="VRR688" s="613"/>
      <c r="VRS688" s="613"/>
      <c r="VRT688" s="613"/>
      <c r="VRU688" s="613"/>
      <c r="VRV688" s="613"/>
      <c r="VRW688" s="613"/>
      <c r="VRX688" s="613"/>
      <c r="VRY688" s="613"/>
      <c r="VRZ688" s="613"/>
      <c r="VSA688" s="613"/>
      <c r="VSB688" s="613"/>
      <c r="VSC688" s="613"/>
      <c r="VSD688" s="613"/>
      <c r="VSE688" s="613"/>
      <c r="VSF688" s="613"/>
      <c r="VSG688" s="613"/>
      <c r="VSH688" s="613"/>
      <c r="VSI688" s="613"/>
      <c r="VSJ688" s="613"/>
      <c r="VSK688" s="613"/>
      <c r="VSL688" s="613"/>
      <c r="VSM688" s="613"/>
      <c r="VSN688" s="613"/>
      <c r="VSO688" s="613"/>
      <c r="VSP688" s="613"/>
      <c r="VSQ688" s="613"/>
      <c r="VSR688" s="613"/>
      <c r="VSS688" s="613"/>
      <c r="VST688" s="613"/>
      <c r="VSU688" s="613"/>
      <c r="VSV688" s="613"/>
      <c r="VSW688" s="613"/>
      <c r="VSX688" s="613"/>
      <c r="VSY688" s="613"/>
      <c r="VSZ688" s="613"/>
      <c r="VTA688" s="613"/>
      <c r="VTB688" s="613"/>
      <c r="VTC688" s="613"/>
      <c r="VTD688" s="613"/>
      <c r="VTE688" s="613"/>
      <c r="VTF688" s="613"/>
      <c r="VTG688" s="613"/>
      <c r="VTH688" s="613"/>
      <c r="VTI688" s="613"/>
      <c r="VTJ688" s="613"/>
      <c r="VTK688" s="613"/>
      <c r="VTL688" s="613"/>
      <c r="VTM688" s="613"/>
      <c r="VTN688" s="613"/>
      <c r="VTO688" s="613"/>
      <c r="VTP688" s="613"/>
      <c r="VTQ688" s="613"/>
      <c r="VTR688" s="613"/>
      <c r="VTS688" s="613"/>
      <c r="VTT688" s="613"/>
      <c r="VTU688" s="613"/>
      <c r="VTV688" s="613"/>
      <c r="VTW688" s="613"/>
      <c r="VTX688" s="613"/>
      <c r="VTY688" s="613"/>
      <c r="VTZ688" s="613"/>
      <c r="VUA688" s="613"/>
      <c r="VUB688" s="613"/>
      <c r="VUC688" s="613"/>
      <c r="VUD688" s="613"/>
      <c r="VUE688" s="613"/>
      <c r="VUF688" s="613"/>
      <c r="VUG688" s="613"/>
      <c r="VUH688" s="613"/>
      <c r="VUI688" s="613"/>
      <c r="VUJ688" s="613"/>
      <c r="VUK688" s="613"/>
      <c r="VUL688" s="613"/>
      <c r="VUM688" s="613"/>
      <c r="VUN688" s="613"/>
      <c r="VUO688" s="613"/>
      <c r="VUP688" s="613"/>
      <c r="VUQ688" s="613"/>
      <c r="VUR688" s="613"/>
      <c r="VUS688" s="613"/>
      <c r="VUT688" s="613"/>
      <c r="VUU688" s="613"/>
      <c r="VUV688" s="613"/>
      <c r="VUW688" s="613"/>
      <c r="VUX688" s="613"/>
      <c r="VUY688" s="613"/>
      <c r="VUZ688" s="613"/>
      <c r="VVA688" s="613"/>
      <c r="VVB688" s="613"/>
      <c r="VVC688" s="613"/>
      <c r="VVD688" s="613"/>
      <c r="VVE688" s="613"/>
      <c r="VVF688" s="613"/>
      <c r="VVG688" s="613"/>
      <c r="VVH688" s="613"/>
      <c r="VVI688" s="613"/>
      <c r="VVJ688" s="613"/>
      <c r="VVK688" s="613"/>
      <c r="VVL688" s="613"/>
      <c r="VVM688" s="613"/>
      <c r="VVN688" s="613"/>
      <c r="VVO688" s="613"/>
      <c r="VVP688" s="613"/>
      <c r="VVQ688" s="613"/>
      <c r="VVR688" s="613"/>
      <c r="VVS688" s="613"/>
      <c r="VVT688" s="613"/>
      <c r="VVU688" s="613"/>
      <c r="VVV688" s="613"/>
      <c r="VVW688" s="613"/>
      <c r="VVX688" s="613"/>
      <c r="VVY688" s="613"/>
      <c r="VVZ688" s="613"/>
      <c r="VWA688" s="613"/>
      <c r="VWB688" s="613"/>
      <c r="VWC688" s="613"/>
      <c r="VWD688" s="613"/>
      <c r="VWE688" s="613"/>
      <c r="VWF688" s="613"/>
      <c r="VWG688" s="613"/>
      <c r="VWH688" s="613"/>
      <c r="VWI688" s="613"/>
      <c r="VWJ688" s="613"/>
      <c r="VWK688" s="613"/>
      <c r="VWL688" s="613"/>
      <c r="VWM688" s="613"/>
      <c r="VWN688" s="613"/>
      <c r="VWO688" s="613"/>
      <c r="VWP688" s="613"/>
      <c r="VWQ688" s="613"/>
      <c r="VWR688" s="613"/>
      <c r="VWS688" s="613"/>
      <c r="VWT688" s="613"/>
      <c r="VWU688" s="613"/>
      <c r="VWV688" s="613"/>
      <c r="VWW688" s="613"/>
      <c r="VWX688" s="613"/>
      <c r="VWY688" s="613"/>
      <c r="VWZ688" s="613"/>
      <c r="VXA688" s="613"/>
      <c r="VXB688" s="613"/>
      <c r="VXC688" s="613"/>
      <c r="VXD688" s="613"/>
      <c r="VXE688" s="613"/>
      <c r="VXF688" s="613"/>
      <c r="VXG688" s="613"/>
      <c r="VXH688" s="613"/>
      <c r="VXI688" s="613"/>
      <c r="VXJ688" s="613"/>
      <c r="VXK688" s="613"/>
      <c r="VXL688" s="613"/>
      <c r="VXM688" s="613"/>
      <c r="VXN688" s="613"/>
      <c r="VXO688" s="613"/>
      <c r="VXP688" s="613"/>
      <c r="VXQ688" s="613"/>
      <c r="VXR688" s="613"/>
      <c r="VXS688" s="613"/>
      <c r="VXT688" s="613"/>
      <c r="VXU688" s="613"/>
      <c r="VXV688" s="613"/>
      <c r="VXW688" s="613"/>
      <c r="VXX688" s="613"/>
      <c r="VXY688" s="613"/>
      <c r="VXZ688" s="613"/>
      <c r="VYA688" s="613"/>
      <c r="VYB688" s="613"/>
      <c r="VYC688" s="613"/>
      <c r="VYD688" s="613"/>
      <c r="VYE688" s="613"/>
      <c r="VYF688" s="613"/>
      <c r="VYG688" s="613"/>
      <c r="VYH688" s="613"/>
      <c r="VYI688" s="613"/>
      <c r="VYJ688" s="613"/>
      <c r="VYK688" s="613"/>
      <c r="VYL688" s="613"/>
      <c r="VYM688" s="613"/>
      <c r="VYN688" s="613"/>
      <c r="VYO688" s="613"/>
      <c r="VYP688" s="613"/>
      <c r="VYQ688" s="613"/>
      <c r="VYR688" s="613"/>
      <c r="VYS688" s="613"/>
      <c r="VYT688" s="613"/>
      <c r="VYU688" s="613"/>
      <c r="VYV688" s="613"/>
      <c r="VYW688" s="613"/>
      <c r="VYX688" s="613"/>
      <c r="VYY688" s="613"/>
      <c r="VYZ688" s="613"/>
      <c r="VZA688" s="613"/>
      <c r="VZB688" s="613"/>
      <c r="VZC688" s="613"/>
      <c r="VZD688" s="613"/>
      <c r="VZE688" s="613"/>
      <c r="VZF688" s="613"/>
      <c r="VZG688" s="613"/>
      <c r="VZH688" s="613"/>
      <c r="VZI688" s="613"/>
      <c r="VZJ688" s="613"/>
      <c r="VZK688" s="613"/>
      <c r="VZL688" s="613"/>
      <c r="VZM688" s="613"/>
      <c r="VZN688" s="613"/>
      <c r="VZO688" s="613"/>
      <c r="VZP688" s="613"/>
      <c r="VZQ688" s="613"/>
      <c r="VZR688" s="613"/>
      <c r="VZS688" s="613"/>
      <c r="VZT688" s="613"/>
      <c r="VZU688" s="613"/>
      <c r="VZV688" s="613"/>
      <c r="VZW688" s="613"/>
      <c r="VZX688" s="613"/>
      <c r="VZY688" s="613"/>
      <c r="VZZ688" s="613"/>
      <c r="WAA688" s="613"/>
      <c r="WAB688" s="613"/>
      <c r="WAC688" s="613"/>
      <c r="WAD688" s="613"/>
      <c r="WAE688" s="613"/>
      <c r="WAF688" s="613"/>
      <c r="WAG688" s="613"/>
      <c r="WAH688" s="613"/>
      <c r="WAI688" s="613"/>
      <c r="WAJ688" s="613"/>
      <c r="WAK688" s="613"/>
      <c r="WAL688" s="613"/>
      <c r="WAM688" s="613"/>
      <c r="WAN688" s="613"/>
      <c r="WAO688" s="613"/>
      <c r="WAP688" s="613"/>
      <c r="WAQ688" s="613"/>
      <c r="WAR688" s="613"/>
      <c r="WAS688" s="613"/>
      <c r="WAT688" s="613"/>
      <c r="WAU688" s="613"/>
      <c r="WAV688" s="613"/>
      <c r="WAW688" s="613"/>
      <c r="WAX688" s="613"/>
      <c r="WAY688" s="613"/>
      <c r="WAZ688" s="613"/>
      <c r="WBA688" s="613"/>
      <c r="WBB688" s="613"/>
      <c r="WBC688" s="613"/>
      <c r="WBD688" s="613"/>
      <c r="WBE688" s="613"/>
      <c r="WBF688" s="613"/>
      <c r="WBG688" s="613"/>
      <c r="WBH688" s="613"/>
      <c r="WBI688" s="613"/>
      <c r="WBJ688" s="613"/>
      <c r="WBK688" s="613"/>
      <c r="WBL688" s="613"/>
      <c r="WBM688" s="613"/>
      <c r="WBN688" s="613"/>
      <c r="WBO688" s="613"/>
      <c r="WBP688" s="613"/>
      <c r="WBQ688" s="613"/>
      <c r="WBR688" s="613"/>
      <c r="WBS688" s="613"/>
      <c r="WBT688" s="613"/>
      <c r="WBU688" s="613"/>
      <c r="WBV688" s="613"/>
      <c r="WBW688" s="613"/>
      <c r="WBX688" s="613"/>
      <c r="WBY688" s="613"/>
      <c r="WBZ688" s="613"/>
      <c r="WCA688" s="613"/>
      <c r="WCB688" s="613"/>
      <c r="WCC688" s="613"/>
      <c r="WCD688" s="613"/>
      <c r="WCE688" s="613"/>
      <c r="WCF688" s="613"/>
      <c r="WCG688" s="613"/>
      <c r="WCH688" s="613"/>
      <c r="WCI688" s="613"/>
      <c r="WCJ688" s="613"/>
      <c r="WCK688" s="613"/>
      <c r="WCL688" s="613"/>
      <c r="WCM688" s="613"/>
      <c r="WCN688" s="613"/>
      <c r="WCO688" s="613"/>
      <c r="WCP688" s="613"/>
      <c r="WCQ688" s="613"/>
      <c r="WCR688" s="613"/>
      <c r="WCS688" s="613"/>
      <c r="WCT688" s="613"/>
      <c r="WCU688" s="613"/>
      <c r="WCV688" s="613"/>
      <c r="WCW688" s="613"/>
      <c r="WCX688" s="613"/>
      <c r="WCY688" s="613"/>
      <c r="WCZ688" s="613"/>
      <c r="WDA688" s="613"/>
      <c r="WDB688" s="613"/>
      <c r="WDC688" s="613"/>
      <c r="WDD688" s="613"/>
      <c r="WDE688" s="613"/>
      <c r="WDF688" s="613"/>
      <c r="WDG688" s="613"/>
      <c r="WDH688" s="613"/>
      <c r="WDI688" s="613"/>
      <c r="WDJ688" s="613"/>
      <c r="WDK688" s="613"/>
      <c r="WDL688" s="613"/>
      <c r="WDM688" s="613"/>
      <c r="WDN688" s="613"/>
      <c r="WDO688" s="613"/>
      <c r="WDP688" s="613"/>
      <c r="WDQ688" s="613"/>
      <c r="WDR688" s="613"/>
      <c r="WDS688" s="613"/>
      <c r="WDT688" s="613"/>
      <c r="WDU688" s="613"/>
      <c r="WDV688" s="613"/>
      <c r="WDW688" s="613"/>
      <c r="WDX688" s="613"/>
      <c r="WDY688" s="613"/>
      <c r="WDZ688" s="613"/>
      <c r="WEA688" s="613"/>
      <c r="WEB688" s="613"/>
      <c r="WEC688" s="613"/>
      <c r="WED688" s="613"/>
      <c r="WEE688" s="613"/>
      <c r="WEF688" s="613"/>
      <c r="WEG688" s="613"/>
      <c r="WEH688" s="613"/>
      <c r="WEI688" s="613"/>
      <c r="WEJ688" s="613"/>
      <c r="WEK688" s="613"/>
      <c r="WEL688" s="613"/>
      <c r="WEM688" s="613"/>
      <c r="WEN688" s="613"/>
      <c r="WEO688" s="613"/>
      <c r="WEP688" s="613"/>
      <c r="WEQ688" s="613"/>
      <c r="WER688" s="613"/>
      <c r="WES688" s="613"/>
      <c r="WET688" s="613"/>
      <c r="WEU688" s="613"/>
      <c r="WEV688" s="613"/>
      <c r="WEW688" s="613"/>
      <c r="WEX688" s="613"/>
      <c r="WEY688" s="613"/>
      <c r="WEZ688" s="613"/>
      <c r="WFA688" s="613"/>
      <c r="WFB688" s="613"/>
      <c r="WFC688" s="613"/>
      <c r="WFD688" s="613"/>
      <c r="WFE688" s="613"/>
      <c r="WFF688" s="613"/>
      <c r="WFG688" s="613"/>
      <c r="WFH688" s="613"/>
      <c r="WFI688" s="613"/>
      <c r="WFJ688" s="613"/>
      <c r="WFK688" s="613"/>
      <c r="WFL688" s="613"/>
      <c r="WFM688" s="613"/>
      <c r="WFN688" s="613"/>
      <c r="WFO688" s="613"/>
      <c r="WFP688" s="613"/>
      <c r="WFQ688" s="613"/>
      <c r="WFR688" s="613"/>
      <c r="WFS688" s="613"/>
      <c r="WFT688" s="613"/>
      <c r="WFU688" s="613"/>
      <c r="WFV688" s="613"/>
      <c r="WFW688" s="613"/>
      <c r="WFX688" s="613"/>
      <c r="WFY688" s="613"/>
      <c r="WFZ688" s="613"/>
      <c r="WGA688" s="613"/>
      <c r="WGB688" s="613"/>
      <c r="WGC688" s="613"/>
      <c r="WGD688" s="613"/>
      <c r="WGE688" s="613"/>
      <c r="WGF688" s="613"/>
      <c r="WGG688" s="613"/>
      <c r="WGH688" s="613"/>
      <c r="WGI688" s="613"/>
      <c r="WGJ688" s="613"/>
      <c r="WGK688" s="613"/>
      <c r="WGL688" s="613"/>
      <c r="WGM688" s="613"/>
      <c r="WGN688" s="613"/>
      <c r="WGO688" s="613"/>
      <c r="WGP688" s="613"/>
      <c r="WGQ688" s="613"/>
      <c r="WGR688" s="613"/>
      <c r="WGS688" s="613"/>
      <c r="WGT688" s="613"/>
      <c r="WGU688" s="613"/>
      <c r="WGV688" s="613"/>
      <c r="WGW688" s="613"/>
      <c r="WGX688" s="613"/>
      <c r="WGY688" s="613"/>
      <c r="WGZ688" s="613"/>
      <c r="WHA688" s="613"/>
      <c r="WHB688" s="613"/>
      <c r="WHC688" s="613"/>
      <c r="WHD688" s="613"/>
      <c r="WHE688" s="613"/>
      <c r="WHF688" s="613"/>
      <c r="WHG688" s="613"/>
      <c r="WHH688" s="613"/>
      <c r="WHI688" s="613"/>
      <c r="WHJ688" s="613"/>
      <c r="WHK688" s="613"/>
      <c r="WHL688" s="613"/>
      <c r="WHM688" s="613"/>
      <c r="WHN688" s="613"/>
      <c r="WHO688" s="613"/>
      <c r="WHP688" s="613"/>
      <c r="WHQ688" s="613"/>
      <c r="WHR688" s="613"/>
      <c r="WHS688" s="613"/>
      <c r="WHT688" s="613"/>
      <c r="WHU688" s="613"/>
      <c r="WHV688" s="613"/>
      <c r="WHW688" s="613"/>
      <c r="WHX688" s="613"/>
      <c r="WHY688" s="613"/>
      <c r="WHZ688" s="613"/>
      <c r="WIA688" s="613"/>
      <c r="WIB688" s="613"/>
      <c r="WIC688" s="613"/>
      <c r="WID688" s="613"/>
      <c r="WIE688" s="613"/>
      <c r="WIF688" s="613"/>
      <c r="WIG688" s="613"/>
      <c r="WIH688" s="613"/>
      <c r="WII688" s="613"/>
      <c r="WIJ688" s="613"/>
      <c r="WIK688" s="613"/>
      <c r="WIL688" s="613"/>
      <c r="WIM688" s="613"/>
      <c r="WIN688" s="613"/>
      <c r="WIO688" s="613"/>
      <c r="WIP688" s="613"/>
      <c r="WIQ688" s="613"/>
      <c r="WIR688" s="613"/>
      <c r="WIS688" s="613"/>
      <c r="WIT688" s="613"/>
      <c r="WIU688" s="613"/>
      <c r="WIV688" s="613"/>
      <c r="WIW688" s="613"/>
      <c r="WIX688" s="613"/>
      <c r="WIY688" s="613"/>
      <c r="WIZ688" s="613"/>
      <c r="WJA688" s="613"/>
      <c r="WJB688" s="613"/>
      <c r="WJC688" s="613"/>
      <c r="WJD688" s="613"/>
      <c r="WJE688" s="613"/>
      <c r="WJF688" s="613"/>
      <c r="WJG688" s="613"/>
      <c r="WJH688" s="613"/>
      <c r="WJI688" s="613"/>
      <c r="WJJ688" s="613"/>
      <c r="WJK688" s="613"/>
      <c r="WJL688" s="613"/>
      <c r="WJM688" s="613"/>
      <c r="WJN688" s="613"/>
      <c r="WJO688" s="613"/>
      <c r="WJP688" s="613"/>
      <c r="WJQ688" s="613"/>
      <c r="WJR688" s="613"/>
      <c r="WJS688" s="613"/>
      <c r="WJT688" s="613"/>
      <c r="WJU688" s="613"/>
      <c r="WJV688" s="613"/>
      <c r="WJW688" s="613"/>
      <c r="WJX688" s="613"/>
      <c r="WJY688" s="613"/>
      <c r="WJZ688" s="613"/>
      <c r="WKA688" s="613"/>
      <c r="WKB688" s="613"/>
      <c r="WKC688" s="613"/>
      <c r="WKD688" s="613"/>
      <c r="WKE688" s="613"/>
      <c r="WKF688" s="613"/>
      <c r="WKG688" s="613"/>
      <c r="WKH688" s="613"/>
      <c r="WKI688" s="613"/>
      <c r="WKJ688" s="613"/>
      <c r="WKK688" s="613"/>
      <c r="WKL688" s="613"/>
      <c r="WKM688" s="613"/>
      <c r="WKN688" s="613"/>
      <c r="WKO688" s="613"/>
      <c r="WKP688" s="613"/>
      <c r="WKQ688" s="613"/>
      <c r="WKR688" s="613"/>
      <c r="WKS688" s="613"/>
      <c r="WKT688" s="613"/>
      <c r="WKU688" s="613"/>
      <c r="WKV688" s="613"/>
      <c r="WKW688" s="613"/>
      <c r="WKX688" s="613"/>
      <c r="WKY688" s="613"/>
      <c r="WKZ688" s="613"/>
      <c r="WLA688" s="613"/>
      <c r="WLB688" s="613"/>
      <c r="WLC688" s="613"/>
      <c r="WLD688" s="613"/>
      <c r="WLE688" s="613"/>
      <c r="WLF688" s="613"/>
      <c r="WLG688" s="613"/>
      <c r="WLH688" s="613"/>
      <c r="WLI688" s="613"/>
      <c r="WLJ688" s="613"/>
      <c r="WLK688" s="613"/>
      <c r="WLL688" s="613"/>
      <c r="WLM688" s="613"/>
      <c r="WLN688" s="613"/>
      <c r="WLO688" s="613"/>
      <c r="WLP688" s="613"/>
      <c r="WLQ688" s="613"/>
      <c r="WLR688" s="613"/>
      <c r="WLS688" s="613"/>
      <c r="WLT688" s="613"/>
      <c r="WLU688" s="613"/>
      <c r="WLV688" s="613"/>
      <c r="WLW688" s="613"/>
      <c r="WLX688" s="613"/>
      <c r="WLY688" s="613"/>
      <c r="WLZ688" s="613"/>
      <c r="WMA688" s="613"/>
      <c r="WMB688" s="613"/>
      <c r="WMC688" s="613"/>
      <c r="WMD688" s="613"/>
      <c r="WME688" s="613"/>
      <c r="WMF688" s="613"/>
      <c r="WMG688" s="613"/>
      <c r="WMH688" s="613"/>
      <c r="WMI688" s="613"/>
      <c r="WMJ688" s="613"/>
      <c r="WMK688" s="613"/>
      <c r="WML688" s="613"/>
      <c r="WMM688" s="613"/>
      <c r="WMN688" s="613"/>
      <c r="WMO688" s="613"/>
      <c r="WMP688" s="613"/>
      <c r="WMQ688" s="613"/>
      <c r="WMR688" s="613"/>
      <c r="WMS688" s="613"/>
      <c r="WMT688" s="613"/>
      <c r="WMU688" s="613"/>
      <c r="WMV688" s="613"/>
      <c r="WMW688" s="613"/>
      <c r="WMX688" s="613"/>
      <c r="WMY688" s="613"/>
      <c r="WMZ688" s="613"/>
      <c r="WNA688" s="613"/>
      <c r="WNB688" s="613"/>
      <c r="WNC688" s="613"/>
      <c r="WND688" s="613"/>
      <c r="WNE688" s="613"/>
      <c r="WNF688" s="613"/>
      <c r="WNG688" s="613"/>
      <c r="WNH688" s="613"/>
      <c r="WNI688" s="613"/>
      <c r="WNJ688" s="613"/>
      <c r="WNK688" s="613"/>
      <c r="WNL688" s="613"/>
      <c r="WNM688" s="613"/>
      <c r="WNN688" s="613"/>
      <c r="WNO688" s="613"/>
      <c r="WNP688" s="613"/>
      <c r="WNQ688" s="613"/>
      <c r="WNR688" s="613"/>
      <c r="WNS688" s="613"/>
      <c r="WNT688" s="613"/>
      <c r="WNU688" s="613"/>
      <c r="WNV688" s="613"/>
      <c r="WNW688" s="613"/>
      <c r="WNX688" s="613"/>
      <c r="WNY688" s="613"/>
      <c r="WNZ688" s="613"/>
      <c r="WOA688" s="613"/>
      <c r="WOB688" s="613"/>
      <c r="WOC688" s="613"/>
      <c r="WOD688" s="613"/>
      <c r="WOE688" s="613"/>
      <c r="WOF688" s="613"/>
      <c r="WOG688" s="613"/>
      <c r="WOH688" s="613"/>
      <c r="WOI688" s="613"/>
      <c r="WOJ688" s="613"/>
      <c r="WOK688" s="613"/>
      <c r="WOL688" s="613"/>
      <c r="WOM688" s="613"/>
      <c r="WON688" s="613"/>
      <c r="WOO688" s="613"/>
      <c r="WOP688" s="613"/>
      <c r="WOQ688" s="613"/>
      <c r="WOR688" s="613"/>
      <c r="WOS688" s="613"/>
      <c r="WOT688" s="613"/>
      <c r="WOU688" s="613"/>
      <c r="WOV688" s="613"/>
      <c r="WOW688" s="613"/>
      <c r="WOX688" s="613"/>
      <c r="WOY688" s="613"/>
      <c r="WOZ688" s="613"/>
      <c r="WPA688" s="613"/>
      <c r="WPB688" s="613"/>
      <c r="WPC688" s="613"/>
      <c r="WPD688" s="613"/>
      <c r="WPE688" s="613"/>
      <c r="WPF688" s="613"/>
      <c r="WPG688" s="613"/>
      <c r="WPH688" s="613"/>
      <c r="WPI688" s="613"/>
      <c r="WPJ688" s="613"/>
      <c r="WPK688" s="613"/>
      <c r="WPL688" s="613"/>
      <c r="WPM688" s="613"/>
      <c r="WPN688" s="613"/>
      <c r="WPO688" s="613"/>
      <c r="WPP688" s="613"/>
      <c r="WPQ688" s="613"/>
      <c r="WPR688" s="613"/>
      <c r="WPS688" s="613"/>
      <c r="WPT688" s="613"/>
      <c r="WPU688" s="613"/>
      <c r="WPV688" s="613"/>
      <c r="WPW688" s="613"/>
      <c r="WPX688" s="613"/>
      <c r="WPY688" s="613"/>
      <c r="WPZ688" s="613"/>
      <c r="WQA688" s="613"/>
      <c r="WQB688" s="613"/>
      <c r="WQC688" s="613"/>
      <c r="WQD688" s="613"/>
      <c r="WQE688" s="613"/>
      <c r="WQF688" s="613"/>
      <c r="WQG688" s="613"/>
      <c r="WQH688" s="613"/>
      <c r="WQI688" s="613"/>
      <c r="WQJ688" s="613"/>
      <c r="WQK688" s="613"/>
      <c r="WQL688" s="613"/>
      <c r="WQM688" s="613"/>
      <c r="WQN688" s="613"/>
      <c r="WQO688" s="613"/>
      <c r="WQP688" s="613"/>
      <c r="WQQ688" s="613"/>
      <c r="WQR688" s="613"/>
      <c r="WQS688" s="613"/>
      <c r="WQT688" s="613"/>
      <c r="WQU688" s="613"/>
      <c r="WQV688" s="613"/>
      <c r="WQW688" s="613"/>
      <c r="WQX688" s="613"/>
      <c r="WQY688" s="613"/>
      <c r="WQZ688" s="613"/>
      <c r="WRA688" s="613"/>
      <c r="WRB688" s="613"/>
      <c r="WRC688" s="613"/>
      <c r="WRD688" s="613"/>
      <c r="WRE688" s="613"/>
      <c r="WRF688" s="613"/>
      <c r="WRG688" s="613"/>
      <c r="WRH688" s="613"/>
      <c r="WRI688" s="613"/>
      <c r="WRJ688" s="613"/>
      <c r="WRK688" s="613"/>
      <c r="WRL688" s="613"/>
      <c r="WRM688" s="613"/>
      <c r="WRN688" s="613"/>
      <c r="WRO688" s="613"/>
      <c r="WRP688" s="613"/>
      <c r="WRQ688" s="613"/>
      <c r="WRR688" s="613"/>
      <c r="WRS688" s="613"/>
      <c r="WRT688" s="613"/>
      <c r="WRU688" s="613"/>
      <c r="WRV688" s="613"/>
      <c r="WRW688" s="613"/>
      <c r="WRX688" s="613"/>
      <c r="WRY688" s="613"/>
      <c r="WRZ688" s="613"/>
      <c r="WSA688" s="613"/>
      <c r="WSB688" s="613"/>
      <c r="WSC688" s="613"/>
      <c r="WSD688" s="613"/>
      <c r="WSE688" s="613"/>
      <c r="WSF688" s="613"/>
      <c r="WSG688" s="613"/>
      <c r="WSH688" s="613"/>
      <c r="WSI688" s="613"/>
      <c r="WSJ688" s="613"/>
      <c r="WSK688" s="613"/>
      <c r="WSL688" s="613"/>
      <c r="WSM688" s="613"/>
      <c r="WSN688" s="613"/>
      <c r="WSO688" s="613"/>
      <c r="WSP688" s="613"/>
      <c r="WSQ688" s="613"/>
      <c r="WSR688" s="613"/>
      <c r="WSS688" s="613"/>
      <c r="WST688" s="613"/>
      <c r="WSU688" s="613"/>
      <c r="WSV688" s="613"/>
      <c r="WSW688" s="613"/>
      <c r="WSX688" s="613"/>
      <c r="WSY688" s="613"/>
      <c r="WSZ688" s="613"/>
      <c r="WTA688" s="613"/>
      <c r="WTB688" s="613"/>
      <c r="WTC688" s="613"/>
      <c r="WTD688" s="613"/>
      <c r="WTE688" s="613"/>
      <c r="WTF688" s="613"/>
      <c r="WTG688" s="613"/>
      <c r="WTH688" s="613"/>
      <c r="WTI688" s="613"/>
      <c r="WTJ688" s="613"/>
      <c r="WTK688" s="613"/>
      <c r="WTL688" s="613"/>
      <c r="WTM688" s="613"/>
      <c r="WTN688" s="613"/>
      <c r="WTO688" s="613"/>
      <c r="WTP688" s="613"/>
      <c r="WTQ688" s="613"/>
      <c r="WTR688" s="613"/>
      <c r="WTS688" s="613"/>
      <c r="WTT688" s="613"/>
      <c r="WTU688" s="613"/>
      <c r="WTV688" s="613"/>
      <c r="WTW688" s="613"/>
      <c r="WTX688" s="613"/>
      <c r="WTY688" s="613"/>
      <c r="WTZ688" s="613"/>
      <c r="WUA688" s="613"/>
      <c r="WUB688" s="613"/>
      <c r="WUC688" s="613"/>
      <c r="WUD688" s="613"/>
      <c r="WUE688" s="613"/>
      <c r="WUF688" s="613"/>
      <c r="WUG688" s="613"/>
      <c r="WUH688" s="613"/>
      <c r="WUI688" s="613"/>
      <c r="WUJ688" s="613"/>
      <c r="WUK688" s="613"/>
      <c r="WUL688" s="613"/>
      <c r="WUM688" s="613"/>
      <c r="WUN688" s="613"/>
      <c r="WUO688" s="613"/>
      <c r="WUP688" s="613"/>
      <c r="WUQ688" s="613"/>
      <c r="WUR688" s="613"/>
      <c r="WUS688" s="613"/>
      <c r="WUT688" s="613"/>
      <c r="WUU688" s="613"/>
      <c r="WUV688" s="613"/>
      <c r="WUW688" s="613"/>
      <c r="WUX688" s="613"/>
      <c r="WUY688" s="613"/>
      <c r="WUZ688" s="613"/>
      <c r="WVA688" s="613"/>
      <c r="WVB688" s="613"/>
      <c r="WVC688" s="613"/>
      <c r="WVD688" s="613"/>
      <c r="WVE688" s="613"/>
      <c r="WVF688" s="613"/>
      <c r="WVG688" s="613"/>
      <c r="WVH688" s="613"/>
      <c r="WVI688" s="613"/>
      <c r="WVJ688" s="613"/>
      <c r="WVK688" s="613"/>
      <c r="WVL688" s="613"/>
      <c r="WVM688" s="613"/>
      <c r="WVN688" s="613"/>
      <c r="WVO688" s="613"/>
      <c r="WVP688" s="613"/>
      <c r="WVQ688" s="613"/>
      <c r="WVR688" s="613"/>
      <c r="WVS688" s="613"/>
      <c r="WVT688" s="613"/>
      <c r="WVU688" s="613"/>
      <c r="WVV688" s="613"/>
      <c r="WVW688" s="613"/>
      <c r="WVX688" s="613"/>
      <c r="WVY688" s="613"/>
      <c r="WVZ688" s="613"/>
      <c r="WWA688" s="613"/>
      <c r="WWB688" s="613"/>
      <c r="WWC688" s="613"/>
      <c r="WWD688" s="613"/>
      <c r="WWE688" s="613"/>
      <c r="WWF688" s="613"/>
      <c r="WWG688" s="613"/>
      <c r="WWH688" s="613"/>
      <c r="WWI688" s="613"/>
      <c r="WWJ688" s="613"/>
      <c r="WWK688" s="613"/>
      <c r="WWL688" s="613"/>
      <c r="WWM688" s="613"/>
      <c r="WWN688" s="613"/>
      <c r="WWO688" s="613"/>
      <c r="WWP688" s="613"/>
      <c r="WWQ688" s="613"/>
      <c r="WWR688" s="613"/>
      <c r="WWS688" s="613"/>
      <c r="WWT688" s="613"/>
      <c r="WWU688" s="613"/>
      <c r="WWV688" s="613"/>
      <c r="WWW688" s="613"/>
      <c r="WWX688" s="613"/>
      <c r="WWY688" s="613"/>
      <c r="WWZ688" s="613"/>
      <c r="WXA688" s="613"/>
      <c r="WXB688" s="613"/>
      <c r="WXC688" s="613"/>
      <c r="WXD688" s="613"/>
      <c r="WXE688" s="613"/>
      <c r="WXF688" s="613"/>
      <c r="WXG688" s="613"/>
      <c r="WXH688" s="613"/>
      <c r="WXI688" s="613"/>
      <c r="WXJ688" s="613"/>
      <c r="WXK688" s="613"/>
      <c r="WXL688" s="613"/>
      <c r="WXM688" s="613"/>
      <c r="WXN688" s="613"/>
      <c r="WXO688" s="613"/>
      <c r="WXP688" s="613"/>
      <c r="WXQ688" s="613"/>
      <c r="WXR688" s="613"/>
      <c r="WXS688" s="613"/>
      <c r="WXT688" s="613"/>
      <c r="WXU688" s="613"/>
      <c r="WXV688" s="613"/>
      <c r="WXW688" s="613"/>
      <c r="WXX688" s="613"/>
      <c r="WXY688" s="613"/>
      <c r="WXZ688" s="613"/>
      <c r="WYA688" s="613"/>
      <c r="WYB688" s="613"/>
      <c r="WYC688" s="613"/>
      <c r="WYD688" s="613"/>
      <c r="WYE688" s="613"/>
      <c r="WYF688" s="613"/>
      <c r="WYG688" s="613"/>
      <c r="WYH688" s="613"/>
      <c r="WYI688" s="613"/>
      <c r="WYJ688" s="613"/>
      <c r="WYK688" s="613"/>
      <c r="WYL688" s="613"/>
      <c r="WYM688" s="613"/>
      <c r="WYN688" s="613"/>
      <c r="WYO688" s="613"/>
      <c r="WYP688" s="613"/>
      <c r="WYQ688" s="613"/>
      <c r="WYR688" s="613"/>
      <c r="WYS688" s="613"/>
      <c r="WYT688" s="613"/>
      <c r="WYU688" s="613"/>
      <c r="WYV688" s="613"/>
      <c r="WYW688" s="613"/>
      <c r="WYX688" s="613"/>
      <c r="WYY688" s="613"/>
      <c r="WYZ688" s="613"/>
      <c r="WZA688" s="613"/>
      <c r="WZB688" s="613"/>
      <c r="WZC688" s="613"/>
      <c r="WZD688" s="613"/>
      <c r="WZE688" s="613"/>
      <c r="WZF688" s="613"/>
      <c r="WZG688" s="613"/>
      <c r="WZH688" s="613"/>
      <c r="WZI688" s="613"/>
      <c r="WZJ688" s="613"/>
      <c r="WZK688" s="613"/>
      <c r="WZL688" s="613"/>
      <c r="WZM688" s="613"/>
      <c r="WZN688" s="613"/>
      <c r="WZO688" s="613"/>
      <c r="WZP688" s="613"/>
      <c r="WZQ688" s="613"/>
      <c r="WZR688" s="613"/>
      <c r="WZS688" s="613"/>
      <c r="WZT688" s="613"/>
      <c r="WZU688" s="613"/>
      <c r="WZV688" s="613"/>
      <c r="WZW688" s="613"/>
      <c r="WZX688" s="613"/>
      <c r="WZY688" s="613"/>
      <c r="WZZ688" s="613"/>
      <c r="XAA688" s="613"/>
      <c r="XAB688" s="613"/>
      <c r="XAC688" s="613"/>
      <c r="XAD688" s="613"/>
      <c r="XAE688" s="613"/>
      <c r="XAF688" s="613"/>
      <c r="XAG688" s="613"/>
      <c r="XAH688" s="613"/>
      <c r="XAI688" s="613"/>
      <c r="XAJ688" s="613"/>
      <c r="XAK688" s="613"/>
      <c r="XAL688" s="613"/>
      <c r="XAM688" s="613"/>
      <c r="XAN688" s="613"/>
      <c r="XAO688" s="613"/>
      <c r="XAP688" s="613"/>
      <c r="XAQ688" s="613"/>
      <c r="XAR688" s="613"/>
      <c r="XAS688" s="613"/>
      <c r="XAT688" s="613"/>
      <c r="XAU688" s="613"/>
      <c r="XAV688" s="613"/>
      <c r="XAW688" s="613"/>
      <c r="XAX688" s="613"/>
      <c r="XAY688" s="613"/>
      <c r="XAZ688" s="613"/>
      <c r="XBA688" s="613"/>
      <c r="XBB688" s="613"/>
      <c r="XBC688" s="613"/>
      <c r="XBD688" s="613"/>
      <c r="XBE688" s="613"/>
      <c r="XBF688" s="613"/>
      <c r="XBG688" s="613"/>
      <c r="XBH688" s="613"/>
      <c r="XBI688" s="613"/>
      <c r="XBJ688" s="613"/>
      <c r="XBK688" s="613"/>
      <c r="XBL688" s="613"/>
      <c r="XBM688" s="613"/>
      <c r="XBN688" s="613"/>
      <c r="XBO688" s="613"/>
      <c r="XBP688" s="613"/>
      <c r="XBQ688" s="613"/>
      <c r="XBR688" s="613"/>
      <c r="XBS688" s="613"/>
      <c r="XBT688" s="613"/>
      <c r="XBU688" s="613"/>
      <c r="XBV688" s="613"/>
      <c r="XBW688" s="613"/>
      <c r="XBX688" s="613"/>
      <c r="XBY688" s="613"/>
      <c r="XBZ688" s="613"/>
      <c r="XCA688" s="613"/>
      <c r="XCB688" s="613"/>
      <c r="XCC688" s="613"/>
      <c r="XCD688" s="613"/>
      <c r="XCE688" s="613"/>
      <c r="XCF688" s="613"/>
      <c r="XCG688" s="613"/>
      <c r="XCH688" s="613"/>
      <c r="XCI688" s="613"/>
      <c r="XCJ688" s="613"/>
      <c r="XCK688" s="613"/>
      <c r="XCL688" s="613"/>
      <c r="XCM688" s="613"/>
      <c r="XCN688" s="613"/>
      <c r="XCO688" s="613"/>
      <c r="XCP688" s="613"/>
      <c r="XCQ688" s="613"/>
    </row>
    <row r="689" spans="1:16319" ht="56.1" customHeight="1" x14ac:dyDescent="0.2">
      <c r="A689" s="494"/>
      <c r="B689" s="494"/>
      <c r="C689" s="494"/>
      <c r="D689" s="481">
        <v>255</v>
      </c>
      <c r="E689" s="481"/>
      <c r="F689" s="481" t="s">
        <v>2481</v>
      </c>
      <c r="G689" s="482" t="s">
        <v>53</v>
      </c>
      <c r="H689" s="481" t="s">
        <v>329</v>
      </c>
      <c r="I689" s="654" t="s">
        <v>482</v>
      </c>
      <c r="J689" s="654" t="s">
        <v>483</v>
      </c>
      <c r="K689" s="495" t="s">
        <v>492</v>
      </c>
      <c r="L689" s="621"/>
      <c r="M689" s="484" t="s">
        <v>58</v>
      </c>
      <c r="N689" s="327" t="s">
        <v>2609</v>
      </c>
      <c r="O689" s="484" t="s">
        <v>2996</v>
      </c>
      <c r="P689" s="484" t="s">
        <v>81</v>
      </c>
      <c r="Q689" s="667" t="s">
        <v>334</v>
      </c>
      <c r="R689" s="484" t="s">
        <v>334</v>
      </c>
      <c r="S689" s="484" t="s">
        <v>225</v>
      </c>
      <c r="T689" s="484"/>
      <c r="U689" s="620" t="s">
        <v>63</v>
      </c>
      <c r="V689" s="620" t="s">
        <v>63</v>
      </c>
      <c r="W689" s="723">
        <v>197348</v>
      </c>
      <c r="X689" s="723"/>
      <c r="Y689" s="654" t="s">
        <v>226</v>
      </c>
      <c r="Z689" s="654"/>
      <c r="AA689" s="723">
        <v>197348</v>
      </c>
      <c r="AB689" s="652" t="s">
        <v>82</v>
      </c>
      <c r="AC689" s="652"/>
      <c r="AD689" s="496"/>
      <c r="AE689" s="496"/>
      <c r="AF689" s="496"/>
      <c r="AG689" s="496"/>
      <c r="AH689" s="496"/>
      <c r="AI689" s="487"/>
      <c r="AJ689" s="496"/>
      <c r="AK689" s="496"/>
      <c r="AL689" s="496"/>
      <c r="AM689" s="496"/>
      <c r="AN689" s="496"/>
      <c r="AO689" s="496"/>
      <c r="AP689" s="496"/>
      <c r="AQ689" s="496" t="s">
        <v>66</v>
      </c>
      <c r="AR689" s="496"/>
      <c r="AS689" s="496"/>
      <c r="AT689" s="496"/>
      <c r="AU689" s="487"/>
      <c r="AV689" s="487"/>
      <c r="AW689" s="487"/>
      <c r="AX689" s="487"/>
      <c r="AY689" s="487"/>
      <c r="AZ689" s="487"/>
      <c r="BA689" s="484"/>
      <c r="BB689" s="484"/>
      <c r="BC689" s="484"/>
      <c r="BD689" s="494"/>
      <c r="BE689" s="494"/>
      <c r="BF689" s="613"/>
      <c r="BG689" s="613"/>
      <c r="BH689" s="613"/>
      <c r="BI689" s="613"/>
      <c r="BJ689" s="613"/>
      <c r="BK689" s="613"/>
      <c r="BL689" s="613"/>
      <c r="BM689" s="613"/>
      <c r="BN689" s="613"/>
      <c r="BO689" s="613"/>
      <c r="BP689" s="613"/>
      <c r="BQ689" s="613"/>
      <c r="BR689" s="613"/>
      <c r="BS689" s="613"/>
      <c r="BT689" s="613"/>
      <c r="BU689" s="613"/>
      <c r="BV689" s="613"/>
      <c r="BW689" s="613"/>
      <c r="BX689" s="613"/>
      <c r="BY689" s="613"/>
      <c r="BZ689" s="613"/>
      <c r="CA689" s="613"/>
      <c r="CB689" s="613"/>
      <c r="CC689" s="613"/>
      <c r="CD689" s="613"/>
      <c r="CE689" s="613"/>
      <c r="CF689" s="613"/>
      <c r="CG689" s="613"/>
      <c r="CH689" s="613"/>
      <c r="CI689" s="613"/>
      <c r="CJ689" s="613"/>
      <c r="CK689" s="613"/>
      <c r="CL689" s="613"/>
      <c r="CM689" s="613"/>
      <c r="CN689" s="613"/>
      <c r="CO689" s="613"/>
      <c r="CP689" s="613"/>
      <c r="CQ689" s="613"/>
      <c r="CR689" s="613"/>
      <c r="CS689" s="613"/>
      <c r="CT689" s="613"/>
      <c r="CU689" s="613"/>
      <c r="CV689" s="613"/>
      <c r="CW689" s="613"/>
      <c r="CX689" s="613"/>
      <c r="CY689" s="613"/>
      <c r="CZ689" s="613"/>
      <c r="DA689" s="613"/>
      <c r="DB689" s="613"/>
      <c r="DC689" s="613"/>
      <c r="DD689" s="613"/>
      <c r="DE689" s="613"/>
      <c r="DF689" s="613"/>
      <c r="DG689" s="613"/>
      <c r="DH689" s="613"/>
      <c r="DI689" s="613"/>
      <c r="DJ689" s="613"/>
      <c r="DK689" s="613"/>
      <c r="DL689" s="613"/>
      <c r="DM689" s="613"/>
      <c r="DN689" s="613"/>
      <c r="DO689" s="613"/>
      <c r="DP689" s="613"/>
      <c r="DQ689" s="613"/>
      <c r="DR689" s="613"/>
      <c r="DS689" s="613"/>
      <c r="DT689" s="613"/>
      <c r="DU689" s="613"/>
      <c r="DV689" s="613"/>
      <c r="DW689" s="613"/>
      <c r="DX689" s="613"/>
      <c r="DY689" s="613"/>
      <c r="DZ689" s="613"/>
      <c r="EA689" s="613"/>
      <c r="EB689" s="613"/>
      <c r="EC689" s="613"/>
      <c r="ED689" s="613"/>
      <c r="EE689" s="613"/>
      <c r="EF689" s="613"/>
      <c r="EG689" s="613"/>
      <c r="EH689" s="613"/>
      <c r="EI689" s="613"/>
      <c r="EJ689" s="613"/>
      <c r="EK689" s="613"/>
      <c r="EL689" s="613"/>
      <c r="EM689" s="613"/>
      <c r="EN689" s="613"/>
      <c r="EO689" s="613"/>
      <c r="EP689" s="613"/>
      <c r="EQ689" s="613"/>
      <c r="ER689" s="613"/>
      <c r="ES689" s="613"/>
      <c r="ET689" s="613"/>
      <c r="EU689" s="613"/>
      <c r="EV689" s="613"/>
      <c r="EW689" s="613"/>
      <c r="EX689" s="613"/>
      <c r="EY689" s="613"/>
      <c r="EZ689" s="613"/>
      <c r="FA689" s="613"/>
      <c r="FB689" s="613"/>
      <c r="FC689" s="613"/>
      <c r="FD689" s="613"/>
      <c r="FE689" s="613"/>
      <c r="FF689" s="613"/>
      <c r="FG689" s="613"/>
      <c r="FH689" s="613"/>
      <c r="FI689" s="613"/>
      <c r="FJ689" s="613"/>
      <c r="FK689" s="613"/>
      <c r="FL689" s="613"/>
      <c r="FM689" s="613"/>
      <c r="FN689" s="613"/>
      <c r="FO689" s="613"/>
      <c r="FP689" s="613"/>
      <c r="FQ689" s="613"/>
      <c r="FR689" s="613"/>
      <c r="FS689" s="613"/>
      <c r="FT689" s="613"/>
      <c r="FU689" s="613"/>
      <c r="FV689" s="613"/>
      <c r="FW689" s="613"/>
      <c r="FX689" s="613"/>
      <c r="FY689" s="613"/>
      <c r="FZ689" s="613"/>
      <c r="GA689" s="613"/>
      <c r="GB689" s="613"/>
      <c r="GC689" s="613"/>
      <c r="GD689" s="613"/>
      <c r="GE689" s="613"/>
      <c r="GF689" s="613"/>
      <c r="GG689" s="613"/>
      <c r="GH689" s="613"/>
      <c r="GI689" s="613"/>
      <c r="GJ689" s="613"/>
      <c r="GK689" s="613"/>
      <c r="GL689" s="613"/>
      <c r="GM689" s="613"/>
      <c r="GN689" s="613"/>
      <c r="GO689" s="613"/>
      <c r="GP689" s="613"/>
      <c r="GQ689" s="613"/>
      <c r="GR689" s="613"/>
      <c r="GS689" s="613"/>
      <c r="GT689" s="613"/>
      <c r="GU689" s="613"/>
      <c r="GV689" s="613"/>
      <c r="GW689" s="613"/>
      <c r="GX689" s="613"/>
      <c r="GY689" s="613"/>
      <c r="GZ689" s="613"/>
      <c r="HA689" s="613"/>
      <c r="HB689" s="613"/>
      <c r="HC689" s="613"/>
      <c r="HD689" s="613"/>
      <c r="HE689" s="613"/>
      <c r="HF689" s="613"/>
      <c r="HG689" s="613"/>
      <c r="HH689" s="613"/>
      <c r="HI689" s="613"/>
      <c r="HJ689" s="613"/>
      <c r="HK689" s="613"/>
      <c r="HL689" s="613"/>
      <c r="HM689" s="613"/>
      <c r="HN689" s="613"/>
      <c r="HO689" s="613"/>
      <c r="HP689" s="613"/>
      <c r="HQ689" s="613"/>
      <c r="HR689" s="613"/>
      <c r="HS689" s="613"/>
      <c r="HT689" s="613"/>
      <c r="HU689" s="613"/>
      <c r="HV689" s="613"/>
      <c r="HW689" s="613"/>
      <c r="HX689" s="613"/>
      <c r="HY689" s="613"/>
      <c r="HZ689" s="613"/>
      <c r="IA689" s="613"/>
      <c r="IB689" s="613"/>
      <c r="IC689" s="613"/>
      <c r="ID689" s="613"/>
      <c r="IE689" s="613"/>
      <c r="IF689" s="613"/>
      <c r="IG689" s="613"/>
      <c r="IH689" s="613"/>
      <c r="II689" s="613"/>
      <c r="IJ689" s="613"/>
      <c r="IK689" s="613"/>
      <c r="IL689" s="613"/>
      <c r="IM689" s="613"/>
      <c r="IN689" s="613"/>
      <c r="IO689" s="613"/>
      <c r="IP689" s="613"/>
      <c r="IQ689" s="613"/>
      <c r="IR689" s="613"/>
      <c r="IS689" s="613"/>
      <c r="IT689" s="613"/>
      <c r="IU689" s="613"/>
      <c r="IV689" s="613"/>
      <c r="IW689" s="613"/>
      <c r="IX689" s="613"/>
      <c r="IY689" s="613"/>
      <c r="IZ689" s="613"/>
      <c r="JA689" s="613"/>
      <c r="JB689" s="613"/>
      <c r="JC689" s="613"/>
      <c r="JD689" s="613"/>
      <c r="JE689" s="613"/>
      <c r="JF689" s="613"/>
      <c r="JG689" s="613"/>
      <c r="JH689" s="613"/>
      <c r="JI689" s="613"/>
      <c r="JJ689" s="613"/>
      <c r="JK689" s="613"/>
      <c r="JL689" s="613"/>
      <c r="JM689" s="613"/>
      <c r="JN689" s="613"/>
      <c r="JO689" s="613"/>
      <c r="JP689" s="613"/>
      <c r="JQ689" s="613"/>
      <c r="JR689" s="613"/>
      <c r="JS689" s="613"/>
      <c r="JT689" s="613"/>
      <c r="JU689" s="613"/>
      <c r="JV689" s="613"/>
      <c r="JW689" s="613"/>
      <c r="JX689" s="613"/>
      <c r="JY689" s="613"/>
      <c r="JZ689" s="613"/>
      <c r="KA689" s="613"/>
      <c r="KB689" s="613"/>
      <c r="KC689" s="613"/>
      <c r="KD689" s="613"/>
      <c r="KE689" s="613"/>
      <c r="KF689" s="613"/>
      <c r="KG689" s="613"/>
      <c r="KH689" s="613"/>
      <c r="KI689" s="613"/>
      <c r="KJ689" s="613"/>
      <c r="KK689" s="613"/>
      <c r="KL689" s="613"/>
      <c r="KM689" s="613"/>
      <c r="KN689" s="613"/>
      <c r="KO689" s="613"/>
      <c r="KP689" s="613"/>
      <c r="KQ689" s="613"/>
      <c r="KR689" s="613"/>
      <c r="KS689" s="613"/>
      <c r="KT689" s="613"/>
      <c r="KU689" s="613"/>
      <c r="KV689" s="613"/>
      <c r="KW689" s="613"/>
      <c r="KX689" s="613"/>
      <c r="KY689" s="613"/>
      <c r="KZ689" s="613"/>
      <c r="LA689" s="613"/>
      <c r="LB689" s="613"/>
      <c r="LC689" s="613"/>
      <c r="LD689" s="613"/>
      <c r="LE689" s="613"/>
      <c r="LF689" s="613"/>
      <c r="LG689" s="613"/>
      <c r="LH689" s="613"/>
      <c r="LI689" s="613"/>
      <c r="LJ689" s="613"/>
      <c r="LK689" s="613"/>
      <c r="LL689" s="613"/>
      <c r="LM689" s="613"/>
      <c r="LN689" s="613"/>
      <c r="LO689" s="613"/>
      <c r="LP689" s="613"/>
      <c r="LQ689" s="613"/>
      <c r="LR689" s="613"/>
      <c r="LS689" s="613"/>
      <c r="LT689" s="613"/>
      <c r="LU689" s="613"/>
      <c r="LV689" s="613"/>
      <c r="LW689" s="613"/>
      <c r="LX689" s="613"/>
      <c r="LY689" s="613"/>
      <c r="LZ689" s="613"/>
      <c r="MA689" s="613"/>
      <c r="MB689" s="613"/>
      <c r="MC689" s="613"/>
      <c r="MD689" s="613"/>
      <c r="ME689" s="613"/>
      <c r="MF689" s="613"/>
      <c r="MG689" s="613"/>
      <c r="MH689" s="613"/>
      <c r="MI689" s="613"/>
      <c r="MJ689" s="613"/>
      <c r="MK689" s="613"/>
      <c r="ML689" s="613"/>
      <c r="MM689" s="613"/>
      <c r="MN689" s="613"/>
      <c r="MO689" s="613"/>
      <c r="MP689" s="613"/>
      <c r="MQ689" s="613"/>
      <c r="MR689" s="613"/>
      <c r="MS689" s="613"/>
      <c r="MT689" s="613"/>
      <c r="MU689" s="613"/>
      <c r="MV689" s="613"/>
      <c r="MW689" s="613"/>
      <c r="MX689" s="613"/>
      <c r="MY689" s="613"/>
      <c r="MZ689" s="613"/>
      <c r="NA689" s="613"/>
      <c r="NB689" s="613"/>
      <c r="NC689" s="613"/>
      <c r="ND689" s="613"/>
      <c r="NE689" s="613"/>
      <c r="NF689" s="613"/>
      <c r="NG689" s="613"/>
      <c r="NH689" s="613"/>
      <c r="NI689" s="613"/>
      <c r="NJ689" s="613"/>
      <c r="NK689" s="613"/>
      <c r="NL689" s="613"/>
      <c r="NM689" s="613"/>
      <c r="NN689" s="613"/>
      <c r="NO689" s="613"/>
      <c r="NP689" s="613"/>
      <c r="NQ689" s="613"/>
      <c r="NR689" s="613"/>
      <c r="NS689" s="613"/>
      <c r="NT689" s="613"/>
      <c r="NU689" s="613"/>
      <c r="NV689" s="613"/>
      <c r="NW689" s="613"/>
      <c r="NX689" s="613"/>
      <c r="NY689" s="613"/>
      <c r="NZ689" s="613"/>
      <c r="OA689" s="613"/>
      <c r="OB689" s="613"/>
      <c r="OC689" s="613"/>
      <c r="OD689" s="613"/>
      <c r="OE689" s="613"/>
      <c r="OF689" s="613"/>
      <c r="OG689" s="613"/>
      <c r="OH689" s="613"/>
      <c r="OI689" s="613"/>
      <c r="OJ689" s="613"/>
      <c r="OK689" s="613"/>
      <c r="OL689" s="613"/>
      <c r="OM689" s="613"/>
      <c r="ON689" s="613"/>
      <c r="OO689" s="613"/>
      <c r="OP689" s="613"/>
      <c r="OQ689" s="613"/>
      <c r="OR689" s="613"/>
      <c r="OS689" s="613"/>
      <c r="OT689" s="613"/>
      <c r="OU689" s="613"/>
      <c r="OV689" s="613"/>
      <c r="OW689" s="613"/>
      <c r="OX689" s="613"/>
      <c r="OY689" s="613"/>
      <c r="OZ689" s="613"/>
      <c r="PA689" s="613"/>
      <c r="PB689" s="613"/>
      <c r="PC689" s="613"/>
      <c r="PD689" s="613"/>
      <c r="PE689" s="613"/>
      <c r="PF689" s="613"/>
      <c r="PG689" s="613"/>
      <c r="PH689" s="613"/>
      <c r="PI689" s="613"/>
      <c r="PJ689" s="613"/>
      <c r="PK689" s="613"/>
      <c r="PL689" s="613"/>
      <c r="PM689" s="613"/>
      <c r="PN689" s="613"/>
      <c r="PO689" s="613"/>
      <c r="PP689" s="613"/>
      <c r="PQ689" s="613"/>
      <c r="PR689" s="613"/>
      <c r="PS689" s="613"/>
      <c r="PT689" s="613"/>
      <c r="PU689" s="613"/>
      <c r="PV689" s="613"/>
      <c r="PW689" s="613"/>
      <c r="PX689" s="613"/>
      <c r="PY689" s="613"/>
      <c r="PZ689" s="613"/>
      <c r="QA689" s="613"/>
      <c r="QB689" s="613"/>
      <c r="QC689" s="613"/>
      <c r="QD689" s="613"/>
      <c r="QE689" s="613"/>
      <c r="QF689" s="613"/>
      <c r="QG689" s="613"/>
      <c r="QH689" s="613"/>
      <c r="QI689" s="613"/>
      <c r="QJ689" s="613"/>
      <c r="QK689" s="613"/>
      <c r="QL689" s="613"/>
      <c r="QM689" s="613"/>
      <c r="QN689" s="613"/>
      <c r="QO689" s="613"/>
      <c r="QP689" s="613"/>
      <c r="QQ689" s="613"/>
      <c r="QR689" s="613"/>
      <c r="QS689" s="613"/>
      <c r="QT689" s="613"/>
      <c r="QU689" s="613"/>
      <c r="QV689" s="613"/>
      <c r="QW689" s="613"/>
      <c r="QX689" s="613"/>
      <c r="QY689" s="613"/>
      <c r="QZ689" s="613"/>
      <c r="RA689" s="613"/>
      <c r="RB689" s="613"/>
      <c r="RC689" s="613"/>
      <c r="RD689" s="613"/>
      <c r="RE689" s="613"/>
      <c r="RF689" s="613"/>
      <c r="RG689" s="613"/>
      <c r="RH689" s="613"/>
      <c r="RI689" s="613"/>
      <c r="RJ689" s="613"/>
      <c r="RK689" s="613"/>
      <c r="RL689" s="613"/>
      <c r="RM689" s="613"/>
      <c r="RN689" s="613"/>
      <c r="RO689" s="613"/>
      <c r="RP689" s="613"/>
      <c r="RQ689" s="613"/>
      <c r="RR689" s="613"/>
      <c r="RS689" s="613"/>
      <c r="RT689" s="613"/>
      <c r="RU689" s="613"/>
      <c r="RV689" s="613"/>
      <c r="RW689" s="613"/>
      <c r="RX689" s="613"/>
      <c r="RY689" s="613"/>
      <c r="RZ689" s="613"/>
      <c r="SA689" s="613"/>
      <c r="SB689" s="613"/>
      <c r="SC689" s="613"/>
      <c r="SD689" s="613"/>
      <c r="SE689" s="613"/>
      <c r="SF689" s="613"/>
      <c r="SG689" s="613"/>
      <c r="SH689" s="613"/>
      <c r="SI689" s="613"/>
      <c r="SJ689" s="613"/>
      <c r="SK689" s="613"/>
      <c r="SL689" s="613"/>
      <c r="SM689" s="613"/>
      <c r="SN689" s="613"/>
      <c r="SO689" s="613"/>
      <c r="SP689" s="613"/>
      <c r="SQ689" s="613"/>
      <c r="SR689" s="613"/>
      <c r="SS689" s="613"/>
      <c r="ST689" s="613"/>
      <c r="SU689" s="613"/>
      <c r="SV689" s="613"/>
      <c r="SW689" s="613"/>
      <c r="SX689" s="613"/>
      <c r="SY689" s="613"/>
      <c r="SZ689" s="613"/>
      <c r="TA689" s="613"/>
      <c r="TB689" s="613"/>
      <c r="TC689" s="613"/>
      <c r="TD689" s="613"/>
      <c r="TE689" s="613"/>
      <c r="TF689" s="613"/>
      <c r="TG689" s="613"/>
      <c r="TH689" s="613"/>
      <c r="TI689" s="613"/>
      <c r="TJ689" s="613"/>
      <c r="TK689" s="613"/>
      <c r="TL689" s="613"/>
      <c r="TM689" s="613"/>
      <c r="TN689" s="613"/>
      <c r="TO689" s="613"/>
      <c r="TP689" s="613"/>
      <c r="TQ689" s="613"/>
      <c r="TR689" s="613"/>
      <c r="TS689" s="613"/>
      <c r="TT689" s="613"/>
      <c r="TU689" s="613"/>
      <c r="TV689" s="613"/>
      <c r="TW689" s="613"/>
      <c r="TX689" s="613"/>
      <c r="TY689" s="613"/>
      <c r="TZ689" s="613"/>
      <c r="UA689" s="613"/>
      <c r="UB689" s="613"/>
      <c r="UC689" s="613"/>
      <c r="UD689" s="613"/>
      <c r="UE689" s="613"/>
      <c r="UF689" s="613"/>
      <c r="UG689" s="613"/>
      <c r="UH689" s="613"/>
      <c r="UI689" s="613"/>
      <c r="UJ689" s="613"/>
      <c r="UK689" s="613"/>
      <c r="UL689" s="613"/>
      <c r="UM689" s="613"/>
      <c r="UN689" s="613"/>
      <c r="UO689" s="613"/>
      <c r="UP689" s="613"/>
      <c r="UQ689" s="613"/>
      <c r="UR689" s="613"/>
      <c r="US689" s="613"/>
      <c r="UT689" s="613"/>
      <c r="UU689" s="613"/>
      <c r="UV689" s="613"/>
      <c r="UW689" s="613"/>
      <c r="UX689" s="613"/>
      <c r="UY689" s="613"/>
      <c r="UZ689" s="613"/>
      <c r="VA689" s="613"/>
      <c r="VB689" s="613"/>
      <c r="VC689" s="613"/>
      <c r="VD689" s="613"/>
      <c r="VE689" s="613"/>
      <c r="VF689" s="613"/>
      <c r="VG689" s="613"/>
      <c r="VH689" s="613"/>
      <c r="VI689" s="613"/>
      <c r="VJ689" s="613"/>
      <c r="VK689" s="613"/>
      <c r="VL689" s="613"/>
      <c r="VM689" s="613"/>
      <c r="VN689" s="613"/>
      <c r="VO689" s="613"/>
      <c r="VP689" s="613"/>
      <c r="VQ689" s="613"/>
      <c r="VR689" s="613"/>
      <c r="VS689" s="613"/>
      <c r="VT689" s="613"/>
      <c r="VU689" s="613"/>
      <c r="VV689" s="613"/>
      <c r="VW689" s="613"/>
      <c r="VX689" s="613"/>
      <c r="VY689" s="613"/>
      <c r="VZ689" s="613"/>
      <c r="WA689" s="613"/>
      <c r="WB689" s="613"/>
      <c r="WC689" s="613"/>
      <c r="WD689" s="613"/>
      <c r="WE689" s="613"/>
      <c r="WF689" s="613"/>
      <c r="WG689" s="613"/>
      <c r="WH689" s="613"/>
      <c r="WI689" s="613"/>
      <c r="WJ689" s="613"/>
      <c r="WK689" s="613"/>
      <c r="WL689" s="613"/>
      <c r="WM689" s="613"/>
      <c r="WN689" s="613"/>
      <c r="WO689" s="613"/>
      <c r="WP689" s="613"/>
      <c r="WQ689" s="613"/>
      <c r="WR689" s="613"/>
      <c r="WS689" s="613"/>
      <c r="WT689" s="613"/>
      <c r="WU689" s="613"/>
      <c r="WV689" s="613"/>
      <c r="WW689" s="613"/>
      <c r="WX689" s="613"/>
      <c r="WY689" s="613"/>
      <c r="WZ689" s="613"/>
      <c r="XA689" s="613"/>
      <c r="XB689" s="613"/>
      <c r="XC689" s="613"/>
      <c r="XD689" s="613"/>
      <c r="XE689" s="613"/>
      <c r="XF689" s="613"/>
      <c r="XG689" s="613"/>
      <c r="XH689" s="613"/>
      <c r="XI689" s="613"/>
      <c r="XJ689" s="613"/>
      <c r="XK689" s="613"/>
      <c r="XL689" s="613"/>
      <c r="XM689" s="613"/>
      <c r="XN689" s="613"/>
      <c r="XO689" s="613"/>
      <c r="XP689" s="613"/>
      <c r="XQ689" s="613"/>
      <c r="XR689" s="613"/>
      <c r="XS689" s="613"/>
      <c r="XT689" s="613"/>
      <c r="XU689" s="613"/>
      <c r="XV689" s="613"/>
      <c r="XW689" s="613"/>
      <c r="XX689" s="613"/>
      <c r="XY689" s="613"/>
      <c r="XZ689" s="613"/>
      <c r="YA689" s="613"/>
      <c r="YB689" s="613"/>
      <c r="YC689" s="613"/>
      <c r="YD689" s="613"/>
      <c r="YE689" s="613"/>
      <c r="YF689" s="613"/>
      <c r="YG689" s="613"/>
      <c r="YH689" s="613"/>
      <c r="YI689" s="613"/>
      <c r="YJ689" s="613"/>
      <c r="YK689" s="613"/>
      <c r="YL689" s="613"/>
      <c r="YM689" s="613"/>
      <c r="YN689" s="613"/>
      <c r="YO689" s="613"/>
      <c r="YP689" s="613"/>
      <c r="YQ689" s="613"/>
      <c r="YR689" s="613"/>
      <c r="YS689" s="613"/>
      <c r="YT689" s="613"/>
      <c r="YU689" s="613"/>
      <c r="YV689" s="613"/>
      <c r="YW689" s="613"/>
      <c r="YX689" s="613"/>
      <c r="YY689" s="613"/>
      <c r="YZ689" s="613"/>
      <c r="ZA689" s="613"/>
      <c r="ZB689" s="613"/>
      <c r="ZC689" s="613"/>
      <c r="ZD689" s="613"/>
      <c r="ZE689" s="613"/>
      <c r="ZF689" s="613"/>
      <c r="ZG689" s="613"/>
      <c r="ZH689" s="613"/>
      <c r="ZI689" s="613"/>
      <c r="ZJ689" s="613"/>
      <c r="ZK689" s="613"/>
      <c r="ZL689" s="613"/>
      <c r="ZM689" s="613"/>
      <c r="ZN689" s="613"/>
      <c r="ZO689" s="613"/>
      <c r="ZP689" s="613"/>
      <c r="ZQ689" s="613"/>
      <c r="ZR689" s="613"/>
      <c r="ZS689" s="613"/>
      <c r="ZT689" s="613"/>
      <c r="ZU689" s="613"/>
      <c r="ZV689" s="613"/>
      <c r="ZW689" s="613"/>
      <c r="ZX689" s="613"/>
      <c r="ZY689" s="613"/>
      <c r="ZZ689" s="613"/>
      <c r="AAA689" s="613"/>
      <c r="AAB689" s="613"/>
      <c r="AAC689" s="613"/>
      <c r="AAD689" s="613"/>
      <c r="AAE689" s="613"/>
      <c r="AAF689" s="613"/>
      <c r="AAG689" s="613"/>
      <c r="AAH689" s="613"/>
      <c r="AAI689" s="613"/>
      <c r="AAJ689" s="613"/>
      <c r="AAK689" s="613"/>
      <c r="AAL689" s="613"/>
      <c r="AAM689" s="613"/>
      <c r="AAN689" s="613"/>
      <c r="AAO689" s="613"/>
      <c r="AAP689" s="613"/>
      <c r="AAQ689" s="613"/>
      <c r="AAR689" s="613"/>
      <c r="AAS689" s="613"/>
      <c r="AAT689" s="613"/>
      <c r="AAU689" s="613"/>
      <c r="AAV689" s="613"/>
      <c r="AAW689" s="613"/>
      <c r="AAX689" s="613"/>
      <c r="AAY689" s="613"/>
      <c r="AAZ689" s="613"/>
      <c r="ABA689" s="613"/>
      <c r="ABB689" s="613"/>
      <c r="ABC689" s="613"/>
      <c r="ABD689" s="613"/>
      <c r="ABE689" s="613"/>
      <c r="ABF689" s="613"/>
      <c r="ABG689" s="613"/>
      <c r="ABH689" s="613"/>
      <c r="ABI689" s="613"/>
      <c r="ABJ689" s="613"/>
      <c r="ABK689" s="613"/>
      <c r="ABL689" s="613"/>
      <c r="ABM689" s="613"/>
      <c r="ABN689" s="613"/>
      <c r="ABO689" s="613"/>
      <c r="ABP689" s="613"/>
      <c r="ABQ689" s="613"/>
      <c r="ABR689" s="613"/>
      <c r="ABS689" s="613"/>
      <c r="ABT689" s="613"/>
      <c r="ABU689" s="613"/>
      <c r="ABV689" s="613"/>
      <c r="ABW689" s="613"/>
      <c r="ABX689" s="613"/>
      <c r="ABY689" s="613"/>
      <c r="ABZ689" s="613"/>
      <c r="ACA689" s="613"/>
      <c r="ACB689" s="613"/>
      <c r="ACC689" s="613"/>
      <c r="ACD689" s="613"/>
      <c r="ACE689" s="613"/>
      <c r="ACF689" s="613"/>
      <c r="ACG689" s="613"/>
      <c r="ACH689" s="613"/>
      <c r="ACI689" s="613"/>
      <c r="ACJ689" s="613"/>
      <c r="ACK689" s="613"/>
      <c r="ACL689" s="613"/>
      <c r="ACM689" s="613"/>
      <c r="ACN689" s="613"/>
      <c r="ACO689" s="613"/>
      <c r="ACP689" s="613"/>
      <c r="ACQ689" s="613"/>
      <c r="ACR689" s="613"/>
      <c r="ACS689" s="613"/>
      <c r="ACT689" s="613"/>
      <c r="ACU689" s="613"/>
      <c r="ACV689" s="613"/>
      <c r="ACW689" s="613"/>
      <c r="ACX689" s="613"/>
      <c r="ACY689" s="613"/>
      <c r="ACZ689" s="613"/>
      <c r="ADA689" s="613"/>
      <c r="ADB689" s="613"/>
      <c r="ADC689" s="613"/>
      <c r="ADD689" s="613"/>
      <c r="ADE689" s="613"/>
      <c r="ADF689" s="613"/>
      <c r="ADG689" s="613"/>
      <c r="ADH689" s="613"/>
      <c r="ADI689" s="613"/>
      <c r="ADJ689" s="613"/>
      <c r="ADK689" s="613"/>
      <c r="ADL689" s="613"/>
      <c r="ADM689" s="613"/>
      <c r="ADN689" s="613"/>
      <c r="ADO689" s="613"/>
      <c r="ADP689" s="613"/>
      <c r="ADQ689" s="613"/>
      <c r="ADR689" s="613"/>
      <c r="ADS689" s="613"/>
      <c r="ADT689" s="613"/>
      <c r="ADU689" s="613"/>
      <c r="ADV689" s="613"/>
      <c r="ADW689" s="613"/>
      <c r="ADX689" s="613"/>
      <c r="ADY689" s="613"/>
      <c r="ADZ689" s="613"/>
      <c r="AEA689" s="613"/>
      <c r="AEB689" s="613"/>
      <c r="AEC689" s="613"/>
      <c r="AED689" s="613"/>
      <c r="AEE689" s="613"/>
      <c r="AEF689" s="613"/>
      <c r="AEG689" s="613"/>
      <c r="AEH689" s="613"/>
      <c r="AEI689" s="613"/>
      <c r="AEJ689" s="613"/>
      <c r="AEK689" s="613"/>
      <c r="AEL689" s="613"/>
      <c r="AEM689" s="613"/>
      <c r="AEN689" s="613"/>
      <c r="AEO689" s="613"/>
      <c r="AEP689" s="613"/>
      <c r="AEQ689" s="613"/>
      <c r="AER689" s="613"/>
      <c r="AES689" s="613"/>
      <c r="AET689" s="613"/>
      <c r="AEU689" s="613"/>
      <c r="AEV689" s="613"/>
      <c r="AEW689" s="613"/>
      <c r="AEX689" s="613"/>
      <c r="AEY689" s="613"/>
      <c r="AEZ689" s="613"/>
      <c r="AFA689" s="613"/>
      <c r="AFB689" s="613"/>
      <c r="AFC689" s="613"/>
      <c r="AFD689" s="613"/>
      <c r="AFE689" s="613"/>
      <c r="AFF689" s="613"/>
      <c r="AFG689" s="613"/>
      <c r="AFH689" s="613"/>
      <c r="AFI689" s="613"/>
      <c r="AFJ689" s="613"/>
      <c r="AFK689" s="613"/>
      <c r="AFL689" s="613"/>
      <c r="AFM689" s="613"/>
      <c r="AFN689" s="613"/>
      <c r="AFO689" s="613"/>
      <c r="AFP689" s="613"/>
      <c r="AFQ689" s="613"/>
      <c r="AFR689" s="613"/>
      <c r="AFS689" s="613"/>
      <c r="AFT689" s="613"/>
      <c r="AFU689" s="613"/>
      <c r="AFV689" s="613"/>
      <c r="AFW689" s="613"/>
      <c r="AFX689" s="613"/>
      <c r="AFY689" s="613"/>
      <c r="AFZ689" s="613"/>
      <c r="AGA689" s="613"/>
      <c r="AGB689" s="613"/>
      <c r="AGC689" s="613"/>
      <c r="AGD689" s="613"/>
      <c r="AGE689" s="613"/>
      <c r="AGF689" s="613"/>
      <c r="AGG689" s="613"/>
      <c r="AGH689" s="613"/>
      <c r="AGI689" s="613"/>
      <c r="AGJ689" s="613"/>
      <c r="AGK689" s="613"/>
      <c r="AGL689" s="613"/>
      <c r="AGM689" s="613"/>
      <c r="AGN689" s="613"/>
      <c r="AGO689" s="613"/>
      <c r="AGP689" s="613"/>
      <c r="AGQ689" s="613"/>
      <c r="AGR689" s="613"/>
      <c r="AGS689" s="613"/>
      <c r="AGT689" s="613"/>
      <c r="AGU689" s="613"/>
      <c r="AGV689" s="613"/>
      <c r="AGW689" s="613"/>
      <c r="AGX689" s="613"/>
      <c r="AGY689" s="613"/>
      <c r="AGZ689" s="613"/>
      <c r="AHA689" s="613"/>
      <c r="AHB689" s="613"/>
      <c r="AHC689" s="613"/>
      <c r="AHD689" s="613"/>
      <c r="AHE689" s="613"/>
      <c r="AHF689" s="613"/>
      <c r="AHG689" s="613"/>
      <c r="AHH689" s="613"/>
      <c r="AHI689" s="613"/>
      <c r="AHJ689" s="613"/>
      <c r="AHK689" s="613"/>
      <c r="AHL689" s="613"/>
      <c r="AHM689" s="613"/>
      <c r="AHN689" s="613"/>
      <c r="AHO689" s="613"/>
      <c r="AHP689" s="613"/>
      <c r="AHQ689" s="613"/>
      <c r="AHR689" s="613"/>
      <c r="AHS689" s="613"/>
      <c r="AHT689" s="613"/>
      <c r="AHU689" s="613"/>
      <c r="AHV689" s="613"/>
      <c r="AHW689" s="613"/>
      <c r="AHX689" s="613"/>
      <c r="AHY689" s="613"/>
      <c r="AHZ689" s="613"/>
      <c r="AIA689" s="613"/>
      <c r="AIB689" s="613"/>
      <c r="AIC689" s="613"/>
      <c r="AID689" s="613"/>
      <c r="AIE689" s="613"/>
      <c r="AIF689" s="613"/>
      <c r="AIG689" s="613"/>
      <c r="AIH689" s="613"/>
      <c r="AII689" s="613"/>
      <c r="AIJ689" s="613"/>
      <c r="AIK689" s="613"/>
      <c r="AIL689" s="613"/>
      <c r="AIM689" s="613"/>
      <c r="AIN689" s="613"/>
      <c r="AIO689" s="613"/>
      <c r="AIP689" s="613"/>
      <c r="AIQ689" s="613"/>
      <c r="AIR689" s="613"/>
      <c r="AIS689" s="613"/>
      <c r="AIT689" s="613"/>
      <c r="AIU689" s="613"/>
      <c r="AIV689" s="613"/>
      <c r="AIW689" s="613"/>
      <c r="AIX689" s="613"/>
      <c r="AIY689" s="613"/>
      <c r="AIZ689" s="613"/>
      <c r="AJA689" s="613"/>
      <c r="AJB689" s="613"/>
      <c r="AJC689" s="613"/>
      <c r="AJD689" s="613"/>
      <c r="AJE689" s="613"/>
      <c r="AJF689" s="613"/>
      <c r="AJG689" s="613"/>
      <c r="AJH689" s="613"/>
      <c r="AJI689" s="613"/>
      <c r="AJJ689" s="613"/>
      <c r="AJK689" s="613"/>
      <c r="AJL689" s="613"/>
      <c r="AJM689" s="613"/>
      <c r="AJN689" s="613"/>
      <c r="AJO689" s="613"/>
      <c r="AJP689" s="613"/>
      <c r="AJQ689" s="613"/>
      <c r="AJR689" s="613"/>
      <c r="AJS689" s="613"/>
      <c r="AJT689" s="613"/>
      <c r="AJU689" s="613"/>
      <c r="AJV689" s="613"/>
      <c r="AJW689" s="613"/>
      <c r="AJX689" s="613"/>
      <c r="AJY689" s="613"/>
      <c r="AJZ689" s="613"/>
      <c r="AKA689" s="613"/>
      <c r="AKB689" s="613"/>
      <c r="AKC689" s="613"/>
      <c r="AKD689" s="613"/>
      <c r="AKE689" s="613"/>
      <c r="AKF689" s="613"/>
      <c r="AKG689" s="613"/>
      <c r="AKH689" s="613"/>
      <c r="AKI689" s="613"/>
      <c r="AKJ689" s="613"/>
      <c r="AKK689" s="613"/>
      <c r="AKL689" s="613"/>
      <c r="AKM689" s="613"/>
      <c r="AKN689" s="613"/>
      <c r="AKO689" s="613"/>
      <c r="AKP689" s="613"/>
      <c r="AKQ689" s="613"/>
      <c r="AKR689" s="613"/>
      <c r="AKS689" s="613"/>
      <c r="AKT689" s="613"/>
      <c r="AKU689" s="613"/>
      <c r="AKV689" s="613"/>
      <c r="AKW689" s="613"/>
      <c r="AKX689" s="613"/>
      <c r="AKY689" s="613"/>
      <c r="AKZ689" s="613"/>
      <c r="ALA689" s="613"/>
      <c r="ALB689" s="613"/>
      <c r="ALC689" s="613"/>
      <c r="ALD689" s="613"/>
      <c r="ALE689" s="613"/>
      <c r="ALF689" s="613"/>
      <c r="ALG689" s="613"/>
      <c r="ALH689" s="613"/>
      <c r="ALI689" s="613"/>
      <c r="ALJ689" s="613"/>
      <c r="ALK689" s="613"/>
      <c r="ALL689" s="613"/>
      <c r="ALM689" s="613"/>
      <c r="ALN689" s="613"/>
      <c r="ALO689" s="613"/>
      <c r="ALP689" s="613"/>
      <c r="ALQ689" s="613"/>
      <c r="ALR689" s="613"/>
      <c r="ALS689" s="613"/>
      <c r="ALT689" s="613"/>
      <c r="ALU689" s="613"/>
      <c r="ALV689" s="613"/>
      <c r="ALW689" s="613"/>
      <c r="ALX689" s="613"/>
      <c r="ALY689" s="613"/>
      <c r="ALZ689" s="613"/>
      <c r="AMA689" s="613"/>
      <c r="AMB689" s="613"/>
      <c r="AMC689" s="613"/>
      <c r="AMD689" s="613"/>
      <c r="AME689" s="613"/>
      <c r="AMF689" s="613"/>
      <c r="AMG689" s="613"/>
      <c r="AMH689" s="613"/>
      <c r="AMI689" s="613"/>
      <c r="AMJ689" s="613"/>
      <c r="AMK689" s="613"/>
      <c r="AML689" s="613"/>
      <c r="AMM689" s="613"/>
      <c r="AMN689" s="613"/>
      <c r="AMO689" s="613"/>
      <c r="AMP689" s="613"/>
      <c r="AMQ689" s="613"/>
      <c r="AMR689" s="613"/>
      <c r="AMS689" s="613"/>
      <c r="AMT689" s="613"/>
      <c r="AMU689" s="613"/>
      <c r="AMV689" s="613"/>
      <c r="AMW689" s="613"/>
      <c r="AMX689" s="613"/>
      <c r="AMY689" s="613"/>
      <c r="AMZ689" s="613"/>
      <c r="ANA689" s="613"/>
      <c r="ANB689" s="613"/>
      <c r="ANC689" s="613"/>
      <c r="AND689" s="613"/>
      <c r="ANE689" s="613"/>
      <c r="ANF689" s="613"/>
      <c r="ANG689" s="613"/>
      <c r="ANH689" s="613"/>
      <c r="ANI689" s="613"/>
      <c r="ANJ689" s="613"/>
      <c r="ANK689" s="613"/>
      <c r="ANL689" s="613"/>
      <c r="ANM689" s="613"/>
      <c r="ANN689" s="613"/>
      <c r="ANO689" s="613"/>
      <c r="ANP689" s="613"/>
      <c r="ANQ689" s="613"/>
      <c r="ANR689" s="613"/>
      <c r="ANS689" s="613"/>
      <c r="ANT689" s="613"/>
      <c r="ANU689" s="613"/>
      <c r="ANV689" s="613"/>
      <c r="ANW689" s="613"/>
      <c r="ANX689" s="613"/>
      <c r="ANY689" s="613"/>
      <c r="ANZ689" s="613"/>
      <c r="AOA689" s="613"/>
      <c r="AOB689" s="613"/>
      <c r="AOC689" s="613"/>
      <c r="AOD689" s="613"/>
      <c r="AOE689" s="613"/>
      <c r="AOF689" s="613"/>
      <c r="AOG689" s="613"/>
      <c r="AOH689" s="613"/>
      <c r="AOI689" s="613"/>
      <c r="AOJ689" s="613"/>
      <c r="AOK689" s="613"/>
      <c r="AOL689" s="613"/>
      <c r="AOM689" s="613"/>
      <c r="AON689" s="613"/>
      <c r="AOO689" s="613"/>
      <c r="AOP689" s="613"/>
      <c r="AOQ689" s="613"/>
      <c r="AOR689" s="613"/>
      <c r="AOS689" s="613"/>
      <c r="AOT689" s="613"/>
      <c r="AOU689" s="613"/>
      <c r="AOV689" s="613"/>
      <c r="AOW689" s="613"/>
      <c r="AOX689" s="613"/>
      <c r="AOY689" s="613"/>
      <c r="AOZ689" s="613"/>
      <c r="APA689" s="613"/>
      <c r="APB689" s="613"/>
      <c r="APC689" s="613"/>
      <c r="APD689" s="613"/>
      <c r="APE689" s="613"/>
      <c r="APF689" s="613"/>
      <c r="APG689" s="613"/>
      <c r="APH689" s="613"/>
      <c r="API689" s="613"/>
      <c r="APJ689" s="613"/>
      <c r="APK689" s="613"/>
      <c r="APL689" s="613"/>
      <c r="APM689" s="613"/>
      <c r="APN689" s="613"/>
      <c r="APO689" s="613"/>
      <c r="APP689" s="613"/>
      <c r="APQ689" s="613"/>
      <c r="APR689" s="613"/>
      <c r="APS689" s="613"/>
      <c r="APT689" s="613"/>
      <c r="APU689" s="613"/>
      <c r="APV689" s="613"/>
      <c r="APW689" s="613"/>
      <c r="APX689" s="613"/>
      <c r="APY689" s="613"/>
      <c r="APZ689" s="613"/>
      <c r="AQA689" s="613"/>
      <c r="AQB689" s="613"/>
      <c r="AQC689" s="613"/>
      <c r="AQD689" s="613"/>
      <c r="AQE689" s="613"/>
      <c r="AQF689" s="613"/>
      <c r="AQG689" s="613"/>
      <c r="AQH689" s="613"/>
      <c r="AQI689" s="613"/>
      <c r="AQJ689" s="613"/>
      <c r="AQK689" s="613"/>
      <c r="AQL689" s="613"/>
      <c r="AQM689" s="613"/>
      <c r="AQN689" s="613"/>
      <c r="AQO689" s="613"/>
      <c r="AQP689" s="613"/>
      <c r="AQQ689" s="613"/>
      <c r="AQR689" s="613"/>
      <c r="AQS689" s="613"/>
      <c r="AQT689" s="613"/>
      <c r="AQU689" s="613"/>
      <c r="AQV689" s="613"/>
      <c r="AQW689" s="613"/>
      <c r="AQX689" s="613"/>
      <c r="AQY689" s="613"/>
      <c r="AQZ689" s="613"/>
      <c r="ARA689" s="613"/>
      <c r="ARB689" s="613"/>
      <c r="ARC689" s="613"/>
      <c r="ARD689" s="613"/>
      <c r="ARE689" s="613"/>
      <c r="ARF689" s="613"/>
      <c r="ARG689" s="613"/>
      <c r="ARH689" s="613"/>
      <c r="ARI689" s="613"/>
      <c r="ARJ689" s="613"/>
      <c r="ARK689" s="613"/>
      <c r="ARL689" s="613"/>
      <c r="ARM689" s="613"/>
      <c r="ARN689" s="613"/>
      <c r="ARO689" s="613"/>
      <c r="ARP689" s="613"/>
      <c r="ARQ689" s="613"/>
      <c r="ARR689" s="613"/>
      <c r="ARS689" s="613"/>
      <c r="ART689" s="613"/>
      <c r="ARU689" s="613"/>
      <c r="ARV689" s="613"/>
      <c r="ARW689" s="613"/>
      <c r="ARX689" s="613"/>
      <c r="ARY689" s="613"/>
      <c r="ARZ689" s="613"/>
      <c r="ASA689" s="613"/>
      <c r="ASB689" s="613"/>
      <c r="ASC689" s="613"/>
      <c r="ASD689" s="613"/>
      <c r="ASE689" s="613"/>
      <c r="ASF689" s="613"/>
      <c r="ASG689" s="613"/>
      <c r="ASH689" s="613"/>
      <c r="ASI689" s="613"/>
      <c r="ASJ689" s="613"/>
      <c r="ASK689" s="613"/>
      <c r="ASL689" s="613"/>
      <c r="ASM689" s="613"/>
      <c r="ASN689" s="613"/>
      <c r="ASO689" s="613"/>
      <c r="ASP689" s="613"/>
      <c r="ASQ689" s="613"/>
      <c r="ASR689" s="613"/>
      <c r="ASS689" s="613"/>
      <c r="AST689" s="613"/>
      <c r="ASU689" s="613"/>
      <c r="ASV689" s="613"/>
      <c r="ASW689" s="613"/>
      <c r="ASX689" s="613"/>
      <c r="ASY689" s="613"/>
      <c r="ASZ689" s="613"/>
      <c r="ATA689" s="613"/>
      <c r="ATB689" s="613"/>
      <c r="ATC689" s="613"/>
      <c r="ATD689" s="613"/>
      <c r="ATE689" s="613"/>
      <c r="ATF689" s="613"/>
      <c r="ATG689" s="613"/>
      <c r="ATH689" s="613"/>
      <c r="ATI689" s="613"/>
      <c r="ATJ689" s="613"/>
      <c r="ATK689" s="613"/>
      <c r="ATL689" s="613"/>
      <c r="ATM689" s="613"/>
      <c r="ATN689" s="613"/>
      <c r="ATO689" s="613"/>
      <c r="ATP689" s="613"/>
      <c r="ATQ689" s="613"/>
      <c r="ATR689" s="613"/>
      <c r="ATS689" s="613"/>
      <c r="ATT689" s="613"/>
      <c r="ATU689" s="613"/>
      <c r="ATV689" s="613"/>
      <c r="ATW689" s="613"/>
      <c r="ATX689" s="613"/>
      <c r="ATY689" s="613"/>
      <c r="ATZ689" s="613"/>
      <c r="AUA689" s="613"/>
      <c r="AUB689" s="613"/>
      <c r="AUC689" s="613"/>
      <c r="AUD689" s="613"/>
      <c r="AUE689" s="613"/>
      <c r="AUF689" s="613"/>
      <c r="AUG689" s="613"/>
      <c r="AUH689" s="613"/>
      <c r="AUI689" s="613"/>
      <c r="AUJ689" s="613"/>
      <c r="AUK689" s="613"/>
      <c r="AUL689" s="613"/>
      <c r="AUM689" s="613"/>
      <c r="AUN689" s="613"/>
      <c r="AUO689" s="613"/>
      <c r="AUP689" s="613"/>
      <c r="AUQ689" s="613"/>
      <c r="AUR689" s="613"/>
      <c r="AUS689" s="613"/>
      <c r="AUT689" s="613"/>
      <c r="AUU689" s="613"/>
      <c r="AUV689" s="613"/>
      <c r="AUW689" s="613"/>
      <c r="AUX689" s="613"/>
      <c r="AUY689" s="613"/>
      <c r="AUZ689" s="613"/>
      <c r="AVA689" s="613"/>
      <c r="AVB689" s="613"/>
      <c r="AVC689" s="613"/>
      <c r="AVD689" s="613"/>
      <c r="AVE689" s="613"/>
      <c r="AVF689" s="613"/>
      <c r="AVG689" s="613"/>
      <c r="AVH689" s="613"/>
      <c r="AVI689" s="613"/>
      <c r="AVJ689" s="613"/>
      <c r="AVK689" s="613"/>
      <c r="AVL689" s="613"/>
      <c r="AVM689" s="613"/>
      <c r="AVN689" s="613"/>
      <c r="AVO689" s="613"/>
      <c r="AVP689" s="613"/>
      <c r="AVQ689" s="613"/>
      <c r="AVR689" s="613"/>
      <c r="AVS689" s="613"/>
      <c r="AVT689" s="613"/>
      <c r="AVU689" s="613"/>
      <c r="AVV689" s="613"/>
      <c r="AVW689" s="613"/>
      <c r="AVX689" s="613"/>
      <c r="AVY689" s="613"/>
      <c r="AVZ689" s="613"/>
      <c r="AWA689" s="613"/>
      <c r="AWB689" s="613"/>
      <c r="AWC689" s="613"/>
      <c r="AWD689" s="613"/>
      <c r="AWE689" s="613"/>
      <c r="AWF689" s="613"/>
      <c r="AWG689" s="613"/>
      <c r="AWH689" s="613"/>
      <c r="AWI689" s="613"/>
      <c r="AWJ689" s="613"/>
      <c r="AWK689" s="613"/>
      <c r="AWL689" s="613"/>
      <c r="AWM689" s="613"/>
      <c r="AWN689" s="613"/>
      <c r="AWO689" s="613"/>
      <c r="AWP689" s="613"/>
      <c r="AWQ689" s="613"/>
      <c r="AWR689" s="613"/>
      <c r="AWS689" s="613"/>
      <c r="AWT689" s="613"/>
      <c r="AWU689" s="613"/>
      <c r="AWV689" s="613"/>
      <c r="AWW689" s="613"/>
      <c r="AWX689" s="613"/>
      <c r="AWY689" s="613"/>
      <c r="AWZ689" s="613"/>
      <c r="AXA689" s="613"/>
      <c r="AXB689" s="613"/>
      <c r="AXC689" s="613"/>
      <c r="AXD689" s="613"/>
      <c r="AXE689" s="613"/>
      <c r="AXF689" s="613"/>
      <c r="AXG689" s="613"/>
      <c r="AXH689" s="613"/>
      <c r="AXI689" s="613"/>
      <c r="AXJ689" s="613"/>
      <c r="AXK689" s="613"/>
      <c r="AXL689" s="613"/>
      <c r="AXM689" s="613"/>
      <c r="AXN689" s="613"/>
      <c r="AXO689" s="613"/>
      <c r="AXP689" s="613"/>
      <c r="AXQ689" s="613"/>
      <c r="AXR689" s="613"/>
      <c r="AXS689" s="613"/>
      <c r="AXT689" s="613"/>
      <c r="AXU689" s="613"/>
      <c r="AXV689" s="613"/>
      <c r="AXW689" s="613"/>
      <c r="AXX689" s="613"/>
      <c r="AXY689" s="613"/>
      <c r="AXZ689" s="613"/>
      <c r="AYA689" s="613"/>
      <c r="AYB689" s="613"/>
      <c r="AYC689" s="613"/>
      <c r="AYD689" s="613"/>
      <c r="AYE689" s="613"/>
      <c r="AYF689" s="613"/>
      <c r="AYG689" s="613"/>
      <c r="AYH689" s="613"/>
      <c r="AYI689" s="613"/>
      <c r="AYJ689" s="613"/>
      <c r="AYK689" s="613"/>
      <c r="AYL689" s="613"/>
      <c r="AYM689" s="613"/>
      <c r="AYN689" s="613"/>
      <c r="AYO689" s="613"/>
      <c r="AYP689" s="613"/>
      <c r="AYQ689" s="613"/>
      <c r="AYR689" s="613"/>
      <c r="AYS689" s="613"/>
      <c r="AYT689" s="613"/>
      <c r="AYU689" s="613"/>
      <c r="AYV689" s="613"/>
      <c r="AYW689" s="613"/>
      <c r="AYX689" s="613"/>
      <c r="AYY689" s="613"/>
      <c r="AYZ689" s="613"/>
      <c r="AZA689" s="613"/>
      <c r="AZB689" s="613"/>
      <c r="AZC689" s="613"/>
      <c r="AZD689" s="613"/>
      <c r="AZE689" s="613"/>
      <c r="AZF689" s="613"/>
      <c r="AZG689" s="613"/>
      <c r="AZH689" s="613"/>
      <c r="AZI689" s="613"/>
      <c r="AZJ689" s="613"/>
      <c r="AZK689" s="613"/>
      <c r="AZL689" s="613"/>
      <c r="AZM689" s="613"/>
      <c r="AZN689" s="613"/>
      <c r="AZO689" s="613"/>
      <c r="AZP689" s="613"/>
      <c r="AZQ689" s="613"/>
      <c r="AZR689" s="613"/>
      <c r="AZS689" s="613"/>
      <c r="AZT689" s="613"/>
      <c r="AZU689" s="613"/>
      <c r="AZV689" s="613"/>
      <c r="AZW689" s="613"/>
      <c r="AZX689" s="613"/>
      <c r="AZY689" s="613"/>
      <c r="AZZ689" s="613"/>
      <c r="BAA689" s="613"/>
      <c r="BAB689" s="613"/>
      <c r="BAC689" s="613"/>
      <c r="BAD689" s="613"/>
      <c r="BAE689" s="613"/>
      <c r="BAF689" s="613"/>
      <c r="BAG689" s="613"/>
      <c r="BAH689" s="613"/>
      <c r="BAI689" s="613"/>
      <c r="BAJ689" s="613"/>
      <c r="BAK689" s="613"/>
      <c r="BAL689" s="613"/>
      <c r="BAM689" s="613"/>
      <c r="BAN689" s="613"/>
      <c r="BAO689" s="613"/>
      <c r="BAP689" s="613"/>
      <c r="BAQ689" s="613"/>
      <c r="BAR689" s="613"/>
      <c r="BAS689" s="613"/>
      <c r="BAT689" s="613"/>
      <c r="BAU689" s="613"/>
      <c r="BAV689" s="613"/>
      <c r="BAW689" s="613"/>
      <c r="BAX689" s="613"/>
      <c r="BAY689" s="613"/>
      <c r="BAZ689" s="613"/>
      <c r="BBA689" s="613"/>
      <c r="BBB689" s="613"/>
      <c r="BBC689" s="613"/>
      <c r="BBD689" s="613"/>
      <c r="BBE689" s="613"/>
      <c r="BBF689" s="613"/>
      <c r="BBG689" s="613"/>
      <c r="BBH689" s="613"/>
      <c r="BBI689" s="613"/>
      <c r="BBJ689" s="613"/>
      <c r="BBK689" s="613"/>
      <c r="BBL689" s="613"/>
      <c r="BBM689" s="613"/>
      <c r="BBN689" s="613"/>
      <c r="BBO689" s="613"/>
      <c r="BBP689" s="613"/>
      <c r="BBQ689" s="613"/>
      <c r="BBR689" s="613"/>
      <c r="BBS689" s="613"/>
      <c r="BBT689" s="613"/>
      <c r="BBU689" s="613"/>
      <c r="BBV689" s="613"/>
      <c r="BBW689" s="613"/>
      <c r="BBX689" s="613"/>
      <c r="BBY689" s="613"/>
      <c r="BBZ689" s="613"/>
      <c r="BCA689" s="613"/>
      <c r="BCB689" s="613"/>
      <c r="BCC689" s="613"/>
      <c r="BCD689" s="613"/>
      <c r="BCE689" s="613"/>
      <c r="BCF689" s="613"/>
      <c r="BCG689" s="613"/>
      <c r="BCH689" s="613"/>
      <c r="BCI689" s="613"/>
      <c r="BCJ689" s="613"/>
      <c r="BCK689" s="613"/>
      <c r="BCL689" s="613"/>
      <c r="BCM689" s="613"/>
      <c r="BCN689" s="613"/>
      <c r="BCO689" s="613"/>
      <c r="BCP689" s="613"/>
      <c r="BCQ689" s="613"/>
      <c r="BCR689" s="613"/>
      <c r="BCS689" s="613"/>
      <c r="BCT689" s="613"/>
      <c r="BCU689" s="613"/>
      <c r="BCV689" s="613"/>
      <c r="BCW689" s="613"/>
      <c r="BCX689" s="613"/>
      <c r="BCY689" s="613"/>
      <c r="BCZ689" s="613"/>
      <c r="BDA689" s="613"/>
      <c r="BDB689" s="613"/>
      <c r="BDC689" s="613"/>
      <c r="BDD689" s="613"/>
      <c r="BDE689" s="613"/>
      <c r="BDF689" s="613"/>
      <c r="BDG689" s="613"/>
      <c r="BDH689" s="613"/>
      <c r="BDI689" s="613"/>
      <c r="BDJ689" s="613"/>
      <c r="BDK689" s="613"/>
      <c r="BDL689" s="613"/>
      <c r="BDM689" s="613"/>
      <c r="BDN689" s="613"/>
      <c r="BDO689" s="613"/>
      <c r="BDP689" s="613"/>
      <c r="BDQ689" s="613"/>
      <c r="BDR689" s="613"/>
      <c r="BDS689" s="613"/>
      <c r="BDT689" s="613"/>
      <c r="BDU689" s="613"/>
      <c r="BDV689" s="613"/>
      <c r="BDW689" s="613"/>
      <c r="BDX689" s="613"/>
      <c r="BDY689" s="613"/>
      <c r="BDZ689" s="613"/>
      <c r="BEA689" s="613"/>
      <c r="BEB689" s="613"/>
      <c r="BEC689" s="613"/>
      <c r="BED689" s="613"/>
      <c r="BEE689" s="613"/>
      <c r="BEF689" s="613"/>
      <c r="BEG689" s="613"/>
      <c r="BEH689" s="613"/>
      <c r="BEI689" s="613"/>
      <c r="BEJ689" s="613"/>
      <c r="BEK689" s="613"/>
      <c r="BEL689" s="613"/>
      <c r="BEM689" s="613"/>
      <c r="BEN689" s="613"/>
      <c r="BEO689" s="613"/>
      <c r="BEP689" s="613"/>
      <c r="BEQ689" s="613"/>
      <c r="BER689" s="613"/>
      <c r="BES689" s="613"/>
      <c r="BET689" s="613"/>
      <c r="BEU689" s="613"/>
      <c r="BEV689" s="613"/>
      <c r="BEW689" s="613"/>
      <c r="BEX689" s="613"/>
      <c r="BEY689" s="613"/>
      <c r="BEZ689" s="613"/>
      <c r="BFA689" s="613"/>
      <c r="BFB689" s="613"/>
      <c r="BFC689" s="613"/>
      <c r="BFD689" s="613"/>
      <c r="BFE689" s="613"/>
      <c r="BFF689" s="613"/>
      <c r="BFG689" s="613"/>
      <c r="BFH689" s="613"/>
      <c r="BFI689" s="613"/>
      <c r="BFJ689" s="613"/>
      <c r="BFK689" s="613"/>
      <c r="BFL689" s="613"/>
      <c r="BFM689" s="613"/>
      <c r="BFN689" s="613"/>
      <c r="BFO689" s="613"/>
      <c r="BFP689" s="613"/>
      <c r="BFQ689" s="613"/>
      <c r="BFR689" s="613"/>
      <c r="BFS689" s="613"/>
      <c r="BFT689" s="613"/>
      <c r="BFU689" s="613"/>
      <c r="BFV689" s="613"/>
      <c r="BFW689" s="613"/>
      <c r="BFX689" s="613"/>
      <c r="BFY689" s="613"/>
      <c r="BFZ689" s="613"/>
      <c r="BGA689" s="613"/>
      <c r="BGB689" s="613"/>
      <c r="BGC689" s="613"/>
      <c r="BGD689" s="613"/>
      <c r="BGE689" s="613"/>
      <c r="BGF689" s="613"/>
      <c r="BGG689" s="613"/>
      <c r="BGH689" s="613"/>
      <c r="BGI689" s="613"/>
      <c r="BGJ689" s="613"/>
      <c r="BGK689" s="613"/>
      <c r="BGL689" s="613"/>
      <c r="BGM689" s="613"/>
      <c r="BGN689" s="613"/>
      <c r="BGO689" s="613"/>
      <c r="BGP689" s="613"/>
      <c r="BGQ689" s="613"/>
      <c r="BGR689" s="613"/>
      <c r="BGS689" s="613"/>
      <c r="BGT689" s="613"/>
      <c r="BGU689" s="613"/>
      <c r="BGV689" s="613"/>
      <c r="BGW689" s="613"/>
      <c r="BGX689" s="613"/>
      <c r="BGY689" s="613"/>
      <c r="BGZ689" s="613"/>
      <c r="BHA689" s="613"/>
      <c r="BHB689" s="613"/>
      <c r="BHC689" s="613"/>
      <c r="BHD689" s="613"/>
      <c r="BHE689" s="613"/>
      <c r="BHF689" s="613"/>
      <c r="BHG689" s="613"/>
      <c r="BHH689" s="613"/>
      <c r="BHI689" s="613"/>
      <c r="BHJ689" s="613"/>
      <c r="BHK689" s="613"/>
      <c r="BHL689" s="613"/>
      <c r="BHM689" s="613"/>
      <c r="BHN689" s="613"/>
      <c r="BHO689" s="613"/>
      <c r="BHP689" s="613"/>
      <c r="BHQ689" s="613"/>
      <c r="BHR689" s="613"/>
      <c r="BHS689" s="613"/>
      <c r="BHT689" s="613"/>
      <c r="BHU689" s="613"/>
      <c r="BHV689" s="613"/>
      <c r="BHW689" s="613"/>
      <c r="BHX689" s="613"/>
      <c r="BHY689" s="613"/>
      <c r="BHZ689" s="613"/>
      <c r="BIA689" s="613"/>
      <c r="BIB689" s="613"/>
      <c r="BIC689" s="613"/>
      <c r="BID689" s="613"/>
      <c r="BIE689" s="613"/>
      <c r="BIF689" s="613"/>
      <c r="BIG689" s="613"/>
      <c r="BIH689" s="613"/>
      <c r="BII689" s="613"/>
      <c r="BIJ689" s="613"/>
      <c r="BIK689" s="613"/>
      <c r="BIL689" s="613"/>
      <c r="BIM689" s="613"/>
      <c r="BIN689" s="613"/>
      <c r="BIO689" s="613"/>
      <c r="BIP689" s="613"/>
      <c r="BIQ689" s="613"/>
      <c r="BIR689" s="613"/>
      <c r="BIS689" s="613"/>
      <c r="BIT689" s="613"/>
      <c r="BIU689" s="613"/>
      <c r="BIV689" s="613"/>
      <c r="BIW689" s="613"/>
      <c r="BIX689" s="613"/>
      <c r="BIY689" s="613"/>
      <c r="BIZ689" s="613"/>
      <c r="BJA689" s="613"/>
      <c r="BJB689" s="613"/>
      <c r="BJC689" s="613"/>
      <c r="BJD689" s="613"/>
      <c r="BJE689" s="613"/>
      <c r="BJF689" s="613"/>
      <c r="BJG689" s="613"/>
      <c r="BJH689" s="613"/>
      <c r="BJI689" s="613"/>
      <c r="BJJ689" s="613"/>
      <c r="BJK689" s="613"/>
      <c r="BJL689" s="613"/>
      <c r="BJM689" s="613"/>
      <c r="BJN689" s="613"/>
      <c r="BJO689" s="613"/>
      <c r="BJP689" s="613"/>
      <c r="BJQ689" s="613"/>
      <c r="BJR689" s="613"/>
      <c r="BJS689" s="613"/>
      <c r="BJT689" s="613"/>
      <c r="BJU689" s="613"/>
      <c r="BJV689" s="613"/>
      <c r="BJW689" s="613"/>
      <c r="BJX689" s="613"/>
      <c r="BJY689" s="613"/>
      <c r="BJZ689" s="613"/>
      <c r="BKA689" s="613"/>
      <c r="BKB689" s="613"/>
      <c r="BKC689" s="613"/>
      <c r="BKD689" s="613"/>
      <c r="BKE689" s="613"/>
      <c r="BKF689" s="613"/>
      <c r="BKG689" s="613"/>
      <c r="BKH689" s="613"/>
      <c r="BKI689" s="613"/>
      <c r="BKJ689" s="613"/>
      <c r="BKK689" s="613"/>
      <c r="BKL689" s="613"/>
      <c r="BKM689" s="613"/>
      <c r="BKN689" s="613"/>
      <c r="BKO689" s="613"/>
      <c r="BKP689" s="613"/>
      <c r="BKQ689" s="613"/>
      <c r="BKR689" s="613"/>
      <c r="BKS689" s="613"/>
      <c r="BKT689" s="613"/>
      <c r="BKU689" s="613"/>
      <c r="BKV689" s="613"/>
      <c r="BKW689" s="613"/>
      <c r="BKX689" s="613"/>
      <c r="BKY689" s="613"/>
      <c r="BKZ689" s="613"/>
      <c r="BLA689" s="613"/>
      <c r="BLB689" s="613"/>
      <c r="BLC689" s="613"/>
      <c r="BLD689" s="613"/>
      <c r="BLE689" s="613"/>
      <c r="BLF689" s="613"/>
      <c r="BLG689" s="613"/>
      <c r="BLH689" s="613"/>
      <c r="BLI689" s="613"/>
      <c r="BLJ689" s="613"/>
      <c r="BLK689" s="613"/>
      <c r="BLL689" s="613"/>
      <c r="BLM689" s="613"/>
      <c r="BLN689" s="613"/>
      <c r="BLO689" s="613"/>
      <c r="BLP689" s="613"/>
      <c r="BLQ689" s="613"/>
      <c r="BLR689" s="613"/>
      <c r="BLS689" s="613"/>
      <c r="BLT689" s="613"/>
      <c r="BLU689" s="613"/>
      <c r="BLV689" s="613"/>
      <c r="BLW689" s="613"/>
      <c r="BLX689" s="613"/>
      <c r="BLY689" s="613"/>
      <c r="BLZ689" s="613"/>
      <c r="BMA689" s="613"/>
      <c r="BMB689" s="613"/>
      <c r="BMC689" s="613"/>
      <c r="BMD689" s="613"/>
      <c r="BME689" s="613"/>
      <c r="BMF689" s="613"/>
      <c r="BMG689" s="613"/>
      <c r="BMH689" s="613"/>
      <c r="BMI689" s="613"/>
      <c r="BMJ689" s="613"/>
      <c r="BMK689" s="613"/>
      <c r="BML689" s="613"/>
      <c r="BMM689" s="613"/>
      <c r="BMN689" s="613"/>
      <c r="BMO689" s="613"/>
      <c r="BMP689" s="613"/>
      <c r="BMQ689" s="613"/>
      <c r="BMR689" s="613"/>
      <c r="BMS689" s="613"/>
      <c r="BMT689" s="613"/>
      <c r="BMU689" s="613"/>
      <c r="BMV689" s="613"/>
      <c r="BMW689" s="613"/>
      <c r="BMX689" s="613"/>
      <c r="BMY689" s="613"/>
      <c r="BMZ689" s="613"/>
      <c r="BNA689" s="613"/>
      <c r="BNB689" s="613"/>
      <c r="BNC689" s="613"/>
      <c r="BND689" s="613"/>
      <c r="BNE689" s="613"/>
      <c r="BNF689" s="613"/>
      <c r="BNG689" s="613"/>
      <c r="BNH689" s="613"/>
      <c r="BNI689" s="613"/>
      <c r="BNJ689" s="613"/>
      <c r="BNK689" s="613"/>
      <c r="BNL689" s="613"/>
      <c r="BNM689" s="613"/>
      <c r="BNN689" s="613"/>
      <c r="BNO689" s="613"/>
      <c r="BNP689" s="613"/>
      <c r="BNQ689" s="613"/>
      <c r="BNR689" s="613"/>
      <c r="BNS689" s="613"/>
      <c r="BNT689" s="613"/>
      <c r="BNU689" s="613"/>
      <c r="BNV689" s="613"/>
      <c r="BNW689" s="613"/>
      <c r="BNX689" s="613"/>
      <c r="BNY689" s="613"/>
      <c r="BNZ689" s="613"/>
      <c r="BOA689" s="613"/>
      <c r="BOB689" s="613"/>
      <c r="BOC689" s="613"/>
      <c r="BOD689" s="613"/>
      <c r="BOE689" s="613"/>
      <c r="BOF689" s="613"/>
      <c r="BOG689" s="613"/>
      <c r="BOH689" s="613"/>
      <c r="BOI689" s="613"/>
      <c r="BOJ689" s="613"/>
      <c r="BOK689" s="613"/>
      <c r="BOL689" s="613"/>
      <c r="BOM689" s="613"/>
      <c r="BON689" s="613"/>
      <c r="BOO689" s="613"/>
      <c r="BOP689" s="613"/>
      <c r="BOQ689" s="613"/>
      <c r="BOR689" s="613"/>
      <c r="BOS689" s="613"/>
      <c r="BOT689" s="613"/>
      <c r="BOU689" s="613"/>
      <c r="BOV689" s="613"/>
      <c r="BOW689" s="613"/>
      <c r="BOX689" s="613"/>
      <c r="BOY689" s="613"/>
      <c r="BOZ689" s="613"/>
      <c r="BPA689" s="613"/>
      <c r="BPB689" s="613"/>
      <c r="BPC689" s="613"/>
      <c r="BPD689" s="613"/>
      <c r="BPE689" s="613"/>
      <c r="BPF689" s="613"/>
      <c r="BPG689" s="613"/>
      <c r="BPH689" s="613"/>
      <c r="BPI689" s="613"/>
      <c r="BPJ689" s="613"/>
      <c r="BPK689" s="613"/>
      <c r="BPL689" s="613"/>
      <c r="BPM689" s="613"/>
      <c r="BPN689" s="613"/>
      <c r="BPO689" s="613"/>
      <c r="BPP689" s="613"/>
      <c r="BPQ689" s="613"/>
      <c r="BPR689" s="613"/>
      <c r="BPS689" s="613"/>
      <c r="BPT689" s="613"/>
      <c r="BPU689" s="613"/>
      <c r="BPV689" s="613"/>
      <c r="BPW689" s="613"/>
      <c r="BPX689" s="613"/>
      <c r="BPY689" s="613"/>
      <c r="BPZ689" s="613"/>
      <c r="BQA689" s="613"/>
      <c r="BQB689" s="613"/>
      <c r="BQC689" s="613"/>
      <c r="BQD689" s="613"/>
      <c r="BQE689" s="613"/>
      <c r="BQF689" s="613"/>
      <c r="BQG689" s="613"/>
      <c r="BQH689" s="613"/>
      <c r="BQI689" s="613"/>
      <c r="BQJ689" s="613"/>
      <c r="BQK689" s="613"/>
      <c r="BQL689" s="613"/>
      <c r="BQM689" s="613"/>
      <c r="BQN689" s="613"/>
      <c r="BQO689" s="613"/>
      <c r="BQP689" s="613"/>
      <c r="BQQ689" s="613"/>
      <c r="BQR689" s="613"/>
      <c r="BQS689" s="613"/>
      <c r="BQT689" s="613"/>
      <c r="BQU689" s="613"/>
      <c r="BQV689" s="613"/>
      <c r="BQW689" s="613"/>
      <c r="BQX689" s="613"/>
      <c r="BQY689" s="613"/>
      <c r="BQZ689" s="613"/>
      <c r="BRA689" s="613"/>
      <c r="BRB689" s="613"/>
      <c r="BRC689" s="613"/>
      <c r="BRD689" s="613"/>
      <c r="BRE689" s="613"/>
      <c r="BRF689" s="613"/>
      <c r="BRG689" s="613"/>
      <c r="BRH689" s="613"/>
      <c r="BRI689" s="613"/>
      <c r="BRJ689" s="613"/>
      <c r="BRK689" s="613"/>
      <c r="BRL689" s="613"/>
      <c r="BRM689" s="613"/>
      <c r="BRN689" s="613"/>
      <c r="BRO689" s="613"/>
      <c r="BRP689" s="613"/>
      <c r="BRQ689" s="613"/>
      <c r="BRR689" s="613"/>
      <c r="BRS689" s="613"/>
      <c r="BRT689" s="613"/>
      <c r="BRU689" s="613"/>
      <c r="BRV689" s="613"/>
      <c r="BRW689" s="613"/>
      <c r="BRX689" s="613"/>
      <c r="BRY689" s="613"/>
      <c r="BRZ689" s="613"/>
      <c r="BSA689" s="613"/>
      <c r="BSB689" s="613"/>
      <c r="BSC689" s="613"/>
      <c r="BSD689" s="613"/>
      <c r="BSE689" s="613"/>
      <c r="BSF689" s="613"/>
      <c r="BSG689" s="613"/>
      <c r="BSH689" s="613"/>
      <c r="BSI689" s="613"/>
      <c r="BSJ689" s="613"/>
      <c r="BSK689" s="613"/>
      <c r="BSL689" s="613"/>
      <c r="BSM689" s="613"/>
      <c r="BSN689" s="613"/>
      <c r="BSO689" s="613"/>
      <c r="BSP689" s="613"/>
      <c r="BSQ689" s="613"/>
      <c r="BSR689" s="613"/>
      <c r="BSS689" s="613"/>
      <c r="BST689" s="613"/>
      <c r="BSU689" s="613"/>
      <c r="BSV689" s="613"/>
      <c r="BSW689" s="613"/>
      <c r="BSX689" s="613"/>
      <c r="BSY689" s="613"/>
      <c r="BSZ689" s="613"/>
      <c r="BTA689" s="613"/>
      <c r="BTB689" s="613"/>
      <c r="BTC689" s="613"/>
      <c r="BTD689" s="613"/>
      <c r="BTE689" s="613"/>
      <c r="BTF689" s="613"/>
      <c r="BTG689" s="613"/>
      <c r="BTH689" s="613"/>
      <c r="BTI689" s="613"/>
      <c r="BTJ689" s="613"/>
      <c r="BTK689" s="613"/>
      <c r="BTL689" s="613"/>
      <c r="BTM689" s="613"/>
      <c r="BTN689" s="613"/>
      <c r="BTO689" s="613"/>
      <c r="BTP689" s="613"/>
      <c r="BTQ689" s="613"/>
      <c r="BTR689" s="613"/>
      <c r="BTS689" s="613"/>
      <c r="BTT689" s="613"/>
      <c r="BTU689" s="613"/>
      <c r="BTV689" s="613"/>
      <c r="BTW689" s="613"/>
      <c r="BTX689" s="613"/>
      <c r="BTY689" s="613"/>
      <c r="BTZ689" s="613"/>
      <c r="BUA689" s="613"/>
      <c r="BUB689" s="613"/>
      <c r="BUC689" s="613"/>
      <c r="BUD689" s="613"/>
      <c r="BUE689" s="613"/>
      <c r="BUF689" s="613"/>
      <c r="BUG689" s="613"/>
      <c r="BUH689" s="613"/>
      <c r="BUI689" s="613"/>
      <c r="BUJ689" s="613"/>
      <c r="BUK689" s="613"/>
      <c r="BUL689" s="613"/>
      <c r="BUM689" s="613"/>
      <c r="BUN689" s="613"/>
      <c r="BUO689" s="613"/>
      <c r="BUP689" s="613"/>
      <c r="BUQ689" s="613"/>
      <c r="BUR689" s="613"/>
      <c r="BUS689" s="613"/>
      <c r="BUT689" s="613"/>
      <c r="BUU689" s="613"/>
      <c r="BUV689" s="613"/>
      <c r="BUW689" s="613"/>
      <c r="BUX689" s="613"/>
      <c r="BUY689" s="613"/>
      <c r="BUZ689" s="613"/>
      <c r="BVA689" s="613"/>
      <c r="BVB689" s="613"/>
      <c r="BVC689" s="613"/>
      <c r="BVD689" s="613"/>
      <c r="BVE689" s="613"/>
      <c r="BVF689" s="613"/>
      <c r="BVG689" s="613"/>
      <c r="BVH689" s="613"/>
      <c r="BVI689" s="613"/>
      <c r="BVJ689" s="613"/>
      <c r="BVK689" s="613"/>
      <c r="BVL689" s="613"/>
      <c r="BVM689" s="613"/>
      <c r="BVN689" s="613"/>
      <c r="BVO689" s="613"/>
      <c r="BVP689" s="613"/>
      <c r="BVQ689" s="613"/>
      <c r="BVR689" s="613"/>
      <c r="BVS689" s="613"/>
      <c r="BVT689" s="613"/>
      <c r="BVU689" s="613"/>
      <c r="BVV689" s="613"/>
      <c r="BVW689" s="613"/>
      <c r="BVX689" s="613"/>
      <c r="BVY689" s="613"/>
      <c r="BVZ689" s="613"/>
      <c r="BWA689" s="613"/>
      <c r="BWB689" s="613"/>
      <c r="BWC689" s="613"/>
      <c r="BWD689" s="613"/>
      <c r="BWE689" s="613"/>
      <c r="BWF689" s="613"/>
      <c r="BWG689" s="613"/>
      <c r="BWH689" s="613"/>
      <c r="BWI689" s="613"/>
      <c r="BWJ689" s="613"/>
      <c r="BWK689" s="613"/>
      <c r="BWL689" s="613"/>
      <c r="BWM689" s="613"/>
      <c r="BWN689" s="613"/>
      <c r="BWO689" s="613"/>
      <c r="BWP689" s="613"/>
      <c r="BWQ689" s="613"/>
      <c r="BWR689" s="613"/>
      <c r="BWS689" s="613"/>
      <c r="BWT689" s="613"/>
      <c r="BWU689" s="613"/>
      <c r="BWV689" s="613"/>
      <c r="BWW689" s="613"/>
      <c r="BWX689" s="613"/>
      <c r="BWY689" s="613"/>
      <c r="BWZ689" s="613"/>
      <c r="BXA689" s="613"/>
      <c r="BXB689" s="613"/>
      <c r="BXC689" s="613"/>
      <c r="BXD689" s="613"/>
      <c r="BXE689" s="613"/>
      <c r="BXF689" s="613"/>
      <c r="BXG689" s="613"/>
      <c r="BXH689" s="613"/>
      <c r="BXI689" s="613"/>
      <c r="BXJ689" s="613"/>
      <c r="BXK689" s="613"/>
      <c r="BXL689" s="613"/>
      <c r="BXM689" s="613"/>
      <c r="BXN689" s="613"/>
      <c r="BXO689" s="613"/>
      <c r="BXP689" s="613"/>
      <c r="BXQ689" s="613"/>
      <c r="BXR689" s="613"/>
      <c r="BXS689" s="613"/>
      <c r="BXT689" s="613"/>
      <c r="BXU689" s="613"/>
      <c r="BXV689" s="613"/>
      <c r="BXW689" s="613"/>
      <c r="BXX689" s="613"/>
      <c r="BXY689" s="613"/>
      <c r="BXZ689" s="613"/>
      <c r="BYA689" s="613"/>
      <c r="BYB689" s="613"/>
      <c r="BYC689" s="613"/>
      <c r="BYD689" s="613"/>
      <c r="BYE689" s="613"/>
      <c r="BYF689" s="613"/>
      <c r="BYG689" s="613"/>
      <c r="BYH689" s="613"/>
      <c r="BYI689" s="613"/>
      <c r="BYJ689" s="613"/>
      <c r="BYK689" s="613"/>
      <c r="BYL689" s="613"/>
      <c r="BYM689" s="613"/>
      <c r="BYN689" s="613"/>
      <c r="BYO689" s="613"/>
      <c r="BYP689" s="613"/>
      <c r="BYQ689" s="613"/>
      <c r="BYR689" s="613"/>
      <c r="BYS689" s="613"/>
      <c r="BYT689" s="613"/>
      <c r="BYU689" s="613"/>
      <c r="BYV689" s="613"/>
      <c r="BYW689" s="613"/>
      <c r="BYX689" s="613"/>
      <c r="BYY689" s="613"/>
      <c r="BYZ689" s="613"/>
      <c r="BZA689" s="613"/>
      <c r="BZB689" s="613"/>
      <c r="BZC689" s="613"/>
      <c r="BZD689" s="613"/>
      <c r="BZE689" s="613"/>
      <c r="BZF689" s="613"/>
      <c r="BZG689" s="613"/>
      <c r="BZH689" s="613"/>
      <c r="BZI689" s="613"/>
      <c r="BZJ689" s="613"/>
      <c r="BZK689" s="613"/>
      <c r="BZL689" s="613"/>
      <c r="BZM689" s="613"/>
      <c r="BZN689" s="613"/>
      <c r="BZO689" s="613"/>
      <c r="BZP689" s="613"/>
      <c r="BZQ689" s="613"/>
      <c r="BZR689" s="613"/>
      <c r="BZS689" s="613"/>
      <c r="BZT689" s="613"/>
      <c r="BZU689" s="613"/>
      <c r="BZV689" s="613"/>
      <c r="BZW689" s="613"/>
      <c r="BZX689" s="613"/>
      <c r="BZY689" s="613"/>
      <c r="BZZ689" s="613"/>
      <c r="CAA689" s="613"/>
      <c r="CAB689" s="613"/>
      <c r="CAC689" s="613"/>
      <c r="CAD689" s="613"/>
      <c r="CAE689" s="613"/>
      <c r="CAF689" s="613"/>
      <c r="CAG689" s="613"/>
      <c r="CAH689" s="613"/>
      <c r="CAI689" s="613"/>
      <c r="CAJ689" s="613"/>
      <c r="CAK689" s="613"/>
      <c r="CAL689" s="613"/>
      <c r="CAM689" s="613"/>
      <c r="CAN689" s="613"/>
      <c r="CAO689" s="613"/>
      <c r="CAP689" s="613"/>
      <c r="CAQ689" s="613"/>
      <c r="CAR689" s="613"/>
      <c r="CAS689" s="613"/>
      <c r="CAT689" s="613"/>
      <c r="CAU689" s="613"/>
      <c r="CAV689" s="613"/>
      <c r="CAW689" s="613"/>
      <c r="CAX689" s="613"/>
      <c r="CAY689" s="613"/>
      <c r="CAZ689" s="613"/>
      <c r="CBA689" s="613"/>
      <c r="CBB689" s="613"/>
      <c r="CBC689" s="613"/>
      <c r="CBD689" s="613"/>
      <c r="CBE689" s="613"/>
      <c r="CBF689" s="613"/>
      <c r="CBG689" s="613"/>
      <c r="CBH689" s="613"/>
      <c r="CBI689" s="613"/>
      <c r="CBJ689" s="613"/>
      <c r="CBK689" s="613"/>
      <c r="CBL689" s="613"/>
      <c r="CBM689" s="613"/>
      <c r="CBN689" s="613"/>
      <c r="CBO689" s="613"/>
      <c r="CBP689" s="613"/>
      <c r="CBQ689" s="613"/>
      <c r="CBR689" s="613"/>
      <c r="CBS689" s="613"/>
      <c r="CBT689" s="613"/>
      <c r="CBU689" s="613"/>
      <c r="CBV689" s="613"/>
      <c r="CBW689" s="613"/>
      <c r="CBX689" s="613"/>
      <c r="CBY689" s="613"/>
      <c r="CBZ689" s="613"/>
      <c r="CCA689" s="613"/>
      <c r="CCB689" s="613"/>
      <c r="CCC689" s="613"/>
      <c r="CCD689" s="613"/>
      <c r="CCE689" s="613"/>
      <c r="CCF689" s="613"/>
      <c r="CCG689" s="613"/>
      <c r="CCH689" s="613"/>
      <c r="CCI689" s="613"/>
      <c r="CCJ689" s="613"/>
      <c r="CCK689" s="613"/>
      <c r="CCL689" s="613"/>
      <c r="CCM689" s="613"/>
      <c r="CCN689" s="613"/>
      <c r="CCO689" s="613"/>
      <c r="CCP689" s="613"/>
      <c r="CCQ689" s="613"/>
      <c r="CCR689" s="613"/>
      <c r="CCS689" s="613"/>
      <c r="CCT689" s="613"/>
      <c r="CCU689" s="613"/>
      <c r="CCV689" s="613"/>
      <c r="CCW689" s="613"/>
      <c r="CCX689" s="613"/>
      <c r="CCY689" s="613"/>
      <c r="CCZ689" s="613"/>
      <c r="CDA689" s="613"/>
      <c r="CDB689" s="613"/>
      <c r="CDC689" s="613"/>
      <c r="CDD689" s="613"/>
      <c r="CDE689" s="613"/>
      <c r="CDF689" s="613"/>
      <c r="CDG689" s="613"/>
      <c r="CDH689" s="613"/>
      <c r="CDI689" s="613"/>
      <c r="CDJ689" s="613"/>
      <c r="CDK689" s="613"/>
      <c r="CDL689" s="613"/>
      <c r="CDM689" s="613"/>
      <c r="CDN689" s="613"/>
      <c r="CDO689" s="613"/>
      <c r="CDP689" s="613"/>
      <c r="CDQ689" s="613"/>
      <c r="CDR689" s="613"/>
      <c r="CDS689" s="613"/>
      <c r="CDT689" s="613"/>
      <c r="CDU689" s="613"/>
      <c r="CDV689" s="613"/>
      <c r="CDW689" s="613"/>
      <c r="CDX689" s="613"/>
      <c r="CDY689" s="613"/>
      <c r="CDZ689" s="613"/>
      <c r="CEA689" s="613"/>
      <c r="CEB689" s="613"/>
      <c r="CEC689" s="613"/>
      <c r="CED689" s="613"/>
      <c r="CEE689" s="613"/>
      <c r="CEF689" s="613"/>
      <c r="CEG689" s="613"/>
      <c r="CEH689" s="613"/>
      <c r="CEI689" s="613"/>
      <c r="CEJ689" s="613"/>
      <c r="CEK689" s="613"/>
      <c r="CEL689" s="613"/>
      <c r="CEM689" s="613"/>
      <c r="CEN689" s="613"/>
      <c r="CEO689" s="613"/>
      <c r="CEP689" s="613"/>
      <c r="CEQ689" s="613"/>
      <c r="CER689" s="613"/>
      <c r="CES689" s="613"/>
      <c r="CET689" s="613"/>
      <c r="CEU689" s="613"/>
      <c r="CEV689" s="613"/>
      <c r="CEW689" s="613"/>
      <c r="CEX689" s="613"/>
      <c r="CEY689" s="613"/>
      <c r="CEZ689" s="613"/>
      <c r="CFA689" s="613"/>
      <c r="CFB689" s="613"/>
      <c r="CFC689" s="613"/>
      <c r="CFD689" s="613"/>
      <c r="CFE689" s="613"/>
      <c r="CFF689" s="613"/>
      <c r="CFG689" s="613"/>
      <c r="CFH689" s="613"/>
      <c r="CFI689" s="613"/>
      <c r="CFJ689" s="613"/>
      <c r="CFK689" s="613"/>
      <c r="CFL689" s="613"/>
      <c r="CFM689" s="613"/>
      <c r="CFN689" s="613"/>
      <c r="CFO689" s="613"/>
      <c r="CFP689" s="613"/>
      <c r="CFQ689" s="613"/>
      <c r="CFR689" s="613"/>
      <c r="CFS689" s="613"/>
      <c r="CFT689" s="613"/>
      <c r="CFU689" s="613"/>
      <c r="CFV689" s="613"/>
      <c r="CFW689" s="613"/>
      <c r="CFX689" s="613"/>
      <c r="CFY689" s="613"/>
      <c r="CFZ689" s="613"/>
      <c r="CGA689" s="613"/>
      <c r="CGB689" s="613"/>
      <c r="CGC689" s="613"/>
      <c r="CGD689" s="613"/>
      <c r="CGE689" s="613"/>
      <c r="CGF689" s="613"/>
      <c r="CGG689" s="613"/>
      <c r="CGH689" s="613"/>
      <c r="CGI689" s="613"/>
      <c r="CGJ689" s="613"/>
      <c r="CGK689" s="613"/>
      <c r="CGL689" s="613"/>
      <c r="CGM689" s="613"/>
      <c r="CGN689" s="613"/>
      <c r="CGO689" s="613"/>
      <c r="CGP689" s="613"/>
      <c r="CGQ689" s="613"/>
      <c r="CGR689" s="613"/>
      <c r="CGS689" s="613"/>
      <c r="CGT689" s="613"/>
      <c r="CGU689" s="613"/>
      <c r="CGV689" s="613"/>
      <c r="CGW689" s="613"/>
      <c r="CGX689" s="613"/>
      <c r="CGY689" s="613"/>
      <c r="CGZ689" s="613"/>
      <c r="CHA689" s="613"/>
      <c r="CHB689" s="613"/>
      <c r="CHC689" s="613"/>
      <c r="CHD689" s="613"/>
      <c r="CHE689" s="613"/>
      <c r="CHF689" s="613"/>
      <c r="CHG689" s="613"/>
      <c r="CHH689" s="613"/>
      <c r="CHI689" s="613"/>
      <c r="CHJ689" s="613"/>
      <c r="CHK689" s="613"/>
      <c r="CHL689" s="613"/>
      <c r="CHM689" s="613"/>
      <c r="CHN689" s="613"/>
      <c r="CHO689" s="613"/>
      <c r="CHP689" s="613"/>
      <c r="CHQ689" s="613"/>
      <c r="CHR689" s="613"/>
      <c r="CHS689" s="613"/>
      <c r="CHT689" s="613"/>
      <c r="CHU689" s="613"/>
      <c r="CHV689" s="613"/>
      <c r="CHW689" s="613"/>
      <c r="CHX689" s="613"/>
      <c r="CHY689" s="613"/>
      <c r="CHZ689" s="613"/>
      <c r="CIA689" s="613"/>
      <c r="CIB689" s="613"/>
      <c r="CIC689" s="613"/>
      <c r="CID689" s="613"/>
      <c r="CIE689" s="613"/>
      <c r="CIF689" s="613"/>
      <c r="CIG689" s="613"/>
      <c r="CIH689" s="613"/>
      <c r="CII689" s="613"/>
      <c r="CIJ689" s="613"/>
      <c r="CIK689" s="613"/>
      <c r="CIL689" s="613"/>
      <c r="CIM689" s="613"/>
      <c r="CIN689" s="613"/>
      <c r="CIO689" s="613"/>
      <c r="CIP689" s="613"/>
      <c r="CIQ689" s="613"/>
      <c r="CIR689" s="613"/>
      <c r="CIS689" s="613"/>
      <c r="CIT689" s="613"/>
      <c r="CIU689" s="613"/>
      <c r="CIV689" s="613"/>
      <c r="CIW689" s="613"/>
      <c r="CIX689" s="613"/>
      <c r="CIY689" s="613"/>
      <c r="CIZ689" s="613"/>
      <c r="CJA689" s="613"/>
      <c r="CJB689" s="613"/>
      <c r="CJC689" s="613"/>
      <c r="CJD689" s="613"/>
      <c r="CJE689" s="613"/>
      <c r="CJF689" s="613"/>
      <c r="CJG689" s="613"/>
      <c r="CJH689" s="613"/>
      <c r="CJI689" s="613"/>
      <c r="CJJ689" s="613"/>
      <c r="CJK689" s="613"/>
      <c r="CJL689" s="613"/>
      <c r="CJM689" s="613"/>
      <c r="CJN689" s="613"/>
      <c r="CJO689" s="613"/>
      <c r="CJP689" s="613"/>
      <c r="CJQ689" s="613"/>
      <c r="CJR689" s="613"/>
      <c r="CJS689" s="613"/>
      <c r="CJT689" s="613"/>
      <c r="CJU689" s="613"/>
      <c r="CJV689" s="613"/>
      <c r="CJW689" s="613"/>
      <c r="CJX689" s="613"/>
      <c r="CJY689" s="613"/>
      <c r="CJZ689" s="613"/>
      <c r="CKA689" s="613"/>
      <c r="CKB689" s="613"/>
      <c r="CKC689" s="613"/>
      <c r="CKD689" s="613"/>
      <c r="CKE689" s="613"/>
      <c r="CKF689" s="613"/>
      <c r="CKG689" s="613"/>
      <c r="CKH689" s="613"/>
      <c r="CKI689" s="613"/>
      <c r="CKJ689" s="613"/>
      <c r="CKK689" s="613"/>
      <c r="CKL689" s="613"/>
      <c r="CKM689" s="613"/>
      <c r="CKN689" s="613"/>
      <c r="CKO689" s="613"/>
      <c r="CKP689" s="613"/>
      <c r="CKQ689" s="613"/>
      <c r="CKR689" s="613"/>
      <c r="CKS689" s="613"/>
      <c r="CKT689" s="613"/>
      <c r="CKU689" s="613"/>
      <c r="CKV689" s="613"/>
      <c r="CKW689" s="613"/>
      <c r="CKX689" s="613"/>
      <c r="CKY689" s="613"/>
      <c r="CKZ689" s="613"/>
      <c r="CLA689" s="613"/>
      <c r="CLB689" s="613"/>
      <c r="CLC689" s="613"/>
      <c r="CLD689" s="613"/>
      <c r="CLE689" s="613"/>
      <c r="CLF689" s="613"/>
      <c r="CLG689" s="613"/>
      <c r="CLH689" s="613"/>
      <c r="CLI689" s="613"/>
      <c r="CLJ689" s="613"/>
      <c r="CLK689" s="613"/>
      <c r="CLL689" s="613"/>
      <c r="CLM689" s="613"/>
      <c r="CLN689" s="613"/>
      <c r="CLO689" s="613"/>
      <c r="CLP689" s="613"/>
      <c r="CLQ689" s="613"/>
      <c r="CLR689" s="613"/>
      <c r="CLS689" s="613"/>
      <c r="CLT689" s="613"/>
      <c r="CLU689" s="613"/>
      <c r="CLV689" s="613"/>
      <c r="CLW689" s="613"/>
      <c r="CLX689" s="613"/>
      <c r="CLY689" s="613"/>
      <c r="CLZ689" s="613"/>
      <c r="CMA689" s="613"/>
      <c r="CMB689" s="613"/>
      <c r="CMC689" s="613"/>
      <c r="CMD689" s="613"/>
      <c r="CME689" s="613"/>
      <c r="CMF689" s="613"/>
      <c r="CMG689" s="613"/>
      <c r="CMH689" s="613"/>
      <c r="CMI689" s="613"/>
      <c r="CMJ689" s="613"/>
      <c r="CMK689" s="613"/>
      <c r="CML689" s="613"/>
      <c r="CMM689" s="613"/>
      <c r="CMN689" s="613"/>
      <c r="CMO689" s="613"/>
      <c r="CMP689" s="613"/>
      <c r="CMQ689" s="613"/>
      <c r="CMR689" s="613"/>
      <c r="CMS689" s="613"/>
      <c r="CMT689" s="613"/>
      <c r="CMU689" s="613"/>
      <c r="CMV689" s="613"/>
      <c r="CMW689" s="613"/>
      <c r="CMX689" s="613"/>
      <c r="CMY689" s="613"/>
      <c r="CMZ689" s="613"/>
      <c r="CNA689" s="613"/>
      <c r="CNB689" s="613"/>
      <c r="CNC689" s="613"/>
      <c r="CND689" s="613"/>
      <c r="CNE689" s="613"/>
      <c r="CNF689" s="613"/>
      <c r="CNG689" s="613"/>
      <c r="CNH689" s="613"/>
      <c r="CNI689" s="613"/>
      <c r="CNJ689" s="613"/>
      <c r="CNK689" s="613"/>
      <c r="CNL689" s="613"/>
      <c r="CNM689" s="613"/>
      <c r="CNN689" s="613"/>
      <c r="CNO689" s="613"/>
      <c r="CNP689" s="613"/>
      <c r="CNQ689" s="613"/>
      <c r="CNR689" s="613"/>
      <c r="CNS689" s="613"/>
      <c r="CNT689" s="613"/>
      <c r="CNU689" s="613"/>
      <c r="CNV689" s="613"/>
      <c r="CNW689" s="613"/>
      <c r="CNX689" s="613"/>
      <c r="CNY689" s="613"/>
      <c r="CNZ689" s="613"/>
      <c r="COA689" s="613"/>
      <c r="COB689" s="613"/>
      <c r="COC689" s="613"/>
      <c r="COD689" s="613"/>
      <c r="COE689" s="613"/>
      <c r="COF689" s="613"/>
      <c r="COG689" s="613"/>
      <c r="COH689" s="613"/>
      <c r="COI689" s="613"/>
      <c r="COJ689" s="613"/>
      <c r="COK689" s="613"/>
      <c r="COL689" s="613"/>
      <c r="COM689" s="613"/>
      <c r="CON689" s="613"/>
      <c r="COO689" s="613"/>
      <c r="COP689" s="613"/>
      <c r="COQ689" s="613"/>
      <c r="COR689" s="613"/>
      <c r="COS689" s="613"/>
      <c r="COT689" s="613"/>
      <c r="COU689" s="613"/>
      <c r="COV689" s="613"/>
      <c r="COW689" s="613"/>
      <c r="COX689" s="613"/>
      <c r="COY689" s="613"/>
      <c r="COZ689" s="613"/>
      <c r="CPA689" s="613"/>
      <c r="CPB689" s="613"/>
      <c r="CPC689" s="613"/>
      <c r="CPD689" s="613"/>
      <c r="CPE689" s="613"/>
      <c r="CPF689" s="613"/>
      <c r="CPG689" s="613"/>
      <c r="CPH689" s="613"/>
      <c r="CPI689" s="613"/>
      <c r="CPJ689" s="613"/>
      <c r="CPK689" s="613"/>
      <c r="CPL689" s="613"/>
      <c r="CPM689" s="613"/>
      <c r="CPN689" s="613"/>
      <c r="CPO689" s="613"/>
      <c r="CPP689" s="613"/>
      <c r="CPQ689" s="613"/>
      <c r="CPR689" s="613"/>
      <c r="CPS689" s="613"/>
      <c r="CPT689" s="613"/>
      <c r="CPU689" s="613"/>
      <c r="CPV689" s="613"/>
      <c r="CPW689" s="613"/>
      <c r="CPX689" s="613"/>
      <c r="CPY689" s="613"/>
      <c r="CPZ689" s="613"/>
      <c r="CQA689" s="613"/>
      <c r="CQB689" s="613"/>
      <c r="CQC689" s="613"/>
      <c r="CQD689" s="613"/>
      <c r="CQE689" s="613"/>
      <c r="CQF689" s="613"/>
      <c r="CQG689" s="613"/>
      <c r="CQH689" s="613"/>
      <c r="CQI689" s="613"/>
      <c r="CQJ689" s="613"/>
      <c r="CQK689" s="613"/>
      <c r="CQL689" s="613"/>
      <c r="CQM689" s="613"/>
      <c r="CQN689" s="613"/>
      <c r="CQO689" s="613"/>
      <c r="CQP689" s="613"/>
      <c r="CQQ689" s="613"/>
      <c r="CQR689" s="613"/>
      <c r="CQS689" s="613"/>
      <c r="CQT689" s="613"/>
      <c r="CQU689" s="613"/>
      <c r="CQV689" s="613"/>
      <c r="CQW689" s="613"/>
      <c r="CQX689" s="613"/>
      <c r="CQY689" s="613"/>
      <c r="CQZ689" s="613"/>
      <c r="CRA689" s="613"/>
      <c r="CRB689" s="613"/>
      <c r="CRC689" s="613"/>
      <c r="CRD689" s="613"/>
      <c r="CRE689" s="613"/>
      <c r="CRF689" s="613"/>
      <c r="CRG689" s="613"/>
      <c r="CRH689" s="613"/>
      <c r="CRI689" s="613"/>
      <c r="CRJ689" s="613"/>
      <c r="CRK689" s="613"/>
      <c r="CRL689" s="613"/>
      <c r="CRM689" s="613"/>
      <c r="CRN689" s="613"/>
      <c r="CRO689" s="613"/>
      <c r="CRP689" s="613"/>
      <c r="CRQ689" s="613"/>
      <c r="CRR689" s="613"/>
      <c r="CRS689" s="613"/>
      <c r="CRT689" s="613"/>
      <c r="CRU689" s="613"/>
      <c r="CRV689" s="613"/>
      <c r="CRW689" s="613"/>
      <c r="CRX689" s="613"/>
      <c r="CRY689" s="613"/>
      <c r="CRZ689" s="613"/>
      <c r="CSA689" s="613"/>
      <c r="CSB689" s="613"/>
      <c r="CSC689" s="613"/>
      <c r="CSD689" s="613"/>
      <c r="CSE689" s="613"/>
      <c r="CSF689" s="613"/>
      <c r="CSG689" s="613"/>
      <c r="CSH689" s="613"/>
      <c r="CSI689" s="613"/>
      <c r="CSJ689" s="613"/>
      <c r="CSK689" s="613"/>
      <c r="CSL689" s="613"/>
      <c r="CSM689" s="613"/>
      <c r="CSN689" s="613"/>
      <c r="CSO689" s="613"/>
      <c r="CSP689" s="613"/>
      <c r="CSQ689" s="613"/>
      <c r="CSR689" s="613"/>
      <c r="CSS689" s="613"/>
      <c r="CST689" s="613"/>
      <c r="CSU689" s="613"/>
      <c r="CSV689" s="613"/>
      <c r="CSW689" s="613"/>
      <c r="CSX689" s="613"/>
      <c r="CSY689" s="613"/>
      <c r="CSZ689" s="613"/>
      <c r="CTA689" s="613"/>
      <c r="CTB689" s="613"/>
      <c r="CTC689" s="613"/>
      <c r="CTD689" s="613"/>
      <c r="CTE689" s="613"/>
      <c r="CTF689" s="613"/>
      <c r="CTG689" s="613"/>
      <c r="CTH689" s="613"/>
      <c r="CTI689" s="613"/>
      <c r="CTJ689" s="613"/>
      <c r="CTK689" s="613"/>
      <c r="CTL689" s="613"/>
      <c r="CTM689" s="613"/>
      <c r="CTN689" s="613"/>
      <c r="CTO689" s="613"/>
      <c r="CTP689" s="613"/>
      <c r="CTQ689" s="613"/>
      <c r="CTR689" s="613"/>
      <c r="CTS689" s="613"/>
      <c r="CTT689" s="613"/>
      <c r="CTU689" s="613"/>
      <c r="CTV689" s="613"/>
      <c r="CTW689" s="613"/>
      <c r="CTX689" s="613"/>
      <c r="CTY689" s="613"/>
      <c r="CTZ689" s="613"/>
      <c r="CUA689" s="613"/>
      <c r="CUB689" s="613"/>
      <c r="CUC689" s="613"/>
      <c r="CUD689" s="613"/>
      <c r="CUE689" s="613"/>
      <c r="CUF689" s="613"/>
      <c r="CUG689" s="613"/>
      <c r="CUH689" s="613"/>
      <c r="CUI689" s="613"/>
      <c r="CUJ689" s="613"/>
      <c r="CUK689" s="613"/>
      <c r="CUL689" s="613"/>
      <c r="CUM689" s="613"/>
      <c r="CUN689" s="613"/>
      <c r="CUO689" s="613"/>
      <c r="CUP689" s="613"/>
      <c r="CUQ689" s="613"/>
      <c r="CUR689" s="613"/>
      <c r="CUS689" s="613"/>
      <c r="CUT689" s="613"/>
      <c r="CUU689" s="613"/>
      <c r="CUV689" s="613"/>
      <c r="CUW689" s="613"/>
      <c r="CUX689" s="613"/>
      <c r="CUY689" s="613"/>
      <c r="CUZ689" s="613"/>
      <c r="CVA689" s="613"/>
      <c r="CVB689" s="613"/>
      <c r="CVC689" s="613"/>
      <c r="CVD689" s="613"/>
      <c r="CVE689" s="613"/>
      <c r="CVF689" s="613"/>
      <c r="CVG689" s="613"/>
      <c r="CVH689" s="613"/>
      <c r="CVI689" s="613"/>
      <c r="CVJ689" s="613"/>
      <c r="CVK689" s="613"/>
      <c r="CVL689" s="613"/>
      <c r="CVM689" s="613"/>
      <c r="CVN689" s="613"/>
      <c r="CVO689" s="613"/>
      <c r="CVP689" s="613"/>
      <c r="CVQ689" s="613"/>
      <c r="CVR689" s="613"/>
      <c r="CVS689" s="613"/>
      <c r="CVT689" s="613"/>
      <c r="CVU689" s="613"/>
      <c r="CVV689" s="613"/>
      <c r="CVW689" s="613"/>
      <c r="CVX689" s="613"/>
      <c r="CVY689" s="613"/>
      <c r="CVZ689" s="613"/>
      <c r="CWA689" s="613"/>
      <c r="CWB689" s="613"/>
      <c r="CWC689" s="613"/>
      <c r="CWD689" s="613"/>
      <c r="CWE689" s="613"/>
      <c r="CWF689" s="613"/>
      <c r="CWG689" s="613"/>
      <c r="CWH689" s="613"/>
      <c r="CWI689" s="613"/>
      <c r="CWJ689" s="613"/>
      <c r="CWK689" s="613"/>
      <c r="CWL689" s="613"/>
      <c r="CWM689" s="613"/>
      <c r="CWN689" s="613"/>
      <c r="CWO689" s="613"/>
      <c r="CWP689" s="613"/>
      <c r="CWQ689" s="613"/>
      <c r="CWR689" s="613"/>
      <c r="CWS689" s="613"/>
      <c r="CWT689" s="613"/>
      <c r="CWU689" s="613"/>
      <c r="CWV689" s="613"/>
      <c r="CWW689" s="613"/>
      <c r="CWX689" s="613"/>
      <c r="CWY689" s="613"/>
      <c r="CWZ689" s="613"/>
      <c r="CXA689" s="613"/>
      <c r="CXB689" s="613"/>
      <c r="CXC689" s="613"/>
      <c r="CXD689" s="613"/>
      <c r="CXE689" s="613"/>
      <c r="CXF689" s="613"/>
      <c r="CXG689" s="613"/>
      <c r="CXH689" s="613"/>
      <c r="CXI689" s="613"/>
      <c r="CXJ689" s="613"/>
      <c r="CXK689" s="613"/>
      <c r="CXL689" s="613"/>
      <c r="CXM689" s="613"/>
      <c r="CXN689" s="613"/>
      <c r="CXO689" s="613"/>
      <c r="CXP689" s="613"/>
      <c r="CXQ689" s="613"/>
      <c r="CXR689" s="613"/>
      <c r="CXS689" s="613"/>
      <c r="CXT689" s="613"/>
      <c r="CXU689" s="613"/>
      <c r="CXV689" s="613"/>
      <c r="CXW689" s="613"/>
      <c r="CXX689" s="613"/>
      <c r="CXY689" s="613"/>
      <c r="CXZ689" s="613"/>
      <c r="CYA689" s="613"/>
      <c r="CYB689" s="613"/>
      <c r="CYC689" s="613"/>
      <c r="CYD689" s="613"/>
      <c r="CYE689" s="613"/>
      <c r="CYF689" s="613"/>
      <c r="CYG689" s="613"/>
      <c r="CYH689" s="613"/>
      <c r="CYI689" s="613"/>
      <c r="CYJ689" s="613"/>
      <c r="CYK689" s="613"/>
      <c r="CYL689" s="613"/>
      <c r="CYM689" s="613"/>
      <c r="CYN689" s="613"/>
      <c r="CYO689" s="613"/>
      <c r="CYP689" s="613"/>
      <c r="CYQ689" s="613"/>
      <c r="CYR689" s="613"/>
      <c r="CYS689" s="613"/>
      <c r="CYT689" s="613"/>
      <c r="CYU689" s="613"/>
      <c r="CYV689" s="613"/>
      <c r="CYW689" s="613"/>
      <c r="CYX689" s="613"/>
      <c r="CYY689" s="613"/>
      <c r="CYZ689" s="613"/>
      <c r="CZA689" s="613"/>
      <c r="CZB689" s="613"/>
      <c r="CZC689" s="613"/>
      <c r="CZD689" s="613"/>
      <c r="CZE689" s="613"/>
      <c r="CZF689" s="613"/>
      <c r="CZG689" s="613"/>
      <c r="CZH689" s="613"/>
      <c r="CZI689" s="613"/>
      <c r="CZJ689" s="613"/>
      <c r="CZK689" s="613"/>
      <c r="CZL689" s="613"/>
      <c r="CZM689" s="613"/>
      <c r="CZN689" s="613"/>
      <c r="CZO689" s="613"/>
      <c r="CZP689" s="613"/>
      <c r="CZQ689" s="613"/>
      <c r="CZR689" s="613"/>
      <c r="CZS689" s="613"/>
      <c r="CZT689" s="613"/>
      <c r="CZU689" s="613"/>
      <c r="CZV689" s="613"/>
      <c r="CZW689" s="613"/>
      <c r="CZX689" s="613"/>
      <c r="CZY689" s="613"/>
      <c r="CZZ689" s="613"/>
      <c r="DAA689" s="613"/>
      <c r="DAB689" s="613"/>
      <c r="DAC689" s="613"/>
      <c r="DAD689" s="613"/>
      <c r="DAE689" s="613"/>
      <c r="DAF689" s="613"/>
      <c r="DAG689" s="613"/>
      <c r="DAH689" s="613"/>
      <c r="DAI689" s="613"/>
      <c r="DAJ689" s="613"/>
      <c r="DAK689" s="613"/>
      <c r="DAL689" s="613"/>
      <c r="DAM689" s="613"/>
      <c r="DAN689" s="613"/>
      <c r="DAO689" s="613"/>
      <c r="DAP689" s="613"/>
      <c r="DAQ689" s="613"/>
      <c r="DAR689" s="613"/>
      <c r="DAS689" s="613"/>
      <c r="DAT689" s="613"/>
      <c r="DAU689" s="613"/>
      <c r="DAV689" s="613"/>
      <c r="DAW689" s="613"/>
      <c r="DAX689" s="613"/>
      <c r="DAY689" s="613"/>
      <c r="DAZ689" s="613"/>
      <c r="DBA689" s="613"/>
      <c r="DBB689" s="613"/>
      <c r="DBC689" s="613"/>
      <c r="DBD689" s="613"/>
      <c r="DBE689" s="613"/>
      <c r="DBF689" s="613"/>
      <c r="DBG689" s="613"/>
      <c r="DBH689" s="613"/>
      <c r="DBI689" s="613"/>
      <c r="DBJ689" s="613"/>
      <c r="DBK689" s="613"/>
      <c r="DBL689" s="613"/>
      <c r="DBM689" s="613"/>
      <c r="DBN689" s="613"/>
      <c r="DBO689" s="613"/>
      <c r="DBP689" s="613"/>
      <c r="DBQ689" s="613"/>
      <c r="DBR689" s="613"/>
      <c r="DBS689" s="613"/>
      <c r="DBT689" s="613"/>
      <c r="DBU689" s="613"/>
      <c r="DBV689" s="613"/>
      <c r="DBW689" s="613"/>
      <c r="DBX689" s="613"/>
      <c r="DBY689" s="613"/>
      <c r="DBZ689" s="613"/>
      <c r="DCA689" s="613"/>
      <c r="DCB689" s="613"/>
      <c r="DCC689" s="613"/>
      <c r="DCD689" s="613"/>
      <c r="DCE689" s="613"/>
      <c r="DCF689" s="613"/>
      <c r="DCG689" s="613"/>
      <c r="DCH689" s="613"/>
      <c r="DCI689" s="613"/>
      <c r="DCJ689" s="613"/>
      <c r="DCK689" s="613"/>
      <c r="DCL689" s="613"/>
      <c r="DCM689" s="613"/>
      <c r="DCN689" s="613"/>
      <c r="DCO689" s="613"/>
      <c r="DCP689" s="613"/>
      <c r="DCQ689" s="613"/>
      <c r="DCR689" s="613"/>
      <c r="DCS689" s="613"/>
      <c r="DCT689" s="613"/>
      <c r="DCU689" s="613"/>
      <c r="DCV689" s="613"/>
      <c r="DCW689" s="613"/>
      <c r="DCX689" s="613"/>
      <c r="DCY689" s="613"/>
      <c r="DCZ689" s="613"/>
      <c r="DDA689" s="613"/>
      <c r="DDB689" s="613"/>
      <c r="DDC689" s="613"/>
      <c r="DDD689" s="613"/>
      <c r="DDE689" s="613"/>
      <c r="DDF689" s="613"/>
      <c r="DDG689" s="613"/>
      <c r="DDH689" s="613"/>
      <c r="DDI689" s="613"/>
      <c r="DDJ689" s="613"/>
      <c r="DDK689" s="613"/>
      <c r="DDL689" s="613"/>
      <c r="DDM689" s="613"/>
      <c r="DDN689" s="613"/>
      <c r="DDO689" s="613"/>
      <c r="DDP689" s="613"/>
      <c r="DDQ689" s="613"/>
      <c r="DDR689" s="613"/>
      <c r="DDS689" s="613"/>
      <c r="DDT689" s="613"/>
      <c r="DDU689" s="613"/>
      <c r="DDV689" s="613"/>
      <c r="DDW689" s="613"/>
      <c r="DDX689" s="613"/>
      <c r="DDY689" s="613"/>
      <c r="DDZ689" s="613"/>
      <c r="DEA689" s="613"/>
      <c r="DEB689" s="613"/>
      <c r="DEC689" s="613"/>
      <c r="DED689" s="613"/>
      <c r="DEE689" s="613"/>
      <c r="DEF689" s="613"/>
      <c r="DEG689" s="613"/>
      <c r="DEH689" s="613"/>
      <c r="DEI689" s="613"/>
      <c r="DEJ689" s="613"/>
      <c r="DEK689" s="613"/>
      <c r="DEL689" s="613"/>
      <c r="DEM689" s="613"/>
      <c r="DEN689" s="613"/>
      <c r="DEO689" s="613"/>
      <c r="DEP689" s="613"/>
      <c r="DEQ689" s="613"/>
      <c r="DER689" s="613"/>
      <c r="DES689" s="613"/>
      <c r="DET689" s="613"/>
      <c r="DEU689" s="613"/>
      <c r="DEV689" s="613"/>
      <c r="DEW689" s="613"/>
      <c r="DEX689" s="613"/>
      <c r="DEY689" s="613"/>
      <c r="DEZ689" s="613"/>
      <c r="DFA689" s="613"/>
      <c r="DFB689" s="613"/>
      <c r="DFC689" s="613"/>
      <c r="DFD689" s="613"/>
      <c r="DFE689" s="613"/>
      <c r="DFF689" s="613"/>
      <c r="DFG689" s="613"/>
      <c r="DFH689" s="613"/>
      <c r="DFI689" s="613"/>
      <c r="DFJ689" s="613"/>
      <c r="DFK689" s="613"/>
      <c r="DFL689" s="613"/>
      <c r="DFM689" s="613"/>
      <c r="DFN689" s="613"/>
      <c r="DFO689" s="613"/>
      <c r="DFP689" s="613"/>
      <c r="DFQ689" s="613"/>
      <c r="DFR689" s="613"/>
      <c r="DFS689" s="613"/>
      <c r="DFT689" s="613"/>
      <c r="DFU689" s="613"/>
      <c r="DFV689" s="613"/>
      <c r="DFW689" s="613"/>
      <c r="DFX689" s="613"/>
      <c r="DFY689" s="613"/>
      <c r="DFZ689" s="613"/>
      <c r="DGA689" s="613"/>
      <c r="DGB689" s="613"/>
      <c r="DGC689" s="613"/>
      <c r="DGD689" s="613"/>
      <c r="DGE689" s="613"/>
      <c r="DGF689" s="613"/>
      <c r="DGG689" s="613"/>
      <c r="DGH689" s="613"/>
      <c r="DGI689" s="613"/>
      <c r="DGJ689" s="613"/>
      <c r="DGK689" s="613"/>
      <c r="DGL689" s="613"/>
      <c r="DGM689" s="613"/>
      <c r="DGN689" s="613"/>
      <c r="DGO689" s="613"/>
      <c r="DGP689" s="613"/>
      <c r="DGQ689" s="613"/>
      <c r="DGR689" s="613"/>
      <c r="DGS689" s="613"/>
      <c r="DGT689" s="613"/>
      <c r="DGU689" s="613"/>
      <c r="DGV689" s="613"/>
      <c r="DGW689" s="613"/>
      <c r="DGX689" s="613"/>
      <c r="DGY689" s="613"/>
      <c r="DGZ689" s="613"/>
      <c r="DHA689" s="613"/>
      <c r="DHB689" s="613"/>
      <c r="DHC689" s="613"/>
      <c r="DHD689" s="613"/>
      <c r="DHE689" s="613"/>
      <c r="DHF689" s="613"/>
      <c r="DHG689" s="613"/>
      <c r="DHH689" s="613"/>
      <c r="DHI689" s="613"/>
      <c r="DHJ689" s="613"/>
      <c r="DHK689" s="613"/>
      <c r="DHL689" s="613"/>
      <c r="DHM689" s="613"/>
      <c r="DHN689" s="613"/>
      <c r="DHO689" s="613"/>
      <c r="DHP689" s="613"/>
      <c r="DHQ689" s="613"/>
      <c r="DHR689" s="613"/>
      <c r="DHS689" s="613"/>
      <c r="DHT689" s="613"/>
      <c r="DHU689" s="613"/>
      <c r="DHV689" s="613"/>
      <c r="DHW689" s="613"/>
      <c r="DHX689" s="613"/>
      <c r="DHY689" s="613"/>
      <c r="DHZ689" s="613"/>
      <c r="DIA689" s="613"/>
      <c r="DIB689" s="613"/>
      <c r="DIC689" s="613"/>
      <c r="DID689" s="613"/>
      <c r="DIE689" s="613"/>
      <c r="DIF689" s="613"/>
      <c r="DIG689" s="613"/>
      <c r="DIH689" s="613"/>
      <c r="DII689" s="613"/>
      <c r="DIJ689" s="613"/>
      <c r="DIK689" s="613"/>
      <c r="DIL689" s="613"/>
      <c r="DIM689" s="613"/>
      <c r="DIN689" s="613"/>
      <c r="DIO689" s="613"/>
      <c r="DIP689" s="613"/>
      <c r="DIQ689" s="613"/>
      <c r="DIR689" s="613"/>
      <c r="DIS689" s="613"/>
      <c r="DIT689" s="613"/>
      <c r="DIU689" s="613"/>
      <c r="DIV689" s="613"/>
      <c r="DIW689" s="613"/>
      <c r="DIX689" s="613"/>
      <c r="DIY689" s="613"/>
      <c r="DIZ689" s="613"/>
      <c r="DJA689" s="613"/>
      <c r="DJB689" s="613"/>
      <c r="DJC689" s="613"/>
      <c r="DJD689" s="613"/>
      <c r="DJE689" s="613"/>
      <c r="DJF689" s="613"/>
      <c r="DJG689" s="613"/>
      <c r="DJH689" s="613"/>
      <c r="DJI689" s="613"/>
      <c r="DJJ689" s="613"/>
      <c r="DJK689" s="613"/>
      <c r="DJL689" s="613"/>
      <c r="DJM689" s="613"/>
      <c r="DJN689" s="613"/>
      <c r="DJO689" s="613"/>
      <c r="DJP689" s="613"/>
      <c r="DJQ689" s="613"/>
      <c r="DJR689" s="613"/>
      <c r="DJS689" s="613"/>
      <c r="DJT689" s="613"/>
      <c r="DJU689" s="613"/>
      <c r="DJV689" s="613"/>
      <c r="DJW689" s="613"/>
      <c r="DJX689" s="613"/>
      <c r="DJY689" s="613"/>
      <c r="DJZ689" s="613"/>
      <c r="DKA689" s="613"/>
      <c r="DKB689" s="613"/>
      <c r="DKC689" s="613"/>
      <c r="DKD689" s="613"/>
      <c r="DKE689" s="613"/>
      <c r="DKF689" s="613"/>
      <c r="DKG689" s="613"/>
      <c r="DKH689" s="613"/>
      <c r="DKI689" s="613"/>
      <c r="DKJ689" s="613"/>
      <c r="DKK689" s="613"/>
      <c r="DKL689" s="613"/>
      <c r="DKM689" s="613"/>
      <c r="DKN689" s="613"/>
      <c r="DKO689" s="613"/>
      <c r="DKP689" s="613"/>
      <c r="DKQ689" s="613"/>
      <c r="DKR689" s="613"/>
      <c r="DKS689" s="613"/>
      <c r="DKT689" s="613"/>
      <c r="DKU689" s="613"/>
      <c r="DKV689" s="613"/>
      <c r="DKW689" s="613"/>
      <c r="DKX689" s="613"/>
      <c r="DKY689" s="613"/>
      <c r="DKZ689" s="613"/>
      <c r="DLA689" s="613"/>
      <c r="DLB689" s="613"/>
      <c r="DLC689" s="613"/>
      <c r="DLD689" s="613"/>
      <c r="DLE689" s="613"/>
      <c r="DLF689" s="613"/>
      <c r="DLG689" s="613"/>
      <c r="DLH689" s="613"/>
      <c r="DLI689" s="613"/>
      <c r="DLJ689" s="613"/>
      <c r="DLK689" s="613"/>
      <c r="DLL689" s="613"/>
      <c r="DLM689" s="613"/>
      <c r="DLN689" s="613"/>
      <c r="DLO689" s="613"/>
      <c r="DLP689" s="613"/>
      <c r="DLQ689" s="613"/>
      <c r="DLR689" s="613"/>
      <c r="DLS689" s="613"/>
      <c r="DLT689" s="613"/>
      <c r="DLU689" s="613"/>
      <c r="DLV689" s="613"/>
      <c r="DLW689" s="613"/>
      <c r="DLX689" s="613"/>
      <c r="DLY689" s="613"/>
      <c r="DLZ689" s="613"/>
      <c r="DMA689" s="613"/>
      <c r="DMB689" s="613"/>
      <c r="DMC689" s="613"/>
      <c r="DMD689" s="613"/>
      <c r="DME689" s="613"/>
      <c r="DMF689" s="613"/>
      <c r="DMG689" s="613"/>
      <c r="DMH689" s="613"/>
      <c r="DMI689" s="613"/>
      <c r="DMJ689" s="613"/>
      <c r="DMK689" s="613"/>
      <c r="DML689" s="613"/>
      <c r="DMM689" s="613"/>
      <c r="DMN689" s="613"/>
      <c r="DMO689" s="613"/>
      <c r="DMP689" s="613"/>
      <c r="DMQ689" s="613"/>
      <c r="DMR689" s="613"/>
      <c r="DMS689" s="613"/>
      <c r="DMT689" s="613"/>
      <c r="DMU689" s="613"/>
      <c r="DMV689" s="613"/>
      <c r="DMW689" s="613"/>
      <c r="DMX689" s="613"/>
      <c r="DMY689" s="613"/>
      <c r="DMZ689" s="613"/>
      <c r="DNA689" s="613"/>
      <c r="DNB689" s="613"/>
      <c r="DNC689" s="613"/>
      <c r="DND689" s="613"/>
      <c r="DNE689" s="613"/>
      <c r="DNF689" s="613"/>
      <c r="DNG689" s="613"/>
      <c r="DNH689" s="613"/>
      <c r="DNI689" s="613"/>
      <c r="DNJ689" s="613"/>
      <c r="DNK689" s="613"/>
      <c r="DNL689" s="613"/>
      <c r="DNM689" s="613"/>
      <c r="DNN689" s="613"/>
      <c r="DNO689" s="613"/>
      <c r="DNP689" s="613"/>
      <c r="DNQ689" s="613"/>
      <c r="DNR689" s="613"/>
      <c r="DNS689" s="613"/>
      <c r="DNT689" s="613"/>
      <c r="DNU689" s="613"/>
      <c r="DNV689" s="613"/>
      <c r="DNW689" s="613"/>
      <c r="DNX689" s="613"/>
      <c r="DNY689" s="613"/>
      <c r="DNZ689" s="613"/>
      <c r="DOA689" s="613"/>
      <c r="DOB689" s="613"/>
      <c r="DOC689" s="613"/>
      <c r="DOD689" s="613"/>
      <c r="DOE689" s="613"/>
      <c r="DOF689" s="613"/>
      <c r="DOG689" s="613"/>
      <c r="DOH689" s="613"/>
      <c r="DOI689" s="613"/>
      <c r="DOJ689" s="613"/>
      <c r="DOK689" s="613"/>
      <c r="DOL689" s="613"/>
      <c r="DOM689" s="613"/>
      <c r="DON689" s="613"/>
      <c r="DOO689" s="613"/>
      <c r="DOP689" s="613"/>
      <c r="DOQ689" s="613"/>
      <c r="DOR689" s="613"/>
      <c r="DOS689" s="613"/>
      <c r="DOT689" s="613"/>
      <c r="DOU689" s="613"/>
      <c r="DOV689" s="613"/>
      <c r="DOW689" s="613"/>
      <c r="DOX689" s="613"/>
      <c r="DOY689" s="613"/>
      <c r="DOZ689" s="613"/>
      <c r="DPA689" s="613"/>
      <c r="DPB689" s="613"/>
      <c r="DPC689" s="613"/>
      <c r="DPD689" s="613"/>
      <c r="DPE689" s="613"/>
      <c r="DPF689" s="613"/>
      <c r="DPG689" s="613"/>
      <c r="DPH689" s="613"/>
      <c r="DPI689" s="613"/>
      <c r="DPJ689" s="613"/>
      <c r="DPK689" s="613"/>
      <c r="DPL689" s="613"/>
      <c r="DPM689" s="613"/>
      <c r="DPN689" s="613"/>
      <c r="DPO689" s="613"/>
      <c r="DPP689" s="613"/>
      <c r="DPQ689" s="613"/>
      <c r="DPR689" s="613"/>
      <c r="DPS689" s="613"/>
      <c r="DPT689" s="613"/>
      <c r="DPU689" s="613"/>
      <c r="DPV689" s="613"/>
      <c r="DPW689" s="613"/>
      <c r="DPX689" s="613"/>
      <c r="DPY689" s="613"/>
      <c r="DPZ689" s="613"/>
      <c r="DQA689" s="613"/>
      <c r="DQB689" s="613"/>
      <c r="DQC689" s="613"/>
      <c r="DQD689" s="613"/>
      <c r="DQE689" s="613"/>
      <c r="DQF689" s="613"/>
      <c r="DQG689" s="613"/>
      <c r="DQH689" s="613"/>
      <c r="DQI689" s="613"/>
      <c r="DQJ689" s="613"/>
      <c r="DQK689" s="613"/>
      <c r="DQL689" s="613"/>
      <c r="DQM689" s="613"/>
      <c r="DQN689" s="613"/>
      <c r="DQO689" s="613"/>
      <c r="DQP689" s="613"/>
      <c r="DQQ689" s="613"/>
      <c r="DQR689" s="613"/>
      <c r="DQS689" s="613"/>
      <c r="DQT689" s="613"/>
      <c r="DQU689" s="613"/>
      <c r="DQV689" s="613"/>
      <c r="DQW689" s="613"/>
      <c r="DQX689" s="613"/>
      <c r="DQY689" s="613"/>
      <c r="DQZ689" s="613"/>
      <c r="DRA689" s="613"/>
      <c r="DRB689" s="613"/>
      <c r="DRC689" s="613"/>
      <c r="DRD689" s="613"/>
      <c r="DRE689" s="613"/>
      <c r="DRF689" s="613"/>
      <c r="DRG689" s="613"/>
      <c r="DRH689" s="613"/>
      <c r="DRI689" s="613"/>
      <c r="DRJ689" s="613"/>
      <c r="DRK689" s="613"/>
      <c r="DRL689" s="613"/>
      <c r="DRM689" s="613"/>
      <c r="DRN689" s="613"/>
      <c r="DRO689" s="613"/>
      <c r="DRP689" s="613"/>
      <c r="DRQ689" s="613"/>
      <c r="DRR689" s="613"/>
      <c r="DRS689" s="613"/>
      <c r="DRT689" s="613"/>
      <c r="DRU689" s="613"/>
      <c r="DRV689" s="613"/>
      <c r="DRW689" s="613"/>
      <c r="DRX689" s="613"/>
      <c r="DRY689" s="613"/>
      <c r="DRZ689" s="613"/>
      <c r="DSA689" s="613"/>
      <c r="DSB689" s="613"/>
      <c r="DSC689" s="613"/>
      <c r="DSD689" s="613"/>
      <c r="DSE689" s="613"/>
      <c r="DSF689" s="613"/>
      <c r="DSG689" s="613"/>
      <c r="DSH689" s="613"/>
      <c r="DSI689" s="613"/>
      <c r="DSJ689" s="613"/>
      <c r="DSK689" s="613"/>
      <c r="DSL689" s="613"/>
      <c r="DSM689" s="613"/>
      <c r="DSN689" s="613"/>
      <c r="DSO689" s="613"/>
      <c r="DSP689" s="613"/>
      <c r="DSQ689" s="613"/>
      <c r="DSR689" s="613"/>
      <c r="DSS689" s="613"/>
      <c r="DST689" s="613"/>
      <c r="DSU689" s="613"/>
      <c r="DSV689" s="613"/>
      <c r="DSW689" s="613"/>
      <c r="DSX689" s="613"/>
      <c r="DSY689" s="613"/>
      <c r="DSZ689" s="613"/>
      <c r="DTA689" s="613"/>
      <c r="DTB689" s="613"/>
      <c r="DTC689" s="613"/>
      <c r="DTD689" s="613"/>
      <c r="DTE689" s="613"/>
      <c r="DTF689" s="613"/>
      <c r="DTG689" s="613"/>
      <c r="DTH689" s="613"/>
      <c r="DTI689" s="613"/>
      <c r="DTJ689" s="613"/>
      <c r="DTK689" s="613"/>
      <c r="DTL689" s="613"/>
      <c r="DTM689" s="613"/>
      <c r="DTN689" s="613"/>
      <c r="DTO689" s="613"/>
      <c r="DTP689" s="613"/>
      <c r="DTQ689" s="613"/>
      <c r="DTR689" s="613"/>
      <c r="DTS689" s="613"/>
      <c r="DTT689" s="613"/>
      <c r="DTU689" s="613"/>
      <c r="DTV689" s="613"/>
      <c r="DTW689" s="613"/>
      <c r="DTX689" s="613"/>
      <c r="DTY689" s="613"/>
      <c r="DTZ689" s="613"/>
      <c r="DUA689" s="613"/>
      <c r="DUB689" s="613"/>
      <c r="DUC689" s="613"/>
      <c r="DUD689" s="613"/>
      <c r="DUE689" s="613"/>
      <c r="DUF689" s="613"/>
      <c r="DUG689" s="613"/>
      <c r="DUH689" s="613"/>
      <c r="DUI689" s="613"/>
      <c r="DUJ689" s="613"/>
      <c r="DUK689" s="613"/>
      <c r="DUL689" s="613"/>
      <c r="DUM689" s="613"/>
      <c r="DUN689" s="613"/>
      <c r="DUO689" s="613"/>
      <c r="DUP689" s="613"/>
      <c r="DUQ689" s="613"/>
      <c r="DUR689" s="613"/>
      <c r="DUS689" s="613"/>
      <c r="DUT689" s="613"/>
      <c r="DUU689" s="613"/>
      <c r="DUV689" s="613"/>
      <c r="DUW689" s="613"/>
      <c r="DUX689" s="613"/>
      <c r="DUY689" s="613"/>
      <c r="DUZ689" s="613"/>
      <c r="DVA689" s="613"/>
      <c r="DVB689" s="613"/>
      <c r="DVC689" s="613"/>
      <c r="DVD689" s="613"/>
      <c r="DVE689" s="613"/>
      <c r="DVF689" s="613"/>
      <c r="DVG689" s="613"/>
      <c r="DVH689" s="613"/>
      <c r="DVI689" s="613"/>
      <c r="DVJ689" s="613"/>
      <c r="DVK689" s="613"/>
      <c r="DVL689" s="613"/>
      <c r="DVM689" s="613"/>
      <c r="DVN689" s="613"/>
      <c r="DVO689" s="613"/>
      <c r="DVP689" s="613"/>
      <c r="DVQ689" s="613"/>
      <c r="DVR689" s="613"/>
      <c r="DVS689" s="613"/>
      <c r="DVT689" s="613"/>
      <c r="DVU689" s="613"/>
      <c r="DVV689" s="613"/>
      <c r="DVW689" s="613"/>
      <c r="DVX689" s="613"/>
      <c r="DVY689" s="613"/>
      <c r="DVZ689" s="613"/>
      <c r="DWA689" s="613"/>
      <c r="DWB689" s="613"/>
      <c r="DWC689" s="613"/>
      <c r="DWD689" s="613"/>
      <c r="DWE689" s="613"/>
      <c r="DWF689" s="613"/>
      <c r="DWG689" s="613"/>
      <c r="DWH689" s="613"/>
      <c r="DWI689" s="613"/>
      <c r="DWJ689" s="613"/>
      <c r="DWK689" s="613"/>
      <c r="DWL689" s="613"/>
      <c r="DWM689" s="613"/>
      <c r="DWN689" s="613"/>
      <c r="DWO689" s="613"/>
      <c r="DWP689" s="613"/>
      <c r="DWQ689" s="613"/>
      <c r="DWR689" s="613"/>
      <c r="DWS689" s="613"/>
      <c r="DWT689" s="613"/>
      <c r="DWU689" s="613"/>
      <c r="DWV689" s="613"/>
      <c r="DWW689" s="613"/>
      <c r="DWX689" s="613"/>
      <c r="DWY689" s="613"/>
      <c r="DWZ689" s="613"/>
      <c r="DXA689" s="613"/>
      <c r="DXB689" s="613"/>
      <c r="DXC689" s="613"/>
      <c r="DXD689" s="613"/>
      <c r="DXE689" s="613"/>
      <c r="DXF689" s="613"/>
      <c r="DXG689" s="613"/>
      <c r="DXH689" s="613"/>
      <c r="DXI689" s="613"/>
      <c r="DXJ689" s="613"/>
      <c r="DXK689" s="613"/>
      <c r="DXL689" s="613"/>
      <c r="DXM689" s="613"/>
      <c r="DXN689" s="613"/>
      <c r="DXO689" s="613"/>
      <c r="DXP689" s="613"/>
      <c r="DXQ689" s="613"/>
      <c r="DXR689" s="613"/>
      <c r="DXS689" s="613"/>
      <c r="DXT689" s="613"/>
      <c r="DXU689" s="613"/>
      <c r="DXV689" s="613"/>
      <c r="DXW689" s="613"/>
      <c r="DXX689" s="613"/>
      <c r="DXY689" s="613"/>
      <c r="DXZ689" s="613"/>
      <c r="DYA689" s="613"/>
      <c r="DYB689" s="613"/>
      <c r="DYC689" s="613"/>
      <c r="DYD689" s="613"/>
      <c r="DYE689" s="613"/>
      <c r="DYF689" s="613"/>
      <c r="DYG689" s="613"/>
      <c r="DYH689" s="613"/>
      <c r="DYI689" s="613"/>
      <c r="DYJ689" s="613"/>
      <c r="DYK689" s="613"/>
      <c r="DYL689" s="613"/>
      <c r="DYM689" s="613"/>
      <c r="DYN689" s="613"/>
      <c r="DYO689" s="613"/>
      <c r="DYP689" s="613"/>
      <c r="DYQ689" s="613"/>
      <c r="DYR689" s="613"/>
      <c r="DYS689" s="613"/>
      <c r="DYT689" s="613"/>
      <c r="DYU689" s="613"/>
      <c r="DYV689" s="613"/>
      <c r="DYW689" s="613"/>
      <c r="DYX689" s="613"/>
      <c r="DYY689" s="613"/>
      <c r="DYZ689" s="613"/>
      <c r="DZA689" s="613"/>
      <c r="DZB689" s="613"/>
      <c r="DZC689" s="613"/>
      <c r="DZD689" s="613"/>
      <c r="DZE689" s="613"/>
      <c r="DZF689" s="613"/>
      <c r="DZG689" s="613"/>
      <c r="DZH689" s="613"/>
      <c r="DZI689" s="613"/>
      <c r="DZJ689" s="613"/>
      <c r="DZK689" s="613"/>
      <c r="DZL689" s="613"/>
      <c r="DZM689" s="613"/>
      <c r="DZN689" s="613"/>
      <c r="DZO689" s="613"/>
      <c r="DZP689" s="613"/>
      <c r="DZQ689" s="613"/>
      <c r="DZR689" s="613"/>
      <c r="DZS689" s="613"/>
      <c r="DZT689" s="613"/>
      <c r="DZU689" s="613"/>
      <c r="DZV689" s="613"/>
      <c r="DZW689" s="613"/>
      <c r="DZX689" s="613"/>
      <c r="DZY689" s="613"/>
      <c r="DZZ689" s="613"/>
      <c r="EAA689" s="613"/>
      <c r="EAB689" s="613"/>
      <c r="EAC689" s="613"/>
      <c r="EAD689" s="613"/>
      <c r="EAE689" s="613"/>
      <c r="EAF689" s="613"/>
      <c r="EAG689" s="613"/>
      <c r="EAH689" s="613"/>
      <c r="EAI689" s="613"/>
      <c r="EAJ689" s="613"/>
      <c r="EAK689" s="613"/>
      <c r="EAL689" s="613"/>
      <c r="EAM689" s="613"/>
      <c r="EAN689" s="613"/>
      <c r="EAO689" s="613"/>
      <c r="EAP689" s="613"/>
      <c r="EAQ689" s="613"/>
      <c r="EAR689" s="613"/>
      <c r="EAS689" s="613"/>
      <c r="EAT689" s="613"/>
      <c r="EAU689" s="613"/>
      <c r="EAV689" s="613"/>
      <c r="EAW689" s="613"/>
      <c r="EAX689" s="613"/>
      <c r="EAY689" s="613"/>
      <c r="EAZ689" s="613"/>
      <c r="EBA689" s="613"/>
      <c r="EBB689" s="613"/>
      <c r="EBC689" s="613"/>
      <c r="EBD689" s="613"/>
      <c r="EBE689" s="613"/>
      <c r="EBF689" s="613"/>
      <c r="EBG689" s="613"/>
      <c r="EBH689" s="613"/>
      <c r="EBI689" s="613"/>
      <c r="EBJ689" s="613"/>
      <c r="EBK689" s="613"/>
      <c r="EBL689" s="613"/>
      <c r="EBM689" s="613"/>
      <c r="EBN689" s="613"/>
      <c r="EBO689" s="613"/>
      <c r="EBP689" s="613"/>
      <c r="EBQ689" s="613"/>
      <c r="EBR689" s="613"/>
      <c r="EBS689" s="613"/>
      <c r="EBT689" s="613"/>
      <c r="EBU689" s="613"/>
      <c r="EBV689" s="613"/>
      <c r="EBW689" s="613"/>
      <c r="EBX689" s="613"/>
      <c r="EBY689" s="613"/>
      <c r="EBZ689" s="613"/>
      <c r="ECA689" s="613"/>
      <c r="ECB689" s="613"/>
      <c r="ECC689" s="613"/>
      <c r="ECD689" s="613"/>
      <c r="ECE689" s="613"/>
      <c r="ECF689" s="613"/>
      <c r="ECG689" s="613"/>
      <c r="ECH689" s="613"/>
      <c r="ECI689" s="613"/>
      <c r="ECJ689" s="613"/>
      <c r="ECK689" s="613"/>
      <c r="ECL689" s="613"/>
      <c r="ECM689" s="613"/>
      <c r="ECN689" s="613"/>
      <c r="ECO689" s="613"/>
      <c r="ECP689" s="613"/>
      <c r="ECQ689" s="613"/>
      <c r="ECR689" s="613"/>
      <c r="ECS689" s="613"/>
      <c r="ECT689" s="613"/>
      <c r="ECU689" s="613"/>
      <c r="ECV689" s="613"/>
      <c r="ECW689" s="613"/>
      <c r="ECX689" s="613"/>
      <c r="ECY689" s="613"/>
      <c r="ECZ689" s="613"/>
      <c r="EDA689" s="613"/>
      <c r="EDB689" s="613"/>
      <c r="EDC689" s="613"/>
      <c r="EDD689" s="613"/>
      <c r="EDE689" s="613"/>
      <c r="EDF689" s="613"/>
      <c r="EDG689" s="613"/>
      <c r="EDH689" s="613"/>
      <c r="EDI689" s="613"/>
      <c r="EDJ689" s="613"/>
      <c r="EDK689" s="613"/>
      <c r="EDL689" s="613"/>
      <c r="EDM689" s="613"/>
      <c r="EDN689" s="613"/>
      <c r="EDO689" s="613"/>
      <c r="EDP689" s="613"/>
      <c r="EDQ689" s="613"/>
      <c r="EDR689" s="613"/>
      <c r="EDS689" s="613"/>
      <c r="EDT689" s="613"/>
      <c r="EDU689" s="613"/>
      <c r="EDV689" s="613"/>
      <c r="EDW689" s="613"/>
      <c r="EDX689" s="613"/>
      <c r="EDY689" s="613"/>
      <c r="EDZ689" s="613"/>
      <c r="EEA689" s="613"/>
      <c r="EEB689" s="613"/>
      <c r="EEC689" s="613"/>
      <c r="EED689" s="613"/>
      <c r="EEE689" s="613"/>
      <c r="EEF689" s="613"/>
      <c r="EEG689" s="613"/>
      <c r="EEH689" s="613"/>
      <c r="EEI689" s="613"/>
      <c r="EEJ689" s="613"/>
      <c r="EEK689" s="613"/>
      <c r="EEL689" s="613"/>
      <c r="EEM689" s="613"/>
      <c r="EEN689" s="613"/>
      <c r="EEO689" s="613"/>
      <c r="EEP689" s="613"/>
      <c r="EEQ689" s="613"/>
      <c r="EER689" s="613"/>
      <c r="EES689" s="613"/>
      <c r="EET689" s="613"/>
      <c r="EEU689" s="613"/>
      <c r="EEV689" s="613"/>
      <c r="EEW689" s="613"/>
      <c r="EEX689" s="613"/>
      <c r="EEY689" s="613"/>
      <c r="EEZ689" s="613"/>
      <c r="EFA689" s="613"/>
      <c r="EFB689" s="613"/>
      <c r="EFC689" s="613"/>
      <c r="EFD689" s="613"/>
      <c r="EFE689" s="613"/>
      <c r="EFF689" s="613"/>
      <c r="EFG689" s="613"/>
      <c r="EFH689" s="613"/>
      <c r="EFI689" s="613"/>
      <c r="EFJ689" s="613"/>
      <c r="EFK689" s="613"/>
      <c r="EFL689" s="613"/>
      <c r="EFM689" s="613"/>
      <c r="EFN689" s="613"/>
      <c r="EFO689" s="613"/>
      <c r="EFP689" s="613"/>
      <c r="EFQ689" s="613"/>
      <c r="EFR689" s="613"/>
      <c r="EFS689" s="613"/>
      <c r="EFT689" s="613"/>
      <c r="EFU689" s="613"/>
      <c r="EFV689" s="613"/>
      <c r="EFW689" s="613"/>
      <c r="EFX689" s="613"/>
      <c r="EFY689" s="613"/>
      <c r="EFZ689" s="613"/>
      <c r="EGA689" s="613"/>
      <c r="EGB689" s="613"/>
      <c r="EGC689" s="613"/>
      <c r="EGD689" s="613"/>
      <c r="EGE689" s="613"/>
      <c r="EGF689" s="613"/>
      <c r="EGG689" s="613"/>
      <c r="EGH689" s="613"/>
      <c r="EGI689" s="613"/>
      <c r="EGJ689" s="613"/>
      <c r="EGK689" s="613"/>
      <c r="EGL689" s="613"/>
      <c r="EGM689" s="613"/>
      <c r="EGN689" s="613"/>
      <c r="EGO689" s="613"/>
      <c r="EGP689" s="613"/>
      <c r="EGQ689" s="613"/>
      <c r="EGR689" s="613"/>
      <c r="EGS689" s="613"/>
      <c r="EGT689" s="613"/>
      <c r="EGU689" s="613"/>
      <c r="EGV689" s="613"/>
      <c r="EGW689" s="613"/>
      <c r="EGX689" s="613"/>
      <c r="EGY689" s="613"/>
      <c r="EGZ689" s="613"/>
      <c r="EHA689" s="613"/>
      <c r="EHB689" s="613"/>
      <c r="EHC689" s="613"/>
      <c r="EHD689" s="613"/>
      <c r="EHE689" s="613"/>
      <c r="EHF689" s="613"/>
      <c r="EHG689" s="613"/>
      <c r="EHH689" s="613"/>
      <c r="EHI689" s="613"/>
      <c r="EHJ689" s="613"/>
      <c r="EHK689" s="613"/>
      <c r="EHL689" s="613"/>
      <c r="EHM689" s="613"/>
      <c r="EHN689" s="613"/>
      <c r="EHO689" s="613"/>
      <c r="EHP689" s="613"/>
      <c r="EHQ689" s="613"/>
      <c r="EHR689" s="613"/>
      <c r="EHS689" s="613"/>
      <c r="EHT689" s="613"/>
      <c r="EHU689" s="613"/>
      <c r="EHV689" s="613"/>
      <c r="EHW689" s="613"/>
      <c r="EHX689" s="613"/>
      <c r="EHY689" s="613"/>
      <c r="EHZ689" s="613"/>
      <c r="EIA689" s="613"/>
      <c r="EIB689" s="613"/>
      <c r="EIC689" s="613"/>
      <c r="EID689" s="613"/>
      <c r="EIE689" s="613"/>
      <c r="EIF689" s="613"/>
      <c r="EIG689" s="613"/>
      <c r="EIH689" s="613"/>
      <c r="EII689" s="613"/>
      <c r="EIJ689" s="613"/>
      <c r="EIK689" s="613"/>
      <c r="EIL689" s="613"/>
      <c r="EIM689" s="613"/>
      <c r="EIN689" s="613"/>
      <c r="EIO689" s="613"/>
      <c r="EIP689" s="613"/>
      <c r="EIQ689" s="613"/>
      <c r="EIR689" s="613"/>
      <c r="EIS689" s="613"/>
      <c r="EIT689" s="613"/>
      <c r="EIU689" s="613"/>
      <c r="EIV689" s="613"/>
      <c r="EIW689" s="613"/>
      <c r="EIX689" s="613"/>
      <c r="EIY689" s="613"/>
      <c r="EIZ689" s="613"/>
      <c r="EJA689" s="613"/>
      <c r="EJB689" s="613"/>
      <c r="EJC689" s="613"/>
      <c r="EJD689" s="613"/>
      <c r="EJE689" s="613"/>
      <c r="EJF689" s="613"/>
      <c r="EJG689" s="613"/>
      <c r="EJH689" s="613"/>
      <c r="EJI689" s="613"/>
      <c r="EJJ689" s="613"/>
      <c r="EJK689" s="613"/>
      <c r="EJL689" s="613"/>
      <c r="EJM689" s="613"/>
      <c r="EJN689" s="613"/>
      <c r="EJO689" s="613"/>
      <c r="EJP689" s="613"/>
      <c r="EJQ689" s="613"/>
      <c r="EJR689" s="613"/>
      <c r="EJS689" s="613"/>
      <c r="EJT689" s="613"/>
      <c r="EJU689" s="613"/>
      <c r="EJV689" s="613"/>
      <c r="EJW689" s="613"/>
      <c r="EJX689" s="613"/>
      <c r="EJY689" s="613"/>
      <c r="EJZ689" s="613"/>
      <c r="EKA689" s="613"/>
      <c r="EKB689" s="613"/>
      <c r="EKC689" s="613"/>
      <c r="EKD689" s="613"/>
      <c r="EKE689" s="613"/>
      <c r="EKF689" s="613"/>
      <c r="EKG689" s="613"/>
      <c r="EKH689" s="613"/>
      <c r="EKI689" s="613"/>
      <c r="EKJ689" s="613"/>
      <c r="EKK689" s="613"/>
      <c r="EKL689" s="613"/>
      <c r="EKM689" s="613"/>
      <c r="EKN689" s="613"/>
      <c r="EKO689" s="613"/>
      <c r="EKP689" s="613"/>
      <c r="EKQ689" s="613"/>
      <c r="EKR689" s="613"/>
      <c r="EKS689" s="613"/>
      <c r="EKT689" s="613"/>
      <c r="EKU689" s="613"/>
      <c r="EKV689" s="613"/>
      <c r="EKW689" s="613"/>
      <c r="EKX689" s="613"/>
      <c r="EKY689" s="613"/>
      <c r="EKZ689" s="613"/>
      <c r="ELA689" s="613"/>
      <c r="ELB689" s="613"/>
      <c r="ELC689" s="613"/>
      <c r="ELD689" s="613"/>
      <c r="ELE689" s="613"/>
      <c r="ELF689" s="613"/>
      <c r="ELG689" s="613"/>
      <c r="ELH689" s="613"/>
      <c r="ELI689" s="613"/>
      <c r="ELJ689" s="613"/>
      <c r="ELK689" s="613"/>
      <c r="ELL689" s="613"/>
      <c r="ELM689" s="613"/>
      <c r="ELN689" s="613"/>
      <c r="ELO689" s="613"/>
      <c r="ELP689" s="613"/>
      <c r="ELQ689" s="613"/>
      <c r="ELR689" s="613"/>
      <c r="ELS689" s="613"/>
      <c r="ELT689" s="613"/>
      <c r="ELU689" s="613"/>
      <c r="ELV689" s="613"/>
      <c r="ELW689" s="613"/>
      <c r="ELX689" s="613"/>
      <c r="ELY689" s="613"/>
      <c r="ELZ689" s="613"/>
      <c r="EMA689" s="613"/>
      <c r="EMB689" s="613"/>
      <c r="EMC689" s="613"/>
      <c r="EMD689" s="613"/>
      <c r="EME689" s="613"/>
      <c r="EMF689" s="613"/>
      <c r="EMG689" s="613"/>
      <c r="EMH689" s="613"/>
      <c r="EMI689" s="613"/>
      <c r="EMJ689" s="613"/>
      <c r="EMK689" s="613"/>
      <c r="EML689" s="613"/>
      <c r="EMM689" s="613"/>
      <c r="EMN689" s="613"/>
      <c r="EMO689" s="613"/>
      <c r="EMP689" s="613"/>
      <c r="EMQ689" s="613"/>
      <c r="EMR689" s="613"/>
      <c r="EMS689" s="613"/>
      <c r="EMT689" s="613"/>
      <c r="EMU689" s="613"/>
      <c r="EMV689" s="613"/>
      <c r="EMW689" s="613"/>
      <c r="EMX689" s="613"/>
      <c r="EMY689" s="613"/>
      <c r="EMZ689" s="613"/>
      <c r="ENA689" s="613"/>
      <c r="ENB689" s="613"/>
      <c r="ENC689" s="613"/>
      <c r="END689" s="613"/>
      <c r="ENE689" s="613"/>
      <c r="ENF689" s="613"/>
      <c r="ENG689" s="613"/>
      <c r="ENH689" s="613"/>
      <c r="ENI689" s="613"/>
      <c r="ENJ689" s="613"/>
      <c r="ENK689" s="613"/>
      <c r="ENL689" s="613"/>
      <c r="ENM689" s="613"/>
      <c r="ENN689" s="613"/>
      <c r="ENO689" s="613"/>
      <c r="ENP689" s="613"/>
      <c r="ENQ689" s="613"/>
      <c r="ENR689" s="613"/>
      <c r="ENS689" s="613"/>
      <c r="ENT689" s="613"/>
      <c r="ENU689" s="613"/>
      <c r="ENV689" s="613"/>
      <c r="ENW689" s="613"/>
      <c r="ENX689" s="613"/>
      <c r="ENY689" s="613"/>
      <c r="ENZ689" s="613"/>
      <c r="EOA689" s="613"/>
      <c r="EOB689" s="613"/>
      <c r="EOC689" s="613"/>
      <c r="EOD689" s="613"/>
      <c r="EOE689" s="613"/>
      <c r="EOF689" s="613"/>
      <c r="EOG689" s="613"/>
      <c r="EOH689" s="613"/>
      <c r="EOI689" s="613"/>
      <c r="EOJ689" s="613"/>
      <c r="EOK689" s="613"/>
      <c r="EOL689" s="613"/>
      <c r="EOM689" s="613"/>
      <c r="EON689" s="613"/>
      <c r="EOO689" s="613"/>
      <c r="EOP689" s="613"/>
      <c r="EOQ689" s="613"/>
      <c r="EOR689" s="613"/>
      <c r="EOS689" s="613"/>
      <c r="EOT689" s="613"/>
      <c r="EOU689" s="613"/>
      <c r="EOV689" s="613"/>
      <c r="EOW689" s="613"/>
      <c r="EOX689" s="613"/>
      <c r="EOY689" s="613"/>
      <c r="EOZ689" s="613"/>
      <c r="EPA689" s="613"/>
      <c r="EPB689" s="613"/>
      <c r="EPC689" s="613"/>
      <c r="EPD689" s="613"/>
      <c r="EPE689" s="613"/>
      <c r="EPF689" s="613"/>
      <c r="EPG689" s="613"/>
      <c r="EPH689" s="613"/>
      <c r="EPI689" s="613"/>
      <c r="EPJ689" s="613"/>
      <c r="EPK689" s="613"/>
      <c r="EPL689" s="613"/>
      <c r="EPM689" s="613"/>
      <c r="EPN689" s="613"/>
      <c r="EPO689" s="613"/>
      <c r="EPP689" s="613"/>
      <c r="EPQ689" s="613"/>
      <c r="EPR689" s="613"/>
      <c r="EPS689" s="613"/>
      <c r="EPT689" s="613"/>
      <c r="EPU689" s="613"/>
      <c r="EPV689" s="613"/>
      <c r="EPW689" s="613"/>
      <c r="EPX689" s="613"/>
      <c r="EPY689" s="613"/>
      <c r="EPZ689" s="613"/>
      <c r="EQA689" s="613"/>
      <c r="EQB689" s="613"/>
      <c r="EQC689" s="613"/>
      <c r="EQD689" s="613"/>
      <c r="EQE689" s="613"/>
      <c r="EQF689" s="613"/>
      <c r="EQG689" s="613"/>
      <c r="EQH689" s="613"/>
      <c r="EQI689" s="613"/>
      <c r="EQJ689" s="613"/>
      <c r="EQK689" s="613"/>
      <c r="EQL689" s="613"/>
      <c r="EQM689" s="613"/>
      <c r="EQN689" s="613"/>
      <c r="EQO689" s="613"/>
      <c r="EQP689" s="613"/>
      <c r="EQQ689" s="613"/>
      <c r="EQR689" s="613"/>
      <c r="EQS689" s="613"/>
      <c r="EQT689" s="613"/>
      <c r="EQU689" s="613"/>
      <c r="EQV689" s="613"/>
      <c r="EQW689" s="613"/>
      <c r="EQX689" s="613"/>
      <c r="EQY689" s="613"/>
      <c r="EQZ689" s="613"/>
      <c r="ERA689" s="613"/>
      <c r="ERB689" s="613"/>
      <c r="ERC689" s="613"/>
      <c r="ERD689" s="613"/>
      <c r="ERE689" s="613"/>
      <c r="ERF689" s="613"/>
      <c r="ERG689" s="613"/>
      <c r="ERH689" s="613"/>
      <c r="ERI689" s="613"/>
      <c r="ERJ689" s="613"/>
      <c r="ERK689" s="613"/>
      <c r="ERL689" s="613"/>
      <c r="ERM689" s="613"/>
      <c r="ERN689" s="613"/>
      <c r="ERO689" s="613"/>
      <c r="ERP689" s="613"/>
      <c r="ERQ689" s="613"/>
      <c r="ERR689" s="613"/>
      <c r="ERS689" s="613"/>
      <c r="ERT689" s="613"/>
      <c r="ERU689" s="613"/>
      <c r="ERV689" s="613"/>
      <c r="ERW689" s="613"/>
      <c r="ERX689" s="613"/>
      <c r="ERY689" s="613"/>
      <c r="ERZ689" s="613"/>
      <c r="ESA689" s="613"/>
      <c r="ESB689" s="613"/>
      <c r="ESC689" s="613"/>
      <c r="ESD689" s="613"/>
      <c r="ESE689" s="613"/>
      <c r="ESF689" s="613"/>
      <c r="ESG689" s="613"/>
      <c r="ESH689" s="613"/>
      <c r="ESI689" s="613"/>
      <c r="ESJ689" s="613"/>
      <c r="ESK689" s="613"/>
      <c r="ESL689" s="613"/>
      <c r="ESM689" s="613"/>
      <c r="ESN689" s="613"/>
      <c r="ESO689" s="613"/>
      <c r="ESP689" s="613"/>
      <c r="ESQ689" s="613"/>
      <c r="ESR689" s="613"/>
      <c r="ESS689" s="613"/>
      <c r="EST689" s="613"/>
      <c r="ESU689" s="613"/>
      <c r="ESV689" s="613"/>
      <c r="ESW689" s="613"/>
      <c r="ESX689" s="613"/>
      <c r="ESY689" s="613"/>
      <c r="ESZ689" s="613"/>
      <c r="ETA689" s="613"/>
      <c r="ETB689" s="613"/>
      <c r="ETC689" s="613"/>
      <c r="ETD689" s="613"/>
      <c r="ETE689" s="613"/>
      <c r="ETF689" s="613"/>
      <c r="ETG689" s="613"/>
      <c r="ETH689" s="613"/>
      <c r="ETI689" s="613"/>
      <c r="ETJ689" s="613"/>
      <c r="ETK689" s="613"/>
      <c r="ETL689" s="613"/>
      <c r="ETM689" s="613"/>
      <c r="ETN689" s="613"/>
      <c r="ETO689" s="613"/>
      <c r="ETP689" s="613"/>
      <c r="ETQ689" s="613"/>
      <c r="ETR689" s="613"/>
      <c r="ETS689" s="613"/>
      <c r="ETT689" s="613"/>
      <c r="ETU689" s="613"/>
      <c r="ETV689" s="613"/>
      <c r="ETW689" s="613"/>
      <c r="ETX689" s="613"/>
      <c r="ETY689" s="613"/>
      <c r="ETZ689" s="613"/>
      <c r="EUA689" s="613"/>
      <c r="EUB689" s="613"/>
      <c r="EUC689" s="613"/>
      <c r="EUD689" s="613"/>
      <c r="EUE689" s="613"/>
      <c r="EUF689" s="613"/>
      <c r="EUG689" s="613"/>
      <c r="EUH689" s="613"/>
      <c r="EUI689" s="613"/>
      <c r="EUJ689" s="613"/>
      <c r="EUK689" s="613"/>
      <c r="EUL689" s="613"/>
      <c r="EUM689" s="613"/>
      <c r="EUN689" s="613"/>
      <c r="EUO689" s="613"/>
      <c r="EUP689" s="613"/>
      <c r="EUQ689" s="613"/>
      <c r="EUR689" s="613"/>
      <c r="EUS689" s="613"/>
      <c r="EUT689" s="613"/>
      <c r="EUU689" s="613"/>
      <c r="EUV689" s="613"/>
      <c r="EUW689" s="613"/>
      <c r="EUX689" s="613"/>
      <c r="EUY689" s="613"/>
      <c r="EUZ689" s="613"/>
      <c r="EVA689" s="613"/>
      <c r="EVB689" s="613"/>
      <c r="EVC689" s="613"/>
      <c r="EVD689" s="613"/>
      <c r="EVE689" s="613"/>
      <c r="EVF689" s="613"/>
      <c r="EVG689" s="613"/>
      <c r="EVH689" s="613"/>
      <c r="EVI689" s="613"/>
      <c r="EVJ689" s="613"/>
      <c r="EVK689" s="613"/>
      <c r="EVL689" s="613"/>
      <c r="EVM689" s="613"/>
      <c r="EVN689" s="613"/>
      <c r="EVO689" s="613"/>
      <c r="EVP689" s="613"/>
      <c r="EVQ689" s="613"/>
      <c r="EVR689" s="613"/>
      <c r="EVS689" s="613"/>
      <c r="EVT689" s="613"/>
      <c r="EVU689" s="613"/>
      <c r="EVV689" s="613"/>
      <c r="EVW689" s="613"/>
      <c r="EVX689" s="613"/>
      <c r="EVY689" s="613"/>
      <c r="EVZ689" s="613"/>
      <c r="EWA689" s="613"/>
      <c r="EWB689" s="613"/>
      <c r="EWC689" s="613"/>
      <c r="EWD689" s="613"/>
      <c r="EWE689" s="613"/>
      <c r="EWF689" s="613"/>
      <c r="EWG689" s="613"/>
      <c r="EWH689" s="613"/>
      <c r="EWI689" s="613"/>
      <c r="EWJ689" s="613"/>
      <c r="EWK689" s="613"/>
      <c r="EWL689" s="613"/>
      <c r="EWM689" s="613"/>
      <c r="EWN689" s="613"/>
      <c r="EWO689" s="613"/>
      <c r="EWP689" s="613"/>
      <c r="EWQ689" s="613"/>
      <c r="EWR689" s="613"/>
      <c r="EWS689" s="613"/>
      <c r="EWT689" s="613"/>
      <c r="EWU689" s="613"/>
      <c r="EWV689" s="613"/>
      <c r="EWW689" s="613"/>
      <c r="EWX689" s="613"/>
      <c r="EWY689" s="613"/>
      <c r="EWZ689" s="613"/>
      <c r="EXA689" s="613"/>
      <c r="EXB689" s="613"/>
      <c r="EXC689" s="613"/>
      <c r="EXD689" s="613"/>
      <c r="EXE689" s="613"/>
      <c r="EXF689" s="613"/>
      <c r="EXG689" s="613"/>
      <c r="EXH689" s="613"/>
      <c r="EXI689" s="613"/>
      <c r="EXJ689" s="613"/>
      <c r="EXK689" s="613"/>
      <c r="EXL689" s="613"/>
      <c r="EXM689" s="613"/>
      <c r="EXN689" s="613"/>
      <c r="EXO689" s="613"/>
      <c r="EXP689" s="613"/>
      <c r="EXQ689" s="613"/>
      <c r="EXR689" s="613"/>
      <c r="EXS689" s="613"/>
      <c r="EXT689" s="613"/>
      <c r="EXU689" s="613"/>
      <c r="EXV689" s="613"/>
      <c r="EXW689" s="613"/>
      <c r="EXX689" s="613"/>
      <c r="EXY689" s="613"/>
      <c r="EXZ689" s="613"/>
      <c r="EYA689" s="613"/>
      <c r="EYB689" s="613"/>
      <c r="EYC689" s="613"/>
      <c r="EYD689" s="613"/>
      <c r="EYE689" s="613"/>
      <c r="EYF689" s="613"/>
      <c r="EYG689" s="613"/>
      <c r="EYH689" s="613"/>
      <c r="EYI689" s="613"/>
      <c r="EYJ689" s="613"/>
      <c r="EYK689" s="613"/>
      <c r="EYL689" s="613"/>
      <c r="EYM689" s="613"/>
      <c r="EYN689" s="613"/>
      <c r="EYO689" s="613"/>
      <c r="EYP689" s="613"/>
      <c r="EYQ689" s="613"/>
      <c r="EYR689" s="613"/>
      <c r="EYS689" s="613"/>
      <c r="EYT689" s="613"/>
      <c r="EYU689" s="613"/>
      <c r="EYV689" s="613"/>
      <c r="EYW689" s="613"/>
      <c r="EYX689" s="613"/>
      <c r="EYY689" s="613"/>
      <c r="EYZ689" s="613"/>
      <c r="EZA689" s="613"/>
      <c r="EZB689" s="613"/>
      <c r="EZC689" s="613"/>
      <c r="EZD689" s="613"/>
      <c r="EZE689" s="613"/>
      <c r="EZF689" s="613"/>
      <c r="EZG689" s="613"/>
      <c r="EZH689" s="613"/>
      <c r="EZI689" s="613"/>
      <c r="EZJ689" s="613"/>
      <c r="EZK689" s="613"/>
      <c r="EZL689" s="613"/>
      <c r="EZM689" s="613"/>
      <c r="EZN689" s="613"/>
      <c r="EZO689" s="613"/>
      <c r="EZP689" s="613"/>
      <c r="EZQ689" s="613"/>
      <c r="EZR689" s="613"/>
      <c r="EZS689" s="613"/>
      <c r="EZT689" s="613"/>
      <c r="EZU689" s="613"/>
      <c r="EZV689" s="613"/>
      <c r="EZW689" s="613"/>
      <c r="EZX689" s="613"/>
      <c r="EZY689" s="613"/>
      <c r="EZZ689" s="613"/>
      <c r="FAA689" s="613"/>
      <c r="FAB689" s="613"/>
      <c r="FAC689" s="613"/>
      <c r="FAD689" s="613"/>
      <c r="FAE689" s="613"/>
      <c r="FAF689" s="613"/>
      <c r="FAG689" s="613"/>
      <c r="FAH689" s="613"/>
      <c r="FAI689" s="613"/>
      <c r="FAJ689" s="613"/>
      <c r="FAK689" s="613"/>
      <c r="FAL689" s="613"/>
      <c r="FAM689" s="613"/>
      <c r="FAN689" s="613"/>
      <c r="FAO689" s="613"/>
      <c r="FAP689" s="613"/>
      <c r="FAQ689" s="613"/>
      <c r="FAR689" s="613"/>
      <c r="FAS689" s="613"/>
      <c r="FAT689" s="613"/>
      <c r="FAU689" s="613"/>
      <c r="FAV689" s="613"/>
      <c r="FAW689" s="613"/>
      <c r="FAX689" s="613"/>
      <c r="FAY689" s="613"/>
      <c r="FAZ689" s="613"/>
      <c r="FBA689" s="613"/>
      <c r="FBB689" s="613"/>
      <c r="FBC689" s="613"/>
      <c r="FBD689" s="613"/>
      <c r="FBE689" s="613"/>
      <c r="FBF689" s="613"/>
      <c r="FBG689" s="613"/>
      <c r="FBH689" s="613"/>
      <c r="FBI689" s="613"/>
      <c r="FBJ689" s="613"/>
      <c r="FBK689" s="613"/>
      <c r="FBL689" s="613"/>
      <c r="FBM689" s="613"/>
      <c r="FBN689" s="613"/>
      <c r="FBO689" s="613"/>
      <c r="FBP689" s="613"/>
      <c r="FBQ689" s="613"/>
      <c r="FBR689" s="613"/>
      <c r="FBS689" s="613"/>
      <c r="FBT689" s="613"/>
      <c r="FBU689" s="613"/>
      <c r="FBV689" s="613"/>
      <c r="FBW689" s="613"/>
      <c r="FBX689" s="613"/>
      <c r="FBY689" s="613"/>
      <c r="FBZ689" s="613"/>
      <c r="FCA689" s="613"/>
      <c r="FCB689" s="613"/>
      <c r="FCC689" s="613"/>
      <c r="FCD689" s="613"/>
      <c r="FCE689" s="613"/>
      <c r="FCF689" s="613"/>
      <c r="FCG689" s="613"/>
      <c r="FCH689" s="613"/>
      <c r="FCI689" s="613"/>
      <c r="FCJ689" s="613"/>
      <c r="FCK689" s="613"/>
      <c r="FCL689" s="613"/>
      <c r="FCM689" s="613"/>
      <c r="FCN689" s="613"/>
      <c r="FCO689" s="613"/>
      <c r="FCP689" s="613"/>
      <c r="FCQ689" s="613"/>
      <c r="FCR689" s="613"/>
      <c r="FCS689" s="613"/>
      <c r="FCT689" s="613"/>
      <c r="FCU689" s="613"/>
      <c r="FCV689" s="613"/>
      <c r="FCW689" s="613"/>
      <c r="FCX689" s="613"/>
      <c r="FCY689" s="613"/>
      <c r="FCZ689" s="613"/>
      <c r="FDA689" s="613"/>
      <c r="FDB689" s="613"/>
      <c r="FDC689" s="613"/>
      <c r="FDD689" s="613"/>
      <c r="FDE689" s="613"/>
      <c r="FDF689" s="613"/>
      <c r="FDG689" s="613"/>
      <c r="FDH689" s="613"/>
      <c r="FDI689" s="613"/>
      <c r="FDJ689" s="613"/>
      <c r="FDK689" s="613"/>
      <c r="FDL689" s="613"/>
      <c r="FDM689" s="613"/>
      <c r="FDN689" s="613"/>
      <c r="FDO689" s="613"/>
      <c r="FDP689" s="613"/>
      <c r="FDQ689" s="613"/>
      <c r="FDR689" s="613"/>
      <c r="FDS689" s="613"/>
      <c r="FDT689" s="613"/>
      <c r="FDU689" s="613"/>
      <c r="FDV689" s="613"/>
      <c r="FDW689" s="613"/>
      <c r="FDX689" s="613"/>
      <c r="FDY689" s="613"/>
      <c r="FDZ689" s="613"/>
      <c r="FEA689" s="613"/>
      <c r="FEB689" s="613"/>
      <c r="FEC689" s="613"/>
      <c r="FED689" s="613"/>
      <c r="FEE689" s="613"/>
      <c r="FEF689" s="613"/>
      <c r="FEG689" s="613"/>
      <c r="FEH689" s="613"/>
      <c r="FEI689" s="613"/>
      <c r="FEJ689" s="613"/>
      <c r="FEK689" s="613"/>
      <c r="FEL689" s="613"/>
      <c r="FEM689" s="613"/>
      <c r="FEN689" s="613"/>
      <c r="FEO689" s="613"/>
      <c r="FEP689" s="613"/>
      <c r="FEQ689" s="613"/>
      <c r="FER689" s="613"/>
      <c r="FES689" s="613"/>
      <c r="FET689" s="613"/>
      <c r="FEU689" s="613"/>
      <c r="FEV689" s="613"/>
      <c r="FEW689" s="613"/>
      <c r="FEX689" s="613"/>
      <c r="FEY689" s="613"/>
      <c r="FEZ689" s="613"/>
      <c r="FFA689" s="613"/>
      <c r="FFB689" s="613"/>
      <c r="FFC689" s="613"/>
      <c r="FFD689" s="613"/>
      <c r="FFE689" s="613"/>
      <c r="FFF689" s="613"/>
      <c r="FFG689" s="613"/>
      <c r="FFH689" s="613"/>
      <c r="FFI689" s="613"/>
      <c r="FFJ689" s="613"/>
      <c r="FFK689" s="613"/>
      <c r="FFL689" s="613"/>
      <c r="FFM689" s="613"/>
      <c r="FFN689" s="613"/>
      <c r="FFO689" s="613"/>
      <c r="FFP689" s="613"/>
      <c r="FFQ689" s="613"/>
      <c r="FFR689" s="613"/>
      <c r="FFS689" s="613"/>
      <c r="FFT689" s="613"/>
      <c r="FFU689" s="613"/>
      <c r="FFV689" s="613"/>
      <c r="FFW689" s="613"/>
      <c r="FFX689" s="613"/>
      <c r="FFY689" s="613"/>
      <c r="FFZ689" s="613"/>
      <c r="FGA689" s="613"/>
      <c r="FGB689" s="613"/>
      <c r="FGC689" s="613"/>
      <c r="FGD689" s="613"/>
      <c r="FGE689" s="613"/>
      <c r="FGF689" s="613"/>
      <c r="FGG689" s="613"/>
      <c r="FGH689" s="613"/>
      <c r="FGI689" s="613"/>
      <c r="FGJ689" s="613"/>
      <c r="FGK689" s="613"/>
      <c r="FGL689" s="613"/>
      <c r="FGM689" s="613"/>
      <c r="FGN689" s="613"/>
      <c r="FGO689" s="613"/>
      <c r="FGP689" s="613"/>
      <c r="FGQ689" s="613"/>
      <c r="FGR689" s="613"/>
      <c r="FGS689" s="613"/>
      <c r="FGT689" s="613"/>
      <c r="FGU689" s="613"/>
      <c r="FGV689" s="613"/>
      <c r="FGW689" s="613"/>
      <c r="FGX689" s="613"/>
      <c r="FGY689" s="613"/>
      <c r="FGZ689" s="613"/>
      <c r="FHA689" s="613"/>
      <c r="FHB689" s="613"/>
      <c r="FHC689" s="613"/>
      <c r="FHD689" s="613"/>
      <c r="FHE689" s="613"/>
      <c r="FHF689" s="613"/>
      <c r="FHG689" s="613"/>
      <c r="FHH689" s="613"/>
      <c r="FHI689" s="613"/>
      <c r="FHJ689" s="613"/>
      <c r="FHK689" s="613"/>
      <c r="FHL689" s="613"/>
      <c r="FHM689" s="613"/>
      <c r="FHN689" s="613"/>
      <c r="FHO689" s="613"/>
      <c r="FHP689" s="613"/>
      <c r="FHQ689" s="613"/>
      <c r="FHR689" s="613"/>
      <c r="FHS689" s="613"/>
      <c r="FHT689" s="613"/>
      <c r="FHU689" s="613"/>
      <c r="FHV689" s="613"/>
      <c r="FHW689" s="613"/>
      <c r="FHX689" s="613"/>
      <c r="FHY689" s="613"/>
      <c r="FHZ689" s="613"/>
      <c r="FIA689" s="613"/>
      <c r="FIB689" s="613"/>
      <c r="FIC689" s="613"/>
      <c r="FID689" s="613"/>
      <c r="FIE689" s="613"/>
      <c r="FIF689" s="613"/>
      <c r="FIG689" s="613"/>
      <c r="FIH689" s="613"/>
      <c r="FII689" s="613"/>
      <c r="FIJ689" s="613"/>
      <c r="FIK689" s="613"/>
      <c r="FIL689" s="613"/>
      <c r="FIM689" s="613"/>
      <c r="FIN689" s="613"/>
      <c r="FIO689" s="613"/>
      <c r="FIP689" s="613"/>
      <c r="FIQ689" s="613"/>
      <c r="FIR689" s="613"/>
      <c r="FIS689" s="613"/>
      <c r="FIT689" s="613"/>
      <c r="FIU689" s="613"/>
      <c r="FIV689" s="613"/>
      <c r="FIW689" s="613"/>
      <c r="FIX689" s="613"/>
      <c r="FIY689" s="613"/>
      <c r="FIZ689" s="613"/>
      <c r="FJA689" s="613"/>
      <c r="FJB689" s="613"/>
      <c r="FJC689" s="613"/>
      <c r="FJD689" s="613"/>
      <c r="FJE689" s="613"/>
      <c r="FJF689" s="613"/>
      <c r="FJG689" s="613"/>
      <c r="FJH689" s="613"/>
      <c r="FJI689" s="613"/>
      <c r="FJJ689" s="613"/>
      <c r="FJK689" s="613"/>
      <c r="FJL689" s="613"/>
      <c r="FJM689" s="613"/>
      <c r="FJN689" s="613"/>
      <c r="FJO689" s="613"/>
      <c r="FJP689" s="613"/>
      <c r="FJQ689" s="613"/>
      <c r="FJR689" s="613"/>
      <c r="FJS689" s="613"/>
      <c r="FJT689" s="613"/>
      <c r="FJU689" s="613"/>
      <c r="FJV689" s="613"/>
      <c r="FJW689" s="613"/>
      <c r="FJX689" s="613"/>
      <c r="FJY689" s="613"/>
      <c r="FJZ689" s="613"/>
      <c r="FKA689" s="613"/>
      <c r="FKB689" s="613"/>
      <c r="FKC689" s="613"/>
      <c r="FKD689" s="613"/>
      <c r="FKE689" s="613"/>
      <c r="FKF689" s="613"/>
      <c r="FKG689" s="613"/>
      <c r="FKH689" s="613"/>
      <c r="FKI689" s="613"/>
      <c r="FKJ689" s="613"/>
      <c r="FKK689" s="613"/>
      <c r="FKL689" s="613"/>
      <c r="FKM689" s="613"/>
      <c r="FKN689" s="613"/>
      <c r="FKO689" s="613"/>
      <c r="FKP689" s="613"/>
      <c r="FKQ689" s="613"/>
      <c r="FKR689" s="613"/>
      <c r="FKS689" s="613"/>
      <c r="FKT689" s="613"/>
      <c r="FKU689" s="613"/>
      <c r="FKV689" s="613"/>
      <c r="FKW689" s="613"/>
      <c r="FKX689" s="613"/>
      <c r="FKY689" s="613"/>
      <c r="FKZ689" s="613"/>
      <c r="FLA689" s="613"/>
      <c r="FLB689" s="613"/>
      <c r="FLC689" s="613"/>
      <c r="FLD689" s="613"/>
      <c r="FLE689" s="613"/>
      <c r="FLF689" s="613"/>
      <c r="FLG689" s="613"/>
      <c r="FLH689" s="613"/>
      <c r="FLI689" s="613"/>
      <c r="FLJ689" s="613"/>
      <c r="FLK689" s="613"/>
      <c r="FLL689" s="613"/>
      <c r="FLM689" s="613"/>
      <c r="FLN689" s="613"/>
      <c r="FLO689" s="613"/>
      <c r="FLP689" s="613"/>
      <c r="FLQ689" s="613"/>
      <c r="FLR689" s="613"/>
      <c r="FLS689" s="613"/>
      <c r="FLT689" s="613"/>
      <c r="FLU689" s="613"/>
      <c r="FLV689" s="613"/>
      <c r="FLW689" s="613"/>
      <c r="FLX689" s="613"/>
      <c r="FLY689" s="613"/>
      <c r="FLZ689" s="613"/>
      <c r="FMA689" s="613"/>
      <c r="FMB689" s="613"/>
      <c r="FMC689" s="613"/>
      <c r="FMD689" s="613"/>
      <c r="FME689" s="613"/>
      <c r="FMF689" s="613"/>
      <c r="FMG689" s="613"/>
      <c r="FMH689" s="613"/>
      <c r="FMI689" s="613"/>
      <c r="FMJ689" s="613"/>
      <c r="FMK689" s="613"/>
      <c r="FML689" s="613"/>
      <c r="FMM689" s="613"/>
      <c r="FMN689" s="613"/>
      <c r="FMO689" s="613"/>
      <c r="FMP689" s="613"/>
      <c r="FMQ689" s="613"/>
      <c r="FMR689" s="613"/>
      <c r="FMS689" s="613"/>
      <c r="FMT689" s="613"/>
      <c r="FMU689" s="613"/>
      <c r="FMV689" s="613"/>
      <c r="FMW689" s="613"/>
      <c r="FMX689" s="613"/>
      <c r="FMY689" s="613"/>
      <c r="FMZ689" s="613"/>
      <c r="FNA689" s="613"/>
      <c r="FNB689" s="613"/>
      <c r="FNC689" s="613"/>
      <c r="FND689" s="613"/>
      <c r="FNE689" s="613"/>
      <c r="FNF689" s="613"/>
      <c r="FNG689" s="613"/>
      <c r="FNH689" s="613"/>
      <c r="FNI689" s="613"/>
      <c r="FNJ689" s="613"/>
      <c r="FNK689" s="613"/>
      <c r="FNL689" s="613"/>
      <c r="FNM689" s="613"/>
      <c r="FNN689" s="613"/>
      <c r="FNO689" s="613"/>
      <c r="FNP689" s="613"/>
      <c r="FNQ689" s="613"/>
      <c r="FNR689" s="613"/>
      <c r="FNS689" s="613"/>
      <c r="FNT689" s="613"/>
      <c r="FNU689" s="613"/>
      <c r="FNV689" s="613"/>
      <c r="FNW689" s="613"/>
      <c r="FNX689" s="613"/>
      <c r="FNY689" s="613"/>
      <c r="FNZ689" s="613"/>
      <c r="FOA689" s="613"/>
      <c r="FOB689" s="613"/>
      <c r="FOC689" s="613"/>
      <c r="FOD689" s="613"/>
      <c r="FOE689" s="613"/>
      <c r="FOF689" s="613"/>
      <c r="FOG689" s="613"/>
      <c r="FOH689" s="613"/>
      <c r="FOI689" s="613"/>
      <c r="FOJ689" s="613"/>
      <c r="FOK689" s="613"/>
      <c r="FOL689" s="613"/>
      <c r="FOM689" s="613"/>
      <c r="FON689" s="613"/>
      <c r="FOO689" s="613"/>
      <c r="FOP689" s="613"/>
      <c r="FOQ689" s="613"/>
      <c r="FOR689" s="613"/>
      <c r="FOS689" s="613"/>
      <c r="FOT689" s="613"/>
      <c r="FOU689" s="613"/>
      <c r="FOV689" s="613"/>
      <c r="FOW689" s="613"/>
      <c r="FOX689" s="613"/>
      <c r="FOY689" s="613"/>
      <c r="FOZ689" s="613"/>
      <c r="FPA689" s="613"/>
      <c r="FPB689" s="613"/>
      <c r="FPC689" s="613"/>
      <c r="FPD689" s="613"/>
      <c r="FPE689" s="613"/>
      <c r="FPF689" s="613"/>
      <c r="FPG689" s="613"/>
      <c r="FPH689" s="613"/>
      <c r="FPI689" s="613"/>
      <c r="FPJ689" s="613"/>
      <c r="FPK689" s="613"/>
      <c r="FPL689" s="613"/>
      <c r="FPM689" s="613"/>
      <c r="FPN689" s="613"/>
      <c r="FPO689" s="613"/>
      <c r="FPP689" s="613"/>
      <c r="FPQ689" s="613"/>
      <c r="FPR689" s="613"/>
      <c r="FPS689" s="613"/>
      <c r="FPT689" s="613"/>
      <c r="FPU689" s="613"/>
      <c r="FPV689" s="613"/>
      <c r="FPW689" s="613"/>
      <c r="FPX689" s="613"/>
      <c r="FPY689" s="613"/>
      <c r="FPZ689" s="613"/>
      <c r="FQA689" s="613"/>
      <c r="FQB689" s="613"/>
      <c r="FQC689" s="613"/>
      <c r="FQD689" s="613"/>
      <c r="FQE689" s="613"/>
      <c r="FQF689" s="613"/>
      <c r="FQG689" s="613"/>
      <c r="FQH689" s="613"/>
      <c r="FQI689" s="613"/>
      <c r="FQJ689" s="613"/>
      <c r="FQK689" s="613"/>
      <c r="FQL689" s="613"/>
      <c r="FQM689" s="613"/>
      <c r="FQN689" s="613"/>
      <c r="FQO689" s="613"/>
      <c r="FQP689" s="613"/>
      <c r="FQQ689" s="613"/>
      <c r="FQR689" s="613"/>
      <c r="FQS689" s="613"/>
      <c r="FQT689" s="613"/>
      <c r="FQU689" s="613"/>
      <c r="FQV689" s="613"/>
      <c r="FQW689" s="613"/>
      <c r="FQX689" s="613"/>
      <c r="FQY689" s="613"/>
      <c r="FQZ689" s="613"/>
      <c r="FRA689" s="613"/>
      <c r="FRB689" s="613"/>
      <c r="FRC689" s="613"/>
      <c r="FRD689" s="613"/>
      <c r="FRE689" s="613"/>
      <c r="FRF689" s="613"/>
      <c r="FRG689" s="613"/>
      <c r="FRH689" s="613"/>
      <c r="FRI689" s="613"/>
      <c r="FRJ689" s="613"/>
      <c r="FRK689" s="613"/>
      <c r="FRL689" s="613"/>
      <c r="FRM689" s="613"/>
      <c r="FRN689" s="613"/>
      <c r="FRO689" s="613"/>
      <c r="FRP689" s="613"/>
      <c r="FRQ689" s="613"/>
      <c r="FRR689" s="613"/>
      <c r="FRS689" s="613"/>
      <c r="FRT689" s="613"/>
      <c r="FRU689" s="613"/>
      <c r="FRV689" s="613"/>
      <c r="FRW689" s="613"/>
      <c r="FRX689" s="613"/>
      <c r="FRY689" s="613"/>
      <c r="FRZ689" s="613"/>
      <c r="FSA689" s="613"/>
      <c r="FSB689" s="613"/>
      <c r="FSC689" s="613"/>
      <c r="FSD689" s="613"/>
      <c r="FSE689" s="613"/>
      <c r="FSF689" s="613"/>
      <c r="FSG689" s="613"/>
      <c r="FSH689" s="613"/>
      <c r="FSI689" s="613"/>
      <c r="FSJ689" s="613"/>
      <c r="FSK689" s="613"/>
      <c r="FSL689" s="613"/>
      <c r="FSM689" s="613"/>
      <c r="FSN689" s="613"/>
      <c r="FSO689" s="613"/>
      <c r="FSP689" s="613"/>
      <c r="FSQ689" s="613"/>
      <c r="FSR689" s="613"/>
      <c r="FSS689" s="613"/>
      <c r="FST689" s="613"/>
      <c r="FSU689" s="613"/>
      <c r="FSV689" s="613"/>
      <c r="FSW689" s="613"/>
      <c r="FSX689" s="613"/>
      <c r="FSY689" s="613"/>
      <c r="FSZ689" s="613"/>
      <c r="FTA689" s="613"/>
      <c r="FTB689" s="613"/>
      <c r="FTC689" s="613"/>
      <c r="FTD689" s="613"/>
      <c r="FTE689" s="613"/>
      <c r="FTF689" s="613"/>
      <c r="FTG689" s="613"/>
      <c r="FTH689" s="613"/>
      <c r="FTI689" s="613"/>
      <c r="FTJ689" s="613"/>
      <c r="FTK689" s="613"/>
      <c r="FTL689" s="613"/>
      <c r="FTM689" s="613"/>
      <c r="FTN689" s="613"/>
      <c r="FTO689" s="613"/>
      <c r="FTP689" s="613"/>
      <c r="FTQ689" s="613"/>
      <c r="FTR689" s="613"/>
      <c r="FTS689" s="613"/>
      <c r="FTT689" s="613"/>
      <c r="FTU689" s="613"/>
      <c r="FTV689" s="613"/>
      <c r="FTW689" s="613"/>
      <c r="FTX689" s="613"/>
      <c r="FTY689" s="613"/>
      <c r="FTZ689" s="613"/>
      <c r="FUA689" s="613"/>
      <c r="FUB689" s="613"/>
      <c r="FUC689" s="613"/>
      <c r="FUD689" s="613"/>
      <c r="FUE689" s="613"/>
      <c r="FUF689" s="613"/>
      <c r="FUG689" s="613"/>
      <c r="FUH689" s="613"/>
      <c r="FUI689" s="613"/>
      <c r="FUJ689" s="613"/>
      <c r="FUK689" s="613"/>
      <c r="FUL689" s="613"/>
      <c r="FUM689" s="613"/>
      <c r="FUN689" s="613"/>
      <c r="FUO689" s="613"/>
      <c r="FUP689" s="613"/>
      <c r="FUQ689" s="613"/>
      <c r="FUR689" s="613"/>
      <c r="FUS689" s="613"/>
      <c r="FUT689" s="613"/>
      <c r="FUU689" s="613"/>
      <c r="FUV689" s="613"/>
      <c r="FUW689" s="613"/>
      <c r="FUX689" s="613"/>
      <c r="FUY689" s="613"/>
      <c r="FUZ689" s="613"/>
      <c r="FVA689" s="613"/>
      <c r="FVB689" s="613"/>
      <c r="FVC689" s="613"/>
      <c r="FVD689" s="613"/>
      <c r="FVE689" s="613"/>
      <c r="FVF689" s="613"/>
      <c r="FVG689" s="613"/>
      <c r="FVH689" s="613"/>
      <c r="FVI689" s="613"/>
      <c r="FVJ689" s="613"/>
      <c r="FVK689" s="613"/>
      <c r="FVL689" s="613"/>
      <c r="FVM689" s="613"/>
      <c r="FVN689" s="613"/>
      <c r="FVO689" s="613"/>
      <c r="FVP689" s="613"/>
      <c r="FVQ689" s="613"/>
      <c r="FVR689" s="613"/>
      <c r="FVS689" s="613"/>
      <c r="FVT689" s="613"/>
      <c r="FVU689" s="613"/>
      <c r="FVV689" s="613"/>
      <c r="FVW689" s="613"/>
      <c r="FVX689" s="613"/>
      <c r="FVY689" s="613"/>
      <c r="FVZ689" s="613"/>
      <c r="FWA689" s="613"/>
      <c r="FWB689" s="613"/>
      <c r="FWC689" s="613"/>
      <c r="FWD689" s="613"/>
      <c r="FWE689" s="613"/>
      <c r="FWF689" s="613"/>
      <c r="FWG689" s="613"/>
      <c r="FWH689" s="613"/>
      <c r="FWI689" s="613"/>
      <c r="FWJ689" s="613"/>
      <c r="FWK689" s="613"/>
      <c r="FWL689" s="613"/>
      <c r="FWM689" s="613"/>
      <c r="FWN689" s="613"/>
      <c r="FWO689" s="613"/>
      <c r="FWP689" s="613"/>
      <c r="FWQ689" s="613"/>
      <c r="FWR689" s="613"/>
      <c r="FWS689" s="613"/>
      <c r="FWT689" s="613"/>
      <c r="FWU689" s="613"/>
      <c r="FWV689" s="613"/>
      <c r="FWW689" s="613"/>
      <c r="FWX689" s="613"/>
      <c r="FWY689" s="613"/>
      <c r="FWZ689" s="613"/>
      <c r="FXA689" s="613"/>
      <c r="FXB689" s="613"/>
      <c r="FXC689" s="613"/>
      <c r="FXD689" s="613"/>
      <c r="FXE689" s="613"/>
      <c r="FXF689" s="613"/>
      <c r="FXG689" s="613"/>
      <c r="FXH689" s="613"/>
      <c r="FXI689" s="613"/>
      <c r="FXJ689" s="613"/>
      <c r="FXK689" s="613"/>
      <c r="FXL689" s="613"/>
      <c r="FXM689" s="613"/>
      <c r="FXN689" s="613"/>
      <c r="FXO689" s="613"/>
      <c r="FXP689" s="613"/>
      <c r="FXQ689" s="613"/>
      <c r="FXR689" s="613"/>
      <c r="FXS689" s="613"/>
      <c r="FXT689" s="613"/>
      <c r="FXU689" s="613"/>
      <c r="FXV689" s="613"/>
      <c r="FXW689" s="613"/>
      <c r="FXX689" s="613"/>
      <c r="FXY689" s="613"/>
      <c r="FXZ689" s="613"/>
      <c r="FYA689" s="613"/>
      <c r="FYB689" s="613"/>
      <c r="FYC689" s="613"/>
      <c r="FYD689" s="613"/>
      <c r="FYE689" s="613"/>
      <c r="FYF689" s="613"/>
      <c r="FYG689" s="613"/>
      <c r="FYH689" s="613"/>
      <c r="FYI689" s="613"/>
      <c r="FYJ689" s="613"/>
      <c r="FYK689" s="613"/>
      <c r="FYL689" s="613"/>
      <c r="FYM689" s="613"/>
      <c r="FYN689" s="613"/>
      <c r="FYO689" s="613"/>
      <c r="FYP689" s="613"/>
      <c r="FYQ689" s="613"/>
      <c r="FYR689" s="613"/>
      <c r="FYS689" s="613"/>
      <c r="FYT689" s="613"/>
      <c r="FYU689" s="613"/>
      <c r="FYV689" s="613"/>
      <c r="FYW689" s="613"/>
      <c r="FYX689" s="613"/>
      <c r="FYY689" s="613"/>
      <c r="FYZ689" s="613"/>
      <c r="FZA689" s="613"/>
      <c r="FZB689" s="613"/>
      <c r="FZC689" s="613"/>
      <c r="FZD689" s="613"/>
      <c r="FZE689" s="613"/>
      <c r="FZF689" s="613"/>
      <c r="FZG689" s="613"/>
      <c r="FZH689" s="613"/>
      <c r="FZI689" s="613"/>
      <c r="FZJ689" s="613"/>
      <c r="FZK689" s="613"/>
      <c r="FZL689" s="613"/>
      <c r="FZM689" s="613"/>
      <c r="FZN689" s="613"/>
      <c r="FZO689" s="613"/>
      <c r="FZP689" s="613"/>
      <c r="FZQ689" s="613"/>
      <c r="FZR689" s="613"/>
      <c r="FZS689" s="613"/>
      <c r="FZT689" s="613"/>
      <c r="FZU689" s="613"/>
      <c r="FZV689" s="613"/>
      <c r="FZW689" s="613"/>
      <c r="FZX689" s="613"/>
      <c r="FZY689" s="613"/>
      <c r="FZZ689" s="613"/>
      <c r="GAA689" s="613"/>
      <c r="GAB689" s="613"/>
      <c r="GAC689" s="613"/>
      <c r="GAD689" s="613"/>
      <c r="GAE689" s="613"/>
      <c r="GAF689" s="613"/>
      <c r="GAG689" s="613"/>
      <c r="GAH689" s="613"/>
      <c r="GAI689" s="613"/>
      <c r="GAJ689" s="613"/>
      <c r="GAK689" s="613"/>
      <c r="GAL689" s="613"/>
      <c r="GAM689" s="613"/>
      <c r="GAN689" s="613"/>
      <c r="GAO689" s="613"/>
      <c r="GAP689" s="613"/>
      <c r="GAQ689" s="613"/>
      <c r="GAR689" s="613"/>
      <c r="GAS689" s="613"/>
      <c r="GAT689" s="613"/>
      <c r="GAU689" s="613"/>
      <c r="GAV689" s="613"/>
      <c r="GAW689" s="613"/>
      <c r="GAX689" s="613"/>
      <c r="GAY689" s="613"/>
      <c r="GAZ689" s="613"/>
      <c r="GBA689" s="613"/>
      <c r="GBB689" s="613"/>
      <c r="GBC689" s="613"/>
      <c r="GBD689" s="613"/>
      <c r="GBE689" s="613"/>
      <c r="GBF689" s="613"/>
      <c r="GBG689" s="613"/>
      <c r="GBH689" s="613"/>
      <c r="GBI689" s="613"/>
      <c r="GBJ689" s="613"/>
      <c r="GBK689" s="613"/>
      <c r="GBL689" s="613"/>
      <c r="GBM689" s="613"/>
      <c r="GBN689" s="613"/>
      <c r="GBO689" s="613"/>
      <c r="GBP689" s="613"/>
      <c r="GBQ689" s="613"/>
      <c r="GBR689" s="613"/>
      <c r="GBS689" s="613"/>
      <c r="GBT689" s="613"/>
      <c r="GBU689" s="613"/>
      <c r="GBV689" s="613"/>
      <c r="GBW689" s="613"/>
      <c r="GBX689" s="613"/>
      <c r="GBY689" s="613"/>
      <c r="GBZ689" s="613"/>
      <c r="GCA689" s="613"/>
      <c r="GCB689" s="613"/>
      <c r="GCC689" s="613"/>
      <c r="GCD689" s="613"/>
      <c r="GCE689" s="613"/>
      <c r="GCF689" s="613"/>
      <c r="GCG689" s="613"/>
      <c r="GCH689" s="613"/>
      <c r="GCI689" s="613"/>
      <c r="GCJ689" s="613"/>
      <c r="GCK689" s="613"/>
      <c r="GCL689" s="613"/>
      <c r="GCM689" s="613"/>
      <c r="GCN689" s="613"/>
      <c r="GCO689" s="613"/>
      <c r="GCP689" s="613"/>
      <c r="GCQ689" s="613"/>
      <c r="GCR689" s="613"/>
      <c r="GCS689" s="613"/>
      <c r="GCT689" s="613"/>
      <c r="GCU689" s="613"/>
      <c r="GCV689" s="613"/>
      <c r="GCW689" s="613"/>
      <c r="GCX689" s="613"/>
      <c r="GCY689" s="613"/>
      <c r="GCZ689" s="613"/>
      <c r="GDA689" s="613"/>
      <c r="GDB689" s="613"/>
      <c r="GDC689" s="613"/>
      <c r="GDD689" s="613"/>
      <c r="GDE689" s="613"/>
      <c r="GDF689" s="613"/>
      <c r="GDG689" s="613"/>
      <c r="GDH689" s="613"/>
      <c r="GDI689" s="613"/>
      <c r="GDJ689" s="613"/>
      <c r="GDK689" s="613"/>
      <c r="GDL689" s="613"/>
      <c r="GDM689" s="613"/>
      <c r="GDN689" s="613"/>
      <c r="GDO689" s="613"/>
      <c r="GDP689" s="613"/>
      <c r="GDQ689" s="613"/>
      <c r="GDR689" s="613"/>
      <c r="GDS689" s="613"/>
      <c r="GDT689" s="613"/>
      <c r="GDU689" s="613"/>
      <c r="GDV689" s="613"/>
      <c r="GDW689" s="613"/>
      <c r="GDX689" s="613"/>
      <c r="GDY689" s="613"/>
      <c r="GDZ689" s="613"/>
      <c r="GEA689" s="613"/>
      <c r="GEB689" s="613"/>
      <c r="GEC689" s="613"/>
      <c r="GED689" s="613"/>
      <c r="GEE689" s="613"/>
      <c r="GEF689" s="613"/>
      <c r="GEG689" s="613"/>
      <c r="GEH689" s="613"/>
      <c r="GEI689" s="613"/>
      <c r="GEJ689" s="613"/>
      <c r="GEK689" s="613"/>
      <c r="GEL689" s="613"/>
      <c r="GEM689" s="613"/>
      <c r="GEN689" s="613"/>
      <c r="GEO689" s="613"/>
      <c r="GEP689" s="613"/>
      <c r="GEQ689" s="613"/>
      <c r="GER689" s="613"/>
      <c r="GES689" s="613"/>
      <c r="GET689" s="613"/>
      <c r="GEU689" s="613"/>
      <c r="GEV689" s="613"/>
      <c r="GEW689" s="613"/>
      <c r="GEX689" s="613"/>
      <c r="GEY689" s="613"/>
      <c r="GEZ689" s="613"/>
      <c r="GFA689" s="613"/>
      <c r="GFB689" s="613"/>
      <c r="GFC689" s="613"/>
      <c r="GFD689" s="613"/>
      <c r="GFE689" s="613"/>
      <c r="GFF689" s="613"/>
      <c r="GFG689" s="613"/>
      <c r="GFH689" s="613"/>
      <c r="GFI689" s="613"/>
      <c r="GFJ689" s="613"/>
      <c r="GFK689" s="613"/>
      <c r="GFL689" s="613"/>
      <c r="GFM689" s="613"/>
      <c r="GFN689" s="613"/>
      <c r="GFO689" s="613"/>
      <c r="GFP689" s="613"/>
      <c r="GFQ689" s="613"/>
      <c r="GFR689" s="613"/>
      <c r="GFS689" s="613"/>
      <c r="GFT689" s="613"/>
      <c r="GFU689" s="613"/>
      <c r="GFV689" s="613"/>
      <c r="GFW689" s="613"/>
      <c r="GFX689" s="613"/>
      <c r="GFY689" s="613"/>
      <c r="GFZ689" s="613"/>
      <c r="GGA689" s="613"/>
      <c r="GGB689" s="613"/>
      <c r="GGC689" s="613"/>
      <c r="GGD689" s="613"/>
      <c r="GGE689" s="613"/>
      <c r="GGF689" s="613"/>
      <c r="GGG689" s="613"/>
      <c r="GGH689" s="613"/>
      <c r="GGI689" s="613"/>
      <c r="GGJ689" s="613"/>
      <c r="GGK689" s="613"/>
      <c r="GGL689" s="613"/>
      <c r="GGM689" s="613"/>
      <c r="GGN689" s="613"/>
      <c r="GGO689" s="613"/>
      <c r="GGP689" s="613"/>
      <c r="GGQ689" s="613"/>
      <c r="GGR689" s="613"/>
      <c r="GGS689" s="613"/>
      <c r="GGT689" s="613"/>
      <c r="GGU689" s="613"/>
      <c r="GGV689" s="613"/>
      <c r="GGW689" s="613"/>
      <c r="GGX689" s="613"/>
      <c r="GGY689" s="613"/>
      <c r="GGZ689" s="613"/>
      <c r="GHA689" s="613"/>
      <c r="GHB689" s="613"/>
      <c r="GHC689" s="613"/>
      <c r="GHD689" s="613"/>
      <c r="GHE689" s="613"/>
      <c r="GHF689" s="613"/>
      <c r="GHG689" s="613"/>
      <c r="GHH689" s="613"/>
      <c r="GHI689" s="613"/>
      <c r="GHJ689" s="613"/>
      <c r="GHK689" s="613"/>
      <c r="GHL689" s="613"/>
      <c r="GHM689" s="613"/>
      <c r="GHN689" s="613"/>
      <c r="GHO689" s="613"/>
      <c r="GHP689" s="613"/>
      <c r="GHQ689" s="613"/>
      <c r="GHR689" s="613"/>
      <c r="GHS689" s="613"/>
      <c r="GHT689" s="613"/>
      <c r="GHU689" s="613"/>
      <c r="GHV689" s="613"/>
      <c r="GHW689" s="613"/>
      <c r="GHX689" s="613"/>
      <c r="GHY689" s="613"/>
      <c r="GHZ689" s="613"/>
      <c r="GIA689" s="613"/>
      <c r="GIB689" s="613"/>
      <c r="GIC689" s="613"/>
      <c r="GID689" s="613"/>
      <c r="GIE689" s="613"/>
      <c r="GIF689" s="613"/>
      <c r="GIG689" s="613"/>
      <c r="GIH689" s="613"/>
      <c r="GII689" s="613"/>
      <c r="GIJ689" s="613"/>
      <c r="GIK689" s="613"/>
      <c r="GIL689" s="613"/>
      <c r="GIM689" s="613"/>
      <c r="GIN689" s="613"/>
      <c r="GIO689" s="613"/>
      <c r="GIP689" s="613"/>
      <c r="GIQ689" s="613"/>
      <c r="GIR689" s="613"/>
      <c r="GIS689" s="613"/>
      <c r="GIT689" s="613"/>
      <c r="GIU689" s="613"/>
      <c r="GIV689" s="613"/>
      <c r="GIW689" s="613"/>
      <c r="GIX689" s="613"/>
      <c r="GIY689" s="613"/>
      <c r="GIZ689" s="613"/>
      <c r="GJA689" s="613"/>
      <c r="GJB689" s="613"/>
      <c r="GJC689" s="613"/>
      <c r="GJD689" s="613"/>
      <c r="GJE689" s="613"/>
      <c r="GJF689" s="613"/>
      <c r="GJG689" s="613"/>
      <c r="GJH689" s="613"/>
      <c r="GJI689" s="613"/>
      <c r="GJJ689" s="613"/>
      <c r="GJK689" s="613"/>
      <c r="GJL689" s="613"/>
      <c r="GJM689" s="613"/>
      <c r="GJN689" s="613"/>
      <c r="GJO689" s="613"/>
      <c r="GJP689" s="613"/>
      <c r="GJQ689" s="613"/>
      <c r="GJR689" s="613"/>
      <c r="GJS689" s="613"/>
      <c r="GJT689" s="613"/>
      <c r="GJU689" s="613"/>
      <c r="GJV689" s="613"/>
      <c r="GJW689" s="613"/>
      <c r="GJX689" s="613"/>
      <c r="GJY689" s="613"/>
      <c r="GJZ689" s="613"/>
      <c r="GKA689" s="613"/>
      <c r="GKB689" s="613"/>
      <c r="GKC689" s="613"/>
      <c r="GKD689" s="613"/>
      <c r="GKE689" s="613"/>
      <c r="GKF689" s="613"/>
      <c r="GKG689" s="613"/>
      <c r="GKH689" s="613"/>
      <c r="GKI689" s="613"/>
      <c r="GKJ689" s="613"/>
      <c r="GKK689" s="613"/>
      <c r="GKL689" s="613"/>
      <c r="GKM689" s="613"/>
      <c r="GKN689" s="613"/>
      <c r="GKO689" s="613"/>
      <c r="GKP689" s="613"/>
      <c r="GKQ689" s="613"/>
      <c r="GKR689" s="613"/>
      <c r="GKS689" s="613"/>
      <c r="GKT689" s="613"/>
      <c r="GKU689" s="613"/>
      <c r="GKV689" s="613"/>
      <c r="GKW689" s="613"/>
      <c r="GKX689" s="613"/>
      <c r="GKY689" s="613"/>
      <c r="GKZ689" s="613"/>
      <c r="GLA689" s="613"/>
      <c r="GLB689" s="613"/>
      <c r="GLC689" s="613"/>
      <c r="GLD689" s="613"/>
      <c r="GLE689" s="613"/>
      <c r="GLF689" s="613"/>
      <c r="GLG689" s="613"/>
      <c r="GLH689" s="613"/>
      <c r="GLI689" s="613"/>
      <c r="GLJ689" s="613"/>
      <c r="GLK689" s="613"/>
      <c r="GLL689" s="613"/>
      <c r="GLM689" s="613"/>
      <c r="GLN689" s="613"/>
      <c r="GLO689" s="613"/>
      <c r="GLP689" s="613"/>
      <c r="GLQ689" s="613"/>
      <c r="GLR689" s="613"/>
      <c r="GLS689" s="613"/>
      <c r="GLT689" s="613"/>
      <c r="GLU689" s="613"/>
      <c r="GLV689" s="613"/>
      <c r="GLW689" s="613"/>
      <c r="GLX689" s="613"/>
      <c r="GLY689" s="613"/>
      <c r="GLZ689" s="613"/>
      <c r="GMA689" s="613"/>
      <c r="GMB689" s="613"/>
      <c r="GMC689" s="613"/>
      <c r="GMD689" s="613"/>
      <c r="GME689" s="613"/>
      <c r="GMF689" s="613"/>
      <c r="GMG689" s="613"/>
      <c r="GMH689" s="613"/>
      <c r="GMI689" s="613"/>
      <c r="GMJ689" s="613"/>
      <c r="GMK689" s="613"/>
      <c r="GML689" s="613"/>
      <c r="GMM689" s="613"/>
      <c r="GMN689" s="613"/>
      <c r="GMO689" s="613"/>
      <c r="GMP689" s="613"/>
      <c r="GMQ689" s="613"/>
      <c r="GMR689" s="613"/>
      <c r="GMS689" s="613"/>
      <c r="GMT689" s="613"/>
      <c r="GMU689" s="613"/>
      <c r="GMV689" s="613"/>
      <c r="GMW689" s="613"/>
      <c r="GMX689" s="613"/>
      <c r="GMY689" s="613"/>
      <c r="GMZ689" s="613"/>
      <c r="GNA689" s="613"/>
      <c r="GNB689" s="613"/>
      <c r="GNC689" s="613"/>
      <c r="GND689" s="613"/>
      <c r="GNE689" s="613"/>
      <c r="GNF689" s="613"/>
      <c r="GNG689" s="613"/>
      <c r="GNH689" s="613"/>
      <c r="GNI689" s="613"/>
      <c r="GNJ689" s="613"/>
      <c r="GNK689" s="613"/>
      <c r="GNL689" s="613"/>
      <c r="GNM689" s="613"/>
      <c r="GNN689" s="613"/>
      <c r="GNO689" s="613"/>
      <c r="GNP689" s="613"/>
      <c r="GNQ689" s="613"/>
      <c r="GNR689" s="613"/>
      <c r="GNS689" s="613"/>
      <c r="GNT689" s="613"/>
      <c r="GNU689" s="613"/>
      <c r="GNV689" s="613"/>
      <c r="GNW689" s="613"/>
      <c r="GNX689" s="613"/>
      <c r="GNY689" s="613"/>
      <c r="GNZ689" s="613"/>
      <c r="GOA689" s="613"/>
      <c r="GOB689" s="613"/>
      <c r="GOC689" s="613"/>
      <c r="GOD689" s="613"/>
      <c r="GOE689" s="613"/>
      <c r="GOF689" s="613"/>
      <c r="GOG689" s="613"/>
      <c r="GOH689" s="613"/>
      <c r="GOI689" s="613"/>
      <c r="GOJ689" s="613"/>
      <c r="GOK689" s="613"/>
      <c r="GOL689" s="613"/>
      <c r="GOM689" s="613"/>
      <c r="GON689" s="613"/>
      <c r="GOO689" s="613"/>
      <c r="GOP689" s="613"/>
      <c r="GOQ689" s="613"/>
      <c r="GOR689" s="613"/>
      <c r="GOS689" s="613"/>
      <c r="GOT689" s="613"/>
      <c r="GOU689" s="613"/>
      <c r="GOV689" s="613"/>
      <c r="GOW689" s="613"/>
      <c r="GOX689" s="613"/>
      <c r="GOY689" s="613"/>
      <c r="GOZ689" s="613"/>
      <c r="GPA689" s="613"/>
      <c r="GPB689" s="613"/>
      <c r="GPC689" s="613"/>
      <c r="GPD689" s="613"/>
      <c r="GPE689" s="613"/>
      <c r="GPF689" s="613"/>
      <c r="GPG689" s="613"/>
      <c r="GPH689" s="613"/>
      <c r="GPI689" s="613"/>
      <c r="GPJ689" s="613"/>
      <c r="GPK689" s="613"/>
      <c r="GPL689" s="613"/>
      <c r="GPM689" s="613"/>
      <c r="GPN689" s="613"/>
      <c r="GPO689" s="613"/>
      <c r="GPP689" s="613"/>
      <c r="GPQ689" s="613"/>
      <c r="GPR689" s="613"/>
      <c r="GPS689" s="613"/>
      <c r="GPT689" s="613"/>
      <c r="GPU689" s="613"/>
      <c r="GPV689" s="613"/>
      <c r="GPW689" s="613"/>
      <c r="GPX689" s="613"/>
      <c r="GPY689" s="613"/>
      <c r="GPZ689" s="613"/>
      <c r="GQA689" s="613"/>
      <c r="GQB689" s="613"/>
      <c r="GQC689" s="613"/>
      <c r="GQD689" s="613"/>
      <c r="GQE689" s="613"/>
      <c r="GQF689" s="613"/>
      <c r="GQG689" s="613"/>
      <c r="GQH689" s="613"/>
      <c r="GQI689" s="613"/>
      <c r="GQJ689" s="613"/>
      <c r="GQK689" s="613"/>
      <c r="GQL689" s="613"/>
      <c r="GQM689" s="613"/>
      <c r="GQN689" s="613"/>
      <c r="GQO689" s="613"/>
      <c r="GQP689" s="613"/>
      <c r="GQQ689" s="613"/>
      <c r="GQR689" s="613"/>
      <c r="GQS689" s="613"/>
      <c r="GQT689" s="613"/>
      <c r="GQU689" s="613"/>
      <c r="GQV689" s="613"/>
      <c r="GQW689" s="613"/>
      <c r="GQX689" s="613"/>
      <c r="GQY689" s="613"/>
      <c r="GQZ689" s="613"/>
      <c r="GRA689" s="613"/>
      <c r="GRB689" s="613"/>
      <c r="GRC689" s="613"/>
      <c r="GRD689" s="613"/>
      <c r="GRE689" s="613"/>
      <c r="GRF689" s="613"/>
      <c r="GRG689" s="613"/>
      <c r="GRH689" s="613"/>
      <c r="GRI689" s="613"/>
      <c r="GRJ689" s="613"/>
      <c r="GRK689" s="613"/>
      <c r="GRL689" s="613"/>
      <c r="GRM689" s="613"/>
      <c r="GRN689" s="613"/>
      <c r="GRO689" s="613"/>
      <c r="GRP689" s="613"/>
      <c r="GRQ689" s="613"/>
      <c r="GRR689" s="613"/>
      <c r="GRS689" s="613"/>
      <c r="GRT689" s="613"/>
      <c r="GRU689" s="613"/>
      <c r="GRV689" s="613"/>
      <c r="GRW689" s="613"/>
      <c r="GRX689" s="613"/>
      <c r="GRY689" s="613"/>
      <c r="GRZ689" s="613"/>
      <c r="GSA689" s="613"/>
      <c r="GSB689" s="613"/>
      <c r="GSC689" s="613"/>
      <c r="GSD689" s="613"/>
      <c r="GSE689" s="613"/>
      <c r="GSF689" s="613"/>
      <c r="GSG689" s="613"/>
      <c r="GSH689" s="613"/>
      <c r="GSI689" s="613"/>
      <c r="GSJ689" s="613"/>
      <c r="GSK689" s="613"/>
      <c r="GSL689" s="613"/>
      <c r="GSM689" s="613"/>
      <c r="GSN689" s="613"/>
      <c r="GSO689" s="613"/>
      <c r="GSP689" s="613"/>
      <c r="GSQ689" s="613"/>
      <c r="GSR689" s="613"/>
      <c r="GSS689" s="613"/>
      <c r="GST689" s="613"/>
      <c r="GSU689" s="613"/>
      <c r="GSV689" s="613"/>
      <c r="GSW689" s="613"/>
      <c r="GSX689" s="613"/>
      <c r="GSY689" s="613"/>
      <c r="GSZ689" s="613"/>
      <c r="GTA689" s="613"/>
      <c r="GTB689" s="613"/>
      <c r="GTC689" s="613"/>
      <c r="GTD689" s="613"/>
      <c r="GTE689" s="613"/>
      <c r="GTF689" s="613"/>
      <c r="GTG689" s="613"/>
      <c r="GTH689" s="613"/>
      <c r="GTI689" s="613"/>
      <c r="GTJ689" s="613"/>
      <c r="GTK689" s="613"/>
      <c r="GTL689" s="613"/>
      <c r="GTM689" s="613"/>
      <c r="GTN689" s="613"/>
      <c r="GTO689" s="613"/>
      <c r="GTP689" s="613"/>
      <c r="GTQ689" s="613"/>
      <c r="GTR689" s="613"/>
      <c r="GTS689" s="613"/>
      <c r="GTT689" s="613"/>
      <c r="GTU689" s="613"/>
      <c r="GTV689" s="613"/>
      <c r="GTW689" s="613"/>
      <c r="GTX689" s="613"/>
      <c r="GTY689" s="613"/>
      <c r="GTZ689" s="613"/>
      <c r="GUA689" s="613"/>
      <c r="GUB689" s="613"/>
      <c r="GUC689" s="613"/>
      <c r="GUD689" s="613"/>
      <c r="GUE689" s="613"/>
      <c r="GUF689" s="613"/>
      <c r="GUG689" s="613"/>
      <c r="GUH689" s="613"/>
      <c r="GUI689" s="613"/>
      <c r="GUJ689" s="613"/>
      <c r="GUK689" s="613"/>
      <c r="GUL689" s="613"/>
      <c r="GUM689" s="613"/>
      <c r="GUN689" s="613"/>
      <c r="GUO689" s="613"/>
      <c r="GUP689" s="613"/>
      <c r="GUQ689" s="613"/>
      <c r="GUR689" s="613"/>
      <c r="GUS689" s="613"/>
      <c r="GUT689" s="613"/>
      <c r="GUU689" s="613"/>
      <c r="GUV689" s="613"/>
      <c r="GUW689" s="613"/>
      <c r="GUX689" s="613"/>
      <c r="GUY689" s="613"/>
      <c r="GUZ689" s="613"/>
      <c r="GVA689" s="613"/>
      <c r="GVB689" s="613"/>
      <c r="GVC689" s="613"/>
      <c r="GVD689" s="613"/>
      <c r="GVE689" s="613"/>
      <c r="GVF689" s="613"/>
      <c r="GVG689" s="613"/>
      <c r="GVH689" s="613"/>
      <c r="GVI689" s="613"/>
      <c r="GVJ689" s="613"/>
      <c r="GVK689" s="613"/>
      <c r="GVL689" s="613"/>
      <c r="GVM689" s="613"/>
      <c r="GVN689" s="613"/>
      <c r="GVO689" s="613"/>
      <c r="GVP689" s="613"/>
      <c r="GVQ689" s="613"/>
      <c r="GVR689" s="613"/>
      <c r="GVS689" s="613"/>
      <c r="GVT689" s="613"/>
      <c r="GVU689" s="613"/>
      <c r="GVV689" s="613"/>
      <c r="GVW689" s="613"/>
      <c r="GVX689" s="613"/>
      <c r="GVY689" s="613"/>
      <c r="GVZ689" s="613"/>
      <c r="GWA689" s="613"/>
      <c r="GWB689" s="613"/>
      <c r="GWC689" s="613"/>
      <c r="GWD689" s="613"/>
      <c r="GWE689" s="613"/>
      <c r="GWF689" s="613"/>
      <c r="GWG689" s="613"/>
      <c r="GWH689" s="613"/>
      <c r="GWI689" s="613"/>
      <c r="GWJ689" s="613"/>
      <c r="GWK689" s="613"/>
      <c r="GWL689" s="613"/>
      <c r="GWM689" s="613"/>
      <c r="GWN689" s="613"/>
      <c r="GWO689" s="613"/>
      <c r="GWP689" s="613"/>
      <c r="GWQ689" s="613"/>
      <c r="GWR689" s="613"/>
      <c r="GWS689" s="613"/>
      <c r="GWT689" s="613"/>
      <c r="GWU689" s="613"/>
      <c r="GWV689" s="613"/>
      <c r="GWW689" s="613"/>
      <c r="GWX689" s="613"/>
      <c r="GWY689" s="613"/>
      <c r="GWZ689" s="613"/>
      <c r="GXA689" s="613"/>
      <c r="GXB689" s="613"/>
      <c r="GXC689" s="613"/>
      <c r="GXD689" s="613"/>
      <c r="GXE689" s="613"/>
      <c r="GXF689" s="613"/>
      <c r="GXG689" s="613"/>
      <c r="GXH689" s="613"/>
      <c r="GXI689" s="613"/>
      <c r="GXJ689" s="613"/>
      <c r="GXK689" s="613"/>
      <c r="GXL689" s="613"/>
      <c r="GXM689" s="613"/>
      <c r="GXN689" s="613"/>
      <c r="GXO689" s="613"/>
      <c r="GXP689" s="613"/>
      <c r="GXQ689" s="613"/>
      <c r="GXR689" s="613"/>
      <c r="GXS689" s="613"/>
      <c r="GXT689" s="613"/>
      <c r="GXU689" s="613"/>
      <c r="GXV689" s="613"/>
      <c r="GXW689" s="613"/>
      <c r="GXX689" s="613"/>
      <c r="GXY689" s="613"/>
      <c r="GXZ689" s="613"/>
      <c r="GYA689" s="613"/>
      <c r="GYB689" s="613"/>
      <c r="GYC689" s="613"/>
      <c r="GYD689" s="613"/>
      <c r="GYE689" s="613"/>
      <c r="GYF689" s="613"/>
      <c r="GYG689" s="613"/>
      <c r="GYH689" s="613"/>
      <c r="GYI689" s="613"/>
      <c r="GYJ689" s="613"/>
      <c r="GYK689" s="613"/>
      <c r="GYL689" s="613"/>
      <c r="GYM689" s="613"/>
      <c r="GYN689" s="613"/>
      <c r="GYO689" s="613"/>
      <c r="GYP689" s="613"/>
      <c r="GYQ689" s="613"/>
      <c r="GYR689" s="613"/>
      <c r="GYS689" s="613"/>
      <c r="GYT689" s="613"/>
      <c r="GYU689" s="613"/>
      <c r="GYV689" s="613"/>
      <c r="GYW689" s="613"/>
      <c r="GYX689" s="613"/>
      <c r="GYY689" s="613"/>
      <c r="GYZ689" s="613"/>
      <c r="GZA689" s="613"/>
      <c r="GZB689" s="613"/>
      <c r="GZC689" s="613"/>
      <c r="GZD689" s="613"/>
      <c r="GZE689" s="613"/>
      <c r="GZF689" s="613"/>
      <c r="GZG689" s="613"/>
      <c r="GZH689" s="613"/>
      <c r="GZI689" s="613"/>
      <c r="GZJ689" s="613"/>
      <c r="GZK689" s="613"/>
      <c r="GZL689" s="613"/>
      <c r="GZM689" s="613"/>
      <c r="GZN689" s="613"/>
      <c r="GZO689" s="613"/>
      <c r="GZP689" s="613"/>
      <c r="GZQ689" s="613"/>
      <c r="GZR689" s="613"/>
      <c r="GZS689" s="613"/>
      <c r="GZT689" s="613"/>
      <c r="GZU689" s="613"/>
      <c r="GZV689" s="613"/>
      <c r="GZW689" s="613"/>
      <c r="GZX689" s="613"/>
      <c r="GZY689" s="613"/>
      <c r="GZZ689" s="613"/>
      <c r="HAA689" s="613"/>
      <c r="HAB689" s="613"/>
      <c r="HAC689" s="613"/>
      <c r="HAD689" s="613"/>
      <c r="HAE689" s="613"/>
      <c r="HAF689" s="613"/>
      <c r="HAG689" s="613"/>
      <c r="HAH689" s="613"/>
      <c r="HAI689" s="613"/>
      <c r="HAJ689" s="613"/>
      <c r="HAK689" s="613"/>
      <c r="HAL689" s="613"/>
      <c r="HAM689" s="613"/>
      <c r="HAN689" s="613"/>
      <c r="HAO689" s="613"/>
      <c r="HAP689" s="613"/>
      <c r="HAQ689" s="613"/>
      <c r="HAR689" s="613"/>
      <c r="HAS689" s="613"/>
      <c r="HAT689" s="613"/>
      <c r="HAU689" s="613"/>
      <c r="HAV689" s="613"/>
      <c r="HAW689" s="613"/>
      <c r="HAX689" s="613"/>
      <c r="HAY689" s="613"/>
      <c r="HAZ689" s="613"/>
      <c r="HBA689" s="613"/>
      <c r="HBB689" s="613"/>
      <c r="HBC689" s="613"/>
      <c r="HBD689" s="613"/>
      <c r="HBE689" s="613"/>
      <c r="HBF689" s="613"/>
      <c r="HBG689" s="613"/>
      <c r="HBH689" s="613"/>
      <c r="HBI689" s="613"/>
      <c r="HBJ689" s="613"/>
      <c r="HBK689" s="613"/>
      <c r="HBL689" s="613"/>
      <c r="HBM689" s="613"/>
      <c r="HBN689" s="613"/>
      <c r="HBO689" s="613"/>
      <c r="HBP689" s="613"/>
      <c r="HBQ689" s="613"/>
      <c r="HBR689" s="613"/>
      <c r="HBS689" s="613"/>
      <c r="HBT689" s="613"/>
      <c r="HBU689" s="613"/>
      <c r="HBV689" s="613"/>
      <c r="HBW689" s="613"/>
      <c r="HBX689" s="613"/>
      <c r="HBY689" s="613"/>
      <c r="HBZ689" s="613"/>
      <c r="HCA689" s="613"/>
      <c r="HCB689" s="613"/>
      <c r="HCC689" s="613"/>
      <c r="HCD689" s="613"/>
      <c r="HCE689" s="613"/>
      <c r="HCF689" s="613"/>
      <c r="HCG689" s="613"/>
      <c r="HCH689" s="613"/>
      <c r="HCI689" s="613"/>
      <c r="HCJ689" s="613"/>
      <c r="HCK689" s="613"/>
      <c r="HCL689" s="613"/>
      <c r="HCM689" s="613"/>
      <c r="HCN689" s="613"/>
      <c r="HCO689" s="613"/>
      <c r="HCP689" s="613"/>
      <c r="HCQ689" s="613"/>
      <c r="HCR689" s="613"/>
      <c r="HCS689" s="613"/>
      <c r="HCT689" s="613"/>
      <c r="HCU689" s="613"/>
      <c r="HCV689" s="613"/>
      <c r="HCW689" s="613"/>
      <c r="HCX689" s="613"/>
      <c r="HCY689" s="613"/>
      <c r="HCZ689" s="613"/>
      <c r="HDA689" s="613"/>
      <c r="HDB689" s="613"/>
      <c r="HDC689" s="613"/>
      <c r="HDD689" s="613"/>
      <c r="HDE689" s="613"/>
      <c r="HDF689" s="613"/>
      <c r="HDG689" s="613"/>
      <c r="HDH689" s="613"/>
      <c r="HDI689" s="613"/>
      <c r="HDJ689" s="613"/>
      <c r="HDK689" s="613"/>
      <c r="HDL689" s="613"/>
      <c r="HDM689" s="613"/>
      <c r="HDN689" s="613"/>
      <c r="HDO689" s="613"/>
      <c r="HDP689" s="613"/>
      <c r="HDQ689" s="613"/>
      <c r="HDR689" s="613"/>
      <c r="HDS689" s="613"/>
      <c r="HDT689" s="613"/>
      <c r="HDU689" s="613"/>
      <c r="HDV689" s="613"/>
      <c r="HDW689" s="613"/>
      <c r="HDX689" s="613"/>
      <c r="HDY689" s="613"/>
      <c r="HDZ689" s="613"/>
      <c r="HEA689" s="613"/>
      <c r="HEB689" s="613"/>
      <c r="HEC689" s="613"/>
      <c r="HED689" s="613"/>
      <c r="HEE689" s="613"/>
      <c r="HEF689" s="613"/>
      <c r="HEG689" s="613"/>
      <c r="HEH689" s="613"/>
      <c r="HEI689" s="613"/>
      <c r="HEJ689" s="613"/>
      <c r="HEK689" s="613"/>
      <c r="HEL689" s="613"/>
      <c r="HEM689" s="613"/>
      <c r="HEN689" s="613"/>
      <c r="HEO689" s="613"/>
      <c r="HEP689" s="613"/>
      <c r="HEQ689" s="613"/>
      <c r="HER689" s="613"/>
      <c r="HES689" s="613"/>
      <c r="HET689" s="613"/>
      <c r="HEU689" s="613"/>
      <c r="HEV689" s="613"/>
      <c r="HEW689" s="613"/>
      <c r="HEX689" s="613"/>
      <c r="HEY689" s="613"/>
      <c r="HEZ689" s="613"/>
      <c r="HFA689" s="613"/>
      <c r="HFB689" s="613"/>
      <c r="HFC689" s="613"/>
      <c r="HFD689" s="613"/>
      <c r="HFE689" s="613"/>
      <c r="HFF689" s="613"/>
      <c r="HFG689" s="613"/>
      <c r="HFH689" s="613"/>
      <c r="HFI689" s="613"/>
      <c r="HFJ689" s="613"/>
      <c r="HFK689" s="613"/>
      <c r="HFL689" s="613"/>
      <c r="HFM689" s="613"/>
      <c r="HFN689" s="613"/>
      <c r="HFO689" s="613"/>
      <c r="HFP689" s="613"/>
      <c r="HFQ689" s="613"/>
      <c r="HFR689" s="613"/>
      <c r="HFS689" s="613"/>
      <c r="HFT689" s="613"/>
      <c r="HFU689" s="613"/>
      <c r="HFV689" s="613"/>
      <c r="HFW689" s="613"/>
      <c r="HFX689" s="613"/>
      <c r="HFY689" s="613"/>
      <c r="HFZ689" s="613"/>
      <c r="HGA689" s="613"/>
      <c r="HGB689" s="613"/>
      <c r="HGC689" s="613"/>
      <c r="HGD689" s="613"/>
      <c r="HGE689" s="613"/>
      <c r="HGF689" s="613"/>
      <c r="HGG689" s="613"/>
      <c r="HGH689" s="613"/>
      <c r="HGI689" s="613"/>
      <c r="HGJ689" s="613"/>
      <c r="HGK689" s="613"/>
      <c r="HGL689" s="613"/>
      <c r="HGM689" s="613"/>
      <c r="HGN689" s="613"/>
      <c r="HGO689" s="613"/>
      <c r="HGP689" s="613"/>
      <c r="HGQ689" s="613"/>
      <c r="HGR689" s="613"/>
      <c r="HGS689" s="613"/>
      <c r="HGT689" s="613"/>
      <c r="HGU689" s="613"/>
      <c r="HGV689" s="613"/>
      <c r="HGW689" s="613"/>
      <c r="HGX689" s="613"/>
      <c r="HGY689" s="613"/>
      <c r="HGZ689" s="613"/>
      <c r="HHA689" s="613"/>
      <c r="HHB689" s="613"/>
      <c r="HHC689" s="613"/>
      <c r="HHD689" s="613"/>
      <c r="HHE689" s="613"/>
      <c r="HHF689" s="613"/>
      <c r="HHG689" s="613"/>
      <c r="HHH689" s="613"/>
      <c r="HHI689" s="613"/>
      <c r="HHJ689" s="613"/>
      <c r="HHK689" s="613"/>
      <c r="HHL689" s="613"/>
      <c r="HHM689" s="613"/>
      <c r="HHN689" s="613"/>
      <c r="HHO689" s="613"/>
      <c r="HHP689" s="613"/>
      <c r="HHQ689" s="613"/>
      <c r="HHR689" s="613"/>
      <c r="HHS689" s="613"/>
      <c r="HHT689" s="613"/>
      <c r="HHU689" s="613"/>
      <c r="HHV689" s="613"/>
      <c r="HHW689" s="613"/>
      <c r="HHX689" s="613"/>
      <c r="HHY689" s="613"/>
      <c r="HHZ689" s="613"/>
      <c r="HIA689" s="613"/>
      <c r="HIB689" s="613"/>
      <c r="HIC689" s="613"/>
      <c r="HID689" s="613"/>
      <c r="HIE689" s="613"/>
      <c r="HIF689" s="613"/>
      <c r="HIG689" s="613"/>
      <c r="HIH689" s="613"/>
      <c r="HII689" s="613"/>
      <c r="HIJ689" s="613"/>
      <c r="HIK689" s="613"/>
      <c r="HIL689" s="613"/>
      <c r="HIM689" s="613"/>
      <c r="HIN689" s="613"/>
      <c r="HIO689" s="613"/>
      <c r="HIP689" s="613"/>
      <c r="HIQ689" s="613"/>
      <c r="HIR689" s="613"/>
      <c r="HIS689" s="613"/>
      <c r="HIT689" s="613"/>
      <c r="HIU689" s="613"/>
      <c r="HIV689" s="613"/>
      <c r="HIW689" s="613"/>
      <c r="HIX689" s="613"/>
      <c r="HIY689" s="613"/>
      <c r="HIZ689" s="613"/>
      <c r="HJA689" s="613"/>
      <c r="HJB689" s="613"/>
      <c r="HJC689" s="613"/>
      <c r="HJD689" s="613"/>
      <c r="HJE689" s="613"/>
      <c r="HJF689" s="613"/>
      <c r="HJG689" s="613"/>
      <c r="HJH689" s="613"/>
      <c r="HJI689" s="613"/>
      <c r="HJJ689" s="613"/>
      <c r="HJK689" s="613"/>
      <c r="HJL689" s="613"/>
      <c r="HJM689" s="613"/>
      <c r="HJN689" s="613"/>
      <c r="HJO689" s="613"/>
      <c r="HJP689" s="613"/>
      <c r="HJQ689" s="613"/>
      <c r="HJR689" s="613"/>
      <c r="HJS689" s="613"/>
      <c r="HJT689" s="613"/>
      <c r="HJU689" s="613"/>
      <c r="HJV689" s="613"/>
      <c r="HJW689" s="613"/>
      <c r="HJX689" s="613"/>
      <c r="HJY689" s="613"/>
      <c r="HJZ689" s="613"/>
      <c r="HKA689" s="613"/>
      <c r="HKB689" s="613"/>
      <c r="HKC689" s="613"/>
      <c r="HKD689" s="613"/>
      <c r="HKE689" s="613"/>
      <c r="HKF689" s="613"/>
      <c r="HKG689" s="613"/>
      <c r="HKH689" s="613"/>
      <c r="HKI689" s="613"/>
      <c r="HKJ689" s="613"/>
      <c r="HKK689" s="613"/>
      <c r="HKL689" s="613"/>
      <c r="HKM689" s="613"/>
      <c r="HKN689" s="613"/>
      <c r="HKO689" s="613"/>
      <c r="HKP689" s="613"/>
      <c r="HKQ689" s="613"/>
      <c r="HKR689" s="613"/>
      <c r="HKS689" s="613"/>
      <c r="HKT689" s="613"/>
      <c r="HKU689" s="613"/>
      <c r="HKV689" s="613"/>
      <c r="HKW689" s="613"/>
      <c r="HKX689" s="613"/>
      <c r="HKY689" s="613"/>
      <c r="HKZ689" s="613"/>
      <c r="HLA689" s="613"/>
      <c r="HLB689" s="613"/>
      <c r="HLC689" s="613"/>
      <c r="HLD689" s="613"/>
      <c r="HLE689" s="613"/>
      <c r="HLF689" s="613"/>
      <c r="HLG689" s="613"/>
      <c r="HLH689" s="613"/>
      <c r="HLI689" s="613"/>
      <c r="HLJ689" s="613"/>
      <c r="HLK689" s="613"/>
      <c r="HLL689" s="613"/>
      <c r="HLM689" s="613"/>
      <c r="HLN689" s="613"/>
      <c r="HLO689" s="613"/>
      <c r="HLP689" s="613"/>
      <c r="HLQ689" s="613"/>
      <c r="HLR689" s="613"/>
      <c r="HLS689" s="613"/>
      <c r="HLT689" s="613"/>
      <c r="HLU689" s="613"/>
      <c r="HLV689" s="613"/>
      <c r="HLW689" s="613"/>
      <c r="HLX689" s="613"/>
      <c r="HLY689" s="613"/>
      <c r="HLZ689" s="613"/>
      <c r="HMA689" s="613"/>
      <c r="HMB689" s="613"/>
      <c r="HMC689" s="613"/>
      <c r="HMD689" s="613"/>
      <c r="HME689" s="613"/>
      <c r="HMF689" s="613"/>
      <c r="HMG689" s="613"/>
      <c r="HMH689" s="613"/>
      <c r="HMI689" s="613"/>
      <c r="HMJ689" s="613"/>
      <c r="HMK689" s="613"/>
      <c r="HML689" s="613"/>
      <c r="HMM689" s="613"/>
      <c r="HMN689" s="613"/>
      <c r="HMO689" s="613"/>
      <c r="HMP689" s="613"/>
      <c r="HMQ689" s="613"/>
      <c r="HMR689" s="613"/>
      <c r="HMS689" s="613"/>
      <c r="HMT689" s="613"/>
      <c r="HMU689" s="613"/>
      <c r="HMV689" s="613"/>
      <c r="HMW689" s="613"/>
      <c r="HMX689" s="613"/>
      <c r="HMY689" s="613"/>
      <c r="HMZ689" s="613"/>
      <c r="HNA689" s="613"/>
      <c r="HNB689" s="613"/>
      <c r="HNC689" s="613"/>
      <c r="HND689" s="613"/>
      <c r="HNE689" s="613"/>
      <c r="HNF689" s="613"/>
      <c r="HNG689" s="613"/>
      <c r="HNH689" s="613"/>
      <c r="HNI689" s="613"/>
      <c r="HNJ689" s="613"/>
      <c r="HNK689" s="613"/>
      <c r="HNL689" s="613"/>
      <c r="HNM689" s="613"/>
      <c r="HNN689" s="613"/>
      <c r="HNO689" s="613"/>
      <c r="HNP689" s="613"/>
      <c r="HNQ689" s="613"/>
      <c r="HNR689" s="613"/>
      <c r="HNS689" s="613"/>
      <c r="HNT689" s="613"/>
      <c r="HNU689" s="613"/>
      <c r="HNV689" s="613"/>
      <c r="HNW689" s="613"/>
      <c r="HNX689" s="613"/>
      <c r="HNY689" s="613"/>
      <c r="HNZ689" s="613"/>
      <c r="HOA689" s="613"/>
      <c r="HOB689" s="613"/>
      <c r="HOC689" s="613"/>
      <c r="HOD689" s="613"/>
      <c r="HOE689" s="613"/>
      <c r="HOF689" s="613"/>
      <c r="HOG689" s="613"/>
      <c r="HOH689" s="613"/>
      <c r="HOI689" s="613"/>
      <c r="HOJ689" s="613"/>
      <c r="HOK689" s="613"/>
      <c r="HOL689" s="613"/>
      <c r="HOM689" s="613"/>
      <c r="HON689" s="613"/>
      <c r="HOO689" s="613"/>
      <c r="HOP689" s="613"/>
      <c r="HOQ689" s="613"/>
      <c r="HOR689" s="613"/>
      <c r="HOS689" s="613"/>
      <c r="HOT689" s="613"/>
      <c r="HOU689" s="613"/>
      <c r="HOV689" s="613"/>
      <c r="HOW689" s="613"/>
      <c r="HOX689" s="613"/>
      <c r="HOY689" s="613"/>
      <c r="HOZ689" s="613"/>
      <c r="HPA689" s="613"/>
      <c r="HPB689" s="613"/>
      <c r="HPC689" s="613"/>
      <c r="HPD689" s="613"/>
      <c r="HPE689" s="613"/>
      <c r="HPF689" s="613"/>
      <c r="HPG689" s="613"/>
      <c r="HPH689" s="613"/>
      <c r="HPI689" s="613"/>
      <c r="HPJ689" s="613"/>
      <c r="HPK689" s="613"/>
      <c r="HPL689" s="613"/>
      <c r="HPM689" s="613"/>
      <c r="HPN689" s="613"/>
      <c r="HPO689" s="613"/>
      <c r="HPP689" s="613"/>
      <c r="HPQ689" s="613"/>
      <c r="HPR689" s="613"/>
      <c r="HPS689" s="613"/>
      <c r="HPT689" s="613"/>
      <c r="HPU689" s="613"/>
      <c r="HPV689" s="613"/>
      <c r="HPW689" s="613"/>
      <c r="HPX689" s="613"/>
      <c r="HPY689" s="613"/>
      <c r="HPZ689" s="613"/>
      <c r="HQA689" s="613"/>
      <c r="HQB689" s="613"/>
      <c r="HQC689" s="613"/>
      <c r="HQD689" s="613"/>
      <c r="HQE689" s="613"/>
      <c r="HQF689" s="613"/>
      <c r="HQG689" s="613"/>
      <c r="HQH689" s="613"/>
      <c r="HQI689" s="613"/>
      <c r="HQJ689" s="613"/>
      <c r="HQK689" s="613"/>
      <c r="HQL689" s="613"/>
      <c r="HQM689" s="613"/>
      <c r="HQN689" s="613"/>
      <c r="HQO689" s="613"/>
      <c r="HQP689" s="613"/>
      <c r="HQQ689" s="613"/>
      <c r="HQR689" s="613"/>
      <c r="HQS689" s="613"/>
      <c r="HQT689" s="613"/>
      <c r="HQU689" s="613"/>
      <c r="HQV689" s="613"/>
      <c r="HQW689" s="613"/>
      <c r="HQX689" s="613"/>
      <c r="HQY689" s="613"/>
      <c r="HQZ689" s="613"/>
      <c r="HRA689" s="613"/>
      <c r="HRB689" s="613"/>
      <c r="HRC689" s="613"/>
      <c r="HRD689" s="613"/>
      <c r="HRE689" s="613"/>
      <c r="HRF689" s="613"/>
      <c r="HRG689" s="613"/>
      <c r="HRH689" s="613"/>
      <c r="HRI689" s="613"/>
      <c r="HRJ689" s="613"/>
      <c r="HRK689" s="613"/>
      <c r="HRL689" s="613"/>
      <c r="HRM689" s="613"/>
      <c r="HRN689" s="613"/>
      <c r="HRO689" s="613"/>
      <c r="HRP689" s="613"/>
      <c r="HRQ689" s="613"/>
      <c r="HRR689" s="613"/>
      <c r="HRS689" s="613"/>
      <c r="HRT689" s="613"/>
      <c r="HRU689" s="613"/>
      <c r="HRV689" s="613"/>
      <c r="HRW689" s="613"/>
      <c r="HRX689" s="613"/>
      <c r="HRY689" s="613"/>
      <c r="HRZ689" s="613"/>
      <c r="HSA689" s="613"/>
      <c r="HSB689" s="613"/>
      <c r="HSC689" s="613"/>
      <c r="HSD689" s="613"/>
      <c r="HSE689" s="613"/>
      <c r="HSF689" s="613"/>
      <c r="HSG689" s="613"/>
      <c r="HSH689" s="613"/>
      <c r="HSI689" s="613"/>
      <c r="HSJ689" s="613"/>
      <c r="HSK689" s="613"/>
      <c r="HSL689" s="613"/>
      <c r="HSM689" s="613"/>
      <c r="HSN689" s="613"/>
      <c r="HSO689" s="613"/>
      <c r="HSP689" s="613"/>
      <c r="HSQ689" s="613"/>
      <c r="HSR689" s="613"/>
      <c r="HSS689" s="613"/>
      <c r="HST689" s="613"/>
      <c r="HSU689" s="613"/>
      <c r="HSV689" s="613"/>
      <c r="HSW689" s="613"/>
      <c r="HSX689" s="613"/>
      <c r="HSY689" s="613"/>
      <c r="HSZ689" s="613"/>
      <c r="HTA689" s="613"/>
      <c r="HTB689" s="613"/>
      <c r="HTC689" s="613"/>
      <c r="HTD689" s="613"/>
      <c r="HTE689" s="613"/>
      <c r="HTF689" s="613"/>
      <c r="HTG689" s="613"/>
      <c r="HTH689" s="613"/>
      <c r="HTI689" s="613"/>
      <c r="HTJ689" s="613"/>
      <c r="HTK689" s="613"/>
      <c r="HTL689" s="613"/>
      <c r="HTM689" s="613"/>
      <c r="HTN689" s="613"/>
      <c r="HTO689" s="613"/>
      <c r="HTP689" s="613"/>
      <c r="HTQ689" s="613"/>
      <c r="HTR689" s="613"/>
      <c r="HTS689" s="613"/>
      <c r="HTT689" s="613"/>
      <c r="HTU689" s="613"/>
      <c r="HTV689" s="613"/>
      <c r="HTW689" s="613"/>
      <c r="HTX689" s="613"/>
      <c r="HTY689" s="613"/>
      <c r="HTZ689" s="613"/>
      <c r="HUA689" s="613"/>
      <c r="HUB689" s="613"/>
      <c r="HUC689" s="613"/>
      <c r="HUD689" s="613"/>
      <c r="HUE689" s="613"/>
      <c r="HUF689" s="613"/>
      <c r="HUG689" s="613"/>
      <c r="HUH689" s="613"/>
      <c r="HUI689" s="613"/>
      <c r="HUJ689" s="613"/>
      <c r="HUK689" s="613"/>
      <c r="HUL689" s="613"/>
      <c r="HUM689" s="613"/>
      <c r="HUN689" s="613"/>
      <c r="HUO689" s="613"/>
      <c r="HUP689" s="613"/>
      <c r="HUQ689" s="613"/>
      <c r="HUR689" s="613"/>
      <c r="HUS689" s="613"/>
      <c r="HUT689" s="613"/>
      <c r="HUU689" s="613"/>
      <c r="HUV689" s="613"/>
      <c r="HUW689" s="613"/>
      <c r="HUX689" s="613"/>
      <c r="HUY689" s="613"/>
      <c r="HUZ689" s="613"/>
      <c r="HVA689" s="613"/>
      <c r="HVB689" s="613"/>
      <c r="HVC689" s="613"/>
      <c r="HVD689" s="613"/>
      <c r="HVE689" s="613"/>
      <c r="HVF689" s="613"/>
      <c r="HVG689" s="613"/>
      <c r="HVH689" s="613"/>
      <c r="HVI689" s="613"/>
      <c r="HVJ689" s="613"/>
      <c r="HVK689" s="613"/>
      <c r="HVL689" s="613"/>
      <c r="HVM689" s="613"/>
      <c r="HVN689" s="613"/>
      <c r="HVO689" s="613"/>
      <c r="HVP689" s="613"/>
      <c r="HVQ689" s="613"/>
      <c r="HVR689" s="613"/>
      <c r="HVS689" s="613"/>
      <c r="HVT689" s="613"/>
      <c r="HVU689" s="613"/>
      <c r="HVV689" s="613"/>
      <c r="HVW689" s="613"/>
      <c r="HVX689" s="613"/>
      <c r="HVY689" s="613"/>
      <c r="HVZ689" s="613"/>
      <c r="HWA689" s="613"/>
      <c r="HWB689" s="613"/>
      <c r="HWC689" s="613"/>
      <c r="HWD689" s="613"/>
      <c r="HWE689" s="613"/>
      <c r="HWF689" s="613"/>
      <c r="HWG689" s="613"/>
      <c r="HWH689" s="613"/>
      <c r="HWI689" s="613"/>
      <c r="HWJ689" s="613"/>
      <c r="HWK689" s="613"/>
      <c r="HWL689" s="613"/>
      <c r="HWM689" s="613"/>
      <c r="HWN689" s="613"/>
      <c r="HWO689" s="613"/>
      <c r="HWP689" s="613"/>
      <c r="HWQ689" s="613"/>
      <c r="HWR689" s="613"/>
      <c r="HWS689" s="613"/>
      <c r="HWT689" s="613"/>
      <c r="HWU689" s="613"/>
      <c r="HWV689" s="613"/>
      <c r="HWW689" s="613"/>
      <c r="HWX689" s="613"/>
      <c r="HWY689" s="613"/>
      <c r="HWZ689" s="613"/>
      <c r="HXA689" s="613"/>
      <c r="HXB689" s="613"/>
      <c r="HXC689" s="613"/>
      <c r="HXD689" s="613"/>
      <c r="HXE689" s="613"/>
      <c r="HXF689" s="613"/>
      <c r="HXG689" s="613"/>
      <c r="HXH689" s="613"/>
      <c r="HXI689" s="613"/>
      <c r="HXJ689" s="613"/>
      <c r="HXK689" s="613"/>
      <c r="HXL689" s="613"/>
      <c r="HXM689" s="613"/>
      <c r="HXN689" s="613"/>
      <c r="HXO689" s="613"/>
      <c r="HXP689" s="613"/>
      <c r="HXQ689" s="613"/>
      <c r="HXR689" s="613"/>
      <c r="HXS689" s="613"/>
      <c r="HXT689" s="613"/>
      <c r="HXU689" s="613"/>
      <c r="HXV689" s="613"/>
      <c r="HXW689" s="613"/>
      <c r="HXX689" s="613"/>
      <c r="HXY689" s="613"/>
      <c r="HXZ689" s="613"/>
      <c r="HYA689" s="613"/>
      <c r="HYB689" s="613"/>
      <c r="HYC689" s="613"/>
      <c r="HYD689" s="613"/>
      <c r="HYE689" s="613"/>
      <c r="HYF689" s="613"/>
      <c r="HYG689" s="613"/>
      <c r="HYH689" s="613"/>
      <c r="HYI689" s="613"/>
      <c r="HYJ689" s="613"/>
      <c r="HYK689" s="613"/>
      <c r="HYL689" s="613"/>
      <c r="HYM689" s="613"/>
      <c r="HYN689" s="613"/>
      <c r="HYO689" s="613"/>
      <c r="HYP689" s="613"/>
      <c r="HYQ689" s="613"/>
      <c r="HYR689" s="613"/>
      <c r="HYS689" s="613"/>
      <c r="HYT689" s="613"/>
      <c r="HYU689" s="613"/>
      <c r="HYV689" s="613"/>
      <c r="HYW689" s="613"/>
      <c r="HYX689" s="613"/>
      <c r="HYY689" s="613"/>
      <c r="HYZ689" s="613"/>
      <c r="HZA689" s="613"/>
      <c r="HZB689" s="613"/>
      <c r="HZC689" s="613"/>
      <c r="HZD689" s="613"/>
      <c r="HZE689" s="613"/>
      <c r="HZF689" s="613"/>
      <c r="HZG689" s="613"/>
      <c r="HZH689" s="613"/>
      <c r="HZI689" s="613"/>
      <c r="HZJ689" s="613"/>
      <c r="HZK689" s="613"/>
      <c r="HZL689" s="613"/>
      <c r="HZM689" s="613"/>
      <c r="HZN689" s="613"/>
      <c r="HZO689" s="613"/>
      <c r="HZP689" s="613"/>
      <c r="HZQ689" s="613"/>
      <c r="HZR689" s="613"/>
      <c r="HZS689" s="613"/>
      <c r="HZT689" s="613"/>
      <c r="HZU689" s="613"/>
      <c r="HZV689" s="613"/>
      <c r="HZW689" s="613"/>
      <c r="HZX689" s="613"/>
      <c r="HZY689" s="613"/>
      <c r="HZZ689" s="613"/>
      <c r="IAA689" s="613"/>
      <c r="IAB689" s="613"/>
      <c r="IAC689" s="613"/>
      <c r="IAD689" s="613"/>
      <c r="IAE689" s="613"/>
      <c r="IAF689" s="613"/>
      <c r="IAG689" s="613"/>
      <c r="IAH689" s="613"/>
      <c r="IAI689" s="613"/>
      <c r="IAJ689" s="613"/>
      <c r="IAK689" s="613"/>
      <c r="IAL689" s="613"/>
      <c r="IAM689" s="613"/>
      <c r="IAN689" s="613"/>
      <c r="IAO689" s="613"/>
      <c r="IAP689" s="613"/>
      <c r="IAQ689" s="613"/>
      <c r="IAR689" s="613"/>
      <c r="IAS689" s="613"/>
      <c r="IAT689" s="613"/>
      <c r="IAU689" s="613"/>
      <c r="IAV689" s="613"/>
      <c r="IAW689" s="613"/>
      <c r="IAX689" s="613"/>
      <c r="IAY689" s="613"/>
      <c r="IAZ689" s="613"/>
      <c r="IBA689" s="613"/>
      <c r="IBB689" s="613"/>
      <c r="IBC689" s="613"/>
      <c r="IBD689" s="613"/>
      <c r="IBE689" s="613"/>
      <c r="IBF689" s="613"/>
      <c r="IBG689" s="613"/>
      <c r="IBH689" s="613"/>
      <c r="IBI689" s="613"/>
      <c r="IBJ689" s="613"/>
      <c r="IBK689" s="613"/>
      <c r="IBL689" s="613"/>
      <c r="IBM689" s="613"/>
      <c r="IBN689" s="613"/>
      <c r="IBO689" s="613"/>
      <c r="IBP689" s="613"/>
      <c r="IBQ689" s="613"/>
      <c r="IBR689" s="613"/>
      <c r="IBS689" s="613"/>
      <c r="IBT689" s="613"/>
      <c r="IBU689" s="613"/>
      <c r="IBV689" s="613"/>
      <c r="IBW689" s="613"/>
      <c r="IBX689" s="613"/>
      <c r="IBY689" s="613"/>
      <c r="IBZ689" s="613"/>
      <c r="ICA689" s="613"/>
      <c r="ICB689" s="613"/>
      <c r="ICC689" s="613"/>
      <c r="ICD689" s="613"/>
      <c r="ICE689" s="613"/>
      <c r="ICF689" s="613"/>
      <c r="ICG689" s="613"/>
      <c r="ICH689" s="613"/>
      <c r="ICI689" s="613"/>
      <c r="ICJ689" s="613"/>
      <c r="ICK689" s="613"/>
      <c r="ICL689" s="613"/>
      <c r="ICM689" s="613"/>
      <c r="ICN689" s="613"/>
      <c r="ICO689" s="613"/>
      <c r="ICP689" s="613"/>
      <c r="ICQ689" s="613"/>
      <c r="ICR689" s="613"/>
      <c r="ICS689" s="613"/>
      <c r="ICT689" s="613"/>
      <c r="ICU689" s="613"/>
      <c r="ICV689" s="613"/>
      <c r="ICW689" s="613"/>
      <c r="ICX689" s="613"/>
      <c r="ICY689" s="613"/>
      <c r="ICZ689" s="613"/>
      <c r="IDA689" s="613"/>
      <c r="IDB689" s="613"/>
      <c r="IDC689" s="613"/>
      <c r="IDD689" s="613"/>
      <c r="IDE689" s="613"/>
      <c r="IDF689" s="613"/>
      <c r="IDG689" s="613"/>
      <c r="IDH689" s="613"/>
      <c r="IDI689" s="613"/>
      <c r="IDJ689" s="613"/>
      <c r="IDK689" s="613"/>
      <c r="IDL689" s="613"/>
      <c r="IDM689" s="613"/>
      <c r="IDN689" s="613"/>
      <c r="IDO689" s="613"/>
      <c r="IDP689" s="613"/>
      <c r="IDQ689" s="613"/>
      <c r="IDR689" s="613"/>
      <c r="IDS689" s="613"/>
      <c r="IDT689" s="613"/>
      <c r="IDU689" s="613"/>
      <c r="IDV689" s="613"/>
      <c r="IDW689" s="613"/>
      <c r="IDX689" s="613"/>
      <c r="IDY689" s="613"/>
      <c r="IDZ689" s="613"/>
      <c r="IEA689" s="613"/>
      <c r="IEB689" s="613"/>
      <c r="IEC689" s="613"/>
      <c r="IED689" s="613"/>
      <c r="IEE689" s="613"/>
      <c r="IEF689" s="613"/>
      <c r="IEG689" s="613"/>
      <c r="IEH689" s="613"/>
      <c r="IEI689" s="613"/>
      <c r="IEJ689" s="613"/>
      <c r="IEK689" s="613"/>
      <c r="IEL689" s="613"/>
      <c r="IEM689" s="613"/>
      <c r="IEN689" s="613"/>
      <c r="IEO689" s="613"/>
      <c r="IEP689" s="613"/>
      <c r="IEQ689" s="613"/>
      <c r="IER689" s="613"/>
      <c r="IES689" s="613"/>
      <c r="IET689" s="613"/>
      <c r="IEU689" s="613"/>
      <c r="IEV689" s="613"/>
      <c r="IEW689" s="613"/>
      <c r="IEX689" s="613"/>
      <c r="IEY689" s="613"/>
      <c r="IEZ689" s="613"/>
      <c r="IFA689" s="613"/>
      <c r="IFB689" s="613"/>
      <c r="IFC689" s="613"/>
      <c r="IFD689" s="613"/>
      <c r="IFE689" s="613"/>
      <c r="IFF689" s="613"/>
      <c r="IFG689" s="613"/>
      <c r="IFH689" s="613"/>
      <c r="IFI689" s="613"/>
      <c r="IFJ689" s="613"/>
      <c r="IFK689" s="613"/>
      <c r="IFL689" s="613"/>
      <c r="IFM689" s="613"/>
      <c r="IFN689" s="613"/>
      <c r="IFO689" s="613"/>
      <c r="IFP689" s="613"/>
      <c r="IFQ689" s="613"/>
      <c r="IFR689" s="613"/>
      <c r="IFS689" s="613"/>
      <c r="IFT689" s="613"/>
      <c r="IFU689" s="613"/>
      <c r="IFV689" s="613"/>
      <c r="IFW689" s="613"/>
      <c r="IFX689" s="613"/>
      <c r="IFY689" s="613"/>
      <c r="IFZ689" s="613"/>
      <c r="IGA689" s="613"/>
      <c r="IGB689" s="613"/>
      <c r="IGC689" s="613"/>
      <c r="IGD689" s="613"/>
      <c r="IGE689" s="613"/>
      <c r="IGF689" s="613"/>
      <c r="IGG689" s="613"/>
      <c r="IGH689" s="613"/>
      <c r="IGI689" s="613"/>
      <c r="IGJ689" s="613"/>
      <c r="IGK689" s="613"/>
      <c r="IGL689" s="613"/>
      <c r="IGM689" s="613"/>
      <c r="IGN689" s="613"/>
      <c r="IGO689" s="613"/>
      <c r="IGP689" s="613"/>
      <c r="IGQ689" s="613"/>
      <c r="IGR689" s="613"/>
      <c r="IGS689" s="613"/>
      <c r="IGT689" s="613"/>
      <c r="IGU689" s="613"/>
      <c r="IGV689" s="613"/>
      <c r="IGW689" s="613"/>
      <c r="IGX689" s="613"/>
      <c r="IGY689" s="613"/>
      <c r="IGZ689" s="613"/>
      <c r="IHA689" s="613"/>
      <c r="IHB689" s="613"/>
      <c r="IHC689" s="613"/>
      <c r="IHD689" s="613"/>
      <c r="IHE689" s="613"/>
      <c r="IHF689" s="613"/>
      <c r="IHG689" s="613"/>
      <c r="IHH689" s="613"/>
      <c r="IHI689" s="613"/>
      <c r="IHJ689" s="613"/>
      <c r="IHK689" s="613"/>
      <c r="IHL689" s="613"/>
      <c r="IHM689" s="613"/>
      <c r="IHN689" s="613"/>
      <c r="IHO689" s="613"/>
      <c r="IHP689" s="613"/>
      <c r="IHQ689" s="613"/>
      <c r="IHR689" s="613"/>
      <c r="IHS689" s="613"/>
      <c r="IHT689" s="613"/>
      <c r="IHU689" s="613"/>
      <c r="IHV689" s="613"/>
      <c r="IHW689" s="613"/>
      <c r="IHX689" s="613"/>
      <c r="IHY689" s="613"/>
      <c r="IHZ689" s="613"/>
      <c r="IIA689" s="613"/>
      <c r="IIB689" s="613"/>
      <c r="IIC689" s="613"/>
      <c r="IID689" s="613"/>
      <c r="IIE689" s="613"/>
      <c r="IIF689" s="613"/>
      <c r="IIG689" s="613"/>
      <c r="IIH689" s="613"/>
      <c r="III689" s="613"/>
      <c r="IIJ689" s="613"/>
      <c r="IIK689" s="613"/>
      <c r="IIL689" s="613"/>
      <c r="IIM689" s="613"/>
      <c r="IIN689" s="613"/>
      <c r="IIO689" s="613"/>
      <c r="IIP689" s="613"/>
      <c r="IIQ689" s="613"/>
      <c r="IIR689" s="613"/>
      <c r="IIS689" s="613"/>
      <c r="IIT689" s="613"/>
      <c r="IIU689" s="613"/>
      <c r="IIV689" s="613"/>
      <c r="IIW689" s="613"/>
      <c r="IIX689" s="613"/>
      <c r="IIY689" s="613"/>
      <c r="IIZ689" s="613"/>
      <c r="IJA689" s="613"/>
      <c r="IJB689" s="613"/>
      <c r="IJC689" s="613"/>
      <c r="IJD689" s="613"/>
      <c r="IJE689" s="613"/>
      <c r="IJF689" s="613"/>
      <c r="IJG689" s="613"/>
      <c r="IJH689" s="613"/>
      <c r="IJI689" s="613"/>
      <c r="IJJ689" s="613"/>
      <c r="IJK689" s="613"/>
      <c r="IJL689" s="613"/>
      <c r="IJM689" s="613"/>
      <c r="IJN689" s="613"/>
      <c r="IJO689" s="613"/>
      <c r="IJP689" s="613"/>
      <c r="IJQ689" s="613"/>
      <c r="IJR689" s="613"/>
      <c r="IJS689" s="613"/>
      <c r="IJT689" s="613"/>
      <c r="IJU689" s="613"/>
      <c r="IJV689" s="613"/>
      <c r="IJW689" s="613"/>
      <c r="IJX689" s="613"/>
      <c r="IJY689" s="613"/>
      <c r="IJZ689" s="613"/>
      <c r="IKA689" s="613"/>
      <c r="IKB689" s="613"/>
      <c r="IKC689" s="613"/>
      <c r="IKD689" s="613"/>
      <c r="IKE689" s="613"/>
      <c r="IKF689" s="613"/>
      <c r="IKG689" s="613"/>
      <c r="IKH689" s="613"/>
      <c r="IKI689" s="613"/>
      <c r="IKJ689" s="613"/>
      <c r="IKK689" s="613"/>
      <c r="IKL689" s="613"/>
      <c r="IKM689" s="613"/>
      <c r="IKN689" s="613"/>
      <c r="IKO689" s="613"/>
      <c r="IKP689" s="613"/>
      <c r="IKQ689" s="613"/>
      <c r="IKR689" s="613"/>
      <c r="IKS689" s="613"/>
      <c r="IKT689" s="613"/>
      <c r="IKU689" s="613"/>
      <c r="IKV689" s="613"/>
      <c r="IKW689" s="613"/>
      <c r="IKX689" s="613"/>
      <c r="IKY689" s="613"/>
      <c r="IKZ689" s="613"/>
      <c r="ILA689" s="613"/>
      <c r="ILB689" s="613"/>
      <c r="ILC689" s="613"/>
      <c r="ILD689" s="613"/>
      <c r="ILE689" s="613"/>
      <c r="ILF689" s="613"/>
      <c r="ILG689" s="613"/>
      <c r="ILH689" s="613"/>
      <c r="ILI689" s="613"/>
      <c r="ILJ689" s="613"/>
      <c r="ILK689" s="613"/>
      <c r="ILL689" s="613"/>
      <c r="ILM689" s="613"/>
      <c r="ILN689" s="613"/>
      <c r="ILO689" s="613"/>
      <c r="ILP689" s="613"/>
      <c r="ILQ689" s="613"/>
      <c r="ILR689" s="613"/>
      <c r="ILS689" s="613"/>
      <c r="ILT689" s="613"/>
      <c r="ILU689" s="613"/>
      <c r="ILV689" s="613"/>
      <c r="ILW689" s="613"/>
      <c r="ILX689" s="613"/>
      <c r="ILY689" s="613"/>
      <c r="ILZ689" s="613"/>
      <c r="IMA689" s="613"/>
      <c r="IMB689" s="613"/>
      <c r="IMC689" s="613"/>
      <c r="IMD689" s="613"/>
      <c r="IME689" s="613"/>
      <c r="IMF689" s="613"/>
      <c r="IMG689" s="613"/>
      <c r="IMH689" s="613"/>
      <c r="IMI689" s="613"/>
      <c r="IMJ689" s="613"/>
      <c r="IMK689" s="613"/>
      <c r="IML689" s="613"/>
      <c r="IMM689" s="613"/>
      <c r="IMN689" s="613"/>
      <c r="IMO689" s="613"/>
      <c r="IMP689" s="613"/>
      <c r="IMQ689" s="613"/>
      <c r="IMR689" s="613"/>
      <c r="IMS689" s="613"/>
      <c r="IMT689" s="613"/>
      <c r="IMU689" s="613"/>
      <c r="IMV689" s="613"/>
      <c r="IMW689" s="613"/>
      <c r="IMX689" s="613"/>
      <c r="IMY689" s="613"/>
      <c r="IMZ689" s="613"/>
      <c r="INA689" s="613"/>
      <c r="INB689" s="613"/>
      <c r="INC689" s="613"/>
      <c r="IND689" s="613"/>
      <c r="INE689" s="613"/>
      <c r="INF689" s="613"/>
      <c r="ING689" s="613"/>
      <c r="INH689" s="613"/>
      <c r="INI689" s="613"/>
      <c r="INJ689" s="613"/>
      <c r="INK689" s="613"/>
      <c r="INL689" s="613"/>
      <c r="INM689" s="613"/>
      <c r="INN689" s="613"/>
      <c r="INO689" s="613"/>
      <c r="INP689" s="613"/>
      <c r="INQ689" s="613"/>
      <c r="INR689" s="613"/>
      <c r="INS689" s="613"/>
      <c r="INT689" s="613"/>
      <c r="INU689" s="613"/>
      <c r="INV689" s="613"/>
      <c r="INW689" s="613"/>
      <c r="INX689" s="613"/>
      <c r="INY689" s="613"/>
      <c r="INZ689" s="613"/>
      <c r="IOA689" s="613"/>
      <c r="IOB689" s="613"/>
      <c r="IOC689" s="613"/>
      <c r="IOD689" s="613"/>
      <c r="IOE689" s="613"/>
      <c r="IOF689" s="613"/>
      <c r="IOG689" s="613"/>
      <c r="IOH689" s="613"/>
      <c r="IOI689" s="613"/>
      <c r="IOJ689" s="613"/>
      <c r="IOK689" s="613"/>
      <c r="IOL689" s="613"/>
      <c r="IOM689" s="613"/>
      <c r="ION689" s="613"/>
      <c r="IOO689" s="613"/>
      <c r="IOP689" s="613"/>
      <c r="IOQ689" s="613"/>
      <c r="IOR689" s="613"/>
      <c r="IOS689" s="613"/>
      <c r="IOT689" s="613"/>
      <c r="IOU689" s="613"/>
      <c r="IOV689" s="613"/>
      <c r="IOW689" s="613"/>
      <c r="IOX689" s="613"/>
      <c r="IOY689" s="613"/>
      <c r="IOZ689" s="613"/>
      <c r="IPA689" s="613"/>
      <c r="IPB689" s="613"/>
      <c r="IPC689" s="613"/>
      <c r="IPD689" s="613"/>
      <c r="IPE689" s="613"/>
      <c r="IPF689" s="613"/>
      <c r="IPG689" s="613"/>
      <c r="IPH689" s="613"/>
      <c r="IPI689" s="613"/>
      <c r="IPJ689" s="613"/>
      <c r="IPK689" s="613"/>
      <c r="IPL689" s="613"/>
      <c r="IPM689" s="613"/>
      <c r="IPN689" s="613"/>
      <c r="IPO689" s="613"/>
      <c r="IPP689" s="613"/>
      <c r="IPQ689" s="613"/>
      <c r="IPR689" s="613"/>
      <c r="IPS689" s="613"/>
      <c r="IPT689" s="613"/>
      <c r="IPU689" s="613"/>
      <c r="IPV689" s="613"/>
      <c r="IPW689" s="613"/>
      <c r="IPX689" s="613"/>
      <c r="IPY689" s="613"/>
      <c r="IPZ689" s="613"/>
      <c r="IQA689" s="613"/>
      <c r="IQB689" s="613"/>
      <c r="IQC689" s="613"/>
      <c r="IQD689" s="613"/>
      <c r="IQE689" s="613"/>
      <c r="IQF689" s="613"/>
      <c r="IQG689" s="613"/>
      <c r="IQH689" s="613"/>
      <c r="IQI689" s="613"/>
      <c r="IQJ689" s="613"/>
      <c r="IQK689" s="613"/>
      <c r="IQL689" s="613"/>
      <c r="IQM689" s="613"/>
      <c r="IQN689" s="613"/>
      <c r="IQO689" s="613"/>
      <c r="IQP689" s="613"/>
      <c r="IQQ689" s="613"/>
      <c r="IQR689" s="613"/>
      <c r="IQS689" s="613"/>
      <c r="IQT689" s="613"/>
      <c r="IQU689" s="613"/>
      <c r="IQV689" s="613"/>
      <c r="IQW689" s="613"/>
      <c r="IQX689" s="613"/>
      <c r="IQY689" s="613"/>
      <c r="IQZ689" s="613"/>
      <c r="IRA689" s="613"/>
      <c r="IRB689" s="613"/>
      <c r="IRC689" s="613"/>
      <c r="IRD689" s="613"/>
      <c r="IRE689" s="613"/>
      <c r="IRF689" s="613"/>
      <c r="IRG689" s="613"/>
      <c r="IRH689" s="613"/>
      <c r="IRI689" s="613"/>
      <c r="IRJ689" s="613"/>
      <c r="IRK689" s="613"/>
      <c r="IRL689" s="613"/>
      <c r="IRM689" s="613"/>
      <c r="IRN689" s="613"/>
      <c r="IRO689" s="613"/>
      <c r="IRP689" s="613"/>
      <c r="IRQ689" s="613"/>
      <c r="IRR689" s="613"/>
      <c r="IRS689" s="613"/>
      <c r="IRT689" s="613"/>
      <c r="IRU689" s="613"/>
      <c r="IRV689" s="613"/>
      <c r="IRW689" s="613"/>
      <c r="IRX689" s="613"/>
      <c r="IRY689" s="613"/>
      <c r="IRZ689" s="613"/>
      <c r="ISA689" s="613"/>
      <c r="ISB689" s="613"/>
      <c r="ISC689" s="613"/>
      <c r="ISD689" s="613"/>
      <c r="ISE689" s="613"/>
      <c r="ISF689" s="613"/>
      <c r="ISG689" s="613"/>
      <c r="ISH689" s="613"/>
      <c r="ISI689" s="613"/>
      <c r="ISJ689" s="613"/>
      <c r="ISK689" s="613"/>
      <c r="ISL689" s="613"/>
      <c r="ISM689" s="613"/>
      <c r="ISN689" s="613"/>
      <c r="ISO689" s="613"/>
      <c r="ISP689" s="613"/>
      <c r="ISQ689" s="613"/>
      <c r="ISR689" s="613"/>
      <c r="ISS689" s="613"/>
      <c r="IST689" s="613"/>
      <c r="ISU689" s="613"/>
      <c r="ISV689" s="613"/>
      <c r="ISW689" s="613"/>
      <c r="ISX689" s="613"/>
      <c r="ISY689" s="613"/>
      <c r="ISZ689" s="613"/>
      <c r="ITA689" s="613"/>
      <c r="ITB689" s="613"/>
      <c r="ITC689" s="613"/>
      <c r="ITD689" s="613"/>
      <c r="ITE689" s="613"/>
      <c r="ITF689" s="613"/>
      <c r="ITG689" s="613"/>
      <c r="ITH689" s="613"/>
      <c r="ITI689" s="613"/>
      <c r="ITJ689" s="613"/>
      <c r="ITK689" s="613"/>
      <c r="ITL689" s="613"/>
      <c r="ITM689" s="613"/>
      <c r="ITN689" s="613"/>
      <c r="ITO689" s="613"/>
      <c r="ITP689" s="613"/>
      <c r="ITQ689" s="613"/>
      <c r="ITR689" s="613"/>
      <c r="ITS689" s="613"/>
      <c r="ITT689" s="613"/>
      <c r="ITU689" s="613"/>
      <c r="ITV689" s="613"/>
      <c r="ITW689" s="613"/>
      <c r="ITX689" s="613"/>
      <c r="ITY689" s="613"/>
      <c r="ITZ689" s="613"/>
      <c r="IUA689" s="613"/>
      <c r="IUB689" s="613"/>
      <c r="IUC689" s="613"/>
      <c r="IUD689" s="613"/>
      <c r="IUE689" s="613"/>
      <c r="IUF689" s="613"/>
      <c r="IUG689" s="613"/>
      <c r="IUH689" s="613"/>
      <c r="IUI689" s="613"/>
      <c r="IUJ689" s="613"/>
      <c r="IUK689" s="613"/>
      <c r="IUL689" s="613"/>
      <c r="IUM689" s="613"/>
      <c r="IUN689" s="613"/>
      <c r="IUO689" s="613"/>
      <c r="IUP689" s="613"/>
      <c r="IUQ689" s="613"/>
      <c r="IUR689" s="613"/>
      <c r="IUS689" s="613"/>
      <c r="IUT689" s="613"/>
      <c r="IUU689" s="613"/>
      <c r="IUV689" s="613"/>
      <c r="IUW689" s="613"/>
      <c r="IUX689" s="613"/>
      <c r="IUY689" s="613"/>
      <c r="IUZ689" s="613"/>
      <c r="IVA689" s="613"/>
      <c r="IVB689" s="613"/>
      <c r="IVC689" s="613"/>
      <c r="IVD689" s="613"/>
      <c r="IVE689" s="613"/>
      <c r="IVF689" s="613"/>
      <c r="IVG689" s="613"/>
      <c r="IVH689" s="613"/>
      <c r="IVI689" s="613"/>
      <c r="IVJ689" s="613"/>
      <c r="IVK689" s="613"/>
      <c r="IVL689" s="613"/>
      <c r="IVM689" s="613"/>
      <c r="IVN689" s="613"/>
      <c r="IVO689" s="613"/>
      <c r="IVP689" s="613"/>
      <c r="IVQ689" s="613"/>
      <c r="IVR689" s="613"/>
      <c r="IVS689" s="613"/>
      <c r="IVT689" s="613"/>
      <c r="IVU689" s="613"/>
      <c r="IVV689" s="613"/>
      <c r="IVW689" s="613"/>
      <c r="IVX689" s="613"/>
      <c r="IVY689" s="613"/>
      <c r="IVZ689" s="613"/>
      <c r="IWA689" s="613"/>
      <c r="IWB689" s="613"/>
      <c r="IWC689" s="613"/>
      <c r="IWD689" s="613"/>
      <c r="IWE689" s="613"/>
      <c r="IWF689" s="613"/>
      <c r="IWG689" s="613"/>
      <c r="IWH689" s="613"/>
      <c r="IWI689" s="613"/>
      <c r="IWJ689" s="613"/>
      <c r="IWK689" s="613"/>
      <c r="IWL689" s="613"/>
      <c r="IWM689" s="613"/>
      <c r="IWN689" s="613"/>
      <c r="IWO689" s="613"/>
      <c r="IWP689" s="613"/>
      <c r="IWQ689" s="613"/>
      <c r="IWR689" s="613"/>
      <c r="IWS689" s="613"/>
      <c r="IWT689" s="613"/>
      <c r="IWU689" s="613"/>
      <c r="IWV689" s="613"/>
      <c r="IWW689" s="613"/>
      <c r="IWX689" s="613"/>
      <c r="IWY689" s="613"/>
      <c r="IWZ689" s="613"/>
      <c r="IXA689" s="613"/>
      <c r="IXB689" s="613"/>
      <c r="IXC689" s="613"/>
      <c r="IXD689" s="613"/>
      <c r="IXE689" s="613"/>
      <c r="IXF689" s="613"/>
      <c r="IXG689" s="613"/>
      <c r="IXH689" s="613"/>
      <c r="IXI689" s="613"/>
      <c r="IXJ689" s="613"/>
      <c r="IXK689" s="613"/>
      <c r="IXL689" s="613"/>
      <c r="IXM689" s="613"/>
      <c r="IXN689" s="613"/>
      <c r="IXO689" s="613"/>
      <c r="IXP689" s="613"/>
      <c r="IXQ689" s="613"/>
      <c r="IXR689" s="613"/>
      <c r="IXS689" s="613"/>
      <c r="IXT689" s="613"/>
      <c r="IXU689" s="613"/>
      <c r="IXV689" s="613"/>
      <c r="IXW689" s="613"/>
      <c r="IXX689" s="613"/>
      <c r="IXY689" s="613"/>
      <c r="IXZ689" s="613"/>
      <c r="IYA689" s="613"/>
      <c r="IYB689" s="613"/>
      <c r="IYC689" s="613"/>
      <c r="IYD689" s="613"/>
      <c r="IYE689" s="613"/>
      <c r="IYF689" s="613"/>
      <c r="IYG689" s="613"/>
      <c r="IYH689" s="613"/>
      <c r="IYI689" s="613"/>
      <c r="IYJ689" s="613"/>
      <c r="IYK689" s="613"/>
      <c r="IYL689" s="613"/>
      <c r="IYM689" s="613"/>
      <c r="IYN689" s="613"/>
      <c r="IYO689" s="613"/>
      <c r="IYP689" s="613"/>
      <c r="IYQ689" s="613"/>
      <c r="IYR689" s="613"/>
      <c r="IYS689" s="613"/>
      <c r="IYT689" s="613"/>
      <c r="IYU689" s="613"/>
      <c r="IYV689" s="613"/>
      <c r="IYW689" s="613"/>
      <c r="IYX689" s="613"/>
      <c r="IYY689" s="613"/>
      <c r="IYZ689" s="613"/>
      <c r="IZA689" s="613"/>
      <c r="IZB689" s="613"/>
      <c r="IZC689" s="613"/>
      <c r="IZD689" s="613"/>
      <c r="IZE689" s="613"/>
      <c r="IZF689" s="613"/>
      <c r="IZG689" s="613"/>
      <c r="IZH689" s="613"/>
      <c r="IZI689" s="613"/>
      <c r="IZJ689" s="613"/>
      <c r="IZK689" s="613"/>
      <c r="IZL689" s="613"/>
      <c r="IZM689" s="613"/>
      <c r="IZN689" s="613"/>
      <c r="IZO689" s="613"/>
      <c r="IZP689" s="613"/>
      <c r="IZQ689" s="613"/>
      <c r="IZR689" s="613"/>
      <c r="IZS689" s="613"/>
      <c r="IZT689" s="613"/>
      <c r="IZU689" s="613"/>
      <c r="IZV689" s="613"/>
      <c r="IZW689" s="613"/>
      <c r="IZX689" s="613"/>
      <c r="IZY689" s="613"/>
      <c r="IZZ689" s="613"/>
      <c r="JAA689" s="613"/>
      <c r="JAB689" s="613"/>
      <c r="JAC689" s="613"/>
      <c r="JAD689" s="613"/>
      <c r="JAE689" s="613"/>
      <c r="JAF689" s="613"/>
      <c r="JAG689" s="613"/>
      <c r="JAH689" s="613"/>
      <c r="JAI689" s="613"/>
      <c r="JAJ689" s="613"/>
      <c r="JAK689" s="613"/>
      <c r="JAL689" s="613"/>
      <c r="JAM689" s="613"/>
      <c r="JAN689" s="613"/>
      <c r="JAO689" s="613"/>
      <c r="JAP689" s="613"/>
      <c r="JAQ689" s="613"/>
      <c r="JAR689" s="613"/>
      <c r="JAS689" s="613"/>
      <c r="JAT689" s="613"/>
      <c r="JAU689" s="613"/>
      <c r="JAV689" s="613"/>
      <c r="JAW689" s="613"/>
      <c r="JAX689" s="613"/>
      <c r="JAY689" s="613"/>
      <c r="JAZ689" s="613"/>
      <c r="JBA689" s="613"/>
      <c r="JBB689" s="613"/>
      <c r="JBC689" s="613"/>
      <c r="JBD689" s="613"/>
      <c r="JBE689" s="613"/>
      <c r="JBF689" s="613"/>
      <c r="JBG689" s="613"/>
      <c r="JBH689" s="613"/>
      <c r="JBI689" s="613"/>
      <c r="JBJ689" s="613"/>
      <c r="JBK689" s="613"/>
      <c r="JBL689" s="613"/>
      <c r="JBM689" s="613"/>
      <c r="JBN689" s="613"/>
      <c r="JBO689" s="613"/>
      <c r="JBP689" s="613"/>
      <c r="JBQ689" s="613"/>
      <c r="JBR689" s="613"/>
      <c r="JBS689" s="613"/>
      <c r="JBT689" s="613"/>
      <c r="JBU689" s="613"/>
      <c r="JBV689" s="613"/>
      <c r="JBW689" s="613"/>
      <c r="JBX689" s="613"/>
      <c r="JBY689" s="613"/>
      <c r="JBZ689" s="613"/>
      <c r="JCA689" s="613"/>
      <c r="JCB689" s="613"/>
      <c r="JCC689" s="613"/>
      <c r="JCD689" s="613"/>
      <c r="JCE689" s="613"/>
      <c r="JCF689" s="613"/>
      <c r="JCG689" s="613"/>
      <c r="JCH689" s="613"/>
      <c r="JCI689" s="613"/>
      <c r="JCJ689" s="613"/>
      <c r="JCK689" s="613"/>
      <c r="JCL689" s="613"/>
      <c r="JCM689" s="613"/>
      <c r="JCN689" s="613"/>
      <c r="JCO689" s="613"/>
      <c r="JCP689" s="613"/>
      <c r="JCQ689" s="613"/>
      <c r="JCR689" s="613"/>
      <c r="JCS689" s="613"/>
      <c r="JCT689" s="613"/>
      <c r="JCU689" s="613"/>
      <c r="JCV689" s="613"/>
      <c r="JCW689" s="613"/>
      <c r="JCX689" s="613"/>
      <c r="JCY689" s="613"/>
      <c r="JCZ689" s="613"/>
      <c r="JDA689" s="613"/>
      <c r="JDB689" s="613"/>
      <c r="JDC689" s="613"/>
      <c r="JDD689" s="613"/>
      <c r="JDE689" s="613"/>
      <c r="JDF689" s="613"/>
      <c r="JDG689" s="613"/>
      <c r="JDH689" s="613"/>
      <c r="JDI689" s="613"/>
      <c r="JDJ689" s="613"/>
      <c r="JDK689" s="613"/>
      <c r="JDL689" s="613"/>
      <c r="JDM689" s="613"/>
      <c r="JDN689" s="613"/>
      <c r="JDO689" s="613"/>
      <c r="JDP689" s="613"/>
      <c r="JDQ689" s="613"/>
      <c r="JDR689" s="613"/>
      <c r="JDS689" s="613"/>
      <c r="JDT689" s="613"/>
      <c r="JDU689" s="613"/>
      <c r="JDV689" s="613"/>
      <c r="JDW689" s="613"/>
      <c r="JDX689" s="613"/>
      <c r="JDY689" s="613"/>
      <c r="JDZ689" s="613"/>
      <c r="JEA689" s="613"/>
      <c r="JEB689" s="613"/>
      <c r="JEC689" s="613"/>
      <c r="JED689" s="613"/>
      <c r="JEE689" s="613"/>
      <c r="JEF689" s="613"/>
      <c r="JEG689" s="613"/>
      <c r="JEH689" s="613"/>
      <c r="JEI689" s="613"/>
      <c r="JEJ689" s="613"/>
      <c r="JEK689" s="613"/>
      <c r="JEL689" s="613"/>
      <c r="JEM689" s="613"/>
      <c r="JEN689" s="613"/>
      <c r="JEO689" s="613"/>
      <c r="JEP689" s="613"/>
      <c r="JEQ689" s="613"/>
      <c r="JER689" s="613"/>
      <c r="JES689" s="613"/>
      <c r="JET689" s="613"/>
      <c r="JEU689" s="613"/>
      <c r="JEV689" s="613"/>
      <c r="JEW689" s="613"/>
      <c r="JEX689" s="613"/>
      <c r="JEY689" s="613"/>
      <c r="JEZ689" s="613"/>
      <c r="JFA689" s="613"/>
      <c r="JFB689" s="613"/>
      <c r="JFC689" s="613"/>
      <c r="JFD689" s="613"/>
      <c r="JFE689" s="613"/>
      <c r="JFF689" s="613"/>
      <c r="JFG689" s="613"/>
      <c r="JFH689" s="613"/>
      <c r="JFI689" s="613"/>
      <c r="JFJ689" s="613"/>
      <c r="JFK689" s="613"/>
      <c r="JFL689" s="613"/>
      <c r="JFM689" s="613"/>
      <c r="JFN689" s="613"/>
      <c r="JFO689" s="613"/>
      <c r="JFP689" s="613"/>
      <c r="JFQ689" s="613"/>
      <c r="JFR689" s="613"/>
      <c r="JFS689" s="613"/>
      <c r="JFT689" s="613"/>
      <c r="JFU689" s="613"/>
      <c r="JFV689" s="613"/>
      <c r="JFW689" s="613"/>
      <c r="JFX689" s="613"/>
      <c r="JFY689" s="613"/>
      <c r="JFZ689" s="613"/>
      <c r="JGA689" s="613"/>
      <c r="JGB689" s="613"/>
      <c r="JGC689" s="613"/>
      <c r="JGD689" s="613"/>
      <c r="JGE689" s="613"/>
      <c r="JGF689" s="613"/>
      <c r="JGG689" s="613"/>
      <c r="JGH689" s="613"/>
      <c r="JGI689" s="613"/>
      <c r="JGJ689" s="613"/>
      <c r="JGK689" s="613"/>
      <c r="JGL689" s="613"/>
      <c r="JGM689" s="613"/>
      <c r="JGN689" s="613"/>
      <c r="JGO689" s="613"/>
      <c r="JGP689" s="613"/>
      <c r="JGQ689" s="613"/>
      <c r="JGR689" s="613"/>
      <c r="JGS689" s="613"/>
      <c r="JGT689" s="613"/>
      <c r="JGU689" s="613"/>
      <c r="JGV689" s="613"/>
      <c r="JGW689" s="613"/>
      <c r="JGX689" s="613"/>
      <c r="JGY689" s="613"/>
      <c r="JGZ689" s="613"/>
      <c r="JHA689" s="613"/>
      <c r="JHB689" s="613"/>
      <c r="JHC689" s="613"/>
      <c r="JHD689" s="613"/>
      <c r="JHE689" s="613"/>
      <c r="JHF689" s="613"/>
      <c r="JHG689" s="613"/>
      <c r="JHH689" s="613"/>
      <c r="JHI689" s="613"/>
      <c r="JHJ689" s="613"/>
      <c r="JHK689" s="613"/>
      <c r="JHL689" s="613"/>
      <c r="JHM689" s="613"/>
      <c r="JHN689" s="613"/>
      <c r="JHO689" s="613"/>
      <c r="JHP689" s="613"/>
      <c r="JHQ689" s="613"/>
      <c r="JHR689" s="613"/>
      <c r="JHS689" s="613"/>
      <c r="JHT689" s="613"/>
      <c r="JHU689" s="613"/>
      <c r="JHV689" s="613"/>
      <c r="JHW689" s="613"/>
      <c r="JHX689" s="613"/>
      <c r="JHY689" s="613"/>
      <c r="JHZ689" s="613"/>
      <c r="JIA689" s="613"/>
      <c r="JIB689" s="613"/>
      <c r="JIC689" s="613"/>
      <c r="JID689" s="613"/>
      <c r="JIE689" s="613"/>
      <c r="JIF689" s="613"/>
      <c r="JIG689" s="613"/>
      <c r="JIH689" s="613"/>
      <c r="JII689" s="613"/>
      <c r="JIJ689" s="613"/>
      <c r="JIK689" s="613"/>
      <c r="JIL689" s="613"/>
      <c r="JIM689" s="613"/>
      <c r="JIN689" s="613"/>
      <c r="JIO689" s="613"/>
      <c r="JIP689" s="613"/>
      <c r="JIQ689" s="613"/>
      <c r="JIR689" s="613"/>
      <c r="JIS689" s="613"/>
      <c r="JIT689" s="613"/>
      <c r="JIU689" s="613"/>
      <c r="JIV689" s="613"/>
      <c r="JIW689" s="613"/>
      <c r="JIX689" s="613"/>
      <c r="JIY689" s="613"/>
      <c r="JIZ689" s="613"/>
      <c r="JJA689" s="613"/>
      <c r="JJB689" s="613"/>
      <c r="JJC689" s="613"/>
      <c r="JJD689" s="613"/>
      <c r="JJE689" s="613"/>
      <c r="JJF689" s="613"/>
      <c r="JJG689" s="613"/>
      <c r="JJH689" s="613"/>
      <c r="JJI689" s="613"/>
      <c r="JJJ689" s="613"/>
      <c r="JJK689" s="613"/>
      <c r="JJL689" s="613"/>
      <c r="JJM689" s="613"/>
      <c r="JJN689" s="613"/>
      <c r="JJO689" s="613"/>
      <c r="JJP689" s="613"/>
      <c r="JJQ689" s="613"/>
      <c r="JJR689" s="613"/>
      <c r="JJS689" s="613"/>
      <c r="JJT689" s="613"/>
      <c r="JJU689" s="613"/>
      <c r="JJV689" s="613"/>
      <c r="JJW689" s="613"/>
      <c r="JJX689" s="613"/>
      <c r="JJY689" s="613"/>
      <c r="JJZ689" s="613"/>
      <c r="JKA689" s="613"/>
      <c r="JKB689" s="613"/>
      <c r="JKC689" s="613"/>
      <c r="JKD689" s="613"/>
      <c r="JKE689" s="613"/>
      <c r="JKF689" s="613"/>
      <c r="JKG689" s="613"/>
      <c r="JKH689" s="613"/>
      <c r="JKI689" s="613"/>
      <c r="JKJ689" s="613"/>
      <c r="JKK689" s="613"/>
      <c r="JKL689" s="613"/>
      <c r="JKM689" s="613"/>
      <c r="JKN689" s="613"/>
      <c r="JKO689" s="613"/>
      <c r="JKP689" s="613"/>
      <c r="JKQ689" s="613"/>
      <c r="JKR689" s="613"/>
      <c r="JKS689" s="613"/>
      <c r="JKT689" s="613"/>
      <c r="JKU689" s="613"/>
      <c r="JKV689" s="613"/>
      <c r="JKW689" s="613"/>
      <c r="JKX689" s="613"/>
      <c r="JKY689" s="613"/>
      <c r="JKZ689" s="613"/>
      <c r="JLA689" s="613"/>
      <c r="JLB689" s="613"/>
      <c r="JLC689" s="613"/>
      <c r="JLD689" s="613"/>
      <c r="JLE689" s="613"/>
      <c r="JLF689" s="613"/>
      <c r="JLG689" s="613"/>
      <c r="JLH689" s="613"/>
      <c r="JLI689" s="613"/>
      <c r="JLJ689" s="613"/>
      <c r="JLK689" s="613"/>
      <c r="JLL689" s="613"/>
      <c r="JLM689" s="613"/>
      <c r="JLN689" s="613"/>
      <c r="JLO689" s="613"/>
      <c r="JLP689" s="613"/>
      <c r="JLQ689" s="613"/>
      <c r="JLR689" s="613"/>
      <c r="JLS689" s="613"/>
      <c r="JLT689" s="613"/>
      <c r="JLU689" s="613"/>
      <c r="JLV689" s="613"/>
      <c r="JLW689" s="613"/>
      <c r="JLX689" s="613"/>
      <c r="JLY689" s="613"/>
      <c r="JLZ689" s="613"/>
      <c r="JMA689" s="613"/>
      <c r="JMB689" s="613"/>
      <c r="JMC689" s="613"/>
      <c r="JMD689" s="613"/>
      <c r="JME689" s="613"/>
      <c r="JMF689" s="613"/>
      <c r="JMG689" s="613"/>
      <c r="JMH689" s="613"/>
      <c r="JMI689" s="613"/>
      <c r="JMJ689" s="613"/>
      <c r="JMK689" s="613"/>
      <c r="JML689" s="613"/>
      <c r="JMM689" s="613"/>
      <c r="JMN689" s="613"/>
      <c r="JMO689" s="613"/>
      <c r="JMP689" s="613"/>
      <c r="JMQ689" s="613"/>
      <c r="JMR689" s="613"/>
      <c r="JMS689" s="613"/>
      <c r="JMT689" s="613"/>
      <c r="JMU689" s="613"/>
      <c r="JMV689" s="613"/>
      <c r="JMW689" s="613"/>
      <c r="JMX689" s="613"/>
      <c r="JMY689" s="613"/>
      <c r="JMZ689" s="613"/>
      <c r="JNA689" s="613"/>
      <c r="JNB689" s="613"/>
      <c r="JNC689" s="613"/>
      <c r="JND689" s="613"/>
      <c r="JNE689" s="613"/>
      <c r="JNF689" s="613"/>
      <c r="JNG689" s="613"/>
      <c r="JNH689" s="613"/>
      <c r="JNI689" s="613"/>
      <c r="JNJ689" s="613"/>
      <c r="JNK689" s="613"/>
      <c r="JNL689" s="613"/>
      <c r="JNM689" s="613"/>
      <c r="JNN689" s="613"/>
      <c r="JNO689" s="613"/>
      <c r="JNP689" s="613"/>
      <c r="JNQ689" s="613"/>
      <c r="JNR689" s="613"/>
      <c r="JNS689" s="613"/>
      <c r="JNT689" s="613"/>
      <c r="JNU689" s="613"/>
      <c r="JNV689" s="613"/>
      <c r="JNW689" s="613"/>
      <c r="JNX689" s="613"/>
      <c r="JNY689" s="613"/>
      <c r="JNZ689" s="613"/>
      <c r="JOA689" s="613"/>
      <c r="JOB689" s="613"/>
      <c r="JOC689" s="613"/>
      <c r="JOD689" s="613"/>
      <c r="JOE689" s="613"/>
      <c r="JOF689" s="613"/>
      <c r="JOG689" s="613"/>
      <c r="JOH689" s="613"/>
      <c r="JOI689" s="613"/>
      <c r="JOJ689" s="613"/>
      <c r="JOK689" s="613"/>
      <c r="JOL689" s="613"/>
      <c r="JOM689" s="613"/>
      <c r="JON689" s="613"/>
      <c r="JOO689" s="613"/>
      <c r="JOP689" s="613"/>
      <c r="JOQ689" s="613"/>
      <c r="JOR689" s="613"/>
      <c r="JOS689" s="613"/>
      <c r="JOT689" s="613"/>
      <c r="JOU689" s="613"/>
      <c r="JOV689" s="613"/>
      <c r="JOW689" s="613"/>
      <c r="JOX689" s="613"/>
      <c r="JOY689" s="613"/>
      <c r="JOZ689" s="613"/>
      <c r="JPA689" s="613"/>
      <c r="JPB689" s="613"/>
      <c r="JPC689" s="613"/>
      <c r="JPD689" s="613"/>
      <c r="JPE689" s="613"/>
      <c r="JPF689" s="613"/>
      <c r="JPG689" s="613"/>
      <c r="JPH689" s="613"/>
      <c r="JPI689" s="613"/>
      <c r="JPJ689" s="613"/>
      <c r="JPK689" s="613"/>
      <c r="JPL689" s="613"/>
      <c r="JPM689" s="613"/>
      <c r="JPN689" s="613"/>
      <c r="JPO689" s="613"/>
      <c r="JPP689" s="613"/>
      <c r="JPQ689" s="613"/>
      <c r="JPR689" s="613"/>
      <c r="JPS689" s="613"/>
      <c r="JPT689" s="613"/>
      <c r="JPU689" s="613"/>
      <c r="JPV689" s="613"/>
      <c r="JPW689" s="613"/>
      <c r="JPX689" s="613"/>
      <c r="JPY689" s="613"/>
      <c r="JPZ689" s="613"/>
      <c r="JQA689" s="613"/>
      <c r="JQB689" s="613"/>
      <c r="JQC689" s="613"/>
      <c r="JQD689" s="613"/>
      <c r="JQE689" s="613"/>
      <c r="JQF689" s="613"/>
      <c r="JQG689" s="613"/>
      <c r="JQH689" s="613"/>
      <c r="JQI689" s="613"/>
      <c r="JQJ689" s="613"/>
      <c r="JQK689" s="613"/>
      <c r="JQL689" s="613"/>
      <c r="JQM689" s="613"/>
      <c r="JQN689" s="613"/>
      <c r="JQO689" s="613"/>
      <c r="JQP689" s="613"/>
      <c r="JQQ689" s="613"/>
      <c r="JQR689" s="613"/>
      <c r="JQS689" s="613"/>
      <c r="JQT689" s="613"/>
      <c r="JQU689" s="613"/>
      <c r="JQV689" s="613"/>
      <c r="JQW689" s="613"/>
      <c r="JQX689" s="613"/>
      <c r="JQY689" s="613"/>
      <c r="JQZ689" s="613"/>
      <c r="JRA689" s="613"/>
      <c r="JRB689" s="613"/>
      <c r="JRC689" s="613"/>
      <c r="JRD689" s="613"/>
      <c r="JRE689" s="613"/>
      <c r="JRF689" s="613"/>
      <c r="JRG689" s="613"/>
      <c r="JRH689" s="613"/>
      <c r="JRI689" s="613"/>
      <c r="JRJ689" s="613"/>
      <c r="JRK689" s="613"/>
      <c r="JRL689" s="613"/>
      <c r="JRM689" s="613"/>
      <c r="JRN689" s="613"/>
      <c r="JRO689" s="613"/>
      <c r="JRP689" s="613"/>
      <c r="JRQ689" s="613"/>
      <c r="JRR689" s="613"/>
      <c r="JRS689" s="613"/>
      <c r="JRT689" s="613"/>
      <c r="JRU689" s="613"/>
      <c r="JRV689" s="613"/>
      <c r="JRW689" s="613"/>
      <c r="JRX689" s="613"/>
      <c r="JRY689" s="613"/>
      <c r="JRZ689" s="613"/>
      <c r="JSA689" s="613"/>
      <c r="JSB689" s="613"/>
      <c r="JSC689" s="613"/>
      <c r="JSD689" s="613"/>
      <c r="JSE689" s="613"/>
      <c r="JSF689" s="613"/>
      <c r="JSG689" s="613"/>
      <c r="JSH689" s="613"/>
      <c r="JSI689" s="613"/>
      <c r="JSJ689" s="613"/>
      <c r="JSK689" s="613"/>
      <c r="JSL689" s="613"/>
      <c r="JSM689" s="613"/>
      <c r="JSN689" s="613"/>
      <c r="JSO689" s="613"/>
      <c r="JSP689" s="613"/>
      <c r="JSQ689" s="613"/>
      <c r="JSR689" s="613"/>
      <c r="JSS689" s="613"/>
      <c r="JST689" s="613"/>
      <c r="JSU689" s="613"/>
      <c r="JSV689" s="613"/>
      <c r="JSW689" s="613"/>
      <c r="JSX689" s="613"/>
      <c r="JSY689" s="613"/>
      <c r="JSZ689" s="613"/>
      <c r="JTA689" s="613"/>
      <c r="JTB689" s="613"/>
      <c r="JTC689" s="613"/>
      <c r="JTD689" s="613"/>
      <c r="JTE689" s="613"/>
      <c r="JTF689" s="613"/>
      <c r="JTG689" s="613"/>
      <c r="JTH689" s="613"/>
      <c r="JTI689" s="613"/>
      <c r="JTJ689" s="613"/>
      <c r="JTK689" s="613"/>
      <c r="JTL689" s="613"/>
      <c r="JTM689" s="613"/>
      <c r="JTN689" s="613"/>
      <c r="JTO689" s="613"/>
      <c r="JTP689" s="613"/>
      <c r="JTQ689" s="613"/>
      <c r="JTR689" s="613"/>
      <c r="JTS689" s="613"/>
      <c r="JTT689" s="613"/>
      <c r="JTU689" s="613"/>
      <c r="JTV689" s="613"/>
      <c r="JTW689" s="613"/>
      <c r="JTX689" s="613"/>
      <c r="JTY689" s="613"/>
      <c r="JTZ689" s="613"/>
      <c r="JUA689" s="613"/>
      <c r="JUB689" s="613"/>
      <c r="JUC689" s="613"/>
      <c r="JUD689" s="613"/>
      <c r="JUE689" s="613"/>
      <c r="JUF689" s="613"/>
      <c r="JUG689" s="613"/>
      <c r="JUH689" s="613"/>
      <c r="JUI689" s="613"/>
      <c r="JUJ689" s="613"/>
      <c r="JUK689" s="613"/>
      <c r="JUL689" s="613"/>
      <c r="JUM689" s="613"/>
      <c r="JUN689" s="613"/>
      <c r="JUO689" s="613"/>
      <c r="JUP689" s="613"/>
      <c r="JUQ689" s="613"/>
      <c r="JUR689" s="613"/>
      <c r="JUS689" s="613"/>
      <c r="JUT689" s="613"/>
      <c r="JUU689" s="613"/>
      <c r="JUV689" s="613"/>
      <c r="JUW689" s="613"/>
      <c r="JUX689" s="613"/>
      <c r="JUY689" s="613"/>
      <c r="JUZ689" s="613"/>
      <c r="JVA689" s="613"/>
      <c r="JVB689" s="613"/>
      <c r="JVC689" s="613"/>
      <c r="JVD689" s="613"/>
      <c r="JVE689" s="613"/>
      <c r="JVF689" s="613"/>
      <c r="JVG689" s="613"/>
      <c r="JVH689" s="613"/>
      <c r="JVI689" s="613"/>
      <c r="JVJ689" s="613"/>
      <c r="JVK689" s="613"/>
      <c r="JVL689" s="613"/>
      <c r="JVM689" s="613"/>
      <c r="JVN689" s="613"/>
      <c r="JVO689" s="613"/>
      <c r="JVP689" s="613"/>
      <c r="JVQ689" s="613"/>
      <c r="JVR689" s="613"/>
      <c r="JVS689" s="613"/>
      <c r="JVT689" s="613"/>
      <c r="JVU689" s="613"/>
      <c r="JVV689" s="613"/>
      <c r="JVW689" s="613"/>
      <c r="JVX689" s="613"/>
      <c r="JVY689" s="613"/>
      <c r="JVZ689" s="613"/>
      <c r="JWA689" s="613"/>
      <c r="JWB689" s="613"/>
      <c r="JWC689" s="613"/>
      <c r="JWD689" s="613"/>
      <c r="JWE689" s="613"/>
      <c r="JWF689" s="613"/>
      <c r="JWG689" s="613"/>
      <c r="JWH689" s="613"/>
      <c r="JWI689" s="613"/>
      <c r="JWJ689" s="613"/>
      <c r="JWK689" s="613"/>
      <c r="JWL689" s="613"/>
      <c r="JWM689" s="613"/>
      <c r="JWN689" s="613"/>
      <c r="JWO689" s="613"/>
      <c r="JWP689" s="613"/>
      <c r="JWQ689" s="613"/>
      <c r="JWR689" s="613"/>
      <c r="JWS689" s="613"/>
      <c r="JWT689" s="613"/>
      <c r="JWU689" s="613"/>
      <c r="JWV689" s="613"/>
      <c r="JWW689" s="613"/>
      <c r="JWX689" s="613"/>
      <c r="JWY689" s="613"/>
      <c r="JWZ689" s="613"/>
      <c r="JXA689" s="613"/>
      <c r="JXB689" s="613"/>
      <c r="JXC689" s="613"/>
      <c r="JXD689" s="613"/>
      <c r="JXE689" s="613"/>
      <c r="JXF689" s="613"/>
      <c r="JXG689" s="613"/>
      <c r="JXH689" s="613"/>
      <c r="JXI689" s="613"/>
      <c r="JXJ689" s="613"/>
      <c r="JXK689" s="613"/>
      <c r="JXL689" s="613"/>
      <c r="JXM689" s="613"/>
      <c r="JXN689" s="613"/>
      <c r="JXO689" s="613"/>
      <c r="JXP689" s="613"/>
      <c r="JXQ689" s="613"/>
      <c r="JXR689" s="613"/>
      <c r="JXS689" s="613"/>
      <c r="JXT689" s="613"/>
      <c r="JXU689" s="613"/>
      <c r="JXV689" s="613"/>
      <c r="JXW689" s="613"/>
      <c r="JXX689" s="613"/>
      <c r="JXY689" s="613"/>
      <c r="JXZ689" s="613"/>
      <c r="JYA689" s="613"/>
      <c r="JYB689" s="613"/>
      <c r="JYC689" s="613"/>
      <c r="JYD689" s="613"/>
      <c r="JYE689" s="613"/>
      <c r="JYF689" s="613"/>
      <c r="JYG689" s="613"/>
      <c r="JYH689" s="613"/>
      <c r="JYI689" s="613"/>
      <c r="JYJ689" s="613"/>
      <c r="JYK689" s="613"/>
      <c r="JYL689" s="613"/>
      <c r="JYM689" s="613"/>
      <c r="JYN689" s="613"/>
      <c r="JYO689" s="613"/>
      <c r="JYP689" s="613"/>
      <c r="JYQ689" s="613"/>
      <c r="JYR689" s="613"/>
      <c r="JYS689" s="613"/>
      <c r="JYT689" s="613"/>
      <c r="JYU689" s="613"/>
      <c r="JYV689" s="613"/>
      <c r="JYW689" s="613"/>
      <c r="JYX689" s="613"/>
      <c r="JYY689" s="613"/>
      <c r="JYZ689" s="613"/>
      <c r="JZA689" s="613"/>
      <c r="JZB689" s="613"/>
      <c r="JZC689" s="613"/>
      <c r="JZD689" s="613"/>
      <c r="JZE689" s="613"/>
      <c r="JZF689" s="613"/>
      <c r="JZG689" s="613"/>
      <c r="JZH689" s="613"/>
      <c r="JZI689" s="613"/>
      <c r="JZJ689" s="613"/>
      <c r="JZK689" s="613"/>
      <c r="JZL689" s="613"/>
      <c r="JZM689" s="613"/>
      <c r="JZN689" s="613"/>
      <c r="JZO689" s="613"/>
      <c r="JZP689" s="613"/>
      <c r="JZQ689" s="613"/>
      <c r="JZR689" s="613"/>
      <c r="JZS689" s="613"/>
      <c r="JZT689" s="613"/>
      <c r="JZU689" s="613"/>
      <c r="JZV689" s="613"/>
      <c r="JZW689" s="613"/>
      <c r="JZX689" s="613"/>
      <c r="JZY689" s="613"/>
      <c r="JZZ689" s="613"/>
      <c r="KAA689" s="613"/>
      <c r="KAB689" s="613"/>
      <c r="KAC689" s="613"/>
      <c r="KAD689" s="613"/>
      <c r="KAE689" s="613"/>
      <c r="KAF689" s="613"/>
      <c r="KAG689" s="613"/>
      <c r="KAH689" s="613"/>
      <c r="KAI689" s="613"/>
      <c r="KAJ689" s="613"/>
      <c r="KAK689" s="613"/>
      <c r="KAL689" s="613"/>
      <c r="KAM689" s="613"/>
      <c r="KAN689" s="613"/>
      <c r="KAO689" s="613"/>
      <c r="KAP689" s="613"/>
      <c r="KAQ689" s="613"/>
      <c r="KAR689" s="613"/>
      <c r="KAS689" s="613"/>
      <c r="KAT689" s="613"/>
      <c r="KAU689" s="613"/>
      <c r="KAV689" s="613"/>
      <c r="KAW689" s="613"/>
      <c r="KAX689" s="613"/>
      <c r="KAY689" s="613"/>
      <c r="KAZ689" s="613"/>
      <c r="KBA689" s="613"/>
      <c r="KBB689" s="613"/>
      <c r="KBC689" s="613"/>
      <c r="KBD689" s="613"/>
      <c r="KBE689" s="613"/>
      <c r="KBF689" s="613"/>
      <c r="KBG689" s="613"/>
      <c r="KBH689" s="613"/>
      <c r="KBI689" s="613"/>
      <c r="KBJ689" s="613"/>
      <c r="KBK689" s="613"/>
      <c r="KBL689" s="613"/>
      <c r="KBM689" s="613"/>
      <c r="KBN689" s="613"/>
      <c r="KBO689" s="613"/>
      <c r="KBP689" s="613"/>
      <c r="KBQ689" s="613"/>
      <c r="KBR689" s="613"/>
      <c r="KBS689" s="613"/>
      <c r="KBT689" s="613"/>
      <c r="KBU689" s="613"/>
      <c r="KBV689" s="613"/>
      <c r="KBW689" s="613"/>
      <c r="KBX689" s="613"/>
      <c r="KBY689" s="613"/>
      <c r="KBZ689" s="613"/>
      <c r="KCA689" s="613"/>
      <c r="KCB689" s="613"/>
      <c r="KCC689" s="613"/>
      <c r="KCD689" s="613"/>
      <c r="KCE689" s="613"/>
      <c r="KCF689" s="613"/>
      <c r="KCG689" s="613"/>
      <c r="KCH689" s="613"/>
      <c r="KCI689" s="613"/>
      <c r="KCJ689" s="613"/>
      <c r="KCK689" s="613"/>
      <c r="KCL689" s="613"/>
      <c r="KCM689" s="613"/>
      <c r="KCN689" s="613"/>
      <c r="KCO689" s="613"/>
      <c r="KCP689" s="613"/>
      <c r="KCQ689" s="613"/>
      <c r="KCR689" s="613"/>
      <c r="KCS689" s="613"/>
      <c r="KCT689" s="613"/>
      <c r="KCU689" s="613"/>
      <c r="KCV689" s="613"/>
      <c r="KCW689" s="613"/>
      <c r="KCX689" s="613"/>
      <c r="KCY689" s="613"/>
      <c r="KCZ689" s="613"/>
      <c r="KDA689" s="613"/>
      <c r="KDB689" s="613"/>
      <c r="KDC689" s="613"/>
      <c r="KDD689" s="613"/>
      <c r="KDE689" s="613"/>
      <c r="KDF689" s="613"/>
      <c r="KDG689" s="613"/>
      <c r="KDH689" s="613"/>
      <c r="KDI689" s="613"/>
      <c r="KDJ689" s="613"/>
      <c r="KDK689" s="613"/>
      <c r="KDL689" s="613"/>
      <c r="KDM689" s="613"/>
      <c r="KDN689" s="613"/>
      <c r="KDO689" s="613"/>
      <c r="KDP689" s="613"/>
      <c r="KDQ689" s="613"/>
      <c r="KDR689" s="613"/>
      <c r="KDS689" s="613"/>
      <c r="KDT689" s="613"/>
      <c r="KDU689" s="613"/>
      <c r="KDV689" s="613"/>
      <c r="KDW689" s="613"/>
      <c r="KDX689" s="613"/>
      <c r="KDY689" s="613"/>
      <c r="KDZ689" s="613"/>
      <c r="KEA689" s="613"/>
      <c r="KEB689" s="613"/>
      <c r="KEC689" s="613"/>
      <c r="KED689" s="613"/>
      <c r="KEE689" s="613"/>
      <c r="KEF689" s="613"/>
      <c r="KEG689" s="613"/>
      <c r="KEH689" s="613"/>
      <c r="KEI689" s="613"/>
      <c r="KEJ689" s="613"/>
      <c r="KEK689" s="613"/>
      <c r="KEL689" s="613"/>
      <c r="KEM689" s="613"/>
      <c r="KEN689" s="613"/>
      <c r="KEO689" s="613"/>
      <c r="KEP689" s="613"/>
      <c r="KEQ689" s="613"/>
      <c r="KER689" s="613"/>
      <c r="KES689" s="613"/>
      <c r="KET689" s="613"/>
      <c r="KEU689" s="613"/>
      <c r="KEV689" s="613"/>
      <c r="KEW689" s="613"/>
      <c r="KEX689" s="613"/>
      <c r="KEY689" s="613"/>
      <c r="KEZ689" s="613"/>
      <c r="KFA689" s="613"/>
      <c r="KFB689" s="613"/>
      <c r="KFC689" s="613"/>
      <c r="KFD689" s="613"/>
      <c r="KFE689" s="613"/>
      <c r="KFF689" s="613"/>
      <c r="KFG689" s="613"/>
      <c r="KFH689" s="613"/>
      <c r="KFI689" s="613"/>
      <c r="KFJ689" s="613"/>
      <c r="KFK689" s="613"/>
      <c r="KFL689" s="613"/>
      <c r="KFM689" s="613"/>
      <c r="KFN689" s="613"/>
      <c r="KFO689" s="613"/>
      <c r="KFP689" s="613"/>
      <c r="KFQ689" s="613"/>
      <c r="KFR689" s="613"/>
      <c r="KFS689" s="613"/>
      <c r="KFT689" s="613"/>
      <c r="KFU689" s="613"/>
      <c r="KFV689" s="613"/>
      <c r="KFW689" s="613"/>
      <c r="KFX689" s="613"/>
      <c r="KFY689" s="613"/>
      <c r="KFZ689" s="613"/>
      <c r="KGA689" s="613"/>
      <c r="KGB689" s="613"/>
      <c r="KGC689" s="613"/>
      <c r="KGD689" s="613"/>
      <c r="KGE689" s="613"/>
      <c r="KGF689" s="613"/>
      <c r="KGG689" s="613"/>
      <c r="KGH689" s="613"/>
      <c r="KGI689" s="613"/>
      <c r="KGJ689" s="613"/>
      <c r="KGK689" s="613"/>
      <c r="KGL689" s="613"/>
      <c r="KGM689" s="613"/>
      <c r="KGN689" s="613"/>
      <c r="KGO689" s="613"/>
      <c r="KGP689" s="613"/>
      <c r="KGQ689" s="613"/>
      <c r="KGR689" s="613"/>
      <c r="KGS689" s="613"/>
      <c r="KGT689" s="613"/>
      <c r="KGU689" s="613"/>
      <c r="KGV689" s="613"/>
      <c r="KGW689" s="613"/>
      <c r="KGX689" s="613"/>
      <c r="KGY689" s="613"/>
      <c r="KGZ689" s="613"/>
      <c r="KHA689" s="613"/>
      <c r="KHB689" s="613"/>
      <c r="KHC689" s="613"/>
      <c r="KHD689" s="613"/>
      <c r="KHE689" s="613"/>
      <c r="KHF689" s="613"/>
      <c r="KHG689" s="613"/>
      <c r="KHH689" s="613"/>
      <c r="KHI689" s="613"/>
      <c r="KHJ689" s="613"/>
      <c r="KHK689" s="613"/>
      <c r="KHL689" s="613"/>
      <c r="KHM689" s="613"/>
      <c r="KHN689" s="613"/>
      <c r="KHO689" s="613"/>
      <c r="KHP689" s="613"/>
      <c r="KHQ689" s="613"/>
      <c r="KHR689" s="613"/>
      <c r="KHS689" s="613"/>
      <c r="KHT689" s="613"/>
      <c r="KHU689" s="613"/>
      <c r="KHV689" s="613"/>
      <c r="KHW689" s="613"/>
      <c r="KHX689" s="613"/>
      <c r="KHY689" s="613"/>
      <c r="KHZ689" s="613"/>
      <c r="KIA689" s="613"/>
      <c r="KIB689" s="613"/>
      <c r="KIC689" s="613"/>
      <c r="KID689" s="613"/>
      <c r="KIE689" s="613"/>
      <c r="KIF689" s="613"/>
      <c r="KIG689" s="613"/>
      <c r="KIH689" s="613"/>
      <c r="KII689" s="613"/>
      <c r="KIJ689" s="613"/>
      <c r="KIK689" s="613"/>
      <c r="KIL689" s="613"/>
      <c r="KIM689" s="613"/>
      <c r="KIN689" s="613"/>
      <c r="KIO689" s="613"/>
      <c r="KIP689" s="613"/>
      <c r="KIQ689" s="613"/>
      <c r="KIR689" s="613"/>
      <c r="KIS689" s="613"/>
      <c r="KIT689" s="613"/>
      <c r="KIU689" s="613"/>
      <c r="KIV689" s="613"/>
      <c r="KIW689" s="613"/>
      <c r="KIX689" s="613"/>
      <c r="KIY689" s="613"/>
      <c r="KIZ689" s="613"/>
      <c r="KJA689" s="613"/>
      <c r="KJB689" s="613"/>
      <c r="KJC689" s="613"/>
      <c r="KJD689" s="613"/>
      <c r="KJE689" s="613"/>
      <c r="KJF689" s="613"/>
      <c r="KJG689" s="613"/>
      <c r="KJH689" s="613"/>
      <c r="KJI689" s="613"/>
      <c r="KJJ689" s="613"/>
      <c r="KJK689" s="613"/>
      <c r="KJL689" s="613"/>
      <c r="KJM689" s="613"/>
      <c r="KJN689" s="613"/>
      <c r="KJO689" s="613"/>
      <c r="KJP689" s="613"/>
      <c r="KJQ689" s="613"/>
      <c r="KJR689" s="613"/>
      <c r="KJS689" s="613"/>
      <c r="KJT689" s="613"/>
      <c r="KJU689" s="613"/>
      <c r="KJV689" s="613"/>
      <c r="KJW689" s="613"/>
      <c r="KJX689" s="613"/>
      <c r="KJY689" s="613"/>
      <c r="KJZ689" s="613"/>
      <c r="KKA689" s="613"/>
      <c r="KKB689" s="613"/>
      <c r="KKC689" s="613"/>
      <c r="KKD689" s="613"/>
      <c r="KKE689" s="613"/>
      <c r="KKF689" s="613"/>
      <c r="KKG689" s="613"/>
      <c r="KKH689" s="613"/>
      <c r="KKI689" s="613"/>
      <c r="KKJ689" s="613"/>
      <c r="KKK689" s="613"/>
      <c r="KKL689" s="613"/>
      <c r="KKM689" s="613"/>
      <c r="KKN689" s="613"/>
      <c r="KKO689" s="613"/>
      <c r="KKP689" s="613"/>
      <c r="KKQ689" s="613"/>
      <c r="KKR689" s="613"/>
      <c r="KKS689" s="613"/>
      <c r="KKT689" s="613"/>
      <c r="KKU689" s="613"/>
      <c r="KKV689" s="613"/>
      <c r="KKW689" s="613"/>
      <c r="KKX689" s="613"/>
      <c r="KKY689" s="613"/>
      <c r="KKZ689" s="613"/>
      <c r="KLA689" s="613"/>
      <c r="KLB689" s="613"/>
      <c r="KLC689" s="613"/>
      <c r="KLD689" s="613"/>
      <c r="KLE689" s="613"/>
      <c r="KLF689" s="613"/>
      <c r="KLG689" s="613"/>
      <c r="KLH689" s="613"/>
      <c r="KLI689" s="613"/>
      <c r="KLJ689" s="613"/>
      <c r="KLK689" s="613"/>
      <c r="KLL689" s="613"/>
      <c r="KLM689" s="613"/>
      <c r="KLN689" s="613"/>
      <c r="KLO689" s="613"/>
      <c r="KLP689" s="613"/>
      <c r="KLQ689" s="613"/>
      <c r="KLR689" s="613"/>
      <c r="KLS689" s="613"/>
      <c r="KLT689" s="613"/>
      <c r="KLU689" s="613"/>
      <c r="KLV689" s="613"/>
      <c r="KLW689" s="613"/>
      <c r="KLX689" s="613"/>
      <c r="KLY689" s="613"/>
      <c r="KLZ689" s="613"/>
      <c r="KMA689" s="613"/>
      <c r="KMB689" s="613"/>
      <c r="KMC689" s="613"/>
      <c r="KMD689" s="613"/>
      <c r="KME689" s="613"/>
      <c r="KMF689" s="613"/>
      <c r="KMG689" s="613"/>
      <c r="KMH689" s="613"/>
      <c r="KMI689" s="613"/>
      <c r="KMJ689" s="613"/>
      <c r="KMK689" s="613"/>
      <c r="KML689" s="613"/>
      <c r="KMM689" s="613"/>
      <c r="KMN689" s="613"/>
      <c r="KMO689" s="613"/>
      <c r="KMP689" s="613"/>
      <c r="KMQ689" s="613"/>
      <c r="KMR689" s="613"/>
      <c r="KMS689" s="613"/>
      <c r="KMT689" s="613"/>
      <c r="KMU689" s="613"/>
      <c r="KMV689" s="613"/>
      <c r="KMW689" s="613"/>
      <c r="KMX689" s="613"/>
      <c r="KMY689" s="613"/>
      <c r="KMZ689" s="613"/>
      <c r="KNA689" s="613"/>
      <c r="KNB689" s="613"/>
      <c r="KNC689" s="613"/>
      <c r="KND689" s="613"/>
      <c r="KNE689" s="613"/>
      <c r="KNF689" s="613"/>
      <c r="KNG689" s="613"/>
      <c r="KNH689" s="613"/>
      <c r="KNI689" s="613"/>
      <c r="KNJ689" s="613"/>
      <c r="KNK689" s="613"/>
      <c r="KNL689" s="613"/>
      <c r="KNM689" s="613"/>
      <c r="KNN689" s="613"/>
      <c r="KNO689" s="613"/>
      <c r="KNP689" s="613"/>
      <c r="KNQ689" s="613"/>
      <c r="KNR689" s="613"/>
      <c r="KNS689" s="613"/>
      <c r="KNT689" s="613"/>
      <c r="KNU689" s="613"/>
      <c r="KNV689" s="613"/>
      <c r="KNW689" s="613"/>
      <c r="KNX689" s="613"/>
      <c r="KNY689" s="613"/>
      <c r="KNZ689" s="613"/>
      <c r="KOA689" s="613"/>
      <c r="KOB689" s="613"/>
      <c r="KOC689" s="613"/>
      <c r="KOD689" s="613"/>
      <c r="KOE689" s="613"/>
      <c r="KOF689" s="613"/>
      <c r="KOG689" s="613"/>
      <c r="KOH689" s="613"/>
      <c r="KOI689" s="613"/>
      <c r="KOJ689" s="613"/>
      <c r="KOK689" s="613"/>
      <c r="KOL689" s="613"/>
      <c r="KOM689" s="613"/>
      <c r="KON689" s="613"/>
      <c r="KOO689" s="613"/>
      <c r="KOP689" s="613"/>
      <c r="KOQ689" s="613"/>
      <c r="KOR689" s="613"/>
      <c r="KOS689" s="613"/>
      <c r="KOT689" s="613"/>
      <c r="KOU689" s="613"/>
      <c r="KOV689" s="613"/>
      <c r="KOW689" s="613"/>
      <c r="KOX689" s="613"/>
      <c r="KOY689" s="613"/>
      <c r="KOZ689" s="613"/>
      <c r="KPA689" s="613"/>
      <c r="KPB689" s="613"/>
      <c r="KPC689" s="613"/>
      <c r="KPD689" s="613"/>
      <c r="KPE689" s="613"/>
      <c r="KPF689" s="613"/>
      <c r="KPG689" s="613"/>
      <c r="KPH689" s="613"/>
      <c r="KPI689" s="613"/>
      <c r="KPJ689" s="613"/>
      <c r="KPK689" s="613"/>
      <c r="KPL689" s="613"/>
      <c r="KPM689" s="613"/>
      <c r="KPN689" s="613"/>
      <c r="KPO689" s="613"/>
      <c r="KPP689" s="613"/>
      <c r="KPQ689" s="613"/>
      <c r="KPR689" s="613"/>
      <c r="KPS689" s="613"/>
      <c r="KPT689" s="613"/>
      <c r="KPU689" s="613"/>
      <c r="KPV689" s="613"/>
      <c r="KPW689" s="613"/>
      <c r="KPX689" s="613"/>
      <c r="KPY689" s="613"/>
      <c r="KPZ689" s="613"/>
      <c r="KQA689" s="613"/>
      <c r="KQB689" s="613"/>
      <c r="KQC689" s="613"/>
      <c r="KQD689" s="613"/>
      <c r="KQE689" s="613"/>
      <c r="KQF689" s="613"/>
      <c r="KQG689" s="613"/>
      <c r="KQH689" s="613"/>
      <c r="KQI689" s="613"/>
      <c r="KQJ689" s="613"/>
      <c r="KQK689" s="613"/>
      <c r="KQL689" s="613"/>
      <c r="KQM689" s="613"/>
      <c r="KQN689" s="613"/>
      <c r="KQO689" s="613"/>
      <c r="KQP689" s="613"/>
      <c r="KQQ689" s="613"/>
      <c r="KQR689" s="613"/>
      <c r="KQS689" s="613"/>
      <c r="KQT689" s="613"/>
      <c r="KQU689" s="613"/>
      <c r="KQV689" s="613"/>
      <c r="KQW689" s="613"/>
      <c r="KQX689" s="613"/>
      <c r="KQY689" s="613"/>
      <c r="KQZ689" s="613"/>
      <c r="KRA689" s="613"/>
      <c r="KRB689" s="613"/>
      <c r="KRC689" s="613"/>
      <c r="KRD689" s="613"/>
      <c r="KRE689" s="613"/>
      <c r="KRF689" s="613"/>
      <c r="KRG689" s="613"/>
      <c r="KRH689" s="613"/>
      <c r="KRI689" s="613"/>
      <c r="KRJ689" s="613"/>
      <c r="KRK689" s="613"/>
      <c r="KRL689" s="613"/>
      <c r="KRM689" s="613"/>
      <c r="KRN689" s="613"/>
      <c r="KRO689" s="613"/>
      <c r="KRP689" s="613"/>
      <c r="KRQ689" s="613"/>
      <c r="KRR689" s="613"/>
      <c r="KRS689" s="613"/>
      <c r="KRT689" s="613"/>
      <c r="KRU689" s="613"/>
      <c r="KRV689" s="613"/>
      <c r="KRW689" s="613"/>
      <c r="KRX689" s="613"/>
      <c r="KRY689" s="613"/>
      <c r="KRZ689" s="613"/>
      <c r="KSA689" s="613"/>
      <c r="KSB689" s="613"/>
      <c r="KSC689" s="613"/>
      <c r="KSD689" s="613"/>
      <c r="KSE689" s="613"/>
      <c r="KSF689" s="613"/>
      <c r="KSG689" s="613"/>
      <c r="KSH689" s="613"/>
      <c r="KSI689" s="613"/>
      <c r="KSJ689" s="613"/>
      <c r="KSK689" s="613"/>
      <c r="KSL689" s="613"/>
      <c r="KSM689" s="613"/>
      <c r="KSN689" s="613"/>
      <c r="KSO689" s="613"/>
      <c r="KSP689" s="613"/>
      <c r="KSQ689" s="613"/>
      <c r="KSR689" s="613"/>
      <c r="KSS689" s="613"/>
      <c r="KST689" s="613"/>
      <c r="KSU689" s="613"/>
      <c r="KSV689" s="613"/>
      <c r="KSW689" s="613"/>
      <c r="KSX689" s="613"/>
      <c r="KSY689" s="613"/>
      <c r="KSZ689" s="613"/>
      <c r="KTA689" s="613"/>
      <c r="KTB689" s="613"/>
      <c r="KTC689" s="613"/>
      <c r="KTD689" s="613"/>
      <c r="KTE689" s="613"/>
      <c r="KTF689" s="613"/>
      <c r="KTG689" s="613"/>
      <c r="KTH689" s="613"/>
      <c r="KTI689" s="613"/>
      <c r="KTJ689" s="613"/>
      <c r="KTK689" s="613"/>
      <c r="KTL689" s="613"/>
      <c r="KTM689" s="613"/>
      <c r="KTN689" s="613"/>
      <c r="KTO689" s="613"/>
      <c r="KTP689" s="613"/>
      <c r="KTQ689" s="613"/>
      <c r="KTR689" s="613"/>
      <c r="KTS689" s="613"/>
      <c r="KTT689" s="613"/>
      <c r="KTU689" s="613"/>
      <c r="KTV689" s="613"/>
      <c r="KTW689" s="613"/>
      <c r="KTX689" s="613"/>
      <c r="KTY689" s="613"/>
      <c r="KTZ689" s="613"/>
      <c r="KUA689" s="613"/>
      <c r="KUB689" s="613"/>
      <c r="KUC689" s="613"/>
      <c r="KUD689" s="613"/>
      <c r="KUE689" s="613"/>
      <c r="KUF689" s="613"/>
      <c r="KUG689" s="613"/>
      <c r="KUH689" s="613"/>
      <c r="KUI689" s="613"/>
      <c r="KUJ689" s="613"/>
      <c r="KUK689" s="613"/>
      <c r="KUL689" s="613"/>
      <c r="KUM689" s="613"/>
      <c r="KUN689" s="613"/>
      <c r="KUO689" s="613"/>
      <c r="KUP689" s="613"/>
      <c r="KUQ689" s="613"/>
      <c r="KUR689" s="613"/>
      <c r="KUS689" s="613"/>
      <c r="KUT689" s="613"/>
      <c r="KUU689" s="613"/>
      <c r="KUV689" s="613"/>
      <c r="KUW689" s="613"/>
      <c r="KUX689" s="613"/>
      <c r="KUY689" s="613"/>
      <c r="KUZ689" s="613"/>
      <c r="KVA689" s="613"/>
      <c r="KVB689" s="613"/>
      <c r="KVC689" s="613"/>
      <c r="KVD689" s="613"/>
      <c r="KVE689" s="613"/>
      <c r="KVF689" s="613"/>
      <c r="KVG689" s="613"/>
      <c r="KVH689" s="613"/>
      <c r="KVI689" s="613"/>
      <c r="KVJ689" s="613"/>
      <c r="KVK689" s="613"/>
      <c r="KVL689" s="613"/>
      <c r="KVM689" s="613"/>
      <c r="KVN689" s="613"/>
      <c r="KVO689" s="613"/>
      <c r="KVP689" s="613"/>
      <c r="KVQ689" s="613"/>
      <c r="KVR689" s="613"/>
      <c r="KVS689" s="613"/>
      <c r="KVT689" s="613"/>
      <c r="KVU689" s="613"/>
      <c r="KVV689" s="613"/>
      <c r="KVW689" s="613"/>
      <c r="KVX689" s="613"/>
      <c r="KVY689" s="613"/>
      <c r="KVZ689" s="613"/>
      <c r="KWA689" s="613"/>
      <c r="KWB689" s="613"/>
      <c r="KWC689" s="613"/>
      <c r="KWD689" s="613"/>
      <c r="KWE689" s="613"/>
      <c r="KWF689" s="613"/>
      <c r="KWG689" s="613"/>
      <c r="KWH689" s="613"/>
      <c r="KWI689" s="613"/>
      <c r="KWJ689" s="613"/>
      <c r="KWK689" s="613"/>
      <c r="KWL689" s="613"/>
      <c r="KWM689" s="613"/>
      <c r="KWN689" s="613"/>
      <c r="KWO689" s="613"/>
      <c r="KWP689" s="613"/>
      <c r="KWQ689" s="613"/>
      <c r="KWR689" s="613"/>
      <c r="KWS689" s="613"/>
      <c r="KWT689" s="613"/>
      <c r="KWU689" s="613"/>
      <c r="KWV689" s="613"/>
      <c r="KWW689" s="613"/>
      <c r="KWX689" s="613"/>
      <c r="KWY689" s="613"/>
      <c r="KWZ689" s="613"/>
      <c r="KXA689" s="613"/>
      <c r="KXB689" s="613"/>
      <c r="KXC689" s="613"/>
      <c r="KXD689" s="613"/>
      <c r="KXE689" s="613"/>
      <c r="KXF689" s="613"/>
      <c r="KXG689" s="613"/>
      <c r="KXH689" s="613"/>
      <c r="KXI689" s="613"/>
      <c r="KXJ689" s="613"/>
      <c r="KXK689" s="613"/>
      <c r="KXL689" s="613"/>
      <c r="KXM689" s="613"/>
      <c r="KXN689" s="613"/>
      <c r="KXO689" s="613"/>
      <c r="KXP689" s="613"/>
      <c r="KXQ689" s="613"/>
      <c r="KXR689" s="613"/>
      <c r="KXS689" s="613"/>
      <c r="KXT689" s="613"/>
      <c r="KXU689" s="613"/>
      <c r="KXV689" s="613"/>
      <c r="KXW689" s="613"/>
      <c r="KXX689" s="613"/>
      <c r="KXY689" s="613"/>
      <c r="KXZ689" s="613"/>
      <c r="KYA689" s="613"/>
      <c r="KYB689" s="613"/>
      <c r="KYC689" s="613"/>
      <c r="KYD689" s="613"/>
      <c r="KYE689" s="613"/>
      <c r="KYF689" s="613"/>
      <c r="KYG689" s="613"/>
      <c r="KYH689" s="613"/>
      <c r="KYI689" s="613"/>
      <c r="KYJ689" s="613"/>
      <c r="KYK689" s="613"/>
      <c r="KYL689" s="613"/>
      <c r="KYM689" s="613"/>
      <c r="KYN689" s="613"/>
      <c r="KYO689" s="613"/>
      <c r="KYP689" s="613"/>
      <c r="KYQ689" s="613"/>
      <c r="KYR689" s="613"/>
      <c r="KYS689" s="613"/>
      <c r="KYT689" s="613"/>
      <c r="KYU689" s="613"/>
      <c r="KYV689" s="613"/>
      <c r="KYW689" s="613"/>
      <c r="KYX689" s="613"/>
      <c r="KYY689" s="613"/>
      <c r="KYZ689" s="613"/>
      <c r="KZA689" s="613"/>
      <c r="KZB689" s="613"/>
      <c r="KZC689" s="613"/>
      <c r="KZD689" s="613"/>
      <c r="KZE689" s="613"/>
      <c r="KZF689" s="613"/>
      <c r="KZG689" s="613"/>
      <c r="KZH689" s="613"/>
      <c r="KZI689" s="613"/>
      <c r="KZJ689" s="613"/>
      <c r="KZK689" s="613"/>
      <c r="KZL689" s="613"/>
      <c r="KZM689" s="613"/>
      <c r="KZN689" s="613"/>
      <c r="KZO689" s="613"/>
      <c r="KZP689" s="613"/>
      <c r="KZQ689" s="613"/>
      <c r="KZR689" s="613"/>
      <c r="KZS689" s="613"/>
      <c r="KZT689" s="613"/>
      <c r="KZU689" s="613"/>
      <c r="KZV689" s="613"/>
      <c r="KZW689" s="613"/>
      <c r="KZX689" s="613"/>
      <c r="KZY689" s="613"/>
      <c r="KZZ689" s="613"/>
      <c r="LAA689" s="613"/>
      <c r="LAB689" s="613"/>
      <c r="LAC689" s="613"/>
      <c r="LAD689" s="613"/>
      <c r="LAE689" s="613"/>
      <c r="LAF689" s="613"/>
      <c r="LAG689" s="613"/>
      <c r="LAH689" s="613"/>
      <c r="LAI689" s="613"/>
      <c r="LAJ689" s="613"/>
      <c r="LAK689" s="613"/>
      <c r="LAL689" s="613"/>
      <c r="LAM689" s="613"/>
      <c r="LAN689" s="613"/>
      <c r="LAO689" s="613"/>
      <c r="LAP689" s="613"/>
      <c r="LAQ689" s="613"/>
      <c r="LAR689" s="613"/>
      <c r="LAS689" s="613"/>
      <c r="LAT689" s="613"/>
      <c r="LAU689" s="613"/>
      <c r="LAV689" s="613"/>
      <c r="LAW689" s="613"/>
      <c r="LAX689" s="613"/>
      <c r="LAY689" s="613"/>
      <c r="LAZ689" s="613"/>
      <c r="LBA689" s="613"/>
      <c r="LBB689" s="613"/>
      <c r="LBC689" s="613"/>
      <c r="LBD689" s="613"/>
      <c r="LBE689" s="613"/>
      <c r="LBF689" s="613"/>
      <c r="LBG689" s="613"/>
      <c r="LBH689" s="613"/>
      <c r="LBI689" s="613"/>
      <c r="LBJ689" s="613"/>
      <c r="LBK689" s="613"/>
      <c r="LBL689" s="613"/>
      <c r="LBM689" s="613"/>
      <c r="LBN689" s="613"/>
      <c r="LBO689" s="613"/>
      <c r="LBP689" s="613"/>
      <c r="LBQ689" s="613"/>
      <c r="LBR689" s="613"/>
      <c r="LBS689" s="613"/>
      <c r="LBT689" s="613"/>
      <c r="LBU689" s="613"/>
      <c r="LBV689" s="613"/>
      <c r="LBW689" s="613"/>
      <c r="LBX689" s="613"/>
      <c r="LBY689" s="613"/>
      <c r="LBZ689" s="613"/>
      <c r="LCA689" s="613"/>
      <c r="LCB689" s="613"/>
      <c r="LCC689" s="613"/>
      <c r="LCD689" s="613"/>
      <c r="LCE689" s="613"/>
      <c r="LCF689" s="613"/>
      <c r="LCG689" s="613"/>
      <c r="LCH689" s="613"/>
      <c r="LCI689" s="613"/>
      <c r="LCJ689" s="613"/>
      <c r="LCK689" s="613"/>
      <c r="LCL689" s="613"/>
      <c r="LCM689" s="613"/>
      <c r="LCN689" s="613"/>
      <c r="LCO689" s="613"/>
      <c r="LCP689" s="613"/>
      <c r="LCQ689" s="613"/>
      <c r="LCR689" s="613"/>
      <c r="LCS689" s="613"/>
      <c r="LCT689" s="613"/>
      <c r="LCU689" s="613"/>
      <c r="LCV689" s="613"/>
      <c r="LCW689" s="613"/>
      <c r="LCX689" s="613"/>
      <c r="LCY689" s="613"/>
      <c r="LCZ689" s="613"/>
      <c r="LDA689" s="613"/>
      <c r="LDB689" s="613"/>
      <c r="LDC689" s="613"/>
      <c r="LDD689" s="613"/>
      <c r="LDE689" s="613"/>
      <c r="LDF689" s="613"/>
      <c r="LDG689" s="613"/>
      <c r="LDH689" s="613"/>
      <c r="LDI689" s="613"/>
      <c r="LDJ689" s="613"/>
      <c r="LDK689" s="613"/>
      <c r="LDL689" s="613"/>
      <c r="LDM689" s="613"/>
      <c r="LDN689" s="613"/>
      <c r="LDO689" s="613"/>
      <c r="LDP689" s="613"/>
      <c r="LDQ689" s="613"/>
      <c r="LDR689" s="613"/>
      <c r="LDS689" s="613"/>
      <c r="LDT689" s="613"/>
      <c r="LDU689" s="613"/>
      <c r="LDV689" s="613"/>
      <c r="LDW689" s="613"/>
      <c r="LDX689" s="613"/>
      <c r="LDY689" s="613"/>
      <c r="LDZ689" s="613"/>
      <c r="LEA689" s="613"/>
      <c r="LEB689" s="613"/>
      <c r="LEC689" s="613"/>
      <c r="LED689" s="613"/>
      <c r="LEE689" s="613"/>
      <c r="LEF689" s="613"/>
      <c r="LEG689" s="613"/>
      <c r="LEH689" s="613"/>
      <c r="LEI689" s="613"/>
      <c r="LEJ689" s="613"/>
      <c r="LEK689" s="613"/>
      <c r="LEL689" s="613"/>
      <c r="LEM689" s="613"/>
      <c r="LEN689" s="613"/>
      <c r="LEO689" s="613"/>
      <c r="LEP689" s="613"/>
      <c r="LEQ689" s="613"/>
      <c r="LER689" s="613"/>
      <c r="LES689" s="613"/>
      <c r="LET689" s="613"/>
      <c r="LEU689" s="613"/>
      <c r="LEV689" s="613"/>
      <c r="LEW689" s="613"/>
      <c r="LEX689" s="613"/>
      <c r="LEY689" s="613"/>
      <c r="LEZ689" s="613"/>
      <c r="LFA689" s="613"/>
      <c r="LFB689" s="613"/>
      <c r="LFC689" s="613"/>
      <c r="LFD689" s="613"/>
      <c r="LFE689" s="613"/>
      <c r="LFF689" s="613"/>
      <c r="LFG689" s="613"/>
      <c r="LFH689" s="613"/>
      <c r="LFI689" s="613"/>
      <c r="LFJ689" s="613"/>
      <c r="LFK689" s="613"/>
      <c r="LFL689" s="613"/>
      <c r="LFM689" s="613"/>
      <c r="LFN689" s="613"/>
      <c r="LFO689" s="613"/>
      <c r="LFP689" s="613"/>
      <c r="LFQ689" s="613"/>
      <c r="LFR689" s="613"/>
      <c r="LFS689" s="613"/>
      <c r="LFT689" s="613"/>
      <c r="LFU689" s="613"/>
      <c r="LFV689" s="613"/>
      <c r="LFW689" s="613"/>
      <c r="LFX689" s="613"/>
      <c r="LFY689" s="613"/>
      <c r="LFZ689" s="613"/>
      <c r="LGA689" s="613"/>
      <c r="LGB689" s="613"/>
      <c r="LGC689" s="613"/>
      <c r="LGD689" s="613"/>
      <c r="LGE689" s="613"/>
      <c r="LGF689" s="613"/>
      <c r="LGG689" s="613"/>
      <c r="LGH689" s="613"/>
      <c r="LGI689" s="613"/>
      <c r="LGJ689" s="613"/>
      <c r="LGK689" s="613"/>
      <c r="LGL689" s="613"/>
      <c r="LGM689" s="613"/>
      <c r="LGN689" s="613"/>
      <c r="LGO689" s="613"/>
      <c r="LGP689" s="613"/>
      <c r="LGQ689" s="613"/>
      <c r="LGR689" s="613"/>
      <c r="LGS689" s="613"/>
      <c r="LGT689" s="613"/>
      <c r="LGU689" s="613"/>
      <c r="LGV689" s="613"/>
      <c r="LGW689" s="613"/>
      <c r="LGX689" s="613"/>
      <c r="LGY689" s="613"/>
      <c r="LGZ689" s="613"/>
      <c r="LHA689" s="613"/>
      <c r="LHB689" s="613"/>
      <c r="LHC689" s="613"/>
      <c r="LHD689" s="613"/>
      <c r="LHE689" s="613"/>
      <c r="LHF689" s="613"/>
      <c r="LHG689" s="613"/>
      <c r="LHH689" s="613"/>
      <c r="LHI689" s="613"/>
      <c r="LHJ689" s="613"/>
      <c r="LHK689" s="613"/>
      <c r="LHL689" s="613"/>
      <c r="LHM689" s="613"/>
      <c r="LHN689" s="613"/>
      <c r="LHO689" s="613"/>
      <c r="LHP689" s="613"/>
      <c r="LHQ689" s="613"/>
      <c r="LHR689" s="613"/>
      <c r="LHS689" s="613"/>
      <c r="LHT689" s="613"/>
      <c r="LHU689" s="613"/>
      <c r="LHV689" s="613"/>
      <c r="LHW689" s="613"/>
      <c r="LHX689" s="613"/>
      <c r="LHY689" s="613"/>
      <c r="LHZ689" s="613"/>
      <c r="LIA689" s="613"/>
      <c r="LIB689" s="613"/>
      <c r="LIC689" s="613"/>
      <c r="LID689" s="613"/>
      <c r="LIE689" s="613"/>
      <c r="LIF689" s="613"/>
      <c r="LIG689" s="613"/>
      <c r="LIH689" s="613"/>
      <c r="LII689" s="613"/>
      <c r="LIJ689" s="613"/>
      <c r="LIK689" s="613"/>
      <c r="LIL689" s="613"/>
      <c r="LIM689" s="613"/>
      <c r="LIN689" s="613"/>
      <c r="LIO689" s="613"/>
      <c r="LIP689" s="613"/>
      <c r="LIQ689" s="613"/>
      <c r="LIR689" s="613"/>
      <c r="LIS689" s="613"/>
      <c r="LIT689" s="613"/>
      <c r="LIU689" s="613"/>
      <c r="LIV689" s="613"/>
      <c r="LIW689" s="613"/>
      <c r="LIX689" s="613"/>
      <c r="LIY689" s="613"/>
      <c r="LIZ689" s="613"/>
      <c r="LJA689" s="613"/>
      <c r="LJB689" s="613"/>
      <c r="LJC689" s="613"/>
      <c r="LJD689" s="613"/>
      <c r="LJE689" s="613"/>
      <c r="LJF689" s="613"/>
      <c r="LJG689" s="613"/>
      <c r="LJH689" s="613"/>
      <c r="LJI689" s="613"/>
      <c r="LJJ689" s="613"/>
      <c r="LJK689" s="613"/>
      <c r="LJL689" s="613"/>
      <c r="LJM689" s="613"/>
      <c r="LJN689" s="613"/>
      <c r="LJO689" s="613"/>
      <c r="LJP689" s="613"/>
      <c r="LJQ689" s="613"/>
      <c r="LJR689" s="613"/>
      <c r="LJS689" s="613"/>
      <c r="LJT689" s="613"/>
      <c r="LJU689" s="613"/>
      <c r="LJV689" s="613"/>
      <c r="LJW689" s="613"/>
      <c r="LJX689" s="613"/>
      <c r="LJY689" s="613"/>
      <c r="LJZ689" s="613"/>
      <c r="LKA689" s="613"/>
      <c r="LKB689" s="613"/>
      <c r="LKC689" s="613"/>
      <c r="LKD689" s="613"/>
      <c r="LKE689" s="613"/>
      <c r="LKF689" s="613"/>
      <c r="LKG689" s="613"/>
      <c r="LKH689" s="613"/>
      <c r="LKI689" s="613"/>
      <c r="LKJ689" s="613"/>
      <c r="LKK689" s="613"/>
      <c r="LKL689" s="613"/>
      <c r="LKM689" s="613"/>
      <c r="LKN689" s="613"/>
      <c r="LKO689" s="613"/>
      <c r="LKP689" s="613"/>
      <c r="LKQ689" s="613"/>
      <c r="LKR689" s="613"/>
      <c r="LKS689" s="613"/>
      <c r="LKT689" s="613"/>
      <c r="LKU689" s="613"/>
      <c r="LKV689" s="613"/>
      <c r="LKW689" s="613"/>
      <c r="LKX689" s="613"/>
      <c r="LKY689" s="613"/>
      <c r="LKZ689" s="613"/>
      <c r="LLA689" s="613"/>
      <c r="LLB689" s="613"/>
      <c r="LLC689" s="613"/>
      <c r="LLD689" s="613"/>
      <c r="LLE689" s="613"/>
      <c r="LLF689" s="613"/>
      <c r="LLG689" s="613"/>
      <c r="LLH689" s="613"/>
      <c r="LLI689" s="613"/>
      <c r="LLJ689" s="613"/>
      <c r="LLK689" s="613"/>
      <c r="LLL689" s="613"/>
      <c r="LLM689" s="613"/>
      <c r="LLN689" s="613"/>
      <c r="LLO689" s="613"/>
      <c r="LLP689" s="613"/>
      <c r="LLQ689" s="613"/>
      <c r="LLR689" s="613"/>
      <c r="LLS689" s="613"/>
      <c r="LLT689" s="613"/>
      <c r="LLU689" s="613"/>
      <c r="LLV689" s="613"/>
      <c r="LLW689" s="613"/>
      <c r="LLX689" s="613"/>
      <c r="LLY689" s="613"/>
      <c r="LLZ689" s="613"/>
      <c r="LMA689" s="613"/>
      <c r="LMB689" s="613"/>
      <c r="LMC689" s="613"/>
      <c r="LMD689" s="613"/>
      <c r="LME689" s="613"/>
      <c r="LMF689" s="613"/>
      <c r="LMG689" s="613"/>
      <c r="LMH689" s="613"/>
      <c r="LMI689" s="613"/>
      <c r="LMJ689" s="613"/>
      <c r="LMK689" s="613"/>
      <c r="LML689" s="613"/>
      <c r="LMM689" s="613"/>
      <c r="LMN689" s="613"/>
      <c r="LMO689" s="613"/>
      <c r="LMP689" s="613"/>
      <c r="LMQ689" s="613"/>
      <c r="LMR689" s="613"/>
      <c r="LMS689" s="613"/>
      <c r="LMT689" s="613"/>
      <c r="LMU689" s="613"/>
      <c r="LMV689" s="613"/>
      <c r="LMW689" s="613"/>
      <c r="LMX689" s="613"/>
      <c r="LMY689" s="613"/>
      <c r="LMZ689" s="613"/>
      <c r="LNA689" s="613"/>
      <c r="LNB689" s="613"/>
      <c r="LNC689" s="613"/>
      <c r="LND689" s="613"/>
      <c r="LNE689" s="613"/>
      <c r="LNF689" s="613"/>
      <c r="LNG689" s="613"/>
      <c r="LNH689" s="613"/>
      <c r="LNI689" s="613"/>
      <c r="LNJ689" s="613"/>
      <c r="LNK689" s="613"/>
      <c r="LNL689" s="613"/>
      <c r="LNM689" s="613"/>
      <c r="LNN689" s="613"/>
      <c r="LNO689" s="613"/>
      <c r="LNP689" s="613"/>
      <c r="LNQ689" s="613"/>
      <c r="LNR689" s="613"/>
      <c r="LNS689" s="613"/>
      <c r="LNT689" s="613"/>
      <c r="LNU689" s="613"/>
      <c r="LNV689" s="613"/>
      <c r="LNW689" s="613"/>
      <c r="LNX689" s="613"/>
      <c r="LNY689" s="613"/>
      <c r="LNZ689" s="613"/>
      <c r="LOA689" s="613"/>
      <c r="LOB689" s="613"/>
      <c r="LOC689" s="613"/>
      <c r="LOD689" s="613"/>
      <c r="LOE689" s="613"/>
      <c r="LOF689" s="613"/>
      <c r="LOG689" s="613"/>
      <c r="LOH689" s="613"/>
      <c r="LOI689" s="613"/>
      <c r="LOJ689" s="613"/>
      <c r="LOK689" s="613"/>
      <c r="LOL689" s="613"/>
      <c r="LOM689" s="613"/>
      <c r="LON689" s="613"/>
      <c r="LOO689" s="613"/>
      <c r="LOP689" s="613"/>
      <c r="LOQ689" s="613"/>
      <c r="LOR689" s="613"/>
      <c r="LOS689" s="613"/>
      <c r="LOT689" s="613"/>
      <c r="LOU689" s="613"/>
      <c r="LOV689" s="613"/>
      <c r="LOW689" s="613"/>
      <c r="LOX689" s="613"/>
      <c r="LOY689" s="613"/>
      <c r="LOZ689" s="613"/>
      <c r="LPA689" s="613"/>
      <c r="LPB689" s="613"/>
      <c r="LPC689" s="613"/>
      <c r="LPD689" s="613"/>
      <c r="LPE689" s="613"/>
      <c r="LPF689" s="613"/>
      <c r="LPG689" s="613"/>
      <c r="LPH689" s="613"/>
      <c r="LPI689" s="613"/>
      <c r="LPJ689" s="613"/>
      <c r="LPK689" s="613"/>
      <c r="LPL689" s="613"/>
      <c r="LPM689" s="613"/>
      <c r="LPN689" s="613"/>
      <c r="LPO689" s="613"/>
      <c r="LPP689" s="613"/>
      <c r="LPQ689" s="613"/>
      <c r="LPR689" s="613"/>
      <c r="LPS689" s="613"/>
      <c r="LPT689" s="613"/>
      <c r="LPU689" s="613"/>
      <c r="LPV689" s="613"/>
      <c r="LPW689" s="613"/>
      <c r="LPX689" s="613"/>
      <c r="LPY689" s="613"/>
      <c r="LPZ689" s="613"/>
      <c r="LQA689" s="613"/>
      <c r="LQB689" s="613"/>
      <c r="LQC689" s="613"/>
      <c r="LQD689" s="613"/>
      <c r="LQE689" s="613"/>
      <c r="LQF689" s="613"/>
      <c r="LQG689" s="613"/>
      <c r="LQH689" s="613"/>
      <c r="LQI689" s="613"/>
      <c r="LQJ689" s="613"/>
      <c r="LQK689" s="613"/>
      <c r="LQL689" s="613"/>
      <c r="LQM689" s="613"/>
      <c r="LQN689" s="613"/>
      <c r="LQO689" s="613"/>
      <c r="LQP689" s="613"/>
      <c r="LQQ689" s="613"/>
      <c r="LQR689" s="613"/>
      <c r="LQS689" s="613"/>
      <c r="LQT689" s="613"/>
      <c r="LQU689" s="613"/>
      <c r="LQV689" s="613"/>
      <c r="LQW689" s="613"/>
      <c r="LQX689" s="613"/>
      <c r="LQY689" s="613"/>
      <c r="LQZ689" s="613"/>
      <c r="LRA689" s="613"/>
      <c r="LRB689" s="613"/>
      <c r="LRC689" s="613"/>
      <c r="LRD689" s="613"/>
      <c r="LRE689" s="613"/>
      <c r="LRF689" s="613"/>
      <c r="LRG689" s="613"/>
      <c r="LRH689" s="613"/>
      <c r="LRI689" s="613"/>
      <c r="LRJ689" s="613"/>
      <c r="LRK689" s="613"/>
      <c r="LRL689" s="613"/>
      <c r="LRM689" s="613"/>
      <c r="LRN689" s="613"/>
      <c r="LRO689" s="613"/>
      <c r="LRP689" s="613"/>
      <c r="LRQ689" s="613"/>
      <c r="LRR689" s="613"/>
      <c r="LRS689" s="613"/>
      <c r="LRT689" s="613"/>
      <c r="LRU689" s="613"/>
      <c r="LRV689" s="613"/>
      <c r="LRW689" s="613"/>
      <c r="LRX689" s="613"/>
      <c r="LRY689" s="613"/>
      <c r="LRZ689" s="613"/>
      <c r="LSA689" s="613"/>
      <c r="LSB689" s="613"/>
      <c r="LSC689" s="613"/>
      <c r="LSD689" s="613"/>
      <c r="LSE689" s="613"/>
      <c r="LSF689" s="613"/>
      <c r="LSG689" s="613"/>
      <c r="LSH689" s="613"/>
      <c r="LSI689" s="613"/>
      <c r="LSJ689" s="613"/>
      <c r="LSK689" s="613"/>
      <c r="LSL689" s="613"/>
      <c r="LSM689" s="613"/>
      <c r="LSN689" s="613"/>
      <c r="LSO689" s="613"/>
      <c r="LSP689" s="613"/>
      <c r="LSQ689" s="613"/>
      <c r="LSR689" s="613"/>
      <c r="LSS689" s="613"/>
      <c r="LST689" s="613"/>
      <c r="LSU689" s="613"/>
      <c r="LSV689" s="613"/>
      <c r="LSW689" s="613"/>
      <c r="LSX689" s="613"/>
      <c r="LSY689" s="613"/>
      <c r="LSZ689" s="613"/>
      <c r="LTA689" s="613"/>
      <c r="LTB689" s="613"/>
      <c r="LTC689" s="613"/>
      <c r="LTD689" s="613"/>
      <c r="LTE689" s="613"/>
      <c r="LTF689" s="613"/>
      <c r="LTG689" s="613"/>
      <c r="LTH689" s="613"/>
      <c r="LTI689" s="613"/>
      <c r="LTJ689" s="613"/>
      <c r="LTK689" s="613"/>
      <c r="LTL689" s="613"/>
      <c r="LTM689" s="613"/>
      <c r="LTN689" s="613"/>
      <c r="LTO689" s="613"/>
      <c r="LTP689" s="613"/>
      <c r="LTQ689" s="613"/>
      <c r="LTR689" s="613"/>
      <c r="LTS689" s="613"/>
      <c r="LTT689" s="613"/>
      <c r="LTU689" s="613"/>
      <c r="LTV689" s="613"/>
      <c r="LTW689" s="613"/>
      <c r="LTX689" s="613"/>
      <c r="LTY689" s="613"/>
      <c r="LTZ689" s="613"/>
      <c r="LUA689" s="613"/>
      <c r="LUB689" s="613"/>
      <c r="LUC689" s="613"/>
      <c r="LUD689" s="613"/>
      <c r="LUE689" s="613"/>
      <c r="LUF689" s="613"/>
      <c r="LUG689" s="613"/>
      <c r="LUH689" s="613"/>
      <c r="LUI689" s="613"/>
      <c r="LUJ689" s="613"/>
      <c r="LUK689" s="613"/>
      <c r="LUL689" s="613"/>
      <c r="LUM689" s="613"/>
      <c r="LUN689" s="613"/>
      <c r="LUO689" s="613"/>
      <c r="LUP689" s="613"/>
      <c r="LUQ689" s="613"/>
      <c r="LUR689" s="613"/>
      <c r="LUS689" s="613"/>
      <c r="LUT689" s="613"/>
      <c r="LUU689" s="613"/>
      <c r="LUV689" s="613"/>
      <c r="LUW689" s="613"/>
      <c r="LUX689" s="613"/>
      <c r="LUY689" s="613"/>
      <c r="LUZ689" s="613"/>
      <c r="LVA689" s="613"/>
      <c r="LVB689" s="613"/>
      <c r="LVC689" s="613"/>
      <c r="LVD689" s="613"/>
      <c r="LVE689" s="613"/>
      <c r="LVF689" s="613"/>
      <c r="LVG689" s="613"/>
      <c r="LVH689" s="613"/>
      <c r="LVI689" s="613"/>
      <c r="LVJ689" s="613"/>
      <c r="LVK689" s="613"/>
      <c r="LVL689" s="613"/>
      <c r="LVM689" s="613"/>
      <c r="LVN689" s="613"/>
      <c r="LVO689" s="613"/>
      <c r="LVP689" s="613"/>
      <c r="LVQ689" s="613"/>
      <c r="LVR689" s="613"/>
      <c r="LVS689" s="613"/>
      <c r="LVT689" s="613"/>
      <c r="LVU689" s="613"/>
      <c r="LVV689" s="613"/>
      <c r="LVW689" s="613"/>
      <c r="LVX689" s="613"/>
      <c r="LVY689" s="613"/>
      <c r="LVZ689" s="613"/>
      <c r="LWA689" s="613"/>
      <c r="LWB689" s="613"/>
      <c r="LWC689" s="613"/>
      <c r="LWD689" s="613"/>
      <c r="LWE689" s="613"/>
      <c r="LWF689" s="613"/>
      <c r="LWG689" s="613"/>
      <c r="LWH689" s="613"/>
      <c r="LWI689" s="613"/>
      <c r="LWJ689" s="613"/>
      <c r="LWK689" s="613"/>
      <c r="LWL689" s="613"/>
      <c r="LWM689" s="613"/>
      <c r="LWN689" s="613"/>
      <c r="LWO689" s="613"/>
      <c r="LWP689" s="613"/>
      <c r="LWQ689" s="613"/>
      <c r="LWR689" s="613"/>
      <c r="LWS689" s="613"/>
      <c r="LWT689" s="613"/>
      <c r="LWU689" s="613"/>
      <c r="LWV689" s="613"/>
      <c r="LWW689" s="613"/>
      <c r="LWX689" s="613"/>
      <c r="LWY689" s="613"/>
      <c r="LWZ689" s="613"/>
      <c r="LXA689" s="613"/>
      <c r="LXB689" s="613"/>
      <c r="LXC689" s="613"/>
      <c r="LXD689" s="613"/>
      <c r="LXE689" s="613"/>
      <c r="LXF689" s="613"/>
      <c r="LXG689" s="613"/>
      <c r="LXH689" s="613"/>
      <c r="LXI689" s="613"/>
      <c r="LXJ689" s="613"/>
      <c r="LXK689" s="613"/>
      <c r="LXL689" s="613"/>
      <c r="LXM689" s="613"/>
      <c r="LXN689" s="613"/>
      <c r="LXO689" s="613"/>
      <c r="LXP689" s="613"/>
      <c r="LXQ689" s="613"/>
      <c r="LXR689" s="613"/>
      <c r="LXS689" s="613"/>
      <c r="LXT689" s="613"/>
      <c r="LXU689" s="613"/>
      <c r="LXV689" s="613"/>
      <c r="LXW689" s="613"/>
      <c r="LXX689" s="613"/>
      <c r="LXY689" s="613"/>
      <c r="LXZ689" s="613"/>
      <c r="LYA689" s="613"/>
      <c r="LYB689" s="613"/>
      <c r="LYC689" s="613"/>
      <c r="LYD689" s="613"/>
      <c r="LYE689" s="613"/>
      <c r="LYF689" s="613"/>
      <c r="LYG689" s="613"/>
      <c r="LYH689" s="613"/>
      <c r="LYI689" s="613"/>
      <c r="LYJ689" s="613"/>
      <c r="LYK689" s="613"/>
      <c r="LYL689" s="613"/>
      <c r="LYM689" s="613"/>
      <c r="LYN689" s="613"/>
      <c r="LYO689" s="613"/>
      <c r="LYP689" s="613"/>
      <c r="LYQ689" s="613"/>
      <c r="LYR689" s="613"/>
      <c r="LYS689" s="613"/>
      <c r="LYT689" s="613"/>
      <c r="LYU689" s="613"/>
      <c r="LYV689" s="613"/>
      <c r="LYW689" s="613"/>
      <c r="LYX689" s="613"/>
      <c r="LYY689" s="613"/>
      <c r="LYZ689" s="613"/>
      <c r="LZA689" s="613"/>
      <c r="LZB689" s="613"/>
      <c r="LZC689" s="613"/>
      <c r="LZD689" s="613"/>
      <c r="LZE689" s="613"/>
      <c r="LZF689" s="613"/>
      <c r="LZG689" s="613"/>
      <c r="LZH689" s="613"/>
      <c r="LZI689" s="613"/>
      <c r="LZJ689" s="613"/>
      <c r="LZK689" s="613"/>
      <c r="LZL689" s="613"/>
      <c r="LZM689" s="613"/>
      <c r="LZN689" s="613"/>
      <c r="LZO689" s="613"/>
      <c r="LZP689" s="613"/>
      <c r="LZQ689" s="613"/>
      <c r="LZR689" s="613"/>
      <c r="LZS689" s="613"/>
      <c r="LZT689" s="613"/>
      <c r="LZU689" s="613"/>
      <c r="LZV689" s="613"/>
      <c r="LZW689" s="613"/>
      <c r="LZX689" s="613"/>
      <c r="LZY689" s="613"/>
      <c r="LZZ689" s="613"/>
      <c r="MAA689" s="613"/>
      <c r="MAB689" s="613"/>
      <c r="MAC689" s="613"/>
      <c r="MAD689" s="613"/>
      <c r="MAE689" s="613"/>
      <c r="MAF689" s="613"/>
      <c r="MAG689" s="613"/>
      <c r="MAH689" s="613"/>
      <c r="MAI689" s="613"/>
      <c r="MAJ689" s="613"/>
      <c r="MAK689" s="613"/>
      <c r="MAL689" s="613"/>
      <c r="MAM689" s="613"/>
      <c r="MAN689" s="613"/>
      <c r="MAO689" s="613"/>
      <c r="MAP689" s="613"/>
      <c r="MAQ689" s="613"/>
      <c r="MAR689" s="613"/>
      <c r="MAS689" s="613"/>
      <c r="MAT689" s="613"/>
      <c r="MAU689" s="613"/>
      <c r="MAV689" s="613"/>
      <c r="MAW689" s="613"/>
      <c r="MAX689" s="613"/>
      <c r="MAY689" s="613"/>
      <c r="MAZ689" s="613"/>
      <c r="MBA689" s="613"/>
      <c r="MBB689" s="613"/>
      <c r="MBC689" s="613"/>
      <c r="MBD689" s="613"/>
      <c r="MBE689" s="613"/>
      <c r="MBF689" s="613"/>
      <c r="MBG689" s="613"/>
      <c r="MBH689" s="613"/>
      <c r="MBI689" s="613"/>
      <c r="MBJ689" s="613"/>
      <c r="MBK689" s="613"/>
      <c r="MBL689" s="613"/>
      <c r="MBM689" s="613"/>
      <c r="MBN689" s="613"/>
      <c r="MBO689" s="613"/>
      <c r="MBP689" s="613"/>
      <c r="MBQ689" s="613"/>
      <c r="MBR689" s="613"/>
      <c r="MBS689" s="613"/>
      <c r="MBT689" s="613"/>
      <c r="MBU689" s="613"/>
      <c r="MBV689" s="613"/>
      <c r="MBW689" s="613"/>
      <c r="MBX689" s="613"/>
      <c r="MBY689" s="613"/>
      <c r="MBZ689" s="613"/>
      <c r="MCA689" s="613"/>
      <c r="MCB689" s="613"/>
      <c r="MCC689" s="613"/>
      <c r="MCD689" s="613"/>
      <c r="MCE689" s="613"/>
      <c r="MCF689" s="613"/>
      <c r="MCG689" s="613"/>
      <c r="MCH689" s="613"/>
      <c r="MCI689" s="613"/>
      <c r="MCJ689" s="613"/>
      <c r="MCK689" s="613"/>
      <c r="MCL689" s="613"/>
      <c r="MCM689" s="613"/>
      <c r="MCN689" s="613"/>
      <c r="MCO689" s="613"/>
      <c r="MCP689" s="613"/>
      <c r="MCQ689" s="613"/>
      <c r="MCR689" s="613"/>
      <c r="MCS689" s="613"/>
      <c r="MCT689" s="613"/>
      <c r="MCU689" s="613"/>
      <c r="MCV689" s="613"/>
      <c r="MCW689" s="613"/>
      <c r="MCX689" s="613"/>
      <c r="MCY689" s="613"/>
      <c r="MCZ689" s="613"/>
      <c r="MDA689" s="613"/>
      <c r="MDB689" s="613"/>
      <c r="MDC689" s="613"/>
      <c r="MDD689" s="613"/>
      <c r="MDE689" s="613"/>
      <c r="MDF689" s="613"/>
      <c r="MDG689" s="613"/>
      <c r="MDH689" s="613"/>
      <c r="MDI689" s="613"/>
      <c r="MDJ689" s="613"/>
      <c r="MDK689" s="613"/>
      <c r="MDL689" s="613"/>
      <c r="MDM689" s="613"/>
      <c r="MDN689" s="613"/>
      <c r="MDO689" s="613"/>
      <c r="MDP689" s="613"/>
      <c r="MDQ689" s="613"/>
      <c r="MDR689" s="613"/>
      <c r="MDS689" s="613"/>
      <c r="MDT689" s="613"/>
      <c r="MDU689" s="613"/>
      <c r="MDV689" s="613"/>
      <c r="MDW689" s="613"/>
      <c r="MDX689" s="613"/>
      <c r="MDY689" s="613"/>
      <c r="MDZ689" s="613"/>
      <c r="MEA689" s="613"/>
      <c r="MEB689" s="613"/>
      <c r="MEC689" s="613"/>
      <c r="MED689" s="613"/>
      <c r="MEE689" s="613"/>
      <c r="MEF689" s="613"/>
      <c r="MEG689" s="613"/>
      <c r="MEH689" s="613"/>
      <c r="MEI689" s="613"/>
      <c r="MEJ689" s="613"/>
      <c r="MEK689" s="613"/>
      <c r="MEL689" s="613"/>
      <c r="MEM689" s="613"/>
      <c r="MEN689" s="613"/>
      <c r="MEO689" s="613"/>
      <c r="MEP689" s="613"/>
      <c r="MEQ689" s="613"/>
      <c r="MER689" s="613"/>
      <c r="MES689" s="613"/>
      <c r="MET689" s="613"/>
      <c r="MEU689" s="613"/>
      <c r="MEV689" s="613"/>
      <c r="MEW689" s="613"/>
      <c r="MEX689" s="613"/>
      <c r="MEY689" s="613"/>
      <c r="MEZ689" s="613"/>
      <c r="MFA689" s="613"/>
      <c r="MFB689" s="613"/>
      <c r="MFC689" s="613"/>
      <c r="MFD689" s="613"/>
      <c r="MFE689" s="613"/>
      <c r="MFF689" s="613"/>
      <c r="MFG689" s="613"/>
      <c r="MFH689" s="613"/>
      <c r="MFI689" s="613"/>
      <c r="MFJ689" s="613"/>
      <c r="MFK689" s="613"/>
      <c r="MFL689" s="613"/>
      <c r="MFM689" s="613"/>
      <c r="MFN689" s="613"/>
      <c r="MFO689" s="613"/>
      <c r="MFP689" s="613"/>
      <c r="MFQ689" s="613"/>
      <c r="MFR689" s="613"/>
      <c r="MFS689" s="613"/>
      <c r="MFT689" s="613"/>
      <c r="MFU689" s="613"/>
      <c r="MFV689" s="613"/>
      <c r="MFW689" s="613"/>
      <c r="MFX689" s="613"/>
      <c r="MFY689" s="613"/>
      <c r="MFZ689" s="613"/>
      <c r="MGA689" s="613"/>
      <c r="MGB689" s="613"/>
      <c r="MGC689" s="613"/>
      <c r="MGD689" s="613"/>
      <c r="MGE689" s="613"/>
      <c r="MGF689" s="613"/>
      <c r="MGG689" s="613"/>
      <c r="MGH689" s="613"/>
      <c r="MGI689" s="613"/>
      <c r="MGJ689" s="613"/>
      <c r="MGK689" s="613"/>
      <c r="MGL689" s="613"/>
      <c r="MGM689" s="613"/>
      <c r="MGN689" s="613"/>
      <c r="MGO689" s="613"/>
      <c r="MGP689" s="613"/>
      <c r="MGQ689" s="613"/>
      <c r="MGR689" s="613"/>
      <c r="MGS689" s="613"/>
      <c r="MGT689" s="613"/>
      <c r="MGU689" s="613"/>
      <c r="MGV689" s="613"/>
      <c r="MGW689" s="613"/>
      <c r="MGX689" s="613"/>
      <c r="MGY689" s="613"/>
      <c r="MGZ689" s="613"/>
      <c r="MHA689" s="613"/>
      <c r="MHB689" s="613"/>
      <c r="MHC689" s="613"/>
      <c r="MHD689" s="613"/>
      <c r="MHE689" s="613"/>
      <c r="MHF689" s="613"/>
      <c r="MHG689" s="613"/>
      <c r="MHH689" s="613"/>
      <c r="MHI689" s="613"/>
      <c r="MHJ689" s="613"/>
      <c r="MHK689" s="613"/>
      <c r="MHL689" s="613"/>
      <c r="MHM689" s="613"/>
      <c r="MHN689" s="613"/>
      <c r="MHO689" s="613"/>
      <c r="MHP689" s="613"/>
      <c r="MHQ689" s="613"/>
      <c r="MHR689" s="613"/>
      <c r="MHS689" s="613"/>
      <c r="MHT689" s="613"/>
      <c r="MHU689" s="613"/>
      <c r="MHV689" s="613"/>
      <c r="MHW689" s="613"/>
      <c r="MHX689" s="613"/>
      <c r="MHY689" s="613"/>
      <c r="MHZ689" s="613"/>
      <c r="MIA689" s="613"/>
      <c r="MIB689" s="613"/>
      <c r="MIC689" s="613"/>
      <c r="MID689" s="613"/>
      <c r="MIE689" s="613"/>
      <c r="MIF689" s="613"/>
      <c r="MIG689" s="613"/>
      <c r="MIH689" s="613"/>
      <c r="MII689" s="613"/>
      <c r="MIJ689" s="613"/>
      <c r="MIK689" s="613"/>
      <c r="MIL689" s="613"/>
      <c r="MIM689" s="613"/>
      <c r="MIN689" s="613"/>
      <c r="MIO689" s="613"/>
      <c r="MIP689" s="613"/>
      <c r="MIQ689" s="613"/>
      <c r="MIR689" s="613"/>
      <c r="MIS689" s="613"/>
      <c r="MIT689" s="613"/>
      <c r="MIU689" s="613"/>
      <c r="MIV689" s="613"/>
      <c r="MIW689" s="613"/>
      <c r="MIX689" s="613"/>
      <c r="MIY689" s="613"/>
      <c r="MIZ689" s="613"/>
      <c r="MJA689" s="613"/>
      <c r="MJB689" s="613"/>
      <c r="MJC689" s="613"/>
      <c r="MJD689" s="613"/>
      <c r="MJE689" s="613"/>
      <c r="MJF689" s="613"/>
      <c r="MJG689" s="613"/>
      <c r="MJH689" s="613"/>
      <c r="MJI689" s="613"/>
      <c r="MJJ689" s="613"/>
      <c r="MJK689" s="613"/>
      <c r="MJL689" s="613"/>
      <c r="MJM689" s="613"/>
      <c r="MJN689" s="613"/>
      <c r="MJO689" s="613"/>
      <c r="MJP689" s="613"/>
      <c r="MJQ689" s="613"/>
      <c r="MJR689" s="613"/>
      <c r="MJS689" s="613"/>
      <c r="MJT689" s="613"/>
      <c r="MJU689" s="613"/>
      <c r="MJV689" s="613"/>
      <c r="MJW689" s="613"/>
      <c r="MJX689" s="613"/>
      <c r="MJY689" s="613"/>
      <c r="MJZ689" s="613"/>
      <c r="MKA689" s="613"/>
      <c r="MKB689" s="613"/>
      <c r="MKC689" s="613"/>
      <c r="MKD689" s="613"/>
      <c r="MKE689" s="613"/>
      <c r="MKF689" s="613"/>
      <c r="MKG689" s="613"/>
      <c r="MKH689" s="613"/>
      <c r="MKI689" s="613"/>
      <c r="MKJ689" s="613"/>
      <c r="MKK689" s="613"/>
      <c r="MKL689" s="613"/>
      <c r="MKM689" s="613"/>
      <c r="MKN689" s="613"/>
      <c r="MKO689" s="613"/>
      <c r="MKP689" s="613"/>
      <c r="MKQ689" s="613"/>
      <c r="MKR689" s="613"/>
      <c r="MKS689" s="613"/>
      <c r="MKT689" s="613"/>
      <c r="MKU689" s="613"/>
      <c r="MKV689" s="613"/>
      <c r="MKW689" s="613"/>
      <c r="MKX689" s="613"/>
      <c r="MKY689" s="613"/>
      <c r="MKZ689" s="613"/>
      <c r="MLA689" s="613"/>
      <c r="MLB689" s="613"/>
      <c r="MLC689" s="613"/>
      <c r="MLD689" s="613"/>
      <c r="MLE689" s="613"/>
      <c r="MLF689" s="613"/>
      <c r="MLG689" s="613"/>
      <c r="MLH689" s="613"/>
      <c r="MLI689" s="613"/>
      <c r="MLJ689" s="613"/>
      <c r="MLK689" s="613"/>
      <c r="MLL689" s="613"/>
      <c r="MLM689" s="613"/>
      <c r="MLN689" s="613"/>
      <c r="MLO689" s="613"/>
      <c r="MLP689" s="613"/>
      <c r="MLQ689" s="613"/>
      <c r="MLR689" s="613"/>
      <c r="MLS689" s="613"/>
      <c r="MLT689" s="613"/>
      <c r="MLU689" s="613"/>
      <c r="MLV689" s="613"/>
      <c r="MLW689" s="613"/>
      <c r="MLX689" s="613"/>
      <c r="MLY689" s="613"/>
      <c r="MLZ689" s="613"/>
      <c r="MMA689" s="613"/>
      <c r="MMB689" s="613"/>
      <c r="MMC689" s="613"/>
      <c r="MMD689" s="613"/>
      <c r="MME689" s="613"/>
      <c r="MMF689" s="613"/>
      <c r="MMG689" s="613"/>
      <c r="MMH689" s="613"/>
      <c r="MMI689" s="613"/>
      <c r="MMJ689" s="613"/>
      <c r="MMK689" s="613"/>
      <c r="MML689" s="613"/>
      <c r="MMM689" s="613"/>
      <c r="MMN689" s="613"/>
      <c r="MMO689" s="613"/>
      <c r="MMP689" s="613"/>
      <c r="MMQ689" s="613"/>
      <c r="MMR689" s="613"/>
      <c r="MMS689" s="613"/>
      <c r="MMT689" s="613"/>
      <c r="MMU689" s="613"/>
      <c r="MMV689" s="613"/>
      <c r="MMW689" s="613"/>
      <c r="MMX689" s="613"/>
      <c r="MMY689" s="613"/>
      <c r="MMZ689" s="613"/>
      <c r="MNA689" s="613"/>
      <c r="MNB689" s="613"/>
      <c r="MNC689" s="613"/>
      <c r="MND689" s="613"/>
      <c r="MNE689" s="613"/>
      <c r="MNF689" s="613"/>
      <c r="MNG689" s="613"/>
      <c r="MNH689" s="613"/>
      <c r="MNI689" s="613"/>
      <c r="MNJ689" s="613"/>
      <c r="MNK689" s="613"/>
      <c r="MNL689" s="613"/>
      <c r="MNM689" s="613"/>
      <c r="MNN689" s="613"/>
      <c r="MNO689" s="613"/>
      <c r="MNP689" s="613"/>
      <c r="MNQ689" s="613"/>
      <c r="MNR689" s="613"/>
      <c r="MNS689" s="613"/>
      <c r="MNT689" s="613"/>
      <c r="MNU689" s="613"/>
      <c r="MNV689" s="613"/>
      <c r="MNW689" s="613"/>
      <c r="MNX689" s="613"/>
      <c r="MNY689" s="613"/>
      <c r="MNZ689" s="613"/>
      <c r="MOA689" s="613"/>
      <c r="MOB689" s="613"/>
      <c r="MOC689" s="613"/>
      <c r="MOD689" s="613"/>
      <c r="MOE689" s="613"/>
      <c r="MOF689" s="613"/>
      <c r="MOG689" s="613"/>
      <c r="MOH689" s="613"/>
      <c r="MOI689" s="613"/>
      <c r="MOJ689" s="613"/>
      <c r="MOK689" s="613"/>
      <c r="MOL689" s="613"/>
      <c r="MOM689" s="613"/>
      <c r="MON689" s="613"/>
      <c r="MOO689" s="613"/>
      <c r="MOP689" s="613"/>
      <c r="MOQ689" s="613"/>
      <c r="MOR689" s="613"/>
      <c r="MOS689" s="613"/>
      <c r="MOT689" s="613"/>
      <c r="MOU689" s="613"/>
      <c r="MOV689" s="613"/>
      <c r="MOW689" s="613"/>
      <c r="MOX689" s="613"/>
      <c r="MOY689" s="613"/>
      <c r="MOZ689" s="613"/>
      <c r="MPA689" s="613"/>
      <c r="MPB689" s="613"/>
      <c r="MPC689" s="613"/>
      <c r="MPD689" s="613"/>
      <c r="MPE689" s="613"/>
      <c r="MPF689" s="613"/>
      <c r="MPG689" s="613"/>
      <c r="MPH689" s="613"/>
      <c r="MPI689" s="613"/>
      <c r="MPJ689" s="613"/>
      <c r="MPK689" s="613"/>
      <c r="MPL689" s="613"/>
      <c r="MPM689" s="613"/>
      <c r="MPN689" s="613"/>
      <c r="MPO689" s="613"/>
      <c r="MPP689" s="613"/>
      <c r="MPQ689" s="613"/>
      <c r="MPR689" s="613"/>
      <c r="MPS689" s="613"/>
      <c r="MPT689" s="613"/>
      <c r="MPU689" s="613"/>
      <c r="MPV689" s="613"/>
      <c r="MPW689" s="613"/>
      <c r="MPX689" s="613"/>
      <c r="MPY689" s="613"/>
      <c r="MPZ689" s="613"/>
      <c r="MQA689" s="613"/>
      <c r="MQB689" s="613"/>
      <c r="MQC689" s="613"/>
      <c r="MQD689" s="613"/>
      <c r="MQE689" s="613"/>
      <c r="MQF689" s="613"/>
      <c r="MQG689" s="613"/>
      <c r="MQH689" s="613"/>
      <c r="MQI689" s="613"/>
      <c r="MQJ689" s="613"/>
      <c r="MQK689" s="613"/>
      <c r="MQL689" s="613"/>
      <c r="MQM689" s="613"/>
      <c r="MQN689" s="613"/>
      <c r="MQO689" s="613"/>
      <c r="MQP689" s="613"/>
      <c r="MQQ689" s="613"/>
      <c r="MQR689" s="613"/>
      <c r="MQS689" s="613"/>
      <c r="MQT689" s="613"/>
      <c r="MQU689" s="613"/>
      <c r="MQV689" s="613"/>
      <c r="MQW689" s="613"/>
      <c r="MQX689" s="613"/>
      <c r="MQY689" s="613"/>
      <c r="MQZ689" s="613"/>
      <c r="MRA689" s="613"/>
      <c r="MRB689" s="613"/>
      <c r="MRC689" s="613"/>
      <c r="MRD689" s="613"/>
      <c r="MRE689" s="613"/>
      <c r="MRF689" s="613"/>
      <c r="MRG689" s="613"/>
      <c r="MRH689" s="613"/>
      <c r="MRI689" s="613"/>
      <c r="MRJ689" s="613"/>
      <c r="MRK689" s="613"/>
      <c r="MRL689" s="613"/>
      <c r="MRM689" s="613"/>
      <c r="MRN689" s="613"/>
      <c r="MRO689" s="613"/>
      <c r="MRP689" s="613"/>
      <c r="MRQ689" s="613"/>
      <c r="MRR689" s="613"/>
      <c r="MRS689" s="613"/>
      <c r="MRT689" s="613"/>
      <c r="MRU689" s="613"/>
      <c r="MRV689" s="613"/>
      <c r="MRW689" s="613"/>
      <c r="MRX689" s="613"/>
      <c r="MRY689" s="613"/>
      <c r="MRZ689" s="613"/>
      <c r="MSA689" s="613"/>
      <c r="MSB689" s="613"/>
      <c r="MSC689" s="613"/>
      <c r="MSD689" s="613"/>
      <c r="MSE689" s="613"/>
      <c r="MSF689" s="613"/>
      <c r="MSG689" s="613"/>
      <c r="MSH689" s="613"/>
      <c r="MSI689" s="613"/>
      <c r="MSJ689" s="613"/>
      <c r="MSK689" s="613"/>
      <c r="MSL689" s="613"/>
      <c r="MSM689" s="613"/>
      <c r="MSN689" s="613"/>
      <c r="MSO689" s="613"/>
      <c r="MSP689" s="613"/>
      <c r="MSQ689" s="613"/>
      <c r="MSR689" s="613"/>
      <c r="MSS689" s="613"/>
      <c r="MST689" s="613"/>
      <c r="MSU689" s="613"/>
      <c r="MSV689" s="613"/>
      <c r="MSW689" s="613"/>
      <c r="MSX689" s="613"/>
      <c r="MSY689" s="613"/>
      <c r="MSZ689" s="613"/>
      <c r="MTA689" s="613"/>
      <c r="MTB689" s="613"/>
      <c r="MTC689" s="613"/>
      <c r="MTD689" s="613"/>
      <c r="MTE689" s="613"/>
      <c r="MTF689" s="613"/>
      <c r="MTG689" s="613"/>
      <c r="MTH689" s="613"/>
      <c r="MTI689" s="613"/>
      <c r="MTJ689" s="613"/>
      <c r="MTK689" s="613"/>
      <c r="MTL689" s="613"/>
      <c r="MTM689" s="613"/>
      <c r="MTN689" s="613"/>
      <c r="MTO689" s="613"/>
      <c r="MTP689" s="613"/>
      <c r="MTQ689" s="613"/>
      <c r="MTR689" s="613"/>
      <c r="MTS689" s="613"/>
      <c r="MTT689" s="613"/>
      <c r="MTU689" s="613"/>
      <c r="MTV689" s="613"/>
      <c r="MTW689" s="613"/>
      <c r="MTX689" s="613"/>
      <c r="MTY689" s="613"/>
      <c r="MTZ689" s="613"/>
      <c r="MUA689" s="613"/>
      <c r="MUB689" s="613"/>
      <c r="MUC689" s="613"/>
      <c r="MUD689" s="613"/>
      <c r="MUE689" s="613"/>
      <c r="MUF689" s="613"/>
      <c r="MUG689" s="613"/>
      <c r="MUH689" s="613"/>
      <c r="MUI689" s="613"/>
      <c r="MUJ689" s="613"/>
      <c r="MUK689" s="613"/>
      <c r="MUL689" s="613"/>
      <c r="MUM689" s="613"/>
      <c r="MUN689" s="613"/>
      <c r="MUO689" s="613"/>
      <c r="MUP689" s="613"/>
      <c r="MUQ689" s="613"/>
      <c r="MUR689" s="613"/>
      <c r="MUS689" s="613"/>
      <c r="MUT689" s="613"/>
      <c r="MUU689" s="613"/>
      <c r="MUV689" s="613"/>
      <c r="MUW689" s="613"/>
      <c r="MUX689" s="613"/>
      <c r="MUY689" s="613"/>
      <c r="MUZ689" s="613"/>
      <c r="MVA689" s="613"/>
      <c r="MVB689" s="613"/>
      <c r="MVC689" s="613"/>
      <c r="MVD689" s="613"/>
      <c r="MVE689" s="613"/>
      <c r="MVF689" s="613"/>
      <c r="MVG689" s="613"/>
      <c r="MVH689" s="613"/>
      <c r="MVI689" s="613"/>
      <c r="MVJ689" s="613"/>
      <c r="MVK689" s="613"/>
      <c r="MVL689" s="613"/>
      <c r="MVM689" s="613"/>
      <c r="MVN689" s="613"/>
      <c r="MVO689" s="613"/>
      <c r="MVP689" s="613"/>
      <c r="MVQ689" s="613"/>
      <c r="MVR689" s="613"/>
      <c r="MVS689" s="613"/>
      <c r="MVT689" s="613"/>
      <c r="MVU689" s="613"/>
      <c r="MVV689" s="613"/>
      <c r="MVW689" s="613"/>
      <c r="MVX689" s="613"/>
      <c r="MVY689" s="613"/>
      <c r="MVZ689" s="613"/>
      <c r="MWA689" s="613"/>
      <c r="MWB689" s="613"/>
      <c r="MWC689" s="613"/>
      <c r="MWD689" s="613"/>
      <c r="MWE689" s="613"/>
      <c r="MWF689" s="613"/>
      <c r="MWG689" s="613"/>
      <c r="MWH689" s="613"/>
      <c r="MWI689" s="613"/>
      <c r="MWJ689" s="613"/>
      <c r="MWK689" s="613"/>
      <c r="MWL689" s="613"/>
      <c r="MWM689" s="613"/>
      <c r="MWN689" s="613"/>
      <c r="MWO689" s="613"/>
      <c r="MWP689" s="613"/>
      <c r="MWQ689" s="613"/>
      <c r="MWR689" s="613"/>
      <c r="MWS689" s="613"/>
      <c r="MWT689" s="613"/>
      <c r="MWU689" s="613"/>
      <c r="MWV689" s="613"/>
      <c r="MWW689" s="613"/>
      <c r="MWX689" s="613"/>
      <c r="MWY689" s="613"/>
      <c r="MWZ689" s="613"/>
      <c r="MXA689" s="613"/>
      <c r="MXB689" s="613"/>
      <c r="MXC689" s="613"/>
      <c r="MXD689" s="613"/>
      <c r="MXE689" s="613"/>
      <c r="MXF689" s="613"/>
      <c r="MXG689" s="613"/>
      <c r="MXH689" s="613"/>
      <c r="MXI689" s="613"/>
      <c r="MXJ689" s="613"/>
      <c r="MXK689" s="613"/>
      <c r="MXL689" s="613"/>
      <c r="MXM689" s="613"/>
      <c r="MXN689" s="613"/>
      <c r="MXO689" s="613"/>
      <c r="MXP689" s="613"/>
      <c r="MXQ689" s="613"/>
      <c r="MXR689" s="613"/>
      <c r="MXS689" s="613"/>
      <c r="MXT689" s="613"/>
      <c r="MXU689" s="613"/>
      <c r="MXV689" s="613"/>
      <c r="MXW689" s="613"/>
      <c r="MXX689" s="613"/>
      <c r="MXY689" s="613"/>
      <c r="MXZ689" s="613"/>
      <c r="MYA689" s="613"/>
      <c r="MYB689" s="613"/>
      <c r="MYC689" s="613"/>
      <c r="MYD689" s="613"/>
      <c r="MYE689" s="613"/>
      <c r="MYF689" s="613"/>
      <c r="MYG689" s="613"/>
      <c r="MYH689" s="613"/>
      <c r="MYI689" s="613"/>
      <c r="MYJ689" s="613"/>
      <c r="MYK689" s="613"/>
      <c r="MYL689" s="613"/>
      <c r="MYM689" s="613"/>
      <c r="MYN689" s="613"/>
      <c r="MYO689" s="613"/>
      <c r="MYP689" s="613"/>
      <c r="MYQ689" s="613"/>
      <c r="MYR689" s="613"/>
      <c r="MYS689" s="613"/>
      <c r="MYT689" s="613"/>
      <c r="MYU689" s="613"/>
      <c r="MYV689" s="613"/>
      <c r="MYW689" s="613"/>
      <c r="MYX689" s="613"/>
      <c r="MYY689" s="613"/>
      <c r="MYZ689" s="613"/>
      <c r="MZA689" s="613"/>
      <c r="MZB689" s="613"/>
      <c r="MZC689" s="613"/>
      <c r="MZD689" s="613"/>
      <c r="MZE689" s="613"/>
      <c r="MZF689" s="613"/>
      <c r="MZG689" s="613"/>
      <c r="MZH689" s="613"/>
      <c r="MZI689" s="613"/>
      <c r="MZJ689" s="613"/>
      <c r="MZK689" s="613"/>
      <c r="MZL689" s="613"/>
      <c r="MZM689" s="613"/>
      <c r="MZN689" s="613"/>
      <c r="MZO689" s="613"/>
      <c r="MZP689" s="613"/>
      <c r="MZQ689" s="613"/>
      <c r="MZR689" s="613"/>
      <c r="MZS689" s="613"/>
      <c r="MZT689" s="613"/>
      <c r="MZU689" s="613"/>
      <c r="MZV689" s="613"/>
      <c r="MZW689" s="613"/>
      <c r="MZX689" s="613"/>
      <c r="MZY689" s="613"/>
      <c r="MZZ689" s="613"/>
      <c r="NAA689" s="613"/>
      <c r="NAB689" s="613"/>
      <c r="NAC689" s="613"/>
      <c r="NAD689" s="613"/>
      <c r="NAE689" s="613"/>
      <c r="NAF689" s="613"/>
      <c r="NAG689" s="613"/>
      <c r="NAH689" s="613"/>
      <c r="NAI689" s="613"/>
      <c r="NAJ689" s="613"/>
      <c r="NAK689" s="613"/>
      <c r="NAL689" s="613"/>
      <c r="NAM689" s="613"/>
      <c r="NAN689" s="613"/>
      <c r="NAO689" s="613"/>
      <c r="NAP689" s="613"/>
      <c r="NAQ689" s="613"/>
      <c r="NAR689" s="613"/>
      <c r="NAS689" s="613"/>
      <c r="NAT689" s="613"/>
      <c r="NAU689" s="613"/>
      <c r="NAV689" s="613"/>
      <c r="NAW689" s="613"/>
      <c r="NAX689" s="613"/>
      <c r="NAY689" s="613"/>
      <c r="NAZ689" s="613"/>
      <c r="NBA689" s="613"/>
      <c r="NBB689" s="613"/>
      <c r="NBC689" s="613"/>
      <c r="NBD689" s="613"/>
      <c r="NBE689" s="613"/>
      <c r="NBF689" s="613"/>
      <c r="NBG689" s="613"/>
      <c r="NBH689" s="613"/>
      <c r="NBI689" s="613"/>
      <c r="NBJ689" s="613"/>
      <c r="NBK689" s="613"/>
      <c r="NBL689" s="613"/>
      <c r="NBM689" s="613"/>
      <c r="NBN689" s="613"/>
      <c r="NBO689" s="613"/>
      <c r="NBP689" s="613"/>
      <c r="NBQ689" s="613"/>
      <c r="NBR689" s="613"/>
      <c r="NBS689" s="613"/>
      <c r="NBT689" s="613"/>
      <c r="NBU689" s="613"/>
      <c r="NBV689" s="613"/>
      <c r="NBW689" s="613"/>
      <c r="NBX689" s="613"/>
      <c r="NBY689" s="613"/>
      <c r="NBZ689" s="613"/>
      <c r="NCA689" s="613"/>
      <c r="NCB689" s="613"/>
      <c r="NCC689" s="613"/>
      <c r="NCD689" s="613"/>
      <c r="NCE689" s="613"/>
      <c r="NCF689" s="613"/>
      <c r="NCG689" s="613"/>
      <c r="NCH689" s="613"/>
      <c r="NCI689" s="613"/>
      <c r="NCJ689" s="613"/>
      <c r="NCK689" s="613"/>
      <c r="NCL689" s="613"/>
      <c r="NCM689" s="613"/>
      <c r="NCN689" s="613"/>
      <c r="NCO689" s="613"/>
      <c r="NCP689" s="613"/>
      <c r="NCQ689" s="613"/>
      <c r="NCR689" s="613"/>
      <c r="NCS689" s="613"/>
      <c r="NCT689" s="613"/>
      <c r="NCU689" s="613"/>
      <c r="NCV689" s="613"/>
      <c r="NCW689" s="613"/>
      <c r="NCX689" s="613"/>
      <c r="NCY689" s="613"/>
      <c r="NCZ689" s="613"/>
      <c r="NDA689" s="613"/>
      <c r="NDB689" s="613"/>
      <c r="NDC689" s="613"/>
      <c r="NDD689" s="613"/>
      <c r="NDE689" s="613"/>
      <c r="NDF689" s="613"/>
      <c r="NDG689" s="613"/>
      <c r="NDH689" s="613"/>
      <c r="NDI689" s="613"/>
      <c r="NDJ689" s="613"/>
      <c r="NDK689" s="613"/>
      <c r="NDL689" s="613"/>
      <c r="NDM689" s="613"/>
      <c r="NDN689" s="613"/>
      <c r="NDO689" s="613"/>
      <c r="NDP689" s="613"/>
      <c r="NDQ689" s="613"/>
      <c r="NDR689" s="613"/>
      <c r="NDS689" s="613"/>
      <c r="NDT689" s="613"/>
      <c r="NDU689" s="613"/>
      <c r="NDV689" s="613"/>
      <c r="NDW689" s="613"/>
      <c r="NDX689" s="613"/>
      <c r="NDY689" s="613"/>
      <c r="NDZ689" s="613"/>
      <c r="NEA689" s="613"/>
      <c r="NEB689" s="613"/>
      <c r="NEC689" s="613"/>
      <c r="NED689" s="613"/>
      <c r="NEE689" s="613"/>
      <c r="NEF689" s="613"/>
      <c r="NEG689" s="613"/>
      <c r="NEH689" s="613"/>
      <c r="NEI689" s="613"/>
      <c r="NEJ689" s="613"/>
      <c r="NEK689" s="613"/>
      <c r="NEL689" s="613"/>
      <c r="NEM689" s="613"/>
      <c r="NEN689" s="613"/>
      <c r="NEO689" s="613"/>
      <c r="NEP689" s="613"/>
      <c r="NEQ689" s="613"/>
      <c r="NER689" s="613"/>
      <c r="NES689" s="613"/>
      <c r="NET689" s="613"/>
      <c r="NEU689" s="613"/>
      <c r="NEV689" s="613"/>
      <c r="NEW689" s="613"/>
      <c r="NEX689" s="613"/>
      <c r="NEY689" s="613"/>
      <c r="NEZ689" s="613"/>
      <c r="NFA689" s="613"/>
      <c r="NFB689" s="613"/>
      <c r="NFC689" s="613"/>
      <c r="NFD689" s="613"/>
      <c r="NFE689" s="613"/>
      <c r="NFF689" s="613"/>
      <c r="NFG689" s="613"/>
      <c r="NFH689" s="613"/>
      <c r="NFI689" s="613"/>
      <c r="NFJ689" s="613"/>
      <c r="NFK689" s="613"/>
      <c r="NFL689" s="613"/>
      <c r="NFM689" s="613"/>
      <c r="NFN689" s="613"/>
      <c r="NFO689" s="613"/>
      <c r="NFP689" s="613"/>
      <c r="NFQ689" s="613"/>
      <c r="NFR689" s="613"/>
      <c r="NFS689" s="613"/>
      <c r="NFT689" s="613"/>
      <c r="NFU689" s="613"/>
      <c r="NFV689" s="613"/>
      <c r="NFW689" s="613"/>
      <c r="NFX689" s="613"/>
      <c r="NFY689" s="613"/>
      <c r="NFZ689" s="613"/>
      <c r="NGA689" s="613"/>
      <c r="NGB689" s="613"/>
      <c r="NGC689" s="613"/>
      <c r="NGD689" s="613"/>
      <c r="NGE689" s="613"/>
      <c r="NGF689" s="613"/>
      <c r="NGG689" s="613"/>
      <c r="NGH689" s="613"/>
      <c r="NGI689" s="613"/>
      <c r="NGJ689" s="613"/>
      <c r="NGK689" s="613"/>
      <c r="NGL689" s="613"/>
      <c r="NGM689" s="613"/>
      <c r="NGN689" s="613"/>
      <c r="NGO689" s="613"/>
      <c r="NGP689" s="613"/>
      <c r="NGQ689" s="613"/>
      <c r="NGR689" s="613"/>
      <c r="NGS689" s="613"/>
      <c r="NGT689" s="613"/>
      <c r="NGU689" s="613"/>
      <c r="NGV689" s="613"/>
      <c r="NGW689" s="613"/>
      <c r="NGX689" s="613"/>
      <c r="NGY689" s="613"/>
      <c r="NGZ689" s="613"/>
      <c r="NHA689" s="613"/>
      <c r="NHB689" s="613"/>
      <c r="NHC689" s="613"/>
      <c r="NHD689" s="613"/>
      <c r="NHE689" s="613"/>
      <c r="NHF689" s="613"/>
      <c r="NHG689" s="613"/>
      <c r="NHH689" s="613"/>
      <c r="NHI689" s="613"/>
      <c r="NHJ689" s="613"/>
      <c r="NHK689" s="613"/>
      <c r="NHL689" s="613"/>
      <c r="NHM689" s="613"/>
      <c r="NHN689" s="613"/>
      <c r="NHO689" s="613"/>
      <c r="NHP689" s="613"/>
      <c r="NHQ689" s="613"/>
      <c r="NHR689" s="613"/>
      <c r="NHS689" s="613"/>
      <c r="NHT689" s="613"/>
      <c r="NHU689" s="613"/>
      <c r="NHV689" s="613"/>
      <c r="NHW689" s="613"/>
      <c r="NHX689" s="613"/>
      <c r="NHY689" s="613"/>
      <c r="NHZ689" s="613"/>
      <c r="NIA689" s="613"/>
      <c r="NIB689" s="613"/>
      <c r="NIC689" s="613"/>
      <c r="NID689" s="613"/>
      <c r="NIE689" s="613"/>
      <c r="NIF689" s="613"/>
      <c r="NIG689" s="613"/>
      <c r="NIH689" s="613"/>
      <c r="NII689" s="613"/>
      <c r="NIJ689" s="613"/>
      <c r="NIK689" s="613"/>
      <c r="NIL689" s="613"/>
      <c r="NIM689" s="613"/>
      <c r="NIN689" s="613"/>
      <c r="NIO689" s="613"/>
      <c r="NIP689" s="613"/>
      <c r="NIQ689" s="613"/>
      <c r="NIR689" s="613"/>
      <c r="NIS689" s="613"/>
      <c r="NIT689" s="613"/>
      <c r="NIU689" s="613"/>
      <c r="NIV689" s="613"/>
      <c r="NIW689" s="613"/>
      <c r="NIX689" s="613"/>
      <c r="NIY689" s="613"/>
      <c r="NIZ689" s="613"/>
      <c r="NJA689" s="613"/>
      <c r="NJB689" s="613"/>
      <c r="NJC689" s="613"/>
      <c r="NJD689" s="613"/>
      <c r="NJE689" s="613"/>
      <c r="NJF689" s="613"/>
      <c r="NJG689" s="613"/>
      <c r="NJH689" s="613"/>
      <c r="NJI689" s="613"/>
      <c r="NJJ689" s="613"/>
      <c r="NJK689" s="613"/>
      <c r="NJL689" s="613"/>
      <c r="NJM689" s="613"/>
      <c r="NJN689" s="613"/>
      <c r="NJO689" s="613"/>
      <c r="NJP689" s="613"/>
      <c r="NJQ689" s="613"/>
      <c r="NJR689" s="613"/>
      <c r="NJS689" s="613"/>
      <c r="NJT689" s="613"/>
      <c r="NJU689" s="613"/>
      <c r="NJV689" s="613"/>
      <c r="NJW689" s="613"/>
      <c r="NJX689" s="613"/>
      <c r="NJY689" s="613"/>
      <c r="NJZ689" s="613"/>
      <c r="NKA689" s="613"/>
      <c r="NKB689" s="613"/>
      <c r="NKC689" s="613"/>
      <c r="NKD689" s="613"/>
      <c r="NKE689" s="613"/>
      <c r="NKF689" s="613"/>
      <c r="NKG689" s="613"/>
      <c r="NKH689" s="613"/>
      <c r="NKI689" s="613"/>
      <c r="NKJ689" s="613"/>
      <c r="NKK689" s="613"/>
      <c r="NKL689" s="613"/>
      <c r="NKM689" s="613"/>
      <c r="NKN689" s="613"/>
      <c r="NKO689" s="613"/>
      <c r="NKP689" s="613"/>
      <c r="NKQ689" s="613"/>
      <c r="NKR689" s="613"/>
      <c r="NKS689" s="613"/>
      <c r="NKT689" s="613"/>
      <c r="NKU689" s="613"/>
      <c r="NKV689" s="613"/>
      <c r="NKW689" s="613"/>
      <c r="NKX689" s="613"/>
      <c r="NKY689" s="613"/>
      <c r="NKZ689" s="613"/>
      <c r="NLA689" s="613"/>
      <c r="NLB689" s="613"/>
      <c r="NLC689" s="613"/>
      <c r="NLD689" s="613"/>
      <c r="NLE689" s="613"/>
      <c r="NLF689" s="613"/>
      <c r="NLG689" s="613"/>
      <c r="NLH689" s="613"/>
      <c r="NLI689" s="613"/>
      <c r="NLJ689" s="613"/>
      <c r="NLK689" s="613"/>
      <c r="NLL689" s="613"/>
      <c r="NLM689" s="613"/>
      <c r="NLN689" s="613"/>
      <c r="NLO689" s="613"/>
      <c r="NLP689" s="613"/>
      <c r="NLQ689" s="613"/>
      <c r="NLR689" s="613"/>
      <c r="NLS689" s="613"/>
      <c r="NLT689" s="613"/>
      <c r="NLU689" s="613"/>
      <c r="NLV689" s="613"/>
      <c r="NLW689" s="613"/>
      <c r="NLX689" s="613"/>
      <c r="NLY689" s="613"/>
      <c r="NLZ689" s="613"/>
      <c r="NMA689" s="613"/>
      <c r="NMB689" s="613"/>
      <c r="NMC689" s="613"/>
      <c r="NMD689" s="613"/>
      <c r="NME689" s="613"/>
      <c r="NMF689" s="613"/>
      <c r="NMG689" s="613"/>
      <c r="NMH689" s="613"/>
      <c r="NMI689" s="613"/>
      <c r="NMJ689" s="613"/>
      <c r="NMK689" s="613"/>
      <c r="NML689" s="613"/>
      <c r="NMM689" s="613"/>
      <c r="NMN689" s="613"/>
      <c r="NMO689" s="613"/>
      <c r="NMP689" s="613"/>
      <c r="NMQ689" s="613"/>
      <c r="NMR689" s="613"/>
      <c r="NMS689" s="613"/>
      <c r="NMT689" s="613"/>
      <c r="NMU689" s="613"/>
      <c r="NMV689" s="613"/>
      <c r="NMW689" s="613"/>
      <c r="NMX689" s="613"/>
      <c r="NMY689" s="613"/>
      <c r="NMZ689" s="613"/>
      <c r="NNA689" s="613"/>
      <c r="NNB689" s="613"/>
      <c r="NNC689" s="613"/>
      <c r="NND689" s="613"/>
      <c r="NNE689" s="613"/>
      <c r="NNF689" s="613"/>
      <c r="NNG689" s="613"/>
      <c r="NNH689" s="613"/>
      <c r="NNI689" s="613"/>
      <c r="NNJ689" s="613"/>
      <c r="NNK689" s="613"/>
      <c r="NNL689" s="613"/>
      <c r="NNM689" s="613"/>
      <c r="NNN689" s="613"/>
      <c r="NNO689" s="613"/>
      <c r="NNP689" s="613"/>
      <c r="NNQ689" s="613"/>
      <c r="NNR689" s="613"/>
      <c r="NNS689" s="613"/>
      <c r="NNT689" s="613"/>
      <c r="NNU689" s="613"/>
      <c r="NNV689" s="613"/>
      <c r="NNW689" s="613"/>
      <c r="NNX689" s="613"/>
      <c r="NNY689" s="613"/>
      <c r="NNZ689" s="613"/>
      <c r="NOA689" s="613"/>
      <c r="NOB689" s="613"/>
      <c r="NOC689" s="613"/>
      <c r="NOD689" s="613"/>
      <c r="NOE689" s="613"/>
      <c r="NOF689" s="613"/>
      <c r="NOG689" s="613"/>
      <c r="NOH689" s="613"/>
      <c r="NOI689" s="613"/>
      <c r="NOJ689" s="613"/>
      <c r="NOK689" s="613"/>
      <c r="NOL689" s="613"/>
      <c r="NOM689" s="613"/>
      <c r="NON689" s="613"/>
      <c r="NOO689" s="613"/>
      <c r="NOP689" s="613"/>
      <c r="NOQ689" s="613"/>
      <c r="NOR689" s="613"/>
      <c r="NOS689" s="613"/>
      <c r="NOT689" s="613"/>
      <c r="NOU689" s="613"/>
      <c r="NOV689" s="613"/>
      <c r="NOW689" s="613"/>
      <c r="NOX689" s="613"/>
      <c r="NOY689" s="613"/>
      <c r="NOZ689" s="613"/>
      <c r="NPA689" s="613"/>
      <c r="NPB689" s="613"/>
      <c r="NPC689" s="613"/>
      <c r="NPD689" s="613"/>
      <c r="NPE689" s="613"/>
      <c r="NPF689" s="613"/>
      <c r="NPG689" s="613"/>
      <c r="NPH689" s="613"/>
      <c r="NPI689" s="613"/>
      <c r="NPJ689" s="613"/>
      <c r="NPK689" s="613"/>
      <c r="NPL689" s="613"/>
      <c r="NPM689" s="613"/>
      <c r="NPN689" s="613"/>
      <c r="NPO689" s="613"/>
      <c r="NPP689" s="613"/>
      <c r="NPQ689" s="613"/>
      <c r="NPR689" s="613"/>
      <c r="NPS689" s="613"/>
      <c r="NPT689" s="613"/>
      <c r="NPU689" s="613"/>
      <c r="NPV689" s="613"/>
      <c r="NPW689" s="613"/>
      <c r="NPX689" s="613"/>
      <c r="NPY689" s="613"/>
      <c r="NPZ689" s="613"/>
      <c r="NQA689" s="613"/>
      <c r="NQB689" s="613"/>
      <c r="NQC689" s="613"/>
      <c r="NQD689" s="613"/>
      <c r="NQE689" s="613"/>
      <c r="NQF689" s="613"/>
      <c r="NQG689" s="613"/>
      <c r="NQH689" s="613"/>
      <c r="NQI689" s="613"/>
      <c r="NQJ689" s="613"/>
      <c r="NQK689" s="613"/>
      <c r="NQL689" s="613"/>
      <c r="NQM689" s="613"/>
      <c r="NQN689" s="613"/>
      <c r="NQO689" s="613"/>
      <c r="NQP689" s="613"/>
      <c r="NQQ689" s="613"/>
      <c r="NQR689" s="613"/>
      <c r="NQS689" s="613"/>
      <c r="NQT689" s="613"/>
      <c r="NQU689" s="613"/>
      <c r="NQV689" s="613"/>
      <c r="NQW689" s="613"/>
      <c r="NQX689" s="613"/>
      <c r="NQY689" s="613"/>
      <c r="NQZ689" s="613"/>
      <c r="NRA689" s="613"/>
      <c r="NRB689" s="613"/>
      <c r="NRC689" s="613"/>
      <c r="NRD689" s="613"/>
      <c r="NRE689" s="613"/>
      <c r="NRF689" s="613"/>
      <c r="NRG689" s="613"/>
      <c r="NRH689" s="613"/>
      <c r="NRI689" s="613"/>
      <c r="NRJ689" s="613"/>
      <c r="NRK689" s="613"/>
      <c r="NRL689" s="613"/>
      <c r="NRM689" s="613"/>
      <c r="NRN689" s="613"/>
      <c r="NRO689" s="613"/>
      <c r="NRP689" s="613"/>
      <c r="NRQ689" s="613"/>
      <c r="NRR689" s="613"/>
      <c r="NRS689" s="613"/>
      <c r="NRT689" s="613"/>
      <c r="NRU689" s="613"/>
      <c r="NRV689" s="613"/>
      <c r="NRW689" s="613"/>
      <c r="NRX689" s="613"/>
      <c r="NRY689" s="613"/>
      <c r="NRZ689" s="613"/>
      <c r="NSA689" s="613"/>
      <c r="NSB689" s="613"/>
      <c r="NSC689" s="613"/>
      <c r="NSD689" s="613"/>
      <c r="NSE689" s="613"/>
      <c r="NSF689" s="613"/>
      <c r="NSG689" s="613"/>
      <c r="NSH689" s="613"/>
      <c r="NSI689" s="613"/>
      <c r="NSJ689" s="613"/>
      <c r="NSK689" s="613"/>
      <c r="NSL689" s="613"/>
      <c r="NSM689" s="613"/>
      <c r="NSN689" s="613"/>
      <c r="NSO689" s="613"/>
      <c r="NSP689" s="613"/>
      <c r="NSQ689" s="613"/>
      <c r="NSR689" s="613"/>
      <c r="NSS689" s="613"/>
      <c r="NST689" s="613"/>
      <c r="NSU689" s="613"/>
      <c r="NSV689" s="613"/>
      <c r="NSW689" s="613"/>
      <c r="NSX689" s="613"/>
      <c r="NSY689" s="613"/>
      <c r="NSZ689" s="613"/>
      <c r="NTA689" s="613"/>
      <c r="NTB689" s="613"/>
      <c r="NTC689" s="613"/>
      <c r="NTD689" s="613"/>
      <c r="NTE689" s="613"/>
      <c r="NTF689" s="613"/>
      <c r="NTG689" s="613"/>
      <c r="NTH689" s="613"/>
      <c r="NTI689" s="613"/>
      <c r="NTJ689" s="613"/>
      <c r="NTK689" s="613"/>
      <c r="NTL689" s="613"/>
      <c r="NTM689" s="613"/>
      <c r="NTN689" s="613"/>
      <c r="NTO689" s="613"/>
      <c r="NTP689" s="613"/>
      <c r="NTQ689" s="613"/>
      <c r="NTR689" s="613"/>
      <c r="NTS689" s="613"/>
      <c r="NTT689" s="613"/>
      <c r="NTU689" s="613"/>
      <c r="NTV689" s="613"/>
      <c r="NTW689" s="613"/>
      <c r="NTX689" s="613"/>
      <c r="NTY689" s="613"/>
      <c r="NTZ689" s="613"/>
      <c r="NUA689" s="613"/>
      <c r="NUB689" s="613"/>
      <c r="NUC689" s="613"/>
      <c r="NUD689" s="613"/>
      <c r="NUE689" s="613"/>
      <c r="NUF689" s="613"/>
      <c r="NUG689" s="613"/>
      <c r="NUH689" s="613"/>
      <c r="NUI689" s="613"/>
      <c r="NUJ689" s="613"/>
      <c r="NUK689" s="613"/>
      <c r="NUL689" s="613"/>
      <c r="NUM689" s="613"/>
      <c r="NUN689" s="613"/>
      <c r="NUO689" s="613"/>
      <c r="NUP689" s="613"/>
      <c r="NUQ689" s="613"/>
      <c r="NUR689" s="613"/>
      <c r="NUS689" s="613"/>
      <c r="NUT689" s="613"/>
      <c r="NUU689" s="613"/>
      <c r="NUV689" s="613"/>
      <c r="NUW689" s="613"/>
      <c r="NUX689" s="613"/>
      <c r="NUY689" s="613"/>
      <c r="NUZ689" s="613"/>
      <c r="NVA689" s="613"/>
      <c r="NVB689" s="613"/>
      <c r="NVC689" s="613"/>
      <c r="NVD689" s="613"/>
      <c r="NVE689" s="613"/>
      <c r="NVF689" s="613"/>
      <c r="NVG689" s="613"/>
      <c r="NVH689" s="613"/>
      <c r="NVI689" s="613"/>
      <c r="NVJ689" s="613"/>
      <c r="NVK689" s="613"/>
      <c r="NVL689" s="613"/>
      <c r="NVM689" s="613"/>
      <c r="NVN689" s="613"/>
      <c r="NVO689" s="613"/>
      <c r="NVP689" s="613"/>
      <c r="NVQ689" s="613"/>
      <c r="NVR689" s="613"/>
      <c r="NVS689" s="613"/>
      <c r="NVT689" s="613"/>
      <c r="NVU689" s="613"/>
      <c r="NVV689" s="613"/>
      <c r="NVW689" s="613"/>
      <c r="NVX689" s="613"/>
      <c r="NVY689" s="613"/>
      <c r="NVZ689" s="613"/>
      <c r="NWA689" s="613"/>
      <c r="NWB689" s="613"/>
      <c r="NWC689" s="613"/>
      <c r="NWD689" s="613"/>
      <c r="NWE689" s="613"/>
      <c r="NWF689" s="613"/>
      <c r="NWG689" s="613"/>
      <c r="NWH689" s="613"/>
      <c r="NWI689" s="613"/>
      <c r="NWJ689" s="613"/>
      <c r="NWK689" s="613"/>
      <c r="NWL689" s="613"/>
      <c r="NWM689" s="613"/>
      <c r="NWN689" s="613"/>
      <c r="NWO689" s="613"/>
      <c r="NWP689" s="613"/>
      <c r="NWQ689" s="613"/>
      <c r="NWR689" s="613"/>
      <c r="NWS689" s="613"/>
      <c r="NWT689" s="613"/>
      <c r="NWU689" s="613"/>
      <c r="NWV689" s="613"/>
      <c r="NWW689" s="613"/>
      <c r="NWX689" s="613"/>
      <c r="NWY689" s="613"/>
      <c r="NWZ689" s="613"/>
      <c r="NXA689" s="613"/>
      <c r="NXB689" s="613"/>
      <c r="NXC689" s="613"/>
      <c r="NXD689" s="613"/>
      <c r="NXE689" s="613"/>
      <c r="NXF689" s="613"/>
      <c r="NXG689" s="613"/>
      <c r="NXH689" s="613"/>
      <c r="NXI689" s="613"/>
      <c r="NXJ689" s="613"/>
      <c r="NXK689" s="613"/>
      <c r="NXL689" s="613"/>
      <c r="NXM689" s="613"/>
      <c r="NXN689" s="613"/>
      <c r="NXO689" s="613"/>
      <c r="NXP689" s="613"/>
      <c r="NXQ689" s="613"/>
      <c r="NXR689" s="613"/>
      <c r="NXS689" s="613"/>
      <c r="NXT689" s="613"/>
      <c r="NXU689" s="613"/>
      <c r="NXV689" s="613"/>
      <c r="NXW689" s="613"/>
      <c r="NXX689" s="613"/>
      <c r="NXY689" s="613"/>
      <c r="NXZ689" s="613"/>
      <c r="NYA689" s="613"/>
      <c r="NYB689" s="613"/>
      <c r="NYC689" s="613"/>
      <c r="NYD689" s="613"/>
      <c r="NYE689" s="613"/>
      <c r="NYF689" s="613"/>
      <c r="NYG689" s="613"/>
      <c r="NYH689" s="613"/>
      <c r="NYI689" s="613"/>
      <c r="NYJ689" s="613"/>
      <c r="NYK689" s="613"/>
      <c r="NYL689" s="613"/>
      <c r="NYM689" s="613"/>
      <c r="NYN689" s="613"/>
      <c r="NYO689" s="613"/>
      <c r="NYP689" s="613"/>
      <c r="NYQ689" s="613"/>
      <c r="NYR689" s="613"/>
      <c r="NYS689" s="613"/>
      <c r="NYT689" s="613"/>
      <c r="NYU689" s="613"/>
      <c r="NYV689" s="613"/>
      <c r="NYW689" s="613"/>
      <c r="NYX689" s="613"/>
      <c r="NYY689" s="613"/>
      <c r="NYZ689" s="613"/>
      <c r="NZA689" s="613"/>
      <c r="NZB689" s="613"/>
      <c r="NZC689" s="613"/>
      <c r="NZD689" s="613"/>
      <c r="NZE689" s="613"/>
      <c r="NZF689" s="613"/>
      <c r="NZG689" s="613"/>
      <c r="NZH689" s="613"/>
      <c r="NZI689" s="613"/>
      <c r="NZJ689" s="613"/>
      <c r="NZK689" s="613"/>
      <c r="NZL689" s="613"/>
      <c r="NZM689" s="613"/>
      <c r="NZN689" s="613"/>
      <c r="NZO689" s="613"/>
      <c r="NZP689" s="613"/>
      <c r="NZQ689" s="613"/>
      <c r="NZR689" s="613"/>
      <c r="NZS689" s="613"/>
      <c r="NZT689" s="613"/>
      <c r="NZU689" s="613"/>
      <c r="NZV689" s="613"/>
      <c r="NZW689" s="613"/>
      <c r="NZX689" s="613"/>
      <c r="NZY689" s="613"/>
      <c r="NZZ689" s="613"/>
      <c r="OAA689" s="613"/>
      <c r="OAB689" s="613"/>
      <c r="OAC689" s="613"/>
      <c r="OAD689" s="613"/>
      <c r="OAE689" s="613"/>
      <c r="OAF689" s="613"/>
      <c r="OAG689" s="613"/>
      <c r="OAH689" s="613"/>
      <c r="OAI689" s="613"/>
      <c r="OAJ689" s="613"/>
      <c r="OAK689" s="613"/>
      <c r="OAL689" s="613"/>
      <c r="OAM689" s="613"/>
      <c r="OAN689" s="613"/>
      <c r="OAO689" s="613"/>
      <c r="OAP689" s="613"/>
      <c r="OAQ689" s="613"/>
      <c r="OAR689" s="613"/>
      <c r="OAS689" s="613"/>
      <c r="OAT689" s="613"/>
      <c r="OAU689" s="613"/>
      <c r="OAV689" s="613"/>
      <c r="OAW689" s="613"/>
      <c r="OAX689" s="613"/>
      <c r="OAY689" s="613"/>
      <c r="OAZ689" s="613"/>
      <c r="OBA689" s="613"/>
      <c r="OBB689" s="613"/>
      <c r="OBC689" s="613"/>
      <c r="OBD689" s="613"/>
      <c r="OBE689" s="613"/>
      <c r="OBF689" s="613"/>
      <c r="OBG689" s="613"/>
      <c r="OBH689" s="613"/>
      <c r="OBI689" s="613"/>
      <c r="OBJ689" s="613"/>
      <c r="OBK689" s="613"/>
      <c r="OBL689" s="613"/>
      <c r="OBM689" s="613"/>
      <c r="OBN689" s="613"/>
      <c r="OBO689" s="613"/>
      <c r="OBP689" s="613"/>
      <c r="OBQ689" s="613"/>
      <c r="OBR689" s="613"/>
      <c r="OBS689" s="613"/>
      <c r="OBT689" s="613"/>
      <c r="OBU689" s="613"/>
      <c r="OBV689" s="613"/>
      <c r="OBW689" s="613"/>
      <c r="OBX689" s="613"/>
      <c r="OBY689" s="613"/>
      <c r="OBZ689" s="613"/>
      <c r="OCA689" s="613"/>
      <c r="OCB689" s="613"/>
      <c r="OCC689" s="613"/>
      <c r="OCD689" s="613"/>
      <c r="OCE689" s="613"/>
      <c r="OCF689" s="613"/>
      <c r="OCG689" s="613"/>
      <c r="OCH689" s="613"/>
      <c r="OCI689" s="613"/>
      <c r="OCJ689" s="613"/>
      <c r="OCK689" s="613"/>
      <c r="OCL689" s="613"/>
      <c r="OCM689" s="613"/>
      <c r="OCN689" s="613"/>
      <c r="OCO689" s="613"/>
      <c r="OCP689" s="613"/>
      <c r="OCQ689" s="613"/>
      <c r="OCR689" s="613"/>
      <c r="OCS689" s="613"/>
      <c r="OCT689" s="613"/>
      <c r="OCU689" s="613"/>
      <c r="OCV689" s="613"/>
      <c r="OCW689" s="613"/>
      <c r="OCX689" s="613"/>
      <c r="OCY689" s="613"/>
      <c r="OCZ689" s="613"/>
      <c r="ODA689" s="613"/>
      <c r="ODB689" s="613"/>
      <c r="ODC689" s="613"/>
      <c r="ODD689" s="613"/>
      <c r="ODE689" s="613"/>
      <c r="ODF689" s="613"/>
      <c r="ODG689" s="613"/>
      <c r="ODH689" s="613"/>
      <c r="ODI689" s="613"/>
      <c r="ODJ689" s="613"/>
      <c r="ODK689" s="613"/>
      <c r="ODL689" s="613"/>
      <c r="ODM689" s="613"/>
      <c r="ODN689" s="613"/>
      <c r="ODO689" s="613"/>
      <c r="ODP689" s="613"/>
      <c r="ODQ689" s="613"/>
      <c r="ODR689" s="613"/>
      <c r="ODS689" s="613"/>
      <c r="ODT689" s="613"/>
      <c r="ODU689" s="613"/>
      <c r="ODV689" s="613"/>
      <c r="ODW689" s="613"/>
      <c r="ODX689" s="613"/>
      <c r="ODY689" s="613"/>
      <c r="ODZ689" s="613"/>
      <c r="OEA689" s="613"/>
      <c r="OEB689" s="613"/>
      <c r="OEC689" s="613"/>
      <c r="OED689" s="613"/>
      <c r="OEE689" s="613"/>
      <c r="OEF689" s="613"/>
      <c r="OEG689" s="613"/>
      <c r="OEH689" s="613"/>
      <c r="OEI689" s="613"/>
      <c r="OEJ689" s="613"/>
      <c r="OEK689" s="613"/>
      <c r="OEL689" s="613"/>
      <c r="OEM689" s="613"/>
      <c r="OEN689" s="613"/>
      <c r="OEO689" s="613"/>
      <c r="OEP689" s="613"/>
      <c r="OEQ689" s="613"/>
      <c r="OER689" s="613"/>
      <c r="OES689" s="613"/>
      <c r="OET689" s="613"/>
      <c r="OEU689" s="613"/>
      <c r="OEV689" s="613"/>
      <c r="OEW689" s="613"/>
      <c r="OEX689" s="613"/>
      <c r="OEY689" s="613"/>
      <c r="OEZ689" s="613"/>
      <c r="OFA689" s="613"/>
      <c r="OFB689" s="613"/>
      <c r="OFC689" s="613"/>
      <c r="OFD689" s="613"/>
      <c r="OFE689" s="613"/>
      <c r="OFF689" s="613"/>
      <c r="OFG689" s="613"/>
      <c r="OFH689" s="613"/>
      <c r="OFI689" s="613"/>
      <c r="OFJ689" s="613"/>
      <c r="OFK689" s="613"/>
      <c r="OFL689" s="613"/>
      <c r="OFM689" s="613"/>
      <c r="OFN689" s="613"/>
      <c r="OFO689" s="613"/>
      <c r="OFP689" s="613"/>
      <c r="OFQ689" s="613"/>
      <c r="OFR689" s="613"/>
      <c r="OFS689" s="613"/>
      <c r="OFT689" s="613"/>
      <c r="OFU689" s="613"/>
      <c r="OFV689" s="613"/>
      <c r="OFW689" s="613"/>
      <c r="OFX689" s="613"/>
      <c r="OFY689" s="613"/>
      <c r="OFZ689" s="613"/>
      <c r="OGA689" s="613"/>
      <c r="OGB689" s="613"/>
      <c r="OGC689" s="613"/>
      <c r="OGD689" s="613"/>
      <c r="OGE689" s="613"/>
      <c r="OGF689" s="613"/>
      <c r="OGG689" s="613"/>
      <c r="OGH689" s="613"/>
      <c r="OGI689" s="613"/>
      <c r="OGJ689" s="613"/>
      <c r="OGK689" s="613"/>
      <c r="OGL689" s="613"/>
      <c r="OGM689" s="613"/>
      <c r="OGN689" s="613"/>
      <c r="OGO689" s="613"/>
      <c r="OGP689" s="613"/>
      <c r="OGQ689" s="613"/>
      <c r="OGR689" s="613"/>
      <c r="OGS689" s="613"/>
      <c r="OGT689" s="613"/>
      <c r="OGU689" s="613"/>
      <c r="OGV689" s="613"/>
      <c r="OGW689" s="613"/>
      <c r="OGX689" s="613"/>
      <c r="OGY689" s="613"/>
      <c r="OGZ689" s="613"/>
      <c r="OHA689" s="613"/>
      <c r="OHB689" s="613"/>
      <c r="OHC689" s="613"/>
      <c r="OHD689" s="613"/>
      <c r="OHE689" s="613"/>
      <c r="OHF689" s="613"/>
      <c r="OHG689" s="613"/>
      <c r="OHH689" s="613"/>
      <c r="OHI689" s="613"/>
      <c r="OHJ689" s="613"/>
      <c r="OHK689" s="613"/>
      <c r="OHL689" s="613"/>
      <c r="OHM689" s="613"/>
      <c r="OHN689" s="613"/>
      <c r="OHO689" s="613"/>
      <c r="OHP689" s="613"/>
      <c r="OHQ689" s="613"/>
      <c r="OHR689" s="613"/>
      <c r="OHS689" s="613"/>
      <c r="OHT689" s="613"/>
      <c r="OHU689" s="613"/>
      <c r="OHV689" s="613"/>
      <c r="OHW689" s="613"/>
      <c r="OHX689" s="613"/>
      <c r="OHY689" s="613"/>
      <c r="OHZ689" s="613"/>
      <c r="OIA689" s="613"/>
      <c r="OIB689" s="613"/>
      <c r="OIC689" s="613"/>
      <c r="OID689" s="613"/>
      <c r="OIE689" s="613"/>
      <c r="OIF689" s="613"/>
      <c r="OIG689" s="613"/>
      <c r="OIH689" s="613"/>
      <c r="OII689" s="613"/>
      <c r="OIJ689" s="613"/>
      <c r="OIK689" s="613"/>
      <c r="OIL689" s="613"/>
      <c r="OIM689" s="613"/>
      <c r="OIN689" s="613"/>
      <c r="OIO689" s="613"/>
      <c r="OIP689" s="613"/>
      <c r="OIQ689" s="613"/>
      <c r="OIR689" s="613"/>
      <c r="OIS689" s="613"/>
      <c r="OIT689" s="613"/>
      <c r="OIU689" s="613"/>
      <c r="OIV689" s="613"/>
      <c r="OIW689" s="613"/>
      <c r="OIX689" s="613"/>
      <c r="OIY689" s="613"/>
      <c r="OIZ689" s="613"/>
      <c r="OJA689" s="613"/>
      <c r="OJB689" s="613"/>
      <c r="OJC689" s="613"/>
      <c r="OJD689" s="613"/>
      <c r="OJE689" s="613"/>
      <c r="OJF689" s="613"/>
      <c r="OJG689" s="613"/>
      <c r="OJH689" s="613"/>
      <c r="OJI689" s="613"/>
      <c r="OJJ689" s="613"/>
      <c r="OJK689" s="613"/>
      <c r="OJL689" s="613"/>
      <c r="OJM689" s="613"/>
      <c r="OJN689" s="613"/>
      <c r="OJO689" s="613"/>
      <c r="OJP689" s="613"/>
      <c r="OJQ689" s="613"/>
      <c r="OJR689" s="613"/>
      <c r="OJS689" s="613"/>
      <c r="OJT689" s="613"/>
      <c r="OJU689" s="613"/>
      <c r="OJV689" s="613"/>
      <c r="OJW689" s="613"/>
      <c r="OJX689" s="613"/>
      <c r="OJY689" s="613"/>
      <c r="OJZ689" s="613"/>
      <c r="OKA689" s="613"/>
      <c r="OKB689" s="613"/>
      <c r="OKC689" s="613"/>
      <c r="OKD689" s="613"/>
      <c r="OKE689" s="613"/>
      <c r="OKF689" s="613"/>
      <c r="OKG689" s="613"/>
      <c r="OKH689" s="613"/>
      <c r="OKI689" s="613"/>
      <c r="OKJ689" s="613"/>
      <c r="OKK689" s="613"/>
      <c r="OKL689" s="613"/>
      <c r="OKM689" s="613"/>
      <c r="OKN689" s="613"/>
      <c r="OKO689" s="613"/>
      <c r="OKP689" s="613"/>
      <c r="OKQ689" s="613"/>
      <c r="OKR689" s="613"/>
      <c r="OKS689" s="613"/>
      <c r="OKT689" s="613"/>
      <c r="OKU689" s="613"/>
      <c r="OKV689" s="613"/>
      <c r="OKW689" s="613"/>
      <c r="OKX689" s="613"/>
      <c r="OKY689" s="613"/>
      <c r="OKZ689" s="613"/>
      <c r="OLA689" s="613"/>
      <c r="OLB689" s="613"/>
      <c r="OLC689" s="613"/>
      <c r="OLD689" s="613"/>
      <c r="OLE689" s="613"/>
      <c r="OLF689" s="613"/>
      <c r="OLG689" s="613"/>
      <c r="OLH689" s="613"/>
      <c r="OLI689" s="613"/>
      <c r="OLJ689" s="613"/>
      <c r="OLK689" s="613"/>
      <c r="OLL689" s="613"/>
      <c r="OLM689" s="613"/>
      <c r="OLN689" s="613"/>
      <c r="OLO689" s="613"/>
      <c r="OLP689" s="613"/>
      <c r="OLQ689" s="613"/>
      <c r="OLR689" s="613"/>
      <c r="OLS689" s="613"/>
      <c r="OLT689" s="613"/>
      <c r="OLU689" s="613"/>
      <c r="OLV689" s="613"/>
      <c r="OLW689" s="613"/>
      <c r="OLX689" s="613"/>
      <c r="OLY689" s="613"/>
      <c r="OLZ689" s="613"/>
      <c r="OMA689" s="613"/>
      <c r="OMB689" s="613"/>
      <c r="OMC689" s="613"/>
      <c r="OMD689" s="613"/>
      <c r="OME689" s="613"/>
      <c r="OMF689" s="613"/>
      <c r="OMG689" s="613"/>
      <c r="OMH689" s="613"/>
      <c r="OMI689" s="613"/>
      <c r="OMJ689" s="613"/>
      <c r="OMK689" s="613"/>
      <c r="OML689" s="613"/>
      <c r="OMM689" s="613"/>
      <c r="OMN689" s="613"/>
      <c r="OMO689" s="613"/>
      <c r="OMP689" s="613"/>
      <c r="OMQ689" s="613"/>
      <c r="OMR689" s="613"/>
      <c r="OMS689" s="613"/>
      <c r="OMT689" s="613"/>
      <c r="OMU689" s="613"/>
      <c r="OMV689" s="613"/>
      <c r="OMW689" s="613"/>
      <c r="OMX689" s="613"/>
      <c r="OMY689" s="613"/>
      <c r="OMZ689" s="613"/>
      <c r="ONA689" s="613"/>
      <c r="ONB689" s="613"/>
      <c r="ONC689" s="613"/>
      <c r="OND689" s="613"/>
      <c r="ONE689" s="613"/>
      <c r="ONF689" s="613"/>
      <c r="ONG689" s="613"/>
      <c r="ONH689" s="613"/>
      <c r="ONI689" s="613"/>
      <c r="ONJ689" s="613"/>
      <c r="ONK689" s="613"/>
      <c r="ONL689" s="613"/>
      <c r="ONM689" s="613"/>
      <c r="ONN689" s="613"/>
      <c r="ONO689" s="613"/>
      <c r="ONP689" s="613"/>
      <c r="ONQ689" s="613"/>
      <c r="ONR689" s="613"/>
      <c r="ONS689" s="613"/>
      <c r="ONT689" s="613"/>
      <c r="ONU689" s="613"/>
      <c r="ONV689" s="613"/>
      <c r="ONW689" s="613"/>
      <c r="ONX689" s="613"/>
      <c r="ONY689" s="613"/>
      <c r="ONZ689" s="613"/>
      <c r="OOA689" s="613"/>
      <c r="OOB689" s="613"/>
      <c r="OOC689" s="613"/>
      <c r="OOD689" s="613"/>
      <c r="OOE689" s="613"/>
      <c r="OOF689" s="613"/>
      <c r="OOG689" s="613"/>
      <c r="OOH689" s="613"/>
      <c r="OOI689" s="613"/>
      <c r="OOJ689" s="613"/>
      <c r="OOK689" s="613"/>
      <c r="OOL689" s="613"/>
      <c r="OOM689" s="613"/>
      <c r="OON689" s="613"/>
      <c r="OOO689" s="613"/>
      <c r="OOP689" s="613"/>
      <c r="OOQ689" s="613"/>
      <c r="OOR689" s="613"/>
      <c r="OOS689" s="613"/>
      <c r="OOT689" s="613"/>
      <c r="OOU689" s="613"/>
      <c r="OOV689" s="613"/>
      <c r="OOW689" s="613"/>
      <c r="OOX689" s="613"/>
      <c r="OOY689" s="613"/>
      <c r="OOZ689" s="613"/>
      <c r="OPA689" s="613"/>
      <c r="OPB689" s="613"/>
      <c r="OPC689" s="613"/>
      <c r="OPD689" s="613"/>
      <c r="OPE689" s="613"/>
      <c r="OPF689" s="613"/>
      <c r="OPG689" s="613"/>
      <c r="OPH689" s="613"/>
      <c r="OPI689" s="613"/>
      <c r="OPJ689" s="613"/>
      <c r="OPK689" s="613"/>
      <c r="OPL689" s="613"/>
      <c r="OPM689" s="613"/>
      <c r="OPN689" s="613"/>
      <c r="OPO689" s="613"/>
      <c r="OPP689" s="613"/>
      <c r="OPQ689" s="613"/>
      <c r="OPR689" s="613"/>
      <c r="OPS689" s="613"/>
      <c r="OPT689" s="613"/>
      <c r="OPU689" s="613"/>
      <c r="OPV689" s="613"/>
      <c r="OPW689" s="613"/>
      <c r="OPX689" s="613"/>
      <c r="OPY689" s="613"/>
      <c r="OPZ689" s="613"/>
      <c r="OQA689" s="613"/>
      <c r="OQB689" s="613"/>
      <c r="OQC689" s="613"/>
      <c r="OQD689" s="613"/>
      <c r="OQE689" s="613"/>
      <c r="OQF689" s="613"/>
      <c r="OQG689" s="613"/>
      <c r="OQH689" s="613"/>
      <c r="OQI689" s="613"/>
      <c r="OQJ689" s="613"/>
      <c r="OQK689" s="613"/>
      <c r="OQL689" s="613"/>
      <c r="OQM689" s="613"/>
      <c r="OQN689" s="613"/>
      <c r="OQO689" s="613"/>
      <c r="OQP689" s="613"/>
      <c r="OQQ689" s="613"/>
      <c r="OQR689" s="613"/>
      <c r="OQS689" s="613"/>
      <c r="OQT689" s="613"/>
      <c r="OQU689" s="613"/>
      <c r="OQV689" s="613"/>
      <c r="OQW689" s="613"/>
      <c r="OQX689" s="613"/>
      <c r="OQY689" s="613"/>
      <c r="OQZ689" s="613"/>
      <c r="ORA689" s="613"/>
      <c r="ORB689" s="613"/>
      <c r="ORC689" s="613"/>
      <c r="ORD689" s="613"/>
      <c r="ORE689" s="613"/>
      <c r="ORF689" s="613"/>
      <c r="ORG689" s="613"/>
      <c r="ORH689" s="613"/>
      <c r="ORI689" s="613"/>
      <c r="ORJ689" s="613"/>
      <c r="ORK689" s="613"/>
      <c r="ORL689" s="613"/>
      <c r="ORM689" s="613"/>
      <c r="ORN689" s="613"/>
      <c r="ORO689" s="613"/>
      <c r="ORP689" s="613"/>
      <c r="ORQ689" s="613"/>
      <c r="ORR689" s="613"/>
      <c r="ORS689" s="613"/>
      <c r="ORT689" s="613"/>
      <c r="ORU689" s="613"/>
      <c r="ORV689" s="613"/>
      <c r="ORW689" s="613"/>
      <c r="ORX689" s="613"/>
      <c r="ORY689" s="613"/>
      <c r="ORZ689" s="613"/>
      <c r="OSA689" s="613"/>
      <c r="OSB689" s="613"/>
      <c r="OSC689" s="613"/>
      <c r="OSD689" s="613"/>
      <c r="OSE689" s="613"/>
      <c r="OSF689" s="613"/>
      <c r="OSG689" s="613"/>
      <c r="OSH689" s="613"/>
      <c r="OSI689" s="613"/>
      <c r="OSJ689" s="613"/>
      <c r="OSK689" s="613"/>
      <c r="OSL689" s="613"/>
      <c r="OSM689" s="613"/>
      <c r="OSN689" s="613"/>
      <c r="OSO689" s="613"/>
      <c r="OSP689" s="613"/>
      <c r="OSQ689" s="613"/>
      <c r="OSR689" s="613"/>
      <c r="OSS689" s="613"/>
      <c r="OST689" s="613"/>
      <c r="OSU689" s="613"/>
      <c r="OSV689" s="613"/>
      <c r="OSW689" s="613"/>
      <c r="OSX689" s="613"/>
      <c r="OSY689" s="613"/>
      <c r="OSZ689" s="613"/>
      <c r="OTA689" s="613"/>
      <c r="OTB689" s="613"/>
      <c r="OTC689" s="613"/>
      <c r="OTD689" s="613"/>
      <c r="OTE689" s="613"/>
      <c r="OTF689" s="613"/>
      <c r="OTG689" s="613"/>
      <c r="OTH689" s="613"/>
      <c r="OTI689" s="613"/>
      <c r="OTJ689" s="613"/>
      <c r="OTK689" s="613"/>
      <c r="OTL689" s="613"/>
      <c r="OTM689" s="613"/>
      <c r="OTN689" s="613"/>
      <c r="OTO689" s="613"/>
      <c r="OTP689" s="613"/>
      <c r="OTQ689" s="613"/>
      <c r="OTR689" s="613"/>
      <c r="OTS689" s="613"/>
      <c r="OTT689" s="613"/>
      <c r="OTU689" s="613"/>
      <c r="OTV689" s="613"/>
      <c r="OTW689" s="613"/>
      <c r="OTX689" s="613"/>
      <c r="OTY689" s="613"/>
      <c r="OTZ689" s="613"/>
      <c r="OUA689" s="613"/>
      <c r="OUB689" s="613"/>
      <c r="OUC689" s="613"/>
      <c r="OUD689" s="613"/>
      <c r="OUE689" s="613"/>
      <c r="OUF689" s="613"/>
      <c r="OUG689" s="613"/>
      <c r="OUH689" s="613"/>
      <c r="OUI689" s="613"/>
      <c r="OUJ689" s="613"/>
      <c r="OUK689" s="613"/>
      <c r="OUL689" s="613"/>
      <c r="OUM689" s="613"/>
      <c r="OUN689" s="613"/>
      <c r="OUO689" s="613"/>
      <c r="OUP689" s="613"/>
      <c r="OUQ689" s="613"/>
      <c r="OUR689" s="613"/>
      <c r="OUS689" s="613"/>
      <c r="OUT689" s="613"/>
      <c r="OUU689" s="613"/>
      <c r="OUV689" s="613"/>
      <c r="OUW689" s="613"/>
      <c r="OUX689" s="613"/>
      <c r="OUY689" s="613"/>
      <c r="OUZ689" s="613"/>
      <c r="OVA689" s="613"/>
      <c r="OVB689" s="613"/>
      <c r="OVC689" s="613"/>
      <c r="OVD689" s="613"/>
      <c r="OVE689" s="613"/>
      <c r="OVF689" s="613"/>
      <c r="OVG689" s="613"/>
      <c r="OVH689" s="613"/>
      <c r="OVI689" s="613"/>
      <c r="OVJ689" s="613"/>
      <c r="OVK689" s="613"/>
      <c r="OVL689" s="613"/>
      <c r="OVM689" s="613"/>
      <c r="OVN689" s="613"/>
      <c r="OVO689" s="613"/>
      <c r="OVP689" s="613"/>
      <c r="OVQ689" s="613"/>
      <c r="OVR689" s="613"/>
      <c r="OVS689" s="613"/>
      <c r="OVT689" s="613"/>
      <c r="OVU689" s="613"/>
      <c r="OVV689" s="613"/>
      <c r="OVW689" s="613"/>
      <c r="OVX689" s="613"/>
      <c r="OVY689" s="613"/>
      <c r="OVZ689" s="613"/>
      <c r="OWA689" s="613"/>
      <c r="OWB689" s="613"/>
      <c r="OWC689" s="613"/>
      <c r="OWD689" s="613"/>
      <c r="OWE689" s="613"/>
      <c r="OWF689" s="613"/>
      <c r="OWG689" s="613"/>
      <c r="OWH689" s="613"/>
      <c r="OWI689" s="613"/>
      <c r="OWJ689" s="613"/>
      <c r="OWK689" s="613"/>
      <c r="OWL689" s="613"/>
      <c r="OWM689" s="613"/>
      <c r="OWN689" s="613"/>
      <c r="OWO689" s="613"/>
      <c r="OWP689" s="613"/>
      <c r="OWQ689" s="613"/>
      <c r="OWR689" s="613"/>
      <c r="OWS689" s="613"/>
      <c r="OWT689" s="613"/>
      <c r="OWU689" s="613"/>
      <c r="OWV689" s="613"/>
      <c r="OWW689" s="613"/>
      <c r="OWX689" s="613"/>
      <c r="OWY689" s="613"/>
      <c r="OWZ689" s="613"/>
      <c r="OXA689" s="613"/>
      <c r="OXB689" s="613"/>
      <c r="OXC689" s="613"/>
      <c r="OXD689" s="613"/>
      <c r="OXE689" s="613"/>
      <c r="OXF689" s="613"/>
      <c r="OXG689" s="613"/>
      <c r="OXH689" s="613"/>
      <c r="OXI689" s="613"/>
      <c r="OXJ689" s="613"/>
      <c r="OXK689" s="613"/>
      <c r="OXL689" s="613"/>
      <c r="OXM689" s="613"/>
      <c r="OXN689" s="613"/>
      <c r="OXO689" s="613"/>
      <c r="OXP689" s="613"/>
      <c r="OXQ689" s="613"/>
      <c r="OXR689" s="613"/>
      <c r="OXS689" s="613"/>
      <c r="OXT689" s="613"/>
      <c r="OXU689" s="613"/>
      <c r="OXV689" s="613"/>
      <c r="OXW689" s="613"/>
      <c r="OXX689" s="613"/>
      <c r="OXY689" s="613"/>
      <c r="OXZ689" s="613"/>
      <c r="OYA689" s="613"/>
      <c r="OYB689" s="613"/>
      <c r="OYC689" s="613"/>
      <c r="OYD689" s="613"/>
      <c r="OYE689" s="613"/>
      <c r="OYF689" s="613"/>
      <c r="OYG689" s="613"/>
      <c r="OYH689" s="613"/>
      <c r="OYI689" s="613"/>
      <c r="OYJ689" s="613"/>
      <c r="OYK689" s="613"/>
      <c r="OYL689" s="613"/>
      <c r="OYM689" s="613"/>
      <c r="OYN689" s="613"/>
      <c r="OYO689" s="613"/>
      <c r="OYP689" s="613"/>
      <c r="OYQ689" s="613"/>
      <c r="OYR689" s="613"/>
      <c r="OYS689" s="613"/>
      <c r="OYT689" s="613"/>
      <c r="OYU689" s="613"/>
      <c r="OYV689" s="613"/>
      <c r="OYW689" s="613"/>
      <c r="OYX689" s="613"/>
      <c r="OYY689" s="613"/>
      <c r="OYZ689" s="613"/>
      <c r="OZA689" s="613"/>
      <c r="OZB689" s="613"/>
      <c r="OZC689" s="613"/>
      <c r="OZD689" s="613"/>
      <c r="OZE689" s="613"/>
      <c r="OZF689" s="613"/>
      <c r="OZG689" s="613"/>
      <c r="OZH689" s="613"/>
      <c r="OZI689" s="613"/>
      <c r="OZJ689" s="613"/>
      <c r="OZK689" s="613"/>
      <c r="OZL689" s="613"/>
      <c r="OZM689" s="613"/>
      <c r="OZN689" s="613"/>
      <c r="OZO689" s="613"/>
      <c r="OZP689" s="613"/>
      <c r="OZQ689" s="613"/>
      <c r="OZR689" s="613"/>
      <c r="OZS689" s="613"/>
      <c r="OZT689" s="613"/>
      <c r="OZU689" s="613"/>
      <c r="OZV689" s="613"/>
      <c r="OZW689" s="613"/>
      <c r="OZX689" s="613"/>
      <c r="OZY689" s="613"/>
      <c r="OZZ689" s="613"/>
      <c r="PAA689" s="613"/>
      <c r="PAB689" s="613"/>
      <c r="PAC689" s="613"/>
      <c r="PAD689" s="613"/>
      <c r="PAE689" s="613"/>
      <c r="PAF689" s="613"/>
      <c r="PAG689" s="613"/>
      <c r="PAH689" s="613"/>
      <c r="PAI689" s="613"/>
      <c r="PAJ689" s="613"/>
      <c r="PAK689" s="613"/>
      <c r="PAL689" s="613"/>
      <c r="PAM689" s="613"/>
      <c r="PAN689" s="613"/>
      <c r="PAO689" s="613"/>
      <c r="PAP689" s="613"/>
      <c r="PAQ689" s="613"/>
      <c r="PAR689" s="613"/>
      <c r="PAS689" s="613"/>
      <c r="PAT689" s="613"/>
      <c r="PAU689" s="613"/>
      <c r="PAV689" s="613"/>
      <c r="PAW689" s="613"/>
      <c r="PAX689" s="613"/>
      <c r="PAY689" s="613"/>
      <c r="PAZ689" s="613"/>
      <c r="PBA689" s="613"/>
      <c r="PBB689" s="613"/>
      <c r="PBC689" s="613"/>
      <c r="PBD689" s="613"/>
      <c r="PBE689" s="613"/>
      <c r="PBF689" s="613"/>
      <c r="PBG689" s="613"/>
      <c r="PBH689" s="613"/>
      <c r="PBI689" s="613"/>
      <c r="PBJ689" s="613"/>
      <c r="PBK689" s="613"/>
      <c r="PBL689" s="613"/>
      <c r="PBM689" s="613"/>
      <c r="PBN689" s="613"/>
      <c r="PBO689" s="613"/>
      <c r="PBP689" s="613"/>
      <c r="PBQ689" s="613"/>
      <c r="PBR689" s="613"/>
      <c r="PBS689" s="613"/>
      <c r="PBT689" s="613"/>
      <c r="PBU689" s="613"/>
      <c r="PBV689" s="613"/>
      <c r="PBW689" s="613"/>
      <c r="PBX689" s="613"/>
      <c r="PBY689" s="613"/>
      <c r="PBZ689" s="613"/>
      <c r="PCA689" s="613"/>
      <c r="PCB689" s="613"/>
      <c r="PCC689" s="613"/>
      <c r="PCD689" s="613"/>
      <c r="PCE689" s="613"/>
      <c r="PCF689" s="613"/>
      <c r="PCG689" s="613"/>
      <c r="PCH689" s="613"/>
      <c r="PCI689" s="613"/>
      <c r="PCJ689" s="613"/>
      <c r="PCK689" s="613"/>
      <c r="PCL689" s="613"/>
      <c r="PCM689" s="613"/>
      <c r="PCN689" s="613"/>
      <c r="PCO689" s="613"/>
      <c r="PCP689" s="613"/>
      <c r="PCQ689" s="613"/>
      <c r="PCR689" s="613"/>
      <c r="PCS689" s="613"/>
      <c r="PCT689" s="613"/>
      <c r="PCU689" s="613"/>
      <c r="PCV689" s="613"/>
      <c r="PCW689" s="613"/>
      <c r="PCX689" s="613"/>
      <c r="PCY689" s="613"/>
      <c r="PCZ689" s="613"/>
      <c r="PDA689" s="613"/>
      <c r="PDB689" s="613"/>
      <c r="PDC689" s="613"/>
      <c r="PDD689" s="613"/>
      <c r="PDE689" s="613"/>
      <c r="PDF689" s="613"/>
      <c r="PDG689" s="613"/>
      <c r="PDH689" s="613"/>
      <c r="PDI689" s="613"/>
      <c r="PDJ689" s="613"/>
      <c r="PDK689" s="613"/>
      <c r="PDL689" s="613"/>
      <c r="PDM689" s="613"/>
      <c r="PDN689" s="613"/>
      <c r="PDO689" s="613"/>
      <c r="PDP689" s="613"/>
      <c r="PDQ689" s="613"/>
      <c r="PDR689" s="613"/>
      <c r="PDS689" s="613"/>
      <c r="PDT689" s="613"/>
      <c r="PDU689" s="613"/>
      <c r="PDV689" s="613"/>
      <c r="PDW689" s="613"/>
      <c r="PDX689" s="613"/>
      <c r="PDY689" s="613"/>
      <c r="PDZ689" s="613"/>
      <c r="PEA689" s="613"/>
      <c r="PEB689" s="613"/>
      <c r="PEC689" s="613"/>
      <c r="PED689" s="613"/>
      <c r="PEE689" s="613"/>
      <c r="PEF689" s="613"/>
      <c r="PEG689" s="613"/>
      <c r="PEH689" s="613"/>
      <c r="PEI689" s="613"/>
      <c r="PEJ689" s="613"/>
      <c r="PEK689" s="613"/>
      <c r="PEL689" s="613"/>
      <c r="PEM689" s="613"/>
      <c r="PEN689" s="613"/>
      <c r="PEO689" s="613"/>
      <c r="PEP689" s="613"/>
      <c r="PEQ689" s="613"/>
      <c r="PER689" s="613"/>
      <c r="PES689" s="613"/>
      <c r="PET689" s="613"/>
      <c r="PEU689" s="613"/>
      <c r="PEV689" s="613"/>
      <c r="PEW689" s="613"/>
      <c r="PEX689" s="613"/>
      <c r="PEY689" s="613"/>
      <c r="PEZ689" s="613"/>
      <c r="PFA689" s="613"/>
      <c r="PFB689" s="613"/>
      <c r="PFC689" s="613"/>
      <c r="PFD689" s="613"/>
      <c r="PFE689" s="613"/>
      <c r="PFF689" s="613"/>
      <c r="PFG689" s="613"/>
      <c r="PFH689" s="613"/>
      <c r="PFI689" s="613"/>
      <c r="PFJ689" s="613"/>
      <c r="PFK689" s="613"/>
      <c r="PFL689" s="613"/>
      <c r="PFM689" s="613"/>
      <c r="PFN689" s="613"/>
      <c r="PFO689" s="613"/>
      <c r="PFP689" s="613"/>
      <c r="PFQ689" s="613"/>
      <c r="PFR689" s="613"/>
      <c r="PFS689" s="613"/>
      <c r="PFT689" s="613"/>
      <c r="PFU689" s="613"/>
      <c r="PFV689" s="613"/>
      <c r="PFW689" s="613"/>
      <c r="PFX689" s="613"/>
      <c r="PFY689" s="613"/>
      <c r="PFZ689" s="613"/>
      <c r="PGA689" s="613"/>
      <c r="PGB689" s="613"/>
      <c r="PGC689" s="613"/>
      <c r="PGD689" s="613"/>
      <c r="PGE689" s="613"/>
      <c r="PGF689" s="613"/>
      <c r="PGG689" s="613"/>
      <c r="PGH689" s="613"/>
      <c r="PGI689" s="613"/>
      <c r="PGJ689" s="613"/>
      <c r="PGK689" s="613"/>
      <c r="PGL689" s="613"/>
      <c r="PGM689" s="613"/>
      <c r="PGN689" s="613"/>
      <c r="PGO689" s="613"/>
      <c r="PGP689" s="613"/>
      <c r="PGQ689" s="613"/>
      <c r="PGR689" s="613"/>
      <c r="PGS689" s="613"/>
      <c r="PGT689" s="613"/>
      <c r="PGU689" s="613"/>
      <c r="PGV689" s="613"/>
      <c r="PGW689" s="613"/>
      <c r="PGX689" s="613"/>
      <c r="PGY689" s="613"/>
      <c r="PGZ689" s="613"/>
      <c r="PHA689" s="613"/>
      <c r="PHB689" s="613"/>
      <c r="PHC689" s="613"/>
      <c r="PHD689" s="613"/>
      <c r="PHE689" s="613"/>
      <c r="PHF689" s="613"/>
      <c r="PHG689" s="613"/>
      <c r="PHH689" s="613"/>
      <c r="PHI689" s="613"/>
      <c r="PHJ689" s="613"/>
      <c r="PHK689" s="613"/>
      <c r="PHL689" s="613"/>
      <c r="PHM689" s="613"/>
      <c r="PHN689" s="613"/>
      <c r="PHO689" s="613"/>
      <c r="PHP689" s="613"/>
      <c r="PHQ689" s="613"/>
      <c r="PHR689" s="613"/>
      <c r="PHS689" s="613"/>
      <c r="PHT689" s="613"/>
      <c r="PHU689" s="613"/>
      <c r="PHV689" s="613"/>
      <c r="PHW689" s="613"/>
      <c r="PHX689" s="613"/>
      <c r="PHY689" s="613"/>
      <c r="PHZ689" s="613"/>
      <c r="PIA689" s="613"/>
      <c r="PIB689" s="613"/>
      <c r="PIC689" s="613"/>
      <c r="PID689" s="613"/>
      <c r="PIE689" s="613"/>
      <c r="PIF689" s="613"/>
      <c r="PIG689" s="613"/>
      <c r="PIH689" s="613"/>
      <c r="PII689" s="613"/>
      <c r="PIJ689" s="613"/>
      <c r="PIK689" s="613"/>
      <c r="PIL689" s="613"/>
      <c r="PIM689" s="613"/>
      <c r="PIN689" s="613"/>
      <c r="PIO689" s="613"/>
      <c r="PIP689" s="613"/>
      <c r="PIQ689" s="613"/>
      <c r="PIR689" s="613"/>
      <c r="PIS689" s="613"/>
      <c r="PIT689" s="613"/>
      <c r="PIU689" s="613"/>
      <c r="PIV689" s="613"/>
      <c r="PIW689" s="613"/>
      <c r="PIX689" s="613"/>
      <c r="PIY689" s="613"/>
      <c r="PIZ689" s="613"/>
      <c r="PJA689" s="613"/>
      <c r="PJB689" s="613"/>
      <c r="PJC689" s="613"/>
      <c r="PJD689" s="613"/>
      <c r="PJE689" s="613"/>
      <c r="PJF689" s="613"/>
      <c r="PJG689" s="613"/>
      <c r="PJH689" s="613"/>
      <c r="PJI689" s="613"/>
      <c r="PJJ689" s="613"/>
      <c r="PJK689" s="613"/>
      <c r="PJL689" s="613"/>
      <c r="PJM689" s="613"/>
      <c r="PJN689" s="613"/>
      <c r="PJO689" s="613"/>
      <c r="PJP689" s="613"/>
      <c r="PJQ689" s="613"/>
      <c r="PJR689" s="613"/>
      <c r="PJS689" s="613"/>
      <c r="PJT689" s="613"/>
      <c r="PJU689" s="613"/>
      <c r="PJV689" s="613"/>
      <c r="PJW689" s="613"/>
      <c r="PJX689" s="613"/>
      <c r="PJY689" s="613"/>
      <c r="PJZ689" s="613"/>
      <c r="PKA689" s="613"/>
      <c r="PKB689" s="613"/>
      <c r="PKC689" s="613"/>
      <c r="PKD689" s="613"/>
      <c r="PKE689" s="613"/>
      <c r="PKF689" s="613"/>
      <c r="PKG689" s="613"/>
      <c r="PKH689" s="613"/>
      <c r="PKI689" s="613"/>
      <c r="PKJ689" s="613"/>
      <c r="PKK689" s="613"/>
      <c r="PKL689" s="613"/>
      <c r="PKM689" s="613"/>
      <c r="PKN689" s="613"/>
      <c r="PKO689" s="613"/>
      <c r="PKP689" s="613"/>
      <c r="PKQ689" s="613"/>
      <c r="PKR689" s="613"/>
      <c r="PKS689" s="613"/>
      <c r="PKT689" s="613"/>
      <c r="PKU689" s="613"/>
      <c r="PKV689" s="613"/>
      <c r="PKW689" s="613"/>
      <c r="PKX689" s="613"/>
      <c r="PKY689" s="613"/>
      <c r="PKZ689" s="613"/>
      <c r="PLA689" s="613"/>
      <c r="PLB689" s="613"/>
      <c r="PLC689" s="613"/>
      <c r="PLD689" s="613"/>
      <c r="PLE689" s="613"/>
      <c r="PLF689" s="613"/>
      <c r="PLG689" s="613"/>
      <c r="PLH689" s="613"/>
      <c r="PLI689" s="613"/>
      <c r="PLJ689" s="613"/>
      <c r="PLK689" s="613"/>
      <c r="PLL689" s="613"/>
      <c r="PLM689" s="613"/>
      <c r="PLN689" s="613"/>
      <c r="PLO689" s="613"/>
      <c r="PLP689" s="613"/>
      <c r="PLQ689" s="613"/>
      <c r="PLR689" s="613"/>
      <c r="PLS689" s="613"/>
      <c r="PLT689" s="613"/>
      <c r="PLU689" s="613"/>
      <c r="PLV689" s="613"/>
      <c r="PLW689" s="613"/>
      <c r="PLX689" s="613"/>
      <c r="PLY689" s="613"/>
      <c r="PLZ689" s="613"/>
      <c r="PMA689" s="613"/>
      <c r="PMB689" s="613"/>
      <c r="PMC689" s="613"/>
      <c r="PMD689" s="613"/>
      <c r="PME689" s="613"/>
      <c r="PMF689" s="613"/>
      <c r="PMG689" s="613"/>
      <c r="PMH689" s="613"/>
      <c r="PMI689" s="613"/>
      <c r="PMJ689" s="613"/>
      <c r="PMK689" s="613"/>
      <c r="PML689" s="613"/>
      <c r="PMM689" s="613"/>
      <c r="PMN689" s="613"/>
      <c r="PMO689" s="613"/>
      <c r="PMP689" s="613"/>
      <c r="PMQ689" s="613"/>
      <c r="PMR689" s="613"/>
      <c r="PMS689" s="613"/>
      <c r="PMT689" s="613"/>
      <c r="PMU689" s="613"/>
      <c r="PMV689" s="613"/>
      <c r="PMW689" s="613"/>
      <c r="PMX689" s="613"/>
      <c r="PMY689" s="613"/>
      <c r="PMZ689" s="613"/>
      <c r="PNA689" s="613"/>
      <c r="PNB689" s="613"/>
      <c r="PNC689" s="613"/>
      <c r="PND689" s="613"/>
      <c r="PNE689" s="613"/>
      <c r="PNF689" s="613"/>
      <c r="PNG689" s="613"/>
      <c r="PNH689" s="613"/>
      <c r="PNI689" s="613"/>
      <c r="PNJ689" s="613"/>
      <c r="PNK689" s="613"/>
      <c r="PNL689" s="613"/>
      <c r="PNM689" s="613"/>
      <c r="PNN689" s="613"/>
      <c r="PNO689" s="613"/>
      <c r="PNP689" s="613"/>
      <c r="PNQ689" s="613"/>
      <c r="PNR689" s="613"/>
      <c r="PNS689" s="613"/>
      <c r="PNT689" s="613"/>
      <c r="PNU689" s="613"/>
      <c r="PNV689" s="613"/>
      <c r="PNW689" s="613"/>
      <c r="PNX689" s="613"/>
      <c r="PNY689" s="613"/>
      <c r="PNZ689" s="613"/>
      <c r="POA689" s="613"/>
      <c r="POB689" s="613"/>
      <c r="POC689" s="613"/>
      <c r="POD689" s="613"/>
      <c r="POE689" s="613"/>
      <c r="POF689" s="613"/>
      <c r="POG689" s="613"/>
      <c r="POH689" s="613"/>
      <c r="POI689" s="613"/>
      <c r="POJ689" s="613"/>
      <c r="POK689" s="613"/>
      <c r="POL689" s="613"/>
      <c r="POM689" s="613"/>
      <c r="PON689" s="613"/>
      <c r="POO689" s="613"/>
      <c r="POP689" s="613"/>
      <c r="POQ689" s="613"/>
      <c r="POR689" s="613"/>
      <c r="POS689" s="613"/>
      <c r="POT689" s="613"/>
      <c r="POU689" s="613"/>
      <c r="POV689" s="613"/>
      <c r="POW689" s="613"/>
      <c r="POX689" s="613"/>
      <c r="POY689" s="613"/>
      <c r="POZ689" s="613"/>
      <c r="PPA689" s="613"/>
      <c r="PPB689" s="613"/>
      <c r="PPC689" s="613"/>
      <c r="PPD689" s="613"/>
      <c r="PPE689" s="613"/>
      <c r="PPF689" s="613"/>
      <c r="PPG689" s="613"/>
      <c r="PPH689" s="613"/>
      <c r="PPI689" s="613"/>
      <c r="PPJ689" s="613"/>
      <c r="PPK689" s="613"/>
      <c r="PPL689" s="613"/>
      <c r="PPM689" s="613"/>
      <c r="PPN689" s="613"/>
      <c r="PPO689" s="613"/>
      <c r="PPP689" s="613"/>
      <c r="PPQ689" s="613"/>
      <c r="PPR689" s="613"/>
      <c r="PPS689" s="613"/>
      <c r="PPT689" s="613"/>
      <c r="PPU689" s="613"/>
      <c r="PPV689" s="613"/>
      <c r="PPW689" s="613"/>
      <c r="PPX689" s="613"/>
      <c r="PPY689" s="613"/>
      <c r="PPZ689" s="613"/>
      <c r="PQA689" s="613"/>
      <c r="PQB689" s="613"/>
      <c r="PQC689" s="613"/>
      <c r="PQD689" s="613"/>
      <c r="PQE689" s="613"/>
      <c r="PQF689" s="613"/>
      <c r="PQG689" s="613"/>
      <c r="PQH689" s="613"/>
      <c r="PQI689" s="613"/>
      <c r="PQJ689" s="613"/>
      <c r="PQK689" s="613"/>
      <c r="PQL689" s="613"/>
      <c r="PQM689" s="613"/>
      <c r="PQN689" s="613"/>
      <c r="PQO689" s="613"/>
      <c r="PQP689" s="613"/>
      <c r="PQQ689" s="613"/>
      <c r="PQR689" s="613"/>
      <c r="PQS689" s="613"/>
      <c r="PQT689" s="613"/>
      <c r="PQU689" s="613"/>
      <c r="PQV689" s="613"/>
      <c r="PQW689" s="613"/>
      <c r="PQX689" s="613"/>
      <c r="PQY689" s="613"/>
      <c r="PQZ689" s="613"/>
      <c r="PRA689" s="613"/>
      <c r="PRB689" s="613"/>
      <c r="PRC689" s="613"/>
      <c r="PRD689" s="613"/>
      <c r="PRE689" s="613"/>
      <c r="PRF689" s="613"/>
      <c r="PRG689" s="613"/>
      <c r="PRH689" s="613"/>
      <c r="PRI689" s="613"/>
      <c r="PRJ689" s="613"/>
      <c r="PRK689" s="613"/>
      <c r="PRL689" s="613"/>
      <c r="PRM689" s="613"/>
      <c r="PRN689" s="613"/>
      <c r="PRO689" s="613"/>
      <c r="PRP689" s="613"/>
      <c r="PRQ689" s="613"/>
      <c r="PRR689" s="613"/>
      <c r="PRS689" s="613"/>
      <c r="PRT689" s="613"/>
      <c r="PRU689" s="613"/>
      <c r="PRV689" s="613"/>
      <c r="PRW689" s="613"/>
      <c r="PRX689" s="613"/>
      <c r="PRY689" s="613"/>
      <c r="PRZ689" s="613"/>
      <c r="PSA689" s="613"/>
      <c r="PSB689" s="613"/>
      <c r="PSC689" s="613"/>
      <c r="PSD689" s="613"/>
      <c r="PSE689" s="613"/>
      <c r="PSF689" s="613"/>
      <c r="PSG689" s="613"/>
      <c r="PSH689" s="613"/>
      <c r="PSI689" s="613"/>
      <c r="PSJ689" s="613"/>
      <c r="PSK689" s="613"/>
      <c r="PSL689" s="613"/>
      <c r="PSM689" s="613"/>
      <c r="PSN689" s="613"/>
      <c r="PSO689" s="613"/>
      <c r="PSP689" s="613"/>
      <c r="PSQ689" s="613"/>
      <c r="PSR689" s="613"/>
      <c r="PSS689" s="613"/>
      <c r="PST689" s="613"/>
      <c r="PSU689" s="613"/>
      <c r="PSV689" s="613"/>
      <c r="PSW689" s="613"/>
      <c r="PSX689" s="613"/>
      <c r="PSY689" s="613"/>
      <c r="PSZ689" s="613"/>
      <c r="PTA689" s="613"/>
      <c r="PTB689" s="613"/>
      <c r="PTC689" s="613"/>
      <c r="PTD689" s="613"/>
      <c r="PTE689" s="613"/>
      <c r="PTF689" s="613"/>
      <c r="PTG689" s="613"/>
      <c r="PTH689" s="613"/>
      <c r="PTI689" s="613"/>
      <c r="PTJ689" s="613"/>
      <c r="PTK689" s="613"/>
      <c r="PTL689" s="613"/>
      <c r="PTM689" s="613"/>
      <c r="PTN689" s="613"/>
      <c r="PTO689" s="613"/>
      <c r="PTP689" s="613"/>
      <c r="PTQ689" s="613"/>
      <c r="PTR689" s="613"/>
      <c r="PTS689" s="613"/>
      <c r="PTT689" s="613"/>
      <c r="PTU689" s="613"/>
      <c r="PTV689" s="613"/>
      <c r="PTW689" s="613"/>
      <c r="PTX689" s="613"/>
      <c r="PTY689" s="613"/>
      <c r="PTZ689" s="613"/>
      <c r="PUA689" s="613"/>
      <c r="PUB689" s="613"/>
      <c r="PUC689" s="613"/>
      <c r="PUD689" s="613"/>
      <c r="PUE689" s="613"/>
      <c r="PUF689" s="613"/>
      <c r="PUG689" s="613"/>
      <c r="PUH689" s="613"/>
      <c r="PUI689" s="613"/>
      <c r="PUJ689" s="613"/>
      <c r="PUK689" s="613"/>
      <c r="PUL689" s="613"/>
      <c r="PUM689" s="613"/>
      <c r="PUN689" s="613"/>
      <c r="PUO689" s="613"/>
      <c r="PUP689" s="613"/>
      <c r="PUQ689" s="613"/>
      <c r="PUR689" s="613"/>
      <c r="PUS689" s="613"/>
      <c r="PUT689" s="613"/>
      <c r="PUU689" s="613"/>
      <c r="PUV689" s="613"/>
      <c r="PUW689" s="613"/>
      <c r="PUX689" s="613"/>
      <c r="PUY689" s="613"/>
      <c r="PUZ689" s="613"/>
      <c r="PVA689" s="613"/>
      <c r="PVB689" s="613"/>
      <c r="PVC689" s="613"/>
      <c r="PVD689" s="613"/>
      <c r="PVE689" s="613"/>
      <c r="PVF689" s="613"/>
      <c r="PVG689" s="613"/>
      <c r="PVH689" s="613"/>
      <c r="PVI689" s="613"/>
      <c r="PVJ689" s="613"/>
      <c r="PVK689" s="613"/>
      <c r="PVL689" s="613"/>
      <c r="PVM689" s="613"/>
      <c r="PVN689" s="613"/>
      <c r="PVO689" s="613"/>
      <c r="PVP689" s="613"/>
      <c r="PVQ689" s="613"/>
      <c r="PVR689" s="613"/>
      <c r="PVS689" s="613"/>
      <c r="PVT689" s="613"/>
      <c r="PVU689" s="613"/>
      <c r="PVV689" s="613"/>
      <c r="PVW689" s="613"/>
      <c r="PVX689" s="613"/>
      <c r="PVY689" s="613"/>
      <c r="PVZ689" s="613"/>
      <c r="PWA689" s="613"/>
      <c r="PWB689" s="613"/>
      <c r="PWC689" s="613"/>
      <c r="PWD689" s="613"/>
      <c r="PWE689" s="613"/>
      <c r="PWF689" s="613"/>
      <c r="PWG689" s="613"/>
      <c r="PWH689" s="613"/>
      <c r="PWI689" s="613"/>
      <c r="PWJ689" s="613"/>
      <c r="PWK689" s="613"/>
      <c r="PWL689" s="613"/>
      <c r="PWM689" s="613"/>
      <c r="PWN689" s="613"/>
      <c r="PWO689" s="613"/>
      <c r="PWP689" s="613"/>
      <c r="PWQ689" s="613"/>
      <c r="PWR689" s="613"/>
      <c r="PWS689" s="613"/>
      <c r="PWT689" s="613"/>
      <c r="PWU689" s="613"/>
      <c r="PWV689" s="613"/>
      <c r="PWW689" s="613"/>
      <c r="PWX689" s="613"/>
      <c r="PWY689" s="613"/>
      <c r="PWZ689" s="613"/>
      <c r="PXA689" s="613"/>
      <c r="PXB689" s="613"/>
      <c r="PXC689" s="613"/>
      <c r="PXD689" s="613"/>
      <c r="PXE689" s="613"/>
      <c r="PXF689" s="613"/>
      <c r="PXG689" s="613"/>
      <c r="PXH689" s="613"/>
      <c r="PXI689" s="613"/>
      <c r="PXJ689" s="613"/>
      <c r="PXK689" s="613"/>
      <c r="PXL689" s="613"/>
      <c r="PXM689" s="613"/>
      <c r="PXN689" s="613"/>
      <c r="PXO689" s="613"/>
      <c r="PXP689" s="613"/>
      <c r="PXQ689" s="613"/>
      <c r="PXR689" s="613"/>
      <c r="PXS689" s="613"/>
      <c r="PXT689" s="613"/>
      <c r="PXU689" s="613"/>
      <c r="PXV689" s="613"/>
      <c r="PXW689" s="613"/>
      <c r="PXX689" s="613"/>
      <c r="PXY689" s="613"/>
      <c r="PXZ689" s="613"/>
      <c r="PYA689" s="613"/>
      <c r="PYB689" s="613"/>
      <c r="PYC689" s="613"/>
      <c r="PYD689" s="613"/>
      <c r="PYE689" s="613"/>
      <c r="PYF689" s="613"/>
      <c r="PYG689" s="613"/>
      <c r="PYH689" s="613"/>
      <c r="PYI689" s="613"/>
      <c r="PYJ689" s="613"/>
      <c r="PYK689" s="613"/>
      <c r="PYL689" s="613"/>
      <c r="PYM689" s="613"/>
      <c r="PYN689" s="613"/>
      <c r="PYO689" s="613"/>
      <c r="PYP689" s="613"/>
      <c r="PYQ689" s="613"/>
      <c r="PYR689" s="613"/>
      <c r="PYS689" s="613"/>
      <c r="PYT689" s="613"/>
      <c r="PYU689" s="613"/>
      <c r="PYV689" s="613"/>
      <c r="PYW689" s="613"/>
      <c r="PYX689" s="613"/>
      <c r="PYY689" s="613"/>
      <c r="PYZ689" s="613"/>
      <c r="PZA689" s="613"/>
      <c r="PZB689" s="613"/>
      <c r="PZC689" s="613"/>
      <c r="PZD689" s="613"/>
      <c r="PZE689" s="613"/>
      <c r="PZF689" s="613"/>
      <c r="PZG689" s="613"/>
      <c r="PZH689" s="613"/>
      <c r="PZI689" s="613"/>
      <c r="PZJ689" s="613"/>
      <c r="PZK689" s="613"/>
      <c r="PZL689" s="613"/>
      <c r="PZM689" s="613"/>
      <c r="PZN689" s="613"/>
      <c r="PZO689" s="613"/>
      <c r="PZP689" s="613"/>
      <c r="PZQ689" s="613"/>
      <c r="PZR689" s="613"/>
      <c r="PZS689" s="613"/>
      <c r="PZT689" s="613"/>
      <c r="PZU689" s="613"/>
      <c r="PZV689" s="613"/>
      <c r="PZW689" s="613"/>
      <c r="PZX689" s="613"/>
      <c r="PZY689" s="613"/>
      <c r="PZZ689" s="613"/>
      <c r="QAA689" s="613"/>
      <c r="QAB689" s="613"/>
      <c r="QAC689" s="613"/>
      <c r="QAD689" s="613"/>
      <c r="QAE689" s="613"/>
      <c r="QAF689" s="613"/>
      <c r="QAG689" s="613"/>
      <c r="QAH689" s="613"/>
      <c r="QAI689" s="613"/>
      <c r="QAJ689" s="613"/>
      <c r="QAK689" s="613"/>
      <c r="QAL689" s="613"/>
      <c r="QAM689" s="613"/>
      <c r="QAN689" s="613"/>
      <c r="QAO689" s="613"/>
      <c r="QAP689" s="613"/>
      <c r="QAQ689" s="613"/>
      <c r="QAR689" s="613"/>
      <c r="QAS689" s="613"/>
      <c r="QAT689" s="613"/>
      <c r="QAU689" s="613"/>
      <c r="QAV689" s="613"/>
      <c r="QAW689" s="613"/>
      <c r="QAX689" s="613"/>
      <c r="QAY689" s="613"/>
      <c r="QAZ689" s="613"/>
      <c r="QBA689" s="613"/>
      <c r="QBB689" s="613"/>
      <c r="QBC689" s="613"/>
      <c r="QBD689" s="613"/>
      <c r="QBE689" s="613"/>
      <c r="QBF689" s="613"/>
      <c r="QBG689" s="613"/>
      <c r="QBH689" s="613"/>
      <c r="QBI689" s="613"/>
      <c r="QBJ689" s="613"/>
      <c r="QBK689" s="613"/>
      <c r="QBL689" s="613"/>
      <c r="QBM689" s="613"/>
      <c r="QBN689" s="613"/>
      <c r="QBO689" s="613"/>
      <c r="QBP689" s="613"/>
      <c r="QBQ689" s="613"/>
      <c r="QBR689" s="613"/>
      <c r="QBS689" s="613"/>
      <c r="QBT689" s="613"/>
      <c r="QBU689" s="613"/>
      <c r="QBV689" s="613"/>
      <c r="QBW689" s="613"/>
      <c r="QBX689" s="613"/>
      <c r="QBY689" s="613"/>
      <c r="QBZ689" s="613"/>
      <c r="QCA689" s="613"/>
      <c r="QCB689" s="613"/>
      <c r="QCC689" s="613"/>
      <c r="QCD689" s="613"/>
      <c r="QCE689" s="613"/>
      <c r="QCF689" s="613"/>
      <c r="QCG689" s="613"/>
      <c r="QCH689" s="613"/>
      <c r="QCI689" s="613"/>
      <c r="QCJ689" s="613"/>
      <c r="QCK689" s="613"/>
      <c r="QCL689" s="613"/>
      <c r="QCM689" s="613"/>
      <c r="QCN689" s="613"/>
      <c r="QCO689" s="613"/>
      <c r="QCP689" s="613"/>
      <c r="QCQ689" s="613"/>
      <c r="QCR689" s="613"/>
      <c r="QCS689" s="613"/>
      <c r="QCT689" s="613"/>
      <c r="QCU689" s="613"/>
      <c r="QCV689" s="613"/>
      <c r="QCW689" s="613"/>
      <c r="QCX689" s="613"/>
      <c r="QCY689" s="613"/>
      <c r="QCZ689" s="613"/>
      <c r="QDA689" s="613"/>
      <c r="QDB689" s="613"/>
      <c r="QDC689" s="613"/>
      <c r="QDD689" s="613"/>
      <c r="QDE689" s="613"/>
      <c r="QDF689" s="613"/>
      <c r="QDG689" s="613"/>
      <c r="QDH689" s="613"/>
      <c r="QDI689" s="613"/>
      <c r="QDJ689" s="613"/>
      <c r="QDK689" s="613"/>
      <c r="QDL689" s="613"/>
      <c r="QDM689" s="613"/>
      <c r="QDN689" s="613"/>
      <c r="QDO689" s="613"/>
      <c r="QDP689" s="613"/>
      <c r="QDQ689" s="613"/>
      <c r="QDR689" s="613"/>
      <c r="QDS689" s="613"/>
      <c r="QDT689" s="613"/>
      <c r="QDU689" s="613"/>
      <c r="QDV689" s="613"/>
      <c r="QDW689" s="613"/>
      <c r="QDX689" s="613"/>
      <c r="QDY689" s="613"/>
      <c r="QDZ689" s="613"/>
      <c r="QEA689" s="613"/>
      <c r="QEB689" s="613"/>
      <c r="QEC689" s="613"/>
      <c r="QED689" s="613"/>
      <c r="QEE689" s="613"/>
      <c r="QEF689" s="613"/>
      <c r="QEG689" s="613"/>
      <c r="QEH689" s="613"/>
      <c r="QEI689" s="613"/>
      <c r="QEJ689" s="613"/>
      <c r="QEK689" s="613"/>
      <c r="QEL689" s="613"/>
      <c r="QEM689" s="613"/>
      <c r="QEN689" s="613"/>
      <c r="QEO689" s="613"/>
      <c r="QEP689" s="613"/>
      <c r="QEQ689" s="613"/>
      <c r="QER689" s="613"/>
      <c r="QES689" s="613"/>
      <c r="QET689" s="613"/>
      <c r="QEU689" s="613"/>
      <c r="QEV689" s="613"/>
      <c r="QEW689" s="613"/>
      <c r="QEX689" s="613"/>
      <c r="QEY689" s="613"/>
      <c r="QEZ689" s="613"/>
      <c r="QFA689" s="613"/>
      <c r="QFB689" s="613"/>
      <c r="QFC689" s="613"/>
      <c r="QFD689" s="613"/>
      <c r="QFE689" s="613"/>
      <c r="QFF689" s="613"/>
      <c r="QFG689" s="613"/>
      <c r="QFH689" s="613"/>
      <c r="QFI689" s="613"/>
      <c r="QFJ689" s="613"/>
      <c r="QFK689" s="613"/>
      <c r="QFL689" s="613"/>
      <c r="QFM689" s="613"/>
      <c r="QFN689" s="613"/>
      <c r="QFO689" s="613"/>
      <c r="QFP689" s="613"/>
      <c r="QFQ689" s="613"/>
      <c r="QFR689" s="613"/>
      <c r="QFS689" s="613"/>
      <c r="QFT689" s="613"/>
      <c r="QFU689" s="613"/>
      <c r="QFV689" s="613"/>
      <c r="QFW689" s="613"/>
      <c r="QFX689" s="613"/>
      <c r="QFY689" s="613"/>
      <c r="QFZ689" s="613"/>
      <c r="QGA689" s="613"/>
      <c r="QGB689" s="613"/>
      <c r="QGC689" s="613"/>
      <c r="QGD689" s="613"/>
      <c r="QGE689" s="613"/>
      <c r="QGF689" s="613"/>
      <c r="QGG689" s="613"/>
      <c r="QGH689" s="613"/>
      <c r="QGI689" s="613"/>
      <c r="QGJ689" s="613"/>
      <c r="QGK689" s="613"/>
      <c r="QGL689" s="613"/>
      <c r="QGM689" s="613"/>
      <c r="QGN689" s="613"/>
      <c r="QGO689" s="613"/>
      <c r="QGP689" s="613"/>
      <c r="QGQ689" s="613"/>
      <c r="QGR689" s="613"/>
      <c r="QGS689" s="613"/>
      <c r="QGT689" s="613"/>
      <c r="QGU689" s="613"/>
      <c r="QGV689" s="613"/>
      <c r="QGW689" s="613"/>
      <c r="QGX689" s="613"/>
      <c r="QGY689" s="613"/>
      <c r="QGZ689" s="613"/>
      <c r="QHA689" s="613"/>
      <c r="QHB689" s="613"/>
      <c r="QHC689" s="613"/>
      <c r="QHD689" s="613"/>
      <c r="QHE689" s="613"/>
      <c r="QHF689" s="613"/>
      <c r="QHG689" s="613"/>
      <c r="QHH689" s="613"/>
      <c r="QHI689" s="613"/>
      <c r="QHJ689" s="613"/>
      <c r="QHK689" s="613"/>
      <c r="QHL689" s="613"/>
      <c r="QHM689" s="613"/>
      <c r="QHN689" s="613"/>
      <c r="QHO689" s="613"/>
      <c r="QHP689" s="613"/>
      <c r="QHQ689" s="613"/>
      <c r="QHR689" s="613"/>
      <c r="QHS689" s="613"/>
      <c r="QHT689" s="613"/>
      <c r="QHU689" s="613"/>
      <c r="QHV689" s="613"/>
      <c r="QHW689" s="613"/>
      <c r="QHX689" s="613"/>
      <c r="QHY689" s="613"/>
      <c r="QHZ689" s="613"/>
      <c r="QIA689" s="613"/>
      <c r="QIB689" s="613"/>
      <c r="QIC689" s="613"/>
      <c r="QID689" s="613"/>
      <c r="QIE689" s="613"/>
      <c r="QIF689" s="613"/>
      <c r="QIG689" s="613"/>
      <c r="QIH689" s="613"/>
      <c r="QII689" s="613"/>
      <c r="QIJ689" s="613"/>
      <c r="QIK689" s="613"/>
      <c r="QIL689" s="613"/>
      <c r="QIM689" s="613"/>
      <c r="QIN689" s="613"/>
      <c r="QIO689" s="613"/>
      <c r="QIP689" s="613"/>
      <c r="QIQ689" s="613"/>
      <c r="QIR689" s="613"/>
      <c r="QIS689" s="613"/>
      <c r="QIT689" s="613"/>
      <c r="QIU689" s="613"/>
      <c r="QIV689" s="613"/>
      <c r="QIW689" s="613"/>
      <c r="QIX689" s="613"/>
      <c r="QIY689" s="613"/>
      <c r="QIZ689" s="613"/>
      <c r="QJA689" s="613"/>
      <c r="QJB689" s="613"/>
      <c r="QJC689" s="613"/>
      <c r="QJD689" s="613"/>
      <c r="QJE689" s="613"/>
      <c r="QJF689" s="613"/>
      <c r="QJG689" s="613"/>
      <c r="QJH689" s="613"/>
      <c r="QJI689" s="613"/>
      <c r="QJJ689" s="613"/>
      <c r="QJK689" s="613"/>
      <c r="QJL689" s="613"/>
      <c r="QJM689" s="613"/>
      <c r="QJN689" s="613"/>
      <c r="QJO689" s="613"/>
      <c r="QJP689" s="613"/>
      <c r="QJQ689" s="613"/>
      <c r="QJR689" s="613"/>
      <c r="QJS689" s="613"/>
      <c r="QJT689" s="613"/>
      <c r="QJU689" s="613"/>
      <c r="QJV689" s="613"/>
      <c r="QJW689" s="613"/>
      <c r="QJX689" s="613"/>
      <c r="QJY689" s="613"/>
      <c r="QJZ689" s="613"/>
      <c r="QKA689" s="613"/>
      <c r="QKB689" s="613"/>
      <c r="QKC689" s="613"/>
      <c r="QKD689" s="613"/>
      <c r="QKE689" s="613"/>
      <c r="QKF689" s="613"/>
      <c r="QKG689" s="613"/>
      <c r="QKH689" s="613"/>
      <c r="QKI689" s="613"/>
      <c r="QKJ689" s="613"/>
      <c r="QKK689" s="613"/>
      <c r="QKL689" s="613"/>
      <c r="QKM689" s="613"/>
      <c r="QKN689" s="613"/>
      <c r="QKO689" s="613"/>
      <c r="QKP689" s="613"/>
      <c r="QKQ689" s="613"/>
      <c r="QKR689" s="613"/>
      <c r="QKS689" s="613"/>
      <c r="QKT689" s="613"/>
      <c r="QKU689" s="613"/>
      <c r="QKV689" s="613"/>
      <c r="QKW689" s="613"/>
      <c r="QKX689" s="613"/>
      <c r="QKY689" s="613"/>
      <c r="QKZ689" s="613"/>
      <c r="QLA689" s="613"/>
      <c r="QLB689" s="613"/>
      <c r="QLC689" s="613"/>
      <c r="QLD689" s="613"/>
      <c r="QLE689" s="613"/>
      <c r="QLF689" s="613"/>
      <c r="QLG689" s="613"/>
      <c r="QLH689" s="613"/>
      <c r="QLI689" s="613"/>
      <c r="QLJ689" s="613"/>
      <c r="QLK689" s="613"/>
      <c r="QLL689" s="613"/>
      <c r="QLM689" s="613"/>
      <c r="QLN689" s="613"/>
      <c r="QLO689" s="613"/>
      <c r="QLP689" s="613"/>
      <c r="QLQ689" s="613"/>
      <c r="QLR689" s="613"/>
      <c r="QLS689" s="613"/>
      <c r="QLT689" s="613"/>
      <c r="QLU689" s="613"/>
      <c r="QLV689" s="613"/>
      <c r="QLW689" s="613"/>
      <c r="QLX689" s="613"/>
      <c r="QLY689" s="613"/>
      <c r="QLZ689" s="613"/>
      <c r="QMA689" s="613"/>
      <c r="QMB689" s="613"/>
      <c r="QMC689" s="613"/>
      <c r="QMD689" s="613"/>
      <c r="QME689" s="613"/>
      <c r="QMF689" s="613"/>
      <c r="QMG689" s="613"/>
      <c r="QMH689" s="613"/>
      <c r="QMI689" s="613"/>
      <c r="QMJ689" s="613"/>
      <c r="QMK689" s="613"/>
      <c r="QML689" s="613"/>
      <c r="QMM689" s="613"/>
      <c r="QMN689" s="613"/>
      <c r="QMO689" s="613"/>
      <c r="QMP689" s="613"/>
      <c r="QMQ689" s="613"/>
      <c r="QMR689" s="613"/>
      <c r="QMS689" s="613"/>
      <c r="QMT689" s="613"/>
      <c r="QMU689" s="613"/>
      <c r="QMV689" s="613"/>
      <c r="QMW689" s="613"/>
      <c r="QMX689" s="613"/>
      <c r="QMY689" s="613"/>
      <c r="QMZ689" s="613"/>
      <c r="QNA689" s="613"/>
      <c r="QNB689" s="613"/>
      <c r="QNC689" s="613"/>
      <c r="QND689" s="613"/>
      <c r="QNE689" s="613"/>
      <c r="QNF689" s="613"/>
      <c r="QNG689" s="613"/>
      <c r="QNH689" s="613"/>
      <c r="QNI689" s="613"/>
      <c r="QNJ689" s="613"/>
      <c r="QNK689" s="613"/>
      <c r="QNL689" s="613"/>
      <c r="QNM689" s="613"/>
      <c r="QNN689" s="613"/>
      <c r="QNO689" s="613"/>
      <c r="QNP689" s="613"/>
      <c r="QNQ689" s="613"/>
      <c r="QNR689" s="613"/>
      <c r="QNS689" s="613"/>
      <c r="QNT689" s="613"/>
      <c r="QNU689" s="613"/>
      <c r="QNV689" s="613"/>
      <c r="QNW689" s="613"/>
      <c r="QNX689" s="613"/>
      <c r="QNY689" s="613"/>
      <c r="QNZ689" s="613"/>
      <c r="QOA689" s="613"/>
      <c r="QOB689" s="613"/>
      <c r="QOC689" s="613"/>
      <c r="QOD689" s="613"/>
      <c r="QOE689" s="613"/>
      <c r="QOF689" s="613"/>
      <c r="QOG689" s="613"/>
      <c r="QOH689" s="613"/>
      <c r="QOI689" s="613"/>
      <c r="QOJ689" s="613"/>
      <c r="QOK689" s="613"/>
      <c r="QOL689" s="613"/>
      <c r="QOM689" s="613"/>
      <c r="QON689" s="613"/>
      <c r="QOO689" s="613"/>
      <c r="QOP689" s="613"/>
      <c r="QOQ689" s="613"/>
      <c r="QOR689" s="613"/>
      <c r="QOS689" s="613"/>
      <c r="QOT689" s="613"/>
      <c r="QOU689" s="613"/>
      <c r="QOV689" s="613"/>
      <c r="QOW689" s="613"/>
      <c r="QOX689" s="613"/>
      <c r="QOY689" s="613"/>
      <c r="QOZ689" s="613"/>
      <c r="QPA689" s="613"/>
      <c r="QPB689" s="613"/>
      <c r="QPC689" s="613"/>
      <c r="QPD689" s="613"/>
      <c r="QPE689" s="613"/>
      <c r="QPF689" s="613"/>
      <c r="QPG689" s="613"/>
      <c r="QPH689" s="613"/>
      <c r="QPI689" s="613"/>
      <c r="QPJ689" s="613"/>
      <c r="QPK689" s="613"/>
      <c r="QPL689" s="613"/>
      <c r="QPM689" s="613"/>
      <c r="QPN689" s="613"/>
      <c r="QPO689" s="613"/>
      <c r="QPP689" s="613"/>
      <c r="QPQ689" s="613"/>
      <c r="QPR689" s="613"/>
      <c r="QPS689" s="613"/>
      <c r="QPT689" s="613"/>
      <c r="QPU689" s="613"/>
      <c r="QPV689" s="613"/>
      <c r="QPW689" s="613"/>
      <c r="QPX689" s="613"/>
      <c r="QPY689" s="613"/>
      <c r="QPZ689" s="613"/>
      <c r="QQA689" s="613"/>
      <c r="QQB689" s="613"/>
      <c r="QQC689" s="613"/>
      <c r="QQD689" s="613"/>
      <c r="QQE689" s="613"/>
      <c r="QQF689" s="613"/>
      <c r="QQG689" s="613"/>
      <c r="QQH689" s="613"/>
      <c r="QQI689" s="613"/>
      <c r="QQJ689" s="613"/>
      <c r="QQK689" s="613"/>
      <c r="QQL689" s="613"/>
      <c r="QQM689" s="613"/>
      <c r="QQN689" s="613"/>
      <c r="QQO689" s="613"/>
      <c r="QQP689" s="613"/>
      <c r="QQQ689" s="613"/>
      <c r="QQR689" s="613"/>
      <c r="QQS689" s="613"/>
      <c r="QQT689" s="613"/>
      <c r="QQU689" s="613"/>
      <c r="QQV689" s="613"/>
      <c r="QQW689" s="613"/>
      <c r="QQX689" s="613"/>
      <c r="QQY689" s="613"/>
      <c r="QQZ689" s="613"/>
      <c r="QRA689" s="613"/>
      <c r="QRB689" s="613"/>
      <c r="QRC689" s="613"/>
      <c r="QRD689" s="613"/>
      <c r="QRE689" s="613"/>
      <c r="QRF689" s="613"/>
      <c r="QRG689" s="613"/>
      <c r="QRH689" s="613"/>
      <c r="QRI689" s="613"/>
      <c r="QRJ689" s="613"/>
      <c r="QRK689" s="613"/>
      <c r="QRL689" s="613"/>
      <c r="QRM689" s="613"/>
      <c r="QRN689" s="613"/>
      <c r="QRO689" s="613"/>
      <c r="QRP689" s="613"/>
      <c r="QRQ689" s="613"/>
      <c r="QRR689" s="613"/>
      <c r="QRS689" s="613"/>
      <c r="QRT689" s="613"/>
      <c r="QRU689" s="613"/>
      <c r="QRV689" s="613"/>
      <c r="QRW689" s="613"/>
      <c r="QRX689" s="613"/>
      <c r="QRY689" s="613"/>
      <c r="QRZ689" s="613"/>
      <c r="QSA689" s="613"/>
      <c r="QSB689" s="613"/>
      <c r="QSC689" s="613"/>
      <c r="QSD689" s="613"/>
      <c r="QSE689" s="613"/>
      <c r="QSF689" s="613"/>
      <c r="QSG689" s="613"/>
      <c r="QSH689" s="613"/>
      <c r="QSI689" s="613"/>
      <c r="QSJ689" s="613"/>
      <c r="QSK689" s="613"/>
      <c r="QSL689" s="613"/>
      <c r="QSM689" s="613"/>
      <c r="QSN689" s="613"/>
      <c r="QSO689" s="613"/>
      <c r="QSP689" s="613"/>
      <c r="QSQ689" s="613"/>
      <c r="QSR689" s="613"/>
      <c r="QSS689" s="613"/>
      <c r="QST689" s="613"/>
      <c r="QSU689" s="613"/>
      <c r="QSV689" s="613"/>
      <c r="QSW689" s="613"/>
      <c r="QSX689" s="613"/>
      <c r="QSY689" s="613"/>
      <c r="QSZ689" s="613"/>
      <c r="QTA689" s="613"/>
      <c r="QTB689" s="613"/>
      <c r="QTC689" s="613"/>
      <c r="QTD689" s="613"/>
      <c r="QTE689" s="613"/>
      <c r="QTF689" s="613"/>
      <c r="QTG689" s="613"/>
      <c r="QTH689" s="613"/>
      <c r="QTI689" s="613"/>
      <c r="QTJ689" s="613"/>
      <c r="QTK689" s="613"/>
      <c r="QTL689" s="613"/>
      <c r="QTM689" s="613"/>
      <c r="QTN689" s="613"/>
      <c r="QTO689" s="613"/>
      <c r="QTP689" s="613"/>
      <c r="QTQ689" s="613"/>
      <c r="QTR689" s="613"/>
      <c r="QTS689" s="613"/>
      <c r="QTT689" s="613"/>
      <c r="QTU689" s="613"/>
      <c r="QTV689" s="613"/>
      <c r="QTW689" s="613"/>
      <c r="QTX689" s="613"/>
      <c r="QTY689" s="613"/>
      <c r="QTZ689" s="613"/>
      <c r="QUA689" s="613"/>
      <c r="QUB689" s="613"/>
      <c r="QUC689" s="613"/>
      <c r="QUD689" s="613"/>
      <c r="QUE689" s="613"/>
      <c r="QUF689" s="613"/>
      <c r="QUG689" s="613"/>
      <c r="QUH689" s="613"/>
      <c r="QUI689" s="613"/>
      <c r="QUJ689" s="613"/>
      <c r="QUK689" s="613"/>
      <c r="QUL689" s="613"/>
      <c r="QUM689" s="613"/>
      <c r="QUN689" s="613"/>
      <c r="QUO689" s="613"/>
      <c r="QUP689" s="613"/>
      <c r="QUQ689" s="613"/>
      <c r="QUR689" s="613"/>
      <c r="QUS689" s="613"/>
      <c r="QUT689" s="613"/>
      <c r="QUU689" s="613"/>
      <c r="QUV689" s="613"/>
      <c r="QUW689" s="613"/>
      <c r="QUX689" s="613"/>
      <c r="QUY689" s="613"/>
      <c r="QUZ689" s="613"/>
      <c r="QVA689" s="613"/>
      <c r="QVB689" s="613"/>
      <c r="QVC689" s="613"/>
      <c r="QVD689" s="613"/>
      <c r="QVE689" s="613"/>
      <c r="QVF689" s="613"/>
      <c r="QVG689" s="613"/>
      <c r="QVH689" s="613"/>
      <c r="QVI689" s="613"/>
      <c r="QVJ689" s="613"/>
      <c r="QVK689" s="613"/>
      <c r="QVL689" s="613"/>
      <c r="QVM689" s="613"/>
      <c r="QVN689" s="613"/>
      <c r="QVO689" s="613"/>
      <c r="QVP689" s="613"/>
      <c r="QVQ689" s="613"/>
      <c r="QVR689" s="613"/>
      <c r="QVS689" s="613"/>
      <c r="QVT689" s="613"/>
      <c r="QVU689" s="613"/>
      <c r="QVV689" s="613"/>
      <c r="QVW689" s="613"/>
      <c r="QVX689" s="613"/>
      <c r="QVY689" s="613"/>
      <c r="QVZ689" s="613"/>
      <c r="QWA689" s="613"/>
      <c r="QWB689" s="613"/>
      <c r="QWC689" s="613"/>
      <c r="QWD689" s="613"/>
      <c r="QWE689" s="613"/>
      <c r="QWF689" s="613"/>
      <c r="QWG689" s="613"/>
      <c r="QWH689" s="613"/>
      <c r="QWI689" s="613"/>
      <c r="QWJ689" s="613"/>
      <c r="QWK689" s="613"/>
      <c r="QWL689" s="613"/>
      <c r="QWM689" s="613"/>
      <c r="QWN689" s="613"/>
      <c r="QWO689" s="613"/>
      <c r="QWP689" s="613"/>
      <c r="QWQ689" s="613"/>
      <c r="QWR689" s="613"/>
      <c r="QWS689" s="613"/>
      <c r="QWT689" s="613"/>
      <c r="QWU689" s="613"/>
      <c r="QWV689" s="613"/>
      <c r="QWW689" s="613"/>
      <c r="QWX689" s="613"/>
      <c r="QWY689" s="613"/>
      <c r="QWZ689" s="613"/>
      <c r="QXA689" s="613"/>
      <c r="QXB689" s="613"/>
      <c r="QXC689" s="613"/>
      <c r="QXD689" s="613"/>
      <c r="QXE689" s="613"/>
      <c r="QXF689" s="613"/>
      <c r="QXG689" s="613"/>
      <c r="QXH689" s="613"/>
      <c r="QXI689" s="613"/>
      <c r="QXJ689" s="613"/>
      <c r="QXK689" s="613"/>
      <c r="QXL689" s="613"/>
      <c r="QXM689" s="613"/>
      <c r="QXN689" s="613"/>
      <c r="QXO689" s="613"/>
      <c r="QXP689" s="613"/>
      <c r="QXQ689" s="613"/>
      <c r="QXR689" s="613"/>
      <c r="QXS689" s="613"/>
      <c r="QXT689" s="613"/>
      <c r="QXU689" s="613"/>
      <c r="QXV689" s="613"/>
      <c r="QXW689" s="613"/>
      <c r="QXX689" s="613"/>
      <c r="QXY689" s="613"/>
      <c r="QXZ689" s="613"/>
      <c r="QYA689" s="613"/>
      <c r="QYB689" s="613"/>
      <c r="QYC689" s="613"/>
      <c r="QYD689" s="613"/>
      <c r="QYE689" s="613"/>
      <c r="QYF689" s="613"/>
      <c r="QYG689" s="613"/>
      <c r="QYH689" s="613"/>
      <c r="QYI689" s="613"/>
      <c r="QYJ689" s="613"/>
      <c r="QYK689" s="613"/>
      <c r="QYL689" s="613"/>
      <c r="QYM689" s="613"/>
      <c r="QYN689" s="613"/>
      <c r="QYO689" s="613"/>
      <c r="QYP689" s="613"/>
      <c r="QYQ689" s="613"/>
      <c r="QYR689" s="613"/>
      <c r="QYS689" s="613"/>
      <c r="QYT689" s="613"/>
      <c r="QYU689" s="613"/>
      <c r="QYV689" s="613"/>
      <c r="QYW689" s="613"/>
      <c r="QYX689" s="613"/>
      <c r="QYY689" s="613"/>
      <c r="QYZ689" s="613"/>
      <c r="QZA689" s="613"/>
      <c r="QZB689" s="613"/>
      <c r="QZC689" s="613"/>
      <c r="QZD689" s="613"/>
      <c r="QZE689" s="613"/>
      <c r="QZF689" s="613"/>
      <c r="QZG689" s="613"/>
      <c r="QZH689" s="613"/>
      <c r="QZI689" s="613"/>
      <c r="QZJ689" s="613"/>
      <c r="QZK689" s="613"/>
      <c r="QZL689" s="613"/>
      <c r="QZM689" s="613"/>
      <c r="QZN689" s="613"/>
      <c r="QZO689" s="613"/>
      <c r="QZP689" s="613"/>
      <c r="QZQ689" s="613"/>
      <c r="QZR689" s="613"/>
      <c r="QZS689" s="613"/>
      <c r="QZT689" s="613"/>
      <c r="QZU689" s="613"/>
      <c r="QZV689" s="613"/>
      <c r="QZW689" s="613"/>
      <c r="QZX689" s="613"/>
      <c r="QZY689" s="613"/>
      <c r="QZZ689" s="613"/>
      <c r="RAA689" s="613"/>
      <c r="RAB689" s="613"/>
      <c r="RAC689" s="613"/>
      <c r="RAD689" s="613"/>
      <c r="RAE689" s="613"/>
      <c r="RAF689" s="613"/>
      <c r="RAG689" s="613"/>
      <c r="RAH689" s="613"/>
      <c r="RAI689" s="613"/>
      <c r="RAJ689" s="613"/>
      <c r="RAK689" s="613"/>
      <c r="RAL689" s="613"/>
      <c r="RAM689" s="613"/>
      <c r="RAN689" s="613"/>
      <c r="RAO689" s="613"/>
      <c r="RAP689" s="613"/>
      <c r="RAQ689" s="613"/>
      <c r="RAR689" s="613"/>
      <c r="RAS689" s="613"/>
      <c r="RAT689" s="613"/>
      <c r="RAU689" s="613"/>
      <c r="RAV689" s="613"/>
      <c r="RAW689" s="613"/>
      <c r="RAX689" s="613"/>
      <c r="RAY689" s="613"/>
      <c r="RAZ689" s="613"/>
      <c r="RBA689" s="613"/>
      <c r="RBB689" s="613"/>
      <c r="RBC689" s="613"/>
      <c r="RBD689" s="613"/>
      <c r="RBE689" s="613"/>
      <c r="RBF689" s="613"/>
      <c r="RBG689" s="613"/>
      <c r="RBH689" s="613"/>
      <c r="RBI689" s="613"/>
      <c r="RBJ689" s="613"/>
      <c r="RBK689" s="613"/>
      <c r="RBL689" s="613"/>
      <c r="RBM689" s="613"/>
      <c r="RBN689" s="613"/>
      <c r="RBO689" s="613"/>
      <c r="RBP689" s="613"/>
      <c r="RBQ689" s="613"/>
      <c r="RBR689" s="613"/>
      <c r="RBS689" s="613"/>
      <c r="RBT689" s="613"/>
      <c r="RBU689" s="613"/>
      <c r="RBV689" s="613"/>
      <c r="RBW689" s="613"/>
      <c r="RBX689" s="613"/>
      <c r="RBY689" s="613"/>
      <c r="RBZ689" s="613"/>
      <c r="RCA689" s="613"/>
      <c r="RCB689" s="613"/>
      <c r="RCC689" s="613"/>
      <c r="RCD689" s="613"/>
      <c r="RCE689" s="613"/>
      <c r="RCF689" s="613"/>
      <c r="RCG689" s="613"/>
      <c r="RCH689" s="613"/>
      <c r="RCI689" s="613"/>
      <c r="RCJ689" s="613"/>
      <c r="RCK689" s="613"/>
      <c r="RCL689" s="613"/>
      <c r="RCM689" s="613"/>
      <c r="RCN689" s="613"/>
      <c r="RCO689" s="613"/>
      <c r="RCP689" s="613"/>
      <c r="RCQ689" s="613"/>
      <c r="RCR689" s="613"/>
      <c r="RCS689" s="613"/>
      <c r="RCT689" s="613"/>
      <c r="RCU689" s="613"/>
      <c r="RCV689" s="613"/>
      <c r="RCW689" s="613"/>
      <c r="RCX689" s="613"/>
      <c r="RCY689" s="613"/>
      <c r="RCZ689" s="613"/>
      <c r="RDA689" s="613"/>
      <c r="RDB689" s="613"/>
      <c r="RDC689" s="613"/>
      <c r="RDD689" s="613"/>
      <c r="RDE689" s="613"/>
      <c r="RDF689" s="613"/>
      <c r="RDG689" s="613"/>
      <c r="RDH689" s="613"/>
      <c r="RDI689" s="613"/>
      <c r="RDJ689" s="613"/>
      <c r="RDK689" s="613"/>
      <c r="RDL689" s="613"/>
      <c r="RDM689" s="613"/>
      <c r="RDN689" s="613"/>
      <c r="RDO689" s="613"/>
      <c r="RDP689" s="613"/>
      <c r="RDQ689" s="613"/>
      <c r="RDR689" s="613"/>
      <c r="RDS689" s="613"/>
      <c r="RDT689" s="613"/>
      <c r="RDU689" s="613"/>
      <c r="RDV689" s="613"/>
      <c r="RDW689" s="613"/>
      <c r="RDX689" s="613"/>
      <c r="RDY689" s="613"/>
      <c r="RDZ689" s="613"/>
      <c r="REA689" s="613"/>
      <c r="REB689" s="613"/>
      <c r="REC689" s="613"/>
      <c r="RED689" s="613"/>
      <c r="REE689" s="613"/>
      <c r="REF689" s="613"/>
      <c r="REG689" s="613"/>
      <c r="REH689" s="613"/>
      <c r="REI689" s="613"/>
      <c r="REJ689" s="613"/>
      <c r="REK689" s="613"/>
      <c r="REL689" s="613"/>
      <c r="REM689" s="613"/>
      <c r="REN689" s="613"/>
      <c r="REO689" s="613"/>
      <c r="REP689" s="613"/>
      <c r="REQ689" s="613"/>
      <c r="RER689" s="613"/>
      <c r="RES689" s="613"/>
      <c r="RET689" s="613"/>
      <c r="REU689" s="613"/>
      <c r="REV689" s="613"/>
      <c r="REW689" s="613"/>
      <c r="REX689" s="613"/>
      <c r="REY689" s="613"/>
      <c r="REZ689" s="613"/>
      <c r="RFA689" s="613"/>
      <c r="RFB689" s="613"/>
      <c r="RFC689" s="613"/>
      <c r="RFD689" s="613"/>
      <c r="RFE689" s="613"/>
      <c r="RFF689" s="613"/>
      <c r="RFG689" s="613"/>
      <c r="RFH689" s="613"/>
      <c r="RFI689" s="613"/>
      <c r="RFJ689" s="613"/>
      <c r="RFK689" s="613"/>
      <c r="RFL689" s="613"/>
      <c r="RFM689" s="613"/>
      <c r="RFN689" s="613"/>
      <c r="RFO689" s="613"/>
      <c r="RFP689" s="613"/>
      <c r="RFQ689" s="613"/>
      <c r="RFR689" s="613"/>
      <c r="RFS689" s="613"/>
      <c r="RFT689" s="613"/>
      <c r="RFU689" s="613"/>
      <c r="RFV689" s="613"/>
      <c r="RFW689" s="613"/>
      <c r="RFX689" s="613"/>
      <c r="RFY689" s="613"/>
      <c r="RFZ689" s="613"/>
      <c r="RGA689" s="613"/>
      <c r="RGB689" s="613"/>
      <c r="RGC689" s="613"/>
      <c r="RGD689" s="613"/>
      <c r="RGE689" s="613"/>
      <c r="RGF689" s="613"/>
      <c r="RGG689" s="613"/>
      <c r="RGH689" s="613"/>
      <c r="RGI689" s="613"/>
      <c r="RGJ689" s="613"/>
      <c r="RGK689" s="613"/>
      <c r="RGL689" s="613"/>
      <c r="RGM689" s="613"/>
      <c r="RGN689" s="613"/>
      <c r="RGO689" s="613"/>
      <c r="RGP689" s="613"/>
      <c r="RGQ689" s="613"/>
      <c r="RGR689" s="613"/>
      <c r="RGS689" s="613"/>
      <c r="RGT689" s="613"/>
      <c r="RGU689" s="613"/>
      <c r="RGV689" s="613"/>
      <c r="RGW689" s="613"/>
      <c r="RGX689" s="613"/>
      <c r="RGY689" s="613"/>
      <c r="RGZ689" s="613"/>
      <c r="RHA689" s="613"/>
      <c r="RHB689" s="613"/>
      <c r="RHC689" s="613"/>
      <c r="RHD689" s="613"/>
      <c r="RHE689" s="613"/>
      <c r="RHF689" s="613"/>
      <c r="RHG689" s="613"/>
      <c r="RHH689" s="613"/>
      <c r="RHI689" s="613"/>
      <c r="RHJ689" s="613"/>
      <c r="RHK689" s="613"/>
      <c r="RHL689" s="613"/>
      <c r="RHM689" s="613"/>
      <c r="RHN689" s="613"/>
      <c r="RHO689" s="613"/>
      <c r="RHP689" s="613"/>
      <c r="RHQ689" s="613"/>
      <c r="RHR689" s="613"/>
      <c r="RHS689" s="613"/>
      <c r="RHT689" s="613"/>
      <c r="RHU689" s="613"/>
      <c r="RHV689" s="613"/>
      <c r="RHW689" s="613"/>
      <c r="RHX689" s="613"/>
      <c r="RHY689" s="613"/>
      <c r="RHZ689" s="613"/>
      <c r="RIA689" s="613"/>
      <c r="RIB689" s="613"/>
      <c r="RIC689" s="613"/>
      <c r="RID689" s="613"/>
      <c r="RIE689" s="613"/>
      <c r="RIF689" s="613"/>
      <c r="RIG689" s="613"/>
      <c r="RIH689" s="613"/>
      <c r="RII689" s="613"/>
      <c r="RIJ689" s="613"/>
      <c r="RIK689" s="613"/>
      <c r="RIL689" s="613"/>
      <c r="RIM689" s="613"/>
      <c r="RIN689" s="613"/>
      <c r="RIO689" s="613"/>
      <c r="RIP689" s="613"/>
      <c r="RIQ689" s="613"/>
      <c r="RIR689" s="613"/>
      <c r="RIS689" s="613"/>
      <c r="RIT689" s="613"/>
      <c r="RIU689" s="613"/>
      <c r="RIV689" s="613"/>
      <c r="RIW689" s="613"/>
      <c r="RIX689" s="613"/>
      <c r="RIY689" s="613"/>
      <c r="RIZ689" s="613"/>
      <c r="RJA689" s="613"/>
      <c r="RJB689" s="613"/>
      <c r="RJC689" s="613"/>
      <c r="RJD689" s="613"/>
      <c r="RJE689" s="613"/>
      <c r="RJF689" s="613"/>
      <c r="RJG689" s="613"/>
      <c r="RJH689" s="613"/>
      <c r="RJI689" s="613"/>
      <c r="RJJ689" s="613"/>
      <c r="RJK689" s="613"/>
      <c r="RJL689" s="613"/>
      <c r="RJM689" s="613"/>
      <c r="RJN689" s="613"/>
      <c r="RJO689" s="613"/>
      <c r="RJP689" s="613"/>
      <c r="RJQ689" s="613"/>
      <c r="RJR689" s="613"/>
      <c r="RJS689" s="613"/>
      <c r="RJT689" s="613"/>
      <c r="RJU689" s="613"/>
      <c r="RJV689" s="613"/>
      <c r="RJW689" s="613"/>
      <c r="RJX689" s="613"/>
      <c r="RJY689" s="613"/>
      <c r="RJZ689" s="613"/>
      <c r="RKA689" s="613"/>
      <c r="RKB689" s="613"/>
      <c r="RKC689" s="613"/>
      <c r="RKD689" s="613"/>
      <c r="RKE689" s="613"/>
      <c r="RKF689" s="613"/>
      <c r="RKG689" s="613"/>
      <c r="RKH689" s="613"/>
      <c r="RKI689" s="613"/>
      <c r="RKJ689" s="613"/>
      <c r="RKK689" s="613"/>
      <c r="RKL689" s="613"/>
      <c r="RKM689" s="613"/>
      <c r="RKN689" s="613"/>
      <c r="RKO689" s="613"/>
      <c r="RKP689" s="613"/>
      <c r="RKQ689" s="613"/>
      <c r="RKR689" s="613"/>
      <c r="RKS689" s="613"/>
      <c r="RKT689" s="613"/>
      <c r="RKU689" s="613"/>
      <c r="RKV689" s="613"/>
      <c r="RKW689" s="613"/>
      <c r="RKX689" s="613"/>
      <c r="RKY689" s="613"/>
      <c r="RKZ689" s="613"/>
      <c r="RLA689" s="613"/>
      <c r="RLB689" s="613"/>
      <c r="RLC689" s="613"/>
      <c r="RLD689" s="613"/>
      <c r="RLE689" s="613"/>
      <c r="RLF689" s="613"/>
      <c r="RLG689" s="613"/>
      <c r="RLH689" s="613"/>
      <c r="RLI689" s="613"/>
      <c r="RLJ689" s="613"/>
      <c r="RLK689" s="613"/>
      <c r="RLL689" s="613"/>
      <c r="RLM689" s="613"/>
      <c r="RLN689" s="613"/>
      <c r="RLO689" s="613"/>
      <c r="RLP689" s="613"/>
      <c r="RLQ689" s="613"/>
      <c r="RLR689" s="613"/>
      <c r="RLS689" s="613"/>
      <c r="RLT689" s="613"/>
      <c r="RLU689" s="613"/>
      <c r="RLV689" s="613"/>
      <c r="RLW689" s="613"/>
      <c r="RLX689" s="613"/>
      <c r="RLY689" s="613"/>
      <c r="RLZ689" s="613"/>
      <c r="RMA689" s="613"/>
      <c r="RMB689" s="613"/>
      <c r="RMC689" s="613"/>
      <c r="RMD689" s="613"/>
      <c r="RME689" s="613"/>
      <c r="RMF689" s="613"/>
      <c r="RMG689" s="613"/>
      <c r="RMH689" s="613"/>
      <c r="RMI689" s="613"/>
      <c r="RMJ689" s="613"/>
      <c r="RMK689" s="613"/>
      <c r="RML689" s="613"/>
      <c r="RMM689" s="613"/>
      <c r="RMN689" s="613"/>
      <c r="RMO689" s="613"/>
      <c r="RMP689" s="613"/>
      <c r="RMQ689" s="613"/>
      <c r="RMR689" s="613"/>
      <c r="RMS689" s="613"/>
      <c r="RMT689" s="613"/>
      <c r="RMU689" s="613"/>
      <c r="RMV689" s="613"/>
      <c r="RMW689" s="613"/>
      <c r="RMX689" s="613"/>
      <c r="RMY689" s="613"/>
      <c r="RMZ689" s="613"/>
      <c r="RNA689" s="613"/>
      <c r="RNB689" s="613"/>
      <c r="RNC689" s="613"/>
      <c r="RND689" s="613"/>
      <c r="RNE689" s="613"/>
      <c r="RNF689" s="613"/>
      <c r="RNG689" s="613"/>
      <c r="RNH689" s="613"/>
      <c r="RNI689" s="613"/>
      <c r="RNJ689" s="613"/>
      <c r="RNK689" s="613"/>
      <c r="RNL689" s="613"/>
      <c r="RNM689" s="613"/>
      <c r="RNN689" s="613"/>
      <c r="RNO689" s="613"/>
      <c r="RNP689" s="613"/>
      <c r="RNQ689" s="613"/>
      <c r="RNR689" s="613"/>
      <c r="RNS689" s="613"/>
      <c r="RNT689" s="613"/>
      <c r="RNU689" s="613"/>
      <c r="RNV689" s="613"/>
      <c r="RNW689" s="613"/>
      <c r="RNX689" s="613"/>
      <c r="RNY689" s="613"/>
      <c r="RNZ689" s="613"/>
      <c r="ROA689" s="613"/>
      <c r="ROB689" s="613"/>
      <c r="ROC689" s="613"/>
      <c r="ROD689" s="613"/>
      <c r="ROE689" s="613"/>
      <c r="ROF689" s="613"/>
      <c r="ROG689" s="613"/>
      <c r="ROH689" s="613"/>
      <c r="ROI689" s="613"/>
      <c r="ROJ689" s="613"/>
      <c r="ROK689" s="613"/>
      <c r="ROL689" s="613"/>
      <c r="ROM689" s="613"/>
      <c r="RON689" s="613"/>
      <c r="ROO689" s="613"/>
      <c r="ROP689" s="613"/>
      <c r="ROQ689" s="613"/>
      <c r="ROR689" s="613"/>
      <c r="ROS689" s="613"/>
      <c r="ROT689" s="613"/>
      <c r="ROU689" s="613"/>
      <c r="ROV689" s="613"/>
      <c r="ROW689" s="613"/>
      <c r="ROX689" s="613"/>
      <c r="ROY689" s="613"/>
      <c r="ROZ689" s="613"/>
      <c r="RPA689" s="613"/>
      <c r="RPB689" s="613"/>
      <c r="RPC689" s="613"/>
      <c r="RPD689" s="613"/>
      <c r="RPE689" s="613"/>
      <c r="RPF689" s="613"/>
      <c r="RPG689" s="613"/>
      <c r="RPH689" s="613"/>
      <c r="RPI689" s="613"/>
      <c r="RPJ689" s="613"/>
      <c r="RPK689" s="613"/>
      <c r="RPL689" s="613"/>
      <c r="RPM689" s="613"/>
      <c r="RPN689" s="613"/>
      <c r="RPO689" s="613"/>
      <c r="RPP689" s="613"/>
      <c r="RPQ689" s="613"/>
      <c r="RPR689" s="613"/>
      <c r="RPS689" s="613"/>
      <c r="RPT689" s="613"/>
      <c r="RPU689" s="613"/>
      <c r="RPV689" s="613"/>
      <c r="RPW689" s="613"/>
      <c r="RPX689" s="613"/>
      <c r="RPY689" s="613"/>
      <c r="RPZ689" s="613"/>
      <c r="RQA689" s="613"/>
      <c r="RQB689" s="613"/>
      <c r="RQC689" s="613"/>
      <c r="RQD689" s="613"/>
      <c r="RQE689" s="613"/>
      <c r="RQF689" s="613"/>
      <c r="RQG689" s="613"/>
      <c r="RQH689" s="613"/>
      <c r="RQI689" s="613"/>
      <c r="RQJ689" s="613"/>
      <c r="RQK689" s="613"/>
      <c r="RQL689" s="613"/>
      <c r="RQM689" s="613"/>
      <c r="RQN689" s="613"/>
      <c r="RQO689" s="613"/>
      <c r="RQP689" s="613"/>
      <c r="RQQ689" s="613"/>
      <c r="RQR689" s="613"/>
      <c r="RQS689" s="613"/>
      <c r="RQT689" s="613"/>
      <c r="RQU689" s="613"/>
      <c r="RQV689" s="613"/>
      <c r="RQW689" s="613"/>
      <c r="RQX689" s="613"/>
      <c r="RQY689" s="613"/>
      <c r="RQZ689" s="613"/>
      <c r="RRA689" s="613"/>
      <c r="RRB689" s="613"/>
      <c r="RRC689" s="613"/>
      <c r="RRD689" s="613"/>
      <c r="RRE689" s="613"/>
      <c r="RRF689" s="613"/>
      <c r="RRG689" s="613"/>
      <c r="RRH689" s="613"/>
      <c r="RRI689" s="613"/>
      <c r="RRJ689" s="613"/>
      <c r="RRK689" s="613"/>
      <c r="RRL689" s="613"/>
      <c r="RRM689" s="613"/>
      <c r="RRN689" s="613"/>
      <c r="RRO689" s="613"/>
      <c r="RRP689" s="613"/>
      <c r="RRQ689" s="613"/>
      <c r="RRR689" s="613"/>
      <c r="RRS689" s="613"/>
      <c r="RRT689" s="613"/>
      <c r="RRU689" s="613"/>
      <c r="RRV689" s="613"/>
      <c r="RRW689" s="613"/>
      <c r="RRX689" s="613"/>
      <c r="RRY689" s="613"/>
      <c r="RRZ689" s="613"/>
      <c r="RSA689" s="613"/>
      <c r="RSB689" s="613"/>
      <c r="RSC689" s="613"/>
      <c r="RSD689" s="613"/>
      <c r="RSE689" s="613"/>
      <c r="RSF689" s="613"/>
      <c r="RSG689" s="613"/>
      <c r="RSH689" s="613"/>
      <c r="RSI689" s="613"/>
      <c r="RSJ689" s="613"/>
      <c r="RSK689" s="613"/>
      <c r="RSL689" s="613"/>
      <c r="RSM689" s="613"/>
      <c r="RSN689" s="613"/>
      <c r="RSO689" s="613"/>
      <c r="RSP689" s="613"/>
      <c r="RSQ689" s="613"/>
      <c r="RSR689" s="613"/>
      <c r="RSS689" s="613"/>
      <c r="RST689" s="613"/>
      <c r="RSU689" s="613"/>
      <c r="RSV689" s="613"/>
      <c r="RSW689" s="613"/>
      <c r="RSX689" s="613"/>
      <c r="RSY689" s="613"/>
      <c r="RSZ689" s="613"/>
      <c r="RTA689" s="613"/>
      <c r="RTB689" s="613"/>
      <c r="RTC689" s="613"/>
      <c r="RTD689" s="613"/>
      <c r="RTE689" s="613"/>
      <c r="RTF689" s="613"/>
      <c r="RTG689" s="613"/>
      <c r="RTH689" s="613"/>
      <c r="RTI689" s="613"/>
      <c r="RTJ689" s="613"/>
      <c r="RTK689" s="613"/>
      <c r="RTL689" s="613"/>
      <c r="RTM689" s="613"/>
      <c r="RTN689" s="613"/>
      <c r="RTO689" s="613"/>
      <c r="RTP689" s="613"/>
      <c r="RTQ689" s="613"/>
      <c r="RTR689" s="613"/>
      <c r="RTS689" s="613"/>
      <c r="RTT689" s="613"/>
      <c r="RTU689" s="613"/>
      <c r="RTV689" s="613"/>
      <c r="RTW689" s="613"/>
      <c r="RTX689" s="613"/>
      <c r="RTY689" s="613"/>
      <c r="RTZ689" s="613"/>
      <c r="RUA689" s="613"/>
      <c r="RUB689" s="613"/>
      <c r="RUC689" s="613"/>
      <c r="RUD689" s="613"/>
      <c r="RUE689" s="613"/>
      <c r="RUF689" s="613"/>
      <c r="RUG689" s="613"/>
      <c r="RUH689" s="613"/>
      <c r="RUI689" s="613"/>
      <c r="RUJ689" s="613"/>
      <c r="RUK689" s="613"/>
      <c r="RUL689" s="613"/>
      <c r="RUM689" s="613"/>
      <c r="RUN689" s="613"/>
      <c r="RUO689" s="613"/>
      <c r="RUP689" s="613"/>
      <c r="RUQ689" s="613"/>
      <c r="RUR689" s="613"/>
      <c r="RUS689" s="613"/>
      <c r="RUT689" s="613"/>
      <c r="RUU689" s="613"/>
      <c r="RUV689" s="613"/>
      <c r="RUW689" s="613"/>
      <c r="RUX689" s="613"/>
      <c r="RUY689" s="613"/>
      <c r="RUZ689" s="613"/>
      <c r="RVA689" s="613"/>
      <c r="RVB689" s="613"/>
      <c r="RVC689" s="613"/>
      <c r="RVD689" s="613"/>
      <c r="RVE689" s="613"/>
      <c r="RVF689" s="613"/>
      <c r="RVG689" s="613"/>
      <c r="RVH689" s="613"/>
      <c r="RVI689" s="613"/>
      <c r="RVJ689" s="613"/>
      <c r="RVK689" s="613"/>
      <c r="RVL689" s="613"/>
      <c r="RVM689" s="613"/>
      <c r="RVN689" s="613"/>
      <c r="RVO689" s="613"/>
      <c r="RVP689" s="613"/>
      <c r="RVQ689" s="613"/>
      <c r="RVR689" s="613"/>
      <c r="RVS689" s="613"/>
      <c r="RVT689" s="613"/>
      <c r="RVU689" s="613"/>
      <c r="RVV689" s="613"/>
      <c r="RVW689" s="613"/>
      <c r="RVX689" s="613"/>
      <c r="RVY689" s="613"/>
      <c r="RVZ689" s="613"/>
      <c r="RWA689" s="613"/>
      <c r="RWB689" s="613"/>
      <c r="RWC689" s="613"/>
      <c r="RWD689" s="613"/>
      <c r="RWE689" s="613"/>
      <c r="RWF689" s="613"/>
      <c r="RWG689" s="613"/>
      <c r="RWH689" s="613"/>
      <c r="RWI689" s="613"/>
      <c r="RWJ689" s="613"/>
      <c r="RWK689" s="613"/>
      <c r="RWL689" s="613"/>
      <c r="RWM689" s="613"/>
      <c r="RWN689" s="613"/>
      <c r="RWO689" s="613"/>
      <c r="RWP689" s="613"/>
      <c r="RWQ689" s="613"/>
      <c r="RWR689" s="613"/>
      <c r="RWS689" s="613"/>
      <c r="RWT689" s="613"/>
      <c r="RWU689" s="613"/>
      <c r="RWV689" s="613"/>
      <c r="RWW689" s="613"/>
      <c r="RWX689" s="613"/>
      <c r="RWY689" s="613"/>
      <c r="RWZ689" s="613"/>
      <c r="RXA689" s="613"/>
      <c r="RXB689" s="613"/>
      <c r="RXC689" s="613"/>
      <c r="RXD689" s="613"/>
      <c r="RXE689" s="613"/>
      <c r="RXF689" s="613"/>
      <c r="RXG689" s="613"/>
      <c r="RXH689" s="613"/>
      <c r="RXI689" s="613"/>
      <c r="RXJ689" s="613"/>
      <c r="RXK689" s="613"/>
      <c r="RXL689" s="613"/>
      <c r="RXM689" s="613"/>
      <c r="RXN689" s="613"/>
      <c r="RXO689" s="613"/>
      <c r="RXP689" s="613"/>
      <c r="RXQ689" s="613"/>
      <c r="RXR689" s="613"/>
      <c r="RXS689" s="613"/>
      <c r="RXT689" s="613"/>
      <c r="RXU689" s="613"/>
      <c r="RXV689" s="613"/>
      <c r="RXW689" s="613"/>
      <c r="RXX689" s="613"/>
      <c r="RXY689" s="613"/>
      <c r="RXZ689" s="613"/>
      <c r="RYA689" s="613"/>
      <c r="RYB689" s="613"/>
      <c r="RYC689" s="613"/>
      <c r="RYD689" s="613"/>
      <c r="RYE689" s="613"/>
      <c r="RYF689" s="613"/>
      <c r="RYG689" s="613"/>
      <c r="RYH689" s="613"/>
      <c r="RYI689" s="613"/>
      <c r="RYJ689" s="613"/>
      <c r="RYK689" s="613"/>
      <c r="RYL689" s="613"/>
      <c r="RYM689" s="613"/>
      <c r="RYN689" s="613"/>
      <c r="RYO689" s="613"/>
      <c r="RYP689" s="613"/>
      <c r="RYQ689" s="613"/>
      <c r="RYR689" s="613"/>
      <c r="RYS689" s="613"/>
      <c r="RYT689" s="613"/>
      <c r="RYU689" s="613"/>
      <c r="RYV689" s="613"/>
      <c r="RYW689" s="613"/>
      <c r="RYX689" s="613"/>
      <c r="RYY689" s="613"/>
      <c r="RYZ689" s="613"/>
      <c r="RZA689" s="613"/>
      <c r="RZB689" s="613"/>
      <c r="RZC689" s="613"/>
      <c r="RZD689" s="613"/>
      <c r="RZE689" s="613"/>
      <c r="RZF689" s="613"/>
      <c r="RZG689" s="613"/>
      <c r="RZH689" s="613"/>
      <c r="RZI689" s="613"/>
      <c r="RZJ689" s="613"/>
      <c r="RZK689" s="613"/>
      <c r="RZL689" s="613"/>
      <c r="RZM689" s="613"/>
      <c r="RZN689" s="613"/>
      <c r="RZO689" s="613"/>
      <c r="RZP689" s="613"/>
      <c r="RZQ689" s="613"/>
      <c r="RZR689" s="613"/>
      <c r="RZS689" s="613"/>
      <c r="RZT689" s="613"/>
      <c r="RZU689" s="613"/>
      <c r="RZV689" s="613"/>
      <c r="RZW689" s="613"/>
      <c r="RZX689" s="613"/>
      <c r="RZY689" s="613"/>
      <c r="RZZ689" s="613"/>
      <c r="SAA689" s="613"/>
      <c r="SAB689" s="613"/>
      <c r="SAC689" s="613"/>
      <c r="SAD689" s="613"/>
      <c r="SAE689" s="613"/>
      <c r="SAF689" s="613"/>
      <c r="SAG689" s="613"/>
      <c r="SAH689" s="613"/>
      <c r="SAI689" s="613"/>
      <c r="SAJ689" s="613"/>
      <c r="SAK689" s="613"/>
      <c r="SAL689" s="613"/>
      <c r="SAM689" s="613"/>
      <c r="SAN689" s="613"/>
      <c r="SAO689" s="613"/>
      <c r="SAP689" s="613"/>
      <c r="SAQ689" s="613"/>
      <c r="SAR689" s="613"/>
      <c r="SAS689" s="613"/>
      <c r="SAT689" s="613"/>
      <c r="SAU689" s="613"/>
      <c r="SAV689" s="613"/>
      <c r="SAW689" s="613"/>
      <c r="SAX689" s="613"/>
      <c r="SAY689" s="613"/>
      <c r="SAZ689" s="613"/>
      <c r="SBA689" s="613"/>
      <c r="SBB689" s="613"/>
      <c r="SBC689" s="613"/>
      <c r="SBD689" s="613"/>
      <c r="SBE689" s="613"/>
      <c r="SBF689" s="613"/>
      <c r="SBG689" s="613"/>
      <c r="SBH689" s="613"/>
      <c r="SBI689" s="613"/>
      <c r="SBJ689" s="613"/>
      <c r="SBK689" s="613"/>
      <c r="SBL689" s="613"/>
      <c r="SBM689" s="613"/>
      <c r="SBN689" s="613"/>
      <c r="SBO689" s="613"/>
      <c r="SBP689" s="613"/>
      <c r="SBQ689" s="613"/>
      <c r="SBR689" s="613"/>
      <c r="SBS689" s="613"/>
      <c r="SBT689" s="613"/>
      <c r="SBU689" s="613"/>
      <c r="SBV689" s="613"/>
      <c r="SBW689" s="613"/>
      <c r="SBX689" s="613"/>
      <c r="SBY689" s="613"/>
      <c r="SBZ689" s="613"/>
      <c r="SCA689" s="613"/>
      <c r="SCB689" s="613"/>
      <c r="SCC689" s="613"/>
      <c r="SCD689" s="613"/>
      <c r="SCE689" s="613"/>
      <c r="SCF689" s="613"/>
      <c r="SCG689" s="613"/>
      <c r="SCH689" s="613"/>
      <c r="SCI689" s="613"/>
      <c r="SCJ689" s="613"/>
      <c r="SCK689" s="613"/>
      <c r="SCL689" s="613"/>
      <c r="SCM689" s="613"/>
      <c r="SCN689" s="613"/>
      <c r="SCO689" s="613"/>
      <c r="SCP689" s="613"/>
      <c r="SCQ689" s="613"/>
      <c r="SCR689" s="613"/>
      <c r="SCS689" s="613"/>
      <c r="SCT689" s="613"/>
      <c r="SCU689" s="613"/>
      <c r="SCV689" s="613"/>
      <c r="SCW689" s="613"/>
      <c r="SCX689" s="613"/>
      <c r="SCY689" s="613"/>
      <c r="SCZ689" s="613"/>
      <c r="SDA689" s="613"/>
      <c r="SDB689" s="613"/>
      <c r="SDC689" s="613"/>
      <c r="SDD689" s="613"/>
      <c r="SDE689" s="613"/>
      <c r="SDF689" s="613"/>
      <c r="SDG689" s="613"/>
      <c r="SDH689" s="613"/>
      <c r="SDI689" s="613"/>
      <c r="SDJ689" s="613"/>
      <c r="SDK689" s="613"/>
      <c r="SDL689" s="613"/>
      <c r="SDM689" s="613"/>
      <c r="SDN689" s="613"/>
      <c r="SDO689" s="613"/>
      <c r="SDP689" s="613"/>
      <c r="SDQ689" s="613"/>
      <c r="SDR689" s="613"/>
      <c r="SDS689" s="613"/>
      <c r="SDT689" s="613"/>
      <c r="SDU689" s="613"/>
      <c r="SDV689" s="613"/>
      <c r="SDW689" s="613"/>
      <c r="SDX689" s="613"/>
      <c r="SDY689" s="613"/>
      <c r="SDZ689" s="613"/>
      <c r="SEA689" s="613"/>
      <c r="SEB689" s="613"/>
      <c r="SEC689" s="613"/>
      <c r="SED689" s="613"/>
      <c r="SEE689" s="613"/>
      <c r="SEF689" s="613"/>
      <c r="SEG689" s="613"/>
      <c r="SEH689" s="613"/>
      <c r="SEI689" s="613"/>
      <c r="SEJ689" s="613"/>
      <c r="SEK689" s="613"/>
      <c r="SEL689" s="613"/>
      <c r="SEM689" s="613"/>
      <c r="SEN689" s="613"/>
      <c r="SEO689" s="613"/>
      <c r="SEP689" s="613"/>
      <c r="SEQ689" s="613"/>
      <c r="SER689" s="613"/>
      <c r="SES689" s="613"/>
      <c r="SET689" s="613"/>
      <c r="SEU689" s="613"/>
      <c r="SEV689" s="613"/>
      <c r="SEW689" s="613"/>
      <c r="SEX689" s="613"/>
      <c r="SEY689" s="613"/>
      <c r="SEZ689" s="613"/>
      <c r="SFA689" s="613"/>
      <c r="SFB689" s="613"/>
      <c r="SFC689" s="613"/>
      <c r="SFD689" s="613"/>
      <c r="SFE689" s="613"/>
      <c r="SFF689" s="613"/>
      <c r="SFG689" s="613"/>
      <c r="SFH689" s="613"/>
      <c r="SFI689" s="613"/>
      <c r="SFJ689" s="613"/>
      <c r="SFK689" s="613"/>
      <c r="SFL689" s="613"/>
      <c r="SFM689" s="613"/>
      <c r="SFN689" s="613"/>
      <c r="SFO689" s="613"/>
      <c r="SFP689" s="613"/>
      <c r="SFQ689" s="613"/>
      <c r="SFR689" s="613"/>
      <c r="SFS689" s="613"/>
      <c r="SFT689" s="613"/>
      <c r="SFU689" s="613"/>
      <c r="SFV689" s="613"/>
      <c r="SFW689" s="613"/>
      <c r="SFX689" s="613"/>
      <c r="SFY689" s="613"/>
      <c r="SFZ689" s="613"/>
      <c r="SGA689" s="613"/>
      <c r="SGB689" s="613"/>
      <c r="SGC689" s="613"/>
      <c r="SGD689" s="613"/>
      <c r="SGE689" s="613"/>
      <c r="SGF689" s="613"/>
      <c r="SGG689" s="613"/>
      <c r="SGH689" s="613"/>
      <c r="SGI689" s="613"/>
      <c r="SGJ689" s="613"/>
      <c r="SGK689" s="613"/>
      <c r="SGL689" s="613"/>
      <c r="SGM689" s="613"/>
      <c r="SGN689" s="613"/>
      <c r="SGO689" s="613"/>
      <c r="SGP689" s="613"/>
      <c r="SGQ689" s="613"/>
      <c r="SGR689" s="613"/>
      <c r="SGS689" s="613"/>
      <c r="SGT689" s="613"/>
      <c r="SGU689" s="613"/>
      <c r="SGV689" s="613"/>
      <c r="SGW689" s="613"/>
      <c r="SGX689" s="613"/>
      <c r="SGY689" s="613"/>
      <c r="SGZ689" s="613"/>
      <c r="SHA689" s="613"/>
      <c r="SHB689" s="613"/>
      <c r="SHC689" s="613"/>
      <c r="SHD689" s="613"/>
      <c r="SHE689" s="613"/>
      <c r="SHF689" s="613"/>
      <c r="SHG689" s="613"/>
      <c r="SHH689" s="613"/>
      <c r="SHI689" s="613"/>
      <c r="SHJ689" s="613"/>
      <c r="SHK689" s="613"/>
      <c r="SHL689" s="613"/>
      <c r="SHM689" s="613"/>
      <c r="SHN689" s="613"/>
      <c r="SHO689" s="613"/>
      <c r="SHP689" s="613"/>
      <c r="SHQ689" s="613"/>
      <c r="SHR689" s="613"/>
      <c r="SHS689" s="613"/>
      <c r="SHT689" s="613"/>
      <c r="SHU689" s="613"/>
      <c r="SHV689" s="613"/>
      <c r="SHW689" s="613"/>
      <c r="SHX689" s="613"/>
      <c r="SHY689" s="613"/>
      <c r="SHZ689" s="613"/>
      <c r="SIA689" s="613"/>
      <c r="SIB689" s="613"/>
      <c r="SIC689" s="613"/>
      <c r="SID689" s="613"/>
      <c r="SIE689" s="613"/>
      <c r="SIF689" s="613"/>
      <c r="SIG689" s="613"/>
      <c r="SIH689" s="613"/>
      <c r="SII689" s="613"/>
      <c r="SIJ689" s="613"/>
      <c r="SIK689" s="613"/>
      <c r="SIL689" s="613"/>
      <c r="SIM689" s="613"/>
      <c r="SIN689" s="613"/>
      <c r="SIO689" s="613"/>
      <c r="SIP689" s="613"/>
      <c r="SIQ689" s="613"/>
      <c r="SIR689" s="613"/>
      <c r="SIS689" s="613"/>
      <c r="SIT689" s="613"/>
      <c r="SIU689" s="613"/>
      <c r="SIV689" s="613"/>
      <c r="SIW689" s="613"/>
      <c r="SIX689" s="613"/>
      <c r="SIY689" s="613"/>
      <c r="SIZ689" s="613"/>
      <c r="SJA689" s="613"/>
      <c r="SJB689" s="613"/>
      <c r="SJC689" s="613"/>
      <c r="SJD689" s="613"/>
      <c r="SJE689" s="613"/>
      <c r="SJF689" s="613"/>
      <c r="SJG689" s="613"/>
      <c r="SJH689" s="613"/>
      <c r="SJI689" s="613"/>
      <c r="SJJ689" s="613"/>
      <c r="SJK689" s="613"/>
      <c r="SJL689" s="613"/>
      <c r="SJM689" s="613"/>
      <c r="SJN689" s="613"/>
      <c r="SJO689" s="613"/>
      <c r="SJP689" s="613"/>
      <c r="SJQ689" s="613"/>
      <c r="SJR689" s="613"/>
      <c r="SJS689" s="613"/>
      <c r="SJT689" s="613"/>
      <c r="SJU689" s="613"/>
      <c r="SJV689" s="613"/>
      <c r="SJW689" s="613"/>
      <c r="SJX689" s="613"/>
      <c r="SJY689" s="613"/>
      <c r="SJZ689" s="613"/>
      <c r="SKA689" s="613"/>
      <c r="SKB689" s="613"/>
      <c r="SKC689" s="613"/>
      <c r="SKD689" s="613"/>
      <c r="SKE689" s="613"/>
      <c r="SKF689" s="613"/>
      <c r="SKG689" s="613"/>
      <c r="SKH689" s="613"/>
      <c r="SKI689" s="613"/>
      <c r="SKJ689" s="613"/>
      <c r="SKK689" s="613"/>
      <c r="SKL689" s="613"/>
      <c r="SKM689" s="613"/>
      <c r="SKN689" s="613"/>
      <c r="SKO689" s="613"/>
      <c r="SKP689" s="613"/>
      <c r="SKQ689" s="613"/>
      <c r="SKR689" s="613"/>
      <c r="SKS689" s="613"/>
      <c r="SKT689" s="613"/>
      <c r="SKU689" s="613"/>
      <c r="SKV689" s="613"/>
      <c r="SKW689" s="613"/>
      <c r="SKX689" s="613"/>
      <c r="SKY689" s="613"/>
      <c r="SKZ689" s="613"/>
      <c r="SLA689" s="613"/>
      <c r="SLB689" s="613"/>
      <c r="SLC689" s="613"/>
      <c r="SLD689" s="613"/>
      <c r="SLE689" s="613"/>
      <c r="SLF689" s="613"/>
      <c r="SLG689" s="613"/>
      <c r="SLH689" s="613"/>
      <c r="SLI689" s="613"/>
      <c r="SLJ689" s="613"/>
      <c r="SLK689" s="613"/>
      <c r="SLL689" s="613"/>
      <c r="SLM689" s="613"/>
      <c r="SLN689" s="613"/>
      <c r="SLO689" s="613"/>
      <c r="SLP689" s="613"/>
      <c r="SLQ689" s="613"/>
      <c r="SLR689" s="613"/>
      <c r="SLS689" s="613"/>
      <c r="SLT689" s="613"/>
      <c r="SLU689" s="613"/>
      <c r="SLV689" s="613"/>
      <c r="SLW689" s="613"/>
      <c r="SLX689" s="613"/>
      <c r="SLY689" s="613"/>
      <c r="SLZ689" s="613"/>
      <c r="SMA689" s="613"/>
      <c r="SMB689" s="613"/>
      <c r="SMC689" s="613"/>
      <c r="SMD689" s="613"/>
      <c r="SME689" s="613"/>
      <c r="SMF689" s="613"/>
      <c r="SMG689" s="613"/>
      <c r="SMH689" s="613"/>
      <c r="SMI689" s="613"/>
      <c r="SMJ689" s="613"/>
      <c r="SMK689" s="613"/>
      <c r="SML689" s="613"/>
      <c r="SMM689" s="613"/>
      <c r="SMN689" s="613"/>
      <c r="SMO689" s="613"/>
      <c r="SMP689" s="613"/>
      <c r="SMQ689" s="613"/>
      <c r="SMR689" s="613"/>
      <c r="SMS689" s="613"/>
      <c r="SMT689" s="613"/>
      <c r="SMU689" s="613"/>
      <c r="SMV689" s="613"/>
      <c r="SMW689" s="613"/>
      <c r="SMX689" s="613"/>
      <c r="SMY689" s="613"/>
      <c r="SMZ689" s="613"/>
      <c r="SNA689" s="613"/>
      <c r="SNB689" s="613"/>
      <c r="SNC689" s="613"/>
      <c r="SND689" s="613"/>
      <c r="SNE689" s="613"/>
      <c r="SNF689" s="613"/>
      <c r="SNG689" s="613"/>
      <c r="SNH689" s="613"/>
      <c r="SNI689" s="613"/>
      <c r="SNJ689" s="613"/>
      <c r="SNK689" s="613"/>
      <c r="SNL689" s="613"/>
      <c r="SNM689" s="613"/>
      <c r="SNN689" s="613"/>
      <c r="SNO689" s="613"/>
      <c r="SNP689" s="613"/>
      <c r="SNQ689" s="613"/>
      <c r="SNR689" s="613"/>
      <c r="SNS689" s="613"/>
      <c r="SNT689" s="613"/>
      <c r="SNU689" s="613"/>
      <c r="SNV689" s="613"/>
      <c r="SNW689" s="613"/>
      <c r="SNX689" s="613"/>
      <c r="SNY689" s="613"/>
      <c r="SNZ689" s="613"/>
      <c r="SOA689" s="613"/>
      <c r="SOB689" s="613"/>
      <c r="SOC689" s="613"/>
      <c r="SOD689" s="613"/>
      <c r="SOE689" s="613"/>
      <c r="SOF689" s="613"/>
      <c r="SOG689" s="613"/>
      <c r="SOH689" s="613"/>
      <c r="SOI689" s="613"/>
      <c r="SOJ689" s="613"/>
      <c r="SOK689" s="613"/>
      <c r="SOL689" s="613"/>
      <c r="SOM689" s="613"/>
      <c r="SON689" s="613"/>
      <c r="SOO689" s="613"/>
      <c r="SOP689" s="613"/>
      <c r="SOQ689" s="613"/>
      <c r="SOR689" s="613"/>
      <c r="SOS689" s="613"/>
      <c r="SOT689" s="613"/>
      <c r="SOU689" s="613"/>
      <c r="SOV689" s="613"/>
      <c r="SOW689" s="613"/>
      <c r="SOX689" s="613"/>
      <c r="SOY689" s="613"/>
      <c r="SOZ689" s="613"/>
      <c r="SPA689" s="613"/>
      <c r="SPB689" s="613"/>
      <c r="SPC689" s="613"/>
      <c r="SPD689" s="613"/>
      <c r="SPE689" s="613"/>
      <c r="SPF689" s="613"/>
      <c r="SPG689" s="613"/>
      <c r="SPH689" s="613"/>
      <c r="SPI689" s="613"/>
      <c r="SPJ689" s="613"/>
      <c r="SPK689" s="613"/>
      <c r="SPL689" s="613"/>
      <c r="SPM689" s="613"/>
      <c r="SPN689" s="613"/>
      <c r="SPO689" s="613"/>
      <c r="SPP689" s="613"/>
      <c r="SPQ689" s="613"/>
      <c r="SPR689" s="613"/>
      <c r="SPS689" s="613"/>
      <c r="SPT689" s="613"/>
      <c r="SPU689" s="613"/>
      <c r="SPV689" s="613"/>
      <c r="SPW689" s="613"/>
      <c r="SPX689" s="613"/>
      <c r="SPY689" s="613"/>
      <c r="SPZ689" s="613"/>
      <c r="SQA689" s="613"/>
      <c r="SQB689" s="613"/>
      <c r="SQC689" s="613"/>
      <c r="SQD689" s="613"/>
      <c r="SQE689" s="613"/>
      <c r="SQF689" s="613"/>
      <c r="SQG689" s="613"/>
      <c r="SQH689" s="613"/>
      <c r="SQI689" s="613"/>
      <c r="SQJ689" s="613"/>
      <c r="SQK689" s="613"/>
      <c r="SQL689" s="613"/>
      <c r="SQM689" s="613"/>
      <c r="SQN689" s="613"/>
      <c r="SQO689" s="613"/>
      <c r="SQP689" s="613"/>
      <c r="SQQ689" s="613"/>
      <c r="SQR689" s="613"/>
      <c r="SQS689" s="613"/>
      <c r="SQT689" s="613"/>
      <c r="SQU689" s="613"/>
      <c r="SQV689" s="613"/>
      <c r="SQW689" s="613"/>
      <c r="SQX689" s="613"/>
      <c r="SQY689" s="613"/>
      <c r="SQZ689" s="613"/>
      <c r="SRA689" s="613"/>
      <c r="SRB689" s="613"/>
      <c r="SRC689" s="613"/>
      <c r="SRD689" s="613"/>
      <c r="SRE689" s="613"/>
      <c r="SRF689" s="613"/>
      <c r="SRG689" s="613"/>
      <c r="SRH689" s="613"/>
      <c r="SRI689" s="613"/>
      <c r="SRJ689" s="613"/>
      <c r="SRK689" s="613"/>
      <c r="SRL689" s="613"/>
      <c r="SRM689" s="613"/>
      <c r="SRN689" s="613"/>
      <c r="SRO689" s="613"/>
      <c r="SRP689" s="613"/>
      <c r="SRQ689" s="613"/>
      <c r="SRR689" s="613"/>
      <c r="SRS689" s="613"/>
      <c r="SRT689" s="613"/>
      <c r="SRU689" s="613"/>
      <c r="SRV689" s="613"/>
      <c r="SRW689" s="613"/>
      <c r="SRX689" s="613"/>
      <c r="SRY689" s="613"/>
      <c r="SRZ689" s="613"/>
      <c r="SSA689" s="613"/>
      <c r="SSB689" s="613"/>
      <c r="SSC689" s="613"/>
      <c r="SSD689" s="613"/>
      <c r="SSE689" s="613"/>
      <c r="SSF689" s="613"/>
      <c r="SSG689" s="613"/>
      <c r="SSH689" s="613"/>
      <c r="SSI689" s="613"/>
      <c r="SSJ689" s="613"/>
      <c r="SSK689" s="613"/>
      <c r="SSL689" s="613"/>
      <c r="SSM689" s="613"/>
      <c r="SSN689" s="613"/>
      <c r="SSO689" s="613"/>
      <c r="SSP689" s="613"/>
      <c r="SSQ689" s="613"/>
      <c r="SSR689" s="613"/>
      <c r="SSS689" s="613"/>
      <c r="SST689" s="613"/>
      <c r="SSU689" s="613"/>
      <c r="SSV689" s="613"/>
      <c r="SSW689" s="613"/>
      <c r="SSX689" s="613"/>
      <c r="SSY689" s="613"/>
      <c r="SSZ689" s="613"/>
      <c r="STA689" s="613"/>
      <c r="STB689" s="613"/>
      <c r="STC689" s="613"/>
      <c r="STD689" s="613"/>
      <c r="STE689" s="613"/>
      <c r="STF689" s="613"/>
      <c r="STG689" s="613"/>
      <c r="STH689" s="613"/>
      <c r="STI689" s="613"/>
      <c r="STJ689" s="613"/>
      <c r="STK689" s="613"/>
      <c r="STL689" s="613"/>
      <c r="STM689" s="613"/>
      <c r="STN689" s="613"/>
      <c r="STO689" s="613"/>
      <c r="STP689" s="613"/>
      <c r="STQ689" s="613"/>
      <c r="STR689" s="613"/>
      <c r="STS689" s="613"/>
      <c r="STT689" s="613"/>
      <c r="STU689" s="613"/>
      <c r="STV689" s="613"/>
      <c r="STW689" s="613"/>
      <c r="STX689" s="613"/>
      <c r="STY689" s="613"/>
      <c r="STZ689" s="613"/>
      <c r="SUA689" s="613"/>
      <c r="SUB689" s="613"/>
      <c r="SUC689" s="613"/>
      <c r="SUD689" s="613"/>
      <c r="SUE689" s="613"/>
      <c r="SUF689" s="613"/>
      <c r="SUG689" s="613"/>
      <c r="SUH689" s="613"/>
      <c r="SUI689" s="613"/>
      <c r="SUJ689" s="613"/>
      <c r="SUK689" s="613"/>
      <c r="SUL689" s="613"/>
      <c r="SUM689" s="613"/>
      <c r="SUN689" s="613"/>
      <c r="SUO689" s="613"/>
      <c r="SUP689" s="613"/>
      <c r="SUQ689" s="613"/>
      <c r="SUR689" s="613"/>
      <c r="SUS689" s="613"/>
      <c r="SUT689" s="613"/>
      <c r="SUU689" s="613"/>
      <c r="SUV689" s="613"/>
      <c r="SUW689" s="613"/>
      <c r="SUX689" s="613"/>
      <c r="SUY689" s="613"/>
      <c r="SUZ689" s="613"/>
      <c r="SVA689" s="613"/>
      <c r="SVB689" s="613"/>
      <c r="SVC689" s="613"/>
      <c r="SVD689" s="613"/>
      <c r="SVE689" s="613"/>
      <c r="SVF689" s="613"/>
      <c r="SVG689" s="613"/>
      <c r="SVH689" s="613"/>
      <c r="SVI689" s="613"/>
      <c r="SVJ689" s="613"/>
      <c r="SVK689" s="613"/>
      <c r="SVL689" s="613"/>
      <c r="SVM689" s="613"/>
      <c r="SVN689" s="613"/>
      <c r="SVO689" s="613"/>
      <c r="SVP689" s="613"/>
      <c r="SVQ689" s="613"/>
      <c r="SVR689" s="613"/>
      <c r="SVS689" s="613"/>
      <c r="SVT689" s="613"/>
      <c r="SVU689" s="613"/>
      <c r="SVV689" s="613"/>
      <c r="SVW689" s="613"/>
      <c r="SVX689" s="613"/>
      <c r="SVY689" s="613"/>
      <c r="SVZ689" s="613"/>
      <c r="SWA689" s="613"/>
      <c r="SWB689" s="613"/>
      <c r="SWC689" s="613"/>
      <c r="SWD689" s="613"/>
      <c r="SWE689" s="613"/>
      <c r="SWF689" s="613"/>
      <c r="SWG689" s="613"/>
      <c r="SWH689" s="613"/>
      <c r="SWI689" s="613"/>
      <c r="SWJ689" s="613"/>
      <c r="SWK689" s="613"/>
      <c r="SWL689" s="613"/>
      <c r="SWM689" s="613"/>
      <c r="SWN689" s="613"/>
      <c r="SWO689" s="613"/>
      <c r="SWP689" s="613"/>
      <c r="SWQ689" s="613"/>
      <c r="SWR689" s="613"/>
      <c r="SWS689" s="613"/>
      <c r="SWT689" s="613"/>
      <c r="SWU689" s="613"/>
      <c r="SWV689" s="613"/>
      <c r="SWW689" s="613"/>
      <c r="SWX689" s="613"/>
      <c r="SWY689" s="613"/>
      <c r="SWZ689" s="613"/>
      <c r="SXA689" s="613"/>
      <c r="SXB689" s="613"/>
      <c r="SXC689" s="613"/>
      <c r="SXD689" s="613"/>
      <c r="SXE689" s="613"/>
      <c r="SXF689" s="613"/>
      <c r="SXG689" s="613"/>
      <c r="SXH689" s="613"/>
      <c r="SXI689" s="613"/>
      <c r="SXJ689" s="613"/>
      <c r="SXK689" s="613"/>
      <c r="SXL689" s="613"/>
      <c r="SXM689" s="613"/>
      <c r="SXN689" s="613"/>
      <c r="SXO689" s="613"/>
      <c r="SXP689" s="613"/>
      <c r="SXQ689" s="613"/>
      <c r="SXR689" s="613"/>
      <c r="SXS689" s="613"/>
      <c r="SXT689" s="613"/>
      <c r="SXU689" s="613"/>
      <c r="SXV689" s="613"/>
      <c r="SXW689" s="613"/>
      <c r="SXX689" s="613"/>
      <c r="SXY689" s="613"/>
      <c r="SXZ689" s="613"/>
      <c r="SYA689" s="613"/>
      <c r="SYB689" s="613"/>
      <c r="SYC689" s="613"/>
      <c r="SYD689" s="613"/>
      <c r="SYE689" s="613"/>
      <c r="SYF689" s="613"/>
      <c r="SYG689" s="613"/>
      <c r="SYH689" s="613"/>
      <c r="SYI689" s="613"/>
      <c r="SYJ689" s="613"/>
      <c r="SYK689" s="613"/>
      <c r="SYL689" s="613"/>
      <c r="SYM689" s="613"/>
      <c r="SYN689" s="613"/>
      <c r="SYO689" s="613"/>
      <c r="SYP689" s="613"/>
      <c r="SYQ689" s="613"/>
      <c r="SYR689" s="613"/>
      <c r="SYS689" s="613"/>
      <c r="SYT689" s="613"/>
      <c r="SYU689" s="613"/>
      <c r="SYV689" s="613"/>
      <c r="SYW689" s="613"/>
      <c r="SYX689" s="613"/>
      <c r="SYY689" s="613"/>
      <c r="SYZ689" s="613"/>
      <c r="SZA689" s="613"/>
      <c r="SZB689" s="613"/>
      <c r="SZC689" s="613"/>
      <c r="SZD689" s="613"/>
      <c r="SZE689" s="613"/>
      <c r="SZF689" s="613"/>
      <c r="SZG689" s="613"/>
      <c r="SZH689" s="613"/>
      <c r="SZI689" s="613"/>
      <c r="SZJ689" s="613"/>
      <c r="SZK689" s="613"/>
      <c r="SZL689" s="613"/>
      <c r="SZM689" s="613"/>
      <c r="SZN689" s="613"/>
      <c r="SZO689" s="613"/>
      <c r="SZP689" s="613"/>
      <c r="SZQ689" s="613"/>
      <c r="SZR689" s="613"/>
      <c r="SZS689" s="613"/>
      <c r="SZT689" s="613"/>
      <c r="SZU689" s="613"/>
      <c r="SZV689" s="613"/>
      <c r="SZW689" s="613"/>
      <c r="SZX689" s="613"/>
      <c r="SZY689" s="613"/>
      <c r="SZZ689" s="613"/>
      <c r="TAA689" s="613"/>
      <c r="TAB689" s="613"/>
      <c r="TAC689" s="613"/>
      <c r="TAD689" s="613"/>
      <c r="TAE689" s="613"/>
      <c r="TAF689" s="613"/>
      <c r="TAG689" s="613"/>
      <c r="TAH689" s="613"/>
      <c r="TAI689" s="613"/>
      <c r="TAJ689" s="613"/>
      <c r="TAK689" s="613"/>
      <c r="TAL689" s="613"/>
      <c r="TAM689" s="613"/>
      <c r="TAN689" s="613"/>
      <c r="TAO689" s="613"/>
      <c r="TAP689" s="613"/>
      <c r="TAQ689" s="613"/>
      <c r="TAR689" s="613"/>
      <c r="TAS689" s="613"/>
      <c r="TAT689" s="613"/>
      <c r="TAU689" s="613"/>
      <c r="TAV689" s="613"/>
      <c r="TAW689" s="613"/>
      <c r="TAX689" s="613"/>
      <c r="TAY689" s="613"/>
      <c r="TAZ689" s="613"/>
      <c r="TBA689" s="613"/>
      <c r="TBB689" s="613"/>
      <c r="TBC689" s="613"/>
      <c r="TBD689" s="613"/>
      <c r="TBE689" s="613"/>
      <c r="TBF689" s="613"/>
      <c r="TBG689" s="613"/>
      <c r="TBH689" s="613"/>
      <c r="TBI689" s="613"/>
      <c r="TBJ689" s="613"/>
      <c r="TBK689" s="613"/>
      <c r="TBL689" s="613"/>
      <c r="TBM689" s="613"/>
      <c r="TBN689" s="613"/>
      <c r="TBO689" s="613"/>
      <c r="TBP689" s="613"/>
      <c r="TBQ689" s="613"/>
      <c r="TBR689" s="613"/>
      <c r="TBS689" s="613"/>
      <c r="TBT689" s="613"/>
      <c r="TBU689" s="613"/>
      <c r="TBV689" s="613"/>
      <c r="TBW689" s="613"/>
      <c r="TBX689" s="613"/>
      <c r="TBY689" s="613"/>
      <c r="TBZ689" s="613"/>
      <c r="TCA689" s="613"/>
      <c r="TCB689" s="613"/>
      <c r="TCC689" s="613"/>
      <c r="TCD689" s="613"/>
      <c r="TCE689" s="613"/>
      <c r="TCF689" s="613"/>
      <c r="TCG689" s="613"/>
      <c r="TCH689" s="613"/>
      <c r="TCI689" s="613"/>
      <c r="TCJ689" s="613"/>
      <c r="TCK689" s="613"/>
      <c r="TCL689" s="613"/>
      <c r="TCM689" s="613"/>
      <c r="TCN689" s="613"/>
      <c r="TCO689" s="613"/>
      <c r="TCP689" s="613"/>
      <c r="TCQ689" s="613"/>
      <c r="TCR689" s="613"/>
      <c r="TCS689" s="613"/>
      <c r="TCT689" s="613"/>
      <c r="TCU689" s="613"/>
      <c r="TCV689" s="613"/>
      <c r="TCW689" s="613"/>
      <c r="TCX689" s="613"/>
      <c r="TCY689" s="613"/>
      <c r="TCZ689" s="613"/>
      <c r="TDA689" s="613"/>
      <c r="TDB689" s="613"/>
      <c r="TDC689" s="613"/>
      <c r="TDD689" s="613"/>
      <c r="TDE689" s="613"/>
      <c r="TDF689" s="613"/>
      <c r="TDG689" s="613"/>
      <c r="TDH689" s="613"/>
      <c r="TDI689" s="613"/>
      <c r="TDJ689" s="613"/>
      <c r="TDK689" s="613"/>
      <c r="TDL689" s="613"/>
      <c r="TDM689" s="613"/>
      <c r="TDN689" s="613"/>
      <c r="TDO689" s="613"/>
      <c r="TDP689" s="613"/>
      <c r="TDQ689" s="613"/>
      <c r="TDR689" s="613"/>
      <c r="TDS689" s="613"/>
      <c r="TDT689" s="613"/>
      <c r="TDU689" s="613"/>
      <c r="TDV689" s="613"/>
      <c r="TDW689" s="613"/>
      <c r="TDX689" s="613"/>
      <c r="TDY689" s="613"/>
      <c r="TDZ689" s="613"/>
      <c r="TEA689" s="613"/>
      <c r="TEB689" s="613"/>
      <c r="TEC689" s="613"/>
      <c r="TED689" s="613"/>
      <c r="TEE689" s="613"/>
      <c r="TEF689" s="613"/>
      <c r="TEG689" s="613"/>
      <c r="TEH689" s="613"/>
      <c r="TEI689" s="613"/>
      <c r="TEJ689" s="613"/>
      <c r="TEK689" s="613"/>
      <c r="TEL689" s="613"/>
      <c r="TEM689" s="613"/>
      <c r="TEN689" s="613"/>
      <c r="TEO689" s="613"/>
      <c r="TEP689" s="613"/>
      <c r="TEQ689" s="613"/>
      <c r="TER689" s="613"/>
      <c r="TES689" s="613"/>
      <c r="TET689" s="613"/>
      <c r="TEU689" s="613"/>
      <c r="TEV689" s="613"/>
      <c r="TEW689" s="613"/>
      <c r="TEX689" s="613"/>
      <c r="TEY689" s="613"/>
      <c r="TEZ689" s="613"/>
      <c r="TFA689" s="613"/>
      <c r="TFB689" s="613"/>
      <c r="TFC689" s="613"/>
      <c r="TFD689" s="613"/>
      <c r="TFE689" s="613"/>
      <c r="TFF689" s="613"/>
      <c r="TFG689" s="613"/>
      <c r="TFH689" s="613"/>
      <c r="TFI689" s="613"/>
      <c r="TFJ689" s="613"/>
      <c r="TFK689" s="613"/>
      <c r="TFL689" s="613"/>
      <c r="TFM689" s="613"/>
      <c r="TFN689" s="613"/>
      <c r="TFO689" s="613"/>
      <c r="TFP689" s="613"/>
      <c r="TFQ689" s="613"/>
      <c r="TFR689" s="613"/>
      <c r="TFS689" s="613"/>
      <c r="TFT689" s="613"/>
      <c r="TFU689" s="613"/>
      <c r="TFV689" s="613"/>
      <c r="TFW689" s="613"/>
      <c r="TFX689" s="613"/>
      <c r="TFY689" s="613"/>
      <c r="TFZ689" s="613"/>
      <c r="TGA689" s="613"/>
      <c r="TGB689" s="613"/>
      <c r="TGC689" s="613"/>
      <c r="TGD689" s="613"/>
      <c r="TGE689" s="613"/>
      <c r="TGF689" s="613"/>
      <c r="TGG689" s="613"/>
      <c r="TGH689" s="613"/>
      <c r="TGI689" s="613"/>
      <c r="TGJ689" s="613"/>
      <c r="TGK689" s="613"/>
      <c r="TGL689" s="613"/>
      <c r="TGM689" s="613"/>
      <c r="TGN689" s="613"/>
      <c r="TGO689" s="613"/>
      <c r="TGP689" s="613"/>
      <c r="TGQ689" s="613"/>
      <c r="TGR689" s="613"/>
      <c r="TGS689" s="613"/>
      <c r="TGT689" s="613"/>
      <c r="TGU689" s="613"/>
      <c r="TGV689" s="613"/>
      <c r="TGW689" s="613"/>
      <c r="TGX689" s="613"/>
      <c r="TGY689" s="613"/>
      <c r="TGZ689" s="613"/>
      <c r="THA689" s="613"/>
      <c r="THB689" s="613"/>
      <c r="THC689" s="613"/>
      <c r="THD689" s="613"/>
      <c r="THE689" s="613"/>
      <c r="THF689" s="613"/>
      <c r="THG689" s="613"/>
      <c r="THH689" s="613"/>
      <c r="THI689" s="613"/>
      <c r="THJ689" s="613"/>
      <c r="THK689" s="613"/>
      <c r="THL689" s="613"/>
      <c r="THM689" s="613"/>
      <c r="THN689" s="613"/>
      <c r="THO689" s="613"/>
      <c r="THP689" s="613"/>
      <c r="THQ689" s="613"/>
      <c r="THR689" s="613"/>
      <c r="THS689" s="613"/>
      <c r="THT689" s="613"/>
      <c r="THU689" s="613"/>
      <c r="THV689" s="613"/>
      <c r="THW689" s="613"/>
      <c r="THX689" s="613"/>
      <c r="THY689" s="613"/>
      <c r="THZ689" s="613"/>
      <c r="TIA689" s="613"/>
      <c r="TIB689" s="613"/>
      <c r="TIC689" s="613"/>
      <c r="TID689" s="613"/>
      <c r="TIE689" s="613"/>
      <c r="TIF689" s="613"/>
      <c r="TIG689" s="613"/>
      <c r="TIH689" s="613"/>
      <c r="TII689" s="613"/>
      <c r="TIJ689" s="613"/>
      <c r="TIK689" s="613"/>
      <c r="TIL689" s="613"/>
      <c r="TIM689" s="613"/>
      <c r="TIN689" s="613"/>
      <c r="TIO689" s="613"/>
      <c r="TIP689" s="613"/>
      <c r="TIQ689" s="613"/>
      <c r="TIR689" s="613"/>
      <c r="TIS689" s="613"/>
      <c r="TIT689" s="613"/>
      <c r="TIU689" s="613"/>
      <c r="TIV689" s="613"/>
      <c r="TIW689" s="613"/>
      <c r="TIX689" s="613"/>
      <c r="TIY689" s="613"/>
      <c r="TIZ689" s="613"/>
      <c r="TJA689" s="613"/>
      <c r="TJB689" s="613"/>
      <c r="TJC689" s="613"/>
      <c r="TJD689" s="613"/>
      <c r="TJE689" s="613"/>
      <c r="TJF689" s="613"/>
      <c r="TJG689" s="613"/>
      <c r="TJH689" s="613"/>
      <c r="TJI689" s="613"/>
      <c r="TJJ689" s="613"/>
      <c r="TJK689" s="613"/>
      <c r="TJL689" s="613"/>
      <c r="TJM689" s="613"/>
      <c r="TJN689" s="613"/>
      <c r="TJO689" s="613"/>
      <c r="TJP689" s="613"/>
      <c r="TJQ689" s="613"/>
      <c r="TJR689" s="613"/>
      <c r="TJS689" s="613"/>
      <c r="TJT689" s="613"/>
      <c r="TJU689" s="613"/>
      <c r="TJV689" s="613"/>
      <c r="TJW689" s="613"/>
      <c r="TJX689" s="613"/>
      <c r="TJY689" s="613"/>
      <c r="TJZ689" s="613"/>
      <c r="TKA689" s="613"/>
      <c r="TKB689" s="613"/>
      <c r="TKC689" s="613"/>
      <c r="TKD689" s="613"/>
      <c r="TKE689" s="613"/>
      <c r="TKF689" s="613"/>
      <c r="TKG689" s="613"/>
      <c r="TKH689" s="613"/>
      <c r="TKI689" s="613"/>
      <c r="TKJ689" s="613"/>
      <c r="TKK689" s="613"/>
      <c r="TKL689" s="613"/>
      <c r="TKM689" s="613"/>
      <c r="TKN689" s="613"/>
      <c r="TKO689" s="613"/>
      <c r="TKP689" s="613"/>
      <c r="TKQ689" s="613"/>
      <c r="TKR689" s="613"/>
      <c r="TKS689" s="613"/>
      <c r="TKT689" s="613"/>
      <c r="TKU689" s="613"/>
      <c r="TKV689" s="613"/>
      <c r="TKW689" s="613"/>
      <c r="TKX689" s="613"/>
      <c r="TKY689" s="613"/>
      <c r="TKZ689" s="613"/>
      <c r="TLA689" s="613"/>
      <c r="TLB689" s="613"/>
      <c r="TLC689" s="613"/>
      <c r="TLD689" s="613"/>
      <c r="TLE689" s="613"/>
      <c r="TLF689" s="613"/>
      <c r="TLG689" s="613"/>
      <c r="TLH689" s="613"/>
      <c r="TLI689" s="613"/>
      <c r="TLJ689" s="613"/>
      <c r="TLK689" s="613"/>
      <c r="TLL689" s="613"/>
      <c r="TLM689" s="613"/>
      <c r="TLN689" s="613"/>
      <c r="TLO689" s="613"/>
      <c r="TLP689" s="613"/>
      <c r="TLQ689" s="613"/>
      <c r="TLR689" s="613"/>
      <c r="TLS689" s="613"/>
      <c r="TLT689" s="613"/>
      <c r="TLU689" s="613"/>
      <c r="TLV689" s="613"/>
      <c r="TLW689" s="613"/>
      <c r="TLX689" s="613"/>
      <c r="TLY689" s="613"/>
      <c r="TLZ689" s="613"/>
      <c r="TMA689" s="613"/>
      <c r="TMB689" s="613"/>
      <c r="TMC689" s="613"/>
      <c r="TMD689" s="613"/>
      <c r="TME689" s="613"/>
      <c r="TMF689" s="613"/>
      <c r="TMG689" s="613"/>
      <c r="TMH689" s="613"/>
      <c r="TMI689" s="613"/>
      <c r="TMJ689" s="613"/>
      <c r="TMK689" s="613"/>
      <c r="TML689" s="613"/>
      <c r="TMM689" s="613"/>
      <c r="TMN689" s="613"/>
      <c r="TMO689" s="613"/>
      <c r="TMP689" s="613"/>
      <c r="TMQ689" s="613"/>
      <c r="TMR689" s="613"/>
      <c r="TMS689" s="613"/>
      <c r="TMT689" s="613"/>
      <c r="TMU689" s="613"/>
      <c r="TMV689" s="613"/>
      <c r="TMW689" s="613"/>
      <c r="TMX689" s="613"/>
      <c r="TMY689" s="613"/>
      <c r="TMZ689" s="613"/>
      <c r="TNA689" s="613"/>
      <c r="TNB689" s="613"/>
      <c r="TNC689" s="613"/>
      <c r="TND689" s="613"/>
      <c r="TNE689" s="613"/>
      <c r="TNF689" s="613"/>
      <c r="TNG689" s="613"/>
      <c r="TNH689" s="613"/>
      <c r="TNI689" s="613"/>
      <c r="TNJ689" s="613"/>
      <c r="TNK689" s="613"/>
      <c r="TNL689" s="613"/>
      <c r="TNM689" s="613"/>
      <c r="TNN689" s="613"/>
      <c r="TNO689" s="613"/>
      <c r="TNP689" s="613"/>
      <c r="TNQ689" s="613"/>
      <c r="TNR689" s="613"/>
      <c r="TNS689" s="613"/>
      <c r="TNT689" s="613"/>
      <c r="TNU689" s="613"/>
      <c r="TNV689" s="613"/>
      <c r="TNW689" s="613"/>
      <c r="TNX689" s="613"/>
      <c r="TNY689" s="613"/>
      <c r="TNZ689" s="613"/>
      <c r="TOA689" s="613"/>
      <c r="TOB689" s="613"/>
      <c r="TOC689" s="613"/>
      <c r="TOD689" s="613"/>
      <c r="TOE689" s="613"/>
      <c r="TOF689" s="613"/>
      <c r="TOG689" s="613"/>
      <c r="TOH689" s="613"/>
      <c r="TOI689" s="613"/>
      <c r="TOJ689" s="613"/>
      <c r="TOK689" s="613"/>
      <c r="TOL689" s="613"/>
      <c r="TOM689" s="613"/>
      <c r="TON689" s="613"/>
      <c r="TOO689" s="613"/>
      <c r="TOP689" s="613"/>
      <c r="TOQ689" s="613"/>
      <c r="TOR689" s="613"/>
      <c r="TOS689" s="613"/>
      <c r="TOT689" s="613"/>
      <c r="TOU689" s="613"/>
      <c r="TOV689" s="613"/>
      <c r="TOW689" s="613"/>
      <c r="TOX689" s="613"/>
      <c r="TOY689" s="613"/>
      <c r="TOZ689" s="613"/>
      <c r="TPA689" s="613"/>
      <c r="TPB689" s="613"/>
      <c r="TPC689" s="613"/>
      <c r="TPD689" s="613"/>
      <c r="TPE689" s="613"/>
      <c r="TPF689" s="613"/>
      <c r="TPG689" s="613"/>
      <c r="TPH689" s="613"/>
      <c r="TPI689" s="613"/>
      <c r="TPJ689" s="613"/>
      <c r="TPK689" s="613"/>
      <c r="TPL689" s="613"/>
      <c r="TPM689" s="613"/>
      <c r="TPN689" s="613"/>
      <c r="TPO689" s="613"/>
      <c r="TPP689" s="613"/>
      <c r="TPQ689" s="613"/>
      <c r="TPR689" s="613"/>
      <c r="TPS689" s="613"/>
      <c r="TPT689" s="613"/>
      <c r="TPU689" s="613"/>
      <c r="TPV689" s="613"/>
      <c r="TPW689" s="613"/>
      <c r="TPX689" s="613"/>
      <c r="TPY689" s="613"/>
      <c r="TPZ689" s="613"/>
      <c r="TQA689" s="613"/>
      <c r="TQB689" s="613"/>
      <c r="TQC689" s="613"/>
      <c r="TQD689" s="613"/>
      <c r="TQE689" s="613"/>
      <c r="TQF689" s="613"/>
      <c r="TQG689" s="613"/>
      <c r="TQH689" s="613"/>
      <c r="TQI689" s="613"/>
      <c r="TQJ689" s="613"/>
      <c r="TQK689" s="613"/>
      <c r="TQL689" s="613"/>
      <c r="TQM689" s="613"/>
      <c r="TQN689" s="613"/>
      <c r="TQO689" s="613"/>
      <c r="TQP689" s="613"/>
      <c r="TQQ689" s="613"/>
      <c r="TQR689" s="613"/>
      <c r="TQS689" s="613"/>
      <c r="TQT689" s="613"/>
      <c r="TQU689" s="613"/>
      <c r="TQV689" s="613"/>
      <c r="TQW689" s="613"/>
      <c r="TQX689" s="613"/>
      <c r="TQY689" s="613"/>
      <c r="TQZ689" s="613"/>
      <c r="TRA689" s="613"/>
      <c r="TRB689" s="613"/>
      <c r="TRC689" s="613"/>
      <c r="TRD689" s="613"/>
      <c r="TRE689" s="613"/>
      <c r="TRF689" s="613"/>
      <c r="TRG689" s="613"/>
      <c r="TRH689" s="613"/>
      <c r="TRI689" s="613"/>
      <c r="TRJ689" s="613"/>
      <c r="TRK689" s="613"/>
      <c r="TRL689" s="613"/>
      <c r="TRM689" s="613"/>
      <c r="TRN689" s="613"/>
      <c r="TRO689" s="613"/>
      <c r="TRP689" s="613"/>
      <c r="TRQ689" s="613"/>
      <c r="TRR689" s="613"/>
      <c r="TRS689" s="613"/>
      <c r="TRT689" s="613"/>
      <c r="TRU689" s="613"/>
      <c r="TRV689" s="613"/>
      <c r="TRW689" s="613"/>
      <c r="TRX689" s="613"/>
      <c r="TRY689" s="613"/>
      <c r="TRZ689" s="613"/>
      <c r="TSA689" s="613"/>
      <c r="TSB689" s="613"/>
      <c r="TSC689" s="613"/>
      <c r="TSD689" s="613"/>
      <c r="TSE689" s="613"/>
      <c r="TSF689" s="613"/>
      <c r="TSG689" s="613"/>
      <c r="TSH689" s="613"/>
      <c r="TSI689" s="613"/>
      <c r="TSJ689" s="613"/>
      <c r="TSK689" s="613"/>
      <c r="TSL689" s="613"/>
      <c r="TSM689" s="613"/>
      <c r="TSN689" s="613"/>
      <c r="TSO689" s="613"/>
      <c r="TSP689" s="613"/>
      <c r="TSQ689" s="613"/>
      <c r="TSR689" s="613"/>
      <c r="TSS689" s="613"/>
      <c r="TST689" s="613"/>
      <c r="TSU689" s="613"/>
      <c r="TSV689" s="613"/>
      <c r="TSW689" s="613"/>
      <c r="TSX689" s="613"/>
      <c r="TSY689" s="613"/>
      <c r="TSZ689" s="613"/>
      <c r="TTA689" s="613"/>
      <c r="TTB689" s="613"/>
      <c r="TTC689" s="613"/>
      <c r="TTD689" s="613"/>
      <c r="TTE689" s="613"/>
      <c r="TTF689" s="613"/>
      <c r="TTG689" s="613"/>
      <c r="TTH689" s="613"/>
      <c r="TTI689" s="613"/>
      <c r="TTJ689" s="613"/>
      <c r="TTK689" s="613"/>
      <c r="TTL689" s="613"/>
      <c r="TTM689" s="613"/>
      <c r="TTN689" s="613"/>
      <c r="TTO689" s="613"/>
      <c r="TTP689" s="613"/>
      <c r="TTQ689" s="613"/>
      <c r="TTR689" s="613"/>
      <c r="TTS689" s="613"/>
      <c r="TTT689" s="613"/>
      <c r="TTU689" s="613"/>
      <c r="TTV689" s="613"/>
      <c r="TTW689" s="613"/>
      <c r="TTX689" s="613"/>
      <c r="TTY689" s="613"/>
      <c r="TTZ689" s="613"/>
      <c r="TUA689" s="613"/>
      <c r="TUB689" s="613"/>
      <c r="TUC689" s="613"/>
      <c r="TUD689" s="613"/>
      <c r="TUE689" s="613"/>
      <c r="TUF689" s="613"/>
      <c r="TUG689" s="613"/>
      <c r="TUH689" s="613"/>
      <c r="TUI689" s="613"/>
      <c r="TUJ689" s="613"/>
      <c r="TUK689" s="613"/>
      <c r="TUL689" s="613"/>
      <c r="TUM689" s="613"/>
      <c r="TUN689" s="613"/>
      <c r="TUO689" s="613"/>
      <c r="TUP689" s="613"/>
      <c r="TUQ689" s="613"/>
      <c r="TUR689" s="613"/>
      <c r="TUS689" s="613"/>
      <c r="TUT689" s="613"/>
      <c r="TUU689" s="613"/>
      <c r="TUV689" s="613"/>
      <c r="TUW689" s="613"/>
      <c r="TUX689" s="613"/>
      <c r="TUY689" s="613"/>
      <c r="TUZ689" s="613"/>
      <c r="TVA689" s="613"/>
      <c r="TVB689" s="613"/>
      <c r="TVC689" s="613"/>
      <c r="TVD689" s="613"/>
      <c r="TVE689" s="613"/>
      <c r="TVF689" s="613"/>
      <c r="TVG689" s="613"/>
      <c r="TVH689" s="613"/>
      <c r="TVI689" s="613"/>
      <c r="TVJ689" s="613"/>
      <c r="TVK689" s="613"/>
      <c r="TVL689" s="613"/>
      <c r="TVM689" s="613"/>
      <c r="TVN689" s="613"/>
      <c r="TVO689" s="613"/>
      <c r="TVP689" s="613"/>
      <c r="TVQ689" s="613"/>
      <c r="TVR689" s="613"/>
      <c r="TVS689" s="613"/>
      <c r="TVT689" s="613"/>
      <c r="TVU689" s="613"/>
      <c r="TVV689" s="613"/>
      <c r="TVW689" s="613"/>
      <c r="TVX689" s="613"/>
      <c r="TVY689" s="613"/>
      <c r="TVZ689" s="613"/>
      <c r="TWA689" s="613"/>
      <c r="TWB689" s="613"/>
      <c r="TWC689" s="613"/>
      <c r="TWD689" s="613"/>
      <c r="TWE689" s="613"/>
      <c r="TWF689" s="613"/>
      <c r="TWG689" s="613"/>
      <c r="TWH689" s="613"/>
      <c r="TWI689" s="613"/>
      <c r="TWJ689" s="613"/>
      <c r="TWK689" s="613"/>
      <c r="TWL689" s="613"/>
      <c r="TWM689" s="613"/>
      <c r="TWN689" s="613"/>
      <c r="TWO689" s="613"/>
      <c r="TWP689" s="613"/>
      <c r="TWQ689" s="613"/>
      <c r="TWR689" s="613"/>
      <c r="TWS689" s="613"/>
      <c r="TWT689" s="613"/>
      <c r="TWU689" s="613"/>
      <c r="TWV689" s="613"/>
      <c r="TWW689" s="613"/>
      <c r="TWX689" s="613"/>
      <c r="TWY689" s="613"/>
      <c r="TWZ689" s="613"/>
      <c r="TXA689" s="613"/>
      <c r="TXB689" s="613"/>
      <c r="TXC689" s="613"/>
      <c r="TXD689" s="613"/>
      <c r="TXE689" s="613"/>
      <c r="TXF689" s="613"/>
      <c r="TXG689" s="613"/>
      <c r="TXH689" s="613"/>
      <c r="TXI689" s="613"/>
      <c r="TXJ689" s="613"/>
      <c r="TXK689" s="613"/>
      <c r="TXL689" s="613"/>
      <c r="TXM689" s="613"/>
      <c r="TXN689" s="613"/>
      <c r="TXO689" s="613"/>
      <c r="TXP689" s="613"/>
      <c r="TXQ689" s="613"/>
      <c r="TXR689" s="613"/>
      <c r="TXS689" s="613"/>
      <c r="TXT689" s="613"/>
      <c r="TXU689" s="613"/>
      <c r="TXV689" s="613"/>
      <c r="TXW689" s="613"/>
      <c r="TXX689" s="613"/>
      <c r="TXY689" s="613"/>
      <c r="TXZ689" s="613"/>
      <c r="TYA689" s="613"/>
      <c r="TYB689" s="613"/>
      <c r="TYC689" s="613"/>
      <c r="TYD689" s="613"/>
      <c r="TYE689" s="613"/>
      <c r="TYF689" s="613"/>
      <c r="TYG689" s="613"/>
      <c r="TYH689" s="613"/>
      <c r="TYI689" s="613"/>
      <c r="TYJ689" s="613"/>
      <c r="TYK689" s="613"/>
      <c r="TYL689" s="613"/>
      <c r="TYM689" s="613"/>
      <c r="TYN689" s="613"/>
      <c r="TYO689" s="613"/>
      <c r="TYP689" s="613"/>
      <c r="TYQ689" s="613"/>
      <c r="TYR689" s="613"/>
      <c r="TYS689" s="613"/>
      <c r="TYT689" s="613"/>
      <c r="TYU689" s="613"/>
      <c r="TYV689" s="613"/>
      <c r="TYW689" s="613"/>
      <c r="TYX689" s="613"/>
      <c r="TYY689" s="613"/>
      <c r="TYZ689" s="613"/>
      <c r="TZA689" s="613"/>
      <c r="TZB689" s="613"/>
      <c r="TZC689" s="613"/>
      <c r="TZD689" s="613"/>
      <c r="TZE689" s="613"/>
      <c r="TZF689" s="613"/>
      <c r="TZG689" s="613"/>
      <c r="TZH689" s="613"/>
      <c r="TZI689" s="613"/>
      <c r="TZJ689" s="613"/>
      <c r="TZK689" s="613"/>
      <c r="TZL689" s="613"/>
      <c r="TZM689" s="613"/>
      <c r="TZN689" s="613"/>
      <c r="TZO689" s="613"/>
      <c r="TZP689" s="613"/>
      <c r="TZQ689" s="613"/>
      <c r="TZR689" s="613"/>
      <c r="TZS689" s="613"/>
      <c r="TZT689" s="613"/>
      <c r="TZU689" s="613"/>
      <c r="TZV689" s="613"/>
      <c r="TZW689" s="613"/>
      <c r="TZX689" s="613"/>
      <c r="TZY689" s="613"/>
      <c r="TZZ689" s="613"/>
      <c r="UAA689" s="613"/>
      <c r="UAB689" s="613"/>
      <c r="UAC689" s="613"/>
      <c r="UAD689" s="613"/>
      <c r="UAE689" s="613"/>
      <c r="UAF689" s="613"/>
      <c r="UAG689" s="613"/>
      <c r="UAH689" s="613"/>
      <c r="UAI689" s="613"/>
      <c r="UAJ689" s="613"/>
      <c r="UAK689" s="613"/>
      <c r="UAL689" s="613"/>
      <c r="UAM689" s="613"/>
      <c r="UAN689" s="613"/>
      <c r="UAO689" s="613"/>
      <c r="UAP689" s="613"/>
      <c r="UAQ689" s="613"/>
      <c r="UAR689" s="613"/>
      <c r="UAS689" s="613"/>
      <c r="UAT689" s="613"/>
      <c r="UAU689" s="613"/>
      <c r="UAV689" s="613"/>
      <c r="UAW689" s="613"/>
      <c r="UAX689" s="613"/>
      <c r="UAY689" s="613"/>
      <c r="UAZ689" s="613"/>
      <c r="UBA689" s="613"/>
      <c r="UBB689" s="613"/>
      <c r="UBC689" s="613"/>
      <c r="UBD689" s="613"/>
      <c r="UBE689" s="613"/>
      <c r="UBF689" s="613"/>
      <c r="UBG689" s="613"/>
      <c r="UBH689" s="613"/>
      <c r="UBI689" s="613"/>
      <c r="UBJ689" s="613"/>
      <c r="UBK689" s="613"/>
      <c r="UBL689" s="613"/>
      <c r="UBM689" s="613"/>
      <c r="UBN689" s="613"/>
      <c r="UBO689" s="613"/>
      <c r="UBP689" s="613"/>
      <c r="UBQ689" s="613"/>
      <c r="UBR689" s="613"/>
      <c r="UBS689" s="613"/>
      <c r="UBT689" s="613"/>
      <c r="UBU689" s="613"/>
      <c r="UBV689" s="613"/>
      <c r="UBW689" s="613"/>
      <c r="UBX689" s="613"/>
      <c r="UBY689" s="613"/>
      <c r="UBZ689" s="613"/>
      <c r="UCA689" s="613"/>
      <c r="UCB689" s="613"/>
      <c r="UCC689" s="613"/>
      <c r="UCD689" s="613"/>
      <c r="UCE689" s="613"/>
      <c r="UCF689" s="613"/>
      <c r="UCG689" s="613"/>
      <c r="UCH689" s="613"/>
      <c r="UCI689" s="613"/>
      <c r="UCJ689" s="613"/>
      <c r="UCK689" s="613"/>
      <c r="UCL689" s="613"/>
      <c r="UCM689" s="613"/>
      <c r="UCN689" s="613"/>
      <c r="UCO689" s="613"/>
      <c r="UCP689" s="613"/>
      <c r="UCQ689" s="613"/>
      <c r="UCR689" s="613"/>
      <c r="UCS689" s="613"/>
      <c r="UCT689" s="613"/>
      <c r="UCU689" s="613"/>
      <c r="UCV689" s="613"/>
      <c r="UCW689" s="613"/>
      <c r="UCX689" s="613"/>
      <c r="UCY689" s="613"/>
      <c r="UCZ689" s="613"/>
      <c r="UDA689" s="613"/>
      <c r="UDB689" s="613"/>
      <c r="UDC689" s="613"/>
      <c r="UDD689" s="613"/>
      <c r="UDE689" s="613"/>
      <c r="UDF689" s="613"/>
      <c r="UDG689" s="613"/>
      <c r="UDH689" s="613"/>
      <c r="UDI689" s="613"/>
      <c r="UDJ689" s="613"/>
      <c r="UDK689" s="613"/>
      <c r="UDL689" s="613"/>
      <c r="UDM689" s="613"/>
      <c r="UDN689" s="613"/>
      <c r="UDO689" s="613"/>
      <c r="UDP689" s="613"/>
      <c r="UDQ689" s="613"/>
      <c r="UDR689" s="613"/>
      <c r="UDS689" s="613"/>
      <c r="UDT689" s="613"/>
      <c r="UDU689" s="613"/>
      <c r="UDV689" s="613"/>
      <c r="UDW689" s="613"/>
      <c r="UDX689" s="613"/>
      <c r="UDY689" s="613"/>
      <c r="UDZ689" s="613"/>
      <c r="UEA689" s="613"/>
      <c r="UEB689" s="613"/>
      <c r="UEC689" s="613"/>
      <c r="UED689" s="613"/>
      <c r="UEE689" s="613"/>
      <c r="UEF689" s="613"/>
      <c r="UEG689" s="613"/>
      <c r="UEH689" s="613"/>
      <c r="UEI689" s="613"/>
      <c r="UEJ689" s="613"/>
      <c r="UEK689" s="613"/>
      <c r="UEL689" s="613"/>
      <c r="UEM689" s="613"/>
      <c r="UEN689" s="613"/>
      <c r="UEO689" s="613"/>
      <c r="UEP689" s="613"/>
      <c r="UEQ689" s="613"/>
      <c r="UER689" s="613"/>
      <c r="UES689" s="613"/>
      <c r="UET689" s="613"/>
      <c r="UEU689" s="613"/>
      <c r="UEV689" s="613"/>
      <c r="UEW689" s="613"/>
      <c r="UEX689" s="613"/>
      <c r="UEY689" s="613"/>
      <c r="UEZ689" s="613"/>
      <c r="UFA689" s="613"/>
      <c r="UFB689" s="613"/>
      <c r="UFC689" s="613"/>
      <c r="UFD689" s="613"/>
      <c r="UFE689" s="613"/>
      <c r="UFF689" s="613"/>
      <c r="UFG689" s="613"/>
      <c r="UFH689" s="613"/>
      <c r="UFI689" s="613"/>
      <c r="UFJ689" s="613"/>
      <c r="UFK689" s="613"/>
      <c r="UFL689" s="613"/>
      <c r="UFM689" s="613"/>
      <c r="UFN689" s="613"/>
      <c r="UFO689" s="613"/>
      <c r="UFP689" s="613"/>
      <c r="UFQ689" s="613"/>
      <c r="UFR689" s="613"/>
      <c r="UFS689" s="613"/>
      <c r="UFT689" s="613"/>
      <c r="UFU689" s="613"/>
      <c r="UFV689" s="613"/>
      <c r="UFW689" s="613"/>
      <c r="UFX689" s="613"/>
      <c r="UFY689" s="613"/>
      <c r="UFZ689" s="613"/>
      <c r="UGA689" s="613"/>
      <c r="UGB689" s="613"/>
      <c r="UGC689" s="613"/>
      <c r="UGD689" s="613"/>
      <c r="UGE689" s="613"/>
      <c r="UGF689" s="613"/>
      <c r="UGG689" s="613"/>
      <c r="UGH689" s="613"/>
      <c r="UGI689" s="613"/>
      <c r="UGJ689" s="613"/>
      <c r="UGK689" s="613"/>
      <c r="UGL689" s="613"/>
      <c r="UGM689" s="613"/>
      <c r="UGN689" s="613"/>
      <c r="UGO689" s="613"/>
      <c r="UGP689" s="613"/>
      <c r="UGQ689" s="613"/>
      <c r="UGR689" s="613"/>
      <c r="UGS689" s="613"/>
      <c r="UGT689" s="613"/>
      <c r="UGU689" s="613"/>
      <c r="UGV689" s="613"/>
      <c r="UGW689" s="613"/>
      <c r="UGX689" s="613"/>
      <c r="UGY689" s="613"/>
      <c r="UGZ689" s="613"/>
      <c r="UHA689" s="613"/>
      <c r="UHB689" s="613"/>
      <c r="UHC689" s="613"/>
      <c r="UHD689" s="613"/>
      <c r="UHE689" s="613"/>
      <c r="UHF689" s="613"/>
      <c r="UHG689" s="613"/>
      <c r="UHH689" s="613"/>
      <c r="UHI689" s="613"/>
      <c r="UHJ689" s="613"/>
      <c r="UHK689" s="613"/>
      <c r="UHL689" s="613"/>
      <c r="UHM689" s="613"/>
      <c r="UHN689" s="613"/>
      <c r="UHO689" s="613"/>
      <c r="UHP689" s="613"/>
      <c r="UHQ689" s="613"/>
      <c r="UHR689" s="613"/>
      <c r="UHS689" s="613"/>
      <c r="UHT689" s="613"/>
      <c r="UHU689" s="613"/>
      <c r="UHV689" s="613"/>
      <c r="UHW689" s="613"/>
      <c r="UHX689" s="613"/>
      <c r="UHY689" s="613"/>
      <c r="UHZ689" s="613"/>
      <c r="UIA689" s="613"/>
      <c r="UIB689" s="613"/>
      <c r="UIC689" s="613"/>
      <c r="UID689" s="613"/>
      <c r="UIE689" s="613"/>
      <c r="UIF689" s="613"/>
      <c r="UIG689" s="613"/>
      <c r="UIH689" s="613"/>
      <c r="UII689" s="613"/>
      <c r="UIJ689" s="613"/>
      <c r="UIK689" s="613"/>
      <c r="UIL689" s="613"/>
      <c r="UIM689" s="613"/>
      <c r="UIN689" s="613"/>
      <c r="UIO689" s="613"/>
      <c r="UIP689" s="613"/>
      <c r="UIQ689" s="613"/>
      <c r="UIR689" s="613"/>
      <c r="UIS689" s="613"/>
      <c r="UIT689" s="613"/>
      <c r="UIU689" s="613"/>
      <c r="UIV689" s="613"/>
      <c r="UIW689" s="613"/>
      <c r="UIX689" s="613"/>
      <c r="UIY689" s="613"/>
      <c r="UIZ689" s="613"/>
      <c r="UJA689" s="613"/>
      <c r="UJB689" s="613"/>
      <c r="UJC689" s="613"/>
      <c r="UJD689" s="613"/>
      <c r="UJE689" s="613"/>
      <c r="UJF689" s="613"/>
      <c r="UJG689" s="613"/>
      <c r="UJH689" s="613"/>
      <c r="UJI689" s="613"/>
      <c r="UJJ689" s="613"/>
      <c r="UJK689" s="613"/>
      <c r="UJL689" s="613"/>
      <c r="UJM689" s="613"/>
      <c r="UJN689" s="613"/>
      <c r="UJO689" s="613"/>
      <c r="UJP689" s="613"/>
      <c r="UJQ689" s="613"/>
      <c r="UJR689" s="613"/>
      <c r="UJS689" s="613"/>
      <c r="UJT689" s="613"/>
      <c r="UJU689" s="613"/>
      <c r="UJV689" s="613"/>
      <c r="UJW689" s="613"/>
      <c r="UJX689" s="613"/>
      <c r="UJY689" s="613"/>
      <c r="UJZ689" s="613"/>
      <c r="UKA689" s="613"/>
      <c r="UKB689" s="613"/>
      <c r="UKC689" s="613"/>
      <c r="UKD689" s="613"/>
      <c r="UKE689" s="613"/>
      <c r="UKF689" s="613"/>
      <c r="UKG689" s="613"/>
      <c r="UKH689" s="613"/>
      <c r="UKI689" s="613"/>
      <c r="UKJ689" s="613"/>
      <c r="UKK689" s="613"/>
      <c r="UKL689" s="613"/>
      <c r="UKM689" s="613"/>
      <c r="UKN689" s="613"/>
      <c r="UKO689" s="613"/>
      <c r="UKP689" s="613"/>
      <c r="UKQ689" s="613"/>
      <c r="UKR689" s="613"/>
      <c r="UKS689" s="613"/>
      <c r="UKT689" s="613"/>
      <c r="UKU689" s="613"/>
      <c r="UKV689" s="613"/>
      <c r="UKW689" s="613"/>
      <c r="UKX689" s="613"/>
      <c r="UKY689" s="613"/>
      <c r="UKZ689" s="613"/>
      <c r="ULA689" s="613"/>
      <c r="ULB689" s="613"/>
      <c r="ULC689" s="613"/>
      <c r="ULD689" s="613"/>
      <c r="ULE689" s="613"/>
      <c r="ULF689" s="613"/>
      <c r="ULG689" s="613"/>
      <c r="ULH689" s="613"/>
      <c r="ULI689" s="613"/>
      <c r="ULJ689" s="613"/>
      <c r="ULK689" s="613"/>
      <c r="ULL689" s="613"/>
      <c r="ULM689" s="613"/>
      <c r="ULN689" s="613"/>
      <c r="ULO689" s="613"/>
      <c r="ULP689" s="613"/>
      <c r="ULQ689" s="613"/>
      <c r="ULR689" s="613"/>
      <c r="ULS689" s="613"/>
      <c r="ULT689" s="613"/>
      <c r="ULU689" s="613"/>
      <c r="ULV689" s="613"/>
      <c r="ULW689" s="613"/>
      <c r="ULX689" s="613"/>
      <c r="ULY689" s="613"/>
      <c r="ULZ689" s="613"/>
      <c r="UMA689" s="613"/>
      <c r="UMB689" s="613"/>
      <c r="UMC689" s="613"/>
      <c r="UMD689" s="613"/>
      <c r="UME689" s="613"/>
      <c r="UMF689" s="613"/>
      <c r="UMG689" s="613"/>
      <c r="UMH689" s="613"/>
      <c r="UMI689" s="613"/>
      <c r="UMJ689" s="613"/>
      <c r="UMK689" s="613"/>
      <c r="UML689" s="613"/>
      <c r="UMM689" s="613"/>
      <c r="UMN689" s="613"/>
      <c r="UMO689" s="613"/>
      <c r="UMP689" s="613"/>
      <c r="UMQ689" s="613"/>
      <c r="UMR689" s="613"/>
      <c r="UMS689" s="613"/>
      <c r="UMT689" s="613"/>
      <c r="UMU689" s="613"/>
      <c r="UMV689" s="613"/>
      <c r="UMW689" s="613"/>
      <c r="UMX689" s="613"/>
      <c r="UMY689" s="613"/>
      <c r="UMZ689" s="613"/>
      <c r="UNA689" s="613"/>
      <c r="UNB689" s="613"/>
      <c r="UNC689" s="613"/>
      <c r="UND689" s="613"/>
      <c r="UNE689" s="613"/>
      <c r="UNF689" s="613"/>
      <c r="UNG689" s="613"/>
      <c r="UNH689" s="613"/>
      <c r="UNI689" s="613"/>
      <c r="UNJ689" s="613"/>
      <c r="UNK689" s="613"/>
      <c r="UNL689" s="613"/>
      <c r="UNM689" s="613"/>
      <c r="UNN689" s="613"/>
      <c r="UNO689" s="613"/>
      <c r="UNP689" s="613"/>
      <c r="UNQ689" s="613"/>
      <c r="UNR689" s="613"/>
      <c r="UNS689" s="613"/>
      <c r="UNT689" s="613"/>
      <c r="UNU689" s="613"/>
      <c r="UNV689" s="613"/>
      <c r="UNW689" s="613"/>
      <c r="UNX689" s="613"/>
      <c r="UNY689" s="613"/>
      <c r="UNZ689" s="613"/>
      <c r="UOA689" s="613"/>
      <c r="UOB689" s="613"/>
      <c r="UOC689" s="613"/>
      <c r="UOD689" s="613"/>
      <c r="UOE689" s="613"/>
      <c r="UOF689" s="613"/>
      <c r="UOG689" s="613"/>
      <c r="UOH689" s="613"/>
      <c r="UOI689" s="613"/>
      <c r="UOJ689" s="613"/>
      <c r="UOK689" s="613"/>
      <c r="UOL689" s="613"/>
      <c r="UOM689" s="613"/>
      <c r="UON689" s="613"/>
      <c r="UOO689" s="613"/>
      <c r="UOP689" s="613"/>
      <c r="UOQ689" s="613"/>
      <c r="UOR689" s="613"/>
      <c r="UOS689" s="613"/>
      <c r="UOT689" s="613"/>
      <c r="UOU689" s="613"/>
      <c r="UOV689" s="613"/>
      <c r="UOW689" s="613"/>
      <c r="UOX689" s="613"/>
      <c r="UOY689" s="613"/>
      <c r="UOZ689" s="613"/>
      <c r="UPA689" s="613"/>
      <c r="UPB689" s="613"/>
      <c r="UPC689" s="613"/>
      <c r="UPD689" s="613"/>
      <c r="UPE689" s="613"/>
      <c r="UPF689" s="613"/>
      <c r="UPG689" s="613"/>
      <c r="UPH689" s="613"/>
      <c r="UPI689" s="613"/>
      <c r="UPJ689" s="613"/>
      <c r="UPK689" s="613"/>
      <c r="UPL689" s="613"/>
      <c r="UPM689" s="613"/>
      <c r="UPN689" s="613"/>
      <c r="UPO689" s="613"/>
      <c r="UPP689" s="613"/>
      <c r="UPQ689" s="613"/>
      <c r="UPR689" s="613"/>
      <c r="UPS689" s="613"/>
      <c r="UPT689" s="613"/>
      <c r="UPU689" s="613"/>
      <c r="UPV689" s="613"/>
      <c r="UPW689" s="613"/>
      <c r="UPX689" s="613"/>
      <c r="UPY689" s="613"/>
      <c r="UPZ689" s="613"/>
      <c r="UQA689" s="613"/>
      <c r="UQB689" s="613"/>
      <c r="UQC689" s="613"/>
      <c r="UQD689" s="613"/>
      <c r="UQE689" s="613"/>
      <c r="UQF689" s="613"/>
      <c r="UQG689" s="613"/>
      <c r="UQH689" s="613"/>
      <c r="UQI689" s="613"/>
      <c r="UQJ689" s="613"/>
      <c r="UQK689" s="613"/>
      <c r="UQL689" s="613"/>
      <c r="UQM689" s="613"/>
      <c r="UQN689" s="613"/>
      <c r="UQO689" s="613"/>
      <c r="UQP689" s="613"/>
      <c r="UQQ689" s="613"/>
      <c r="UQR689" s="613"/>
      <c r="UQS689" s="613"/>
      <c r="UQT689" s="613"/>
      <c r="UQU689" s="613"/>
      <c r="UQV689" s="613"/>
      <c r="UQW689" s="613"/>
      <c r="UQX689" s="613"/>
      <c r="UQY689" s="613"/>
      <c r="UQZ689" s="613"/>
      <c r="URA689" s="613"/>
      <c r="URB689" s="613"/>
      <c r="URC689" s="613"/>
      <c r="URD689" s="613"/>
      <c r="URE689" s="613"/>
      <c r="URF689" s="613"/>
      <c r="URG689" s="613"/>
      <c r="URH689" s="613"/>
      <c r="URI689" s="613"/>
      <c r="URJ689" s="613"/>
      <c r="URK689" s="613"/>
      <c r="URL689" s="613"/>
      <c r="URM689" s="613"/>
      <c r="URN689" s="613"/>
      <c r="URO689" s="613"/>
      <c r="URP689" s="613"/>
      <c r="URQ689" s="613"/>
      <c r="URR689" s="613"/>
      <c r="URS689" s="613"/>
      <c r="URT689" s="613"/>
      <c r="URU689" s="613"/>
      <c r="URV689" s="613"/>
      <c r="URW689" s="613"/>
      <c r="URX689" s="613"/>
      <c r="URY689" s="613"/>
      <c r="URZ689" s="613"/>
      <c r="USA689" s="613"/>
      <c r="USB689" s="613"/>
      <c r="USC689" s="613"/>
      <c r="USD689" s="613"/>
      <c r="USE689" s="613"/>
      <c r="USF689" s="613"/>
      <c r="USG689" s="613"/>
      <c r="USH689" s="613"/>
      <c r="USI689" s="613"/>
      <c r="USJ689" s="613"/>
      <c r="USK689" s="613"/>
      <c r="USL689" s="613"/>
      <c r="USM689" s="613"/>
      <c r="USN689" s="613"/>
      <c r="USO689" s="613"/>
      <c r="USP689" s="613"/>
      <c r="USQ689" s="613"/>
      <c r="USR689" s="613"/>
      <c r="USS689" s="613"/>
      <c r="UST689" s="613"/>
      <c r="USU689" s="613"/>
      <c r="USV689" s="613"/>
      <c r="USW689" s="613"/>
      <c r="USX689" s="613"/>
      <c r="USY689" s="613"/>
      <c r="USZ689" s="613"/>
      <c r="UTA689" s="613"/>
      <c r="UTB689" s="613"/>
      <c r="UTC689" s="613"/>
      <c r="UTD689" s="613"/>
      <c r="UTE689" s="613"/>
      <c r="UTF689" s="613"/>
      <c r="UTG689" s="613"/>
      <c r="UTH689" s="613"/>
      <c r="UTI689" s="613"/>
      <c r="UTJ689" s="613"/>
      <c r="UTK689" s="613"/>
      <c r="UTL689" s="613"/>
      <c r="UTM689" s="613"/>
      <c r="UTN689" s="613"/>
      <c r="UTO689" s="613"/>
      <c r="UTP689" s="613"/>
      <c r="UTQ689" s="613"/>
      <c r="UTR689" s="613"/>
      <c r="UTS689" s="613"/>
      <c r="UTT689" s="613"/>
      <c r="UTU689" s="613"/>
      <c r="UTV689" s="613"/>
      <c r="UTW689" s="613"/>
      <c r="UTX689" s="613"/>
      <c r="UTY689" s="613"/>
      <c r="UTZ689" s="613"/>
      <c r="UUA689" s="613"/>
      <c r="UUB689" s="613"/>
      <c r="UUC689" s="613"/>
      <c r="UUD689" s="613"/>
      <c r="UUE689" s="613"/>
      <c r="UUF689" s="613"/>
      <c r="UUG689" s="613"/>
      <c r="UUH689" s="613"/>
      <c r="UUI689" s="613"/>
      <c r="UUJ689" s="613"/>
      <c r="UUK689" s="613"/>
      <c r="UUL689" s="613"/>
      <c r="UUM689" s="613"/>
      <c r="UUN689" s="613"/>
      <c r="UUO689" s="613"/>
      <c r="UUP689" s="613"/>
      <c r="UUQ689" s="613"/>
      <c r="UUR689" s="613"/>
      <c r="UUS689" s="613"/>
      <c r="UUT689" s="613"/>
      <c r="UUU689" s="613"/>
      <c r="UUV689" s="613"/>
      <c r="UUW689" s="613"/>
      <c r="UUX689" s="613"/>
      <c r="UUY689" s="613"/>
      <c r="UUZ689" s="613"/>
      <c r="UVA689" s="613"/>
      <c r="UVB689" s="613"/>
      <c r="UVC689" s="613"/>
      <c r="UVD689" s="613"/>
      <c r="UVE689" s="613"/>
      <c r="UVF689" s="613"/>
      <c r="UVG689" s="613"/>
      <c r="UVH689" s="613"/>
      <c r="UVI689" s="613"/>
      <c r="UVJ689" s="613"/>
      <c r="UVK689" s="613"/>
      <c r="UVL689" s="613"/>
      <c r="UVM689" s="613"/>
      <c r="UVN689" s="613"/>
      <c r="UVO689" s="613"/>
      <c r="UVP689" s="613"/>
      <c r="UVQ689" s="613"/>
      <c r="UVR689" s="613"/>
      <c r="UVS689" s="613"/>
      <c r="UVT689" s="613"/>
      <c r="UVU689" s="613"/>
      <c r="UVV689" s="613"/>
      <c r="UVW689" s="613"/>
      <c r="UVX689" s="613"/>
      <c r="UVY689" s="613"/>
      <c r="UVZ689" s="613"/>
      <c r="UWA689" s="613"/>
      <c r="UWB689" s="613"/>
      <c r="UWC689" s="613"/>
      <c r="UWD689" s="613"/>
      <c r="UWE689" s="613"/>
      <c r="UWF689" s="613"/>
      <c r="UWG689" s="613"/>
      <c r="UWH689" s="613"/>
      <c r="UWI689" s="613"/>
      <c r="UWJ689" s="613"/>
      <c r="UWK689" s="613"/>
      <c r="UWL689" s="613"/>
      <c r="UWM689" s="613"/>
      <c r="UWN689" s="613"/>
      <c r="UWO689" s="613"/>
      <c r="UWP689" s="613"/>
      <c r="UWQ689" s="613"/>
      <c r="UWR689" s="613"/>
      <c r="UWS689" s="613"/>
      <c r="UWT689" s="613"/>
      <c r="UWU689" s="613"/>
      <c r="UWV689" s="613"/>
      <c r="UWW689" s="613"/>
      <c r="UWX689" s="613"/>
      <c r="UWY689" s="613"/>
      <c r="UWZ689" s="613"/>
      <c r="UXA689" s="613"/>
      <c r="UXB689" s="613"/>
      <c r="UXC689" s="613"/>
      <c r="UXD689" s="613"/>
      <c r="UXE689" s="613"/>
      <c r="UXF689" s="613"/>
      <c r="UXG689" s="613"/>
      <c r="UXH689" s="613"/>
      <c r="UXI689" s="613"/>
      <c r="UXJ689" s="613"/>
      <c r="UXK689" s="613"/>
      <c r="UXL689" s="613"/>
      <c r="UXM689" s="613"/>
      <c r="UXN689" s="613"/>
      <c r="UXO689" s="613"/>
      <c r="UXP689" s="613"/>
      <c r="UXQ689" s="613"/>
      <c r="UXR689" s="613"/>
      <c r="UXS689" s="613"/>
      <c r="UXT689" s="613"/>
      <c r="UXU689" s="613"/>
      <c r="UXV689" s="613"/>
      <c r="UXW689" s="613"/>
      <c r="UXX689" s="613"/>
      <c r="UXY689" s="613"/>
      <c r="UXZ689" s="613"/>
      <c r="UYA689" s="613"/>
      <c r="UYB689" s="613"/>
      <c r="UYC689" s="613"/>
      <c r="UYD689" s="613"/>
      <c r="UYE689" s="613"/>
      <c r="UYF689" s="613"/>
      <c r="UYG689" s="613"/>
      <c r="UYH689" s="613"/>
      <c r="UYI689" s="613"/>
      <c r="UYJ689" s="613"/>
      <c r="UYK689" s="613"/>
      <c r="UYL689" s="613"/>
      <c r="UYM689" s="613"/>
      <c r="UYN689" s="613"/>
      <c r="UYO689" s="613"/>
      <c r="UYP689" s="613"/>
      <c r="UYQ689" s="613"/>
      <c r="UYR689" s="613"/>
      <c r="UYS689" s="613"/>
      <c r="UYT689" s="613"/>
      <c r="UYU689" s="613"/>
      <c r="UYV689" s="613"/>
      <c r="UYW689" s="613"/>
      <c r="UYX689" s="613"/>
      <c r="UYY689" s="613"/>
      <c r="UYZ689" s="613"/>
      <c r="UZA689" s="613"/>
      <c r="UZB689" s="613"/>
      <c r="UZC689" s="613"/>
      <c r="UZD689" s="613"/>
      <c r="UZE689" s="613"/>
      <c r="UZF689" s="613"/>
      <c r="UZG689" s="613"/>
      <c r="UZH689" s="613"/>
      <c r="UZI689" s="613"/>
      <c r="UZJ689" s="613"/>
      <c r="UZK689" s="613"/>
      <c r="UZL689" s="613"/>
      <c r="UZM689" s="613"/>
      <c r="UZN689" s="613"/>
      <c r="UZO689" s="613"/>
      <c r="UZP689" s="613"/>
      <c r="UZQ689" s="613"/>
      <c r="UZR689" s="613"/>
      <c r="UZS689" s="613"/>
      <c r="UZT689" s="613"/>
      <c r="UZU689" s="613"/>
      <c r="UZV689" s="613"/>
      <c r="UZW689" s="613"/>
      <c r="UZX689" s="613"/>
      <c r="UZY689" s="613"/>
      <c r="UZZ689" s="613"/>
      <c r="VAA689" s="613"/>
      <c r="VAB689" s="613"/>
      <c r="VAC689" s="613"/>
      <c r="VAD689" s="613"/>
      <c r="VAE689" s="613"/>
      <c r="VAF689" s="613"/>
      <c r="VAG689" s="613"/>
      <c r="VAH689" s="613"/>
      <c r="VAI689" s="613"/>
      <c r="VAJ689" s="613"/>
      <c r="VAK689" s="613"/>
      <c r="VAL689" s="613"/>
      <c r="VAM689" s="613"/>
      <c r="VAN689" s="613"/>
      <c r="VAO689" s="613"/>
      <c r="VAP689" s="613"/>
      <c r="VAQ689" s="613"/>
      <c r="VAR689" s="613"/>
      <c r="VAS689" s="613"/>
      <c r="VAT689" s="613"/>
      <c r="VAU689" s="613"/>
      <c r="VAV689" s="613"/>
      <c r="VAW689" s="613"/>
      <c r="VAX689" s="613"/>
      <c r="VAY689" s="613"/>
      <c r="VAZ689" s="613"/>
      <c r="VBA689" s="613"/>
      <c r="VBB689" s="613"/>
      <c r="VBC689" s="613"/>
      <c r="VBD689" s="613"/>
      <c r="VBE689" s="613"/>
      <c r="VBF689" s="613"/>
      <c r="VBG689" s="613"/>
      <c r="VBH689" s="613"/>
      <c r="VBI689" s="613"/>
      <c r="VBJ689" s="613"/>
      <c r="VBK689" s="613"/>
      <c r="VBL689" s="613"/>
      <c r="VBM689" s="613"/>
      <c r="VBN689" s="613"/>
      <c r="VBO689" s="613"/>
      <c r="VBP689" s="613"/>
      <c r="VBQ689" s="613"/>
      <c r="VBR689" s="613"/>
      <c r="VBS689" s="613"/>
      <c r="VBT689" s="613"/>
      <c r="VBU689" s="613"/>
      <c r="VBV689" s="613"/>
      <c r="VBW689" s="613"/>
      <c r="VBX689" s="613"/>
      <c r="VBY689" s="613"/>
      <c r="VBZ689" s="613"/>
      <c r="VCA689" s="613"/>
      <c r="VCB689" s="613"/>
      <c r="VCC689" s="613"/>
      <c r="VCD689" s="613"/>
      <c r="VCE689" s="613"/>
      <c r="VCF689" s="613"/>
      <c r="VCG689" s="613"/>
      <c r="VCH689" s="613"/>
      <c r="VCI689" s="613"/>
      <c r="VCJ689" s="613"/>
      <c r="VCK689" s="613"/>
      <c r="VCL689" s="613"/>
      <c r="VCM689" s="613"/>
      <c r="VCN689" s="613"/>
      <c r="VCO689" s="613"/>
      <c r="VCP689" s="613"/>
      <c r="VCQ689" s="613"/>
      <c r="VCR689" s="613"/>
      <c r="VCS689" s="613"/>
      <c r="VCT689" s="613"/>
      <c r="VCU689" s="613"/>
      <c r="VCV689" s="613"/>
      <c r="VCW689" s="613"/>
      <c r="VCX689" s="613"/>
      <c r="VCY689" s="613"/>
      <c r="VCZ689" s="613"/>
      <c r="VDA689" s="613"/>
      <c r="VDB689" s="613"/>
      <c r="VDC689" s="613"/>
      <c r="VDD689" s="613"/>
      <c r="VDE689" s="613"/>
      <c r="VDF689" s="613"/>
      <c r="VDG689" s="613"/>
      <c r="VDH689" s="613"/>
      <c r="VDI689" s="613"/>
      <c r="VDJ689" s="613"/>
      <c r="VDK689" s="613"/>
      <c r="VDL689" s="613"/>
      <c r="VDM689" s="613"/>
      <c r="VDN689" s="613"/>
      <c r="VDO689" s="613"/>
      <c r="VDP689" s="613"/>
      <c r="VDQ689" s="613"/>
      <c r="VDR689" s="613"/>
      <c r="VDS689" s="613"/>
      <c r="VDT689" s="613"/>
      <c r="VDU689" s="613"/>
      <c r="VDV689" s="613"/>
      <c r="VDW689" s="613"/>
      <c r="VDX689" s="613"/>
      <c r="VDY689" s="613"/>
      <c r="VDZ689" s="613"/>
      <c r="VEA689" s="613"/>
      <c r="VEB689" s="613"/>
      <c r="VEC689" s="613"/>
      <c r="VED689" s="613"/>
      <c r="VEE689" s="613"/>
      <c r="VEF689" s="613"/>
      <c r="VEG689" s="613"/>
      <c r="VEH689" s="613"/>
      <c r="VEI689" s="613"/>
      <c r="VEJ689" s="613"/>
      <c r="VEK689" s="613"/>
      <c r="VEL689" s="613"/>
      <c r="VEM689" s="613"/>
      <c r="VEN689" s="613"/>
      <c r="VEO689" s="613"/>
      <c r="VEP689" s="613"/>
      <c r="VEQ689" s="613"/>
      <c r="VER689" s="613"/>
      <c r="VES689" s="613"/>
      <c r="VET689" s="613"/>
      <c r="VEU689" s="613"/>
      <c r="VEV689" s="613"/>
      <c r="VEW689" s="613"/>
      <c r="VEX689" s="613"/>
      <c r="VEY689" s="613"/>
      <c r="VEZ689" s="613"/>
      <c r="VFA689" s="613"/>
      <c r="VFB689" s="613"/>
      <c r="VFC689" s="613"/>
      <c r="VFD689" s="613"/>
      <c r="VFE689" s="613"/>
      <c r="VFF689" s="613"/>
      <c r="VFG689" s="613"/>
      <c r="VFH689" s="613"/>
      <c r="VFI689" s="613"/>
      <c r="VFJ689" s="613"/>
      <c r="VFK689" s="613"/>
      <c r="VFL689" s="613"/>
      <c r="VFM689" s="613"/>
      <c r="VFN689" s="613"/>
      <c r="VFO689" s="613"/>
      <c r="VFP689" s="613"/>
      <c r="VFQ689" s="613"/>
      <c r="VFR689" s="613"/>
      <c r="VFS689" s="613"/>
      <c r="VFT689" s="613"/>
      <c r="VFU689" s="613"/>
      <c r="VFV689" s="613"/>
      <c r="VFW689" s="613"/>
      <c r="VFX689" s="613"/>
      <c r="VFY689" s="613"/>
      <c r="VFZ689" s="613"/>
      <c r="VGA689" s="613"/>
      <c r="VGB689" s="613"/>
      <c r="VGC689" s="613"/>
      <c r="VGD689" s="613"/>
      <c r="VGE689" s="613"/>
      <c r="VGF689" s="613"/>
      <c r="VGG689" s="613"/>
      <c r="VGH689" s="613"/>
      <c r="VGI689" s="613"/>
      <c r="VGJ689" s="613"/>
      <c r="VGK689" s="613"/>
      <c r="VGL689" s="613"/>
      <c r="VGM689" s="613"/>
      <c r="VGN689" s="613"/>
      <c r="VGO689" s="613"/>
      <c r="VGP689" s="613"/>
      <c r="VGQ689" s="613"/>
      <c r="VGR689" s="613"/>
      <c r="VGS689" s="613"/>
      <c r="VGT689" s="613"/>
      <c r="VGU689" s="613"/>
      <c r="VGV689" s="613"/>
      <c r="VGW689" s="613"/>
      <c r="VGX689" s="613"/>
      <c r="VGY689" s="613"/>
      <c r="VGZ689" s="613"/>
      <c r="VHA689" s="613"/>
      <c r="VHB689" s="613"/>
      <c r="VHC689" s="613"/>
      <c r="VHD689" s="613"/>
      <c r="VHE689" s="613"/>
      <c r="VHF689" s="613"/>
      <c r="VHG689" s="613"/>
      <c r="VHH689" s="613"/>
      <c r="VHI689" s="613"/>
      <c r="VHJ689" s="613"/>
      <c r="VHK689" s="613"/>
      <c r="VHL689" s="613"/>
      <c r="VHM689" s="613"/>
      <c r="VHN689" s="613"/>
      <c r="VHO689" s="613"/>
      <c r="VHP689" s="613"/>
      <c r="VHQ689" s="613"/>
      <c r="VHR689" s="613"/>
      <c r="VHS689" s="613"/>
      <c r="VHT689" s="613"/>
      <c r="VHU689" s="613"/>
      <c r="VHV689" s="613"/>
      <c r="VHW689" s="613"/>
      <c r="VHX689" s="613"/>
      <c r="VHY689" s="613"/>
      <c r="VHZ689" s="613"/>
      <c r="VIA689" s="613"/>
      <c r="VIB689" s="613"/>
      <c r="VIC689" s="613"/>
      <c r="VID689" s="613"/>
      <c r="VIE689" s="613"/>
      <c r="VIF689" s="613"/>
      <c r="VIG689" s="613"/>
      <c r="VIH689" s="613"/>
      <c r="VII689" s="613"/>
      <c r="VIJ689" s="613"/>
      <c r="VIK689" s="613"/>
      <c r="VIL689" s="613"/>
      <c r="VIM689" s="613"/>
      <c r="VIN689" s="613"/>
      <c r="VIO689" s="613"/>
      <c r="VIP689" s="613"/>
      <c r="VIQ689" s="613"/>
      <c r="VIR689" s="613"/>
      <c r="VIS689" s="613"/>
      <c r="VIT689" s="613"/>
      <c r="VIU689" s="613"/>
      <c r="VIV689" s="613"/>
      <c r="VIW689" s="613"/>
      <c r="VIX689" s="613"/>
      <c r="VIY689" s="613"/>
      <c r="VIZ689" s="613"/>
      <c r="VJA689" s="613"/>
      <c r="VJB689" s="613"/>
      <c r="VJC689" s="613"/>
      <c r="VJD689" s="613"/>
      <c r="VJE689" s="613"/>
      <c r="VJF689" s="613"/>
      <c r="VJG689" s="613"/>
      <c r="VJH689" s="613"/>
      <c r="VJI689" s="613"/>
      <c r="VJJ689" s="613"/>
      <c r="VJK689" s="613"/>
      <c r="VJL689" s="613"/>
      <c r="VJM689" s="613"/>
      <c r="VJN689" s="613"/>
      <c r="VJO689" s="613"/>
      <c r="VJP689" s="613"/>
      <c r="VJQ689" s="613"/>
      <c r="VJR689" s="613"/>
      <c r="VJS689" s="613"/>
      <c r="VJT689" s="613"/>
      <c r="VJU689" s="613"/>
      <c r="VJV689" s="613"/>
      <c r="VJW689" s="613"/>
      <c r="VJX689" s="613"/>
      <c r="VJY689" s="613"/>
      <c r="VJZ689" s="613"/>
      <c r="VKA689" s="613"/>
      <c r="VKB689" s="613"/>
      <c r="VKC689" s="613"/>
      <c r="VKD689" s="613"/>
      <c r="VKE689" s="613"/>
      <c r="VKF689" s="613"/>
      <c r="VKG689" s="613"/>
      <c r="VKH689" s="613"/>
      <c r="VKI689" s="613"/>
      <c r="VKJ689" s="613"/>
      <c r="VKK689" s="613"/>
      <c r="VKL689" s="613"/>
      <c r="VKM689" s="613"/>
      <c r="VKN689" s="613"/>
      <c r="VKO689" s="613"/>
      <c r="VKP689" s="613"/>
      <c r="VKQ689" s="613"/>
      <c r="VKR689" s="613"/>
      <c r="VKS689" s="613"/>
      <c r="VKT689" s="613"/>
      <c r="VKU689" s="613"/>
      <c r="VKV689" s="613"/>
      <c r="VKW689" s="613"/>
      <c r="VKX689" s="613"/>
      <c r="VKY689" s="613"/>
      <c r="VKZ689" s="613"/>
      <c r="VLA689" s="613"/>
      <c r="VLB689" s="613"/>
      <c r="VLC689" s="613"/>
      <c r="VLD689" s="613"/>
      <c r="VLE689" s="613"/>
      <c r="VLF689" s="613"/>
      <c r="VLG689" s="613"/>
      <c r="VLH689" s="613"/>
      <c r="VLI689" s="613"/>
      <c r="VLJ689" s="613"/>
      <c r="VLK689" s="613"/>
      <c r="VLL689" s="613"/>
      <c r="VLM689" s="613"/>
      <c r="VLN689" s="613"/>
      <c r="VLO689" s="613"/>
      <c r="VLP689" s="613"/>
      <c r="VLQ689" s="613"/>
      <c r="VLR689" s="613"/>
      <c r="VLS689" s="613"/>
      <c r="VLT689" s="613"/>
      <c r="VLU689" s="613"/>
      <c r="VLV689" s="613"/>
      <c r="VLW689" s="613"/>
      <c r="VLX689" s="613"/>
      <c r="VLY689" s="613"/>
      <c r="VLZ689" s="613"/>
      <c r="VMA689" s="613"/>
      <c r="VMB689" s="613"/>
      <c r="VMC689" s="613"/>
      <c r="VMD689" s="613"/>
      <c r="VME689" s="613"/>
      <c r="VMF689" s="613"/>
      <c r="VMG689" s="613"/>
      <c r="VMH689" s="613"/>
      <c r="VMI689" s="613"/>
      <c r="VMJ689" s="613"/>
      <c r="VMK689" s="613"/>
      <c r="VML689" s="613"/>
      <c r="VMM689" s="613"/>
      <c r="VMN689" s="613"/>
      <c r="VMO689" s="613"/>
      <c r="VMP689" s="613"/>
      <c r="VMQ689" s="613"/>
      <c r="VMR689" s="613"/>
      <c r="VMS689" s="613"/>
      <c r="VMT689" s="613"/>
      <c r="VMU689" s="613"/>
      <c r="VMV689" s="613"/>
      <c r="VMW689" s="613"/>
      <c r="VMX689" s="613"/>
      <c r="VMY689" s="613"/>
      <c r="VMZ689" s="613"/>
      <c r="VNA689" s="613"/>
      <c r="VNB689" s="613"/>
      <c r="VNC689" s="613"/>
      <c r="VND689" s="613"/>
      <c r="VNE689" s="613"/>
      <c r="VNF689" s="613"/>
      <c r="VNG689" s="613"/>
      <c r="VNH689" s="613"/>
      <c r="VNI689" s="613"/>
      <c r="VNJ689" s="613"/>
      <c r="VNK689" s="613"/>
      <c r="VNL689" s="613"/>
      <c r="VNM689" s="613"/>
      <c r="VNN689" s="613"/>
      <c r="VNO689" s="613"/>
      <c r="VNP689" s="613"/>
      <c r="VNQ689" s="613"/>
      <c r="VNR689" s="613"/>
      <c r="VNS689" s="613"/>
      <c r="VNT689" s="613"/>
      <c r="VNU689" s="613"/>
      <c r="VNV689" s="613"/>
      <c r="VNW689" s="613"/>
      <c r="VNX689" s="613"/>
      <c r="VNY689" s="613"/>
      <c r="VNZ689" s="613"/>
      <c r="VOA689" s="613"/>
      <c r="VOB689" s="613"/>
      <c r="VOC689" s="613"/>
      <c r="VOD689" s="613"/>
      <c r="VOE689" s="613"/>
      <c r="VOF689" s="613"/>
      <c r="VOG689" s="613"/>
      <c r="VOH689" s="613"/>
      <c r="VOI689" s="613"/>
      <c r="VOJ689" s="613"/>
      <c r="VOK689" s="613"/>
      <c r="VOL689" s="613"/>
      <c r="VOM689" s="613"/>
      <c r="VON689" s="613"/>
      <c r="VOO689" s="613"/>
      <c r="VOP689" s="613"/>
      <c r="VOQ689" s="613"/>
      <c r="VOR689" s="613"/>
      <c r="VOS689" s="613"/>
      <c r="VOT689" s="613"/>
      <c r="VOU689" s="613"/>
      <c r="VOV689" s="613"/>
      <c r="VOW689" s="613"/>
      <c r="VOX689" s="613"/>
      <c r="VOY689" s="613"/>
      <c r="VOZ689" s="613"/>
      <c r="VPA689" s="613"/>
      <c r="VPB689" s="613"/>
      <c r="VPC689" s="613"/>
      <c r="VPD689" s="613"/>
      <c r="VPE689" s="613"/>
      <c r="VPF689" s="613"/>
      <c r="VPG689" s="613"/>
      <c r="VPH689" s="613"/>
      <c r="VPI689" s="613"/>
      <c r="VPJ689" s="613"/>
      <c r="VPK689" s="613"/>
      <c r="VPL689" s="613"/>
      <c r="VPM689" s="613"/>
      <c r="VPN689" s="613"/>
      <c r="VPO689" s="613"/>
      <c r="VPP689" s="613"/>
      <c r="VPQ689" s="613"/>
      <c r="VPR689" s="613"/>
      <c r="VPS689" s="613"/>
      <c r="VPT689" s="613"/>
      <c r="VPU689" s="613"/>
      <c r="VPV689" s="613"/>
      <c r="VPW689" s="613"/>
      <c r="VPX689" s="613"/>
      <c r="VPY689" s="613"/>
      <c r="VPZ689" s="613"/>
      <c r="VQA689" s="613"/>
      <c r="VQB689" s="613"/>
      <c r="VQC689" s="613"/>
      <c r="VQD689" s="613"/>
      <c r="VQE689" s="613"/>
      <c r="VQF689" s="613"/>
      <c r="VQG689" s="613"/>
      <c r="VQH689" s="613"/>
      <c r="VQI689" s="613"/>
      <c r="VQJ689" s="613"/>
      <c r="VQK689" s="613"/>
      <c r="VQL689" s="613"/>
      <c r="VQM689" s="613"/>
      <c r="VQN689" s="613"/>
      <c r="VQO689" s="613"/>
      <c r="VQP689" s="613"/>
      <c r="VQQ689" s="613"/>
      <c r="VQR689" s="613"/>
      <c r="VQS689" s="613"/>
      <c r="VQT689" s="613"/>
      <c r="VQU689" s="613"/>
      <c r="VQV689" s="613"/>
      <c r="VQW689" s="613"/>
      <c r="VQX689" s="613"/>
      <c r="VQY689" s="613"/>
      <c r="VQZ689" s="613"/>
      <c r="VRA689" s="613"/>
      <c r="VRB689" s="613"/>
      <c r="VRC689" s="613"/>
      <c r="VRD689" s="613"/>
      <c r="VRE689" s="613"/>
      <c r="VRF689" s="613"/>
      <c r="VRG689" s="613"/>
      <c r="VRH689" s="613"/>
      <c r="VRI689" s="613"/>
      <c r="VRJ689" s="613"/>
      <c r="VRK689" s="613"/>
      <c r="VRL689" s="613"/>
      <c r="VRM689" s="613"/>
      <c r="VRN689" s="613"/>
      <c r="VRO689" s="613"/>
      <c r="VRP689" s="613"/>
      <c r="VRQ689" s="613"/>
      <c r="VRR689" s="613"/>
      <c r="VRS689" s="613"/>
      <c r="VRT689" s="613"/>
      <c r="VRU689" s="613"/>
      <c r="VRV689" s="613"/>
      <c r="VRW689" s="613"/>
      <c r="VRX689" s="613"/>
      <c r="VRY689" s="613"/>
      <c r="VRZ689" s="613"/>
      <c r="VSA689" s="613"/>
      <c r="VSB689" s="613"/>
      <c r="VSC689" s="613"/>
      <c r="VSD689" s="613"/>
      <c r="VSE689" s="613"/>
      <c r="VSF689" s="613"/>
      <c r="VSG689" s="613"/>
      <c r="VSH689" s="613"/>
      <c r="VSI689" s="613"/>
      <c r="VSJ689" s="613"/>
      <c r="VSK689" s="613"/>
      <c r="VSL689" s="613"/>
      <c r="VSM689" s="613"/>
      <c r="VSN689" s="613"/>
      <c r="VSO689" s="613"/>
      <c r="VSP689" s="613"/>
      <c r="VSQ689" s="613"/>
      <c r="VSR689" s="613"/>
      <c r="VSS689" s="613"/>
      <c r="VST689" s="613"/>
      <c r="VSU689" s="613"/>
      <c r="VSV689" s="613"/>
      <c r="VSW689" s="613"/>
      <c r="VSX689" s="613"/>
      <c r="VSY689" s="613"/>
      <c r="VSZ689" s="613"/>
      <c r="VTA689" s="613"/>
      <c r="VTB689" s="613"/>
      <c r="VTC689" s="613"/>
      <c r="VTD689" s="613"/>
      <c r="VTE689" s="613"/>
      <c r="VTF689" s="613"/>
      <c r="VTG689" s="613"/>
      <c r="VTH689" s="613"/>
      <c r="VTI689" s="613"/>
      <c r="VTJ689" s="613"/>
      <c r="VTK689" s="613"/>
      <c r="VTL689" s="613"/>
      <c r="VTM689" s="613"/>
      <c r="VTN689" s="613"/>
      <c r="VTO689" s="613"/>
      <c r="VTP689" s="613"/>
      <c r="VTQ689" s="613"/>
      <c r="VTR689" s="613"/>
      <c r="VTS689" s="613"/>
      <c r="VTT689" s="613"/>
      <c r="VTU689" s="613"/>
      <c r="VTV689" s="613"/>
      <c r="VTW689" s="613"/>
      <c r="VTX689" s="613"/>
      <c r="VTY689" s="613"/>
      <c r="VTZ689" s="613"/>
      <c r="VUA689" s="613"/>
      <c r="VUB689" s="613"/>
      <c r="VUC689" s="613"/>
      <c r="VUD689" s="613"/>
      <c r="VUE689" s="613"/>
      <c r="VUF689" s="613"/>
      <c r="VUG689" s="613"/>
      <c r="VUH689" s="613"/>
      <c r="VUI689" s="613"/>
      <c r="VUJ689" s="613"/>
      <c r="VUK689" s="613"/>
      <c r="VUL689" s="613"/>
      <c r="VUM689" s="613"/>
      <c r="VUN689" s="613"/>
      <c r="VUO689" s="613"/>
      <c r="VUP689" s="613"/>
      <c r="VUQ689" s="613"/>
      <c r="VUR689" s="613"/>
      <c r="VUS689" s="613"/>
      <c r="VUT689" s="613"/>
      <c r="VUU689" s="613"/>
      <c r="VUV689" s="613"/>
      <c r="VUW689" s="613"/>
      <c r="VUX689" s="613"/>
      <c r="VUY689" s="613"/>
      <c r="VUZ689" s="613"/>
      <c r="VVA689" s="613"/>
      <c r="VVB689" s="613"/>
      <c r="VVC689" s="613"/>
      <c r="VVD689" s="613"/>
      <c r="VVE689" s="613"/>
      <c r="VVF689" s="613"/>
      <c r="VVG689" s="613"/>
      <c r="VVH689" s="613"/>
      <c r="VVI689" s="613"/>
      <c r="VVJ689" s="613"/>
      <c r="VVK689" s="613"/>
      <c r="VVL689" s="613"/>
      <c r="VVM689" s="613"/>
      <c r="VVN689" s="613"/>
      <c r="VVO689" s="613"/>
      <c r="VVP689" s="613"/>
      <c r="VVQ689" s="613"/>
      <c r="VVR689" s="613"/>
      <c r="VVS689" s="613"/>
      <c r="VVT689" s="613"/>
      <c r="VVU689" s="613"/>
      <c r="VVV689" s="613"/>
      <c r="VVW689" s="613"/>
      <c r="VVX689" s="613"/>
      <c r="VVY689" s="613"/>
      <c r="VVZ689" s="613"/>
      <c r="VWA689" s="613"/>
      <c r="VWB689" s="613"/>
      <c r="VWC689" s="613"/>
      <c r="VWD689" s="613"/>
      <c r="VWE689" s="613"/>
      <c r="VWF689" s="613"/>
      <c r="VWG689" s="613"/>
      <c r="VWH689" s="613"/>
      <c r="VWI689" s="613"/>
      <c r="VWJ689" s="613"/>
      <c r="VWK689" s="613"/>
      <c r="VWL689" s="613"/>
      <c r="VWM689" s="613"/>
      <c r="VWN689" s="613"/>
      <c r="VWO689" s="613"/>
      <c r="VWP689" s="613"/>
      <c r="VWQ689" s="613"/>
      <c r="VWR689" s="613"/>
      <c r="VWS689" s="613"/>
      <c r="VWT689" s="613"/>
      <c r="VWU689" s="613"/>
      <c r="VWV689" s="613"/>
      <c r="VWW689" s="613"/>
      <c r="VWX689" s="613"/>
      <c r="VWY689" s="613"/>
      <c r="VWZ689" s="613"/>
      <c r="VXA689" s="613"/>
      <c r="VXB689" s="613"/>
      <c r="VXC689" s="613"/>
      <c r="VXD689" s="613"/>
      <c r="VXE689" s="613"/>
      <c r="VXF689" s="613"/>
      <c r="VXG689" s="613"/>
      <c r="VXH689" s="613"/>
      <c r="VXI689" s="613"/>
      <c r="VXJ689" s="613"/>
      <c r="VXK689" s="613"/>
      <c r="VXL689" s="613"/>
      <c r="VXM689" s="613"/>
      <c r="VXN689" s="613"/>
      <c r="VXO689" s="613"/>
      <c r="VXP689" s="613"/>
      <c r="VXQ689" s="613"/>
      <c r="VXR689" s="613"/>
      <c r="VXS689" s="613"/>
      <c r="VXT689" s="613"/>
      <c r="VXU689" s="613"/>
      <c r="VXV689" s="613"/>
      <c r="VXW689" s="613"/>
      <c r="VXX689" s="613"/>
      <c r="VXY689" s="613"/>
      <c r="VXZ689" s="613"/>
      <c r="VYA689" s="613"/>
      <c r="VYB689" s="613"/>
      <c r="VYC689" s="613"/>
      <c r="VYD689" s="613"/>
      <c r="VYE689" s="613"/>
      <c r="VYF689" s="613"/>
      <c r="VYG689" s="613"/>
      <c r="VYH689" s="613"/>
      <c r="VYI689" s="613"/>
      <c r="VYJ689" s="613"/>
      <c r="VYK689" s="613"/>
      <c r="VYL689" s="613"/>
      <c r="VYM689" s="613"/>
      <c r="VYN689" s="613"/>
      <c r="VYO689" s="613"/>
      <c r="VYP689" s="613"/>
      <c r="VYQ689" s="613"/>
      <c r="VYR689" s="613"/>
      <c r="VYS689" s="613"/>
      <c r="VYT689" s="613"/>
      <c r="VYU689" s="613"/>
      <c r="VYV689" s="613"/>
      <c r="VYW689" s="613"/>
      <c r="VYX689" s="613"/>
      <c r="VYY689" s="613"/>
      <c r="VYZ689" s="613"/>
      <c r="VZA689" s="613"/>
      <c r="VZB689" s="613"/>
      <c r="VZC689" s="613"/>
      <c r="VZD689" s="613"/>
      <c r="VZE689" s="613"/>
      <c r="VZF689" s="613"/>
      <c r="VZG689" s="613"/>
      <c r="VZH689" s="613"/>
      <c r="VZI689" s="613"/>
      <c r="VZJ689" s="613"/>
      <c r="VZK689" s="613"/>
      <c r="VZL689" s="613"/>
      <c r="VZM689" s="613"/>
      <c r="VZN689" s="613"/>
      <c r="VZO689" s="613"/>
      <c r="VZP689" s="613"/>
      <c r="VZQ689" s="613"/>
      <c r="VZR689" s="613"/>
      <c r="VZS689" s="613"/>
      <c r="VZT689" s="613"/>
      <c r="VZU689" s="613"/>
      <c r="VZV689" s="613"/>
      <c r="VZW689" s="613"/>
      <c r="VZX689" s="613"/>
      <c r="VZY689" s="613"/>
      <c r="VZZ689" s="613"/>
      <c r="WAA689" s="613"/>
      <c r="WAB689" s="613"/>
      <c r="WAC689" s="613"/>
      <c r="WAD689" s="613"/>
      <c r="WAE689" s="613"/>
      <c r="WAF689" s="613"/>
      <c r="WAG689" s="613"/>
      <c r="WAH689" s="613"/>
      <c r="WAI689" s="613"/>
      <c r="WAJ689" s="613"/>
      <c r="WAK689" s="613"/>
      <c r="WAL689" s="613"/>
      <c r="WAM689" s="613"/>
      <c r="WAN689" s="613"/>
      <c r="WAO689" s="613"/>
      <c r="WAP689" s="613"/>
      <c r="WAQ689" s="613"/>
      <c r="WAR689" s="613"/>
      <c r="WAS689" s="613"/>
      <c r="WAT689" s="613"/>
      <c r="WAU689" s="613"/>
      <c r="WAV689" s="613"/>
      <c r="WAW689" s="613"/>
      <c r="WAX689" s="613"/>
      <c r="WAY689" s="613"/>
      <c r="WAZ689" s="613"/>
      <c r="WBA689" s="613"/>
      <c r="WBB689" s="613"/>
      <c r="WBC689" s="613"/>
      <c r="WBD689" s="613"/>
      <c r="WBE689" s="613"/>
      <c r="WBF689" s="613"/>
      <c r="WBG689" s="613"/>
      <c r="WBH689" s="613"/>
      <c r="WBI689" s="613"/>
      <c r="WBJ689" s="613"/>
      <c r="WBK689" s="613"/>
      <c r="WBL689" s="613"/>
      <c r="WBM689" s="613"/>
      <c r="WBN689" s="613"/>
      <c r="WBO689" s="613"/>
      <c r="WBP689" s="613"/>
      <c r="WBQ689" s="613"/>
      <c r="WBR689" s="613"/>
      <c r="WBS689" s="613"/>
      <c r="WBT689" s="613"/>
      <c r="WBU689" s="613"/>
      <c r="WBV689" s="613"/>
      <c r="WBW689" s="613"/>
      <c r="WBX689" s="613"/>
      <c r="WBY689" s="613"/>
      <c r="WBZ689" s="613"/>
      <c r="WCA689" s="613"/>
      <c r="WCB689" s="613"/>
      <c r="WCC689" s="613"/>
      <c r="WCD689" s="613"/>
      <c r="WCE689" s="613"/>
      <c r="WCF689" s="613"/>
      <c r="WCG689" s="613"/>
      <c r="WCH689" s="613"/>
      <c r="WCI689" s="613"/>
      <c r="WCJ689" s="613"/>
      <c r="WCK689" s="613"/>
      <c r="WCL689" s="613"/>
      <c r="WCM689" s="613"/>
      <c r="WCN689" s="613"/>
      <c r="WCO689" s="613"/>
      <c r="WCP689" s="613"/>
      <c r="WCQ689" s="613"/>
      <c r="WCR689" s="613"/>
      <c r="WCS689" s="613"/>
      <c r="WCT689" s="613"/>
      <c r="WCU689" s="613"/>
      <c r="WCV689" s="613"/>
      <c r="WCW689" s="613"/>
      <c r="WCX689" s="613"/>
      <c r="WCY689" s="613"/>
      <c r="WCZ689" s="613"/>
      <c r="WDA689" s="613"/>
      <c r="WDB689" s="613"/>
      <c r="WDC689" s="613"/>
      <c r="WDD689" s="613"/>
      <c r="WDE689" s="613"/>
      <c r="WDF689" s="613"/>
      <c r="WDG689" s="613"/>
      <c r="WDH689" s="613"/>
      <c r="WDI689" s="613"/>
      <c r="WDJ689" s="613"/>
      <c r="WDK689" s="613"/>
      <c r="WDL689" s="613"/>
      <c r="WDM689" s="613"/>
      <c r="WDN689" s="613"/>
      <c r="WDO689" s="613"/>
      <c r="WDP689" s="613"/>
      <c r="WDQ689" s="613"/>
      <c r="WDR689" s="613"/>
      <c r="WDS689" s="613"/>
      <c r="WDT689" s="613"/>
      <c r="WDU689" s="613"/>
      <c r="WDV689" s="613"/>
      <c r="WDW689" s="613"/>
      <c r="WDX689" s="613"/>
      <c r="WDY689" s="613"/>
      <c r="WDZ689" s="613"/>
      <c r="WEA689" s="613"/>
      <c r="WEB689" s="613"/>
      <c r="WEC689" s="613"/>
      <c r="WED689" s="613"/>
      <c r="WEE689" s="613"/>
      <c r="WEF689" s="613"/>
      <c r="WEG689" s="613"/>
      <c r="WEH689" s="613"/>
      <c r="WEI689" s="613"/>
      <c r="WEJ689" s="613"/>
      <c r="WEK689" s="613"/>
      <c r="WEL689" s="613"/>
      <c r="WEM689" s="613"/>
      <c r="WEN689" s="613"/>
      <c r="WEO689" s="613"/>
      <c r="WEP689" s="613"/>
      <c r="WEQ689" s="613"/>
      <c r="WER689" s="613"/>
      <c r="WES689" s="613"/>
      <c r="WET689" s="613"/>
      <c r="WEU689" s="613"/>
      <c r="WEV689" s="613"/>
      <c r="WEW689" s="613"/>
      <c r="WEX689" s="613"/>
      <c r="WEY689" s="613"/>
      <c r="WEZ689" s="613"/>
      <c r="WFA689" s="613"/>
      <c r="WFB689" s="613"/>
      <c r="WFC689" s="613"/>
      <c r="WFD689" s="613"/>
      <c r="WFE689" s="613"/>
      <c r="WFF689" s="613"/>
      <c r="WFG689" s="613"/>
      <c r="WFH689" s="613"/>
      <c r="WFI689" s="613"/>
      <c r="WFJ689" s="613"/>
      <c r="WFK689" s="613"/>
      <c r="WFL689" s="613"/>
      <c r="WFM689" s="613"/>
      <c r="WFN689" s="613"/>
      <c r="WFO689" s="613"/>
      <c r="WFP689" s="613"/>
      <c r="WFQ689" s="613"/>
      <c r="WFR689" s="613"/>
      <c r="WFS689" s="613"/>
      <c r="WFT689" s="613"/>
      <c r="WFU689" s="613"/>
      <c r="WFV689" s="613"/>
      <c r="WFW689" s="613"/>
      <c r="WFX689" s="613"/>
      <c r="WFY689" s="613"/>
      <c r="WFZ689" s="613"/>
      <c r="WGA689" s="613"/>
      <c r="WGB689" s="613"/>
      <c r="WGC689" s="613"/>
      <c r="WGD689" s="613"/>
      <c r="WGE689" s="613"/>
      <c r="WGF689" s="613"/>
      <c r="WGG689" s="613"/>
      <c r="WGH689" s="613"/>
      <c r="WGI689" s="613"/>
      <c r="WGJ689" s="613"/>
      <c r="WGK689" s="613"/>
      <c r="WGL689" s="613"/>
      <c r="WGM689" s="613"/>
      <c r="WGN689" s="613"/>
      <c r="WGO689" s="613"/>
      <c r="WGP689" s="613"/>
      <c r="WGQ689" s="613"/>
      <c r="WGR689" s="613"/>
      <c r="WGS689" s="613"/>
      <c r="WGT689" s="613"/>
      <c r="WGU689" s="613"/>
      <c r="WGV689" s="613"/>
      <c r="WGW689" s="613"/>
      <c r="WGX689" s="613"/>
      <c r="WGY689" s="613"/>
      <c r="WGZ689" s="613"/>
      <c r="WHA689" s="613"/>
      <c r="WHB689" s="613"/>
      <c r="WHC689" s="613"/>
      <c r="WHD689" s="613"/>
      <c r="WHE689" s="613"/>
      <c r="WHF689" s="613"/>
      <c r="WHG689" s="613"/>
      <c r="WHH689" s="613"/>
      <c r="WHI689" s="613"/>
      <c r="WHJ689" s="613"/>
      <c r="WHK689" s="613"/>
      <c r="WHL689" s="613"/>
      <c r="WHM689" s="613"/>
      <c r="WHN689" s="613"/>
      <c r="WHO689" s="613"/>
      <c r="WHP689" s="613"/>
      <c r="WHQ689" s="613"/>
      <c r="WHR689" s="613"/>
      <c r="WHS689" s="613"/>
      <c r="WHT689" s="613"/>
      <c r="WHU689" s="613"/>
      <c r="WHV689" s="613"/>
      <c r="WHW689" s="613"/>
      <c r="WHX689" s="613"/>
      <c r="WHY689" s="613"/>
      <c r="WHZ689" s="613"/>
      <c r="WIA689" s="613"/>
      <c r="WIB689" s="613"/>
      <c r="WIC689" s="613"/>
      <c r="WID689" s="613"/>
      <c r="WIE689" s="613"/>
      <c r="WIF689" s="613"/>
      <c r="WIG689" s="613"/>
      <c r="WIH689" s="613"/>
      <c r="WII689" s="613"/>
      <c r="WIJ689" s="613"/>
      <c r="WIK689" s="613"/>
      <c r="WIL689" s="613"/>
      <c r="WIM689" s="613"/>
      <c r="WIN689" s="613"/>
      <c r="WIO689" s="613"/>
      <c r="WIP689" s="613"/>
      <c r="WIQ689" s="613"/>
      <c r="WIR689" s="613"/>
      <c r="WIS689" s="613"/>
      <c r="WIT689" s="613"/>
      <c r="WIU689" s="613"/>
      <c r="WIV689" s="613"/>
      <c r="WIW689" s="613"/>
      <c r="WIX689" s="613"/>
      <c r="WIY689" s="613"/>
      <c r="WIZ689" s="613"/>
      <c r="WJA689" s="613"/>
      <c r="WJB689" s="613"/>
      <c r="WJC689" s="613"/>
      <c r="WJD689" s="613"/>
      <c r="WJE689" s="613"/>
      <c r="WJF689" s="613"/>
      <c r="WJG689" s="613"/>
      <c r="WJH689" s="613"/>
      <c r="WJI689" s="613"/>
      <c r="WJJ689" s="613"/>
      <c r="WJK689" s="613"/>
      <c r="WJL689" s="613"/>
      <c r="WJM689" s="613"/>
      <c r="WJN689" s="613"/>
      <c r="WJO689" s="613"/>
      <c r="WJP689" s="613"/>
      <c r="WJQ689" s="613"/>
      <c r="WJR689" s="613"/>
      <c r="WJS689" s="613"/>
      <c r="WJT689" s="613"/>
      <c r="WJU689" s="613"/>
      <c r="WJV689" s="613"/>
      <c r="WJW689" s="613"/>
      <c r="WJX689" s="613"/>
      <c r="WJY689" s="613"/>
      <c r="WJZ689" s="613"/>
      <c r="WKA689" s="613"/>
      <c r="WKB689" s="613"/>
      <c r="WKC689" s="613"/>
      <c r="WKD689" s="613"/>
      <c r="WKE689" s="613"/>
      <c r="WKF689" s="613"/>
      <c r="WKG689" s="613"/>
      <c r="WKH689" s="613"/>
      <c r="WKI689" s="613"/>
      <c r="WKJ689" s="613"/>
      <c r="WKK689" s="613"/>
      <c r="WKL689" s="613"/>
      <c r="WKM689" s="613"/>
      <c r="WKN689" s="613"/>
      <c r="WKO689" s="613"/>
      <c r="WKP689" s="613"/>
      <c r="WKQ689" s="613"/>
      <c r="WKR689" s="613"/>
      <c r="WKS689" s="613"/>
      <c r="WKT689" s="613"/>
      <c r="WKU689" s="613"/>
      <c r="WKV689" s="613"/>
      <c r="WKW689" s="613"/>
      <c r="WKX689" s="613"/>
      <c r="WKY689" s="613"/>
      <c r="WKZ689" s="613"/>
      <c r="WLA689" s="613"/>
      <c r="WLB689" s="613"/>
      <c r="WLC689" s="613"/>
      <c r="WLD689" s="613"/>
      <c r="WLE689" s="613"/>
      <c r="WLF689" s="613"/>
      <c r="WLG689" s="613"/>
      <c r="WLH689" s="613"/>
      <c r="WLI689" s="613"/>
      <c r="WLJ689" s="613"/>
      <c r="WLK689" s="613"/>
      <c r="WLL689" s="613"/>
      <c r="WLM689" s="613"/>
      <c r="WLN689" s="613"/>
      <c r="WLO689" s="613"/>
      <c r="WLP689" s="613"/>
      <c r="WLQ689" s="613"/>
      <c r="WLR689" s="613"/>
      <c r="WLS689" s="613"/>
      <c r="WLT689" s="613"/>
      <c r="WLU689" s="613"/>
      <c r="WLV689" s="613"/>
      <c r="WLW689" s="613"/>
      <c r="WLX689" s="613"/>
      <c r="WLY689" s="613"/>
      <c r="WLZ689" s="613"/>
      <c r="WMA689" s="613"/>
      <c r="WMB689" s="613"/>
      <c r="WMC689" s="613"/>
      <c r="WMD689" s="613"/>
      <c r="WME689" s="613"/>
      <c r="WMF689" s="613"/>
      <c r="WMG689" s="613"/>
      <c r="WMH689" s="613"/>
      <c r="WMI689" s="613"/>
      <c r="WMJ689" s="613"/>
      <c r="WMK689" s="613"/>
      <c r="WML689" s="613"/>
      <c r="WMM689" s="613"/>
      <c r="WMN689" s="613"/>
      <c r="WMO689" s="613"/>
      <c r="WMP689" s="613"/>
      <c r="WMQ689" s="613"/>
      <c r="WMR689" s="613"/>
      <c r="WMS689" s="613"/>
      <c r="WMT689" s="613"/>
      <c r="WMU689" s="613"/>
      <c r="WMV689" s="613"/>
      <c r="WMW689" s="613"/>
      <c r="WMX689" s="613"/>
      <c r="WMY689" s="613"/>
      <c r="WMZ689" s="613"/>
      <c r="WNA689" s="613"/>
      <c r="WNB689" s="613"/>
      <c r="WNC689" s="613"/>
      <c r="WND689" s="613"/>
      <c r="WNE689" s="613"/>
      <c r="WNF689" s="613"/>
      <c r="WNG689" s="613"/>
      <c r="WNH689" s="613"/>
      <c r="WNI689" s="613"/>
      <c r="WNJ689" s="613"/>
      <c r="WNK689" s="613"/>
      <c r="WNL689" s="613"/>
      <c r="WNM689" s="613"/>
      <c r="WNN689" s="613"/>
      <c r="WNO689" s="613"/>
      <c r="WNP689" s="613"/>
      <c r="WNQ689" s="613"/>
      <c r="WNR689" s="613"/>
      <c r="WNS689" s="613"/>
      <c r="WNT689" s="613"/>
      <c r="WNU689" s="613"/>
      <c r="WNV689" s="613"/>
      <c r="WNW689" s="613"/>
      <c r="WNX689" s="613"/>
      <c r="WNY689" s="613"/>
      <c r="WNZ689" s="613"/>
      <c r="WOA689" s="613"/>
      <c r="WOB689" s="613"/>
      <c r="WOC689" s="613"/>
      <c r="WOD689" s="613"/>
      <c r="WOE689" s="613"/>
      <c r="WOF689" s="613"/>
      <c r="WOG689" s="613"/>
      <c r="WOH689" s="613"/>
      <c r="WOI689" s="613"/>
      <c r="WOJ689" s="613"/>
      <c r="WOK689" s="613"/>
      <c r="WOL689" s="613"/>
      <c r="WOM689" s="613"/>
      <c r="WON689" s="613"/>
      <c r="WOO689" s="613"/>
      <c r="WOP689" s="613"/>
      <c r="WOQ689" s="613"/>
      <c r="WOR689" s="613"/>
      <c r="WOS689" s="613"/>
      <c r="WOT689" s="613"/>
      <c r="WOU689" s="613"/>
      <c r="WOV689" s="613"/>
      <c r="WOW689" s="613"/>
      <c r="WOX689" s="613"/>
      <c r="WOY689" s="613"/>
      <c r="WOZ689" s="613"/>
      <c r="WPA689" s="613"/>
      <c r="WPB689" s="613"/>
      <c r="WPC689" s="613"/>
      <c r="WPD689" s="613"/>
      <c r="WPE689" s="613"/>
      <c r="WPF689" s="613"/>
      <c r="WPG689" s="613"/>
      <c r="WPH689" s="613"/>
      <c r="WPI689" s="613"/>
      <c r="WPJ689" s="613"/>
      <c r="WPK689" s="613"/>
      <c r="WPL689" s="613"/>
      <c r="WPM689" s="613"/>
      <c r="WPN689" s="613"/>
      <c r="WPO689" s="613"/>
      <c r="WPP689" s="613"/>
      <c r="WPQ689" s="613"/>
      <c r="WPR689" s="613"/>
      <c r="WPS689" s="613"/>
      <c r="WPT689" s="613"/>
      <c r="WPU689" s="613"/>
      <c r="WPV689" s="613"/>
      <c r="WPW689" s="613"/>
      <c r="WPX689" s="613"/>
      <c r="WPY689" s="613"/>
      <c r="WPZ689" s="613"/>
      <c r="WQA689" s="613"/>
      <c r="WQB689" s="613"/>
      <c r="WQC689" s="613"/>
      <c r="WQD689" s="613"/>
      <c r="WQE689" s="613"/>
      <c r="WQF689" s="613"/>
      <c r="WQG689" s="613"/>
      <c r="WQH689" s="613"/>
      <c r="WQI689" s="613"/>
      <c r="WQJ689" s="613"/>
      <c r="WQK689" s="613"/>
      <c r="WQL689" s="613"/>
      <c r="WQM689" s="613"/>
      <c r="WQN689" s="613"/>
      <c r="WQO689" s="613"/>
      <c r="WQP689" s="613"/>
      <c r="WQQ689" s="613"/>
      <c r="WQR689" s="613"/>
      <c r="WQS689" s="613"/>
      <c r="WQT689" s="613"/>
      <c r="WQU689" s="613"/>
      <c r="WQV689" s="613"/>
      <c r="WQW689" s="613"/>
      <c r="WQX689" s="613"/>
      <c r="WQY689" s="613"/>
      <c r="WQZ689" s="613"/>
      <c r="WRA689" s="613"/>
      <c r="WRB689" s="613"/>
      <c r="WRC689" s="613"/>
      <c r="WRD689" s="613"/>
      <c r="WRE689" s="613"/>
      <c r="WRF689" s="613"/>
      <c r="WRG689" s="613"/>
      <c r="WRH689" s="613"/>
      <c r="WRI689" s="613"/>
      <c r="WRJ689" s="613"/>
      <c r="WRK689" s="613"/>
      <c r="WRL689" s="613"/>
      <c r="WRM689" s="613"/>
      <c r="WRN689" s="613"/>
      <c r="WRO689" s="613"/>
      <c r="WRP689" s="613"/>
      <c r="WRQ689" s="613"/>
      <c r="WRR689" s="613"/>
      <c r="WRS689" s="613"/>
      <c r="WRT689" s="613"/>
      <c r="WRU689" s="613"/>
      <c r="WRV689" s="613"/>
      <c r="WRW689" s="613"/>
      <c r="WRX689" s="613"/>
      <c r="WRY689" s="613"/>
      <c r="WRZ689" s="613"/>
      <c r="WSA689" s="613"/>
      <c r="WSB689" s="613"/>
      <c r="WSC689" s="613"/>
      <c r="WSD689" s="613"/>
      <c r="WSE689" s="613"/>
      <c r="WSF689" s="613"/>
      <c r="WSG689" s="613"/>
      <c r="WSH689" s="613"/>
      <c r="WSI689" s="613"/>
      <c r="WSJ689" s="613"/>
      <c r="WSK689" s="613"/>
      <c r="WSL689" s="613"/>
      <c r="WSM689" s="613"/>
      <c r="WSN689" s="613"/>
      <c r="WSO689" s="613"/>
      <c r="WSP689" s="613"/>
      <c r="WSQ689" s="613"/>
      <c r="WSR689" s="613"/>
      <c r="WSS689" s="613"/>
      <c r="WST689" s="613"/>
      <c r="WSU689" s="613"/>
      <c r="WSV689" s="613"/>
      <c r="WSW689" s="613"/>
      <c r="WSX689" s="613"/>
      <c r="WSY689" s="613"/>
      <c r="WSZ689" s="613"/>
      <c r="WTA689" s="613"/>
      <c r="WTB689" s="613"/>
      <c r="WTC689" s="613"/>
      <c r="WTD689" s="613"/>
      <c r="WTE689" s="613"/>
      <c r="WTF689" s="613"/>
      <c r="WTG689" s="613"/>
      <c r="WTH689" s="613"/>
      <c r="WTI689" s="613"/>
      <c r="WTJ689" s="613"/>
      <c r="WTK689" s="613"/>
      <c r="WTL689" s="613"/>
      <c r="WTM689" s="613"/>
      <c r="WTN689" s="613"/>
      <c r="WTO689" s="613"/>
      <c r="WTP689" s="613"/>
      <c r="WTQ689" s="613"/>
      <c r="WTR689" s="613"/>
      <c r="WTS689" s="613"/>
      <c r="WTT689" s="613"/>
      <c r="WTU689" s="613"/>
      <c r="WTV689" s="613"/>
      <c r="WTW689" s="613"/>
      <c r="WTX689" s="613"/>
      <c r="WTY689" s="613"/>
      <c r="WTZ689" s="613"/>
      <c r="WUA689" s="613"/>
      <c r="WUB689" s="613"/>
      <c r="WUC689" s="613"/>
      <c r="WUD689" s="613"/>
      <c r="WUE689" s="613"/>
      <c r="WUF689" s="613"/>
      <c r="WUG689" s="613"/>
      <c r="WUH689" s="613"/>
      <c r="WUI689" s="613"/>
      <c r="WUJ689" s="613"/>
      <c r="WUK689" s="613"/>
      <c r="WUL689" s="613"/>
      <c r="WUM689" s="613"/>
      <c r="WUN689" s="613"/>
      <c r="WUO689" s="613"/>
      <c r="WUP689" s="613"/>
      <c r="WUQ689" s="613"/>
      <c r="WUR689" s="613"/>
      <c r="WUS689" s="613"/>
      <c r="WUT689" s="613"/>
      <c r="WUU689" s="613"/>
      <c r="WUV689" s="613"/>
      <c r="WUW689" s="613"/>
      <c r="WUX689" s="613"/>
      <c r="WUY689" s="613"/>
      <c r="WUZ689" s="613"/>
      <c r="WVA689" s="613"/>
      <c r="WVB689" s="613"/>
      <c r="WVC689" s="613"/>
      <c r="WVD689" s="613"/>
      <c r="WVE689" s="613"/>
      <c r="WVF689" s="613"/>
      <c r="WVG689" s="613"/>
      <c r="WVH689" s="613"/>
      <c r="WVI689" s="613"/>
      <c r="WVJ689" s="613"/>
      <c r="WVK689" s="613"/>
      <c r="WVL689" s="613"/>
      <c r="WVM689" s="613"/>
      <c r="WVN689" s="613"/>
      <c r="WVO689" s="613"/>
      <c r="WVP689" s="613"/>
      <c r="WVQ689" s="613"/>
      <c r="WVR689" s="613"/>
      <c r="WVS689" s="613"/>
      <c r="WVT689" s="613"/>
      <c r="WVU689" s="613"/>
      <c r="WVV689" s="613"/>
      <c r="WVW689" s="613"/>
      <c r="WVX689" s="613"/>
      <c r="WVY689" s="613"/>
      <c r="WVZ689" s="613"/>
      <c r="WWA689" s="613"/>
      <c r="WWB689" s="613"/>
      <c r="WWC689" s="613"/>
      <c r="WWD689" s="613"/>
      <c r="WWE689" s="613"/>
      <c r="WWF689" s="613"/>
      <c r="WWG689" s="613"/>
      <c r="WWH689" s="613"/>
      <c r="WWI689" s="613"/>
      <c r="WWJ689" s="613"/>
      <c r="WWK689" s="613"/>
      <c r="WWL689" s="613"/>
      <c r="WWM689" s="613"/>
      <c r="WWN689" s="613"/>
      <c r="WWO689" s="613"/>
      <c r="WWP689" s="613"/>
      <c r="WWQ689" s="613"/>
      <c r="WWR689" s="613"/>
      <c r="WWS689" s="613"/>
      <c r="WWT689" s="613"/>
      <c r="WWU689" s="613"/>
      <c r="WWV689" s="613"/>
      <c r="WWW689" s="613"/>
      <c r="WWX689" s="613"/>
      <c r="WWY689" s="613"/>
      <c r="WWZ689" s="613"/>
      <c r="WXA689" s="613"/>
      <c r="WXB689" s="613"/>
      <c r="WXC689" s="613"/>
      <c r="WXD689" s="613"/>
      <c r="WXE689" s="613"/>
      <c r="WXF689" s="613"/>
      <c r="WXG689" s="613"/>
      <c r="WXH689" s="613"/>
      <c r="WXI689" s="613"/>
      <c r="WXJ689" s="613"/>
      <c r="WXK689" s="613"/>
      <c r="WXL689" s="613"/>
      <c r="WXM689" s="613"/>
      <c r="WXN689" s="613"/>
      <c r="WXO689" s="613"/>
      <c r="WXP689" s="613"/>
      <c r="WXQ689" s="613"/>
      <c r="WXR689" s="613"/>
      <c r="WXS689" s="613"/>
      <c r="WXT689" s="613"/>
      <c r="WXU689" s="613"/>
      <c r="WXV689" s="613"/>
      <c r="WXW689" s="613"/>
      <c r="WXX689" s="613"/>
      <c r="WXY689" s="613"/>
      <c r="WXZ689" s="613"/>
      <c r="WYA689" s="613"/>
      <c r="WYB689" s="613"/>
      <c r="WYC689" s="613"/>
      <c r="WYD689" s="613"/>
      <c r="WYE689" s="613"/>
      <c r="WYF689" s="613"/>
      <c r="WYG689" s="613"/>
      <c r="WYH689" s="613"/>
      <c r="WYI689" s="613"/>
      <c r="WYJ689" s="613"/>
      <c r="WYK689" s="613"/>
      <c r="WYL689" s="613"/>
      <c r="WYM689" s="613"/>
      <c r="WYN689" s="613"/>
      <c r="WYO689" s="613"/>
      <c r="WYP689" s="613"/>
      <c r="WYQ689" s="613"/>
      <c r="WYR689" s="613"/>
      <c r="WYS689" s="613"/>
      <c r="WYT689" s="613"/>
      <c r="WYU689" s="613"/>
      <c r="WYV689" s="613"/>
      <c r="WYW689" s="613"/>
      <c r="WYX689" s="613"/>
      <c r="WYY689" s="613"/>
      <c r="WYZ689" s="613"/>
      <c r="WZA689" s="613"/>
      <c r="WZB689" s="613"/>
      <c r="WZC689" s="613"/>
      <c r="WZD689" s="613"/>
      <c r="WZE689" s="613"/>
      <c r="WZF689" s="613"/>
      <c r="WZG689" s="613"/>
      <c r="WZH689" s="613"/>
      <c r="WZI689" s="613"/>
      <c r="WZJ689" s="613"/>
      <c r="WZK689" s="613"/>
      <c r="WZL689" s="613"/>
      <c r="WZM689" s="613"/>
      <c r="WZN689" s="613"/>
      <c r="WZO689" s="613"/>
      <c r="WZP689" s="613"/>
      <c r="WZQ689" s="613"/>
      <c r="WZR689" s="613"/>
      <c r="WZS689" s="613"/>
      <c r="WZT689" s="613"/>
      <c r="WZU689" s="613"/>
      <c r="WZV689" s="613"/>
      <c r="WZW689" s="613"/>
      <c r="WZX689" s="613"/>
      <c r="WZY689" s="613"/>
      <c r="WZZ689" s="613"/>
      <c r="XAA689" s="613"/>
      <c r="XAB689" s="613"/>
      <c r="XAC689" s="613"/>
      <c r="XAD689" s="613"/>
      <c r="XAE689" s="613"/>
      <c r="XAF689" s="613"/>
      <c r="XAG689" s="613"/>
      <c r="XAH689" s="613"/>
      <c r="XAI689" s="613"/>
      <c r="XAJ689" s="613"/>
      <c r="XAK689" s="613"/>
      <c r="XAL689" s="613"/>
      <c r="XAM689" s="613"/>
      <c r="XAN689" s="613"/>
      <c r="XAO689" s="613"/>
      <c r="XAP689" s="613"/>
      <c r="XAQ689" s="613"/>
      <c r="XAR689" s="613"/>
      <c r="XAS689" s="613"/>
      <c r="XAT689" s="613"/>
      <c r="XAU689" s="613"/>
      <c r="XAV689" s="613"/>
      <c r="XAW689" s="613"/>
      <c r="XAX689" s="613"/>
      <c r="XAY689" s="613"/>
      <c r="XAZ689" s="613"/>
      <c r="XBA689" s="613"/>
      <c r="XBB689" s="613"/>
      <c r="XBC689" s="613"/>
      <c r="XBD689" s="613"/>
      <c r="XBE689" s="613"/>
      <c r="XBF689" s="613"/>
      <c r="XBG689" s="613"/>
      <c r="XBH689" s="613"/>
      <c r="XBI689" s="613"/>
      <c r="XBJ689" s="613"/>
      <c r="XBK689" s="613"/>
      <c r="XBL689" s="613"/>
      <c r="XBM689" s="613"/>
      <c r="XBN689" s="613"/>
      <c r="XBO689" s="613"/>
      <c r="XBP689" s="613"/>
      <c r="XBQ689" s="613"/>
      <c r="XBR689" s="613"/>
      <c r="XBS689" s="613"/>
      <c r="XBT689" s="613"/>
      <c r="XBU689" s="613"/>
      <c r="XBV689" s="613"/>
      <c r="XBW689" s="613"/>
      <c r="XBX689" s="613"/>
      <c r="XBY689" s="613"/>
      <c r="XBZ689" s="613"/>
      <c r="XCA689" s="613"/>
      <c r="XCB689" s="613"/>
      <c r="XCC689" s="613"/>
      <c r="XCD689" s="613"/>
      <c r="XCE689" s="613"/>
      <c r="XCF689" s="613"/>
      <c r="XCG689" s="613"/>
      <c r="XCH689" s="613"/>
      <c r="XCI689" s="613"/>
      <c r="XCJ689" s="613"/>
      <c r="XCK689" s="613"/>
      <c r="XCL689" s="613"/>
      <c r="XCM689" s="613"/>
      <c r="XCN689" s="613"/>
      <c r="XCO689" s="613"/>
      <c r="XCP689" s="613"/>
      <c r="XCQ689" s="613"/>
    </row>
    <row r="690" spans="1:16319" ht="56.1" customHeight="1" x14ac:dyDescent="0.2">
      <c r="A690" s="273" t="s">
        <v>3017</v>
      </c>
      <c r="B690" s="499"/>
      <c r="C690" s="77"/>
      <c r="D690" s="481">
        <v>250</v>
      </c>
      <c r="E690" s="481"/>
      <c r="F690" s="481" t="s">
        <v>2481</v>
      </c>
      <c r="G690" s="482" t="s">
        <v>53</v>
      </c>
      <c r="H690" s="481" t="s">
        <v>329</v>
      </c>
      <c r="I690" s="654" t="s">
        <v>482</v>
      </c>
      <c r="J690" s="654" t="s">
        <v>483</v>
      </c>
      <c r="K690" s="495" t="s">
        <v>497</v>
      </c>
      <c r="L690" s="621"/>
      <c r="M690" s="484" t="s">
        <v>58</v>
      </c>
      <c r="N690" s="329" t="s">
        <v>1365</v>
      </c>
      <c r="O690" s="484" t="s">
        <v>2996</v>
      </c>
      <c r="P690" s="484" t="s">
        <v>81</v>
      </c>
      <c r="Q690" s="667" t="s">
        <v>334</v>
      </c>
      <c r="R690" s="484" t="s">
        <v>334</v>
      </c>
      <c r="S690" s="484" t="s">
        <v>225</v>
      </c>
      <c r="T690" s="484"/>
      <c r="U690" s="620" t="s">
        <v>63</v>
      </c>
      <c r="V690" s="620" t="s">
        <v>63</v>
      </c>
      <c r="W690" s="723">
        <v>270649</v>
      </c>
      <c r="X690" s="723"/>
      <c r="Y690" s="654" t="s">
        <v>226</v>
      </c>
      <c r="Z690" s="654"/>
      <c r="AA690" s="723">
        <v>270649</v>
      </c>
      <c r="AB690" s="652" t="s">
        <v>82</v>
      </c>
      <c r="AC690" s="652"/>
      <c r="AD690" s="496"/>
      <c r="AE690" s="496"/>
      <c r="AF690" s="496"/>
      <c r="AG690" s="496"/>
      <c r="AH690" s="496"/>
      <c r="AI690" s="487" t="s">
        <v>66</v>
      </c>
      <c r="AJ690" s="496"/>
      <c r="AK690" s="496"/>
      <c r="AL690" s="496"/>
      <c r="AM690" s="496"/>
      <c r="AN690" s="496"/>
      <c r="AO690" s="496"/>
      <c r="AP690" s="496"/>
      <c r="AQ690" s="496"/>
      <c r="AR690" s="496"/>
      <c r="AS690" s="496"/>
      <c r="AT690" s="496"/>
      <c r="AU690" s="487"/>
      <c r="AV690" s="487"/>
      <c r="AW690" s="487"/>
      <c r="AX690" s="487"/>
      <c r="AY690" s="487"/>
      <c r="AZ690" s="487"/>
      <c r="BA690" s="484"/>
      <c r="BB690" s="484" t="s">
        <v>485</v>
      </c>
      <c r="BC690" s="484" t="s">
        <v>3041</v>
      </c>
      <c r="BD690" s="494"/>
      <c r="BE690" s="494"/>
      <c r="BF690" s="613"/>
      <c r="BG690" s="613"/>
      <c r="BH690" s="613"/>
      <c r="BI690" s="613"/>
      <c r="BJ690" s="613"/>
      <c r="BK690" s="613"/>
      <c r="BL690" s="613"/>
      <c r="BM690" s="613"/>
      <c r="BN690" s="613"/>
      <c r="BO690" s="613"/>
      <c r="BP690" s="613"/>
      <c r="BQ690" s="613"/>
      <c r="BR690" s="613"/>
      <c r="BS690" s="613"/>
      <c r="BT690" s="613"/>
      <c r="BU690" s="613"/>
      <c r="BV690" s="613"/>
      <c r="BW690" s="613"/>
      <c r="BX690" s="613"/>
      <c r="BY690" s="613"/>
      <c r="BZ690" s="613"/>
      <c r="CA690" s="613"/>
      <c r="CB690" s="613"/>
      <c r="CC690" s="613"/>
      <c r="CD690" s="613"/>
      <c r="CE690" s="613"/>
      <c r="CF690" s="613"/>
      <c r="CG690" s="613"/>
      <c r="CH690" s="613"/>
      <c r="CI690" s="613"/>
      <c r="CJ690" s="613"/>
      <c r="CK690" s="613"/>
      <c r="CL690" s="613"/>
      <c r="CM690" s="613"/>
      <c r="CN690" s="613"/>
      <c r="CO690" s="613"/>
      <c r="CP690" s="613"/>
      <c r="CQ690" s="613"/>
      <c r="CR690" s="613"/>
      <c r="CS690" s="613"/>
      <c r="CT690" s="613"/>
      <c r="CU690" s="613"/>
      <c r="CV690" s="613"/>
      <c r="CW690" s="613"/>
      <c r="CX690" s="613"/>
      <c r="CY690" s="613"/>
      <c r="CZ690" s="613"/>
      <c r="DA690" s="613"/>
      <c r="DB690" s="613"/>
      <c r="DC690" s="613"/>
      <c r="DD690" s="613"/>
      <c r="DE690" s="613"/>
      <c r="DF690" s="613"/>
      <c r="DG690" s="613"/>
      <c r="DH690" s="613"/>
      <c r="DI690" s="613"/>
      <c r="DJ690" s="613"/>
      <c r="DK690" s="613"/>
      <c r="DL690" s="613"/>
      <c r="DM690" s="613"/>
      <c r="DN690" s="613"/>
      <c r="DO690" s="613"/>
      <c r="DP690" s="613"/>
      <c r="DQ690" s="613"/>
      <c r="DR690" s="613"/>
      <c r="DS690" s="613"/>
      <c r="DT690" s="613"/>
      <c r="DU690" s="613"/>
      <c r="DV690" s="613"/>
      <c r="DW690" s="613"/>
      <c r="DX690" s="613"/>
      <c r="DY690" s="613"/>
      <c r="DZ690" s="613"/>
      <c r="EA690" s="613"/>
      <c r="EB690" s="613"/>
      <c r="EC690" s="613"/>
      <c r="ED690" s="613"/>
      <c r="EE690" s="613"/>
      <c r="EF690" s="613"/>
      <c r="EG690" s="613"/>
      <c r="EH690" s="613"/>
      <c r="EI690" s="613"/>
      <c r="EJ690" s="613"/>
      <c r="EK690" s="613"/>
      <c r="EL690" s="613"/>
      <c r="EM690" s="613"/>
      <c r="EN690" s="613"/>
      <c r="EO690" s="613"/>
      <c r="EP690" s="613"/>
      <c r="EQ690" s="613"/>
      <c r="ER690" s="613"/>
      <c r="ES690" s="613"/>
      <c r="ET690" s="613"/>
      <c r="EU690" s="613"/>
      <c r="EV690" s="613"/>
      <c r="EW690" s="613"/>
      <c r="EX690" s="613"/>
      <c r="EY690" s="613"/>
      <c r="EZ690" s="613"/>
      <c r="FA690" s="613"/>
      <c r="FB690" s="613"/>
      <c r="FC690" s="613"/>
      <c r="FD690" s="613"/>
      <c r="FE690" s="613"/>
      <c r="FF690" s="613"/>
      <c r="FG690" s="613"/>
      <c r="FH690" s="613"/>
      <c r="FI690" s="613"/>
      <c r="FJ690" s="613"/>
      <c r="FK690" s="613"/>
      <c r="FL690" s="613"/>
      <c r="FM690" s="613"/>
      <c r="FN690" s="613"/>
      <c r="FO690" s="613"/>
      <c r="FP690" s="613"/>
      <c r="FQ690" s="613"/>
      <c r="FR690" s="613"/>
      <c r="FS690" s="613"/>
      <c r="FT690" s="613"/>
      <c r="FU690" s="613"/>
      <c r="FV690" s="613"/>
      <c r="FW690" s="613"/>
      <c r="FX690" s="613"/>
      <c r="FY690" s="613"/>
      <c r="FZ690" s="613"/>
      <c r="GA690" s="613"/>
      <c r="GB690" s="613"/>
      <c r="GC690" s="613"/>
      <c r="GD690" s="613"/>
      <c r="GE690" s="613"/>
      <c r="GF690" s="613"/>
      <c r="GG690" s="613"/>
      <c r="GH690" s="613"/>
      <c r="GI690" s="613"/>
      <c r="GJ690" s="613"/>
      <c r="GK690" s="613"/>
      <c r="GL690" s="613"/>
      <c r="GM690" s="613"/>
      <c r="GN690" s="613"/>
      <c r="GO690" s="613"/>
      <c r="GP690" s="613"/>
      <c r="GQ690" s="613"/>
      <c r="GR690" s="613"/>
      <c r="GS690" s="613"/>
      <c r="GT690" s="613"/>
      <c r="GU690" s="613"/>
      <c r="GV690" s="613"/>
      <c r="GW690" s="613"/>
      <c r="GX690" s="613"/>
      <c r="GY690" s="613"/>
      <c r="GZ690" s="613"/>
      <c r="HA690" s="613"/>
      <c r="HB690" s="613"/>
      <c r="HC690" s="613"/>
      <c r="HD690" s="613"/>
      <c r="HE690" s="613"/>
      <c r="HF690" s="613"/>
      <c r="HG690" s="613"/>
      <c r="HH690" s="613"/>
      <c r="HI690" s="613"/>
      <c r="HJ690" s="613"/>
      <c r="HK690" s="613"/>
      <c r="HL690" s="613"/>
      <c r="HM690" s="613"/>
      <c r="HN690" s="613"/>
      <c r="HO690" s="613"/>
      <c r="HP690" s="613"/>
      <c r="HQ690" s="613"/>
      <c r="HR690" s="613"/>
      <c r="HS690" s="613"/>
      <c r="HT690" s="613"/>
      <c r="HU690" s="613"/>
      <c r="HV690" s="613"/>
      <c r="HW690" s="613"/>
      <c r="HX690" s="613"/>
      <c r="HY690" s="613"/>
      <c r="HZ690" s="613"/>
      <c r="IA690" s="613"/>
      <c r="IB690" s="613"/>
      <c r="IC690" s="613"/>
      <c r="ID690" s="613"/>
      <c r="IE690" s="613"/>
      <c r="IF690" s="613"/>
      <c r="IG690" s="613"/>
      <c r="IH690" s="613"/>
      <c r="II690" s="613"/>
      <c r="IJ690" s="613"/>
      <c r="IK690" s="613"/>
      <c r="IL690" s="613"/>
      <c r="IM690" s="613"/>
      <c r="IN690" s="613"/>
      <c r="IO690" s="613"/>
      <c r="IP690" s="613"/>
      <c r="IQ690" s="613"/>
      <c r="IR690" s="613"/>
      <c r="IS690" s="613"/>
      <c r="IT690" s="613"/>
      <c r="IU690" s="613"/>
      <c r="IV690" s="613"/>
      <c r="IW690" s="613"/>
      <c r="IX690" s="613"/>
      <c r="IY690" s="613"/>
      <c r="IZ690" s="613"/>
      <c r="JA690" s="613"/>
      <c r="JB690" s="613"/>
      <c r="JC690" s="613"/>
      <c r="JD690" s="613"/>
      <c r="JE690" s="613"/>
      <c r="JF690" s="613"/>
      <c r="JG690" s="613"/>
      <c r="JH690" s="613"/>
      <c r="JI690" s="613"/>
      <c r="JJ690" s="613"/>
      <c r="JK690" s="613"/>
      <c r="JL690" s="613"/>
      <c r="JM690" s="613"/>
      <c r="JN690" s="613"/>
      <c r="JO690" s="613"/>
      <c r="JP690" s="613"/>
      <c r="JQ690" s="613"/>
      <c r="JR690" s="613"/>
      <c r="JS690" s="613"/>
      <c r="JT690" s="613"/>
      <c r="JU690" s="613"/>
      <c r="JV690" s="613"/>
      <c r="JW690" s="613"/>
      <c r="JX690" s="613"/>
      <c r="JY690" s="613"/>
      <c r="JZ690" s="613"/>
      <c r="KA690" s="613"/>
      <c r="KB690" s="613"/>
      <c r="KC690" s="613"/>
      <c r="KD690" s="613"/>
      <c r="KE690" s="613"/>
      <c r="KF690" s="613"/>
      <c r="KG690" s="613"/>
      <c r="KH690" s="613"/>
      <c r="KI690" s="613"/>
      <c r="KJ690" s="613"/>
      <c r="KK690" s="613"/>
      <c r="KL690" s="613"/>
      <c r="KM690" s="613"/>
      <c r="KN690" s="613"/>
      <c r="KO690" s="613"/>
      <c r="KP690" s="613"/>
      <c r="KQ690" s="613"/>
      <c r="KR690" s="613"/>
      <c r="KS690" s="613"/>
      <c r="KT690" s="613"/>
      <c r="KU690" s="613"/>
      <c r="KV690" s="613"/>
      <c r="KW690" s="613"/>
      <c r="KX690" s="613"/>
      <c r="KY690" s="613"/>
      <c r="KZ690" s="613"/>
      <c r="LA690" s="613"/>
      <c r="LB690" s="613"/>
      <c r="LC690" s="613"/>
      <c r="LD690" s="613"/>
      <c r="LE690" s="613"/>
      <c r="LF690" s="613"/>
      <c r="LG690" s="613"/>
      <c r="LH690" s="613"/>
      <c r="LI690" s="613"/>
      <c r="LJ690" s="613"/>
      <c r="LK690" s="613"/>
      <c r="LL690" s="613"/>
      <c r="LM690" s="613"/>
      <c r="LN690" s="613"/>
      <c r="LO690" s="613"/>
      <c r="LP690" s="613"/>
      <c r="LQ690" s="613"/>
      <c r="LR690" s="613"/>
      <c r="LS690" s="613"/>
      <c r="LT690" s="613"/>
      <c r="LU690" s="613"/>
      <c r="LV690" s="613"/>
      <c r="LW690" s="613"/>
      <c r="LX690" s="613"/>
      <c r="LY690" s="613"/>
      <c r="LZ690" s="613"/>
      <c r="MA690" s="613"/>
      <c r="MB690" s="613"/>
      <c r="MC690" s="613"/>
      <c r="MD690" s="613"/>
      <c r="ME690" s="613"/>
      <c r="MF690" s="613"/>
      <c r="MG690" s="613"/>
      <c r="MH690" s="613"/>
      <c r="MI690" s="613"/>
      <c r="MJ690" s="613"/>
      <c r="MK690" s="613"/>
      <c r="ML690" s="613"/>
      <c r="MM690" s="613"/>
      <c r="MN690" s="613"/>
      <c r="MO690" s="613"/>
      <c r="MP690" s="613"/>
      <c r="MQ690" s="613"/>
      <c r="MR690" s="613"/>
      <c r="MS690" s="613"/>
      <c r="MT690" s="613"/>
      <c r="MU690" s="613"/>
      <c r="MV690" s="613"/>
      <c r="MW690" s="613"/>
      <c r="MX690" s="613"/>
      <c r="MY690" s="613"/>
      <c r="MZ690" s="613"/>
      <c r="NA690" s="613"/>
      <c r="NB690" s="613"/>
      <c r="NC690" s="613"/>
      <c r="ND690" s="613"/>
      <c r="NE690" s="613"/>
      <c r="NF690" s="613"/>
      <c r="NG690" s="613"/>
      <c r="NH690" s="613"/>
      <c r="NI690" s="613"/>
      <c r="NJ690" s="613"/>
      <c r="NK690" s="613"/>
      <c r="NL690" s="613"/>
      <c r="NM690" s="613"/>
      <c r="NN690" s="613"/>
      <c r="NO690" s="613"/>
      <c r="NP690" s="613"/>
      <c r="NQ690" s="613"/>
      <c r="NR690" s="613"/>
      <c r="NS690" s="613"/>
      <c r="NT690" s="613"/>
      <c r="NU690" s="613"/>
      <c r="NV690" s="613"/>
      <c r="NW690" s="613"/>
      <c r="NX690" s="613"/>
      <c r="NY690" s="613"/>
      <c r="NZ690" s="613"/>
      <c r="OA690" s="613"/>
      <c r="OB690" s="613"/>
      <c r="OC690" s="613"/>
      <c r="OD690" s="613"/>
      <c r="OE690" s="613"/>
      <c r="OF690" s="613"/>
      <c r="OG690" s="613"/>
      <c r="OH690" s="613"/>
      <c r="OI690" s="613"/>
      <c r="OJ690" s="613"/>
      <c r="OK690" s="613"/>
      <c r="OL690" s="613"/>
      <c r="OM690" s="613"/>
      <c r="ON690" s="613"/>
      <c r="OO690" s="613"/>
      <c r="OP690" s="613"/>
      <c r="OQ690" s="613"/>
      <c r="OR690" s="613"/>
      <c r="OS690" s="613"/>
      <c r="OT690" s="613"/>
      <c r="OU690" s="613"/>
      <c r="OV690" s="613"/>
      <c r="OW690" s="613"/>
      <c r="OX690" s="613"/>
      <c r="OY690" s="613"/>
      <c r="OZ690" s="613"/>
      <c r="PA690" s="613"/>
      <c r="PB690" s="613"/>
      <c r="PC690" s="613"/>
      <c r="PD690" s="613"/>
      <c r="PE690" s="613"/>
      <c r="PF690" s="613"/>
      <c r="PG690" s="613"/>
      <c r="PH690" s="613"/>
      <c r="PI690" s="613"/>
      <c r="PJ690" s="613"/>
      <c r="PK690" s="613"/>
      <c r="PL690" s="613"/>
      <c r="PM690" s="613"/>
      <c r="PN690" s="613"/>
      <c r="PO690" s="613"/>
      <c r="PP690" s="613"/>
      <c r="PQ690" s="613"/>
      <c r="PR690" s="613"/>
      <c r="PS690" s="613"/>
      <c r="PT690" s="613"/>
      <c r="PU690" s="613"/>
      <c r="PV690" s="613"/>
      <c r="PW690" s="613"/>
      <c r="PX690" s="613"/>
      <c r="PY690" s="613"/>
      <c r="PZ690" s="613"/>
      <c r="QA690" s="613"/>
      <c r="QB690" s="613"/>
      <c r="QC690" s="613"/>
      <c r="QD690" s="613"/>
      <c r="QE690" s="613"/>
      <c r="QF690" s="613"/>
      <c r="QG690" s="613"/>
      <c r="QH690" s="613"/>
      <c r="QI690" s="613"/>
      <c r="QJ690" s="613"/>
      <c r="QK690" s="613"/>
      <c r="QL690" s="613"/>
      <c r="QM690" s="613"/>
      <c r="QN690" s="613"/>
      <c r="QO690" s="613"/>
      <c r="QP690" s="613"/>
      <c r="QQ690" s="613"/>
      <c r="QR690" s="613"/>
      <c r="QS690" s="613"/>
      <c r="QT690" s="613"/>
      <c r="QU690" s="613"/>
      <c r="QV690" s="613"/>
      <c r="QW690" s="613"/>
      <c r="QX690" s="613"/>
      <c r="QY690" s="613"/>
      <c r="QZ690" s="613"/>
      <c r="RA690" s="613"/>
      <c r="RB690" s="613"/>
      <c r="RC690" s="613"/>
      <c r="RD690" s="613"/>
      <c r="RE690" s="613"/>
      <c r="RF690" s="613"/>
      <c r="RG690" s="613"/>
      <c r="RH690" s="613"/>
      <c r="RI690" s="613"/>
      <c r="RJ690" s="613"/>
      <c r="RK690" s="613"/>
      <c r="RL690" s="613"/>
      <c r="RM690" s="613"/>
      <c r="RN690" s="613"/>
      <c r="RO690" s="613"/>
      <c r="RP690" s="613"/>
      <c r="RQ690" s="613"/>
      <c r="RR690" s="613"/>
      <c r="RS690" s="613"/>
      <c r="RT690" s="613"/>
      <c r="RU690" s="613"/>
      <c r="RV690" s="613"/>
      <c r="RW690" s="613"/>
      <c r="RX690" s="613"/>
      <c r="RY690" s="613"/>
      <c r="RZ690" s="613"/>
      <c r="SA690" s="613"/>
      <c r="SB690" s="613"/>
      <c r="SC690" s="613"/>
      <c r="SD690" s="613"/>
      <c r="SE690" s="613"/>
      <c r="SF690" s="613"/>
      <c r="SG690" s="613"/>
      <c r="SH690" s="613"/>
      <c r="SI690" s="613"/>
      <c r="SJ690" s="613"/>
      <c r="SK690" s="613"/>
      <c r="SL690" s="613"/>
      <c r="SM690" s="613"/>
      <c r="SN690" s="613"/>
      <c r="SO690" s="613"/>
      <c r="SP690" s="613"/>
      <c r="SQ690" s="613"/>
      <c r="SR690" s="613"/>
      <c r="SS690" s="613"/>
      <c r="ST690" s="613"/>
      <c r="SU690" s="613"/>
      <c r="SV690" s="613"/>
      <c r="SW690" s="613"/>
      <c r="SX690" s="613"/>
      <c r="SY690" s="613"/>
      <c r="SZ690" s="613"/>
      <c r="TA690" s="613"/>
      <c r="TB690" s="613"/>
      <c r="TC690" s="613"/>
      <c r="TD690" s="613"/>
      <c r="TE690" s="613"/>
      <c r="TF690" s="613"/>
      <c r="TG690" s="613"/>
      <c r="TH690" s="613"/>
      <c r="TI690" s="613"/>
      <c r="TJ690" s="613"/>
      <c r="TK690" s="613"/>
      <c r="TL690" s="613"/>
      <c r="TM690" s="613"/>
      <c r="TN690" s="613"/>
      <c r="TO690" s="613"/>
      <c r="TP690" s="613"/>
      <c r="TQ690" s="613"/>
      <c r="TR690" s="613"/>
      <c r="TS690" s="613"/>
      <c r="TT690" s="613"/>
      <c r="TU690" s="613"/>
      <c r="TV690" s="613"/>
      <c r="TW690" s="613"/>
      <c r="TX690" s="613"/>
      <c r="TY690" s="613"/>
      <c r="TZ690" s="613"/>
      <c r="UA690" s="613"/>
      <c r="UB690" s="613"/>
      <c r="UC690" s="613"/>
      <c r="UD690" s="613"/>
      <c r="UE690" s="613"/>
      <c r="UF690" s="613"/>
      <c r="UG690" s="613"/>
      <c r="UH690" s="613"/>
      <c r="UI690" s="613"/>
      <c r="UJ690" s="613"/>
      <c r="UK690" s="613"/>
      <c r="UL690" s="613"/>
      <c r="UM690" s="613"/>
      <c r="UN690" s="613"/>
      <c r="UO690" s="613"/>
      <c r="UP690" s="613"/>
      <c r="UQ690" s="613"/>
      <c r="UR690" s="613"/>
      <c r="US690" s="613"/>
      <c r="UT690" s="613"/>
      <c r="UU690" s="613"/>
      <c r="UV690" s="613"/>
      <c r="UW690" s="613"/>
      <c r="UX690" s="613"/>
      <c r="UY690" s="613"/>
      <c r="UZ690" s="613"/>
      <c r="VA690" s="613"/>
      <c r="VB690" s="613"/>
      <c r="VC690" s="613"/>
      <c r="VD690" s="613"/>
      <c r="VE690" s="613"/>
      <c r="VF690" s="613"/>
      <c r="VG690" s="613"/>
      <c r="VH690" s="613"/>
      <c r="VI690" s="613"/>
      <c r="VJ690" s="613"/>
      <c r="VK690" s="613"/>
      <c r="VL690" s="613"/>
      <c r="VM690" s="613"/>
      <c r="VN690" s="613"/>
      <c r="VO690" s="613"/>
      <c r="VP690" s="613"/>
      <c r="VQ690" s="613"/>
      <c r="VR690" s="613"/>
      <c r="VS690" s="613"/>
      <c r="VT690" s="613"/>
      <c r="VU690" s="613"/>
      <c r="VV690" s="613"/>
      <c r="VW690" s="613"/>
      <c r="VX690" s="613"/>
      <c r="VY690" s="613"/>
      <c r="VZ690" s="613"/>
      <c r="WA690" s="613"/>
      <c r="WB690" s="613"/>
      <c r="WC690" s="613"/>
      <c r="WD690" s="613"/>
      <c r="WE690" s="613"/>
      <c r="WF690" s="613"/>
      <c r="WG690" s="613"/>
      <c r="WH690" s="613"/>
      <c r="WI690" s="613"/>
      <c r="WJ690" s="613"/>
      <c r="WK690" s="613"/>
      <c r="WL690" s="613"/>
      <c r="WM690" s="613"/>
      <c r="WN690" s="613"/>
      <c r="WO690" s="613"/>
      <c r="WP690" s="613"/>
      <c r="WQ690" s="613"/>
      <c r="WR690" s="613"/>
      <c r="WS690" s="613"/>
      <c r="WT690" s="613"/>
      <c r="WU690" s="613"/>
      <c r="WV690" s="613"/>
      <c r="WW690" s="613"/>
      <c r="WX690" s="613"/>
      <c r="WY690" s="613"/>
      <c r="WZ690" s="613"/>
      <c r="XA690" s="613"/>
      <c r="XB690" s="613"/>
      <c r="XC690" s="613"/>
      <c r="XD690" s="613"/>
      <c r="XE690" s="613"/>
      <c r="XF690" s="613"/>
      <c r="XG690" s="613"/>
      <c r="XH690" s="613"/>
      <c r="XI690" s="613"/>
      <c r="XJ690" s="613"/>
      <c r="XK690" s="613"/>
      <c r="XL690" s="613"/>
      <c r="XM690" s="613"/>
      <c r="XN690" s="613"/>
      <c r="XO690" s="613"/>
      <c r="XP690" s="613"/>
      <c r="XQ690" s="613"/>
      <c r="XR690" s="613"/>
      <c r="XS690" s="613"/>
      <c r="XT690" s="613"/>
      <c r="XU690" s="613"/>
      <c r="XV690" s="613"/>
      <c r="XW690" s="613"/>
      <c r="XX690" s="613"/>
      <c r="XY690" s="613"/>
      <c r="XZ690" s="613"/>
      <c r="YA690" s="613"/>
      <c r="YB690" s="613"/>
      <c r="YC690" s="613"/>
      <c r="YD690" s="613"/>
      <c r="YE690" s="613"/>
      <c r="YF690" s="613"/>
      <c r="YG690" s="613"/>
      <c r="YH690" s="613"/>
      <c r="YI690" s="613"/>
      <c r="YJ690" s="613"/>
      <c r="YK690" s="613"/>
      <c r="YL690" s="613"/>
      <c r="YM690" s="613"/>
      <c r="YN690" s="613"/>
      <c r="YO690" s="613"/>
      <c r="YP690" s="613"/>
      <c r="YQ690" s="613"/>
      <c r="YR690" s="613"/>
      <c r="YS690" s="613"/>
      <c r="YT690" s="613"/>
      <c r="YU690" s="613"/>
      <c r="YV690" s="613"/>
      <c r="YW690" s="613"/>
      <c r="YX690" s="613"/>
      <c r="YY690" s="613"/>
      <c r="YZ690" s="613"/>
      <c r="ZA690" s="613"/>
      <c r="ZB690" s="613"/>
      <c r="ZC690" s="613"/>
      <c r="ZD690" s="613"/>
      <c r="ZE690" s="613"/>
      <c r="ZF690" s="613"/>
      <c r="ZG690" s="613"/>
      <c r="ZH690" s="613"/>
      <c r="ZI690" s="613"/>
      <c r="ZJ690" s="613"/>
      <c r="ZK690" s="613"/>
      <c r="ZL690" s="613"/>
      <c r="ZM690" s="613"/>
      <c r="ZN690" s="613"/>
      <c r="ZO690" s="613"/>
      <c r="ZP690" s="613"/>
      <c r="ZQ690" s="613"/>
      <c r="ZR690" s="613"/>
      <c r="ZS690" s="613"/>
      <c r="ZT690" s="613"/>
      <c r="ZU690" s="613"/>
      <c r="ZV690" s="613"/>
      <c r="ZW690" s="613"/>
      <c r="ZX690" s="613"/>
      <c r="ZY690" s="613"/>
      <c r="ZZ690" s="613"/>
      <c r="AAA690" s="613"/>
      <c r="AAB690" s="613"/>
      <c r="AAC690" s="613"/>
      <c r="AAD690" s="613"/>
      <c r="AAE690" s="613"/>
      <c r="AAF690" s="613"/>
      <c r="AAG690" s="613"/>
      <c r="AAH690" s="613"/>
      <c r="AAI690" s="613"/>
      <c r="AAJ690" s="613"/>
      <c r="AAK690" s="613"/>
      <c r="AAL690" s="613"/>
      <c r="AAM690" s="613"/>
      <c r="AAN690" s="613"/>
      <c r="AAO690" s="613"/>
      <c r="AAP690" s="613"/>
      <c r="AAQ690" s="613"/>
      <c r="AAR690" s="613"/>
      <c r="AAS690" s="613"/>
      <c r="AAT690" s="613"/>
      <c r="AAU690" s="613"/>
      <c r="AAV690" s="613"/>
      <c r="AAW690" s="613"/>
      <c r="AAX690" s="613"/>
      <c r="AAY690" s="613"/>
      <c r="AAZ690" s="613"/>
      <c r="ABA690" s="613"/>
      <c r="ABB690" s="613"/>
      <c r="ABC690" s="613"/>
      <c r="ABD690" s="613"/>
      <c r="ABE690" s="613"/>
      <c r="ABF690" s="613"/>
      <c r="ABG690" s="613"/>
      <c r="ABH690" s="613"/>
      <c r="ABI690" s="613"/>
      <c r="ABJ690" s="613"/>
      <c r="ABK690" s="613"/>
      <c r="ABL690" s="613"/>
      <c r="ABM690" s="613"/>
      <c r="ABN690" s="613"/>
      <c r="ABO690" s="613"/>
      <c r="ABP690" s="613"/>
      <c r="ABQ690" s="613"/>
      <c r="ABR690" s="613"/>
      <c r="ABS690" s="613"/>
      <c r="ABT690" s="613"/>
      <c r="ABU690" s="613"/>
      <c r="ABV690" s="613"/>
      <c r="ABW690" s="613"/>
      <c r="ABX690" s="613"/>
      <c r="ABY690" s="613"/>
      <c r="ABZ690" s="613"/>
      <c r="ACA690" s="613"/>
      <c r="ACB690" s="613"/>
      <c r="ACC690" s="613"/>
      <c r="ACD690" s="613"/>
      <c r="ACE690" s="613"/>
      <c r="ACF690" s="613"/>
      <c r="ACG690" s="613"/>
      <c r="ACH690" s="613"/>
      <c r="ACI690" s="613"/>
      <c r="ACJ690" s="613"/>
      <c r="ACK690" s="613"/>
      <c r="ACL690" s="613"/>
      <c r="ACM690" s="613"/>
      <c r="ACN690" s="613"/>
      <c r="ACO690" s="613"/>
      <c r="ACP690" s="613"/>
      <c r="ACQ690" s="613"/>
      <c r="ACR690" s="613"/>
      <c r="ACS690" s="613"/>
      <c r="ACT690" s="613"/>
      <c r="ACU690" s="613"/>
      <c r="ACV690" s="613"/>
      <c r="ACW690" s="613"/>
      <c r="ACX690" s="613"/>
      <c r="ACY690" s="613"/>
      <c r="ACZ690" s="613"/>
      <c r="ADA690" s="613"/>
      <c r="ADB690" s="613"/>
      <c r="ADC690" s="613"/>
      <c r="ADD690" s="613"/>
      <c r="ADE690" s="613"/>
      <c r="ADF690" s="613"/>
      <c r="ADG690" s="613"/>
      <c r="ADH690" s="613"/>
      <c r="ADI690" s="613"/>
      <c r="ADJ690" s="613"/>
      <c r="ADK690" s="613"/>
      <c r="ADL690" s="613"/>
      <c r="ADM690" s="613"/>
      <c r="ADN690" s="613"/>
      <c r="ADO690" s="613"/>
      <c r="ADP690" s="613"/>
      <c r="ADQ690" s="613"/>
      <c r="ADR690" s="613"/>
      <c r="ADS690" s="613"/>
      <c r="ADT690" s="613"/>
      <c r="ADU690" s="613"/>
      <c r="ADV690" s="613"/>
      <c r="ADW690" s="613"/>
      <c r="ADX690" s="613"/>
      <c r="ADY690" s="613"/>
      <c r="ADZ690" s="613"/>
      <c r="AEA690" s="613"/>
      <c r="AEB690" s="613"/>
      <c r="AEC690" s="613"/>
      <c r="AED690" s="613"/>
      <c r="AEE690" s="613"/>
      <c r="AEF690" s="613"/>
      <c r="AEG690" s="613"/>
      <c r="AEH690" s="613"/>
      <c r="AEI690" s="613"/>
      <c r="AEJ690" s="613"/>
      <c r="AEK690" s="613"/>
      <c r="AEL690" s="613"/>
      <c r="AEM690" s="613"/>
      <c r="AEN690" s="613"/>
      <c r="AEO690" s="613"/>
      <c r="AEP690" s="613"/>
      <c r="AEQ690" s="613"/>
      <c r="AER690" s="613"/>
      <c r="AES690" s="613"/>
      <c r="AET690" s="613"/>
      <c r="AEU690" s="613"/>
      <c r="AEV690" s="613"/>
      <c r="AEW690" s="613"/>
      <c r="AEX690" s="613"/>
      <c r="AEY690" s="613"/>
      <c r="AEZ690" s="613"/>
      <c r="AFA690" s="613"/>
      <c r="AFB690" s="613"/>
      <c r="AFC690" s="613"/>
      <c r="AFD690" s="613"/>
      <c r="AFE690" s="613"/>
      <c r="AFF690" s="613"/>
      <c r="AFG690" s="613"/>
      <c r="AFH690" s="613"/>
      <c r="AFI690" s="613"/>
      <c r="AFJ690" s="613"/>
      <c r="AFK690" s="613"/>
      <c r="AFL690" s="613"/>
      <c r="AFM690" s="613"/>
      <c r="AFN690" s="613"/>
      <c r="AFO690" s="613"/>
      <c r="AFP690" s="613"/>
      <c r="AFQ690" s="613"/>
      <c r="AFR690" s="613"/>
      <c r="AFS690" s="613"/>
      <c r="AFT690" s="613"/>
      <c r="AFU690" s="613"/>
      <c r="AFV690" s="613"/>
      <c r="AFW690" s="613"/>
      <c r="AFX690" s="613"/>
      <c r="AFY690" s="613"/>
      <c r="AFZ690" s="613"/>
      <c r="AGA690" s="613"/>
      <c r="AGB690" s="613"/>
      <c r="AGC690" s="613"/>
      <c r="AGD690" s="613"/>
      <c r="AGE690" s="613"/>
      <c r="AGF690" s="613"/>
      <c r="AGG690" s="613"/>
      <c r="AGH690" s="613"/>
      <c r="AGI690" s="613"/>
      <c r="AGJ690" s="613"/>
      <c r="AGK690" s="613"/>
      <c r="AGL690" s="613"/>
      <c r="AGM690" s="613"/>
      <c r="AGN690" s="613"/>
      <c r="AGO690" s="613"/>
      <c r="AGP690" s="613"/>
      <c r="AGQ690" s="613"/>
      <c r="AGR690" s="613"/>
      <c r="AGS690" s="613"/>
      <c r="AGT690" s="613"/>
      <c r="AGU690" s="613"/>
      <c r="AGV690" s="613"/>
      <c r="AGW690" s="613"/>
      <c r="AGX690" s="613"/>
      <c r="AGY690" s="613"/>
      <c r="AGZ690" s="613"/>
      <c r="AHA690" s="613"/>
      <c r="AHB690" s="613"/>
      <c r="AHC690" s="613"/>
      <c r="AHD690" s="613"/>
      <c r="AHE690" s="613"/>
      <c r="AHF690" s="613"/>
      <c r="AHG690" s="613"/>
      <c r="AHH690" s="613"/>
      <c r="AHI690" s="613"/>
      <c r="AHJ690" s="613"/>
      <c r="AHK690" s="613"/>
      <c r="AHL690" s="613"/>
      <c r="AHM690" s="613"/>
      <c r="AHN690" s="613"/>
      <c r="AHO690" s="613"/>
      <c r="AHP690" s="613"/>
      <c r="AHQ690" s="613"/>
      <c r="AHR690" s="613"/>
      <c r="AHS690" s="613"/>
      <c r="AHT690" s="613"/>
      <c r="AHU690" s="613"/>
      <c r="AHV690" s="613"/>
      <c r="AHW690" s="613"/>
      <c r="AHX690" s="613"/>
      <c r="AHY690" s="613"/>
      <c r="AHZ690" s="613"/>
      <c r="AIA690" s="613"/>
      <c r="AIB690" s="613"/>
      <c r="AIC690" s="613"/>
      <c r="AID690" s="613"/>
      <c r="AIE690" s="613"/>
      <c r="AIF690" s="613"/>
      <c r="AIG690" s="613"/>
      <c r="AIH690" s="613"/>
      <c r="AII690" s="613"/>
      <c r="AIJ690" s="613"/>
      <c r="AIK690" s="613"/>
      <c r="AIL690" s="613"/>
      <c r="AIM690" s="613"/>
      <c r="AIN690" s="613"/>
      <c r="AIO690" s="613"/>
      <c r="AIP690" s="613"/>
      <c r="AIQ690" s="613"/>
      <c r="AIR690" s="613"/>
      <c r="AIS690" s="613"/>
      <c r="AIT690" s="613"/>
      <c r="AIU690" s="613"/>
      <c r="AIV690" s="613"/>
      <c r="AIW690" s="613"/>
      <c r="AIX690" s="613"/>
      <c r="AIY690" s="613"/>
      <c r="AIZ690" s="613"/>
      <c r="AJA690" s="613"/>
      <c r="AJB690" s="613"/>
      <c r="AJC690" s="613"/>
      <c r="AJD690" s="613"/>
      <c r="AJE690" s="613"/>
      <c r="AJF690" s="613"/>
      <c r="AJG690" s="613"/>
      <c r="AJH690" s="613"/>
      <c r="AJI690" s="613"/>
      <c r="AJJ690" s="613"/>
      <c r="AJK690" s="613"/>
      <c r="AJL690" s="613"/>
      <c r="AJM690" s="613"/>
      <c r="AJN690" s="613"/>
      <c r="AJO690" s="613"/>
      <c r="AJP690" s="613"/>
      <c r="AJQ690" s="613"/>
      <c r="AJR690" s="613"/>
      <c r="AJS690" s="613"/>
      <c r="AJT690" s="613"/>
      <c r="AJU690" s="613"/>
      <c r="AJV690" s="613"/>
      <c r="AJW690" s="613"/>
      <c r="AJX690" s="613"/>
      <c r="AJY690" s="613"/>
      <c r="AJZ690" s="613"/>
      <c r="AKA690" s="613"/>
      <c r="AKB690" s="613"/>
      <c r="AKC690" s="613"/>
      <c r="AKD690" s="613"/>
      <c r="AKE690" s="613"/>
      <c r="AKF690" s="613"/>
      <c r="AKG690" s="613"/>
      <c r="AKH690" s="613"/>
      <c r="AKI690" s="613"/>
      <c r="AKJ690" s="613"/>
      <c r="AKK690" s="613"/>
      <c r="AKL690" s="613"/>
      <c r="AKM690" s="613"/>
      <c r="AKN690" s="613"/>
      <c r="AKO690" s="613"/>
      <c r="AKP690" s="613"/>
      <c r="AKQ690" s="613"/>
      <c r="AKR690" s="613"/>
      <c r="AKS690" s="613"/>
      <c r="AKT690" s="613"/>
      <c r="AKU690" s="613"/>
      <c r="AKV690" s="613"/>
      <c r="AKW690" s="613"/>
      <c r="AKX690" s="613"/>
      <c r="AKY690" s="613"/>
      <c r="AKZ690" s="613"/>
      <c r="ALA690" s="613"/>
      <c r="ALB690" s="613"/>
      <c r="ALC690" s="613"/>
      <c r="ALD690" s="613"/>
      <c r="ALE690" s="613"/>
      <c r="ALF690" s="613"/>
      <c r="ALG690" s="613"/>
      <c r="ALH690" s="613"/>
      <c r="ALI690" s="613"/>
      <c r="ALJ690" s="613"/>
      <c r="ALK690" s="613"/>
      <c r="ALL690" s="613"/>
      <c r="ALM690" s="613"/>
      <c r="ALN690" s="613"/>
      <c r="ALO690" s="613"/>
      <c r="ALP690" s="613"/>
      <c r="ALQ690" s="613"/>
      <c r="ALR690" s="613"/>
      <c r="ALS690" s="613"/>
      <c r="ALT690" s="613"/>
      <c r="ALU690" s="613"/>
      <c r="ALV690" s="613"/>
      <c r="ALW690" s="613"/>
      <c r="ALX690" s="613"/>
      <c r="ALY690" s="613"/>
      <c r="ALZ690" s="613"/>
      <c r="AMA690" s="613"/>
      <c r="AMB690" s="613"/>
      <c r="AMC690" s="613"/>
      <c r="AMD690" s="613"/>
      <c r="AME690" s="613"/>
      <c r="AMF690" s="613"/>
      <c r="AMG690" s="613"/>
      <c r="AMH690" s="613"/>
      <c r="AMI690" s="613"/>
      <c r="AMJ690" s="613"/>
      <c r="AMK690" s="613"/>
      <c r="AML690" s="613"/>
      <c r="AMM690" s="613"/>
      <c r="AMN690" s="613"/>
      <c r="AMO690" s="613"/>
      <c r="AMP690" s="613"/>
      <c r="AMQ690" s="613"/>
      <c r="AMR690" s="613"/>
      <c r="AMS690" s="613"/>
      <c r="AMT690" s="613"/>
      <c r="AMU690" s="613"/>
      <c r="AMV690" s="613"/>
      <c r="AMW690" s="613"/>
      <c r="AMX690" s="613"/>
      <c r="AMY690" s="613"/>
      <c r="AMZ690" s="613"/>
      <c r="ANA690" s="613"/>
      <c r="ANB690" s="613"/>
      <c r="ANC690" s="613"/>
      <c r="AND690" s="613"/>
      <c r="ANE690" s="613"/>
      <c r="ANF690" s="613"/>
      <c r="ANG690" s="613"/>
      <c r="ANH690" s="613"/>
      <c r="ANI690" s="613"/>
      <c r="ANJ690" s="613"/>
      <c r="ANK690" s="613"/>
      <c r="ANL690" s="613"/>
      <c r="ANM690" s="613"/>
      <c r="ANN690" s="613"/>
      <c r="ANO690" s="613"/>
      <c r="ANP690" s="613"/>
      <c r="ANQ690" s="613"/>
      <c r="ANR690" s="613"/>
      <c r="ANS690" s="613"/>
      <c r="ANT690" s="613"/>
      <c r="ANU690" s="613"/>
      <c r="ANV690" s="613"/>
      <c r="ANW690" s="613"/>
      <c r="ANX690" s="613"/>
      <c r="ANY690" s="613"/>
      <c r="ANZ690" s="613"/>
      <c r="AOA690" s="613"/>
      <c r="AOB690" s="613"/>
      <c r="AOC690" s="613"/>
      <c r="AOD690" s="613"/>
      <c r="AOE690" s="613"/>
      <c r="AOF690" s="613"/>
      <c r="AOG690" s="613"/>
      <c r="AOH690" s="613"/>
      <c r="AOI690" s="613"/>
      <c r="AOJ690" s="613"/>
      <c r="AOK690" s="613"/>
      <c r="AOL690" s="613"/>
      <c r="AOM690" s="613"/>
      <c r="AON690" s="613"/>
      <c r="AOO690" s="613"/>
      <c r="AOP690" s="613"/>
      <c r="AOQ690" s="613"/>
      <c r="AOR690" s="613"/>
      <c r="AOS690" s="613"/>
      <c r="AOT690" s="613"/>
      <c r="AOU690" s="613"/>
      <c r="AOV690" s="613"/>
      <c r="AOW690" s="613"/>
      <c r="AOX690" s="613"/>
      <c r="AOY690" s="613"/>
      <c r="AOZ690" s="613"/>
      <c r="APA690" s="613"/>
      <c r="APB690" s="613"/>
      <c r="APC690" s="613"/>
      <c r="APD690" s="613"/>
      <c r="APE690" s="613"/>
      <c r="APF690" s="613"/>
      <c r="APG690" s="613"/>
      <c r="APH690" s="613"/>
      <c r="API690" s="613"/>
      <c r="APJ690" s="613"/>
      <c r="APK690" s="613"/>
      <c r="APL690" s="613"/>
      <c r="APM690" s="613"/>
      <c r="APN690" s="613"/>
      <c r="APO690" s="613"/>
      <c r="APP690" s="613"/>
      <c r="APQ690" s="613"/>
      <c r="APR690" s="613"/>
      <c r="APS690" s="613"/>
      <c r="APT690" s="613"/>
      <c r="APU690" s="613"/>
      <c r="APV690" s="613"/>
      <c r="APW690" s="613"/>
      <c r="APX690" s="613"/>
      <c r="APY690" s="613"/>
      <c r="APZ690" s="613"/>
      <c r="AQA690" s="613"/>
      <c r="AQB690" s="613"/>
      <c r="AQC690" s="613"/>
      <c r="AQD690" s="613"/>
      <c r="AQE690" s="613"/>
      <c r="AQF690" s="613"/>
      <c r="AQG690" s="613"/>
      <c r="AQH690" s="613"/>
      <c r="AQI690" s="613"/>
      <c r="AQJ690" s="613"/>
      <c r="AQK690" s="613"/>
      <c r="AQL690" s="613"/>
      <c r="AQM690" s="613"/>
      <c r="AQN690" s="613"/>
      <c r="AQO690" s="613"/>
      <c r="AQP690" s="613"/>
      <c r="AQQ690" s="613"/>
      <c r="AQR690" s="613"/>
      <c r="AQS690" s="613"/>
      <c r="AQT690" s="613"/>
      <c r="AQU690" s="613"/>
      <c r="AQV690" s="613"/>
      <c r="AQW690" s="613"/>
      <c r="AQX690" s="613"/>
      <c r="AQY690" s="613"/>
      <c r="AQZ690" s="613"/>
      <c r="ARA690" s="613"/>
      <c r="ARB690" s="613"/>
      <c r="ARC690" s="613"/>
      <c r="ARD690" s="613"/>
      <c r="ARE690" s="613"/>
      <c r="ARF690" s="613"/>
      <c r="ARG690" s="613"/>
      <c r="ARH690" s="613"/>
      <c r="ARI690" s="613"/>
      <c r="ARJ690" s="613"/>
      <c r="ARK690" s="613"/>
      <c r="ARL690" s="613"/>
      <c r="ARM690" s="613"/>
      <c r="ARN690" s="613"/>
      <c r="ARO690" s="613"/>
      <c r="ARP690" s="613"/>
      <c r="ARQ690" s="613"/>
      <c r="ARR690" s="613"/>
      <c r="ARS690" s="613"/>
      <c r="ART690" s="613"/>
      <c r="ARU690" s="613"/>
      <c r="ARV690" s="613"/>
      <c r="ARW690" s="613"/>
      <c r="ARX690" s="613"/>
      <c r="ARY690" s="613"/>
      <c r="ARZ690" s="613"/>
      <c r="ASA690" s="613"/>
      <c r="ASB690" s="613"/>
      <c r="ASC690" s="613"/>
      <c r="ASD690" s="613"/>
      <c r="ASE690" s="613"/>
      <c r="ASF690" s="613"/>
      <c r="ASG690" s="613"/>
      <c r="ASH690" s="613"/>
      <c r="ASI690" s="613"/>
      <c r="ASJ690" s="613"/>
      <c r="ASK690" s="613"/>
      <c r="ASL690" s="613"/>
      <c r="ASM690" s="613"/>
      <c r="ASN690" s="613"/>
      <c r="ASO690" s="613"/>
      <c r="ASP690" s="613"/>
      <c r="ASQ690" s="613"/>
      <c r="ASR690" s="613"/>
      <c r="ASS690" s="613"/>
      <c r="AST690" s="613"/>
      <c r="ASU690" s="613"/>
      <c r="ASV690" s="613"/>
      <c r="ASW690" s="613"/>
      <c r="ASX690" s="613"/>
      <c r="ASY690" s="613"/>
      <c r="ASZ690" s="613"/>
      <c r="ATA690" s="613"/>
      <c r="ATB690" s="613"/>
      <c r="ATC690" s="613"/>
      <c r="ATD690" s="613"/>
      <c r="ATE690" s="613"/>
      <c r="ATF690" s="613"/>
      <c r="ATG690" s="613"/>
      <c r="ATH690" s="613"/>
      <c r="ATI690" s="613"/>
      <c r="ATJ690" s="613"/>
      <c r="ATK690" s="613"/>
      <c r="ATL690" s="613"/>
      <c r="ATM690" s="613"/>
      <c r="ATN690" s="613"/>
      <c r="ATO690" s="613"/>
      <c r="ATP690" s="613"/>
      <c r="ATQ690" s="613"/>
      <c r="ATR690" s="613"/>
      <c r="ATS690" s="613"/>
      <c r="ATT690" s="613"/>
      <c r="ATU690" s="613"/>
      <c r="ATV690" s="613"/>
      <c r="ATW690" s="613"/>
      <c r="ATX690" s="613"/>
      <c r="ATY690" s="613"/>
      <c r="ATZ690" s="613"/>
      <c r="AUA690" s="613"/>
      <c r="AUB690" s="613"/>
      <c r="AUC690" s="613"/>
      <c r="AUD690" s="613"/>
      <c r="AUE690" s="613"/>
      <c r="AUF690" s="613"/>
      <c r="AUG690" s="613"/>
      <c r="AUH690" s="613"/>
      <c r="AUI690" s="613"/>
      <c r="AUJ690" s="613"/>
      <c r="AUK690" s="613"/>
      <c r="AUL690" s="613"/>
      <c r="AUM690" s="613"/>
      <c r="AUN690" s="613"/>
      <c r="AUO690" s="613"/>
      <c r="AUP690" s="613"/>
      <c r="AUQ690" s="613"/>
      <c r="AUR690" s="613"/>
      <c r="AUS690" s="613"/>
      <c r="AUT690" s="613"/>
      <c r="AUU690" s="613"/>
      <c r="AUV690" s="613"/>
      <c r="AUW690" s="613"/>
      <c r="AUX690" s="613"/>
      <c r="AUY690" s="613"/>
      <c r="AUZ690" s="613"/>
      <c r="AVA690" s="613"/>
      <c r="AVB690" s="613"/>
      <c r="AVC690" s="613"/>
      <c r="AVD690" s="613"/>
      <c r="AVE690" s="613"/>
      <c r="AVF690" s="613"/>
      <c r="AVG690" s="613"/>
      <c r="AVH690" s="613"/>
      <c r="AVI690" s="613"/>
      <c r="AVJ690" s="613"/>
      <c r="AVK690" s="613"/>
      <c r="AVL690" s="613"/>
      <c r="AVM690" s="613"/>
      <c r="AVN690" s="613"/>
      <c r="AVO690" s="613"/>
      <c r="AVP690" s="613"/>
      <c r="AVQ690" s="613"/>
      <c r="AVR690" s="613"/>
      <c r="AVS690" s="613"/>
      <c r="AVT690" s="613"/>
      <c r="AVU690" s="613"/>
      <c r="AVV690" s="613"/>
      <c r="AVW690" s="613"/>
      <c r="AVX690" s="613"/>
      <c r="AVY690" s="613"/>
      <c r="AVZ690" s="613"/>
      <c r="AWA690" s="613"/>
      <c r="AWB690" s="613"/>
      <c r="AWC690" s="613"/>
      <c r="AWD690" s="613"/>
      <c r="AWE690" s="613"/>
      <c r="AWF690" s="613"/>
      <c r="AWG690" s="613"/>
      <c r="AWH690" s="613"/>
      <c r="AWI690" s="613"/>
      <c r="AWJ690" s="613"/>
      <c r="AWK690" s="613"/>
      <c r="AWL690" s="613"/>
      <c r="AWM690" s="613"/>
      <c r="AWN690" s="613"/>
      <c r="AWO690" s="613"/>
      <c r="AWP690" s="613"/>
      <c r="AWQ690" s="613"/>
      <c r="AWR690" s="613"/>
      <c r="AWS690" s="613"/>
      <c r="AWT690" s="613"/>
      <c r="AWU690" s="613"/>
      <c r="AWV690" s="613"/>
      <c r="AWW690" s="613"/>
      <c r="AWX690" s="613"/>
      <c r="AWY690" s="613"/>
      <c r="AWZ690" s="613"/>
      <c r="AXA690" s="613"/>
      <c r="AXB690" s="613"/>
      <c r="AXC690" s="613"/>
      <c r="AXD690" s="613"/>
      <c r="AXE690" s="613"/>
      <c r="AXF690" s="613"/>
      <c r="AXG690" s="613"/>
      <c r="AXH690" s="613"/>
      <c r="AXI690" s="613"/>
      <c r="AXJ690" s="613"/>
      <c r="AXK690" s="613"/>
      <c r="AXL690" s="613"/>
      <c r="AXM690" s="613"/>
      <c r="AXN690" s="613"/>
      <c r="AXO690" s="613"/>
      <c r="AXP690" s="613"/>
      <c r="AXQ690" s="613"/>
      <c r="AXR690" s="613"/>
      <c r="AXS690" s="613"/>
      <c r="AXT690" s="613"/>
      <c r="AXU690" s="613"/>
      <c r="AXV690" s="613"/>
      <c r="AXW690" s="613"/>
      <c r="AXX690" s="613"/>
      <c r="AXY690" s="613"/>
      <c r="AXZ690" s="613"/>
      <c r="AYA690" s="613"/>
      <c r="AYB690" s="613"/>
      <c r="AYC690" s="613"/>
      <c r="AYD690" s="613"/>
      <c r="AYE690" s="613"/>
      <c r="AYF690" s="613"/>
      <c r="AYG690" s="613"/>
      <c r="AYH690" s="613"/>
      <c r="AYI690" s="613"/>
      <c r="AYJ690" s="613"/>
      <c r="AYK690" s="613"/>
      <c r="AYL690" s="613"/>
      <c r="AYM690" s="613"/>
      <c r="AYN690" s="613"/>
      <c r="AYO690" s="613"/>
      <c r="AYP690" s="613"/>
      <c r="AYQ690" s="613"/>
      <c r="AYR690" s="613"/>
      <c r="AYS690" s="613"/>
      <c r="AYT690" s="613"/>
      <c r="AYU690" s="613"/>
      <c r="AYV690" s="613"/>
      <c r="AYW690" s="613"/>
      <c r="AYX690" s="613"/>
      <c r="AYY690" s="613"/>
      <c r="AYZ690" s="613"/>
      <c r="AZA690" s="613"/>
      <c r="AZB690" s="613"/>
      <c r="AZC690" s="613"/>
      <c r="AZD690" s="613"/>
      <c r="AZE690" s="613"/>
      <c r="AZF690" s="613"/>
      <c r="AZG690" s="613"/>
      <c r="AZH690" s="613"/>
      <c r="AZI690" s="613"/>
      <c r="AZJ690" s="613"/>
      <c r="AZK690" s="613"/>
      <c r="AZL690" s="613"/>
      <c r="AZM690" s="613"/>
      <c r="AZN690" s="613"/>
      <c r="AZO690" s="613"/>
      <c r="AZP690" s="613"/>
      <c r="AZQ690" s="613"/>
      <c r="AZR690" s="613"/>
      <c r="AZS690" s="613"/>
      <c r="AZT690" s="613"/>
      <c r="AZU690" s="613"/>
      <c r="AZV690" s="613"/>
      <c r="AZW690" s="613"/>
      <c r="AZX690" s="613"/>
      <c r="AZY690" s="613"/>
      <c r="AZZ690" s="613"/>
      <c r="BAA690" s="613"/>
      <c r="BAB690" s="613"/>
      <c r="BAC690" s="613"/>
      <c r="BAD690" s="613"/>
      <c r="BAE690" s="613"/>
      <c r="BAF690" s="613"/>
      <c r="BAG690" s="613"/>
      <c r="BAH690" s="613"/>
      <c r="BAI690" s="613"/>
      <c r="BAJ690" s="613"/>
      <c r="BAK690" s="613"/>
      <c r="BAL690" s="613"/>
      <c r="BAM690" s="613"/>
      <c r="BAN690" s="613"/>
      <c r="BAO690" s="613"/>
      <c r="BAP690" s="613"/>
      <c r="BAQ690" s="613"/>
      <c r="BAR690" s="613"/>
      <c r="BAS690" s="613"/>
      <c r="BAT690" s="613"/>
      <c r="BAU690" s="613"/>
      <c r="BAV690" s="613"/>
      <c r="BAW690" s="613"/>
      <c r="BAX690" s="613"/>
      <c r="BAY690" s="613"/>
      <c r="BAZ690" s="613"/>
      <c r="BBA690" s="613"/>
      <c r="BBB690" s="613"/>
      <c r="BBC690" s="613"/>
      <c r="BBD690" s="613"/>
      <c r="BBE690" s="613"/>
      <c r="BBF690" s="613"/>
      <c r="BBG690" s="613"/>
      <c r="BBH690" s="613"/>
      <c r="BBI690" s="613"/>
      <c r="BBJ690" s="613"/>
      <c r="BBK690" s="613"/>
      <c r="BBL690" s="613"/>
      <c r="BBM690" s="613"/>
      <c r="BBN690" s="613"/>
      <c r="BBO690" s="613"/>
      <c r="BBP690" s="613"/>
      <c r="BBQ690" s="613"/>
      <c r="BBR690" s="613"/>
      <c r="BBS690" s="613"/>
      <c r="BBT690" s="613"/>
      <c r="BBU690" s="613"/>
      <c r="BBV690" s="613"/>
      <c r="BBW690" s="613"/>
      <c r="BBX690" s="613"/>
      <c r="BBY690" s="613"/>
      <c r="BBZ690" s="613"/>
      <c r="BCA690" s="613"/>
      <c r="BCB690" s="613"/>
      <c r="BCC690" s="613"/>
      <c r="BCD690" s="613"/>
      <c r="BCE690" s="613"/>
      <c r="BCF690" s="613"/>
      <c r="BCG690" s="613"/>
      <c r="BCH690" s="613"/>
      <c r="BCI690" s="613"/>
      <c r="BCJ690" s="613"/>
      <c r="BCK690" s="613"/>
      <c r="BCL690" s="613"/>
      <c r="BCM690" s="613"/>
      <c r="BCN690" s="613"/>
      <c r="BCO690" s="613"/>
      <c r="BCP690" s="613"/>
      <c r="BCQ690" s="613"/>
      <c r="BCR690" s="613"/>
      <c r="BCS690" s="613"/>
      <c r="BCT690" s="613"/>
      <c r="BCU690" s="613"/>
      <c r="BCV690" s="613"/>
      <c r="BCW690" s="613"/>
      <c r="BCX690" s="613"/>
      <c r="BCY690" s="613"/>
      <c r="BCZ690" s="613"/>
      <c r="BDA690" s="613"/>
      <c r="BDB690" s="613"/>
      <c r="BDC690" s="613"/>
      <c r="BDD690" s="613"/>
      <c r="BDE690" s="613"/>
      <c r="BDF690" s="613"/>
      <c r="BDG690" s="613"/>
      <c r="BDH690" s="613"/>
      <c r="BDI690" s="613"/>
      <c r="BDJ690" s="613"/>
      <c r="BDK690" s="613"/>
      <c r="BDL690" s="613"/>
      <c r="BDM690" s="613"/>
      <c r="BDN690" s="613"/>
      <c r="BDO690" s="613"/>
      <c r="BDP690" s="613"/>
      <c r="BDQ690" s="613"/>
      <c r="BDR690" s="613"/>
      <c r="BDS690" s="613"/>
      <c r="BDT690" s="613"/>
      <c r="BDU690" s="613"/>
      <c r="BDV690" s="613"/>
      <c r="BDW690" s="613"/>
      <c r="BDX690" s="613"/>
      <c r="BDY690" s="613"/>
      <c r="BDZ690" s="613"/>
      <c r="BEA690" s="613"/>
      <c r="BEB690" s="613"/>
      <c r="BEC690" s="613"/>
      <c r="BED690" s="613"/>
      <c r="BEE690" s="613"/>
      <c r="BEF690" s="613"/>
      <c r="BEG690" s="613"/>
      <c r="BEH690" s="613"/>
      <c r="BEI690" s="613"/>
      <c r="BEJ690" s="613"/>
      <c r="BEK690" s="613"/>
      <c r="BEL690" s="613"/>
      <c r="BEM690" s="613"/>
      <c r="BEN690" s="613"/>
      <c r="BEO690" s="613"/>
      <c r="BEP690" s="613"/>
      <c r="BEQ690" s="613"/>
      <c r="BER690" s="613"/>
      <c r="BES690" s="613"/>
      <c r="BET690" s="613"/>
      <c r="BEU690" s="613"/>
      <c r="BEV690" s="613"/>
      <c r="BEW690" s="613"/>
      <c r="BEX690" s="613"/>
      <c r="BEY690" s="613"/>
      <c r="BEZ690" s="613"/>
      <c r="BFA690" s="613"/>
      <c r="BFB690" s="613"/>
      <c r="BFC690" s="613"/>
      <c r="BFD690" s="613"/>
      <c r="BFE690" s="613"/>
      <c r="BFF690" s="613"/>
      <c r="BFG690" s="613"/>
      <c r="BFH690" s="613"/>
      <c r="BFI690" s="613"/>
      <c r="BFJ690" s="613"/>
      <c r="BFK690" s="613"/>
      <c r="BFL690" s="613"/>
      <c r="BFM690" s="613"/>
      <c r="BFN690" s="613"/>
      <c r="BFO690" s="613"/>
      <c r="BFP690" s="613"/>
      <c r="BFQ690" s="613"/>
      <c r="BFR690" s="613"/>
      <c r="BFS690" s="613"/>
      <c r="BFT690" s="613"/>
      <c r="BFU690" s="613"/>
      <c r="BFV690" s="613"/>
      <c r="BFW690" s="613"/>
      <c r="BFX690" s="613"/>
      <c r="BFY690" s="613"/>
      <c r="BFZ690" s="613"/>
      <c r="BGA690" s="613"/>
      <c r="BGB690" s="613"/>
      <c r="BGC690" s="613"/>
      <c r="BGD690" s="613"/>
      <c r="BGE690" s="613"/>
      <c r="BGF690" s="613"/>
      <c r="BGG690" s="613"/>
      <c r="BGH690" s="613"/>
      <c r="BGI690" s="613"/>
      <c r="BGJ690" s="613"/>
      <c r="BGK690" s="613"/>
      <c r="BGL690" s="613"/>
      <c r="BGM690" s="613"/>
      <c r="BGN690" s="613"/>
      <c r="BGO690" s="613"/>
      <c r="BGP690" s="613"/>
      <c r="BGQ690" s="613"/>
      <c r="BGR690" s="613"/>
      <c r="BGS690" s="613"/>
      <c r="BGT690" s="613"/>
      <c r="BGU690" s="613"/>
      <c r="BGV690" s="613"/>
      <c r="BGW690" s="613"/>
      <c r="BGX690" s="613"/>
      <c r="BGY690" s="613"/>
      <c r="BGZ690" s="613"/>
      <c r="BHA690" s="613"/>
      <c r="BHB690" s="613"/>
      <c r="BHC690" s="613"/>
      <c r="BHD690" s="613"/>
      <c r="BHE690" s="613"/>
      <c r="BHF690" s="613"/>
      <c r="BHG690" s="613"/>
      <c r="BHH690" s="613"/>
      <c r="BHI690" s="613"/>
      <c r="BHJ690" s="613"/>
      <c r="BHK690" s="613"/>
      <c r="BHL690" s="613"/>
      <c r="BHM690" s="613"/>
      <c r="BHN690" s="613"/>
      <c r="BHO690" s="613"/>
      <c r="BHP690" s="613"/>
      <c r="BHQ690" s="613"/>
      <c r="BHR690" s="613"/>
      <c r="BHS690" s="613"/>
      <c r="BHT690" s="613"/>
      <c r="BHU690" s="613"/>
      <c r="BHV690" s="613"/>
      <c r="BHW690" s="613"/>
      <c r="BHX690" s="613"/>
      <c r="BHY690" s="613"/>
      <c r="BHZ690" s="613"/>
      <c r="BIA690" s="613"/>
      <c r="BIB690" s="613"/>
      <c r="BIC690" s="613"/>
      <c r="BID690" s="613"/>
      <c r="BIE690" s="613"/>
      <c r="BIF690" s="613"/>
      <c r="BIG690" s="613"/>
      <c r="BIH690" s="613"/>
      <c r="BII690" s="613"/>
      <c r="BIJ690" s="613"/>
      <c r="BIK690" s="613"/>
      <c r="BIL690" s="613"/>
      <c r="BIM690" s="613"/>
      <c r="BIN690" s="613"/>
      <c r="BIO690" s="613"/>
      <c r="BIP690" s="613"/>
      <c r="BIQ690" s="613"/>
      <c r="BIR690" s="613"/>
      <c r="BIS690" s="613"/>
      <c r="BIT690" s="613"/>
      <c r="BIU690" s="613"/>
      <c r="BIV690" s="613"/>
      <c r="BIW690" s="613"/>
      <c r="BIX690" s="613"/>
      <c r="BIY690" s="613"/>
      <c r="BIZ690" s="613"/>
      <c r="BJA690" s="613"/>
      <c r="BJB690" s="613"/>
      <c r="BJC690" s="613"/>
      <c r="BJD690" s="613"/>
      <c r="BJE690" s="613"/>
      <c r="BJF690" s="613"/>
      <c r="BJG690" s="613"/>
      <c r="BJH690" s="613"/>
      <c r="BJI690" s="613"/>
      <c r="BJJ690" s="613"/>
      <c r="BJK690" s="613"/>
      <c r="BJL690" s="613"/>
      <c r="BJM690" s="613"/>
      <c r="BJN690" s="613"/>
      <c r="BJO690" s="613"/>
      <c r="BJP690" s="613"/>
      <c r="BJQ690" s="613"/>
      <c r="BJR690" s="613"/>
      <c r="BJS690" s="613"/>
      <c r="BJT690" s="613"/>
      <c r="BJU690" s="613"/>
      <c r="BJV690" s="613"/>
      <c r="BJW690" s="613"/>
      <c r="BJX690" s="613"/>
      <c r="BJY690" s="613"/>
      <c r="BJZ690" s="613"/>
      <c r="BKA690" s="613"/>
      <c r="BKB690" s="613"/>
      <c r="BKC690" s="613"/>
      <c r="BKD690" s="613"/>
      <c r="BKE690" s="613"/>
      <c r="BKF690" s="613"/>
      <c r="BKG690" s="613"/>
      <c r="BKH690" s="613"/>
      <c r="BKI690" s="613"/>
      <c r="BKJ690" s="613"/>
      <c r="BKK690" s="613"/>
      <c r="BKL690" s="613"/>
      <c r="BKM690" s="613"/>
      <c r="BKN690" s="613"/>
      <c r="BKO690" s="613"/>
      <c r="BKP690" s="613"/>
      <c r="BKQ690" s="613"/>
      <c r="BKR690" s="613"/>
      <c r="BKS690" s="613"/>
      <c r="BKT690" s="613"/>
      <c r="BKU690" s="613"/>
      <c r="BKV690" s="613"/>
      <c r="BKW690" s="613"/>
      <c r="BKX690" s="613"/>
      <c r="BKY690" s="613"/>
      <c r="BKZ690" s="613"/>
      <c r="BLA690" s="613"/>
      <c r="BLB690" s="613"/>
      <c r="BLC690" s="613"/>
      <c r="BLD690" s="613"/>
      <c r="BLE690" s="613"/>
      <c r="BLF690" s="613"/>
      <c r="BLG690" s="613"/>
      <c r="BLH690" s="613"/>
      <c r="BLI690" s="613"/>
      <c r="BLJ690" s="613"/>
      <c r="BLK690" s="613"/>
      <c r="BLL690" s="613"/>
      <c r="BLM690" s="613"/>
      <c r="BLN690" s="613"/>
      <c r="BLO690" s="613"/>
      <c r="BLP690" s="613"/>
      <c r="BLQ690" s="613"/>
      <c r="BLR690" s="613"/>
      <c r="BLS690" s="613"/>
      <c r="BLT690" s="613"/>
      <c r="BLU690" s="613"/>
      <c r="BLV690" s="613"/>
      <c r="BLW690" s="613"/>
      <c r="BLX690" s="613"/>
      <c r="BLY690" s="613"/>
      <c r="BLZ690" s="613"/>
      <c r="BMA690" s="613"/>
      <c r="BMB690" s="613"/>
      <c r="BMC690" s="613"/>
      <c r="BMD690" s="613"/>
      <c r="BME690" s="613"/>
      <c r="BMF690" s="613"/>
      <c r="BMG690" s="613"/>
      <c r="BMH690" s="613"/>
      <c r="BMI690" s="613"/>
      <c r="BMJ690" s="613"/>
      <c r="BMK690" s="613"/>
      <c r="BML690" s="613"/>
      <c r="BMM690" s="613"/>
      <c r="BMN690" s="613"/>
      <c r="BMO690" s="613"/>
      <c r="BMP690" s="613"/>
      <c r="BMQ690" s="613"/>
      <c r="BMR690" s="613"/>
      <c r="BMS690" s="613"/>
      <c r="BMT690" s="613"/>
      <c r="BMU690" s="613"/>
      <c r="BMV690" s="613"/>
      <c r="BMW690" s="613"/>
      <c r="BMX690" s="613"/>
      <c r="BMY690" s="613"/>
      <c r="BMZ690" s="613"/>
      <c r="BNA690" s="613"/>
      <c r="BNB690" s="613"/>
      <c r="BNC690" s="613"/>
      <c r="BND690" s="613"/>
      <c r="BNE690" s="613"/>
      <c r="BNF690" s="613"/>
      <c r="BNG690" s="613"/>
      <c r="BNH690" s="613"/>
      <c r="BNI690" s="613"/>
      <c r="BNJ690" s="613"/>
      <c r="BNK690" s="613"/>
      <c r="BNL690" s="613"/>
      <c r="BNM690" s="613"/>
      <c r="BNN690" s="613"/>
      <c r="BNO690" s="613"/>
      <c r="BNP690" s="613"/>
      <c r="BNQ690" s="613"/>
      <c r="BNR690" s="613"/>
      <c r="BNS690" s="613"/>
      <c r="BNT690" s="613"/>
      <c r="BNU690" s="613"/>
      <c r="BNV690" s="613"/>
      <c r="BNW690" s="613"/>
      <c r="BNX690" s="613"/>
      <c r="BNY690" s="613"/>
      <c r="BNZ690" s="613"/>
      <c r="BOA690" s="613"/>
      <c r="BOB690" s="613"/>
      <c r="BOC690" s="613"/>
      <c r="BOD690" s="613"/>
      <c r="BOE690" s="613"/>
      <c r="BOF690" s="613"/>
      <c r="BOG690" s="613"/>
      <c r="BOH690" s="613"/>
      <c r="BOI690" s="613"/>
      <c r="BOJ690" s="613"/>
      <c r="BOK690" s="613"/>
      <c r="BOL690" s="613"/>
      <c r="BOM690" s="613"/>
      <c r="BON690" s="613"/>
      <c r="BOO690" s="613"/>
      <c r="BOP690" s="613"/>
      <c r="BOQ690" s="613"/>
      <c r="BOR690" s="613"/>
      <c r="BOS690" s="613"/>
      <c r="BOT690" s="613"/>
      <c r="BOU690" s="613"/>
      <c r="BOV690" s="613"/>
      <c r="BOW690" s="613"/>
      <c r="BOX690" s="613"/>
      <c r="BOY690" s="613"/>
      <c r="BOZ690" s="613"/>
      <c r="BPA690" s="613"/>
      <c r="BPB690" s="613"/>
      <c r="BPC690" s="613"/>
      <c r="BPD690" s="613"/>
      <c r="BPE690" s="613"/>
      <c r="BPF690" s="613"/>
      <c r="BPG690" s="613"/>
      <c r="BPH690" s="613"/>
      <c r="BPI690" s="613"/>
      <c r="BPJ690" s="613"/>
      <c r="BPK690" s="613"/>
      <c r="BPL690" s="613"/>
      <c r="BPM690" s="613"/>
      <c r="BPN690" s="613"/>
      <c r="BPO690" s="613"/>
      <c r="BPP690" s="613"/>
      <c r="BPQ690" s="613"/>
      <c r="BPR690" s="613"/>
      <c r="BPS690" s="613"/>
      <c r="BPT690" s="613"/>
      <c r="BPU690" s="613"/>
      <c r="BPV690" s="613"/>
      <c r="BPW690" s="613"/>
      <c r="BPX690" s="613"/>
      <c r="BPY690" s="613"/>
      <c r="BPZ690" s="613"/>
      <c r="BQA690" s="613"/>
      <c r="BQB690" s="613"/>
      <c r="BQC690" s="613"/>
      <c r="BQD690" s="613"/>
      <c r="BQE690" s="613"/>
      <c r="BQF690" s="613"/>
      <c r="BQG690" s="613"/>
      <c r="BQH690" s="613"/>
      <c r="BQI690" s="613"/>
      <c r="BQJ690" s="613"/>
      <c r="BQK690" s="613"/>
      <c r="BQL690" s="613"/>
      <c r="BQM690" s="613"/>
      <c r="BQN690" s="613"/>
      <c r="BQO690" s="613"/>
      <c r="BQP690" s="613"/>
      <c r="BQQ690" s="613"/>
      <c r="BQR690" s="613"/>
      <c r="BQS690" s="613"/>
      <c r="BQT690" s="613"/>
      <c r="BQU690" s="613"/>
      <c r="BQV690" s="613"/>
      <c r="BQW690" s="613"/>
      <c r="BQX690" s="613"/>
      <c r="BQY690" s="613"/>
      <c r="BQZ690" s="613"/>
      <c r="BRA690" s="613"/>
      <c r="BRB690" s="613"/>
      <c r="BRC690" s="613"/>
      <c r="BRD690" s="613"/>
      <c r="BRE690" s="613"/>
      <c r="BRF690" s="613"/>
      <c r="BRG690" s="613"/>
      <c r="BRH690" s="613"/>
      <c r="BRI690" s="613"/>
      <c r="BRJ690" s="613"/>
      <c r="BRK690" s="613"/>
      <c r="BRL690" s="613"/>
      <c r="BRM690" s="613"/>
      <c r="BRN690" s="613"/>
      <c r="BRO690" s="613"/>
      <c r="BRP690" s="613"/>
      <c r="BRQ690" s="613"/>
      <c r="BRR690" s="613"/>
      <c r="BRS690" s="613"/>
      <c r="BRT690" s="613"/>
      <c r="BRU690" s="613"/>
      <c r="BRV690" s="613"/>
      <c r="BRW690" s="613"/>
      <c r="BRX690" s="613"/>
      <c r="BRY690" s="613"/>
      <c r="BRZ690" s="613"/>
      <c r="BSA690" s="613"/>
      <c r="BSB690" s="613"/>
      <c r="BSC690" s="613"/>
      <c r="BSD690" s="613"/>
      <c r="BSE690" s="613"/>
      <c r="BSF690" s="613"/>
      <c r="BSG690" s="613"/>
      <c r="BSH690" s="613"/>
      <c r="BSI690" s="613"/>
      <c r="BSJ690" s="613"/>
      <c r="BSK690" s="613"/>
      <c r="BSL690" s="613"/>
      <c r="BSM690" s="613"/>
      <c r="BSN690" s="613"/>
      <c r="BSO690" s="613"/>
      <c r="BSP690" s="613"/>
      <c r="BSQ690" s="613"/>
      <c r="BSR690" s="613"/>
      <c r="BSS690" s="613"/>
      <c r="BST690" s="613"/>
      <c r="BSU690" s="613"/>
      <c r="BSV690" s="613"/>
      <c r="BSW690" s="613"/>
      <c r="BSX690" s="613"/>
      <c r="BSY690" s="613"/>
      <c r="BSZ690" s="613"/>
      <c r="BTA690" s="613"/>
      <c r="BTB690" s="613"/>
      <c r="BTC690" s="613"/>
      <c r="BTD690" s="613"/>
      <c r="BTE690" s="613"/>
      <c r="BTF690" s="613"/>
      <c r="BTG690" s="613"/>
      <c r="BTH690" s="613"/>
      <c r="BTI690" s="613"/>
      <c r="BTJ690" s="613"/>
      <c r="BTK690" s="613"/>
      <c r="BTL690" s="613"/>
      <c r="BTM690" s="613"/>
      <c r="BTN690" s="613"/>
      <c r="BTO690" s="613"/>
      <c r="BTP690" s="613"/>
      <c r="BTQ690" s="613"/>
      <c r="BTR690" s="613"/>
      <c r="BTS690" s="613"/>
      <c r="BTT690" s="613"/>
      <c r="BTU690" s="613"/>
      <c r="BTV690" s="613"/>
      <c r="BTW690" s="613"/>
      <c r="BTX690" s="613"/>
      <c r="BTY690" s="613"/>
      <c r="BTZ690" s="613"/>
      <c r="BUA690" s="613"/>
      <c r="BUB690" s="613"/>
      <c r="BUC690" s="613"/>
      <c r="BUD690" s="613"/>
      <c r="BUE690" s="613"/>
      <c r="BUF690" s="613"/>
      <c r="BUG690" s="613"/>
      <c r="BUH690" s="613"/>
      <c r="BUI690" s="613"/>
      <c r="BUJ690" s="613"/>
      <c r="BUK690" s="613"/>
      <c r="BUL690" s="613"/>
      <c r="BUM690" s="613"/>
      <c r="BUN690" s="613"/>
      <c r="BUO690" s="613"/>
      <c r="BUP690" s="613"/>
      <c r="BUQ690" s="613"/>
      <c r="BUR690" s="613"/>
      <c r="BUS690" s="613"/>
      <c r="BUT690" s="613"/>
      <c r="BUU690" s="613"/>
      <c r="BUV690" s="613"/>
      <c r="BUW690" s="613"/>
      <c r="BUX690" s="613"/>
      <c r="BUY690" s="613"/>
      <c r="BUZ690" s="613"/>
      <c r="BVA690" s="613"/>
      <c r="BVB690" s="613"/>
      <c r="BVC690" s="613"/>
      <c r="BVD690" s="613"/>
      <c r="BVE690" s="613"/>
      <c r="BVF690" s="613"/>
      <c r="BVG690" s="613"/>
      <c r="BVH690" s="613"/>
      <c r="BVI690" s="613"/>
      <c r="BVJ690" s="613"/>
      <c r="BVK690" s="613"/>
      <c r="BVL690" s="613"/>
      <c r="BVM690" s="613"/>
      <c r="BVN690" s="613"/>
      <c r="BVO690" s="613"/>
      <c r="BVP690" s="613"/>
      <c r="BVQ690" s="613"/>
      <c r="BVR690" s="613"/>
      <c r="BVS690" s="613"/>
      <c r="BVT690" s="613"/>
      <c r="BVU690" s="613"/>
      <c r="BVV690" s="613"/>
      <c r="BVW690" s="613"/>
      <c r="BVX690" s="613"/>
      <c r="BVY690" s="613"/>
      <c r="BVZ690" s="613"/>
      <c r="BWA690" s="613"/>
      <c r="BWB690" s="613"/>
      <c r="BWC690" s="613"/>
      <c r="BWD690" s="613"/>
      <c r="BWE690" s="613"/>
      <c r="BWF690" s="613"/>
      <c r="BWG690" s="613"/>
      <c r="BWH690" s="613"/>
      <c r="BWI690" s="613"/>
      <c r="BWJ690" s="613"/>
      <c r="BWK690" s="613"/>
      <c r="BWL690" s="613"/>
      <c r="BWM690" s="613"/>
      <c r="BWN690" s="613"/>
      <c r="BWO690" s="613"/>
      <c r="BWP690" s="613"/>
      <c r="BWQ690" s="613"/>
      <c r="BWR690" s="613"/>
      <c r="BWS690" s="613"/>
      <c r="BWT690" s="613"/>
      <c r="BWU690" s="613"/>
      <c r="BWV690" s="613"/>
      <c r="BWW690" s="613"/>
      <c r="BWX690" s="613"/>
      <c r="BWY690" s="613"/>
      <c r="BWZ690" s="613"/>
      <c r="BXA690" s="613"/>
      <c r="BXB690" s="613"/>
      <c r="BXC690" s="613"/>
      <c r="BXD690" s="613"/>
      <c r="BXE690" s="613"/>
      <c r="BXF690" s="613"/>
      <c r="BXG690" s="613"/>
      <c r="BXH690" s="613"/>
      <c r="BXI690" s="613"/>
      <c r="BXJ690" s="613"/>
      <c r="BXK690" s="613"/>
      <c r="BXL690" s="613"/>
      <c r="BXM690" s="613"/>
      <c r="BXN690" s="613"/>
      <c r="BXO690" s="613"/>
      <c r="BXP690" s="613"/>
      <c r="BXQ690" s="613"/>
      <c r="BXR690" s="613"/>
      <c r="BXS690" s="613"/>
      <c r="BXT690" s="613"/>
      <c r="BXU690" s="613"/>
      <c r="BXV690" s="613"/>
      <c r="BXW690" s="613"/>
      <c r="BXX690" s="613"/>
      <c r="BXY690" s="613"/>
      <c r="BXZ690" s="613"/>
      <c r="BYA690" s="613"/>
      <c r="BYB690" s="613"/>
      <c r="BYC690" s="613"/>
      <c r="BYD690" s="613"/>
      <c r="BYE690" s="613"/>
      <c r="BYF690" s="613"/>
      <c r="BYG690" s="613"/>
      <c r="BYH690" s="613"/>
      <c r="BYI690" s="613"/>
      <c r="BYJ690" s="613"/>
      <c r="BYK690" s="613"/>
      <c r="BYL690" s="613"/>
      <c r="BYM690" s="613"/>
      <c r="BYN690" s="613"/>
      <c r="BYO690" s="613"/>
      <c r="BYP690" s="613"/>
      <c r="BYQ690" s="613"/>
      <c r="BYR690" s="613"/>
      <c r="BYS690" s="613"/>
      <c r="BYT690" s="613"/>
      <c r="BYU690" s="613"/>
      <c r="BYV690" s="613"/>
      <c r="BYW690" s="613"/>
      <c r="BYX690" s="613"/>
      <c r="BYY690" s="613"/>
      <c r="BYZ690" s="613"/>
      <c r="BZA690" s="613"/>
      <c r="BZB690" s="613"/>
      <c r="BZC690" s="613"/>
      <c r="BZD690" s="613"/>
      <c r="BZE690" s="613"/>
      <c r="BZF690" s="613"/>
      <c r="BZG690" s="613"/>
      <c r="BZH690" s="613"/>
      <c r="BZI690" s="613"/>
      <c r="BZJ690" s="613"/>
      <c r="BZK690" s="613"/>
      <c r="BZL690" s="613"/>
      <c r="BZM690" s="613"/>
      <c r="BZN690" s="613"/>
      <c r="BZO690" s="613"/>
      <c r="BZP690" s="613"/>
      <c r="BZQ690" s="613"/>
      <c r="BZR690" s="613"/>
      <c r="BZS690" s="613"/>
      <c r="BZT690" s="613"/>
      <c r="BZU690" s="613"/>
      <c r="BZV690" s="613"/>
      <c r="BZW690" s="613"/>
      <c r="BZX690" s="613"/>
      <c r="BZY690" s="613"/>
      <c r="BZZ690" s="613"/>
      <c r="CAA690" s="613"/>
      <c r="CAB690" s="613"/>
      <c r="CAC690" s="613"/>
      <c r="CAD690" s="613"/>
      <c r="CAE690" s="613"/>
      <c r="CAF690" s="613"/>
      <c r="CAG690" s="613"/>
      <c r="CAH690" s="613"/>
      <c r="CAI690" s="613"/>
      <c r="CAJ690" s="613"/>
      <c r="CAK690" s="613"/>
      <c r="CAL690" s="613"/>
      <c r="CAM690" s="613"/>
      <c r="CAN690" s="613"/>
      <c r="CAO690" s="613"/>
      <c r="CAP690" s="613"/>
      <c r="CAQ690" s="613"/>
      <c r="CAR690" s="613"/>
      <c r="CAS690" s="613"/>
      <c r="CAT690" s="613"/>
      <c r="CAU690" s="613"/>
      <c r="CAV690" s="613"/>
      <c r="CAW690" s="613"/>
      <c r="CAX690" s="613"/>
      <c r="CAY690" s="613"/>
      <c r="CAZ690" s="613"/>
      <c r="CBA690" s="613"/>
      <c r="CBB690" s="613"/>
      <c r="CBC690" s="613"/>
      <c r="CBD690" s="613"/>
      <c r="CBE690" s="613"/>
      <c r="CBF690" s="613"/>
      <c r="CBG690" s="613"/>
      <c r="CBH690" s="613"/>
      <c r="CBI690" s="613"/>
      <c r="CBJ690" s="613"/>
      <c r="CBK690" s="613"/>
      <c r="CBL690" s="613"/>
      <c r="CBM690" s="613"/>
      <c r="CBN690" s="613"/>
      <c r="CBO690" s="613"/>
      <c r="CBP690" s="613"/>
      <c r="CBQ690" s="613"/>
      <c r="CBR690" s="613"/>
      <c r="CBS690" s="613"/>
      <c r="CBT690" s="613"/>
      <c r="CBU690" s="613"/>
      <c r="CBV690" s="613"/>
      <c r="CBW690" s="613"/>
      <c r="CBX690" s="613"/>
      <c r="CBY690" s="613"/>
      <c r="CBZ690" s="613"/>
      <c r="CCA690" s="613"/>
      <c r="CCB690" s="613"/>
      <c r="CCC690" s="613"/>
      <c r="CCD690" s="613"/>
      <c r="CCE690" s="613"/>
      <c r="CCF690" s="613"/>
      <c r="CCG690" s="613"/>
      <c r="CCH690" s="613"/>
      <c r="CCI690" s="613"/>
      <c r="CCJ690" s="613"/>
      <c r="CCK690" s="613"/>
      <c r="CCL690" s="613"/>
      <c r="CCM690" s="613"/>
      <c r="CCN690" s="613"/>
      <c r="CCO690" s="613"/>
      <c r="CCP690" s="613"/>
      <c r="CCQ690" s="613"/>
      <c r="CCR690" s="613"/>
      <c r="CCS690" s="613"/>
      <c r="CCT690" s="613"/>
      <c r="CCU690" s="613"/>
      <c r="CCV690" s="613"/>
      <c r="CCW690" s="613"/>
      <c r="CCX690" s="613"/>
      <c r="CCY690" s="613"/>
      <c r="CCZ690" s="613"/>
      <c r="CDA690" s="613"/>
      <c r="CDB690" s="613"/>
      <c r="CDC690" s="613"/>
      <c r="CDD690" s="613"/>
      <c r="CDE690" s="613"/>
      <c r="CDF690" s="613"/>
      <c r="CDG690" s="613"/>
      <c r="CDH690" s="613"/>
      <c r="CDI690" s="613"/>
      <c r="CDJ690" s="613"/>
      <c r="CDK690" s="613"/>
      <c r="CDL690" s="613"/>
      <c r="CDM690" s="613"/>
      <c r="CDN690" s="613"/>
      <c r="CDO690" s="613"/>
      <c r="CDP690" s="613"/>
      <c r="CDQ690" s="613"/>
      <c r="CDR690" s="613"/>
      <c r="CDS690" s="613"/>
      <c r="CDT690" s="613"/>
      <c r="CDU690" s="613"/>
      <c r="CDV690" s="613"/>
      <c r="CDW690" s="613"/>
      <c r="CDX690" s="613"/>
      <c r="CDY690" s="613"/>
      <c r="CDZ690" s="613"/>
      <c r="CEA690" s="613"/>
      <c r="CEB690" s="613"/>
      <c r="CEC690" s="613"/>
      <c r="CED690" s="613"/>
      <c r="CEE690" s="613"/>
      <c r="CEF690" s="613"/>
      <c r="CEG690" s="613"/>
      <c r="CEH690" s="613"/>
      <c r="CEI690" s="613"/>
      <c r="CEJ690" s="613"/>
      <c r="CEK690" s="613"/>
      <c r="CEL690" s="613"/>
      <c r="CEM690" s="613"/>
      <c r="CEN690" s="613"/>
      <c r="CEO690" s="613"/>
      <c r="CEP690" s="613"/>
      <c r="CEQ690" s="613"/>
      <c r="CER690" s="613"/>
      <c r="CES690" s="613"/>
      <c r="CET690" s="613"/>
      <c r="CEU690" s="613"/>
      <c r="CEV690" s="613"/>
      <c r="CEW690" s="613"/>
      <c r="CEX690" s="613"/>
      <c r="CEY690" s="613"/>
      <c r="CEZ690" s="613"/>
      <c r="CFA690" s="613"/>
      <c r="CFB690" s="613"/>
      <c r="CFC690" s="613"/>
      <c r="CFD690" s="613"/>
      <c r="CFE690" s="613"/>
      <c r="CFF690" s="613"/>
      <c r="CFG690" s="613"/>
      <c r="CFH690" s="613"/>
      <c r="CFI690" s="613"/>
      <c r="CFJ690" s="613"/>
      <c r="CFK690" s="613"/>
      <c r="CFL690" s="613"/>
      <c r="CFM690" s="613"/>
      <c r="CFN690" s="613"/>
      <c r="CFO690" s="613"/>
      <c r="CFP690" s="613"/>
      <c r="CFQ690" s="613"/>
      <c r="CFR690" s="613"/>
      <c r="CFS690" s="613"/>
      <c r="CFT690" s="613"/>
      <c r="CFU690" s="613"/>
      <c r="CFV690" s="613"/>
      <c r="CFW690" s="613"/>
      <c r="CFX690" s="613"/>
      <c r="CFY690" s="613"/>
      <c r="CFZ690" s="613"/>
      <c r="CGA690" s="613"/>
      <c r="CGB690" s="613"/>
      <c r="CGC690" s="613"/>
      <c r="CGD690" s="613"/>
      <c r="CGE690" s="613"/>
      <c r="CGF690" s="613"/>
      <c r="CGG690" s="613"/>
      <c r="CGH690" s="613"/>
      <c r="CGI690" s="613"/>
      <c r="CGJ690" s="613"/>
      <c r="CGK690" s="613"/>
      <c r="CGL690" s="613"/>
      <c r="CGM690" s="613"/>
      <c r="CGN690" s="613"/>
      <c r="CGO690" s="613"/>
      <c r="CGP690" s="613"/>
      <c r="CGQ690" s="613"/>
      <c r="CGR690" s="613"/>
      <c r="CGS690" s="613"/>
      <c r="CGT690" s="613"/>
      <c r="CGU690" s="613"/>
      <c r="CGV690" s="613"/>
      <c r="CGW690" s="613"/>
      <c r="CGX690" s="613"/>
      <c r="CGY690" s="613"/>
      <c r="CGZ690" s="613"/>
      <c r="CHA690" s="613"/>
      <c r="CHB690" s="613"/>
      <c r="CHC690" s="613"/>
      <c r="CHD690" s="613"/>
      <c r="CHE690" s="613"/>
      <c r="CHF690" s="613"/>
      <c r="CHG690" s="613"/>
      <c r="CHH690" s="613"/>
      <c r="CHI690" s="613"/>
      <c r="CHJ690" s="613"/>
      <c r="CHK690" s="613"/>
      <c r="CHL690" s="613"/>
      <c r="CHM690" s="613"/>
      <c r="CHN690" s="613"/>
      <c r="CHO690" s="613"/>
      <c r="CHP690" s="613"/>
      <c r="CHQ690" s="613"/>
      <c r="CHR690" s="613"/>
      <c r="CHS690" s="613"/>
      <c r="CHT690" s="613"/>
      <c r="CHU690" s="613"/>
      <c r="CHV690" s="613"/>
      <c r="CHW690" s="613"/>
      <c r="CHX690" s="613"/>
      <c r="CHY690" s="613"/>
      <c r="CHZ690" s="613"/>
      <c r="CIA690" s="613"/>
      <c r="CIB690" s="613"/>
      <c r="CIC690" s="613"/>
      <c r="CID690" s="613"/>
      <c r="CIE690" s="613"/>
      <c r="CIF690" s="613"/>
      <c r="CIG690" s="613"/>
      <c r="CIH690" s="613"/>
      <c r="CII690" s="613"/>
      <c r="CIJ690" s="613"/>
      <c r="CIK690" s="613"/>
      <c r="CIL690" s="613"/>
      <c r="CIM690" s="613"/>
      <c r="CIN690" s="613"/>
      <c r="CIO690" s="613"/>
      <c r="CIP690" s="613"/>
      <c r="CIQ690" s="613"/>
      <c r="CIR690" s="613"/>
      <c r="CIS690" s="613"/>
      <c r="CIT690" s="613"/>
      <c r="CIU690" s="613"/>
      <c r="CIV690" s="613"/>
      <c r="CIW690" s="613"/>
      <c r="CIX690" s="613"/>
      <c r="CIY690" s="613"/>
      <c r="CIZ690" s="613"/>
      <c r="CJA690" s="613"/>
      <c r="CJB690" s="613"/>
      <c r="CJC690" s="613"/>
      <c r="CJD690" s="613"/>
      <c r="CJE690" s="613"/>
      <c r="CJF690" s="613"/>
      <c r="CJG690" s="613"/>
      <c r="CJH690" s="613"/>
      <c r="CJI690" s="613"/>
      <c r="CJJ690" s="613"/>
      <c r="CJK690" s="613"/>
      <c r="CJL690" s="613"/>
      <c r="CJM690" s="613"/>
      <c r="CJN690" s="613"/>
      <c r="CJO690" s="613"/>
      <c r="CJP690" s="613"/>
      <c r="CJQ690" s="613"/>
      <c r="CJR690" s="613"/>
      <c r="CJS690" s="613"/>
      <c r="CJT690" s="613"/>
      <c r="CJU690" s="613"/>
      <c r="CJV690" s="613"/>
      <c r="CJW690" s="613"/>
      <c r="CJX690" s="613"/>
      <c r="CJY690" s="613"/>
      <c r="CJZ690" s="613"/>
      <c r="CKA690" s="613"/>
      <c r="CKB690" s="613"/>
      <c r="CKC690" s="613"/>
      <c r="CKD690" s="613"/>
      <c r="CKE690" s="613"/>
      <c r="CKF690" s="613"/>
      <c r="CKG690" s="613"/>
      <c r="CKH690" s="613"/>
      <c r="CKI690" s="613"/>
      <c r="CKJ690" s="613"/>
      <c r="CKK690" s="613"/>
      <c r="CKL690" s="613"/>
      <c r="CKM690" s="613"/>
      <c r="CKN690" s="613"/>
      <c r="CKO690" s="613"/>
      <c r="CKP690" s="613"/>
      <c r="CKQ690" s="613"/>
      <c r="CKR690" s="613"/>
      <c r="CKS690" s="613"/>
      <c r="CKT690" s="613"/>
      <c r="CKU690" s="613"/>
      <c r="CKV690" s="613"/>
      <c r="CKW690" s="613"/>
      <c r="CKX690" s="613"/>
      <c r="CKY690" s="613"/>
      <c r="CKZ690" s="613"/>
      <c r="CLA690" s="613"/>
      <c r="CLB690" s="613"/>
      <c r="CLC690" s="613"/>
      <c r="CLD690" s="613"/>
      <c r="CLE690" s="613"/>
      <c r="CLF690" s="613"/>
      <c r="CLG690" s="613"/>
      <c r="CLH690" s="613"/>
      <c r="CLI690" s="613"/>
      <c r="CLJ690" s="613"/>
      <c r="CLK690" s="613"/>
      <c r="CLL690" s="613"/>
      <c r="CLM690" s="613"/>
      <c r="CLN690" s="613"/>
      <c r="CLO690" s="613"/>
      <c r="CLP690" s="613"/>
      <c r="CLQ690" s="613"/>
      <c r="CLR690" s="613"/>
      <c r="CLS690" s="613"/>
      <c r="CLT690" s="613"/>
      <c r="CLU690" s="613"/>
      <c r="CLV690" s="613"/>
      <c r="CLW690" s="613"/>
      <c r="CLX690" s="613"/>
      <c r="CLY690" s="613"/>
      <c r="CLZ690" s="613"/>
      <c r="CMA690" s="613"/>
      <c r="CMB690" s="613"/>
      <c r="CMC690" s="613"/>
      <c r="CMD690" s="613"/>
      <c r="CME690" s="613"/>
      <c r="CMF690" s="613"/>
      <c r="CMG690" s="613"/>
      <c r="CMH690" s="613"/>
      <c r="CMI690" s="613"/>
      <c r="CMJ690" s="613"/>
      <c r="CMK690" s="613"/>
      <c r="CML690" s="613"/>
      <c r="CMM690" s="613"/>
      <c r="CMN690" s="613"/>
      <c r="CMO690" s="613"/>
      <c r="CMP690" s="613"/>
      <c r="CMQ690" s="613"/>
      <c r="CMR690" s="613"/>
      <c r="CMS690" s="613"/>
      <c r="CMT690" s="613"/>
      <c r="CMU690" s="613"/>
      <c r="CMV690" s="613"/>
      <c r="CMW690" s="613"/>
      <c r="CMX690" s="613"/>
      <c r="CMY690" s="613"/>
      <c r="CMZ690" s="613"/>
      <c r="CNA690" s="613"/>
      <c r="CNB690" s="613"/>
      <c r="CNC690" s="613"/>
      <c r="CND690" s="613"/>
      <c r="CNE690" s="613"/>
      <c r="CNF690" s="613"/>
      <c r="CNG690" s="613"/>
      <c r="CNH690" s="613"/>
      <c r="CNI690" s="613"/>
      <c r="CNJ690" s="613"/>
      <c r="CNK690" s="613"/>
      <c r="CNL690" s="613"/>
      <c r="CNM690" s="613"/>
      <c r="CNN690" s="613"/>
      <c r="CNO690" s="613"/>
      <c r="CNP690" s="613"/>
      <c r="CNQ690" s="613"/>
      <c r="CNR690" s="613"/>
      <c r="CNS690" s="613"/>
      <c r="CNT690" s="613"/>
      <c r="CNU690" s="613"/>
      <c r="CNV690" s="613"/>
      <c r="CNW690" s="613"/>
      <c r="CNX690" s="613"/>
      <c r="CNY690" s="613"/>
      <c r="CNZ690" s="613"/>
      <c r="COA690" s="613"/>
      <c r="COB690" s="613"/>
      <c r="COC690" s="613"/>
      <c r="COD690" s="613"/>
      <c r="COE690" s="613"/>
      <c r="COF690" s="613"/>
      <c r="COG690" s="613"/>
      <c r="COH690" s="613"/>
      <c r="COI690" s="613"/>
      <c r="COJ690" s="613"/>
      <c r="COK690" s="613"/>
      <c r="COL690" s="613"/>
      <c r="COM690" s="613"/>
      <c r="CON690" s="613"/>
      <c r="COO690" s="613"/>
      <c r="COP690" s="613"/>
      <c r="COQ690" s="613"/>
      <c r="COR690" s="613"/>
      <c r="COS690" s="613"/>
      <c r="COT690" s="613"/>
      <c r="COU690" s="613"/>
      <c r="COV690" s="613"/>
      <c r="COW690" s="613"/>
      <c r="COX690" s="613"/>
      <c r="COY690" s="613"/>
      <c r="COZ690" s="613"/>
      <c r="CPA690" s="613"/>
      <c r="CPB690" s="613"/>
      <c r="CPC690" s="613"/>
      <c r="CPD690" s="613"/>
      <c r="CPE690" s="613"/>
      <c r="CPF690" s="613"/>
      <c r="CPG690" s="613"/>
      <c r="CPH690" s="613"/>
      <c r="CPI690" s="613"/>
      <c r="CPJ690" s="613"/>
      <c r="CPK690" s="613"/>
      <c r="CPL690" s="613"/>
      <c r="CPM690" s="613"/>
      <c r="CPN690" s="613"/>
      <c r="CPO690" s="613"/>
      <c r="CPP690" s="613"/>
      <c r="CPQ690" s="613"/>
      <c r="CPR690" s="613"/>
      <c r="CPS690" s="613"/>
      <c r="CPT690" s="613"/>
      <c r="CPU690" s="613"/>
      <c r="CPV690" s="613"/>
      <c r="CPW690" s="613"/>
      <c r="CPX690" s="613"/>
      <c r="CPY690" s="613"/>
      <c r="CPZ690" s="613"/>
      <c r="CQA690" s="613"/>
      <c r="CQB690" s="613"/>
      <c r="CQC690" s="613"/>
      <c r="CQD690" s="613"/>
      <c r="CQE690" s="613"/>
      <c r="CQF690" s="613"/>
      <c r="CQG690" s="613"/>
      <c r="CQH690" s="613"/>
      <c r="CQI690" s="613"/>
      <c r="CQJ690" s="613"/>
      <c r="CQK690" s="613"/>
      <c r="CQL690" s="613"/>
      <c r="CQM690" s="613"/>
      <c r="CQN690" s="613"/>
      <c r="CQO690" s="613"/>
      <c r="CQP690" s="613"/>
      <c r="CQQ690" s="613"/>
      <c r="CQR690" s="613"/>
      <c r="CQS690" s="613"/>
      <c r="CQT690" s="613"/>
      <c r="CQU690" s="613"/>
      <c r="CQV690" s="613"/>
      <c r="CQW690" s="613"/>
      <c r="CQX690" s="613"/>
      <c r="CQY690" s="613"/>
      <c r="CQZ690" s="613"/>
      <c r="CRA690" s="613"/>
      <c r="CRB690" s="613"/>
      <c r="CRC690" s="613"/>
      <c r="CRD690" s="613"/>
      <c r="CRE690" s="613"/>
      <c r="CRF690" s="613"/>
      <c r="CRG690" s="613"/>
      <c r="CRH690" s="613"/>
      <c r="CRI690" s="613"/>
      <c r="CRJ690" s="613"/>
      <c r="CRK690" s="613"/>
      <c r="CRL690" s="613"/>
      <c r="CRM690" s="613"/>
      <c r="CRN690" s="613"/>
      <c r="CRO690" s="613"/>
      <c r="CRP690" s="613"/>
      <c r="CRQ690" s="613"/>
      <c r="CRR690" s="613"/>
      <c r="CRS690" s="613"/>
      <c r="CRT690" s="613"/>
      <c r="CRU690" s="613"/>
      <c r="CRV690" s="613"/>
      <c r="CRW690" s="613"/>
      <c r="CRX690" s="613"/>
      <c r="CRY690" s="613"/>
      <c r="CRZ690" s="613"/>
      <c r="CSA690" s="613"/>
      <c r="CSB690" s="613"/>
      <c r="CSC690" s="613"/>
      <c r="CSD690" s="613"/>
      <c r="CSE690" s="613"/>
      <c r="CSF690" s="613"/>
      <c r="CSG690" s="613"/>
      <c r="CSH690" s="613"/>
      <c r="CSI690" s="613"/>
      <c r="CSJ690" s="613"/>
      <c r="CSK690" s="613"/>
      <c r="CSL690" s="613"/>
      <c r="CSM690" s="613"/>
      <c r="CSN690" s="613"/>
      <c r="CSO690" s="613"/>
      <c r="CSP690" s="613"/>
      <c r="CSQ690" s="613"/>
      <c r="CSR690" s="613"/>
      <c r="CSS690" s="613"/>
      <c r="CST690" s="613"/>
      <c r="CSU690" s="613"/>
      <c r="CSV690" s="613"/>
      <c r="CSW690" s="613"/>
      <c r="CSX690" s="613"/>
      <c r="CSY690" s="613"/>
      <c r="CSZ690" s="613"/>
      <c r="CTA690" s="613"/>
      <c r="CTB690" s="613"/>
      <c r="CTC690" s="613"/>
      <c r="CTD690" s="613"/>
      <c r="CTE690" s="613"/>
      <c r="CTF690" s="613"/>
      <c r="CTG690" s="613"/>
      <c r="CTH690" s="613"/>
      <c r="CTI690" s="613"/>
      <c r="CTJ690" s="613"/>
      <c r="CTK690" s="613"/>
      <c r="CTL690" s="613"/>
      <c r="CTM690" s="613"/>
      <c r="CTN690" s="613"/>
      <c r="CTO690" s="613"/>
      <c r="CTP690" s="613"/>
      <c r="CTQ690" s="613"/>
      <c r="CTR690" s="613"/>
      <c r="CTS690" s="613"/>
      <c r="CTT690" s="613"/>
      <c r="CTU690" s="613"/>
      <c r="CTV690" s="613"/>
      <c r="CTW690" s="613"/>
      <c r="CTX690" s="613"/>
      <c r="CTY690" s="613"/>
      <c r="CTZ690" s="613"/>
      <c r="CUA690" s="613"/>
      <c r="CUB690" s="613"/>
      <c r="CUC690" s="613"/>
      <c r="CUD690" s="613"/>
      <c r="CUE690" s="613"/>
      <c r="CUF690" s="613"/>
      <c r="CUG690" s="613"/>
      <c r="CUH690" s="613"/>
      <c r="CUI690" s="613"/>
      <c r="CUJ690" s="613"/>
      <c r="CUK690" s="613"/>
      <c r="CUL690" s="613"/>
      <c r="CUM690" s="613"/>
      <c r="CUN690" s="613"/>
      <c r="CUO690" s="613"/>
      <c r="CUP690" s="613"/>
      <c r="CUQ690" s="613"/>
      <c r="CUR690" s="613"/>
      <c r="CUS690" s="613"/>
      <c r="CUT690" s="613"/>
      <c r="CUU690" s="613"/>
      <c r="CUV690" s="613"/>
      <c r="CUW690" s="613"/>
      <c r="CUX690" s="613"/>
      <c r="CUY690" s="613"/>
      <c r="CUZ690" s="613"/>
      <c r="CVA690" s="613"/>
      <c r="CVB690" s="613"/>
      <c r="CVC690" s="613"/>
      <c r="CVD690" s="613"/>
      <c r="CVE690" s="613"/>
      <c r="CVF690" s="613"/>
      <c r="CVG690" s="613"/>
      <c r="CVH690" s="613"/>
      <c r="CVI690" s="613"/>
      <c r="CVJ690" s="613"/>
      <c r="CVK690" s="613"/>
      <c r="CVL690" s="613"/>
      <c r="CVM690" s="613"/>
      <c r="CVN690" s="613"/>
      <c r="CVO690" s="613"/>
      <c r="CVP690" s="613"/>
      <c r="CVQ690" s="613"/>
      <c r="CVR690" s="613"/>
      <c r="CVS690" s="613"/>
      <c r="CVT690" s="613"/>
      <c r="CVU690" s="613"/>
      <c r="CVV690" s="613"/>
      <c r="CVW690" s="613"/>
      <c r="CVX690" s="613"/>
      <c r="CVY690" s="613"/>
      <c r="CVZ690" s="613"/>
      <c r="CWA690" s="613"/>
      <c r="CWB690" s="613"/>
      <c r="CWC690" s="613"/>
      <c r="CWD690" s="613"/>
      <c r="CWE690" s="613"/>
      <c r="CWF690" s="613"/>
      <c r="CWG690" s="613"/>
      <c r="CWH690" s="613"/>
      <c r="CWI690" s="613"/>
      <c r="CWJ690" s="613"/>
      <c r="CWK690" s="613"/>
      <c r="CWL690" s="613"/>
      <c r="CWM690" s="613"/>
      <c r="CWN690" s="613"/>
      <c r="CWO690" s="613"/>
      <c r="CWP690" s="613"/>
      <c r="CWQ690" s="613"/>
      <c r="CWR690" s="613"/>
      <c r="CWS690" s="613"/>
      <c r="CWT690" s="613"/>
      <c r="CWU690" s="613"/>
      <c r="CWV690" s="613"/>
      <c r="CWW690" s="613"/>
      <c r="CWX690" s="613"/>
      <c r="CWY690" s="613"/>
      <c r="CWZ690" s="613"/>
      <c r="CXA690" s="613"/>
      <c r="CXB690" s="613"/>
      <c r="CXC690" s="613"/>
      <c r="CXD690" s="613"/>
      <c r="CXE690" s="613"/>
      <c r="CXF690" s="613"/>
      <c r="CXG690" s="613"/>
      <c r="CXH690" s="613"/>
      <c r="CXI690" s="613"/>
      <c r="CXJ690" s="613"/>
      <c r="CXK690" s="613"/>
      <c r="CXL690" s="613"/>
      <c r="CXM690" s="613"/>
      <c r="CXN690" s="613"/>
      <c r="CXO690" s="613"/>
      <c r="CXP690" s="613"/>
      <c r="CXQ690" s="613"/>
      <c r="CXR690" s="613"/>
      <c r="CXS690" s="613"/>
      <c r="CXT690" s="613"/>
      <c r="CXU690" s="613"/>
      <c r="CXV690" s="613"/>
      <c r="CXW690" s="613"/>
      <c r="CXX690" s="613"/>
      <c r="CXY690" s="613"/>
      <c r="CXZ690" s="613"/>
      <c r="CYA690" s="613"/>
      <c r="CYB690" s="613"/>
      <c r="CYC690" s="613"/>
      <c r="CYD690" s="613"/>
      <c r="CYE690" s="613"/>
      <c r="CYF690" s="613"/>
      <c r="CYG690" s="613"/>
      <c r="CYH690" s="613"/>
      <c r="CYI690" s="613"/>
      <c r="CYJ690" s="613"/>
      <c r="CYK690" s="613"/>
      <c r="CYL690" s="613"/>
      <c r="CYM690" s="613"/>
      <c r="CYN690" s="613"/>
      <c r="CYO690" s="613"/>
      <c r="CYP690" s="613"/>
      <c r="CYQ690" s="613"/>
      <c r="CYR690" s="613"/>
      <c r="CYS690" s="613"/>
      <c r="CYT690" s="613"/>
      <c r="CYU690" s="613"/>
      <c r="CYV690" s="613"/>
      <c r="CYW690" s="613"/>
      <c r="CYX690" s="613"/>
      <c r="CYY690" s="613"/>
      <c r="CYZ690" s="613"/>
      <c r="CZA690" s="613"/>
      <c r="CZB690" s="613"/>
      <c r="CZC690" s="613"/>
      <c r="CZD690" s="613"/>
      <c r="CZE690" s="613"/>
      <c r="CZF690" s="613"/>
      <c r="CZG690" s="613"/>
      <c r="CZH690" s="613"/>
      <c r="CZI690" s="613"/>
      <c r="CZJ690" s="613"/>
      <c r="CZK690" s="613"/>
      <c r="CZL690" s="613"/>
      <c r="CZM690" s="613"/>
      <c r="CZN690" s="613"/>
      <c r="CZO690" s="613"/>
      <c r="CZP690" s="613"/>
      <c r="CZQ690" s="613"/>
      <c r="CZR690" s="613"/>
      <c r="CZS690" s="613"/>
      <c r="CZT690" s="613"/>
      <c r="CZU690" s="613"/>
      <c r="CZV690" s="613"/>
      <c r="CZW690" s="613"/>
      <c r="CZX690" s="613"/>
      <c r="CZY690" s="613"/>
      <c r="CZZ690" s="613"/>
      <c r="DAA690" s="613"/>
      <c r="DAB690" s="613"/>
      <c r="DAC690" s="613"/>
      <c r="DAD690" s="613"/>
      <c r="DAE690" s="613"/>
      <c r="DAF690" s="613"/>
      <c r="DAG690" s="613"/>
      <c r="DAH690" s="613"/>
      <c r="DAI690" s="613"/>
      <c r="DAJ690" s="613"/>
      <c r="DAK690" s="613"/>
      <c r="DAL690" s="613"/>
      <c r="DAM690" s="613"/>
      <c r="DAN690" s="613"/>
      <c r="DAO690" s="613"/>
      <c r="DAP690" s="613"/>
      <c r="DAQ690" s="613"/>
      <c r="DAR690" s="613"/>
      <c r="DAS690" s="613"/>
      <c r="DAT690" s="613"/>
      <c r="DAU690" s="613"/>
      <c r="DAV690" s="613"/>
      <c r="DAW690" s="613"/>
      <c r="DAX690" s="613"/>
      <c r="DAY690" s="613"/>
      <c r="DAZ690" s="613"/>
      <c r="DBA690" s="613"/>
      <c r="DBB690" s="613"/>
      <c r="DBC690" s="613"/>
      <c r="DBD690" s="613"/>
      <c r="DBE690" s="613"/>
      <c r="DBF690" s="613"/>
      <c r="DBG690" s="613"/>
      <c r="DBH690" s="613"/>
      <c r="DBI690" s="613"/>
      <c r="DBJ690" s="613"/>
      <c r="DBK690" s="613"/>
      <c r="DBL690" s="613"/>
      <c r="DBM690" s="613"/>
      <c r="DBN690" s="613"/>
      <c r="DBO690" s="613"/>
      <c r="DBP690" s="613"/>
      <c r="DBQ690" s="613"/>
      <c r="DBR690" s="613"/>
      <c r="DBS690" s="613"/>
      <c r="DBT690" s="613"/>
      <c r="DBU690" s="613"/>
      <c r="DBV690" s="613"/>
      <c r="DBW690" s="613"/>
      <c r="DBX690" s="613"/>
      <c r="DBY690" s="613"/>
      <c r="DBZ690" s="613"/>
      <c r="DCA690" s="613"/>
      <c r="DCB690" s="613"/>
      <c r="DCC690" s="613"/>
      <c r="DCD690" s="613"/>
      <c r="DCE690" s="613"/>
      <c r="DCF690" s="613"/>
      <c r="DCG690" s="613"/>
      <c r="DCH690" s="613"/>
      <c r="DCI690" s="613"/>
      <c r="DCJ690" s="613"/>
      <c r="DCK690" s="613"/>
      <c r="DCL690" s="613"/>
      <c r="DCM690" s="613"/>
      <c r="DCN690" s="613"/>
      <c r="DCO690" s="613"/>
      <c r="DCP690" s="613"/>
      <c r="DCQ690" s="613"/>
      <c r="DCR690" s="613"/>
      <c r="DCS690" s="613"/>
      <c r="DCT690" s="613"/>
      <c r="DCU690" s="613"/>
      <c r="DCV690" s="613"/>
      <c r="DCW690" s="613"/>
      <c r="DCX690" s="613"/>
      <c r="DCY690" s="613"/>
      <c r="DCZ690" s="613"/>
      <c r="DDA690" s="613"/>
      <c r="DDB690" s="613"/>
      <c r="DDC690" s="613"/>
      <c r="DDD690" s="613"/>
      <c r="DDE690" s="613"/>
      <c r="DDF690" s="613"/>
      <c r="DDG690" s="613"/>
      <c r="DDH690" s="613"/>
      <c r="DDI690" s="613"/>
      <c r="DDJ690" s="613"/>
      <c r="DDK690" s="613"/>
      <c r="DDL690" s="613"/>
      <c r="DDM690" s="613"/>
      <c r="DDN690" s="613"/>
      <c r="DDO690" s="613"/>
      <c r="DDP690" s="613"/>
      <c r="DDQ690" s="613"/>
      <c r="DDR690" s="613"/>
      <c r="DDS690" s="613"/>
      <c r="DDT690" s="613"/>
      <c r="DDU690" s="613"/>
      <c r="DDV690" s="613"/>
      <c r="DDW690" s="613"/>
      <c r="DDX690" s="613"/>
      <c r="DDY690" s="613"/>
      <c r="DDZ690" s="613"/>
      <c r="DEA690" s="613"/>
      <c r="DEB690" s="613"/>
      <c r="DEC690" s="613"/>
      <c r="DED690" s="613"/>
      <c r="DEE690" s="613"/>
      <c r="DEF690" s="613"/>
      <c r="DEG690" s="613"/>
      <c r="DEH690" s="613"/>
      <c r="DEI690" s="613"/>
      <c r="DEJ690" s="613"/>
      <c r="DEK690" s="613"/>
      <c r="DEL690" s="613"/>
      <c r="DEM690" s="613"/>
      <c r="DEN690" s="613"/>
      <c r="DEO690" s="613"/>
      <c r="DEP690" s="613"/>
      <c r="DEQ690" s="613"/>
      <c r="DER690" s="613"/>
      <c r="DES690" s="613"/>
      <c r="DET690" s="613"/>
      <c r="DEU690" s="613"/>
      <c r="DEV690" s="613"/>
      <c r="DEW690" s="613"/>
      <c r="DEX690" s="613"/>
      <c r="DEY690" s="613"/>
      <c r="DEZ690" s="613"/>
      <c r="DFA690" s="613"/>
      <c r="DFB690" s="613"/>
      <c r="DFC690" s="613"/>
      <c r="DFD690" s="613"/>
      <c r="DFE690" s="613"/>
      <c r="DFF690" s="613"/>
      <c r="DFG690" s="613"/>
      <c r="DFH690" s="613"/>
      <c r="DFI690" s="613"/>
      <c r="DFJ690" s="613"/>
      <c r="DFK690" s="613"/>
      <c r="DFL690" s="613"/>
      <c r="DFM690" s="613"/>
      <c r="DFN690" s="613"/>
      <c r="DFO690" s="613"/>
      <c r="DFP690" s="613"/>
      <c r="DFQ690" s="613"/>
      <c r="DFR690" s="613"/>
      <c r="DFS690" s="613"/>
      <c r="DFT690" s="613"/>
      <c r="DFU690" s="613"/>
      <c r="DFV690" s="613"/>
      <c r="DFW690" s="613"/>
      <c r="DFX690" s="613"/>
      <c r="DFY690" s="613"/>
      <c r="DFZ690" s="613"/>
      <c r="DGA690" s="613"/>
      <c r="DGB690" s="613"/>
      <c r="DGC690" s="613"/>
      <c r="DGD690" s="613"/>
      <c r="DGE690" s="613"/>
      <c r="DGF690" s="613"/>
      <c r="DGG690" s="613"/>
      <c r="DGH690" s="613"/>
      <c r="DGI690" s="613"/>
      <c r="DGJ690" s="613"/>
      <c r="DGK690" s="613"/>
      <c r="DGL690" s="613"/>
      <c r="DGM690" s="613"/>
      <c r="DGN690" s="613"/>
      <c r="DGO690" s="613"/>
      <c r="DGP690" s="613"/>
      <c r="DGQ690" s="613"/>
      <c r="DGR690" s="613"/>
      <c r="DGS690" s="613"/>
      <c r="DGT690" s="613"/>
      <c r="DGU690" s="613"/>
      <c r="DGV690" s="613"/>
      <c r="DGW690" s="613"/>
      <c r="DGX690" s="613"/>
      <c r="DGY690" s="613"/>
      <c r="DGZ690" s="613"/>
      <c r="DHA690" s="613"/>
      <c r="DHB690" s="613"/>
      <c r="DHC690" s="613"/>
      <c r="DHD690" s="613"/>
      <c r="DHE690" s="613"/>
      <c r="DHF690" s="613"/>
      <c r="DHG690" s="613"/>
      <c r="DHH690" s="613"/>
      <c r="DHI690" s="613"/>
      <c r="DHJ690" s="613"/>
      <c r="DHK690" s="613"/>
      <c r="DHL690" s="613"/>
      <c r="DHM690" s="613"/>
      <c r="DHN690" s="613"/>
      <c r="DHO690" s="613"/>
      <c r="DHP690" s="613"/>
      <c r="DHQ690" s="613"/>
      <c r="DHR690" s="613"/>
      <c r="DHS690" s="613"/>
      <c r="DHT690" s="613"/>
      <c r="DHU690" s="613"/>
      <c r="DHV690" s="613"/>
      <c r="DHW690" s="613"/>
      <c r="DHX690" s="613"/>
      <c r="DHY690" s="613"/>
      <c r="DHZ690" s="613"/>
      <c r="DIA690" s="613"/>
      <c r="DIB690" s="613"/>
      <c r="DIC690" s="613"/>
      <c r="DID690" s="613"/>
      <c r="DIE690" s="613"/>
      <c r="DIF690" s="613"/>
      <c r="DIG690" s="613"/>
      <c r="DIH690" s="613"/>
      <c r="DII690" s="613"/>
      <c r="DIJ690" s="613"/>
      <c r="DIK690" s="613"/>
      <c r="DIL690" s="613"/>
      <c r="DIM690" s="613"/>
      <c r="DIN690" s="613"/>
      <c r="DIO690" s="613"/>
      <c r="DIP690" s="613"/>
      <c r="DIQ690" s="613"/>
      <c r="DIR690" s="613"/>
      <c r="DIS690" s="613"/>
      <c r="DIT690" s="613"/>
      <c r="DIU690" s="613"/>
      <c r="DIV690" s="613"/>
      <c r="DIW690" s="613"/>
      <c r="DIX690" s="613"/>
      <c r="DIY690" s="613"/>
      <c r="DIZ690" s="613"/>
      <c r="DJA690" s="613"/>
      <c r="DJB690" s="613"/>
      <c r="DJC690" s="613"/>
      <c r="DJD690" s="613"/>
      <c r="DJE690" s="613"/>
      <c r="DJF690" s="613"/>
      <c r="DJG690" s="613"/>
      <c r="DJH690" s="613"/>
      <c r="DJI690" s="613"/>
      <c r="DJJ690" s="613"/>
      <c r="DJK690" s="613"/>
      <c r="DJL690" s="613"/>
      <c r="DJM690" s="613"/>
      <c r="DJN690" s="613"/>
      <c r="DJO690" s="613"/>
      <c r="DJP690" s="613"/>
      <c r="DJQ690" s="613"/>
      <c r="DJR690" s="613"/>
      <c r="DJS690" s="613"/>
      <c r="DJT690" s="613"/>
      <c r="DJU690" s="613"/>
      <c r="DJV690" s="613"/>
      <c r="DJW690" s="613"/>
      <c r="DJX690" s="613"/>
      <c r="DJY690" s="613"/>
      <c r="DJZ690" s="613"/>
      <c r="DKA690" s="613"/>
      <c r="DKB690" s="613"/>
      <c r="DKC690" s="613"/>
      <c r="DKD690" s="613"/>
      <c r="DKE690" s="613"/>
      <c r="DKF690" s="613"/>
      <c r="DKG690" s="613"/>
      <c r="DKH690" s="613"/>
      <c r="DKI690" s="613"/>
      <c r="DKJ690" s="613"/>
      <c r="DKK690" s="613"/>
      <c r="DKL690" s="613"/>
      <c r="DKM690" s="613"/>
      <c r="DKN690" s="613"/>
      <c r="DKO690" s="613"/>
      <c r="DKP690" s="613"/>
      <c r="DKQ690" s="613"/>
      <c r="DKR690" s="613"/>
      <c r="DKS690" s="613"/>
      <c r="DKT690" s="613"/>
      <c r="DKU690" s="613"/>
      <c r="DKV690" s="613"/>
      <c r="DKW690" s="613"/>
      <c r="DKX690" s="613"/>
      <c r="DKY690" s="613"/>
      <c r="DKZ690" s="613"/>
      <c r="DLA690" s="613"/>
      <c r="DLB690" s="613"/>
      <c r="DLC690" s="613"/>
      <c r="DLD690" s="613"/>
      <c r="DLE690" s="613"/>
      <c r="DLF690" s="613"/>
      <c r="DLG690" s="613"/>
      <c r="DLH690" s="613"/>
      <c r="DLI690" s="613"/>
      <c r="DLJ690" s="613"/>
      <c r="DLK690" s="613"/>
      <c r="DLL690" s="613"/>
      <c r="DLM690" s="613"/>
      <c r="DLN690" s="613"/>
      <c r="DLO690" s="613"/>
      <c r="DLP690" s="613"/>
      <c r="DLQ690" s="613"/>
      <c r="DLR690" s="613"/>
      <c r="DLS690" s="613"/>
      <c r="DLT690" s="613"/>
      <c r="DLU690" s="613"/>
      <c r="DLV690" s="613"/>
      <c r="DLW690" s="613"/>
      <c r="DLX690" s="613"/>
      <c r="DLY690" s="613"/>
      <c r="DLZ690" s="613"/>
      <c r="DMA690" s="613"/>
      <c r="DMB690" s="613"/>
      <c r="DMC690" s="613"/>
      <c r="DMD690" s="613"/>
      <c r="DME690" s="613"/>
      <c r="DMF690" s="613"/>
      <c r="DMG690" s="613"/>
      <c r="DMH690" s="613"/>
      <c r="DMI690" s="613"/>
      <c r="DMJ690" s="613"/>
      <c r="DMK690" s="613"/>
      <c r="DML690" s="613"/>
      <c r="DMM690" s="613"/>
      <c r="DMN690" s="613"/>
      <c r="DMO690" s="613"/>
      <c r="DMP690" s="613"/>
      <c r="DMQ690" s="613"/>
      <c r="DMR690" s="613"/>
      <c r="DMS690" s="613"/>
      <c r="DMT690" s="613"/>
      <c r="DMU690" s="613"/>
      <c r="DMV690" s="613"/>
      <c r="DMW690" s="613"/>
      <c r="DMX690" s="613"/>
      <c r="DMY690" s="613"/>
      <c r="DMZ690" s="613"/>
      <c r="DNA690" s="613"/>
      <c r="DNB690" s="613"/>
      <c r="DNC690" s="613"/>
      <c r="DND690" s="613"/>
      <c r="DNE690" s="613"/>
      <c r="DNF690" s="613"/>
      <c r="DNG690" s="613"/>
      <c r="DNH690" s="613"/>
      <c r="DNI690" s="613"/>
      <c r="DNJ690" s="613"/>
      <c r="DNK690" s="613"/>
      <c r="DNL690" s="613"/>
      <c r="DNM690" s="613"/>
      <c r="DNN690" s="613"/>
      <c r="DNO690" s="613"/>
      <c r="DNP690" s="613"/>
      <c r="DNQ690" s="613"/>
      <c r="DNR690" s="613"/>
      <c r="DNS690" s="613"/>
      <c r="DNT690" s="613"/>
      <c r="DNU690" s="613"/>
      <c r="DNV690" s="613"/>
      <c r="DNW690" s="613"/>
      <c r="DNX690" s="613"/>
      <c r="DNY690" s="613"/>
      <c r="DNZ690" s="613"/>
      <c r="DOA690" s="613"/>
      <c r="DOB690" s="613"/>
      <c r="DOC690" s="613"/>
      <c r="DOD690" s="613"/>
      <c r="DOE690" s="613"/>
      <c r="DOF690" s="613"/>
      <c r="DOG690" s="613"/>
      <c r="DOH690" s="613"/>
      <c r="DOI690" s="613"/>
      <c r="DOJ690" s="613"/>
      <c r="DOK690" s="613"/>
      <c r="DOL690" s="613"/>
      <c r="DOM690" s="613"/>
      <c r="DON690" s="613"/>
      <c r="DOO690" s="613"/>
      <c r="DOP690" s="613"/>
      <c r="DOQ690" s="613"/>
      <c r="DOR690" s="613"/>
      <c r="DOS690" s="613"/>
      <c r="DOT690" s="613"/>
      <c r="DOU690" s="613"/>
      <c r="DOV690" s="613"/>
      <c r="DOW690" s="613"/>
      <c r="DOX690" s="613"/>
      <c r="DOY690" s="613"/>
      <c r="DOZ690" s="613"/>
      <c r="DPA690" s="613"/>
      <c r="DPB690" s="613"/>
      <c r="DPC690" s="613"/>
      <c r="DPD690" s="613"/>
      <c r="DPE690" s="613"/>
      <c r="DPF690" s="613"/>
      <c r="DPG690" s="613"/>
      <c r="DPH690" s="613"/>
      <c r="DPI690" s="613"/>
      <c r="DPJ690" s="613"/>
      <c r="DPK690" s="613"/>
      <c r="DPL690" s="613"/>
      <c r="DPM690" s="613"/>
      <c r="DPN690" s="613"/>
      <c r="DPO690" s="613"/>
      <c r="DPP690" s="613"/>
      <c r="DPQ690" s="613"/>
      <c r="DPR690" s="613"/>
      <c r="DPS690" s="613"/>
      <c r="DPT690" s="613"/>
      <c r="DPU690" s="613"/>
      <c r="DPV690" s="613"/>
      <c r="DPW690" s="613"/>
      <c r="DPX690" s="613"/>
      <c r="DPY690" s="613"/>
      <c r="DPZ690" s="613"/>
      <c r="DQA690" s="613"/>
      <c r="DQB690" s="613"/>
      <c r="DQC690" s="613"/>
      <c r="DQD690" s="613"/>
      <c r="DQE690" s="613"/>
      <c r="DQF690" s="613"/>
      <c r="DQG690" s="613"/>
      <c r="DQH690" s="613"/>
      <c r="DQI690" s="613"/>
      <c r="DQJ690" s="613"/>
      <c r="DQK690" s="613"/>
      <c r="DQL690" s="613"/>
      <c r="DQM690" s="613"/>
      <c r="DQN690" s="613"/>
      <c r="DQO690" s="613"/>
      <c r="DQP690" s="613"/>
      <c r="DQQ690" s="613"/>
      <c r="DQR690" s="613"/>
      <c r="DQS690" s="613"/>
      <c r="DQT690" s="613"/>
      <c r="DQU690" s="613"/>
      <c r="DQV690" s="613"/>
      <c r="DQW690" s="613"/>
      <c r="DQX690" s="613"/>
      <c r="DQY690" s="613"/>
      <c r="DQZ690" s="613"/>
      <c r="DRA690" s="613"/>
      <c r="DRB690" s="613"/>
      <c r="DRC690" s="613"/>
      <c r="DRD690" s="613"/>
      <c r="DRE690" s="613"/>
      <c r="DRF690" s="613"/>
      <c r="DRG690" s="613"/>
      <c r="DRH690" s="613"/>
      <c r="DRI690" s="613"/>
      <c r="DRJ690" s="613"/>
      <c r="DRK690" s="613"/>
      <c r="DRL690" s="613"/>
      <c r="DRM690" s="613"/>
      <c r="DRN690" s="613"/>
      <c r="DRO690" s="613"/>
      <c r="DRP690" s="613"/>
      <c r="DRQ690" s="613"/>
      <c r="DRR690" s="613"/>
      <c r="DRS690" s="613"/>
      <c r="DRT690" s="613"/>
      <c r="DRU690" s="613"/>
      <c r="DRV690" s="613"/>
      <c r="DRW690" s="613"/>
      <c r="DRX690" s="613"/>
      <c r="DRY690" s="613"/>
      <c r="DRZ690" s="613"/>
      <c r="DSA690" s="613"/>
      <c r="DSB690" s="613"/>
      <c r="DSC690" s="613"/>
      <c r="DSD690" s="613"/>
      <c r="DSE690" s="613"/>
      <c r="DSF690" s="613"/>
      <c r="DSG690" s="613"/>
      <c r="DSH690" s="613"/>
      <c r="DSI690" s="613"/>
      <c r="DSJ690" s="613"/>
      <c r="DSK690" s="613"/>
      <c r="DSL690" s="613"/>
      <c r="DSM690" s="613"/>
      <c r="DSN690" s="613"/>
      <c r="DSO690" s="613"/>
      <c r="DSP690" s="613"/>
      <c r="DSQ690" s="613"/>
      <c r="DSR690" s="613"/>
      <c r="DSS690" s="613"/>
      <c r="DST690" s="613"/>
      <c r="DSU690" s="613"/>
      <c r="DSV690" s="613"/>
      <c r="DSW690" s="613"/>
      <c r="DSX690" s="613"/>
      <c r="DSY690" s="613"/>
      <c r="DSZ690" s="613"/>
      <c r="DTA690" s="613"/>
      <c r="DTB690" s="613"/>
      <c r="DTC690" s="613"/>
      <c r="DTD690" s="613"/>
      <c r="DTE690" s="613"/>
      <c r="DTF690" s="613"/>
      <c r="DTG690" s="613"/>
      <c r="DTH690" s="613"/>
      <c r="DTI690" s="613"/>
      <c r="DTJ690" s="613"/>
      <c r="DTK690" s="613"/>
      <c r="DTL690" s="613"/>
      <c r="DTM690" s="613"/>
      <c r="DTN690" s="613"/>
      <c r="DTO690" s="613"/>
      <c r="DTP690" s="613"/>
      <c r="DTQ690" s="613"/>
      <c r="DTR690" s="613"/>
      <c r="DTS690" s="613"/>
      <c r="DTT690" s="613"/>
      <c r="DTU690" s="613"/>
      <c r="DTV690" s="613"/>
      <c r="DTW690" s="613"/>
      <c r="DTX690" s="613"/>
      <c r="DTY690" s="613"/>
      <c r="DTZ690" s="613"/>
      <c r="DUA690" s="613"/>
      <c r="DUB690" s="613"/>
      <c r="DUC690" s="613"/>
      <c r="DUD690" s="613"/>
      <c r="DUE690" s="613"/>
      <c r="DUF690" s="613"/>
      <c r="DUG690" s="613"/>
      <c r="DUH690" s="613"/>
      <c r="DUI690" s="613"/>
      <c r="DUJ690" s="613"/>
      <c r="DUK690" s="613"/>
      <c r="DUL690" s="613"/>
      <c r="DUM690" s="613"/>
      <c r="DUN690" s="613"/>
      <c r="DUO690" s="613"/>
      <c r="DUP690" s="613"/>
      <c r="DUQ690" s="613"/>
      <c r="DUR690" s="613"/>
      <c r="DUS690" s="613"/>
      <c r="DUT690" s="613"/>
      <c r="DUU690" s="613"/>
      <c r="DUV690" s="613"/>
      <c r="DUW690" s="613"/>
      <c r="DUX690" s="613"/>
      <c r="DUY690" s="613"/>
      <c r="DUZ690" s="613"/>
      <c r="DVA690" s="613"/>
      <c r="DVB690" s="613"/>
      <c r="DVC690" s="613"/>
      <c r="DVD690" s="613"/>
      <c r="DVE690" s="613"/>
      <c r="DVF690" s="613"/>
      <c r="DVG690" s="613"/>
      <c r="DVH690" s="613"/>
      <c r="DVI690" s="613"/>
      <c r="DVJ690" s="613"/>
      <c r="DVK690" s="613"/>
      <c r="DVL690" s="613"/>
      <c r="DVM690" s="613"/>
      <c r="DVN690" s="613"/>
      <c r="DVO690" s="613"/>
      <c r="DVP690" s="613"/>
      <c r="DVQ690" s="613"/>
      <c r="DVR690" s="613"/>
      <c r="DVS690" s="613"/>
      <c r="DVT690" s="613"/>
      <c r="DVU690" s="613"/>
      <c r="DVV690" s="613"/>
      <c r="DVW690" s="613"/>
      <c r="DVX690" s="613"/>
      <c r="DVY690" s="613"/>
      <c r="DVZ690" s="613"/>
      <c r="DWA690" s="613"/>
      <c r="DWB690" s="613"/>
      <c r="DWC690" s="613"/>
      <c r="DWD690" s="613"/>
      <c r="DWE690" s="613"/>
      <c r="DWF690" s="613"/>
      <c r="DWG690" s="613"/>
      <c r="DWH690" s="613"/>
      <c r="DWI690" s="613"/>
      <c r="DWJ690" s="613"/>
      <c r="DWK690" s="613"/>
      <c r="DWL690" s="613"/>
      <c r="DWM690" s="613"/>
      <c r="DWN690" s="613"/>
      <c r="DWO690" s="613"/>
      <c r="DWP690" s="613"/>
      <c r="DWQ690" s="613"/>
      <c r="DWR690" s="613"/>
      <c r="DWS690" s="613"/>
      <c r="DWT690" s="613"/>
      <c r="DWU690" s="613"/>
      <c r="DWV690" s="613"/>
      <c r="DWW690" s="613"/>
      <c r="DWX690" s="613"/>
      <c r="DWY690" s="613"/>
      <c r="DWZ690" s="613"/>
      <c r="DXA690" s="613"/>
      <c r="DXB690" s="613"/>
      <c r="DXC690" s="613"/>
      <c r="DXD690" s="613"/>
      <c r="DXE690" s="613"/>
      <c r="DXF690" s="613"/>
      <c r="DXG690" s="613"/>
      <c r="DXH690" s="613"/>
      <c r="DXI690" s="613"/>
      <c r="DXJ690" s="613"/>
      <c r="DXK690" s="613"/>
      <c r="DXL690" s="613"/>
      <c r="DXM690" s="613"/>
      <c r="DXN690" s="613"/>
      <c r="DXO690" s="613"/>
      <c r="DXP690" s="613"/>
      <c r="DXQ690" s="613"/>
      <c r="DXR690" s="613"/>
      <c r="DXS690" s="613"/>
      <c r="DXT690" s="613"/>
      <c r="DXU690" s="613"/>
      <c r="DXV690" s="613"/>
      <c r="DXW690" s="613"/>
      <c r="DXX690" s="613"/>
      <c r="DXY690" s="613"/>
      <c r="DXZ690" s="613"/>
      <c r="DYA690" s="613"/>
      <c r="DYB690" s="613"/>
      <c r="DYC690" s="613"/>
      <c r="DYD690" s="613"/>
      <c r="DYE690" s="613"/>
      <c r="DYF690" s="613"/>
      <c r="DYG690" s="613"/>
      <c r="DYH690" s="613"/>
      <c r="DYI690" s="613"/>
      <c r="DYJ690" s="613"/>
      <c r="DYK690" s="613"/>
      <c r="DYL690" s="613"/>
      <c r="DYM690" s="613"/>
      <c r="DYN690" s="613"/>
      <c r="DYO690" s="613"/>
      <c r="DYP690" s="613"/>
      <c r="DYQ690" s="613"/>
      <c r="DYR690" s="613"/>
      <c r="DYS690" s="613"/>
      <c r="DYT690" s="613"/>
      <c r="DYU690" s="613"/>
      <c r="DYV690" s="613"/>
      <c r="DYW690" s="613"/>
      <c r="DYX690" s="613"/>
      <c r="DYY690" s="613"/>
      <c r="DYZ690" s="613"/>
      <c r="DZA690" s="613"/>
      <c r="DZB690" s="613"/>
      <c r="DZC690" s="613"/>
      <c r="DZD690" s="613"/>
      <c r="DZE690" s="613"/>
      <c r="DZF690" s="613"/>
      <c r="DZG690" s="613"/>
      <c r="DZH690" s="613"/>
      <c r="DZI690" s="613"/>
      <c r="DZJ690" s="613"/>
      <c r="DZK690" s="613"/>
      <c r="DZL690" s="613"/>
      <c r="DZM690" s="613"/>
      <c r="DZN690" s="613"/>
      <c r="DZO690" s="613"/>
      <c r="DZP690" s="613"/>
      <c r="DZQ690" s="613"/>
      <c r="DZR690" s="613"/>
      <c r="DZS690" s="613"/>
      <c r="DZT690" s="613"/>
      <c r="DZU690" s="613"/>
      <c r="DZV690" s="613"/>
      <c r="DZW690" s="613"/>
      <c r="DZX690" s="613"/>
      <c r="DZY690" s="613"/>
      <c r="DZZ690" s="613"/>
      <c r="EAA690" s="613"/>
      <c r="EAB690" s="613"/>
      <c r="EAC690" s="613"/>
      <c r="EAD690" s="613"/>
      <c r="EAE690" s="613"/>
      <c r="EAF690" s="613"/>
      <c r="EAG690" s="613"/>
      <c r="EAH690" s="613"/>
      <c r="EAI690" s="613"/>
      <c r="EAJ690" s="613"/>
      <c r="EAK690" s="613"/>
      <c r="EAL690" s="613"/>
      <c r="EAM690" s="613"/>
      <c r="EAN690" s="613"/>
      <c r="EAO690" s="613"/>
      <c r="EAP690" s="613"/>
      <c r="EAQ690" s="613"/>
      <c r="EAR690" s="613"/>
      <c r="EAS690" s="613"/>
      <c r="EAT690" s="613"/>
      <c r="EAU690" s="613"/>
      <c r="EAV690" s="613"/>
      <c r="EAW690" s="613"/>
      <c r="EAX690" s="613"/>
      <c r="EAY690" s="613"/>
      <c r="EAZ690" s="613"/>
      <c r="EBA690" s="613"/>
      <c r="EBB690" s="613"/>
      <c r="EBC690" s="613"/>
      <c r="EBD690" s="613"/>
      <c r="EBE690" s="613"/>
      <c r="EBF690" s="613"/>
      <c r="EBG690" s="613"/>
      <c r="EBH690" s="613"/>
      <c r="EBI690" s="613"/>
      <c r="EBJ690" s="613"/>
      <c r="EBK690" s="613"/>
      <c r="EBL690" s="613"/>
      <c r="EBM690" s="613"/>
      <c r="EBN690" s="613"/>
      <c r="EBO690" s="613"/>
      <c r="EBP690" s="613"/>
      <c r="EBQ690" s="613"/>
      <c r="EBR690" s="613"/>
      <c r="EBS690" s="613"/>
      <c r="EBT690" s="613"/>
      <c r="EBU690" s="613"/>
      <c r="EBV690" s="613"/>
      <c r="EBW690" s="613"/>
      <c r="EBX690" s="613"/>
      <c r="EBY690" s="613"/>
      <c r="EBZ690" s="613"/>
      <c r="ECA690" s="613"/>
      <c r="ECB690" s="613"/>
      <c r="ECC690" s="613"/>
      <c r="ECD690" s="613"/>
      <c r="ECE690" s="613"/>
      <c r="ECF690" s="613"/>
      <c r="ECG690" s="613"/>
      <c r="ECH690" s="613"/>
      <c r="ECI690" s="613"/>
      <c r="ECJ690" s="613"/>
      <c r="ECK690" s="613"/>
      <c r="ECL690" s="613"/>
      <c r="ECM690" s="613"/>
      <c r="ECN690" s="613"/>
      <c r="ECO690" s="613"/>
      <c r="ECP690" s="613"/>
      <c r="ECQ690" s="613"/>
      <c r="ECR690" s="613"/>
      <c r="ECS690" s="613"/>
      <c r="ECT690" s="613"/>
      <c r="ECU690" s="613"/>
      <c r="ECV690" s="613"/>
      <c r="ECW690" s="613"/>
      <c r="ECX690" s="613"/>
      <c r="ECY690" s="613"/>
      <c r="ECZ690" s="613"/>
      <c r="EDA690" s="613"/>
      <c r="EDB690" s="613"/>
      <c r="EDC690" s="613"/>
      <c r="EDD690" s="613"/>
      <c r="EDE690" s="613"/>
      <c r="EDF690" s="613"/>
      <c r="EDG690" s="613"/>
      <c r="EDH690" s="613"/>
      <c r="EDI690" s="613"/>
      <c r="EDJ690" s="613"/>
      <c r="EDK690" s="613"/>
      <c r="EDL690" s="613"/>
      <c r="EDM690" s="613"/>
      <c r="EDN690" s="613"/>
      <c r="EDO690" s="613"/>
      <c r="EDP690" s="613"/>
      <c r="EDQ690" s="613"/>
      <c r="EDR690" s="613"/>
      <c r="EDS690" s="613"/>
      <c r="EDT690" s="613"/>
      <c r="EDU690" s="613"/>
      <c r="EDV690" s="613"/>
      <c r="EDW690" s="613"/>
      <c r="EDX690" s="613"/>
      <c r="EDY690" s="613"/>
      <c r="EDZ690" s="613"/>
      <c r="EEA690" s="613"/>
      <c r="EEB690" s="613"/>
      <c r="EEC690" s="613"/>
      <c r="EED690" s="613"/>
      <c r="EEE690" s="613"/>
      <c r="EEF690" s="613"/>
      <c r="EEG690" s="613"/>
      <c r="EEH690" s="613"/>
      <c r="EEI690" s="613"/>
      <c r="EEJ690" s="613"/>
      <c r="EEK690" s="613"/>
      <c r="EEL690" s="613"/>
      <c r="EEM690" s="613"/>
      <c r="EEN690" s="613"/>
      <c r="EEO690" s="613"/>
      <c r="EEP690" s="613"/>
      <c r="EEQ690" s="613"/>
      <c r="EER690" s="613"/>
      <c r="EES690" s="613"/>
      <c r="EET690" s="613"/>
      <c r="EEU690" s="613"/>
      <c r="EEV690" s="613"/>
      <c r="EEW690" s="613"/>
      <c r="EEX690" s="613"/>
      <c r="EEY690" s="613"/>
      <c r="EEZ690" s="613"/>
      <c r="EFA690" s="613"/>
      <c r="EFB690" s="613"/>
      <c r="EFC690" s="613"/>
      <c r="EFD690" s="613"/>
      <c r="EFE690" s="613"/>
      <c r="EFF690" s="613"/>
      <c r="EFG690" s="613"/>
      <c r="EFH690" s="613"/>
      <c r="EFI690" s="613"/>
      <c r="EFJ690" s="613"/>
      <c r="EFK690" s="613"/>
      <c r="EFL690" s="613"/>
      <c r="EFM690" s="613"/>
      <c r="EFN690" s="613"/>
      <c r="EFO690" s="613"/>
      <c r="EFP690" s="613"/>
      <c r="EFQ690" s="613"/>
      <c r="EFR690" s="613"/>
      <c r="EFS690" s="613"/>
      <c r="EFT690" s="613"/>
      <c r="EFU690" s="613"/>
      <c r="EFV690" s="613"/>
      <c r="EFW690" s="613"/>
      <c r="EFX690" s="613"/>
      <c r="EFY690" s="613"/>
      <c r="EFZ690" s="613"/>
      <c r="EGA690" s="613"/>
      <c r="EGB690" s="613"/>
      <c r="EGC690" s="613"/>
      <c r="EGD690" s="613"/>
      <c r="EGE690" s="613"/>
      <c r="EGF690" s="613"/>
      <c r="EGG690" s="613"/>
      <c r="EGH690" s="613"/>
      <c r="EGI690" s="613"/>
      <c r="EGJ690" s="613"/>
      <c r="EGK690" s="613"/>
      <c r="EGL690" s="613"/>
      <c r="EGM690" s="613"/>
      <c r="EGN690" s="613"/>
      <c r="EGO690" s="613"/>
      <c r="EGP690" s="613"/>
      <c r="EGQ690" s="613"/>
      <c r="EGR690" s="613"/>
      <c r="EGS690" s="613"/>
      <c r="EGT690" s="613"/>
      <c r="EGU690" s="613"/>
      <c r="EGV690" s="613"/>
      <c r="EGW690" s="613"/>
      <c r="EGX690" s="613"/>
      <c r="EGY690" s="613"/>
      <c r="EGZ690" s="613"/>
      <c r="EHA690" s="613"/>
      <c r="EHB690" s="613"/>
      <c r="EHC690" s="613"/>
      <c r="EHD690" s="613"/>
      <c r="EHE690" s="613"/>
      <c r="EHF690" s="613"/>
      <c r="EHG690" s="613"/>
      <c r="EHH690" s="613"/>
      <c r="EHI690" s="613"/>
      <c r="EHJ690" s="613"/>
      <c r="EHK690" s="613"/>
      <c r="EHL690" s="613"/>
      <c r="EHM690" s="613"/>
      <c r="EHN690" s="613"/>
      <c r="EHO690" s="613"/>
      <c r="EHP690" s="613"/>
      <c r="EHQ690" s="613"/>
      <c r="EHR690" s="613"/>
      <c r="EHS690" s="613"/>
      <c r="EHT690" s="613"/>
      <c r="EHU690" s="613"/>
      <c r="EHV690" s="613"/>
      <c r="EHW690" s="613"/>
      <c r="EHX690" s="613"/>
      <c r="EHY690" s="613"/>
      <c r="EHZ690" s="613"/>
      <c r="EIA690" s="613"/>
      <c r="EIB690" s="613"/>
      <c r="EIC690" s="613"/>
      <c r="EID690" s="613"/>
      <c r="EIE690" s="613"/>
      <c r="EIF690" s="613"/>
      <c r="EIG690" s="613"/>
      <c r="EIH690" s="613"/>
      <c r="EII690" s="613"/>
      <c r="EIJ690" s="613"/>
      <c r="EIK690" s="613"/>
      <c r="EIL690" s="613"/>
      <c r="EIM690" s="613"/>
      <c r="EIN690" s="613"/>
      <c r="EIO690" s="613"/>
      <c r="EIP690" s="613"/>
      <c r="EIQ690" s="613"/>
      <c r="EIR690" s="613"/>
      <c r="EIS690" s="613"/>
      <c r="EIT690" s="613"/>
      <c r="EIU690" s="613"/>
      <c r="EIV690" s="613"/>
      <c r="EIW690" s="613"/>
      <c r="EIX690" s="613"/>
      <c r="EIY690" s="613"/>
      <c r="EIZ690" s="613"/>
      <c r="EJA690" s="613"/>
      <c r="EJB690" s="613"/>
      <c r="EJC690" s="613"/>
      <c r="EJD690" s="613"/>
      <c r="EJE690" s="613"/>
      <c r="EJF690" s="613"/>
      <c r="EJG690" s="613"/>
      <c r="EJH690" s="613"/>
      <c r="EJI690" s="613"/>
      <c r="EJJ690" s="613"/>
      <c r="EJK690" s="613"/>
      <c r="EJL690" s="613"/>
      <c r="EJM690" s="613"/>
      <c r="EJN690" s="613"/>
      <c r="EJO690" s="613"/>
      <c r="EJP690" s="613"/>
      <c r="EJQ690" s="613"/>
      <c r="EJR690" s="613"/>
      <c r="EJS690" s="613"/>
      <c r="EJT690" s="613"/>
      <c r="EJU690" s="613"/>
      <c r="EJV690" s="613"/>
      <c r="EJW690" s="613"/>
      <c r="EJX690" s="613"/>
      <c r="EJY690" s="613"/>
      <c r="EJZ690" s="613"/>
      <c r="EKA690" s="613"/>
      <c r="EKB690" s="613"/>
      <c r="EKC690" s="613"/>
      <c r="EKD690" s="613"/>
      <c r="EKE690" s="613"/>
      <c r="EKF690" s="613"/>
      <c r="EKG690" s="613"/>
      <c r="EKH690" s="613"/>
      <c r="EKI690" s="613"/>
      <c r="EKJ690" s="613"/>
      <c r="EKK690" s="613"/>
      <c r="EKL690" s="613"/>
      <c r="EKM690" s="613"/>
      <c r="EKN690" s="613"/>
      <c r="EKO690" s="613"/>
      <c r="EKP690" s="613"/>
      <c r="EKQ690" s="613"/>
      <c r="EKR690" s="613"/>
      <c r="EKS690" s="613"/>
      <c r="EKT690" s="613"/>
      <c r="EKU690" s="613"/>
      <c r="EKV690" s="613"/>
      <c r="EKW690" s="613"/>
      <c r="EKX690" s="613"/>
      <c r="EKY690" s="613"/>
      <c r="EKZ690" s="613"/>
      <c r="ELA690" s="613"/>
      <c r="ELB690" s="613"/>
      <c r="ELC690" s="613"/>
      <c r="ELD690" s="613"/>
      <c r="ELE690" s="613"/>
      <c r="ELF690" s="613"/>
      <c r="ELG690" s="613"/>
      <c r="ELH690" s="613"/>
      <c r="ELI690" s="613"/>
      <c r="ELJ690" s="613"/>
      <c r="ELK690" s="613"/>
      <c r="ELL690" s="613"/>
      <c r="ELM690" s="613"/>
      <c r="ELN690" s="613"/>
      <c r="ELO690" s="613"/>
      <c r="ELP690" s="613"/>
      <c r="ELQ690" s="613"/>
      <c r="ELR690" s="613"/>
      <c r="ELS690" s="613"/>
      <c r="ELT690" s="613"/>
      <c r="ELU690" s="613"/>
      <c r="ELV690" s="613"/>
      <c r="ELW690" s="613"/>
      <c r="ELX690" s="613"/>
      <c r="ELY690" s="613"/>
      <c r="ELZ690" s="613"/>
      <c r="EMA690" s="613"/>
      <c r="EMB690" s="613"/>
      <c r="EMC690" s="613"/>
      <c r="EMD690" s="613"/>
      <c r="EME690" s="613"/>
      <c r="EMF690" s="613"/>
      <c r="EMG690" s="613"/>
      <c r="EMH690" s="613"/>
      <c r="EMI690" s="613"/>
      <c r="EMJ690" s="613"/>
      <c r="EMK690" s="613"/>
      <c r="EML690" s="613"/>
      <c r="EMM690" s="613"/>
      <c r="EMN690" s="613"/>
      <c r="EMO690" s="613"/>
      <c r="EMP690" s="613"/>
      <c r="EMQ690" s="613"/>
      <c r="EMR690" s="613"/>
      <c r="EMS690" s="613"/>
      <c r="EMT690" s="613"/>
      <c r="EMU690" s="613"/>
      <c r="EMV690" s="613"/>
      <c r="EMW690" s="613"/>
      <c r="EMX690" s="613"/>
      <c r="EMY690" s="613"/>
      <c r="EMZ690" s="613"/>
      <c r="ENA690" s="613"/>
      <c r="ENB690" s="613"/>
      <c r="ENC690" s="613"/>
      <c r="END690" s="613"/>
      <c r="ENE690" s="613"/>
      <c r="ENF690" s="613"/>
      <c r="ENG690" s="613"/>
      <c r="ENH690" s="613"/>
      <c r="ENI690" s="613"/>
      <c r="ENJ690" s="613"/>
      <c r="ENK690" s="613"/>
      <c r="ENL690" s="613"/>
      <c r="ENM690" s="613"/>
      <c r="ENN690" s="613"/>
      <c r="ENO690" s="613"/>
      <c r="ENP690" s="613"/>
      <c r="ENQ690" s="613"/>
      <c r="ENR690" s="613"/>
      <c r="ENS690" s="613"/>
      <c r="ENT690" s="613"/>
      <c r="ENU690" s="613"/>
      <c r="ENV690" s="613"/>
      <c r="ENW690" s="613"/>
      <c r="ENX690" s="613"/>
      <c r="ENY690" s="613"/>
      <c r="ENZ690" s="613"/>
      <c r="EOA690" s="613"/>
      <c r="EOB690" s="613"/>
      <c r="EOC690" s="613"/>
      <c r="EOD690" s="613"/>
      <c r="EOE690" s="613"/>
      <c r="EOF690" s="613"/>
      <c r="EOG690" s="613"/>
      <c r="EOH690" s="613"/>
      <c r="EOI690" s="613"/>
      <c r="EOJ690" s="613"/>
      <c r="EOK690" s="613"/>
      <c r="EOL690" s="613"/>
      <c r="EOM690" s="613"/>
      <c r="EON690" s="613"/>
      <c r="EOO690" s="613"/>
      <c r="EOP690" s="613"/>
      <c r="EOQ690" s="613"/>
      <c r="EOR690" s="613"/>
      <c r="EOS690" s="613"/>
      <c r="EOT690" s="613"/>
      <c r="EOU690" s="613"/>
      <c r="EOV690" s="613"/>
      <c r="EOW690" s="613"/>
      <c r="EOX690" s="613"/>
      <c r="EOY690" s="613"/>
      <c r="EOZ690" s="613"/>
      <c r="EPA690" s="613"/>
      <c r="EPB690" s="613"/>
      <c r="EPC690" s="613"/>
      <c r="EPD690" s="613"/>
      <c r="EPE690" s="613"/>
      <c r="EPF690" s="613"/>
      <c r="EPG690" s="613"/>
      <c r="EPH690" s="613"/>
      <c r="EPI690" s="613"/>
      <c r="EPJ690" s="613"/>
      <c r="EPK690" s="613"/>
      <c r="EPL690" s="613"/>
      <c r="EPM690" s="613"/>
      <c r="EPN690" s="613"/>
      <c r="EPO690" s="613"/>
      <c r="EPP690" s="613"/>
      <c r="EPQ690" s="613"/>
      <c r="EPR690" s="613"/>
      <c r="EPS690" s="613"/>
      <c r="EPT690" s="613"/>
      <c r="EPU690" s="613"/>
      <c r="EPV690" s="613"/>
      <c r="EPW690" s="613"/>
      <c r="EPX690" s="613"/>
      <c r="EPY690" s="613"/>
      <c r="EPZ690" s="613"/>
      <c r="EQA690" s="613"/>
      <c r="EQB690" s="613"/>
      <c r="EQC690" s="613"/>
      <c r="EQD690" s="613"/>
      <c r="EQE690" s="613"/>
      <c r="EQF690" s="613"/>
      <c r="EQG690" s="613"/>
      <c r="EQH690" s="613"/>
      <c r="EQI690" s="613"/>
      <c r="EQJ690" s="613"/>
      <c r="EQK690" s="613"/>
      <c r="EQL690" s="613"/>
      <c r="EQM690" s="613"/>
      <c r="EQN690" s="613"/>
      <c r="EQO690" s="613"/>
      <c r="EQP690" s="613"/>
      <c r="EQQ690" s="613"/>
      <c r="EQR690" s="613"/>
      <c r="EQS690" s="613"/>
      <c r="EQT690" s="613"/>
      <c r="EQU690" s="613"/>
      <c r="EQV690" s="613"/>
      <c r="EQW690" s="613"/>
      <c r="EQX690" s="613"/>
      <c r="EQY690" s="613"/>
      <c r="EQZ690" s="613"/>
      <c r="ERA690" s="613"/>
      <c r="ERB690" s="613"/>
      <c r="ERC690" s="613"/>
      <c r="ERD690" s="613"/>
      <c r="ERE690" s="613"/>
      <c r="ERF690" s="613"/>
      <c r="ERG690" s="613"/>
      <c r="ERH690" s="613"/>
      <c r="ERI690" s="613"/>
      <c r="ERJ690" s="613"/>
      <c r="ERK690" s="613"/>
      <c r="ERL690" s="613"/>
      <c r="ERM690" s="613"/>
      <c r="ERN690" s="613"/>
      <c r="ERO690" s="613"/>
      <c r="ERP690" s="613"/>
      <c r="ERQ690" s="613"/>
      <c r="ERR690" s="613"/>
      <c r="ERS690" s="613"/>
      <c r="ERT690" s="613"/>
      <c r="ERU690" s="613"/>
      <c r="ERV690" s="613"/>
      <c r="ERW690" s="613"/>
      <c r="ERX690" s="613"/>
      <c r="ERY690" s="613"/>
      <c r="ERZ690" s="613"/>
      <c r="ESA690" s="613"/>
      <c r="ESB690" s="613"/>
      <c r="ESC690" s="613"/>
      <c r="ESD690" s="613"/>
      <c r="ESE690" s="613"/>
      <c r="ESF690" s="613"/>
      <c r="ESG690" s="613"/>
      <c r="ESH690" s="613"/>
      <c r="ESI690" s="613"/>
      <c r="ESJ690" s="613"/>
      <c r="ESK690" s="613"/>
      <c r="ESL690" s="613"/>
      <c r="ESM690" s="613"/>
      <c r="ESN690" s="613"/>
      <c r="ESO690" s="613"/>
      <c r="ESP690" s="613"/>
      <c r="ESQ690" s="613"/>
      <c r="ESR690" s="613"/>
      <c r="ESS690" s="613"/>
      <c r="EST690" s="613"/>
      <c r="ESU690" s="613"/>
      <c r="ESV690" s="613"/>
      <c r="ESW690" s="613"/>
      <c r="ESX690" s="613"/>
      <c r="ESY690" s="613"/>
      <c r="ESZ690" s="613"/>
      <c r="ETA690" s="613"/>
      <c r="ETB690" s="613"/>
      <c r="ETC690" s="613"/>
      <c r="ETD690" s="613"/>
      <c r="ETE690" s="613"/>
      <c r="ETF690" s="613"/>
      <c r="ETG690" s="613"/>
      <c r="ETH690" s="613"/>
      <c r="ETI690" s="613"/>
      <c r="ETJ690" s="613"/>
      <c r="ETK690" s="613"/>
      <c r="ETL690" s="613"/>
      <c r="ETM690" s="613"/>
      <c r="ETN690" s="613"/>
      <c r="ETO690" s="613"/>
      <c r="ETP690" s="613"/>
      <c r="ETQ690" s="613"/>
      <c r="ETR690" s="613"/>
      <c r="ETS690" s="613"/>
      <c r="ETT690" s="613"/>
      <c r="ETU690" s="613"/>
      <c r="ETV690" s="613"/>
      <c r="ETW690" s="613"/>
      <c r="ETX690" s="613"/>
      <c r="ETY690" s="613"/>
      <c r="ETZ690" s="613"/>
      <c r="EUA690" s="613"/>
      <c r="EUB690" s="613"/>
      <c r="EUC690" s="613"/>
      <c r="EUD690" s="613"/>
      <c r="EUE690" s="613"/>
      <c r="EUF690" s="613"/>
      <c r="EUG690" s="613"/>
      <c r="EUH690" s="613"/>
      <c r="EUI690" s="613"/>
      <c r="EUJ690" s="613"/>
      <c r="EUK690" s="613"/>
      <c r="EUL690" s="613"/>
      <c r="EUM690" s="613"/>
      <c r="EUN690" s="613"/>
      <c r="EUO690" s="613"/>
      <c r="EUP690" s="613"/>
      <c r="EUQ690" s="613"/>
      <c r="EUR690" s="613"/>
      <c r="EUS690" s="613"/>
      <c r="EUT690" s="613"/>
      <c r="EUU690" s="613"/>
      <c r="EUV690" s="613"/>
      <c r="EUW690" s="613"/>
      <c r="EUX690" s="613"/>
      <c r="EUY690" s="613"/>
      <c r="EUZ690" s="613"/>
      <c r="EVA690" s="613"/>
      <c r="EVB690" s="613"/>
      <c r="EVC690" s="613"/>
      <c r="EVD690" s="613"/>
      <c r="EVE690" s="613"/>
      <c r="EVF690" s="613"/>
      <c r="EVG690" s="613"/>
      <c r="EVH690" s="613"/>
      <c r="EVI690" s="613"/>
      <c r="EVJ690" s="613"/>
      <c r="EVK690" s="613"/>
      <c r="EVL690" s="613"/>
      <c r="EVM690" s="613"/>
      <c r="EVN690" s="613"/>
      <c r="EVO690" s="613"/>
      <c r="EVP690" s="613"/>
      <c r="EVQ690" s="613"/>
      <c r="EVR690" s="613"/>
      <c r="EVS690" s="613"/>
      <c r="EVT690" s="613"/>
      <c r="EVU690" s="613"/>
      <c r="EVV690" s="613"/>
      <c r="EVW690" s="613"/>
      <c r="EVX690" s="613"/>
      <c r="EVY690" s="613"/>
      <c r="EVZ690" s="613"/>
      <c r="EWA690" s="613"/>
      <c r="EWB690" s="613"/>
      <c r="EWC690" s="613"/>
      <c r="EWD690" s="613"/>
      <c r="EWE690" s="613"/>
      <c r="EWF690" s="613"/>
      <c r="EWG690" s="613"/>
      <c r="EWH690" s="613"/>
      <c r="EWI690" s="613"/>
      <c r="EWJ690" s="613"/>
      <c r="EWK690" s="613"/>
      <c r="EWL690" s="613"/>
      <c r="EWM690" s="613"/>
      <c r="EWN690" s="613"/>
      <c r="EWO690" s="613"/>
      <c r="EWP690" s="613"/>
      <c r="EWQ690" s="613"/>
      <c r="EWR690" s="613"/>
      <c r="EWS690" s="613"/>
      <c r="EWT690" s="613"/>
      <c r="EWU690" s="613"/>
      <c r="EWV690" s="613"/>
      <c r="EWW690" s="613"/>
      <c r="EWX690" s="613"/>
      <c r="EWY690" s="613"/>
      <c r="EWZ690" s="613"/>
      <c r="EXA690" s="613"/>
      <c r="EXB690" s="613"/>
      <c r="EXC690" s="613"/>
      <c r="EXD690" s="613"/>
      <c r="EXE690" s="613"/>
      <c r="EXF690" s="613"/>
      <c r="EXG690" s="613"/>
      <c r="EXH690" s="613"/>
      <c r="EXI690" s="613"/>
      <c r="EXJ690" s="613"/>
      <c r="EXK690" s="613"/>
      <c r="EXL690" s="613"/>
      <c r="EXM690" s="613"/>
      <c r="EXN690" s="613"/>
      <c r="EXO690" s="613"/>
      <c r="EXP690" s="613"/>
      <c r="EXQ690" s="613"/>
      <c r="EXR690" s="613"/>
      <c r="EXS690" s="613"/>
      <c r="EXT690" s="613"/>
      <c r="EXU690" s="613"/>
      <c r="EXV690" s="613"/>
      <c r="EXW690" s="613"/>
      <c r="EXX690" s="613"/>
      <c r="EXY690" s="613"/>
      <c r="EXZ690" s="613"/>
      <c r="EYA690" s="613"/>
      <c r="EYB690" s="613"/>
      <c r="EYC690" s="613"/>
      <c r="EYD690" s="613"/>
      <c r="EYE690" s="613"/>
      <c r="EYF690" s="613"/>
      <c r="EYG690" s="613"/>
      <c r="EYH690" s="613"/>
      <c r="EYI690" s="613"/>
      <c r="EYJ690" s="613"/>
      <c r="EYK690" s="613"/>
      <c r="EYL690" s="613"/>
      <c r="EYM690" s="613"/>
      <c r="EYN690" s="613"/>
      <c r="EYO690" s="613"/>
      <c r="EYP690" s="613"/>
      <c r="EYQ690" s="613"/>
      <c r="EYR690" s="613"/>
      <c r="EYS690" s="613"/>
      <c r="EYT690" s="613"/>
      <c r="EYU690" s="613"/>
      <c r="EYV690" s="613"/>
      <c r="EYW690" s="613"/>
      <c r="EYX690" s="613"/>
      <c r="EYY690" s="613"/>
      <c r="EYZ690" s="613"/>
      <c r="EZA690" s="613"/>
      <c r="EZB690" s="613"/>
      <c r="EZC690" s="613"/>
      <c r="EZD690" s="613"/>
      <c r="EZE690" s="613"/>
      <c r="EZF690" s="613"/>
      <c r="EZG690" s="613"/>
      <c r="EZH690" s="613"/>
      <c r="EZI690" s="613"/>
      <c r="EZJ690" s="613"/>
      <c r="EZK690" s="613"/>
      <c r="EZL690" s="613"/>
      <c r="EZM690" s="613"/>
      <c r="EZN690" s="613"/>
      <c r="EZO690" s="613"/>
      <c r="EZP690" s="613"/>
      <c r="EZQ690" s="613"/>
      <c r="EZR690" s="613"/>
      <c r="EZS690" s="613"/>
      <c r="EZT690" s="613"/>
      <c r="EZU690" s="613"/>
      <c r="EZV690" s="613"/>
      <c r="EZW690" s="613"/>
      <c r="EZX690" s="613"/>
      <c r="EZY690" s="613"/>
      <c r="EZZ690" s="613"/>
      <c r="FAA690" s="613"/>
      <c r="FAB690" s="613"/>
      <c r="FAC690" s="613"/>
      <c r="FAD690" s="613"/>
      <c r="FAE690" s="613"/>
      <c r="FAF690" s="613"/>
      <c r="FAG690" s="613"/>
      <c r="FAH690" s="613"/>
      <c r="FAI690" s="613"/>
      <c r="FAJ690" s="613"/>
      <c r="FAK690" s="613"/>
      <c r="FAL690" s="613"/>
      <c r="FAM690" s="613"/>
      <c r="FAN690" s="613"/>
      <c r="FAO690" s="613"/>
      <c r="FAP690" s="613"/>
      <c r="FAQ690" s="613"/>
      <c r="FAR690" s="613"/>
      <c r="FAS690" s="613"/>
      <c r="FAT690" s="613"/>
      <c r="FAU690" s="613"/>
      <c r="FAV690" s="613"/>
      <c r="FAW690" s="613"/>
      <c r="FAX690" s="613"/>
      <c r="FAY690" s="613"/>
      <c r="FAZ690" s="613"/>
      <c r="FBA690" s="613"/>
      <c r="FBB690" s="613"/>
      <c r="FBC690" s="613"/>
      <c r="FBD690" s="613"/>
      <c r="FBE690" s="613"/>
      <c r="FBF690" s="613"/>
      <c r="FBG690" s="613"/>
      <c r="FBH690" s="613"/>
      <c r="FBI690" s="613"/>
      <c r="FBJ690" s="613"/>
      <c r="FBK690" s="613"/>
      <c r="FBL690" s="613"/>
      <c r="FBM690" s="613"/>
      <c r="FBN690" s="613"/>
      <c r="FBO690" s="613"/>
      <c r="FBP690" s="613"/>
      <c r="FBQ690" s="613"/>
      <c r="FBR690" s="613"/>
      <c r="FBS690" s="613"/>
      <c r="FBT690" s="613"/>
      <c r="FBU690" s="613"/>
      <c r="FBV690" s="613"/>
      <c r="FBW690" s="613"/>
      <c r="FBX690" s="613"/>
      <c r="FBY690" s="613"/>
      <c r="FBZ690" s="613"/>
      <c r="FCA690" s="613"/>
      <c r="FCB690" s="613"/>
      <c r="FCC690" s="613"/>
      <c r="FCD690" s="613"/>
      <c r="FCE690" s="613"/>
      <c r="FCF690" s="613"/>
      <c r="FCG690" s="613"/>
      <c r="FCH690" s="613"/>
      <c r="FCI690" s="613"/>
      <c r="FCJ690" s="613"/>
      <c r="FCK690" s="613"/>
      <c r="FCL690" s="613"/>
      <c r="FCM690" s="613"/>
      <c r="FCN690" s="613"/>
      <c r="FCO690" s="613"/>
      <c r="FCP690" s="613"/>
      <c r="FCQ690" s="613"/>
      <c r="FCR690" s="613"/>
      <c r="FCS690" s="613"/>
      <c r="FCT690" s="613"/>
      <c r="FCU690" s="613"/>
      <c r="FCV690" s="613"/>
      <c r="FCW690" s="613"/>
      <c r="FCX690" s="613"/>
      <c r="FCY690" s="613"/>
      <c r="FCZ690" s="613"/>
      <c r="FDA690" s="613"/>
      <c r="FDB690" s="613"/>
      <c r="FDC690" s="613"/>
      <c r="FDD690" s="613"/>
      <c r="FDE690" s="613"/>
      <c r="FDF690" s="613"/>
      <c r="FDG690" s="613"/>
      <c r="FDH690" s="613"/>
      <c r="FDI690" s="613"/>
      <c r="FDJ690" s="613"/>
      <c r="FDK690" s="613"/>
      <c r="FDL690" s="613"/>
      <c r="FDM690" s="613"/>
      <c r="FDN690" s="613"/>
      <c r="FDO690" s="613"/>
      <c r="FDP690" s="613"/>
      <c r="FDQ690" s="613"/>
      <c r="FDR690" s="613"/>
      <c r="FDS690" s="613"/>
      <c r="FDT690" s="613"/>
      <c r="FDU690" s="613"/>
      <c r="FDV690" s="613"/>
      <c r="FDW690" s="613"/>
      <c r="FDX690" s="613"/>
      <c r="FDY690" s="613"/>
      <c r="FDZ690" s="613"/>
      <c r="FEA690" s="613"/>
      <c r="FEB690" s="613"/>
      <c r="FEC690" s="613"/>
      <c r="FED690" s="613"/>
      <c r="FEE690" s="613"/>
      <c r="FEF690" s="613"/>
      <c r="FEG690" s="613"/>
      <c r="FEH690" s="613"/>
      <c r="FEI690" s="613"/>
      <c r="FEJ690" s="613"/>
      <c r="FEK690" s="613"/>
      <c r="FEL690" s="613"/>
      <c r="FEM690" s="613"/>
      <c r="FEN690" s="613"/>
      <c r="FEO690" s="613"/>
      <c r="FEP690" s="613"/>
      <c r="FEQ690" s="613"/>
      <c r="FER690" s="613"/>
      <c r="FES690" s="613"/>
      <c r="FET690" s="613"/>
      <c r="FEU690" s="613"/>
      <c r="FEV690" s="613"/>
      <c r="FEW690" s="613"/>
      <c r="FEX690" s="613"/>
      <c r="FEY690" s="613"/>
      <c r="FEZ690" s="613"/>
      <c r="FFA690" s="613"/>
      <c r="FFB690" s="613"/>
      <c r="FFC690" s="613"/>
      <c r="FFD690" s="613"/>
      <c r="FFE690" s="613"/>
      <c r="FFF690" s="613"/>
      <c r="FFG690" s="613"/>
      <c r="FFH690" s="613"/>
      <c r="FFI690" s="613"/>
      <c r="FFJ690" s="613"/>
      <c r="FFK690" s="613"/>
      <c r="FFL690" s="613"/>
      <c r="FFM690" s="613"/>
      <c r="FFN690" s="613"/>
      <c r="FFO690" s="613"/>
      <c r="FFP690" s="613"/>
      <c r="FFQ690" s="613"/>
      <c r="FFR690" s="613"/>
      <c r="FFS690" s="613"/>
      <c r="FFT690" s="613"/>
      <c r="FFU690" s="613"/>
      <c r="FFV690" s="613"/>
      <c r="FFW690" s="613"/>
      <c r="FFX690" s="613"/>
      <c r="FFY690" s="613"/>
      <c r="FFZ690" s="613"/>
      <c r="FGA690" s="613"/>
      <c r="FGB690" s="613"/>
      <c r="FGC690" s="613"/>
      <c r="FGD690" s="613"/>
      <c r="FGE690" s="613"/>
      <c r="FGF690" s="613"/>
      <c r="FGG690" s="613"/>
      <c r="FGH690" s="613"/>
      <c r="FGI690" s="613"/>
      <c r="FGJ690" s="613"/>
      <c r="FGK690" s="613"/>
      <c r="FGL690" s="613"/>
      <c r="FGM690" s="613"/>
      <c r="FGN690" s="613"/>
      <c r="FGO690" s="613"/>
      <c r="FGP690" s="613"/>
      <c r="FGQ690" s="613"/>
      <c r="FGR690" s="613"/>
      <c r="FGS690" s="613"/>
      <c r="FGT690" s="613"/>
      <c r="FGU690" s="613"/>
      <c r="FGV690" s="613"/>
      <c r="FGW690" s="613"/>
      <c r="FGX690" s="613"/>
      <c r="FGY690" s="613"/>
      <c r="FGZ690" s="613"/>
      <c r="FHA690" s="613"/>
      <c r="FHB690" s="613"/>
      <c r="FHC690" s="613"/>
      <c r="FHD690" s="613"/>
      <c r="FHE690" s="613"/>
      <c r="FHF690" s="613"/>
      <c r="FHG690" s="613"/>
      <c r="FHH690" s="613"/>
      <c r="FHI690" s="613"/>
      <c r="FHJ690" s="613"/>
      <c r="FHK690" s="613"/>
      <c r="FHL690" s="613"/>
      <c r="FHM690" s="613"/>
      <c r="FHN690" s="613"/>
      <c r="FHO690" s="613"/>
      <c r="FHP690" s="613"/>
      <c r="FHQ690" s="613"/>
      <c r="FHR690" s="613"/>
      <c r="FHS690" s="613"/>
      <c r="FHT690" s="613"/>
      <c r="FHU690" s="613"/>
      <c r="FHV690" s="613"/>
      <c r="FHW690" s="613"/>
      <c r="FHX690" s="613"/>
      <c r="FHY690" s="613"/>
      <c r="FHZ690" s="613"/>
      <c r="FIA690" s="613"/>
      <c r="FIB690" s="613"/>
      <c r="FIC690" s="613"/>
      <c r="FID690" s="613"/>
      <c r="FIE690" s="613"/>
      <c r="FIF690" s="613"/>
      <c r="FIG690" s="613"/>
      <c r="FIH690" s="613"/>
      <c r="FII690" s="613"/>
      <c r="FIJ690" s="613"/>
      <c r="FIK690" s="613"/>
      <c r="FIL690" s="613"/>
      <c r="FIM690" s="613"/>
      <c r="FIN690" s="613"/>
      <c r="FIO690" s="613"/>
      <c r="FIP690" s="613"/>
      <c r="FIQ690" s="613"/>
      <c r="FIR690" s="613"/>
      <c r="FIS690" s="613"/>
      <c r="FIT690" s="613"/>
      <c r="FIU690" s="613"/>
      <c r="FIV690" s="613"/>
      <c r="FIW690" s="613"/>
      <c r="FIX690" s="613"/>
      <c r="FIY690" s="613"/>
      <c r="FIZ690" s="613"/>
      <c r="FJA690" s="613"/>
      <c r="FJB690" s="613"/>
      <c r="FJC690" s="613"/>
      <c r="FJD690" s="613"/>
      <c r="FJE690" s="613"/>
      <c r="FJF690" s="613"/>
      <c r="FJG690" s="613"/>
      <c r="FJH690" s="613"/>
      <c r="FJI690" s="613"/>
      <c r="FJJ690" s="613"/>
      <c r="FJK690" s="613"/>
      <c r="FJL690" s="613"/>
      <c r="FJM690" s="613"/>
      <c r="FJN690" s="613"/>
      <c r="FJO690" s="613"/>
      <c r="FJP690" s="613"/>
      <c r="FJQ690" s="613"/>
      <c r="FJR690" s="613"/>
      <c r="FJS690" s="613"/>
      <c r="FJT690" s="613"/>
      <c r="FJU690" s="613"/>
      <c r="FJV690" s="613"/>
      <c r="FJW690" s="613"/>
      <c r="FJX690" s="613"/>
      <c r="FJY690" s="613"/>
      <c r="FJZ690" s="613"/>
      <c r="FKA690" s="613"/>
      <c r="FKB690" s="613"/>
      <c r="FKC690" s="613"/>
      <c r="FKD690" s="613"/>
      <c r="FKE690" s="613"/>
      <c r="FKF690" s="613"/>
      <c r="FKG690" s="613"/>
      <c r="FKH690" s="613"/>
      <c r="FKI690" s="613"/>
      <c r="FKJ690" s="613"/>
      <c r="FKK690" s="613"/>
      <c r="FKL690" s="613"/>
      <c r="FKM690" s="613"/>
      <c r="FKN690" s="613"/>
      <c r="FKO690" s="613"/>
      <c r="FKP690" s="613"/>
      <c r="FKQ690" s="613"/>
      <c r="FKR690" s="613"/>
      <c r="FKS690" s="613"/>
      <c r="FKT690" s="613"/>
      <c r="FKU690" s="613"/>
      <c r="FKV690" s="613"/>
      <c r="FKW690" s="613"/>
      <c r="FKX690" s="613"/>
      <c r="FKY690" s="613"/>
      <c r="FKZ690" s="613"/>
      <c r="FLA690" s="613"/>
      <c r="FLB690" s="613"/>
      <c r="FLC690" s="613"/>
      <c r="FLD690" s="613"/>
      <c r="FLE690" s="613"/>
      <c r="FLF690" s="613"/>
      <c r="FLG690" s="613"/>
      <c r="FLH690" s="613"/>
      <c r="FLI690" s="613"/>
      <c r="FLJ690" s="613"/>
      <c r="FLK690" s="613"/>
      <c r="FLL690" s="613"/>
      <c r="FLM690" s="613"/>
      <c r="FLN690" s="613"/>
      <c r="FLO690" s="613"/>
      <c r="FLP690" s="613"/>
      <c r="FLQ690" s="613"/>
      <c r="FLR690" s="613"/>
      <c r="FLS690" s="613"/>
      <c r="FLT690" s="613"/>
      <c r="FLU690" s="613"/>
      <c r="FLV690" s="613"/>
      <c r="FLW690" s="613"/>
      <c r="FLX690" s="613"/>
      <c r="FLY690" s="613"/>
      <c r="FLZ690" s="613"/>
      <c r="FMA690" s="613"/>
      <c r="FMB690" s="613"/>
      <c r="FMC690" s="613"/>
      <c r="FMD690" s="613"/>
      <c r="FME690" s="613"/>
      <c r="FMF690" s="613"/>
      <c r="FMG690" s="613"/>
      <c r="FMH690" s="613"/>
      <c r="FMI690" s="613"/>
      <c r="FMJ690" s="613"/>
      <c r="FMK690" s="613"/>
      <c r="FML690" s="613"/>
      <c r="FMM690" s="613"/>
      <c r="FMN690" s="613"/>
      <c r="FMO690" s="613"/>
      <c r="FMP690" s="613"/>
      <c r="FMQ690" s="613"/>
      <c r="FMR690" s="613"/>
      <c r="FMS690" s="613"/>
      <c r="FMT690" s="613"/>
      <c r="FMU690" s="613"/>
      <c r="FMV690" s="613"/>
      <c r="FMW690" s="613"/>
      <c r="FMX690" s="613"/>
      <c r="FMY690" s="613"/>
      <c r="FMZ690" s="613"/>
      <c r="FNA690" s="613"/>
      <c r="FNB690" s="613"/>
      <c r="FNC690" s="613"/>
      <c r="FND690" s="613"/>
      <c r="FNE690" s="613"/>
      <c r="FNF690" s="613"/>
      <c r="FNG690" s="613"/>
      <c r="FNH690" s="613"/>
      <c r="FNI690" s="613"/>
      <c r="FNJ690" s="613"/>
      <c r="FNK690" s="613"/>
      <c r="FNL690" s="613"/>
      <c r="FNM690" s="613"/>
      <c r="FNN690" s="613"/>
      <c r="FNO690" s="613"/>
      <c r="FNP690" s="613"/>
      <c r="FNQ690" s="613"/>
      <c r="FNR690" s="613"/>
      <c r="FNS690" s="613"/>
      <c r="FNT690" s="613"/>
      <c r="FNU690" s="613"/>
      <c r="FNV690" s="613"/>
      <c r="FNW690" s="613"/>
      <c r="FNX690" s="613"/>
      <c r="FNY690" s="613"/>
      <c r="FNZ690" s="613"/>
      <c r="FOA690" s="613"/>
      <c r="FOB690" s="613"/>
      <c r="FOC690" s="613"/>
      <c r="FOD690" s="613"/>
      <c r="FOE690" s="613"/>
      <c r="FOF690" s="613"/>
      <c r="FOG690" s="613"/>
      <c r="FOH690" s="613"/>
      <c r="FOI690" s="613"/>
      <c r="FOJ690" s="613"/>
      <c r="FOK690" s="613"/>
      <c r="FOL690" s="613"/>
      <c r="FOM690" s="613"/>
      <c r="FON690" s="613"/>
      <c r="FOO690" s="613"/>
      <c r="FOP690" s="613"/>
      <c r="FOQ690" s="613"/>
      <c r="FOR690" s="613"/>
      <c r="FOS690" s="613"/>
      <c r="FOT690" s="613"/>
      <c r="FOU690" s="613"/>
      <c r="FOV690" s="613"/>
      <c r="FOW690" s="613"/>
      <c r="FOX690" s="613"/>
      <c r="FOY690" s="613"/>
      <c r="FOZ690" s="613"/>
      <c r="FPA690" s="613"/>
      <c r="FPB690" s="613"/>
      <c r="FPC690" s="613"/>
      <c r="FPD690" s="613"/>
      <c r="FPE690" s="613"/>
      <c r="FPF690" s="613"/>
      <c r="FPG690" s="613"/>
      <c r="FPH690" s="613"/>
      <c r="FPI690" s="613"/>
      <c r="FPJ690" s="613"/>
      <c r="FPK690" s="613"/>
      <c r="FPL690" s="613"/>
      <c r="FPM690" s="613"/>
      <c r="FPN690" s="613"/>
      <c r="FPO690" s="613"/>
      <c r="FPP690" s="613"/>
      <c r="FPQ690" s="613"/>
      <c r="FPR690" s="613"/>
      <c r="FPS690" s="613"/>
      <c r="FPT690" s="613"/>
      <c r="FPU690" s="613"/>
      <c r="FPV690" s="613"/>
      <c r="FPW690" s="613"/>
      <c r="FPX690" s="613"/>
      <c r="FPY690" s="613"/>
      <c r="FPZ690" s="613"/>
      <c r="FQA690" s="613"/>
      <c r="FQB690" s="613"/>
      <c r="FQC690" s="613"/>
      <c r="FQD690" s="613"/>
      <c r="FQE690" s="613"/>
      <c r="FQF690" s="613"/>
      <c r="FQG690" s="613"/>
      <c r="FQH690" s="613"/>
      <c r="FQI690" s="613"/>
      <c r="FQJ690" s="613"/>
      <c r="FQK690" s="613"/>
      <c r="FQL690" s="613"/>
      <c r="FQM690" s="613"/>
      <c r="FQN690" s="613"/>
      <c r="FQO690" s="613"/>
      <c r="FQP690" s="613"/>
      <c r="FQQ690" s="613"/>
      <c r="FQR690" s="613"/>
      <c r="FQS690" s="613"/>
      <c r="FQT690" s="613"/>
      <c r="FQU690" s="613"/>
      <c r="FQV690" s="613"/>
      <c r="FQW690" s="613"/>
      <c r="FQX690" s="613"/>
      <c r="FQY690" s="613"/>
      <c r="FQZ690" s="613"/>
      <c r="FRA690" s="613"/>
      <c r="FRB690" s="613"/>
      <c r="FRC690" s="613"/>
      <c r="FRD690" s="613"/>
      <c r="FRE690" s="613"/>
      <c r="FRF690" s="613"/>
      <c r="FRG690" s="613"/>
      <c r="FRH690" s="613"/>
      <c r="FRI690" s="613"/>
      <c r="FRJ690" s="613"/>
      <c r="FRK690" s="613"/>
      <c r="FRL690" s="613"/>
      <c r="FRM690" s="613"/>
      <c r="FRN690" s="613"/>
      <c r="FRO690" s="613"/>
      <c r="FRP690" s="613"/>
      <c r="FRQ690" s="613"/>
      <c r="FRR690" s="613"/>
      <c r="FRS690" s="613"/>
      <c r="FRT690" s="613"/>
      <c r="FRU690" s="613"/>
      <c r="FRV690" s="613"/>
      <c r="FRW690" s="613"/>
      <c r="FRX690" s="613"/>
      <c r="FRY690" s="613"/>
      <c r="FRZ690" s="613"/>
      <c r="FSA690" s="613"/>
      <c r="FSB690" s="613"/>
      <c r="FSC690" s="613"/>
      <c r="FSD690" s="613"/>
      <c r="FSE690" s="613"/>
      <c r="FSF690" s="613"/>
      <c r="FSG690" s="613"/>
      <c r="FSH690" s="613"/>
      <c r="FSI690" s="613"/>
      <c r="FSJ690" s="613"/>
      <c r="FSK690" s="613"/>
      <c r="FSL690" s="613"/>
      <c r="FSM690" s="613"/>
      <c r="FSN690" s="613"/>
      <c r="FSO690" s="613"/>
      <c r="FSP690" s="613"/>
      <c r="FSQ690" s="613"/>
      <c r="FSR690" s="613"/>
      <c r="FSS690" s="613"/>
      <c r="FST690" s="613"/>
      <c r="FSU690" s="613"/>
      <c r="FSV690" s="613"/>
      <c r="FSW690" s="613"/>
      <c r="FSX690" s="613"/>
      <c r="FSY690" s="613"/>
      <c r="FSZ690" s="613"/>
      <c r="FTA690" s="613"/>
      <c r="FTB690" s="613"/>
      <c r="FTC690" s="613"/>
      <c r="FTD690" s="613"/>
      <c r="FTE690" s="613"/>
      <c r="FTF690" s="613"/>
      <c r="FTG690" s="613"/>
      <c r="FTH690" s="613"/>
      <c r="FTI690" s="613"/>
      <c r="FTJ690" s="613"/>
      <c r="FTK690" s="613"/>
      <c r="FTL690" s="613"/>
      <c r="FTM690" s="613"/>
      <c r="FTN690" s="613"/>
      <c r="FTO690" s="613"/>
      <c r="FTP690" s="613"/>
      <c r="FTQ690" s="613"/>
      <c r="FTR690" s="613"/>
      <c r="FTS690" s="613"/>
      <c r="FTT690" s="613"/>
      <c r="FTU690" s="613"/>
      <c r="FTV690" s="613"/>
      <c r="FTW690" s="613"/>
      <c r="FTX690" s="613"/>
      <c r="FTY690" s="613"/>
      <c r="FTZ690" s="613"/>
      <c r="FUA690" s="613"/>
      <c r="FUB690" s="613"/>
      <c r="FUC690" s="613"/>
      <c r="FUD690" s="613"/>
      <c r="FUE690" s="613"/>
      <c r="FUF690" s="613"/>
      <c r="FUG690" s="613"/>
      <c r="FUH690" s="613"/>
      <c r="FUI690" s="613"/>
      <c r="FUJ690" s="613"/>
      <c r="FUK690" s="613"/>
      <c r="FUL690" s="613"/>
      <c r="FUM690" s="613"/>
      <c r="FUN690" s="613"/>
      <c r="FUO690" s="613"/>
      <c r="FUP690" s="613"/>
      <c r="FUQ690" s="613"/>
      <c r="FUR690" s="613"/>
      <c r="FUS690" s="613"/>
      <c r="FUT690" s="613"/>
      <c r="FUU690" s="613"/>
      <c r="FUV690" s="613"/>
      <c r="FUW690" s="613"/>
      <c r="FUX690" s="613"/>
      <c r="FUY690" s="613"/>
      <c r="FUZ690" s="613"/>
      <c r="FVA690" s="613"/>
      <c r="FVB690" s="613"/>
      <c r="FVC690" s="613"/>
      <c r="FVD690" s="613"/>
      <c r="FVE690" s="613"/>
      <c r="FVF690" s="613"/>
      <c r="FVG690" s="613"/>
      <c r="FVH690" s="613"/>
      <c r="FVI690" s="613"/>
      <c r="FVJ690" s="613"/>
      <c r="FVK690" s="613"/>
      <c r="FVL690" s="613"/>
      <c r="FVM690" s="613"/>
      <c r="FVN690" s="613"/>
      <c r="FVO690" s="613"/>
      <c r="FVP690" s="613"/>
      <c r="FVQ690" s="613"/>
      <c r="FVR690" s="613"/>
      <c r="FVS690" s="613"/>
      <c r="FVT690" s="613"/>
      <c r="FVU690" s="613"/>
      <c r="FVV690" s="613"/>
      <c r="FVW690" s="613"/>
      <c r="FVX690" s="613"/>
      <c r="FVY690" s="613"/>
      <c r="FVZ690" s="613"/>
      <c r="FWA690" s="613"/>
      <c r="FWB690" s="613"/>
      <c r="FWC690" s="613"/>
      <c r="FWD690" s="613"/>
      <c r="FWE690" s="613"/>
      <c r="FWF690" s="613"/>
      <c r="FWG690" s="613"/>
      <c r="FWH690" s="613"/>
      <c r="FWI690" s="613"/>
      <c r="FWJ690" s="613"/>
      <c r="FWK690" s="613"/>
      <c r="FWL690" s="613"/>
      <c r="FWM690" s="613"/>
      <c r="FWN690" s="613"/>
      <c r="FWO690" s="613"/>
      <c r="FWP690" s="613"/>
      <c r="FWQ690" s="613"/>
      <c r="FWR690" s="613"/>
      <c r="FWS690" s="613"/>
      <c r="FWT690" s="613"/>
      <c r="FWU690" s="613"/>
      <c r="FWV690" s="613"/>
      <c r="FWW690" s="613"/>
      <c r="FWX690" s="613"/>
      <c r="FWY690" s="613"/>
      <c r="FWZ690" s="613"/>
      <c r="FXA690" s="613"/>
      <c r="FXB690" s="613"/>
      <c r="FXC690" s="613"/>
      <c r="FXD690" s="613"/>
      <c r="FXE690" s="613"/>
      <c r="FXF690" s="613"/>
      <c r="FXG690" s="613"/>
      <c r="FXH690" s="613"/>
      <c r="FXI690" s="613"/>
      <c r="FXJ690" s="613"/>
      <c r="FXK690" s="613"/>
      <c r="FXL690" s="613"/>
      <c r="FXM690" s="613"/>
      <c r="FXN690" s="613"/>
      <c r="FXO690" s="613"/>
      <c r="FXP690" s="613"/>
      <c r="FXQ690" s="613"/>
      <c r="FXR690" s="613"/>
      <c r="FXS690" s="613"/>
      <c r="FXT690" s="613"/>
      <c r="FXU690" s="613"/>
      <c r="FXV690" s="613"/>
      <c r="FXW690" s="613"/>
      <c r="FXX690" s="613"/>
      <c r="FXY690" s="613"/>
      <c r="FXZ690" s="613"/>
      <c r="FYA690" s="613"/>
      <c r="FYB690" s="613"/>
      <c r="FYC690" s="613"/>
      <c r="FYD690" s="613"/>
      <c r="FYE690" s="613"/>
      <c r="FYF690" s="613"/>
      <c r="FYG690" s="613"/>
      <c r="FYH690" s="613"/>
      <c r="FYI690" s="613"/>
      <c r="FYJ690" s="613"/>
      <c r="FYK690" s="613"/>
      <c r="FYL690" s="613"/>
      <c r="FYM690" s="613"/>
      <c r="FYN690" s="613"/>
      <c r="FYO690" s="613"/>
      <c r="FYP690" s="613"/>
      <c r="FYQ690" s="613"/>
      <c r="FYR690" s="613"/>
      <c r="FYS690" s="613"/>
      <c r="FYT690" s="613"/>
      <c r="FYU690" s="613"/>
      <c r="FYV690" s="613"/>
      <c r="FYW690" s="613"/>
      <c r="FYX690" s="613"/>
      <c r="FYY690" s="613"/>
      <c r="FYZ690" s="613"/>
      <c r="FZA690" s="613"/>
      <c r="FZB690" s="613"/>
      <c r="FZC690" s="613"/>
      <c r="FZD690" s="613"/>
      <c r="FZE690" s="613"/>
      <c r="FZF690" s="613"/>
      <c r="FZG690" s="613"/>
      <c r="FZH690" s="613"/>
      <c r="FZI690" s="613"/>
      <c r="FZJ690" s="613"/>
      <c r="FZK690" s="613"/>
      <c r="FZL690" s="613"/>
      <c r="FZM690" s="613"/>
      <c r="FZN690" s="613"/>
      <c r="FZO690" s="613"/>
      <c r="FZP690" s="613"/>
      <c r="FZQ690" s="613"/>
      <c r="FZR690" s="613"/>
      <c r="FZS690" s="613"/>
      <c r="FZT690" s="613"/>
      <c r="FZU690" s="613"/>
      <c r="FZV690" s="613"/>
      <c r="FZW690" s="613"/>
      <c r="FZX690" s="613"/>
      <c r="FZY690" s="613"/>
      <c r="FZZ690" s="613"/>
      <c r="GAA690" s="613"/>
      <c r="GAB690" s="613"/>
      <c r="GAC690" s="613"/>
      <c r="GAD690" s="613"/>
      <c r="GAE690" s="613"/>
      <c r="GAF690" s="613"/>
      <c r="GAG690" s="613"/>
      <c r="GAH690" s="613"/>
      <c r="GAI690" s="613"/>
      <c r="GAJ690" s="613"/>
      <c r="GAK690" s="613"/>
      <c r="GAL690" s="613"/>
      <c r="GAM690" s="613"/>
      <c r="GAN690" s="613"/>
      <c r="GAO690" s="613"/>
      <c r="GAP690" s="613"/>
      <c r="GAQ690" s="613"/>
      <c r="GAR690" s="613"/>
      <c r="GAS690" s="613"/>
      <c r="GAT690" s="613"/>
      <c r="GAU690" s="613"/>
      <c r="GAV690" s="613"/>
      <c r="GAW690" s="613"/>
      <c r="GAX690" s="613"/>
      <c r="GAY690" s="613"/>
      <c r="GAZ690" s="613"/>
      <c r="GBA690" s="613"/>
      <c r="GBB690" s="613"/>
      <c r="GBC690" s="613"/>
      <c r="GBD690" s="613"/>
      <c r="GBE690" s="613"/>
      <c r="GBF690" s="613"/>
      <c r="GBG690" s="613"/>
      <c r="GBH690" s="613"/>
      <c r="GBI690" s="613"/>
      <c r="GBJ690" s="613"/>
      <c r="GBK690" s="613"/>
      <c r="GBL690" s="613"/>
      <c r="GBM690" s="613"/>
      <c r="GBN690" s="613"/>
      <c r="GBO690" s="613"/>
      <c r="GBP690" s="613"/>
      <c r="GBQ690" s="613"/>
      <c r="GBR690" s="613"/>
      <c r="GBS690" s="613"/>
      <c r="GBT690" s="613"/>
      <c r="GBU690" s="613"/>
      <c r="GBV690" s="613"/>
      <c r="GBW690" s="613"/>
      <c r="GBX690" s="613"/>
      <c r="GBY690" s="613"/>
      <c r="GBZ690" s="613"/>
      <c r="GCA690" s="613"/>
      <c r="GCB690" s="613"/>
      <c r="GCC690" s="613"/>
      <c r="GCD690" s="613"/>
      <c r="GCE690" s="613"/>
      <c r="GCF690" s="613"/>
      <c r="GCG690" s="613"/>
      <c r="GCH690" s="613"/>
      <c r="GCI690" s="613"/>
      <c r="GCJ690" s="613"/>
      <c r="GCK690" s="613"/>
      <c r="GCL690" s="613"/>
      <c r="GCM690" s="613"/>
      <c r="GCN690" s="613"/>
      <c r="GCO690" s="613"/>
      <c r="GCP690" s="613"/>
      <c r="GCQ690" s="613"/>
      <c r="GCR690" s="613"/>
      <c r="GCS690" s="613"/>
      <c r="GCT690" s="613"/>
      <c r="GCU690" s="613"/>
      <c r="GCV690" s="613"/>
      <c r="GCW690" s="613"/>
      <c r="GCX690" s="613"/>
      <c r="GCY690" s="613"/>
      <c r="GCZ690" s="613"/>
      <c r="GDA690" s="613"/>
      <c r="GDB690" s="613"/>
      <c r="GDC690" s="613"/>
      <c r="GDD690" s="613"/>
      <c r="GDE690" s="613"/>
      <c r="GDF690" s="613"/>
      <c r="GDG690" s="613"/>
      <c r="GDH690" s="613"/>
      <c r="GDI690" s="613"/>
      <c r="GDJ690" s="613"/>
      <c r="GDK690" s="613"/>
      <c r="GDL690" s="613"/>
      <c r="GDM690" s="613"/>
      <c r="GDN690" s="613"/>
      <c r="GDO690" s="613"/>
      <c r="GDP690" s="613"/>
      <c r="GDQ690" s="613"/>
      <c r="GDR690" s="613"/>
      <c r="GDS690" s="613"/>
      <c r="GDT690" s="613"/>
      <c r="GDU690" s="613"/>
      <c r="GDV690" s="613"/>
      <c r="GDW690" s="613"/>
      <c r="GDX690" s="613"/>
      <c r="GDY690" s="613"/>
      <c r="GDZ690" s="613"/>
      <c r="GEA690" s="613"/>
      <c r="GEB690" s="613"/>
      <c r="GEC690" s="613"/>
      <c r="GED690" s="613"/>
      <c r="GEE690" s="613"/>
      <c r="GEF690" s="613"/>
      <c r="GEG690" s="613"/>
      <c r="GEH690" s="613"/>
      <c r="GEI690" s="613"/>
      <c r="GEJ690" s="613"/>
      <c r="GEK690" s="613"/>
      <c r="GEL690" s="613"/>
      <c r="GEM690" s="613"/>
      <c r="GEN690" s="613"/>
      <c r="GEO690" s="613"/>
      <c r="GEP690" s="613"/>
      <c r="GEQ690" s="613"/>
      <c r="GER690" s="613"/>
      <c r="GES690" s="613"/>
      <c r="GET690" s="613"/>
      <c r="GEU690" s="613"/>
      <c r="GEV690" s="613"/>
      <c r="GEW690" s="613"/>
      <c r="GEX690" s="613"/>
      <c r="GEY690" s="613"/>
      <c r="GEZ690" s="613"/>
      <c r="GFA690" s="613"/>
      <c r="GFB690" s="613"/>
      <c r="GFC690" s="613"/>
      <c r="GFD690" s="613"/>
      <c r="GFE690" s="613"/>
      <c r="GFF690" s="613"/>
      <c r="GFG690" s="613"/>
      <c r="GFH690" s="613"/>
      <c r="GFI690" s="613"/>
      <c r="GFJ690" s="613"/>
      <c r="GFK690" s="613"/>
      <c r="GFL690" s="613"/>
      <c r="GFM690" s="613"/>
      <c r="GFN690" s="613"/>
      <c r="GFO690" s="613"/>
      <c r="GFP690" s="613"/>
      <c r="GFQ690" s="613"/>
      <c r="GFR690" s="613"/>
      <c r="GFS690" s="613"/>
      <c r="GFT690" s="613"/>
      <c r="GFU690" s="613"/>
      <c r="GFV690" s="613"/>
      <c r="GFW690" s="613"/>
      <c r="GFX690" s="613"/>
      <c r="GFY690" s="613"/>
      <c r="GFZ690" s="613"/>
      <c r="GGA690" s="613"/>
      <c r="GGB690" s="613"/>
      <c r="GGC690" s="613"/>
      <c r="GGD690" s="613"/>
      <c r="GGE690" s="613"/>
      <c r="GGF690" s="613"/>
      <c r="GGG690" s="613"/>
      <c r="GGH690" s="613"/>
      <c r="GGI690" s="613"/>
      <c r="GGJ690" s="613"/>
      <c r="GGK690" s="613"/>
      <c r="GGL690" s="613"/>
      <c r="GGM690" s="613"/>
      <c r="GGN690" s="613"/>
      <c r="GGO690" s="613"/>
      <c r="GGP690" s="613"/>
      <c r="GGQ690" s="613"/>
      <c r="GGR690" s="613"/>
      <c r="GGS690" s="613"/>
      <c r="GGT690" s="613"/>
      <c r="GGU690" s="613"/>
      <c r="GGV690" s="613"/>
      <c r="GGW690" s="613"/>
      <c r="GGX690" s="613"/>
      <c r="GGY690" s="613"/>
      <c r="GGZ690" s="613"/>
      <c r="GHA690" s="613"/>
      <c r="GHB690" s="613"/>
      <c r="GHC690" s="613"/>
      <c r="GHD690" s="613"/>
      <c r="GHE690" s="613"/>
      <c r="GHF690" s="613"/>
      <c r="GHG690" s="613"/>
      <c r="GHH690" s="613"/>
      <c r="GHI690" s="613"/>
      <c r="GHJ690" s="613"/>
      <c r="GHK690" s="613"/>
      <c r="GHL690" s="613"/>
      <c r="GHM690" s="613"/>
      <c r="GHN690" s="613"/>
      <c r="GHO690" s="613"/>
      <c r="GHP690" s="613"/>
      <c r="GHQ690" s="613"/>
      <c r="GHR690" s="613"/>
      <c r="GHS690" s="613"/>
      <c r="GHT690" s="613"/>
      <c r="GHU690" s="613"/>
      <c r="GHV690" s="613"/>
      <c r="GHW690" s="613"/>
      <c r="GHX690" s="613"/>
      <c r="GHY690" s="613"/>
      <c r="GHZ690" s="613"/>
      <c r="GIA690" s="613"/>
      <c r="GIB690" s="613"/>
      <c r="GIC690" s="613"/>
      <c r="GID690" s="613"/>
      <c r="GIE690" s="613"/>
      <c r="GIF690" s="613"/>
      <c r="GIG690" s="613"/>
      <c r="GIH690" s="613"/>
      <c r="GII690" s="613"/>
      <c r="GIJ690" s="613"/>
      <c r="GIK690" s="613"/>
      <c r="GIL690" s="613"/>
      <c r="GIM690" s="613"/>
      <c r="GIN690" s="613"/>
      <c r="GIO690" s="613"/>
      <c r="GIP690" s="613"/>
      <c r="GIQ690" s="613"/>
      <c r="GIR690" s="613"/>
      <c r="GIS690" s="613"/>
      <c r="GIT690" s="613"/>
      <c r="GIU690" s="613"/>
      <c r="GIV690" s="613"/>
      <c r="GIW690" s="613"/>
      <c r="GIX690" s="613"/>
      <c r="GIY690" s="613"/>
      <c r="GIZ690" s="613"/>
      <c r="GJA690" s="613"/>
      <c r="GJB690" s="613"/>
      <c r="GJC690" s="613"/>
      <c r="GJD690" s="613"/>
      <c r="GJE690" s="613"/>
      <c r="GJF690" s="613"/>
      <c r="GJG690" s="613"/>
      <c r="GJH690" s="613"/>
      <c r="GJI690" s="613"/>
      <c r="GJJ690" s="613"/>
      <c r="GJK690" s="613"/>
      <c r="GJL690" s="613"/>
      <c r="GJM690" s="613"/>
      <c r="GJN690" s="613"/>
      <c r="GJO690" s="613"/>
      <c r="GJP690" s="613"/>
      <c r="GJQ690" s="613"/>
      <c r="GJR690" s="613"/>
      <c r="GJS690" s="613"/>
      <c r="GJT690" s="613"/>
      <c r="GJU690" s="613"/>
      <c r="GJV690" s="613"/>
      <c r="GJW690" s="613"/>
      <c r="GJX690" s="613"/>
      <c r="GJY690" s="613"/>
      <c r="GJZ690" s="613"/>
      <c r="GKA690" s="613"/>
      <c r="GKB690" s="613"/>
      <c r="GKC690" s="613"/>
      <c r="GKD690" s="613"/>
      <c r="GKE690" s="613"/>
      <c r="GKF690" s="613"/>
      <c r="GKG690" s="613"/>
      <c r="GKH690" s="613"/>
      <c r="GKI690" s="613"/>
      <c r="GKJ690" s="613"/>
      <c r="GKK690" s="613"/>
      <c r="GKL690" s="613"/>
      <c r="GKM690" s="613"/>
      <c r="GKN690" s="613"/>
      <c r="GKO690" s="613"/>
      <c r="GKP690" s="613"/>
      <c r="GKQ690" s="613"/>
      <c r="GKR690" s="613"/>
      <c r="GKS690" s="613"/>
      <c r="GKT690" s="613"/>
      <c r="GKU690" s="613"/>
      <c r="GKV690" s="613"/>
      <c r="GKW690" s="613"/>
      <c r="GKX690" s="613"/>
      <c r="GKY690" s="613"/>
      <c r="GKZ690" s="613"/>
      <c r="GLA690" s="613"/>
      <c r="GLB690" s="613"/>
      <c r="GLC690" s="613"/>
      <c r="GLD690" s="613"/>
      <c r="GLE690" s="613"/>
      <c r="GLF690" s="613"/>
      <c r="GLG690" s="613"/>
      <c r="GLH690" s="613"/>
      <c r="GLI690" s="613"/>
      <c r="GLJ690" s="613"/>
      <c r="GLK690" s="613"/>
      <c r="GLL690" s="613"/>
      <c r="GLM690" s="613"/>
      <c r="GLN690" s="613"/>
      <c r="GLO690" s="613"/>
      <c r="GLP690" s="613"/>
      <c r="GLQ690" s="613"/>
      <c r="GLR690" s="613"/>
      <c r="GLS690" s="613"/>
      <c r="GLT690" s="613"/>
      <c r="GLU690" s="613"/>
      <c r="GLV690" s="613"/>
      <c r="GLW690" s="613"/>
      <c r="GLX690" s="613"/>
      <c r="GLY690" s="613"/>
      <c r="GLZ690" s="613"/>
      <c r="GMA690" s="613"/>
      <c r="GMB690" s="613"/>
      <c r="GMC690" s="613"/>
      <c r="GMD690" s="613"/>
      <c r="GME690" s="613"/>
      <c r="GMF690" s="613"/>
      <c r="GMG690" s="613"/>
      <c r="GMH690" s="613"/>
      <c r="GMI690" s="613"/>
      <c r="GMJ690" s="613"/>
      <c r="GMK690" s="613"/>
      <c r="GML690" s="613"/>
      <c r="GMM690" s="613"/>
      <c r="GMN690" s="613"/>
      <c r="GMO690" s="613"/>
      <c r="GMP690" s="613"/>
      <c r="GMQ690" s="613"/>
      <c r="GMR690" s="613"/>
      <c r="GMS690" s="613"/>
      <c r="GMT690" s="613"/>
      <c r="GMU690" s="613"/>
      <c r="GMV690" s="613"/>
      <c r="GMW690" s="613"/>
      <c r="GMX690" s="613"/>
      <c r="GMY690" s="613"/>
      <c r="GMZ690" s="613"/>
      <c r="GNA690" s="613"/>
      <c r="GNB690" s="613"/>
      <c r="GNC690" s="613"/>
      <c r="GND690" s="613"/>
      <c r="GNE690" s="613"/>
      <c r="GNF690" s="613"/>
      <c r="GNG690" s="613"/>
      <c r="GNH690" s="613"/>
      <c r="GNI690" s="613"/>
      <c r="GNJ690" s="613"/>
      <c r="GNK690" s="613"/>
      <c r="GNL690" s="613"/>
      <c r="GNM690" s="613"/>
      <c r="GNN690" s="613"/>
      <c r="GNO690" s="613"/>
      <c r="GNP690" s="613"/>
      <c r="GNQ690" s="613"/>
      <c r="GNR690" s="613"/>
      <c r="GNS690" s="613"/>
      <c r="GNT690" s="613"/>
      <c r="GNU690" s="613"/>
      <c r="GNV690" s="613"/>
      <c r="GNW690" s="613"/>
      <c r="GNX690" s="613"/>
      <c r="GNY690" s="613"/>
      <c r="GNZ690" s="613"/>
      <c r="GOA690" s="613"/>
      <c r="GOB690" s="613"/>
      <c r="GOC690" s="613"/>
      <c r="GOD690" s="613"/>
      <c r="GOE690" s="613"/>
      <c r="GOF690" s="613"/>
      <c r="GOG690" s="613"/>
      <c r="GOH690" s="613"/>
      <c r="GOI690" s="613"/>
      <c r="GOJ690" s="613"/>
      <c r="GOK690" s="613"/>
      <c r="GOL690" s="613"/>
      <c r="GOM690" s="613"/>
      <c r="GON690" s="613"/>
      <c r="GOO690" s="613"/>
      <c r="GOP690" s="613"/>
      <c r="GOQ690" s="613"/>
      <c r="GOR690" s="613"/>
      <c r="GOS690" s="613"/>
      <c r="GOT690" s="613"/>
      <c r="GOU690" s="613"/>
      <c r="GOV690" s="613"/>
      <c r="GOW690" s="613"/>
      <c r="GOX690" s="613"/>
      <c r="GOY690" s="613"/>
      <c r="GOZ690" s="613"/>
      <c r="GPA690" s="613"/>
      <c r="GPB690" s="613"/>
      <c r="GPC690" s="613"/>
      <c r="GPD690" s="613"/>
      <c r="GPE690" s="613"/>
      <c r="GPF690" s="613"/>
      <c r="GPG690" s="613"/>
      <c r="GPH690" s="613"/>
      <c r="GPI690" s="613"/>
      <c r="GPJ690" s="613"/>
      <c r="GPK690" s="613"/>
      <c r="GPL690" s="613"/>
      <c r="GPM690" s="613"/>
      <c r="GPN690" s="613"/>
      <c r="GPO690" s="613"/>
      <c r="GPP690" s="613"/>
      <c r="GPQ690" s="613"/>
      <c r="GPR690" s="613"/>
      <c r="GPS690" s="613"/>
      <c r="GPT690" s="613"/>
      <c r="GPU690" s="613"/>
      <c r="GPV690" s="613"/>
      <c r="GPW690" s="613"/>
      <c r="GPX690" s="613"/>
      <c r="GPY690" s="613"/>
      <c r="GPZ690" s="613"/>
      <c r="GQA690" s="613"/>
      <c r="GQB690" s="613"/>
      <c r="GQC690" s="613"/>
      <c r="GQD690" s="613"/>
      <c r="GQE690" s="613"/>
      <c r="GQF690" s="613"/>
      <c r="GQG690" s="613"/>
      <c r="GQH690" s="613"/>
      <c r="GQI690" s="613"/>
      <c r="GQJ690" s="613"/>
      <c r="GQK690" s="613"/>
      <c r="GQL690" s="613"/>
      <c r="GQM690" s="613"/>
      <c r="GQN690" s="613"/>
      <c r="GQO690" s="613"/>
      <c r="GQP690" s="613"/>
      <c r="GQQ690" s="613"/>
      <c r="GQR690" s="613"/>
      <c r="GQS690" s="613"/>
      <c r="GQT690" s="613"/>
      <c r="GQU690" s="613"/>
      <c r="GQV690" s="613"/>
      <c r="GQW690" s="613"/>
      <c r="GQX690" s="613"/>
      <c r="GQY690" s="613"/>
      <c r="GQZ690" s="613"/>
      <c r="GRA690" s="613"/>
      <c r="GRB690" s="613"/>
      <c r="GRC690" s="613"/>
      <c r="GRD690" s="613"/>
      <c r="GRE690" s="613"/>
      <c r="GRF690" s="613"/>
      <c r="GRG690" s="613"/>
      <c r="GRH690" s="613"/>
      <c r="GRI690" s="613"/>
      <c r="GRJ690" s="613"/>
      <c r="GRK690" s="613"/>
      <c r="GRL690" s="613"/>
      <c r="GRM690" s="613"/>
      <c r="GRN690" s="613"/>
      <c r="GRO690" s="613"/>
      <c r="GRP690" s="613"/>
      <c r="GRQ690" s="613"/>
      <c r="GRR690" s="613"/>
      <c r="GRS690" s="613"/>
      <c r="GRT690" s="613"/>
      <c r="GRU690" s="613"/>
      <c r="GRV690" s="613"/>
      <c r="GRW690" s="613"/>
      <c r="GRX690" s="613"/>
      <c r="GRY690" s="613"/>
      <c r="GRZ690" s="613"/>
      <c r="GSA690" s="613"/>
      <c r="GSB690" s="613"/>
      <c r="GSC690" s="613"/>
      <c r="GSD690" s="613"/>
      <c r="GSE690" s="613"/>
      <c r="GSF690" s="613"/>
      <c r="GSG690" s="613"/>
      <c r="GSH690" s="613"/>
      <c r="GSI690" s="613"/>
      <c r="GSJ690" s="613"/>
      <c r="GSK690" s="613"/>
      <c r="GSL690" s="613"/>
      <c r="GSM690" s="613"/>
      <c r="GSN690" s="613"/>
      <c r="GSO690" s="613"/>
      <c r="GSP690" s="613"/>
      <c r="GSQ690" s="613"/>
      <c r="GSR690" s="613"/>
      <c r="GSS690" s="613"/>
      <c r="GST690" s="613"/>
      <c r="GSU690" s="613"/>
      <c r="GSV690" s="613"/>
      <c r="GSW690" s="613"/>
      <c r="GSX690" s="613"/>
      <c r="GSY690" s="613"/>
      <c r="GSZ690" s="613"/>
      <c r="GTA690" s="613"/>
      <c r="GTB690" s="613"/>
      <c r="GTC690" s="613"/>
      <c r="GTD690" s="613"/>
      <c r="GTE690" s="613"/>
      <c r="GTF690" s="613"/>
      <c r="GTG690" s="613"/>
      <c r="GTH690" s="613"/>
      <c r="GTI690" s="613"/>
      <c r="GTJ690" s="613"/>
      <c r="GTK690" s="613"/>
      <c r="GTL690" s="613"/>
      <c r="GTM690" s="613"/>
      <c r="GTN690" s="613"/>
      <c r="GTO690" s="613"/>
      <c r="GTP690" s="613"/>
      <c r="GTQ690" s="613"/>
      <c r="GTR690" s="613"/>
      <c r="GTS690" s="613"/>
      <c r="GTT690" s="613"/>
      <c r="GTU690" s="613"/>
      <c r="GTV690" s="613"/>
      <c r="GTW690" s="613"/>
      <c r="GTX690" s="613"/>
      <c r="GTY690" s="613"/>
      <c r="GTZ690" s="613"/>
      <c r="GUA690" s="613"/>
      <c r="GUB690" s="613"/>
      <c r="GUC690" s="613"/>
      <c r="GUD690" s="613"/>
      <c r="GUE690" s="613"/>
      <c r="GUF690" s="613"/>
      <c r="GUG690" s="613"/>
      <c r="GUH690" s="613"/>
      <c r="GUI690" s="613"/>
      <c r="GUJ690" s="613"/>
      <c r="GUK690" s="613"/>
      <c r="GUL690" s="613"/>
      <c r="GUM690" s="613"/>
      <c r="GUN690" s="613"/>
      <c r="GUO690" s="613"/>
      <c r="GUP690" s="613"/>
      <c r="GUQ690" s="613"/>
      <c r="GUR690" s="613"/>
      <c r="GUS690" s="613"/>
      <c r="GUT690" s="613"/>
      <c r="GUU690" s="613"/>
      <c r="GUV690" s="613"/>
      <c r="GUW690" s="613"/>
      <c r="GUX690" s="613"/>
      <c r="GUY690" s="613"/>
      <c r="GUZ690" s="613"/>
      <c r="GVA690" s="613"/>
      <c r="GVB690" s="613"/>
      <c r="GVC690" s="613"/>
      <c r="GVD690" s="613"/>
      <c r="GVE690" s="613"/>
      <c r="GVF690" s="613"/>
      <c r="GVG690" s="613"/>
      <c r="GVH690" s="613"/>
      <c r="GVI690" s="613"/>
      <c r="GVJ690" s="613"/>
      <c r="GVK690" s="613"/>
      <c r="GVL690" s="613"/>
      <c r="GVM690" s="613"/>
      <c r="GVN690" s="613"/>
      <c r="GVO690" s="613"/>
      <c r="GVP690" s="613"/>
      <c r="GVQ690" s="613"/>
      <c r="GVR690" s="613"/>
      <c r="GVS690" s="613"/>
      <c r="GVT690" s="613"/>
      <c r="GVU690" s="613"/>
      <c r="GVV690" s="613"/>
      <c r="GVW690" s="613"/>
      <c r="GVX690" s="613"/>
      <c r="GVY690" s="613"/>
      <c r="GVZ690" s="613"/>
      <c r="GWA690" s="613"/>
      <c r="GWB690" s="613"/>
      <c r="GWC690" s="613"/>
      <c r="GWD690" s="613"/>
      <c r="GWE690" s="613"/>
      <c r="GWF690" s="613"/>
      <c r="GWG690" s="613"/>
      <c r="GWH690" s="613"/>
      <c r="GWI690" s="613"/>
      <c r="GWJ690" s="613"/>
      <c r="GWK690" s="613"/>
      <c r="GWL690" s="613"/>
      <c r="GWM690" s="613"/>
      <c r="GWN690" s="613"/>
      <c r="GWO690" s="613"/>
      <c r="GWP690" s="613"/>
      <c r="GWQ690" s="613"/>
      <c r="GWR690" s="613"/>
      <c r="GWS690" s="613"/>
      <c r="GWT690" s="613"/>
      <c r="GWU690" s="613"/>
      <c r="GWV690" s="613"/>
      <c r="GWW690" s="613"/>
      <c r="GWX690" s="613"/>
      <c r="GWY690" s="613"/>
      <c r="GWZ690" s="613"/>
      <c r="GXA690" s="613"/>
      <c r="GXB690" s="613"/>
      <c r="GXC690" s="613"/>
      <c r="GXD690" s="613"/>
      <c r="GXE690" s="613"/>
      <c r="GXF690" s="613"/>
      <c r="GXG690" s="613"/>
      <c r="GXH690" s="613"/>
      <c r="GXI690" s="613"/>
      <c r="GXJ690" s="613"/>
      <c r="GXK690" s="613"/>
      <c r="GXL690" s="613"/>
      <c r="GXM690" s="613"/>
      <c r="GXN690" s="613"/>
      <c r="GXO690" s="613"/>
      <c r="GXP690" s="613"/>
      <c r="GXQ690" s="613"/>
      <c r="GXR690" s="613"/>
      <c r="GXS690" s="613"/>
      <c r="GXT690" s="613"/>
      <c r="GXU690" s="613"/>
      <c r="GXV690" s="613"/>
      <c r="GXW690" s="613"/>
      <c r="GXX690" s="613"/>
      <c r="GXY690" s="613"/>
      <c r="GXZ690" s="613"/>
      <c r="GYA690" s="613"/>
      <c r="GYB690" s="613"/>
      <c r="GYC690" s="613"/>
      <c r="GYD690" s="613"/>
      <c r="GYE690" s="613"/>
      <c r="GYF690" s="613"/>
      <c r="GYG690" s="613"/>
      <c r="GYH690" s="613"/>
      <c r="GYI690" s="613"/>
      <c r="GYJ690" s="613"/>
      <c r="GYK690" s="613"/>
      <c r="GYL690" s="613"/>
      <c r="GYM690" s="613"/>
      <c r="GYN690" s="613"/>
      <c r="GYO690" s="613"/>
      <c r="GYP690" s="613"/>
      <c r="GYQ690" s="613"/>
      <c r="GYR690" s="613"/>
      <c r="GYS690" s="613"/>
      <c r="GYT690" s="613"/>
      <c r="GYU690" s="613"/>
      <c r="GYV690" s="613"/>
      <c r="GYW690" s="613"/>
      <c r="GYX690" s="613"/>
      <c r="GYY690" s="613"/>
      <c r="GYZ690" s="613"/>
      <c r="GZA690" s="613"/>
      <c r="GZB690" s="613"/>
      <c r="GZC690" s="613"/>
      <c r="GZD690" s="613"/>
      <c r="GZE690" s="613"/>
      <c r="GZF690" s="613"/>
      <c r="GZG690" s="613"/>
      <c r="GZH690" s="613"/>
      <c r="GZI690" s="613"/>
      <c r="GZJ690" s="613"/>
      <c r="GZK690" s="613"/>
      <c r="GZL690" s="613"/>
      <c r="GZM690" s="613"/>
      <c r="GZN690" s="613"/>
      <c r="GZO690" s="613"/>
      <c r="GZP690" s="613"/>
      <c r="GZQ690" s="613"/>
      <c r="GZR690" s="613"/>
      <c r="GZS690" s="613"/>
      <c r="GZT690" s="613"/>
      <c r="GZU690" s="613"/>
      <c r="GZV690" s="613"/>
      <c r="GZW690" s="613"/>
      <c r="GZX690" s="613"/>
      <c r="GZY690" s="613"/>
      <c r="GZZ690" s="613"/>
      <c r="HAA690" s="613"/>
      <c r="HAB690" s="613"/>
      <c r="HAC690" s="613"/>
      <c r="HAD690" s="613"/>
      <c r="HAE690" s="613"/>
      <c r="HAF690" s="613"/>
      <c r="HAG690" s="613"/>
      <c r="HAH690" s="613"/>
      <c r="HAI690" s="613"/>
      <c r="HAJ690" s="613"/>
      <c r="HAK690" s="613"/>
      <c r="HAL690" s="613"/>
      <c r="HAM690" s="613"/>
      <c r="HAN690" s="613"/>
      <c r="HAO690" s="613"/>
      <c r="HAP690" s="613"/>
      <c r="HAQ690" s="613"/>
      <c r="HAR690" s="613"/>
      <c r="HAS690" s="613"/>
      <c r="HAT690" s="613"/>
      <c r="HAU690" s="613"/>
      <c r="HAV690" s="613"/>
      <c r="HAW690" s="613"/>
      <c r="HAX690" s="613"/>
      <c r="HAY690" s="613"/>
      <c r="HAZ690" s="613"/>
      <c r="HBA690" s="613"/>
      <c r="HBB690" s="613"/>
      <c r="HBC690" s="613"/>
      <c r="HBD690" s="613"/>
      <c r="HBE690" s="613"/>
      <c r="HBF690" s="613"/>
      <c r="HBG690" s="613"/>
      <c r="HBH690" s="613"/>
      <c r="HBI690" s="613"/>
      <c r="HBJ690" s="613"/>
      <c r="HBK690" s="613"/>
      <c r="HBL690" s="613"/>
      <c r="HBM690" s="613"/>
      <c r="HBN690" s="613"/>
      <c r="HBO690" s="613"/>
      <c r="HBP690" s="613"/>
      <c r="HBQ690" s="613"/>
      <c r="HBR690" s="613"/>
      <c r="HBS690" s="613"/>
      <c r="HBT690" s="613"/>
      <c r="HBU690" s="613"/>
      <c r="HBV690" s="613"/>
      <c r="HBW690" s="613"/>
      <c r="HBX690" s="613"/>
      <c r="HBY690" s="613"/>
      <c r="HBZ690" s="613"/>
      <c r="HCA690" s="613"/>
      <c r="HCB690" s="613"/>
      <c r="HCC690" s="613"/>
      <c r="HCD690" s="613"/>
      <c r="HCE690" s="613"/>
      <c r="HCF690" s="613"/>
      <c r="HCG690" s="613"/>
      <c r="HCH690" s="613"/>
      <c r="HCI690" s="613"/>
      <c r="HCJ690" s="613"/>
      <c r="HCK690" s="613"/>
      <c r="HCL690" s="613"/>
      <c r="HCM690" s="613"/>
      <c r="HCN690" s="613"/>
      <c r="HCO690" s="613"/>
      <c r="HCP690" s="613"/>
      <c r="HCQ690" s="613"/>
      <c r="HCR690" s="613"/>
      <c r="HCS690" s="613"/>
      <c r="HCT690" s="613"/>
      <c r="HCU690" s="613"/>
      <c r="HCV690" s="613"/>
      <c r="HCW690" s="613"/>
      <c r="HCX690" s="613"/>
      <c r="HCY690" s="613"/>
      <c r="HCZ690" s="613"/>
      <c r="HDA690" s="613"/>
      <c r="HDB690" s="613"/>
      <c r="HDC690" s="613"/>
      <c r="HDD690" s="613"/>
      <c r="HDE690" s="613"/>
      <c r="HDF690" s="613"/>
      <c r="HDG690" s="613"/>
      <c r="HDH690" s="613"/>
      <c r="HDI690" s="613"/>
      <c r="HDJ690" s="613"/>
      <c r="HDK690" s="613"/>
      <c r="HDL690" s="613"/>
      <c r="HDM690" s="613"/>
      <c r="HDN690" s="613"/>
      <c r="HDO690" s="613"/>
      <c r="HDP690" s="613"/>
      <c r="HDQ690" s="613"/>
      <c r="HDR690" s="613"/>
      <c r="HDS690" s="613"/>
      <c r="HDT690" s="613"/>
      <c r="HDU690" s="613"/>
      <c r="HDV690" s="613"/>
      <c r="HDW690" s="613"/>
      <c r="HDX690" s="613"/>
      <c r="HDY690" s="613"/>
      <c r="HDZ690" s="613"/>
      <c r="HEA690" s="613"/>
      <c r="HEB690" s="613"/>
      <c r="HEC690" s="613"/>
      <c r="HED690" s="613"/>
      <c r="HEE690" s="613"/>
      <c r="HEF690" s="613"/>
      <c r="HEG690" s="613"/>
      <c r="HEH690" s="613"/>
      <c r="HEI690" s="613"/>
      <c r="HEJ690" s="613"/>
      <c r="HEK690" s="613"/>
      <c r="HEL690" s="613"/>
      <c r="HEM690" s="613"/>
      <c r="HEN690" s="613"/>
      <c r="HEO690" s="613"/>
      <c r="HEP690" s="613"/>
      <c r="HEQ690" s="613"/>
      <c r="HER690" s="613"/>
      <c r="HES690" s="613"/>
      <c r="HET690" s="613"/>
      <c r="HEU690" s="613"/>
      <c r="HEV690" s="613"/>
      <c r="HEW690" s="613"/>
      <c r="HEX690" s="613"/>
      <c r="HEY690" s="613"/>
      <c r="HEZ690" s="613"/>
      <c r="HFA690" s="613"/>
      <c r="HFB690" s="613"/>
      <c r="HFC690" s="613"/>
      <c r="HFD690" s="613"/>
      <c r="HFE690" s="613"/>
      <c r="HFF690" s="613"/>
      <c r="HFG690" s="613"/>
      <c r="HFH690" s="613"/>
      <c r="HFI690" s="613"/>
      <c r="HFJ690" s="613"/>
      <c r="HFK690" s="613"/>
      <c r="HFL690" s="613"/>
      <c r="HFM690" s="613"/>
      <c r="HFN690" s="613"/>
      <c r="HFO690" s="613"/>
      <c r="HFP690" s="613"/>
      <c r="HFQ690" s="613"/>
      <c r="HFR690" s="613"/>
      <c r="HFS690" s="613"/>
      <c r="HFT690" s="613"/>
      <c r="HFU690" s="613"/>
      <c r="HFV690" s="613"/>
      <c r="HFW690" s="613"/>
      <c r="HFX690" s="613"/>
      <c r="HFY690" s="613"/>
      <c r="HFZ690" s="613"/>
      <c r="HGA690" s="613"/>
      <c r="HGB690" s="613"/>
      <c r="HGC690" s="613"/>
      <c r="HGD690" s="613"/>
      <c r="HGE690" s="613"/>
      <c r="HGF690" s="613"/>
      <c r="HGG690" s="613"/>
      <c r="HGH690" s="613"/>
      <c r="HGI690" s="613"/>
      <c r="HGJ690" s="613"/>
      <c r="HGK690" s="613"/>
      <c r="HGL690" s="613"/>
      <c r="HGM690" s="613"/>
      <c r="HGN690" s="613"/>
      <c r="HGO690" s="613"/>
      <c r="HGP690" s="613"/>
      <c r="HGQ690" s="613"/>
      <c r="HGR690" s="613"/>
      <c r="HGS690" s="613"/>
      <c r="HGT690" s="613"/>
      <c r="HGU690" s="613"/>
      <c r="HGV690" s="613"/>
      <c r="HGW690" s="613"/>
      <c r="HGX690" s="613"/>
      <c r="HGY690" s="613"/>
      <c r="HGZ690" s="613"/>
      <c r="HHA690" s="613"/>
      <c r="HHB690" s="613"/>
      <c r="HHC690" s="613"/>
      <c r="HHD690" s="613"/>
      <c r="HHE690" s="613"/>
      <c r="HHF690" s="613"/>
      <c r="HHG690" s="613"/>
      <c r="HHH690" s="613"/>
      <c r="HHI690" s="613"/>
      <c r="HHJ690" s="613"/>
      <c r="HHK690" s="613"/>
      <c r="HHL690" s="613"/>
      <c r="HHM690" s="613"/>
      <c r="HHN690" s="613"/>
      <c r="HHO690" s="613"/>
      <c r="HHP690" s="613"/>
      <c r="HHQ690" s="613"/>
      <c r="HHR690" s="613"/>
      <c r="HHS690" s="613"/>
      <c r="HHT690" s="613"/>
      <c r="HHU690" s="613"/>
      <c r="HHV690" s="613"/>
      <c r="HHW690" s="613"/>
      <c r="HHX690" s="613"/>
      <c r="HHY690" s="613"/>
      <c r="HHZ690" s="613"/>
      <c r="HIA690" s="613"/>
      <c r="HIB690" s="613"/>
      <c r="HIC690" s="613"/>
      <c r="HID690" s="613"/>
      <c r="HIE690" s="613"/>
      <c r="HIF690" s="613"/>
      <c r="HIG690" s="613"/>
      <c r="HIH690" s="613"/>
      <c r="HII690" s="613"/>
      <c r="HIJ690" s="613"/>
      <c r="HIK690" s="613"/>
      <c r="HIL690" s="613"/>
      <c r="HIM690" s="613"/>
      <c r="HIN690" s="613"/>
      <c r="HIO690" s="613"/>
      <c r="HIP690" s="613"/>
      <c r="HIQ690" s="613"/>
      <c r="HIR690" s="613"/>
      <c r="HIS690" s="613"/>
      <c r="HIT690" s="613"/>
      <c r="HIU690" s="613"/>
      <c r="HIV690" s="613"/>
      <c r="HIW690" s="613"/>
      <c r="HIX690" s="613"/>
      <c r="HIY690" s="613"/>
      <c r="HIZ690" s="613"/>
      <c r="HJA690" s="613"/>
      <c r="HJB690" s="613"/>
      <c r="HJC690" s="613"/>
      <c r="HJD690" s="613"/>
      <c r="HJE690" s="613"/>
      <c r="HJF690" s="613"/>
      <c r="HJG690" s="613"/>
      <c r="HJH690" s="613"/>
      <c r="HJI690" s="613"/>
      <c r="HJJ690" s="613"/>
      <c r="HJK690" s="613"/>
      <c r="HJL690" s="613"/>
      <c r="HJM690" s="613"/>
      <c r="HJN690" s="613"/>
      <c r="HJO690" s="613"/>
      <c r="HJP690" s="613"/>
      <c r="HJQ690" s="613"/>
      <c r="HJR690" s="613"/>
      <c r="HJS690" s="613"/>
      <c r="HJT690" s="613"/>
      <c r="HJU690" s="613"/>
      <c r="HJV690" s="613"/>
      <c r="HJW690" s="613"/>
      <c r="HJX690" s="613"/>
      <c r="HJY690" s="613"/>
      <c r="HJZ690" s="613"/>
      <c r="HKA690" s="613"/>
      <c r="HKB690" s="613"/>
      <c r="HKC690" s="613"/>
      <c r="HKD690" s="613"/>
      <c r="HKE690" s="613"/>
      <c r="HKF690" s="613"/>
      <c r="HKG690" s="613"/>
      <c r="HKH690" s="613"/>
      <c r="HKI690" s="613"/>
      <c r="HKJ690" s="613"/>
      <c r="HKK690" s="613"/>
      <c r="HKL690" s="613"/>
      <c r="HKM690" s="613"/>
      <c r="HKN690" s="613"/>
      <c r="HKO690" s="613"/>
      <c r="HKP690" s="613"/>
      <c r="HKQ690" s="613"/>
      <c r="HKR690" s="613"/>
      <c r="HKS690" s="613"/>
      <c r="HKT690" s="613"/>
      <c r="HKU690" s="613"/>
      <c r="HKV690" s="613"/>
      <c r="HKW690" s="613"/>
      <c r="HKX690" s="613"/>
      <c r="HKY690" s="613"/>
      <c r="HKZ690" s="613"/>
      <c r="HLA690" s="613"/>
      <c r="HLB690" s="613"/>
      <c r="HLC690" s="613"/>
      <c r="HLD690" s="613"/>
      <c r="HLE690" s="613"/>
      <c r="HLF690" s="613"/>
      <c r="HLG690" s="613"/>
      <c r="HLH690" s="613"/>
      <c r="HLI690" s="613"/>
      <c r="HLJ690" s="613"/>
      <c r="HLK690" s="613"/>
      <c r="HLL690" s="613"/>
      <c r="HLM690" s="613"/>
      <c r="HLN690" s="613"/>
      <c r="HLO690" s="613"/>
      <c r="HLP690" s="613"/>
      <c r="HLQ690" s="613"/>
      <c r="HLR690" s="613"/>
      <c r="HLS690" s="613"/>
      <c r="HLT690" s="613"/>
      <c r="HLU690" s="613"/>
      <c r="HLV690" s="613"/>
      <c r="HLW690" s="613"/>
      <c r="HLX690" s="613"/>
      <c r="HLY690" s="613"/>
      <c r="HLZ690" s="613"/>
      <c r="HMA690" s="613"/>
      <c r="HMB690" s="613"/>
      <c r="HMC690" s="613"/>
      <c r="HMD690" s="613"/>
      <c r="HME690" s="613"/>
      <c r="HMF690" s="613"/>
      <c r="HMG690" s="613"/>
      <c r="HMH690" s="613"/>
      <c r="HMI690" s="613"/>
      <c r="HMJ690" s="613"/>
      <c r="HMK690" s="613"/>
      <c r="HML690" s="613"/>
      <c r="HMM690" s="613"/>
      <c r="HMN690" s="613"/>
      <c r="HMO690" s="613"/>
      <c r="HMP690" s="613"/>
      <c r="HMQ690" s="613"/>
      <c r="HMR690" s="613"/>
      <c r="HMS690" s="613"/>
      <c r="HMT690" s="613"/>
      <c r="HMU690" s="613"/>
      <c r="HMV690" s="613"/>
      <c r="HMW690" s="613"/>
      <c r="HMX690" s="613"/>
      <c r="HMY690" s="613"/>
      <c r="HMZ690" s="613"/>
      <c r="HNA690" s="613"/>
      <c r="HNB690" s="613"/>
      <c r="HNC690" s="613"/>
      <c r="HND690" s="613"/>
      <c r="HNE690" s="613"/>
      <c r="HNF690" s="613"/>
      <c r="HNG690" s="613"/>
      <c r="HNH690" s="613"/>
      <c r="HNI690" s="613"/>
      <c r="HNJ690" s="613"/>
      <c r="HNK690" s="613"/>
      <c r="HNL690" s="613"/>
      <c r="HNM690" s="613"/>
      <c r="HNN690" s="613"/>
      <c r="HNO690" s="613"/>
      <c r="HNP690" s="613"/>
      <c r="HNQ690" s="613"/>
      <c r="HNR690" s="613"/>
      <c r="HNS690" s="613"/>
      <c r="HNT690" s="613"/>
      <c r="HNU690" s="613"/>
      <c r="HNV690" s="613"/>
      <c r="HNW690" s="613"/>
      <c r="HNX690" s="613"/>
      <c r="HNY690" s="613"/>
      <c r="HNZ690" s="613"/>
      <c r="HOA690" s="613"/>
      <c r="HOB690" s="613"/>
      <c r="HOC690" s="613"/>
      <c r="HOD690" s="613"/>
      <c r="HOE690" s="613"/>
      <c r="HOF690" s="613"/>
      <c r="HOG690" s="613"/>
      <c r="HOH690" s="613"/>
      <c r="HOI690" s="613"/>
      <c r="HOJ690" s="613"/>
      <c r="HOK690" s="613"/>
      <c r="HOL690" s="613"/>
      <c r="HOM690" s="613"/>
      <c r="HON690" s="613"/>
      <c r="HOO690" s="613"/>
      <c r="HOP690" s="613"/>
      <c r="HOQ690" s="613"/>
      <c r="HOR690" s="613"/>
      <c r="HOS690" s="613"/>
      <c r="HOT690" s="613"/>
      <c r="HOU690" s="613"/>
      <c r="HOV690" s="613"/>
      <c r="HOW690" s="613"/>
      <c r="HOX690" s="613"/>
      <c r="HOY690" s="613"/>
      <c r="HOZ690" s="613"/>
      <c r="HPA690" s="613"/>
      <c r="HPB690" s="613"/>
      <c r="HPC690" s="613"/>
      <c r="HPD690" s="613"/>
      <c r="HPE690" s="613"/>
      <c r="HPF690" s="613"/>
      <c r="HPG690" s="613"/>
      <c r="HPH690" s="613"/>
      <c r="HPI690" s="613"/>
      <c r="HPJ690" s="613"/>
      <c r="HPK690" s="613"/>
      <c r="HPL690" s="613"/>
      <c r="HPM690" s="613"/>
      <c r="HPN690" s="613"/>
      <c r="HPO690" s="613"/>
      <c r="HPP690" s="613"/>
      <c r="HPQ690" s="613"/>
      <c r="HPR690" s="613"/>
      <c r="HPS690" s="613"/>
      <c r="HPT690" s="613"/>
      <c r="HPU690" s="613"/>
      <c r="HPV690" s="613"/>
      <c r="HPW690" s="613"/>
      <c r="HPX690" s="613"/>
      <c r="HPY690" s="613"/>
      <c r="HPZ690" s="613"/>
      <c r="HQA690" s="613"/>
      <c r="HQB690" s="613"/>
      <c r="HQC690" s="613"/>
      <c r="HQD690" s="613"/>
      <c r="HQE690" s="613"/>
      <c r="HQF690" s="613"/>
      <c r="HQG690" s="613"/>
      <c r="HQH690" s="613"/>
      <c r="HQI690" s="613"/>
      <c r="HQJ690" s="613"/>
      <c r="HQK690" s="613"/>
      <c r="HQL690" s="613"/>
      <c r="HQM690" s="613"/>
      <c r="HQN690" s="613"/>
      <c r="HQO690" s="613"/>
      <c r="HQP690" s="613"/>
      <c r="HQQ690" s="613"/>
      <c r="HQR690" s="613"/>
      <c r="HQS690" s="613"/>
      <c r="HQT690" s="613"/>
      <c r="HQU690" s="613"/>
      <c r="HQV690" s="613"/>
      <c r="HQW690" s="613"/>
      <c r="HQX690" s="613"/>
      <c r="HQY690" s="613"/>
      <c r="HQZ690" s="613"/>
      <c r="HRA690" s="613"/>
      <c r="HRB690" s="613"/>
      <c r="HRC690" s="613"/>
      <c r="HRD690" s="613"/>
      <c r="HRE690" s="613"/>
      <c r="HRF690" s="613"/>
      <c r="HRG690" s="613"/>
      <c r="HRH690" s="613"/>
      <c r="HRI690" s="613"/>
      <c r="HRJ690" s="613"/>
      <c r="HRK690" s="613"/>
      <c r="HRL690" s="613"/>
      <c r="HRM690" s="613"/>
      <c r="HRN690" s="613"/>
      <c r="HRO690" s="613"/>
      <c r="HRP690" s="613"/>
      <c r="HRQ690" s="613"/>
      <c r="HRR690" s="613"/>
      <c r="HRS690" s="613"/>
      <c r="HRT690" s="613"/>
      <c r="HRU690" s="613"/>
      <c r="HRV690" s="613"/>
      <c r="HRW690" s="613"/>
      <c r="HRX690" s="613"/>
      <c r="HRY690" s="613"/>
      <c r="HRZ690" s="613"/>
      <c r="HSA690" s="613"/>
      <c r="HSB690" s="613"/>
      <c r="HSC690" s="613"/>
      <c r="HSD690" s="613"/>
      <c r="HSE690" s="613"/>
      <c r="HSF690" s="613"/>
      <c r="HSG690" s="613"/>
      <c r="HSH690" s="613"/>
      <c r="HSI690" s="613"/>
      <c r="HSJ690" s="613"/>
      <c r="HSK690" s="613"/>
      <c r="HSL690" s="613"/>
      <c r="HSM690" s="613"/>
      <c r="HSN690" s="613"/>
      <c r="HSO690" s="613"/>
      <c r="HSP690" s="613"/>
      <c r="HSQ690" s="613"/>
      <c r="HSR690" s="613"/>
      <c r="HSS690" s="613"/>
      <c r="HST690" s="613"/>
      <c r="HSU690" s="613"/>
      <c r="HSV690" s="613"/>
      <c r="HSW690" s="613"/>
      <c r="HSX690" s="613"/>
      <c r="HSY690" s="613"/>
      <c r="HSZ690" s="613"/>
      <c r="HTA690" s="613"/>
      <c r="HTB690" s="613"/>
      <c r="HTC690" s="613"/>
      <c r="HTD690" s="613"/>
      <c r="HTE690" s="613"/>
      <c r="HTF690" s="613"/>
      <c r="HTG690" s="613"/>
      <c r="HTH690" s="613"/>
      <c r="HTI690" s="613"/>
      <c r="HTJ690" s="613"/>
      <c r="HTK690" s="613"/>
      <c r="HTL690" s="613"/>
      <c r="HTM690" s="613"/>
      <c r="HTN690" s="613"/>
      <c r="HTO690" s="613"/>
      <c r="HTP690" s="613"/>
      <c r="HTQ690" s="613"/>
      <c r="HTR690" s="613"/>
      <c r="HTS690" s="613"/>
      <c r="HTT690" s="613"/>
      <c r="HTU690" s="613"/>
      <c r="HTV690" s="613"/>
      <c r="HTW690" s="613"/>
      <c r="HTX690" s="613"/>
      <c r="HTY690" s="613"/>
      <c r="HTZ690" s="613"/>
      <c r="HUA690" s="613"/>
      <c r="HUB690" s="613"/>
      <c r="HUC690" s="613"/>
      <c r="HUD690" s="613"/>
      <c r="HUE690" s="613"/>
      <c r="HUF690" s="613"/>
      <c r="HUG690" s="613"/>
      <c r="HUH690" s="613"/>
      <c r="HUI690" s="613"/>
      <c r="HUJ690" s="613"/>
      <c r="HUK690" s="613"/>
      <c r="HUL690" s="613"/>
      <c r="HUM690" s="613"/>
      <c r="HUN690" s="613"/>
      <c r="HUO690" s="613"/>
      <c r="HUP690" s="613"/>
      <c r="HUQ690" s="613"/>
      <c r="HUR690" s="613"/>
      <c r="HUS690" s="613"/>
      <c r="HUT690" s="613"/>
      <c r="HUU690" s="613"/>
      <c r="HUV690" s="613"/>
      <c r="HUW690" s="613"/>
      <c r="HUX690" s="613"/>
      <c r="HUY690" s="613"/>
      <c r="HUZ690" s="613"/>
      <c r="HVA690" s="613"/>
      <c r="HVB690" s="613"/>
      <c r="HVC690" s="613"/>
      <c r="HVD690" s="613"/>
      <c r="HVE690" s="613"/>
      <c r="HVF690" s="613"/>
      <c r="HVG690" s="613"/>
      <c r="HVH690" s="613"/>
      <c r="HVI690" s="613"/>
      <c r="HVJ690" s="613"/>
      <c r="HVK690" s="613"/>
      <c r="HVL690" s="613"/>
      <c r="HVM690" s="613"/>
      <c r="HVN690" s="613"/>
      <c r="HVO690" s="613"/>
      <c r="HVP690" s="613"/>
      <c r="HVQ690" s="613"/>
      <c r="HVR690" s="613"/>
      <c r="HVS690" s="613"/>
      <c r="HVT690" s="613"/>
      <c r="HVU690" s="613"/>
      <c r="HVV690" s="613"/>
      <c r="HVW690" s="613"/>
      <c r="HVX690" s="613"/>
      <c r="HVY690" s="613"/>
      <c r="HVZ690" s="613"/>
      <c r="HWA690" s="613"/>
      <c r="HWB690" s="613"/>
      <c r="HWC690" s="613"/>
      <c r="HWD690" s="613"/>
      <c r="HWE690" s="613"/>
      <c r="HWF690" s="613"/>
      <c r="HWG690" s="613"/>
      <c r="HWH690" s="613"/>
      <c r="HWI690" s="613"/>
      <c r="HWJ690" s="613"/>
      <c r="HWK690" s="613"/>
      <c r="HWL690" s="613"/>
      <c r="HWM690" s="613"/>
      <c r="HWN690" s="613"/>
      <c r="HWO690" s="613"/>
      <c r="HWP690" s="613"/>
      <c r="HWQ690" s="613"/>
      <c r="HWR690" s="613"/>
      <c r="HWS690" s="613"/>
      <c r="HWT690" s="613"/>
      <c r="HWU690" s="613"/>
      <c r="HWV690" s="613"/>
      <c r="HWW690" s="613"/>
      <c r="HWX690" s="613"/>
      <c r="HWY690" s="613"/>
      <c r="HWZ690" s="613"/>
      <c r="HXA690" s="613"/>
      <c r="HXB690" s="613"/>
      <c r="HXC690" s="613"/>
      <c r="HXD690" s="613"/>
      <c r="HXE690" s="613"/>
      <c r="HXF690" s="613"/>
      <c r="HXG690" s="613"/>
      <c r="HXH690" s="613"/>
      <c r="HXI690" s="613"/>
      <c r="HXJ690" s="613"/>
      <c r="HXK690" s="613"/>
      <c r="HXL690" s="613"/>
      <c r="HXM690" s="613"/>
      <c r="HXN690" s="613"/>
      <c r="HXO690" s="613"/>
      <c r="HXP690" s="613"/>
      <c r="HXQ690" s="613"/>
      <c r="HXR690" s="613"/>
      <c r="HXS690" s="613"/>
      <c r="HXT690" s="613"/>
      <c r="HXU690" s="613"/>
      <c r="HXV690" s="613"/>
      <c r="HXW690" s="613"/>
      <c r="HXX690" s="613"/>
      <c r="HXY690" s="613"/>
      <c r="HXZ690" s="613"/>
      <c r="HYA690" s="613"/>
      <c r="HYB690" s="613"/>
      <c r="HYC690" s="613"/>
      <c r="HYD690" s="613"/>
      <c r="HYE690" s="613"/>
      <c r="HYF690" s="613"/>
      <c r="HYG690" s="613"/>
      <c r="HYH690" s="613"/>
      <c r="HYI690" s="613"/>
      <c r="HYJ690" s="613"/>
      <c r="HYK690" s="613"/>
      <c r="HYL690" s="613"/>
      <c r="HYM690" s="613"/>
      <c r="HYN690" s="613"/>
      <c r="HYO690" s="613"/>
      <c r="HYP690" s="613"/>
      <c r="HYQ690" s="613"/>
      <c r="HYR690" s="613"/>
      <c r="HYS690" s="613"/>
      <c r="HYT690" s="613"/>
      <c r="HYU690" s="613"/>
      <c r="HYV690" s="613"/>
      <c r="HYW690" s="613"/>
      <c r="HYX690" s="613"/>
      <c r="HYY690" s="613"/>
      <c r="HYZ690" s="613"/>
      <c r="HZA690" s="613"/>
      <c r="HZB690" s="613"/>
      <c r="HZC690" s="613"/>
      <c r="HZD690" s="613"/>
      <c r="HZE690" s="613"/>
      <c r="HZF690" s="613"/>
      <c r="HZG690" s="613"/>
      <c r="HZH690" s="613"/>
      <c r="HZI690" s="613"/>
      <c r="HZJ690" s="613"/>
      <c r="HZK690" s="613"/>
      <c r="HZL690" s="613"/>
      <c r="HZM690" s="613"/>
      <c r="HZN690" s="613"/>
      <c r="HZO690" s="613"/>
      <c r="HZP690" s="613"/>
      <c r="HZQ690" s="613"/>
      <c r="HZR690" s="613"/>
      <c r="HZS690" s="613"/>
      <c r="HZT690" s="613"/>
      <c r="HZU690" s="613"/>
      <c r="HZV690" s="613"/>
      <c r="HZW690" s="613"/>
      <c r="HZX690" s="613"/>
      <c r="HZY690" s="613"/>
      <c r="HZZ690" s="613"/>
      <c r="IAA690" s="613"/>
      <c r="IAB690" s="613"/>
      <c r="IAC690" s="613"/>
      <c r="IAD690" s="613"/>
      <c r="IAE690" s="613"/>
      <c r="IAF690" s="613"/>
      <c r="IAG690" s="613"/>
      <c r="IAH690" s="613"/>
      <c r="IAI690" s="613"/>
      <c r="IAJ690" s="613"/>
      <c r="IAK690" s="613"/>
      <c r="IAL690" s="613"/>
      <c r="IAM690" s="613"/>
      <c r="IAN690" s="613"/>
      <c r="IAO690" s="613"/>
      <c r="IAP690" s="613"/>
      <c r="IAQ690" s="613"/>
      <c r="IAR690" s="613"/>
      <c r="IAS690" s="613"/>
      <c r="IAT690" s="613"/>
      <c r="IAU690" s="613"/>
      <c r="IAV690" s="613"/>
      <c r="IAW690" s="613"/>
      <c r="IAX690" s="613"/>
      <c r="IAY690" s="613"/>
      <c r="IAZ690" s="613"/>
      <c r="IBA690" s="613"/>
      <c r="IBB690" s="613"/>
      <c r="IBC690" s="613"/>
      <c r="IBD690" s="613"/>
      <c r="IBE690" s="613"/>
      <c r="IBF690" s="613"/>
      <c r="IBG690" s="613"/>
      <c r="IBH690" s="613"/>
      <c r="IBI690" s="613"/>
      <c r="IBJ690" s="613"/>
      <c r="IBK690" s="613"/>
      <c r="IBL690" s="613"/>
      <c r="IBM690" s="613"/>
      <c r="IBN690" s="613"/>
      <c r="IBO690" s="613"/>
      <c r="IBP690" s="613"/>
      <c r="IBQ690" s="613"/>
      <c r="IBR690" s="613"/>
      <c r="IBS690" s="613"/>
      <c r="IBT690" s="613"/>
      <c r="IBU690" s="613"/>
      <c r="IBV690" s="613"/>
      <c r="IBW690" s="613"/>
      <c r="IBX690" s="613"/>
      <c r="IBY690" s="613"/>
      <c r="IBZ690" s="613"/>
      <c r="ICA690" s="613"/>
      <c r="ICB690" s="613"/>
      <c r="ICC690" s="613"/>
      <c r="ICD690" s="613"/>
      <c r="ICE690" s="613"/>
      <c r="ICF690" s="613"/>
      <c r="ICG690" s="613"/>
      <c r="ICH690" s="613"/>
      <c r="ICI690" s="613"/>
      <c r="ICJ690" s="613"/>
      <c r="ICK690" s="613"/>
      <c r="ICL690" s="613"/>
      <c r="ICM690" s="613"/>
      <c r="ICN690" s="613"/>
      <c r="ICO690" s="613"/>
      <c r="ICP690" s="613"/>
      <c r="ICQ690" s="613"/>
      <c r="ICR690" s="613"/>
      <c r="ICS690" s="613"/>
      <c r="ICT690" s="613"/>
      <c r="ICU690" s="613"/>
      <c r="ICV690" s="613"/>
      <c r="ICW690" s="613"/>
      <c r="ICX690" s="613"/>
      <c r="ICY690" s="613"/>
      <c r="ICZ690" s="613"/>
      <c r="IDA690" s="613"/>
      <c r="IDB690" s="613"/>
      <c r="IDC690" s="613"/>
      <c r="IDD690" s="613"/>
      <c r="IDE690" s="613"/>
      <c r="IDF690" s="613"/>
      <c r="IDG690" s="613"/>
      <c r="IDH690" s="613"/>
      <c r="IDI690" s="613"/>
      <c r="IDJ690" s="613"/>
      <c r="IDK690" s="613"/>
      <c r="IDL690" s="613"/>
      <c r="IDM690" s="613"/>
      <c r="IDN690" s="613"/>
      <c r="IDO690" s="613"/>
      <c r="IDP690" s="613"/>
      <c r="IDQ690" s="613"/>
      <c r="IDR690" s="613"/>
      <c r="IDS690" s="613"/>
      <c r="IDT690" s="613"/>
      <c r="IDU690" s="613"/>
      <c r="IDV690" s="613"/>
      <c r="IDW690" s="613"/>
      <c r="IDX690" s="613"/>
      <c r="IDY690" s="613"/>
      <c r="IDZ690" s="613"/>
      <c r="IEA690" s="613"/>
      <c r="IEB690" s="613"/>
      <c r="IEC690" s="613"/>
      <c r="IED690" s="613"/>
      <c r="IEE690" s="613"/>
      <c r="IEF690" s="613"/>
      <c r="IEG690" s="613"/>
      <c r="IEH690" s="613"/>
      <c r="IEI690" s="613"/>
      <c r="IEJ690" s="613"/>
      <c r="IEK690" s="613"/>
      <c r="IEL690" s="613"/>
      <c r="IEM690" s="613"/>
      <c r="IEN690" s="613"/>
      <c r="IEO690" s="613"/>
      <c r="IEP690" s="613"/>
      <c r="IEQ690" s="613"/>
      <c r="IER690" s="613"/>
      <c r="IES690" s="613"/>
      <c r="IET690" s="613"/>
      <c r="IEU690" s="613"/>
      <c r="IEV690" s="613"/>
      <c r="IEW690" s="613"/>
      <c r="IEX690" s="613"/>
      <c r="IEY690" s="613"/>
      <c r="IEZ690" s="613"/>
      <c r="IFA690" s="613"/>
      <c r="IFB690" s="613"/>
      <c r="IFC690" s="613"/>
      <c r="IFD690" s="613"/>
      <c r="IFE690" s="613"/>
      <c r="IFF690" s="613"/>
      <c r="IFG690" s="613"/>
      <c r="IFH690" s="613"/>
      <c r="IFI690" s="613"/>
      <c r="IFJ690" s="613"/>
      <c r="IFK690" s="613"/>
      <c r="IFL690" s="613"/>
      <c r="IFM690" s="613"/>
      <c r="IFN690" s="613"/>
      <c r="IFO690" s="613"/>
      <c r="IFP690" s="613"/>
      <c r="IFQ690" s="613"/>
      <c r="IFR690" s="613"/>
      <c r="IFS690" s="613"/>
      <c r="IFT690" s="613"/>
      <c r="IFU690" s="613"/>
      <c r="IFV690" s="613"/>
      <c r="IFW690" s="613"/>
      <c r="IFX690" s="613"/>
      <c r="IFY690" s="613"/>
      <c r="IFZ690" s="613"/>
      <c r="IGA690" s="613"/>
      <c r="IGB690" s="613"/>
      <c r="IGC690" s="613"/>
      <c r="IGD690" s="613"/>
      <c r="IGE690" s="613"/>
      <c r="IGF690" s="613"/>
      <c r="IGG690" s="613"/>
      <c r="IGH690" s="613"/>
      <c r="IGI690" s="613"/>
      <c r="IGJ690" s="613"/>
      <c r="IGK690" s="613"/>
      <c r="IGL690" s="613"/>
      <c r="IGM690" s="613"/>
      <c r="IGN690" s="613"/>
      <c r="IGO690" s="613"/>
      <c r="IGP690" s="613"/>
      <c r="IGQ690" s="613"/>
      <c r="IGR690" s="613"/>
      <c r="IGS690" s="613"/>
      <c r="IGT690" s="613"/>
      <c r="IGU690" s="613"/>
      <c r="IGV690" s="613"/>
      <c r="IGW690" s="613"/>
      <c r="IGX690" s="613"/>
      <c r="IGY690" s="613"/>
      <c r="IGZ690" s="613"/>
      <c r="IHA690" s="613"/>
      <c r="IHB690" s="613"/>
      <c r="IHC690" s="613"/>
      <c r="IHD690" s="613"/>
      <c r="IHE690" s="613"/>
      <c r="IHF690" s="613"/>
      <c r="IHG690" s="613"/>
      <c r="IHH690" s="613"/>
      <c r="IHI690" s="613"/>
      <c r="IHJ690" s="613"/>
      <c r="IHK690" s="613"/>
      <c r="IHL690" s="613"/>
      <c r="IHM690" s="613"/>
      <c r="IHN690" s="613"/>
      <c r="IHO690" s="613"/>
      <c r="IHP690" s="613"/>
      <c r="IHQ690" s="613"/>
      <c r="IHR690" s="613"/>
      <c r="IHS690" s="613"/>
      <c r="IHT690" s="613"/>
      <c r="IHU690" s="613"/>
      <c r="IHV690" s="613"/>
      <c r="IHW690" s="613"/>
      <c r="IHX690" s="613"/>
      <c r="IHY690" s="613"/>
      <c r="IHZ690" s="613"/>
      <c r="IIA690" s="613"/>
      <c r="IIB690" s="613"/>
      <c r="IIC690" s="613"/>
      <c r="IID690" s="613"/>
      <c r="IIE690" s="613"/>
      <c r="IIF690" s="613"/>
      <c r="IIG690" s="613"/>
      <c r="IIH690" s="613"/>
      <c r="III690" s="613"/>
      <c r="IIJ690" s="613"/>
      <c r="IIK690" s="613"/>
      <c r="IIL690" s="613"/>
      <c r="IIM690" s="613"/>
      <c r="IIN690" s="613"/>
      <c r="IIO690" s="613"/>
      <c r="IIP690" s="613"/>
      <c r="IIQ690" s="613"/>
      <c r="IIR690" s="613"/>
      <c r="IIS690" s="613"/>
      <c r="IIT690" s="613"/>
      <c r="IIU690" s="613"/>
      <c r="IIV690" s="613"/>
      <c r="IIW690" s="613"/>
      <c r="IIX690" s="613"/>
      <c r="IIY690" s="613"/>
      <c r="IIZ690" s="613"/>
      <c r="IJA690" s="613"/>
      <c r="IJB690" s="613"/>
      <c r="IJC690" s="613"/>
      <c r="IJD690" s="613"/>
      <c r="IJE690" s="613"/>
      <c r="IJF690" s="613"/>
      <c r="IJG690" s="613"/>
      <c r="IJH690" s="613"/>
      <c r="IJI690" s="613"/>
      <c r="IJJ690" s="613"/>
      <c r="IJK690" s="613"/>
      <c r="IJL690" s="613"/>
      <c r="IJM690" s="613"/>
      <c r="IJN690" s="613"/>
      <c r="IJO690" s="613"/>
      <c r="IJP690" s="613"/>
      <c r="IJQ690" s="613"/>
      <c r="IJR690" s="613"/>
      <c r="IJS690" s="613"/>
      <c r="IJT690" s="613"/>
      <c r="IJU690" s="613"/>
      <c r="IJV690" s="613"/>
      <c r="IJW690" s="613"/>
      <c r="IJX690" s="613"/>
      <c r="IJY690" s="613"/>
      <c r="IJZ690" s="613"/>
      <c r="IKA690" s="613"/>
      <c r="IKB690" s="613"/>
      <c r="IKC690" s="613"/>
      <c r="IKD690" s="613"/>
      <c r="IKE690" s="613"/>
      <c r="IKF690" s="613"/>
      <c r="IKG690" s="613"/>
      <c r="IKH690" s="613"/>
      <c r="IKI690" s="613"/>
      <c r="IKJ690" s="613"/>
      <c r="IKK690" s="613"/>
      <c r="IKL690" s="613"/>
      <c r="IKM690" s="613"/>
      <c r="IKN690" s="613"/>
      <c r="IKO690" s="613"/>
      <c r="IKP690" s="613"/>
      <c r="IKQ690" s="613"/>
      <c r="IKR690" s="613"/>
      <c r="IKS690" s="613"/>
      <c r="IKT690" s="613"/>
      <c r="IKU690" s="613"/>
      <c r="IKV690" s="613"/>
      <c r="IKW690" s="613"/>
      <c r="IKX690" s="613"/>
      <c r="IKY690" s="613"/>
      <c r="IKZ690" s="613"/>
      <c r="ILA690" s="613"/>
      <c r="ILB690" s="613"/>
      <c r="ILC690" s="613"/>
      <c r="ILD690" s="613"/>
      <c r="ILE690" s="613"/>
      <c r="ILF690" s="613"/>
      <c r="ILG690" s="613"/>
      <c r="ILH690" s="613"/>
      <c r="ILI690" s="613"/>
      <c r="ILJ690" s="613"/>
      <c r="ILK690" s="613"/>
      <c r="ILL690" s="613"/>
      <c r="ILM690" s="613"/>
      <c r="ILN690" s="613"/>
      <c r="ILO690" s="613"/>
      <c r="ILP690" s="613"/>
      <c r="ILQ690" s="613"/>
      <c r="ILR690" s="613"/>
      <c r="ILS690" s="613"/>
      <c r="ILT690" s="613"/>
      <c r="ILU690" s="613"/>
      <c r="ILV690" s="613"/>
      <c r="ILW690" s="613"/>
      <c r="ILX690" s="613"/>
      <c r="ILY690" s="613"/>
      <c r="ILZ690" s="613"/>
      <c r="IMA690" s="613"/>
      <c r="IMB690" s="613"/>
      <c r="IMC690" s="613"/>
      <c r="IMD690" s="613"/>
      <c r="IME690" s="613"/>
      <c r="IMF690" s="613"/>
      <c r="IMG690" s="613"/>
      <c r="IMH690" s="613"/>
      <c r="IMI690" s="613"/>
      <c r="IMJ690" s="613"/>
      <c r="IMK690" s="613"/>
      <c r="IML690" s="613"/>
      <c r="IMM690" s="613"/>
      <c r="IMN690" s="613"/>
      <c r="IMO690" s="613"/>
      <c r="IMP690" s="613"/>
      <c r="IMQ690" s="613"/>
      <c r="IMR690" s="613"/>
      <c r="IMS690" s="613"/>
      <c r="IMT690" s="613"/>
      <c r="IMU690" s="613"/>
      <c r="IMV690" s="613"/>
      <c r="IMW690" s="613"/>
      <c r="IMX690" s="613"/>
      <c r="IMY690" s="613"/>
      <c r="IMZ690" s="613"/>
      <c r="INA690" s="613"/>
      <c r="INB690" s="613"/>
      <c r="INC690" s="613"/>
      <c r="IND690" s="613"/>
      <c r="INE690" s="613"/>
      <c r="INF690" s="613"/>
      <c r="ING690" s="613"/>
      <c r="INH690" s="613"/>
      <c r="INI690" s="613"/>
      <c r="INJ690" s="613"/>
      <c r="INK690" s="613"/>
      <c r="INL690" s="613"/>
      <c r="INM690" s="613"/>
      <c r="INN690" s="613"/>
      <c r="INO690" s="613"/>
      <c r="INP690" s="613"/>
      <c r="INQ690" s="613"/>
      <c r="INR690" s="613"/>
      <c r="INS690" s="613"/>
      <c r="INT690" s="613"/>
      <c r="INU690" s="613"/>
      <c r="INV690" s="613"/>
      <c r="INW690" s="613"/>
      <c r="INX690" s="613"/>
      <c r="INY690" s="613"/>
      <c r="INZ690" s="613"/>
      <c r="IOA690" s="613"/>
      <c r="IOB690" s="613"/>
      <c r="IOC690" s="613"/>
      <c r="IOD690" s="613"/>
      <c r="IOE690" s="613"/>
      <c r="IOF690" s="613"/>
      <c r="IOG690" s="613"/>
      <c r="IOH690" s="613"/>
      <c r="IOI690" s="613"/>
      <c r="IOJ690" s="613"/>
      <c r="IOK690" s="613"/>
      <c r="IOL690" s="613"/>
      <c r="IOM690" s="613"/>
      <c r="ION690" s="613"/>
      <c r="IOO690" s="613"/>
      <c r="IOP690" s="613"/>
      <c r="IOQ690" s="613"/>
      <c r="IOR690" s="613"/>
      <c r="IOS690" s="613"/>
      <c r="IOT690" s="613"/>
      <c r="IOU690" s="613"/>
      <c r="IOV690" s="613"/>
      <c r="IOW690" s="613"/>
      <c r="IOX690" s="613"/>
      <c r="IOY690" s="613"/>
      <c r="IOZ690" s="613"/>
      <c r="IPA690" s="613"/>
      <c r="IPB690" s="613"/>
      <c r="IPC690" s="613"/>
      <c r="IPD690" s="613"/>
      <c r="IPE690" s="613"/>
      <c r="IPF690" s="613"/>
      <c r="IPG690" s="613"/>
      <c r="IPH690" s="613"/>
      <c r="IPI690" s="613"/>
      <c r="IPJ690" s="613"/>
      <c r="IPK690" s="613"/>
      <c r="IPL690" s="613"/>
      <c r="IPM690" s="613"/>
      <c r="IPN690" s="613"/>
      <c r="IPO690" s="613"/>
      <c r="IPP690" s="613"/>
      <c r="IPQ690" s="613"/>
      <c r="IPR690" s="613"/>
      <c r="IPS690" s="613"/>
      <c r="IPT690" s="613"/>
      <c r="IPU690" s="613"/>
      <c r="IPV690" s="613"/>
      <c r="IPW690" s="613"/>
      <c r="IPX690" s="613"/>
      <c r="IPY690" s="613"/>
      <c r="IPZ690" s="613"/>
      <c r="IQA690" s="613"/>
      <c r="IQB690" s="613"/>
      <c r="IQC690" s="613"/>
      <c r="IQD690" s="613"/>
      <c r="IQE690" s="613"/>
      <c r="IQF690" s="613"/>
      <c r="IQG690" s="613"/>
      <c r="IQH690" s="613"/>
      <c r="IQI690" s="613"/>
      <c r="IQJ690" s="613"/>
      <c r="IQK690" s="613"/>
      <c r="IQL690" s="613"/>
      <c r="IQM690" s="613"/>
      <c r="IQN690" s="613"/>
      <c r="IQO690" s="613"/>
      <c r="IQP690" s="613"/>
      <c r="IQQ690" s="613"/>
      <c r="IQR690" s="613"/>
      <c r="IQS690" s="613"/>
      <c r="IQT690" s="613"/>
      <c r="IQU690" s="613"/>
      <c r="IQV690" s="613"/>
      <c r="IQW690" s="613"/>
      <c r="IQX690" s="613"/>
      <c r="IQY690" s="613"/>
      <c r="IQZ690" s="613"/>
      <c r="IRA690" s="613"/>
      <c r="IRB690" s="613"/>
      <c r="IRC690" s="613"/>
      <c r="IRD690" s="613"/>
      <c r="IRE690" s="613"/>
      <c r="IRF690" s="613"/>
      <c r="IRG690" s="613"/>
      <c r="IRH690" s="613"/>
      <c r="IRI690" s="613"/>
      <c r="IRJ690" s="613"/>
      <c r="IRK690" s="613"/>
      <c r="IRL690" s="613"/>
      <c r="IRM690" s="613"/>
      <c r="IRN690" s="613"/>
      <c r="IRO690" s="613"/>
      <c r="IRP690" s="613"/>
      <c r="IRQ690" s="613"/>
      <c r="IRR690" s="613"/>
      <c r="IRS690" s="613"/>
      <c r="IRT690" s="613"/>
      <c r="IRU690" s="613"/>
      <c r="IRV690" s="613"/>
      <c r="IRW690" s="613"/>
      <c r="IRX690" s="613"/>
      <c r="IRY690" s="613"/>
      <c r="IRZ690" s="613"/>
      <c r="ISA690" s="613"/>
      <c r="ISB690" s="613"/>
      <c r="ISC690" s="613"/>
      <c r="ISD690" s="613"/>
      <c r="ISE690" s="613"/>
      <c r="ISF690" s="613"/>
      <c r="ISG690" s="613"/>
      <c r="ISH690" s="613"/>
      <c r="ISI690" s="613"/>
      <c r="ISJ690" s="613"/>
      <c r="ISK690" s="613"/>
      <c r="ISL690" s="613"/>
      <c r="ISM690" s="613"/>
      <c r="ISN690" s="613"/>
      <c r="ISO690" s="613"/>
      <c r="ISP690" s="613"/>
      <c r="ISQ690" s="613"/>
      <c r="ISR690" s="613"/>
      <c r="ISS690" s="613"/>
      <c r="IST690" s="613"/>
      <c r="ISU690" s="613"/>
      <c r="ISV690" s="613"/>
      <c r="ISW690" s="613"/>
      <c r="ISX690" s="613"/>
      <c r="ISY690" s="613"/>
      <c r="ISZ690" s="613"/>
      <c r="ITA690" s="613"/>
      <c r="ITB690" s="613"/>
      <c r="ITC690" s="613"/>
      <c r="ITD690" s="613"/>
      <c r="ITE690" s="613"/>
      <c r="ITF690" s="613"/>
      <c r="ITG690" s="613"/>
      <c r="ITH690" s="613"/>
      <c r="ITI690" s="613"/>
      <c r="ITJ690" s="613"/>
      <c r="ITK690" s="613"/>
      <c r="ITL690" s="613"/>
      <c r="ITM690" s="613"/>
      <c r="ITN690" s="613"/>
      <c r="ITO690" s="613"/>
      <c r="ITP690" s="613"/>
      <c r="ITQ690" s="613"/>
      <c r="ITR690" s="613"/>
      <c r="ITS690" s="613"/>
      <c r="ITT690" s="613"/>
      <c r="ITU690" s="613"/>
      <c r="ITV690" s="613"/>
      <c r="ITW690" s="613"/>
      <c r="ITX690" s="613"/>
      <c r="ITY690" s="613"/>
      <c r="ITZ690" s="613"/>
      <c r="IUA690" s="613"/>
      <c r="IUB690" s="613"/>
      <c r="IUC690" s="613"/>
      <c r="IUD690" s="613"/>
      <c r="IUE690" s="613"/>
      <c r="IUF690" s="613"/>
      <c r="IUG690" s="613"/>
      <c r="IUH690" s="613"/>
      <c r="IUI690" s="613"/>
      <c r="IUJ690" s="613"/>
      <c r="IUK690" s="613"/>
      <c r="IUL690" s="613"/>
      <c r="IUM690" s="613"/>
      <c r="IUN690" s="613"/>
      <c r="IUO690" s="613"/>
      <c r="IUP690" s="613"/>
      <c r="IUQ690" s="613"/>
      <c r="IUR690" s="613"/>
      <c r="IUS690" s="613"/>
      <c r="IUT690" s="613"/>
      <c r="IUU690" s="613"/>
      <c r="IUV690" s="613"/>
      <c r="IUW690" s="613"/>
      <c r="IUX690" s="613"/>
      <c r="IUY690" s="613"/>
      <c r="IUZ690" s="613"/>
      <c r="IVA690" s="613"/>
      <c r="IVB690" s="613"/>
      <c r="IVC690" s="613"/>
      <c r="IVD690" s="613"/>
      <c r="IVE690" s="613"/>
      <c r="IVF690" s="613"/>
      <c r="IVG690" s="613"/>
      <c r="IVH690" s="613"/>
      <c r="IVI690" s="613"/>
      <c r="IVJ690" s="613"/>
      <c r="IVK690" s="613"/>
      <c r="IVL690" s="613"/>
      <c r="IVM690" s="613"/>
      <c r="IVN690" s="613"/>
      <c r="IVO690" s="613"/>
      <c r="IVP690" s="613"/>
      <c r="IVQ690" s="613"/>
      <c r="IVR690" s="613"/>
      <c r="IVS690" s="613"/>
      <c r="IVT690" s="613"/>
      <c r="IVU690" s="613"/>
      <c r="IVV690" s="613"/>
      <c r="IVW690" s="613"/>
      <c r="IVX690" s="613"/>
      <c r="IVY690" s="613"/>
      <c r="IVZ690" s="613"/>
      <c r="IWA690" s="613"/>
      <c r="IWB690" s="613"/>
      <c r="IWC690" s="613"/>
      <c r="IWD690" s="613"/>
      <c r="IWE690" s="613"/>
      <c r="IWF690" s="613"/>
      <c r="IWG690" s="613"/>
      <c r="IWH690" s="613"/>
      <c r="IWI690" s="613"/>
      <c r="IWJ690" s="613"/>
      <c r="IWK690" s="613"/>
      <c r="IWL690" s="613"/>
      <c r="IWM690" s="613"/>
      <c r="IWN690" s="613"/>
      <c r="IWO690" s="613"/>
      <c r="IWP690" s="613"/>
      <c r="IWQ690" s="613"/>
      <c r="IWR690" s="613"/>
      <c r="IWS690" s="613"/>
      <c r="IWT690" s="613"/>
      <c r="IWU690" s="613"/>
      <c r="IWV690" s="613"/>
      <c r="IWW690" s="613"/>
      <c r="IWX690" s="613"/>
      <c r="IWY690" s="613"/>
      <c r="IWZ690" s="613"/>
      <c r="IXA690" s="613"/>
      <c r="IXB690" s="613"/>
      <c r="IXC690" s="613"/>
      <c r="IXD690" s="613"/>
      <c r="IXE690" s="613"/>
      <c r="IXF690" s="613"/>
      <c r="IXG690" s="613"/>
      <c r="IXH690" s="613"/>
      <c r="IXI690" s="613"/>
      <c r="IXJ690" s="613"/>
      <c r="IXK690" s="613"/>
      <c r="IXL690" s="613"/>
      <c r="IXM690" s="613"/>
      <c r="IXN690" s="613"/>
      <c r="IXO690" s="613"/>
      <c r="IXP690" s="613"/>
      <c r="IXQ690" s="613"/>
      <c r="IXR690" s="613"/>
      <c r="IXS690" s="613"/>
      <c r="IXT690" s="613"/>
      <c r="IXU690" s="613"/>
      <c r="IXV690" s="613"/>
      <c r="IXW690" s="613"/>
      <c r="IXX690" s="613"/>
      <c r="IXY690" s="613"/>
      <c r="IXZ690" s="613"/>
      <c r="IYA690" s="613"/>
      <c r="IYB690" s="613"/>
      <c r="IYC690" s="613"/>
      <c r="IYD690" s="613"/>
      <c r="IYE690" s="613"/>
      <c r="IYF690" s="613"/>
      <c r="IYG690" s="613"/>
      <c r="IYH690" s="613"/>
      <c r="IYI690" s="613"/>
      <c r="IYJ690" s="613"/>
      <c r="IYK690" s="613"/>
      <c r="IYL690" s="613"/>
      <c r="IYM690" s="613"/>
      <c r="IYN690" s="613"/>
      <c r="IYO690" s="613"/>
      <c r="IYP690" s="613"/>
      <c r="IYQ690" s="613"/>
      <c r="IYR690" s="613"/>
      <c r="IYS690" s="613"/>
      <c r="IYT690" s="613"/>
      <c r="IYU690" s="613"/>
      <c r="IYV690" s="613"/>
      <c r="IYW690" s="613"/>
      <c r="IYX690" s="613"/>
      <c r="IYY690" s="613"/>
      <c r="IYZ690" s="613"/>
      <c r="IZA690" s="613"/>
      <c r="IZB690" s="613"/>
      <c r="IZC690" s="613"/>
      <c r="IZD690" s="613"/>
      <c r="IZE690" s="613"/>
      <c r="IZF690" s="613"/>
      <c r="IZG690" s="613"/>
      <c r="IZH690" s="613"/>
      <c r="IZI690" s="613"/>
      <c r="IZJ690" s="613"/>
      <c r="IZK690" s="613"/>
      <c r="IZL690" s="613"/>
      <c r="IZM690" s="613"/>
      <c r="IZN690" s="613"/>
      <c r="IZO690" s="613"/>
      <c r="IZP690" s="613"/>
      <c r="IZQ690" s="613"/>
      <c r="IZR690" s="613"/>
      <c r="IZS690" s="613"/>
      <c r="IZT690" s="613"/>
      <c r="IZU690" s="613"/>
      <c r="IZV690" s="613"/>
      <c r="IZW690" s="613"/>
      <c r="IZX690" s="613"/>
      <c r="IZY690" s="613"/>
      <c r="IZZ690" s="613"/>
      <c r="JAA690" s="613"/>
      <c r="JAB690" s="613"/>
      <c r="JAC690" s="613"/>
      <c r="JAD690" s="613"/>
      <c r="JAE690" s="613"/>
      <c r="JAF690" s="613"/>
      <c r="JAG690" s="613"/>
      <c r="JAH690" s="613"/>
      <c r="JAI690" s="613"/>
      <c r="JAJ690" s="613"/>
      <c r="JAK690" s="613"/>
      <c r="JAL690" s="613"/>
      <c r="JAM690" s="613"/>
      <c r="JAN690" s="613"/>
      <c r="JAO690" s="613"/>
      <c r="JAP690" s="613"/>
      <c r="JAQ690" s="613"/>
      <c r="JAR690" s="613"/>
      <c r="JAS690" s="613"/>
      <c r="JAT690" s="613"/>
      <c r="JAU690" s="613"/>
      <c r="JAV690" s="613"/>
      <c r="JAW690" s="613"/>
      <c r="JAX690" s="613"/>
      <c r="JAY690" s="613"/>
      <c r="JAZ690" s="613"/>
      <c r="JBA690" s="613"/>
      <c r="JBB690" s="613"/>
      <c r="JBC690" s="613"/>
      <c r="JBD690" s="613"/>
      <c r="JBE690" s="613"/>
      <c r="JBF690" s="613"/>
      <c r="JBG690" s="613"/>
      <c r="JBH690" s="613"/>
      <c r="JBI690" s="613"/>
      <c r="JBJ690" s="613"/>
      <c r="JBK690" s="613"/>
      <c r="JBL690" s="613"/>
      <c r="JBM690" s="613"/>
      <c r="JBN690" s="613"/>
      <c r="JBO690" s="613"/>
      <c r="JBP690" s="613"/>
      <c r="JBQ690" s="613"/>
      <c r="JBR690" s="613"/>
      <c r="JBS690" s="613"/>
      <c r="JBT690" s="613"/>
      <c r="JBU690" s="613"/>
      <c r="JBV690" s="613"/>
      <c r="JBW690" s="613"/>
      <c r="JBX690" s="613"/>
      <c r="JBY690" s="613"/>
      <c r="JBZ690" s="613"/>
      <c r="JCA690" s="613"/>
      <c r="JCB690" s="613"/>
      <c r="JCC690" s="613"/>
      <c r="JCD690" s="613"/>
      <c r="JCE690" s="613"/>
      <c r="JCF690" s="613"/>
      <c r="JCG690" s="613"/>
      <c r="JCH690" s="613"/>
      <c r="JCI690" s="613"/>
      <c r="JCJ690" s="613"/>
      <c r="JCK690" s="613"/>
      <c r="JCL690" s="613"/>
      <c r="JCM690" s="613"/>
      <c r="JCN690" s="613"/>
      <c r="JCO690" s="613"/>
      <c r="JCP690" s="613"/>
      <c r="JCQ690" s="613"/>
      <c r="JCR690" s="613"/>
      <c r="JCS690" s="613"/>
      <c r="JCT690" s="613"/>
      <c r="JCU690" s="613"/>
      <c r="JCV690" s="613"/>
      <c r="JCW690" s="613"/>
      <c r="JCX690" s="613"/>
      <c r="JCY690" s="613"/>
      <c r="JCZ690" s="613"/>
      <c r="JDA690" s="613"/>
      <c r="JDB690" s="613"/>
      <c r="JDC690" s="613"/>
      <c r="JDD690" s="613"/>
      <c r="JDE690" s="613"/>
      <c r="JDF690" s="613"/>
      <c r="JDG690" s="613"/>
      <c r="JDH690" s="613"/>
      <c r="JDI690" s="613"/>
      <c r="JDJ690" s="613"/>
      <c r="JDK690" s="613"/>
      <c r="JDL690" s="613"/>
      <c r="JDM690" s="613"/>
      <c r="JDN690" s="613"/>
      <c r="JDO690" s="613"/>
      <c r="JDP690" s="613"/>
      <c r="JDQ690" s="613"/>
      <c r="JDR690" s="613"/>
      <c r="JDS690" s="613"/>
      <c r="JDT690" s="613"/>
      <c r="JDU690" s="613"/>
      <c r="JDV690" s="613"/>
      <c r="JDW690" s="613"/>
      <c r="JDX690" s="613"/>
      <c r="JDY690" s="613"/>
      <c r="JDZ690" s="613"/>
      <c r="JEA690" s="613"/>
      <c r="JEB690" s="613"/>
      <c r="JEC690" s="613"/>
      <c r="JED690" s="613"/>
      <c r="JEE690" s="613"/>
      <c r="JEF690" s="613"/>
      <c r="JEG690" s="613"/>
      <c r="JEH690" s="613"/>
      <c r="JEI690" s="613"/>
      <c r="JEJ690" s="613"/>
      <c r="JEK690" s="613"/>
      <c r="JEL690" s="613"/>
      <c r="JEM690" s="613"/>
      <c r="JEN690" s="613"/>
      <c r="JEO690" s="613"/>
      <c r="JEP690" s="613"/>
      <c r="JEQ690" s="613"/>
      <c r="JER690" s="613"/>
      <c r="JES690" s="613"/>
      <c r="JET690" s="613"/>
      <c r="JEU690" s="613"/>
      <c r="JEV690" s="613"/>
      <c r="JEW690" s="613"/>
      <c r="JEX690" s="613"/>
      <c r="JEY690" s="613"/>
      <c r="JEZ690" s="613"/>
      <c r="JFA690" s="613"/>
      <c r="JFB690" s="613"/>
      <c r="JFC690" s="613"/>
      <c r="JFD690" s="613"/>
      <c r="JFE690" s="613"/>
      <c r="JFF690" s="613"/>
      <c r="JFG690" s="613"/>
      <c r="JFH690" s="613"/>
      <c r="JFI690" s="613"/>
      <c r="JFJ690" s="613"/>
      <c r="JFK690" s="613"/>
      <c r="JFL690" s="613"/>
      <c r="JFM690" s="613"/>
      <c r="JFN690" s="613"/>
      <c r="JFO690" s="613"/>
      <c r="JFP690" s="613"/>
      <c r="JFQ690" s="613"/>
      <c r="JFR690" s="613"/>
      <c r="JFS690" s="613"/>
      <c r="JFT690" s="613"/>
      <c r="JFU690" s="613"/>
      <c r="JFV690" s="613"/>
      <c r="JFW690" s="613"/>
      <c r="JFX690" s="613"/>
      <c r="JFY690" s="613"/>
      <c r="JFZ690" s="613"/>
      <c r="JGA690" s="613"/>
      <c r="JGB690" s="613"/>
      <c r="JGC690" s="613"/>
      <c r="JGD690" s="613"/>
      <c r="JGE690" s="613"/>
      <c r="JGF690" s="613"/>
      <c r="JGG690" s="613"/>
      <c r="JGH690" s="613"/>
      <c r="JGI690" s="613"/>
      <c r="JGJ690" s="613"/>
      <c r="JGK690" s="613"/>
      <c r="JGL690" s="613"/>
      <c r="JGM690" s="613"/>
      <c r="JGN690" s="613"/>
      <c r="JGO690" s="613"/>
      <c r="JGP690" s="613"/>
      <c r="JGQ690" s="613"/>
      <c r="JGR690" s="613"/>
      <c r="JGS690" s="613"/>
      <c r="JGT690" s="613"/>
      <c r="JGU690" s="613"/>
      <c r="JGV690" s="613"/>
      <c r="JGW690" s="613"/>
      <c r="JGX690" s="613"/>
      <c r="JGY690" s="613"/>
      <c r="JGZ690" s="613"/>
      <c r="JHA690" s="613"/>
      <c r="JHB690" s="613"/>
      <c r="JHC690" s="613"/>
      <c r="JHD690" s="613"/>
      <c r="JHE690" s="613"/>
      <c r="JHF690" s="613"/>
      <c r="JHG690" s="613"/>
      <c r="JHH690" s="613"/>
      <c r="JHI690" s="613"/>
      <c r="JHJ690" s="613"/>
      <c r="JHK690" s="613"/>
      <c r="JHL690" s="613"/>
      <c r="JHM690" s="613"/>
      <c r="JHN690" s="613"/>
      <c r="JHO690" s="613"/>
      <c r="JHP690" s="613"/>
      <c r="JHQ690" s="613"/>
      <c r="JHR690" s="613"/>
      <c r="JHS690" s="613"/>
      <c r="JHT690" s="613"/>
      <c r="JHU690" s="613"/>
      <c r="JHV690" s="613"/>
      <c r="JHW690" s="613"/>
      <c r="JHX690" s="613"/>
      <c r="JHY690" s="613"/>
      <c r="JHZ690" s="613"/>
      <c r="JIA690" s="613"/>
      <c r="JIB690" s="613"/>
      <c r="JIC690" s="613"/>
      <c r="JID690" s="613"/>
      <c r="JIE690" s="613"/>
      <c r="JIF690" s="613"/>
      <c r="JIG690" s="613"/>
      <c r="JIH690" s="613"/>
      <c r="JII690" s="613"/>
      <c r="JIJ690" s="613"/>
      <c r="JIK690" s="613"/>
      <c r="JIL690" s="613"/>
      <c r="JIM690" s="613"/>
      <c r="JIN690" s="613"/>
      <c r="JIO690" s="613"/>
      <c r="JIP690" s="613"/>
      <c r="JIQ690" s="613"/>
      <c r="JIR690" s="613"/>
      <c r="JIS690" s="613"/>
      <c r="JIT690" s="613"/>
      <c r="JIU690" s="613"/>
      <c r="JIV690" s="613"/>
      <c r="JIW690" s="613"/>
      <c r="JIX690" s="613"/>
      <c r="JIY690" s="613"/>
      <c r="JIZ690" s="613"/>
      <c r="JJA690" s="613"/>
      <c r="JJB690" s="613"/>
      <c r="JJC690" s="613"/>
      <c r="JJD690" s="613"/>
      <c r="JJE690" s="613"/>
      <c r="JJF690" s="613"/>
      <c r="JJG690" s="613"/>
      <c r="JJH690" s="613"/>
      <c r="JJI690" s="613"/>
      <c r="JJJ690" s="613"/>
      <c r="JJK690" s="613"/>
      <c r="JJL690" s="613"/>
      <c r="JJM690" s="613"/>
      <c r="JJN690" s="613"/>
      <c r="JJO690" s="613"/>
      <c r="JJP690" s="613"/>
      <c r="JJQ690" s="613"/>
      <c r="JJR690" s="613"/>
      <c r="JJS690" s="613"/>
      <c r="JJT690" s="613"/>
      <c r="JJU690" s="613"/>
      <c r="JJV690" s="613"/>
      <c r="JJW690" s="613"/>
      <c r="JJX690" s="613"/>
      <c r="JJY690" s="613"/>
      <c r="JJZ690" s="613"/>
      <c r="JKA690" s="613"/>
      <c r="JKB690" s="613"/>
      <c r="JKC690" s="613"/>
      <c r="JKD690" s="613"/>
      <c r="JKE690" s="613"/>
      <c r="JKF690" s="613"/>
      <c r="JKG690" s="613"/>
      <c r="JKH690" s="613"/>
      <c r="JKI690" s="613"/>
      <c r="JKJ690" s="613"/>
      <c r="JKK690" s="613"/>
      <c r="JKL690" s="613"/>
      <c r="JKM690" s="613"/>
      <c r="JKN690" s="613"/>
      <c r="JKO690" s="613"/>
      <c r="JKP690" s="613"/>
      <c r="JKQ690" s="613"/>
      <c r="JKR690" s="613"/>
      <c r="JKS690" s="613"/>
      <c r="JKT690" s="613"/>
      <c r="JKU690" s="613"/>
      <c r="JKV690" s="613"/>
      <c r="JKW690" s="613"/>
      <c r="JKX690" s="613"/>
      <c r="JKY690" s="613"/>
      <c r="JKZ690" s="613"/>
      <c r="JLA690" s="613"/>
      <c r="JLB690" s="613"/>
      <c r="JLC690" s="613"/>
      <c r="JLD690" s="613"/>
      <c r="JLE690" s="613"/>
      <c r="JLF690" s="613"/>
      <c r="JLG690" s="613"/>
      <c r="JLH690" s="613"/>
      <c r="JLI690" s="613"/>
      <c r="JLJ690" s="613"/>
      <c r="JLK690" s="613"/>
      <c r="JLL690" s="613"/>
      <c r="JLM690" s="613"/>
      <c r="JLN690" s="613"/>
      <c r="JLO690" s="613"/>
      <c r="JLP690" s="613"/>
      <c r="JLQ690" s="613"/>
      <c r="JLR690" s="613"/>
      <c r="JLS690" s="613"/>
      <c r="JLT690" s="613"/>
      <c r="JLU690" s="613"/>
      <c r="JLV690" s="613"/>
      <c r="JLW690" s="613"/>
      <c r="JLX690" s="613"/>
      <c r="JLY690" s="613"/>
      <c r="JLZ690" s="613"/>
      <c r="JMA690" s="613"/>
      <c r="JMB690" s="613"/>
      <c r="JMC690" s="613"/>
      <c r="JMD690" s="613"/>
      <c r="JME690" s="613"/>
      <c r="JMF690" s="613"/>
      <c r="JMG690" s="613"/>
      <c r="JMH690" s="613"/>
      <c r="JMI690" s="613"/>
      <c r="JMJ690" s="613"/>
      <c r="JMK690" s="613"/>
      <c r="JML690" s="613"/>
      <c r="JMM690" s="613"/>
      <c r="JMN690" s="613"/>
      <c r="JMO690" s="613"/>
      <c r="JMP690" s="613"/>
      <c r="JMQ690" s="613"/>
      <c r="JMR690" s="613"/>
      <c r="JMS690" s="613"/>
      <c r="JMT690" s="613"/>
      <c r="JMU690" s="613"/>
      <c r="JMV690" s="613"/>
      <c r="JMW690" s="613"/>
      <c r="JMX690" s="613"/>
      <c r="JMY690" s="613"/>
      <c r="JMZ690" s="613"/>
      <c r="JNA690" s="613"/>
      <c r="JNB690" s="613"/>
      <c r="JNC690" s="613"/>
      <c r="JND690" s="613"/>
      <c r="JNE690" s="613"/>
      <c r="JNF690" s="613"/>
      <c r="JNG690" s="613"/>
      <c r="JNH690" s="613"/>
      <c r="JNI690" s="613"/>
      <c r="JNJ690" s="613"/>
      <c r="JNK690" s="613"/>
      <c r="JNL690" s="613"/>
      <c r="JNM690" s="613"/>
      <c r="JNN690" s="613"/>
      <c r="JNO690" s="613"/>
      <c r="JNP690" s="613"/>
      <c r="JNQ690" s="613"/>
      <c r="JNR690" s="613"/>
      <c r="JNS690" s="613"/>
      <c r="JNT690" s="613"/>
      <c r="JNU690" s="613"/>
      <c r="JNV690" s="613"/>
      <c r="JNW690" s="613"/>
      <c r="JNX690" s="613"/>
      <c r="JNY690" s="613"/>
      <c r="JNZ690" s="613"/>
      <c r="JOA690" s="613"/>
      <c r="JOB690" s="613"/>
      <c r="JOC690" s="613"/>
      <c r="JOD690" s="613"/>
      <c r="JOE690" s="613"/>
      <c r="JOF690" s="613"/>
      <c r="JOG690" s="613"/>
      <c r="JOH690" s="613"/>
      <c r="JOI690" s="613"/>
      <c r="JOJ690" s="613"/>
      <c r="JOK690" s="613"/>
      <c r="JOL690" s="613"/>
      <c r="JOM690" s="613"/>
      <c r="JON690" s="613"/>
      <c r="JOO690" s="613"/>
      <c r="JOP690" s="613"/>
      <c r="JOQ690" s="613"/>
      <c r="JOR690" s="613"/>
      <c r="JOS690" s="613"/>
      <c r="JOT690" s="613"/>
      <c r="JOU690" s="613"/>
      <c r="JOV690" s="613"/>
      <c r="JOW690" s="613"/>
      <c r="JOX690" s="613"/>
      <c r="JOY690" s="613"/>
      <c r="JOZ690" s="613"/>
      <c r="JPA690" s="613"/>
      <c r="JPB690" s="613"/>
      <c r="JPC690" s="613"/>
      <c r="JPD690" s="613"/>
      <c r="JPE690" s="613"/>
      <c r="JPF690" s="613"/>
      <c r="JPG690" s="613"/>
      <c r="JPH690" s="613"/>
      <c r="JPI690" s="613"/>
      <c r="JPJ690" s="613"/>
      <c r="JPK690" s="613"/>
      <c r="JPL690" s="613"/>
      <c r="JPM690" s="613"/>
      <c r="JPN690" s="613"/>
      <c r="JPO690" s="613"/>
      <c r="JPP690" s="613"/>
      <c r="JPQ690" s="613"/>
      <c r="JPR690" s="613"/>
      <c r="JPS690" s="613"/>
      <c r="JPT690" s="613"/>
      <c r="JPU690" s="613"/>
      <c r="JPV690" s="613"/>
      <c r="JPW690" s="613"/>
      <c r="JPX690" s="613"/>
      <c r="JPY690" s="613"/>
      <c r="JPZ690" s="613"/>
      <c r="JQA690" s="613"/>
      <c r="JQB690" s="613"/>
      <c r="JQC690" s="613"/>
      <c r="JQD690" s="613"/>
      <c r="JQE690" s="613"/>
      <c r="JQF690" s="613"/>
      <c r="JQG690" s="613"/>
      <c r="JQH690" s="613"/>
      <c r="JQI690" s="613"/>
      <c r="JQJ690" s="613"/>
      <c r="JQK690" s="613"/>
      <c r="JQL690" s="613"/>
      <c r="JQM690" s="613"/>
      <c r="JQN690" s="613"/>
      <c r="JQO690" s="613"/>
      <c r="JQP690" s="613"/>
      <c r="JQQ690" s="613"/>
      <c r="JQR690" s="613"/>
      <c r="JQS690" s="613"/>
      <c r="JQT690" s="613"/>
      <c r="JQU690" s="613"/>
      <c r="JQV690" s="613"/>
      <c r="JQW690" s="613"/>
      <c r="JQX690" s="613"/>
      <c r="JQY690" s="613"/>
      <c r="JQZ690" s="613"/>
      <c r="JRA690" s="613"/>
      <c r="JRB690" s="613"/>
      <c r="JRC690" s="613"/>
      <c r="JRD690" s="613"/>
      <c r="JRE690" s="613"/>
      <c r="JRF690" s="613"/>
      <c r="JRG690" s="613"/>
      <c r="JRH690" s="613"/>
      <c r="JRI690" s="613"/>
      <c r="JRJ690" s="613"/>
      <c r="JRK690" s="613"/>
      <c r="JRL690" s="613"/>
      <c r="JRM690" s="613"/>
      <c r="JRN690" s="613"/>
      <c r="JRO690" s="613"/>
      <c r="JRP690" s="613"/>
      <c r="JRQ690" s="613"/>
      <c r="JRR690" s="613"/>
      <c r="JRS690" s="613"/>
      <c r="JRT690" s="613"/>
      <c r="JRU690" s="613"/>
      <c r="JRV690" s="613"/>
      <c r="JRW690" s="613"/>
      <c r="JRX690" s="613"/>
      <c r="JRY690" s="613"/>
      <c r="JRZ690" s="613"/>
      <c r="JSA690" s="613"/>
      <c r="JSB690" s="613"/>
      <c r="JSC690" s="613"/>
      <c r="JSD690" s="613"/>
      <c r="JSE690" s="613"/>
      <c r="JSF690" s="613"/>
      <c r="JSG690" s="613"/>
      <c r="JSH690" s="613"/>
      <c r="JSI690" s="613"/>
      <c r="JSJ690" s="613"/>
      <c r="JSK690" s="613"/>
      <c r="JSL690" s="613"/>
      <c r="JSM690" s="613"/>
      <c r="JSN690" s="613"/>
      <c r="JSO690" s="613"/>
      <c r="JSP690" s="613"/>
      <c r="JSQ690" s="613"/>
      <c r="JSR690" s="613"/>
      <c r="JSS690" s="613"/>
      <c r="JST690" s="613"/>
      <c r="JSU690" s="613"/>
      <c r="JSV690" s="613"/>
      <c r="JSW690" s="613"/>
      <c r="JSX690" s="613"/>
      <c r="JSY690" s="613"/>
      <c r="JSZ690" s="613"/>
      <c r="JTA690" s="613"/>
      <c r="JTB690" s="613"/>
      <c r="JTC690" s="613"/>
      <c r="JTD690" s="613"/>
      <c r="JTE690" s="613"/>
      <c r="JTF690" s="613"/>
      <c r="JTG690" s="613"/>
      <c r="JTH690" s="613"/>
      <c r="JTI690" s="613"/>
      <c r="JTJ690" s="613"/>
      <c r="JTK690" s="613"/>
      <c r="JTL690" s="613"/>
      <c r="JTM690" s="613"/>
      <c r="JTN690" s="613"/>
      <c r="JTO690" s="613"/>
      <c r="JTP690" s="613"/>
      <c r="JTQ690" s="613"/>
      <c r="JTR690" s="613"/>
      <c r="JTS690" s="613"/>
      <c r="JTT690" s="613"/>
      <c r="JTU690" s="613"/>
      <c r="JTV690" s="613"/>
      <c r="JTW690" s="613"/>
      <c r="JTX690" s="613"/>
      <c r="JTY690" s="613"/>
      <c r="JTZ690" s="613"/>
      <c r="JUA690" s="613"/>
      <c r="JUB690" s="613"/>
      <c r="JUC690" s="613"/>
      <c r="JUD690" s="613"/>
      <c r="JUE690" s="613"/>
      <c r="JUF690" s="613"/>
      <c r="JUG690" s="613"/>
      <c r="JUH690" s="613"/>
      <c r="JUI690" s="613"/>
      <c r="JUJ690" s="613"/>
      <c r="JUK690" s="613"/>
      <c r="JUL690" s="613"/>
      <c r="JUM690" s="613"/>
      <c r="JUN690" s="613"/>
      <c r="JUO690" s="613"/>
      <c r="JUP690" s="613"/>
      <c r="JUQ690" s="613"/>
      <c r="JUR690" s="613"/>
      <c r="JUS690" s="613"/>
      <c r="JUT690" s="613"/>
      <c r="JUU690" s="613"/>
      <c r="JUV690" s="613"/>
      <c r="JUW690" s="613"/>
      <c r="JUX690" s="613"/>
      <c r="JUY690" s="613"/>
      <c r="JUZ690" s="613"/>
      <c r="JVA690" s="613"/>
      <c r="JVB690" s="613"/>
      <c r="JVC690" s="613"/>
      <c r="JVD690" s="613"/>
      <c r="JVE690" s="613"/>
      <c r="JVF690" s="613"/>
      <c r="JVG690" s="613"/>
      <c r="JVH690" s="613"/>
      <c r="JVI690" s="613"/>
      <c r="JVJ690" s="613"/>
      <c r="JVK690" s="613"/>
      <c r="JVL690" s="613"/>
      <c r="JVM690" s="613"/>
      <c r="JVN690" s="613"/>
      <c r="JVO690" s="613"/>
      <c r="JVP690" s="613"/>
      <c r="JVQ690" s="613"/>
      <c r="JVR690" s="613"/>
      <c r="JVS690" s="613"/>
      <c r="JVT690" s="613"/>
      <c r="JVU690" s="613"/>
      <c r="JVV690" s="613"/>
      <c r="JVW690" s="613"/>
      <c r="JVX690" s="613"/>
      <c r="JVY690" s="613"/>
      <c r="JVZ690" s="613"/>
      <c r="JWA690" s="613"/>
      <c r="JWB690" s="613"/>
      <c r="JWC690" s="613"/>
      <c r="JWD690" s="613"/>
      <c r="JWE690" s="613"/>
      <c r="JWF690" s="613"/>
      <c r="JWG690" s="613"/>
      <c r="JWH690" s="613"/>
      <c r="JWI690" s="613"/>
      <c r="JWJ690" s="613"/>
      <c r="JWK690" s="613"/>
      <c r="JWL690" s="613"/>
      <c r="JWM690" s="613"/>
      <c r="JWN690" s="613"/>
      <c r="JWO690" s="613"/>
      <c r="JWP690" s="613"/>
      <c r="JWQ690" s="613"/>
      <c r="JWR690" s="613"/>
      <c r="JWS690" s="613"/>
      <c r="JWT690" s="613"/>
      <c r="JWU690" s="613"/>
      <c r="JWV690" s="613"/>
      <c r="JWW690" s="613"/>
      <c r="JWX690" s="613"/>
      <c r="JWY690" s="613"/>
      <c r="JWZ690" s="613"/>
      <c r="JXA690" s="613"/>
      <c r="JXB690" s="613"/>
      <c r="JXC690" s="613"/>
      <c r="JXD690" s="613"/>
      <c r="JXE690" s="613"/>
      <c r="JXF690" s="613"/>
      <c r="JXG690" s="613"/>
      <c r="JXH690" s="613"/>
      <c r="JXI690" s="613"/>
      <c r="JXJ690" s="613"/>
      <c r="JXK690" s="613"/>
      <c r="JXL690" s="613"/>
      <c r="JXM690" s="613"/>
      <c r="JXN690" s="613"/>
      <c r="JXO690" s="613"/>
      <c r="JXP690" s="613"/>
      <c r="JXQ690" s="613"/>
      <c r="JXR690" s="613"/>
      <c r="JXS690" s="613"/>
      <c r="JXT690" s="613"/>
      <c r="JXU690" s="613"/>
      <c r="JXV690" s="613"/>
      <c r="JXW690" s="613"/>
      <c r="JXX690" s="613"/>
      <c r="JXY690" s="613"/>
      <c r="JXZ690" s="613"/>
      <c r="JYA690" s="613"/>
      <c r="JYB690" s="613"/>
      <c r="JYC690" s="613"/>
      <c r="JYD690" s="613"/>
      <c r="JYE690" s="613"/>
      <c r="JYF690" s="613"/>
      <c r="JYG690" s="613"/>
      <c r="JYH690" s="613"/>
      <c r="JYI690" s="613"/>
      <c r="JYJ690" s="613"/>
      <c r="JYK690" s="613"/>
      <c r="JYL690" s="613"/>
      <c r="JYM690" s="613"/>
      <c r="JYN690" s="613"/>
      <c r="JYO690" s="613"/>
      <c r="JYP690" s="613"/>
      <c r="JYQ690" s="613"/>
      <c r="JYR690" s="613"/>
      <c r="JYS690" s="613"/>
      <c r="JYT690" s="613"/>
      <c r="JYU690" s="613"/>
      <c r="JYV690" s="613"/>
      <c r="JYW690" s="613"/>
      <c r="JYX690" s="613"/>
      <c r="JYY690" s="613"/>
      <c r="JYZ690" s="613"/>
      <c r="JZA690" s="613"/>
      <c r="JZB690" s="613"/>
      <c r="JZC690" s="613"/>
      <c r="JZD690" s="613"/>
      <c r="JZE690" s="613"/>
      <c r="JZF690" s="613"/>
      <c r="JZG690" s="613"/>
      <c r="JZH690" s="613"/>
      <c r="JZI690" s="613"/>
      <c r="JZJ690" s="613"/>
      <c r="JZK690" s="613"/>
      <c r="JZL690" s="613"/>
      <c r="JZM690" s="613"/>
      <c r="JZN690" s="613"/>
      <c r="JZO690" s="613"/>
      <c r="JZP690" s="613"/>
      <c r="JZQ690" s="613"/>
      <c r="JZR690" s="613"/>
      <c r="JZS690" s="613"/>
      <c r="JZT690" s="613"/>
      <c r="JZU690" s="613"/>
      <c r="JZV690" s="613"/>
      <c r="JZW690" s="613"/>
      <c r="JZX690" s="613"/>
      <c r="JZY690" s="613"/>
      <c r="JZZ690" s="613"/>
      <c r="KAA690" s="613"/>
      <c r="KAB690" s="613"/>
      <c r="KAC690" s="613"/>
      <c r="KAD690" s="613"/>
      <c r="KAE690" s="613"/>
      <c r="KAF690" s="613"/>
      <c r="KAG690" s="613"/>
      <c r="KAH690" s="613"/>
      <c r="KAI690" s="613"/>
      <c r="KAJ690" s="613"/>
      <c r="KAK690" s="613"/>
      <c r="KAL690" s="613"/>
      <c r="KAM690" s="613"/>
      <c r="KAN690" s="613"/>
      <c r="KAO690" s="613"/>
      <c r="KAP690" s="613"/>
      <c r="KAQ690" s="613"/>
      <c r="KAR690" s="613"/>
      <c r="KAS690" s="613"/>
      <c r="KAT690" s="613"/>
      <c r="KAU690" s="613"/>
      <c r="KAV690" s="613"/>
      <c r="KAW690" s="613"/>
      <c r="KAX690" s="613"/>
      <c r="KAY690" s="613"/>
      <c r="KAZ690" s="613"/>
      <c r="KBA690" s="613"/>
      <c r="KBB690" s="613"/>
      <c r="KBC690" s="613"/>
      <c r="KBD690" s="613"/>
      <c r="KBE690" s="613"/>
      <c r="KBF690" s="613"/>
      <c r="KBG690" s="613"/>
      <c r="KBH690" s="613"/>
      <c r="KBI690" s="613"/>
      <c r="KBJ690" s="613"/>
      <c r="KBK690" s="613"/>
      <c r="KBL690" s="613"/>
      <c r="KBM690" s="613"/>
      <c r="KBN690" s="613"/>
      <c r="KBO690" s="613"/>
      <c r="KBP690" s="613"/>
      <c r="KBQ690" s="613"/>
      <c r="KBR690" s="613"/>
      <c r="KBS690" s="613"/>
      <c r="KBT690" s="613"/>
      <c r="KBU690" s="613"/>
      <c r="KBV690" s="613"/>
      <c r="KBW690" s="613"/>
      <c r="KBX690" s="613"/>
      <c r="KBY690" s="613"/>
      <c r="KBZ690" s="613"/>
      <c r="KCA690" s="613"/>
      <c r="KCB690" s="613"/>
      <c r="KCC690" s="613"/>
      <c r="KCD690" s="613"/>
      <c r="KCE690" s="613"/>
      <c r="KCF690" s="613"/>
      <c r="KCG690" s="613"/>
      <c r="KCH690" s="613"/>
      <c r="KCI690" s="613"/>
      <c r="KCJ690" s="613"/>
      <c r="KCK690" s="613"/>
      <c r="KCL690" s="613"/>
      <c r="KCM690" s="613"/>
      <c r="KCN690" s="613"/>
      <c r="KCO690" s="613"/>
      <c r="KCP690" s="613"/>
      <c r="KCQ690" s="613"/>
      <c r="KCR690" s="613"/>
      <c r="KCS690" s="613"/>
      <c r="KCT690" s="613"/>
      <c r="KCU690" s="613"/>
      <c r="KCV690" s="613"/>
      <c r="KCW690" s="613"/>
      <c r="KCX690" s="613"/>
      <c r="KCY690" s="613"/>
      <c r="KCZ690" s="613"/>
      <c r="KDA690" s="613"/>
      <c r="KDB690" s="613"/>
      <c r="KDC690" s="613"/>
      <c r="KDD690" s="613"/>
      <c r="KDE690" s="613"/>
      <c r="KDF690" s="613"/>
      <c r="KDG690" s="613"/>
      <c r="KDH690" s="613"/>
      <c r="KDI690" s="613"/>
      <c r="KDJ690" s="613"/>
      <c r="KDK690" s="613"/>
      <c r="KDL690" s="613"/>
      <c r="KDM690" s="613"/>
      <c r="KDN690" s="613"/>
      <c r="KDO690" s="613"/>
      <c r="KDP690" s="613"/>
      <c r="KDQ690" s="613"/>
      <c r="KDR690" s="613"/>
      <c r="KDS690" s="613"/>
      <c r="KDT690" s="613"/>
      <c r="KDU690" s="613"/>
      <c r="KDV690" s="613"/>
      <c r="KDW690" s="613"/>
      <c r="KDX690" s="613"/>
      <c r="KDY690" s="613"/>
      <c r="KDZ690" s="613"/>
      <c r="KEA690" s="613"/>
      <c r="KEB690" s="613"/>
      <c r="KEC690" s="613"/>
      <c r="KED690" s="613"/>
      <c r="KEE690" s="613"/>
      <c r="KEF690" s="613"/>
      <c r="KEG690" s="613"/>
      <c r="KEH690" s="613"/>
      <c r="KEI690" s="613"/>
      <c r="KEJ690" s="613"/>
      <c r="KEK690" s="613"/>
      <c r="KEL690" s="613"/>
      <c r="KEM690" s="613"/>
      <c r="KEN690" s="613"/>
      <c r="KEO690" s="613"/>
      <c r="KEP690" s="613"/>
      <c r="KEQ690" s="613"/>
      <c r="KER690" s="613"/>
      <c r="KES690" s="613"/>
      <c r="KET690" s="613"/>
      <c r="KEU690" s="613"/>
      <c r="KEV690" s="613"/>
      <c r="KEW690" s="613"/>
      <c r="KEX690" s="613"/>
      <c r="KEY690" s="613"/>
      <c r="KEZ690" s="613"/>
      <c r="KFA690" s="613"/>
      <c r="KFB690" s="613"/>
      <c r="KFC690" s="613"/>
      <c r="KFD690" s="613"/>
      <c r="KFE690" s="613"/>
      <c r="KFF690" s="613"/>
      <c r="KFG690" s="613"/>
      <c r="KFH690" s="613"/>
      <c r="KFI690" s="613"/>
      <c r="KFJ690" s="613"/>
      <c r="KFK690" s="613"/>
      <c r="KFL690" s="613"/>
      <c r="KFM690" s="613"/>
      <c r="KFN690" s="613"/>
      <c r="KFO690" s="613"/>
      <c r="KFP690" s="613"/>
      <c r="KFQ690" s="613"/>
      <c r="KFR690" s="613"/>
      <c r="KFS690" s="613"/>
      <c r="KFT690" s="613"/>
      <c r="KFU690" s="613"/>
      <c r="KFV690" s="613"/>
      <c r="KFW690" s="613"/>
      <c r="KFX690" s="613"/>
      <c r="KFY690" s="613"/>
      <c r="KFZ690" s="613"/>
      <c r="KGA690" s="613"/>
      <c r="KGB690" s="613"/>
      <c r="KGC690" s="613"/>
      <c r="KGD690" s="613"/>
      <c r="KGE690" s="613"/>
      <c r="KGF690" s="613"/>
      <c r="KGG690" s="613"/>
      <c r="KGH690" s="613"/>
      <c r="KGI690" s="613"/>
      <c r="KGJ690" s="613"/>
      <c r="KGK690" s="613"/>
      <c r="KGL690" s="613"/>
      <c r="KGM690" s="613"/>
      <c r="KGN690" s="613"/>
      <c r="KGO690" s="613"/>
      <c r="KGP690" s="613"/>
      <c r="KGQ690" s="613"/>
      <c r="KGR690" s="613"/>
      <c r="KGS690" s="613"/>
      <c r="KGT690" s="613"/>
      <c r="KGU690" s="613"/>
      <c r="KGV690" s="613"/>
      <c r="KGW690" s="613"/>
      <c r="KGX690" s="613"/>
      <c r="KGY690" s="613"/>
      <c r="KGZ690" s="613"/>
      <c r="KHA690" s="613"/>
      <c r="KHB690" s="613"/>
      <c r="KHC690" s="613"/>
      <c r="KHD690" s="613"/>
      <c r="KHE690" s="613"/>
      <c r="KHF690" s="613"/>
      <c r="KHG690" s="613"/>
      <c r="KHH690" s="613"/>
      <c r="KHI690" s="613"/>
      <c r="KHJ690" s="613"/>
      <c r="KHK690" s="613"/>
      <c r="KHL690" s="613"/>
      <c r="KHM690" s="613"/>
      <c r="KHN690" s="613"/>
      <c r="KHO690" s="613"/>
      <c r="KHP690" s="613"/>
      <c r="KHQ690" s="613"/>
      <c r="KHR690" s="613"/>
      <c r="KHS690" s="613"/>
      <c r="KHT690" s="613"/>
      <c r="KHU690" s="613"/>
      <c r="KHV690" s="613"/>
      <c r="KHW690" s="613"/>
      <c r="KHX690" s="613"/>
      <c r="KHY690" s="613"/>
      <c r="KHZ690" s="613"/>
      <c r="KIA690" s="613"/>
      <c r="KIB690" s="613"/>
      <c r="KIC690" s="613"/>
      <c r="KID690" s="613"/>
      <c r="KIE690" s="613"/>
      <c r="KIF690" s="613"/>
      <c r="KIG690" s="613"/>
      <c r="KIH690" s="613"/>
      <c r="KII690" s="613"/>
      <c r="KIJ690" s="613"/>
      <c r="KIK690" s="613"/>
      <c r="KIL690" s="613"/>
      <c r="KIM690" s="613"/>
      <c r="KIN690" s="613"/>
      <c r="KIO690" s="613"/>
      <c r="KIP690" s="613"/>
      <c r="KIQ690" s="613"/>
      <c r="KIR690" s="613"/>
      <c r="KIS690" s="613"/>
      <c r="KIT690" s="613"/>
      <c r="KIU690" s="613"/>
      <c r="KIV690" s="613"/>
      <c r="KIW690" s="613"/>
      <c r="KIX690" s="613"/>
      <c r="KIY690" s="613"/>
      <c r="KIZ690" s="613"/>
      <c r="KJA690" s="613"/>
      <c r="KJB690" s="613"/>
      <c r="KJC690" s="613"/>
      <c r="KJD690" s="613"/>
      <c r="KJE690" s="613"/>
      <c r="KJF690" s="613"/>
      <c r="KJG690" s="613"/>
      <c r="KJH690" s="613"/>
      <c r="KJI690" s="613"/>
      <c r="KJJ690" s="613"/>
      <c r="KJK690" s="613"/>
      <c r="KJL690" s="613"/>
      <c r="KJM690" s="613"/>
      <c r="KJN690" s="613"/>
      <c r="KJO690" s="613"/>
      <c r="KJP690" s="613"/>
      <c r="KJQ690" s="613"/>
      <c r="KJR690" s="613"/>
      <c r="KJS690" s="613"/>
      <c r="KJT690" s="613"/>
      <c r="KJU690" s="613"/>
      <c r="KJV690" s="613"/>
      <c r="KJW690" s="613"/>
      <c r="KJX690" s="613"/>
      <c r="KJY690" s="613"/>
      <c r="KJZ690" s="613"/>
      <c r="KKA690" s="613"/>
      <c r="KKB690" s="613"/>
      <c r="KKC690" s="613"/>
      <c r="KKD690" s="613"/>
      <c r="KKE690" s="613"/>
      <c r="KKF690" s="613"/>
      <c r="KKG690" s="613"/>
      <c r="KKH690" s="613"/>
      <c r="KKI690" s="613"/>
      <c r="KKJ690" s="613"/>
      <c r="KKK690" s="613"/>
      <c r="KKL690" s="613"/>
      <c r="KKM690" s="613"/>
      <c r="KKN690" s="613"/>
      <c r="KKO690" s="613"/>
      <c r="KKP690" s="613"/>
      <c r="KKQ690" s="613"/>
      <c r="KKR690" s="613"/>
      <c r="KKS690" s="613"/>
      <c r="KKT690" s="613"/>
      <c r="KKU690" s="613"/>
      <c r="KKV690" s="613"/>
      <c r="KKW690" s="613"/>
      <c r="KKX690" s="613"/>
      <c r="KKY690" s="613"/>
      <c r="KKZ690" s="613"/>
      <c r="KLA690" s="613"/>
      <c r="KLB690" s="613"/>
      <c r="KLC690" s="613"/>
      <c r="KLD690" s="613"/>
      <c r="KLE690" s="613"/>
      <c r="KLF690" s="613"/>
      <c r="KLG690" s="613"/>
      <c r="KLH690" s="613"/>
      <c r="KLI690" s="613"/>
      <c r="KLJ690" s="613"/>
      <c r="KLK690" s="613"/>
      <c r="KLL690" s="613"/>
      <c r="KLM690" s="613"/>
      <c r="KLN690" s="613"/>
      <c r="KLO690" s="613"/>
      <c r="KLP690" s="613"/>
      <c r="KLQ690" s="613"/>
      <c r="KLR690" s="613"/>
      <c r="KLS690" s="613"/>
      <c r="KLT690" s="613"/>
      <c r="KLU690" s="613"/>
      <c r="KLV690" s="613"/>
      <c r="KLW690" s="613"/>
      <c r="KLX690" s="613"/>
      <c r="KLY690" s="613"/>
      <c r="KLZ690" s="613"/>
      <c r="KMA690" s="613"/>
      <c r="KMB690" s="613"/>
      <c r="KMC690" s="613"/>
      <c r="KMD690" s="613"/>
      <c r="KME690" s="613"/>
      <c r="KMF690" s="613"/>
      <c r="KMG690" s="613"/>
      <c r="KMH690" s="613"/>
      <c r="KMI690" s="613"/>
      <c r="KMJ690" s="613"/>
      <c r="KMK690" s="613"/>
      <c r="KML690" s="613"/>
      <c r="KMM690" s="613"/>
      <c r="KMN690" s="613"/>
      <c r="KMO690" s="613"/>
      <c r="KMP690" s="613"/>
      <c r="KMQ690" s="613"/>
      <c r="KMR690" s="613"/>
      <c r="KMS690" s="613"/>
      <c r="KMT690" s="613"/>
      <c r="KMU690" s="613"/>
      <c r="KMV690" s="613"/>
      <c r="KMW690" s="613"/>
      <c r="KMX690" s="613"/>
      <c r="KMY690" s="613"/>
      <c r="KMZ690" s="613"/>
      <c r="KNA690" s="613"/>
      <c r="KNB690" s="613"/>
      <c r="KNC690" s="613"/>
      <c r="KND690" s="613"/>
      <c r="KNE690" s="613"/>
      <c r="KNF690" s="613"/>
      <c r="KNG690" s="613"/>
      <c r="KNH690" s="613"/>
      <c r="KNI690" s="613"/>
      <c r="KNJ690" s="613"/>
      <c r="KNK690" s="613"/>
      <c r="KNL690" s="613"/>
      <c r="KNM690" s="613"/>
      <c r="KNN690" s="613"/>
      <c r="KNO690" s="613"/>
      <c r="KNP690" s="613"/>
      <c r="KNQ690" s="613"/>
      <c r="KNR690" s="613"/>
      <c r="KNS690" s="613"/>
      <c r="KNT690" s="613"/>
      <c r="KNU690" s="613"/>
      <c r="KNV690" s="613"/>
      <c r="KNW690" s="613"/>
      <c r="KNX690" s="613"/>
      <c r="KNY690" s="613"/>
      <c r="KNZ690" s="613"/>
      <c r="KOA690" s="613"/>
      <c r="KOB690" s="613"/>
      <c r="KOC690" s="613"/>
      <c r="KOD690" s="613"/>
      <c r="KOE690" s="613"/>
      <c r="KOF690" s="613"/>
      <c r="KOG690" s="613"/>
      <c r="KOH690" s="613"/>
      <c r="KOI690" s="613"/>
      <c r="KOJ690" s="613"/>
      <c r="KOK690" s="613"/>
      <c r="KOL690" s="613"/>
      <c r="KOM690" s="613"/>
      <c r="KON690" s="613"/>
      <c r="KOO690" s="613"/>
      <c r="KOP690" s="613"/>
      <c r="KOQ690" s="613"/>
      <c r="KOR690" s="613"/>
      <c r="KOS690" s="613"/>
      <c r="KOT690" s="613"/>
      <c r="KOU690" s="613"/>
      <c r="KOV690" s="613"/>
      <c r="KOW690" s="613"/>
      <c r="KOX690" s="613"/>
      <c r="KOY690" s="613"/>
      <c r="KOZ690" s="613"/>
      <c r="KPA690" s="613"/>
      <c r="KPB690" s="613"/>
      <c r="KPC690" s="613"/>
      <c r="KPD690" s="613"/>
      <c r="KPE690" s="613"/>
      <c r="KPF690" s="613"/>
      <c r="KPG690" s="613"/>
      <c r="KPH690" s="613"/>
      <c r="KPI690" s="613"/>
      <c r="KPJ690" s="613"/>
      <c r="KPK690" s="613"/>
      <c r="KPL690" s="613"/>
      <c r="KPM690" s="613"/>
      <c r="KPN690" s="613"/>
      <c r="KPO690" s="613"/>
      <c r="KPP690" s="613"/>
      <c r="KPQ690" s="613"/>
      <c r="KPR690" s="613"/>
      <c r="KPS690" s="613"/>
      <c r="KPT690" s="613"/>
      <c r="KPU690" s="613"/>
      <c r="KPV690" s="613"/>
      <c r="KPW690" s="613"/>
      <c r="KPX690" s="613"/>
      <c r="KPY690" s="613"/>
      <c r="KPZ690" s="613"/>
      <c r="KQA690" s="613"/>
      <c r="KQB690" s="613"/>
      <c r="KQC690" s="613"/>
      <c r="KQD690" s="613"/>
      <c r="KQE690" s="613"/>
      <c r="KQF690" s="613"/>
      <c r="KQG690" s="613"/>
      <c r="KQH690" s="613"/>
      <c r="KQI690" s="613"/>
      <c r="KQJ690" s="613"/>
      <c r="KQK690" s="613"/>
      <c r="KQL690" s="613"/>
      <c r="KQM690" s="613"/>
      <c r="KQN690" s="613"/>
      <c r="KQO690" s="613"/>
      <c r="KQP690" s="613"/>
      <c r="KQQ690" s="613"/>
      <c r="KQR690" s="613"/>
      <c r="KQS690" s="613"/>
      <c r="KQT690" s="613"/>
      <c r="KQU690" s="613"/>
      <c r="KQV690" s="613"/>
      <c r="KQW690" s="613"/>
      <c r="KQX690" s="613"/>
      <c r="KQY690" s="613"/>
      <c r="KQZ690" s="613"/>
      <c r="KRA690" s="613"/>
      <c r="KRB690" s="613"/>
      <c r="KRC690" s="613"/>
      <c r="KRD690" s="613"/>
      <c r="KRE690" s="613"/>
      <c r="KRF690" s="613"/>
      <c r="KRG690" s="613"/>
      <c r="KRH690" s="613"/>
      <c r="KRI690" s="613"/>
      <c r="KRJ690" s="613"/>
      <c r="KRK690" s="613"/>
      <c r="KRL690" s="613"/>
      <c r="KRM690" s="613"/>
      <c r="KRN690" s="613"/>
      <c r="KRO690" s="613"/>
      <c r="KRP690" s="613"/>
      <c r="KRQ690" s="613"/>
      <c r="KRR690" s="613"/>
      <c r="KRS690" s="613"/>
      <c r="KRT690" s="613"/>
      <c r="KRU690" s="613"/>
      <c r="KRV690" s="613"/>
      <c r="KRW690" s="613"/>
      <c r="KRX690" s="613"/>
      <c r="KRY690" s="613"/>
      <c r="KRZ690" s="613"/>
      <c r="KSA690" s="613"/>
      <c r="KSB690" s="613"/>
      <c r="KSC690" s="613"/>
      <c r="KSD690" s="613"/>
      <c r="KSE690" s="613"/>
      <c r="KSF690" s="613"/>
      <c r="KSG690" s="613"/>
      <c r="KSH690" s="613"/>
      <c r="KSI690" s="613"/>
      <c r="KSJ690" s="613"/>
      <c r="KSK690" s="613"/>
      <c r="KSL690" s="613"/>
      <c r="KSM690" s="613"/>
      <c r="KSN690" s="613"/>
      <c r="KSO690" s="613"/>
      <c r="KSP690" s="613"/>
      <c r="KSQ690" s="613"/>
      <c r="KSR690" s="613"/>
      <c r="KSS690" s="613"/>
      <c r="KST690" s="613"/>
      <c r="KSU690" s="613"/>
      <c r="KSV690" s="613"/>
      <c r="KSW690" s="613"/>
      <c r="KSX690" s="613"/>
      <c r="KSY690" s="613"/>
      <c r="KSZ690" s="613"/>
      <c r="KTA690" s="613"/>
      <c r="KTB690" s="613"/>
      <c r="KTC690" s="613"/>
      <c r="KTD690" s="613"/>
      <c r="KTE690" s="613"/>
      <c r="KTF690" s="613"/>
      <c r="KTG690" s="613"/>
      <c r="KTH690" s="613"/>
      <c r="KTI690" s="613"/>
      <c r="KTJ690" s="613"/>
      <c r="KTK690" s="613"/>
      <c r="KTL690" s="613"/>
      <c r="KTM690" s="613"/>
      <c r="KTN690" s="613"/>
      <c r="KTO690" s="613"/>
      <c r="KTP690" s="613"/>
      <c r="KTQ690" s="613"/>
      <c r="KTR690" s="613"/>
      <c r="KTS690" s="613"/>
      <c r="KTT690" s="613"/>
      <c r="KTU690" s="613"/>
      <c r="KTV690" s="613"/>
      <c r="KTW690" s="613"/>
      <c r="KTX690" s="613"/>
      <c r="KTY690" s="613"/>
      <c r="KTZ690" s="613"/>
      <c r="KUA690" s="613"/>
      <c r="KUB690" s="613"/>
      <c r="KUC690" s="613"/>
      <c r="KUD690" s="613"/>
      <c r="KUE690" s="613"/>
      <c r="KUF690" s="613"/>
      <c r="KUG690" s="613"/>
      <c r="KUH690" s="613"/>
      <c r="KUI690" s="613"/>
      <c r="KUJ690" s="613"/>
      <c r="KUK690" s="613"/>
      <c r="KUL690" s="613"/>
      <c r="KUM690" s="613"/>
      <c r="KUN690" s="613"/>
      <c r="KUO690" s="613"/>
      <c r="KUP690" s="613"/>
      <c r="KUQ690" s="613"/>
      <c r="KUR690" s="613"/>
      <c r="KUS690" s="613"/>
      <c r="KUT690" s="613"/>
      <c r="KUU690" s="613"/>
      <c r="KUV690" s="613"/>
      <c r="KUW690" s="613"/>
      <c r="KUX690" s="613"/>
      <c r="KUY690" s="613"/>
      <c r="KUZ690" s="613"/>
      <c r="KVA690" s="613"/>
      <c r="KVB690" s="613"/>
      <c r="KVC690" s="613"/>
      <c r="KVD690" s="613"/>
      <c r="KVE690" s="613"/>
      <c r="KVF690" s="613"/>
      <c r="KVG690" s="613"/>
      <c r="KVH690" s="613"/>
      <c r="KVI690" s="613"/>
      <c r="KVJ690" s="613"/>
      <c r="KVK690" s="613"/>
      <c r="KVL690" s="613"/>
      <c r="KVM690" s="613"/>
      <c r="KVN690" s="613"/>
      <c r="KVO690" s="613"/>
      <c r="KVP690" s="613"/>
      <c r="KVQ690" s="613"/>
      <c r="KVR690" s="613"/>
      <c r="KVS690" s="613"/>
      <c r="KVT690" s="613"/>
      <c r="KVU690" s="613"/>
      <c r="KVV690" s="613"/>
      <c r="KVW690" s="613"/>
      <c r="KVX690" s="613"/>
      <c r="KVY690" s="613"/>
      <c r="KVZ690" s="613"/>
      <c r="KWA690" s="613"/>
      <c r="KWB690" s="613"/>
      <c r="KWC690" s="613"/>
      <c r="KWD690" s="613"/>
      <c r="KWE690" s="613"/>
      <c r="KWF690" s="613"/>
      <c r="KWG690" s="613"/>
      <c r="KWH690" s="613"/>
      <c r="KWI690" s="613"/>
      <c r="KWJ690" s="613"/>
      <c r="KWK690" s="613"/>
      <c r="KWL690" s="613"/>
      <c r="KWM690" s="613"/>
      <c r="KWN690" s="613"/>
      <c r="KWO690" s="613"/>
      <c r="KWP690" s="613"/>
      <c r="KWQ690" s="613"/>
      <c r="KWR690" s="613"/>
      <c r="KWS690" s="613"/>
      <c r="KWT690" s="613"/>
      <c r="KWU690" s="613"/>
      <c r="KWV690" s="613"/>
      <c r="KWW690" s="613"/>
      <c r="KWX690" s="613"/>
      <c r="KWY690" s="613"/>
      <c r="KWZ690" s="613"/>
      <c r="KXA690" s="613"/>
      <c r="KXB690" s="613"/>
      <c r="KXC690" s="613"/>
      <c r="KXD690" s="613"/>
      <c r="KXE690" s="613"/>
      <c r="KXF690" s="613"/>
      <c r="KXG690" s="613"/>
      <c r="KXH690" s="613"/>
      <c r="KXI690" s="613"/>
      <c r="KXJ690" s="613"/>
      <c r="KXK690" s="613"/>
      <c r="KXL690" s="613"/>
      <c r="KXM690" s="613"/>
      <c r="KXN690" s="613"/>
      <c r="KXO690" s="613"/>
      <c r="KXP690" s="613"/>
      <c r="KXQ690" s="613"/>
      <c r="KXR690" s="613"/>
      <c r="KXS690" s="613"/>
      <c r="KXT690" s="613"/>
      <c r="KXU690" s="613"/>
      <c r="KXV690" s="613"/>
      <c r="KXW690" s="613"/>
      <c r="KXX690" s="613"/>
      <c r="KXY690" s="613"/>
      <c r="KXZ690" s="613"/>
      <c r="KYA690" s="613"/>
      <c r="KYB690" s="613"/>
      <c r="KYC690" s="613"/>
      <c r="KYD690" s="613"/>
      <c r="KYE690" s="613"/>
      <c r="KYF690" s="613"/>
      <c r="KYG690" s="613"/>
      <c r="KYH690" s="613"/>
      <c r="KYI690" s="613"/>
      <c r="KYJ690" s="613"/>
      <c r="KYK690" s="613"/>
      <c r="KYL690" s="613"/>
      <c r="KYM690" s="613"/>
      <c r="KYN690" s="613"/>
      <c r="KYO690" s="613"/>
      <c r="KYP690" s="613"/>
      <c r="KYQ690" s="613"/>
      <c r="KYR690" s="613"/>
      <c r="KYS690" s="613"/>
      <c r="KYT690" s="613"/>
      <c r="KYU690" s="613"/>
      <c r="KYV690" s="613"/>
      <c r="KYW690" s="613"/>
      <c r="KYX690" s="613"/>
      <c r="KYY690" s="613"/>
      <c r="KYZ690" s="613"/>
      <c r="KZA690" s="613"/>
      <c r="KZB690" s="613"/>
      <c r="KZC690" s="613"/>
      <c r="KZD690" s="613"/>
      <c r="KZE690" s="613"/>
      <c r="KZF690" s="613"/>
      <c r="KZG690" s="613"/>
      <c r="KZH690" s="613"/>
      <c r="KZI690" s="613"/>
      <c r="KZJ690" s="613"/>
      <c r="KZK690" s="613"/>
      <c r="KZL690" s="613"/>
      <c r="KZM690" s="613"/>
      <c r="KZN690" s="613"/>
      <c r="KZO690" s="613"/>
      <c r="KZP690" s="613"/>
      <c r="KZQ690" s="613"/>
      <c r="KZR690" s="613"/>
      <c r="KZS690" s="613"/>
      <c r="KZT690" s="613"/>
      <c r="KZU690" s="613"/>
      <c r="KZV690" s="613"/>
      <c r="KZW690" s="613"/>
      <c r="KZX690" s="613"/>
      <c r="KZY690" s="613"/>
      <c r="KZZ690" s="613"/>
      <c r="LAA690" s="613"/>
      <c r="LAB690" s="613"/>
      <c r="LAC690" s="613"/>
      <c r="LAD690" s="613"/>
      <c r="LAE690" s="613"/>
      <c r="LAF690" s="613"/>
      <c r="LAG690" s="613"/>
      <c r="LAH690" s="613"/>
      <c r="LAI690" s="613"/>
      <c r="LAJ690" s="613"/>
      <c r="LAK690" s="613"/>
      <c r="LAL690" s="613"/>
      <c r="LAM690" s="613"/>
      <c r="LAN690" s="613"/>
      <c r="LAO690" s="613"/>
      <c r="LAP690" s="613"/>
      <c r="LAQ690" s="613"/>
      <c r="LAR690" s="613"/>
      <c r="LAS690" s="613"/>
      <c r="LAT690" s="613"/>
      <c r="LAU690" s="613"/>
      <c r="LAV690" s="613"/>
      <c r="LAW690" s="613"/>
      <c r="LAX690" s="613"/>
      <c r="LAY690" s="613"/>
      <c r="LAZ690" s="613"/>
      <c r="LBA690" s="613"/>
      <c r="LBB690" s="613"/>
      <c r="LBC690" s="613"/>
      <c r="LBD690" s="613"/>
      <c r="LBE690" s="613"/>
      <c r="LBF690" s="613"/>
      <c r="LBG690" s="613"/>
      <c r="LBH690" s="613"/>
      <c r="LBI690" s="613"/>
      <c r="LBJ690" s="613"/>
      <c r="LBK690" s="613"/>
      <c r="LBL690" s="613"/>
      <c r="LBM690" s="613"/>
      <c r="LBN690" s="613"/>
      <c r="LBO690" s="613"/>
      <c r="LBP690" s="613"/>
      <c r="LBQ690" s="613"/>
      <c r="LBR690" s="613"/>
      <c r="LBS690" s="613"/>
      <c r="LBT690" s="613"/>
      <c r="LBU690" s="613"/>
      <c r="LBV690" s="613"/>
      <c r="LBW690" s="613"/>
      <c r="LBX690" s="613"/>
      <c r="LBY690" s="613"/>
      <c r="LBZ690" s="613"/>
      <c r="LCA690" s="613"/>
      <c r="LCB690" s="613"/>
      <c r="LCC690" s="613"/>
      <c r="LCD690" s="613"/>
      <c r="LCE690" s="613"/>
      <c r="LCF690" s="613"/>
      <c r="LCG690" s="613"/>
      <c r="LCH690" s="613"/>
      <c r="LCI690" s="613"/>
      <c r="LCJ690" s="613"/>
      <c r="LCK690" s="613"/>
      <c r="LCL690" s="613"/>
      <c r="LCM690" s="613"/>
      <c r="LCN690" s="613"/>
      <c r="LCO690" s="613"/>
      <c r="LCP690" s="613"/>
      <c r="LCQ690" s="613"/>
      <c r="LCR690" s="613"/>
      <c r="LCS690" s="613"/>
      <c r="LCT690" s="613"/>
      <c r="LCU690" s="613"/>
      <c r="LCV690" s="613"/>
      <c r="LCW690" s="613"/>
      <c r="LCX690" s="613"/>
      <c r="LCY690" s="613"/>
      <c r="LCZ690" s="613"/>
      <c r="LDA690" s="613"/>
      <c r="LDB690" s="613"/>
      <c r="LDC690" s="613"/>
      <c r="LDD690" s="613"/>
      <c r="LDE690" s="613"/>
      <c r="LDF690" s="613"/>
      <c r="LDG690" s="613"/>
      <c r="LDH690" s="613"/>
      <c r="LDI690" s="613"/>
      <c r="LDJ690" s="613"/>
      <c r="LDK690" s="613"/>
      <c r="LDL690" s="613"/>
      <c r="LDM690" s="613"/>
      <c r="LDN690" s="613"/>
      <c r="LDO690" s="613"/>
      <c r="LDP690" s="613"/>
      <c r="LDQ690" s="613"/>
      <c r="LDR690" s="613"/>
      <c r="LDS690" s="613"/>
      <c r="LDT690" s="613"/>
      <c r="LDU690" s="613"/>
      <c r="LDV690" s="613"/>
      <c r="LDW690" s="613"/>
      <c r="LDX690" s="613"/>
      <c r="LDY690" s="613"/>
      <c r="LDZ690" s="613"/>
      <c r="LEA690" s="613"/>
      <c r="LEB690" s="613"/>
      <c r="LEC690" s="613"/>
      <c r="LED690" s="613"/>
      <c r="LEE690" s="613"/>
      <c r="LEF690" s="613"/>
      <c r="LEG690" s="613"/>
      <c r="LEH690" s="613"/>
      <c r="LEI690" s="613"/>
      <c r="LEJ690" s="613"/>
      <c r="LEK690" s="613"/>
      <c r="LEL690" s="613"/>
      <c r="LEM690" s="613"/>
      <c r="LEN690" s="613"/>
      <c r="LEO690" s="613"/>
      <c r="LEP690" s="613"/>
      <c r="LEQ690" s="613"/>
      <c r="LER690" s="613"/>
      <c r="LES690" s="613"/>
      <c r="LET690" s="613"/>
      <c r="LEU690" s="613"/>
      <c r="LEV690" s="613"/>
      <c r="LEW690" s="613"/>
      <c r="LEX690" s="613"/>
      <c r="LEY690" s="613"/>
      <c r="LEZ690" s="613"/>
      <c r="LFA690" s="613"/>
      <c r="LFB690" s="613"/>
      <c r="LFC690" s="613"/>
      <c r="LFD690" s="613"/>
      <c r="LFE690" s="613"/>
      <c r="LFF690" s="613"/>
      <c r="LFG690" s="613"/>
      <c r="LFH690" s="613"/>
      <c r="LFI690" s="613"/>
      <c r="LFJ690" s="613"/>
      <c r="LFK690" s="613"/>
      <c r="LFL690" s="613"/>
      <c r="LFM690" s="613"/>
      <c r="LFN690" s="613"/>
      <c r="LFO690" s="613"/>
      <c r="LFP690" s="613"/>
      <c r="LFQ690" s="613"/>
      <c r="LFR690" s="613"/>
      <c r="LFS690" s="613"/>
      <c r="LFT690" s="613"/>
      <c r="LFU690" s="613"/>
      <c r="LFV690" s="613"/>
      <c r="LFW690" s="613"/>
      <c r="LFX690" s="613"/>
      <c r="LFY690" s="613"/>
      <c r="LFZ690" s="613"/>
      <c r="LGA690" s="613"/>
      <c r="LGB690" s="613"/>
      <c r="LGC690" s="613"/>
      <c r="LGD690" s="613"/>
      <c r="LGE690" s="613"/>
      <c r="LGF690" s="613"/>
      <c r="LGG690" s="613"/>
      <c r="LGH690" s="613"/>
      <c r="LGI690" s="613"/>
      <c r="LGJ690" s="613"/>
      <c r="LGK690" s="613"/>
      <c r="LGL690" s="613"/>
      <c r="LGM690" s="613"/>
      <c r="LGN690" s="613"/>
      <c r="LGO690" s="613"/>
      <c r="LGP690" s="613"/>
      <c r="LGQ690" s="613"/>
      <c r="LGR690" s="613"/>
      <c r="LGS690" s="613"/>
      <c r="LGT690" s="613"/>
      <c r="LGU690" s="613"/>
      <c r="LGV690" s="613"/>
      <c r="LGW690" s="613"/>
      <c r="LGX690" s="613"/>
      <c r="LGY690" s="613"/>
      <c r="LGZ690" s="613"/>
      <c r="LHA690" s="613"/>
      <c r="LHB690" s="613"/>
      <c r="LHC690" s="613"/>
      <c r="LHD690" s="613"/>
      <c r="LHE690" s="613"/>
      <c r="LHF690" s="613"/>
      <c r="LHG690" s="613"/>
      <c r="LHH690" s="613"/>
      <c r="LHI690" s="613"/>
      <c r="LHJ690" s="613"/>
      <c r="LHK690" s="613"/>
      <c r="LHL690" s="613"/>
      <c r="LHM690" s="613"/>
      <c r="LHN690" s="613"/>
      <c r="LHO690" s="613"/>
      <c r="LHP690" s="613"/>
      <c r="LHQ690" s="613"/>
      <c r="LHR690" s="613"/>
      <c r="LHS690" s="613"/>
      <c r="LHT690" s="613"/>
      <c r="LHU690" s="613"/>
      <c r="LHV690" s="613"/>
      <c r="LHW690" s="613"/>
      <c r="LHX690" s="613"/>
      <c r="LHY690" s="613"/>
      <c r="LHZ690" s="613"/>
      <c r="LIA690" s="613"/>
      <c r="LIB690" s="613"/>
      <c r="LIC690" s="613"/>
      <c r="LID690" s="613"/>
      <c r="LIE690" s="613"/>
      <c r="LIF690" s="613"/>
      <c r="LIG690" s="613"/>
      <c r="LIH690" s="613"/>
      <c r="LII690" s="613"/>
      <c r="LIJ690" s="613"/>
      <c r="LIK690" s="613"/>
      <c r="LIL690" s="613"/>
      <c r="LIM690" s="613"/>
      <c r="LIN690" s="613"/>
      <c r="LIO690" s="613"/>
      <c r="LIP690" s="613"/>
      <c r="LIQ690" s="613"/>
      <c r="LIR690" s="613"/>
      <c r="LIS690" s="613"/>
      <c r="LIT690" s="613"/>
      <c r="LIU690" s="613"/>
      <c r="LIV690" s="613"/>
      <c r="LIW690" s="613"/>
      <c r="LIX690" s="613"/>
      <c r="LIY690" s="613"/>
      <c r="LIZ690" s="613"/>
      <c r="LJA690" s="613"/>
      <c r="LJB690" s="613"/>
      <c r="LJC690" s="613"/>
      <c r="LJD690" s="613"/>
      <c r="LJE690" s="613"/>
      <c r="LJF690" s="613"/>
      <c r="LJG690" s="613"/>
      <c r="LJH690" s="613"/>
      <c r="LJI690" s="613"/>
      <c r="LJJ690" s="613"/>
      <c r="LJK690" s="613"/>
      <c r="LJL690" s="613"/>
      <c r="LJM690" s="613"/>
      <c r="LJN690" s="613"/>
      <c r="LJO690" s="613"/>
      <c r="LJP690" s="613"/>
      <c r="LJQ690" s="613"/>
      <c r="LJR690" s="613"/>
      <c r="LJS690" s="613"/>
      <c r="LJT690" s="613"/>
      <c r="LJU690" s="613"/>
      <c r="LJV690" s="613"/>
      <c r="LJW690" s="613"/>
      <c r="LJX690" s="613"/>
      <c r="LJY690" s="613"/>
      <c r="LJZ690" s="613"/>
      <c r="LKA690" s="613"/>
      <c r="LKB690" s="613"/>
      <c r="LKC690" s="613"/>
      <c r="LKD690" s="613"/>
      <c r="LKE690" s="613"/>
      <c r="LKF690" s="613"/>
      <c r="LKG690" s="613"/>
      <c r="LKH690" s="613"/>
      <c r="LKI690" s="613"/>
      <c r="LKJ690" s="613"/>
      <c r="LKK690" s="613"/>
      <c r="LKL690" s="613"/>
      <c r="LKM690" s="613"/>
      <c r="LKN690" s="613"/>
      <c r="LKO690" s="613"/>
      <c r="LKP690" s="613"/>
      <c r="LKQ690" s="613"/>
      <c r="LKR690" s="613"/>
      <c r="LKS690" s="613"/>
      <c r="LKT690" s="613"/>
      <c r="LKU690" s="613"/>
      <c r="LKV690" s="613"/>
      <c r="LKW690" s="613"/>
      <c r="LKX690" s="613"/>
      <c r="LKY690" s="613"/>
      <c r="LKZ690" s="613"/>
      <c r="LLA690" s="613"/>
      <c r="LLB690" s="613"/>
      <c r="LLC690" s="613"/>
      <c r="LLD690" s="613"/>
      <c r="LLE690" s="613"/>
      <c r="LLF690" s="613"/>
      <c r="LLG690" s="613"/>
      <c r="LLH690" s="613"/>
      <c r="LLI690" s="613"/>
      <c r="LLJ690" s="613"/>
      <c r="LLK690" s="613"/>
      <c r="LLL690" s="613"/>
      <c r="LLM690" s="613"/>
      <c r="LLN690" s="613"/>
      <c r="LLO690" s="613"/>
      <c r="LLP690" s="613"/>
      <c r="LLQ690" s="613"/>
      <c r="LLR690" s="613"/>
      <c r="LLS690" s="613"/>
      <c r="LLT690" s="613"/>
      <c r="LLU690" s="613"/>
      <c r="LLV690" s="613"/>
      <c r="LLW690" s="613"/>
      <c r="LLX690" s="613"/>
      <c r="LLY690" s="613"/>
      <c r="LLZ690" s="613"/>
      <c r="LMA690" s="613"/>
      <c r="LMB690" s="613"/>
      <c r="LMC690" s="613"/>
      <c r="LMD690" s="613"/>
      <c r="LME690" s="613"/>
      <c r="LMF690" s="613"/>
      <c r="LMG690" s="613"/>
      <c r="LMH690" s="613"/>
      <c r="LMI690" s="613"/>
      <c r="LMJ690" s="613"/>
      <c r="LMK690" s="613"/>
      <c r="LML690" s="613"/>
      <c r="LMM690" s="613"/>
      <c r="LMN690" s="613"/>
      <c r="LMO690" s="613"/>
      <c r="LMP690" s="613"/>
      <c r="LMQ690" s="613"/>
      <c r="LMR690" s="613"/>
      <c r="LMS690" s="613"/>
      <c r="LMT690" s="613"/>
      <c r="LMU690" s="613"/>
      <c r="LMV690" s="613"/>
      <c r="LMW690" s="613"/>
      <c r="LMX690" s="613"/>
      <c r="LMY690" s="613"/>
      <c r="LMZ690" s="613"/>
      <c r="LNA690" s="613"/>
      <c r="LNB690" s="613"/>
      <c r="LNC690" s="613"/>
      <c r="LND690" s="613"/>
      <c r="LNE690" s="613"/>
      <c r="LNF690" s="613"/>
      <c r="LNG690" s="613"/>
      <c r="LNH690" s="613"/>
      <c r="LNI690" s="613"/>
      <c r="LNJ690" s="613"/>
      <c r="LNK690" s="613"/>
      <c r="LNL690" s="613"/>
      <c r="LNM690" s="613"/>
      <c r="LNN690" s="613"/>
      <c r="LNO690" s="613"/>
      <c r="LNP690" s="613"/>
      <c r="LNQ690" s="613"/>
      <c r="LNR690" s="613"/>
      <c r="LNS690" s="613"/>
      <c r="LNT690" s="613"/>
      <c r="LNU690" s="613"/>
      <c r="LNV690" s="613"/>
      <c r="LNW690" s="613"/>
      <c r="LNX690" s="613"/>
      <c r="LNY690" s="613"/>
      <c r="LNZ690" s="613"/>
      <c r="LOA690" s="613"/>
      <c r="LOB690" s="613"/>
      <c r="LOC690" s="613"/>
      <c r="LOD690" s="613"/>
      <c r="LOE690" s="613"/>
      <c r="LOF690" s="613"/>
      <c r="LOG690" s="613"/>
      <c r="LOH690" s="613"/>
      <c r="LOI690" s="613"/>
      <c r="LOJ690" s="613"/>
      <c r="LOK690" s="613"/>
      <c r="LOL690" s="613"/>
      <c r="LOM690" s="613"/>
      <c r="LON690" s="613"/>
      <c r="LOO690" s="613"/>
      <c r="LOP690" s="613"/>
      <c r="LOQ690" s="613"/>
      <c r="LOR690" s="613"/>
      <c r="LOS690" s="613"/>
      <c r="LOT690" s="613"/>
      <c r="LOU690" s="613"/>
      <c r="LOV690" s="613"/>
      <c r="LOW690" s="613"/>
      <c r="LOX690" s="613"/>
      <c r="LOY690" s="613"/>
      <c r="LOZ690" s="613"/>
      <c r="LPA690" s="613"/>
      <c r="LPB690" s="613"/>
      <c r="LPC690" s="613"/>
      <c r="LPD690" s="613"/>
      <c r="LPE690" s="613"/>
      <c r="LPF690" s="613"/>
      <c r="LPG690" s="613"/>
      <c r="LPH690" s="613"/>
      <c r="LPI690" s="613"/>
      <c r="LPJ690" s="613"/>
      <c r="LPK690" s="613"/>
      <c r="LPL690" s="613"/>
      <c r="LPM690" s="613"/>
      <c r="LPN690" s="613"/>
      <c r="LPO690" s="613"/>
      <c r="LPP690" s="613"/>
      <c r="LPQ690" s="613"/>
      <c r="LPR690" s="613"/>
      <c r="LPS690" s="613"/>
      <c r="LPT690" s="613"/>
      <c r="LPU690" s="613"/>
      <c r="LPV690" s="613"/>
      <c r="LPW690" s="613"/>
      <c r="LPX690" s="613"/>
      <c r="LPY690" s="613"/>
      <c r="LPZ690" s="613"/>
      <c r="LQA690" s="613"/>
      <c r="LQB690" s="613"/>
      <c r="LQC690" s="613"/>
      <c r="LQD690" s="613"/>
      <c r="LQE690" s="613"/>
      <c r="LQF690" s="613"/>
      <c r="LQG690" s="613"/>
      <c r="LQH690" s="613"/>
      <c r="LQI690" s="613"/>
      <c r="LQJ690" s="613"/>
      <c r="LQK690" s="613"/>
      <c r="LQL690" s="613"/>
      <c r="LQM690" s="613"/>
      <c r="LQN690" s="613"/>
      <c r="LQO690" s="613"/>
      <c r="LQP690" s="613"/>
      <c r="LQQ690" s="613"/>
      <c r="LQR690" s="613"/>
      <c r="LQS690" s="613"/>
      <c r="LQT690" s="613"/>
      <c r="LQU690" s="613"/>
      <c r="LQV690" s="613"/>
      <c r="LQW690" s="613"/>
      <c r="LQX690" s="613"/>
      <c r="LQY690" s="613"/>
      <c r="LQZ690" s="613"/>
      <c r="LRA690" s="613"/>
      <c r="LRB690" s="613"/>
      <c r="LRC690" s="613"/>
      <c r="LRD690" s="613"/>
      <c r="LRE690" s="613"/>
      <c r="LRF690" s="613"/>
      <c r="LRG690" s="613"/>
      <c r="LRH690" s="613"/>
      <c r="LRI690" s="613"/>
      <c r="LRJ690" s="613"/>
      <c r="LRK690" s="613"/>
      <c r="LRL690" s="613"/>
      <c r="LRM690" s="613"/>
      <c r="LRN690" s="613"/>
      <c r="LRO690" s="613"/>
      <c r="LRP690" s="613"/>
      <c r="LRQ690" s="613"/>
      <c r="LRR690" s="613"/>
      <c r="LRS690" s="613"/>
      <c r="LRT690" s="613"/>
      <c r="LRU690" s="613"/>
      <c r="LRV690" s="613"/>
      <c r="LRW690" s="613"/>
      <c r="LRX690" s="613"/>
      <c r="LRY690" s="613"/>
      <c r="LRZ690" s="613"/>
      <c r="LSA690" s="613"/>
      <c r="LSB690" s="613"/>
      <c r="LSC690" s="613"/>
      <c r="LSD690" s="613"/>
      <c r="LSE690" s="613"/>
      <c r="LSF690" s="613"/>
      <c r="LSG690" s="613"/>
      <c r="LSH690" s="613"/>
      <c r="LSI690" s="613"/>
      <c r="LSJ690" s="613"/>
      <c r="LSK690" s="613"/>
      <c r="LSL690" s="613"/>
      <c r="LSM690" s="613"/>
      <c r="LSN690" s="613"/>
      <c r="LSO690" s="613"/>
      <c r="LSP690" s="613"/>
      <c r="LSQ690" s="613"/>
      <c r="LSR690" s="613"/>
      <c r="LSS690" s="613"/>
      <c r="LST690" s="613"/>
      <c r="LSU690" s="613"/>
      <c r="LSV690" s="613"/>
      <c r="LSW690" s="613"/>
      <c r="LSX690" s="613"/>
      <c r="LSY690" s="613"/>
      <c r="LSZ690" s="613"/>
      <c r="LTA690" s="613"/>
      <c r="LTB690" s="613"/>
      <c r="LTC690" s="613"/>
      <c r="LTD690" s="613"/>
      <c r="LTE690" s="613"/>
      <c r="LTF690" s="613"/>
      <c r="LTG690" s="613"/>
      <c r="LTH690" s="613"/>
      <c r="LTI690" s="613"/>
      <c r="LTJ690" s="613"/>
      <c r="LTK690" s="613"/>
      <c r="LTL690" s="613"/>
      <c r="LTM690" s="613"/>
      <c r="LTN690" s="613"/>
      <c r="LTO690" s="613"/>
      <c r="LTP690" s="613"/>
      <c r="LTQ690" s="613"/>
      <c r="LTR690" s="613"/>
      <c r="LTS690" s="613"/>
      <c r="LTT690" s="613"/>
      <c r="LTU690" s="613"/>
      <c r="LTV690" s="613"/>
      <c r="LTW690" s="613"/>
      <c r="LTX690" s="613"/>
      <c r="LTY690" s="613"/>
      <c r="LTZ690" s="613"/>
      <c r="LUA690" s="613"/>
      <c r="LUB690" s="613"/>
      <c r="LUC690" s="613"/>
      <c r="LUD690" s="613"/>
      <c r="LUE690" s="613"/>
      <c r="LUF690" s="613"/>
      <c r="LUG690" s="613"/>
      <c r="LUH690" s="613"/>
      <c r="LUI690" s="613"/>
      <c r="LUJ690" s="613"/>
      <c r="LUK690" s="613"/>
      <c r="LUL690" s="613"/>
      <c r="LUM690" s="613"/>
      <c r="LUN690" s="613"/>
      <c r="LUO690" s="613"/>
      <c r="LUP690" s="613"/>
      <c r="LUQ690" s="613"/>
      <c r="LUR690" s="613"/>
      <c r="LUS690" s="613"/>
      <c r="LUT690" s="613"/>
      <c r="LUU690" s="613"/>
      <c r="LUV690" s="613"/>
      <c r="LUW690" s="613"/>
      <c r="LUX690" s="613"/>
      <c r="LUY690" s="613"/>
      <c r="LUZ690" s="613"/>
      <c r="LVA690" s="613"/>
      <c r="LVB690" s="613"/>
      <c r="LVC690" s="613"/>
      <c r="LVD690" s="613"/>
      <c r="LVE690" s="613"/>
      <c r="LVF690" s="613"/>
      <c r="LVG690" s="613"/>
      <c r="LVH690" s="613"/>
      <c r="LVI690" s="613"/>
      <c r="LVJ690" s="613"/>
      <c r="LVK690" s="613"/>
      <c r="LVL690" s="613"/>
      <c r="LVM690" s="613"/>
      <c r="LVN690" s="613"/>
      <c r="LVO690" s="613"/>
      <c r="LVP690" s="613"/>
      <c r="LVQ690" s="613"/>
      <c r="LVR690" s="613"/>
      <c r="LVS690" s="613"/>
      <c r="LVT690" s="613"/>
      <c r="LVU690" s="613"/>
      <c r="LVV690" s="613"/>
      <c r="LVW690" s="613"/>
      <c r="LVX690" s="613"/>
      <c r="LVY690" s="613"/>
      <c r="LVZ690" s="613"/>
      <c r="LWA690" s="613"/>
      <c r="LWB690" s="613"/>
      <c r="LWC690" s="613"/>
      <c r="LWD690" s="613"/>
      <c r="LWE690" s="613"/>
      <c r="LWF690" s="613"/>
      <c r="LWG690" s="613"/>
      <c r="LWH690" s="613"/>
      <c r="LWI690" s="613"/>
      <c r="LWJ690" s="613"/>
      <c r="LWK690" s="613"/>
      <c r="LWL690" s="613"/>
      <c r="LWM690" s="613"/>
      <c r="LWN690" s="613"/>
      <c r="LWO690" s="613"/>
      <c r="LWP690" s="613"/>
      <c r="LWQ690" s="613"/>
      <c r="LWR690" s="613"/>
      <c r="LWS690" s="613"/>
      <c r="LWT690" s="613"/>
      <c r="LWU690" s="613"/>
      <c r="LWV690" s="613"/>
      <c r="LWW690" s="613"/>
      <c r="LWX690" s="613"/>
      <c r="LWY690" s="613"/>
      <c r="LWZ690" s="613"/>
      <c r="LXA690" s="613"/>
      <c r="LXB690" s="613"/>
      <c r="LXC690" s="613"/>
      <c r="LXD690" s="613"/>
      <c r="LXE690" s="613"/>
      <c r="LXF690" s="613"/>
      <c r="LXG690" s="613"/>
      <c r="LXH690" s="613"/>
      <c r="LXI690" s="613"/>
      <c r="LXJ690" s="613"/>
      <c r="LXK690" s="613"/>
      <c r="LXL690" s="613"/>
      <c r="LXM690" s="613"/>
      <c r="LXN690" s="613"/>
      <c r="LXO690" s="613"/>
      <c r="LXP690" s="613"/>
      <c r="LXQ690" s="613"/>
      <c r="LXR690" s="613"/>
      <c r="LXS690" s="613"/>
      <c r="LXT690" s="613"/>
      <c r="LXU690" s="613"/>
      <c r="LXV690" s="613"/>
      <c r="LXW690" s="613"/>
      <c r="LXX690" s="613"/>
      <c r="LXY690" s="613"/>
      <c r="LXZ690" s="613"/>
      <c r="LYA690" s="613"/>
      <c r="LYB690" s="613"/>
      <c r="LYC690" s="613"/>
      <c r="LYD690" s="613"/>
      <c r="LYE690" s="613"/>
      <c r="LYF690" s="613"/>
      <c r="LYG690" s="613"/>
      <c r="LYH690" s="613"/>
      <c r="LYI690" s="613"/>
      <c r="LYJ690" s="613"/>
      <c r="LYK690" s="613"/>
      <c r="LYL690" s="613"/>
      <c r="LYM690" s="613"/>
      <c r="LYN690" s="613"/>
      <c r="LYO690" s="613"/>
      <c r="LYP690" s="613"/>
      <c r="LYQ690" s="613"/>
      <c r="LYR690" s="613"/>
      <c r="LYS690" s="613"/>
      <c r="LYT690" s="613"/>
      <c r="LYU690" s="613"/>
      <c r="LYV690" s="613"/>
      <c r="LYW690" s="613"/>
      <c r="LYX690" s="613"/>
      <c r="LYY690" s="613"/>
      <c r="LYZ690" s="613"/>
      <c r="LZA690" s="613"/>
      <c r="LZB690" s="613"/>
      <c r="LZC690" s="613"/>
      <c r="LZD690" s="613"/>
      <c r="LZE690" s="613"/>
      <c r="LZF690" s="613"/>
      <c r="LZG690" s="613"/>
      <c r="LZH690" s="613"/>
      <c r="LZI690" s="613"/>
      <c r="LZJ690" s="613"/>
      <c r="LZK690" s="613"/>
      <c r="LZL690" s="613"/>
      <c r="LZM690" s="613"/>
      <c r="LZN690" s="613"/>
      <c r="LZO690" s="613"/>
      <c r="LZP690" s="613"/>
      <c r="LZQ690" s="613"/>
      <c r="LZR690" s="613"/>
      <c r="LZS690" s="613"/>
      <c r="LZT690" s="613"/>
      <c r="LZU690" s="613"/>
      <c r="LZV690" s="613"/>
      <c r="LZW690" s="613"/>
      <c r="LZX690" s="613"/>
      <c r="LZY690" s="613"/>
      <c r="LZZ690" s="613"/>
      <c r="MAA690" s="613"/>
      <c r="MAB690" s="613"/>
      <c r="MAC690" s="613"/>
      <c r="MAD690" s="613"/>
      <c r="MAE690" s="613"/>
      <c r="MAF690" s="613"/>
      <c r="MAG690" s="613"/>
      <c r="MAH690" s="613"/>
      <c r="MAI690" s="613"/>
      <c r="MAJ690" s="613"/>
      <c r="MAK690" s="613"/>
      <c r="MAL690" s="613"/>
      <c r="MAM690" s="613"/>
      <c r="MAN690" s="613"/>
      <c r="MAO690" s="613"/>
      <c r="MAP690" s="613"/>
      <c r="MAQ690" s="613"/>
      <c r="MAR690" s="613"/>
      <c r="MAS690" s="613"/>
      <c r="MAT690" s="613"/>
      <c r="MAU690" s="613"/>
      <c r="MAV690" s="613"/>
      <c r="MAW690" s="613"/>
      <c r="MAX690" s="613"/>
      <c r="MAY690" s="613"/>
      <c r="MAZ690" s="613"/>
      <c r="MBA690" s="613"/>
      <c r="MBB690" s="613"/>
      <c r="MBC690" s="613"/>
      <c r="MBD690" s="613"/>
      <c r="MBE690" s="613"/>
      <c r="MBF690" s="613"/>
      <c r="MBG690" s="613"/>
      <c r="MBH690" s="613"/>
      <c r="MBI690" s="613"/>
      <c r="MBJ690" s="613"/>
      <c r="MBK690" s="613"/>
      <c r="MBL690" s="613"/>
      <c r="MBM690" s="613"/>
      <c r="MBN690" s="613"/>
      <c r="MBO690" s="613"/>
      <c r="MBP690" s="613"/>
      <c r="MBQ690" s="613"/>
      <c r="MBR690" s="613"/>
      <c r="MBS690" s="613"/>
      <c r="MBT690" s="613"/>
      <c r="MBU690" s="613"/>
      <c r="MBV690" s="613"/>
      <c r="MBW690" s="613"/>
      <c r="MBX690" s="613"/>
      <c r="MBY690" s="613"/>
      <c r="MBZ690" s="613"/>
      <c r="MCA690" s="613"/>
      <c r="MCB690" s="613"/>
      <c r="MCC690" s="613"/>
      <c r="MCD690" s="613"/>
      <c r="MCE690" s="613"/>
      <c r="MCF690" s="613"/>
      <c r="MCG690" s="613"/>
      <c r="MCH690" s="613"/>
      <c r="MCI690" s="613"/>
      <c r="MCJ690" s="613"/>
      <c r="MCK690" s="613"/>
      <c r="MCL690" s="613"/>
      <c r="MCM690" s="613"/>
      <c r="MCN690" s="613"/>
      <c r="MCO690" s="613"/>
      <c r="MCP690" s="613"/>
      <c r="MCQ690" s="613"/>
      <c r="MCR690" s="613"/>
      <c r="MCS690" s="613"/>
      <c r="MCT690" s="613"/>
      <c r="MCU690" s="613"/>
      <c r="MCV690" s="613"/>
      <c r="MCW690" s="613"/>
      <c r="MCX690" s="613"/>
      <c r="MCY690" s="613"/>
      <c r="MCZ690" s="613"/>
      <c r="MDA690" s="613"/>
      <c r="MDB690" s="613"/>
      <c r="MDC690" s="613"/>
      <c r="MDD690" s="613"/>
      <c r="MDE690" s="613"/>
      <c r="MDF690" s="613"/>
      <c r="MDG690" s="613"/>
      <c r="MDH690" s="613"/>
      <c r="MDI690" s="613"/>
      <c r="MDJ690" s="613"/>
      <c r="MDK690" s="613"/>
      <c r="MDL690" s="613"/>
      <c r="MDM690" s="613"/>
      <c r="MDN690" s="613"/>
      <c r="MDO690" s="613"/>
      <c r="MDP690" s="613"/>
      <c r="MDQ690" s="613"/>
      <c r="MDR690" s="613"/>
      <c r="MDS690" s="613"/>
      <c r="MDT690" s="613"/>
      <c r="MDU690" s="613"/>
      <c r="MDV690" s="613"/>
      <c r="MDW690" s="613"/>
      <c r="MDX690" s="613"/>
      <c r="MDY690" s="613"/>
      <c r="MDZ690" s="613"/>
      <c r="MEA690" s="613"/>
      <c r="MEB690" s="613"/>
      <c r="MEC690" s="613"/>
      <c r="MED690" s="613"/>
      <c r="MEE690" s="613"/>
      <c r="MEF690" s="613"/>
      <c r="MEG690" s="613"/>
      <c r="MEH690" s="613"/>
      <c r="MEI690" s="613"/>
      <c r="MEJ690" s="613"/>
      <c r="MEK690" s="613"/>
      <c r="MEL690" s="613"/>
      <c r="MEM690" s="613"/>
      <c r="MEN690" s="613"/>
      <c r="MEO690" s="613"/>
      <c r="MEP690" s="613"/>
      <c r="MEQ690" s="613"/>
      <c r="MER690" s="613"/>
      <c r="MES690" s="613"/>
      <c r="MET690" s="613"/>
      <c r="MEU690" s="613"/>
      <c r="MEV690" s="613"/>
      <c r="MEW690" s="613"/>
      <c r="MEX690" s="613"/>
      <c r="MEY690" s="613"/>
      <c r="MEZ690" s="613"/>
      <c r="MFA690" s="613"/>
      <c r="MFB690" s="613"/>
      <c r="MFC690" s="613"/>
      <c r="MFD690" s="613"/>
      <c r="MFE690" s="613"/>
      <c r="MFF690" s="613"/>
      <c r="MFG690" s="613"/>
      <c r="MFH690" s="613"/>
      <c r="MFI690" s="613"/>
      <c r="MFJ690" s="613"/>
      <c r="MFK690" s="613"/>
      <c r="MFL690" s="613"/>
      <c r="MFM690" s="613"/>
      <c r="MFN690" s="613"/>
      <c r="MFO690" s="613"/>
      <c r="MFP690" s="613"/>
      <c r="MFQ690" s="613"/>
      <c r="MFR690" s="613"/>
      <c r="MFS690" s="613"/>
      <c r="MFT690" s="613"/>
      <c r="MFU690" s="613"/>
      <c r="MFV690" s="613"/>
      <c r="MFW690" s="613"/>
      <c r="MFX690" s="613"/>
      <c r="MFY690" s="613"/>
      <c r="MFZ690" s="613"/>
      <c r="MGA690" s="613"/>
      <c r="MGB690" s="613"/>
      <c r="MGC690" s="613"/>
      <c r="MGD690" s="613"/>
      <c r="MGE690" s="613"/>
      <c r="MGF690" s="613"/>
      <c r="MGG690" s="613"/>
      <c r="MGH690" s="613"/>
      <c r="MGI690" s="613"/>
      <c r="MGJ690" s="613"/>
      <c r="MGK690" s="613"/>
      <c r="MGL690" s="613"/>
      <c r="MGM690" s="613"/>
      <c r="MGN690" s="613"/>
      <c r="MGO690" s="613"/>
      <c r="MGP690" s="613"/>
      <c r="MGQ690" s="613"/>
      <c r="MGR690" s="613"/>
      <c r="MGS690" s="613"/>
      <c r="MGT690" s="613"/>
      <c r="MGU690" s="613"/>
      <c r="MGV690" s="613"/>
      <c r="MGW690" s="613"/>
      <c r="MGX690" s="613"/>
      <c r="MGY690" s="613"/>
      <c r="MGZ690" s="613"/>
      <c r="MHA690" s="613"/>
      <c r="MHB690" s="613"/>
      <c r="MHC690" s="613"/>
      <c r="MHD690" s="613"/>
      <c r="MHE690" s="613"/>
      <c r="MHF690" s="613"/>
      <c r="MHG690" s="613"/>
      <c r="MHH690" s="613"/>
      <c r="MHI690" s="613"/>
      <c r="MHJ690" s="613"/>
      <c r="MHK690" s="613"/>
      <c r="MHL690" s="613"/>
      <c r="MHM690" s="613"/>
      <c r="MHN690" s="613"/>
      <c r="MHO690" s="613"/>
      <c r="MHP690" s="613"/>
      <c r="MHQ690" s="613"/>
      <c r="MHR690" s="613"/>
      <c r="MHS690" s="613"/>
      <c r="MHT690" s="613"/>
      <c r="MHU690" s="613"/>
      <c r="MHV690" s="613"/>
      <c r="MHW690" s="613"/>
      <c r="MHX690" s="613"/>
      <c r="MHY690" s="613"/>
      <c r="MHZ690" s="613"/>
      <c r="MIA690" s="613"/>
      <c r="MIB690" s="613"/>
      <c r="MIC690" s="613"/>
      <c r="MID690" s="613"/>
      <c r="MIE690" s="613"/>
      <c r="MIF690" s="613"/>
      <c r="MIG690" s="613"/>
      <c r="MIH690" s="613"/>
      <c r="MII690" s="613"/>
      <c r="MIJ690" s="613"/>
      <c r="MIK690" s="613"/>
      <c r="MIL690" s="613"/>
      <c r="MIM690" s="613"/>
      <c r="MIN690" s="613"/>
      <c r="MIO690" s="613"/>
      <c r="MIP690" s="613"/>
      <c r="MIQ690" s="613"/>
      <c r="MIR690" s="613"/>
      <c r="MIS690" s="613"/>
      <c r="MIT690" s="613"/>
      <c r="MIU690" s="613"/>
      <c r="MIV690" s="613"/>
      <c r="MIW690" s="613"/>
      <c r="MIX690" s="613"/>
      <c r="MIY690" s="613"/>
      <c r="MIZ690" s="613"/>
      <c r="MJA690" s="613"/>
      <c r="MJB690" s="613"/>
      <c r="MJC690" s="613"/>
      <c r="MJD690" s="613"/>
      <c r="MJE690" s="613"/>
      <c r="MJF690" s="613"/>
      <c r="MJG690" s="613"/>
      <c r="MJH690" s="613"/>
      <c r="MJI690" s="613"/>
      <c r="MJJ690" s="613"/>
      <c r="MJK690" s="613"/>
      <c r="MJL690" s="613"/>
      <c r="MJM690" s="613"/>
      <c r="MJN690" s="613"/>
      <c r="MJO690" s="613"/>
      <c r="MJP690" s="613"/>
      <c r="MJQ690" s="613"/>
      <c r="MJR690" s="613"/>
      <c r="MJS690" s="613"/>
      <c r="MJT690" s="613"/>
      <c r="MJU690" s="613"/>
      <c r="MJV690" s="613"/>
      <c r="MJW690" s="613"/>
      <c r="MJX690" s="613"/>
      <c r="MJY690" s="613"/>
      <c r="MJZ690" s="613"/>
      <c r="MKA690" s="613"/>
      <c r="MKB690" s="613"/>
      <c r="MKC690" s="613"/>
      <c r="MKD690" s="613"/>
      <c r="MKE690" s="613"/>
      <c r="MKF690" s="613"/>
      <c r="MKG690" s="613"/>
      <c r="MKH690" s="613"/>
      <c r="MKI690" s="613"/>
      <c r="MKJ690" s="613"/>
      <c r="MKK690" s="613"/>
      <c r="MKL690" s="613"/>
      <c r="MKM690" s="613"/>
      <c r="MKN690" s="613"/>
      <c r="MKO690" s="613"/>
      <c r="MKP690" s="613"/>
      <c r="MKQ690" s="613"/>
      <c r="MKR690" s="613"/>
      <c r="MKS690" s="613"/>
      <c r="MKT690" s="613"/>
      <c r="MKU690" s="613"/>
      <c r="MKV690" s="613"/>
      <c r="MKW690" s="613"/>
      <c r="MKX690" s="613"/>
      <c r="MKY690" s="613"/>
      <c r="MKZ690" s="613"/>
      <c r="MLA690" s="613"/>
      <c r="MLB690" s="613"/>
      <c r="MLC690" s="613"/>
      <c r="MLD690" s="613"/>
      <c r="MLE690" s="613"/>
      <c r="MLF690" s="613"/>
      <c r="MLG690" s="613"/>
      <c r="MLH690" s="613"/>
      <c r="MLI690" s="613"/>
      <c r="MLJ690" s="613"/>
      <c r="MLK690" s="613"/>
      <c r="MLL690" s="613"/>
      <c r="MLM690" s="613"/>
      <c r="MLN690" s="613"/>
      <c r="MLO690" s="613"/>
      <c r="MLP690" s="613"/>
      <c r="MLQ690" s="613"/>
      <c r="MLR690" s="613"/>
      <c r="MLS690" s="613"/>
      <c r="MLT690" s="613"/>
      <c r="MLU690" s="613"/>
      <c r="MLV690" s="613"/>
      <c r="MLW690" s="613"/>
      <c r="MLX690" s="613"/>
      <c r="MLY690" s="613"/>
      <c r="MLZ690" s="613"/>
      <c r="MMA690" s="613"/>
      <c r="MMB690" s="613"/>
      <c r="MMC690" s="613"/>
      <c r="MMD690" s="613"/>
      <c r="MME690" s="613"/>
      <c r="MMF690" s="613"/>
      <c r="MMG690" s="613"/>
      <c r="MMH690" s="613"/>
      <c r="MMI690" s="613"/>
      <c r="MMJ690" s="613"/>
      <c r="MMK690" s="613"/>
      <c r="MML690" s="613"/>
      <c r="MMM690" s="613"/>
      <c r="MMN690" s="613"/>
      <c r="MMO690" s="613"/>
      <c r="MMP690" s="613"/>
      <c r="MMQ690" s="613"/>
      <c r="MMR690" s="613"/>
      <c r="MMS690" s="613"/>
      <c r="MMT690" s="613"/>
      <c r="MMU690" s="613"/>
      <c r="MMV690" s="613"/>
      <c r="MMW690" s="613"/>
      <c r="MMX690" s="613"/>
      <c r="MMY690" s="613"/>
      <c r="MMZ690" s="613"/>
      <c r="MNA690" s="613"/>
      <c r="MNB690" s="613"/>
      <c r="MNC690" s="613"/>
      <c r="MND690" s="613"/>
      <c r="MNE690" s="613"/>
      <c r="MNF690" s="613"/>
      <c r="MNG690" s="613"/>
      <c r="MNH690" s="613"/>
      <c r="MNI690" s="613"/>
      <c r="MNJ690" s="613"/>
      <c r="MNK690" s="613"/>
      <c r="MNL690" s="613"/>
      <c r="MNM690" s="613"/>
      <c r="MNN690" s="613"/>
      <c r="MNO690" s="613"/>
      <c r="MNP690" s="613"/>
      <c r="MNQ690" s="613"/>
      <c r="MNR690" s="613"/>
      <c r="MNS690" s="613"/>
      <c r="MNT690" s="613"/>
      <c r="MNU690" s="613"/>
      <c r="MNV690" s="613"/>
      <c r="MNW690" s="613"/>
      <c r="MNX690" s="613"/>
      <c r="MNY690" s="613"/>
      <c r="MNZ690" s="613"/>
      <c r="MOA690" s="613"/>
      <c r="MOB690" s="613"/>
      <c r="MOC690" s="613"/>
      <c r="MOD690" s="613"/>
      <c r="MOE690" s="613"/>
      <c r="MOF690" s="613"/>
      <c r="MOG690" s="613"/>
      <c r="MOH690" s="613"/>
      <c r="MOI690" s="613"/>
      <c r="MOJ690" s="613"/>
      <c r="MOK690" s="613"/>
      <c r="MOL690" s="613"/>
      <c r="MOM690" s="613"/>
      <c r="MON690" s="613"/>
      <c r="MOO690" s="613"/>
      <c r="MOP690" s="613"/>
      <c r="MOQ690" s="613"/>
      <c r="MOR690" s="613"/>
      <c r="MOS690" s="613"/>
      <c r="MOT690" s="613"/>
      <c r="MOU690" s="613"/>
      <c r="MOV690" s="613"/>
      <c r="MOW690" s="613"/>
      <c r="MOX690" s="613"/>
      <c r="MOY690" s="613"/>
      <c r="MOZ690" s="613"/>
      <c r="MPA690" s="613"/>
      <c r="MPB690" s="613"/>
      <c r="MPC690" s="613"/>
      <c r="MPD690" s="613"/>
      <c r="MPE690" s="613"/>
      <c r="MPF690" s="613"/>
      <c r="MPG690" s="613"/>
      <c r="MPH690" s="613"/>
      <c r="MPI690" s="613"/>
      <c r="MPJ690" s="613"/>
      <c r="MPK690" s="613"/>
      <c r="MPL690" s="613"/>
      <c r="MPM690" s="613"/>
      <c r="MPN690" s="613"/>
      <c r="MPO690" s="613"/>
      <c r="MPP690" s="613"/>
      <c r="MPQ690" s="613"/>
      <c r="MPR690" s="613"/>
      <c r="MPS690" s="613"/>
      <c r="MPT690" s="613"/>
      <c r="MPU690" s="613"/>
      <c r="MPV690" s="613"/>
      <c r="MPW690" s="613"/>
      <c r="MPX690" s="613"/>
      <c r="MPY690" s="613"/>
      <c r="MPZ690" s="613"/>
      <c r="MQA690" s="613"/>
      <c r="MQB690" s="613"/>
      <c r="MQC690" s="613"/>
      <c r="MQD690" s="613"/>
      <c r="MQE690" s="613"/>
      <c r="MQF690" s="613"/>
      <c r="MQG690" s="613"/>
      <c r="MQH690" s="613"/>
      <c r="MQI690" s="613"/>
      <c r="MQJ690" s="613"/>
      <c r="MQK690" s="613"/>
      <c r="MQL690" s="613"/>
      <c r="MQM690" s="613"/>
      <c r="MQN690" s="613"/>
      <c r="MQO690" s="613"/>
      <c r="MQP690" s="613"/>
      <c r="MQQ690" s="613"/>
      <c r="MQR690" s="613"/>
      <c r="MQS690" s="613"/>
      <c r="MQT690" s="613"/>
      <c r="MQU690" s="613"/>
      <c r="MQV690" s="613"/>
      <c r="MQW690" s="613"/>
      <c r="MQX690" s="613"/>
      <c r="MQY690" s="613"/>
      <c r="MQZ690" s="613"/>
      <c r="MRA690" s="613"/>
      <c r="MRB690" s="613"/>
      <c r="MRC690" s="613"/>
      <c r="MRD690" s="613"/>
      <c r="MRE690" s="613"/>
      <c r="MRF690" s="613"/>
      <c r="MRG690" s="613"/>
      <c r="MRH690" s="613"/>
      <c r="MRI690" s="613"/>
      <c r="MRJ690" s="613"/>
      <c r="MRK690" s="613"/>
      <c r="MRL690" s="613"/>
      <c r="MRM690" s="613"/>
      <c r="MRN690" s="613"/>
      <c r="MRO690" s="613"/>
      <c r="MRP690" s="613"/>
      <c r="MRQ690" s="613"/>
      <c r="MRR690" s="613"/>
      <c r="MRS690" s="613"/>
      <c r="MRT690" s="613"/>
      <c r="MRU690" s="613"/>
      <c r="MRV690" s="613"/>
      <c r="MRW690" s="613"/>
      <c r="MRX690" s="613"/>
      <c r="MRY690" s="613"/>
      <c r="MRZ690" s="613"/>
      <c r="MSA690" s="613"/>
      <c r="MSB690" s="613"/>
      <c r="MSC690" s="613"/>
      <c r="MSD690" s="613"/>
      <c r="MSE690" s="613"/>
      <c r="MSF690" s="613"/>
      <c r="MSG690" s="613"/>
      <c r="MSH690" s="613"/>
      <c r="MSI690" s="613"/>
      <c r="MSJ690" s="613"/>
      <c r="MSK690" s="613"/>
      <c r="MSL690" s="613"/>
      <c r="MSM690" s="613"/>
      <c r="MSN690" s="613"/>
      <c r="MSO690" s="613"/>
      <c r="MSP690" s="613"/>
      <c r="MSQ690" s="613"/>
      <c r="MSR690" s="613"/>
      <c r="MSS690" s="613"/>
      <c r="MST690" s="613"/>
      <c r="MSU690" s="613"/>
      <c r="MSV690" s="613"/>
      <c r="MSW690" s="613"/>
      <c r="MSX690" s="613"/>
      <c r="MSY690" s="613"/>
      <c r="MSZ690" s="613"/>
      <c r="MTA690" s="613"/>
      <c r="MTB690" s="613"/>
      <c r="MTC690" s="613"/>
      <c r="MTD690" s="613"/>
      <c r="MTE690" s="613"/>
      <c r="MTF690" s="613"/>
      <c r="MTG690" s="613"/>
      <c r="MTH690" s="613"/>
      <c r="MTI690" s="613"/>
      <c r="MTJ690" s="613"/>
      <c r="MTK690" s="613"/>
      <c r="MTL690" s="613"/>
      <c r="MTM690" s="613"/>
      <c r="MTN690" s="613"/>
      <c r="MTO690" s="613"/>
      <c r="MTP690" s="613"/>
      <c r="MTQ690" s="613"/>
      <c r="MTR690" s="613"/>
      <c r="MTS690" s="613"/>
      <c r="MTT690" s="613"/>
      <c r="MTU690" s="613"/>
      <c r="MTV690" s="613"/>
      <c r="MTW690" s="613"/>
      <c r="MTX690" s="613"/>
      <c r="MTY690" s="613"/>
      <c r="MTZ690" s="613"/>
      <c r="MUA690" s="613"/>
      <c r="MUB690" s="613"/>
      <c r="MUC690" s="613"/>
      <c r="MUD690" s="613"/>
      <c r="MUE690" s="613"/>
      <c r="MUF690" s="613"/>
      <c r="MUG690" s="613"/>
      <c r="MUH690" s="613"/>
      <c r="MUI690" s="613"/>
      <c r="MUJ690" s="613"/>
      <c r="MUK690" s="613"/>
      <c r="MUL690" s="613"/>
      <c r="MUM690" s="613"/>
      <c r="MUN690" s="613"/>
      <c r="MUO690" s="613"/>
      <c r="MUP690" s="613"/>
      <c r="MUQ690" s="613"/>
      <c r="MUR690" s="613"/>
      <c r="MUS690" s="613"/>
      <c r="MUT690" s="613"/>
      <c r="MUU690" s="613"/>
      <c r="MUV690" s="613"/>
      <c r="MUW690" s="613"/>
      <c r="MUX690" s="613"/>
      <c r="MUY690" s="613"/>
      <c r="MUZ690" s="613"/>
      <c r="MVA690" s="613"/>
      <c r="MVB690" s="613"/>
      <c r="MVC690" s="613"/>
      <c r="MVD690" s="613"/>
      <c r="MVE690" s="613"/>
      <c r="MVF690" s="613"/>
      <c r="MVG690" s="613"/>
      <c r="MVH690" s="613"/>
      <c r="MVI690" s="613"/>
      <c r="MVJ690" s="613"/>
      <c r="MVK690" s="613"/>
      <c r="MVL690" s="613"/>
      <c r="MVM690" s="613"/>
      <c r="MVN690" s="613"/>
      <c r="MVO690" s="613"/>
      <c r="MVP690" s="613"/>
      <c r="MVQ690" s="613"/>
      <c r="MVR690" s="613"/>
      <c r="MVS690" s="613"/>
      <c r="MVT690" s="613"/>
      <c r="MVU690" s="613"/>
      <c r="MVV690" s="613"/>
      <c r="MVW690" s="613"/>
      <c r="MVX690" s="613"/>
      <c r="MVY690" s="613"/>
      <c r="MVZ690" s="613"/>
      <c r="MWA690" s="613"/>
      <c r="MWB690" s="613"/>
      <c r="MWC690" s="613"/>
      <c r="MWD690" s="613"/>
      <c r="MWE690" s="613"/>
      <c r="MWF690" s="613"/>
      <c r="MWG690" s="613"/>
      <c r="MWH690" s="613"/>
      <c r="MWI690" s="613"/>
      <c r="MWJ690" s="613"/>
      <c r="MWK690" s="613"/>
      <c r="MWL690" s="613"/>
      <c r="MWM690" s="613"/>
      <c r="MWN690" s="613"/>
      <c r="MWO690" s="613"/>
      <c r="MWP690" s="613"/>
      <c r="MWQ690" s="613"/>
      <c r="MWR690" s="613"/>
      <c r="MWS690" s="613"/>
      <c r="MWT690" s="613"/>
      <c r="MWU690" s="613"/>
      <c r="MWV690" s="613"/>
      <c r="MWW690" s="613"/>
      <c r="MWX690" s="613"/>
      <c r="MWY690" s="613"/>
      <c r="MWZ690" s="613"/>
      <c r="MXA690" s="613"/>
      <c r="MXB690" s="613"/>
      <c r="MXC690" s="613"/>
      <c r="MXD690" s="613"/>
      <c r="MXE690" s="613"/>
      <c r="MXF690" s="613"/>
      <c r="MXG690" s="613"/>
      <c r="MXH690" s="613"/>
      <c r="MXI690" s="613"/>
      <c r="MXJ690" s="613"/>
      <c r="MXK690" s="613"/>
      <c r="MXL690" s="613"/>
      <c r="MXM690" s="613"/>
      <c r="MXN690" s="613"/>
      <c r="MXO690" s="613"/>
      <c r="MXP690" s="613"/>
      <c r="MXQ690" s="613"/>
      <c r="MXR690" s="613"/>
      <c r="MXS690" s="613"/>
      <c r="MXT690" s="613"/>
      <c r="MXU690" s="613"/>
      <c r="MXV690" s="613"/>
      <c r="MXW690" s="613"/>
      <c r="MXX690" s="613"/>
      <c r="MXY690" s="613"/>
      <c r="MXZ690" s="613"/>
      <c r="MYA690" s="613"/>
      <c r="MYB690" s="613"/>
      <c r="MYC690" s="613"/>
      <c r="MYD690" s="613"/>
      <c r="MYE690" s="613"/>
      <c r="MYF690" s="613"/>
      <c r="MYG690" s="613"/>
      <c r="MYH690" s="613"/>
      <c r="MYI690" s="613"/>
      <c r="MYJ690" s="613"/>
      <c r="MYK690" s="613"/>
      <c r="MYL690" s="613"/>
      <c r="MYM690" s="613"/>
      <c r="MYN690" s="613"/>
      <c r="MYO690" s="613"/>
      <c r="MYP690" s="613"/>
      <c r="MYQ690" s="613"/>
      <c r="MYR690" s="613"/>
      <c r="MYS690" s="613"/>
      <c r="MYT690" s="613"/>
      <c r="MYU690" s="613"/>
      <c r="MYV690" s="613"/>
      <c r="MYW690" s="613"/>
      <c r="MYX690" s="613"/>
      <c r="MYY690" s="613"/>
      <c r="MYZ690" s="613"/>
      <c r="MZA690" s="613"/>
      <c r="MZB690" s="613"/>
      <c r="MZC690" s="613"/>
      <c r="MZD690" s="613"/>
      <c r="MZE690" s="613"/>
      <c r="MZF690" s="613"/>
      <c r="MZG690" s="613"/>
      <c r="MZH690" s="613"/>
      <c r="MZI690" s="613"/>
      <c r="MZJ690" s="613"/>
      <c r="MZK690" s="613"/>
      <c r="MZL690" s="613"/>
      <c r="MZM690" s="613"/>
      <c r="MZN690" s="613"/>
      <c r="MZO690" s="613"/>
      <c r="MZP690" s="613"/>
      <c r="MZQ690" s="613"/>
      <c r="MZR690" s="613"/>
      <c r="MZS690" s="613"/>
      <c r="MZT690" s="613"/>
      <c r="MZU690" s="613"/>
      <c r="MZV690" s="613"/>
      <c r="MZW690" s="613"/>
      <c r="MZX690" s="613"/>
      <c r="MZY690" s="613"/>
      <c r="MZZ690" s="613"/>
      <c r="NAA690" s="613"/>
      <c r="NAB690" s="613"/>
      <c r="NAC690" s="613"/>
      <c r="NAD690" s="613"/>
      <c r="NAE690" s="613"/>
      <c r="NAF690" s="613"/>
      <c r="NAG690" s="613"/>
      <c r="NAH690" s="613"/>
      <c r="NAI690" s="613"/>
      <c r="NAJ690" s="613"/>
      <c r="NAK690" s="613"/>
      <c r="NAL690" s="613"/>
      <c r="NAM690" s="613"/>
      <c r="NAN690" s="613"/>
      <c r="NAO690" s="613"/>
      <c r="NAP690" s="613"/>
      <c r="NAQ690" s="613"/>
      <c r="NAR690" s="613"/>
      <c r="NAS690" s="613"/>
      <c r="NAT690" s="613"/>
      <c r="NAU690" s="613"/>
      <c r="NAV690" s="613"/>
      <c r="NAW690" s="613"/>
      <c r="NAX690" s="613"/>
      <c r="NAY690" s="613"/>
      <c r="NAZ690" s="613"/>
      <c r="NBA690" s="613"/>
      <c r="NBB690" s="613"/>
      <c r="NBC690" s="613"/>
      <c r="NBD690" s="613"/>
      <c r="NBE690" s="613"/>
      <c r="NBF690" s="613"/>
      <c r="NBG690" s="613"/>
      <c r="NBH690" s="613"/>
      <c r="NBI690" s="613"/>
      <c r="NBJ690" s="613"/>
      <c r="NBK690" s="613"/>
      <c r="NBL690" s="613"/>
      <c r="NBM690" s="613"/>
      <c r="NBN690" s="613"/>
      <c r="NBO690" s="613"/>
      <c r="NBP690" s="613"/>
      <c r="NBQ690" s="613"/>
      <c r="NBR690" s="613"/>
      <c r="NBS690" s="613"/>
      <c r="NBT690" s="613"/>
      <c r="NBU690" s="613"/>
      <c r="NBV690" s="613"/>
      <c r="NBW690" s="613"/>
      <c r="NBX690" s="613"/>
      <c r="NBY690" s="613"/>
      <c r="NBZ690" s="613"/>
      <c r="NCA690" s="613"/>
      <c r="NCB690" s="613"/>
      <c r="NCC690" s="613"/>
      <c r="NCD690" s="613"/>
      <c r="NCE690" s="613"/>
      <c r="NCF690" s="613"/>
      <c r="NCG690" s="613"/>
      <c r="NCH690" s="613"/>
      <c r="NCI690" s="613"/>
      <c r="NCJ690" s="613"/>
      <c r="NCK690" s="613"/>
      <c r="NCL690" s="613"/>
      <c r="NCM690" s="613"/>
      <c r="NCN690" s="613"/>
      <c r="NCO690" s="613"/>
      <c r="NCP690" s="613"/>
      <c r="NCQ690" s="613"/>
      <c r="NCR690" s="613"/>
      <c r="NCS690" s="613"/>
      <c r="NCT690" s="613"/>
      <c r="NCU690" s="613"/>
      <c r="NCV690" s="613"/>
      <c r="NCW690" s="613"/>
      <c r="NCX690" s="613"/>
      <c r="NCY690" s="613"/>
      <c r="NCZ690" s="613"/>
      <c r="NDA690" s="613"/>
      <c r="NDB690" s="613"/>
      <c r="NDC690" s="613"/>
      <c r="NDD690" s="613"/>
      <c r="NDE690" s="613"/>
      <c r="NDF690" s="613"/>
      <c r="NDG690" s="613"/>
      <c r="NDH690" s="613"/>
      <c r="NDI690" s="613"/>
      <c r="NDJ690" s="613"/>
      <c r="NDK690" s="613"/>
      <c r="NDL690" s="613"/>
      <c r="NDM690" s="613"/>
      <c r="NDN690" s="613"/>
      <c r="NDO690" s="613"/>
      <c r="NDP690" s="613"/>
      <c r="NDQ690" s="613"/>
      <c r="NDR690" s="613"/>
      <c r="NDS690" s="613"/>
      <c r="NDT690" s="613"/>
      <c r="NDU690" s="613"/>
      <c r="NDV690" s="613"/>
      <c r="NDW690" s="613"/>
      <c r="NDX690" s="613"/>
      <c r="NDY690" s="613"/>
      <c r="NDZ690" s="613"/>
      <c r="NEA690" s="613"/>
      <c r="NEB690" s="613"/>
      <c r="NEC690" s="613"/>
      <c r="NED690" s="613"/>
      <c r="NEE690" s="613"/>
      <c r="NEF690" s="613"/>
      <c r="NEG690" s="613"/>
      <c r="NEH690" s="613"/>
      <c r="NEI690" s="613"/>
      <c r="NEJ690" s="613"/>
      <c r="NEK690" s="613"/>
      <c r="NEL690" s="613"/>
      <c r="NEM690" s="613"/>
      <c r="NEN690" s="613"/>
      <c r="NEO690" s="613"/>
      <c r="NEP690" s="613"/>
      <c r="NEQ690" s="613"/>
      <c r="NER690" s="613"/>
      <c r="NES690" s="613"/>
      <c r="NET690" s="613"/>
      <c r="NEU690" s="613"/>
      <c r="NEV690" s="613"/>
      <c r="NEW690" s="613"/>
      <c r="NEX690" s="613"/>
      <c r="NEY690" s="613"/>
      <c r="NEZ690" s="613"/>
      <c r="NFA690" s="613"/>
      <c r="NFB690" s="613"/>
      <c r="NFC690" s="613"/>
      <c r="NFD690" s="613"/>
      <c r="NFE690" s="613"/>
      <c r="NFF690" s="613"/>
      <c r="NFG690" s="613"/>
      <c r="NFH690" s="613"/>
      <c r="NFI690" s="613"/>
      <c r="NFJ690" s="613"/>
      <c r="NFK690" s="613"/>
      <c r="NFL690" s="613"/>
      <c r="NFM690" s="613"/>
      <c r="NFN690" s="613"/>
      <c r="NFO690" s="613"/>
      <c r="NFP690" s="613"/>
      <c r="NFQ690" s="613"/>
      <c r="NFR690" s="613"/>
      <c r="NFS690" s="613"/>
      <c r="NFT690" s="613"/>
      <c r="NFU690" s="613"/>
      <c r="NFV690" s="613"/>
      <c r="NFW690" s="613"/>
      <c r="NFX690" s="613"/>
      <c r="NFY690" s="613"/>
      <c r="NFZ690" s="613"/>
      <c r="NGA690" s="613"/>
      <c r="NGB690" s="613"/>
      <c r="NGC690" s="613"/>
      <c r="NGD690" s="613"/>
      <c r="NGE690" s="613"/>
      <c r="NGF690" s="613"/>
      <c r="NGG690" s="613"/>
      <c r="NGH690" s="613"/>
      <c r="NGI690" s="613"/>
      <c r="NGJ690" s="613"/>
      <c r="NGK690" s="613"/>
      <c r="NGL690" s="613"/>
      <c r="NGM690" s="613"/>
      <c r="NGN690" s="613"/>
      <c r="NGO690" s="613"/>
      <c r="NGP690" s="613"/>
      <c r="NGQ690" s="613"/>
      <c r="NGR690" s="613"/>
      <c r="NGS690" s="613"/>
      <c r="NGT690" s="613"/>
      <c r="NGU690" s="613"/>
      <c r="NGV690" s="613"/>
      <c r="NGW690" s="613"/>
      <c r="NGX690" s="613"/>
      <c r="NGY690" s="613"/>
      <c r="NGZ690" s="613"/>
      <c r="NHA690" s="613"/>
      <c r="NHB690" s="613"/>
      <c r="NHC690" s="613"/>
      <c r="NHD690" s="613"/>
      <c r="NHE690" s="613"/>
      <c r="NHF690" s="613"/>
      <c r="NHG690" s="613"/>
      <c r="NHH690" s="613"/>
      <c r="NHI690" s="613"/>
      <c r="NHJ690" s="613"/>
      <c r="NHK690" s="613"/>
      <c r="NHL690" s="613"/>
      <c r="NHM690" s="613"/>
      <c r="NHN690" s="613"/>
      <c r="NHO690" s="613"/>
      <c r="NHP690" s="613"/>
      <c r="NHQ690" s="613"/>
      <c r="NHR690" s="613"/>
      <c r="NHS690" s="613"/>
      <c r="NHT690" s="613"/>
      <c r="NHU690" s="613"/>
      <c r="NHV690" s="613"/>
      <c r="NHW690" s="613"/>
      <c r="NHX690" s="613"/>
      <c r="NHY690" s="613"/>
      <c r="NHZ690" s="613"/>
      <c r="NIA690" s="613"/>
      <c r="NIB690" s="613"/>
      <c r="NIC690" s="613"/>
      <c r="NID690" s="613"/>
      <c r="NIE690" s="613"/>
      <c r="NIF690" s="613"/>
      <c r="NIG690" s="613"/>
      <c r="NIH690" s="613"/>
      <c r="NII690" s="613"/>
      <c r="NIJ690" s="613"/>
      <c r="NIK690" s="613"/>
      <c r="NIL690" s="613"/>
      <c r="NIM690" s="613"/>
      <c r="NIN690" s="613"/>
      <c r="NIO690" s="613"/>
      <c r="NIP690" s="613"/>
      <c r="NIQ690" s="613"/>
      <c r="NIR690" s="613"/>
      <c r="NIS690" s="613"/>
      <c r="NIT690" s="613"/>
      <c r="NIU690" s="613"/>
      <c r="NIV690" s="613"/>
      <c r="NIW690" s="613"/>
      <c r="NIX690" s="613"/>
      <c r="NIY690" s="613"/>
      <c r="NIZ690" s="613"/>
      <c r="NJA690" s="613"/>
      <c r="NJB690" s="613"/>
      <c r="NJC690" s="613"/>
      <c r="NJD690" s="613"/>
      <c r="NJE690" s="613"/>
      <c r="NJF690" s="613"/>
      <c r="NJG690" s="613"/>
      <c r="NJH690" s="613"/>
      <c r="NJI690" s="613"/>
      <c r="NJJ690" s="613"/>
      <c r="NJK690" s="613"/>
      <c r="NJL690" s="613"/>
      <c r="NJM690" s="613"/>
      <c r="NJN690" s="613"/>
      <c r="NJO690" s="613"/>
      <c r="NJP690" s="613"/>
      <c r="NJQ690" s="613"/>
      <c r="NJR690" s="613"/>
      <c r="NJS690" s="613"/>
      <c r="NJT690" s="613"/>
      <c r="NJU690" s="613"/>
      <c r="NJV690" s="613"/>
      <c r="NJW690" s="613"/>
      <c r="NJX690" s="613"/>
      <c r="NJY690" s="613"/>
      <c r="NJZ690" s="613"/>
      <c r="NKA690" s="613"/>
      <c r="NKB690" s="613"/>
      <c r="NKC690" s="613"/>
      <c r="NKD690" s="613"/>
      <c r="NKE690" s="613"/>
      <c r="NKF690" s="613"/>
      <c r="NKG690" s="613"/>
      <c r="NKH690" s="613"/>
      <c r="NKI690" s="613"/>
      <c r="NKJ690" s="613"/>
      <c r="NKK690" s="613"/>
      <c r="NKL690" s="613"/>
      <c r="NKM690" s="613"/>
      <c r="NKN690" s="613"/>
      <c r="NKO690" s="613"/>
      <c r="NKP690" s="613"/>
      <c r="NKQ690" s="613"/>
      <c r="NKR690" s="613"/>
      <c r="NKS690" s="613"/>
      <c r="NKT690" s="613"/>
      <c r="NKU690" s="613"/>
      <c r="NKV690" s="613"/>
      <c r="NKW690" s="613"/>
      <c r="NKX690" s="613"/>
      <c r="NKY690" s="613"/>
      <c r="NKZ690" s="613"/>
      <c r="NLA690" s="613"/>
      <c r="NLB690" s="613"/>
      <c r="NLC690" s="613"/>
      <c r="NLD690" s="613"/>
      <c r="NLE690" s="613"/>
      <c r="NLF690" s="613"/>
      <c r="NLG690" s="613"/>
      <c r="NLH690" s="613"/>
      <c r="NLI690" s="613"/>
      <c r="NLJ690" s="613"/>
      <c r="NLK690" s="613"/>
      <c r="NLL690" s="613"/>
      <c r="NLM690" s="613"/>
      <c r="NLN690" s="613"/>
      <c r="NLO690" s="613"/>
      <c r="NLP690" s="613"/>
      <c r="NLQ690" s="613"/>
      <c r="NLR690" s="613"/>
      <c r="NLS690" s="613"/>
      <c r="NLT690" s="613"/>
      <c r="NLU690" s="613"/>
      <c r="NLV690" s="613"/>
      <c r="NLW690" s="613"/>
      <c r="NLX690" s="613"/>
      <c r="NLY690" s="613"/>
      <c r="NLZ690" s="613"/>
      <c r="NMA690" s="613"/>
      <c r="NMB690" s="613"/>
      <c r="NMC690" s="613"/>
      <c r="NMD690" s="613"/>
      <c r="NME690" s="613"/>
      <c r="NMF690" s="613"/>
      <c r="NMG690" s="613"/>
      <c r="NMH690" s="613"/>
      <c r="NMI690" s="613"/>
      <c r="NMJ690" s="613"/>
      <c r="NMK690" s="613"/>
      <c r="NML690" s="613"/>
      <c r="NMM690" s="613"/>
      <c r="NMN690" s="613"/>
      <c r="NMO690" s="613"/>
      <c r="NMP690" s="613"/>
      <c r="NMQ690" s="613"/>
      <c r="NMR690" s="613"/>
      <c r="NMS690" s="613"/>
      <c r="NMT690" s="613"/>
      <c r="NMU690" s="613"/>
      <c r="NMV690" s="613"/>
      <c r="NMW690" s="613"/>
      <c r="NMX690" s="613"/>
      <c r="NMY690" s="613"/>
      <c r="NMZ690" s="613"/>
      <c r="NNA690" s="613"/>
      <c r="NNB690" s="613"/>
      <c r="NNC690" s="613"/>
      <c r="NND690" s="613"/>
      <c r="NNE690" s="613"/>
      <c r="NNF690" s="613"/>
      <c r="NNG690" s="613"/>
      <c r="NNH690" s="613"/>
      <c r="NNI690" s="613"/>
      <c r="NNJ690" s="613"/>
      <c r="NNK690" s="613"/>
      <c r="NNL690" s="613"/>
      <c r="NNM690" s="613"/>
      <c r="NNN690" s="613"/>
      <c r="NNO690" s="613"/>
      <c r="NNP690" s="613"/>
      <c r="NNQ690" s="613"/>
      <c r="NNR690" s="613"/>
      <c r="NNS690" s="613"/>
      <c r="NNT690" s="613"/>
      <c r="NNU690" s="613"/>
      <c r="NNV690" s="613"/>
      <c r="NNW690" s="613"/>
      <c r="NNX690" s="613"/>
      <c r="NNY690" s="613"/>
      <c r="NNZ690" s="613"/>
      <c r="NOA690" s="613"/>
      <c r="NOB690" s="613"/>
      <c r="NOC690" s="613"/>
      <c r="NOD690" s="613"/>
      <c r="NOE690" s="613"/>
      <c r="NOF690" s="613"/>
      <c r="NOG690" s="613"/>
      <c r="NOH690" s="613"/>
      <c r="NOI690" s="613"/>
      <c r="NOJ690" s="613"/>
      <c r="NOK690" s="613"/>
      <c r="NOL690" s="613"/>
      <c r="NOM690" s="613"/>
      <c r="NON690" s="613"/>
      <c r="NOO690" s="613"/>
      <c r="NOP690" s="613"/>
      <c r="NOQ690" s="613"/>
      <c r="NOR690" s="613"/>
      <c r="NOS690" s="613"/>
      <c r="NOT690" s="613"/>
      <c r="NOU690" s="613"/>
      <c r="NOV690" s="613"/>
      <c r="NOW690" s="613"/>
      <c r="NOX690" s="613"/>
      <c r="NOY690" s="613"/>
      <c r="NOZ690" s="613"/>
      <c r="NPA690" s="613"/>
      <c r="NPB690" s="613"/>
      <c r="NPC690" s="613"/>
      <c r="NPD690" s="613"/>
      <c r="NPE690" s="613"/>
      <c r="NPF690" s="613"/>
      <c r="NPG690" s="613"/>
      <c r="NPH690" s="613"/>
      <c r="NPI690" s="613"/>
      <c r="NPJ690" s="613"/>
      <c r="NPK690" s="613"/>
      <c r="NPL690" s="613"/>
      <c r="NPM690" s="613"/>
      <c r="NPN690" s="613"/>
      <c r="NPO690" s="613"/>
      <c r="NPP690" s="613"/>
      <c r="NPQ690" s="613"/>
      <c r="NPR690" s="613"/>
      <c r="NPS690" s="613"/>
      <c r="NPT690" s="613"/>
      <c r="NPU690" s="613"/>
      <c r="NPV690" s="613"/>
      <c r="NPW690" s="613"/>
      <c r="NPX690" s="613"/>
      <c r="NPY690" s="613"/>
      <c r="NPZ690" s="613"/>
      <c r="NQA690" s="613"/>
      <c r="NQB690" s="613"/>
      <c r="NQC690" s="613"/>
      <c r="NQD690" s="613"/>
      <c r="NQE690" s="613"/>
      <c r="NQF690" s="613"/>
      <c r="NQG690" s="613"/>
      <c r="NQH690" s="613"/>
      <c r="NQI690" s="613"/>
      <c r="NQJ690" s="613"/>
      <c r="NQK690" s="613"/>
      <c r="NQL690" s="613"/>
      <c r="NQM690" s="613"/>
      <c r="NQN690" s="613"/>
      <c r="NQO690" s="613"/>
      <c r="NQP690" s="613"/>
      <c r="NQQ690" s="613"/>
      <c r="NQR690" s="613"/>
      <c r="NQS690" s="613"/>
      <c r="NQT690" s="613"/>
      <c r="NQU690" s="613"/>
      <c r="NQV690" s="613"/>
      <c r="NQW690" s="613"/>
      <c r="NQX690" s="613"/>
      <c r="NQY690" s="613"/>
      <c r="NQZ690" s="613"/>
      <c r="NRA690" s="613"/>
      <c r="NRB690" s="613"/>
      <c r="NRC690" s="613"/>
      <c r="NRD690" s="613"/>
      <c r="NRE690" s="613"/>
      <c r="NRF690" s="613"/>
      <c r="NRG690" s="613"/>
      <c r="NRH690" s="613"/>
      <c r="NRI690" s="613"/>
      <c r="NRJ690" s="613"/>
      <c r="NRK690" s="613"/>
      <c r="NRL690" s="613"/>
      <c r="NRM690" s="613"/>
      <c r="NRN690" s="613"/>
      <c r="NRO690" s="613"/>
      <c r="NRP690" s="613"/>
      <c r="NRQ690" s="613"/>
      <c r="NRR690" s="613"/>
      <c r="NRS690" s="613"/>
      <c r="NRT690" s="613"/>
      <c r="NRU690" s="613"/>
      <c r="NRV690" s="613"/>
      <c r="NRW690" s="613"/>
      <c r="NRX690" s="613"/>
      <c r="NRY690" s="613"/>
      <c r="NRZ690" s="613"/>
      <c r="NSA690" s="613"/>
      <c r="NSB690" s="613"/>
      <c r="NSC690" s="613"/>
      <c r="NSD690" s="613"/>
      <c r="NSE690" s="613"/>
      <c r="NSF690" s="613"/>
      <c r="NSG690" s="613"/>
      <c r="NSH690" s="613"/>
      <c r="NSI690" s="613"/>
      <c r="NSJ690" s="613"/>
      <c r="NSK690" s="613"/>
      <c r="NSL690" s="613"/>
      <c r="NSM690" s="613"/>
      <c r="NSN690" s="613"/>
      <c r="NSO690" s="613"/>
      <c r="NSP690" s="613"/>
      <c r="NSQ690" s="613"/>
      <c r="NSR690" s="613"/>
      <c r="NSS690" s="613"/>
      <c r="NST690" s="613"/>
      <c r="NSU690" s="613"/>
      <c r="NSV690" s="613"/>
      <c r="NSW690" s="613"/>
      <c r="NSX690" s="613"/>
      <c r="NSY690" s="613"/>
      <c r="NSZ690" s="613"/>
      <c r="NTA690" s="613"/>
      <c r="NTB690" s="613"/>
      <c r="NTC690" s="613"/>
      <c r="NTD690" s="613"/>
      <c r="NTE690" s="613"/>
      <c r="NTF690" s="613"/>
      <c r="NTG690" s="613"/>
      <c r="NTH690" s="613"/>
      <c r="NTI690" s="613"/>
      <c r="NTJ690" s="613"/>
      <c r="NTK690" s="613"/>
      <c r="NTL690" s="613"/>
      <c r="NTM690" s="613"/>
      <c r="NTN690" s="613"/>
      <c r="NTO690" s="613"/>
      <c r="NTP690" s="613"/>
      <c r="NTQ690" s="613"/>
      <c r="NTR690" s="613"/>
      <c r="NTS690" s="613"/>
      <c r="NTT690" s="613"/>
      <c r="NTU690" s="613"/>
      <c r="NTV690" s="613"/>
      <c r="NTW690" s="613"/>
      <c r="NTX690" s="613"/>
      <c r="NTY690" s="613"/>
      <c r="NTZ690" s="613"/>
      <c r="NUA690" s="613"/>
      <c r="NUB690" s="613"/>
      <c r="NUC690" s="613"/>
      <c r="NUD690" s="613"/>
      <c r="NUE690" s="613"/>
      <c r="NUF690" s="613"/>
      <c r="NUG690" s="613"/>
      <c r="NUH690" s="613"/>
      <c r="NUI690" s="613"/>
      <c r="NUJ690" s="613"/>
      <c r="NUK690" s="613"/>
      <c r="NUL690" s="613"/>
      <c r="NUM690" s="613"/>
      <c r="NUN690" s="613"/>
      <c r="NUO690" s="613"/>
      <c r="NUP690" s="613"/>
      <c r="NUQ690" s="613"/>
      <c r="NUR690" s="613"/>
      <c r="NUS690" s="613"/>
      <c r="NUT690" s="613"/>
      <c r="NUU690" s="613"/>
      <c r="NUV690" s="613"/>
      <c r="NUW690" s="613"/>
      <c r="NUX690" s="613"/>
      <c r="NUY690" s="613"/>
      <c r="NUZ690" s="613"/>
      <c r="NVA690" s="613"/>
      <c r="NVB690" s="613"/>
      <c r="NVC690" s="613"/>
      <c r="NVD690" s="613"/>
      <c r="NVE690" s="613"/>
      <c r="NVF690" s="613"/>
      <c r="NVG690" s="613"/>
      <c r="NVH690" s="613"/>
      <c r="NVI690" s="613"/>
      <c r="NVJ690" s="613"/>
      <c r="NVK690" s="613"/>
      <c r="NVL690" s="613"/>
      <c r="NVM690" s="613"/>
      <c r="NVN690" s="613"/>
      <c r="NVO690" s="613"/>
      <c r="NVP690" s="613"/>
      <c r="NVQ690" s="613"/>
      <c r="NVR690" s="613"/>
      <c r="NVS690" s="613"/>
      <c r="NVT690" s="613"/>
      <c r="NVU690" s="613"/>
      <c r="NVV690" s="613"/>
      <c r="NVW690" s="613"/>
      <c r="NVX690" s="613"/>
      <c r="NVY690" s="613"/>
      <c r="NVZ690" s="613"/>
      <c r="NWA690" s="613"/>
      <c r="NWB690" s="613"/>
      <c r="NWC690" s="613"/>
      <c r="NWD690" s="613"/>
      <c r="NWE690" s="613"/>
      <c r="NWF690" s="613"/>
      <c r="NWG690" s="613"/>
      <c r="NWH690" s="613"/>
      <c r="NWI690" s="613"/>
      <c r="NWJ690" s="613"/>
      <c r="NWK690" s="613"/>
      <c r="NWL690" s="613"/>
      <c r="NWM690" s="613"/>
      <c r="NWN690" s="613"/>
      <c r="NWO690" s="613"/>
      <c r="NWP690" s="613"/>
      <c r="NWQ690" s="613"/>
      <c r="NWR690" s="613"/>
      <c r="NWS690" s="613"/>
      <c r="NWT690" s="613"/>
      <c r="NWU690" s="613"/>
      <c r="NWV690" s="613"/>
      <c r="NWW690" s="613"/>
      <c r="NWX690" s="613"/>
      <c r="NWY690" s="613"/>
      <c r="NWZ690" s="613"/>
      <c r="NXA690" s="613"/>
      <c r="NXB690" s="613"/>
      <c r="NXC690" s="613"/>
      <c r="NXD690" s="613"/>
      <c r="NXE690" s="613"/>
      <c r="NXF690" s="613"/>
      <c r="NXG690" s="613"/>
      <c r="NXH690" s="613"/>
      <c r="NXI690" s="613"/>
      <c r="NXJ690" s="613"/>
      <c r="NXK690" s="613"/>
      <c r="NXL690" s="613"/>
      <c r="NXM690" s="613"/>
      <c r="NXN690" s="613"/>
      <c r="NXO690" s="613"/>
      <c r="NXP690" s="613"/>
      <c r="NXQ690" s="613"/>
      <c r="NXR690" s="613"/>
      <c r="NXS690" s="613"/>
      <c r="NXT690" s="613"/>
      <c r="NXU690" s="613"/>
      <c r="NXV690" s="613"/>
      <c r="NXW690" s="613"/>
      <c r="NXX690" s="613"/>
      <c r="NXY690" s="613"/>
      <c r="NXZ690" s="613"/>
      <c r="NYA690" s="613"/>
      <c r="NYB690" s="613"/>
      <c r="NYC690" s="613"/>
      <c r="NYD690" s="613"/>
      <c r="NYE690" s="613"/>
      <c r="NYF690" s="613"/>
      <c r="NYG690" s="613"/>
      <c r="NYH690" s="613"/>
      <c r="NYI690" s="613"/>
      <c r="NYJ690" s="613"/>
      <c r="NYK690" s="613"/>
      <c r="NYL690" s="613"/>
      <c r="NYM690" s="613"/>
      <c r="NYN690" s="613"/>
      <c r="NYO690" s="613"/>
      <c r="NYP690" s="613"/>
      <c r="NYQ690" s="613"/>
      <c r="NYR690" s="613"/>
      <c r="NYS690" s="613"/>
      <c r="NYT690" s="613"/>
      <c r="NYU690" s="613"/>
      <c r="NYV690" s="613"/>
      <c r="NYW690" s="613"/>
      <c r="NYX690" s="613"/>
      <c r="NYY690" s="613"/>
      <c r="NYZ690" s="613"/>
      <c r="NZA690" s="613"/>
      <c r="NZB690" s="613"/>
      <c r="NZC690" s="613"/>
      <c r="NZD690" s="613"/>
      <c r="NZE690" s="613"/>
      <c r="NZF690" s="613"/>
      <c r="NZG690" s="613"/>
      <c r="NZH690" s="613"/>
      <c r="NZI690" s="613"/>
      <c r="NZJ690" s="613"/>
      <c r="NZK690" s="613"/>
      <c r="NZL690" s="613"/>
      <c r="NZM690" s="613"/>
      <c r="NZN690" s="613"/>
      <c r="NZO690" s="613"/>
      <c r="NZP690" s="613"/>
      <c r="NZQ690" s="613"/>
      <c r="NZR690" s="613"/>
      <c r="NZS690" s="613"/>
      <c r="NZT690" s="613"/>
      <c r="NZU690" s="613"/>
      <c r="NZV690" s="613"/>
      <c r="NZW690" s="613"/>
      <c r="NZX690" s="613"/>
      <c r="NZY690" s="613"/>
      <c r="NZZ690" s="613"/>
      <c r="OAA690" s="613"/>
      <c r="OAB690" s="613"/>
      <c r="OAC690" s="613"/>
      <c r="OAD690" s="613"/>
      <c r="OAE690" s="613"/>
      <c r="OAF690" s="613"/>
      <c r="OAG690" s="613"/>
      <c r="OAH690" s="613"/>
      <c r="OAI690" s="613"/>
      <c r="OAJ690" s="613"/>
      <c r="OAK690" s="613"/>
      <c r="OAL690" s="613"/>
      <c r="OAM690" s="613"/>
      <c r="OAN690" s="613"/>
      <c r="OAO690" s="613"/>
      <c r="OAP690" s="613"/>
      <c r="OAQ690" s="613"/>
      <c r="OAR690" s="613"/>
      <c r="OAS690" s="613"/>
      <c r="OAT690" s="613"/>
      <c r="OAU690" s="613"/>
      <c r="OAV690" s="613"/>
      <c r="OAW690" s="613"/>
      <c r="OAX690" s="613"/>
      <c r="OAY690" s="613"/>
      <c r="OAZ690" s="613"/>
      <c r="OBA690" s="613"/>
      <c r="OBB690" s="613"/>
      <c r="OBC690" s="613"/>
      <c r="OBD690" s="613"/>
      <c r="OBE690" s="613"/>
      <c r="OBF690" s="613"/>
      <c r="OBG690" s="613"/>
      <c r="OBH690" s="613"/>
      <c r="OBI690" s="613"/>
      <c r="OBJ690" s="613"/>
      <c r="OBK690" s="613"/>
      <c r="OBL690" s="613"/>
      <c r="OBM690" s="613"/>
      <c r="OBN690" s="613"/>
      <c r="OBO690" s="613"/>
      <c r="OBP690" s="613"/>
      <c r="OBQ690" s="613"/>
      <c r="OBR690" s="613"/>
      <c r="OBS690" s="613"/>
      <c r="OBT690" s="613"/>
      <c r="OBU690" s="613"/>
      <c r="OBV690" s="613"/>
      <c r="OBW690" s="613"/>
      <c r="OBX690" s="613"/>
      <c r="OBY690" s="613"/>
      <c r="OBZ690" s="613"/>
      <c r="OCA690" s="613"/>
      <c r="OCB690" s="613"/>
      <c r="OCC690" s="613"/>
      <c r="OCD690" s="613"/>
      <c r="OCE690" s="613"/>
      <c r="OCF690" s="613"/>
      <c r="OCG690" s="613"/>
      <c r="OCH690" s="613"/>
      <c r="OCI690" s="613"/>
      <c r="OCJ690" s="613"/>
      <c r="OCK690" s="613"/>
      <c r="OCL690" s="613"/>
      <c r="OCM690" s="613"/>
      <c r="OCN690" s="613"/>
      <c r="OCO690" s="613"/>
      <c r="OCP690" s="613"/>
      <c r="OCQ690" s="613"/>
      <c r="OCR690" s="613"/>
      <c r="OCS690" s="613"/>
      <c r="OCT690" s="613"/>
      <c r="OCU690" s="613"/>
      <c r="OCV690" s="613"/>
      <c r="OCW690" s="613"/>
      <c r="OCX690" s="613"/>
      <c r="OCY690" s="613"/>
      <c r="OCZ690" s="613"/>
      <c r="ODA690" s="613"/>
      <c r="ODB690" s="613"/>
      <c r="ODC690" s="613"/>
      <c r="ODD690" s="613"/>
      <c r="ODE690" s="613"/>
      <c r="ODF690" s="613"/>
      <c r="ODG690" s="613"/>
      <c r="ODH690" s="613"/>
      <c r="ODI690" s="613"/>
      <c r="ODJ690" s="613"/>
      <c r="ODK690" s="613"/>
      <c r="ODL690" s="613"/>
      <c r="ODM690" s="613"/>
      <c r="ODN690" s="613"/>
      <c r="ODO690" s="613"/>
      <c r="ODP690" s="613"/>
      <c r="ODQ690" s="613"/>
      <c r="ODR690" s="613"/>
      <c r="ODS690" s="613"/>
      <c r="ODT690" s="613"/>
      <c r="ODU690" s="613"/>
      <c r="ODV690" s="613"/>
      <c r="ODW690" s="613"/>
      <c r="ODX690" s="613"/>
      <c r="ODY690" s="613"/>
      <c r="ODZ690" s="613"/>
      <c r="OEA690" s="613"/>
      <c r="OEB690" s="613"/>
      <c r="OEC690" s="613"/>
      <c r="OED690" s="613"/>
      <c r="OEE690" s="613"/>
      <c r="OEF690" s="613"/>
      <c r="OEG690" s="613"/>
      <c r="OEH690" s="613"/>
      <c r="OEI690" s="613"/>
      <c r="OEJ690" s="613"/>
      <c r="OEK690" s="613"/>
      <c r="OEL690" s="613"/>
      <c r="OEM690" s="613"/>
      <c r="OEN690" s="613"/>
      <c r="OEO690" s="613"/>
      <c r="OEP690" s="613"/>
      <c r="OEQ690" s="613"/>
      <c r="OER690" s="613"/>
      <c r="OES690" s="613"/>
      <c r="OET690" s="613"/>
      <c r="OEU690" s="613"/>
      <c r="OEV690" s="613"/>
      <c r="OEW690" s="613"/>
      <c r="OEX690" s="613"/>
      <c r="OEY690" s="613"/>
      <c r="OEZ690" s="613"/>
      <c r="OFA690" s="613"/>
      <c r="OFB690" s="613"/>
      <c r="OFC690" s="613"/>
      <c r="OFD690" s="613"/>
      <c r="OFE690" s="613"/>
      <c r="OFF690" s="613"/>
      <c r="OFG690" s="613"/>
      <c r="OFH690" s="613"/>
      <c r="OFI690" s="613"/>
      <c r="OFJ690" s="613"/>
      <c r="OFK690" s="613"/>
      <c r="OFL690" s="613"/>
      <c r="OFM690" s="613"/>
      <c r="OFN690" s="613"/>
      <c r="OFO690" s="613"/>
      <c r="OFP690" s="613"/>
      <c r="OFQ690" s="613"/>
      <c r="OFR690" s="613"/>
      <c r="OFS690" s="613"/>
      <c r="OFT690" s="613"/>
      <c r="OFU690" s="613"/>
      <c r="OFV690" s="613"/>
      <c r="OFW690" s="613"/>
      <c r="OFX690" s="613"/>
      <c r="OFY690" s="613"/>
      <c r="OFZ690" s="613"/>
      <c r="OGA690" s="613"/>
      <c r="OGB690" s="613"/>
      <c r="OGC690" s="613"/>
      <c r="OGD690" s="613"/>
      <c r="OGE690" s="613"/>
      <c r="OGF690" s="613"/>
      <c r="OGG690" s="613"/>
      <c r="OGH690" s="613"/>
      <c r="OGI690" s="613"/>
      <c r="OGJ690" s="613"/>
      <c r="OGK690" s="613"/>
      <c r="OGL690" s="613"/>
      <c r="OGM690" s="613"/>
      <c r="OGN690" s="613"/>
      <c r="OGO690" s="613"/>
      <c r="OGP690" s="613"/>
      <c r="OGQ690" s="613"/>
      <c r="OGR690" s="613"/>
      <c r="OGS690" s="613"/>
      <c r="OGT690" s="613"/>
      <c r="OGU690" s="613"/>
      <c r="OGV690" s="613"/>
      <c r="OGW690" s="613"/>
      <c r="OGX690" s="613"/>
      <c r="OGY690" s="613"/>
      <c r="OGZ690" s="613"/>
      <c r="OHA690" s="613"/>
      <c r="OHB690" s="613"/>
      <c r="OHC690" s="613"/>
      <c r="OHD690" s="613"/>
      <c r="OHE690" s="613"/>
      <c r="OHF690" s="613"/>
      <c r="OHG690" s="613"/>
      <c r="OHH690" s="613"/>
      <c r="OHI690" s="613"/>
      <c r="OHJ690" s="613"/>
      <c r="OHK690" s="613"/>
      <c r="OHL690" s="613"/>
      <c r="OHM690" s="613"/>
      <c r="OHN690" s="613"/>
      <c r="OHO690" s="613"/>
      <c r="OHP690" s="613"/>
      <c r="OHQ690" s="613"/>
      <c r="OHR690" s="613"/>
      <c r="OHS690" s="613"/>
      <c r="OHT690" s="613"/>
      <c r="OHU690" s="613"/>
      <c r="OHV690" s="613"/>
      <c r="OHW690" s="613"/>
      <c r="OHX690" s="613"/>
      <c r="OHY690" s="613"/>
      <c r="OHZ690" s="613"/>
      <c r="OIA690" s="613"/>
      <c r="OIB690" s="613"/>
      <c r="OIC690" s="613"/>
      <c r="OID690" s="613"/>
      <c r="OIE690" s="613"/>
      <c r="OIF690" s="613"/>
      <c r="OIG690" s="613"/>
      <c r="OIH690" s="613"/>
      <c r="OII690" s="613"/>
      <c r="OIJ690" s="613"/>
      <c r="OIK690" s="613"/>
      <c r="OIL690" s="613"/>
      <c r="OIM690" s="613"/>
      <c r="OIN690" s="613"/>
      <c r="OIO690" s="613"/>
      <c r="OIP690" s="613"/>
      <c r="OIQ690" s="613"/>
      <c r="OIR690" s="613"/>
      <c r="OIS690" s="613"/>
      <c r="OIT690" s="613"/>
      <c r="OIU690" s="613"/>
      <c r="OIV690" s="613"/>
      <c r="OIW690" s="613"/>
      <c r="OIX690" s="613"/>
      <c r="OIY690" s="613"/>
      <c r="OIZ690" s="613"/>
      <c r="OJA690" s="613"/>
      <c r="OJB690" s="613"/>
      <c r="OJC690" s="613"/>
      <c r="OJD690" s="613"/>
      <c r="OJE690" s="613"/>
      <c r="OJF690" s="613"/>
      <c r="OJG690" s="613"/>
      <c r="OJH690" s="613"/>
      <c r="OJI690" s="613"/>
      <c r="OJJ690" s="613"/>
      <c r="OJK690" s="613"/>
      <c r="OJL690" s="613"/>
      <c r="OJM690" s="613"/>
      <c r="OJN690" s="613"/>
      <c r="OJO690" s="613"/>
      <c r="OJP690" s="613"/>
      <c r="OJQ690" s="613"/>
      <c r="OJR690" s="613"/>
      <c r="OJS690" s="613"/>
      <c r="OJT690" s="613"/>
      <c r="OJU690" s="613"/>
      <c r="OJV690" s="613"/>
      <c r="OJW690" s="613"/>
      <c r="OJX690" s="613"/>
      <c r="OJY690" s="613"/>
      <c r="OJZ690" s="613"/>
      <c r="OKA690" s="613"/>
      <c r="OKB690" s="613"/>
      <c r="OKC690" s="613"/>
      <c r="OKD690" s="613"/>
      <c r="OKE690" s="613"/>
      <c r="OKF690" s="613"/>
      <c r="OKG690" s="613"/>
      <c r="OKH690" s="613"/>
      <c r="OKI690" s="613"/>
      <c r="OKJ690" s="613"/>
      <c r="OKK690" s="613"/>
      <c r="OKL690" s="613"/>
      <c r="OKM690" s="613"/>
      <c r="OKN690" s="613"/>
      <c r="OKO690" s="613"/>
      <c r="OKP690" s="613"/>
      <c r="OKQ690" s="613"/>
      <c r="OKR690" s="613"/>
      <c r="OKS690" s="613"/>
      <c r="OKT690" s="613"/>
      <c r="OKU690" s="613"/>
      <c r="OKV690" s="613"/>
      <c r="OKW690" s="613"/>
      <c r="OKX690" s="613"/>
      <c r="OKY690" s="613"/>
      <c r="OKZ690" s="613"/>
      <c r="OLA690" s="613"/>
      <c r="OLB690" s="613"/>
      <c r="OLC690" s="613"/>
      <c r="OLD690" s="613"/>
      <c r="OLE690" s="613"/>
      <c r="OLF690" s="613"/>
      <c r="OLG690" s="613"/>
      <c r="OLH690" s="613"/>
      <c r="OLI690" s="613"/>
      <c r="OLJ690" s="613"/>
      <c r="OLK690" s="613"/>
      <c r="OLL690" s="613"/>
      <c r="OLM690" s="613"/>
      <c r="OLN690" s="613"/>
      <c r="OLO690" s="613"/>
      <c r="OLP690" s="613"/>
      <c r="OLQ690" s="613"/>
      <c r="OLR690" s="613"/>
      <c r="OLS690" s="613"/>
      <c r="OLT690" s="613"/>
      <c r="OLU690" s="613"/>
      <c r="OLV690" s="613"/>
      <c r="OLW690" s="613"/>
      <c r="OLX690" s="613"/>
      <c r="OLY690" s="613"/>
      <c r="OLZ690" s="613"/>
      <c r="OMA690" s="613"/>
      <c r="OMB690" s="613"/>
      <c r="OMC690" s="613"/>
      <c r="OMD690" s="613"/>
      <c r="OME690" s="613"/>
      <c r="OMF690" s="613"/>
      <c r="OMG690" s="613"/>
      <c r="OMH690" s="613"/>
      <c r="OMI690" s="613"/>
      <c r="OMJ690" s="613"/>
      <c r="OMK690" s="613"/>
      <c r="OML690" s="613"/>
      <c r="OMM690" s="613"/>
      <c r="OMN690" s="613"/>
      <c r="OMO690" s="613"/>
      <c r="OMP690" s="613"/>
      <c r="OMQ690" s="613"/>
      <c r="OMR690" s="613"/>
      <c r="OMS690" s="613"/>
      <c r="OMT690" s="613"/>
      <c r="OMU690" s="613"/>
      <c r="OMV690" s="613"/>
      <c r="OMW690" s="613"/>
      <c r="OMX690" s="613"/>
      <c r="OMY690" s="613"/>
      <c r="OMZ690" s="613"/>
      <c r="ONA690" s="613"/>
      <c r="ONB690" s="613"/>
      <c r="ONC690" s="613"/>
      <c r="OND690" s="613"/>
      <c r="ONE690" s="613"/>
      <c r="ONF690" s="613"/>
      <c r="ONG690" s="613"/>
      <c r="ONH690" s="613"/>
      <c r="ONI690" s="613"/>
      <c r="ONJ690" s="613"/>
      <c r="ONK690" s="613"/>
      <c r="ONL690" s="613"/>
      <c r="ONM690" s="613"/>
      <c r="ONN690" s="613"/>
      <c r="ONO690" s="613"/>
      <c r="ONP690" s="613"/>
      <c r="ONQ690" s="613"/>
      <c r="ONR690" s="613"/>
      <c r="ONS690" s="613"/>
      <c r="ONT690" s="613"/>
      <c r="ONU690" s="613"/>
      <c r="ONV690" s="613"/>
      <c r="ONW690" s="613"/>
      <c r="ONX690" s="613"/>
      <c r="ONY690" s="613"/>
      <c r="ONZ690" s="613"/>
      <c r="OOA690" s="613"/>
      <c r="OOB690" s="613"/>
      <c r="OOC690" s="613"/>
      <c r="OOD690" s="613"/>
      <c r="OOE690" s="613"/>
      <c r="OOF690" s="613"/>
      <c r="OOG690" s="613"/>
      <c r="OOH690" s="613"/>
      <c r="OOI690" s="613"/>
      <c r="OOJ690" s="613"/>
      <c r="OOK690" s="613"/>
      <c r="OOL690" s="613"/>
      <c r="OOM690" s="613"/>
      <c r="OON690" s="613"/>
      <c r="OOO690" s="613"/>
      <c r="OOP690" s="613"/>
      <c r="OOQ690" s="613"/>
      <c r="OOR690" s="613"/>
      <c r="OOS690" s="613"/>
      <c r="OOT690" s="613"/>
      <c r="OOU690" s="613"/>
      <c r="OOV690" s="613"/>
      <c r="OOW690" s="613"/>
      <c r="OOX690" s="613"/>
      <c r="OOY690" s="613"/>
      <c r="OOZ690" s="613"/>
      <c r="OPA690" s="613"/>
      <c r="OPB690" s="613"/>
      <c r="OPC690" s="613"/>
      <c r="OPD690" s="613"/>
      <c r="OPE690" s="613"/>
      <c r="OPF690" s="613"/>
      <c r="OPG690" s="613"/>
      <c r="OPH690" s="613"/>
      <c r="OPI690" s="613"/>
      <c r="OPJ690" s="613"/>
      <c r="OPK690" s="613"/>
      <c r="OPL690" s="613"/>
      <c r="OPM690" s="613"/>
      <c r="OPN690" s="613"/>
      <c r="OPO690" s="613"/>
      <c r="OPP690" s="613"/>
      <c r="OPQ690" s="613"/>
      <c r="OPR690" s="613"/>
      <c r="OPS690" s="613"/>
      <c r="OPT690" s="613"/>
      <c r="OPU690" s="613"/>
      <c r="OPV690" s="613"/>
      <c r="OPW690" s="613"/>
      <c r="OPX690" s="613"/>
      <c r="OPY690" s="613"/>
      <c r="OPZ690" s="613"/>
      <c r="OQA690" s="613"/>
      <c r="OQB690" s="613"/>
      <c r="OQC690" s="613"/>
      <c r="OQD690" s="613"/>
      <c r="OQE690" s="613"/>
      <c r="OQF690" s="613"/>
      <c r="OQG690" s="613"/>
      <c r="OQH690" s="613"/>
      <c r="OQI690" s="613"/>
      <c r="OQJ690" s="613"/>
      <c r="OQK690" s="613"/>
      <c r="OQL690" s="613"/>
      <c r="OQM690" s="613"/>
      <c r="OQN690" s="613"/>
      <c r="OQO690" s="613"/>
      <c r="OQP690" s="613"/>
      <c r="OQQ690" s="613"/>
      <c r="OQR690" s="613"/>
      <c r="OQS690" s="613"/>
      <c r="OQT690" s="613"/>
      <c r="OQU690" s="613"/>
      <c r="OQV690" s="613"/>
      <c r="OQW690" s="613"/>
      <c r="OQX690" s="613"/>
      <c r="OQY690" s="613"/>
      <c r="OQZ690" s="613"/>
      <c r="ORA690" s="613"/>
      <c r="ORB690" s="613"/>
      <c r="ORC690" s="613"/>
      <c r="ORD690" s="613"/>
      <c r="ORE690" s="613"/>
      <c r="ORF690" s="613"/>
      <c r="ORG690" s="613"/>
      <c r="ORH690" s="613"/>
      <c r="ORI690" s="613"/>
      <c r="ORJ690" s="613"/>
      <c r="ORK690" s="613"/>
      <c r="ORL690" s="613"/>
      <c r="ORM690" s="613"/>
      <c r="ORN690" s="613"/>
      <c r="ORO690" s="613"/>
      <c r="ORP690" s="613"/>
      <c r="ORQ690" s="613"/>
      <c r="ORR690" s="613"/>
      <c r="ORS690" s="613"/>
      <c r="ORT690" s="613"/>
      <c r="ORU690" s="613"/>
      <c r="ORV690" s="613"/>
      <c r="ORW690" s="613"/>
      <c r="ORX690" s="613"/>
      <c r="ORY690" s="613"/>
      <c r="ORZ690" s="613"/>
      <c r="OSA690" s="613"/>
      <c r="OSB690" s="613"/>
      <c r="OSC690" s="613"/>
      <c r="OSD690" s="613"/>
      <c r="OSE690" s="613"/>
      <c r="OSF690" s="613"/>
      <c r="OSG690" s="613"/>
      <c r="OSH690" s="613"/>
      <c r="OSI690" s="613"/>
      <c r="OSJ690" s="613"/>
      <c r="OSK690" s="613"/>
      <c r="OSL690" s="613"/>
      <c r="OSM690" s="613"/>
      <c r="OSN690" s="613"/>
      <c r="OSO690" s="613"/>
      <c r="OSP690" s="613"/>
      <c r="OSQ690" s="613"/>
      <c r="OSR690" s="613"/>
      <c r="OSS690" s="613"/>
      <c r="OST690" s="613"/>
      <c r="OSU690" s="613"/>
      <c r="OSV690" s="613"/>
      <c r="OSW690" s="613"/>
      <c r="OSX690" s="613"/>
      <c r="OSY690" s="613"/>
      <c r="OSZ690" s="613"/>
      <c r="OTA690" s="613"/>
      <c r="OTB690" s="613"/>
      <c r="OTC690" s="613"/>
      <c r="OTD690" s="613"/>
      <c r="OTE690" s="613"/>
      <c r="OTF690" s="613"/>
      <c r="OTG690" s="613"/>
      <c r="OTH690" s="613"/>
      <c r="OTI690" s="613"/>
      <c r="OTJ690" s="613"/>
      <c r="OTK690" s="613"/>
      <c r="OTL690" s="613"/>
      <c r="OTM690" s="613"/>
      <c r="OTN690" s="613"/>
      <c r="OTO690" s="613"/>
      <c r="OTP690" s="613"/>
      <c r="OTQ690" s="613"/>
      <c r="OTR690" s="613"/>
      <c r="OTS690" s="613"/>
      <c r="OTT690" s="613"/>
      <c r="OTU690" s="613"/>
      <c r="OTV690" s="613"/>
      <c r="OTW690" s="613"/>
      <c r="OTX690" s="613"/>
      <c r="OTY690" s="613"/>
      <c r="OTZ690" s="613"/>
      <c r="OUA690" s="613"/>
      <c r="OUB690" s="613"/>
      <c r="OUC690" s="613"/>
      <c r="OUD690" s="613"/>
      <c r="OUE690" s="613"/>
      <c r="OUF690" s="613"/>
      <c r="OUG690" s="613"/>
      <c r="OUH690" s="613"/>
      <c r="OUI690" s="613"/>
      <c r="OUJ690" s="613"/>
      <c r="OUK690" s="613"/>
      <c r="OUL690" s="613"/>
      <c r="OUM690" s="613"/>
      <c r="OUN690" s="613"/>
      <c r="OUO690" s="613"/>
      <c r="OUP690" s="613"/>
      <c r="OUQ690" s="613"/>
      <c r="OUR690" s="613"/>
      <c r="OUS690" s="613"/>
      <c r="OUT690" s="613"/>
      <c r="OUU690" s="613"/>
      <c r="OUV690" s="613"/>
      <c r="OUW690" s="613"/>
      <c r="OUX690" s="613"/>
      <c r="OUY690" s="613"/>
      <c r="OUZ690" s="613"/>
      <c r="OVA690" s="613"/>
      <c r="OVB690" s="613"/>
      <c r="OVC690" s="613"/>
      <c r="OVD690" s="613"/>
      <c r="OVE690" s="613"/>
      <c r="OVF690" s="613"/>
      <c r="OVG690" s="613"/>
      <c r="OVH690" s="613"/>
      <c r="OVI690" s="613"/>
      <c r="OVJ690" s="613"/>
      <c r="OVK690" s="613"/>
      <c r="OVL690" s="613"/>
      <c r="OVM690" s="613"/>
      <c r="OVN690" s="613"/>
      <c r="OVO690" s="613"/>
      <c r="OVP690" s="613"/>
      <c r="OVQ690" s="613"/>
      <c r="OVR690" s="613"/>
      <c r="OVS690" s="613"/>
      <c r="OVT690" s="613"/>
      <c r="OVU690" s="613"/>
      <c r="OVV690" s="613"/>
      <c r="OVW690" s="613"/>
      <c r="OVX690" s="613"/>
      <c r="OVY690" s="613"/>
      <c r="OVZ690" s="613"/>
      <c r="OWA690" s="613"/>
      <c r="OWB690" s="613"/>
      <c r="OWC690" s="613"/>
      <c r="OWD690" s="613"/>
      <c r="OWE690" s="613"/>
      <c r="OWF690" s="613"/>
      <c r="OWG690" s="613"/>
      <c r="OWH690" s="613"/>
      <c r="OWI690" s="613"/>
      <c r="OWJ690" s="613"/>
      <c r="OWK690" s="613"/>
      <c r="OWL690" s="613"/>
      <c r="OWM690" s="613"/>
      <c r="OWN690" s="613"/>
      <c r="OWO690" s="613"/>
      <c r="OWP690" s="613"/>
      <c r="OWQ690" s="613"/>
      <c r="OWR690" s="613"/>
      <c r="OWS690" s="613"/>
      <c r="OWT690" s="613"/>
      <c r="OWU690" s="613"/>
      <c r="OWV690" s="613"/>
      <c r="OWW690" s="613"/>
      <c r="OWX690" s="613"/>
      <c r="OWY690" s="613"/>
      <c r="OWZ690" s="613"/>
      <c r="OXA690" s="613"/>
      <c r="OXB690" s="613"/>
      <c r="OXC690" s="613"/>
      <c r="OXD690" s="613"/>
      <c r="OXE690" s="613"/>
      <c r="OXF690" s="613"/>
      <c r="OXG690" s="613"/>
      <c r="OXH690" s="613"/>
      <c r="OXI690" s="613"/>
      <c r="OXJ690" s="613"/>
      <c r="OXK690" s="613"/>
      <c r="OXL690" s="613"/>
      <c r="OXM690" s="613"/>
      <c r="OXN690" s="613"/>
      <c r="OXO690" s="613"/>
      <c r="OXP690" s="613"/>
      <c r="OXQ690" s="613"/>
      <c r="OXR690" s="613"/>
      <c r="OXS690" s="613"/>
      <c r="OXT690" s="613"/>
      <c r="OXU690" s="613"/>
      <c r="OXV690" s="613"/>
      <c r="OXW690" s="613"/>
      <c r="OXX690" s="613"/>
      <c r="OXY690" s="613"/>
      <c r="OXZ690" s="613"/>
      <c r="OYA690" s="613"/>
      <c r="OYB690" s="613"/>
      <c r="OYC690" s="613"/>
      <c r="OYD690" s="613"/>
      <c r="OYE690" s="613"/>
      <c r="OYF690" s="613"/>
      <c r="OYG690" s="613"/>
      <c r="OYH690" s="613"/>
      <c r="OYI690" s="613"/>
      <c r="OYJ690" s="613"/>
      <c r="OYK690" s="613"/>
      <c r="OYL690" s="613"/>
      <c r="OYM690" s="613"/>
      <c r="OYN690" s="613"/>
      <c r="OYO690" s="613"/>
      <c r="OYP690" s="613"/>
      <c r="OYQ690" s="613"/>
      <c r="OYR690" s="613"/>
      <c r="OYS690" s="613"/>
      <c r="OYT690" s="613"/>
      <c r="OYU690" s="613"/>
      <c r="OYV690" s="613"/>
      <c r="OYW690" s="613"/>
      <c r="OYX690" s="613"/>
      <c r="OYY690" s="613"/>
      <c r="OYZ690" s="613"/>
      <c r="OZA690" s="613"/>
      <c r="OZB690" s="613"/>
      <c r="OZC690" s="613"/>
      <c r="OZD690" s="613"/>
      <c r="OZE690" s="613"/>
      <c r="OZF690" s="613"/>
      <c r="OZG690" s="613"/>
      <c r="OZH690" s="613"/>
      <c r="OZI690" s="613"/>
      <c r="OZJ690" s="613"/>
      <c r="OZK690" s="613"/>
      <c r="OZL690" s="613"/>
      <c r="OZM690" s="613"/>
      <c r="OZN690" s="613"/>
      <c r="OZO690" s="613"/>
      <c r="OZP690" s="613"/>
      <c r="OZQ690" s="613"/>
      <c r="OZR690" s="613"/>
      <c r="OZS690" s="613"/>
      <c r="OZT690" s="613"/>
      <c r="OZU690" s="613"/>
      <c r="OZV690" s="613"/>
      <c r="OZW690" s="613"/>
      <c r="OZX690" s="613"/>
      <c r="OZY690" s="613"/>
      <c r="OZZ690" s="613"/>
      <c r="PAA690" s="613"/>
      <c r="PAB690" s="613"/>
      <c r="PAC690" s="613"/>
      <c r="PAD690" s="613"/>
      <c r="PAE690" s="613"/>
      <c r="PAF690" s="613"/>
      <c r="PAG690" s="613"/>
      <c r="PAH690" s="613"/>
      <c r="PAI690" s="613"/>
      <c r="PAJ690" s="613"/>
      <c r="PAK690" s="613"/>
      <c r="PAL690" s="613"/>
      <c r="PAM690" s="613"/>
      <c r="PAN690" s="613"/>
      <c r="PAO690" s="613"/>
      <c r="PAP690" s="613"/>
      <c r="PAQ690" s="613"/>
      <c r="PAR690" s="613"/>
      <c r="PAS690" s="613"/>
      <c r="PAT690" s="613"/>
      <c r="PAU690" s="613"/>
      <c r="PAV690" s="613"/>
      <c r="PAW690" s="613"/>
      <c r="PAX690" s="613"/>
      <c r="PAY690" s="613"/>
      <c r="PAZ690" s="613"/>
      <c r="PBA690" s="613"/>
      <c r="PBB690" s="613"/>
      <c r="PBC690" s="613"/>
      <c r="PBD690" s="613"/>
      <c r="PBE690" s="613"/>
      <c r="PBF690" s="613"/>
      <c r="PBG690" s="613"/>
      <c r="PBH690" s="613"/>
      <c r="PBI690" s="613"/>
      <c r="PBJ690" s="613"/>
      <c r="PBK690" s="613"/>
      <c r="PBL690" s="613"/>
      <c r="PBM690" s="613"/>
      <c r="PBN690" s="613"/>
      <c r="PBO690" s="613"/>
      <c r="PBP690" s="613"/>
      <c r="PBQ690" s="613"/>
      <c r="PBR690" s="613"/>
      <c r="PBS690" s="613"/>
      <c r="PBT690" s="613"/>
      <c r="PBU690" s="613"/>
      <c r="PBV690" s="613"/>
      <c r="PBW690" s="613"/>
      <c r="PBX690" s="613"/>
      <c r="PBY690" s="613"/>
      <c r="PBZ690" s="613"/>
      <c r="PCA690" s="613"/>
      <c r="PCB690" s="613"/>
      <c r="PCC690" s="613"/>
      <c r="PCD690" s="613"/>
      <c r="PCE690" s="613"/>
      <c r="PCF690" s="613"/>
      <c r="PCG690" s="613"/>
      <c r="PCH690" s="613"/>
      <c r="PCI690" s="613"/>
      <c r="PCJ690" s="613"/>
      <c r="PCK690" s="613"/>
      <c r="PCL690" s="613"/>
      <c r="PCM690" s="613"/>
      <c r="PCN690" s="613"/>
      <c r="PCO690" s="613"/>
      <c r="PCP690" s="613"/>
      <c r="PCQ690" s="613"/>
      <c r="PCR690" s="613"/>
      <c r="PCS690" s="613"/>
      <c r="PCT690" s="613"/>
      <c r="PCU690" s="613"/>
      <c r="PCV690" s="613"/>
      <c r="PCW690" s="613"/>
      <c r="PCX690" s="613"/>
      <c r="PCY690" s="613"/>
      <c r="PCZ690" s="613"/>
      <c r="PDA690" s="613"/>
      <c r="PDB690" s="613"/>
      <c r="PDC690" s="613"/>
      <c r="PDD690" s="613"/>
      <c r="PDE690" s="613"/>
      <c r="PDF690" s="613"/>
      <c r="PDG690" s="613"/>
      <c r="PDH690" s="613"/>
      <c r="PDI690" s="613"/>
      <c r="PDJ690" s="613"/>
      <c r="PDK690" s="613"/>
      <c r="PDL690" s="613"/>
      <c r="PDM690" s="613"/>
      <c r="PDN690" s="613"/>
      <c r="PDO690" s="613"/>
      <c r="PDP690" s="613"/>
      <c r="PDQ690" s="613"/>
      <c r="PDR690" s="613"/>
      <c r="PDS690" s="613"/>
      <c r="PDT690" s="613"/>
      <c r="PDU690" s="613"/>
      <c r="PDV690" s="613"/>
      <c r="PDW690" s="613"/>
      <c r="PDX690" s="613"/>
      <c r="PDY690" s="613"/>
      <c r="PDZ690" s="613"/>
      <c r="PEA690" s="613"/>
      <c r="PEB690" s="613"/>
      <c r="PEC690" s="613"/>
      <c r="PED690" s="613"/>
      <c r="PEE690" s="613"/>
      <c r="PEF690" s="613"/>
      <c r="PEG690" s="613"/>
      <c r="PEH690" s="613"/>
      <c r="PEI690" s="613"/>
      <c r="PEJ690" s="613"/>
      <c r="PEK690" s="613"/>
      <c r="PEL690" s="613"/>
      <c r="PEM690" s="613"/>
      <c r="PEN690" s="613"/>
      <c r="PEO690" s="613"/>
      <c r="PEP690" s="613"/>
      <c r="PEQ690" s="613"/>
      <c r="PER690" s="613"/>
      <c r="PES690" s="613"/>
      <c r="PET690" s="613"/>
      <c r="PEU690" s="613"/>
      <c r="PEV690" s="613"/>
      <c r="PEW690" s="613"/>
      <c r="PEX690" s="613"/>
      <c r="PEY690" s="613"/>
      <c r="PEZ690" s="613"/>
      <c r="PFA690" s="613"/>
      <c r="PFB690" s="613"/>
      <c r="PFC690" s="613"/>
      <c r="PFD690" s="613"/>
      <c r="PFE690" s="613"/>
      <c r="PFF690" s="613"/>
      <c r="PFG690" s="613"/>
      <c r="PFH690" s="613"/>
      <c r="PFI690" s="613"/>
      <c r="PFJ690" s="613"/>
      <c r="PFK690" s="613"/>
      <c r="PFL690" s="613"/>
      <c r="PFM690" s="613"/>
      <c r="PFN690" s="613"/>
      <c r="PFO690" s="613"/>
      <c r="PFP690" s="613"/>
      <c r="PFQ690" s="613"/>
      <c r="PFR690" s="613"/>
      <c r="PFS690" s="613"/>
      <c r="PFT690" s="613"/>
      <c r="PFU690" s="613"/>
      <c r="PFV690" s="613"/>
      <c r="PFW690" s="613"/>
      <c r="PFX690" s="613"/>
      <c r="PFY690" s="613"/>
      <c r="PFZ690" s="613"/>
      <c r="PGA690" s="613"/>
      <c r="PGB690" s="613"/>
      <c r="PGC690" s="613"/>
      <c r="PGD690" s="613"/>
      <c r="PGE690" s="613"/>
      <c r="PGF690" s="613"/>
      <c r="PGG690" s="613"/>
      <c r="PGH690" s="613"/>
      <c r="PGI690" s="613"/>
      <c r="PGJ690" s="613"/>
      <c r="PGK690" s="613"/>
      <c r="PGL690" s="613"/>
      <c r="PGM690" s="613"/>
      <c r="PGN690" s="613"/>
      <c r="PGO690" s="613"/>
      <c r="PGP690" s="613"/>
      <c r="PGQ690" s="613"/>
      <c r="PGR690" s="613"/>
      <c r="PGS690" s="613"/>
      <c r="PGT690" s="613"/>
      <c r="PGU690" s="613"/>
      <c r="PGV690" s="613"/>
      <c r="PGW690" s="613"/>
      <c r="PGX690" s="613"/>
      <c r="PGY690" s="613"/>
      <c r="PGZ690" s="613"/>
      <c r="PHA690" s="613"/>
      <c r="PHB690" s="613"/>
      <c r="PHC690" s="613"/>
      <c r="PHD690" s="613"/>
      <c r="PHE690" s="613"/>
      <c r="PHF690" s="613"/>
      <c r="PHG690" s="613"/>
      <c r="PHH690" s="613"/>
      <c r="PHI690" s="613"/>
      <c r="PHJ690" s="613"/>
      <c r="PHK690" s="613"/>
      <c r="PHL690" s="613"/>
      <c r="PHM690" s="613"/>
      <c r="PHN690" s="613"/>
      <c r="PHO690" s="613"/>
      <c r="PHP690" s="613"/>
      <c r="PHQ690" s="613"/>
      <c r="PHR690" s="613"/>
      <c r="PHS690" s="613"/>
      <c r="PHT690" s="613"/>
      <c r="PHU690" s="613"/>
      <c r="PHV690" s="613"/>
      <c r="PHW690" s="613"/>
      <c r="PHX690" s="613"/>
      <c r="PHY690" s="613"/>
      <c r="PHZ690" s="613"/>
      <c r="PIA690" s="613"/>
      <c r="PIB690" s="613"/>
      <c r="PIC690" s="613"/>
      <c r="PID690" s="613"/>
      <c r="PIE690" s="613"/>
      <c r="PIF690" s="613"/>
      <c r="PIG690" s="613"/>
      <c r="PIH690" s="613"/>
      <c r="PII690" s="613"/>
      <c r="PIJ690" s="613"/>
      <c r="PIK690" s="613"/>
      <c r="PIL690" s="613"/>
      <c r="PIM690" s="613"/>
      <c r="PIN690" s="613"/>
      <c r="PIO690" s="613"/>
      <c r="PIP690" s="613"/>
      <c r="PIQ690" s="613"/>
      <c r="PIR690" s="613"/>
      <c r="PIS690" s="613"/>
      <c r="PIT690" s="613"/>
      <c r="PIU690" s="613"/>
      <c r="PIV690" s="613"/>
      <c r="PIW690" s="613"/>
      <c r="PIX690" s="613"/>
      <c r="PIY690" s="613"/>
      <c r="PIZ690" s="613"/>
      <c r="PJA690" s="613"/>
      <c r="PJB690" s="613"/>
      <c r="PJC690" s="613"/>
      <c r="PJD690" s="613"/>
      <c r="PJE690" s="613"/>
      <c r="PJF690" s="613"/>
      <c r="PJG690" s="613"/>
      <c r="PJH690" s="613"/>
      <c r="PJI690" s="613"/>
      <c r="PJJ690" s="613"/>
      <c r="PJK690" s="613"/>
      <c r="PJL690" s="613"/>
      <c r="PJM690" s="613"/>
      <c r="PJN690" s="613"/>
      <c r="PJO690" s="613"/>
      <c r="PJP690" s="613"/>
      <c r="PJQ690" s="613"/>
      <c r="PJR690" s="613"/>
      <c r="PJS690" s="613"/>
      <c r="PJT690" s="613"/>
      <c r="PJU690" s="613"/>
      <c r="PJV690" s="613"/>
      <c r="PJW690" s="613"/>
      <c r="PJX690" s="613"/>
      <c r="PJY690" s="613"/>
      <c r="PJZ690" s="613"/>
      <c r="PKA690" s="613"/>
      <c r="PKB690" s="613"/>
      <c r="PKC690" s="613"/>
      <c r="PKD690" s="613"/>
      <c r="PKE690" s="613"/>
      <c r="PKF690" s="613"/>
      <c r="PKG690" s="613"/>
      <c r="PKH690" s="613"/>
      <c r="PKI690" s="613"/>
      <c r="PKJ690" s="613"/>
      <c r="PKK690" s="613"/>
      <c r="PKL690" s="613"/>
      <c r="PKM690" s="613"/>
      <c r="PKN690" s="613"/>
      <c r="PKO690" s="613"/>
      <c r="PKP690" s="613"/>
      <c r="PKQ690" s="613"/>
      <c r="PKR690" s="613"/>
      <c r="PKS690" s="613"/>
      <c r="PKT690" s="613"/>
      <c r="PKU690" s="613"/>
      <c r="PKV690" s="613"/>
      <c r="PKW690" s="613"/>
      <c r="PKX690" s="613"/>
      <c r="PKY690" s="613"/>
      <c r="PKZ690" s="613"/>
      <c r="PLA690" s="613"/>
      <c r="PLB690" s="613"/>
      <c r="PLC690" s="613"/>
      <c r="PLD690" s="613"/>
      <c r="PLE690" s="613"/>
      <c r="PLF690" s="613"/>
      <c r="PLG690" s="613"/>
      <c r="PLH690" s="613"/>
      <c r="PLI690" s="613"/>
      <c r="PLJ690" s="613"/>
      <c r="PLK690" s="613"/>
      <c r="PLL690" s="613"/>
      <c r="PLM690" s="613"/>
      <c r="PLN690" s="613"/>
      <c r="PLO690" s="613"/>
      <c r="PLP690" s="613"/>
      <c r="PLQ690" s="613"/>
      <c r="PLR690" s="613"/>
      <c r="PLS690" s="613"/>
      <c r="PLT690" s="613"/>
      <c r="PLU690" s="613"/>
      <c r="PLV690" s="613"/>
      <c r="PLW690" s="613"/>
      <c r="PLX690" s="613"/>
      <c r="PLY690" s="613"/>
      <c r="PLZ690" s="613"/>
      <c r="PMA690" s="613"/>
      <c r="PMB690" s="613"/>
      <c r="PMC690" s="613"/>
      <c r="PMD690" s="613"/>
      <c r="PME690" s="613"/>
      <c r="PMF690" s="613"/>
      <c r="PMG690" s="613"/>
      <c r="PMH690" s="613"/>
      <c r="PMI690" s="613"/>
      <c r="PMJ690" s="613"/>
      <c r="PMK690" s="613"/>
      <c r="PML690" s="613"/>
      <c r="PMM690" s="613"/>
      <c r="PMN690" s="613"/>
      <c r="PMO690" s="613"/>
      <c r="PMP690" s="613"/>
      <c r="PMQ690" s="613"/>
      <c r="PMR690" s="613"/>
      <c r="PMS690" s="613"/>
      <c r="PMT690" s="613"/>
      <c r="PMU690" s="613"/>
      <c r="PMV690" s="613"/>
      <c r="PMW690" s="613"/>
      <c r="PMX690" s="613"/>
      <c r="PMY690" s="613"/>
      <c r="PMZ690" s="613"/>
      <c r="PNA690" s="613"/>
      <c r="PNB690" s="613"/>
      <c r="PNC690" s="613"/>
      <c r="PND690" s="613"/>
      <c r="PNE690" s="613"/>
      <c r="PNF690" s="613"/>
      <c r="PNG690" s="613"/>
      <c r="PNH690" s="613"/>
      <c r="PNI690" s="613"/>
      <c r="PNJ690" s="613"/>
      <c r="PNK690" s="613"/>
      <c r="PNL690" s="613"/>
      <c r="PNM690" s="613"/>
      <c r="PNN690" s="613"/>
      <c r="PNO690" s="613"/>
      <c r="PNP690" s="613"/>
      <c r="PNQ690" s="613"/>
      <c r="PNR690" s="613"/>
      <c r="PNS690" s="613"/>
      <c r="PNT690" s="613"/>
      <c r="PNU690" s="613"/>
      <c r="PNV690" s="613"/>
      <c r="PNW690" s="613"/>
      <c r="PNX690" s="613"/>
      <c r="PNY690" s="613"/>
      <c r="PNZ690" s="613"/>
      <c r="POA690" s="613"/>
      <c r="POB690" s="613"/>
      <c r="POC690" s="613"/>
      <c r="POD690" s="613"/>
      <c r="POE690" s="613"/>
      <c r="POF690" s="613"/>
      <c r="POG690" s="613"/>
      <c r="POH690" s="613"/>
      <c r="POI690" s="613"/>
      <c r="POJ690" s="613"/>
      <c r="POK690" s="613"/>
      <c r="POL690" s="613"/>
      <c r="POM690" s="613"/>
      <c r="PON690" s="613"/>
      <c r="POO690" s="613"/>
      <c r="POP690" s="613"/>
      <c r="POQ690" s="613"/>
      <c r="POR690" s="613"/>
      <c r="POS690" s="613"/>
      <c r="POT690" s="613"/>
      <c r="POU690" s="613"/>
      <c r="POV690" s="613"/>
      <c r="POW690" s="613"/>
      <c r="POX690" s="613"/>
      <c r="POY690" s="613"/>
      <c r="POZ690" s="613"/>
      <c r="PPA690" s="613"/>
      <c r="PPB690" s="613"/>
      <c r="PPC690" s="613"/>
      <c r="PPD690" s="613"/>
      <c r="PPE690" s="613"/>
      <c r="PPF690" s="613"/>
      <c r="PPG690" s="613"/>
      <c r="PPH690" s="613"/>
      <c r="PPI690" s="613"/>
      <c r="PPJ690" s="613"/>
      <c r="PPK690" s="613"/>
      <c r="PPL690" s="613"/>
      <c r="PPM690" s="613"/>
      <c r="PPN690" s="613"/>
      <c r="PPO690" s="613"/>
      <c r="PPP690" s="613"/>
      <c r="PPQ690" s="613"/>
      <c r="PPR690" s="613"/>
      <c r="PPS690" s="613"/>
      <c r="PPT690" s="613"/>
      <c r="PPU690" s="613"/>
      <c r="PPV690" s="613"/>
      <c r="PPW690" s="613"/>
      <c r="PPX690" s="613"/>
      <c r="PPY690" s="613"/>
      <c r="PPZ690" s="613"/>
      <c r="PQA690" s="613"/>
      <c r="PQB690" s="613"/>
      <c r="PQC690" s="613"/>
      <c r="PQD690" s="613"/>
      <c r="PQE690" s="613"/>
      <c r="PQF690" s="613"/>
      <c r="PQG690" s="613"/>
      <c r="PQH690" s="613"/>
      <c r="PQI690" s="613"/>
      <c r="PQJ690" s="613"/>
      <c r="PQK690" s="613"/>
      <c r="PQL690" s="613"/>
      <c r="PQM690" s="613"/>
      <c r="PQN690" s="613"/>
      <c r="PQO690" s="613"/>
      <c r="PQP690" s="613"/>
      <c r="PQQ690" s="613"/>
      <c r="PQR690" s="613"/>
      <c r="PQS690" s="613"/>
      <c r="PQT690" s="613"/>
      <c r="PQU690" s="613"/>
      <c r="PQV690" s="613"/>
      <c r="PQW690" s="613"/>
      <c r="PQX690" s="613"/>
      <c r="PQY690" s="613"/>
      <c r="PQZ690" s="613"/>
      <c r="PRA690" s="613"/>
      <c r="PRB690" s="613"/>
      <c r="PRC690" s="613"/>
      <c r="PRD690" s="613"/>
      <c r="PRE690" s="613"/>
      <c r="PRF690" s="613"/>
      <c r="PRG690" s="613"/>
      <c r="PRH690" s="613"/>
      <c r="PRI690" s="613"/>
      <c r="PRJ690" s="613"/>
      <c r="PRK690" s="613"/>
      <c r="PRL690" s="613"/>
      <c r="PRM690" s="613"/>
      <c r="PRN690" s="613"/>
      <c r="PRO690" s="613"/>
      <c r="PRP690" s="613"/>
      <c r="PRQ690" s="613"/>
      <c r="PRR690" s="613"/>
      <c r="PRS690" s="613"/>
      <c r="PRT690" s="613"/>
      <c r="PRU690" s="613"/>
      <c r="PRV690" s="613"/>
      <c r="PRW690" s="613"/>
      <c r="PRX690" s="613"/>
      <c r="PRY690" s="613"/>
      <c r="PRZ690" s="613"/>
      <c r="PSA690" s="613"/>
      <c r="PSB690" s="613"/>
      <c r="PSC690" s="613"/>
      <c r="PSD690" s="613"/>
      <c r="PSE690" s="613"/>
      <c r="PSF690" s="613"/>
      <c r="PSG690" s="613"/>
      <c r="PSH690" s="613"/>
      <c r="PSI690" s="613"/>
      <c r="PSJ690" s="613"/>
      <c r="PSK690" s="613"/>
      <c r="PSL690" s="613"/>
      <c r="PSM690" s="613"/>
      <c r="PSN690" s="613"/>
      <c r="PSO690" s="613"/>
      <c r="PSP690" s="613"/>
      <c r="PSQ690" s="613"/>
      <c r="PSR690" s="613"/>
      <c r="PSS690" s="613"/>
      <c r="PST690" s="613"/>
      <c r="PSU690" s="613"/>
      <c r="PSV690" s="613"/>
      <c r="PSW690" s="613"/>
      <c r="PSX690" s="613"/>
      <c r="PSY690" s="613"/>
      <c r="PSZ690" s="613"/>
      <c r="PTA690" s="613"/>
      <c r="PTB690" s="613"/>
      <c r="PTC690" s="613"/>
      <c r="PTD690" s="613"/>
      <c r="PTE690" s="613"/>
      <c r="PTF690" s="613"/>
      <c r="PTG690" s="613"/>
      <c r="PTH690" s="613"/>
      <c r="PTI690" s="613"/>
      <c r="PTJ690" s="613"/>
      <c r="PTK690" s="613"/>
      <c r="PTL690" s="613"/>
      <c r="PTM690" s="613"/>
      <c r="PTN690" s="613"/>
      <c r="PTO690" s="613"/>
      <c r="PTP690" s="613"/>
      <c r="PTQ690" s="613"/>
      <c r="PTR690" s="613"/>
      <c r="PTS690" s="613"/>
      <c r="PTT690" s="613"/>
      <c r="PTU690" s="613"/>
      <c r="PTV690" s="613"/>
      <c r="PTW690" s="613"/>
      <c r="PTX690" s="613"/>
      <c r="PTY690" s="613"/>
      <c r="PTZ690" s="613"/>
      <c r="PUA690" s="613"/>
      <c r="PUB690" s="613"/>
      <c r="PUC690" s="613"/>
      <c r="PUD690" s="613"/>
      <c r="PUE690" s="613"/>
      <c r="PUF690" s="613"/>
      <c r="PUG690" s="613"/>
      <c r="PUH690" s="613"/>
      <c r="PUI690" s="613"/>
      <c r="PUJ690" s="613"/>
      <c r="PUK690" s="613"/>
      <c r="PUL690" s="613"/>
      <c r="PUM690" s="613"/>
      <c r="PUN690" s="613"/>
      <c r="PUO690" s="613"/>
      <c r="PUP690" s="613"/>
      <c r="PUQ690" s="613"/>
      <c r="PUR690" s="613"/>
      <c r="PUS690" s="613"/>
      <c r="PUT690" s="613"/>
      <c r="PUU690" s="613"/>
      <c r="PUV690" s="613"/>
      <c r="PUW690" s="613"/>
      <c r="PUX690" s="613"/>
      <c r="PUY690" s="613"/>
      <c r="PUZ690" s="613"/>
      <c r="PVA690" s="613"/>
      <c r="PVB690" s="613"/>
      <c r="PVC690" s="613"/>
      <c r="PVD690" s="613"/>
      <c r="PVE690" s="613"/>
      <c r="PVF690" s="613"/>
      <c r="PVG690" s="613"/>
      <c r="PVH690" s="613"/>
      <c r="PVI690" s="613"/>
      <c r="PVJ690" s="613"/>
      <c r="PVK690" s="613"/>
      <c r="PVL690" s="613"/>
      <c r="PVM690" s="613"/>
      <c r="PVN690" s="613"/>
      <c r="PVO690" s="613"/>
      <c r="PVP690" s="613"/>
      <c r="PVQ690" s="613"/>
      <c r="PVR690" s="613"/>
      <c r="PVS690" s="613"/>
      <c r="PVT690" s="613"/>
      <c r="PVU690" s="613"/>
      <c r="PVV690" s="613"/>
      <c r="PVW690" s="613"/>
      <c r="PVX690" s="613"/>
      <c r="PVY690" s="613"/>
      <c r="PVZ690" s="613"/>
      <c r="PWA690" s="613"/>
      <c r="PWB690" s="613"/>
      <c r="PWC690" s="613"/>
      <c r="PWD690" s="613"/>
      <c r="PWE690" s="613"/>
      <c r="PWF690" s="613"/>
      <c r="PWG690" s="613"/>
      <c r="PWH690" s="613"/>
      <c r="PWI690" s="613"/>
      <c r="PWJ690" s="613"/>
      <c r="PWK690" s="613"/>
      <c r="PWL690" s="613"/>
      <c r="PWM690" s="613"/>
      <c r="PWN690" s="613"/>
      <c r="PWO690" s="613"/>
      <c r="PWP690" s="613"/>
      <c r="PWQ690" s="613"/>
      <c r="PWR690" s="613"/>
      <c r="PWS690" s="613"/>
      <c r="PWT690" s="613"/>
      <c r="PWU690" s="613"/>
      <c r="PWV690" s="613"/>
      <c r="PWW690" s="613"/>
      <c r="PWX690" s="613"/>
      <c r="PWY690" s="613"/>
      <c r="PWZ690" s="613"/>
      <c r="PXA690" s="613"/>
      <c r="PXB690" s="613"/>
      <c r="PXC690" s="613"/>
      <c r="PXD690" s="613"/>
      <c r="PXE690" s="613"/>
      <c r="PXF690" s="613"/>
      <c r="PXG690" s="613"/>
      <c r="PXH690" s="613"/>
      <c r="PXI690" s="613"/>
      <c r="PXJ690" s="613"/>
      <c r="PXK690" s="613"/>
      <c r="PXL690" s="613"/>
      <c r="PXM690" s="613"/>
      <c r="PXN690" s="613"/>
      <c r="PXO690" s="613"/>
      <c r="PXP690" s="613"/>
      <c r="PXQ690" s="613"/>
      <c r="PXR690" s="613"/>
      <c r="PXS690" s="613"/>
      <c r="PXT690" s="613"/>
      <c r="PXU690" s="613"/>
      <c r="PXV690" s="613"/>
      <c r="PXW690" s="613"/>
      <c r="PXX690" s="613"/>
      <c r="PXY690" s="613"/>
      <c r="PXZ690" s="613"/>
      <c r="PYA690" s="613"/>
      <c r="PYB690" s="613"/>
      <c r="PYC690" s="613"/>
      <c r="PYD690" s="613"/>
      <c r="PYE690" s="613"/>
      <c r="PYF690" s="613"/>
      <c r="PYG690" s="613"/>
      <c r="PYH690" s="613"/>
      <c r="PYI690" s="613"/>
      <c r="PYJ690" s="613"/>
      <c r="PYK690" s="613"/>
      <c r="PYL690" s="613"/>
      <c r="PYM690" s="613"/>
      <c r="PYN690" s="613"/>
      <c r="PYO690" s="613"/>
      <c r="PYP690" s="613"/>
      <c r="PYQ690" s="613"/>
      <c r="PYR690" s="613"/>
      <c r="PYS690" s="613"/>
      <c r="PYT690" s="613"/>
      <c r="PYU690" s="613"/>
      <c r="PYV690" s="613"/>
      <c r="PYW690" s="613"/>
      <c r="PYX690" s="613"/>
      <c r="PYY690" s="613"/>
      <c r="PYZ690" s="613"/>
      <c r="PZA690" s="613"/>
      <c r="PZB690" s="613"/>
      <c r="PZC690" s="613"/>
      <c r="PZD690" s="613"/>
      <c r="PZE690" s="613"/>
      <c r="PZF690" s="613"/>
      <c r="PZG690" s="613"/>
      <c r="PZH690" s="613"/>
      <c r="PZI690" s="613"/>
      <c r="PZJ690" s="613"/>
      <c r="PZK690" s="613"/>
      <c r="PZL690" s="613"/>
      <c r="PZM690" s="613"/>
      <c r="PZN690" s="613"/>
      <c r="PZO690" s="613"/>
      <c r="PZP690" s="613"/>
      <c r="PZQ690" s="613"/>
      <c r="PZR690" s="613"/>
      <c r="PZS690" s="613"/>
      <c r="PZT690" s="613"/>
      <c r="PZU690" s="613"/>
      <c r="PZV690" s="613"/>
      <c r="PZW690" s="613"/>
      <c r="PZX690" s="613"/>
      <c r="PZY690" s="613"/>
      <c r="PZZ690" s="613"/>
      <c r="QAA690" s="613"/>
      <c r="QAB690" s="613"/>
      <c r="QAC690" s="613"/>
      <c r="QAD690" s="613"/>
      <c r="QAE690" s="613"/>
      <c r="QAF690" s="613"/>
      <c r="QAG690" s="613"/>
      <c r="QAH690" s="613"/>
      <c r="QAI690" s="613"/>
      <c r="QAJ690" s="613"/>
      <c r="QAK690" s="613"/>
      <c r="QAL690" s="613"/>
      <c r="QAM690" s="613"/>
      <c r="QAN690" s="613"/>
      <c r="QAO690" s="613"/>
      <c r="QAP690" s="613"/>
      <c r="QAQ690" s="613"/>
      <c r="QAR690" s="613"/>
      <c r="QAS690" s="613"/>
      <c r="QAT690" s="613"/>
      <c r="QAU690" s="613"/>
      <c r="QAV690" s="613"/>
      <c r="QAW690" s="613"/>
      <c r="QAX690" s="613"/>
      <c r="QAY690" s="613"/>
      <c r="QAZ690" s="613"/>
      <c r="QBA690" s="613"/>
      <c r="QBB690" s="613"/>
      <c r="QBC690" s="613"/>
      <c r="QBD690" s="613"/>
      <c r="QBE690" s="613"/>
      <c r="QBF690" s="613"/>
      <c r="QBG690" s="613"/>
      <c r="QBH690" s="613"/>
      <c r="QBI690" s="613"/>
      <c r="QBJ690" s="613"/>
      <c r="QBK690" s="613"/>
      <c r="QBL690" s="613"/>
      <c r="QBM690" s="613"/>
      <c r="QBN690" s="613"/>
      <c r="QBO690" s="613"/>
      <c r="QBP690" s="613"/>
      <c r="QBQ690" s="613"/>
      <c r="QBR690" s="613"/>
      <c r="QBS690" s="613"/>
      <c r="QBT690" s="613"/>
      <c r="QBU690" s="613"/>
      <c r="QBV690" s="613"/>
      <c r="QBW690" s="613"/>
      <c r="QBX690" s="613"/>
      <c r="QBY690" s="613"/>
      <c r="QBZ690" s="613"/>
      <c r="QCA690" s="613"/>
      <c r="QCB690" s="613"/>
      <c r="QCC690" s="613"/>
      <c r="QCD690" s="613"/>
      <c r="QCE690" s="613"/>
      <c r="QCF690" s="613"/>
      <c r="QCG690" s="613"/>
      <c r="QCH690" s="613"/>
      <c r="QCI690" s="613"/>
      <c r="QCJ690" s="613"/>
      <c r="QCK690" s="613"/>
      <c r="QCL690" s="613"/>
      <c r="QCM690" s="613"/>
      <c r="QCN690" s="613"/>
      <c r="QCO690" s="613"/>
      <c r="QCP690" s="613"/>
      <c r="QCQ690" s="613"/>
      <c r="QCR690" s="613"/>
      <c r="QCS690" s="613"/>
      <c r="QCT690" s="613"/>
      <c r="QCU690" s="613"/>
      <c r="QCV690" s="613"/>
      <c r="QCW690" s="613"/>
      <c r="QCX690" s="613"/>
      <c r="QCY690" s="613"/>
      <c r="QCZ690" s="613"/>
      <c r="QDA690" s="613"/>
      <c r="QDB690" s="613"/>
      <c r="QDC690" s="613"/>
      <c r="QDD690" s="613"/>
      <c r="QDE690" s="613"/>
      <c r="QDF690" s="613"/>
      <c r="QDG690" s="613"/>
      <c r="QDH690" s="613"/>
      <c r="QDI690" s="613"/>
      <c r="QDJ690" s="613"/>
      <c r="QDK690" s="613"/>
      <c r="QDL690" s="613"/>
      <c r="QDM690" s="613"/>
      <c r="QDN690" s="613"/>
      <c r="QDO690" s="613"/>
      <c r="QDP690" s="613"/>
      <c r="QDQ690" s="613"/>
      <c r="QDR690" s="613"/>
      <c r="QDS690" s="613"/>
      <c r="QDT690" s="613"/>
      <c r="QDU690" s="613"/>
      <c r="QDV690" s="613"/>
      <c r="QDW690" s="613"/>
      <c r="QDX690" s="613"/>
      <c r="QDY690" s="613"/>
      <c r="QDZ690" s="613"/>
      <c r="QEA690" s="613"/>
      <c r="QEB690" s="613"/>
      <c r="QEC690" s="613"/>
      <c r="QED690" s="613"/>
      <c r="QEE690" s="613"/>
      <c r="QEF690" s="613"/>
      <c r="QEG690" s="613"/>
      <c r="QEH690" s="613"/>
      <c r="QEI690" s="613"/>
      <c r="QEJ690" s="613"/>
      <c r="QEK690" s="613"/>
      <c r="QEL690" s="613"/>
      <c r="QEM690" s="613"/>
      <c r="QEN690" s="613"/>
      <c r="QEO690" s="613"/>
      <c r="QEP690" s="613"/>
      <c r="QEQ690" s="613"/>
      <c r="QER690" s="613"/>
      <c r="QES690" s="613"/>
      <c r="QET690" s="613"/>
      <c r="QEU690" s="613"/>
      <c r="QEV690" s="613"/>
      <c r="QEW690" s="613"/>
      <c r="QEX690" s="613"/>
      <c r="QEY690" s="613"/>
      <c r="QEZ690" s="613"/>
      <c r="QFA690" s="613"/>
      <c r="QFB690" s="613"/>
      <c r="QFC690" s="613"/>
      <c r="QFD690" s="613"/>
      <c r="QFE690" s="613"/>
      <c r="QFF690" s="613"/>
      <c r="QFG690" s="613"/>
      <c r="QFH690" s="613"/>
      <c r="QFI690" s="613"/>
      <c r="QFJ690" s="613"/>
      <c r="QFK690" s="613"/>
      <c r="QFL690" s="613"/>
      <c r="QFM690" s="613"/>
      <c r="QFN690" s="613"/>
      <c r="QFO690" s="613"/>
      <c r="QFP690" s="613"/>
      <c r="QFQ690" s="613"/>
      <c r="QFR690" s="613"/>
      <c r="QFS690" s="613"/>
      <c r="QFT690" s="613"/>
      <c r="QFU690" s="613"/>
      <c r="QFV690" s="613"/>
      <c r="QFW690" s="613"/>
      <c r="QFX690" s="613"/>
      <c r="QFY690" s="613"/>
      <c r="QFZ690" s="613"/>
      <c r="QGA690" s="613"/>
      <c r="QGB690" s="613"/>
      <c r="QGC690" s="613"/>
      <c r="QGD690" s="613"/>
      <c r="QGE690" s="613"/>
      <c r="QGF690" s="613"/>
      <c r="QGG690" s="613"/>
      <c r="QGH690" s="613"/>
      <c r="QGI690" s="613"/>
      <c r="QGJ690" s="613"/>
      <c r="QGK690" s="613"/>
      <c r="QGL690" s="613"/>
      <c r="QGM690" s="613"/>
      <c r="QGN690" s="613"/>
      <c r="QGO690" s="613"/>
      <c r="QGP690" s="613"/>
      <c r="QGQ690" s="613"/>
      <c r="QGR690" s="613"/>
      <c r="QGS690" s="613"/>
      <c r="QGT690" s="613"/>
      <c r="QGU690" s="613"/>
      <c r="QGV690" s="613"/>
      <c r="QGW690" s="613"/>
      <c r="QGX690" s="613"/>
      <c r="QGY690" s="613"/>
      <c r="QGZ690" s="613"/>
      <c r="QHA690" s="613"/>
      <c r="QHB690" s="613"/>
      <c r="QHC690" s="613"/>
      <c r="QHD690" s="613"/>
      <c r="QHE690" s="613"/>
      <c r="QHF690" s="613"/>
      <c r="QHG690" s="613"/>
      <c r="QHH690" s="613"/>
      <c r="QHI690" s="613"/>
      <c r="QHJ690" s="613"/>
      <c r="QHK690" s="613"/>
      <c r="QHL690" s="613"/>
      <c r="QHM690" s="613"/>
      <c r="QHN690" s="613"/>
      <c r="QHO690" s="613"/>
      <c r="QHP690" s="613"/>
      <c r="QHQ690" s="613"/>
      <c r="QHR690" s="613"/>
      <c r="QHS690" s="613"/>
      <c r="QHT690" s="613"/>
      <c r="QHU690" s="613"/>
      <c r="QHV690" s="613"/>
      <c r="QHW690" s="613"/>
      <c r="QHX690" s="613"/>
      <c r="QHY690" s="613"/>
      <c r="QHZ690" s="613"/>
      <c r="QIA690" s="613"/>
      <c r="QIB690" s="613"/>
      <c r="QIC690" s="613"/>
      <c r="QID690" s="613"/>
      <c r="QIE690" s="613"/>
      <c r="QIF690" s="613"/>
      <c r="QIG690" s="613"/>
      <c r="QIH690" s="613"/>
      <c r="QII690" s="613"/>
      <c r="QIJ690" s="613"/>
      <c r="QIK690" s="613"/>
      <c r="QIL690" s="613"/>
      <c r="QIM690" s="613"/>
      <c r="QIN690" s="613"/>
      <c r="QIO690" s="613"/>
      <c r="QIP690" s="613"/>
      <c r="QIQ690" s="613"/>
      <c r="QIR690" s="613"/>
      <c r="QIS690" s="613"/>
      <c r="QIT690" s="613"/>
      <c r="QIU690" s="613"/>
      <c r="QIV690" s="613"/>
      <c r="QIW690" s="613"/>
      <c r="QIX690" s="613"/>
      <c r="QIY690" s="613"/>
      <c r="QIZ690" s="613"/>
      <c r="QJA690" s="613"/>
      <c r="QJB690" s="613"/>
      <c r="QJC690" s="613"/>
      <c r="QJD690" s="613"/>
      <c r="QJE690" s="613"/>
      <c r="QJF690" s="613"/>
      <c r="QJG690" s="613"/>
      <c r="QJH690" s="613"/>
      <c r="QJI690" s="613"/>
      <c r="QJJ690" s="613"/>
      <c r="QJK690" s="613"/>
      <c r="QJL690" s="613"/>
      <c r="QJM690" s="613"/>
      <c r="QJN690" s="613"/>
      <c r="QJO690" s="613"/>
      <c r="QJP690" s="613"/>
      <c r="QJQ690" s="613"/>
      <c r="QJR690" s="613"/>
      <c r="QJS690" s="613"/>
      <c r="QJT690" s="613"/>
      <c r="QJU690" s="613"/>
      <c r="QJV690" s="613"/>
      <c r="QJW690" s="613"/>
      <c r="QJX690" s="613"/>
      <c r="QJY690" s="613"/>
      <c r="QJZ690" s="613"/>
      <c r="QKA690" s="613"/>
      <c r="QKB690" s="613"/>
      <c r="QKC690" s="613"/>
      <c r="QKD690" s="613"/>
      <c r="QKE690" s="613"/>
      <c r="QKF690" s="613"/>
      <c r="QKG690" s="613"/>
      <c r="QKH690" s="613"/>
      <c r="QKI690" s="613"/>
      <c r="QKJ690" s="613"/>
      <c r="QKK690" s="613"/>
      <c r="QKL690" s="613"/>
      <c r="QKM690" s="613"/>
      <c r="QKN690" s="613"/>
      <c r="QKO690" s="613"/>
      <c r="QKP690" s="613"/>
      <c r="QKQ690" s="613"/>
      <c r="QKR690" s="613"/>
      <c r="QKS690" s="613"/>
      <c r="QKT690" s="613"/>
      <c r="QKU690" s="613"/>
      <c r="QKV690" s="613"/>
      <c r="QKW690" s="613"/>
      <c r="QKX690" s="613"/>
      <c r="QKY690" s="613"/>
      <c r="QKZ690" s="613"/>
      <c r="QLA690" s="613"/>
      <c r="QLB690" s="613"/>
      <c r="QLC690" s="613"/>
      <c r="QLD690" s="613"/>
      <c r="QLE690" s="613"/>
      <c r="QLF690" s="613"/>
      <c r="QLG690" s="613"/>
      <c r="QLH690" s="613"/>
      <c r="QLI690" s="613"/>
      <c r="QLJ690" s="613"/>
      <c r="QLK690" s="613"/>
      <c r="QLL690" s="613"/>
      <c r="QLM690" s="613"/>
      <c r="QLN690" s="613"/>
      <c r="QLO690" s="613"/>
      <c r="QLP690" s="613"/>
      <c r="QLQ690" s="613"/>
      <c r="QLR690" s="613"/>
      <c r="QLS690" s="613"/>
      <c r="QLT690" s="613"/>
      <c r="QLU690" s="613"/>
      <c r="QLV690" s="613"/>
      <c r="QLW690" s="613"/>
      <c r="QLX690" s="613"/>
      <c r="QLY690" s="613"/>
      <c r="QLZ690" s="613"/>
      <c r="QMA690" s="613"/>
      <c r="QMB690" s="613"/>
      <c r="QMC690" s="613"/>
      <c r="QMD690" s="613"/>
      <c r="QME690" s="613"/>
      <c r="QMF690" s="613"/>
      <c r="QMG690" s="613"/>
      <c r="QMH690" s="613"/>
      <c r="QMI690" s="613"/>
      <c r="QMJ690" s="613"/>
      <c r="QMK690" s="613"/>
      <c r="QML690" s="613"/>
      <c r="QMM690" s="613"/>
      <c r="QMN690" s="613"/>
      <c r="QMO690" s="613"/>
      <c r="QMP690" s="613"/>
      <c r="QMQ690" s="613"/>
      <c r="QMR690" s="613"/>
      <c r="QMS690" s="613"/>
      <c r="QMT690" s="613"/>
      <c r="QMU690" s="613"/>
      <c r="QMV690" s="613"/>
      <c r="QMW690" s="613"/>
      <c r="QMX690" s="613"/>
      <c r="QMY690" s="613"/>
      <c r="QMZ690" s="613"/>
      <c r="QNA690" s="613"/>
      <c r="QNB690" s="613"/>
      <c r="QNC690" s="613"/>
      <c r="QND690" s="613"/>
      <c r="QNE690" s="613"/>
      <c r="QNF690" s="613"/>
      <c r="QNG690" s="613"/>
      <c r="QNH690" s="613"/>
      <c r="QNI690" s="613"/>
      <c r="QNJ690" s="613"/>
      <c r="QNK690" s="613"/>
      <c r="QNL690" s="613"/>
      <c r="QNM690" s="613"/>
      <c r="QNN690" s="613"/>
      <c r="QNO690" s="613"/>
      <c r="QNP690" s="613"/>
      <c r="QNQ690" s="613"/>
      <c r="QNR690" s="613"/>
      <c r="QNS690" s="613"/>
      <c r="QNT690" s="613"/>
      <c r="QNU690" s="613"/>
      <c r="QNV690" s="613"/>
      <c r="QNW690" s="613"/>
      <c r="QNX690" s="613"/>
      <c r="QNY690" s="613"/>
      <c r="QNZ690" s="613"/>
      <c r="QOA690" s="613"/>
      <c r="QOB690" s="613"/>
      <c r="QOC690" s="613"/>
      <c r="QOD690" s="613"/>
      <c r="QOE690" s="613"/>
      <c r="QOF690" s="613"/>
      <c r="QOG690" s="613"/>
      <c r="QOH690" s="613"/>
      <c r="QOI690" s="613"/>
      <c r="QOJ690" s="613"/>
      <c r="QOK690" s="613"/>
      <c r="QOL690" s="613"/>
      <c r="QOM690" s="613"/>
      <c r="QON690" s="613"/>
      <c r="QOO690" s="613"/>
      <c r="QOP690" s="613"/>
      <c r="QOQ690" s="613"/>
      <c r="QOR690" s="613"/>
      <c r="QOS690" s="613"/>
      <c r="QOT690" s="613"/>
      <c r="QOU690" s="613"/>
      <c r="QOV690" s="613"/>
      <c r="QOW690" s="613"/>
      <c r="QOX690" s="613"/>
      <c r="QOY690" s="613"/>
      <c r="QOZ690" s="613"/>
      <c r="QPA690" s="613"/>
      <c r="QPB690" s="613"/>
      <c r="QPC690" s="613"/>
      <c r="QPD690" s="613"/>
      <c r="QPE690" s="613"/>
      <c r="QPF690" s="613"/>
      <c r="QPG690" s="613"/>
      <c r="QPH690" s="613"/>
      <c r="QPI690" s="613"/>
      <c r="QPJ690" s="613"/>
      <c r="QPK690" s="613"/>
      <c r="QPL690" s="613"/>
      <c r="QPM690" s="613"/>
      <c r="QPN690" s="613"/>
      <c r="QPO690" s="613"/>
      <c r="QPP690" s="613"/>
      <c r="QPQ690" s="613"/>
      <c r="QPR690" s="613"/>
      <c r="QPS690" s="613"/>
      <c r="QPT690" s="613"/>
      <c r="QPU690" s="613"/>
      <c r="QPV690" s="613"/>
      <c r="QPW690" s="613"/>
      <c r="QPX690" s="613"/>
      <c r="QPY690" s="613"/>
      <c r="QPZ690" s="613"/>
      <c r="QQA690" s="613"/>
      <c r="QQB690" s="613"/>
      <c r="QQC690" s="613"/>
      <c r="QQD690" s="613"/>
      <c r="QQE690" s="613"/>
      <c r="QQF690" s="613"/>
      <c r="QQG690" s="613"/>
      <c r="QQH690" s="613"/>
      <c r="QQI690" s="613"/>
      <c r="QQJ690" s="613"/>
      <c r="QQK690" s="613"/>
      <c r="QQL690" s="613"/>
      <c r="QQM690" s="613"/>
      <c r="QQN690" s="613"/>
      <c r="QQO690" s="613"/>
      <c r="QQP690" s="613"/>
      <c r="QQQ690" s="613"/>
      <c r="QQR690" s="613"/>
      <c r="QQS690" s="613"/>
      <c r="QQT690" s="613"/>
      <c r="QQU690" s="613"/>
      <c r="QQV690" s="613"/>
      <c r="QQW690" s="613"/>
      <c r="QQX690" s="613"/>
      <c r="QQY690" s="613"/>
      <c r="QQZ690" s="613"/>
      <c r="QRA690" s="613"/>
      <c r="QRB690" s="613"/>
      <c r="QRC690" s="613"/>
      <c r="QRD690" s="613"/>
      <c r="QRE690" s="613"/>
      <c r="QRF690" s="613"/>
      <c r="QRG690" s="613"/>
      <c r="QRH690" s="613"/>
      <c r="QRI690" s="613"/>
      <c r="QRJ690" s="613"/>
      <c r="QRK690" s="613"/>
      <c r="QRL690" s="613"/>
      <c r="QRM690" s="613"/>
      <c r="QRN690" s="613"/>
      <c r="QRO690" s="613"/>
      <c r="QRP690" s="613"/>
      <c r="QRQ690" s="613"/>
      <c r="QRR690" s="613"/>
      <c r="QRS690" s="613"/>
      <c r="QRT690" s="613"/>
      <c r="QRU690" s="613"/>
      <c r="QRV690" s="613"/>
      <c r="QRW690" s="613"/>
      <c r="QRX690" s="613"/>
      <c r="QRY690" s="613"/>
      <c r="QRZ690" s="613"/>
      <c r="QSA690" s="613"/>
      <c r="QSB690" s="613"/>
      <c r="QSC690" s="613"/>
      <c r="QSD690" s="613"/>
      <c r="QSE690" s="613"/>
      <c r="QSF690" s="613"/>
      <c r="QSG690" s="613"/>
      <c r="QSH690" s="613"/>
      <c r="QSI690" s="613"/>
      <c r="QSJ690" s="613"/>
      <c r="QSK690" s="613"/>
      <c r="QSL690" s="613"/>
      <c r="QSM690" s="613"/>
      <c r="QSN690" s="613"/>
      <c r="QSO690" s="613"/>
      <c r="QSP690" s="613"/>
      <c r="QSQ690" s="613"/>
      <c r="QSR690" s="613"/>
      <c r="QSS690" s="613"/>
      <c r="QST690" s="613"/>
      <c r="QSU690" s="613"/>
      <c r="QSV690" s="613"/>
      <c r="QSW690" s="613"/>
      <c r="QSX690" s="613"/>
      <c r="QSY690" s="613"/>
      <c r="QSZ690" s="613"/>
      <c r="QTA690" s="613"/>
      <c r="QTB690" s="613"/>
      <c r="QTC690" s="613"/>
      <c r="QTD690" s="613"/>
      <c r="QTE690" s="613"/>
      <c r="QTF690" s="613"/>
      <c r="QTG690" s="613"/>
      <c r="QTH690" s="613"/>
      <c r="QTI690" s="613"/>
      <c r="QTJ690" s="613"/>
      <c r="QTK690" s="613"/>
      <c r="QTL690" s="613"/>
      <c r="QTM690" s="613"/>
      <c r="QTN690" s="613"/>
      <c r="QTO690" s="613"/>
      <c r="QTP690" s="613"/>
      <c r="QTQ690" s="613"/>
      <c r="QTR690" s="613"/>
      <c r="QTS690" s="613"/>
      <c r="QTT690" s="613"/>
      <c r="QTU690" s="613"/>
      <c r="QTV690" s="613"/>
      <c r="QTW690" s="613"/>
      <c r="QTX690" s="613"/>
      <c r="QTY690" s="613"/>
      <c r="QTZ690" s="613"/>
      <c r="QUA690" s="613"/>
      <c r="QUB690" s="613"/>
      <c r="QUC690" s="613"/>
      <c r="QUD690" s="613"/>
      <c r="QUE690" s="613"/>
      <c r="QUF690" s="613"/>
      <c r="QUG690" s="613"/>
      <c r="QUH690" s="613"/>
      <c r="QUI690" s="613"/>
      <c r="QUJ690" s="613"/>
      <c r="QUK690" s="613"/>
      <c r="QUL690" s="613"/>
      <c r="QUM690" s="613"/>
      <c r="QUN690" s="613"/>
      <c r="QUO690" s="613"/>
      <c r="QUP690" s="613"/>
      <c r="QUQ690" s="613"/>
      <c r="QUR690" s="613"/>
      <c r="QUS690" s="613"/>
      <c r="QUT690" s="613"/>
      <c r="QUU690" s="613"/>
      <c r="QUV690" s="613"/>
      <c r="QUW690" s="613"/>
      <c r="QUX690" s="613"/>
      <c r="QUY690" s="613"/>
      <c r="QUZ690" s="613"/>
      <c r="QVA690" s="613"/>
      <c r="QVB690" s="613"/>
      <c r="QVC690" s="613"/>
      <c r="QVD690" s="613"/>
      <c r="QVE690" s="613"/>
      <c r="QVF690" s="613"/>
      <c r="QVG690" s="613"/>
      <c r="QVH690" s="613"/>
      <c r="QVI690" s="613"/>
      <c r="QVJ690" s="613"/>
      <c r="QVK690" s="613"/>
      <c r="QVL690" s="613"/>
      <c r="QVM690" s="613"/>
      <c r="QVN690" s="613"/>
      <c r="QVO690" s="613"/>
      <c r="QVP690" s="613"/>
      <c r="QVQ690" s="613"/>
      <c r="QVR690" s="613"/>
      <c r="QVS690" s="613"/>
      <c r="QVT690" s="613"/>
      <c r="QVU690" s="613"/>
      <c r="QVV690" s="613"/>
      <c r="QVW690" s="613"/>
      <c r="QVX690" s="613"/>
      <c r="QVY690" s="613"/>
      <c r="QVZ690" s="613"/>
      <c r="QWA690" s="613"/>
      <c r="QWB690" s="613"/>
      <c r="QWC690" s="613"/>
      <c r="QWD690" s="613"/>
      <c r="QWE690" s="613"/>
      <c r="QWF690" s="613"/>
      <c r="QWG690" s="613"/>
      <c r="QWH690" s="613"/>
      <c r="QWI690" s="613"/>
      <c r="QWJ690" s="613"/>
      <c r="QWK690" s="613"/>
      <c r="QWL690" s="613"/>
      <c r="QWM690" s="613"/>
      <c r="QWN690" s="613"/>
      <c r="QWO690" s="613"/>
      <c r="QWP690" s="613"/>
      <c r="QWQ690" s="613"/>
      <c r="QWR690" s="613"/>
      <c r="QWS690" s="613"/>
      <c r="QWT690" s="613"/>
      <c r="QWU690" s="613"/>
      <c r="QWV690" s="613"/>
      <c r="QWW690" s="613"/>
      <c r="QWX690" s="613"/>
      <c r="QWY690" s="613"/>
      <c r="QWZ690" s="613"/>
      <c r="QXA690" s="613"/>
      <c r="QXB690" s="613"/>
      <c r="QXC690" s="613"/>
      <c r="QXD690" s="613"/>
      <c r="QXE690" s="613"/>
      <c r="QXF690" s="613"/>
      <c r="QXG690" s="613"/>
      <c r="QXH690" s="613"/>
      <c r="QXI690" s="613"/>
      <c r="QXJ690" s="613"/>
      <c r="QXK690" s="613"/>
      <c r="QXL690" s="613"/>
      <c r="QXM690" s="613"/>
      <c r="QXN690" s="613"/>
      <c r="QXO690" s="613"/>
      <c r="QXP690" s="613"/>
      <c r="QXQ690" s="613"/>
      <c r="QXR690" s="613"/>
      <c r="QXS690" s="613"/>
      <c r="QXT690" s="613"/>
      <c r="QXU690" s="613"/>
      <c r="QXV690" s="613"/>
      <c r="QXW690" s="613"/>
      <c r="QXX690" s="613"/>
      <c r="QXY690" s="613"/>
      <c r="QXZ690" s="613"/>
      <c r="QYA690" s="613"/>
      <c r="QYB690" s="613"/>
      <c r="QYC690" s="613"/>
      <c r="QYD690" s="613"/>
      <c r="QYE690" s="613"/>
      <c r="QYF690" s="613"/>
      <c r="QYG690" s="613"/>
      <c r="QYH690" s="613"/>
      <c r="QYI690" s="613"/>
      <c r="QYJ690" s="613"/>
      <c r="QYK690" s="613"/>
      <c r="QYL690" s="613"/>
      <c r="QYM690" s="613"/>
      <c r="QYN690" s="613"/>
      <c r="QYO690" s="613"/>
      <c r="QYP690" s="613"/>
      <c r="QYQ690" s="613"/>
      <c r="QYR690" s="613"/>
      <c r="QYS690" s="613"/>
      <c r="QYT690" s="613"/>
      <c r="QYU690" s="613"/>
      <c r="QYV690" s="613"/>
      <c r="QYW690" s="613"/>
      <c r="QYX690" s="613"/>
      <c r="QYY690" s="613"/>
      <c r="QYZ690" s="613"/>
      <c r="QZA690" s="613"/>
      <c r="QZB690" s="613"/>
      <c r="QZC690" s="613"/>
      <c r="QZD690" s="613"/>
      <c r="QZE690" s="613"/>
      <c r="QZF690" s="613"/>
      <c r="QZG690" s="613"/>
      <c r="QZH690" s="613"/>
      <c r="QZI690" s="613"/>
      <c r="QZJ690" s="613"/>
      <c r="QZK690" s="613"/>
      <c r="QZL690" s="613"/>
      <c r="QZM690" s="613"/>
      <c r="QZN690" s="613"/>
      <c r="QZO690" s="613"/>
      <c r="QZP690" s="613"/>
      <c r="QZQ690" s="613"/>
      <c r="QZR690" s="613"/>
      <c r="QZS690" s="613"/>
      <c r="QZT690" s="613"/>
      <c r="QZU690" s="613"/>
      <c r="QZV690" s="613"/>
      <c r="QZW690" s="613"/>
      <c r="QZX690" s="613"/>
      <c r="QZY690" s="613"/>
      <c r="QZZ690" s="613"/>
      <c r="RAA690" s="613"/>
      <c r="RAB690" s="613"/>
      <c r="RAC690" s="613"/>
      <c r="RAD690" s="613"/>
      <c r="RAE690" s="613"/>
      <c r="RAF690" s="613"/>
      <c r="RAG690" s="613"/>
      <c r="RAH690" s="613"/>
      <c r="RAI690" s="613"/>
      <c r="RAJ690" s="613"/>
      <c r="RAK690" s="613"/>
      <c r="RAL690" s="613"/>
      <c r="RAM690" s="613"/>
      <c r="RAN690" s="613"/>
      <c r="RAO690" s="613"/>
      <c r="RAP690" s="613"/>
      <c r="RAQ690" s="613"/>
      <c r="RAR690" s="613"/>
      <c r="RAS690" s="613"/>
      <c r="RAT690" s="613"/>
      <c r="RAU690" s="613"/>
      <c r="RAV690" s="613"/>
      <c r="RAW690" s="613"/>
      <c r="RAX690" s="613"/>
      <c r="RAY690" s="613"/>
      <c r="RAZ690" s="613"/>
      <c r="RBA690" s="613"/>
      <c r="RBB690" s="613"/>
      <c r="RBC690" s="613"/>
      <c r="RBD690" s="613"/>
      <c r="RBE690" s="613"/>
      <c r="RBF690" s="613"/>
      <c r="RBG690" s="613"/>
      <c r="RBH690" s="613"/>
      <c r="RBI690" s="613"/>
      <c r="RBJ690" s="613"/>
      <c r="RBK690" s="613"/>
      <c r="RBL690" s="613"/>
      <c r="RBM690" s="613"/>
      <c r="RBN690" s="613"/>
      <c r="RBO690" s="613"/>
      <c r="RBP690" s="613"/>
      <c r="RBQ690" s="613"/>
      <c r="RBR690" s="613"/>
      <c r="RBS690" s="613"/>
      <c r="RBT690" s="613"/>
      <c r="RBU690" s="613"/>
      <c r="RBV690" s="613"/>
      <c r="RBW690" s="613"/>
      <c r="RBX690" s="613"/>
      <c r="RBY690" s="613"/>
      <c r="RBZ690" s="613"/>
      <c r="RCA690" s="613"/>
      <c r="RCB690" s="613"/>
      <c r="RCC690" s="613"/>
      <c r="RCD690" s="613"/>
      <c r="RCE690" s="613"/>
      <c r="RCF690" s="613"/>
      <c r="RCG690" s="613"/>
      <c r="RCH690" s="613"/>
      <c r="RCI690" s="613"/>
      <c r="RCJ690" s="613"/>
      <c r="RCK690" s="613"/>
      <c r="RCL690" s="613"/>
      <c r="RCM690" s="613"/>
      <c r="RCN690" s="613"/>
      <c r="RCO690" s="613"/>
      <c r="RCP690" s="613"/>
      <c r="RCQ690" s="613"/>
      <c r="RCR690" s="613"/>
      <c r="RCS690" s="613"/>
      <c r="RCT690" s="613"/>
      <c r="RCU690" s="613"/>
      <c r="RCV690" s="613"/>
      <c r="RCW690" s="613"/>
      <c r="RCX690" s="613"/>
      <c r="RCY690" s="613"/>
      <c r="RCZ690" s="613"/>
      <c r="RDA690" s="613"/>
      <c r="RDB690" s="613"/>
      <c r="RDC690" s="613"/>
      <c r="RDD690" s="613"/>
      <c r="RDE690" s="613"/>
      <c r="RDF690" s="613"/>
      <c r="RDG690" s="613"/>
      <c r="RDH690" s="613"/>
      <c r="RDI690" s="613"/>
      <c r="RDJ690" s="613"/>
      <c r="RDK690" s="613"/>
      <c r="RDL690" s="613"/>
      <c r="RDM690" s="613"/>
      <c r="RDN690" s="613"/>
      <c r="RDO690" s="613"/>
      <c r="RDP690" s="613"/>
      <c r="RDQ690" s="613"/>
      <c r="RDR690" s="613"/>
      <c r="RDS690" s="613"/>
      <c r="RDT690" s="613"/>
      <c r="RDU690" s="613"/>
      <c r="RDV690" s="613"/>
      <c r="RDW690" s="613"/>
      <c r="RDX690" s="613"/>
      <c r="RDY690" s="613"/>
      <c r="RDZ690" s="613"/>
      <c r="REA690" s="613"/>
      <c r="REB690" s="613"/>
      <c r="REC690" s="613"/>
      <c r="RED690" s="613"/>
      <c r="REE690" s="613"/>
      <c r="REF690" s="613"/>
      <c r="REG690" s="613"/>
      <c r="REH690" s="613"/>
      <c r="REI690" s="613"/>
      <c r="REJ690" s="613"/>
      <c r="REK690" s="613"/>
      <c r="REL690" s="613"/>
      <c r="REM690" s="613"/>
      <c r="REN690" s="613"/>
      <c r="REO690" s="613"/>
      <c r="REP690" s="613"/>
      <c r="REQ690" s="613"/>
      <c r="RER690" s="613"/>
      <c r="RES690" s="613"/>
      <c r="RET690" s="613"/>
      <c r="REU690" s="613"/>
      <c r="REV690" s="613"/>
      <c r="REW690" s="613"/>
      <c r="REX690" s="613"/>
      <c r="REY690" s="613"/>
      <c r="REZ690" s="613"/>
      <c r="RFA690" s="613"/>
      <c r="RFB690" s="613"/>
      <c r="RFC690" s="613"/>
      <c r="RFD690" s="613"/>
      <c r="RFE690" s="613"/>
      <c r="RFF690" s="613"/>
      <c r="RFG690" s="613"/>
      <c r="RFH690" s="613"/>
      <c r="RFI690" s="613"/>
      <c r="RFJ690" s="613"/>
      <c r="RFK690" s="613"/>
      <c r="RFL690" s="613"/>
      <c r="RFM690" s="613"/>
      <c r="RFN690" s="613"/>
      <c r="RFO690" s="613"/>
      <c r="RFP690" s="613"/>
      <c r="RFQ690" s="613"/>
      <c r="RFR690" s="613"/>
      <c r="RFS690" s="613"/>
      <c r="RFT690" s="613"/>
      <c r="RFU690" s="613"/>
      <c r="RFV690" s="613"/>
      <c r="RFW690" s="613"/>
      <c r="RFX690" s="613"/>
      <c r="RFY690" s="613"/>
      <c r="RFZ690" s="613"/>
      <c r="RGA690" s="613"/>
      <c r="RGB690" s="613"/>
      <c r="RGC690" s="613"/>
      <c r="RGD690" s="613"/>
      <c r="RGE690" s="613"/>
      <c r="RGF690" s="613"/>
      <c r="RGG690" s="613"/>
      <c r="RGH690" s="613"/>
      <c r="RGI690" s="613"/>
      <c r="RGJ690" s="613"/>
      <c r="RGK690" s="613"/>
      <c r="RGL690" s="613"/>
      <c r="RGM690" s="613"/>
      <c r="RGN690" s="613"/>
      <c r="RGO690" s="613"/>
      <c r="RGP690" s="613"/>
      <c r="RGQ690" s="613"/>
      <c r="RGR690" s="613"/>
      <c r="RGS690" s="613"/>
      <c r="RGT690" s="613"/>
      <c r="RGU690" s="613"/>
      <c r="RGV690" s="613"/>
      <c r="RGW690" s="613"/>
      <c r="RGX690" s="613"/>
      <c r="RGY690" s="613"/>
      <c r="RGZ690" s="613"/>
      <c r="RHA690" s="613"/>
      <c r="RHB690" s="613"/>
      <c r="RHC690" s="613"/>
      <c r="RHD690" s="613"/>
      <c r="RHE690" s="613"/>
      <c r="RHF690" s="613"/>
      <c r="RHG690" s="613"/>
      <c r="RHH690" s="613"/>
      <c r="RHI690" s="613"/>
      <c r="RHJ690" s="613"/>
      <c r="RHK690" s="613"/>
      <c r="RHL690" s="613"/>
      <c r="RHM690" s="613"/>
      <c r="RHN690" s="613"/>
      <c r="RHO690" s="613"/>
      <c r="RHP690" s="613"/>
      <c r="RHQ690" s="613"/>
      <c r="RHR690" s="613"/>
      <c r="RHS690" s="613"/>
      <c r="RHT690" s="613"/>
      <c r="RHU690" s="613"/>
      <c r="RHV690" s="613"/>
      <c r="RHW690" s="613"/>
      <c r="RHX690" s="613"/>
      <c r="RHY690" s="613"/>
      <c r="RHZ690" s="613"/>
      <c r="RIA690" s="613"/>
      <c r="RIB690" s="613"/>
      <c r="RIC690" s="613"/>
      <c r="RID690" s="613"/>
      <c r="RIE690" s="613"/>
      <c r="RIF690" s="613"/>
      <c r="RIG690" s="613"/>
      <c r="RIH690" s="613"/>
      <c r="RII690" s="613"/>
      <c r="RIJ690" s="613"/>
      <c r="RIK690" s="613"/>
      <c r="RIL690" s="613"/>
      <c r="RIM690" s="613"/>
      <c r="RIN690" s="613"/>
      <c r="RIO690" s="613"/>
      <c r="RIP690" s="613"/>
      <c r="RIQ690" s="613"/>
      <c r="RIR690" s="613"/>
      <c r="RIS690" s="613"/>
      <c r="RIT690" s="613"/>
      <c r="RIU690" s="613"/>
      <c r="RIV690" s="613"/>
      <c r="RIW690" s="613"/>
      <c r="RIX690" s="613"/>
      <c r="RIY690" s="613"/>
      <c r="RIZ690" s="613"/>
      <c r="RJA690" s="613"/>
      <c r="RJB690" s="613"/>
      <c r="RJC690" s="613"/>
      <c r="RJD690" s="613"/>
      <c r="RJE690" s="613"/>
      <c r="RJF690" s="613"/>
      <c r="RJG690" s="613"/>
      <c r="RJH690" s="613"/>
      <c r="RJI690" s="613"/>
      <c r="RJJ690" s="613"/>
      <c r="RJK690" s="613"/>
      <c r="RJL690" s="613"/>
      <c r="RJM690" s="613"/>
      <c r="RJN690" s="613"/>
      <c r="RJO690" s="613"/>
      <c r="RJP690" s="613"/>
      <c r="RJQ690" s="613"/>
      <c r="RJR690" s="613"/>
      <c r="RJS690" s="613"/>
      <c r="RJT690" s="613"/>
      <c r="RJU690" s="613"/>
      <c r="RJV690" s="613"/>
      <c r="RJW690" s="613"/>
      <c r="RJX690" s="613"/>
      <c r="RJY690" s="613"/>
      <c r="RJZ690" s="613"/>
      <c r="RKA690" s="613"/>
      <c r="RKB690" s="613"/>
      <c r="RKC690" s="613"/>
      <c r="RKD690" s="613"/>
      <c r="RKE690" s="613"/>
      <c r="RKF690" s="613"/>
      <c r="RKG690" s="613"/>
      <c r="RKH690" s="613"/>
      <c r="RKI690" s="613"/>
      <c r="RKJ690" s="613"/>
      <c r="RKK690" s="613"/>
      <c r="RKL690" s="613"/>
      <c r="RKM690" s="613"/>
      <c r="RKN690" s="613"/>
      <c r="RKO690" s="613"/>
      <c r="RKP690" s="613"/>
      <c r="RKQ690" s="613"/>
      <c r="RKR690" s="613"/>
      <c r="RKS690" s="613"/>
      <c r="RKT690" s="613"/>
      <c r="RKU690" s="613"/>
      <c r="RKV690" s="613"/>
      <c r="RKW690" s="613"/>
      <c r="RKX690" s="613"/>
      <c r="RKY690" s="613"/>
      <c r="RKZ690" s="613"/>
      <c r="RLA690" s="613"/>
      <c r="RLB690" s="613"/>
      <c r="RLC690" s="613"/>
      <c r="RLD690" s="613"/>
      <c r="RLE690" s="613"/>
      <c r="RLF690" s="613"/>
      <c r="RLG690" s="613"/>
      <c r="RLH690" s="613"/>
      <c r="RLI690" s="613"/>
      <c r="RLJ690" s="613"/>
      <c r="RLK690" s="613"/>
      <c r="RLL690" s="613"/>
      <c r="RLM690" s="613"/>
      <c r="RLN690" s="613"/>
      <c r="RLO690" s="613"/>
      <c r="RLP690" s="613"/>
      <c r="RLQ690" s="613"/>
      <c r="RLR690" s="613"/>
      <c r="RLS690" s="613"/>
      <c r="RLT690" s="613"/>
      <c r="RLU690" s="613"/>
      <c r="RLV690" s="613"/>
      <c r="RLW690" s="613"/>
      <c r="RLX690" s="613"/>
      <c r="RLY690" s="613"/>
      <c r="RLZ690" s="613"/>
      <c r="RMA690" s="613"/>
      <c r="RMB690" s="613"/>
      <c r="RMC690" s="613"/>
      <c r="RMD690" s="613"/>
      <c r="RME690" s="613"/>
      <c r="RMF690" s="613"/>
      <c r="RMG690" s="613"/>
      <c r="RMH690" s="613"/>
      <c r="RMI690" s="613"/>
      <c r="RMJ690" s="613"/>
      <c r="RMK690" s="613"/>
      <c r="RML690" s="613"/>
      <c r="RMM690" s="613"/>
      <c r="RMN690" s="613"/>
      <c r="RMO690" s="613"/>
      <c r="RMP690" s="613"/>
      <c r="RMQ690" s="613"/>
      <c r="RMR690" s="613"/>
      <c r="RMS690" s="613"/>
      <c r="RMT690" s="613"/>
      <c r="RMU690" s="613"/>
      <c r="RMV690" s="613"/>
      <c r="RMW690" s="613"/>
      <c r="RMX690" s="613"/>
      <c r="RMY690" s="613"/>
      <c r="RMZ690" s="613"/>
      <c r="RNA690" s="613"/>
      <c r="RNB690" s="613"/>
      <c r="RNC690" s="613"/>
      <c r="RND690" s="613"/>
      <c r="RNE690" s="613"/>
      <c r="RNF690" s="613"/>
      <c r="RNG690" s="613"/>
      <c r="RNH690" s="613"/>
      <c r="RNI690" s="613"/>
      <c r="RNJ690" s="613"/>
      <c r="RNK690" s="613"/>
      <c r="RNL690" s="613"/>
      <c r="RNM690" s="613"/>
      <c r="RNN690" s="613"/>
      <c r="RNO690" s="613"/>
      <c r="RNP690" s="613"/>
      <c r="RNQ690" s="613"/>
      <c r="RNR690" s="613"/>
      <c r="RNS690" s="613"/>
      <c r="RNT690" s="613"/>
      <c r="RNU690" s="613"/>
      <c r="RNV690" s="613"/>
      <c r="RNW690" s="613"/>
      <c r="RNX690" s="613"/>
      <c r="RNY690" s="613"/>
      <c r="RNZ690" s="613"/>
      <c r="ROA690" s="613"/>
      <c r="ROB690" s="613"/>
      <c r="ROC690" s="613"/>
      <c r="ROD690" s="613"/>
      <c r="ROE690" s="613"/>
      <c r="ROF690" s="613"/>
      <c r="ROG690" s="613"/>
      <c r="ROH690" s="613"/>
      <c r="ROI690" s="613"/>
      <c r="ROJ690" s="613"/>
      <c r="ROK690" s="613"/>
      <c r="ROL690" s="613"/>
      <c r="ROM690" s="613"/>
      <c r="RON690" s="613"/>
      <c r="ROO690" s="613"/>
      <c r="ROP690" s="613"/>
      <c r="ROQ690" s="613"/>
      <c r="ROR690" s="613"/>
      <c r="ROS690" s="613"/>
      <c r="ROT690" s="613"/>
      <c r="ROU690" s="613"/>
      <c r="ROV690" s="613"/>
      <c r="ROW690" s="613"/>
      <c r="ROX690" s="613"/>
      <c r="ROY690" s="613"/>
      <c r="ROZ690" s="613"/>
      <c r="RPA690" s="613"/>
      <c r="RPB690" s="613"/>
      <c r="RPC690" s="613"/>
      <c r="RPD690" s="613"/>
      <c r="RPE690" s="613"/>
      <c r="RPF690" s="613"/>
      <c r="RPG690" s="613"/>
      <c r="RPH690" s="613"/>
      <c r="RPI690" s="613"/>
      <c r="RPJ690" s="613"/>
      <c r="RPK690" s="613"/>
      <c r="RPL690" s="613"/>
      <c r="RPM690" s="613"/>
      <c r="RPN690" s="613"/>
      <c r="RPO690" s="613"/>
      <c r="RPP690" s="613"/>
      <c r="RPQ690" s="613"/>
      <c r="RPR690" s="613"/>
      <c r="RPS690" s="613"/>
      <c r="RPT690" s="613"/>
      <c r="RPU690" s="613"/>
      <c r="RPV690" s="613"/>
      <c r="RPW690" s="613"/>
      <c r="RPX690" s="613"/>
      <c r="RPY690" s="613"/>
      <c r="RPZ690" s="613"/>
      <c r="RQA690" s="613"/>
      <c r="RQB690" s="613"/>
      <c r="RQC690" s="613"/>
      <c r="RQD690" s="613"/>
      <c r="RQE690" s="613"/>
      <c r="RQF690" s="613"/>
      <c r="RQG690" s="613"/>
      <c r="RQH690" s="613"/>
      <c r="RQI690" s="613"/>
      <c r="RQJ690" s="613"/>
      <c r="RQK690" s="613"/>
      <c r="RQL690" s="613"/>
      <c r="RQM690" s="613"/>
      <c r="RQN690" s="613"/>
      <c r="RQO690" s="613"/>
      <c r="RQP690" s="613"/>
      <c r="RQQ690" s="613"/>
      <c r="RQR690" s="613"/>
      <c r="RQS690" s="613"/>
      <c r="RQT690" s="613"/>
      <c r="RQU690" s="613"/>
      <c r="RQV690" s="613"/>
      <c r="RQW690" s="613"/>
      <c r="RQX690" s="613"/>
      <c r="RQY690" s="613"/>
      <c r="RQZ690" s="613"/>
      <c r="RRA690" s="613"/>
      <c r="RRB690" s="613"/>
      <c r="RRC690" s="613"/>
      <c r="RRD690" s="613"/>
      <c r="RRE690" s="613"/>
      <c r="RRF690" s="613"/>
      <c r="RRG690" s="613"/>
      <c r="RRH690" s="613"/>
      <c r="RRI690" s="613"/>
      <c r="RRJ690" s="613"/>
      <c r="RRK690" s="613"/>
      <c r="RRL690" s="613"/>
      <c r="RRM690" s="613"/>
      <c r="RRN690" s="613"/>
      <c r="RRO690" s="613"/>
      <c r="RRP690" s="613"/>
      <c r="RRQ690" s="613"/>
      <c r="RRR690" s="613"/>
      <c r="RRS690" s="613"/>
      <c r="RRT690" s="613"/>
      <c r="RRU690" s="613"/>
      <c r="RRV690" s="613"/>
      <c r="RRW690" s="613"/>
      <c r="RRX690" s="613"/>
      <c r="RRY690" s="613"/>
      <c r="RRZ690" s="613"/>
      <c r="RSA690" s="613"/>
      <c r="RSB690" s="613"/>
      <c r="RSC690" s="613"/>
      <c r="RSD690" s="613"/>
      <c r="RSE690" s="613"/>
      <c r="RSF690" s="613"/>
      <c r="RSG690" s="613"/>
      <c r="RSH690" s="613"/>
      <c r="RSI690" s="613"/>
      <c r="RSJ690" s="613"/>
      <c r="RSK690" s="613"/>
      <c r="RSL690" s="613"/>
      <c r="RSM690" s="613"/>
      <c r="RSN690" s="613"/>
      <c r="RSO690" s="613"/>
      <c r="RSP690" s="613"/>
      <c r="RSQ690" s="613"/>
      <c r="RSR690" s="613"/>
      <c r="RSS690" s="613"/>
      <c r="RST690" s="613"/>
      <c r="RSU690" s="613"/>
      <c r="RSV690" s="613"/>
      <c r="RSW690" s="613"/>
      <c r="RSX690" s="613"/>
      <c r="RSY690" s="613"/>
      <c r="RSZ690" s="613"/>
      <c r="RTA690" s="613"/>
      <c r="RTB690" s="613"/>
      <c r="RTC690" s="613"/>
      <c r="RTD690" s="613"/>
      <c r="RTE690" s="613"/>
      <c r="RTF690" s="613"/>
      <c r="RTG690" s="613"/>
      <c r="RTH690" s="613"/>
      <c r="RTI690" s="613"/>
      <c r="RTJ690" s="613"/>
      <c r="RTK690" s="613"/>
      <c r="RTL690" s="613"/>
      <c r="RTM690" s="613"/>
      <c r="RTN690" s="613"/>
      <c r="RTO690" s="613"/>
      <c r="RTP690" s="613"/>
      <c r="RTQ690" s="613"/>
      <c r="RTR690" s="613"/>
      <c r="RTS690" s="613"/>
      <c r="RTT690" s="613"/>
      <c r="RTU690" s="613"/>
      <c r="RTV690" s="613"/>
      <c r="RTW690" s="613"/>
      <c r="RTX690" s="613"/>
      <c r="RTY690" s="613"/>
      <c r="RTZ690" s="613"/>
      <c r="RUA690" s="613"/>
      <c r="RUB690" s="613"/>
      <c r="RUC690" s="613"/>
      <c r="RUD690" s="613"/>
      <c r="RUE690" s="613"/>
      <c r="RUF690" s="613"/>
      <c r="RUG690" s="613"/>
      <c r="RUH690" s="613"/>
      <c r="RUI690" s="613"/>
      <c r="RUJ690" s="613"/>
      <c r="RUK690" s="613"/>
      <c r="RUL690" s="613"/>
      <c r="RUM690" s="613"/>
      <c r="RUN690" s="613"/>
      <c r="RUO690" s="613"/>
      <c r="RUP690" s="613"/>
      <c r="RUQ690" s="613"/>
      <c r="RUR690" s="613"/>
      <c r="RUS690" s="613"/>
      <c r="RUT690" s="613"/>
      <c r="RUU690" s="613"/>
      <c r="RUV690" s="613"/>
      <c r="RUW690" s="613"/>
      <c r="RUX690" s="613"/>
      <c r="RUY690" s="613"/>
      <c r="RUZ690" s="613"/>
      <c r="RVA690" s="613"/>
      <c r="RVB690" s="613"/>
      <c r="RVC690" s="613"/>
      <c r="RVD690" s="613"/>
      <c r="RVE690" s="613"/>
      <c r="RVF690" s="613"/>
      <c r="RVG690" s="613"/>
      <c r="RVH690" s="613"/>
      <c r="RVI690" s="613"/>
      <c r="RVJ690" s="613"/>
      <c r="RVK690" s="613"/>
      <c r="RVL690" s="613"/>
      <c r="RVM690" s="613"/>
      <c r="RVN690" s="613"/>
      <c r="RVO690" s="613"/>
      <c r="RVP690" s="613"/>
      <c r="RVQ690" s="613"/>
      <c r="RVR690" s="613"/>
      <c r="RVS690" s="613"/>
      <c r="RVT690" s="613"/>
      <c r="RVU690" s="613"/>
      <c r="RVV690" s="613"/>
      <c r="RVW690" s="613"/>
      <c r="RVX690" s="613"/>
      <c r="RVY690" s="613"/>
      <c r="RVZ690" s="613"/>
      <c r="RWA690" s="613"/>
      <c r="RWB690" s="613"/>
      <c r="RWC690" s="613"/>
      <c r="RWD690" s="613"/>
      <c r="RWE690" s="613"/>
      <c r="RWF690" s="613"/>
      <c r="RWG690" s="613"/>
      <c r="RWH690" s="613"/>
      <c r="RWI690" s="613"/>
      <c r="RWJ690" s="613"/>
      <c r="RWK690" s="613"/>
      <c r="RWL690" s="613"/>
      <c r="RWM690" s="613"/>
      <c r="RWN690" s="613"/>
      <c r="RWO690" s="613"/>
      <c r="RWP690" s="613"/>
      <c r="RWQ690" s="613"/>
      <c r="RWR690" s="613"/>
      <c r="RWS690" s="613"/>
      <c r="RWT690" s="613"/>
      <c r="RWU690" s="613"/>
      <c r="RWV690" s="613"/>
      <c r="RWW690" s="613"/>
      <c r="RWX690" s="613"/>
      <c r="RWY690" s="613"/>
      <c r="RWZ690" s="613"/>
      <c r="RXA690" s="613"/>
      <c r="RXB690" s="613"/>
      <c r="RXC690" s="613"/>
      <c r="RXD690" s="613"/>
      <c r="RXE690" s="613"/>
      <c r="RXF690" s="613"/>
      <c r="RXG690" s="613"/>
      <c r="RXH690" s="613"/>
      <c r="RXI690" s="613"/>
      <c r="RXJ690" s="613"/>
      <c r="RXK690" s="613"/>
      <c r="RXL690" s="613"/>
      <c r="RXM690" s="613"/>
      <c r="RXN690" s="613"/>
      <c r="RXO690" s="613"/>
      <c r="RXP690" s="613"/>
      <c r="RXQ690" s="613"/>
      <c r="RXR690" s="613"/>
      <c r="RXS690" s="613"/>
      <c r="RXT690" s="613"/>
      <c r="RXU690" s="613"/>
      <c r="RXV690" s="613"/>
      <c r="RXW690" s="613"/>
      <c r="RXX690" s="613"/>
      <c r="RXY690" s="613"/>
      <c r="RXZ690" s="613"/>
      <c r="RYA690" s="613"/>
      <c r="RYB690" s="613"/>
      <c r="RYC690" s="613"/>
      <c r="RYD690" s="613"/>
      <c r="RYE690" s="613"/>
      <c r="RYF690" s="613"/>
      <c r="RYG690" s="613"/>
      <c r="RYH690" s="613"/>
      <c r="RYI690" s="613"/>
      <c r="RYJ690" s="613"/>
      <c r="RYK690" s="613"/>
      <c r="RYL690" s="613"/>
      <c r="RYM690" s="613"/>
      <c r="RYN690" s="613"/>
      <c r="RYO690" s="613"/>
      <c r="RYP690" s="613"/>
      <c r="RYQ690" s="613"/>
      <c r="RYR690" s="613"/>
      <c r="RYS690" s="613"/>
      <c r="RYT690" s="613"/>
      <c r="RYU690" s="613"/>
      <c r="RYV690" s="613"/>
      <c r="RYW690" s="613"/>
      <c r="RYX690" s="613"/>
      <c r="RYY690" s="613"/>
      <c r="RYZ690" s="613"/>
      <c r="RZA690" s="613"/>
      <c r="RZB690" s="613"/>
      <c r="RZC690" s="613"/>
      <c r="RZD690" s="613"/>
      <c r="RZE690" s="613"/>
      <c r="RZF690" s="613"/>
      <c r="RZG690" s="613"/>
      <c r="RZH690" s="613"/>
      <c r="RZI690" s="613"/>
      <c r="RZJ690" s="613"/>
      <c r="RZK690" s="613"/>
      <c r="RZL690" s="613"/>
      <c r="RZM690" s="613"/>
      <c r="RZN690" s="613"/>
      <c r="RZO690" s="613"/>
      <c r="RZP690" s="613"/>
      <c r="RZQ690" s="613"/>
      <c r="RZR690" s="613"/>
      <c r="RZS690" s="613"/>
      <c r="RZT690" s="613"/>
      <c r="RZU690" s="613"/>
      <c r="RZV690" s="613"/>
      <c r="RZW690" s="613"/>
      <c r="RZX690" s="613"/>
      <c r="RZY690" s="613"/>
      <c r="RZZ690" s="613"/>
      <c r="SAA690" s="613"/>
      <c r="SAB690" s="613"/>
      <c r="SAC690" s="613"/>
      <c r="SAD690" s="613"/>
      <c r="SAE690" s="613"/>
      <c r="SAF690" s="613"/>
      <c r="SAG690" s="613"/>
      <c r="SAH690" s="613"/>
      <c r="SAI690" s="613"/>
      <c r="SAJ690" s="613"/>
      <c r="SAK690" s="613"/>
      <c r="SAL690" s="613"/>
      <c r="SAM690" s="613"/>
      <c r="SAN690" s="613"/>
      <c r="SAO690" s="613"/>
      <c r="SAP690" s="613"/>
      <c r="SAQ690" s="613"/>
      <c r="SAR690" s="613"/>
      <c r="SAS690" s="613"/>
      <c r="SAT690" s="613"/>
      <c r="SAU690" s="613"/>
      <c r="SAV690" s="613"/>
      <c r="SAW690" s="613"/>
      <c r="SAX690" s="613"/>
      <c r="SAY690" s="613"/>
      <c r="SAZ690" s="613"/>
      <c r="SBA690" s="613"/>
      <c r="SBB690" s="613"/>
      <c r="SBC690" s="613"/>
      <c r="SBD690" s="613"/>
      <c r="SBE690" s="613"/>
      <c r="SBF690" s="613"/>
      <c r="SBG690" s="613"/>
      <c r="SBH690" s="613"/>
      <c r="SBI690" s="613"/>
      <c r="SBJ690" s="613"/>
      <c r="SBK690" s="613"/>
      <c r="SBL690" s="613"/>
      <c r="SBM690" s="613"/>
      <c r="SBN690" s="613"/>
      <c r="SBO690" s="613"/>
      <c r="SBP690" s="613"/>
      <c r="SBQ690" s="613"/>
      <c r="SBR690" s="613"/>
      <c r="SBS690" s="613"/>
      <c r="SBT690" s="613"/>
      <c r="SBU690" s="613"/>
      <c r="SBV690" s="613"/>
      <c r="SBW690" s="613"/>
      <c r="SBX690" s="613"/>
      <c r="SBY690" s="613"/>
      <c r="SBZ690" s="613"/>
      <c r="SCA690" s="613"/>
      <c r="SCB690" s="613"/>
      <c r="SCC690" s="613"/>
      <c r="SCD690" s="613"/>
      <c r="SCE690" s="613"/>
      <c r="SCF690" s="613"/>
      <c r="SCG690" s="613"/>
      <c r="SCH690" s="613"/>
      <c r="SCI690" s="613"/>
      <c r="SCJ690" s="613"/>
      <c r="SCK690" s="613"/>
      <c r="SCL690" s="613"/>
      <c r="SCM690" s="613"/>
      <c r="SCN690" s="613"/>
      <c r="SCO690" s="613"/>
      <c r="SCP690" s="613"/>
      <c r="SCQ690" s="613"/>
      <c r="SCR690" s="613"/>
      <c r="SCS690" s="613"/>
      <c r="SCT690" s="613"/>
      <c r="SCU690" s="613"/>
      <c r="SCV690" s="613"/>
      <c r="SCW690" s="613"/>
      <c r="SCX690" s="613"/>
      <c r="SCY690" s="613"/>
      <c r="SCZ690" s="613"/>
      <c r="SDA690" s="613"/>
      <c r="SDB690" s="613"/>
      <c r="SDC690" s="613"/>
      <c r="SDD690" s="613"/>
      <c r="SDE690" s="613"/>
      <c r="SDF690" s="613"/>
      <c r="SDG690" s="613"/>
      <c r="SDH690" s="613"/>
      <c r="SDI690" s="613"/>
      <c r="SDJ690" s="613"/>
      <c r="SDK690" s="613"/>
      <c r="SDL690" s="613"/>
      <c r="SDM690" s="613"/>
      <c r="SDN690" s="613"/>
      <c r="SDO690" s="613"/>
      <c r="SDP690" s="613"/>
      <c r="SDQ690" s="613"/>
      <c r="SDR690" s="613"/>
      <c r="SDS690" s="613"/>
      <c r="SDT690" s="613"/>
      <c r="SDU690" s="613"/>
      <c r="SDV690" s="613"/>
      <c r="SDW690" s="613"/>
      <c r="SDX690" s="613"/>
      <c r="SDY690" s="613"/>
      <c r="SDZ690" s="613"/>
      <c r="SEA690" s="613"/>
      <c r="SEB690" s="613"/>
      <c r="SEC690" s="613"/>
      <c r="SED690" s="613"/>
      <c r="SEE690" s="613"/>
      <c r="SEF690" s="613"/>
      <c r="SEG690" s="613"/>
      <c r="SEH690" s="613"/>
      <c r="SEI690" s="613"/>
      <c r="SEJ690" s="613"/>
      <c r="SEK690" s="613"/>
      <c r="SEL690" s="613"/>
      <c r="SEM690" s="613"/>
      <c r="SEN690" s="613"/>
      <c r="SEO690" s="613"/>
      <c r="SEP690" s="613"/>
      <c r="SEQ690" s="613"/>
      <c r="SER690" s="613"/>
      <c r="SES690" s="613"/>
      <c r="SET690" s="613"/>
      <c r="SEU690" s="613"/>
      <c r="SEV690" s="613"/>
      <c r="SEW690" s="613"/>
      <c r="SEX690" s="613"/>
      <c r="SEY690" s="613"/>
      <c r="SEZ690" s="613"/>
      <c r="SFA690" s="613"/>
      <c r="SFB690" s="613"/>
      <c r="SFC690" s="613"/>
      <c r="SFD690" s="613"/>
      <c r="SFE690" s="613"/>
      <c r="SFF690" s="613"/>
      <c r="SFG690" s="613"/>
      <c r="SFH690" s="613"/>
      <c r="SFI690" s="613"/>
      <c r="SFJ690" s="613"/>
      <c r="SFK690" s="613"/>
      <c r="SFL690" s="613"/>
      <c r="SFM690" s="613"/>
      <c r="SFN690" s="613"/>
      <c r="SFO690" s="613"/>
      <c r="SFP690" s="613"/>
      <c r="SFQ690" s="613"/>
      <c r="SFR690" s="613"/>
      <c r="SFS690" s="613"/>
      <c r="SFT690" s="613"/>
      <c r="SFU690" s="613"/>
      <c r="SFV690" s="613"/>
      <c r="SFW690" s="613"/>
      <c r="SFX690" s="613"/>
      <c r="SFY690" s="613"/>
      <c r="SFZ690" s="613"/>
      <c r="SGA690" s="613"/>
      <c r="SGB690" s="613"/>
      <c r="SGC690" s="613"/>
      <c r="SGD690" s="613"/>
      <c r="SGE690" s="613"/>
      <c r="SGF690" s="613"/>
      <c r="SGG690" s="613"/>
      <c r="SGH690" s="613"/>
      <c r="SGI690" s="613"/>
      <c r="SGJ690" s="613"/>
      <c r="SGK690" s="613"/>
      <c r="SGL690" s="613"/>
      <c r="SGM690" s="613"/>
      <c r="SGN690" s="613"/>
      <c r="SGO690" s="613"/>
      <c r="SGP690" s="613"/>
      <c r="SGQ690" s="613"/>
      <c r="SGR690" s="613"/>
      <c r="SGS690" s="613"/>
      <c r="SGT690" s="613"/>
      <c r="SGU690" s="613"/>
      <c r="SGV690" s="613"/>
      <c r="SGW690" s="613"/>
      <c r="SGX690" s="613"/>
      <c r="SGY690" s="613"/>
      <c r="SGZ690" s="613"/>
      <c r="SHA690" s="613"/>
      <c r="SHB690" s="613"/>
      <c r="SHC690" s="613"/>
      <c r="SHD690" s="613"/>
      <c r="SHE690" s="613"/>
      <c r="SHF690" s="613"/>
      <c r="SHG690" s="613"/>
      <c r="SHH690" s="613"/>
      <c r="SHI690" s="613"/>
      <c r="SHJ690" s="613"/>
      <c r="SHK690" s="613"/>
      <c r="SHL690" s="613"/>
      <c r="SHM690" s="613"/>
      <c r="SHN690" s="613"/>
      <c r="SHO690" s="613"/>
      <c r="SHP690" s="613"/>
      <c r="SHQ690" s="613"/>
      <c r="SHR690" s="613"/>
      <c r="SHS690" s="613"/>
      <c r="SHT690" s="613"/>
      <c r="SHU690" s="613"/>
      <c r="SHV690" s="613"/>
      <c r="SHW690" s="613"/>
      <c r="SHX690" s="613"/>
      <c r="SHY690" s="613"/>
      <c r="SHZ690" s="613"/>
      <c r="SIA690" s="613"/>
      <c r="SIB690" s="613"/>
      <c r="SIC690" s="613"/>
      <c r="SID690" s="613"/>
      <c r="SIE690" s="613"/>
      <c r="SIF690" s="613"/>
      <c r="SIG690" s="613"/>
      <c r="SIH690" s="613"/>
      <c r="SII690" s="613"/>
      <c r="SIJ690" s="613"/>
      <c r="SIK690" s="613"/>
      <c r="SIL690" s="613"/>
      <c r="SIM690" s="613"/>
      <c r="SIN690" s="613"/>
      <c r="SIO690" s="613"/>
      <c r="SIP690" s="613"/>
      <c r="SIQ690" s="613"/>
      <c r="SIR690" s="613"/>
      <c r="SIS690" s="613"/>
      <c r="SIT690" s="613"/>
      <c r="SIU690" s="613"/>
      <c r="SIV690" s="613"/>
      <c r="SIW690" s="613"/>
      <c r="SIX690" s="613"/>
      <c r="SIY690" s="613"/>
      <c r="SIZ690" s="613"/>
      <c r="SJA690" s="613"/>
      <c r="SJB690" s="613"/>
      <c r="SJC690" s="613"/>
      <c r="SJD690" s="613"/>
      <c r="SJE690" s="613"/>
      <c r="SJF690" s="613"/>
      <c r="SJG690" s="613"/>
      <c r="SJH690" s="613"/>
      <c r="SJI690" s="613"/>
      <c r="SJJ690" s="613"/>
      <c r="SJK690" s="613"/>
      <c r="SJL690" s="613"/>
      <c r="SJM690" s="613"/>
      <c r="SJN690" s="613"/>
      <c r="SJO690" s="613"/>
      <c r="SJP690" s="613"/>
      <c r="SJQ690" s="613"/>
      <c r="SJR690" s="613"/>
      <c r="SJS690" s="613"/>
      <c r="SJT690" s="613"/>
      <c r="SJU690" s="613"/>
      <c r="SJV690" s="613"/>
      <c r="SJW690" s="613"/>
      <c r="SJX690" s="613"/>
      <c r="SJY690" s="613"/>
      <c r="SJZ690" s="613"/>
      <c r="SKA690" s="613"/>
      <c r="SKB690" s="613"/>
      <c r="SKC690" s="613"/>
      <c r="SKD690" s="613"/>
      <c r="SKE690" s="613"/>
      <c r="SKF690" s="613"/>
      <c r="SKG690" s="613"/>
      <c r="SKH690" s="613"/>
      <c r="SKI690" s="613"/>
      <c r="SKJ690" s="613"/>
      <c r="SKK690" s="613"/>
      <c r="SKL690" s="613"/>
      <c r="SKM690" s="613"/>
      <c r="SKN690" s="613"/>
      <c r="SKO690" s="613"/>
      <c r="SKP690" s="613"/>
      <c r="SKQ690" s="613"/>
      <c r="SKR690" s="613"/>
      <c r="SKS690" s="613"/>
      <c r="SKT690" s="613"/>
      <c r="SKU690" s="613"/>
      <c r="SKV690" s="613"/>
      <c r="SKW690" s="613"/>
      <c r="SKX690" s="613"/>
      <c r="SKY690" s="613"/>
      <c r="SKZ690" s="613"/>
      <c r="SLA690" s="613"/>
      <c r="SLB690" s="613"/>
      <c r="SLC690" s="613"/>
      <c r="SLD690" s="613"/>
      <c r="SLE690" s="613"/>
      <c r="SLF690" s="613"/>
      <c r="SLG690" s="613"/>
      <c r="SLH690" s="613"/>
      <c r="SLI690" s="613"/>
      <c r="SLJ690" s="613"/>
      <c r="SLK690" s="613"/>
      <c r="SLL690" s="613"/>
      <c r="SLM690" s="613"/>
      <c r="SLN690" s="613"/>
      <c r="SLO690" s="613"/>
      <c r="SLP690" s="613"/>
      <c r="SLQ690" s="613"/>
      <c r="SLR690" s="613"/>
      <c r="SLS690" s="613"/>
      <c r="SLT690" s="613"/>
      <c r="SLU690" s="613"/>
      <c r="SLV690" s="613"/>
      <c r="SLW690" s="613"/>
      <c r="SLX690" s="613"/>
      <c r="SLY690" s="613"/>
      <c r="SLZ690" s="613"/>
      <c r="SMA690" s="613"/>
      <c r="SMB690" s="613"/>
      <c r="SMC690" s="613"/>
      <c r="SMD690" s="613"/>
      <c r="SME690" s="613"/>
      <c r="SMF690" s="613"/>
      <c r="SMG690" s="613"/>
      <c r="SMH690" s="613"/>
      <c r="SMI690" s="613"/>
      <c r="SMJ690" s="613"/>
      <c r="SMK690" s="613"/>
      <c r="SML690" s="613"/>
      <c r="SMM690" s="613"/>
      <c r="SMN690" s="613"/>
      <c r="SMO690" s="613"/>
      <c r="SMP690" s="613"/>
      <c r="SMQ690" s="613"/>
      <c r="SMR690" s="613"/>
      <c r="SMS690" s="613"/>
      <c r="SMT690" s="613"/>
      <c r="SMU690" s="613"/>
      <c r="SMV690" s="613"/>
      <c r="SMW690" s="613"/>
      <c r="SMX690" s="613"/>
      <c r="SMY690" s="613"/>
      <c r="SMZ690" s="613"/>
      <c r="SNA690" s="613"/>
      <c r="SNB690" s="613"/>
      <c r="SNC690" s="613"/>
      <c r="SND690" s="613"/>
      <c r="SNE690" s="613"/>
      <c r="SNF690" s="613"/>
      <c r="SNG690" s="613"/>
      <c r="SNH690" s="613"/>
      <c r="SNI690" s="613"/>
      <c r="SNJ690" s="613"/>
      <c r="SNK690" s="613"/>
      <c r="SNL690" s="613"/>
      <c r="SNM690" s="613"/>
      <c r="SNN690" s="613"/>
      <c r="SNO690" s="613"/>
      <c r="SNP690" s="613"/>
      <c r="SNQ690" s="613"/>
      <c r="SNR690" s="613"/>
      <c r="SNS690" s="613"/>
      <c r="SNT690" s="613"/>
      <c r="SNU690" s="613"/>
      <c r="SNV690" s="613"/>
      <c r="SNW690" s="613"/>
      <c r="SNX690" s="613"/>
      <c r="SNY690" s="613"/>
      <c r="SNZ690" s="613"/>
      <c r="SOA690" s="613"/>
      <c r="SOB690" s="613"/>
      <c r="SOC690" s="613"/>
      <c r="SOD690" s="613"/>
      <c r="SOE690" s="613"/>
      <c r="SOF690" s="613"/>
      <c r="SOG690" s="613"/>
      <c r="SOH690" s="613"/>
      <c r="SOI690" s="613"/>
      <c r="SOJ690" s="613"/>
      <c r="SOK690" s="613"/>
      <c r="SOL690" s="613"/>
      <c r="SOM690" s="613"/>
      <c r="SON690" s="613"/>
      <c r="SOO690" s="613"/>
      <c r="SOP690" s="613"/>
      <c r="SOQ690" s="613"/>
      <c r="SOR690" s="613"/>
      <c r="SOS690" s="613"/>
      <c r="SOT690" s="613"/>
      <c r="SOU690" s="613"/>
      <c r="SOV690" s="613"/>
      <c r="SOW690" s="613"/>
      <c r="SOX690" s="613"/>
      <c r="SOY690" s="613"/>
      <c r="SOZ690" s="613"/>
      <c r="SPA690" s="613"/>
      <c r="SPB690" s="613"/>
      <c r="SPC690" s="613"/>
      <c r="SPD690" s="613"/>
      <c r="SPE690" s="613"/>
      <c r="SPF690" s="613"/>
      <c r="SPG690" s="613"/>
      <c r="SPH690" s="613"/>
      <c r="SPI690" s="613"/>
      <c r="SPJ690" s="613"/>
      <c r="SPK690" s="613"/>
      <c r="SPL690" s="613"/>
      <c r="SPM690" s="613"/>
      <c r="SPN690" s="613"/>
      <c r="SPO690" s="613"/>
      <c r="SPP690" s="613"/>
      <c r="SPQ690" s="613"/>
      <c r="SPR690" s="613"/>
      <c r="SPS690" s="613"/>
      <c r="SPT690" s="613"/>
      <c r="SPU690" s="613"/>
      <c r="SPV690" s="613"/>
      <c r="SPW690" s="613"/>
      <c r="SPX690" s="613"/>
      <c r="SPY690" s="613"/>
      <c r="SPZ690" s="613"/>
      <c r="SQA690" s="613"/>
      <c r="SQB690" s="613"/>
      <c r="SQC690" s="613"/>
      <c r="SQD690" s="613"/>
      <c r="SQE690" s="613"/>
      <c r="SQF690" s="613"/>
      <c r="SQG690" s="613"/>
      <c r="SQH690" s="613"/>
      <c r="SQI690" s="613"/>
      <c r="SQJ690" s="613"/>
      <c r="SQK690" s="613"/>
      <c r="SQL690" s="613"/>
      <c r="SQM690" s="613"/>
      <c r="SQN690" s="613"/>
      <c r="SQO690" s="613"/>
      <c r="SQP690" s="613"/>
      <c r="SQQ690" s="613"/>
      <c r="SQR690" s="613"/>
      <c r="SQS690" s="613"/>
      <c r="SQT690" s="613"/>
      <c r="SQU690" s="613"/>
      <c r="SQV690" s="613"/>
      <c r="SQW690" s="613"/>
      <c r="SQX690" s="613"/>
      <c r="SQY690" s="613"/>
      <c r="SQZ690" s="613"/>
      <c r="SRA690" s="613"/>
      <c r="SRB690" s="613"/>
      <c r="SRC690" s="613"/>
      <c r="SRD690" s="613"/>
      <c r="SRE690" s="613"/>
      <c r="SRF690" s="613"/>
      <c r="SRG690" s="613"/>
      <c r="SRH690" s="613"/>
      <c r="SRI690" s="613"/>
      <c r="SRJ690" s="613"/>
      <c r="SRK690" s="613"/>
      <c r="SRL690" s="613"/>
      <c r="SRM690" s="613"/>
      <c r="SRN690" s="613"/>
      <c r="SRO690" s="613"/>
      <c r="SRP690" s="613"/>
      <c r="SRQ690" s="613"/>
      <c r="SRR690" s="613"/>
      <c r="SRS690" s="613"/>
      <c r="SRT690" s="613"/>
      <c r="SRU690" s="613"/>
      <c r="SRV690" s="613"/>
      <c r="SRW690" s="613"/>
      <c r="SRX690" s="613"/>
      <c r="SRY690" s="613"/>
      <c r="SRZ690" s="613"/>
      <c r="SSA690" s="613"/>
      <c r="SSB690" s="613"/>
      <c r="SSC690" s="613"/>
      <c r="SSD690" s="613"/>
      <c r="SSE690" s="613"/>
      <c r="SSF690" s="613"/>
      <c r="SSG690" s="613"/>
      <c r="SSH690" s="613"/>
      <c r="SSI690" s="613"/>
      <c r="SSJ690" s="613"/>
      <c r="SSK690" s="613"/>
      <c r="SSL690" s="613"/>
      <c r="SSM690" s="613"/>
      <c r="SSN690" s="613"/>
      <c r="SSO690" s="613"/>
      <c r="SSP690" s="613"/>
      <c r="SSQ690" s="613"/>
      <c r="SSR690" s="613"/>
      <c r="SSS690" s="613"/>
      <c r="SST690" s="613"/>
      <c r="SSU690" s="613"/>
      <c r="SSV690" s="613"/>
      <c r="SSW690" s="613"/>
      <c r="SSX690" s="613"/>
      <c r="SSY690" s="613"/>
      <c r="SSZ690" s="613"/>
      <c r="STA690" s="613"/>
      <c r="STB690" s="613"/>
      <c r="STC690" s="613"/>
      <c r="STD690" s="613"/>
      <c r="STE690" s="613"/>
      <c r="STF690" s="613"/>
      <c r="STG690" s="613"/>
      <c r="STH690" s="613"/>
      <c r="STI690" s="613"/>
      <c r="STJ690" s="613"/>
      <c r="STK690" s="613"/>
      <c r="STL690" s="613"/>
      <c r="STM690" s="613"/>
      <c r="STN690" s="613"/>
      <c r="STO690" s="613"/>
      <c r="STP690" s="613"/>
      <c r="STQ690" s="613"/>
      <c r="STR690" s="613"/>
      <c r="STS690" s="613"/>
      <c r="STT690" s="613"/>
      <c r="STU690" s="613"/>
      <c r="STV690" s="613"/>
      <c r="STW690" s="613"/>
      <c r="STX690" s="613"/>
      <c r="STY690" s="613"/>
      <c r="STZ690" s="613"/>
      <c r="SUA690" s="613"/>
      <c r="SUB690" s="613"/>
      <c r="SUC690" s="613"/>
      <c r="SUD690" s="613"/>
      <c r="SUE690" s="613"/>
      <c r="SUF690" s="613"/>
      <c r="SUG690" s="613"/>
      <c r="SUH690" s="613"/>
      <c r="SUI690" s="613"/>
      <c r="SUJ690" s="613"/>
      <c r="SUK690" s="613"/>
      <c r="SUL690" s="613"/>
      <c r="SUM690" s="613"/>
      <c r="SUN690" s="613"/>
      <c r="SUO690" s="613"/>
      <c r="SUP690" s="613"/>
      <c r="SUQ690" s="613"/>
      <c r="SUR690" s="613"/>
      <c r="SUS690" s="613"/>
      <c r="SUT690" s="613"/>
      <c r="SUU690" s="613"/>
      <c r="SUV690" s="613"/>
      <c r="SUW690" s="613"/>
      <c r="SUX690" s="613"/>
      <c r="SUY690" s="613"/>
      <c r="SUZ690" s="613"/>
      <c r="SVA690" s="613"/>
      <c r="SVB690" s="613"/>
      <c r="SVC690" s="613"/>
      <c r="SVD690" s="613"/>
      <c r="SVE690" s="613"/>
      <c r="SVF690" s="613"/>
      <c r="SVG690" s="613"/>
      <c r="SVH690" s="613"/>
      <c r="SVI690" s="613"/>
      <c r="SVJ690" s="613"/>
      <c r="SVK690" s="613"/>
      <c r="SVL690" s="613"/>
      <c r="SVM690" s="613"/>
      <c r="SVN690" s="613"/>
      <c r="SVO690" s="613"/>
      <c r="SVP690" s="613"/>
      <c r="SVQ690" s="613"/>
      <c r="SVR690" s="613"/>
      <c r="SVS690" s="613"/>
      <c r="SVT690" s="613"/>
      <c r="SVU690" s="613"/>
      <c r="SVV690" s="613"/>
      <c r="SVW690" s="613"/>
      <c r="SVX690" s="613"/>
      <c r="SVY690" s="613"/>
      <c r="SVZ690" s="613"/>
      <c r="SWA690" s="613"/>
      <c r="SWB690" s="613"/>
      <c r="SWC690" s="613"/>
      <c r="SWD690" s="613"/>
      <c r="SWE690" s="613"/>
      <c r="SWF690" s="613"/>
      <c r="SWG690" s="613"/>
      <c r="SWH690" s="613"/>
      <c r="SWI690" s="613"/>
      <c r="SWJ690" s="613"/>
      <c r="SWK690" s="613"/>
      <c r="SWL690" s="613"/>
      <c r="SWM690" s="613"/>
      <c r="SWN690" s="613"/>
      <c r="SWO690" s="613"/>
      <c r="SWP690" s="613"/>
      <c r="SWQ690" s="613"/>
      <c r="SWR690" s="613"/>
      <c r="SWS690" s="613"/>
      <c r="SWT690" s="613"/>
      <c r="SWU690" s="613"/>
      <c r="SWV690" s="613"/>
      <c r="SWW690" s="613"/>
      <c r="SWX690" s="613"/>
      <c r="SWY690" s="613"/>
      <c r="SWZ690" s="613"/>
      <c r="SXA690" s="613"/>
      <c r="SXB690" s="613"/>
      <c r="SXC690" s="613"/>
      <c r="SXD690" s="613"/>
      <c r="SXE690" s="613"/>
      <c r="SXF690" s="613"/>
      <c r="SXG690" s="613"/>
      <c r="SXH690" s="613"/>
      <c r="SXI690" s="613"/>
      <c r="SXJ690" s="613"/>
      <c r="SXK690" s="613"/>
      <c r="SXL690" s="613"/>
      <c r="SXM690" s="613"/>
      <c r="SXN690" s="613"/>
      <c r="SXO690" s="613"/>
      <c r="SXP690" s="613"/>
      <c r="SXQ690" s="613"/>
      <c r="SXR690" s="613"/>
      <c r="SXS690" s="613"/>
      <c r="SXT690" s="613"/>
      <c r="SXU690" s="613"/>
      <c r="SXV690" s="613"/>
      <c r="SXW690" s="613"/>
      <c r="SXX690" s="613"/>
      <c r="SXY690" s="613"/>
      <c r="SXZ690" s="613"/>
      <c r="SYA690" s="613"/>
      <c r="SYB690" s="613"/>
      <c r="SYC690" s="613"/>
      <c r="SYD690" s="613"/>
      <c r="SYE690" s="613"/>
      <c r="SYF690" s="613"/>
      <c r="SYG690" s="613"/>
      <c r="SYH690" s="613"/>
      <c r="SYI690" s="613"/>
      <c r="SYJ690" s="613"/>
      <c r="SYK690" s="613"/>
      <c r="SYL690" s="613"/>
      <c r="SYM690" s="613"/>
      <c r="SYN690" s="613"/>
      <c r="SYO690" s="613"/>
      <c r="SYP690" s="613"/>
      <c r="SYQ690" s="613"/>
      <c r="SYR690" s="613"/>
      <c r="SYS690" s="613"/>
      <c r="SYT690" s="613"/>
      <c r="SYU690" s="613"/>
      <c r="SYV690" s="613"/>
      <c r="SYW690" s="613"/>
      <c r="SYX690" s="613"/>
      <c r="SYY690" s="613"/>
      <c r="SYZ690" s="613"/>
      <c r="SZA690" s="613"/>
      <c r="SZB690" s="613"/>
      <c r="SZC690" s="613"/>
      <c r="SZD690" s="613"/>
      <c r="SZE690" s="613"/>
      <c r="SZF690" s="613"/>
      <c r="SZG690" s="613"/>
      <c r="SZH690" s="613"/>
      <c r="SZI690" s="613"/>
      <c r="SZJ690" s="613"/>
      <c r="SZK690" s="613"/>
      <c r="SZL690" s="613"/>
      <c r="SZM690" s="613"/>
      <c r="SZN690" s="613"/>
      <c r="SZO690" s="613"/>
      <c r="SZP690" s="613"/>
      <c r="SZQ690" s="613"/>
      <c r="SZR690" s="613"/>
      <c r="SZS690" s="613"/>
      <c r="SZT690" s="613"/>
      <c r="SZU690" s="613"/>
      <c r="SZV690" s="613"/>
      <c r="SZW690" s="613"/>
      <c r="SZX690" s="613"/>
      <c r="SZY690" s="613"/>
      <c r="SZZ690" s="613"/>
      <c r="TAA690" s="613"/>
      <c r="TAB690" s="613"/>
      <c r="TAC690" s="613"/>
      <c r="TAD690" s="613"/>
      <c r="TAE690" s="613"/>
      <c r="TAF690" s="613"/>
      <c r="TAG690" s="613"/>
      <c r="TAH690" s="613"/>
      <c r="TAI690" s="613"/>
      <c r="TAJ690" s="613"/>
      <c r="TAK690" s="613"/>
      <c r="TAL690" s="613"/>
      <c r="TAM690" s="613"/>
      <c r="TAN690" s="613"/>
      <c r="TAO690" s="613"/>
      <c r="TAP690" s="613"/>
      <c r="TAQ690" s="613"/>
      <c r="TAR690" s="613"/>
      <c r="TAS690" s="613"/>
      <c r="TAT690" s="613"/>
      <c r="TAU690" s="613"/>
      <c r="TAV690" s="613"/>
      <c r="TAW690" s="613"/>
      <c r="TAX690" s="613"/>
      <c r="TAY690" s="613"/>
      <c r="TAZ690" s="613"/>
      <c r="TBA690" s="613"/>
      <c r="TBB690" s="613"/>
      <c r="TBC690" s="613"/>
      <c r="TBD690" s="613"/>
      <c r="TBE690" s="613"/>
      <c r="TBF690" s="613"/>
      <c r="TBG690" s="613"/>
      <c r="TBH690" s="613"/>
      <c r="TBI690" s="613"/>
      <c r="TBJ690" s="613"/>
      <c r="TBK690" s="613"/>
      <c r="TBL690" s="613"/>
      <c r="TBM690" s="613"/>
      <c r="TBN690" s="613"/>
      <c r="TBO690" s="613"/>
      <c r="TBP690" s="613"/>
      <c r="TBQ690" s="613"/>
      <c r="TBR690" s="613"/>
      <c r="TBS690" s="613"/>
      <c r="TBT690" s="613"/>
      <c r="TBU690" s="613"/>
      <c r="TBV690" s="613"/>
      <c r="TBW690" s="613"/>
      <c r="TBX690" s="613"/>
      <c r="TBY690" s="613"/>
      <c r="TBZ690" s="613"/>
      <c r="TCA690" s="613"/>
      <c r="TCB690" s="613"/>
      <c r="TCC690" s="613"/>
      <c r="TCD690" s="613"/>
      <c r="TCE690" s="613"/>
      <c r="TCF690" s="613"/>
      <c r="TCG690" s="613"/>
      <c r="TCH690" s="613"/>
      <c r="TCI690" s="613"/>
      <c r="TCJ690" s="613"/>
      <c r="TCK690" s="613"/>
      <c r="TCL690" s="613"/>
      <c r="TCM690" s="613"/>
      <c r="TCN690" s="613"/>
      <c r="TCO690" s="613"/>
      <c r="TCP690" s="613"/>
      <c r="TCQ690" s="613"/>
      <c r="TCR690" s="613"/>
      <c r="TCS690" s="613"/>
      <c r="TCT690" s="613"/>
      <c r="TCU690" s="613"/>
      <c r="TCV690" s="613"/>
      <c r="TCW690" s="613"/>
      <c r="TCX690" s="613"/>
      <c r="TCY690" s="613"/>
      <c r="TCZ690" s="613"/>
      <c r="TDA690" s="613"/>
      <c r="TDB690" s="613"/>
      <c r="TDC690" s="613"/>
      <c r="TDD690" s="613"/>
      <c r="TDE690" s="613"/>
      <c r="TDF690" s="613"/>
      <c r="TDG690" s="613"/>
      <c r="TDH690" s="613"/>
      <c r="TDI690" s="613"/>
      <c r="TDJ690" s="613"/>
      <c r="TDK690" s="613"/>
      <c r="TDL690" s="613"/>
      <c r="TDM690" s="613"/>
      <c r="TDN690" s="613"/>
      <c r="TDO690" s="613"/>
      <c r="TDP690" s="613"/>
      <c r="TDQ690" s="613"/>
      <c r="TDR690" s="613"/>
      <c r="TDS690" s="613"/>
      <c r="TDT690" s="613"/>
      <c r="TDU690" s="613"/>
      <c r="TDV690" s="613"/>
      <c r="TDW690" s="613"/>
      <c r="TDX690" s="613"/>
      <c r="TDY690" s="613"/>
      <c r="TDZ690" s="613"/>
      <c r="TEA690" s="613"/>
      <c r="TEB690" s="613"/>
      <c r="TEC690" s="613"/>
      <c r="TED690" s="613"/>
      <c r="TEE690" s="613"/>
      <c r="TEF690" s="613"/>
      <c r="TEG690" s="613"/>
      <c r="TEH690" s="613"/>
      <c r="TEI690" s="613"/>
      <c r="TEJ690" s="613"/>
      <c r="TEK690" s="613"/>
      <c r="TEL690" s="613"/>
      <c r="TEM690" s="613"/>
      <c r="TEN690" s="613"/>
      <c r="TEO690" s="613"/>
      <c r="TEP690" s="613"/>
      <c r="TEQ690" s="613"/>
      <c r="TER690" s="613"/>
      <c r="TES690" s="613"/>
      <c r="TET690" s="613"/>
      <c r="TEU690" s="613"/>
      <c r="TEV690" s="613"/>
      <c r="TEW690" s="613"/>
      <c r="TEX690" s="613"/>
      <c r="TEY690" s="613"/>
      <c r="TEZ690" s="613"/>
      <c r="TFA690" s="613"/>
      <c r="TFB690" s="613"/>
      <c r="TFC690" s="613"/>
      <c r="TFD690" s="613"/>
      <c r="TFE690" s="613"/>
      <c r="TFF690" s="613"/>
      <c r="TFG690" s="613"/>
      <c r="TFH690" s="613"/>
      <c r="TFI690" s="613"/>
      <c r="TFJ690" s="613"/>
      <c r="TFK690" s="613"/>
      <c r="TFL690" s="613"/>
      <c r="TFM690" s="613"/>
      <c r="TFN690" s="613"/>
      <c r="TFO690" s="613"/>
      <c r="TFP690" s="613"/>
      <c r="TFQ690" s="613"/>
      <c r="TFR690" s="613"/>
      <c r="TFS690" s="613"/>
      <c r="TFT690" s="613"/>
      <c r="TFU690" s="613"/>
      <c r="TFV690" s="613"/>
      <c r="TFW690" s="613"/>
      <c r="TFX690" s="613"/>
      <c r="TFY690" s="613"/>
      <c r="TFZ690" s="613"/>
      <c r="TGA690" s="613"/>
      <c r="TGB690" s="613"/>
      <c r="TGC690" s="613"/>
      <c r="TGD690" s="613"/>
      <c r="TGE690" s="613"/>
      <c r="TGF690" s="613"/>
      <c r="TGG690" s="613"/>
      <c r="TGH690" s="613"/>
      <c r="TGI690" s="613"/>
      <c r="TGJ690" s="613"/>
      <c r="TGK690" s="613"/>
      <c r="TGL690" s="613"/>
      <c r="TGM690" s="613"/>
      <c r="TGN690" s="613"/>
      <c r="TGO690" s="613"/>
      <c r="TGP690" s="613"/>
      <c r="TGQ690" s="613"/>
      <c r="TGR690" s="613"/>
      <c r="TGS690" s="613"/>
      <c r="TGT690" s="613"/>
      <c r="TGU690" s="613"/>
      <c r="TGV690" s="613"/>
      <c r="TGW690" s="613"/>
      <c r="TGX690" s="613"/>
      <c r="TGY690" s="613"/>
      <c r="TGZ690" s="613"/>
      <c r="THA690" s="613"/>
      <c r="THB690" s="613"/>
      <c r="THC690" s="613"/>
      <c r="THD690" s="613"/>
      <c r="THE690" s="613"/>
      <c r="THF690" s="613"/>
      <c r="THG690" s="613"/>
      <c r="THH690" s="613"/>
      <c r="THI690" s="613"/>
      <c r="THJ690" s="613"/>
      <c r="THK690" s="613"/>
      <c r="THL690" s="613"/>
      <c r="THM690" s="613"/>
      <c r="THN690" s="613"/>
      <c r="THO690" s="613"/>
      <c r="THP690" s="613"/>
      <c r="THQ690" s="613"/>
      <c r="THR690" s="613"/>
      <c r="THS690" s="613"/>
      <c r="THT690" s="613"/>
      <c r="THU690" s="613"/>
      <c r="THV690" s="613"/>
      <c r="THW690" s="613"/>
      <c r="THX690" s="613"/>
      <c r="THY690" s="613"/>
      <c r="THZ690" s="613"/>
      <c r="TIA690" s="613"/>
      <c r="TIB690" s="613"/>
      <c r="TIC690" s="613"/>
      <c r="TID690" s="613"/>
      <c r="TIE690" s="613"/>
      <c r="TIF690" s="613"/>
      <c r="TIG690" s="613"/>
      <c r="TIH690" s="613"/>
      <c r="TII690" s="613"/>
      <c r="TIJ690" s="613"/>
      <c r="TIK690" s="613"/>
      <c r="TIL690" s="613"/>
      <c r="TIM690" s="613"/>
      <c r="TIN690" s="613"/>
      <c r="TIO690" s="613"/>
      <c r="TIP690" s="613"/>
      <c r="TIQ690" s="613"/>
      <c r="TIR690" s="613"/>
      <c r="TIS690" s="613"/>
      <c r="TIT690" s="613"/>
      <c r="TIU690" s="613"/>
      <c r="TIV690" s="613"/>
      <c r="TIW690" s="613"/>
      <c r="TIX690" s="613"/>
      <c r="TIY690" s="613"/>
      <c r="TIZ690" s="613"/>
      <c r="TJA690" s="613"/>
      <c r="TJB690" s="613"/>
      <c r="TJC690" s="613"/>
      <c r="TJD690" s="613"/>
      <c r="TJE690" s="613"/>
      <c r="TJF690" s="613"/>
      <c r="TJG690" s="613"/>
      <c r="TJH690" s="613"/>
      <c r="TJI690" s="613"/>
      <c r="TJJ690" s="613"/>
      <c r="TJK690" s="613"/>
      <c r="TJL690" s="613"/>
      <c r="TJM690" s="613"/>
      <c r="TJN690" s="613"/>
      <c r="TJO690" s="613"/>
      <c r="TJP690" s="613"/>
      <c r="TJQ690" s="613"/>
      <c r="TJR690" s="613"/>
      <c r="TJS690" s="613"/>
      <c r="TJT690" s="613"/>
      <c r="TJU690" s="613"/>
      <c r="TJV690" s="613"/>
      <c r="TJW690" s="613"/>
      <c r="TJX690" s="613"/>
      <c r="TJY690" s="613"/>
      <c r="TJZ690" s="613"/>
      <c r="TKA690" s="613"/>
      <c r="TKB690" s="613"/>
      <c r="TKC690" s="613"/>
      <c r="TKD690" s="613"/>
      <c r="TKE690" s="613"/>
      <c r="TKF690" s="613"/>
      <c r="TKG690" s="613"/>
      <c r="TKH690" s="613"/>
      <c r="TKI690" s="613"/>
      <c r="TKJ690" s="613"/>
      <c r="TKK690" s="613"/>
      <c r="TKL690" s="613"/>
      <c r="TKM690" s="613"/>
      <c r="TKN690" s="613"/>
      <c r="TKO690" s="613"/>
      <c r="TKP690" s="613"/>
      <c r="TKQ690" s="613"/>
      <c r="TKR690" s="613"/>
      <c r="TKS690" s="613"/>
      <c r="TKT690" s="613"/>
      <c r="TKU690" s="613"/>
      <c r="TKV690" s="613"/>
      <c r="TKW690" s="613"/>
      <c r="TKX690" s="613"/>
      <c r="TKY690" s="613"/>
      <c r="TKZ690" s="613"/>
      <c r="TLA690" s="613"/>
      <c r="TLB690" s="613"/>
      <c r="TLC690" s="613"/>
      <c r="TLD690" s="613"/>
      <c r="TLE690" s="613"/>
      <c r="TLF690" s="613"/>
      <c r="TLG690" s="613"/>
      <c r="TLH690" s="613"/>
      <c r="TLI690" s="613"/>
      <c r="TLJ690" s="613"/>
      <c r="TLK690" s="613"/>
      <c r="TLL690" s="613"/>
      <c r="TLM690" s="613"/>
      <c r="TLN690" s="613"/>
      <c r="TLO690" s="613"/>
      <c r="TLP690" s="613"/>
      <c r="TLQ690" s="613"/>
      <c r="TLR690" s="613"/>
      <c r="TLS690" s="613"/>
      <c r="TLT690" s="613"/>
      <c r="TLU690" s="613"/>
      <c r="TLV690" s="613"/>
      <c r="TLW690" s="613"/>
      <c r="TLX690" s="613"/>
      <c r="TLY690" s="613"/>
      <c r="TLZ690" s="613"/>
      <c r="TMA690" s="613"/>
      <c r="TMB690" s="613"/>
      <c r="TMC690" s="613"/>
      <c r="TMD690" s="613"/>
      <c r="TME690" s="613"/>
      <c r="TMF690" s="613"/>
      <c r="TMG690" s="613"/>
      <c r="TMH690" s="613"/>
      <c r="TMI690" s="613"/>
      <c r="TMJ690" s="613"/>
      <c r="TMK690" s="613"/>
      <c r="TML690" s="613"/>
      <c r="TMM690" s="613"/>
      <c r="TMN690" s="613"/>
      <c r="TMO690" s="613"/>
      <c r="TMP690" s="613"/>
      <c r="TMQ690" s="613"/>
      <c r="TMR690" s="613"/>
      <c r="TMS690" s="613"/>
      <c r="TMT690" s="613"/>
      <c r="TMU690" s="613"/>
      <c r="TMV690" s="613"/>
      <c r="TMW690" s="613"/>
      <c r="TMX690" s="613"/>
      <c r="TMY690" s="613"/>
      <c r="TMZ690" s="613"/>
      <c r="TNA690" s="613"/>
      <c r="TNB690" s="613"/>
      <c r="TNC690" s="613"/>
      <c r="TND690" s="613"/>
      <c r="TNE690" s="613"/>
      <c r="TNF690" s="613"/>
      <c r="TNG690" s="613"/>
      <c r="TNH690" s="613"/>
      <c r="TNI690" s="613"/>
      <c r="TNJ690" s="613"/>
      <c r="TNK690" s="613"/>
      <c r="TNL690" s="613"/>
      <c r="TNM690" s="613"/>
      <c r="TNN690" s="613"/>
      <c r="TNO690" s="613"/>
      <c r="TNP690" s="613"/>
      <c r="TNQ690" s="613"/>
      <c r="TNR690" s="613"/>
      <c r="TNS690" s="613"/>
      <c r="TNT690" s="613"/>
      <c r="TNU690" s="613"/>
      <c r="TNV690" s="613"/>
      <c r="TNW690" s="613"/>
      <c r="TNX690" s="613"/>
      <c r="TNY690" s="613"/>
      <c r="TNZ690" s="613"/>
      <c r="TOA690" s="613"/>
      <c r="TOB690" s="613"/>
      <c r="TOC690" s="613"/>
      <c r="TOD690" s="613"/>
      <c r="TOE690" s="613"/>
      <c r="TOF690" s="613"/>
      <c r="TOG690" s="613"/>
      <c r="TOH690" s="613"/>
      <c r="TOI690" s="613"/>
      <c r="TOJ690" s="613"/>
      <c r="TOK690" s="613"/>
      <c r="TOL690" s="613"/>
      <c r="TOM690" s="613"/>
      <c r="TON690" s="613"/>
      <c r="TOO690" s="613"/>
      <c r="TOP690" s="613"/>
      <c r="TOQ690" s="613"/>
      <c r="TOR690" s="613"/>
      <c r="TOS690" s="613"/>
      <c r="TOT690" s="613"/>
      <c r="TOU690" s="613"/>
      <c r="TOV690" s="613"/>
      <c r="TOW690" s="613"/>
      <c r="TOX690" s="613"/>
      <c r="TOY690" s="613"/>
      <c r="TOZ690" s="613"/>
      <c r="TPA690" s="613"/>
      <c r="TPB690" s="613"/>
      <c r="TPC690" s="613"/>
      <c r="TPD690" s="613"/>
      <c r="TPE690" s="613"/>
      <c r="TPF690" s="613"/>
      <c r="TPG690" s="613"/>
      <c r="TPH690" s="613"/>
      <c r="TPI690" s="613"/>
      <c r="TPJ690" s="613"/>
      <c r="TPK690" s="613"/>
      <c r="TPL690" s="613"/>
      <c r="TPM690" s="613"/>
      <c r="TPN690" s="613"/>
      <c r="TPO690" s="613"/>
      <c r="TPP690" s="613"/>
      <c r="TPQ690" s="613"/>
      <c r="TPR690" s="613"/>
      <c r="TPS690" s="613"/>
      <c r="TPT690" s="613"/>
      <c r="TPU690" s="613"/>
      <c r="TPV690" s="613"/>
      <c r="TPW690" s="613"/>
      <c r="TPX690" s="613"/>
      <c r="TPY690" s="613"/>
      <c r="TPZ690" s="613"/>
      <c r="TQA690" s="613"/>
      <c r="TQB690" s="613"/>
      <c r="TQC690" s="613"/>
      <c r="TQD690" s="613"/>
      <c r="TQE690" s="613"/>
      <c r="TQF690" s="613"/>
      <c r="TQG690" s="613"/>
      <c r="TQH690" s="613"/>
      <c r="TQI690" s="613"/>
      <c r="TQJ690" s="613"/>
      <c r="TQK690" s="613"/>
      <c r="TQL690" s="613"/>
      <c r="TQM690" s="613"/>
      <c r="TQN690" s="613"/>
      <c r="TQO690" s="613"/>
      <c r="TQP690" s="613"/>
      <c r="TQQ690" s="613"/>
      <c r="TQR690" s="613"/>
      <c r="TQS690" s="613"/>
      <c r="TQT690" s="613"/>
      <c r="TQU690" s="613"/>
      <c r="TQV690" s="613"/>
      <c r="TQW690" s="613"/>
      <c r="TQX690" s="613"/>
      <c r="TQY690" s="613"/>
      <c r="TQZ690" s="613"/>
      <c r="TRA690" s="613"/>
      <c r="TRB690" s="613"/>
      <c r="TRC690" s="613"/>
      <c r="TRD690" s="613"/>
      <c r="TRE690" s="613"/>
      <c r="TRF690" s="613"/>
      <c r="TRG690" s="613"/>
      <c r="TRH690" s="613"/>
      <c r="TRI690" s="613"/>
      <c r="TRJ690" s="613"/>
      <c r="TRK690" s="613"/>
      <c r="TRL690" s="613"/>
      <c r="TRM690" s="613"/>
      <c r="TRN690" s="613"/>
      <c r="TRO690" s="613"/>
      <c r="TRP690" s="613"/>
      <c r="TRQ690" s="613"/>
      <c r="TRR690" s="613"/>
      <c r="TRS690" s="613"/>
      <c r="TRT690" s="613"/>
      <c r="TRU690" s="613"/>
      <c r="TRV690" s="613"/>
      <c r="TRW690" s="613"/>
      <c r="TRX690" s="613"/>
      <c r="TRY690" s="613"/>
      <c r="TRZ690" s="613"/>
      <c r="TSA690" s="613"/>
      <c r="TSB690" s="613"/>
      <c r="TSC690" s="613"/>
      <c r="TSD690" s="613"/>
      <c r="TSE690" s="613"/>
      <c r="TSF690" s="613"/>
      <c r="TSG690" s="613"/>
      <c r="TSH690" s="613"/>
      <c r="TSI690" s="613"/>
      <c r="TSJ690" s="613"/>
      <c r="TSK690" s="613"/>
      <c r="TSL690" s="613"/>
      <c r="TSM690" s="613"/>
      <c r="TSN690" s="613"/>
      <c r="TSO690" s="613"/>
      <c r="TSP690" s="613"/>
      <c r="TSQ690" s="613"/>
      <c r="TSR690" s="613"/>
      <c r="TSS690" s="613"/>
      <c r="TST690" s="613"/>
      <c r="TSU690" s="613"/>
      <c r="TSV690" s="613"/>
      <c r="TSW690" s="613"/>
      <c r="TSX690" s="613"/>
      <c r="TSY690" s="613"/>
      <c r="TSZ690" s="613"/>
      <c r="TTA690" s="613"/>
      <c r="TTB690" s="613"/>
      <c r="TTC690" s="613"/>
      <c r="TTD690" s="613"/>
      <c r="TTE690" s="613"/>
      <c r="TTF690" s="613"/>
      <c r="TTG690" s="613"/>
      <c r="TTH690" s="613"/>
      <c r="TTI690" s="613"/>
      <c r="TTJ690" s="613"/>
      <c r="TTK690" s="613"/>
      <c r="TTL690" s="613"/>
      <c r="TTM690" s="613"/>
      <c r="TTN690" s="613"/>
      <c r="TTO690" s="613"/>
      <c r="TTP690" s="613"/>
      <c r="TTQ690" s="613"/>
      <c r="TTR690" s="613"/>
      <c r="TTS690" s="613"/>
      <c r="TTT690" s="613"/>
      <c r="TTU690" s="613"/>
      <c r="TTV690" s="613"/>
      <c r="TTW690" s="613"/>
      <c r="TTX690" s="613"/>
      <c r="TTY690" s="613"/>
      <c r="TTZ690" s="613"/>
      <c r="TUA690" s="613"/>
      <c r="TUB690" s="613"/>
      <c r="TUC690" s="613"/>
      <c r="TUD690" s="613"/>
      <c r="TUE690" s="613"/>
      <c r="TUF690" s="613"/>
      <c r="TUG690" s="613"/>
      <c r="TUH690" s="613"/>
      <c r="TUI690" s="613"/>
      <c r="TUJ690" s="613"/>
      <c r="TUK690" s="613"/>
      <c r="TUL690" s="613"/>
      <c r="TUM690" s="613"/>
      <c r="TUN690" s="613"/>
      <c r="TUO690" s="613"/>
      <c r="TUP690" s="613"/>
      <c r="TUQ690" s="613"/>
      <c r="TUR690" s="613"/>
      <c r="TUS690" s="613"/>
      <c r="TUT690" s="613"/>
      <c r="TUU690" s="613"/>
      <c r="TUV690" s="613"/>
      <c r="TUW690" s="613"/>
      <c r="TUX690" s="613"/>
      <c r="TUY690" s="613"/>
      <c r="TUZ690" s="613"/>
      <c r="TVA690" s="613"/>
      <c r="TVB690" s="613"/>
      <c r="TVC690" s="613"/>
      <c r="TVD690" s="613"/>
      <c r="TVE690" s="613"/>
      <c r="TVF690" s="613"/>
      <c r="TVG690" s="613"/>
      <c r="TVH690" s="613"/>
      <c r="TVI690" s="613"/>
      <c r="TVJ690" s="613"/>
      <c r="TVK690" s="613"/>
      <c r="TVL690" s="613"/>
      <c r="TVM690" s="613"/>
      <c r="TVN690" s="613"/>
      <c r="TVO690" s="613"/>
      <c r="TVP690" s="613"/>
      <c r="TVQ690" s="613"/>
      <c r="TVR690" s="613"/>
      <c r="TVS690" s="613"/>
      <c r="TVT690" s="613"/>
      <c r="TVU690" s="613"/>
      <c r="TVV690" s="613"/>
      <c r="TVW690" s="613"/>
      <c r="TVX690" s="613"/>
      <c r="TVY690" s="613"/>
      <c r="TVZ690" s="613"/>
      <c r="TWA690" s="613"/>
      <c r="TWB690" s="613"/>
      <c r="TWC690" s="613"/>
      <c r="TWD690" s="613"/>
      <c r="TWE690" s="613"/>
      <c r="TWF690" s="613"/>
      <c r="TWG690" s="613"/>
      <c r="TWH690" s="613"/>
      <c r="TWI690" s="613"/>
      <c r="TWJ690" s="613"/>
      <c r="TWK690" s="613"/>
      <c r="TWL690" s="613"/>
      <c r="TWM690" s="613"/>
      <c r="TWN690" s="613"/>
      <c r="TWO690" s="613"/>
      <c r="TWP690" s="613"/>
      <c r="TWQ690" s="613"/>
      <c r="TWR690" s="613"/>
      <c r="TWS690" s="613"/>
      <c r="TWT690" s="613"/>
      <c r="TWU690" s="613"/>
      <c r="TWV690" s="613"/>
      <c r="TWW690" s="613"/>
      <c r="TWX690" s="613"/>
      <c r="TWY690" s="613"/>
      <c r="TWZ690" s="613"/>
      <c r="TXA690" s="613"/>
      <c r="TXB690" s="613"/>
      <c r="TXC690" s="613"/>
      <c r="TXD690" s="613"/>
      <c r="TXE690" s="613"/>
      <c r="TXF690" s="613"/>
      <c r="TXG690" s="613"/>
      <c r="TXH690" s="613"/>
      <c r="TXI690" s="613"/>
      <c r="TXJ690" s="613"/>
      <c r="TXK690" s="613"/>
      <c r="TXL690" s="613"/>
      <c r="TXM690" s="613"/>
      <c r="TXN690" s="613"/>
      <c r="TXO690" s="613"/>
      <c r="TXP690" s="613"/>
      <c r="TXQ690" s="613"/>
      <c r="TXR690" s="613"/>
      <c r="TXS690" s="613"/>
      <c r="TXT690" s="613"/>
      <c r="TXU690" s="613"/>
      <c r="TXV690" s="613"/>
      <c r="TXW690" s="613"/>
      <c r="TXX690" s="613"/>
      <c r="TXY690" s="613"/>
      <c r="TXZ690" s="613"/>
      <c r="TYA690" s="613"/>
      <c r="TYB690" s="613"/>
      <c r="TYC690" s="613"/>
      <c r="TYD690" s="613"/>
      <c r="TYE690" s="613"/>
      <c r="TYF690" s="613"/>
      <c r="TYG690" s="613"/>
      <c r="TYH690" s="613"/>
      <c r="TYI690" s="613"/>
      <c r="TYJ690" s="613"/>
      <c r="TYK690" s="613"/>
      <c r="TYL690" s="613"/>
      <c r="TYM690" s="613"/>
      <c r="TYN690" s="613"/>
      <c r="TYO690" s="613"/>
      <c r="TYP690" s="613"/>
      <c r="TYQ690" s="613"/>
      <c r="TYR690" s="613"/>
      <c r="TYS690" s="613"/>
      <c r="TYT690" s="613"/>
      <c r="TYU690" s="613"/>
      <c r="TYV690" s="613"/>
      <c r="TYW690" s="613"/>
      <c r="TYX690" s="613"/>
      <c r="TYY690" s="613"/>
      <c r="TYZ690" s="613"/>
      <c r="TZA690" s="613"/>
      <c r="TZB690" s="613"/>
      <c r="TZC690" s="613"/>
      <c r="TZD690" s="613"/>
      <c r="TZE690" s="613"/>
      <c r="TZF690" s="613"/>
      <c r="TZG690" s="613"/>
      <c r="TZH690" s="613"/>
      <c r="TZI690" s="613"/>
      <c r="TZJ690" s="613"/>
      <c r="TZK690" s="613"/>
      <c r="TZL690" s="613"/>
      <c r="TZM690" s="613"/>
      <c r="TZN690" s="613"/>
      <c r="TZO690" s="613"/>
      <c r="TZP690" s="613"/>
      <c r="TZQ690" s="613"/>
      <c r="TZR690" s="613"/>
      <c r="TZS690" s="613"/>
      <c r="TZT690" s="613"/>
      <c r="TZU690" s="613"/>
      <c r="TZV690" s="613"/>
      <c r="TZW690" s="613"/>
      <c r="TZX690" s="613"/>
      <c r="TZY690" s="613"/>
      <c r="TZZ690" s="613"/>
      <c r="UAA690" s="613"/>
      <c r="UAB690" s="613"/>
      <c r="UAC690" s="613"/>
      <c r="UAD690" s="613"/>
      <c r="UAE690" s="613"/>
      <c r="UAF690" s="613"/>
      <c r="UAG690" s="613"/>
      <c r="UAH690" s="613"/>
      <c r="UAI690" s="613"/>
      <c r="UAJ690" s="613"/>
      <c r="UAK690" s="613"/>
      <c r="UAL690" s="613"/>
      <c r="UAM690" s="613"/>
      <c r="UAN690" s="613"/>
      <c r="UAO690" s="613"/>
      <c r="UAP690" s="613"/>
      <c r="UAQ690" s="613"/>
      <c r="UAR690" s="613"/>
      <c r="UAS690" s="613"/>
      <c r="UAT690" s="613"/>
      <c r="UAU690" s="613"/>
      <c r="UAV690" s="613"/>
      <c r="UAW690" s="613"/>
      <c r="UAX690" s="613"/>
      <c r="UAY690" s="613"/>
      <c r="UAZ690" s="613"/>
      <c r="UBA690" s="613"/>
      <c r="UBB690" s="613"/>
      <c r="UBC690" s="613"/>
      <c r="UBD690" s="613"/>
      <c r="UBE690" s="613"/>
      <c r="UBF690" s="613"/>
      <c r="UBG690" s="613"/>
      <c r="UBH690" s="613"/>
      <c r="UBI690" s="613"/>
      <c r="UBJ690" s="613"/>
      <c r="UBK690" s="613"/>
      <c r="UBL690" s="613"/>
      <c r="UBM690" s="613"/>
      <c r="UBN690" s="613"/>
      <c r="UBO690" s="613"/>
      <c r="UBP690" s="613"/>
      <c r="UBQ690" s="613"/>
      <c r="UBR690" s="613"/>
      <c r="UBS690" s="613"/>
      <c r="UBT690" s="613"/>
      <c r="UBU690" s="613"/>
      <c r="UBV690" s="613"/>
      <c r="UBW690" s="613"/>
      <c r="UBX690" s="613"/>
      <c r="UBY690" s="613"/>
      <c r="UBZ690" s="613"/>
      <c r="UCA690" s="613"/>
      <c r="UCB690" s="613"/>
      <c r="UCC690" s="613"/>
      <c r="UCD690" s="613"/>
      <c r="UCE690" s="613"/>
      <c r="UCF690" s="613"/>
      <c r="UCG690" s="613"/>
      <c r="UCH690" s="613"/>
      <c r="UCI690" s="613"/>
      <c r="UCJ690" s="613"/>
      <c r="UCK690" s="613"/>
      <c r="UCL690" s="613"/>
      <c r="UCM690" s="613"/>
      <c r="UCN690" s="613"/>
      <c r="UCO690" s="613"/>
      <c r="UCP690" s="613"/>
      <c r="UCQ690" s="613"/>
      <c r="UCR690" s="613"/>
      <c r="UCS690" s="613"/>
      <c r="UCT690" s="613"/>
      <c r="UCU690" s="613"/>
      <c r="UCV690" s="613"/>
      <c r="UCW690" s="613"/>
      <c r="UCX690" s="613"/>
      <c r="UCY690" s="613"/>
      <c r="UCZ690" s="613"/>
      <c r="UDA690" s="613"/>
      <c r="UDB690" s="613"/>
      <c r="UDC690" s="613"/>
      <c r="UDD690" s="613"/>
      <c r="UDE690" s="613"/>
      <c r="UDF690" s="613"/>
      <c r="UDG690" s="613"/>
      <c r="UDH690" s="613"/>
      <c r="UDI690" s="613"/>
      <c r="UDJ690" s="613"/>
      <c r="UDK690" s="613"/>
      <c r="UDL690" s="613"/>
      <c r="UDM690" s="613"/>
      <c r="UDN690" s="613"/>
      <c r="UDO690" s="613"/>
      <c r="UDP690" s="613"/>
      <c r="UDQ690" s="613"/>
      <c r="UDR690" s="613"/>
      <c r="UDS690" s="613"/>
      <c r="UDT690" s="613"/>
      <c r="UDU690" s="613"/>
      <c r="UDV690" s="613"/>
      <c r="UDW690" s="613"/>
      <c r="UDX690" s="613"/>
      <c r="UDY690" s="613"/>
      <c r="UDZ690" s="613"/>
      <c r="UEA690" s="613"/>
      <c r="UEB690" s="613"/>
      <c r="UEC690" s="613"/>
      <c r="UED690" s="613"/>
      <c r="UEE690" s="613"/>
      <c r="UEF690" s="613"/>
      <c r="UEG690" s="613"/>
      <c r="UEH690" s="613"/>
      <c r="UEI690" s="613"/>
      <c r="UEJ690" s="613"/>
      <c r="UEK690" s="613"/>
      <c r="UEL690" s="613"/>
      <c r="UEM690" s="613"/>
      <c r="UEN690" s="613"/>
      <c r="UEO690" s="613"/>
      <c r="UEP690" s="613"/>
      <c r="UEQ690" s="613"/>
      <c r="UER690" s="613"/>
      <c r="UES690" s="613"/>
      <c r="UET690" s="613"/>
      <c r="UEU690" s="613"/>
      <c r="UEV690" s="613"/>
      <c r="UEW690" s="613"/>
      <c r="UEX690" s="613"/>
      <c r="UEY690" s="613"/>
      <c r="UEZ690" s="613"/>
      <c r="UFA690" s="613"/>
      <c r="UFB690" s="613"/>
      <c r="UFC690" s="613"/>
      <c r="UFD690" s="613"/>
      <c r="UFE690" s="613"/>
      <c r="UFF690" s="613"/>
      <c r="UFG690" s="613"/>
      <c r="UFH690" s="613"/>
      <c r="UFI690" s="613"/>
      <c r="UFJ690" s="613"/>
      <c r="UFK690" s="613"/>
      <c r="UFL690" s="613"/>
      <c r="UFM690" s="613"/>
      <c r="UFN690" s="613"/>
      <c r="UFO690" s="613"/>
      <c r="UFP690" s="613"/>
      <c r="UFQ690" s="613"/>
      <c r="UFR690" s="613"/>
      <c r="UFS690" s="613"/>
      <c r="UFT690" s="613"/>
      <c r="UFU690" s="613"/>
      <c r="UFV690" s="613"/>
      <c r="UFW690" s="613"/>
      <c r="UFX690" s="613"/>
      <c r="UFY690" s="613"/>
      <c r="UFZ690" s="613"/>
      <c r="UGA690" s="613"/>
      <c r="UGB690" s="613"/>
      <c r="UGC690" s="613"/>
      <c r="UGD690" s="613"/>
      <c r="UGE690" s="613"/>
      <c r="UGF690" s="613"/>
      <c r="UGG690" s="613"/>
      <c r="UGH690" s="613"/>
      <c r="UGI690" s="613"/>
      <c r="UGJ690" s="613"/>
      <c r="UGK690" s="613"/>
      <c r="UGL690" s="613"/>
      <c r="UGM690" s="613"/>
      <c r="UGN690" s="613"/>
      <c r="UGO690" s="613"/>
      <c r="UGP690" s="613"/>
      <c r="UGQ690" s="613"/>
      <c r="UGR690" s="613"/>
      <c r="UGS690" s="613"/>
      <c r="UGT690" s="613"/>
      <c r="UGU690" s="613"/>
      <c r="UGV690" s="613"/>
      <c r="UGW690" s="613"/>
      <c r="UGX690" s="613"/>
      <c r="UGY690" s="613"/>
      <c r="UGZ690" s="613"/>
      <c r="UHA690" s="613"/>
      <c r="UHB690" s="613"/>
      <c r="UHC690" s="613"/>
      <c r="UHD690" s="613"/>
      <c r="UHE690" s="613"/>
      <c r="UHF690" s="613"/>
      <c r="UHG690" s="613"/>
      <c r="UHH690" s="613"/>
      <c r="UHI690" s="613"/>
      <c r="UHJ690" s="613"/>
      <c r="UHK690" s="613"/>
      <c r="UHL690" s="613"/>
      <c r="UHM690" s="613"/>
      <c r="UHN690" s="613"/>
      <c r="UHO690" s="613"/>
      <c r="UHP690" s="613"/>
      <c r="UHQ690" s="613"/>
      <c r="UHR690" s="613"/>
      <c r="UHS690" s="613"/>
      <c r="UHT690" s="613"/>
      <c r="UHU690" s="613"/>
      <c r="UHV690" s="613"/>
      <c r="UHW690" s="613"/>
      <c r="UHX690" s="613"/>
      <c r="UHY690" s="613"/>
      <c r="UHZ690" s="613"/>
      <c r="UIA690" s="613"/>
      <c r="UIB690" s="613"/>
      <c r="UIC690" s="613"/>
      <c r="UID690" s="613"/>
      <c r="UIE690" s="613"/>
      <c r="UIF690" s="613"/>
      <c r="UIG690" s="613"/>
      <c r="UIH690" s="613"/>
      <c r="UII690" s="613"/>
      <c r="UIJ690" s="613"/>
      <c r="UIK690" s="613"/>
      <c r="UIL690" s="613"/>
      <c r="UIM690" s="613"/>
      <c r="UIN690" s="613"/>
      <c r="UIO690" s="613"/>
      <c r="UIP690" s="613"/>
      <c r="UIQ690" s="613"/>
      <c r="UIR690" s="613"/>
      <c r="UIS690" s="613"/>
      <c r="UIT690" s="613"/>
      <c r="UIU690" s="613"/>
      <c r="UIV690" s="613"/>
      <c r="UIW690" s="613"/>
      <c r="UIX690" s="613"/>
      <c r="UIY690" s="613"/>
      <c r="UIZ690" s="613"/>
      <c r="UJA690" s="613"/>
      <c r="UJB690" s="613"/>
      <c r="UJC690" s="613"/>
      <c r="UJD690" s="613"/>
      <c r="UJE690" s="613"/>
      <c r="UJF690" s="613"/>
      <c r="UJG690" s="613"/>
      <c r="UJH690" s="613"/>
      <c r="UJI690" s="613"/>
      <c r="UJJ690" s="613"/>
      <c r="UJK690" s="613"/>
      <c r="UJL690" s="613"/>
      <c r="UJM690" s="613"/>
      <c r="UJN690" s="613"/>
      <c r="UJO690" s="613"/>
      <c r="UJP690" s="613"/>
      <c r="UJQ690" s="613"/>
      <c r="UJR690" s="613"/>
      <c r="UJS690" s="613"/>
      <c r="UJT690" s="613"/>
      <c r="UJU690" s="613"/>
      <c r="UJV690" s="613"/>
      <c r="UJW690" s="613"/>
      <c r="UJX690" s="613"/>
      <c r="UJY690" s="613"/>
      <c r="UJZ690" s="613"/>
      <c r="UKA690" s="613"/>
      <c r="UKB690" s="613"/>
      <c r="UKC690" s="613"/>
      <c r="UKD690" s="613"/>
      <c r="UKE690" s="613"/>
      <c r="UKF690" s="613"/>
      <c r="UKG690" s="613"/>
      <c r="UKH690" s="613"/>
      <c r="UKI690" s="613"/>
      <c r="UKJ690" s="613"/>
      <c r="UKK690" s="613"/>
      <c r="UKL690" s="613"/>
      <c r="UKM690" s="613"/>
      <c r="UKN690" s="613"/>
      <c r="UKO690" s="613"/>
      <c r="UKP690" s="613"/>
      <c r="UKQ690" s="613"/>
      <c r="UKR690" s="613"/>
      <c r="UKS690" s="613"/>
      <c r="UKT690" s="613"/>
      <c r="UKU690" s="613"/>
      <c r="UKV690" s="613"/>
      <c r="UKW690" s="613"/>
      <c r="UKX690" s="613"/>
      <c r="UKY690" s="613"/>
      <c r="UKZ690" s="613"/>
      <c r="ULA690" s="613"/>
      <c r="ULB690" s="613"/>
      <c r="ULC690" s="613"/>
      <c r="ULD690" s="613"/>
      <c r="ULE690" s="613"/>
      <c r="ULF690" s="613"/>
      <c r="ULG690" s="613"/>
      <c r="ULH690" s="613"/>
      <c r="ULI690" s="613"/>
      <c r="ULJ690" s="613"/>
      <c r="ULK690" s="613"/>
      <c r="ULL690" s="613"/>
      <c r="ULM690" s="613"/>
      <c r="ULN690" s="613"/>
      <c r="ULO690" s="613"/>
      <c r="ULP690" s="613"/>
      <c r="ULQ690" s="613"/>
      <c r="ULR690" s="613"/>
      <c r="ULS690" s="613"/>
      <c r="ULT690" s="613"/>
      <c r="ULU690" s="613"/>
      <c r="ULV690" s="613"/>
      <c r="ULW690" s="613"/>
      <c r="ULX690" s="613"/>
      <c r="ULY690" s="613"/>
      <c r="ULZ690" s="613"/>
      <c r="UMA690" s="613"/>
      <c r="UMB690" s="613"/>
      <c r="UMC690" s="613"/>
      <c r="UMD690" s="613"/>
      <c r="UME690" s="613"/>
      <c r="UMF690" s="613"/>
      <c r="UMG690" s="613"/>
      <c r="UMH690" s="613"/>
      <c r="UMI690" s="613"/>
      <c r="UMJ690" s="613"/>
      <c r="UMK690" s="613"/>
      <c r="UML690" s="613"/>
      <c r="UMM690" s="613"/>
      <c r="UMN690" s="613"/>
      <c r="UMO690" s="613"/>
      <c r="UMP690" s="613"/>
      <c r="UMQ690" s="613"/>
      <c r="UMR690" s="613"/>
      <c r="UMS690" s="613"/>
      <c r="UMT690" s="613"/>
      <c r="UMU690" s="613"/>
      <c r="UMV690" s="613"/>
      <c r="UMW690" s="613"/>
      <c r="UMX690" s="613"/>
      <c r="UMY690" s="613"/>
      <c r="UMZ690" s="613"/>
      <c r="UNA690" s="613"/>
      <c r="UNB690" s="613"/>
      <c r="UNC690" s="613"/>
      <c r="UND690" s="613"/>
      <c r="UNE690" s="613"/>
      <c r="UNF690" s="613"/>
      <c r="UNG690" s="613"/>
      <c r="UNH690" s="613"/>
      <c r="UNI690" s="613"/>
      <c r="UNJ690" s="613"/>
      <c r="UNK690" s="613"/>
      <c r="UNL690" s="613"/>
      <c r="UNM690" s="613"/>
      <c r="UNN690" s="613"/>
      <c r="UNO690" s="613"/>
      <c r="UNP690" s="613"/>
      <c r="UNQ690" s="613"/>
      <c r="UNR690" s="613"/>
      <c r="UNS690" s="613"/>
      <c r="UNT690" s="613"/>
      <c r="UNU690" s="613"/>
      <c r="UNV690" s="613"/>
      <c r="UNW690" s="613"/>
      <c r="UNX690" s="613"/>
      <c r="UNY690" s="613"/>
      <c r="UNZ690" s="613"/>
      <c r="UOA690" s="613"/>
      <c r="UOB690" s="613"/>
      <c r="UOC690" s="613"/>
      <c r="UOD690" s="613"/>
      <c r="UOE690" s="613"/>
      <c r="UOF690" s="613"/>
      <c r="UOG690" s="613"/>
      <c r="UOH690" s="613"/>
      <c r="UOI690" s="613"/>
      <c r="UOJ690" s="613"/>
      <c r="UOK690" s="613"/>
      <c r="UOL690" s="613"/>
      <c r="UOM690" s="613"/>
      <c r="UON690" s="613"/>
      <c r="UOO690" s="613"/>
      <c r="UOP690" s="613"/>
      <c r="UOQ690" s="613"/>
      <c r="UOR690" s="613"/>
      <c r="UOS690" s="613"/>
      <c r="UOT690" s="613"/>
      <c r="UOU690" s="613"/>
      <c r="UOV690" s="613"/>
      <c r="UOW690" s="613"/>
      <c r="UOX690" s="613"/>
      <c r="UOY690" s="613"/>
      <c r="UOZ690" s="613"/>
      <c r="UPA690" s="613"/>
      <c r="UPB690" s="613"/>
      <c r="UPC690" s="613"/>
      <c r="UPD690" s="613"/>
      <c r="UPE690" s="613"/>
      <c r="UPF690" s="613"/>
      <c r="UPG690" s="613"/>
      <c r="UPH690" s="613"/>
      <c r="UPI690" s="613"/>
      <c r="UPJ690" s="613"/>
      <c r="UPK690" s="613"/>
      <c r="UPL690" s="613"/>
      <c r="UPM690" s="613"/>
      <c r="UPN690" s="613"/>
      <c r="UPO690" s="613"/>
      <c r="UPP690" s="613"/>
      <c r="UPQ690" s="613"/>
      <c r="UPR690" s="613"/>
      <c r="UPS690" s="613"/>
      <c r="UPT690" s="613"/>
      <c r="UPU690" s="613"/>
      <c r="UPV690" s="613"/>
      <c r="UPW690" s="613"/>
      <c r="UPX690" s="613"/>
      <c r="UPY690" s="613"/>
      <c r="UPZ690" s="613"/>
      <c r="UQA690" s="613"/>
      <c r="UQB690" s="613"/>
      <c r="UQC690" s="613"/>
      <c r="UQD690" s="613"/>
      <c r="UQE690" s="613"/>
      <c r="UQF690" s="613"/>
      <c r="UQG690" s="613"/>
      <c r="UQH690" s="613"/>
      <c r="UQI690" s="613"/>
      <c r="UQJ690" s="613"/>
      <c r="UQK690" s="613"/>
      <c r="UQL690" s="613"/>
      <c r="UQM690" s="613"/>
      <c r="UQN690" s="613"/>
      <c r="UQO690" s="613"/>
      <c r="UQP690" s="613"/>
      <c r="UQQ690" s="613"/>
      <c r="UQR690" s="613"/>
      <c r="UQS690" s="613"/>
      <c r="UQT690" s="613"/>
      <c r="UQU690" s="613"/>
      <c r="UQV690" s="613"/>
      <c r="UQW690" s="613"/>
      <c r="UQX690" s="613"/>
      <c r="UQY690" s="613"/>
      <c r="UQZ690" s="613"/>
      <c r="URA690" s="613"/>
      <c r="URB690" s="613"/>
      <c r="URC690" s="613"/>
      <c r="URD690" s="613"/>
      <c r="URE690" s="613"/>
      <c r="URF690" s="613"/>
      <c r="URG690" s="613"/>
      <c r="URH690" s="613"/>
      <c r="URI690" s="613"/>
      <c r="URJ690" s="613"/>
      <c r="URK690" s="613"/>
      <c r="URL690" s="613"/>
      <c r="URM690" s="613"/>
      <c r="URN690" s="613"/>
      <c r="URO690" s="613"/>
      <c r="URP690" s="613"/>
      <c r="URQ690" s="613"/>
      <c r="URR690" s="613"/>
      <c r="URS690" s="613"/>
      <c r="URT690" s="613"/>
      <c r="URU690" s="613"/>
      <c r="URV690" s="613"/>
      <c r="URW690" s="613"/>
      <c r="URX690" s="613"/>
      <c r="URY690" s="613"/>
      <c r="URZ690" s="613"/>
      <c r="USA690" s="613"/>
      <c r="USB690" s="613"/>
      <c r="USC690" s="613"/>
      <c r="USD690" s="613"/>
      <c r="USE690" s="613"/>
      <c r="USF690" s="613"/>
      <c r="USG690" s="613"/>
      <c r="USH690" s="613"/>
      <c r="USI690" s="613"/>
      <c r="USJ690" s="613"/>
      <c r="USK690" s="613"/>
      <c r="USL690" s="613"/>
      <c r="USM690" s="613"/>
      <c r="USN690" s="613"/>
      <c r="USO690" s="613"/>
      <c r="USP690" s="613"/>
      <c r="USQ690" s="613"/>
      <c r="USR690" s="613"/>
      <c r="USS690" s="613"/>
      <c r="UST690" s="613"/>
      <c r="USU690" s="613"/>
      <c r="USV690" s="613"/>
      <c r="USW690" s="613"/>
      <c r="USX690" s="613"/>
      <c r="USY690" s="613"/>
      <c r="USZ690" s="613"/>
      <c r="UTA690" s="613"/>
      <c r="UTB690" s="613"/>
      <c r="UTC690" s="613"/>
      <c r="UTD690" s="613"/>
      <c r="UTE690" s="613"/>
      <c r="UTF690" s="613"/>
      <c r="UTG690" s="613"/>
      <c r="UTH690" s="613"/>
      <c r="UTI690" s="613"/>
      <c r="UTJ690" s="613"/>
      <c r="UTK690" s="613"/>
      <c r="UTL690" s="613"/>
      <c r="UTM690" s="613"/>
      <c r="UTN690" s="613"/>
      <c r="UTO690" s="613"/>
      <c r="UTP690" s="613"/>
      <c r="UTQ690" s="613"/>
      <c r="UTR690" s="613"/>
      <c r="UTS690" s="613"/>
      <c r="UTT690" s="613"/>
      <c r="UTU690" s="613"/>
      <c r="UTV690" s="613"/>
      <c r="UTW690" s="613"/>
      <c r="UTX690" s="613"/>
      <c r="UTY690" s="613"/>
      <c r="UTZ690" s="613"/>
      <c r="UUA690" s="613"/>
      <c r="UUB690" s="613"/>
      <c r="UUC690" s="613"/>
      <c r="UUD690" s="613"/>
      <c r="UUE690" s="613"/>
      <c r="UUF690" s="613"/>
      <c r="UUG690" s="613"/>
      <c r="UUH690" s="613"/>
      <c r="UUI690" s="613"/>
      <c r="UUJ690" s="613"/>
      <c r="UUK690" s="613"/>
      <c r="UUL690" s="613"/>
      <c r="UUM690" s="613"/>
      <c r="UUN690" s="613"/>
      <c r="UUO690" s="613"/>
      <c r="UUP690" s="613"/>
      <c r="UUQ690" s="613"/>
      <c r="UUR690" s="613"/>
      <c r="UUS690" s="613"/>
      <c r="UUT690" s="613"/>
      <c r="UUU690" s="613"/>
      <c r="UUV690" s="613"/>
      <c r="UUW690" s="613"/>
      <c r="UUX690" s="613"/>
      <c r="UUY690" s="613"/>
      <c r="UUZ690" s="613"/>
      <c r="UVA690" s="613"/>
      <c r="UVB690" s="613"/>
      <c r="UVC690" s="613"/>
      <c r="UVD690" s="613"/>
      <c r="UVE690" s="613"/>
      <c r="UVF690" s="613"/>
      <c r="UVG690" s="613"/>
      <c r="UVH690" s="613"/>
      <c r="UVI690" s="613"/>
      <c r="UVJ690" s="613"/>
      <c r="UVK690" s="613"/>
      <c r="UVL690" s="613"/>
      <c r="UVM690" s="613"/>
      <c r="UVN690" s="613"/>
      <c r="UVO690" s="613"/>
      <c r="UVP690" s="613"/>
      <c r="UVQ690" s="613"/>
      <c r="UVR690" s="613"/>
      <c r="UVS690" s="613"/>
      <c r="UVT690" s="613"/>
      <c r="UVU690" s="613"/>
      <c r="UVV690" s="613"/>
      <c r="UVW690" s="613"/>
      <c r="UVX690" s="613"/>
      <c r="UVY690" s="613"/>
      <c r="UVZ690" s="613"/>
      <c r="UWA690" s="613"/>
      <c r="UWB690" s="613"/>
      <c r="UWC690" s="613"/>
      <c r="UWD690" s="613"/>
      <c r="UWE690" s="613"/>
      <c r="UWF690" s="613"/>
      <c r="UWG690" s="613"/>
      <c r="UWH690" s="613"/>
      <c r="UWI690" s="613"/>
      <c r="UWJ690" s="613"/>
      <c r="UWK690" s="613"/>
      <c r="UWL690" s="613"/>
      <c r="UWM690" s="613"/>
      <c r="UWN690" s="613"/>
      <c r="UWO690" s="613"/>
      <c r="UWP690" s="613"/>
      <c r="UWQ690" s="613"/>
      <c r="UWR690" s="613"/>
      <c r="UWS690" s="613"/>
      <c r="UWT690" s="613"/>
      <c r="UWU690" s="613"/>
      <c r="UWV690" s="613"/>
      <c r="UWW690" s="613"/>
      <c r="UWX690" s="613"/>
      <c r="UWY690" s="613"/>
      <c r="UWZ690" s="613"/>
      <c r="UXA690" s="613"/>
      <c r="UXB690" s="613"/>
      <c r="UXC690" s="613"/>
      <c r="UXD690" s="613"/>
      <c r="UXE690" s="613"/>
      <c r="UXF690" s="613"/>
      <c r="UXG690" s="613"/>
      <c r="UXH690" s="613"/>
      <c r="UXI690" s="613"/>
      <c r="UXJ690" s="613"/>
      <c r="UXK690" s="613"/>
      <c r="UXL690" s="613"/>
      <c r="UXM690" s="613"/>
      <c r="UXN690" s="613"/>
      <c r="UXO690" s="613"/>
      <c r="UXP690" s="613"/>
      <c r="UXQ690" s="613"/>
      <c r="UXR690" s="613"/>
      <c r="UXS690" s="613"/>
      <c r="UXT690" s="613"/>
      <c r="UXU690" s="613"/>
      <c r="UXV690" s="613"/>
      <c r="UXW690" s="613"/>
      <c r="UXX690" s="613"/>
      <c r="UXY690" s="613"/>
      <c r="UXZ690" s="613"/>
      <c r="UYA690" s="613"/>
      <c r="UYB690" s="613"/>
      <c r="UYC690" s="613"/>
      <c r="UYD690" s="613"/>
      <c r="UYE690" s="613"/>
      <c r="UYF690" s="613"/>
      <c r="UYG690" s="613"/>
      <c r="UYH690" s="613"/>
      <c r="UYI690" s="613"/>
      <c r="UYJ690" s="613"/>
      <c r="UYK690" s="613"/>
      <c r="UYL690" s="613"/>
      <c r="UYM690" s="613"/>
      <c r="UYN690" s="613"/>
      <c r="UYO690" s="613"/>
      <c r="UYP690" s="613"/>
      <c r="UYQ690" s="613"/>
      <c r="UYR690" s="613"/>
      <c r="UYS690" s="613"/>
      <c r="UYT690" s="613"/>
      <c r="UYU690" s="613"/>
      <c r="UYV690" s="613"/>
      <c r="UYW690" s="613"/>
      <c r="UYX690" s="613"/>
      <c r="UYY690" s="613"/>
      <c r="UYZ690" s="613"/>
      <c r="UZA690" s="613"/>
      <c r="UZB690" s="613"/>
      <c r="UZC690" s="613"/>
      <c r="UZD690" s="613"/>
      <c r="UZE690" s="613"/>
      <c r="UZF690" s="613"/>
      <c r="UZG690" s="613"/>
      <c r="UZH690" s="613"/>
      <c r="UZI690" s="613"/>
      <c r="UZJ690" s="613"/>
      <c r="UZK690" s="613"/>
      <c r="UZL690" s="613"/>
      <c r="UZM690" s="613"/>
      <c r="UZN690" s="613"/>
      <c r="UZO690" s="613"/>
      <c r="UZP690" s="613"/>
      <c r="UZQ690" s="613"/>
      <c r="UZR690" s="613"/>
      <c r="UZS690" s="613"/>
      <c r="UZT690" s="613"/>
      <c r="UZU690" s="613"/>
      <c r="UZV690" s="613"/>
      <c r="UZW690" s="613"/>
      <c r="UZX690" s="613"/>
      <c r="UZY690" s="613"/>
      <c r="UZZ690" s="613"/>
      <c r="VAA690" s="613"/>
      <c r="VAB690" s="613"/>
      <c r="VAC690" s="613"/>
      <c r="VAD690" s="613"/>
      <c r="VAE690" s="613"/>
      <c r="VAF690" s="613"/>
      <c r="VAG690" s="613"/>
      <c r="VAH690" s="613"/>
      <c r="VAI690" s="613"/>
      <c r="VAJ690" s="613"/>
      <c r="VAK690" s="613"/>
      <c r="VAL690" s="613"/>
      <c r="VAM690" s="613"/>
      <c r="VAN690" s="613"/>
      <c r="VAO690" s="613"/>
      <c r="VAP690" s="613"/>
      <c r="VAQ690" s="613"/>
      <c r="VAR690" s="613"/>
      <c r="VAS690" s="613"/>
      <c r="VAT690" s="613"/>
      <c r="VAU690" s="613"/>
      <c r="VAV690" s="613"/>
      <c r="VAW690" s="613"/>
      <c r="VAX690" s="613"/>
      <c r="VAY690" s="613"/>
      <c r="VAZ690" s="613"/>
      <c r="VBA690" s="613"/>
      <c r="VBB690" s="613"/>
      <c r="VBC690" s="613"/>
      <c r="VBD690" s="613"/>
      <c r="VBE690" s="613"/>
      <c r="VBF690" s="613"/>
      <c r="VBG690" s="613"/>
      <c r="VBH690" s="613"/>
      <c r="VBI690" s="613"/>
      <c r="VBJ690" s="613"/>
      <c r="VBK690" s="613"/>
      <c r="VBL690" s="613"/>
      <c r="VBM690" s="613"/>
      <c r="VBN690" s="613"/>
      <c r="VBO690" s="613"/>
      <c r="VBP690" s="613"/>
      <c r="VBQ690" s="613"/>
      <c r="VBR690" s="613"/>
      <c r="VBS690" s="613"/>
      <c r="VBT690" s="613"/>
      <c r="VBU690" s="613"/>
      <c r="VBV690" s="613"/>
      <c r="VBW690" s="613"/>
      <c r="VBX690" s="613"/>
      <c r="VBY690" s="613"/>
      <c r="VBZ690" s="613"/>
      <c r="VCA690" s="613"/>
      <c r="VCB690" s="613"/>
      <c r="VCC690" s="613"/>
      <c r="VCD690" s="613"/>
      <c r="VCE690" s="613"/>
      <c r="VCF690" s="613"/>
      <c r="VCG690" s="613"/>
      <c r="VCH690" s="613"/>
      <c r="VCI690" s="613"/>
      <c r="VCJ690" s="613"/>
      <c r="VCK690" s="613"/>
      <c r="VCL690" s="613"/>
      <c r="VCM690" s="613"/>
      <c r="VCN690" s="613"/>
      <c r="VCO690" s="613"/>
      <c r="VCP690" s="613"/>
      <c r="VCQ690" s="613"/>
      <c r="VCR690" s="613"/>
      <c r="VCS690" s="613"/>
      <c r="VCT690" s="613"/>
      <c r="VCU690" s="613"/>
      <c r="VCV690" s="613"/>
      <c r="VCW690" s="613"/>
      <c r="VCX690" s="613"/>
      <c r="VCY690" s="613"/>
      <c r="VCZ690" s="613"/>
      <c r="VDA690" s="613"/>
      <c r="VDB690" s="613"/>
      <c r="VDC690" s="613"/>
      <c r="VDD690" s="613"/>
      <c r="VDE690" s="613"/>
      <c r="VDF690" s="613"/>
      <c r="VDG690" s="613"/>
      <c r="VDH690" s="613"/>
      <c r="VDI690" s="613"/>
      <c r="VDJ690" s="613"/>
      <c r="VDK690" s="613"/>
      <c r="VDL690" s="613"/>
      <c r="VDM690" s="613"/>
      <c r="VDN690" s="613"/>
      <c r="VDO690" s="613"/>
      <c r="VDP690" s="613"/>
      <c r="VDQ690" s="613"/>
      <c r="VDR690" s="613"/>
      <c r="VDS690" s="613"/>
      <c r="VDT690" s="613"/>
      <c r="VDU690" s="613"/>
      <c r="VDV690" s="613"/>
      <c r="VDW690" s="613"/>
      <c r="VDX690" s="613"/>
      <c r="VDY690" s="613"/>
      <c r="VDZ690" s="613"/>
      <c r="VEA690" s="613"/>
      <c r="VEB690" s="613"/>
      <c r="VEC690" s="613"/>
      <c r="VED690" s="613"/>
      <c r="VEE690" s="613"/>
      <c r="VEF690" s="613"/>
      <c r="VEG690" s="613"/>
      <c r="VEH690" s="613"/>
      <c r="VEI690" s="613"/>
      <c r="VEJ690" s="613"/>
      <c r="VEK690" s="613"/>
      <c r="VEL690" s="613"/>
      <c r="VEM690" s="613"/>
      <c r="VEN690" s="613"/>
      <c r="VEO690" s="613"/>
      <c r="VEP690" s="613"/>
      <c r="VEQ690" s="613"/>
      <c r="VER690" s="613"/>
      <c r="VES690" s="613"/>
      <c r="VET690" s="613"/>
      <c r="VEU690" s="613"/>
      <c r="VEV690" s="613"/>
      <c r="VEW690" s="613"/>
      <c r="VEX690" s="613"/>
      <c r="VEY690" s="613"/>
      <c r="VEZ690" s="613"/>
      <c r="VFA690" s="613"/>
      <c r="VFB690" s="613"/>
      <c r="VFC690" s="613"/>
      <c r="VFD690" s="613"/>
      <c r="VFE690" s="613"/>
      <c r="VFF690" s="613"/>
      <c r="VFG690" s="613"/>
      <c r="VFH690" s="613"/>
      <c r="VFI690" s="613"/>
      <c r="VFJ690" s="613"/>
      <c r="VFK690" s="613"/>
      <c r="VFL690" s="613"/>
      <c r="VFM690" s="613"/>
      <c r="VFN690" s="613"/>
      <c r="VFO690" s="613"/>
      <c r="VFP690" s="613"/>
      <c r="VFQ690" s="613"/>
      <c r="VFR690" s="613"/>
      <c r="VFS690" s="613"/>
      <c r="VFT690" s="613"/>
      <c r="VFU690" s="613"/>
      <c r="VFV690" s="613"/>
      <c r="VFW690" s="613"/>
      <c r="VFX690" s="613"/>
      <c r="VFY690" s="613"/>
      <c r="VFZ690" s="613"/>
      <c r="VGA690" s="613"/>
      <c r="VGB690" s="613"/>
      <c r="VGC690" s="613"/>
      <c r="VGD690" s="613"/>
      <c r="VGE690" s="613"/>
      <c r="VGF690" s="613"/>
      <c r="VGG690" s="613"/>
      <c r="VGH690" s="613"/>
      <c r="VGI690" s="613"/>
      <c r="VGJ690" s="613"/>
      <c r="VGK690" s="613"/>
      <c r="VGL690" s="613"/>
      <c r="VGM690" s="613"/>
      <c r="VGN690" s="613"/>
      <c r="VGO690" s="613"/>
      <c r="VGP690" s="613"/>
      <c r="VGQ690" s="613"/>
      <c r="VGR690" s="613"/>
      <c r="VGS690" s="613"/>
      <c r="VGT690" s="613"/>
      <c r="VGU690" s="613"/>
      <c r="VGV690" s="613"/>
      <c r="VGW690" s="613"/>
      <c r="VGX690" s="613"/>
      <c r="VGY690" s="613"/>
      <c r="VGZ690" s="613"/>
      <c r="VHA690" s="613"/>
      <c r="VHB690" s="613"/>
      <c r="VHC690" s="613"/>
      <c r="VHD690" s="613"/>
      <c r="VHE690" s="613"/>
      <c r="VHF690" s="613"/>
      <c r="VHG690" s="613"/>
      <c r="VHH690" s="613"/>
      <c r="VHI690" s="613"/>
      <c r="VHJ690" s="613"/>
      <c r="VHK690" s="613"/>
      <c r="VHL690" s="613"/>
      <c r="VHM690" s="613"/>
      <c r="VHN690" s="613"/>
      <c r="VHO690" s="613"/>
      <c r="VHP690" s="613"/>
      <c r="VHQ690" s="613"/>
      <c r="VHR690" s="613"/>
      <c r="VHS690" s="613"/>
      <c r="VHT690" s="613"/>
      <c r="VHU690" s="613"/>
      <c r="VHV690" s="613"/>
      <c r="VHW690" s="613"/>
      <c r="VHX690" s="613"/>
      <c r="VHY690" s="613"/>
      <c r="VHZ690" s="613"/>
      <c r="VIA690" s="613"/>
      <c r="VIB690" s="613"/>
      <c r="VIC690" s="613"/>
      <c r="VID690" s="613"/>
      <c r="VIE690" s="613"/>
      <c r="VIF690" s="613"/>
      <c r="VIG690" s="613"/>
      <c r="VIH690" s="613"/>
      <c r="VII690" s="613"/>
      <c r="VIJ690" s="613"/>
      <c r="VIK690" s="613"/>
      <c r="VIL690" s="613"/>
      <c r="VIM690" s="613"/>
      <c r="VIN690" s="613"/>
      <c r="VIO690" s="613"/>
      <c r="VIP690" s="613"/>
      <c r="VIQ690" s="613"/>
      <c r="VIR690" s="613"/>
      <c r="VIS690" s="613"/>
      <c r="VIT690" s="613"/>
      <c r="VIU690" s="613"/>
      <c r="VIV690" s="613"/>
      <c r="VIW690" s="613"/>
      <c r="VIX690" s="613"/>
      <c r="VIY690" s="613"/>
      <c r="VIZ690" s="613"/>
      <c r="VJA690" s="613"/>
      <c r="VJB690" s="613"/>
      <c r="VJC690" s="613"/>
      <c r="VJD690" s="613"/>
      <c r="VJE690" s="613"/>
      <c r="VJF690" s="613"/>
      <c r="VJG690" s="613"/>
      <c r="VJH690" s="613"/>
      <c r="VJI690" s="613"/>
      <c r="VJJ690" s="613"/>
      <c r="VJK690" s="613"/>
      <c r="VJL690" s="613"/>
      <c r="VJM690" s="613"/>
      <c r="VJN690" s="613"/>
      <c r="VJO690" s="613"/>
      <c r="VJP690" s="613"/>
      <c r="VJQ690" s="613"/>
      <c r="VJR690" s="613"/>
      <c r="VJS690" s="613"/>
      <c r="VJT690" s="613"/>
      <c r="VJU690" s="613"/>
      <c r="VJV690" s="613"/>
      <c r="VJW690" s="613"/>
      <c r="VJX690" s="613"/>
      <c r="VJY690" s="613"/>
      <c r="VJZ690" s="613"/>
      <c r="VKA690" s="613"/>
      <c r="VKB690" s="613"/>
      <c r="VKC690" s="613"/>
      <c r="VKD690" s="613"/>
      <c r="VKE690" s="613"/>
      <c r="VKF690" s="613"/>
      <c r="VKG690" s="613"/>
      <c r="VKH690" s="613"/>
      <c r="VKI690" s="613"/>
      <c r="VKJ690" s="613"/>
      <c r="VKK690" s="613"/>
      <c r="VKL690" s="613"/>
      <c r="VKM690" s="613"/>
      <c r="VKN690" s="613"/>
      <c r="VKO690" s="613"/>
      <c r="VKP690" s="613"/>
      <c r="VKQ690" s="613"/>
      <c r="VKR690" s="613"/>
      <c r="VKS690" s="613"/>
      <c r="VKT690" s="613"/>
      <c r="VKU690" s="613"/>
      <c r="VKV690" s="613"/>
      <c r="VKW690" s="613"/>
      <c r="VKX690" s="613"/>
      <c r="VKY690" s="613"/>
      <c r="VKZ690" s="613"/>
      <c r="VLA690" s="613"/>
      <c r="VLB690" s="613"/>
      <c r="VLC690" s="613"/>
      <c r="VLD690" s="613"/>
      <c r="VLE690" s="613"/>
      <c r="VLF690" s="613"/>
      <c r="VLG690" s="613"/>
      <c r="VLH690" s="613"/>
      <c r="VLI690" s="613"/>
      <c r="VLJ690" s="613"/>
      <c r="VLK690" s="613"/>
      <c r="VLL690" s="613"/>
      <c r="VLM690" s="613"/>
      <c r="VLN690" s="613"/>
      <c r="VLO690" s="613"/>
      <c r="VLP690" s="613"/>
      <c r="VLQ690" s="613"/>
      <c r="VLR690" s="613"/>
      <c r="VLS690" s="613"/>
      <c r="VLT690" s="613"/>
      <c r="VLU690" s="613"/>
      <c r="VLV690" s="613"/>
      <c r="VLW690" s="613"/>
      <c r="VLX690" s="613"/>
      <c r="VLY690" s="613"/>
      <c r="VLZ690" s="613"/>
      <c r="VMA690" s="613"/>
      <c r="VMB690" s="613"/>
      <c r="VMC690" s="613"/>
      <c r="VMD690" s="613"/>
      <c r="VME690" s="613"/>
      <c r="VMF690" s="613"/>
      <c r="VMG690" s="613"/>
      <c r="VMH690" s="613"/>
      <c r="VMI690" s="613"/>
      <c r="VMJ690" s="613"/>
      <c r="VMK690" s="613"/>
      <c r="VML690" s="613"/>
      <c r="VMM690" s="613"/>
      <c r="VMN690" s="613"/>
      <c r="VMO690" s="613"/>
      <c r="VMP690" s="613"/>
      <c r="VMQ690" s="613"/>
      <c r="VMR690" s="613"/>
      <c r="VMS690" s="613"/>
      <c r="VMT690" s="613"/>
      <c r="VMU690" s="613"/>
      <c r="VMV690" s="613"/>
      <c r="VMW690" s="613"/>
      <c r="VMX690" s="613"/>
      <c r="VMY690" s="613"/>
      <c r="VMZ690" s="613"/>
      <c r="VNA690" s="613"/>
      <c r="VNB690" s="613"/>
      <c r="VNC690" s="613"/>
      <c r="VND690" s="613"/>
      <c r="VNE690" s="613"/>
      <c r="VNF690" s="613"/>
      <c r="VNG690" s="613"/>
      <c r="VNH690" s="613"/>
      <c r="VNI690" s="613"/>
      <c r="VNJ690" s="613"/>
      <c r="VNK690" s="613"/>
      <c r="VNL690" s="613"/>
      <c r="VNM690" s="613"/>
      <c r="VNN690" s="613"/>
      <c r="VNO690" s="613"/>
      <c r="VNP690" s="613"/>
      <c r="VNQ690" s="613"/>
      <c r="VNR690" s="613"/>
      <c r="VNS690" s="613"/>
      <c r="VNT690" s="613"/>
      <c r="VNU690" s="613"/>
      <c r="VNV690" s="613"/>
      <c r="VNW690" s="613"/>
      <c r="VNX690" s="613"/>
      <c r="VNY690" s="613"/>
      <c r="VNZ690" s="613"/>
      <c r="VOA690" s="613"/>
      <c r="VOB690" s="613"/>
      <c r="VOC690" s="613"/>
      <c r="VOD690" s="613"/>
      <c r="VOE690" s="613"/>
      <c r="VOF690" s="613"/>
      <c r="VOG690" s="613"/>
      <c r="VOH690" s="613"/>
      <c r="VOI690" s="613"/>
      <c r="VOJ690" s="613"/>
      <c r="VOK690" s="613"/>
      <c r="VOL690" s="613"/>
      <c r="VOM690" s="613"/>
      <c r="VON690" s="613"/>
      <c r="VOO690" s="613"/>
      <c r="VOP690" s="613"/>
      <c r="VOQ690" s="613"/>
      <c r="VOR690" s="613"/>
      <c r="VOS690" s="613"/>
      <c r="VOT690" s="613"/>
      <c r="VOU690" s="613"/>
      <c r="VOV690" s="613"/>
      <c r="VOW690" s="613"/>
      <c r="VOX690" s="613"/>
      <c r="VOY690" s="613"/>
      <c r="VOZ690" s="613"/>
      <c r="VPA690" s="613"/>
      <c r="VPB690" s="613"/>
      <c r="VPC690" s="613"/>
      <c r="VPD690" s="613"/>
      <c r="VPE690" s="613"/>
      <c r="VPF690" s="613"/>
      <c r="VPG690" s="613"/>
      <c r="VPH690" s="613"/>
      <c r="VPI690" s="613"/>
      <c r="VPJ690" s="613"/>
      <c r="VPK690" s="613"/>
      <c r="VPL690" s="613"/>
      <c r="VPM690" s="613"/>
      <c r="VPN690" s="613"/>
      <c r="VPO690" s="613"/>
      <c r="VPP690" s="613"/>
      <c r="VPQ690" s="613"/>
      <c r="VPR690" s="613"/>
      <c r="VPS690" s="613"/>
      <c r="VPT690" s="613"/>
      <c r="VPU690" s="613"/>
      <c r="VPV690" s="613"/>
      <c r="VPW690" s="613"/>
      <c r="VPX690" s="613"/>
      <c r="VPY690" s="613"/>
      <c r="VPZ690" s="613"/>
      <c r="VQA690" s="613"/>
      <c r="VQB690" s="613"/>
      <c r="VQC690" s="613"/>
      <c r="VQD690" s="613"/>
      <c r="VQE690" s="613"/>
      <c r="VQF690" s="613"/>
      <c r="VQG690" s="613"/>
      <c r="VQH690" s="613"/>
      <c r="VQI690" s="613"/>
      <c r="VQJ690" s="613"/>
      <c r="VQK690" s="613"/>
      <c r="VQL690" s="613"/>
      <c r="VQM690" s="613"/>
      <c r="VQN690" s="613"/>
      <c r="VQO690" s="613"/>
      <c r="VQP690" s="613"/>
      <c r="VQQ690" s="613"/>
      <c r="VQR690" s="613"/>
      <c r="VQS690" s="613"/>
      <c r="VQT690" s="613"/>
      <c r="VQU690" s="613"/>
      <c r="VQV690" s="613"/>
      <c r="VQW690" s="613"/>
      <c r="VQX690" s="613"/>
      <c r="VQY690" s="613"/>
      <c r="VQZ690" s="613"/>
      <c r="VRA690" s="613"/>
      <c r="VRB690" s="613"/>
      <c r="VRC690" s="613"/>
      <c r="VRD690" s="613"/>
      <c r="VRE690" s="613"/>
      <c r="VRF690" s="613"/>
      <c r="VRG690" s="613"/>
      <c r="VRH690" s="613"/>
      <c r="VRI690" s="613"/>
      <c r="VRJ690" s="613"/>
      <c r="VRK690" s="613"/>
      <c r="VRL690" s="613"/>
      <c r="VRM690" s="613"/>
      <c r="VRN690" s="613"/>
      <c r="VRO690" s="613"/>
      <c r="VRP690" s="613"/>
      <c r="VRQ690" s="613"/>
      <c r="VRR690" s="613"/>
      <c r="VRS690" s="613"/>
      <c r="VRT690" s="613"/>
      <c r="VRU690" s="613"/>
      <c r="VRV690" s="613"/>
      <c r="VRW690" s="613"/>
      <c r="VRX690" s="613"/>
      <c r="VRY690" s="613"/>
      <c r="VRZ690" s="613"/>
      <c r="VSA690" s="613"/>
      <c r="VSB690" s="613"/>
      <c r="VSC690" s="613"/>
      <c r="VSD690" s="613"/>
      <c r="VSE690" s="613"/>
      <c r="VSF690" s="613"/>
      <c r="VSG690" s="613"/>
      <c r="VSH690" s="613"/>
      <c r="VSI690" s="613"/>
      <c r="VSJ690" s="613"/>
      <c r="VSK690" s="613"/>
      <c r="VSL690" s="613"/>
      <c r="VSM690" s="613"/>
      <c r="VSN690" s="613"/>
      <c r="VSO690" s="613"/>
      <c r="VSP690" s="613"/>
      <c r="VSQ690" s="613"/>
      <c r="VSR690" s="613"/>
      <c r="VSS690" s="613"/>
      <c r="VST690" s="613"/>
      <c r="VSU690" s="613"/>
      <c r="VSV690" s="613"/>
      <c r="VSW690" s="613"/>
      <c r="VSX690" s="613"/>
      <c r="VSY690" s="613"/>
      <c r="VSZ690" s="613"/>
      <c r="VTA690" s="613"/>
      <c r="VTB690" s="613"/>
      <c r="VTC690" s="613"/>
      <c r="VTD690" s="613"/>
      <c r="VTE690" s="613"/>
      <c r="VTF690" s="613"/>
      <c r="VTG690" s="613"/>
      <c r="VTH690" s="613"/>
      <c r="VTI690" s="613"/>
      <c r="VTJ690" s="613"/>
      <c r="VTK690" s="613"/>
      <c r="VTL690" s="613"/>
      <c r="VTM690" s="613"/>
      <c r="VTN690" s="613"/>
      <c r="VTO690" s="613"/>
      <c r="VTP690" s="613"/>
      <c r="VTQ690" s="613"/>
      <c r="VTR690" s="613"/>
      <c r="VTS690" s="613"/>
      <c r="VTT690" s="613"/>
      <c r="VTU690" s="613"/>
      <c r="VTV690" s="613"/>
      <c r="VTW690" s="613"/>
      <c r="VTX690" s="613"/>
      <c r="VTY690" s="613"/>
      <c r="VTZ690" s="613"/>
      <c r="VUA690" s="613"/>
      <c r="VUB690" s="613"/>
      <c r="VUC690" s="613"/>
      <c r="VUD690" s="613"/>
      <c r="VUE690" s="613"/>
      <c r="VUF690" s="613"/>
      <c r="VUG690" s="613"/>
      <c r="VUH690" s="613"/>
      <c r="VUI690" s="613"/>
      <c r="VUJ690" s="613"/>
      <c r="VUK690" s="613"/>
      <c r="VUL690" s="613"/>
      <c r="VUM690" s="613"/>
      <c r="VUN690" s="613"/>
      <c r="VUO690" s="613"/>
      <c r="VUP690" s="613"/>
      <c r="VUQ690" s="613"/>
      <c r="VUR690" s="613"/>
      <c r="VUS690" s="613"/>
      <c r="VUT690" s="613"/>
      <c r="VUU690" s="613"/>
      <c r="VUV690" s="613"/>
      <c r="VUW690" s="613"/>
      <c r="VUX690" s="613"/>
      <c r="VUY690" s="613"/>
      <c r="VUZ690" s="613"/>
      <c r="VVA690" s="613"/>
      <c r="VVB690" s="613"/>
      <c r="VVC690" s="613"/>
      <c r="VVD690" s="613"/>
      <c r="VVE690" s="613"/>
      <c r="VVF690" s="613"/>
      <c r="VVG690" s="613"/>
      <c r="VVH690" s="613"/>
      <c r="VVI690" s="613"/>
      <c r="VVJ690" s="613"/>
      <c r="VVK690" s="613"/>
      <c r="VVL690" s="613"/>
      <c r="VVM690" s="613"/>
      <c r="VVN690" s="613"/>
      <c r="VVO690" s="613"/>
      <c r="VVP690" s="613"/>
      <c r="VVQ690" s="613"/>
      <c r="VVR690" s="613"/>
      <c r="VVS690" s="613"/>
      <c r="VVT690" s="613"/>
      <c r="VVU690" s="613"/>
      <c r="VVV690" s="613"/>
      <c r="VVW690" s="613"/>
      <c r="VVX690" s="613"/>
      <c r="VVY690" s="613"/>
      <c r="VVZ690" s="613"/>
      <c r="VWA690" s="613"/>
      <c r="VWB690" s="613"/>
      <c r="VWC690" s="613"/>
      <c r="VWD690" s="613"/>
      <c r="VWE690" s="613"/>
      <c r="VWF690" s="613"/>
      <c r="VWG690" s="613"/>
      <c r="VWH690" s="613"/>
      <c r="VWI690" s="613"/>
      <c r="VWJ690" s="613"/>
      <c r="VWK690" s="613"/>
      <c r="VWL690" s="613"/>
      <c r="VWM690" s="613"/>
      <c r="VWN690" s="613"/>
      <c r="VWO690" s="613"/>
      <c r="VWP690" s="613"/>
      <c r="VWQ690" s="613"/>
      <c r="VWR690" s="613"/>
      <c r="VWS690" s="613"/>
      <c r="VWT690" s="613"/>
      <c r="VWU690" s="613"/>
      <c r="VWV690" s="613"/>
      <c r="VWW690" s="613"/>
      <c r="VWX690" s="613"/>
      <c r="VWY690" s="613"/>
      <c r="VWZ690" s="613"/>
      <c r="VXA690" s="613"/>
      <c r="VXB690" s="613"/>
      <c r="VXC690" s="613"/>
      <c r="VXD690" s="613"/>
      <c r="VXE690" s="613"/>
      <c r="VXF690" s="613"/>
      <c r="VXG690" s="613"/>
      <c r="VXH690" s="613"/>
      <c r="VXI690" s="613"/>
      <c r="VXJ690" s="613"/>
      <c r="VXK690" s="613"/>
      <c r="VXL690" s="613"/>
      <c r="VXM690" s="613"/>
      <c r="VXN690" s="613"/>
      <c r="VXO690" s="613"/>
      <c r="VXP690" s="613"/>
      <c r="VXQ690" s="613"/>
      <c r="VXR690" s="613"/>
      <c r="VXS690" s="613"/>
      <c r="VXT690" s="613"/>
      <c r="VXU690" s="613"/>
      <c r="VXV690" s="613"/>
      <c r="VXW690" s="613"/>
      <c r="VXX690" s="613"/>
      <c r="VXY690" s="613"/>
      <c r="VXZ690" s="613"/>
      <c r="VYA690" s="613"/>
      <c r="VYB690" s="613"/>
      <c r="VYC690" s="613"/>
      <c r="VYD690" s="613"/>
      <c r="VYE690" s="613"/>
      <c r="VYF690" s="613"/>
      <c r="VYG690" s="613"/>
      <c r="VYH690" s="613"/>
      <c r="VYI690" s="613"/>
      <c r="VYJ690" s="613"/>
      <c r="VYK690" s="613"/>
      <c r="VYL690" s="613"/>
      <c r="VYM690" s="613"/>
      <c r="VYN690" s="613"/>
      <c r="VYO690" s="613"/>
      <c r="VYP690" s="613"/>
      <c r="VYQ690" s="613"/>
      <c r="VYR690" s="613"/>
      <c r="VYS690" s="613"/>
      <c r="VYT690" s="613"/>
      <c r="VYU690" s="613"/>
      <c r="VYV690" s="613"/>
      <c r="VYW690" s="613"/>
      <c r="VYX690" s="613"/>
      <c r="VYY690" s="613"/>
      <c r="VYZ690" s="613"/>
      <c r="VZA690" s="613"/>
      <c r="VZB690" s="613"/>
      <c r="VZC690" s="613"/>
      <c r="VZD690" s="613"/>
      <c r="VZE690" s="613"/>
      <c r="VZF690" s="613"/>
      <c r="VZG690" s="613"/>
      <c r="VZH690" s="613"/>
      <c r="VZI690" s="613"/>
      <c r="VZJ690" s="613"/>
      <c r="VZK690" s="613"/>
      <c r="VZL690" s="613"/>
      <c r="VZM690" s="613"/>
      <c r="VZN690" s="613"/>
      <c r="VZO690" s="613"/>
      <c r="VZP690" s="613"/>
      <c r="VZQ690" s="613"/>
      <c r="VZR690" s="613"/>
      <c r="VZS690" s="613"/>
      <c r="VZT690" s="613"/>
      <c r="VZU690" s="613"/>
      <c r="VZV690" s="613"/>
      <c r="VZW690" s="613"/>
      <c r="VZX690" s="613"/>
      <c r="VZY690" s="613"/>
      <c r="VZZ690" s="613"/>
      <c r="WAA690" s="613"/>
      <c r="WAB690" s="613"/>
      <c r="WAC690" s="613"/>
      <c r="WAD690" s="613"/>
      <c r="WAE690" s="613"/>
      <c r="WAF690" s="613"/>
      <c r="WAG690" s="613"/>
      <c r="WAH690" s="613"/>
      <c r="WAI690" s="613"/>
      <c r="WAJ690" s="613"/>
      <c r="WAK690" s="613"/>
      <c r="WAL690" s="613"/>
      <c r="WAM690" s="613"/>
      <c r="WAN690" s="613"/>
      <c r="WAO690" s="613"/>
      <c r="WAP690" s="613"/>
      <c r="WAQ690" s="613"/>
      <c r="WAR690" s="613"/>
      <c r="WAS690" s="613"/>
      <c r="WAT690" s="613"/>
      <c r="WAU690" s="613"/>
      <c r="WAV690" s="613"/>
      <c r="WAW690" s="613"/>
      <c r="WAX690" s="613"/>
      <c r="WAY690" s="613"/>
      <c r="WAZ690" s="613"/>
      <c r="WBA690" s="613"/>
      <c r="WBB690" s="613"/>
      <c r="WBC690" s="613"/>
      <c r="WBD690" s="613"/>
      <c r="WBE690" s="613"/>
      <c r="WBF690" s="613"/>
      <c r="WBG690" s="613"/>
      <c r="WBH690" s="613"/>
      <c r="WBI690" s="613"/>
      <c r="WBJ690" s="613"/>
      <c r="WBK690" s="613"/>
      <c r="WBL690" s="613"/>
      <c r="WBM690" s="613"/>
      <c r="WBN690" s="613"/>
      <c r="WBO690" s="613"/>
      <c r="WBP690" s="613"/>
      <c r="WBQ690" s="613"/>
      <c r="WBR690" s="613"/>
      <c r="WBS690" s="613"/>
      <c r="WBT690" s="613"/>
      <c r="WBU690" s="613"/>
      <c r="WBV690" s="613"/>
      <c r="WBW690" s="613"/>
      <c r="WBX690" s="613"/>
      <c r="WBY690" s="613"/>
      <c r="WBZ690" s="613"/>
      <c r="WCA690" s="613"/>
      <c r="WCB690" s="613"/>
      <c r="WCC690" s="613"/>
      <c r="WCD690" s="613"/>
      <c r="WCE690" s="613"/>
      <c r="WCF690" s="613"/>
      <c r="WCG690" s="613"/>
      <c r="WCH690" s="613"/>
      <c r="WCI690" s="613"/>
      <c r="WCJ690" s="613"/>
      <c r="WCK690" s="613"/>
      <c r="WCL690" s="613"/>
      <c r="WCM690" s="613"/>
      <c r="WCN690" s="613"/>
      <c r="WCO690" s="613"/>
      <c r="WCP690" s="613"/>
      <c r="WCQ690" s="613"/>
      <c r="WCR690" s="613"/>
      <c r="WCS690" s="613"/>
      <c r="WCT690" s="613"/>
      <c r="WCU690" s="613"/>
      <c r="WCV690" s="613"/>
      <c r="WCW690" s="613"/>
      <c r="WCX690" s="613"/>
      <c r="WCY690" s="613"/>
      <c r="WCZ690" s="613"/>
      <c r="WDA690" s="613"/>
      <c r="WDB690" s="613"/>
      <c r="WDC690" s="613"/>
      <c r="WDD690" s="613"/>
      <c r="WDE690" s="613"/>
      <c r="WDF690" s="613"/>
      <c r="WDG690" s="613"/>
      <c r="WDH690" s="613"/>
      <c r="WDI690" s="613"/>
      <c r="WDJ690" s="613"/>
      <c r="WDK690" s="613"/>
      <c r="WDL690" s="613"/>
      <c r="WDM690" s="613"/>
      <c r="WDN690" s="613"/>
      <c r="WDO690" s="613"/>
      <c r="WDP690" s="613"/>
      <c r="WDQ690" s="613"/>
      <c r="WDR690" s="613"/>
      <c r="WDS690" s="613"/>
      <c r="WDT690" s="613"/>
      <c r="WDU690" s="613"/>
      <c r="WDV690" s="613"/>
      <c r="WDW690" s="613"/>
      <c r="WDX690" s="613"/>
      <c r="WDY690" s="613"/>
      <c r="WDZ690" s="613"/>
      <c r="WEA690" s="613"/>
      <c r="WEB690" s="613"/>
      <c r="WEC690" s="613"/>
      <c r="WED690" s="613"/>
      <c r="WEE690" s="613"/>
      <c r="WEF690" s="613"/>
      <c r="WEG690" s="613"/>
      <c r="WEH690" s="613"/>
      <c r="WEI690" s="613"/>
      <c r="WEJ690" s="613"/>
      <c r="WEK690" s="613"/>
      <c r="WEL690" s="613"/>
      <c r="WEM690" s="613"/>
      <c r="WEN690" s="613"/>
      <c r="WEO690" s="613"/>
      <c r="WEP690" s="613"/>
      <c r="WEQ690" s="613"/>
      <c r="WER690" s="613"/>
      <c r="WES690" s="613"/>
      <c r="WET690" s="613"/>
      <c r="WEU690" s="613"/>
      <c r="WEV690" s="613"/>
      <c r="WEW690" s="613"/>
      <c r="WEX690" s="613"/>
      <c r="WEY690" s="613"/>
      <c r="WEZ690" s="613"/>
      <c r="WFA690" s="613"/>
      <c r="WFB690" s="613"/>
      <c r="WFC690" s="613"/>
      <c r="WFD690" s="613"/>
      <c r="WFE690" s="613"/>
      <c r="WFF690" s="613"/>
      <c r="WFG690" s="613"/>
      <c r="WFH690" s="613"/>
      <c r="WFI690" s="613"/>
      <c r="WFJ690" s="613"/>
      <c r="WFK690" s="613"/>
      <c r="WFL690" s="613"/>
      <c r="WFM690" s="613"/>
      <c r="WFN690" s="613"/>
      <c r="WFO690" s="613"/>
      <c r="WFP690" s="613"/>
      <c r="WFQ690" s="613"/>
      <c r="WFR690" s="613"/>
      <c r="WFS690" s="613"/>
      <c r="WFT690" s="613"/>
      <c r="WFU690" s="613"/>
      <c r="WFV690" s="613"/>
      <c r="WFW690" s="613"/>
      <c r="WFX690" s="613"/>
      <c r="WFY690" s="613"/>
      <c r="WFZ690" s="613"/>
      <c r="WGA690" s="613"/>
      <c r="WGB690" s="613"/>
      <c r="WGC690" s="613"/>
      <c r="WGD690" s="613"/>
      <c r="WGE690" s="613"/>
      <c r="WGF690" s="613"/>
      <c r="WGG690" s="613"/>
      <c r="WGH690" s="613"/>
      <c r="WGI690" s="613"/>
      <c r="WGJ690" s="613"/>
      <c r="WGK690" s="613"/>
      <c r="WGL690" s="613"/>
      <c r="WGM690" s="613"/>
      <c r="WGN690" s="613"/>
      <c r="WGO690" s="613"/>
      <c r="WGP690" s="613"/>
      <c r="WGQ690" s="613"/>
      <c r="WGR690" s="613"/>
      <c r="WGS690" s="613"/>
      <c r="WGT690" s="613"/>
      <c r="WGU690" s="613"/>
      <c r="WGV690" s="613"/>
      <c r="WGW690" s="613"/>
      <c r="WGX690" s="613"/>
      <c r="WGY690" s="613"/>
      <c r="WGZ690" s="613"/>
      <c r="WHA690" s="613"/>
      <c r="WHB690" s="613"/>
      <c r="WHC690" s="613"/>
      <c r="WHD690" s="613"/>
      <c r="WHE690" s="613"/>
      <c r="WHF690" s="613"/>
      <c r="WHG690" s="613"/>
      <c r="WHH690" s="613"/>
      <c r="WHI690" s="613"/>
      <c r="WHJ690" s="613"/>
      <c r="WHK690" s="613"/>
      <c r="WHL690" s="613"/>
      <c r="WHM690" s="613"/>
      <c r="WHN690" s="613"/>
      <c r="WHO690" s="613"/>
      <c r="WHP690" s="613"/>
      <c r="WHQ690" s="613"/>
      <c r="WHR690" s="613"/>
      <c r="WHS690" s="613"/>
      <c r="WHT690" s="613"/>
      <c r="WHU690" s="613"/>
      <c r="WHV690" s="613"/>
      <c r="WHW690" s="613"/>
      <c r="WHX690" s="613"/>
      <c r="WHY690" s="613"/>
      <c r="WHZ690" s="613"/>
      <c r="WIA690" s="613"/>
      <c r="WIB690" s="613"/>
      <c r="WIC690" s="613"/>
      <c r="WID690" s="613"/>
      <c r="WIE690" s="613"/>
      <c r="WIF690" s="613"/>
      <c r="WIG690" s="613"/>
      <c r="WIH690" s="613"/>
      <c r="WII690" s="613"/>
      <c r="WIJ690" s="613"/>
      <c r="WIK690" s="613"/>
      <c r="WIL690" s="613"/>
      <c r="WIM690" s="613"/>
      <c r="WIN690" s="613"/>
      <c r="WIO690" s="613"/>
      <c r="WIP690" s="613"/>
      <c r="WIQ690" s="613"/>
      <c r="WIR690" s="613"/>
      <c r="WIS690" s="613"/>
      <c r="WIT690" s="613"/>
      <c r="WIU690" s="613"/>
      <c r="WIV690" s="613"/>
      <c r="WIW690" s="613"/>
      <c r="WIX690" s="613"/>
      <c r="WIY690" s="613"/>
      <c r="WIZ690" s="613"/>
      <c r="WJA690" s="613"/>
      <c r="WJB690" s="613"/>
      <c r="WJC690" s="613"/>
      <c r="WJD690" s="613"/>
      <c r="WJE690" s="613"/>
      <c r="WJF690" s="613"/>
      <c r="WJG690" s="613"/>
      <c r="WJH690" s="613"/>
      <c r="WJI690" s="613"/>
      <c r="WJJ690" s="613"/>
      <c r="WJK690" s="613"/>
      <c r="WJL690" s="613"/>
      <c r="WJM690" s="613"/>
      <c r="WJN690" s="613"/>
      <c r="WJO690" s="613"/>
      <c r="WJP690" s="613"/>
      <c r="WJQ690" s="613"/>
      <c r="WJR690" s="613"/>
      <c r="WJS690" s="613"/>
      <c r="WJT690" s="613"/>
      <c r="WJU690" s="613"/>
      <c r="WJV690" s="613"/>
      <c r="WJW690" s="613"/>
      <c r="WJX690" s="613"/>
      <c r="WJY690" s="613"/>
      <c r="WJZ690" s="613"/>
      <c r="WKA690" s="613"/>
      <c r="WKB690" s="613"/>
      <c r="WKC690" s="613"/>
      <c r="WKD690" s="613"/>
      <c r="WKE690" s="613"/>
      <c r="WKF690" s="613"/>
      <c r="WKG690" s="613"/>
      <c r="WKH690" s="613"/>
      <c r="WKI690" s="613"/>
      <c r="WKJ690" s="613"/>
      <c r="WKK690" s="613"/>
      <c r="WKL690" s="613"/>
      <c r="WKM690" s="613"/>
      <c r="WKN690" s="613"/>
      <c r="WKO690" s="613"/>
      <c r="WKP690" s="613"/>
      <c r="WKQ690" s="613"/>
      <c r="WKR690" s="613"/>
      <c r="WKS690" s="613"/>
      <c r="WKT690" s="613"/>
      <c r="WKU690" s="613"/>
      <c r="WKV690" s="613"/>
      <c r="WKW690" s="613"/>
      <c r="WKX690" s="613"/>
      <c r="WKY690" s="613"/>
      <c r="WKZ690" s="613"/>
      <c r="WLA690" s="613"/>
      <c r="WLB690" s="613"/>
      <c r="WLC690" s="613"/>
      <c r="WLD690" s="613"/>
      <c r="WLE690" s="613"/>
      <c r="WLF690" s="613"/>
      <c r="WLG690" s="613"/>
      <c r="WLH690" s="613"/>
      <c r="WLI690" s="613"/>
      <c r="WLJ690" s="613"/>
      <c r="WLK690" s="613"/>
      <c r="WLL690" s="613"/>
      <c r="WLM690" s="613"/>
      <c r="WLN690" s="613"/>
      <c r="WLO690" s="613"/>
      <c r="WLP690" s="613"/>
      <c r="WLQ690" s="613"/>
      <c r="WLR690" s="613"/>
      <c r="WLS690" s="613"/>
      <c r="WLT690" s="613"/>
      <c r="WLU690" s="613"/>
      <c r="WLV690" s="613"/>
      <c r="WLW690" s="613"/>
      <c r="WLX690" s="613"/>
      <c r="WLY690" s="613"/>
      <c r="WLZ690" s="613"/>
      <c r="WMA690" s="613"/>
      <c r="WMB690" s="613"/>
      <c r="WMC690" s="613"/>
      <c r="WMD690" s="613"/>
      <c r="WME690" s="613"/>
      <c r="WMF690" s="613"/>
      <c r="WMG690" s="613"/>
      <c r="WMH690" s="613"/>
      <c r="WMI690" s="613"/>
      <c r="WMJ690" s="613"/>
      <c r="WMK690" s="613"/>
      <c r="WML690" s="613"/>
      <c r="WMM690" s="613"/>
      <c r="WMN690" s="613"/>
      <c r="WMO690" s="613"/>
      <c r="WMP690" s="613"/>
      <c r="WMQ690" s="613"/>
      <c r="WMR690" s="613"/>
      <c r="WMS690" s="613"/>
      <c r="WMT690" s="613"/>
      <c r="WMU690" s="613"/>
      <c r="WMV690" s="613"/>
      <c r="WMW690" s="613"/>
      <c r="WMX690" s="613"/>
      <c r="WMY690" s="613"/>
      <c r="WMZ690" s="613"/>
      <c r="WNA690" s="613"/>
      <c r="WNB690" s="613"/>
      <c r="WNC690" s="613"/>
      <c r="WND690" s="613"/>
      <c r="WNE690" s="613"/>
      <c r="WNF690" s="613"/>
      <c r="WNG690" s="613"/>
      <c r="WNH690" s="613"/>
      <c r="WNI690" s="613"/>
      <c r="WNJ690" s="613"/>
      <c r="WNK690" s="613"/>
      <c r="WNL690" s="613"/>
      <c r="WNM690" s="613"/>
      <c r="WNN690" s="613"/>
      <c r="WNO690" s="613"/>
      <c r="WNP690" s="613"/>
      <c r="WNQ690" s="613"/>
      <c r="WNR690" s="613"/>
      <c r="WNS690" s="613"/>
      <c r="WNT690" s="613"/>
      <c r="WNU690" s="613"/>
      <c r="WNV690" s="613"/>
      <c r="WNW690" s="613"/>
      <c r="WNX690" s="613"/>
      <c r="WNY690" s="613"/>
      <c r="WNZ690" s="613"/>
      <c r="WOA690" s="613"/>
      <c r="WOB690" s="613"/>
      <c r="WOC690" s="613"/>
      <c r="WOD690" s="613"/>
      <c r="WOE690" s="613"/>
      <c r="WOF690" s="613"/>
      <c r="WOG690" s="613"/>
      <c r="WOH690" s="613"/>
      <c r="WOI690" s="613"/>
      <c r="WOJ690" s="613"/>
      <c r="WOK690" s="613"/>
      <c r="WOL690" s="613"/>
      <c r="WOM690" s="613"/>
      <c r="WON690" s="613"/>
      <c r="WOO690" s="613"/>
      <c r="WOP690" s="613"/>
      <c r="WOQ690" s="613"/>
      <c r="WOR690" s="613"/>
      <c r="WOS690" s="613"/>
      <c r="WOT690" s="613"/>
      <c r="WOU690" s="613"/>
      <c r="WOV690" s="613"/>
      <c r="WOW690" s="613"/>
      <c r="WOX690" s="613"/>
      <c r="WOY690" s="613"/>
      <c r="WOZ690" s="613"/>
      <c r="WPA690" s="613"/>
      <c r="WPB690" s="613"/>
      <c r="WPC690" s="613"/>
      <c r="WPD690" s="613"/>
      <c r="WPE690" s="613"/>
      <c r="WPF690" s="613"/>
      <c r="WPG690" s="613"/>
      <c r="WPH690" s="613"/>
      <c r="WPI690" s="613"/>
      <c r="WPJ690" s="613"/>
      <c r="WPK690" s="613"/>
      <c r="WPL690" s="613"/>
      <c r="WPM690" s="613"/>
      <c r="WPN690" s="613"/>
      <c r="WPO690" s="613"/>
      <c r="WPP690" s="613"/>
      <c r="WPQ690" s="613"/>
      <c r="WPR690" s="613"/>
      <c r="WPS690" s="613"/>
      <c r="WPT690" s="613"/>
      <c r="WPU690" s="613"/>
      <c r="WPV690" s="613"/>
      <c r="WPW690" s="613"/>
      <c r="WPX690" s="613"/>
      <c r="WPY690" s="613"/>
      <c r="WPZ690" s="613"/>
      <c r="WQA690" s="613"/>
      <c r="WQB690" s="613"/>
      <c r="WQC690" s="613"/>
      <c r="WQD690" s="613"/>
      <c r="WQE690" s="613"/>
      <c r="WQF690" s="613"/>
      <c r="WQG690" s="613"/>
      <c r="WQH690" s="613"/>
      <c r="WQI690" s="613"/>
      <c r="WQJ690" s="613"/>
      <c r="WQK690" s="613"/>
      <c r="WQL690" s="613"/>
      <c r="WQM690" s="613"/>
      <c r="WQN690" s="613"/>
      <c r="WQO690" s="613"/>
      <c r="WQP690" s="613"/>
      <c r="WQQ690" s="613"/>
      <c r="WQR690" s="613"/>
      <c r="WQS690" s="613"/>
      <c r="WQT690" s="613"/>
      <c r="WQU690" s="613"/>
      <c r="WQV690" s="613"/>
      <c r="WQW690" s="613"/>
      <c r="WQX690" s="613"/>
      <c r="WQY690" s="613"/>
      <c r="WQZ690" s="613"/>
      <c r="WRA690" s="613"/>
      <c r="WRB690" s="613"/>
      <c r="WRC690" s="613"/>
      <c r="WRD690" s="613"/>
      <c r="WRE690" s="613"/>
      <c r="WRF690" s="613"/>
      <c r="WRG690" s="613"/>
      <c r="WRH690" s="613"/>
      <c r="WRI690" s="613"/>
      <c r="WRJ690" s="613"/>
      <c r="WRK690" s="613"/>
      <c r="WRL690" s="613"/>
      <c r="WRM690" s="613"/>
      <c r="WRN690" s="613"/>
      <c r="WRO690" s="613"/>
      <c r="WRP690" s="613"/>
      <c r="WRQ690" s="613"/>
      <c r="WRR690" s="613"/>
      <c r="WRS690" s="613"/>
      <c r="WRT690" s="613"/>
      <c r="WRU690" s="613"/>
      <c r="WRV690" s="613"/>
      <c r="WRW690" s="613"/>
      <c r="WRX690" s="613"/>
      <c r="WRY690" s="613"/>
      <c r="WRZ690" s="613"/>
      <c r="WSA690" s="613"/>
      <c r="WSB690" s="613"/>
      <c r="WSC690" s="613"/>
      <c r="WSD690" s="613"/>
      <c r="WSE690" s="613"/>
      <c r="WSF690" s="613"/>
      <c r="WSG690" s="613"/>
      <c r="WSH690" s="613"/>
      <c r="WSI690" s="613"/>
      <c r="WSJ690" s="613"/>
      <c r="WSK690" s="613"/>
      <c r="WSL690" s="613"/>
      <c r="WSM690" s="613"/>
      <c r="WSN690" s="613"/>
      <c r="WSO690" s="613"/>
      <c r="WSP690" s="613"/>
      <c r="WSQ690" s="613"/>
      <c r="WSR690" s="613"/>
      <c r="WSS690" s="613"/>
      <c r="WST690" s="613"/>
      <c r="WSU690" s="613"/>
      <c r="WSV690" s="613"/>
      <c r="WSW690" s="613"/>
      <c r="WSX690" s="613"/>
      <c r="WSY690" s="613"/>
      <c r="WSZ690" s="613"/>
      <c r="WTA690" s="613"/>
      <c r="WTB690" s="613"/>
      <c r="WTC690" s="613"/>
      <c r="WTD690" s="613"/>
      <c r="WTE690" s="613"/>
      <c r="WTF690" s="613"/>
      <c r="WTG690" s="613"/>
      <c r="WTH690" s="613"/>
      <c r="WTI690" s="613"/>
      <c r="WTJ690" s="613"/>
      <c r="WTK690" s="613"/>
      <c r="WTL690" s="613"/>
      <c r="WTM690" s="613"/>
      <c r="WTN690" s="613"/>
      <c r="WTO690" s="613"/>
      <c r="WTP690" s="613"/>
      <c r="WTQ690" s="613"/>
      <c r="WTR690" s="613"/>
      <c r="WTS690" s="613"/>
      <c r="WTT690" s="613"/>
      <c r="WTU690" s="613"/>
      <c r="WTV690" s="613"/>
      <c r="WTW690" s="613"/>
      <c r="WTX690" s="613"/>
      <c r="WTY690" s="613"/>
      <c r="WTZ690" s="613"/>
      <c r="WUA690" s="613"/>
      <c r="WUB690" s="613"/>
      <c r="WUC690" s="613"/>
      <c r="WUD690" s="613"/>
      <c r="WUE690" s="613"/>
      <c r="WUF690" s="613"/>
      <c r="WUG690" s="613"/>
      <c r="WUH690" s="613"/>
      <c r="WUI690" s="613"/>
      <c r="WUJ690" s="613"/>
      <c r="WUK690" s="613"/>
      <c r="WUL690" s="613"/>
      <c r="WUM690" s="613"/>
      <c r="WUN690" s="613"/>
      <c r="WUO690" s="613"/>
      <c r="WUP690" s="613"/>
      <c r="WUQ690" s="613"/>
      <c r="WUR690" s="613"/>
      <c r="WUS690" s="613"/>
      <c r="WUT690" s="613"/>
      <c r="WUU690" s="613"/>
      <c r="WUV690" s="613"/>
      <c r="WUW690" s="613"/>
      <c r="WUX690" s="613"/>
      <c r="WUY690" s="613"/>
      <c r="WUZ690" s="613"/>
      <c r="WVA690" s="613"/>
      <c r="WVB690" s="613"/>
      <c r="WVC690" s="613"/>
      <c r="WVD690" s="613"/>
      <c r="WVE690" s="613"/>
      <c r="WVF690" s="613"/>
      <c r="WVG690" s="613"/>
      <c r="WVH690" s="613"/>
      <c r="WVI690" s="613"/>
      <c r="WVJ690" s="613"/>
      <c r="WVK690" s="613"/>
      <c r="WVL690" s="613"/>
      <c r="WVM690" s="613"/>
      <c r="WVN690" s="613"/>
      <c r="WVO690" s="613"/>
      <c r="WVP690" s="613"/>
      <c r="WVQ690" s="613"/>
      <c r="WVR690" s="613"/>
      <c r="WVS690" s="613"/>
      <c r="WVT690" s="613"/>
      <c r="WVU690" s="613"/>
      <c r="WVV690" s="613"/>
      <c r="WVW690" s="613"/>
      <c r="WVX690" s="613"/>
      <c r="WVY690" s="613"/>
      <c r="WVZ690" s="613"/>
      <c r="WWA690" s="613"/>
      <c r="WWB690" s="613"/>
      <c r="WWC690" s="613"/>
      <c r="WWD690" s="613"/>
      <c r="WWE690" s="613"/>
      <c r="WWF690" s="613"/>
      <c r="WWG690" s="613"/>
      <c r="WWH690" s="613"/>
      <c r="WWI690" s="613"/>
      <c r="WWJ690" s="613"/>
      <c r="WWK690" s="613"/>
      <c r="WWL690" s="613"/>
      <c r="WWM690" s="613"/>
      <c r="WWN690" s="613"/>
      <c r="WWO690" s="613"/>
      <c r="WWP690" s="613"/>
      <c r="WWQ690" s="613"/>
      <c r="WWR690" s="613"/>
      <c r="WWS690" s="613"/>
      <c r="WWT690" s="613"/>
      <c r="WWU690" s="613"/>
      <c r="WWV690" s="613"/>
      <c r="WWW690" s="613"/>
      <c r="WWX690" s="613"/>
      <c r="WWY690" s="613"/>
      <c r="WWZ690" s="613"/>
      <c r="WXA690" s="613"/>
      <c r="WXB690" s="613"/>
      <c r="WXC690" s="613"/>
      <c r="WXD690" s="613"/>
      <c r="WXE690" s="613"/>
      <c r="WXF690" s="613"/>
      <c r="WXG690" s="613"/>
      <c r="WXH690" s="613"/>
      <c r="WXI690" s="613"/>
      <c r="WXJ690" s="613"/>
      <c r="WXK690" s="613"/>
      <c r="WXL690" s="613"/>
      <c r="WXM690" s="613"/>
      <c r="WXN690" s="613"/>
      <c r="WXO690" s="613"/>
      <c r="WXP690" s="613"/>
      <c r="WXQ690" s="613"/>
      <c r="WXR690" s="613"/>
      <c r="WXS690" s="613"/>
      <c r="WXT690" s="613"/>
      <c r="WXU690" s="613"/>
      <c r="WXV690" s="613"/>
      <c r="WXW690" s="613"/>
      <c r="WXX690" s="613"/>
      <c r="WXY690" s="613"/>
      <c r="WXZ690" s="613"/>
      <c r="WYA690" s="613"/>
      <c r="WYB690" s="613"/>
      <c r="WYC690" s="613"/>
      <c r="WYD690" s="613"/>
      <c r="WYE690" s="613"/>
      <c r="WYF690" s="613"/>
      <c r="WYG690" s="613"/>
      <c r="WYH690" s="613"/>
      <c r="WYI690" s="613"/>
      <c r="WYJ690" s="613"/>
      <c r="WYK690" s="613"/>
      <c r="WYL690" s="613"/>
      <c r="WYM690" s="613"/>
      <c r="WYN690" s="613"/>
      <c r="WYO690" s="613"/>
      <c r="WYP690" s="613"/>
      <c r="WYQ690" s="613"/>
      <c r="WYR690" s="613"/>
      <c r="WYS690" s="613"/>
      <c r="WYT690" s="613"/>
      <c r="WYU690" s="613"/>
      <c r="WYV690" s="613"/>
      <c r="WYW690" s="613"/>
      <c r="WYX690" s="613"/>
      <c r="WYY690" s="613"/>
      <c r="WYZ690" s="613"/>
      <c r="WZA690" s="613"/>
      <c r="WZB690" s="613"/>
      <c r="WZC690" s="613"/>
      <c r="WZD690" s="613"/>
      <c r="WZE690" s="613"/>
      <c r="WZF690" s="613"/>
      <c r="WZG690" s="613"/>
      <c r="WZH690" s="613"/>
      <c r="WZI690" s="613"/>
      <c r="WZJ690" s="613"/>
      <c r="WZK690" s="613"/>
      <c r="WZL690" s="613"/>
      <c r="WZM690" s="613"/>
      <c r="WZN690" s="613"/>
      <c r="WZO690" s="613"/>
      <c r="WZP690" s="613"/>
      <c r="WZQ690" s="613"/>
      <c r="WZR690" s="613"/>
      <c r="WZS690" s="613"/>
      <c r="WZT690" s="613"/>
      <c r="WZU690" s="613"/>
      <c r="WZV690" s="613"/>
      <c r="WZW690" s="613"/>
      <c r="WZX690" s="613"/>
      <c r="WZY690" s="613"/>
      <c r="WZZ690" s="613"/>
      <c r="XAA690" s="613"/>
      <c r="XAB690" s="613"/>
      <c r="XAC690" s="613"/>
      <c r="XAD690" s="613"/>
      <c r="XAE690" s="613"/>
      <c r="XAF690" s="613"/>
      <c r="XAG690" s="613"/>
      <c r="XAH690" s="613"/>
      <c r="XAI690" s="613"/>
      <c r="XAJ690" s="613"/>
      <c r="XAK690" s="613"/>
      <c r="XAL690" s="613"/>
      <c r="XAM690" s="613"/>
      <c r="XAN690" s="613"/>
      <c r="XAO690" s="613"/>
      <c r="XAP690" s="613"/>
      <c r="XAQ690" s="613"/>
      <c r="XAR690" s="613"/>
      <c r="XAS690" s="613"/>
      <c r="XAT690" s="613"/>
      <c r="XAU690" s="613"/>
      <c r="XAV690" s="613"/>
      <c r="XAW690" s="613"/>
      <c r="XAX690" s="613"/>
      <c r="XAY690" s="613"/>
      <c r="XAZ690" s="613"/>
      <c r="XBA690" s="613"/>
      <c r="XBB690" s="613"/>
      <c r="XBC690" s="613"/>
      <c r="XBD690" s="613"/>
      <c r="XBE690" s="613"/>
      <c r="XBF690" s="613"/>
      <c r="XBG690" s="613"/>
      <c r="XBH690" s="613"/>
      <c r="XBI690" s="613"/>
      <c r="XBJ690" s="613"/>
      <c r="XBK690" s="613"/>
      <c r="XBL690" s="613"/>
      <c r="XBM690" s="613"/>
      <c r="XBN690" s="613"/>
      <c r="XBO690" s="613"/>
      <c r="XBP690" s="613"/>
      <c r="XBQ690" s="613"/>
      <c r="XBR690" s="613"/>
      <c r="XBS690" s="613"/>
      <c r="XBT690" s="613"/>
      <c r="XBU690" s="613"/>
      <c r="XBV690" s="613"/>
      <c r="XBW690" s="613"/>
      <c r="XBX690" s="613"/>
      <c r="XBY690" s="613"/>
      <c r="XBZ690" s="613"/>
      <c r="XCA690" s="613"/>
      <c r="XCB690" s="613"/>
      <c r="XCC690" s="613"/>
      <c r="XCD690" s="613"/>
      <c r="XCE690" s="613"/>
      <c r="XCF690" s="613"/>
      <c r="XCG690" s="613"/>
      <c r="XCH690" s="613"/>
      <c r="XCI690" s="613"/>
      <c r="XCJ690" s="613"/>
      <c r="XCK690" s="613"/>
      <c r="XCL690" s="613"/>
      <c r="XCM690" s="613"/>
      <c r="XCN690" s="613"/>
      <c r="XCO690" s="613"/>
      <c r="XCP690" s="613"/>
      <c r="XCQ690" s="613"/>
    </row>
    <row r="691" spans="1:16319" ht="56.1" customHeight="1" x14ac:dyDescent="0.2">
      <c r="A691" s="494"/>
      <c r="B691" s="494"/>
      <c r="C691" s="494"/>
      <c r="D691" s="481">
        <v>243</v>
      </c>
      <c r="E691" s="481"/>
      <c r="F691" s="481" t="s">
        <v>2481</v>
      </c>
      <c r="G691" s="482" t="s">
        <v>53</v>
      </c>
      <c r="H691" s="765" t="s">
        <v>329</v>
      </c>
      <c r="I691" s="654" t="s">
        <v>482</v>
      </c>
      <c r="J691" s="654" t="s">
        <v>483</v>
      </c>
      <c r="K691" s="495" t="s">
        <v>495</v>
      </c>
      <c r="L691" s="621"/>
      <c r="M691" s="484" t="s">
        <v>58</v>
      </c>
      <c r="N691" s="327" t="s">
        <v>1360</v>
      </c>
      <c r="O691" s="484" t="s">
        <v>3027</v>
      </c>
      <c r="P691" s="484" t="s">
        <v>81</v>
      </c>
      <c r="Q691" s="667" t="s">
        <v>334</v>
      </c>
      <c r="R691" s="484" t="s">
        <v>334</v>
      </c>
      <c r="S691" s="484" t="s">
        <v>62</v>
      </c>
      <c r="T691" s="484"/>
      <c r="U691" s="620" t="s">
        <v>63</v>
      </c>
      <c r="V691" s="620" t="s">
        <v>63</v>
      </c>
      <c r="W691" s="723">
        <v>845777</v>
      </c>
      <c r="X691" s="723"/>
      <c r="Y691" s="654" t="s">
        <v>226</v>
      </c>
      <c r="Z691" s="654"/>
      <c r="AA691" s="723">
        <v>845777</v>
      </c>
      <c r="AB691" s="652" t="s">
        <v>82</v>
      </c>
      <c r="AC691" s="652"/>
      <c r="AD691" s="487" t="s">
        <v>66</v>
      </c>
      <c r="AE691" s="496"/>
      <c r="AF691" s="496"/>
      <c r="AG691" s="496"/>
      <c r="AH691" s="496"/>
      <c r="AI691" s="496"/>
      <c r="AJ691" s="496"/>
      <c r="AK691" s="496"/>
      <c r="AL691" s="496"/>
      <c r="AM691" s="496"/>
      <c r="AN691" s="496"/>
      <c r="AO691" s="496"/>
      <c r="AP691" s="496"/>
      <c r="AQ691" s="496"/>
      <c r="AR691" s="496"/>
      <c r="AS691" s="496"/>
      <c r="AT691" s="496"/>
      <c r="AU691" s="487"/>
      <c r="AV691" s="487"/>
      <c r="AW691" s="487"/>
      <c r="AX691" s="487"/>
      <c r="AY691" s="487"/>
      <c r="AZ691" s="487"/>
      <c r="BA691" s="484"/>
      <c r="BB691" s="484" t="s">
        <v>485</v>
      </c>
      <c r="BC691" s="484" t="s">
        <v>3041</v>
      </c>
      <c r="BD691" s="494"/>
      <c r="BE691" s="494"/>
      <c r="BF691" s="613"/>
      <c r="BG691" s="613"/>
      <c r="BH691" s="613"/>
      <c r="BI691" s="613"/>
      <c r="BJ691" s="613"/>
      <c r="BK691" s="613"/>
      <c r="BL691" s="613"/>
      <c r="BM691" s="613"/>
      <c r="BN691" s="613"/>
      <c r="BO691" s="613"/>
      <c r="BP691" s="613"/>
      <c r="BQ691" s="613"/>
      <c r="BR691" s="613"/>
      <c r="BS691" s="613"/>
      <c r="BT691" s="613"/>
      <c r="BU691" s="613"/>
      <c r="BV691" s="613"/>
      <c r="BW691" s="613"/>
      <c r="BX691" s="613"/>
      <c r="BY691" s="613"/>
      <c r="BZ691" s="613"/>
      <c r="CA691" s="613"/>
      <c r="CB691" s="613"/>
      <c r="CC691" s="613"/>
      <c r="CD691" s="613"/>
      <c r="CE691" s="613"/>
      <c r="CF691" s="613"/>
      <c r="CG691" s="613"/>
      <c r="CH691" s="613"/>
      <c r="CI691" s="613"/>
      <c r="CJ691" s="613"/>
      <c r="CK691" s="613"/>
      <c r="CL691" s="613"/>
      <c r="CM691" s="613"/>
      <c r="CN691" s="613"/>
      <c r="CO691" s="613"/>
      <c r="CP691" s="613"/>
      <c r="CQ691" s="613"/>
      <c r="CR691" s="613"/>
      <c r="CS691" s="613"/>
      <c r="CT691" s="613"/>
      <c r="CU691" s="613"/>
      <c r="CV691" s="613"/>
      <c r="CW691" s="613"/>
      <c r="CX691" s="613"/>
      <c r="CY691" s="613"/>
      <c r="CZ691" s="613"/>
      <c r="DA691" s="613"/>
      <c r="DB691" s="613"/>
      <c r="DC691" s="613"/>
      <c r="DD691" s="613"/>
      <c r="DE691" s="613"/>
      <c r="DF691" s="613"/>
      <c r="DG691" s="613"/>
      <c r="DH691" s="613"/>
      <c r="DI691" s="613"/>
      <c r="DJ691" s="613"/>
      <c r="DK691" s="613"/>
      <c r="DL691" s="613"/>
      <c r="DM691" s="613"/>
      <c r="DN691" s="613"/>
      <c r="DO691" s="613"/>
      <c r="DP691" s="613"/>
      <c r="DQ691" s="613"/>
      <c r="DR691" s="613"/>
      <c r="DS691" s="613"/>
      <c r="DT691" s="613"/>
      <c r="DU691" s="613"/>
      <c r="DV691" s="613"/>
      <c r="DW691" s="613"/>
      <c r="DX691" s="613"/>
      <c r="DY691" s="613"/>
      <c r="DZ691" s="613"/>
      <c r="EA691" s="613"/>
      <c r="EB691" s="613"/>
      <c r="EC691" s="613"/>
      <c r="ED691" s="613"/>
      <c r="EE691" s="613"/>
      <c r="EF691" s="613"/>
      <c r="EG691" s="613"/>
      <c r="EH691" s="613"/>
      <c r="EI691" s="613"/>
      <c r="EJ691" s="613"/>
      <c r="EK691" s="613"/>
      <c r="EL691" s="613"/>
      <c r="EM691" s="613"/>
      <c r="EN691" s="613"/>
      <c r="EO691" s="613"/>
      <c r="EP691" s="613"/>
      <c r="EQ691" s="613"/>
      <c r="ER691" s="613"/>
      <c r="ES691" s="613"/>
      <c r="ET691" s="613"/>
      <c r="EU691" s="613"/>
      <c r="EV691" s="613"/>
      <c r="EW691" s="613"/>
      <c r="EX691" s="613"/>
      <c r="EY691" s="613"/>
      <c r="EZ691" s="613"/>
      <c r="FA691" s="613"/>
      <c r="FB691" s="613"/>
      <c r="FC691" s="613"/>
      <c r="FD691" s="613"/>
      <c r="FE691" s="613"/>
      <c r="FF691" s="613"/>
      <c r="FG691" s="613"/>
      <c r="FH691" s="613"/>
      <c r="FI691" s="613"/>
      <c r="FJ691" s="613"/>
      <c r="FK691" s="613"/>
      <c r="FL691" s="613"/>
      <c r="FM691" s="613"/>
      <c r="FN691" s="613"/>
      <c r="FO691" s="613"/>
      <c r="FP691" s="613"/>
      <c r="FQ691" s="613"/>
      <c r="FR691" s="613"/>
      <c r="FS691" s="613"/>
      <c r="FT691" s="613"/>
      <c r="FU691" s="613"/>
      <c r="FV691" s="613"/>
      <c r="FW691" s="613"/>
      <c r="FX691" s="613"/>
      <c r="FY691" s="613"/>
      <c r="FZ691" s="613"/>
      <c r="GA691" s="613"/>
      <c r="GB691" s="613"/>
      <c r="GC691" s="613"/>
      <c r="GD691" s="613"/>
      <c r="GE691" s="613"/>
      <c r="GF691" s="613"/>
      <c r="GG691" s="613"/>
      <c r="GH691" s="613"/>
      <c r="GI691" s="613"/>
      <c r="GJ691" s="613"/>
      <c r="GK691" s="613"/>
      <c r="GL691" s="613"/>
      <c r="GM691" s="613"/>
      <c r="GN691" s="613"/>
      <c r="GO691" s="613"/>
      <c r="GP691" s="613"/>
      <c r="GQ691" s="613"/>
      <c r="GR691" s="613"/>
      <c r="GS691" s="613"/>
      <c r="GT691" s="613"/>
      <c r="GU691" s="613"/>
      <c r="GV691" s="613"/>
      <c r="GW691" s="613"/>
      <c r="GX691" s="613"/>
      <c r="GY691" s="613"/>
      <c r="GZ691" s="613"/>
      <c r="HA691" s="613"/>
      <c r="HB691" s="613"/>
      <c r="HC691" s="613"/>
      <c r="HD691" s="613"/>
      <c r="HE691" s="613"/>
      <c r="HF691" s="613"/>
      <c r="HG691" s="613"/>
      <c r="HH691" s="613"/>
      <c r="HI691" s="613"/>
      <c r="HJ691" s="613"/>
      <c r="HK691" s="613"/>
      <c r="HL691" s="613"/>
      <c r="HM691" s="613"/>
      <c r="HN691" s="613"/>
      <c r="HO691" s="613"/>
      <c r="HP691" s="613"/>
      <c r="HQ691" s="613"/>
      <c r="HR691" s="613"/>
      <c r="HS691" s="613"/>
      <c r="HT691" s="613"/>
      <c r="HU691" s="613"/>
      <c r="HV691" s="613"/>
      <c r="HW691" s="613"/>
      <c r="HX691" s="613"/>
      <c r="HY691" s="613"/>
      <c r="HZ691" s="613"/>
      <c r="IA691" s="613"/>
      <c r="IB691" s="613"/>
      <c r="IC691" s="613"/>
      <c r="ID691" s="613"/>
      <c r="IE691" s="613"/>
      <c r="IF691" s="613"/>
      <c r="IG691" s="613"/>
      <c r="IH691" s="613"/>
      <c r="II691" s="613"/>
      <c r="IJ691" s="613"/>
      <c r="IK691" s="613"/>
      <c r="IL691" s="613"/>
      <c r="IM691" s="613"/>
      <c r="IN691" s="613"/>
      <c r="IO691" s="613"/>
      <c r="IP691" s="613"/>
      <c r="IQ691" s="613"/>
      <c r="IR691" s="613"/>
      <c r="IS691" s="613"/>
      <c r="IT691" s="613"/>
      <c r="IU691" s="613"/>
      <c r="IV691" s="613"/>
      <c r="IW691" s="613"/>
      <c r="IX691" s="613"/>
      <c r="IY691" s="613"/>
      <c r="IZ691" s="613"/>
      <c r="JA691" s="613"/>
      <c r="JB691" s="613"/>
      <c r="JC691" s="613"/>
      <c r="JD691" s="613"/>
      <c r="JE691" s="613"/>
      <c r="JF691" s="613"/>
      <c r="JG691" s="613"/>
      <c r="JH691" s="613"/>
      <c r="JI691" s="613"/>
      <c r="JJ691" s="613"/>
      <c r="JK691" s="613"/>
      <c r="JL691" s="613"/>
      <c r="JM691" s="613"/>
      <c r="JN691" s="613"/>
      <c r="JO691" s="613"/>
      <c r="JP691" s="613"/>
      <c r="JQ691" s="613"/>
      <c r="JR691" s="613"/>
      <c r="JS691" s="613"/>
      <c r="JT691" s="613"/>
      <c r="JU691" s="613"/>
      <c r="JV691" s="613"/>
      <c r="JW691" s="613"/>
      <c r="JX691" s="613"/>
      <c r="JY691" s="613"/>
      <c r="JZ691" s="613"/>
      <c r="KA691" s="613"/>
      <c r="KB691" s="613"/>
      <c r="KC691" s="613"/>
      <c r="KD691" s="613"/>
      <c r="KE691" s="613"/>
      <c r="KF691" s="613"/>
      <c r="KG691" s="613"/>
      <c r="KH691" s="613"/>
      <c r="KI691" s="613"/>
      <c r="KJ691" s="613"/>
      <c r="KK691" s="613"/>
      <c r="KL691" s="613"/>
      <c r="KM691" s="613"/>
      <c r="KN691" s="613"/>
      <c r="KO691" s="613"/>
      <c r="KP691" s="613"/>
      <c r="KQ691" s="613"/>
      <c r="KR691" s="613"/>
      <c r="KS691" s="613"/>
      <c r="KT691" s="613"/>
      <c r="KU691" s="613"/>
      <c r="KV691" s="613"/>
      <c r="KW691" s="613"/>
      <c r="KX691" s="613"/>
      <c r="KY691" s="613"/>
      <c r="KZ691" s="613"/>
      <c r="LA691" s="613"/>
      <c r="LB691" s="613"/>
      <c r="LC691" s="613"/>
      <c r="LD691" s="613"/>
      <c r="LE691" s="613"/>
      <c r="LF691" s="613"/>
      <c r="LG691" s="613"/>
      <c r="LH691" s="613"/>
      <c r="LI691" s="613"/>
      <c r="LJ691" s="613"/>
      <c r="LK691" s="613"/>
      <c r="LL691" s="613"/>
      <c r="LM691" s="613"/>
      <c r="LN691" s="613"/>
      <c r="LO691" s="613"/>
      <c r="LP691" s="613"/>
      <c r="LQ691" s="613"/>
      <c r="LR691" s="613"/>
      <c r="LS691" s="613"/>
      <c r="LT691" s="613"/>
      <c r="LU691" s="613"/>
      <c r="LV691" s="613"/>
      <c r="LW691" s="613"/>
      <c r="LX691" s="613"/>
      <c r="LY691" s="613"/>
      <c r="LZ691" s="613"/>
      <c r="MA691" s="613"/>
      <c r="MB691" s="613"/>
      <c r="MC691" s="613"/>
      <c r="MD691" s="613"/>
      <c r="ME691" s="613"/>
      <c r="MF691" s="613"/>
      <c r="MG691" s="613"/>
      <c r="MH691" s="613"/>
      <c r="MI691" s="613"/>
      <c r="MJ691" s="613"/>
      <c r="MK691" s="613"/>
      <c r="ML691" s="613"/>
      <c r="MM691" s="613"/>
      <c r="MN691" s="613"/>
      <c r="MO691" s="613"/>
      <c r="MP691" s="613"/>
      <c r="MQ691" s="613"/>
      <c r="MR691" s="613"/>
      <c r="MS691" s="613"/>
      <c r="MT691" s="613"/>
      <c r="MU691" s="613"/>
      <c r="MV691" s="613"/>
      <c r="MW691" s="613"/>
      <c r="MX691" s="613"/>
      <c r="MY691" s="613"/>
      <c r="MZ691" s="613"/>
      <c r="NA691" s="613"/>
      <c r="NB691" s="613"/>
      <c r="NC691" s="613"/>
      <c r="ND691" s="613"/>
      <c r="NE691" s="613"/>
      <c r="NF691" s="613"/>
      <c r="NG691" s="613"/>
      <c r="NH691" s="613"/>
      <c r="NI691" s="613"/>
      <c r="NJ691" s="613"/>
      <c r="NK691" s="613"/>
      <c r="NL691" s="613"/>
      <c r="NM691" s="613"/>
      <c r="NN691" s="613"/>
      <c r="NO691" s="613"/>
      <c r="NP691" s="613"/>
      <c r="NQ691" s="613"/>
      <c r="NR691" s="613"/>
      <c r="NS691" s="613"/>
      <c r="NT691" s="613"/>
      <c r="NU691" s="613"/>
      <c r="NV691" s="613"/>
      <c r="NW691" s="613"/>
      <c r="NX691" s="613"/>
      <c r="NY691" s="613"/>
      <c r="NZ691" s="613"/>
      <c r="OA691" s="613"/>
      <c r="OB691" s="613"/>
      <c r="OC691" s="613"/>
      <c r="OD691" s="613"/>
      <c r="OE691" s="613"/>
      <c r="OF691" s="613"/>
      <c r="OG691" s="613"/>
      <c r="OH691" s="613"/>
      <c r="OI691" s="613"/>
      <c r="OJ691" s="613"/>
      <c r="OK691" s="613"/>
      <c r="OL691" s="613"/>
      <c r="OM691" s="613"/>
      <c r="ON691" s="613"/>
      <c r="OO691" s="613"/>
      <c r="OP691" s="613"/>
      <c r="OQ691" s="613"/>
      <c r="OR691" s="613"/>
      <c r="OS691" s="613"/>
      <c r="OT691" s="613"/>
      <c r="OU691" s="613"/>
      <c r="OV691" s="613"/>
      <c r="OW691" s="613"/>
      <c r="OX691" s="613"/>
      <c r="OY691" s="613"/>
      <c r="OZ691" s="613"/>
      <c r="PA691" s="613"/>
      <c r="PB691" s="613"/>
      <c r="PC691" s="613"/>
      <c r="PD691" s="613"/>
      <c r="PE691" s="613"/>
      <c r="PF691" s="613"/>
      <c r="PG691" s="613"/>
      <c r="PH691" s="613"/>
      <c r="PI691" s="613"/>
      <c r="PJ691" s="613"/>
      <c r="PK691" s="613"/>
      <c r="PL691" s="613"/>
      <c r="PM691" s="613"/>
      <c r="PN691" s="613"/>
      <c r="PO691" s="613"/>
      <c r="PP691" s="613"/>
      <c r="PQ691" s="613"/>
      <c r="PR691" s="613"/>
      <c r="PS691" s="613"/>
      <c r="PT691" s="613"/>
      <c r="PU691" s="613"/>
      <c r="PV691" s="613"/>
      <c r="PW691" s="613"/>
      <c r="PX691" s="613"/>
      <c r="PY691" s="613"/>
      <c r="PZ691" s="613"/>
      <c r="QA691" s="613"/>
      <c r="QB691" s="613"/>
      <c r="QC691" s="613"/>
      <c r="QD691" s="613"/>
      <c r="QE691" s="613"/>
      <c r="QF691" s="613"/>
      <c r="QG691" s="613"/>
      <c r="QH691" s="613"/>
      <c r="QI691" s="613"/>
      <c r="QJ691" s="613"/>
      <c r="QK691" s="613"/>
      <c r="QL691" s="613"/>
      <c r="QM691" s="613"/>
      <c r="QN691" s="613"/>
      <c r="QO691" s="613"/>
      <c r="QP691" s="613"/>
      <c r="QQ691" s="613"/>
      <c r="QR691" s="613"/>
      <c r="QS691" s="613"/>
      <c r="QT691" s="613"/>
      <c r="QU691" s="613"/>
      <c r="QV691" s="613"/>
      <c r="QW691" s="613"/>
      <c r="QX691" s="613"/>
      <c r="QY691" s="613"/>
      <c r="QZ691" s="613"/>
      <c r="RA691" s="613"/>
      <c r="RB691" s="613"/>
      <c r="RC691" s="613"/>
      <c r="RD691" s="613"/>
      <c r="RE691" s="613"/>
      <c r="RF691" s="613"/>
      <c r="RG691" s="613"/>
      <c r="RH691" s="613"/>
      <c r="RI691" s="613"/>
      <c r="RJ691" s="613"/>
      <c r="RK691" s="613"/>
      <c r="RL691" s="613"/>
      <c r="RM691" s="613"/>
      <c r="RN691" s="613"/>
      <c r="RO691" s="613"/>
      <c r="RP691" s="613"/>
      <c r="RQ691" s="613"/>
      <c r="RR691" s="613"/>
      <c r="RS691" s="613"/>
      <c r="RT691" s="613"/>
      <c r="RU691" s="613"/>
      <c r="RV691" s="613"/>
      <c r="RW691" s="613"/>
      <c r="RX691" s="613"/>
      <c r="RY691" s="613"/>
      <c r="RZ691" s="613"/>
      <c r="SA691" s="613"/>
      <c r="SB691" s="613"/>
      <c r="SC691" s="613"/>
      <c r="SD691" s="613"/>
      <c r="SE691" s="613"/>
      <c r="SF691" s="613"/>
      <c r="SG691" s="613"/>
      <c r="SH691" s="613"/>
      <c r="SI691" s="613"/>
      <c r="SJ691" s="613"/>
      <c r="SK691" s="613"/>
      <c r="SL691" s="613"/>
      <c r="SM691" s="613"/>
      <c r="SN691" s="613"/>
      <c r="SO691" s="613"/>
      <c r="SP691" s="613"/>
      <c r="SQ691" s="613"/>
      <c r="SR691" s="613"/>
      <c r="SS691" s="613"/>
      <c r="ST691" s="613"/>
      <c r="SU691" s="613"/>
      <c r="SV691" s="613"/>
      <c r="SW691" s="613"/>
      <c r="SX691" s="613"/>
      <c r="SY691" s="613"/>
      <c r="SZ691" s="613"/>
      <c r="TA691" s="613"/>
      <c r="TB691" s="613"/>
      <c r="TC691" s="613"/>
      <c r="TD691" s="613"/>
      <c r="TE691" s="613"/>
      <c r="TF691" s="613"/>
      <c r="TG691" s="613"/>
      <c r="TH691" s="613"/>
      <c r="TI691" s="613"/>
      <c r="TJ691" s="613"/>
      <c r="TK691" s="613"/>
      <c r="TL691" s="613"/>
      <c r="TM691" s="613"/>
      <c r="TN691" s="613"/>
      <c r="TO691" s="613"/>
      <c r="TP691" s="613"/>
      <c r="TQ691" s="613"/>
      <c r="TR691" s="613"/>
      <c r="TS691" s="613"/>
      <c r="TT691" s="613"/>
      <c r="TU691" s="613"/>
      <c r="TV691" s="613"/>
      <c r="TW691" s="613"/>
      <c r="TX691" s="613"/>
      <c r="TY691" s="613"/>
      <c r="TZ691" s="613"/>
      <c r="UA691" s="613"/>
      <c r="UB691" s="613"/>
      <c r="UC691" s="613"/>
      <c r="UD691" s="613"/>
      <c r="UE691" s="613"/>
      <c r="UF691" s="613"/>
      <c r="UG691" s="613"/>
      <c r="UH691" s="613"/>
      <c r="UI691" s="613"/>
      <c r="UJ691" s="613"/>
      <c r="UK691" s="613"/>
      <c r="UL691" s="613"/>
      <c r="UM691" s="613"/>
      <c r="UN691" s="613"/>
      <c r="UO691" s="613"/>
      <c r="UP691" s="613"/>
      <c r="UQ691" s="613"/>
      <c r="UR691" s="613"/>
      <c r="US691" s="613"/>
      <c r="UT691" s="613"/>
      <c r="UU691" s="613"/>
      <c r="UV691" s="613"/>
      <c r="UW691" s="613"/>
      <c r="UX691" s="613"/>
      <c r="UY691" s="613"/>
      <c r="UZ691" s="613"/>
      <c r="VA691" s="613"/>
      <c r="VB691" s="613"/>
      <c r="VC691" s="613"/>
      <c r="VD691" s="613"/>
      <c r="VE691" s="613"/>
      <c r="VF691" s="613"/>
      <c r="VG691" s="613"/>
      <c r="VH691" s="613"/>
      <c r="VI691" s="613"/>
      <c r="VJ691" s="613"/>
      <c r="VK691" s="613"/>
      <c r="VL691" s="613"/>
      <c r="VM691" s="613"/>
      <c r="VN691" s="613"/>
      <c r="VO691" s="613"/>
      <c r="VP691" s="613"/>
      <c r="VQ691" s="613"/>
      <c r="VR691" s="613"/>
      <c r="VS691" s="613"/>
      <c r="VT691" s="613"/>
      <c r="VU691" s="613"/>
      <c r="VV691" s="613"/>
      <c r="VW691" s="613"/>
      <c r="VX691" s="613"/>
      <c r="VY691" s="613"/>
      <c r="VZ691" s="613"/>
      <c r="WA691" s="613"/>
      <c r="WB691" s="613"/>
      <c r="WC691" s="613"/>
      <c r="WD691" s="613"/>
      <c r="WE691" s="613"/>
      <c r="WF691" s="613"/>
      <c r="WG691" s="613"/>
      <c r="WH691" s="613"/>
      <c r="WI691" s="613"/>
      <c r="WJ691" s="613"/>
      <c r="WK691" s="613"/>
      <c r="WL691" s="613"/>
      <c r="WM691" s="613"/>
      <c r="WN691" s="613"/>
      <c r="WO691" s="613"/>
      <c r="WP691" s="613"/>
      <c r="WQ691" s="613"/>
      <c r="WR691" s="613"/>
      <c r="WS691" s="613"/>
      <c r="WT691" s="613"/>
      <c r="WU691" s="613"/>
      <c r="WV691" s="613"/>
      <c r="WW691" s="613"/>
      <c r="WX691" s="613"/>
      <c r="WY691" s="613"/>
      <c r="WZ691" s="613"/>
      <c r="XA691" s="613"/>
      <c r="XB691" s="613"/>
      <c r="XC691" s="613"/>
      <c r="XD691" s="613"/>
      <c r="XE691" s="613"/>
      <c r="XF691" s="613"/>
      <c r="XG691" s="613"/>
      <c r="XH691" s="613"/>
      <c r="XI691" s="613"/>
      <c r="XJ691" s="613"/>
      <c r="XK691" s="613"/>
      <c r="XL691" s="613"/>
      <c r="XM691" s="613"/>
      <c r="XN691" s="613"/>
      <c r="XO691" s="613"/>
      <c r="XP691" s="613"/>
      <c r="XQ691" s="613"/>
      <c r="XR691" s="613"/>
      <c r="XS691" s="613"/>
      <c r="XT691" s="613"/>
      <c r="XU691" s="613"/>
      <c r="XV691" s="613"/>
      <c r="XW691" s="613"/>
      <c r="XX691" s="613"/>
      <c r="XY691" s="613"/>
      <c r="XZ691" s="613"/>
      <c r="YA691" s="613"/>
      <c r="YB691" s="613"/>
      <c r="YC691" s="613"/>
      <c r="YD691" s="613"/>
      <c r="YE691" s="613"/>
      <c r="YF691" s="613"/>
      <c r="YG691" s="613"/>
      <c r="YH691" s="613"/>
      <c r="YI691" s="613"/>
      <c r="YJ691" s="613"/>
      <c r="YK691" s="613"/>
      <c r="YL691" s="613"/>
      <c r="YM691" s="613"/>
      <c r="YN691" s="613"/>
      <c r="YO691" s="613"/>
      <c r="YP691" s="613"/>
      <c r="YQ691" s="613"/>
      <c r="YR691" s="613"/>
      <c r="YS691" s="613"/>
      <c r="YT691" s="613"/>
      <c r="YU691" s="613"/>
      <c r="YV691" s="613"/>
      <c r="YW691" s="613"/>
      <c r="YX691" s="613"/>
      <c r="YY691" s="613"/>
      <c r="YZ691" s="613"/>
      <c r="ZA691" s="613"/>
      <c r="ZB691" s="613"/>
      <c r="ZC691" s="613"/>
      <c r="ZD691" s="613"/>
      <c r="ZE691" s="613"/>
      <c r="ZF691" s="613"/>
      <c r="ZG691" s="613"/>
      <c r="ZH691" s="613"/>
      <c r="ZI691" s="613"/>
      <c r="ZJ691" s="613"/>
      <c r="ZK691" s="613"/>
      <c r="ZL691" s="613"/>
      <c r="ZM691" s="613"/>
      <c r="ZN691" s="613"/>
      <c r="ZO691" s="613"/>
      <c r="ZP691" s="613"/>
      <c r="ZQ691" s="613"/>
      <c r="ZR691" s="613"/>
      <c r="ZS691" s="613"/>
      <c r="ZT691" s="613"/>
      <c r="ZU691" s="613"/>
      <c r="ZV691" s="613"/>
      <c r="ZW691" s="613"/>
      <c r="ZX691" s="613"/>
      <c r="ZY691" s="613"/>
      <c r="ZZ691" s="613"/>
      <c r="AAA691" s="613"/>
      <c r="AAB691" s="613"/>
      <c r="AAC691" s="613"/>
      <c r="AAD691" s="613"/>
      <c r="AAE691" s="613"/>
      <c r="AAF691" s="613"/>
      <c r="AAG691" s="613"/>
      <c r="AAH691" s="613"/>
      <c r="AAI691" s="613"/>
      <c r="AAJ691" s="613"/>
      <c r="AAK691" s="613"/>
      <c r="AAL691" s="613"/>
      <c r="AAM691" s="613"/>
      <c r="AAN691" s="613"/>
      <c r="AAO691" s="613"/>
      <c r="AAP691" s="613"/>
      <c r="AAQ691" s="613"/>
      <c r="AAR691" s="613"/>
      <c r="AAS691" s="613"/>
      <c r="AAT691" s="613"/>
      <c r="AAU691" s="613"/>
      <c r="AAV691" s="613"/>
      <c r="AAW691" s="613"/>
      <c r="AAX691" s="613"/>
      <c r="AAY691" s="613"/>
      <c r="AAZ691" s="613"/>
      <c r="ABA691" s="613"/>
      <c r="ABB691" s="613"/>
      <c r="ABC691" s="613"/>
      <c r="ABD691" s="613"/>
      <c r="ABE691" s="613"/>
      <c r="ABF691" s="613"/>
      <c r="ABG691" s="613"/>
      <c r="ABH691" s="613"/>
      <c r="ABI691" s="613"/>
      <c r="ABJ691" s="613"/>
      <c r="ABK691" s="613"/>
      <c r="ABL691" s="613"/>
      <c r="ABM691" s="613"/>
      <c r="ABN691" s="613"/>
      <c r="ABO691" s="613"/>
      <c r="ABP691" s="613"/>
      <c r="ABQ691" s="613"/>
      <c r="ABR691" s="613"/>
      <c r="ABS691" s="613"/>
      <c r="ABT691" s="613"/>
      <c r="ABU691" s="613"/>
      <c r="ABV691" s="613"/>
      <c r="ABW691" s="613"/>
      <c r="ABX691" s="613"/>
      <c r="ABY691" s="613"/>
      <c r="ABZ691" s="613"/>
      <c r="ACA691" s="613"/>
      <c r="ACB691" s="613"/>
      <c r="ACC691" s="613"/>
      <c r="ACD691" s="613"/>
      <c r="ACE691" s="613"/>
      <c r="ACF691" s="613"/>
      <c r="ACG691" s="613"/>
      <c r="ACH691" s="613"/>
      <c r="ACI691" s="613"/>
      <c r="ACJ691" s="613"/>
      <c r="ACK691" s="613"/>
      <c r="ACL691" s="613"/>
      <c r="ACM691" s="613"/>
      <c r="ACN691" s="613"/>
      <c r="ACO691" s="613"/>
      <c r="ACP691" s="613"/>
      <c r="ACQ691" s="613"/>
      <c r="ACR691" s="613"/>
      <c r="ACS691" s="613"/>
      <c r="ACT691" s="613"/>
      <c r="ACU691" s="613"/>
      <c r="ACV691" s="613"/>
      <c r="ACW691" s="613"/>
      <c r="ACX691" s="613"/>
      <c r="ACY691" s="613"/>
      <c r="ACZ691" s="613"/>
      <c r="ADA691" s="613"/>
      <c r="ADB691" s="613"/>
      <c r="ADC691" s="613"/>
      <c r="ADD691" s="613"/>
      <c r="ADE691" s="613"/>
      <c r="ADF691" s="613"/>
      <c r="ADG691" s="613"/>
      <c r="ADH691" s="613"/>
      <c r="ADI691" s="613"/>
      <c r="ADJ691" s="613"/>
      <c r="ADK691" s="613"/>
      <c r="ADL691" s="613"/>
      <c r="ADM691" s="613"/>
      <c r="ADN691" s="613"/>
      <c r="ADO691" s="613"/>
      <c r="ADP691" s="613"/>
      <c r="ADQ691" s="613"/>
      <c r="ADR691" s="613"/>
      <c r="ADS691" s="613"/>
      <c r="ADT691" s="613"/>
      <c r="ADU691" s="613"/>
      <c r="ADV691" s="613"/>
      <c r="ADW691" s="613"/>
      <c r="ADX691" s="613"/>
      <c r="ADY691" s="613"/>
      <c r="ADZ691" s="613"/>
      <c r="AEA691" s="613"/>
      <c r="AEB691" s="613"/>
      <c r="AEC691" s="613"/>
      <c r="AED691" s="613"/>
      <c r="AEE691" s="613"/>
      <c r="AEF691" s="613"/>
      <c r="AEG691" s="613"/>
      <c r="AEH691" s="613"/>
      <c r="AEI691" s="613"/>
      <c r="AEJ691" s="613"/>
      <c r="AEK691" s="613"/>
      <c r="AEL691" s="613"/>
      <c r="AEM691" s="613"/>
      <c r="AEN691" s="613"/>
      <c r="AEO691" s="613"/>
      <c r="AEP691" s="613"/>
      <c r="AEQ691" s="613"/>
      <c r="AER691" s="613"/>
      <c r="AES691" s="613"/>
      <c r="AET691" s="613"/>
      <c r="AEU691" s="613"/>
      <c r="AEV691" s="613"/>
      <c r="AEW691" s="613"/>
      <c r="AEX691" s="613"/>
      <c r="AEY691" s="613"/>
      <c r="AEZ691" s="613"/>
      <c r="AFA691" s="613"/>
      <c r="AFB691" s="613"/>
      <c r="AFC691" s="613"/>
      <c r="AFD691" s="613"/>
      <c r="AFE691" s="613"/>
      <c r="AFF691" s="613"/>
      <c r="AFG691" s="613"/>
      <c r="AFH691" s="613"/>
      <c r="AFI691" s="613"/>
      <c r="AFJ691" s="613"/>
      <c r="AFK691" s="613"/>
      <c r="AFL691" s="613"/>
      <c r="AFM691" s="613"/>
      <c r="AFN691" s="613"/>
      <c r="AFO691" s="613"/>
      <c r="AFP691" s="613"/>
      <c r="AFQ691" s="613"/>
      <c r="AFR691" s="613"/>
      <c r="AFS691" s="613"/>
      <c r="AFT691" s="613"/>
      <c r="AFU691" s="613"/>
      <c r="AFV691" s="613"/>
      <c r="AFW691" s="613"/>
      <c r="AFX691" s="613"/>
      <c r="AFY691" s="613"/>
      <c r="AFZ691" s="613"/>
      <c r="AGA691" s="613"/>
      <c r="AGB691" s="613"/>
      <c r="AGC691" s="613"/>
      <c r="AGD691" s="613"/>
      <c r="AGE691" s="613"/>
      <c r="AGF691" s="613"/>
      <c r="AGG691" s="613"/>
      <c r="AGH691" s="613"/>
      <c r="AGI691" s="613"/>
      <c r="AGJ691" s="613"/>
      <c r="AGK691" s="613"/>
      <c r="AGL691" s="613"/>
      <c r="AGM691" s="613"/>
      <c r="AGN691" s="613"/>
      <c r="AGO691" s="613"/>
      <c r="AGP691" s="613"/>
      <c r="AGQ691" s="613"/>
      <c r="AGR691" s="613"/>
      <c r="AGS691" s="613"/>
      <c r="AGT691" s="613"/>
      <c r="AGU691" s="613"/>
      <c r="AGV691" s="613"/>
      <c r="AGW691" s="613"/>
      <c r="AGX691" s="613"/>
      <c r="AGY691" s="613"/>
      <c r="AGZ691" s="613"/>
      <c r="AHA691" s="613"/>
      <c r="AHB691" s="613"/>
      <c r="AHC691" s="613"/>
      <c r="AHD691" s="613"/>
      <c r="AHE691" s="613"/>
      <c r="AHF691" s="613"/>
      <c r="AHG691" s="613"/>
      <c r="AHH691" s="613"/>
      <c r="AHI691" s="613"/>
      <c r="AHJ691" s="613"/>
      <c r="AHK691" s="613"/>
      <c r="AHL691" s="613"/>
      <c r="AHM691" s="613"/>
      <c r="AHN691" s="613"/>
      <c r="AHO691" s="613"/>
      <c r="AHP691" s="613"/>
      <c r="AHQ691" s="613"/>
      <c r="AHR691" s="613"/>
      <c r="AHS691" s="613"/>
      <c r="AHT691" s="613"/>
      <c r="AHU691" s="613"/>
      <c r="AHV691" s="613"/>
      <c r="AHW691" s="613"/>
      <c r="AHX691" s="613"/>
      <c r="AHY691" s="613"/>
      <c r="AHZ691" s="613"/>
      <c r="AIA691" s="613"/>
      <c r="AIB691" s="613"/>
      <c r="AIC691" s="613"/>
      <c r="AID691" s="613"/>
      <c r="AIE691" s="613"/>
      <c r="AIF691" s="613"/>
      <c r="AIG691" s="613"/>
      <c r="AIH691" s="613"/>
      <c r="AII691" s="613"/>
      <c r="AIJ691" s="613"/>
      <c r="AIK691" s="613"/>
      <c r="AIL691" s="613"/>
      <c r="AIM691" s="613"/>
      <c r="AIN691" s="613"/>
      <c r="AIO691" s="613"/>
      <c r="AIP691" s="613"/>
      <c r="AIQ691" s="613"/>
      <c r="AIR691" s="613"/>
      <c r="AIS691" s="613"/>
      <c r="AIT691" s="613"/>
      <c r="AIU691" s="613"/>
      <c r="AIV691" s="613"/>
      <c r="AIW691" s="613"/>
      <c r="AIX691" s="613"/>
      <c r="AIY691" s="613"/>
      <c r="AIZ691" s="613"/>
      <c r="AJA691" s="613"/>
      <c r="AJB691" s="613"/>
      <c r="AJC691" s="613"/>
      <c r="AJD691" s="613"/>
      <c r="AJE691" s="613"/>
      <c r="AJF691" s="613"/>
      <c r="AJG691" s="613"/>
      <c r="AJH691" s="613"/>
      <c r="AJI691" s="613"/>
      <c r="AJJ691" s="613"/>
      <c r="AJK691" s="613"/>
      <c r="AJL691" s="613"/>
      <c r="AJM691" s="613"/>
      <c r="AJN691" s="613"/>
      <c r="AJO691" s="613"/>
      <c r="AJP691" s="613"/>
      <c r="AJQ691" s="613"/>
      <c r="AJR691" s="613"/>
      <c r="AJS691" s="613"/>
      <c r="AJT691" s="613"/>
      <c r="AJU691" s="613"/>
      <c r="AJV691" s="613"/>
      <c r="AJW691" s="613"/>
      <c r="AJX691" s="613"/>
      <c r="AJY691" s="613"/>
      <c r="AJZ691" s="613"/>
      <c r="AKA691" s="613"/>
      <c r="AKB691" s="613"/>
      <c r="AKC691" s="613"/>
      <c r="AKD691" s="613"/>
      <c r="AKE691" s="613"/>
      <c r="AKF691" s="613"/>
      <c r="AKG691" s="613"/>
      <c r="AKH691" s="613"/>
      <c r="AKI691" s="613"/>
      <c r="AKJ691" s="613"/>
      <c r="AKK691" s="613"/>
      <c r="AKL691" s="613"/>
      <c r="AKM691" s="613"/>
      <c r="AKN691" s="613"/>
      <c r="AKO691" s="613"/>
      <c r="AKP691" s="613"/>
      <c r="AKQ691" s="613"/>
      <c r="AKR691" s="613"/>
      <c r="AKS691" s="613"/>
      <c r="AKT691" s="613"/>
      <c r="AKU691" s="613"/>
      <c r="AKV691" s="613"/>
      <c r="AKW691" s="613"/>
      <c r="AKX691" s="613"/>
      <c r="AKY691" s="613"/>
      <c r="AKZ691" s="613"/>
      <c r="ALA691" s="613"/>
      <c r="ALB691" s="613"/>
      <c r="ALC691" s="613"/>
      <c r="ALD691" s="613"/>
      <c r="ALE691" s="613"/>
      <c r="ALF691" s="613"/>
      <c r="ALG691" s="613"/>
      <c r="ALH691" s="613"/>
      <c r="ALI691" s="613"/>
      <c r="ALJ691" s="613"/>
      <c r="ALK691" s="613"/>
      <c r="ALL691" s="613"/>
      <c r="ALM691" s="613"/>
      <c r="ALN691" s="613"/>
      <c r="ALO691" s="613"/>
      <c r="ALP691" s="613"/>
      <c r="ALQ691" s="613"/>
      <c r="ALR691" s="613"/>
      <c r="ALS691" s="613"/>
      <c r="ALT691" s="613"/>
      <c r="ALU691" s="613"/>
      <c r="ALV691" s="613"/>
      <c r="ALW691" s="613"/>
      <c r="ALX691" s="613"/>
      <c r="ALY691" s="613"/>
      <c r="ALZ691" s="613"/>
      <c r="AMA691" s="613"/>
      <c r="AMB691" s="613"/>
      <c r="AMC691" s="613"/>
      <c r="AMD691" s="613"/>
      <c r="AME691" s="613"/>
      <c r="AMF691" s="613"/>
      <c r="AMG691" s="613"/>
      <c r="AMH691" s="613"/>
      <c r="AMI691" s="613"/>
      <c r="AMJ691" s="613"/>
      <c r="AMK691" s="613"/>
      <c r="AML691" s="613"/>
      <c r="AMM691" s="613"/>
      <c r="AMN691" s="613"/>
      <c r="AMO691" s="613"/>
      <c r="AMP691" s="613"/>
      <c r="AMQ691" s="613"/>
      <c r="AMR691" s="613"/>
      <c r="AMS691" s="613"/>
      <c r="AMT691" s="613"/>
      <c r="AMU691" s="613"/>
      <c r="AMV691" s="613"/>
      <c r="AMW691" s="613"/>
      <c r="AMX691" s="613"/>
      <c r="AMY691" s="613"/>
      <c r="AMZ691" s="613"/>
      <c r="ANA691" s="613"/>
      <c r="ANB691" s="613"/>
      <c r="ANC691" s="613"/>
      <c r="AND691" s="613"/>
      <c r="ANE691" s="613"/>
      <c r="ANF691" s="613"/>
      <c r="ANG691" s="613"/>
      <c r="ANH691" s="613"/>
      <c r="ANI691" s="613"/>
      <c r="ANJ691" s="613"/>
      <c r="ANK691" s="613"/>
      <c r="ANL691" s="613"/>
      <c r="ANM691" s="613"/>
      <c r="ANN691" s="613"/>
      <c r="ANO691" s="613"/>
      <c r="ANP691" s="613"/>
      <c r="ANQ691" s="613"/>
      <c r="ANR691" s="613"/>
      <c r="ANS691" s="613"/>
      <c r="ANT691" s="613"/>
      <c r="ANU691" s="613"/>
      <c r="ANV691" s="613"/>
      <c r="ANW691" s="613"/>
      <c r="ANX691" s="613"/>
      <c r="ANY691" s="613"/>
      <c r="ANZ691" s="613"/>
      <c r="AOA691" s="613"/>
      <c r="AOB691" s="613"/>
      <c r="AOC691" s="613"/>
      <c r="AOD691" s="613"/>
      <c r="AOE691" s="613"/>
      <c r="AOF691" s="613"/>
      <c r="AOG691" s="613"/>
      <c r="AOH691" s="613"/>
      <c r="AOI691" s="613"/>
      <c r="AOJ691" s="613"/>
      <c r="AOK691" s="613"/>
      <c r="AOL691" s="613"/>
      <c r="AOM691" s="613"/>
      <c r="AON691" s="613"/>
      <c r="AOO691" s="613"/>
      <c r="AOP691" s="613"/>
      <c r="AOQ691" s="613"/>
      <c r="AOR691" s="613"/>
      <c r="AOS691" s="613"/>
      <c r="AOT691" s="613"/>
      <c r="AOU691" s="613"/>
      <c r="AOV691" s="613"/>
      <c r="AOW691" s="613"/>
      <c r="AOX691" s="613"/>
      <c r="AOY691" s="613"/>
      <c r="AOZ691" s="613"/>
      <c r="APA691" s="613"/>
      <c r="APB691" s="613"/>
      <c r="APC691" s="613"/>
      <c r="APD691" s="613"/>
      <c r="APE691" s="613"/>
      <c r="APF691" s="613"/>
      <c r="APG691" s="613"/>
      <c r="APH691" s="613"/>
      <c r="API691" s="613"/>
      <c r="APJ691" s="613"/>
      <c r="APK691" s="613"/>
      <c r="APL691" s="613"/>
      <c r="APM691" s="613"/>
      <c r="APN691" s="613"/>
      <c r="APO691" s="613"/>
      <c r="APP691" s="613"/>
      <c r="APQ691" s="613"/>
      <c r="APR691" s="613"/>
      <c r="APS691" s="613"/>
      <c r="APT691" s="613"/>
      <c r="APU691" s="613"/>
      <c r="APV691" s="613"/>
      <c r="APW691" s="613"/>
      <c r="APX691" s="613"/>
      <c r="APY691" s="613"/>
      <c r="APZ691" s="613"/>
      <c r="AQA691" s="613"/>
      <c r="AQB691" s="613"/>
      <c r="AQC691" s="613"/>
      <c r="AQD691" s="613"/>
      <c r="AQE691" s="613"/>
      <c r="AQF691" s="613"/>
      <c r="AQG691" s="613"/>
      <c r="AQH691" s="613"/>
      <c r="AQI691" s="613"/>
      <c r="AQJ691" s="613"/>
      <c r="AQK691" s="613"/>
      <c r="AQL691" s="613"/>
      <c r="AQM691" s="613"/>
      <c r="AQN691" s="613"/>
      <c r="AQO691" s="613"/>
      <c r="AQP691" s="613"/>
      <c r="AQQ691" s="613"/>
      <c r="AQR691" s="613"/>
      <c r="AQS691" s="613"/>
      <c r="AQT691" s="613"/>
      <c r="AQU691" s="613"/>
      <c r="AQV691" s="613"/>
      <c r="AQW691" s="613"/>
      <c r="AQX691" s="613"/>
      <c r="AQY691" s="613"/>
      <c r="AQZ691" s="613"/>
      <c r="ARA691" s="613"/>
      <c r="ARB691" s="613"/>
      <c r="ARC691" s="613"/>
      <c r="ARD691" s="613"/>
      <c r="ARE691" s="613"/>
      <c r="ARF691" s="613"/>
      <c r="ARG691" s="613"/>
      <c r="ARH691" s="613"/>
      <c r="ARI691" s="613"/>
      <c r="ARJ691" s="613"/>
      <c r="ARK691" s="613"/>
      <c r="ARL691" s="613"/>
      <c r="ARM691" s="613"/>
      <c r="ARN691" s="613"/>
      <c r="ARO691" s="613"/>
      <c r="ARP691" s="613"/>
      <c r="ARQ691" s="613"/>
      <c r="ARR691" s="613"/>
      <c r="ARS691" s="613"/>
      <c r="ART691" s="613"/>
      <c r="ARU691" s="613"/>
      <c r="ARV691" s="613"/>
      <c r="ARW691" s="613"/>
      <c r="ARX691" s="613"/>
      <c r="ARY691" s="613"/>
      <c r="ARZ691" s="613"/>
      <c r="ASA691" s="613"/>
      <c r="ASB691" s="613"/>
      <c r="ASC691" s="613"/>
      <c r="ASD691" s="613"/>
      <c r="ASE691" s="613"/>
      <c r="ASF691" s="613"/>
      <c r="ASG691" s="613"/>
      <c r="ASH691" s="613"/>
      <c r="ASI691" s="613"/>
      <c r="ASJ691" s="613"/>
      <c r="ASK691" s="613"/>
      <c r="ASL691" s="613"/>
      <c r="ASM691" s="613"/>
      <c r="ASN691" s="613"/>
      <c r="ASO691" s="613"/>
      <c r="ASP691" s="613"/>
      <c r="ASQ691" s="613"/>
      <c r="ASR691" s="613"/>
      <c r="ASS691" s="613"/>
      <c r="AST691" s="613"/>
      <c r="ASU691" s="613"/>
      <c r="ASV691" s="613"/>
      <c r="ASW691" s="613"/>
      <c r="ASX691" s="613"/>
      <c r="ASY691" s="613"/>
      <c r="ASZ691" s="613"/>
      <c r="ATA691" s="613"/>
      <c r="ATB691" s="613"/>
      <c r="ATC691" s="613"/>
      <c r="ATD691" s="613"/>
      <c r="ATE691" s="613"/>
      <c r="ATF691" s="613"/>
      <c r="ATG691" s="613"/>
      <c r="ATH691" s="613"/>
      <c r="ATI691" s="613"/>
      <c r="ATJ691" s="613"/>
      <c r="ATK691" s="613"/>
      <c r="ATL691" s="613"/>
      <c r="ATM691" s="613"/>
      <c r="ATN691" s="613"/>
      <c r="ATO691" s="613"/>
      <c r="ATP691" s="613"/>
      <c r="ATQ691" s="613"/>
      <c r="ATR691" s="613"/>
      <c r="ATS691" s="613"/>
      <c r="ATT691" s="613"/>
      <c r="ATU691" s="613"/>
      <c r="ATV691" s="613"/>
      <c r="ATW691" s="613"/>
      <c r="ATX691" s="613"/>
      <c r="ATY691" s="613"/>
      <c r="ATZ691" s="613"/>
      <c r="AUA691" s="613"/>
      <c r="AUB691" s="613"/>
      <c r="AUC691" s="613"/>
      <c r="AUD691" s="613"/>
      <c r="AUE691" s="613"/>
      <c r="AUF691" s="613"/>
      <c r="AUG691" s="613"/>
      <c r="AUH691" s="613"/>
      <c r="AUI691" s="613"/>
      <c r="AUJ691" s="613"/>
      <c r="AUK691" s="613"/>
      <c r="AUL691" s="613"/>
      <c r="AUM691" s="613"/>
      <c r="AUN691" s="613"/>
      <c r="AUO691" s="613"/>
      <c r="AUP691" s="613"/>
      <c r="AUQ691" s="613"/>
      <c r="AUR691" s="613"/>
      <c r="AUS691" s="613"/>
      <c r="AUT691" s="613"/>
      <c r="AUU691" s="613"/>
      <c r="AUV691" s="613"/>
      <c r="AUW691" s="613"/>
      <c r="AUX691" s="613"/>
      <c r="AUY691" s="613"/>
      <c r="AUZ691" s="613"/>
      <c r="AVA691" s="613"/>
      <c r="AVB691" s="613"/>
      <c r="AVC691" s="613"/>
      <c r="AVD691" s="613"/>
      <c r="AVE691" s="613"/>
      <c r="AVF691" s="613"/>
      <c r="AVG691" s="613"/>
      <c r="AVH691" s="613"/>
      <c r="AVI691" s="613"/>
      <c r="AVJ691" s="613"/>
      <c r="AVK691" s="613"/>
      <c r="AVL691" s="613"/>
      <c r="AVM691" s="613"/>
      <c r="AVN691" s="613"/>
      <c r="AVO691" s="613"/>
      <c r="AVP691" s="613"/>
      <c r="AVQ691" s="613"/>
      <c r="AVR691" s="613"/>
      <c r="AVS691" s="613"/>
      <c r="AVT691" s="613"/>
      <c r="AVU691" s="613"/>
      <c r="AVV691" s="613"/>
      <c r="AVW691" s="613"/>
      <c r="AVX691" s="613"/>
      <c r="AVY691" s="613"/>
      <c r="AVZ691" s="613"/>
      <c r="AWA691" s="613"/>
      <c r="AWB691" s="613"/>
      <c r="AWC691" s="613"/>
      <c r="AWD691" s="613"/>
      <c r="AWE691" s="613"/>
      <c r="AWF691" s="613"/>
      <c r="AWG691" s="613"/>
      <c r="AWH691" s="613"/>
      <c r="AWI691" s="613"/>
      <c r="AWJ691" s="613"/>
      <c r="AWK691" s="613"/>
      <c r="AWL691" s="613"/>
      <c r="AWM691" s="613"/>
      <c r="AWN691" s="613"/>
      <c r="AWO691" s="613"/>
      <c r="AWP691" s="613"/>
      <c r="AWQ691" s="613"/>
      <c r="AWR691" s="613"/>
      <c r="AWS691" s="613"/>
      <c r="AWT691" s="613"/>
      <c r="AWU691" s="613"/>
      <c r="AWV691" s="613"/>
      <c r="AWW691" s="613"/>
      <c r="AWX691" s="613"/>
      <c r="AWY691" s="613"/>
      <c r="AWZ691" s="613"/>
      <c r="AXA691" s="613"/>
      <c r="AXB691" s="613"/>
      <c r="AXC691" s="613"/>
      <c r="AXD691" s="613"/>
      <c r="AXE691" s="613"/>
      <c r="AXF691" s="613"/>
      <c r="AXG691" s="613"/>
      <c r="AXH691" s="613"/>
      <c r="AXI691" s="613"/>
      <c r="AXJ691" s="613"/>
      <c r="AXK691" s="613"/>
      <c r="AXL691" s="613"/>
      <c r="AXM691" s="613"/>
      <c r="AXN691" s="613"/>
      <c r="AXO691" s="613"/>
      <c r="AXP691" s="613"/>
      <c r="AXQ691" s="613"/>
      <c r="AXR691" s="613"/>
      <c r="AXS691" s="613"/>
      <c r="AXT691" s="613"/>
      <c r="AXU691" s="613"/>
      <c r="AXV691" s="613"/>
      <c r="AXW691" s="613"/>
      <c r="AXX691" s="613"/>
      <c r="AXY691" s="613"/>
      <c r="AXZ691" s="613"/>
      <c r="AYA691" s="613"/>
      <c r="AYB691" s="613"/>
      <c r="AYC691" s="613"/>
      <c r="AYD691" s="613"/>
      <c r="AYE691" s="613"/>
      <c r="AYF691" s="613"/>
      <c r="AYG691" s="613"/>
      <c r="AYH691" s="613"/>
      <c r="AYI691" s="613"/>
      <c r="AYJ691" s="613"/>
      <c r="AYK691" s="613"/>
      <c r="AYL691" s="613"/>
      <c r="AYM691" s="613"/>
      <c r="AYN691" s="613"/>
      <c r="AYO691" s="613"/>
      <c r="AYP691" s="613"/>
      <c r="AYQ691" s="613"/>
      <c r="AYR691" s="613"/>
      <c r="AYS691" s="613"/>
      <c r="AYT691" s="613"/>
      <c r="AYU691" s="613"/>
      <c r="AYV691" s="613"/>
      <c r="AYW691" s="613"/>
      <c r="AYX691" s="613"/>
      <c r="AYY691" s="613"/>
      <c r="AYZ691" s="613"/>
      <c r="AZA691" s="613"/>
      <c r="AZB691" s="613"/>
      <c r="AZC691" s="613"/>
      <c r="AZD691" s="613"/>
      <c r="AZE691" s="613"/>
      <c r="AZF691" s="613"/>
      <c r="AZG691" s="613"/>
      <c r="AZH691" s="613"/>
      <c r="AZI691" s="613"/>
      <c r="AZJ691" s="613"/>
      <c r="AZK691" s="613"/>
      <c r="AZL691" s="613"/>
      <c r="AZM691" s="613"/>
      <c r="AZN691" s="613"/>
      <c r="AZO691" s="613"/>
      <c r="AZP691" s="613"/>
      <c r="AZQ691" s="613"/>
      <c r="AZR691" s="613"/>
      <c r="AZS691" s="613"/>
      <c r="AZT691" s="613"/>
      <c r="AZU691" s="613"/>
      <c r="AZV691" s="613"/>
      <c r="AZW691" s="613"/>
      <c r="AZX691" s="613"/>
      <c r="AZY691" s="613"/>
      <c r="AZZ691" s="613"/>
      <c r="BAA691" s="613"/>
      <c r="BAB691" s="613"/>
      <c r="BAC691" s="613"/>
      <c r="BAD691" s="613"/>
      <c r="BAE691" s="613"/>
      <c r="BAF691" s="613"/>
      <c r="BAG691" s="613"/>
      <c r="BAH691" s="613"/>
      <c r="BAI691" s="613"/>
      <c r="BAJ691" s="613"/>
      <c r="BAK691" s="613"/>
      <c r="BAL691" s="613"/>
      <c r="BAM691" s="613"/>
      <c r="BAN691" s="613"/>
      <c r="BAO691" s="613"/>
      <c r="BAP691" s="613"/>
      <c r="BAQ691" s="613"/>
      <c r="BAR691" s="613"/>
      <c r="BAS691" s="613"/>
      <c r="BAT691" s="613"/>
      <c r="BAU691" s="613"/>
      <c r="BAV691" s="613"/>
      <c r="BAW691" s="613"/>
      <c r="BAX691" s="613"/>
      <c r="BAY691" s="613"/>
      <c r="BAZ691" s="613"/>
      <c r="BBA691" s="613"/>
      <c r="BBB691" s="613"/>
      <c r="BBC691" s="613"/>
      <c r="BBD691" s="613"/>
      <c r="BBE691" s="613"/>
      <c r="BBF691" s="613"/>
      <c r="BBG691" s="613"/>
      <c r="BBH691" s="613"/>
      <c r="BBI691" s="613"/>
      <c r="BBJ691" s="613"/>
      <c r="BBK691" s="613"/>
      <c r="BBL691" s="613"/>
      <c r="BBM691" s="613"/>
      <c r="BBN691" s="613"/>
      <c r="BBO691" s="613"/>
      <c r="BBP691" s="613"/>
      <c r="BBQ691" s="613"/>
      <c r="BBR691" s="613"/>
      <c r="BBS691" s="613"/>
      <c r="BBT691" s="613"/>
      <c r="BBU691" s="613"/>
      <c r="BBV691" s="613"/>
      <c r="BBW691" s="613"/>
      <c r="BBX691" s="613"/>
      <c r="BBY691" s="613"/>
      <c r="BBZ691" s="613"/>
      <c r="BCA691" s="613"/>
      <c r="BCB691" s="613"/>
      <c r="BCC691" s="613"/>
      <c r="BCD691" s="613"/>
      <c r="BCE691" s="613"/>
      <c r="BCF691" s="613"/>
      <c r="BCG691" s="613"/>
      <c r="BCH691" s="613"/>
      <c r="BCI691" s="613"/>
      <c r="BCJ691" s="613"/>
      <c r="BCK691" s="613"/>
      <c r="BCL691" s="613"/>
      <c r="BCM691" s="613"/>
      <c r="BCN691" s="613"/>
      <c r="BCO691" s="613"/>
      <c r="BCP691" s="613"/>
      <c r="BCQ691" s="613"/>
      <c r="BCR691" s="613"/>
      <c r="BCS691" s="613"/>
      <c r="BCT691" s="613"/>
      <c r="BCU691" s="613"/>
      <c r="BCV691" s="613"/>
      <c r="BCW691" s="613"/>
      <c r="BCX691" s="613"/>
      <c r="BCY691" s="613"/>
      <c r="BCZ691" s="613"/>
      <c r="BDA691" s="613"/>
      <c r="BDB691" s="613"/>
      <c r="BDC691" s="613"/>
      <c r="BDD691" s="613"/>
      <c r="BDE691" s="613"/>
      <c r="BDF691" s="613"/>
      <c r="BDG691" s="613"/>
      <c r="BDH691" s="613"/>
      <c r="BDI691" s="613"/>
      <c r="BDJ691" s="613"/>
      <c r="BDK691" s="613"/>
      <c r="BDL691" s="613"/>
      <c r="BDM691" s="613"/>
      <c r="BDN691" s="613"/>
      <c r="BDO691" s="613"/>
      <c r="BDP691" s="613"/>
      <c r="BDQ691" s="613"/>
      <c r="BDR691" s="613"/>
      <c r="BDS691" s="613"/>
      <c r="BDT691" s="613"/>
      <c r="BDU691" s="613"/>
      <c r="BDV691" s="613"/>
      <c r="BDW691" s="613"/>
      <c r="BDX691" s="613"/>
      <c r="BDY691" s="613"/>
      <c r="BDZ691" s="613"/>
      <c r="BEA691" s="613"/>
      <c r="BEB691" s="613"/>
      <c r="BEC691" s="613"/>
      <c r="BED691" s="613"/>
      <c r="BEE691" s="613"/>
      <c r="BEF691" s="613"/>
      <c r="BEG691" s="613"/>
      <c r="BEH691" s="613"/>
      <c r="BEI691" s="613"/>
      <c r="BEJ691" s="613"/>
      <c r="BEK691" s="613"/>
      <c r="BEL691" s="613"/>
      <c r="BEM691" s="613"/>
      <c r="BEN691" s="613"/>
      <c r="BEO691" s="613"/>
      <c r="BEP691" s="613"/>
      <c r="BEQ691" s="613"/>
      <c r="BER691" s="613"/>
      <c r="BES691" s="613"/>
      <c r="BET691" s="613"/>
      <c r="BEU691" s="613"/>
      <c r="BEV691" s="613"/>
      <c r="BEW691" s="613"/>
      <c r="BEX691" s="613"/>
      <c r="BEY691" s="613"/>
      <c r="BEZ691" s="613"/>
      <c r="BFA691" s="613"/>
      <c r="BFB691" s="613"/>
      <c r="BFC691" s="613"/>
      <c r="BFD691" s="613"/>
      <c r="BFE691" s="613"/>
      <c r="BFF691" s="613"/>
      <c r="BFG691" s="613"/>
      <c r="BFH691" s="613"/>
      <c r="BFI691" s="613"/>
      <c r="BFJ691" s="613"/>
      <c r="BFK691" s="613"/>
      <c r="BFL691" s="613"/>
      <c r="BFM691" s="613"/>
      <c r="BFN691" s="613"/>
      <c r="BFO691" s="613"/>
      <c r="BFP691" s="613"/>
      <c r="BFQ691" s="613"/>
      <c r="BFR691" s="613"/>
      <c r="BFS691" s="613"/>
      <c r="BFT691" s="613"/>
      <c r="BFU691" s="613"/>
      <c r="BFV691" s="613"/>
      <c r="BFW691" s="613"/>
      <c r="BFX691" s="613"/>
      <c r="BFY691" s="613"/>
      <c r="BFZ691" s="613"/>
      <c r="BGA691" s="613"/>
      <c r="BGB691" s="613"/>
      <c r="BGC691" s="613"/>
      <c r="BGD691" s="613"/>
      <c r="BGE691" s="613"/>
      <c r="BGF691" s="613"/>
      <c r="BGG691" s="613"/>
      <c r="BGH691" s="613"/>
      <c r="BGI691" s="613"/>
      <c r="BGJ691" s="613"/>
      <c r="BGK691" s="613"/>
      <c r="BGL691" s="613"/>
      <c r="BGM691" s="613"/>
      <c r="BGN691" s="613"/>
      <c r="BGO691" s="613"/>
      <c r="BGP691" s="613"/>
      <c r="BGQ691" s="613"/>
      <c r="BGR691" s="613"/>
      <c r="BGS691" s="613"/>
      <c r="BGT691" s="613"/>
      <c r="BGU691" s="613"/>
      <c r="BGV691" s="613"/>
      <c r="BGW691" s="613"/>
      <c r="BGX691" s="613"/>
      <c r="BGY691" s="613"/>
      <c r="BGZ691" s="613"/>
      <c r="BHA691" s="613"/>
      <c r="BHB691" s="613"/>
      <c r="BHC691" s="613"/>
      <c r="BHD691" s="613"/>
      <c r="BHE691" s="613"/>
      <c r="BHF691" s="613"/>
      <c r="BHG691" s="613"/>
      <c r="BHH691" s="613"/>
      <c r="BHI691" s="613"/>
      <c r="BHJ691" s="613"/>
      <c r="BHK691" s="613"/>
      <c r="BHL691" s="613"/>
      <c r="BHM691" s="613"/>
      <c r="BHN691" s="613"/>
      <c r="BHO691" s="613"/>
      <c r="BHP691" s="613"/>
      <c r="BHQ691" s="613"/>
      <c r="BHR691" s="613"/>
      <c r="BHS691" s="613"/>
      <c r="BHT691" s="613"/>
      <c r="BHU691" s="613"/>
      <c r="BHV691" s="613"/>
      <c r="BHW691" s="613"/>
      <c r="BHX691" s="613"/>
      <c r="BHY691" s="613"/>
      <c r="BHZ691" s="613"/>
      <c r="BIA691" s="613"/>
      <c r="BIB691" s="613"/>
      <c r="BIC691" s="613"/>
      <c r="BID691" s="613"/>
      <c r="BIE691" s="613"/>
      <c r="BIF691" s="613"/>
      <c r="BIG691" s="613"/>
      <c r="BIH691" s="613"/>
      <c r="BII691" s="613"/>
      <c r="BIJ691" s="613"/>
      <c r="BIK691" s="613"/>
      <c r="BIL691" s="613"/>
      <c r="BIM691" s="613"/>
      <c r="BIN691" s="613"/>
      <c r="BIO691" s="613"/>
      <c r="BIP691" s="613"/>
      <c r="BIQ691" s="613"/>
      <c r="BIR691" s="613"/>
      <c r="BIS691" s="613"/>
      <c r="BIT691" s="613"/>
      <c r="BIU691" s="613"/>
      <c r="BIV691" s="613"/>
      <c r="BIW691" s="613"/>
      <c r="BIX691" s="613"/>
      <c r="BIY691" s="613"/>
      <c r="BIZ691" s="613"/>
      <c r="BJA691" s="613"/>
      <c r="BJB691" s="613"/>
      <c r="BJC691" s="613"/>
      <c r="BJD691" s="613"/>
      <c r="BJE691" s="613"/>
      <c r="BJF691" s="613"/>
      <c r="BJG691" s="613"/>
      <c r="BJH691" s="613"/>
      <c r="BJI691" s="613"/>
      <c r="BJJ691" s="613"/>
      <c r="BJK691" s="613"/>
      <c r="BJL691" s="613"/>
      <c r="BJM691" s="613"/>
      <c r="BJN691" s="613"/>
      <c r="BJO691" s="613"/>
      <c r="BJP691" s="613"/>
      <c r="BJQ691" s="613"/>
      <c r="BJR691" s="613"/>
      <c r="BJS691" s="613"/>
      <c r="BJT691" s="613"/>
      <c r="BJU691" s="613"/>
      <c r="BJV691" s="613"/>
      <c r="BJW691" s="613"/>
      <c r="BJX691" s="613"/>
      <c r="BJY691" s="613"/>
      <c r="BJZ691" s="613"/>
      <c r="BKA691" s="613"/>
      <c r="BKB691" s="613"/>
      <c r="BKC691" s="613"/>
      <c r="BKD691" s="613"/>
      <c r="BKE691" s="613"/>
      <c r="BKF691" s="613"/>
      <c r="BKG691" s="613"/>
      <c r="BKH691" s="613"/>
      <c r="BKI691" s="613"/>
      <c r="BKJ691" s="613"/>
      <c r="BKK691" s="613"/>
      <c r="BKL691" s="613"/>
      <c r="BKM691" s="613"/>
      <c r="BKN691" s="613"/>
      <c r="BKO691" s="613"/>
      <c r="BKP691" s="613"/>
      <c r="BKQ691" s="613"/>
      <c r="BKR691" s="613"/>
      <c r="BKS691" s="613"/>
      <c r="BKT691" s="613"/>
      <c r="BKU691" s="613"/>
      <c r="BKV691" s="613"/>
      <c r="BKW691" s="613"/>
      <c r="BKX691" s="613"/>
      <c r="BKY691" s="613"/>
      <c r="BKZ691" s="613"/>
      <c r="BLA691" s="613"/>
      <c r="BLB691" s="613"/>
      <c r="BLC691" s="613"/>
      <c r="BLD691" s="613"/>
      <c r="BLE691" s="613"/>
      <c r="BLF691" s="613"/>
      <c r="BLG691" s="613"/>
      <c r="BLH691" s="613"/>
      <c r="BLI691" s="613"/>
      <c r="BLJ691" s="613"/>
      <c r="BLK691" s="613"/>
      <c r="BLL691" s="613"/>
      <c r="BLM691" s="613"/>
      <c r="BLN691" s="613"/>
      <c r="BLO691" s="613"/>
      <c r="BLP691" s="613"/>
      <c r="BLQ691" s="613"/>
      <c r="BLR691" s="613"/>
      <c r="BLS691" s="613"/>
      <c r="BLT691" s="613"/>
      <c r="BLU691" s="613"/>
      <c r="BLV691" s="613"/>
      <c r="BLW691" s="613"/>
      <c r="BLX691" s="613"/>
      <c r="BLY691" s="613"/>
      <c r="BLZ691" s="613"/>
      <c r="BMA691" s="613"/>
      <c r="BMB691" s="613"/>
      <c r="BMC691" s="613"/>
      <c r="BMD691" s="613"/>
      <c r="BME691" s="613"/>
      <c r="BMF691" s="613"/>
      <c r="BMG691" s="613"/>
      <c r="BMH691" s="613"/>
      <c r="BMI691" s="613"/>
      <c r="BMJ691" s="613"/>
      <c r="BMK691" s="613"/>
      <c r="BML691" s="613"/>
      <c r="BMM691" s="613"/>
      <c r="BMN691" s="613"/>
      <c r="BMO691" s="613"/>
      <c r="BMP691" s="613"/>
      <c r="BMQ691" s="613"/>
      <c r="BMR691" s="613"/>
      <c r="BMS691" s="613"/>
      <c r="BMT691" s="613"/>
      <c r="BMU691" s="613"/>
      <c r="BMV691" s="613"/>
      <c r="BMW691" s="613"/>
      <c r="BMX691" s="613"/>
      <c r="BMY691" s="613"/>
      <c r="BMZ691" s="613"/>
      <c r="BNA691" s="613"/>
      <c r="BNB691" s="613"/>
      <c r="BNC691" s="613"/>
      <c r="BND691" s="613"/>
      <c r="BNE691" s="613"/>
      <c r="BNF691" s="613"/>
      <c r="BNG691" s="613"/>
      <c r="BNH691" s="613"/>
      <c r="BNI691" s="613"/>
      <c r="BNJ691" s="613"/>
      <c r="BNK691" s="613"/>
      <c r="BNL691" s="613"/>
      <c r="BNM691" s="613"/>
      <c r="BNN691" s="613"/>
      <c r="BNO691" s="613"/>
      <c r="BNP691" s="613"/>
      <c r="BNQ691" s="613"/>
      <c r="BNR691" s="613"/>
      <c r="BNS691" s="613"/>
      <c r="BNT691" s="613"/>
      <c r="BNU691" s="613"/>
      <c r="BNV691" s="613"/>
      <c r="BNW691" s="613"/>
      <c r="BNX691" s="613"/>
      <c r="BNY691" s="613"/>
      <c r="BNZ691" s="613"/>
      <c r="BOA691" s="613"/>
      <c r="BOB691" s="613"/>
      <c r="BOC691" s="613"/>
      <c r="BOD691" s="613"/>
      <c r="BOE691" s="613"/>
      <c r="BOF691" s="613"/>
      <c r="BOG691" s="613"/>
      <c r="BOH691" s="613"/>
      <c r="BOI691" s="613"/>
      <c r="BOJ691" s="613"/>
      <c r="BOK691" s="613"/>
      <c r="BOL691" s="613"/>
      <c r="BOM691" s="613"/>
      <c r="BON691" s="613"/>
      <c r="BOO691" s="613"/>
      <c r="BOP691" s="613"/>
      <c r="BOQ691" s="613"/>
      <c r="BOR691" s="613"/>
      <c r="BOS691" s="613"/>
      <c r="BOT691" s="613"/>
      <c r="BOU691" s="613"/>
      <c r="BOV691" s="613"/>
      <c r="BOW691" s="613"/>
      <c r="BOX691" s="613"/>
      <c r="BOY691" s="613"/>
      <c r="BOZ691" s="613"/>
      <c r="BPA691" s="613"/>
      <c r="BPB691" s="613"/>
      <c r="BPC691" s="613"/>
      <c r="BPD691" s="613"/>
      <c r="BPE691" s="613"/>
      <c r="BPF691" s="613"/>
      <c r="BPG691" s="613"/>
      <c r="BPH691" s="613"/>
      <c r="BPI691" s="613"/>
      <c r="BPJ691" s="613"/>
      <c r="BPK691" s="613"/>
      <c r="BPL691" s="613"/>
      <c r="BPM691" s="613"/>
      <c r="BPN691" s="613"/>
      <c r="BPO691" s="613"/>
      <c r="BPP691" s="613"/>
      <c r="BPQ691" s="613"/>
      <c r="BPR691" s="613"/>
      <c r="BPS691" s="613"/>
      <c r="BPT691" s="613"/>
      <c r="BPU691" s="613"/>
      <c r="BPV691" s="613"/>
      <c r="BPW691" s="613"/>
      <c r="BPX691" s="613"/>
      <c r="BPY691" s="613"/>
      <c r="BPZ691" s="613"/>
      <c r="BQA691" s="613"/>
      <c r="BQB691" s="613"/>
      <c r="BQC691" s="613"/>
      <c r="BQD691" s="613"/>
      <c r="BQE691" s="613"/>
      <c r="BQF691" s="613"/>
      <c r="BQG691" s="613"/>
      <c r="BQH691" s="613"/>
      <c r="BQI691" s="613"/>
      <c r="BQJ691" s="613"/>
      <c r="BQK691" s="613"/>
      <c r="BQL691" s="613"/>
      <c r="BQM691" s="613"/>
      <c r="BQN691" s="613"/>
      <c r="BQO691" s="613"/>
      <c r="BQP691" s="613"/>
      <c r="BQQ691" s="613"/>
      <c r="BQR691" s="613"/>
      <c r="BQS691" s="613"/>
      <c r="BQT691" s="613"/>
      <c r="BQU691" s="613"/>
      <c r="BQV691" s="613"/>
      <c r="BQW691" s="613"/>
      <c r="BQX691" s="613"/>
      <c r="BQY691" s="613"/>
      <c r="BQZ691" s="613"/>
      <c r="BRA691" s="613"/>
      <c r="BRB691" s="613"/>
      <c r="BRC691" s="613"/>
      <c r="BRD691" s="613"/>
      <c r="BRE691" s="613"/>
      <c r="BRF691" s="613"/>
      <c r="BRG691" s="613"/>
      <c r="BRH691" s="613"/>
      <c r="BRI691" s="613"/>
      <c r="BRJ691" s="613"/>
      <c r="BRK691" s="613"/>
      <c r="BRL691" s="613"/>
      <c r="BRM691" s="613"/>
      <c r="BRN691" s="613"/>
      <c r="BRO691" s="613"/>
      <c r="BRP691" s="613"/>
      <c r="BRQ691" s="613"/>
      <c r="BRR691" s="613"/>
      <c r="BRS691" s="613"/>
      <c r="BRT691" s="613"/>
      <c r="BRU691" s="613"/>
      <c r="BRV691" s="613"/>
      <c r="BRW691" s="613"/>
      <c r="BRX691" s="613"/>
      <c r="BRY691" s="613"/>
      <c r="BRZ691" s="613"/>
      <c r="BSA691" s="613"/>
      <c r="BSB691" s="613"/>
      <c r="BSC691" s="613"/>
      <c r="BSD691" s="613"/>
      <c r="BSE691" s="613"/>
      <c r="BSF691" s="613"/>
      <c r="BSG691" s="613"/>
      <c r="BSH691" s="613"/>
      <c r="BSI691" s="613"/>
      <c r="BSJ691" s="613"/>
      <c r="BSK691" s="613"/>
      <c r="BSL691" s="613"/>
      <c r="BSM691" s="613"/>
      <c r="BSN691" s="613"/>
      <c r="BSO691" s="613"/>
      <c r="BSP691" s="613"/>
      <c r="BSQ691" s="613"/>
      <c r="BSR691" s="613"/>
      <c r="BSS691" s="613"/>
      <c r="BST691" s="613"/>
      <c r="BSU691" s="613"/>
      <c r="BSV691" s="613"/>
      <c r="BSW691" s="613"/>
      <c r="BSX691" s="613"/>
      <c r="BSY691" s="613"/>
      <c r="BSZ691" s="613"/>
      <c r="BTA691" s="613"/>
      <c r="BTB691" s="613"/>
      <c r="BTC691" s="613"/>
      <c r="BTD691" s="613"/>
      <c r="BTE691" s="613"/>
      <c r="BTF691" s="613"/>
      <c r="BTG691" s="613"/>
      <c r="BTH691" s="613"/>
      <c r="BTI691" s="613"/>
      <c r="BTJ691" s="613"/>
      <c r="BTK691" s="613"/>
      <c r="BTL691" s="613"/>
      <c r="BTM691" s="613"/>
      <c r="BTN691" s="613"/>
      <c r="BTO691" s="613"/>
      <c r="BTP691" s="613"/>
      <c r="BTQ691" s="613"/>
      <c r="BTR691" s="613"/>
      <c r="BTS691" s="613"/>
      <c r="BTT691" s="613"/>
      <c r="BTU691" s="613"/>
      <c r="BTV691" s="613"/>
      <c r="BTW691" s="613"/>
      <c r="BTX691" s="613"/>
      <c r="BTY691" s="613"/>
      <c r="BTZ691" s="613"/>
      <c r="BUA691" s="613"/>
      <c r="BUB691" s="613"/>
      <c r="BUC691" s="613"/>
      <c r="BUD691" s="613"/>
      <c r="BUE691" s="613"/>
      <c r="BUF691" s="613"/>
      <c r="BUG691" s="613"/>
      <c r="BUH691" s="613"/>
      <c r="BUI691" s="613"/>
      <c r="BUJ691" s="613"/>
      <c r="BUK691" s="613"/>
      <c r="BUL691" s="613"/>
      <c r="BUM691" s="613"/>
      <c r="BUN691" s="613"/>
      <c r="BUO691" s="613"/>
      <c r="BUP691" s="613"/>
      <c r="BUQ691" s="613"/>
      <c r="BUR691" s="613"/>
      <c r="BUS691" s="613"/>
      <c r="BUT691" s="613"/>
      <c r="BUU691" s="613"/>
      <c r="BUV691" s="613"/>
      <c r="BUW691" s="613"/>
      <c r="BUX691" s="613"/>
      <c r="BUY691" s="613"/>
      <c r="BUZ691" s="613"/>
      <c r="BVA691" s="613"/>
      <c r="BVB691" s="613"/>
      <c r="BVC691" s="613"/>
      <c r="BVD691" s="613"/>
      <c r="BVE691" s="613"/>
      <c r="BVF691" s="613"/>
      <c r="BVG691" s="613"/>
      <c r="BVH691" s="613"/>
      <c r="BVI691" s="613"/>
      <c r="BVJ691" s="613"/>
      <c r="BVK691" s="613"/>
      <c r="BVL691" s="613"/>
      <c r="BVM691" s="613"/>
      <c r="BVN691" s="613"/>
      <c r="BVO691" s="613"/>
      <c r="BVP691" s="613"/>
      <c r="BVQ691" s="613"/>
      <c r="BVR691" s="613"/>
      <c r="BVS691" s="613"/>
      <c r="BVT691" s="613"/>
      <c r="BVU691" s="613"/>
      <c r="BVV691" s="613"/>
      <c r="BVW691" s="613"/>
      <c r="BVX691" s="613"/>
      <c r="BVY691" s="613"/>
      <c r="BVZ691" s="613"/>
      <c r="BWA691" s="613"/>
      <c r="BWB691" s="613"/>
      <c r="BWC691" s="613"/>
      <c r="BWD691" s="613"/>
      <c r="BWE691" s="613"/>
      <c r="BWF691" s="613"/>
      <c r="BWG691" s="613"/>
      <c r="BWH691" s="613"/>
      <c r="BWI691" s="613"/>
      <c r="BWJ691" s="613"/>
      <c r="BWK691" s="613"/>
      <c r="BWL691" s="613"/>
      <c r="BWM691" s="613"/>
      <c r="BWN691" s="613"/>
      <c r="BWO691" s="613"/>
      <c r="BWP691" s="613"/>
      <c r="BWQ691" s="613"/>
      <c r="BWR691" s="613"/>
      <c r="BWS691" s="613"/>
      <c r="BWT691" s="613"/>
      <c r="BWU691" s="613"/>
      <c r="BWV691" s="613"/>
      <c r="BWW691" s="613"/>
      <c r="BWX691" s="613"/>
      <c r="BWY691" s="613"/>
      <c r="BWZ691" s="613"/>
      <c r="BXA691" s="613"/>
      <c r="BXB691" s="613"/>
      <c r="BXC691" s="613"/>
      <c r="BXD691" s="613"/>
      <c r="BXE691" s="613"/>
      <c r="BXF691" s="613"/>
      <c r="BXG691" s="613"/>
      <c r="BXH691" s="613"/>
      <c r="BXI691" s="613"/>
      <c r="BXJ691" s="613"/>
      <c r="BXK691" s="613"/>
      <c r="BXL691" s="613"/>
      <c r="BXM691" s="613"/>
      <c r="BXN691" s="613"/>
      <c r="BXO691" s="613"/>
      <c r="BXP691" s="613"/>
      <c r="BXQ691" s="613"/>
      <c r="BXR691" s="613"/>
      <c r="BXS691" s="613"/>
      <c r="BXT691" s="613"/>
      <c r="BXU691" s="613"/>
      <c r="BXV691" s="613"/>
      <c r="BXW691" s="613"/>
      <c r="BXX691" s="613"/>
      <c r="BXY691" s="613"/>
      <c r="BXZ691" s="613"/>
      <c r="BYA691" s="613"/>
      <c r="BYB691" s="613"/>
      <c r="BYC691" s="613"/>
      <c r="BYD691" s="613"/>
      <c r="BYE691" s="613"/>
      <c r="BYF691" s="613"/>
      <c r="BYG691" s="613"/>
      <c r="BYH691" s="613"/>
      <c r="BYI691" s="613"/>
      <c r="BYJ691" s="613"/>
      <c r="BYK691" s="613"/>
      <c r="BYL691" s="613"/>
      <c r="BYM691" s="613"/>
      <c r="BYN691" s="613"/>
      <c r="BYO691" s="613"/>
      <c r="BYP691" s="613"/>
      <c r="BYQ691" s="613"/>
      <c r="BYR691" s="613"/>
      <c r="BYS691" s="613"/>
      <c r="BYT691" s="613"/>
      <c r="BYU691" s="613"/>
      <c r="BYV691" s="613"/>
      <c r="BYW691" s="613"/>
      <c r="BYX691" s="613"/>
      <c r="BYY691" s="613"/>
      <c r="BYZ691" s="613"/>
      <c r="BZA691" s="613"/>
      <c r="BZB691" s="613"/>
      <c r="BZC691" s="613"/>
      <c r="BZD691" s="613"/>
      <c r="BZE691" s="613"/>
      <c r="BZF691" s="613"/>
      <c r="BZG691" s="613"/>
      <c r="BZH691" s="613"/>
      <c r="BZI691" s="613"/>
      <c r="BZJ691" s="613"/>
      <c r="BZK691" s="613"/>
      <c r="BZL691" s="613"/>
      <c r="BZM691" s="613"/>
      <c r="BZN691" s="613"/>
      <c r="BZO691" s="613"/>
      <c r="BZP691" s="613"/>
      <c r="BZQ691" s="613"/>
      <c r="BZR691" s="613"/>
      <c r="BZS691" s="613"/>
      <c r="BZT691" s="613"/>
      <c r="BZU691" s="613"/>
      <c r="BZV691" s="613"/>
      <c r="BZW691" s="613"/>
      <c r="BZX691" s="613"/>
      <c r="BZY691" s="613"/>
      <c r="BZZ691" s="613"/>
      <c r="CAA691" s="613"/>
      <c r="CAB691" s="613"/>
      <c r="CAC691" s="613"/>
      <c r="CAD691" s="613"/>
      <c r="CAE691" s="613"/>
      <c r="CAF691" s="613"/>
      <c r="CAG691" s="613"/>
      <c r="CAH691" s="613"/>
      <c r="CAI691" s="613"/>
      <c r="CAJ691" s="613"/>
      <c r="CAK691" s="613"/>
      <c r="CAL691" s="613"/>
      <c r="CAM691" s="613"/>
      <c r="CAN691" s="613"/>
      <c r="CAO691" s="613"/>
      <c r="CAP691" s="613"/>
      <c r="CAQ691" s="613"/>
      <c r="CAR691" s="613"/>
      <c r="CAS691" s="613"/>
      <c r="CAT691" s="613"/>
      <c r="CAU691" s="613"/>
      <c r="CAV691" s="613"/>
      <c r="CAW691" s="613"/>
      <c r="CAX691" s="613"/>
      <c r="CAY691" s="613"/>
      <c r="CAZ691" s="613"/>
      <c r="CBA691" s="613"/>
      <c r="CBB691" s="613"/>
      <c r="CBC691" s="613"/>
      <c r="CBD691" s="613"/>
      <c r="CBE691" s="613"/>
      <c r="CBF691" s="613"/>
      <c r="CBG691" s="613"/>
      <c r="CBH691" s="613"/>
      <c r="CBI691" s="613"/>
      <c r="CBJ691" s="613"/>
      <c r="CBK691" s="613"/>
      <c r="CBL691" s="613"/>
      <c r="CBM691" s="613"/>
      <c r="CBN691" s="613"/>
      <c r="CBO691" s="613"/>
      <c r="CBP691" s="613"/>
      <c r="CBQ691" s="613"/>
      <c r="CBR691" s="613"/>
      <c r="CBS691" s="613"/>
      <c r="CBT691" s="613"/>
      <c r="CBU691" s="613"/>
      <c r="CBV691" s="613"/>
      <c r="CBW691" s="613"/>
      <c r="CBX691" s="613"/>
      <c r="CBY691" s="613"/>
      <c r="CBZ691" s="613"/>
      <c r="CCA691" s="613"/>
      <c r="CCB691" s="613"/>
      <c r="CCC691" s="613"/>
      <c r="CCD691" s="613"/>
      <c r="CCE691" s="613"/>
      <c r="CCF691" s="613"/>
      <c r="CCG691" s="613"/>
      <c r="CCH691" s="613"/>
      <c r="CCI691" s="613"/>
      <c r="CCJ691" s="613"/>
      <c r="CCK691" s="613"/>
      <c r="CCL691" s="613"/>
      <c r="CCM691" s="613"/>
      <c r="CCN691" s="613"/>
      <c r="CCO691" s="613"/>
      <c r="CCP691" s="613"/>
      <c r="CCQ691" s="613"/>
      <c r="CCR691" s="613"/>
      <c r="CCS691" s="613"/>
      <c r="CCT691" s="613"/>
      <c r="CCU691" s="613"/>
      <c r="CCV691" s="613"/>
      <c r="CCW691" s="613"/>
      <c r="CCX691" s="613"/>
      <c r="CCY691" s="613"/>
      <c r="CCZ691" s="613"/>
      <c r="CDA691" s="613"/>
      <c r="CDB691" s="613"/>
      <c r="CDC691" s="613"/>
      <c r="CDD691" s="613"/>
      <c r="CDE691" s="613"/>
      <c r="CDF691" s="613"/>
      <c r="CDG691" s="613"/>
      <c r="CDH691" s="613"/>
      <c r="CDI691" s="613"/>
      <c r="CDJ691" s="613"/>
      <c r="CDK691" s="613"/>
      <c r="CDL691" s="613"/>
      <c r="CDM691" s="613"/>
      <c r="CDN691" s="613"/>
      <c r="CDO691" s="613"/>
      <c r="CDP691" s="613"/>
      <c r="CDQ691" s="613"/>
      <c r="CDR691" s="613"/>
      <c r="CDS691" s="613"/>
      <c r="CDT691" s="613"/>
      <c r="CDU691" s="613"/>
      <c r="CDV691" s="613"/>
      <c r="CDW691" s="613"/>
      <c r="CDX691" s="613"/>
      <c r="CDY691" s="613"/>
      <c r="CDZ691" s="613"/>
      <c r="CEA691" s="613"/>
      <c r="CEB691" s="613"/>
      <c r="CEC691" s="613"/>
      <c r="CED691" s="613"/>
      <c r="CEE691" s="613"/>
      <c r="CEF691" s="613"/>
      <c r="CEG691" s="613"/>
      <c r="CEH691" s="613"/>
      <c r="CEI691" s="613"/>
      <c r="CEJ691" s="613"/>
      <c r="CEK691" s="613"/>
      <c r="CEL691" s="613"/>
      <c r="CEM691" s="613"/>
      <c r="CEN691" s="613"/>
      <c r="CEO691" s="613"/>
      <c r="CEP691" s="613"/>
      <c r="CEQ691" s="613"/>
      <c r="CER691" s="613"/>
      <c r="CES691" s="613"/>
      <c r="CET691" s="613"/>
      <c r="CEU691" s="613"/>
      <c r="CEV691" s="613"/>
      <c r="CEW691" s="613"/>
      <c r="CEX691" s="613"/>
      <c r="CEY691" s="613"/>
      <c r="CEZ691" s="613"/>
      <c r="CFA691" s="613"/>
      <c r="CFB691" s="613"/>
      <c r="CFC691" s="613"/>
      <c r="CFD691" s="613"/>
      <c r="CFE691" s="613"/>
      <c r="CFF691" s="613"/>
      <c r="CFG691" s="613"/>
      <c r="CFH691" s="613"/>
      <c r="CFI691" s="613"/>
      <c r="CFJ691" s="613"/>
      <c r="CFK691" s="613"/>
      <c r="CFL691" s="613"/>
      <c r="CFM691" s="613"/>
      <c r="CFN691" s="613"/>
      <c r="CFO691" s="613"/>
      <c r="CFP691" s="613"/>
      <c r="CFQ691" s="613"/>
      <c r="CFR691" s="613"/>
      <c r="CFS691" s="613"/>
      <c r="CFT691" s="613"/>
      <c r="CFU691" s="613"/>
      <c r="CFV691" s="613"/>
      <c r="CFW691" s="613"/>
      <c r="CFX691" s="613"/>
      <c r="CFY691" s="613"/>
      <c r="CFZ691" s="613"/>
      <c r="CGA691" s="613"/>
      <c r="CGB691" s="613"/>
      <c r="CGC691" s="613"/>
      <c r="CGD691" s="613"/>
      <c r="CGE691" s="613"/>
      <c r="CGF691" s="613"/>
      <c r="CGG691" s="613"/>
      <c r="CGH691" s="613"/>
      <c r="CGI691" s="613"/>
      <c r="CGJ691" s="613"/>
      <c r="CGK691" s="613"/>
      <c r="CGL691" s="613"/>
      <c r="CGM691" s="613"/>
      <c r="CGN691" s="613"/>
      <c r="CGO691" s="613"/>
      <c r="CGP691" s="613"/>
      <c r="CGQ691" s="613"/>
      <c r="CGR691" s="613"/>
      <c r="CGS691" s="613"/>
      <c r="CGT691" s="613"/>
      <c r="CGU691" s="613"/>
      <c r="CGV691" s="613"/>
      <c r="CGW691" s="613"/>
      <c r="CGX691" s="613"/>
      <c r="CGY691" s="613"/>
      <c r="CGZ691" s="613"/>
      <c r="CHA691" s="613"/>
      <c r="CHB691" s="613"/>
      <c r="CHC691" s="613"/>
      <c r="CHD691" s="613"/>
      <c r="CHE691" s="613"/>
      <c r="CHF691" s="613"/>
      <c r="CHG691" s="613"/>
      <c r="CHH691" s="613"/>
      <c r="CHI691" s="613"/>
      <c r="CHJ691" s="613"/>
      <c r="CHK691" s="613"/>
      <c r="CHL691" s="613"/>
      <c r="CHM691" s="613"/>
      <c r="CHN691" s="613"/>
      <c r="CHO691" s="613"/>
      <c r="CHP691" s="613"/>
      <c r="CHQ691" s="613"/>
      <c r="CHR691" s="613"/>
      <c r="CHS691" s="613"/>
      <c r="CHT691" s="613"/>
      <c r="CHU691" s="613"/>
      <c r="CHV691" s="613"/>
      <c r="CHW691" s="613"/>
      <c r="CHX691" s="613"/>
      <c r="CHY691" s="613"/>
      <c r="CHZ691" s="613"/>
      <c r="CIA691" s="613"/>
      <c r="CIB691" s="613"/>
      <c r="CIC691" s="613"/>
      <c r="CID691" s="613"/>
      <c r="CIE691" s="613"/>
      <c r="CIF691" s="613"/>
      <c r="CIG691" s="613"/>
      <c r="CIH691" s="613"/>
      <c r="CII691" s="613"/>
      <c r="CIJ691" s="613"/>
      <c r="CIK691" s="613"/>
      <c r="CIL691" s="613"/>
      <c r="CIM691" s="613"/>
      <c r="CIN691" s="613"/>
      <c r="CIO691" s="613"/>
      <c r="CIP691" s="613"/>
      <c r="CIQ691" s="613"/>
      <c r="CIR691" s="613"/>
      <c r="CIS691" s="613"/>
      <c r="CIT691" s="613"/>
      <c r="CIU691" s="613"/>
      <c r="CIV691" s="613"/>
      <c r="CIW691" s="613"/>
      <c r="CIX691" s="613"/>
      <c r="CIY691" s="613"/>
      <c r="CIZ691" s="613"/>
      <c r="CJA691" s="613"/>
      <c r="CJB691" s="613"/>
      <c r="CJC691" s="613"/>
      <c r="CJD691" s="613"/>
      <c r="CJE691" s="613"/>
      <c r="CJF691" s="613"/>
      <c r="CJG691" s="613"/>
      <c r="CJH691" s="613"/>
      <c r="CJI691" s="613"/>
      <c r="CJJ691" s="613"/>
      <c r="CJK691" s="613"/>
      <c r="CJL691" s="613"/>
      <c r="CJM691" s="613"/>
      <c r="CJN691" s="613"/>
      <c r="CJO691" s="613"/>
      <c r="CJP691" s="613"/>
      <c r="CJQ691" s="613"/>
      <c r="CJR691" s="613"/>
      <c r="CJS691" s="613"/>
      <c r="CJT691" s="613"/>
      <c r="CJU691" s="613"/>
      <c r="CJV691" s="613"/>
      <c r="CJW691" s="613"/>
      <c r="CJX691" s="613"/>
      <c r="CJY691" s="613"/>
      <c r="CJZ691" s="613"/>
      <c r="CKA691" s="613"/>
      <c r="CKB691" s="613"/>
      <c r="CKC691" s="613"/>
      <c r="CKD691" s="613"/>
      <c r="CKE691" s="613"/>
      <c r="CKF691" s="613"/>
      <c r="CKG691" s="613"/>
      <c r="CKH691" s="613"/>
      <c r="CKI691" s="613"/>
      <c r="CKJ691" s="613"/>
      <c r="CKK691" s="613"/>
      <c r="CKL691" s="613"/>
      <c r="CKM691" s="613"/>
      <c r="CKN691" s="613"/>
      <c r="CKO691" s="613"/>
      <c r="CKP691" s="613"/>
      <c r="CKQ691" s="613"/>
      <c r="CKR691" s="613"/>
      <c r="CKS691" s="613"/>
      <c r="CKT691" s="613"/>
      <c r="CKU691" s="613"/>
      <c r="CKV691" s="613"/>
      <c r="CKW691" s="613"/>
      <c r="CKX691" s="613"/>
      <c r="CKY691" s="613"/>
      <c r="CKZ691" s="613"/>
      <c r="CLA691" s="613"/>
      <c r="CLB691" s="613"/>
      <c r="CLC691" s="613"/>
      <c r="CLD691" s="613"/>
      <c r="CLE691" s="613"/>
      <c r="CLF691" s="613"/>
      <c r="CLG691" s="613"/>
      <c r="CLH691" s="613"/>
      <c r="CLI691" s="613"/>
      <c r="CLJ691" s="613"/>
      <c r="CLK691" s="613"/>
      <c r="CLL691" s="613"/>
      <c r="CLM691" s="613"/>
      <c r="CLN691" s="613"/>
      <c r="CLO691" s="613"/>
      <c r="CLP691" s="613"/>
      <c r="CLQ691" s="613"/>
      <c r="CLR691" s="613"/>
      <c r="CLS691" s="613"/>
      <c r="CLT691" s="613"/>
      <c r="CLU691" s="613"/>
      <c r="CLV691" s="613"/>
      <c r="CLW691" s="613"/>
      <c r="CLX691" s="613"/>
      <c r="CLY691" s="613"/>
      <c r="CLZ691" s="613"/>
      <c r="CMA691" s="613"/>
      <c r="CMB691" s="613"/>
      <c r="CMC691" s="613"/>
      <c r="CMD691" s="613"/>
      <c r="CME691" s="613"/>
      <c r="CMF691" s="613"/>
      <c r="CMG691" s="613"/>
      <c r="CMH691" s="613"/>
      <c r="CMI691" s="613"/>
      <c r="CMJ691" s="613"/>
      <c r="CMK691" s="613"/>
      <c r="CML691" s="613"/>
      <c r="CMM691" s="613"/>
      <c r="CMN691" s="613"/>
      <c r="CMO691" s="613"/>
      <c r="CMP691" s="613"/>
      <c r="CMQ691" s="613"/>
      <c r="CMR691" s="613"/>
      <c r="CMS691" s="613"/>
      <c r="CMT691" s="613"/>
      <c r="CMU691" s="613"/>
      <c r="CMV691" s="613"/>
      <c r="CMW691" s="613"/>
      <c r="CMX691" s="613"/>
      <c r="CMY691" s="613"/>
      <c r="CMZ691" s="613"/>
      <c r="CNA691" s="613"/>
      <c r="CNB691" s="613"/>
      <c r="CNC691" s="613"/>
      <c r="CND691" s="613"/>
      <c r="CNE691" s="613"/>
      <c r="CNF691" s="613"/>
      <c r="CNG691" s="613"/>
      <c r="CNH691" s="613"/>
      <c r="CNI691" s="613"/>
      <c r="CNJ691" s="613"/>
      <c r="CNK691" s="613"/>
      <c r="CNL691" s="613"/>
      <c r="CNM691" s="613"/>
      <c r="CNN691" s="613"/>
      <c r="CNO691" s="613"/>
      <c r="CNP691" s="613"/>
      <c r="CNQ691" s="613"/>
      <c r="CNR691" s="613"/>
      <c r="CNS691" s="613"/>
      <c r="CNT691" s="613"/>
      <c r="CNU691" s="613"/>
      <c r="CNV691" s="613"/>
      <c r="CNW691" s="613"/>
      <c r="CNX691" s="613"/>
      <c r="CNY691" s="613"/>
      <c r="CNZ691" s="613"/>
      <c r="COA691" s="613"/>
      <c r="COB691" s="613"/>
      <c r="COC691" s="613"/>
      <c r="COD691" s="613"/>
      <c r="COE691" s="613"/>
      <c r="COF691" s="613"/>
      <c r="COG691" s="613"/>
      <c r="COH691" s="613"/>
      <c r="COI691" s="613"/>
      <c r="COJ691" s="613"/>
      <c r="COK691" s="613"/>
      <c r="COL691" s="613"/>
      <c r="COM691" s="613"/>
      <c r="CON691" s="613"/>
      <c r="COO691" s="613"/>
      <c r="COP691" s="613"/>
      <c r="COQ691" s="613"/>
      <c r="COR691" s="613"/>
      <c r="COS691" s="613"/>
      <c r="COT691" s="613"/>
      <c r="COU691" s="613"/>
      <c r="COV691" s="613"/>
      <c r="COW691" s="613"/>
      <c r="COX691" s="613"/>
      <c r="COY691" s="613"/>
      <c r="COZ691" s="613"/>
      <c r="CPA691" s="613"/>
      <c r="CPB691" s="613"/>
      <c r="CPC691" s="613"/>
      <c r="CPD691" s="613"/>
      <c r="CPE691" s="613"/>
      <c r="CPF691" s="613"/>
      <c r="CPG691" s="613"/>
      <c r="CPH691" s="613"/>
      <c r="CPI691" s="613"/>
      <c r="CPJ691" s="613"/>
      <c r="CPK691" s="613"/>
      <c r="CPL691" s="613"/>
      <c r="CPM691" s="613"/>
      <c r="CPN691" s="613"/>
      <c r="CPO691" s="613"/>
      <c r="CPP691" s="613"/>
      <c r="CPQ691" s="613"/>
      <c r="CPR691" s="613"/>
      <c r="CPS691" s="613"/>
      <c r="CPT691" s="613"/>
      <c r="CPU691" s="613"/>
      <c r="CPV691" s="613"/>
      <c r="CPW691" s="613"/>
      <c r="CPX691" s="613"/>
      <c r="CPY691" s="613"/>
      <c r="CPZ691" s="613"/>
      <c r="CQA691" s="613"/>
      <c r="CQB691" s="613"/>
      <c r="CQC691" s="613"/>
      <c r="CQD691" s="613"/>
      <c r="CQE691" s="613"/>
      <c r="CQF691" s="613"/>
      <c r="CQG691" s="613"/>
      <c r="CQH691" s="613"/>
      <c r="CQI691" s="613"/>
      <c r="CQJ691" s="613"/>
      <c r="CQK691" s="613"/>
      <c r="CQL691" s="613"/>
      <c r="CQM691" s="613"/>
      <c r="CQN691" s="613"/>
      <c r="CQO691" s="613"/>
      <c r="CQP691" s="613"/>
      <c r="CQQ691" s="613"/>
      <c r="CQR691" s="613"/>
      <c r="CQS691" s="613"/>
      <c r="CQT691" s="613"/>
      <c r="CQU691" s="613"/>
      <c r="CQV691" s="613"/>
      <c r="CQW691" s="613"/>
      <c r="CQX691" s="613"/>
      <c r="CQY691" s="613"/>
      <c r="CQZ691" s="613"/>
      <c r="CRA691" s="613"/>
      <c r="CRB691" s="613"/>
      <c r="CRC691" s="613"/>
      <c r="CRD691" s="613"/>
      <c r="CRE691" s="613"/>
      <c r="CRF691" s="613"/>
      <c r="CRG691" s="613"/>
      <c r="CRH691" s="613"/>
      <c r="CRI691" s="613"/>
      <c r="CRJ691" s="613"/>
      <c r="CRK691" s="613"/>
      <c r="CRL691" s="613"/>
      <c r="CRM691" s="613"/>
      <c r="CRN691" s="613"/>
      <c r="CRO691" s="613"/>
      <c r="CRP691" s="613"/>
      <c r="CRQ691" s="613"/>
      <c r="CRR691" s="613"/>
      <c r="CRS691" s="613"/>
      <c r="CRT691" s="613"/>
      <c r="CRU691" s="613"/>
      <c r="CRV691" s="613"/>
      <c r="CRW691" s="613"/>
      <c r="CRX691" s="613"/>
      <c r="CRY691" s="613"/>
      <c r="CRZ691" s="613"/>
      <c r="CSA691" s="613"/>
      <c r="CSB691" s="613"/>
      <c r="CSC691" s="613"/>
      <c r="CSD691" s="613"/>
      <c r="CSE691" s="613"/>
      <c r="CSF691" s="613"/>
      <c r="CSG691" s="613"/>
      <c r="CSH691" s="613"/>
      <c r="CSI691" s="613"/>
      <c r="CSJ691" s="613"/>
      <c r="CSK691" s="613"/>
      <c r="CSL691" s="613"/>
      <c r="CSM691" s="613"/>
      <c r="CSN691" s="613"/>
      <c r="CSO691" s="613"/>
      <c r="CSP691" s="613"/>
      <c r="CSQ691" s="613"/>
      <c r="CSR691" s="613"/>
      <c r="CSS691" s="613"/>
      <c r="CST691" s="613"/>
      <c r="CSU691" s="613"/>
      <c r="CSV691" s="613"/>
      <c r="CSW691" s="613"/>
      <c r="CSX691" s="613"/>
      <c r="CSY691" s="613"/>
      <c r="CSZ691" s="613"/>
      <c r="CTA691" s="613"/>
      <c r="CTB691" s="613"/>
      <c r="CTC691" s="613"/>
      <c r="CTD691" s="613"/>
      <c r="CTE691" s="613"/>
      <c r="CTF691" s="613"/>
      <c r="CTG691" s="613"/>
      <c r="CTH691" s="613"/>
      <c r="CTI691" s="613"/>
      <c r="CTJ691" s="613"/>
      <c r="CTK691" s="613"/>
      <c r="CTL691" s="613"/>
      <c r="CTM691" s="613"/>
      <c r="CTN691" s="613"/>
      <c r="CTO691" s="613"/>
      <c r="CTP691" s="613"/>
      <c r="CTQ691" s="613"/>
      <c r="CTR691" s="613"/>
      <c r="CTS691" s="613"/>
      <c r="CTT691" s="613"/>
      <c r="CTU691" s="613"/>
      <c r="CTV691" s="613"/>
      <c r="CTW691" s="613"/>
      <c r="CTX691" s="613"/>
      <c r="CTY691" s="613"/>
      <c r="CTZ691" s="613"/>
      <c r="CUA691" s="613"/>
      <c r="CUB691" s="613"/>
      <c r="CUC691" s="613"/>
      <c r="CUD691" s="613"/>
      <c r="CUE691" s="613"/>
      <c r="CUF691" s="613"/>
      <c r="CUG691" s="613"/>
      <c r="CUH691" s="613"/>
      <c r="CUI691" s="613"/>
      <c r="CUJ691" s="613"/>
      <c r="CUK691" s="613"/>
      <c r="CUL691" s="613"/>
      <c r="CUM691" s="613"/>
      <c r="CUN691" s="613"/>
      <c r="CUO691" s="613"/>
      <c r="CUP691" s="613"/>
      <c r="CUQ691" s="613"/>
      <c r="CUR691" s="613"/>
      <c r="CUS691" s="613"/>
      <c r="CUT691" s="613"/>
      <c r="CUU691" s="613"/>
      <c r="CUV691" s="613"/>
      <c r="CUW691" s="613"/>
      <c r="CUX691" s="613"/>
      <c r="CUY691" s="613"/>
      <c r="CUZ691" s="613"/>
      <c r="CVA691" s="613"/>
      <c r="CVB691" s="613"/>
      <c r="CVC691" s="613"/>
      <c r="CVD691" s="613"/>
      <c r="CVE691" s="613"/>
      <c r="CVF691" s="613"/>
      <c r="CVG691" s="613"/>
      <c r="CVH691" s="613"/>
      <c r="CVI691" s="613"/>
      <c r="CVJ691" s="613"/>
      <c r="CVK691" s="613"/>
      <c r="CVL691" s="613"/>
      <c r="CVM691" s="613"/>
      <c r="CVN691" s="613"/>
      <c r="CVO691" s="613"/>
      <c r="CVP691" s="613"/>
      <c r="CVQ691" s="613"/>
      <c r="CVR691" s="613"/>
      <c r="CVS691" s="613"/>
      <c r="CVT691" s="613"/>
      <c r="CVU691" s="613"/>
      <c r="CVV691" s="613"/>
      <c r="CVW691" s="613"/>
      <c r="CVX691" s="613"/>
      <c r="CVY691" s="613"/>
      <c r="CVZ691" s="613"/>
      <c r="CWA691" s="613"/>
      <c r="CWB691" s="613"/>
      <c r="CWC691" s="613"/>
      <c r="CWD691" s="613"/>
      <c r="CWE691" s="613"/>
      <c r="CWF691" s="613"/>
      <c r="CWG691" s="613"/>
      <c r="CWH691" s="613"/>
      <c r="CWI691" s="613"/>
      <c r="CWJ691" s="613"/>
      <c r="CWK691" s="613"/>
      <c r="CWL691" s="613"/>
      <c r="CWM691" s="613"/>
      <c r="CWN691" s="613"/>
      <c r="CWO691" s="613"/>
      <c r="CWP691" s="613"/>
      <c r="CWQ691" s="613"/>
      <c r="CWR691" s="613"/>
      <c r="CWS691" s="613"/>
      <c r="CWT691" s="613"/>
      <c r="CWU691" s="613"/>
      <c r="CWV691" s="613"/>
      <c r="CWW691" s="613"/>
      <c r="CWX691" s="613"/>
      <c r="CWY691" s="613"/>
      <c r="CWZ691" s="613"/>
      <c r="CXA691" s="613"/>
      <c r="CXB691" s="613"/>
      <c r="CXC691" s="613"/>
      <c r="CXD691" s="613"/>
      <c r="CXE691" s="613"/>
      <c r="CXF691" s="613"/>
      <c r="CXG691" s="613"/>
      <c r="CXH691" s="613"/>
      <c r="CXI691" s="613"/>
      <c r="CXJ691" s="613"/>
      <c r="CXK691" s="613"/>
      <c r="CXL691" s="613"/>
      <c r="CXM691" s="613"/>
      <c r="CXN691" s="613"/>
      <c r="CXO691" s="613"/>
      <c r="CXP691" s="613"/>
      <c r="CXQ691" s="613"/>
      <c r="CXR691" s="613"/>
      <c r="CXS691" s="613"/>
      <c r="CXT691" s="613"/>
      <c r="CXU691" s="613"/>
      <c r="CXV691" s="613"/>
      <c r="CXW691" s="613"/>
      <c r="CXX691" s="613"/>
      <c r="CXY691" s="613"/>
      <c r="CXZ691" s="613"/>
      <c r="CYA691" s="613"/>
      <c r="CYB691" s="613"/>
      <c r="CYC691" s="613"/>
      <c r="CYD691" s="613"/>
      <c r="CYE691" s="613"/>
      <c r="CYF691" s="613"/>
      <c r="CYG691" s="613"/>
      <c r="CYH691" s="613"/>
      <c r="CYI691" s="613"/>
      <c r="CYJ691" s="613"/>
      <c r="CYK691" s="613"/>
      <c r="CYL691" s="613"/>
      <c r="CYM691" s="613"/>
      <c r="CYN691" s="613"/>
      <c r="CYO691" s="613"/>
      <c r="CYP691" s="613"/>
      <c r="CYQ691" s="613"/>
      <c r="CYR691" s="613"/>
      <c r="CYS691" s="613"/>
      <c r="CYT691" s="613"/>
      <c r="CYU691" s="613"/>
      <c r="CYV691" s="613"/>
      <c r="CYW691" s="613"/>
      <c r="CYX691" s="613"/>
      <c r="CYY691" s="613"/>
      <c r="CYZ691" s="613"/>
      <c r="CZA691" s="613"/>
      <c r="CZB691" s="613"/>
      <c r="CZC691" s="613"/>
      <c r="CZD691" s="613"/>
      <c r="CZE691" s="613"/>
      <c r="CZF691" s="613"/>
      <c r="CZG691" s="613"/>
      <c r="CZH691" s="613"/>
      <c r="CZI691" s="613"/>
      <c r="CZJ691" s="613"/>
      <c r="CZK691" s="613"/>
      <c r="CZL691" s="613"/>
      <c r="CZM691" s="613"/>
      <c r="CZN691" s="613"/>
      <c r="CZO691" s="613"/>
      <c r="CZP691" s="613"/>
      <c r="CZQ691" s="613"/>
      <c r="CZR691" s="613"/>
      <c r="CZS691" s="613"/>
      <c r="CZT691" s="613"/>
      <c r="CZU691" s="613"/>
      <c r="CZV691" s="613"/>
      <c r="CZW691" s="613"/>
      <c r="CZX691" s="613"/>
      <c r="CZY691" s="613"/>
      <c r="CZZ691" s="613"/>
      <c r="DAA691" s="613"/>
      <c r="DAB691" s="613"/>
      <c r="DAC691" s="613"/>
      <c r="DAD691" s="613"/>
      <c r="DAE691" s="613"/>
      <c r="DAF691" s="613"/>
      <c r="DAG691" s="613"/>
      <c r="DAH691" s="613"/>
      <c r="DAI691" s="613"/>
      <c r="DAJ691" s="613"/>
      <c r="DAK691" s="613"/>
      <c r="DAL691" s="613"/>
      <c r="DAM691" s="613"/>
      <c r="DAN691" s="613"/>
      <c r="DAO691" s="613"/>
      <c r="DAP691" s="613"/>
      <c r="DAQ691" s="613"/>
      <c r="DAR691" s="613"/>
      <c r="DAS691" s="613"/>
      <c r="DAT691" s="613"/>
      <c r="DAU691" s="613"/>
      <c r="DAV691" s="613"/>
      <c r="DAW691" s="613"/>
      <c r="DAX691" s="613"/>
      <c r="DAY691" s="613"/>
      <c r="DAZ691" s="613"/>
      <c r="DBA691" s="613"/>
      <c r="DBB691" s="613"/>
      <c r="DBC691" s="613"/>
      <c r="DBD691" s="613"/>
      <c r="DBE691" s="613"/>
      <c r="DBF691" s="613"/>
      <c r="DBG691" s="613"/>
      <c r="DBH691" s="613"/>
      <c r="DBI691" s="613"/>
      <c r="DBJ691" s="613"/>
      <c r="DBK691" s="613"/>
      <c r="DBL691" s="613"/>
      <c r="DBM691" s="613"/>
      <c r="DBN691" s="613"/>
      <c r="DBO691" s="613"/>
      <c r="DBP691" s="613"/>
      <c r="DBQ691" s="613"/>
      <c r="DBR691" s="613"/>
      <c r="DBS691" s="613"/>
      <c r="DBT691" s="613"/>
      <c r="DBU691" s="613"/>
      <c r="DBV691" s="613"/>
      <c r="DBW691" s="613"/>
      <c r="DBX691" s="613"/>
      <c r="DBY691" s="613"/>
      <c r="DBZ691" s="613"/>
      <c r="DCA691" s="613"/>
      <c r="DCB691" s="613"/>
      <c r="DCC691" s="613"/>
      <c r="DCD691" s="613"/>
      <c r="DCE691" s="613"/>
      <c r="DCF691" s="613"/>
      <c r="DCG691" s="613"/>
      <c r="DCH691" s="613"/>
      <c r="DCI691" s="613"/>
      <c r="DCJ691" s="613"/>
      <c r="DCK691" s="613"/>
      <c r="DCL691" s="613"/>
      <c r="DCM691" s="613"/>
      <c r="DCN691" s="613"/>
      <c r="DCO691" s="613"/>
      <c r="DCP691" s="613"/>
      <c r="DCQ691" s="613"/>
      <c r="DCR691" s="613"/>
      <c r="DCS691" s="613"/>
      <c r="DCT691" s="613"/>
      <c r="DCU691" s="613"/>
      <c r="DCV691" s="613"/>
      <c r="DCW691" s="613"/>
      <c r="DCX691" s="613"/>
      <c r="DCY691" s="613"/>
      <c r="DCZ691" s="613"/>
      <c r="DDA691" s="613"/>
      <c r="DDB691" s="613"/>
      <c r="DDC691" s="613"/>
      <c r="DDD691" s="613"/>
      <c r="DDE691" s="613"/>
      <c r="DDF691" s="613"/>
      <c r="DDG691" s="613"/>
      <c r="DDH691" s="613"/>
      <c r="DDI691" s="613"/>
      <c r="DDJ691" s="613"/>
      <c r="DDK691" s="613"/>
      <c r="DDL691" s="613"/>
      <c r="DDM691" s="613"/>
      <c r="DDN691" s="613"/>
      <c r="DDO691" s="613"/>
      <c r="DDP691" s="613"/>
      <c r="DDQ691" s="613"/>
      <c r="DDR691" s="613"/>
      <c r="DDS691" s="613"/>
      <c r="DDT691" s="613"/>
      <c r="DDU691" s="613"/>
      <c r="DDV691" s="613"/>
      <c r="DDW691" s="613"/>
      <c r="DDX691" s="613"/>
      <c r="DDY691" s="613"/>
      <c r="DDZ691" s="613"/>
      <c r="DEA691" s="613"/>
      <c r="DEB691" s="613"/>
      <c r="DEC691" s="613"/>
      <c r="DED691" s="613"/>
      <c r="DEE691" s="613"/>
      <c r="DEF691" s="613"/>
      <c r="DEG691" s="613"/>
      <c r="DEH691" s="613"/>
      <c r="DEI691" s="613"/>
      <c r="DEJ691" s="613"/>
      <c r="DEK691" s="613"/>
      <c r="DEL691" s="613"/>
      <c r="DEM691" s="613"/>
      <c r="DEN691" s="613"/>
      <c r="DEO691" s="613"/>
      <c r="DEP691" s="613"/>
      <c r="DEQ691" s="613"/>
      <c r="DER691" s="613"/>
      <c r="DES691" s="613"/>
      <c r="DET691" s="613"/>
      <c r="DEU691" s="613"/>
      <c r="DEV691" s="613"/>
      <c r="DEW691" s="613"/>
      <c r="DEX691" s="613"/>
      <c r="DEY691" s="613"/>
      <c r="DEZ691" s="613"/>
      <c r="DFA691" s="613"/>
      <c r="DFB691" s="613"/>
      <c r="DFC691" s="613"/>
      <c r="DFD691" s="613"/>
      <c r="DFE691" s="613"/>
      <c r="DFF691" s="613"/>
      <c r="DFG691" s="613"/>
      <c r="DFH691" s="613"/>
      <c r="DFI691" s="613"/>
      <c r="DFJ691" s="613"/>
      <c r="DFK691" s="613"/>
      <c r="DFL691" s="613"/>
      <c r="DFM691" s="613"/>
      <c r="DFN691" s="613"/>
      <c r="DFO691" s="613"/>
      <c r="DFP691" s="613"/>
      <c r="DFQ691" s="613"/>
      <c r="DFR691" s="613"/>
      <c r="DFS691" s="613"/>
      <c r="DFT691" s="613"/>
      <c r="DFU691" s="613"/>
      <c r="DFV691" s="613"/>
      <c r="DFW691" s="613"/>
      <c r="DFX691" s="613"/>
      <c r="DFY691" s="613"/>
      <c r="DFZ691" s="613"/>
      <c r="DGA691" s="613"/>
      <c r="DGB691" s="613"/>
      <c r="DGC691" s="613"/>
      <c r="DGD691" s="613"/>
      <c r="DGE691" s="613"/>
      <c r="DGF691" s="613"/>
      <c r="DGG691" s="613"/>
      <c r="DGH691" s="613"/>
      <c r="DGI691" s="613"/>
      <c r="DGJ691" s="613"/>
      <c r="DGK691" s="613"/>
      <c r="DGL691" s="613"/>
      <c r="DGM691" s="613"/>
      <c r="DGN691" s="613"/>
      <c r="DGO691" s="613"/>
      <c r="DGP691" s="613"/>
      <c r="DGQ691" s="613"/>
      <c r="DGR691" s="613"/>
      <c r="DGS691" s="613"/>
      <c r="DGT691" s="613"/>
      <c r="DGU691" s="613"/>
      <c r="DGV691" s="613"/>
      <c r="DGW691" s="613"/>
      <c r="DGX691" s="613"/>
      <c r="DGY691" s="613"/>
      <c r="DGZ691" s="613"/>
      <c r="DHA691" s="613"/>
      <c r="DHB691" s="613"/>
      <c r="DHC691" s="613"/>
      <c r="DHD691" s="613"/>
      <c r="DHE691" s="613"/>
      <c r="DHF691" s="613"/>
      <c r="DHG691" s="613"/>
      <c r="DHH691" s="613"/>
      <c r="DHI691" s="613"/>
      <c r="DHJ691" s="613"/>
      <c r="DHK691" s="613"/>
      <c r="DHL691" s="613"/>
      <c r="DHM691" s="613"/>
      <c r="DHN691" s="613"/>
      <c r="DHO691" s="613"/>
      <c r="DHP691" s="613"/>
      <c r="DHQ691" s="613"/>
      <c r="DHR691" s="613"/>
      <c r="DHS691" s="613"/>
      <c r="DHT691" s="613"/>
      <c r="DHU691" s="613"/>
      <c r="DHV691" s="613"/>
      <c r="DHW691" s="613"/>
      <c r="DHX691" s="613"/>
      <c r="DHY691" s="613"/>
      <c r="DHZ691" s="613"/>
      <c r="DIA691" s="613"/>
      <c r="DIB691" s="613"/>
      <c r="DIC691" s="613"/>
      <c r="DID691" s="613"/>
      <c r="DIE691" s="613"/>
      <c r="DIF691" s="613"/>
      <c r="DIG691" s="613"/>
      <c r="DIH691" s="613"/>
      <c r="DII691" s="613"/>
      <c r="DIJ691" s="613"/>
      <c r="DIK691" s="613"/>
      <c r="DIL691" s="613"/>
      <c r="DIM691" s="613"/>
      <c r="DIN691" s="613"/>
      <c r="DIO691" s="613"/>
      <c r="DIP691" s="613"/>
      <c r="DIQ691" s="613"/>
      <c r="DIR691" s="613"/>
      <c r="DIS691" s="613"/>
      <c r="DIT691" s="613"/>
      <c r="DIU691" s="613"/>
      <c r="DIV691" s="613"/>
      <c r="DIW691" s="613"/>
      <c r="DIX691" s="613"/>
      <c r="DIY691" s="613"/>
      <c r="DIZ691" s="613"/>
      <c r="DJA691" s="613"/>
      <c r="DJB691" s="613"/>
      <c r="DJC691" s="613"/>
      <c r="DJD691" s="613"/>
      <c r="DJE691" s="613"/>
      <c r="DJF691" s="613"/>
      <c r="DJG691" s="613"/>
      <c r="DJH691" s="613"/>
      <c r="DJI691" s="613"/>
      <c r="DJJ691" s="613"/>
      <c r="DJK691" s="613"/>
      <c r="DJL691" s="613"/>
      <c r="DJM691" s="613"/>
      <c r="DJN691" s="613"/>
      <c r="DJO691" s="613"/>
      <c r="DJP691" s="613"/>
      <c r="DJQ691" s="613"/>
      <c r="DJR691" s="613"/>
      <c r="DJS691" s="613"/>
      <c r="DJT691" s="613"/>
      <c r="DJU691" s="613"/>
      <c r="DJV691" s="613"/>
      <c r="DJW691" s="613"/>
      <c r="DJX691" s="613"/>
      <c r="DJY691" s="613"/>
      <c r="DJZ691" s="613"/>
      <c r="DKA691" s="613"/>
      <c r="DKB691" s="613"/>
      <c r="DKC691" s="613"/>
      <c r="DKD691" s="613"/>
      <c r="DKE691" s="613"/>
      <c r="DKF691" s="613"/>
      <c r="DKG691" s="613"/>
      <c r="DKH691" s="613"/>
      <c r="DKI691" s="613"/>
      <c r="DKJ691" s="613"/>
      <c r="DKK691" s="613"/>
      <c r="DKL691" s="613"/>
      <c r="DKM691" s="613"/>
      <c r="DKN691" s="613"/>
      <c r="DKO691" s="613"/>
      <c r="DKP691" s="613"/>
      <c r="DKQ691" s="613"/>
      <c r="DKR691" s="613"/>
      <c r="DKS691" s="613"/>
      <c r="DKT691" s="613"/>
      <c r="DKU691" s="613"/>
      <c r="DKV691" s="613"/>
      <c r="DKW691" s="613"/>
      <c r="DKX691" s="613"/>
      <c r="DKY691" s="613"/>
      <c r="DKZ691" s="613"/>
      <c r="DLA691" s="613"/>
      <c r="DLB691" s="613"/>
      <c r="DLC691" s="613"/>
      <c r="DLD691" s="613"/>
      <c r="DLE691" s="613"/>
      <c r="DLF691" s="613"/>
      <c r="DLG691" s="613"/>
      <c r="DLH691" s="613"/>
      <c r="DLI691" s="613"/>
      <c r="DLJ691" s="613"/>
      <c r="DLK691" s="613"/>
      <c r="DLL691" s="613"/>
      <c r="DLM691" s="613"/>
      <c r="DLN691" s="613"/>
      <c r="DLO691" s="613"/>
      <c r="DLP691" s="613"/>
      <c r="DLQ691" s="613"/>
      <c r="DLR691" s="613"/>
      <c r="DLS691" s="613"/>
      <c r="DLT691" s="613"/>
      <c r="DLU691" s="613"/>
      <c r="DLV691" s="613"/>
      <c r="DLW691" s="613"/>
      <c r="DLX691" s="613"/>
      <c r="DLY691" s="613"/>
      <c r="DLZ691" s="613"/>
      <c r="DMA691" s="613"/>
      <c r="DMB691" s="613"/>
      <c r="DMC691" s="613"/>
      <c r="DMD691" s="613"/>
      <c r="DME691" s="613"/>
      <c r="DMF691" s="613"/>
      <c r="DMG691" s="613"/>
      <c r="DMH691" s="613"/>
      <c r="DMI691" s="613"/>
      <c r="DMJ691" s="613"/>
      <c r="DMK691" s="613"/>
      <c r="DML691" s="613"/>
      <c r="DMM691" s="613"/>
      <c r="DMN691" s="613"/>
      <c r="DMO691" s="613"/>
      <c r="DMP691" s="613"/>
      <c r="DMQ691" s="613"/>
      <c r="DMR691" s="613"/>
      <c r="DMS691" s="613"/>
      <c r="DMT691" s="613"/>
      <c r="DMU691" s="613"/>
      <c r="DMV691" s="613"/>
      <c r="DMW691" s="613"/>
      <c r="DMX691" s="613"/>
      <c r="DMY691" s="613"/>
      <c r="DMZ691" s="613"/>
      <c r="DNA691" s="613"/>
      <c r="DNB691" s="613"/>
      <c r="DNC691" s="613"/>
      <c r="DND691" s="613"/>
      <c r="DNE691" s="613"/>
      <c r="DNF691" s="613"/>
      <c r="DNG691" s="613"/>
      <c r="DNH691" s="613"/>
      <c r="DNI691" s="613"/>
      <c r="DNJ691" s="613"/>
      <c r="DNK691" s="613"/>
      <c r="DNL691" s="613"/>
      <c r="DNM691" s="613"/>
      <c r="DNN691" s="613"/>
      <c r="DNO691" s="613"/>
      <c r="DNP691" s="613"/>
      <c r="DNQ691" s="613"/>
      <c r="DNR691" s="613"/>
      <c r="DNS691" s="613"/>
      <c r="DNT691" s="613"/>
      <c r="DNU691" s="613"/>
      <c r="DNV691" s="613"/>
      <c r="DNW691" s="613"/>
      <c r="DNX691" s="613"/>
      <c r="DNY691" s="613"/>
      <c r="DNZ691" s="613"/>
      <c r="DOA691" s="613"/>
      <c r="DOB691" s="613"/>
      <c r="DOC691" s="613"/>
      <c r="DOD691" s="613"/>
      <c r="DOE691" s="613"/>
      <c r="DOF691" s="613"/>
      <c r="DOG691" s="613"/>
      <c r="DOH691" s="613"/>
      <c r="DOI691" s="613"/>
      <c r="DOJ691" s="613"/>
      <c r="DOK691" s="613"/>
      <c r="DOL691" s="613"/>
      <c r="DOM691" s="613"/>
      <c r="DON691" s="613"/>
      <c r="DOO691" s="613"/>
      <c r="DOP691" s="613"/>
      <c r="DOQ691" s="613"/>
      <c r="DOR691" s="613"/>
      <c r="DOS691" s="613"/>
      <c r="DOT691" s="613"/>
      <c r="DOU691" s="613"/>
      <c r="DOV691" s="613"/>
      <c r="DOW691" s="613"/>
      <c r="DOX691" s="613"/>
      <c r="DOY691" s="613"/>
      <c r="DOZ691" s="613"/>
      <c r="DPA691" s="613"/>
      <c r="DPB691" s="613"/>
      <c r="DPC691" s="613"/>
      <c r="DPD691" s="613"/>
      <c r="DPE691" s="613"/>
      <c r="DPF691" s="613"/>
      <c r="DPG691" s="613"/>
      <c r="DPH691" s="613"/>
      <c r="DPI691" s="613"/>
      <c r="DPJ691" s="613"/>
      <c r="DPK691" s="613"/>
      <c r="DPL691" s="613"/>
      <c r="DPM691" s="613"/>
      <c r="DPN691" s="613"/>
      <c r="DPO691" s="613"/>
      <c r="DPP691" s="613"/>
      <c r="DPQ691" s="613"/>
      <c r="DPR691" s="613"/>
      <c r="DPS691" s="613"/>
      <c r="DPT691" s="613"/>
      <c r="DPU691" s="613"/>
      <c r="DPV691" s="613"/>
      <c r="DPW691" s="613"/>
      <c r="DPX691" s="613"/>
      <c r="DPY691" s="613"/>
      <c r="DPZ691" s="613"/>
      <c r="DQA691" s="613"/>
      <c r="DQB691" s="613"/>
      <c r="DQC691" s="613"/>
      <c r="DQD691" s="613"/>
      <c r="DQE691" s="613"/>
      <c r="DQF691" s="613"/>
      <c r="DQG691" s="613"/>
      <c r="DQH691" s="613"/>
      <c r="DQI691" s="613"/>
      <c r="DQJ691" s="613"/>
      <c r="DQK691" s="613"/>
      <c r="DQL691" s="613"/>
      <c r="DQM691" s="613"/>
      <c r="DQN691" s="613"/>
      <c r="DQO691" s="613"/>
      <c r="DQP691" s="613"/>
      <c r="DQQ691" s="613"/>
      <c r="DQR691" s="613"/>
      <c r="DQS691" s="613"/>
      <c r="DQT691" s="613"/>
      <c r="DQU691" s="613"/>
      <c r="DQV691" s="613"/>
      <c r="DQW691" s="613"/>
      <c r="DQX691" s="613"/>
      <c r="DQY691" s="613"/>
      <c r="DQZ691" s="613"/>
      <c r="DRA691" s="613"/>
      <c r="DRB691" s="613"/>
      <c r="DRC691" s="613"/>
      <c r="DRD691" s="613"/>
      <c r="DRE691" s="613"/>
      <c r="DRF691" s="613"/>
      <c r="DRG691" s="613"/>
      <c r="DRH691" s="613"/>
      <c r="DRI691" s="613"/>
      <c r="DRJ691" s="613"/>
      <c r="DRK691" s="613"/>
      <c r="DRL691" s="613"/>
      <c r="DRM691" s="613"/>
      <c r="DRN691" s="613"/>
      <c r="DRO691" s="613"/>
      <c r="DRP691" s="613"/>
      <c r="DRQ691" s="613"/>
      <c r="DRR691" s="613"/>
      <c r="DRS691" s="613"/>
      <c r="DRT691" s="613"/>
      <c r="DRU691" s="613"/>
      <c r="DRV691" s="613"/>
      <c r="DRW691" s="613"/>
      <c r="DRX691" s="613"/>
      <c r="DRY691" s="613"/>
      <c r="DRZ691" s="613"/>
      <c r="DSA691" s="613"/>
      <c r="DSB691" s="613"/>
      <c r="DSC691" s="613"/>
      <c r="DSD691" s="613"/>
      <c r="DSE691" s="613"/>
      <c r="DSF691" s="613"/>
      <c r="DSG691" s="613"/>
      <c r="DSH691" s="613"/>
      <c r="DSI691" s="613"/>
      <c r="DSJ691" s="613"/>
      <c r="DSK691" s="613"/>
      <c r="DSL691" s="613"/>
      <c r="DSM691" s="613"/>
      <c r="DSN691" s="613"/>
      <c r="DSO691" s="613"/>
      <c r="DSP691" s="613"/>
      <c r="DSQ691" s="613"/>
      <c r="DSR691" s="613"/>
      <c r="DSS691" s="613"/>
      <c r="DST691" s="613"/>
      <c r="DSU691" s="613"/>
      <c r="DSV691" s="613"/>
      <c r="DSW691" s="613"/>
      <c r="DSX691" s="613"/>
      <c r="DSY691" s="613"/>
      <c r="DSZ691" s="613"/>
      <c r="DTA691" s="613"/>
      <c r="DTB691" s="613"/>
      <c r="DTC691" s="613"/>
      <c r="DTD691" s="613"/>
      <c r="DTE691" s="613"/>
      <c r="DTF691" s="613"/>
      <c r="DTG691" s="613"/>
      <c r="DTH691" s="613"/>
      <c r="DTI691" s="613"/>
      <c r="DTJ691" s="613"/>
      <c r="DTK691" s="613"/>
      <c r="DTL691" s="613"/>
      <c r="DTM691" s="613"/>
      <c r="DTN691" s="613"/>
      <c r="DTO691" s="613"/>
      <c r="DTP691" s="613"/>
      <c r="DTQ691" s="613"/>
      <c r="DTR691" s="613"/>
      <c r="DTS691" s="613"/>
      <c r="DTT691" s="613"/>
      <c r="DTU691" s="613"/>
      <c r="DTV691" s="613"/>
      <c r="DTW691" s="613"/>
      <c r="DTX691" s="613"/>
      <c r="DTY691" s="613"/>
      <c r="DTZ691" s="613"/>
      <c r="DUA691" s="613"/>
      <c r="DUB691" s="613"/>
      <c r="DUC691" s="613"/>
      <c r="DUD691" s="613"/>
      <c r="DUE691" s="613"/>
      <c r="DUF691" s="613"/>
      <c r="DUG691" s="613"/>
      <c r="DUH691" s="613"/>
      <c r="DUI691" s="613"/>
      <c r="DUJ691" s="613"/>
      <c r="DUK691" s="613"/>
      <c r="DUL691" s="613"/>
      <c r="DUM691" s="613"/>
      <c r="DUN691" s="613"/>
      <c r="DUO691" s="613"/>
      <c r="DUP691" s="613"/>
      <c r="DUQ691" s="613"/>
      <c r="DUR691" s="613"/>
      <c r="DUS691" s="613"/>
      <c r="DUT691" s="613"/>
      <c r="DUU691" s="613"/>
      <c r="DUV691" s="613"/>
      <c r="DUW691" s="613"/>
      <c r="DUX691" s="613"/>
      <c r="DUY691" s="613"/>
      <c r="DUZ691" s="613"/>
      <c r="DVA691" s="613"/>
      <c r="DVB691" s="613"/>
      <c r="DVC691" s="613"/>
      <c r="DVD691" s="613"/>
      <c r="DVE691" s="613"/>
      <c r="DVF691" s="613"/>
      <c r="DVG691" s="613"/>
      <c r="DVH691" s="613"/>
      <c r="DVI691" s="613"/>
      <c r="DVJ691" s="613"/>
      <c r="DVK691" s="613"/>
      <c r="DVL691" s="613"/>
      <c r="DVM691" s="613"/>
      <c r="DVN691" s="613"/>
      <c r="DVO691" s="613"/>
      <c r="DVP691" s="613"/>
      <c r="DVQ691" s="613"/>
      <c r="DVR691" s="613"/>
      <c r="DVS691" s="613"/>
      <c r="DVT691" s="613"/>
      <c r="DVU691" s="613"/>
      <c r="DVV691" s="613"/>
      <c r="DVW691" s="613"/>
      <c r="DVX691" s="613"/>
      <c r="DVY691" s="613"/>
      <c r="DVZ691" s="613"/>
      <c r="DWA691" s="613"/>
      <c r="DWB691" s="613"/>
      <c r="DWC691" s="613"/>
      <c r="DWD691" s="613"/>
      <c r="DWE691" s="613"/>
      <c r="DWF691" s="613"/>
      <c r="DWG691" s="613"/>
      <c r="DWH691" s="613"/>
      <c r="DWI691" s="613"/>
      <c r="DWJ691" s="613"/>
      <c r="DWK691" s="613"/>
      <c r="DWL691" s="613"/>
      <c r="DWM691" s="613"/>
      <c r="DWN691" s="613"/>
      <c r="DWO691" s="613"/>
      <c r="DWP691" s="613"/>
      <c r="DWQ691" s="613"/>
      <c r="DWR691" s="613"/>
      <c r="DWS691" s="613"/>
      <c r="DWT691" s="613"/>
      <c r="DWU691" s="613"/>
      <c r="DWV691" s="613"/>
      <c r="DWW691" s="613"/>
      <c r="DWX691" s="613"/>
      <c r="DWY691" s="613"/>
      <c r="DWZ691" s="613"/>
      <c r="DXA691" s="613"/>
      <c r="DXB691" s="613"/>
      <c r="DXC691" s="613"/>
      <c r="DXD691" s="613"/>
      <c r="DXE691" s="613"/>
      <c r="DXF691" s="613"/>
      <c r="DXG691" s="613"/>
      <c r="DXH691" s="613"/>
      <c r="DXI691" s="613"/>
      <c r="DXJ691" s="613"/>
      <c r="DXK691" s="613"/>
      <c r="DXL691" s="613"/>
      <c r="DXM691" s="613"/>
      <c r="DXN691" s="613"/>
      <c r="DXO691" s="613"/>
      <c r="DXP691" s="613"/>
      <c r="DXQ691" s="613"/>
      <c r="DXR691" s="613"/>
      <c r="DXS691" s="613"/>
      <c r="DXT691" s="613"/>
      <c r="DXU691" s="613"/>
      <c r="DXV691" s="613"/>
      <c r="DXW691" s="613"/>
      <c r="DXX691" s="613"/>
      <c r="DXY691" s="613"/>
      <c r="DXZ691" s="613"/>
      <c r="DYA691" s="613"/>
      <c r="DYB691" s="613"/>
      <c r="DYC691" s="613"/>
      <c r="DYD691" s="613"/>
      <c r="DYE691" s="613"/>
      <c r="DYF691" s="613"/>
      <c r="DYG691" s="613"/>
      <c r="DYH691" s="613"/>
      <c r="DYI691" s="613"/>
      <c r="DYJ691" s="613"/>
      <c r="DYK691" s="613"/>
      <c r="DYL691" s="613"/>
      <c r="DYM691" s="613"/>
      <c r="DYN691" s="613"/>
      <c r="DYO691" s="613"/>
      <c r="DYP691" s="613"/>
      <c r="DYQ691" s="613"/>
      <c r="DYR691" s="613"/>
      <c r="DYS691" s="613"/>
      <c r="DYT691" s="613"/>
      <c r="DYU691" s="613"/>
      <c r="DYV691" s="613"/>
      <c r="DYW691" s="613"/>
      <c r="DYX691" s="613"/>
      <c r="DYY691" s="613"/>
      <c r="DYZ691" s="613"/>
      <c r="DZA691" s="613"/>
      <c r="DZB691" s="613"/>
      <c r="DZC691" s="613"/>
      <c r="DZD691" s="613"/>
      <c r="DZE691" s="613"/>
      <c r="DZF691" s="613"/>
      <c r="DZG691" s="613"/>
      <c r="DZH691" s="613"/>
      <c r="DZI691" s="613"/>
      <c r="DZJ691" s="613"/>
      <c r="DZK691" s="613"/>
      <c r="DZL691" s="613"/>
      <c r="DZM691" s="613"/>
      <c r="DZN691" s="613"/>
      <c r="DZO691" s="613"/>
      <c r="DZP691" s="613"/>
      <c r="DZQ691" s="613"/>
      <c r="DZR691" s="613"/>
      <c r="DZS691" s="613"/>
      <c r="DZT691" s="613"/>
      <c r="DZU691" s="613"/>
      <c r="DZV691" s="613"/>
      <c r="DZW691" s="613"/>
      <c r="DZX691" s="613"/>
      <c r="DZY691" s="613"/>
      <c r="DZZ691" s="613"/>
      <c r="EAA691" s="613"/>
      <c r="EAB691" s="613"/>
      <c r="EAC691" s="613"/>
      <c r="EAD691" s="613"/>
      <c r="EAE691" s="613"/>
      <c r="EAF691" s="613"/>
      <c r="EAG691" s="613"/>
      <c r="EAH691" s="613"/>
      <c r="EAI691" s="613"/>
      <c r="EAJ691" s="613"/>
      <c r="EAK691" s="613"/>
      <c r="EAL691" s="613"/>
      <c r="EAM691" s="613"/>
      <c r="EAN691" s="613"/>
      <c r="EAO691" s="613"/>
      <c r="EAP691" s="613"/>
      <c r="EAQ691" s="613"/>
      <c r="EAR691" s="613"/>
      <c r="EAS691" s="613"/>
      <c r="EAT691" s="613"/>
      <c r="EAU691" s="613"/>
      <c r="EAV691" s="613"/>
      <c r="EAW691" s="613"/>
      <c r="EAX691" s="613"/>
      <c r="EAY691" s="613"/>
      <c r="EAZ691" s="613"/>
      <c r="EBA691" s="613"/>
      <c r="EBB691" s="613"/>
      <c r="EBC691" s="613"/>
      <c r="EBD691" s="613"/>
      <c r="EBE691" s="613"/>
      <c r="EBF691" s="613"/>
      <c r="EBG691" s="613"/>
      <c r="EBH691" s="613"/>
      <c r="EBI691" s="613"/>
      <c r="EBJ691" s="613"/>
      <c r="EBK691" s="613"/>
      <c r="EBL691" s="613"/>
      <c r="EBM691" s="613"/>
      <c r="EBN691" s="613"/>
      <c r="EBO691" s="613"/>
      <c r="EBP691" s="613"/>
      <c r="EBQ691" s="613"/>
      <c r="EBR691" s="613"/>
      <c r="EBS691" s="613"/>
      <c r="EBT691" s="613"/>
      <c r="EBU691" s="613"/>
      <c r="EBV691" s="613"/>
      <c r="EBW691" s="613"/>
      <c r="EBX691" s="613"/>
      <c r="EBY691" s="613"/>
      <c r="EBZ691" s="613"/>
      <c r="ECA691" s="613"/>
      <c r="ECB691" s="613"/>
      <c r="ECC691" s="613"/>
      <c r="ECD691" s="613"/>
      <c r="ECE691" s="613"/>
      <c r="ECF691" s="613"/>
      <c r="ECG691" s="613"/>
      <c r="ECH691" s="613"/>
      <c r="ECI691" s="613"/>
      <c r="ECJ691" s="613"/>
      <c r="ECK691" s="613"/>
      <c r="ECL691" s="613"/>
      <c r="ECM691" s="613"/>
      <c r="ECN691" s="613"/>
      <c r="ECO691" s="613"/>
      <c r="ECP691" s="613"/>
      <c r="ECQ691" s="613"/>
      <c r="ECR691" s="613"/>
      <c r="ECS691" s="613"/>
      <c r="ECT691" s="613"/>
      <c r="ECU691" s="613"/>
      <c r="ECV691" s="613"/>
      <c r="ECW691" s="613"/>
      <c r="ECX691" s="613"/>
      <c r="ECY691" s="613"/>
      <c r="ECZ691" s="613"/>
      <c r="EDA691" s="613"/>
      <c r="EDB691" s="613"/>
      <c r="EDC691" s="613"/>
      <c r="EDD691" s="613"/>
      <c r="EDE691" s="613"/>
      <c r="EDF691" s="613"/>
      <c r="EDG691" s="613"/>
      <c r="EDH691" s="613"/>
      <c r="EDI691" s="613"/>
      <c r="EDJ691" s="613"/>
      <c r="EDK691" s="613"/>
      <c r="EDL691" s="613"/>
      <c r="EDM691" s="613"/>
      <c r="EDN691" s="613"/>
      <c r="EDO691" s="613"/>
      <c r="EDP691" s="613"/>
      <c r="EDQ691" s="613"/>
      <c r="EDR691" s="613"/>
      <c r="EDS691" s="613"/>
      <c r="EDT691" s="613"/>
      <c r="EDU691" s="613"/>
      <c r="EDV691" s="613"/>
      <c r="EDW691" s="613"/>
      <c r="EDX691" s="613"/>
      <c r="EDY691" s="613"/>
      <c r="EDZ691" s="613"/>
      <c r="EEA691" s="613"/>
      <c r="EEB691" s="613"/>
      <c r="EEC691" s="613"/>
      <c r="EED691" s="613"/>
      <c r="EEE691" s="613"/>
      <c r="EEF691" s="613"/>
      <c r="EEG691" s="613"/>
      <c r="EEH691" s="613"/>
      <c r="EEI691" s="613"/>
      <c r="EEJ691" s="613"/>
      <c r="EEK691" s="613"/>
      <c r="EEL691" s="613"/>
      <c r="EEM691" s="613"/>
      <c r="EEN691" s="613"/>
      <c r="EEO691" s="613"/>
      <c r="EEP691" s="613"/>
      <c r="EEQ691" s="613"/>
      <c r="EER691" s="613"/>
      <c r="EES691" s="613"/>
      <c r="EET691" s="613"/>
      <c r="EEU691" s="613"/>
      <c r="EEV691" s="613"/>
      <c r="EEW691" s="613"/>
      <c r="EEX691" s="613"/>
      <c r="EEY691" s="613"/>
      <c r="EEZ691" s="613"/>
      <c r="EFA691" s="613"/>
      <c r="EFB691" s="613"/>
      <c r="EFC691" s="613"/>
      <c r="EFD691" s="613"/>
      <c r="EFE691" s="613"/>
      <c r="EFF691" s="613"/>
      <c r="EFG691" s="613"/>
      <c r="EFH691" s="613"/>
      <c r="EFI691" s="613"/>
      <c r="EFJ691" s="613"/>
      <c r="EFK691" s="613"/>
      <c r="EFL691" s="613"/>
      <c r="EFM691" s="613"/>
      <c r="EFN691" s="613"/>
      <c r="EFO691" s="613"/>
      <c r="EFP691" s="613"/>
      <c r="EFQ691" s="613"/>
      <c r="EFR691" s="613"/>
      <c r="EFS691" s="613"/>
      <c r="EFT691" s="613"/>
      <c r="EFU691" s="613"/>
      <c r="EFV691" s="613"/>
      <c r="EFW691" s="613"/>
      <c r="EFX691" s="613"/>
      <c r="EFY691" s="613"/>
      <c r="EFZ691" s="613"/>
      <c r="EGA691" s="613"/>
      <c r="EGB691" s="613"/>
      <c r="EGC691" s="613"/>
      <c r="EGD691" s="613"/>
      <c r="EGE691" s="613"/>
      <c r="EGF691" s="613"/>
      <c r="EGG691" s="613"/>
      <c r="EGH691" s="613"/>
      <c r="EGI691" s="613"/>
      <c r="EGJ691" s="613"/>
      <c r="EGK691" s="613"/>
      <c r="EGL691" s="613"/>
      <c r="EGM691" s="613"/>
      <c r="EGN691" s="613"/>
      <c r="EGO691" s="613"/>
      <c r="EGP691" s="613"/>
      <c r="EGQ691" s="613"/>
      <c r="EGR691" s="613"/>
      <c r="EGS691" s="613"/>
      <c r="EGT691" s="613"/>
      <c r="EGU691" s="613"/>
      <c r="EGV691" s="613"/>
      <c r="EGW691" s="613"/>
      <c r="EGX691" s="613"/>
      <c r="EGY691" s="613"/>
      <c r="EGZ691" s="613"/>
      <c r="EHA691" s="613"/>
      <c r="EHB691" s="613"/>
      <c r="EHC691" s="613"/>
      <c r="EHD691" s="613"/>
      <c r="EHE691" s="613"/>
      <c r="EHF691" s="613"/>
      <c r="EHG691" s="613"/>
      <c r="EHH691" s="613"/>
      <c r="EHI691" s="613"/>
      <c r="EHJ691" s="613"/>
      <c r="EHK691" s="613"/>
      <c r="EHL691" s="613"/>
      <c r="EHM691" s="613"/>
      <c r="EHN691" s="613"/>
      <c r="EHO691" s="613"/>
      <c r="EHP691" s="613"/>
      <c r="EHQ691" s="613"/>
      <c r="EHR691" s="613"/>
      <c r="EHS691" s="613"/>
      <c r="EHT691" s="613"/>
      <c r="EHU691" s="613"/>
      <c r="EHV691" s="613"/>
      <c r="EHW691" s="613"/>
      <c r="EHX691" s="613"/>
      <c r="EHY691" s="613"/>
      <c r="EHZ691" s="613"/>
      <c r="EIA691" s="613"/>
      <c r="EIB691" s="613"/>
      <c r="EIC691" s="613"/>
      <c r="EID691" s="613"/>
      <c r="EIE691" s="613"/>
      <c r="EIF691" s="613"/>
      <c r="EIG691" s="613"/>
      <c r="EIH691" s="613"/>
      <c r="EII691" s="613"/>
      <c r="EIJ691" s="613"/>
      <c r="EIK691" s="613"/>
      <c r="EIL691" s="613"/>
      <c r="EIM691" s="613"/>
      <c r="EIN691" s="613"/>
      <c r="EIO691" s="613"/>
      <c r="EIP691" s="613"/>
      <c r="EIQ691" s="613"/>
      <c r="EIR691" s="613"/>
      <c r="EIS691" s="613"/>
      <c r="EIT691" s="613"/>
      <c r="EIU691" s="613"/>
      <c r="EIV691" s="613"/>
      <c r="EIW691" s="613"/>
      <c r="EIX691" s="613"/>
      <c r="EIY691" s="613"/>
      <c r="EIZ691" s="613"/>
      <c r="EJA691" s="613"/>
      <c r="EJB691" s="613"/>
      <c r="EJC691" s="613"/>
      <c r="EJD691" s="613"/>
      <c r="EJE691" s="613"/>
      <c r="EJF691" s="613"/>
      <c r="EJG691" s="613"/>
      <c r="EJH691" s="613"/>
      <c r="EJI691" s="613"/>
      <c r="EJJ691" s="613"/>
      <c r="EJK691" s="613"/>
      <c r="EJL691" s="613"/>
      <c r="EJM691" s="613"/>
      <c r="EJN691" s="613"/>
      <c r="EJO691" s="613"/>
      <c r="EJP691" s="613"/>
      <c r="EJQ691" s="613"/>
      <c r="EJR691" s="613"/>
      <c r="EJS691" s="613"/>
      <c r="EJT691" s="613"/>
      <c r="EJU691" s="613"/>
      <c r="EJV691" s="613"/>
      <c r="EJW691" s="613"/>
      <c r="EJX691" s="613"/>
      <c r="EJY691" s="613"/>
      <c r="EJZ691" s="613"/>
      <c r="EKA691" s="613"/>
      <c r="EKB691" s="613"/>
      <c r="EKC691" s="613"/>
      <c r="EKD691" s="613"/>
      <c r="EKE691" s="613"/>
      <c r="EKF691" s="613"/>
      <c r="EKG691" s="613"/>
      <c r="EKH691" s="613"/>
      <c r="EKI691" s="613"/>
      <c r="EKJ691" s="613"/>
      <c r="EKK691" s="613"/>
      <c r="EKL691" s="613"/>
      <c r="EKM691" s="613"/>
      <c r="EKN691" s="613"/>
      <c r="EKO691" s="613"/>
      <c r="EKP691" s="613"/>
      <c r="EKQ691" s="613"/>
      <c r="EKR691" s="613"/>
      <c r="EKS691" s="613"/>
      <c r="EKT691" s="613"/>
      <c r="EKU691" s="613"/>
      <c r="EKV691" s="613"/>
      <c r="EKW691" s="613"/>
      <c r="EKX691" s="613"/>
      <c r="EKY691" s="613"/>
      <c r="EKZ691" s="613"/>
      <c r="ELA691" s="613"/>
      <c r="ELB691" s="613"/>
      <c r="ELC691" s="613"/>
      <c r="ELD691" s="613"/>
      <c r="ELE691" s="613"/>
      <c r="ELF691" s="613"/>
      <c r="ELG691" s="613"/>
      <c r="ELH691" s="613"/>
      <c r="ELI691" s="613"/>
      <c r="ELJ691" s="613"/>
      <c r="ELK691" s="613"/>
      <c r="ELL691" s="613"/>
      <c r="ELM691" s="613"/>
      <c r="ELN691" s="613"/>
      <c r="ELO691" s="613"/>
      <c r="ELP691" s="613"/>
      <c r="ELQ691" s="613"/>
      <c r="ELR691" s="613"/>
      <c r="ELS691" s="613"/>
      <c r="ELT691" s="613"/>
      <c r="ELU691" s="613"/>
      <c r="ELV691" s="613"/>
      <c r="ELW691" s="613"/>
      <c r="ELX691" s="613"/>
      <c r="ELY691" s="613"/>
      <c r="ELZ691" s="613"/>
      <c r="EMA691" s="613"/>
      <c r="EMB691" s="613"/>
      <c r="EMC691" s="613"/>
      <c r="EMD691" s="613"/>
      <c r="EME691" s="613"/>
      <c r="EMF691" s="613"/>
      <c r="EMG691" s="613"/>
      <c r="EMH691" s="613"/>
      <c r="EMI691" s="613"/>
      <c r="EMJ691" s="613"/>
      <c r="EMK691" s="613"/>
      <c r="EML691" s="613"/>
      <c r="EMM691" s="613"/>
      <c r="EMN691" s="613"/>
      <c r="EMO691" s="613"/>
      <c r="EMP691" s="613"/>
      <c r="EMQ691" s="613"/>
      <c r="EMR691" s="613"/>
      <c r="EMS691" s="613"/>
      <c r="EMT691" s="613"/>
      <c r="EMU691" s="613"/>
      <c r="EMV691" s="613"/>
      <c r="EMW691" s="613"/>
      <c r="EMX691" s="613"/>
      <c r="EMY691" s="613"/>
      <c r="EMZ691" s="613"/>
      <c r="ENA691" s="613"/>
      <c r="ENB691" s="613"/>
      <c r="ENC691" s="613"/>
      <c r="END691" s="613"/>
      <c r="ENE691" s="613"/>
      <c r="ENF691" s="613"/>
      <c r="ENG691" s="613"/>
      <c r="ENH691" s="613"/>
      <c r="ENI691" s="613"/>
      <c r="ENJ691" s="613"/>
      <c r="ENK691" s="613"/>
      <c r="ENL691" s="613"/>
      <c r="ENM691" s="613"/>
      <c r="ENN691" s="613"/>
      <c r="ENO691" s="613"/>
      <c r="ENP691" s="613"/>
      <c r="ENQ691" s="613"/>
      <c r="ENR691" s="613"/>
      <c r="ENS691" s="613"/>
      <c r="ENT691" s="613"/>
      <c r="ENU691" s="613"/>
      <c r="ENV691" s="613"/>
      <c r="ENW691" s="613"/>
      <c r="ENX691" s="613"/>
      <c r="ENY691" s="613"/>
      <c r="ENZ691" s="613"/>
      <c r="EOA691" s="613"/>
      <c r="EOB691" s="613"/>
      <c r="EOC691" s="613"/>
      <c r="EOD691" s="613"/>
      <c r="EOE691" s="613"/>
      <c r="EOF691" s="613"/>
      <c r="EOG691" s="613"/>
      <c r="EOH691" s="613"/>
      <c r="EOI691" s="613"/>
      <c r="EOJ691" s="613"/>
      <c r="EOK691" s="613"/>
      <c r="EOL691" s="613"/>
      <c r="EOM691" s="613"/>
      <c r="EON691" s="613"/>
      <c r="EOO691" s="613"/>
      <c r="EOP691" s="613"/>
      <c r="EOQ691" s="613"/>
      <c r="EOR691" s="613"/>
      <c r="EOS691" s="613"/>
      <c r="EOT691" s="613"/>
      <c r="EOU691" s="613"/>
      <c r="EOV691" s="613"/>
      <c r="EOW691" s="613"/>
      <c r="EOX691" s="613"/>
      <c r="EOY691" s="613"/>
      <c r="EOZ691" s="613"/>
      <c r="EPA691" s="613"/>
      <c r="EPB691" s="613"/>
      <c r="EPC691" s="613"/>
      <c r="EPD691" s="613"/>
      <c r="EPE691" s="613"/>
      <c r="EPF691" s="613"/>
      <c r="EPG691" s="613"/>
      <c r="EPH691" s="613"/>
      <c r="EPI691" s="613"/>
      <c r="EPJ691" s="613"/>
      <c r="EPK691" s="613"/>
      <c r="EPL691" s="613"/>
      <c r="EPM691" s="613"/>
      <c r="EPN691" s="613"/>
      <c r="EPO691" s="613"/>
      <c r="EPP691" s="613"/>
      <c r="EPQ691" s="613"/>
      <c r="EPR691" s="613"/>
      <c r="EPS691" s="613"/>
      <c r="EPT691" s="613"/>
      <c r="EPU691" s="613"/>
      <c r="EPV691" s="613"/>
      <c r="EPW691" s="613"/>
      <c r="EPX691" s="613"/>
      <c r="EPY691" s="613"/>
      <c r="EPZ691" s="613"/>
      <c r="EQA691" s="613"/>
      <c r="EQB691" s="613"/>
      <c r="EQC691" s="613"/>
      <c r="EQD691" s="613"/>
      <c r="EQE691" s="613"/>
      <c r="EQF691" s="613"/>
      <c r="EQG691" s="613"/>
      <c r="EQH691" s="613"/>
      <c r="EQI691" s="613"/>
      <c r="EQJ691" s="613"/>
      <c r="EQK691" s="613"/>
      <c r="EQL691" s="613"/>
      <c r="EQM691" s="613"/>
      <c r="EQN691" s="613"/>
      <c r="EQO691" s="613"/>
      <c r="EQP691" s="613"/>
      <c r="EQQ691" s="613"/>
      <c r="EQR691" s="613"/>
      <c r="EQS691" s="613"/>
      <c r="EQT691" s="613"/>
      <c r="EQU691" s="613"/>
      <c r="EQV691" s="613"/>
      <c r="EQW691" s="613"/>
      <c r="EQX691" s="613"/>
      <c r="EQY691" s="613"/>
      <c r="EQZ691" s="613"/>
      <c r="ERA691" s="613"/>
      <c r="ERB691" s="613"/>
      <c r="ERC691" s="613"/>
      <c r="ERD691" s="613"/>
      <c r="ERE691" s="613"/>
      <c r="ERF691" s="613"/>
      <c r="ERG691" s="613"/>
      <c r="ERH691" s="613"/>
      <c r="ERI691" s="613"/>
      <c r="ERJ691" s="613"/>
      <c r="ERK691" s="613"/>
      <c r="ERL691" s="613"/>
      <c r="ERM691" s="613"/>
      <c r="ERN691" s="613"/>
      <c r="ERO691" s="613"/>
      <c r="ERP691" s="613"/>
      <c r="ERQ691" s="613"/>
      <c r="ERR691" s="613"/>
      <c r="ERS691" s="613"/>
      <c r="ERT691" s="613"/>
      <c r="ERU691" s="613"/>
      <c r="ERV691" s="613"/>
      <c r="ERW691" s="613"/>
      <c r="ERX691" s="613"/>
      <c r="ERY691" s="613"/>
      <c r="ERZ691" s="613"/>
      <c r="ESA691" s="613"/>
      <c r="ESB691" s="613"/>
      <c r="ESC691" s="613"/>
      <c r="ESD691" s="613"/>
      <c r="ESE691" s="613"/>
      <c r="ESF691" s="613"/>
      <c r="ESG691" s="613"/>
      <c r="ESH691" s="613"/>
      <c r="ESI691" s="613"/>
      <c r="ESJ691" s="613"/>
      <c r="ESK691" s="613"/>
      <c r="ESL691" s="613"/>
      <c r="ESM691" s="613"/>
      <c r="ESN691" s="613"/>
      <c r="ESO691" s="613"/>
      <c r="ESP691" s="613"/>
      <c r="ESQ691" s="613"/>
      <c r="ESR691" s="613"/>
      <c r="ESS691" s="613"/>
      <c r="EST691" s="613"/>
      <c r="ESU691" s="613"/>
      <c r="ESV691" s="613"/>
      <c r="ESW691" s="613"/>
      <c r="ESX691" s="613"/>
      <c r="ESY691" s="613"/>
      <c r="ESZ691" s="613"/>
      <c r="ETA691" s="613"/>
      <c r="ETB691" s="613"/>
      <c r="ETC691" s="613"/>
      <c r="ETD691" s="613"/>
      <c r="ETE691" s="613"/>
      <c r="ETF691" s="613"/>
      <c r="ETG691" s="613"/>
      <c r="ETH691" s="613"/>
      <c r="ETI691" s="613"/>
      <c r="ETJ691" s="613"/>
      <c r="ETK691" s="613"/>
      <c r="ETL691" s="613"/>
      <c r="ETM691" s="613"/>
      <c r="ETN691" s="613"/>
      <c r="ETO691" s="613"/>
      <c r="ETP691" s="613"/>
      <c r="ETQ691" s="613"/>
      <c r="ETR691" s="613"/>
      <c r="ETS691" s="613"/>
      <c r="ETT691" s="613"/>
      <c r="ETU691" s="613"/>
      <c r="ETV691" s="613"/>
      <c r="ETW691" s="613"/>
      <c r="ETX691" s="613"/>
      <c r="ETY691" s="613"/>
      <c r="ETZ691" s="613"/>
      <c r="EUA691" s="613"/>
      <c r="EUB691" s="613"/>
      <c r="EUC691" s="613"/>
      <c r="EUD691" s="613"/>
      <c r="EUE691" s="613"/>
      <c r="EUF691" s="613"/>
      <c r="EUG691" s="613"/>
      <c r="EUH691" s="613"/>
      <c r="EUI691" s="613"/>
      <c r="EUJ691" s="613"/>
      <c r="EUK691" s="613"/>
      <c r="EUL691" s="613"/>
      <c r="EUM691" s="613"/>
      <c r="EUN691" s="613"/>
      <c r="EUO691" s="613"/>
      <c r="EUP691" s="613"/>
      <c r="EUQ691" s="613"/>
      <c r="EUR691" s="613"/>
      <c r="EUS691" s="613"/>
      <c r="EUT691" s="613"/>
      <c r="EUU691" s="613"/>
      <c r="EUV691" s="613"/>
      <c r="EUW691" s="613"/>
      <c r="EUX691" s="613"/>
      <c r="EUY691" s="613"/>
      <c r="EUZ691" s="613"/>
      <c r="EVA691" s="613"/>
      <c r="EVB691" s="613"/>
      <c r="EVC691" s="613"/>
      <c r="EVD691" s="613"/>
      <c r="EVE691" s="613"/>
      <c r="EVF691" s="613"/>
      <c r="EVG691" s="613"/>
      <c r="EVH691" s="613"/>
      <c r="EVI691" s="613"/>
      <c r="EVJ691" s="613"/>
      <c r="EVK691" s="613"/>
      <c r="EVL691" s="613"/>
      <c r="EVM691" s="613"/>
      <c r="EVN691" s="613"/>
      <c r="EVO691" s="613"/>
      <c r="EVP691" s="613"/>
      <c r="EVQ691" s="613"/>
      <c r="EVR691" s="613"/>
      <c r="EVS691" s="613"/>
      <c r="EVT691" s="613"/>
      <c r="EVU691" s="613"/>
      <c r="EVV691" s="613"/>
      <c r="EVW691" s="613"/>
      <c r="EVX691" s="613"/>
      <c r="EVY691" s="613"/>
      <c r="EVZ691" s="613"/>
      <c r="EWA691" s="613"/>
      <c r="EWB691" s="613"/>
      <c r="EWC691" s="613"/>
      <c r="EWD691" s="613"/>
      <c r="EWE691" s="613"/>
      <c r="EWF691" s="613"/>
      <c r="EWG691" s="613"/>
      <c r="EWH691" s="613"/>
      <c r="EWI691" s="613"/>
      <c r="EWJ691" s="613"/>
      <c r="EWK691" s="613"/>
      <c r="EWL691" s="613"/>
      <c r="EWM691" s="613"/>
      <c r="EWN691" s="613"/>
      <c r="EWO691" s="613"/>
      <c r="EWP691" s="613"/>
      <c r="EWQ691" s="613"/>
      <c r="EWR691" s="613"/>
      <c r="EWS691" s="613"/>
      <c r="EWT691" s="613"/>
      <c r="EWU691" s="613"/>
      <c r="EWV691" s="613"/>
      <c r="EWW691" s="613"/>
      <c r="EWX691" s="613"/>
      <c r="EWY691" s="613"/>
      <c r="EWZ691" s="613"/>
      <c r="EXA691" s="613"/>
      <c r="EXB691" s="613"/>
      <c r="EXC691" s="613"/>
      <c r="EXD691" s="613"/>
      <c r="EXE691" s="613"/>
      <c r="EXF691" s="613"/>
      <c r="EXG691" s="613"/>
      <c r="EXH691" s="613"/>
      <c r="EXI691" s="613"/>
      <c r="EXJ691" s="613"/>
      <c r="EXK691" s="613"/>
      <c r="EXL691" s="613"/>
      <c r="EXM691" s="613"/>
      <c r="EXN691" s="613"/>
      <c r="EXO691" s="613"/>
      <c r="EXP691" s="613"/>
      <c r="EXQ691" s="613"/>
      <c r="EXR691" s="613"/>
      <c r="EXS691" s="613"/>
      <c r="EXT691" s="613"/>
      <c r="EXU691" s="613"/>
      <c r="EXV691" s="613"/>
      <c r="EXW691" s="613"/>
      <c r="EXX691" s="613"/>
      <c r="EXY691" s="613"/>
      <c r="EXZ691" s="613"/>
      <c r="EYA691" s="613"/>
      <c r="EYB691" s="613"/>
      <c r="EYC691" s="613"/>
      <c r="EYD691" s="613"/>
      <c r="EYE691" s="613"/>
      <c r="EYF691" s="613"/>
      <c r="EYG691" s="613"/>
      <c r="EYH691" s="613"/>
      <c r="EYI691" s="613"/>
      <c r="EYJ691" s="613"/>
      <c r="EYK691" s="613"/>
      <c r="EYL691" s="613"/>
      <c r="EYM691" s="613"/>
      <c r="EYN691" s="613"/>
      <c r="EYO691" s="613"/>
      <c r="EYP691" s="613"/>
      <c r="EYQ691" s="613"/>
      <c r="EYR691" s="613"/>
      <c r="EYS691" s="613"/>
      <c r="EYT691" s="613"/>
      <c r="EYU691" s="613"/>
      <c r="EYV691" s="613"/>
      <c r="EYW691" s="613"/>
      <c r="EYX691" s="613"/>
      <c r="EYY691" s="613"/>
      <c r="EYZ691" s="613"/>
      <c r="EZA691" s="613"/>
      <c r="EZB691" s="613"/>
      <c r="EZC691" s="613"/>
      <c r="EZD691" s="613"/>
      <c r="EZE691" s="613"/>
      <c r="EZF691" s="613"/>
      <c r="EZG691" s="613"/>
      <c r="EZH691" s="613"/>
      <c r="EZI691" s="613"/>
      <c r="EZJ691" s="613"/>
      <c r="EZK691" s="613"/>
      <c r="EZL691" s="613"/>
      <c r="EZM691" s="613"/>
      <c r="EZN691" s="613"/>
      <c r="EZO691" s="613"/>
      <c r="EZP691" s="613"/>
      <c r="EZQ691" s="613"/>
      <c r="EZR691" s="613"/>
      <c r="EZS691" s="613"/>
      <c r="EZT691" s="613"/>
      <c r="EZU691" s="613"/>
      <c r="EZV691" s="613"/>
      <c r="EZW691" s="613"/>
      <c r="EZX691" s="613"/>
      <c r="EZY691" s="613"/>
      <c r="EZZ691" s="613"/>
      <c r="FAA691" s="613"/>
      <c r="FAB691" s="613"/>
      <c r="FAC691" s="613"/>
      <c r="FAD691" s="613"/>
      <c r="FAE691" s="613"/>
      <c r="FAF691" s="613"/>
      <c r="FAG691" s="613"/>
      <c r="FAH691" s="613"/>
      <c r="FAI691" s="613"/>
      <c r="FAJ691" s="613"/>
      <c r="FAK691" s="613"/>
      <c r="FAL691" s="613"/>
      <c r="FAM691" s="613"/>
      <c r="FAN691" s="613"/>
      <c r="FAO691" s="613"/>
      <c r="FAP691" s="613"/>
      <c r="FAQ691" s="613"/>
      <c r="FAR691" s="613"/>
      <c r="FAS691" s="613"/>
      <c r="FAT691" s="613"/>
      <c r="FAU691" s="613"/>
      <c r="FAV691" s="613"/>
      <c r="FAW691" s="613"/>
      <c r="FAX691" s="613"/>
      <c r="FAY691" s="613"/>
      <c r="FAZ691" s="613"/>
      <c r="FBA691" s="613"/>
      <c r="FBB691" s="613"/>
      <c r="FBC691" s="613"/>
      <c r="FBD691" s="613"/>
      <c r="FBE691" s="613"/>
      <c r="FBF691" s="613"/>
      <c r="FBG691" s="613"/>
      <c r="FBH691" s="613"/>
      <c r="FBI691" s="613"/>
      <c r="FBJ691" s="613"/>
      <c r="FBK691" s="613"/>
      <c r="FBL691" s="613"/>
      <c r="FBM691" s="613"/>
      <c r="FBN691" s="613"/>
      <c r="FBO691" s="613"/>
      <c r="FBP691" s="613"/>
      <c r="FBQ691" s="613"/>
      <c r="FBR691" s="613"/>
      <c r="FBS691" s="613"/>
      <c r="FBT691" s="613"/>
      <c r="FBU691" s="613"/>
      <c r="FBV691" s="613"/>
      <c r="FBW691" s="613"/>
      <c r="FBX691" s="613"/>
      <c r="FBY691" s="613"/>
      <c r="FBZ691" s="613"/>
      <c r="FCA691" s="613"/>
      <c r="FCB691" s="613"/>
      <c r="FCC691" s="613"/>
      <c r="FCD691" s="613"/>
      <c r="FCE691" s="613"/>
      <c r="FCF691" s="613"/>
      <c r="FCG691" s="613"/>
      <c r="FCH691" s="613"/>
      <c r="FCI691" s="613"/>
      <c r="FCJ691" s="613"/>
      <c r="FCK691" s="613"/>
      <c r="FCL691" s="613"/>
      <c r="FCM691" s="613"/>
      <c r="FCN691" s="613"/>
      <c r="FCO691" s="613"/>
      <c r="FCP691" s="613"/>
      <c r="FCQ691" s="613"/>
      <c r="FCR691" s="613"/>
      <c r="FCS691" s="613"/>
      <c r="FCT691" s="613"/>
      <c r="FCU691" s="613"/>
      <c r="FCV691" s="613"/>
      <c r="FCW691" s="613"/>
      <c r="FCX691" s="613"/>
      <c r="FCY691" s="613"/>
      <c r="FCZ691" s="613"/>
      <c r="FDA691" s="613"/>
      <c r="FDB691" s="613"/>
      <c r="FDC691" s="613"/>
      <c r="FDD691" s="613"/>
      <c r="FDE691" s="613"/>
      <c r="FDF691" s="613"/>
      <c r="FDG691" s="613"/>
      <c r="FDH691" s="613"/>
      <c r="FDI691" s="613"/>
      <c r="FDJ691" s="613"/>
      <c r="FDK691" s="613"/>
      <c r="FDL691" s="613"/>
      <c r="FDM691" s="613"/>
      <c r="FDN691" s="613"/>
      <c r="FDO691" s="613"/>
      <c r="FDP691" s="613"/>
      <c r="FDQ691" s="613"/>
      <c r="FDR691" s="613"/>
      <c r="FDS691" s="613"/>
      <c r="FDT691" s="613"/>
      <c r="FDU691" s="613"/>
      <c r="FDV691" s="613"/>
      <c r="FDW691" s="613"/>
      <c r="FDX691" s="613"/>
      <c r="FDY691" s="613"/>
      <c r="FDZ691" s="613"/>
      <c r="FEA691" s="613"/>
      <c r="FEB691" s="613"/>
      <c r="FEC691" s="613"/>
      <c r="FED691" s="613"/>
      <c r="FEE691" s="613"/>
      <c r="FEF691" s="613"/>
      <c r="FEG691" s="613"/>
      <c r="FEH691" s="613"/>
      <c r="FEI691" s="613"/>
      <c r="FEJ691" s="613"/>
      <c r="FEK691" s="613"/>
      <c r="FEL691" s="613"/>
      <c r="FEM691" s="613"/>
      <c r="FEN691" s="613"/>
      <c r="FEO691" s="613"/>
      <c r="FEP691" s="613"/>
      <c r="FEQ691" s="613"/>
      <c r="FER691" s="613"/>
      <c r="FES691" s="613"/>
      <c r="FET691" s="613"/>
      <c r="FEU691" s="613"/>
      <c r="FEV691" s="613"/>
      <c r="FEW691" s="613"/>
      <c r="FEX691" s="613"/>
      <c r="FEY691" s="613"/>
      <c r="FEZ691" s="613"/>
      <c r="FFA691" s="613"/>
      <c r="FFB691" s="613"/>
      <c r="FFC691" s="613"/>
      <c r="FFD691" s="613"/>
      <c r="FFE691" s="613"/>
      <c r="FFF691" s="613"/>
      <c r="FFG691" s="613"/>
      <c r="FFH691" s="613"/>
      <c r="FFI691" s="613"/>
      <c r="FFJ691" s="613"/>
      <c r="FFK691" s="613"/>
      <c r="FFL691" s="613"/>
      <c r="FFM691" s="613"/>
      <c r="FFN691" s="613"/>
      <c r="FFO691" s="613"/>
      <c r="FFP691" s="613"/>
      <c r="FFQ691" s="613"/>
      <c r="FFR691" s="613"/>
      <c r="FFS691" s="613"/>
      <c r="FFT691" s="613"/>
      <c r="FFU691" s="613"/>
      <c r="FFV691" s="613"/>
      <c r="FFW691" s="613"/>
      <c r="FFX691" s="613"/>
      <c r="FFY691" s="613"/>
      <c r="FFZ691" s="613"/>
      <c r="FGA691" s="613"/>
      <c r="FGB691" s="613"/>
      <c r="FGC691" s="613"/>
      <c r="FGD691" s="613"/>
      <c r="FGE691" s="613"/>
      <c r="FGF691" s="613"/>
      <c r="FGG691" s="613"/>
      <c r="FGH691" s="613"/>
      <c r="FGI691" s="613"/>
      <c r="FGJ691" s="613"/>
      <c r="FGK691" s="613"/>
      <c r="FGL691" s="613"/>
      <c r="FGM691" s="613"/>
      <c r="FGN691" s="613"/>
      <c r="FGO691" s="613"/>
      <c r="FGP691" s="613"/>
      <c r="FGQ691" s="613"/>
      <c r="FGR691" s="613"/>
      <c r="FGS691" s="613"/>
      <c r="FGT691" s="613"/>
      <c r="FGU691" s="613"/>
      <c r="FGV691" s="613"/>
      <c r="FGW691" s="613"/>
      <c r="FGX691" s="613"/>
      <c r="FGY691" s="613"/>
      <c r="FGZ691" s="613"/>
      <c r="FHA691" s="613"/>
      <c r="FHB691" s="613"/>
      <c r="FHC691" s="613"/>
      <c r="FHD691" s="613"/>
      <c r="FHE691" s="613"/>
      <c r="FHF691" s="613"/>
      <c r="FHG691" s="613"/>
      <c r="FHH691" s="613"/>
      <c r="FHI691" s="613"/>
      <c r="FHJ691" s="613"/>
      <c r="FHK691" s="613"/>
      <c r="FHL691" s="613"/>
      <c r="FHM691" s="613"/>
      <c r="FHN691" s="613"/>
      <c r="FHO691" s="613"/>
      <c r="FHP691" s="613"/>
      <c r="FHQ691" s="613"/>
      <c r="FHR691" s="613"/>
      <c r="FHS691" s="613"/>
      <c r="FHT691" s="613"/>
      <c r="FHU691" s="613"/>
      <c r="FHV691" s="613"/>
      <c r="FHW691" s="613"/>
      <c r="FHX691" s="613"/>
      <c r="FHY691" s="613"/>
      <c r="FHZ691" s="613"/>
      <c r="FIA691" s="613"/>
      <c r="FIB691" s="613"/>
      <c r="FIC691" s="613"/>
      <c r="FID691" s="613"/>
      <c r="FIE691" s="613"/>
      <c r="FIF691" s="613"/>
      <c r="FIG691" s="613"/>
      <c r="FIH691" s="613"/>
      <c r="FII691" s="613"/>
      <c r="FIJ691" s="613"/>
      <c r="FIK691" s="613"/>
      <c r="FIL691" s="613"/>
      <c r="FIM691" s="613"/>
      <c r="FIN691" s="613"/>
      <c r="FIO691" s="613"/>
      <c r="FIP691" s="613"/>
      <c r="FIQ691" s="613"/>
      <c r="FIR691" s="613"/>
      <c r="FIS691" s="613"/>
      <c r="FIT691" s="613"/>
      <c r="FIU691" s="613"/>
      <c r="FIV691" s="613"/>
      <c r="FIW691" s="613"/>
      <c r="FIX691" s="613"/>
      <c r="FIY691" s="613"/>
      <c r="FIZ691" s="613"/>
      <c r="FJA691" s="613"/>
      <c r="FJB691" s="613"/>
      <c r="FJC691" s="613"/>
      <c r="FJD691" s="613"/>
      <c r="FJE691" s="613"/>
      <c r="FJF691" s="613"/>
      <c r="FJG691" s="613"/>
      <c r="FJH691" s="613"/>
      <c r="FJI691" s="613"/>
      <c r="FJJ691" s="613"/>
      <c r="FJK691" s="613"/>
      <c r="FJL691" s="613"/>
      <c r="FJM691" s="613"/>
      <c r="FJN691" s="613"/>
      <c r="FJO691" s="613"/>
      <c r="FJP691" s="613"/>
      <c r="FJQ691" s="613"/>
      <c r="FJR691" s="613"/>
      <c r="FJS691" s="613"/>
      <c r="FJT691" s="613"/>
      <c r="FJU691" s="613"/>
      <c r="FJV691" s="613"/>
      <c r="FJW691" s="613"/>
      <c r="FJX691" s="613"/>
      <c r="FJY691" s="613"/>
      <c r="FJZ691" s="613"/>
      <c r="FKA691" s="613"/>
      <c r="FKB691" s="613"/>
      <c r="FKC691" s="613"/>
      <c r="FKD691" s="613"/>
      <c r="FKE691" s="613"/>
      <c r="FKF691" s="613"/>
      <c r="FKG691" s="613"/>
      <c r="FKH691" s="613"/>
      <c r="FKI691" s="613"/>
      <c r="FKJ691" s="613"/>
      <c r="FKK691" s="613"/>
      <c r="FKL691" s="613"/>
      <c r="FKM691" s="613"/>
      <c r="FKN691" s="613"/>
      <c r="FKO691" s="613"/>
      <c r="FKP691" s="613"/>
      <c r="FKQ691" s="613"/>
      <c r="FKR691" s="613"/>
      <c r="FKS691" s="613"/>
      <c r="FKT691" s="613"/>
      <c r="FKU691" s="613"/>
      <c r="FKV691" s="613"/>
      <c r="FKW691" s="613"/>
      <c r="FKX691" s="613"/>
      <c r="FKY691" s="613"/>
      <c r="FKZ691" s="613"/>
      <c r="FLA691" s="613"/>
      <c r="FLB691" s="613"/>
      <c r="FLC691" s="613"/>
      <c r="FLD691" s="613"/>
      <c r="FLE691" s="613"/>
      <c r="FLF691" s="613"/>
      <c r="FLG691" s="613"/>
      <c r="FLH691" s="613"/>
      <c r="FLI691" s="613"/>
      <c r="FLJ691" s="613"/>
      <c r="FLK691" s="613"/>
      <c r="FLL691" s="613"/>
      <c r="FLM691" s="613"/>
      <c r="FLN691" s="613"/>
      <c r="FLO691" s="613"/>
      <c r="FLP691" s="613"/>
      <c r="FLQ691" s="613"/>
      <c r="FLR691" s="613"/>
      <c r="FLS691" s="613"/>
      <c r="FLT691" s="613"/>
      <c r="FLU691" s="613"/>
      <c r="FLV691" s="613"/>
      <c r="FLW691" s="613"/>
      <c r="FLX691" s="613"/>
      <c r="FLY691" s="613"/>
      <c r="FLZ691" s="613"/>
      <c r="FMA691" s="613"/>
      <c r="FMB691" s="613"/>
      <c r="FMC691" s="613"/>
      <c r="FMD691" s="613"/>
      <c r="FME691" s="613"/>
      <c r="FMF691" s="613"/>
      <c r="FMG691" s="613"/>
      <c r="FMH691" s="613"/>
      <c r="FMI691" s="613"/>
      <c r="FMJ691" s="613"/>
      <c r="FMK691" s="613"/>
      <c r="FML691" s="613"/>
      <c r="FMM691" s="613"/>
      <c r="FMN691" s="613"/>
      <c r="FMO691" s="613"/>
      <c r="FMP691" s="613"/>
      <c r="FMQ691" s="613"/>
      <c r="FMR691" s="613"/>
      <c r="FMS691" s="613"/>
      <c r="FMT691" s="613"/>
      <c r="FMU691" s="613"/>
      <c r="FMV691" s="613"/>
      <c r="FMW691" s="613"/>
      <c r="FMX691" s="613"/>
      <c r="FMY691" s="613"/>
      <c r="FMZ691" s="613"/>
      <c r="FNA691" s="613"/>
      <c r="FNB691" s="613"/>
      <c r="FNC691" s="613"/>
      <c r="FND691" s="613"/>
      <c r="FNE691" s="613"/>
      <c r="FNF691" s="613"/>
      <c r="FNG691" s="613"/>
      <c r="FNH691" s="613"/>
      <c r="FNI691" s="613"/>
      <c r="FNJ691" s="613"/>
      <c r="FNK691" s="613"/>
      <c r="FNL691" s="613"/>
      <c r="FNM691" s="613"/>
      <c r="FNN691" s="613"/>
      <c r="FNO691" s="613"/>
      <c r="FNP691" s="613"/>
      <c r="FNQ691" s="613"/>
      <c r="FNR691" s="613"/>
      <c r="FNS691" s="613"/>
      <c r="FNT691" s="613"/>
      <c r="FNU691" s="613"/>
      <c r="FNV691" s="613"/>
      <c r="FNW691" s="613"/>
      <c r="FNX691" s="613"/>
      <c r="FNY691" s="613"/>
      <c r="FNZ691" s="613"/>
      <c r="FOA691" s="613"/>
      <c r="FOB691" s="613"/>
      <c r="FOC691" s="613"/>
      <c r="FOD691" s="613"/>
      <c r="FOE691" s="613"/>
      <c r="FOF691" s="613"/>
      <c r="FOG691" s="613"/>
      <c r="FOH691" s="613"/>
      <c r="FOI691" s="613"/>
      <c r="FOJ691" s="613"/>
      <c r="FOK691" s="613"/>
      <c r="FOL691" s="613"/>
      <c r="FOM691" s="613"/>
      <c r="FON691" s="613"/>
      <c r="FOO691" s="613"/>
      <c r="FOP691" s="613"/>
      <c r="FOQ691" s="613"/>
      <c r="FOR691" s="613"/>
      <c r="FOS691" s="613"/>
      <c r="FOT691" s="613"/>
      <c r="FOU691" s="613"/>
      <c r="FOV691" s="613"/>
      <c r="FOW691" s="613"/>
      <c r="FOX691" s="613"/>
      <c r="FOY691" s="613"/>
      <c r="FOZ691" s="613"/>
      <c r="FPA691" s="613"/>
      <c r="FPB691" s="613"/>
      <c r="FPC691" s="613"/>
      <c r="FPD691" s="613"/>
      <c r="FPE691" s="613"/>
      <c r="FPF691" s="613"/>
      <c r="FPG691" s="613"/>
      <c r="FPH691" s="613"/>
      <c r="FPI691" s="613"/>
      <c r="FPJ691" s="613"/>
      <c r="FPK691" s="613"/>
      <c r="FPL691" s="613"/>
      <c r="FPM691" s="613"/>
      <c r="FPN691" s="613"/>
      <c r="FPO691" s="613"/>
      <c r="FPP691" s="613"/>
      <c r="FPQ691" s="613"/>
      <c r="FPR691" s="613"/>
      <c r="FPS691" s="613"/>
      <c r="FPT691" s="613"/>
      <c r="FPU691" s="613"/>
      <c r="FPV691" s="613"/>
      <c r="FPW691" s="613"/>
      <c r="FPX691" s="613"/>
      <c r="FPY691" s="613"/>
      <c r="FPZ691" s="613"/>
      <c r="FQA691" s="613"/>
      <c r="FQB691" s="613"/>
      <c r="FQC691" s="613"/>
      <c r="FQD691" s="613"/>
      <c r="FQE691" s="613"/>
      <c r="FQF691" s="613"/>
      <c r="FQG691" s="613"/>
      <c r="FQH691" s="613"/>
      <c r="FQI691" s="613"/>
      <c r="FQJ691" s="613"/>
      <c r="FQK691" s="613"/>
      <c r="FQL691" s="613"/>
      <c r="FQM691" s="613"/>
      <c r="FQN691" s="613"/>
      <c r="FQO691" s="613"/>
      <c r="FQP691" s="613"/>
      <c r="FQQ691" s="613"/>
      <c r="FQR691" s="613"/>
      <c r="FQS691" s="613"/>
      <c r="FQT691" s="613"/>
      <c r="FQU691" s="613"/>
      <c r="FQV691" s="613"/>
      <c r="FQW691" s="613"/>
      <c r="FQX691" s="613"/>
      <c r="FQY691" s="613"/>
      <c r="FQZ691" s="613"/>
      <c r="FRA691" s="613"/>
      <c r="FRB691" s="613"/>
      <c r="FRC691" s="613"/>
      <c r="FRD691" s="613"/>
      <c r="FRE691" s="613"/>
      <c r="FRF691" s="613"/>
      <c r="FRG691" s="613"/>
      <c r="FRH691" s="613"/>
      <c r="FRI691" s="613"/>
      <c r="FRJ691" s="613"/>
      <c r="FRK691" s="613"/>
      <c r="FRL691" s="613"/>
      <c r="FRM691" s="613"/>
      <c r="FRN691" s="613"/>
      <c r="FRO691" s="613"/>
      <c r="FRP691" s="613"/>
      <c r="FRQ691" s="613"/>
      <c r="FRR691" s="613"/>
      <c r="FRS691" s="613"/>
      <c r="FRT691" s="613"/>
      <c r="FRU691" s="613"/>
      <c r="FRV691" s="613"/>
      <c r="FRW691" s="613"/>
      <c r="FRX691" s="613"/>
      <c r="FRY691" s="613"/>
      <c r="FRZ691" s="613"/>
      <c r="FSA691" s="613"/>
      <c r="FSB691" s="613"/>
      <c r="FSC691" s="613"/>
      <c r="FSD691" s="613"/>
      <c r="FSE691" s="613"/>
      <c r="FSF691" s="613"/>
      <c r="FSG691" s="613"/>
      <c r="FSH691" s="613"/>
      <c r="FSI691" s="613"/>
      <c r="FSJ691" s="613"/>
      <c r="FSK691" s="613"/>
      <c r="FSL691" s="613"/>
      <c r="FSM691" s="613"/>
      <c r="FSN691" s="613"/>
      <c r="FSO691" s="613"/>
      <c r="FSP691" s="613"/>
      <c r="FSQ691" s="613"/>
      <c r="FSR691" s="613"/>
      <c r="FSS691" s="613"/>
      <c r="FST691" s="613"/>
      <c r="FSU691" s="613"/>
      <c r="FSV691" s="613"/>
      <c r="FSW691" s="613"/>
      <c r="FSX691" s="613"/>
      <c r="FSY691" s="613"/>
      <c r="FSZ691" s="613"/>
      <c r="FTA691" s="613"/>
      <c r="FTB691" s="613"/>
      <c r="FTC691" s="613"/>
      <c r="FTD691" s="613"/>
      <c r="FTE691" s="613"/>
      <c r="FTF691" s="613"/>
      <c r="FTG691" s="613"/>
      <c r="FTH691" s="613"/>
      <c r="FTI691" s="613"/>
      <c r="FTJ691" s="613"/>
      <c r="FTK691" s="613"/>
      <c r="FTL691" s="613"/>
      <c r="FTM691" s="613"/>
      <c r="FTN691" s="613"/>
      <c r="FTO691" s="613"/>
      <c r="FTP691" s="613"/>
      <c r="FTQ691" s="613"/>
      <c r="FTR691" s="613"/>
      <c r="FTS691" s="613"/>
      <c r="FTT691" s="613"/>
      <c r="FTU691" s="613"/>
      <c r="FTV691" s="613"/>
      <c r="FTW691" s="613"/>
      <c r="FTX691" s="613"/>
      <c r="FTY691" s="613"/>
      <c r="FTZ691" s="613"/>
      <c r="FUA691" s="613"/>
      <c r="FUB691" s="613"/>
      <c r="FUC691" s="613"/>
      <c r="FUD691" s="613"/>
      <c r="FUE691" s="613"/>
      <c r="FUF691" s="613"/>
      <c r="FUG691" s="613"/>
      <c r="FUH691" s="613"/>
      <c r="FUI691" s="613"/>
      <c r="FUJ691" s="613"/>
      <c r="FUK691" s="613"/>
      <c r="FUL691" s="613"/>
      <c r="FUM691" s="613"/>
      <c r="FUN691" s="613"/>
      <c r="FUO691" s="613"/>
      <c r="FUP691" s="613"/>
      <c r="FUQ691" s="613"/>
      <c r="FUR691" s="613"/>
      <c r="FUS691" s="613"/>
      <c r="FUT691" s="613"/>
      <c r="FUU691" s="613"/>
      <c r="FUV691" s="613"/>
      <c r="FUW691" s="613"/>
      <c r="FUX691" s="613"/>
      <c r="FUY691" s="613"/>
      <c r="FUZ691" s="613"/>
      <c r="FVA691" s="613"/>
      <c r="FVB691" s="613"/>
      <c r="FVC691" s="613"/>
      <c r="FVD691" s="613"/>
      <c r="FVE691" s="613"/>
      <c r="FVF691" s="613"/>
      <c r="FVG691" s="613"/>
      <c r="FVH691" s="613"/>
      <c r="FVI691" s="613"/>
      <c r="FVJ691" s="613"/>
      <c r="FVK691" s="613"/>
      <c r="FVL691" s="613"/>
      <c r="FVM691" s="613"/>
      <c r="FVN691" s="613"/>
      <c r="FVO691" s="613"/>
      <c r="FVP691" s="613"/>
      <c r="FVQ691" s="613"/>
      <c r="FVR691" s="613"/>
      <c r="FVS691" s="613"/>
      <c r="FVT691" s="613"/>
      <c r="FVU691" s="613"/>
      <c r="FVV691" s="613"/>
      <c r="FVW691" s="613"/>
      <c r="FVX691" s="613"/>
      <c r="FVY691" s="613"/>
      <c r="FVZ691" s="613"/>
      <c r="FWA691" s="613"/>
      <c r="FWB691" s="613"/>
      <c r="FWC691" s="613"/>
      <c r="FWD691" s="613"/>
      <c r="FWE691" s="613"/>
      <c r="FWF691" s="613"/>
      <c r="FWG691" s="613"/>
      <c r="FWH691" s="613"/>
      <c r="FWI691" s="613"/>
      <c r="FWJ691" s="613"/>
      <c r="FWK691" s="613"/>
      <c r="FWL691" s="613"/>
      <c r="FWM691" s="613"/>
      <c r="FWN691" s="613"/>
      <c r="FWO691" s="613"/>
      <c r="FWP691" s="613"/>
      <c r="FWQ691" s="613"/>
      <c r="FWR691" s="613"/>
      <c r="FWS691" s="613"/>
      <c r="FWT691" s="613"/>
      <c r="FWU691" s="613"/>
      <c r="FWV691" s="613"/>
      <c r="FWW691" s="613"/>
      <c r="FWX691" s="613"/>
      <c r="FWY691" s="613"/>
      <c r="FWZ691" s="613"/>
      <c r="FXA691" s="613"/>
      <c r="FXB691" s="613"/>
      <c r="FXC691" s="613"/>
      <c r="FXD691" s="613"/>
      <c r="FXE691" s="613"/>
      <c r="FXF691" s="613"/>
      <c r="FXG691" s="613"/>
      <c r="FXH691" s="613"/>
      <c r="FXI691" s="613"/>
      <c r="FXJ691" s="613"/>
      <c r="FXK691" s="613"/>
      <c r="FXL691" s="613"/>
      <c r="FXM691" s="613"/>
      <c r="FXN691" s="613"/>
      <c r="FXO691" s="613"/>
      <c r="FXP691" s="613"/>
      <c r="FXQ691" s="613"/>
      <c r="FXR691" s="613"/>
      <c r="FXS691" s="613"/>
      <c r="FXT691" s="613"/>
      <c r="FXU691" s="613"/>
      <c r="FXV691" s="613"/>
      <c r="FXW691" s="613"/>
      <c r="FXX691" s="613"/>
      <c r="FXY691" s="613"/>
      <c r="FXZ691" s="613"/>
      <c r="FYA691" s="613"/>
      <c r="FYB691" s="613"/>
      <c r="FYC691" s="613"/>
      <c r="FYD691" s="613"/>
      <c r="FYE691" s="613"/>
      <c r="FYF691" s="613"/>
      <c r="FYG691" s="613"/>
      <c r="FYH691" s="613"/>
      <c r="FYI691" s="613"/>
      <c r="FYJ691" s="613"/>
      <c r="FYK691" s="613"/>
      <c r="FYL691" s="613"/>
      <c r="FYM691" s="613"/>
      <c r="FYN691" s="613"/>
      <c r="FYO691" s="613"/>
      <c r="FYP691" s="613"/>
      <c r="FYQ691" s="613"/>
      <c r="FYR691" s="613"/>
      <c r="FYS691" s="613"/>
      <c r="FYT691" s="613"/>
      <c r="FYU691" s="613"/>
      <c r="FYV691" s="613"/>
      <c r="FYW691" s="613"/>
      <c r="FYX691" s="613"/>
      <c r="FYY691" s="613"/>
      <c r="FYZ691" s="613"/>
      <c r="FZA691" s="613"/>
      <c r="FZB691" s="613"/>
      <c r="FZC691" s="613"/>
      <c r="FZD691" s="613"/>
      <c r="FZE691" s="613"/>
      <c r="FZF691" s="613"/>
      <c r="FZG691" s="613"/>
      <c r="FZH691" s="613"/>
      <c r="FZI691" s="613"/>
      <c r="FZJ691" s="613"/>
      <c r="FZK691" s="613"/>
      <c r="FZL691" s="613"/>
      <c r="FZM691" s="613"/>
      <c r="FZN691" s="613"/>
      <c r="FZO691" s="613"/>
      <c r="FZP691" s="613"/>
      <c r="FZQ691" s="613"/>
      <c r="FZR691" s="613"/>
      <c r="FZS691" s="613"/>
      <c r="FZT691" s="613"/>
      <c r="FZU691" s="613"/>
      <c r="FZV691" s="613"/>
      <c r="FZW691" s="613"/>
      <c r="FZX691" s="613"/>
      <c r="FZY691" s="613"/>
      <c r="FZZ691" s="613"/>
      <c r="GAA691" s="613"/>
      <c r="GAB691" s="613"/>
      <c r="GAC691" s="613"/>
      <c r="GAD691" s="613"/>
      <c r="GAE691" s="613"/>
      <c r="GAF691" s="613"/>
      <c r="GAG691" s="613"/>
      <c r="GAH691" s="613"/>
      <c r="GAI691" s="613"/>
      <c r="GAJ691" s="613"/>
      <c r="GAK691" s="613"/>
      <c r="GAL691" s="613"/>
      <c r="GAM691" s="613"/>
      <c r="GAN691" s="613"/>
      <c r="GAO691" s="613"/>
      <c r="GAP691" s="613"/>
      <c r="GAQ691" s="613"/>
      <c r="GAR691" s="613"/>
      <c r="GAS691" s="613"/>
      <c r="GAT691" s="613"/>
      <c r="GAU691" s="613"/>
      <c r="GAV691" s="613"/>
      <c r="GAW691" s="613"/>
      <c r="GAX691" s="613"/>
      <c r="GAY691" s="613"/>
      <c r="GAZ691" s="613"/>
      <c r="GBA691" s="613"/>
      <c r="GBB691" s="613"/>
      <c r="GBC691" s="613"/>
      <c r="GBD691" s="613"/>
      <c r="GBE691" s="613"/>
      <c r="GBF691" s="613"/>
      <c r="GBG691" s="613"/>
      <c r="GBH691" s="613"/>
      <c r="GBI691" s="613"/>
      <c r="GBJ691" s="613"/>
      <c r="GBK691" s="613"/>
      <c r="GBL691" s="613"/>
      <c r="GBM691" s="613"/>
      <c r="GBN691" s="613"/>
      <c r="GBO691" s="613"/>
      <c r="GBP691" s="613"/>
      <c r="GBQ691" s="613"/>
      <c r="GBR691" s="613"/>
      <c r="GBS691" s="613"/>
      <c r="GBT691" s="613"/>
      <c r="GBU691" s="613"/>
      <c r="GBV691" s="613"/>
      <c r="GBW691" s="613"/>
      <c r="GBX691" s="613"/>
      <c r="GBY691" s="613"/>
      <c r="GBZ691" s="613"/>
      <c r="GCA691" s="613"/>
      <c r="GCB691" s="613"/>
      <c r="GCC691" s="613"/>
      <c r="GCD691" s="613"/>
      <c r="GCE691" s="613"/>
      <c r="GCF691" s="613"/>
      <c r="GCG691" s="613"/>
      <c r="GCH691" s="613"/>
      <c r="GCI691" s="613"/>
      <c r="GCJ691" s="613"/>
      <c r="GCK691" s="613"/>
      <c r="GCL691" s="613"/>
      <c r="GCM691" s="613"/>
      <c r="GCN691" s="613"/>
      <c r="GCO691" s="613"/>
      <c r="GCP691" s="613"/>
      <c r="GCQ691" s="613"/>
      <c r="GCR691" s="613"/>
      <c r="GCS691" s="613"/>
      <c r="GCT691" s="613"/>
      <c r="GCU691" s="613"/>
      <c r="GCV691" s="613"/>
      <c r="GCW691" s="613"/>
      <c r="GCX691" s="613"/>
      <c r="GCY691" s="613"/>
      <c r="GCZ691" s="613"/>
      <c r="GDA691" s="613"/>
      <c r="GDB691" s="613"/>
      <c r="GDC691" s="613"/>
      <c r="GDD691" s="613"/>
      <c r="GDE691" s="613"/>
      <c r="GDF691" s="613"/>
      <c r="GDG691" s="613"/>
      <c r="GDH691" s="613"/>
      <c r="GDI691" s="613"/>
      <c r="GDJ691" s="613"/>
      <c r="GDK691" s="613"/>
      <c r="GDL691" s="613"/>
      <c r="GDM691" s="613"/>
      <c r="GDN691" s="613"/>
      <c r="GDO691" s="613"/>
      <c r="GDP691" s="613"/>
      <c r="GDQ691" s="613"/>
      <c r="GDR691" s="613"/>
      <c r="GDS691" s="613"/>
      <c r="GDT691" s="613"/>
      <c r="GDU691" s="613"/>
      <c r="GDV691" s="613"/>
      <c r="GDW691" s="613"/>
      <c r="GDX691" s="613"/>
      <c r="GDY691" s="613"/>
      <c r="GDZ691" s="613"/>
      <c r="GEA691" s="613"/>
      <c r="GEB691" s="613"/>
      <c r="GEC691" s="613"/>
      <c r="GED691" s="613"/>
      <c r="GEE691" s="613"/>
      <c r="GEF691" s="613"/>
      <c r="GEG691" s="613"/>
      <c r="GEH691" s="613"/>
      <c r="GEI691" s="613"/>
      <c r="GEJ691" s="613"/>
      <c r="GEK691" s="613"/>
      <c r="GEL691" s="613"/>
      <c r="GEM691" s="613"/>
      <c r="GEN691" s="613"/>
      <c r="GEO691" s="613"/>
      <c r="GEP691" s="613"/>
      <c r="GEQ691" s="613"/>
      <c r="GER691" s="613"/>
      <c r="GES691" s="613"/>
      <c r="GET691" s="613"/>
      <c r="GEU691" s="613"/>
      <c r="GEV691" s="613"/>
      <c r="GEW691" s="613"/>
      <c r="GEX691" s="613"/>
      <c r="GEY691" s="613"/>
      <c r="GEZ691" s="613"/>
      <c r="GFA691" s="613"/>
      <c r="GFB691" s="613"/>
      <c r="GFC691" s="613"/>
      <c r="GFD691" s="613"/>
      <c r="GFE691" s="613"/>
      <c r="GFF691" s="613"/>
      <c r="GFG691" s="613"/>
      <c r="GFH691" s="613"/>
      <c r="GFI691" s="613"/>
      <c r="GFJ691" s="613"/>
      <c r="GFK691" s="613"/>
      <c r="GFL691" s="613"/>
      <c r="GFM691" s="613"/>
      <c r="GFN691" s="613"/>
      <c r="GFO691" s="613"/>
      <c r="GFP691" s="613"/>
      <c r="GFQ691" s="613"/>
      <c r="GFR691" s="613"/>
      <c r="GFS691" s="613"/>
      <c r="GFT691" s="613"/>
      <c r="GFU691" s="613"/>
      <c r="GFV691" s="613"/>
      <c r="GFW691" s="613"/>
      <c r="GFX691" s="613"/>
      <c r="GFY691" s="613"/>
      <c r="GFZ691" s="613"/>
      <c r="GGA691" s="613"/>
      <c r="GGB691" s="613"/>
      <c r="GGC691" s="613"/>
      <c r="GGD691" s="613"/>
      <c r="GGE691" s="613"/>
      <c r="GGF691" s="613"/>
      <c r="GGG691" s="613"/>
      <c r="GGH691" s="613"/>
      <c r="GGI691" s="613"/>
      <c r="GGJ691" s="613"/>
      <c r="GGK691" s="613"/>
      <c r="GGL691" s="613"/>
      <c r="GGM691" s="613"/>
      <c r="GGN691" s="613"/>
      <c r="GGO691" s="613"/>
      <c r="GGP691" s="613"/>
      <c r="GGQ691" s="613"/>
      <c r="GGR691" s="613"/>
      <c r="GGS691" s="613"/>
      <c r="GGT691" s="613"/>
      <c r="GGU691" s="613"/>
      <c r="GGV691" s="613"/>
      <c r="GGW691" s="613"/>
      <c r="GGX691" s="613"/>
      <c r="GGY691" s="613"/>
      <c r="GGZ691" s="613"/>
      <c r="GHA691" s="613"/>
      <c r="GHB691" s="613"/>
      <c r="GHC691" s="613"/>
      <c r="GHD691" s="613"/>
      <c r="GHE691" s="613"/>
      <c r="GHF691" s="613"/>
      <c r="GHG691" s="613"/>
      <c r="GHH691" s="613"/>
      <c r="GHI691" s="613"/>
      <c r="GHJ691" s="613"/>
      <c r="GHK691" s="613"/>
      <c r="GHL691" s="613"/>
      <c r="GHM691" s="613"/>
      <c r="GHN691" s="613"/>
      <c r="GHO691" s="613"/>
      <c r="GHP691" s="613"/>
      <c r="GHQ691" s="613"/>
      <c r="GHR691" s="613"/>
      <c r="GHS691" s="613"/>
      <c r="GHT691" s="613"/>
      <c r="GHU691" s="613"/>
      <c r="GHV691" s="613"/>
      <c r="GHW691" s="613"/>
      <c r="GHX691" s="613"/>
      <c r="GHY691" s="613"/>
      <c r="GHZ691" s="613"/>
      <c r="GIA691" s="613"/>
      <c r="GIB691" s="613"/>
      <c r="GIC691" s="613"/>
      <c r="GID691" s="613"/>
      <c r="GIE691" s="613"/>
      <c r="GIF691" s="613"/>
      <c r="GIG691" s="613"/>
      <c r="GIH691" s="613"/>
      <c r="GII691" s="613"/>
      <c r="GIJ691" s="613"/>
      <c r="GIK691" s="613"/>
      <c r="GIL691" s="613"/>
      <c r="GIM691" s="613"/>
      <c r="GIN691" s="613"/>
      <c r="GIO691" s="613"/>
      <c r="GIP691" s="613"/>
      <c r="GIQ691" s="613"/>
      <c r="GIR691" s="613"/>
      <c r="GIS691" s="613"/>
      <c r="GIT691" s="613"/>
      <c r="GIU691" s="613"/>
      <c r="GIV691" s="613"/>
      <c r="GIW691" s="613"/>
      <c r="GIX691" s="613"/>
      <c r="GIY691" s="613"/>
      <c r="GIZ691" s="613"/>
      <c r="GJA691" s="613"/>
      <c r="GJB691" s="613"/>
      <c r="GJC691" s="613"/>
      <c r="GJD691" s="613"/>
      <c r="GJE691" s="613"/>
      <c r="GJF691" s="613"/>
      <c r="GJG691" s="613"/>
      <c r="GJH691" s="613"/>
      <c r="GJI691" s="613"/>
      <c r="GJJ691" s="613"/>
      <c r="GJK691" s="613"/>
      <c r="GJL691" s="613"/>
      <c r="GJM691" s="613"/>
      <c r="GJN691" s="613"/>
      <c r="GJO691" s="613"/>
      <c r="GJP691" s="613"/>
      <c r="GJQ691" s="613"/>
      <c r="GJR691" s="613"/>
      <c r="GJS691" s="613"/>
      <c r="GJT691" s="613"/>
      <c r="GJU691" s="613"/>
      <c r="GJV691" s="613"/>
      <c r="GJW691" s="613"/>
      <c r="GJX691" s="613"/>
      <c r="GJY691" s="613"/>
      <c r="GJZ691" s="613"/>
      <c r="GKA691" s="613"/>
      <c r="GKB691" s="613"/>
      <c r="GKC691" s="613"/>
      <c r="GKD691" s="613"/>
      <c r="GKE691" s="613"/>
      <c r="GKF691" s="613"/>
      <c r="GKG691" s="613"/>
      <c r="GKH691" s="613"/>
      <c r="GKI691" s="613"/>
      <c r="GKJ691" s="613"/>
      <c r="GKK691" s="613"/>
      <c r="GKL691" s="613"/>
      <c r="GKM691" s="613"/>
      <c r="GKN691" s="613"/>
      <c r="GKO691" s="613"/>
      <c r="GKP691" s="613"/>
      <c r="GKQ691" s="613"/>
      <c r="GKR691" s="613"/>
      <c r="GKS691" s="613"/>
      <c r="GKT691" s="613"/>
      <c r="GKU691" s="613"/>
      <c r="GKV691" s="613"/>
      <c r="GKW691" s="613"/>
      <c r="GKX691" s="613"/>
      <c r="GKY691" s="613"/>
      <c r="GKZ691" s="613"/>
      <c r="GLA691" s="613"/>
      <c r="GLB691" s="613"/>
      <c r="GLC691" s="613"/>
      <c r="GLD691" s="613"/>
      <c r="GLE691" s="613"/>
      <c r="GLF691" s="613"/>
      <c r="GLG691" s="613"/>
      <c r="GLH691" s="613"/>
      <c r="GLI691" s="613"/>
      <c r="GLJ691" s="613"/>
      <c r="GLK691" s="613"/>
      <c r="GLL691" s="613"/>
      <c r="GLM691" s="613"/>
      <c r="GLN691" s="613"/>
      <c r="GLO691" s="613"/>
      <c r="GLP691" s="613"/>
      <c r="GLQ691" s="613"/>
      <c r="GLR691" s="613"/>
      <c r="GLS691" s="613"/>
      <c r="GLT691" s="613"/>
      <c r="GLU691" s="613"/>
      <c r="GLV691" s="613"/>
      <c r="GLW691" s="613"/>
      <c r="GLX691" s="613"/>
      <c r="GLY691" s="613"/>
      <c r="GLZ691" s="613"/>
      <c r="GMA691" s="613"/>
      <c r="GMB691" s="613"/>
      <c r="GMC691" s="613"/>
      <c r="GMD691" s="613"/>
      <c r="GME691" s="613"/>
      <c r="GMF691" s="613"/>
      <c r="GMG691" s="613"/>
      <c r="GMH691" s="613"/>
      <c r="GMI691" s="613"/>
      <c r="GMJ691" s="613"/>
      <c r="GMK691" s="613"/>
      <c r="GML691" s="613"/>
      <c r="GMM691" s="613"/>
      <c r="GMN691" s="613"/>
      <c r="GMO691" s="613"/>
      <c r="GMP691" s="613"/>
      <c r="GMQ691" s="613"/>
      <c r="GMR691" s="613"/>
      <c r="GMS691" s="613"/>
      <c r="GMT691" s="613"/>
      <c r="GMU691" s="613"/>
      <c r="GMV691" s="613"/>
      <c r="GMW691" s="613"/>
      <c r="GMX691" s="613"/>
      <c r="GMY691" s="613"/>
      <c r="GMZ691" s="613"/>
      <c r="GNA691" s="613"/>
      <c r="GNB691" s="613"/>
      <c r="GNC691" s="613"/>
      <c r="GND691" s="613"/>
      <c r="GNE691" s="613"/>
      <c r="GNF691" s="613"/>
      <c r="GNG691" s="613"/>
      <c r="GNH691" s="613"/>
      <c r="GNI691" s="613"/>
      <c r="GNJ691" s="613"/>
      <c r="GNK691" s="613"/>
      <c r="GNL691" s="613"/>
      <c r="GNM691" s="613"/>
      <c r="GNN691" s="613"/>
      <c r="GNO691" s="613"/>
      <c r="GNP691" s="613"/>
      <c r="GNQ691" s="613"/>
      <c r="GNR691" s="613"/>
      <c r="GNS691" s="613"/>
      <c r="GNT691" s="613"/>
      <c r="GNU691" s="613"/>
      <c r="GNV691" s="613"/>
      <c r="GNW691" s="613"/>
      <c r="GNX691" s="613"/>
      <c r="GNY691" s="613"/>
      <c r="GNZ691" s="613"/>
      <c r="GOA691" s="613"/>
      <c r="GOB691" s="613"/>
      <c r="GOC691" s="613"/>
      <c r="GOD691" s="613"/>
      <c r="GOE691" s="613"/>
      <c r="GOF691" s="613"/>
      <c r="GOG691" s="613"/>
      <c r="GOH691" s="613"/>
      <c r="GOI691" s="613"/>
      <c r="GOJ691" s="613"/>
      <c r="GOK691" s="613"/>
      <c r="GOL691" s="613"/>
      <c r="GOM691" s="613"/>
      <c r="GON691" s="613"/>
      <c r="GOO691" s="613"/>
      <c r="GOP691" s="613"/>
      <c r="GOQ691" s="613"/>
      <c r="GOR691" s="613"/>
      <c r="GOS691" s="613"/>
      <c r="GOT691" s="613"/>
      <c r="GOU691" s="613"/>
      <c r="GOV691" s="613"/>
      <c r="GOW691" s="613"/>
      <c r="GOX691" s="613"/>
      <c r="GOY691" s="613"/>
      <c r="GOZ691" s="613"/>
      <c r="GPA691" s="613"/>
      <c r="GPB691" s="613"/>
      <c r="GPC691" s="613"/>
      <c r="GPD691" s="613"/>
      <c r="GPE691" s="613"/>
      <c r="GPF691" s="613"/>
      <c r="GPG691" s="613"/>
      <c r="GPH691" s="613"/>
      <c r="GPI691" s="613"/>
      <c r="GPJ691" s="613"/>
      <c r="GPK691" s="613"/>
      <c r="GPL691" s="613"/>
      <c r="GPM691" s="613"/>
      <c r="GPN691" s="613"/>
      <c r="GPO691" s="613"/>
      <c r="GPP691" s="613"/>
      <c r="GPQ691" s="613"/>
      <c r="GPR691" s="613"/>
      <c r="GPS691" s="613"/>
      <c r="GPT691" s="613"/>
      <c r="GPU691" s="613"/>
      <c r="GPV691" s="613"/>
      <c r="GPW691" s="613"/>
      <c r="GPX691" s="613"/>
      <c r="GPY691" s="613"/>
      <c r="GPZ691" s="613"/>
      <c r="GQA691" s="613"/>
      <c r="GQB691" s="613"/>
      <c r="GQC691" s="613"/>
      <c r="GQD691" s="613"/>
      <c r="GQE691" s="613"/>
      <c r="GQF691" s="613"/>
      <c r="GQG691" s="613"/>
      <c r="GQH691" s="613"/>
      <c r="GQI691" s="613"/>
      <c r="GQJ691" s="613"/>
      <c r="GQK691" s="613"/>
      <c r="GQL691" s="613"/>
      <c r="GQM691" s="613"/>
      <c r="GQN691" s="613"/>
      <c r="GQO691" s="613"/>
      <c r="GQP691" s="613"/>
      <c r="GQQ691" s="613"/>
      <c r="GQR691" s="613"/>
      <c r="GQS691" s="613"/>
      <c r="GQT691" s="613"/>
      <c r="GQU691" s="613"/>
      <c r="GQV691" s="613"/>
      <c r="GQW691" s="613"/>
      <c r="GQX691" s="613"/>
      <c r="GQY691" s="613"/>
      <c r="GQZ691" s="613"/>
      <c r="GRA691" s="613"/>
      <c r="GRB691" s="613"/>
      <c r="GRC691" s="613"/>
      <c r="GRD691" s="613"/>
      <c r="GRE691" s="613"/>
      <c r="GRF691" s="613"/>
      <c r="GRG691" s="613"/>
      <c r="GRH691" s="613"/>
      <c r="GRI691" s="613"/>
      <c r="GRJ691" s="613"/>
      <c r="GRK691" s="613"/>
      <c r="GRL691" s="613"/>
      <c r="GRM691" s="613"/>
      <c r="GRN691" s="613"/>
      <c r="GRO691" s="613"/>
      <c r="GRP691" s="613"/>
      <c r="GRQ691" s="613"/>
      <c r="GRR691" s="613"/>
      <c r="GRS691" s="613"/>
      <c r="GRT691" s="613"/>
      <c r="GRU691" s="613"/>
      <c r="GRV691" s="613"/>
      <c r="GRW691" s="613"/>
      <c r="GRX691" s="613"/>
      <c r="GRY691" s="613"/>
      <c r="GRZ691" s="613"/>
      <c r="GSA691" s="613"/>
      <c r="GSB691" s="613"/>
      <c r="GSC691" s="613"/>
      <c r="GSD691" s="613"/>
      <c r="GSE691" s="613"/>
      <c r="GSF691" s="613"/>
      <c r="GSG691" s="613"/>
      <c r="GSH691" s="613"/>
      <c r="GSI691" s="613"/>
      <c r="GSJ691" s="613"/>
      <c r="GSK691" s="613"/>
      <c r="GSL691" s="613"/>
      <c r="GSM691" s="613"/>
      <c r="GSN691" s="613"/>
      <c r="GSO691" s="613"/>
      <c r="GSP691" s="613"/>
      <c r="GSQ691" s="613"/>
      <c r="GSR691" s="613"/>
      <c r="GSS691" s="613"/>
      <c r="GST691" s="613"/>
      <c r="GSU691" s="613"/>
      <c r="GSV691" s="613"/>
      <c r="GSW691" s="613"/>
      <c r="GSX691" s="613"/>
      <c r="GSY691" s="613"/>
      <c r="GSZ691" s="613"/>
      <c r="GTA691" s="613"/>
      <c r="GTB691" s="613"/>
      <c r="GTC691" s="613"/>
      <c r="GTD691" s="613"/>
      <c r="GTE691" s="613"/>
      <c r="GTF691" s="613"/>
      <c r="GTG691" s="613"/>
      <c r="GTH691" s="613"/>
      <c r="GTI691" s="613"/>
      <c r="GTJ691" s="613"/>
      <c r="GTK691" s="613"/>
      <c r="GTL691" s="613"/>
      <c r="GTM691" s="613"/>
      <c r="GTN691" s="613"/>
      <c r="GTO691" s="613"/>
      <c r="GTP691" s="613"/>
      <c r="GTQ691" s="613"/>
      <c r="GTR691" s="613"/>
      <c r="GTS691" s="613"/>
      <c r="GTT691" s="613"/>
      <c r="GTU691" s="613"/>
      <c r="GTV691" s="613"/>
      <c r="GTW691" s="613"/>
      <c r="GTX691" s="613"/>
      <c r="GTY691" s="613"/>
      <c r="GTZ691" s="613"/>
      <c r="GUA691" s="613"/>
      <c r="GUB691" s="613"/>
      <c r="GUC691" s="613"/>
      <c r="GUD691" s="613"/>
      <c r="GUE691" s="613"/>
      <c r="GUF691" s="613"/>
      <c r="GUG691" s="613"/>
      <c r="GUH691" s="613"/>
      <c r="GUI691" s="613"/>
      <c r="GUJ691" s="613"/>
      <c r="GUK691" s="613"/>
      <c r="GUL691" s="613"/>
      <c r="GUM691" s="613"/>
      <c r="GUN691" s="613"/>
      <c r="GUO691" s="613"/>
      <c r="GUP691" s="613"/>
      <c r="GUQ691" s="613"/>
      <c r="GUR691" s="613"/>
      <c r="GUS691" s="613"/>
      <c r="GUT691" s="613"/>
      <c r="GUU691" s="613"/>
      <c r="GUV691" s="613"/>
      <c r="GUW691" s="613"/>
      <c r="GUX691" s="613"/>
      <c r="GUY691" s="613"/>
      <c r="GUZ691" s="613"/>
      <c r="GVA691" s="613"/>
      <c r="GVB691" s="613"/>
      <c r="GVC691" s="613"/>
      <c r="GVD691" s="613"/>
      <c r="GVE691" s="613"/>
      <c r="GVF691" s="613"/>
      <c r="GVG691" s="613"/>
      <c r="GVH691" s="613"/>
      <c r="GVI691" s="613"/>
      <c r="GVJ691" s="613"/>
      <c r="GVK691" s="613"/>
      <c r="GVL691" s="613"/>
      <c r="GVM691" s="613"/>
      <c r="GVN691" s="613"/>
      <c r="GVO691" s="613"/>
      <c r="GVP691" s="613"/>
      <c r="GVQ691" s="613"/>
      <c r="GVR691" s="613"/>
      <c r="GVS691" s="613"/>
      <c r="GVT691" s="613"/>
      <c r="GVU691" s="613"/>
      <c r="GVV691" s="613"/>
      <c r="GVW691" s="613"/>
      <c r="GVX691" s="613"/>
      <c r="GVY691" s="613"/>
      <c r="GVZ691" s="613"/>
      <c r="GWA691" s="613"/>
      <c r="GWB691" s="613"/>
      <c r="GWC691" s="613"/>
      <c r="GWD691" s="613"/>
      <c r="GWE691" s="613"/>
      <c r="GWF691" s="613"/>
      <c r="GWG691" s="613"/>
      <c r="GWH691" s="613"/>
      <c r="GWI691" s="613"/>
      <c r="GWJ691" s="613"/>
      <c r="GWK691" s="613"/>
      <c r="GWL691" s="613"/>
      <c r="GWM691" s="613"/>
      <c r="GWN691" s="613"/>
      <c r="GWO691" s="613"/>
      <c r="GWP691" s="613"/>
      <c r="GWQ691" s="613"/>
      <c r="GWR691" s="613"/>
      <c r="GWS691" s="613"/>
      <c r="GWT691" s="613"/>
      <c r="GWU691" s="613"/>
      <c r="GWV691" s="613"/>
      <c r="GWW691" s="613"/>
      <c r="GWX691" s="613"/>
      <c r="GWY691" s="613"/>
      <c r="GWZ691" s="613"/>
      <c r="GXA691" s="613"/>
      <c r="GXB691" s="613"/>
      <c r="GXC691" s="613"/>
      <c r="GXD691" s="613"/>
      <c r="GXE691" s="613"/>
      <c r="GXF691" s="613"/>
      <c r="GXG691" s="613"/>
      <c r="GXH691" s="613"/>
      <c r="GXI691" s="613"/>
      <c r="GXJ691" s="613"/>
      <c r="GXK691" s="613"/>
      <c r="GXL691" s="613"/>
      <c r="GXM691" s="613"/>
      <c r="GXN691" s="613"/>
      <c r="GXO691" s="613"/>
      <c r="GXP691" s="613"/>
      <c r="GXQ691" s="613"/>
      <c r="GXR691" s="613"/>
      <c r="GXS691" s="613"/>
      <c r="GXT691" s="613"/>
      <c r="GXU691" s="613"/>
      <c r="GXV691" s="613"/>
      <c r="GXW691" s="613"/>
      <c r="GXX691" s="613"/>
      <c r="GXY691" s="613"/>
      <c r="GXZ691" s="613"/>
      <c r="GYA691" s="613"/>
      <c r="GYB691" s="613"/>
      <c r="GYC691" s="613"/>
      <c r="GYD691" s="613"/>
      <c r="GYE691" s="613"/>
      <c r="GYF691" s="613"/>
      <c r="GYG691" s="613"/>
      <c r="GYH691" s="613"/>
      <c r="GYI691" s="613"/>
      <c r="GYJ691" s="613"/>
      <c r="GYK691" s="613"/>
      <c r="GYL691" s="613"/>
      <c r="GYM691" s="613"/>
      <c r="GYN691" s="613"/>
      <c r="GYO691" s="613"/>
      <c r="GYP691" s="613"/>
      <c r="GYQ691" s="613"/>
      <c r="GYR691" s="613"/>
      <c r="GYS691" s="613"/>
      <c r="GYT691" s="613"/>
      <c r="GYU691" s="613"/>
      <c r="GYV691" s="613"/>
      <c r="GYW691" s="613"/>
      <c r="GYX691" s="613"/>
      <c r="GYY691" s="613"/>
      <c r="GYZ691" s="613"/>
      <c r="GZA691" s="613"/>
      <c r="GZB691" s="613"/>
      <c r="GZC691" s="613"/>
      <c r="GZD691" s="613"/>
      <c r="GZE691" s="613"/>
      <c r="GZF691" s="613"/>
      <c r="GZG691" s="613"/>
      <c r="GZH691" s="613"/>
      <c r="GZI691" s="613"/>
      <c r="GZJ691" s="613"/>
      <c r="GZK691" s="613"/>
      <c r="GZL691" s="613"/>
      <c r="GZM691" s="613"/>
      <c r="GZN691" s="613"/>
      <c r="GZO691" s="613"/>
      <c r="GZP691" s="613"/>
      <c r="GZQ691" s="613"/>
      <c r="GZR691" s="613"/>
      <c r="GZS691" s="613"/>
      <c r="GZT691" s="613"/>
      <c r="GZU691" s="613"/>
      <c r="GZV691" s="613"/>
      <c r="GZW691" s="613"/>
      <c r="GZX691" s="613"/>
      <c r="GZY691" s="613"/>
      <c r="GZZ691" s="613"/>
      <c r="HAA691" s="613"/>
      <c r="HAB691" s="613"/>
      <c r="HAC691" s="613"/>
      <c r="HAD691" s="613"/>
      <c r="HAE691" s="613"/>
      <c r="HAF691" s="613"/>
      <c r="HAG691" s="613"/>
      <c r="HAH691" s="613"/>
      <c r="HAI691" s="613"/>
      <c r="HAJ691" s="613"/>
      <c r="HAK691" s="613"/>
      <c r="HAL691" s="613"/>
      <c r="HAM691" s="613"/>
      <c r="HAN691" s="613"/>
      <c r="HAO691" s="613"/>
      <c r="HAP691" s="613"/>
      <c r="HAQ691" s="613"/>
      <c r="HAR691" s="613"/>
      <c r="HAS691" s="613"/>
      <c r="HAT691" s="613"/>
      <c r="HAU691" s="613"/>
      <c r="HAV691" s="613"/>
      <c r="HAW691" s="613"/>
      <c r="HAX691" s="613"/>
      <c r="HAY691" s="613"/>
      <c r="HAZ691" s="613"/>
      <c r="HBA691" s="613"/>
      <c r="HBB691" s="613"/>
      <c r="HBC691" s="613"/>
      <c r="HBD691" s="613"/>
      <c r="HBE691" s="613"/>
      <c r="HBF691" s="613"/>
      <c r="HBG691" s="613"/>
      <c r="HBH691" s="613"/>
      <c r="HBI691" s="613"/>
      <c r="HBJ691" s="613"/>
      <c r="HBK691" s="613"/>
      <c r="HBL691" s="613"/>
      <c r="HBM691" s="613"/>
      <c r="HBN691" s="613"/>
      <c r="HBO691" s="613"/>
      <c r="HBP691" s="613"/>
      <c r="HBQ691" s="613"/>
      <c r="HBR691" s="613"/>
      <c r="HBS691" s="613"/>
      <c r="HBT691" s="613"/>
      <c r="HBU691" s="613"/>
      <c r="HBV691" s="613"/>
      <c r="HBW691" s="613"/>
      <c r="HBX691" s="613"/>
      <c r="HBY691" s="613"/>
      <c r="HBZ691" s="613"/>
      <c r="HCA691" s="613"/>
      <c r="HCB691" s="613"/>
      <c r="HCC691" s="613"/>
      <c r="HCD691" s="613"/>
      <c r="HCE691" s="613"/>
      <c r="HCF691" s="613"/>
      <c r="HCG691" s="613"/>
      <c r="HCH691" s="613"/>
      <c r="HCI691" s="613"/>
      <c r="HCJ691" s="613"/>
      <c r="HCK691" s="613"/>
      <c r="HCL691" s="613"/>
      <c r="HCM691" s="613"/>
      <c r="HCN691" s="613"/>
      <c r="HCO691" s="613"/>
      <c r="HCP691" s="613"/>
      <c r="HCQ691" s="613"/>
      <c r="HCR691" s="613"/>
      <c r="HCS691" s="613"/>
      <c r="HCT691" s="613"/>
      <c r="HCU691" s="613"/>
      <c r="HCV691" s="613"/>
      <c r="HCW691" s="613"/>
      <c r="HCX691" s="613"/>
      <c r="HCY691" s="613"/>
      <c r="HCZ691" s="613"/>
      <c r="HDA691" s="613"/>
      <c r="HDB691" s="613"/>
      <c r="HDC691" s="613"/>
      <c r="HDD691" s="613"/>
      <c r="HDE691" s="613"/>
      <c r="HDF691" s="613"/>
      <c r="HDG691" s="613"/>
      <c r="HDH691" s="613"/>
      <c r="HDI691" s="613"/>
      <c r="HDJ691" s="613"/>
      <c r="HDK691" s="613"/>
      <c r="HDL691" s="613"/>
      <c r="HDM691" s="613"/>
      <c r="HDN691" s="613"/>
      <c r="HDO691" s="613"/>
      <c r="HDP691" s="613"/>
      <c r="HDQ691" s="613"/>
      <c r="HDR691" s="613"/>
      <c r="HDS691" s="613"/>
      <c r="HDT691" s="613"/>
      <c r="HDU691" s="613"/>
      <c r="HDV691" s="613"/>
      <c r="HDW691" s="613"/>
      <c r="HDX691" s="613"/>
      <c r="HDY691" s="613"/>
      <c r="HDZ691" s="613"/>
      <c r="HEA691" s="613"/>
      <c r="HEB691" s="613"/>
      <c r="HEC691" s="613"/>
      <c r="HED691" s="613"/>
      <c r="HEE691" s="613"/>
      <c r="HEF691" s="613"/>
      <c r="HEG691" s="613"/>
      <c r="HEH691" s="613"/>
      <c r="HEI691" s="613"/>
      <c r="HEJ691" s="613"/>
      <c r="HEK691" s="613"/>
      <c r="HEL691" s="613"/>
      <c r="HEM691" s="613"/>
      <c r="HEN691" s="613"/>
      <c r="HEO691" s="613"/>
      <c r="HEP691" s="613"/>
      <c r="HEQ691" s="613"/>
      <c r="HER691" s="613"/>
      <c r="HES691" s="613"/>
      <c r="HET691" s="613"/>
      <c r="HEU691" s="613"/>
      <c r="HEV691" s="613"/>
      <c r="HEW691" s="613"/>
      <c r="HEX691" s="613"/>
      <c r="HEY691" s="613"/>
      <c r="HEZ691" s="613"/>
      <c r="HFA691" s="613"/>
      <c r="HFB691" s="613"/>
      <c r="HFC691" s="613"/>
      <c r="HFD691" s="613"/>
      <c r="HFE691" s="613"/>
      <c r="HFF691" s="613"/>
      <c r="HFG691" s="613"/>
      <c r="HFH691" s="613"/>
      <c r="HFI691" s="613"/>
      <c r="HFJ691" s="613"/>
      <c r="HFK691" s="613"/>
      <c r="HFL691" s="613"/>
      <c r="HFM691" s="613"/>
      <c r="HFN691" s="613"/>
      <c r="HFO691" s="613"/>
      <c r="HFP691" s="613"/>
      <c r="HFQ691" s="613"/>
      <c r="HFR691" s="613"/>
      <c r="HFS691" s="613"/>
      <c r="HFT691" s="613"/>
      <c r="HFU691" s="613"/>
      <c r="HFV691" s="613"/>
      <c r="HFW691" s="613"/>
      <c r="HFX691" s="613"/>
      <c r="HFY691" s="613"/>
      <c r="HFZ691" s="613"/>
      <c r="HGA691" s="613"/>
      <c r="HGB691" s="613"/>
      <c r="HGC691" s="613"/>
      <c r="HGD691" s="613"/>
      <c r="HGE691" s="613"/>
      <c r="HGF691" s="613"/>
      <c r="HGG691" s="613"/>
      <c r="HGH691" s="613"/>
      <c r="HGI691" s="613"/>
      <c r="HGJ691" s="613"/>
      <c r="HGK691" s="613"/>
      <c r="HGL691" s="613"/>
      <c r="HGM691" s="613"/>
      <c r="HGN691" s="613"/>
      <c r="HGO691" s="613"/>
      <c r="HGP691" s="613"/>
      <c r="HGQ691" s="613"/>
      <c r="HGR691" s="613"/>
      <c r="HGS691" s="613"/>
      <c r="HGT691" s="613"/>
      <c r="HGU691" s="613"/>
      <c r="HGV691" s="613"/>
      <c r="HGW691" s="613"/>
      <c r="HGX691" s="613"/>
      <c r="HGY691" s="613"/>
      <c r="HGZ691" s="613"/>
      <c r="HHA691" s="613"/>
      <c r="HHB691" s="613"/>
      <c r="HHC691" s="613"/>
      <c r="HHD691" s="613"/>
      <c r="HHE691" s="613"/>
      <c r="HHF691" s="613"/>
      <c r="HHG691" s="613"/>
      <c r="HHH691" s="613"/>
      <c r="HHI691" s="613"/>
      <c r="HHJ691" s="613"/>
      <c r="HHK691" s="613"/>
      <c r="HHL691" s="613"/>
      <c r="HHM691" s="613"/>
      <c r="HHN691" s="613"/>
      <c r="HHO691" s="613"/>
      <c r="HHP691" s="613"/>
      <c r="HHQ691" s="613"/>
      <c r="HHR691" s="613"/>
      <c r="HHS691" s="613"/>
      <c r="HHT691" s="613"/>
      <c r="HHU691" s="613"/>
      <c r="HHV691" s="613"/>
      <c r="HHW691" s="613"/>
      <c r="HHX691" s="613"/>
      <c r="HHY691" s="613"/>
      <c r="HHZ691" s="613"/>
      <c r="HIA691" s="613"/>
      <c r="HIB691" s="613"/>
      <c r="HIC691" s="613"/>
      <c r="HID691" s="613"/>
      <c r="HIE691" s="613"/>
      <c r="HIF691" s="613"/>
      <c r="HIG691" s="613"/>
      <c r="HIH691" s="613"/>
      <c r="HII691" s="613"/>
      <c r="HIJ691" s="613"/>
      <c r="HIK691" s="613"/>
      <c r="HIL691" s="613"/>
      <c r="HIM691" s="613"/>
      <c r="HIN691" s="613"/>
      <c r="HIO691" s="613"/>
      <c r="HIP691" s="613"/>
      <c r="HIQ691" s="613"/>
      <c r="HIR691" s="613"/>
      <c r="HIS691" s="613"/>
      <c r="HIT691" s="613"/>
      <c r="HIU691" s="613"/>
      <c r="HIV691" s="613"/>
      <c r="HIW691" s="613"/>
      <c r="HIX691" s="613"/>
      <c r="HIY691" s="613"/>
      <c r="HIZ691" s="613"/>
      <c r="HJA691" s="613"/>
      <c r="HJB691" s="613"/>
      <c r="HJC691" s="613"/>
      <c r="HJD691" s="613"/>
      <c r="HJE691" s="613"/>
      <c r="HJF691" s="613"/>
      <c r="HJG691" s="613"/>
      <c r="HJH691" s="613"/>
      <c r="HJI691" s="613"/>
      <c r="HJJ691" s="613"/>
      <c r="HJK691" s="613"/>
      <c r="HJL691" s="613"/>
      <c r="HJM691" s="613"/>
      <c r="HJN691" s="613"/>
      <c r="HJO691" s="613"/>
      <c r="HJP691" s="613"/>
      <c r="HJQ691" s="613"/>
      <c r="HJR691" s="613"/>
      <c r="HJS691" s="613"/>
      <c r="HJT691" s="613"/>
      <c r="HJU691" s="613"/>
      <c r="HJV691" s="613"/>
      <c r="HJW691" s="613"/>
      <c r="HJX691" s="613"/>
      <c r="HJY691" s="613"/>
      <c r="HJZ691" s="613"/>
      <c r="HKA691" s="613"/>
      <c r="HKB691" s="613"/>
      <c r="HKC691" s="613"/>
      <c r="HKD691" s="613"/>
      <c r="HKE691" s="613"/>
      <c r="HKF691" s="613"/>
      <c r="HKG691" s="613"/>
      <c r="HKH691" s="613"/>
      <c r="HKI691" s="613"/>
      <c r="HKJ691" s="613"/>
      <c r="HKK691" s="613"/>
      <c r="HKL691" s="613"/>
      <c r="HKM691" s="613"/>
      <c r="HKN691" s="613"/>
      <c r="HKO691" s="613"/>
      <c r="HKP691" s="613"/>
      <c r="HKQ691" s="613"/>
      <c r="HKR691" s="613"/>
      <c r="HKS691" s="613"/>
      <c r="HKT691" s="613"/>
      <c r="HKU691" s="613"/>
      <c r="HKV691" s="613"/>
      <c r="HKW691" s="613"/>
      <c r="HKX691" s="613"/>
      <c r="HKY691" s="613"/>
      <c r="HKZ691" s="613"/>
      <c r="HLA691" s="613"/>
      <c r="HLB691" s="613"/>
      <c r="HLC691" s="613"/>
      <c r="HLD691" s="613"/>
      <c r="HLE691" s="613"/>
      <c r="HLF691" s="613"/>
      <c r="HLG691" s="613"/>
      <c r="HLH691" s="613"/>
      <c r="HLI691" s="613"/>
      <c r="HLJ691" s="613"/>
      <c r="HLK691" s="613"/>
      <c r="HLL691" s="613"/>
      <c r="HLM691" s="613"/>
      <c r="HLN691" s="613"/>
      <c r="HLO691" s="613"/>
      <c r="HLP691" s="613"/>
      <c r="HLQ691" s="613"/>
      <c r="HLR691" s="613"/>
      <c r="HLS691" s="613"/>
      <c r="HLT691" s="613"/>
      <c r="HLU691" s="613"/>
      <c r="HLV691" s="613"/>
      <c r="HLW691" s="613"/>
      <c r="HLX691" s="613"/>
      <c r="HLY691" s="613"/>
      <c r="HLZ691" s="613"/>
      <c r="HMA691" s="613"/>
      <c r="HMB691" s="613"/>
      <c r="HMC691" s="613"/>
      <c r="HMD691" s="613"/>
      <c r="HME691" s="613"/>
      <c r="HMF691" s="613"/>
      <c r="HMG691" s="613"/>
      <c r="HMH691" s="613"/>
      <c r="HMI691" s="613"/>
      <c r="HMJ691" s="613"/>
      <c r="HMK691" s="613"/>
      <c r="HML691" s="613"/>
      <c r="HMM691" s="613"/>
      <c r="HMN691" s="613"/>
      <c r="HMO691" s="613"/>
      <c r="HMP691" s="613"/>
      <c r="HMQ691" s="613"/>
      <c r="HMR691" s="613"/>
      <c r="HMS691" s="613"/>
      <c r="HMT691" s="613"/>
      <c r="HMU691" s="613"/>
      <c r="HMV691" s="613"/>
      <c r="HMW691" s="613"/>
      <c r="HMX691" s="613"/>
      <c r="HMY691" s="613"/>
      <c r="HMZ691" s="613"/>
      <c r="HNA691" s="613"/>
      <c r="HNB691" s="613"/>
      <c r="HNC691" s="613"/>
      <c r="HND691" s="613"/>
      <c r="HNE691" s="613"/>
      <c r="HNF691" s="613"/>
      <c r="HNG691" s="613"/>
      <c r="HNH691" s="613"/>
      <c r="HNI691" s="613"/>
      <c r="HNJ691" s="613"/>
      <c r="HNK691" s="613"/>
      <c r="HNL691" s="613"/>
      <c r="HNM691" s="613"/>
      <c r="HNN691" s="613"/>
      <c r="HNO691" s="613"/>
      <c r="HNP691" s="613"/>
      <c r="HNQ691" s="613"/>
      <c r="HNR691" s="613"/>
      <c r="HNS691" s="613"/>
      <c r="HNT691" s="613"/>
      <c r="HNU691" s="613"/>
      <c r="HNV691" s="613"/>
      <c r="HNW691" s="613"/>
      <c r="HNX691" s="613"/>
      <c r="HNY691" s="613"/>
      <c r="HNZ691" s="613"/>
      <c r="HOA691" s="613"/>
      <c r="HOB691" s="613"/>
      <c r="HOC691" s="613"/>
      <c r="HOD691" s="613"/>
      <c r="HOE691" s="613"/>
      <c r="HOF691" s="613"/>
      <c r="HOG691" s="613"/>
      <c r="HOH691" s="613"/>
      <c r="HOI691" s="613"/>
      <c r="HOJ691" s="613"/>
      <c r="HOK691" s="613"/>
      <c r="HOL691" s="613"/>
      <c r="HOM691" s="613"/>
      <c r="HON691" s="613"/>
      <c r="HOO691" s="613"/>
      <c r="HOP691" s="613"/>
      <c r="HOQ691" s="613"/>
      <c r="HOR691" s="613"/>
      <c r="HOS691" s="613"/>
      <c r="HOT691" s="613"/>
      <c r="HOU691" s="613"/>
      <c r="HOV691" s="613"/>
      <c r="HOW691" s="613"/>
      <c r="HOX691" s="613"/>
      <c r="HOY691" s="613"/>
      <c r="HOZ691" s="613"/>
      <c r="HPA691" s="613"/>
      <c r="HPB691" s="613"/>
      <c r="HPC691" s="613"/>
      <c r="HPD691" s="613"/>
      <c r="HPE691" s="613"/>
      <c r="HPF691" s="613"/>
      <c r="HPG691" s="613"/>
      <c r="HPH691" s="613"/>
      <c r="HPI691" s="613"/>
      <c r="HPJ691" s="613"/>
      <c r="HPK691" s="613"/>
      <c r="HPL691" s="613"/>
      <c r="HPM691" s="613"/>
      <c r="HPN691" s="613"/>
      <c r="HPO691" s="613"/>
      <c r="HPP691" s="613"/>
      <c r="HPQ691" s="613"/>
      <c r="HPR691" s="613"/>
      <c r="HPS691" s="613"/>
      <c r="HPT691" s="613"/>
      <c r="HPU691" s="613"/>
      <c r="HPV691" s="613"/>
      <c r="HPW691" s="613"/>
      <c r="HPX691" s="613"/>
      <c r="HPY691" s="613"/>
      <c r="HPZ691" s="613"/>
      <c r="HQA691" s="613"/>
      <c r="HQB691" s="613"/>
      <c r="HQC691" s="613"/>
      <c r="HQD691" s="613"/>
      <c r="HQE691" s="613"/>
      <c r="HQF691" s="613"/>
      <c r="HQG691" s="613"/>
      <c r="HQH691" s="613"/>
      <c r="HQI691" s="613"/>
      <c r="HQJ691" s="613"/>
      <c r="HQK691" s="613"/>
      <c r="HQL691" s="613"/>
      <c r="HQM691" s="613"/>
      <c r="HQN691" s="613"/>
      <c r="HQO691" s="613"/>
      <c r="HQP691" s="613"/>
      <c r="HQQ691" s="613"/>
      <c r="HQR691" s="613"/>
      <c r="HQS691" s="613"/>
      <c r="HQT691" s="613"/>
      <c r="HQU691" s="613"/>
      <c r="HQV691" s="613"/>
      <c r="HQW691" s="613"/>
      <c r="HQX691" s="613"/>
      <c r="HQY691" s="613"/>
      <c r="HQZ691" s="613"/>
      <c r="HRA691" s="613"/>
      <c r="HRB691" s="613"/>
      <c r="HRC691" s="613"/>
      <c r="HRD691" s="613"/>
      <c r="HRE691" s="613"/>
      <c r="HRF691" s="613"/>
      <c r="HRG691" s="613"/>
      <c r="HRH691" s="613"/>
      <c r="HRI691" s="613"/>
      <c r="HRJ691" s="613"/>
      <c r="HRK691" s="613"/>
      <c r="HRL691" s="613"/>
      <c r="HRM691" s="613"/>
      <c r="HRN691" s="613"/>
      <c r="HRO691" s="613"/>
      <c r="HRP691" s="613"/>
      <c r="HRQ691" s="613"/>
      <c r="HRR691" s="613"/>
      <c r="HRS691" s="613"/>
      <c r="HRT691" s="613"/>
      <c r="HRU691" s="613"/>
      <c r="HRV691" s="613"/>
      <c r="HRW691" s="613"/>
      <c r="HRX691" s="613"/>
      <c r="HRY691" s="613"/>
      <c r="HRZ691" s="613"/>
      <c r="HSA691" s="613"/>
      <c r="HSB691" s="613"/>
      <c r="HSC691" s="613"/>
      <c r="HSD691" s="613"/>
      <c r="HSE691" s="613"/>
      <c r="HSF691" s="613"/>
      <c r="HSG691" s="613"/>
      <c r="HSH691" s="613"/>
      <c r="HSI691" s="613"/>
      <c r="HSJ691" s="613"/>
      <c r="HSK691" s="613"/>
      <c r="HSL691" s="613"/>
      <c r="HSM691" s="613"/>
      <c r="HSN691" s="613"/>
      <c r="HSO691" s="613"/>
      <c r="HSP691" s="613"/>
      <c r="HSQ691" s="613"/>
      <c r="HSR691" s="613"/>
      <c r="HSS691" s="613"/>
      <c r="HST691" s="613"/>
      <c r="HSU691" s="613"/>
      <c r="HSV691" s="613"/>
      <c r="HSW691" s="613"/>
      <c r="HSX691" s="613"/>
      <c r="HSY691" s="613"/>
      <c r="HSZ691" s="613"/>
      <c r="HTA691" s="613"/>
      <c r="HTB691" s="613"/>
      <c r="HTC691" s="613"/>
      <c r="HTD691" s="613"/>
      <c r="HTE691" s="613"/>
      <c r="HTF691" s="613"/>
      <c r="HTG691" s="613"/>
      <c r="HTH691" s="613"/>
      <c r="HTI691" s="613"/>
      <c r="HTJ691" s="613"/>
      <c r="HTK691" s="613"/>
      <c r="HTL691" s="613"/>
      <c r="HTM691" s="613"/>
      <c r="HTN691" s="613"/>
      <c r="HTO691" s="613"/>
      <c r="HTP691" s="613"/>
      <c r="HTQ691" s="613"/>
      <c r="HTR691" s="613"/>
      <c r="HTS691" s="613"/>
      <c r="HTT691" s="613"/>
      <c r="HTU691" s="613"/>
      <c r="HTV691" s="613"/>
      <c r="HTW691" s="613"/>
      <c r="HTX691" s="613"/>
      <c r="HTY691" s="613"/>
      <c r="HTZ691" s="613"/>
      <c r="HUA691" s="613"/>
      <c r="HUB691" s="613"/>
      <c r="HUC691" s="613"/>
      <c r="HUD691" s="613"/>
      <c r="HUE691" s="613"/>
      <c r="HUF691" s="613"/>
      <c r="HUG691" s="613"/>
      <c r="HUH691" s="613"/>
      <c r="HUI691" s="613"/>
      <c r="HUJ691" s="613"/>
      <c r="HUK691" s="613"/>
      <c r="HUL691" s="613"/>
      <c r="HUM691" s="613"/>
      <c r="HUN691" s="613"/>
      <c r="HUO691" s="613"/>
      <c r="HUP691" s="613"/>
      <c r="HUQ691" s="613"/>
      <c r="HUR691" s="613"/>
      <c r="HUS691" s="613"/>
      <c r="HUT691" s="613"/>
      <c r="HUU691" s="613"/>
      <c r="HUV691" s="613"/>
      <c r="HUW691" s="613"/>
      <c r="HUX691" s="613"/>
      <c r="HUY691" s="613"/>
      <c r="HUZ691" s="613"/>
      <c r="HVA691" s="613"/>
      <c r="HVB691" s="613"/>
      <c r="HVC691" s="613"/>
      <c r="HVD691" s="613"/>
      <c r="HVE691" s="613"/>
      <c r="HVF691" s="613"/>
      <c r="HVG691" s="613"/>
      <c r="HVH691" s="613"/>
      <c r="HVI691" s="613"/>
      <c r="HVJ691" s="613"/>
      <c r="HVK691" s="613"/>
      <c r="HVL691" s="613"/>
      <c r="HVM691" s="613"/>
      <c r="HVN691" s="613"/>
      <c r="HVO691" s="613"/>
      <c r="HVP691" s="613"/>
      <c r="HVQ691" s="613"/>
      <c r="HVR691" s="613"/>
      <c r="HVS691" s="613"/>
      <c r="HVT691" s="613"/>
      <c r="HVU691" s="613"/>
      <c r="HVV691" s="613"/>
      <c r="HVW691" s="613"/>
      <c r="HVX691" s="613"/>
      <c r="HVY691" s="613"/>
      <c r="HVZ691" s="613"/>
      <c r="HWA691" s="613"/>
      <c r="HWB691" s="613"/>
      <c r="HWC691" s="613"/>
      <c r="HWD691" s="613"/>
      <c r="HWE691" s="613"/>
      <c r="HWF691" s="613"/>
      <c r="HWG691" s="613"/>
      <c r="HWH691" s="613"/>
      <c r="HWI691" s="613"/>
      <c r="HWJ691" s="613"/>
      <c r="HWK691" s="613"/>
      <c r="HWL691" s="613"/>
      <c r="HWM691" s="613"/>
      <c r="HWN691" s="613"/>
      <c r="HWO691" s="613"/>
      <c r="HWP691" s="613"/>
      <c r="HWQ691" s="613"/>
      <c r="HWR691" s="613"/>
      <c r="HWS691" s="613"/>
      <c r="HWT691" s="613"/>
      <c r="HWU691" s="613"/>
      <c r="HWV691" s="613"/>
      <c r="HWW691" s="613"/>
      <c r="HWX691" s="613"/>
      <c r="HWY691" s="613"/>
      <c r="HWZ691" s="613"/>
      <c r="HXA691" s="613"/>
      <c r="HXB691" s="613"/>
      <c r="HXC691" s="613"/>
      <c r="HXD691" s="613"/>
      <c r="HXE691" s="613"/>
      <c r="HXF691" s="613"/>
      <c r="HXG691" s="613"/>
      <c r="HXH691" s="613"/>
      <c r="HXI691" s="613"/>
      <c r="HXJ691" s="613"/>
      <c r="HXK691" s="613"/>
      <c r="HXL691" s="613"/>
      <c r="HXM691" s="613"/>
      <c r="HXN691" s="613"/>
      <c r="HXO691" s="613"/>
      <c r="HXP691" s="613"/>
      <c r="HXQ691" s="613"/>
      <c r="HXR691" s="613"/>
      <c r="HXS691" s="613"/>
      <c r="HXT691" s="613"/>
      <c r="HXU691" s="613"/>
      <c r="HXV691" s="613"/>
      <c r="HXW691" s="613"/>
      <c r="HXX691" s="613"/>
      <c r="HXY691" s="613"/>
      <c r="HXZ691" s="613"/>
      <c r="HYA691" s="613"/>
      <c r="HYB691" s="613"/>
      <c r="HYC691" s="613"/>
      <c r="HYD691" s="613"/>
      <c r="HYE691" s="613"/>
      <c r="HYF691" s="613"/>
      <c r="HYG691" s="613"/>
      <c r="HYH691" s="613"/>
      <c r="HYI691" s="613"/>
      <c r="HYJ691" s="613"/>
      <c r="HYK691" s="613"/>
      <c r="HYL691" s="613"/>
      <c r="HYM691" s="613"/>
      <c r="HYN691" s="613"/>
      <c r="HYO691" s="613"/>
      <c r="HYP691" s="613"/>
      <c r="HYQ691" s="613"/>
      <c r="HYR691" s="613"/>
      <c r="HYS691" s="613"/>
      <c r="HYT691" s="613"/>
      <c r="HYU691" s="613"/>
      <c r="HYV691" s="613"/>
      <c r="HYW691" s="613"/>
      <c r="HYX691" s="613"/>
      <c r="HYY691" s="613"/>
      <c r="HYZ691" s="613"/>
      <c r="HZA691" s="613"/>
      <c r="HZB691" s="613"/>
      <c r="HZC691" s="613"/>
      <c r="HZD691" s="613"/>
      <c r="HZE691" s="613"/>
      <c r="HZF691" s="613"/>
      <c r="HZG691" s="613"/>
      <c r="HZH691" s="613"/>
      <c r="HZI691" s="613"/>
      <c r="HZJ691" s="613"/>
      <c r="HZK691" s="613"/>
      <c r="HZL691" s="613"/>
      <c r="HZM691" s="613"/>
      <c r="HZN691" s="613"/>
      <c r="HZO691" s="613"/>
      <c r="HZP691" s="613"/>
      <c r="HZQ691" s="613"/>
      <c r="HZR691" s="613"/>
      <c r="HZS691" s="613"/>
      <c r="HZT691" s="613"/>
      <c r="HZU691" s="613"/>
      <c r="HZV691" s="613"/>
      <c r="HZW691" s="613"/>
      <c r="HZX691" s="613"/>
      <c r="HZY691" s="613"/>
      <c r="HZZ691" s="613"/>
      <c r="IAA691" s="613"/>
      <c r="IAB691" s="613"/>
      <c r="IAC691" s="613"/>
      <c r="IAD691" s="613"/>
      <c r="IAE691" s="613"/>
      <c r="IAF691" s="613"/>
      <c r="IAG691" s="613"/>
      <c r="IAH691" s="613"/>
      <c r="IAI691" s="613"/>
      <c r="IAJ691" s="613"/>
      <c r="IAK691" s="613"/>
      <c r="IAL691" s="613"/>
      <c r="IAM691" s="613"/>
      <c r="IAN691" s="613"/>
      <c r="IAO691" s="613"/>
      <c r="IAP691" s="613"/>
      <c r="IAQ691" s="613"/>
      <c r="IAR691" s="613"/>
      <c r="IAS691" s="613"/>
      <c r="IAT691" s="613"/>
      <c r="IAU691" s="613"/>
      <c r="IAV691" s="613"/>
      <c r="IAW691" s="613"/>
      <c r="IAX691" s="613"/>
      <c r="IAY691" s="613"/>
      <c r="IAZ691" s="613"/>
      <c r="IBA691" s="613"/>
      <c r="IBB691" s="613"/>
      <c r="IBC691" s="613"/>
      <c r="IBD691" s="613"/>
      <c r="IBE691" s="613"/>
      <c r="IBF691" s="613"/>
      <c r="IBG691" s="613"/>
      <c r="IBH691" s="613"/>
      <c r="IBI691" s="613"/>
      <c r="IBJ691" s="613"/>
      <c r="IBK691" s="613"/>
      <c r="IBL691" s="613"/>
      <c r="IBM691" s="613"/>
      <c r="IBN691" s="613"/>
      <c r="IBO691" s="613"/>
      <c r="IBP691" s="613"/>
      <c r="IBQ691" s="613"/>
      <c r="IBR691" s="613"/>
      <c r="IBS691" s="613"/>
      <c r="IBT691" s="613"/>
      <c r="IBU691" s="613"/>
      <c r="IBV691" s="613"/>
      <c r="IBW691" s="613"/>
      <c r="IBX691" s="613"/>
      <c r="IBY691" s="613"/>
      <c r="IBZ691" s="613"/>
      <c r="ICA691" s="613"/>
      <c r="ICB691" s="613"/>
      <c r="ICC691" s="613"/>
      <c r="ICD691" s="613"/>
      <c r="ICE691" s="613"/>
      <c r="ICF691" s="613"/>
      <c r="ICG691" s="613"/>
      <c r="ICH691" s="613"/>
      <c r="ICI691" s="613"/>
      <c r="ICJ691" s="613"/>
      <c r="ICK691" s="613"/>
      <c r="ICL691" s="613"/>
      <c r="ICM691" s="613"/>
      <c r="ICN691" s="613"/>
      <c r="ICO691" s="613"/>
      <c r="ICP691" s="613"/>
      <c r="ICQ691" s="613"/>
      <c r="ICR691" s="613"/>
      <c r="ICS691" s="613"/>
      <c r="ICT691" s="613"/>
      <c r="ICU691" s="613"/>
      <c r="ICV691" s="613"/>
      <c r="ICW691" s="613"/>
      <c r="ICX691" s="613"/>
      <c r="ICY691" s="613"/>
      <c r="ICZ691" s="613"/>
      <c r="IDA691" s="613"/>
      <c r="IDB691" s="613"/>
      <c r="IDC691" s="613"/>
      <c r="IDD691" s="613"/>
      <c r="IDE691" s="613"/>
      <c r="IDF691" s="613"/>
      <c r="IDG691" s="613"/>
      <c r="IDH691" s="613"/>
      <c r="IDI691" s="613"/>
      <c r="IDJ691" s="613"/>
      <c r="IDK691" s="613"/>
      <c r="IDL691" s="613"/>
      <c r="IDM691" s="613"/>
      <c r="IDN691" s="613"/>
      <c r="IDO691" s="613"/>
      <c r="IDP691" s="613"/>
      <c r="IDQ691" s="613"/>
      <c r="IDR691" s="613"/>
      <c r="IDS691" s="613"/>
      <c r="IDT691" s="613"/>
      <c r="IDU691" s="613"/>
      <c r="IDV691" s="613"/>
      <c r="IDW691" s="613"/>
      <c r="IDX691" s="613"/>
      <c r="IDY691" s="613"/>
      <c r="IDZ691" s="613"/>
      <c r="IEA691" s="613"/>
      <c r="IEB691" s="613"/>
      <c r="IEC691" s="613"/>
      <c r="IED691" s="613"/>
      <c r="IEE691" s="613"/>
      <c r="IEF691" s="613"/>
      <c r="IEG691" s="613"/>
      <c r="IEH691" s="613"/>
      <c r="IEI691" s="613"/>
      <c r="IEJ691" s="613"/>
      <c r="IEK691" s="613"/>
      <c r="IEL691" s="613"/>
      <c r="IEM691" s="613"/>
      <c r="IEN691" s="613"/>
      <c r="IEO691" s="613"/>
      <c r="IEP691" s="613"/>
      <c r="IEQ691" s="613"/>
      <c r="IER691" s="613"/>
      <c r="IES691" s="613"/>
      <c r="IET691" s="613"/>
      <c r="IEU691" s="613"/>
      <c r="IEV691" s="613"/>
      <c r="IEW691" s="613"/>
      <c r="IEX691" s="613"/>
      <c r="IEY691" s="613"/>
      <c r="IEZ691" s="613"/>
      <c r="IFA691" s="613"/>
      <c r="IFB691" s="613"/>
      <c r="IFC691" s="613"/>
      <c r="IFD691" s="613"/>
      <c r="IFE691" s="613"/>
      <c r="IFF691" s="613"/>
      <c r="IFG691" s="613"/>
      <c r="IFH691" s="613"/>
      <c r="IFI691" s="613"/>
      <c r="IFJ691" s="613"/>
      <c r="IFK691" s="613"/>
      <c r="IFL691" s="613"/>
      <c r="IFM691" s="613"/>
      <c r="IFN691" s="613"/>
      <c r="IFO691" s="613"/>
      <c r="IFP691" s="613"/>
      <c r="IFQ691" s="613"/>
      <c r="IFR691" s="613"/>
      <c r="IFS691" s="613"/>
      <c r="IFT691" s="613"/>
      <c r="IFU691" s="613"/>
      <c r="IFV691" s="613"/>
      <c r="IFW691" s="613"/>
      <c r="IFX691" s="613"/>
      <c r="IFY691" s="613"/>
      <c r="IFZ691" s="613"/>
      <c r="IGA691" s="613"/>
      <c r="IGB691" s="613"/>
      <c r="IGC691" s="613"/>
      <c r="IGD691" s="613"/>
      <c r="IGE691" s="613"/>
      <c r="IGF691" s="613"/>
      <c r="IGG691" s="613"/>
      <c r="IGH691" s="613"/>
      <c r="IGI691" s="613"/>
      <c r="IGJ691" s="613"/>
      <c r="IGK691" s="613"/>
      <c r="IGL691" s="613"/>
      <c r="IGM691" s="613"/>
      <c r="IGN691" s="613"/>
      <c r="IGO691" s="613"/>
      <c r="IGP691" s="613"/>
      <c r="IGQ691" s="613"/>
      <c r="IGR691" s="613"/>
      <c r="IGS691" s="613"/>
      <c r="IGT691" s="613"/>
      <c r="IGU691" s="613"/>
      <c r="IGV691" s="613"/>
      <c r="IGW691" s="613"/>
      <c r="IGX691" s="613"/>
      <c r="IGY691" s="613"/>
      <c r="IGZ691" s="613"/>
      <c r="IHA691" s="613"/>
      <c r="IHB691" s="613"/>
      <c r="IHC691" s="613"/>
      <c r="IHD691" s="613"/>
      <c r="IHE691" s="613"/>
      <c r="IHF691" s="613"/>
      <c r="IHG691" s="613"/>
      <c r="IHH691" s="613"/>
      <c r="IHI691" s="613"/>
      <c r="IHJ691" s="613"/>
      <c r="IHK691" s="613"/>
      <c r="IHL691" s="613"/>
      <c r="IHM691" s="613"/>
      <c r="IHN691" s="613"/>
      <c r="IHO691" s="613"/>
      <c r="IHP691" s="613"/>
      <c r="IHQ691" s="613"/>
      <c r="IHR691" s="613"/>
      <c r="IHS691" s="613"/>
      <c r="IHT691" s="613"/>
      <c r="IHU691" s="613"/>
      <c r="IHV691" s="613"/>
      <c r="IHW691" s="613"/>
      <c r="IHX691" s="613"/>
      <c r="IHY691" s="613"/>
      <c r="IHZ691" s="613"/>
      <c r="IIA691" s="613"/>
      <c r="IIB691" s="613"/>
      <c r="IIC691" s="613"/>
      <c r="IID691" s="613"/>
      <c r="IIE691" s="613"/>
      <c r="IIF691" s="613"/>
      <c r="IIG691" s="613"/>
      <c r="IIH691" s="613"/>
      <c r="III691" s="613"/>
      <c r="IIJ691" s="613"/>
      <c r="IIK691" s="613"/>
      <c r="IIL691" s="613"/>
      <c r="IIM691" s="613"/>
      <c r="IIN691" s="613"/>
      <c r="IIO691" s="613"/>
      <c r="IIP691" s="613"/>
      <c r="IIQ691" s="613"/>
      <c r="IIR691" s="613"/>
      <c r="IIS691" s="613"/>
      <c r="IIT691" s="613"/>
      <c r="IIU691" s="613"/>
      <c r="IIV691" s="613"/>
      <c r="IIW691" s="613"/>
      <c r="IIX691" s="613"/>
      <c r="IIY691" s="613"/>
      <c r="IIZ691" s="613"/>
      <c r="IJA691" s="613"/>
      <c r="IJB691" s="613"/>
      <c r="IJC691" s="613"/>
      <c r="IJD691" s="613"/>
      <c r="IJE691" s="613"/>
      <c r="IJF691" s="613"/>
      <c r="IJG691" s="613"/>
      <c r="IJH691" s="613"/>
      <c r="IJI691" s="613"/>
      <c r="IJJ691" s="613"/>
      <c r="IJK691" s="613"/>
      <c r="IJL691" s="613"/>
      <c r="IJM691" s="613"/>
      <c r="IJN691" s="613"/>
      <c r="IJO691" s="613"/>
      <c r="IJP691" s="613"/>
      <c r="IJQ691" s="613"/>
      <c r="IJR691" s="613"/>
      <c r="IJS691" s="613"/>
      <c r="IJT691" s="613"/>
      <c r="IJU691" s="613"/>
      <c r="IJV691" s="613"/>
      <c r="IJW691" s="613"/>
      <c r="IJX691" s="613"/>
      <c r="IJY691" s="613"/>
      <c r="IJZ691" s="613"/>
      <c r="IKA691" s="613"/>
      <c r="IKB691" s="613"/>
      <c r="IKC691" s="613"/>
      <c r="IKD691" s="613"/>
      <c r="IKE691" s="613"/>
      <c r="IKF691" s="613"/>
      <c r="IKG691" s="613"/>
      <c r="IKH691" s="613"/>
      <c r="IKI691" s="613"/>
      <c r="IKJ691" s="613"/>
      <c r="IKK691" s="613"/>
      <c r="IKL691" s="613"/>
      <c r="IKM691" s="613"/>
      <c r="IKN691" s="613"/>
      <c r="IKO691" s="613"/>
      <c r="IKP691" s="613"/>
      <c r="IKQ691" s="613"/>
      <c r="IKR691" s="613"/>
      <c r="IKS691" s="613"/>
      <c r="IKT691" s="613"/>
      <c r="IKU691" s="613"/>
      <c r="IKV691" s="613"/>
      <c r="IKW691" s="613"/>
      <c r="IKX691" s="613"/>
      <c r="IKY691" s="613"/>
      <c r="IKZ691" s="613"/>
      <c r="ILA691" s="613"/>
      <c r="ILB691" s="613"/>
      <c r="ILC691" s="613"/>
      <c r="ILD691" s="613"/>
      <c r="ILE691" s="613"/>
      <c r="ILF691" s="613"/>
      <c r="ILG691" s="613"/>
      <c r="ILH691" s="613"/>
      <c r="ILI691" s="613"/>
      <c r="ILJ691" s="613"/>
      <c r="ILK691" s="613"/>
      <c r="ILL691" s="613"/>
      <c r="ILM691" s="613"/>
      <c r="ILN691" s="613"/>
      <c r="ILO691" s="613"/>
      <c r="ILP691" s="613"/>
      <c r="ILQ691" s="613"/>
      <c r="ILR691" s="613"/>
      <c r="ILS691" s="613"/>
      <c r="ILT691" s="613"/>
      <c r="ILU691" s="613"/>
      <c r="ILV691" s="613"/>
      <c r="ILW691" s="613"/>
      <c r="ILX691" s="613"/>
      <c r="ILY691" s="613"/>
      <c r="ILZ691" s="613"/>
      <c r="IMA691" s="613"/>
      <c r="IMB691" s="613"/>
      <c r="IMC691" s="613"/>
      <c r="IMD691" s="613"/>
      <c r="IME691" s="613"/>
      <c r="IMF691" s="613"/>
      <c r="IMG691" s="613"/>
      <c r="IMH691" s="613"/>
      <c r="IMI691" s="613"/>
      <c r="IMJ691" s="613"/>
      <c r="IMK691" s="613"/>
      <c r="IML691" s="613"/>
      <c r="IMM691" s="613"/>
      <c r="IMN691" s="613"/>
      <c r="IMO691" s="613"/>
      <c r="IMP691" s="613"/>
      <c r="IMQ691" s="613"/>
      <c r="IMR691" s="613"/>
      <c r="IMS691" s="613"/>
      <c r="IMT691" s="613"/>
      <c r="IMU691" s="613"/>
      <c r="IMV691" s="613"/>
      <c r="IMW691" s="613"/>
      <c r="IMX691" s="613"/>
      <c r="IMY691" s="613"/>
      <c r="IMZ691" s="613"/>
      <c r="INA691" s="613"/>
      <c r="INB691" s="613"/>
      <c r="INC691" s="613"/>
      <c r="IND691" s="613"/>
      <c r="INE691" s="613"/>
      <c r="INF691" s="613"/>
      <c r="ING691" s="613"/>
      <c r="INH691" s="613"/>
      <c r="INI691" s="613"/>
      <c r="INJ691" s="613"/>
      <c r="INK691" s="613"/>
      <c r="INL691" s="613"/>
      <c r="INM691" s="613"/>
      <c r="INN691" s="613"/>
      <c r="INO691" s="613"/>
      <c r="INP691" s="613"/>
      <c r="INQ691" s="613"/>
      <c r="INR691" s="613"/>
      <c r="INS691" s="613"/>
      <c r="INT691" s="613"/>
      <c r="INU691" s="613"/>
      <c r="INV691" s="613"/>
      <c r="INW691" s="613"/>
      <c r="INX691" s="613"/>
      <c r="INY691" s="613"/>
      <c r="INZ691" s="613"/>
      <c r="IOA691" s="613"/>
      <c r="IOB691" s="613"/>
      <c r="IOC691" s="613"/>
      <c r="IOD691" s="613"/>
      <c r="IOE691" s="613"/>
      <c r="IOF691" s="613"/>
      <c r="IOG691" s="613"/>
      <c r="IOH691" s="613"/>
      <c r="IOI691" s="613"/>
      <c r="IOJ691" s="613"/>
      <c r="IOK691" s="613"/>
      <c r="IOL691" s="613"/>
      <c r="IOM691" s="613"/>
      <c r="ION691" s="613"/>
      <c r="IOO691" s="613"/>
      <c r="IOP691" s="613"/>
      <c r="IOQ691" s="613"/>
      <c r="IOR691" s="613"/>
      <c r="IOS691" s="613"/>
      <c r="IOT691" s="613"/>
      <c r="IOU691" s="613"/>
      <c r="IOV691" s="613"/>
      <c r="IOW691" s="613"/>
      <c r="IOX691" s="613"/>
      <c r="IOY691" s="613"/>
      <c r="IOZ691" s="613"/>
      <c r="IPA691" s="613"/>
      <c r="IPB691" s="613"/>
      <c r="IPC691" s="613"/>
      <c r="IPD691" s="613"/>
      <c r="IPE691" s="613"/>
      <c r="IPF691" s="613"/>
      <c r="IPG691" s="613"/>
      <c r="IPH691" s="613"/>
      <c r="IPI691" s="613"/>
      <c r="IPJ691" s="613"/>
      <c r="IPK691" s="613"/>
      <c r="IPL691" s="613"/>
      <c r="IPM691" s="613"/>
      <c r="IPN691" s="613"/>
      <c r="IPO691" s="613"/>
      <c r="IPP691" s="613"/>
      <c r="IPQ691" s="613"/>
      <c r="IPR691" s="613"/>
      <c r="IPS691" s="613"/>
      <c r="IPT691" s="613"/>
      <c r="IPU691" s="613"/>
      <c r="IPV691" s="613"/>
      <c r="IPW691" s="613"/>
      <c r="IPX691" s="613"/>
      <c r="IPY691" s="613"/>
      <c r="IPZ691" s="613"/>
      <c r="IQA691" s="613"/>
      <c r="IQB691" s="613"/>
      <c r="IQC691" s="613"/>
      <c r="IQD691" s="613"/>
      <c r="IQE691" s="613"/>
      <c r="IQF691" s="613"/>
      <c r="IQG691" s="613"/>
      <c r="IQH691" s="613"/>
      <c r="IQI691" s="613"/>
      <c r="IQJ691" s="613"/>
      <c r="IQK691" s="613"/>
      <c r="IQL691" s="613"/>
      <c r="IQM691" s="613"/>
      <c r="IQN691" s="613"/>
      <c r="IQO691" s="613"/>
      <c r="IQP691" s="613"/>
      <c r="IQQ691" s="613"/>
      <c r="IQR691" s="613"/>
      <c r="IQS691" s="613"/>
      <c r="IQT691" s="613"/>
      <c r="IQU691" s="613"/>
      <c r="IQV691" s="613"/>
      <c r="IQW691" s="613"/>
      <c r="IQX691" s="613"/>
      <c r="IQY691" s="613"/>
      <c r="IQZ691" s="613"/>
      <c r="IRA691" s="613"/>
      <c r="IRB691" s="613"/>
      <c r="IRC691" s="613"/>
      <c r="IRD691" s="613"/>
      <c r="IRE691" s="613"/>
      <c r="IRF691" s="613"/>
      <c r="IRG691" s="613"/>
      <c r="IRH691" s="613"/>
      <c r="IRI691" s="613"/>
      <c r="IRJ691" s="613"/>
      <c r="IRK691" s="613"/>
      <c r="IRL691" s="613"/>
      <c r="IRM691" s="613"/>
      <c r="IRN691" s="613"/>
      <c r="IRO691" s="613"/>
      <c r="IRP691" s="613"/>
      <c r="IRQ691" s="613"/>
      <c r="IRR691" s="613"/>
      <c r="IRS691" s="613"/>
      <c r="IRT691" s="613"/>
      <c r="IRU691" s="613"/>
      <c r="IRV691" s="613"/>
      <c r="IRW691" s="613"/>
      <c r="IRX691" s="613"/>
      <c r="IRY691" s="613"/>
      <c r="IRZ691" s="613"/>
      <c r="ISA691" s="613"/>
      <c r="ISB691" s="613"/>
      <c r="ISC691" s="613"/>
      <c r="ISD691" s="613"/>
      <c r="ISE691" s="613"/>
      <c r="ISF691" s="613"/>
      <c r="ISG691" s="613"/>
      <c r="ISH691" s="613"/>
      <c r="ISI691" s="613"/>
      <c r="ISJ691" s="613"/>
      <c r="ISK691" s="613"/>
      <c r="ISL691" s="613"/>
      <c r="ISM691" s="613"/>
      <c r="ISN691" s="613"/>
      <c r="ISO691" s="613"/>
      <c r="ISP691" s="613"/>
      <c r="ISQ691" s="613"/>
      <c r="ISR691" s="613"/>
      <c r="ISS691" s="613"/>
      <c r="IST691" s="613"/>
      <c r="ISU691" s="613"/>
      <c r="ISV691" s="613"/>
      <c r="ISW691" s="613"/>
      <c r="ISX691" s="613"/>
      <c r="ISY691" s="613"/>
      <c r="ISZ691" s="613"/>
      <c r="ITA691" s="613"/>
      <c r="ITB691" s="613"/>
      <c r="ITC691" s="613"/>
      <c r="ITD691" s="613"/>
      <c r="ITE691" s="613"/>
      <c r="ITF691" s="613"/>
      <c r="ITG691" s="613"/>
      <c r="ITH691" s="613"/>
      <c r="ITI691" s="613"/>
      <c r="ITJ691" s="613"/>
      <c r="ITK691" s="613"/>
      <c r="ITL691" s="613"/>
      <c r="ITM691" s="613"/>
      <c r="ITN691" s="613"/>
      <c r="ITO691" s="613"/>
      <c r="ITP691" s="613"/>
      <c r="ITQ691" s="613"/>
      <c r="ITR691" s="613"/>
      <c r="ITS691" s="613"/>
      <c r="ITT691" s="613"/>
      <c r="ITU691" s="613"/>
      <c r="ITV691" s="613"/>
      <c r="ITW691" s="613"/>
      <c r="ITX691" s="613"/>
      <c r="ITY691" s="613"/>
      <c r="ITZ691" s="613"/>
      <c r="IUA691" s="613"/>
      <c r="IUB691" s="613"/>
      <c r="IUC691" s="613"/>
      <c r="IUD691" s="613"/>
      <c r="IUE691" s="613"/>
      <c r="IUF691" s="613"/>
      <c r="IUG691" s="613"/>
      <c r="IUH691" s="613"/>
      <c r="IUI691" s="613"/>
      <c r="IUJ691" s="613"/>
      <c r="IUK691" s="613"/>
      <c r="IUL691" s="613"/>
      <c r="IUM691" s="613"/>
      <c r="IUN691" s="613"/>
      <c r="IUO691" s="613"/>
      <c r="IUP691" s="613"/>
      <c r="IUQ691" s="613"/>
      <c r="IUR691" s="613"/>
      <c r="IUS691" s="613"/>
      <c r="IUT691" s="613"/>
      <c r="IUU691" s="613"/>
      <c r="IUV691" s="613"/>
      <c r="IUW691" s="613"/>
      <c r="IUX691" s="613"/>
      <c r="IUY691" s="613"/>
      <c r="IUZ691" s="613"/>
      <c r="IVA691" s="613"/>
      <c r="IVB691" s="613"/>
      <c r="IVC691" s="613"/>
      <c r="IVD691" s="613"/>
      <c r="IVE691" s="613"/>
      <c r="IVF691" s="613"/>
      <c r="IVG691" s="613"/>
      <c r="IVH691" s="613"/>
      <c r="IVI691" s="613"/>
      <c r="IVJ691" s="613"/>
      <c r="IVK691" s="613"/>
      <c r="IVL691" s="613"/>
      <c r="IVM691" s="613"/>
      <c r="IVN691" s="613"/>
      <c r="IVO691" s="613"/>
      <c r="IVP691" s="613"/>
      <c r="IVQ691" s="613"/>
      <c r="IVR691" s="613"/>
      <c r="IVS691" s="613"/>
      <c r="IVT691" s="613"/>
      <c r="IVU691" s="613"/>
      <c r="IVV691" s="613"/>
      <c r="IVW691" s="613"/>
      <c r="IVX691" s="613"/>
      <c r="IVY691" s="613"/>
      <c r="IVZ691" s="613"/>
      <c r="IWA691" s="613"/>
      <c r="IWB691" s="613"/>
      <c r="IWC691" s="613"/>
      <c r="IWD691" s="613"/>
      <c r="IWE691" s="613"/>
      <c r="IWF691" s="613"/>
      <c r="IWG691" s="613"/>
      <c r="IWH691" s="613"/>
      <c r="IWI691" s="613"/>
      <c r="IWJ691" s="613"/>
      <c r="IWK691" s="613"/>
      <c r="IWL691" s="613"/>
      <c r="IWM691" s="613"/>
      <c r="IWN691" s="613"/>
      <c r="IWO691" s="613"/>
      <c r="IWP691" s="613"/>
      <c r="IWQ691" s="613"/>
      <c r="IWR691" s="613"/>
      <c r="IWS691" s="613"/>
      <c r="IWT691" s="613"/>
      <c r="IWU691" s="613"/>
      <c r="IWV691" s="613"/>
      <c r="IWW691" s="613"/>
      <c r="IWX691" s="613"/>
      <c r="IWY691" s="613"/>
      <c r="IWZ691" s="613"/>
      <c r="IXA691" s="613"/>
      <c r="IXB691" s="613"/>
      <c r="IXC691" s="613"/>
      <c r="IXD691" s="613"/>
      <c r="IXE691" s="613"/>
      <c r="IXF691" s="613"/>
      <c r="IXG691" s="613"/>
      <c r="IXH691" s="613"/>
      <c r="IXI691" s="613"/>
      <c r="IXJ691" s="613"/>
      <c r="IXK691" s="613"/>
      <c r="IXL691" s="613"/>
      <c r="IXM691" s="613"/>
      <c r="IXN691" s="613"/>
      <c r="IXO691" s="613"/>
      <c r="IXP691" s="613"/>
      <c r="IXQ691" s="613"/>
      <c r="IXR691" s="613"/>
      <c r="IXS691" s="613"/>
      <c r="IXT691" s="613"/>
      <c r="IXU691" s="613"/>
      <c r="IXV691" s="613"/>
      <c r="IXW691" s="613"/>
      <c r="IXX691" s="613"/>
      <c r="IXY691" s="613"/>
      <c r="IXZ691" s="613"/>
      <c r="IYA691" s="613"/>
      <c r="IYB691" s="613"/>
      <c r="IYC691" s="613"/>
      <c r="IYD691" s="613"/>
      <c r="IYE691" s="613"/>
      <c r="IYF691" s="613"/>
      <c r="IYG691" s="613"/>
      <c r="IYH691" s="613"/>
      <c r="IYI691" s="613"/>
      <c r="IYJ691" s="613"/>
      <c r="IYK691" s="613"/>
      <c r="IYL691" s="613"/>
      <c r="IYM691" s="613"/>
      <c r="IYN691" s="613"/>
      <c r="IYO691" s="613"/>
      <c r="IYP691" s="613"/>
      <c r="IYQ691" s="613"/>
      <c r="IYR691" s="613"/>
      <c r="IYS691" s="613"/>
      <c r="IYT691" s="613"/>
      <c r="IYU691" s="613"/>
      <c r="IYV691" s="613"/>
      <c r="IYW691" s="613"/>
      <c r="IYX691" s="613"/>
      <c r="IYY691" s="613"/>
      <c r="IYZ691" s="613"/>
      <c r="IZA691" s="613"/>
      <c r="IZB691" s="613"/>
      <c r="IZC691" s="613"/>
      <c r="IZD691" s="613"/>
      <c r="IZE691" s="613"/>
      <c r="IZF691" s="613"/>
      <c r="IZG691" s="613"/>
      <c r="IZH691" s="613"/>
      <c r="IZI691" s="613"/>
      <c r="IZJ691" s="613"/>
      <c r="IZK691" s="613"/>
      <c r="IZL691" s="613"/>
      <c r="IZM691" s="613"/>
      <c r="IZN691" s="613"/>
      <c r="IZO691" s="613"/>
      <c r="IZP691" s="613"/>
      <c r="IZQ691" s="613"/>
      <c r="IZR691" s="613"/>
      <c r="IZS691" s="613"/>
      <c r="IZT691" s="613"/>
      <c r="IZU691" s="613"/>
      <c r="IZV691" s="613"/>
      <c r="IZW691" s="613"/>
      <c r="IZX691" s="613"/>
      <c r="IZY691" s="613"/>
      <c r="IZZ691" s="613"/>
      <c r="JAA691" s="613"/>
      <c r="JAB691" s="613"/>
      <c r="JAC691" s="613"/>
      <c r="JAD691" s="613"/>
      <c r="JAE691" s="613"/>
      <c r="JAF691" s="613"/>
      <c r="JAG691" s="613"/>
      <c r="JAH691" s="613"/>
      <c r="JAI691" s="613"/>
      <c r="JAJ691" s="613"/>
      <c r="JAK691" s="613"/>
      <c r="JAL691" s="613"/>
      <c r="JAM691" s="613"/>
      <c r="JAN691" s="613"/>
      <c r="JAO691" s="613"/>
      <c r="JAP691" s="613"/>
      <c r="JAQ691" s="613"/>
      <c r="JAR691" s="613"/>
      <c r="JAS691" s="613"/>
      <c r="JAT691" s="613"/>
      <c r="JAU691" s="613"/>
      <c r="JAV691" s="613"/>
      <c r="JAW691" s="613"/>
      <c r="JAX691" s="613"/>
      <c r="JAY691" s="613"/>
      <c r="JAZ691" s="613"/>
      <c r="JBA691" s="613"/>
      <c r="JBB691" s="613"/>
      <c r="JBC691" s="613"/>
      <c r="JBD691" s="613"/>
      <c r="JBE691" s="613"/>
      <c r="JBF691" s="613"/>
      <c r="JBG691" s="613"/>
      <c r="JBH691" s="613"/>
      <c r="JBI691" s="613"/>
      <c r="JBJ691" s="613"/>
      <c r="JBK691" s="613"/>
      <c r="JBL691" s="613"/>
      <c r="JBM691" s="613"/>
      <c r="JBN691" s="613"/>
      <c r="JBO691" s="613"/>
      <c r="JBP691" s="613"/>
      <c r="JBQ691" s="613"/>
      <c r="JBR691" s="613"/>
      <c r="JBS691" s="613"/>
      <c r="JBT691" s="613"/>
      <c r="JBU691" s="613"/>
      <c r="JBV691" s="613"/>
      <c r="JBW691" s="613"/>
      <c r="JBX691" s="613"/>
      <c r="JBY691" s="613"/>
      <c r="JBZ691" s="613"/>
      <c r="JCA691" s="613"/>
      <c r="JCB691" s="613"/>
      <c r="JCC691" s="613"/>
      <c r="JCD691" s="613"/>
      <c r="JCE691" s="613"/>
      <c r="JCF691" s="613"/>
      <c r="JCG691" s="613"/>
      <c r="JCH691" s="613"/>
      <c r="JCI691" s="613"/>
      <c r="JCJ691" s="613"/>
      <c r="JCK691" s="613"/>
      <c r="JCL691" s="613"/>
      <c r="JCM691" s="613"/>
      <c r="JCN691" s="613"/>
      <c r="JCO691" s="613"/>
      <c r="JCP691" s="613"/>
      <c r="JCQ691" s="613"/>
      <c r="JCR691" s="613"/>
      <c r="JCS691" s="613"/>
      <c r="JCT691" s="613"/>
      <c r="JCU691" s="613"/>
      <c r="JCV691" s="613"/>
      <c r="JCW691" s="613"/>
      <c r="JCX691" s="613"/>
      <c r="JCY691" s="613"/>
      <c r="JCZ691" s="613"/>
      <c r="JDA691" s="613"/>
      <c r="JDB691" s="613"/>
      <c r="JDC691" s="613"/>
      <c r="JDD691" s="613"/>
      <c r="JDE691" s="613"/>
      <c r="JDF691" s="613"/>
      <c r="JDG691" s="613"/>
      <c r="JDH691" s="613"/>
      <c r="JDI691" s="613"/>
      <c r="JDJ691" s="613"/>
      <c r="JDK691" s="613"/>
      <c r="JDL691" s="613"/>
      <c r="JDM691" s="613"/>
      <c r="JDN691" s="613"/>
      <c r="JDO691" s="613"/>
      <c r="JDP691" s="613"/>
      <c r="JDQ691" s="613"/>
      <c r="JDR691" s="613"/>
      <c r="JDS691" s="613"/>
      <c r="JDT691" s="613"/>
      <c r="JDU691" s="613"/>
      <c r="JDV691" s="613"/>
      <c r="JDW691" s="613"/>
      <c r="JDX691" s="613"/>
      <c r="JDY691" s="613"/>
      <c r="JDZ691" s="613"/>
      <c r="JEA691" s="613"/>
      <c r="JEB691" s="613"/>
      <c r="JEC691" s="613"/>
      <c r="JED691" s="613"/>
      <c r="JEE691" s="613"/>
      <c r="JEF691" s="613"/>
      <c r="JEG691" s="613"/>
      <c r="JEH691" s="613"/>
      <c r="JEI691" s="613"/>
      <c r="JEJ691" s="613"/>
      <c r="JEK691" s="613"/>
      <c r="JEL691" s="613"/>
      <c r="JEM691" s="613"/>
      <c r="JEN691" s="613"/>
      <c r="JEO691" s="613"/>
      <c r="JEP691" s="613"/>
      <c r="JEQ691" s="613"/>
      <c r="JER691" s="613"/>
      <c r="JES691" s="613"/>
      <c r="JET691" s="613"/>
      <c r="JEU691" s="613"/>
      <c r="JEV691" s="613"/>
      <c r="JEW691" s="613"/>
      <c r="JEX691" s="613"/>
      <c r="JEY691" s="613"/>
      <c r="JEZ691" s="613"/>
      <c r="JFA691" s="613"/>
      <c r="JFB691" s="613"/>
      <c r="JFC691" s="613"/>
      <c r="JFD691" s="613"/>
      <c r="JFE691" s="613"/>
      <c r="JFF691" s="613"/>
      <c r="JFG691" s="613"/>
      <c r="JFH691" s="613"/>
      <c r="JFI691" s="613"/>
      <c r="JFJ691" s="613"/>
      <c r="JFK691" s="613"/>
      <c r="JFL691" s="613"/>
      <c r="JFM691" s="613"/>
      <c r="JFN691" s="613"/>
      <c r="JFO691" s="613"/>
      <c r="JFP691" s="613"/>
      <c r="JFQ691" s="613"/>
      <c r="JFR691" s="613"/>
      <c r="JFS691" s="613"/>
      <c r="JFT691" s="613"/>
      <c r="JFU691" s="613"/>
      <c r="JFV691" s="613"/>
      <c r="JFW691" s="613"/>
      <c r="JFX691" s="613"/>
      <c r="JFY691" s="613"/>
      <c r="JFZ691" s="613"/>
      <c r="JGA691" s="613"/>
      <c r="JGB691" s="613"/>
      <c r="JGC691" s="613"/>
      <c r="JGD691" s="613"/>
      <c r="JGE691" s="613"/>
      <c r="JGF691" s="613"/>
      <c r="JGG691" s="613"/>
      <c r="JGH691" s="613"/>
      <c r="JGI691" s="613"/>
      <c r="JGJ691" s="613"/>
      <c r="JGK691" s="613"/>
      <c r="JGL691" s="613"/>
      <c r="JGM691" s="613"/>
      <c r="JGN691" s="613"/>
      <c r="JGO691" s="613"/>
      <c r="JGP691" s="613"/>
      <c r="JGQ691" s="613"/>
      <c r="JGR691" s="613"/>
      <c r="JGS691" s="613"/>
      <c r="JGT691" s="613"/>
      <c r="JGU691" s="613"/>
      <c r="JGV691" s="613"/>
      <c r="JGW691" s="613"/>
      <c r="JGX691" s="613"/>
      <c r="JGY691" s="613"/>
      <c r="JGZ691" s="613"/>
      <c r="JHA691" s="613"/>
      <c r="JHB691" s="613"/>
      <c r="JHC691" s="613"/>
      <c r="JHD691" s="613"/>
      <c r="JHE691" s="613"/>
      <c r="JHF691" s="613"/>
      <c r="JHG691" s="613"/>
      <c r="JHH691" s="613"/>
      <c r="JHI691" s="613"/>
      <c r="JHJ691" s="613"/>
      <c r="JHK691" s="613"/>
      <c r="JHL691" s="613"/>
      <c r="JHM691" s="613"/>
      <c r="JHN691" s="613"/>
      <c r="JHO691" s="613"/>
      <c r="JHP691" s="613"/>
      <c r="JHQ691" s="613"/>
      <c r="JHR691" s="613"/>
      <c r="JHS691" s="613"/>
      <c r="JHT691" s="613"/>
      <c r="JHU691" s="613"/>
      <c r="JHV691" s="613"/>
      <c r="JHW691" s="613"/>
      <c r="JHX691" s="613"/>
      <c r="JHY691" s="613"/>
      <c r="JHZ691" s="613"/>
      <c r="JIA691" s="613"/>
      <c r="JIB691" s="613"/>
      <c r="JIC691" s="613"/>
      <c r="JID691" s="613"/>
      <c r="JIE691" s="613"/>
      <c r="JIF691" s="613"/>
      <c r="JIG691" s="613"/>
      <c r="JIH691" s="613"/>
      <c r="JII691" s="613"/>
      <c r="JIJ691" s="613"/>
      <c r="JIK691" s="613"/>
      <c r="JIL691" s="613"/>
      <c r="JIM691" s="613"/>
      <c r="JIN691" s="613"/>
      <c r="JIO691" s="613"/>
      <c r="JIP691" s="613"/>
      <c r="JIQ691" s="613"/>
      <c r="JIR691" s="613"/>
      <c r="JIS691" s="613"/>
      <c r="JIT691" s="613"/>
      <c r="JIU691" s="613"/>
      <c r="JIV691" s="613"/>
      <c r="JIW691" s="613"/>
      <c r="JIX691" s="613"/>
      <c r="JIY691" s="613"/>
      <c r="JIZ691" s="613"/>
      <c r="JJA691" s="613"/>
      <c r="JJB691" s="613"/>
      <c r="JJC691" s="613"/>
      <c r="JJD691" s="613"/>
      <c r="JJE691" s="613"/>
      <c r="JJF691" s="613"/>
      <c r="JJG691" s="613"/>
      <c r="JJH691" s="613"/>
      <c r="JJI691" s="613"/>
      <c r="JJJ691" s="613"/>
      <c r="JJK691" s="613"/>
      <c r="JJL691" s="613"/>
      <c r="JJM691" s="613"/>
      <c r="JJN691" s="613"/>
      <c r="JJO691" s="613"/>
      <c r="JJP691" s="613"/>
      <c r="JJQ691" s="613"/>
      <c r="JJR691" s="613"/>
      <c r="JJS691" s="613"/>
      <c r="JJT691" s="613"/>
      <c r="JJU691" s="613"/>
      <c r="JJV691" s="613"/>
      <c r="JJW691" s="613"/>
      <c r="JJX691" s="613"/>
      <c r="JJY691" s="613"/>
      <c r="JJZ691" s="613"/>
      <c r="JKA691" s="613"/>
      <c r="JKB691" s="613"/>
      <c r="JKC691" s="613"/>
      <c r="JKD691" s="613"/>
      <c r="JKE691" s="613"/>
      <c r="JKF691" s="613"/>
      <c r="JKG691" s="613"/>
      <c r="JKH691" s="613"/>
      <c r="JKI691" s="613"/>
      <c r="JKJ691" s="613"/>
      <c r="JKK691" s="613"/>
      <c r="JKL691" s="613"/>
      <c r="JKM691" s="613"/>
      <c r="JKN691" s="613"/>
      <c r="JKO691" s="613"/>
      <c r="JKP691" s="613"/>
      <c r="JKQ691" s="613"/>
      <c r="JKR691" s="613"/>
      <c r="JKS691" s="613"/>
      <c r="JKT691" s="613"/>
      <c r="JKU691" s="613"/>
      <c r="JKV691" s="613"/>
      <c r="JKW691" s="613"/>
      <c r="JKX691" s="613"/>
      <c r="JKY691" s="613"/>
      <c r="JKZ691" s="613"/>
      <c r="JLA691" s="613"/>
      <c r="JLB691" s="613"/>
      <c r="JLC691" s="613"/>
      <c r="JLD691" s="613"/>
      <c r="JLE691" s="613"/>
      <c r="JLF691" s="613"/>
      <c r="JLG691" s="613"/>
      <c r="JLH691" s="613"/>
      <c r="JLI691" s="613"/>
      <c r="JLJ691" s="613"/>
      <c r="JLK691" s="613"/>
      <c r="JLL691" s="613"/>
      <c r="JLM691" s="613"/>
      <c r="JLN691" s="613"/>
      <c r="JLO691" s="613"/>
      <c r="JLP691" s="613"/>
      <c r="JLQ691" s="613"/>
      <c r="JLR691" s="613"/>
      <c r="JLS691" s="613"/>
      <c r="JLT691" s="613"/>
      <c r="JLU691" s="613"/>
      <c r="JLV691" s="613"/>
      <c r="JLW691" s="613"/>
      <c r="JLX691" s="613"/>
      <c r="JLY691" s="613"/>
      <c r="JLZ691" s="613"/>
      <c r="JMA691" s="613"/>
      <c r="JMB691" s="613"/>
      <c r="JMC691" s="613"/>
      <c r="JMD691" s="613"/>
      <c r="JME691" s="613"/>
      <c r="JMF691" s="613"/>
      <c r="JMG691" s="613"/>
      <c r="JMH691" s="613"/>
      <c r="JMI691" s="613"/>
      <c r="JMJ691" s="613"/>
      <c r="JMK691" s="613"/>
      <c r="JML691" s="613"/>
      <c r="JMM691" s="613"/>
      <c r="JMN691" s="613"/>
      <c r="JMO691" s="613"/>
      <c r="JMP691" s="613"/>
      <c r="JMQ691" s="613"/>
      <c r="JMR691" s="613"/>
      <c r="JMS691" s="613"/>
      <c r="JMT691" s="613"/>
      <c r="JMU691" s="613"/>
      <c r="JMV691" s="613"/>
      <c r="JMW691" s="613"/>
      <c r="JMX691" s="613"/>
      <c r="JMY691" s="613"/>
      <c r="JMZ691" s="613"/>
      <c r="JNA691" s="613"/>
      <c r="JNB691" s="613"/>
      <c r="JNC691" s="613"/>
      <c r="JND691" s="613"/>
      <c r="JNE691" s="613"/>
      <c r="JNF691" s="613"/>
      <c r="JNG691" s="613"/>
      <c r="JNH691" s="613"/>
      <c r="JNI691" s="613"/>
      <c r="JNJ691" s="613"/>
      <c r="JNK691" s="613"/>
      <c r="JNL691" s="613"/>
      <c r="JNM691" s="613"/>
      <c r="JNN691" s="613"/>
      <c r="JNO691" s="613"/>
      <c r="JNP691" s="613"/>
      <c r="JNQ691" s="613"/>
      <c r="JNR691" s="613"/>
      <c r="JNS691" s="613"/>
      <c r="JNT691" s="613"/>
      <c r="JNU691" s="613"/>
      <c r="JNV691" s="613"/>
      <c r="JNW691" s="613"/>
      <c r="JNX691" s="613"/>
      <c r="JNY691" s="613"/>
      <c r="JNZ691" s="613"/>
      <c r="JOA691" s="613"/>
      <c r="JOB691" s="613"/>
      <c r="JOC691" s="613"/>
      <c r="JOD691" s="613"/>
      <c r="JOE691" s="613"/>
      <c r="JOF691" s="613"/>
      <c r="JOG691" s="613"/>
      <c r="JOH691" s="613"/>
      <c r="JOI691" s="613"/>
      <c r="JOJ691" s="613"/>
      <c r="JOK691" s="613"/>
      <c r="JOL691" s="613"/>
      <c r="JOM691" s="613"/>
      <c r="JON691" s="613"/>
      <c r="JOO691" s="613"/>
      <c r="JOP691" s="613"/>
      <c r="JOQ691" s="613"/>
      <c r="JOR691" s="613"/>
      <c r="JOS691" s="613"/>
      <c r="JOT691" s="613"/>
      <c r="JOU691" s="613"/>
      <c r="JOV691" s="613"/>
      <c r="JOW691" s="613"/>
      <c r="JOX691" s="613"/>
      <c r="JOY691" s="613"/>
      <c r="JOZ691" s="613"/>
      <c r="JPA691" s="613"/>
      <c r="JPB691" s="613"/>
      <c r="JPC691" s="613"/>
      <c r="JPD691" s="613"/>
      <c r="JPE691" s="613"/>
      <c r="JPF691" s="613"/>
      <c r="JPG691" s="613"/>
      <c r="JPH691" s="613"/>
      <c r="JPI691" s="613"/>
      <c r="JPJ691" s="613"/>
      <c r="JPK691" s="613"/>
      <c r="JPL691" s="613"/>
      <c r="JPM691" s="613"/>
      <c r="JPN691" s="613"/>
      <c r="JPO691" s="613"/>
      <c r="JPP691" s="613"/>
      <c r="JPQ691" s="613"/>
      <c r="JPR691" s="613"/>
      <c r="JPS691" s="613"/>
      <c r="JPT691" s="613"/>
      <c r="JPU691" s="613"/>
      <c r="JPV691" s="613"/>
      <c r="JPW691" s="613"/>
      <c r="JPX691" s="613"/>
      <c r="JPY691" s="613"/>
      <c r="JPZ691" s="613"/>
      <c r="JQA691" s="613"/>
      <c r="JQB691" s="613"/>
      <c r="JQC691" s="613"/>
      <c r="JQD691" s="613"/>
      <c r="JQE691" s="613"/>
      <c r="JQF691" s="613"/>
      <c r="JQG691" s="613"/>
      <c r="JQH691" s="613"/>
      <c r="JQI691" s="613"/>
      <c r="JQJ691" s="613"/>
      <c r="JQK691" s="613"/>
      <c r="JQL691" s="613"/>
      <c r="JQM691" s="613"/>
      <c r="JQN691" s="613"/>
      <c r="JQO691" s="613"/>
      <c r="JQP691" s="613"/>
      <c r="JQQ691" s="613"/>
      <c r="JQR691" s="613"/>
      <c r="JQS691" s="613"/>
      <c r="JQT691" s="613"/>
      <c r="JQU691" s="613"/>
      <c r="JQV691" s="613"/>
      <c r="JQW691" s="613"/>
      <c r="JQX691" s="613"/>
      <c r="JQY691" s="613"/>
      <c r="JQZ691" s="613"/>
      <c r="JRA691" s="613"/>
      <c r="JRB691" s="613"/>
      <c r="JRC691" s="613"/>
      <c r="JRD691" s="613"/>
      <c r="JRE691" s="613"/>
      <c r="JRF691" s="613"/>
      <c r="JRG691" s="613"/>
      <c r="JRH691" s="613"/>
      <c r="JRI691" s="613"/>
      <c r="JRJ691" s="613"/>
      <c r="JRK691" s="613"/>
      <c r="JRL691" s="613"/>
      <c r="JRM691" s="613"/>
      <c r="JRN691" s="613"/>
      <c r="JRO691" s="613"/>
      <c r="JRP691" s="613"/>
      <c r="JRQ691" s="613"/>
      <c r="JRR691" s="613"/>
      <c r="JRS691" s="613"/>
      <c r="JRT691" s="613"/>
      <c r="JRU691" s="613"/>
      <c r="JRV691" s="613"/>
      <c r="JRW691" s="613"/>
      <c r="JRX691" s="613"/>
      <c r="JRY691" s="613"/>
      <c r="JRZ691" s="613"/>
      <c r="JSA691" s="613"/>
      <c r="JSB691" s="613"/>
      <c r="JSC691" s="613"/>
      <c r="JSD691" s="613"/>
      <c r="JSE691" s="613"/>
      <c r="JSF691" s="613"/>
      <c r="JSG691" s="613"/>
      <c r="JSH691" s="613"/>
      <c r="JSI691" s="613"/>
      <c r="JSJ691" s="613"/>
      <c r="JSK691" s="613"/>
      <c r="JSL691" s="613"/>
      <c r="JSM691" s="613"/>
      <c r="JSN691" s="613"/>
      <c r="JSO691" s="613"/>
      <c r="JSP691" s="613"/>
      <c r="JSQ691" s="613"/>
      <c r="JSR691" s="613"/>
      <c r="JSS691" s="613"/>
      <c r="JST691" s="613"/>
      <c r="JSU691" s="613"/>
      <c r="JSV691" s="613"/>
      <c r="JSW691" s="613"/>
      <c r="JSX691" s="613"/>
      <c r="JSY691" s="613"/>
      <c r="JSZ691" s="613"/>
      <c r="JTA691" s="613"/>
      <c r="JTB691" s="613"/>
      <c r="JTC691" s="613"/>
      <c r="JTD691" s="613"/>
      <c r="JTE691" s="613"/>
      <c r="JTF691" s="613"/>
      <c r="JTG691" s="613"/>
      <c r="JTH691" s="613"/>
      <c r="JTI691" s="613"/>
      <c r="JTJ691" s="613"/>
      <c r="JTK691" s="613"/>
      <c r="JTL691" s="613"/>
      <c r="JTM691" s="613"/>
      <c r="JTN691" s="613"/>
      <c r="JTO691" s="613"/>
      <c r="JTP691" s="613"/>
      <c r="JTQ691" s="613"/>
      <c r="JTR691" s="613"/>
      <c r="JTS691" s="613"/>
      <c r="JTT691" s="613"/>
      <c r="JTU691" s="613"/>
      <c r="JTV691" s="613"/>
      <c r="JTW691" s="613"/>
      <c r="JTX691" s="613"/>
      <c r="JTY691" s="613"/>
      <c r="JTZ691" s="613"/>
      <c r="JUA691" s="613"/>
      <c r="JUB691" s="613"/>
      <c r="JUC691" s="613"/>
      <c r="JUD691" s="613"/>
      <c r="JUE691" s="613"/>
      <c r="JUF691" s="613"/>
      <c r="JUG691" s="613"/>
      <c r="JUH691" s="613"/>
      <c r="JUI691" s="613"/>
      <c r="JUJ691" s="613"/>
      <c r="JUK691" s="613"/>
      <c r="JUL691" s="613"/>
      <c r="JUM691" s="613"/>
      <c r="JUN691" s="613"/>
      <c r="JUO691" s="613"/>
      <c r="JUP691" s="613"/>
      <c r="JUQ691" s="613"/>
      <c r="JUR691" s="613"/>
      <c r="JUS691" s="613"/>
      <c r="JUT691" s="613"/>
      <c r="JUU691" s="613"/>
      <c r="JUV691" s="613"/>
      <c r="JUW691" s="613"/>
      <c r="JUX691" s="613"/>
      <c r="JUY691" s="613"/>
      <c r="JUZ691" s="613"/>
      <c r="JVA691" s="613"/>
      <c r="JVB691" s="613"/>
      <c r="JVC691" s="613"/>
      <c r="JVD691" s="613"/>
      <c r="JVE691" s="613"/>
      <c r="JVF691" s="613"/>
      <c r="JVG691" s="613"/>
      <c r="JVH691" s="613"/>
      <c r="JVI691" s="613"/>
      <c r="JVJ691" s="613"/>
      <c r="JVK691" s="613"/>
      <c r="JVL691" s="613"/>
      <c r="JVM691" s="613"/>
      <c r="JVN691" s="613"/>
      <c r="JVO691" s="613"/>
      <c r="JVP691" s="613"/>
      <c r="JVQ691" s="613"/>
      <c r="JVR691" s="613"/>
      <c r="JVS691" s="613"/>
      <c r="JVT691" s="613"/>
      <c r="JVU691" s="613"/>
      <c r="JVV691" s="613"/>
      <c r="JVW691" s="613"/>
      <c r="JVX691" s="613"/>
      <c r="JVY691" s="613"/>
      <c r="JVZ691" s="613"/>
      <c r="JWA691" s="613"/>
      <c r="JWB691" s="613"/>
      <c r="JWC691" s="613"/>
      <c r="JWD691" s="613"/>
      <c r="JWE691" s="613"/>
      <c r="JWF691" s="613"/>
      <c r="JWG691" s="613"/>
      <c r="JWH691" s="613"/>
      <c r="JWI691" s="613"/>
      <c r="JWJ691" s="613"/>
      <c r="JWK691" s="613"/>
      <c r="JWL691" s="613"/>
      <c r="JWM691" s="613"/>
      <c r="JWN691" s="613"/>
      <c r="JWO691" s="613"/>
      <c r="JWP691" s="613"/>
      <c r="JWQ691" s="613"/>
      <c r="JWR691" s="613"/>
      <c r="JWS691" s="613"/>
      <c r="JWT691" s="613"/>
      <c r="JWU691" s="613"/>
      <c r="JWV691" s="613"/>
      <c r="JWW691" s="613"/>
      <c r="JWX691" s="613"/>
      <c r="JWY691" s="613"/>
      <c r="JWZ691" s="613"/>
      <c r="JXA691" s="613"/>
      <c r="JXB691" s="613"/>
      <c r="JXC691" s="613"/>
      <c r="JXD691" s="613"/>
      <c r="JXE691" s="613"/>
      <c r="JXF691" s="613"/>
      <c r="JXG691" s="613"/>
      <c r="JXH691" s="613"/>
      <c r="JXI691" s="613"/>
      <c r="JXJ691" s="613"/>
      <c r="JXK691" s="613"/>
      <c r="JXL691" s="613"/>
      <c r="JXM691" s="613"/>
      <c r="JXN691" s="613"/>
      <c r="JXO691" s="613"/>
      <c r="JXP691" s="613"/>
      <c r="JXQ691" s="613"/>
      <c r="JXR691" s="613"/>
      <c r="JXS691" s="613"/>
      <c r="JXT691" s="613"/>
      <c r="JXU691" s="613"/>
      <c r="JXV691" s="613"/>
      <c r="JXW691" s="613"/>
      <c r="JXX691" s="613"/>
      <c r="JXY691" s="613"/>
      <c r="JXZ691" s="613"/>
      <c r="JYA691" s="613"/>
      <c r="JYB691" s="613"/>
      <c r="JYC691" s="613"/>
      <c r="JYD691" s="613"/>
      <c r="JYE691" s="613"/>
      <c r="JYF691" s="613"/>
      <c r="JYG691" s="613"/>
      <c r="JYH691" s="613"/>
      <c r="JYI691" s="613"/>
      <c r="JYJ691" s="613"/>
      <c r="JYK691" s="613"/>
      <c r="JYL691" s="613"/>
      <c r="JYM691" s="613"/>
      <c r="JYN691" s="613"/>
      <c r="JYO691" s="613"/>
      <c r="JYP691" s="613"/>
      <c r="JYQ691" s="613"/>
      <c r="JYR691" s="613"/>
      <c r="JYS691" s="613"/>
      <c r="JYT691" s="613"/>
      <c r="JYU691" s="613"/>
      <c r="JYV691" s="613"/>
      <c r="JYW691" s="613"/>
      <c r="JYX691" s="613"/>
      <c r="JYY691" s="613"/>
      <c r="JYZ691" s="613"/>
      <c r="JZA691" s="613"/>
      <c r="JZB691" s="613"/>
      <c r="JZC691" s="613"/>
      <c r="JZD691" s="613"/>
      <c r="JZE691" s="613"/>
      <c r="JZF691" s="613"/>
      <c r="JZG691" s="613"/>
      <c r="JZH691" s="613"/>
      <c r="JZI691" s="613"/>
      <c r="JZJ691" s="613"/>
      <c r="JZK691" s="613"/>
      <c r="JZL691" s="613"/>
      <c r="JZM691" s="613"/>
      <c r="JZN691" s="613"/>
      <c r="JZO691" s="613"/>
      <c r="JZP691" s="613"/>
      <c r="JZQ691" s="613"/>
      <c r="JZR691" s="613"/>
      <c r="JZS691" s="613"/>
      <c r="JZT691" s="613"/>
      <c r="JZU691" s="613"/>
      <c r="JZV691" s="613"/>
      <c r="JZW691" s="613"/>
      <c r="JZX691" s="613"/>
      <c r="JZY691" s="613"/>
      <c r="JZZ691" s="613"/>
      <c r="KAA691" s="613"/>
      <c r="KAB691" s="613"/>
      <c r="KAC691" s="613"/>
      <c r="KAD691" s="613"/>
      <c r="KAE691" s="613"/>
      <c r="KAF691" s="613"/>
      <c r="KAG691" s="613"/>
      <c r="KAH691" s="613"/>
      <c r="KAI691" s="613"/>
      <c r="KAJ691" s="613"/>
      <c r="KAK691" s="613"/>
      <c r="KAL691" s="613"/>
      <c r="KAM691" s="613"/>
      <c r="KAN691" s="613"/>
      <c r="KAO691" s="613"/>
      <c r="KAP691" s="613"/>
      <c r="KAQ691" s="613"/>
      <c r="KAR691" s="613"/>
      <c r="KAS691" s="613"/>
      <c r="KAT691" s="613"/>
      <c r="KAU691" s="613"/>
      <c r="KAV691" s="613"/>
      <c r="KAW691" s="613"/>
      <c r="KAX691" s="613"/>
      <c r="KAY691" s="613"/>
      <c r="KAZ691" s="613"/>
      <c r="KBA691" s="613"/>
      <c r="KBB691" s="613"/>
      <c r="KBC691" s="613"/>
      <c r="KBD691" s="613"/>
      <c r="KBE691" s="613"/>
      <c r="KBF691" s="613"/>
      <c r="KBG691" s="613"/>
      <c r="KBH691" s="613"/>
      <c r="KBI691" s="613"/>
      <c r="KBJ691" s="613"/>
      <c r="KBK691" s="613"/>
      <c r="KBL691" s="613"/>
      <c r="KBM691" s="613"/>
      <c r="KBN691" s="613"/>
      <c r="KBO691" s="613"/>
      <c r="KBP691" s="613"/>
      <c r="KBQ691" s="613"/>
      <c r="KBR691" s="613"/>
      <c r="KBS691" s="613"/>
      <c r="KBT691" s="613"/>
      <c r="KBU691" s="613"/>
      <c r="KBV691" s="613"/>
      <c r="KBW691" s="613"/>
      <c r="KBX691" s="613"/>
      <c r="KBY691" s="613"/>
      <c r="KBZ691" s="613"/>
      <c r="KCA691" s="613"/>
      <c r="KCB691" s="613"/>
      <c r="KCC691" s="613"/>
      <c r="KCD691" s="613"/>
      <c r="KCE691" s="613"/>
      <c r="KCF691" s="613"/>
      <c r="KCG691" s="613"/>
      <c r="KCH691" s="613"/>
      <c r="KCI691" s="613"/>
      <c r="KCJ691" s="613"/>
      <c r="KCK691" s="613"/>
      <c r="KCL691" s="613"/>
      <c r="KCM691" s="613"/>
      <c r="KCN691" s="613"/>
      <c r="KCO691" s="613"/>
      <c r="KCP691" s="613"/>
      <c r="KCQ691" s="613"/>
      <c r="KCR691" s="613"/>
      <c r="KCS691" s="613"/>
      <c r="KCT691" s="613"/>
      <c r="KCU691" s="613"/>
      <c r="KCV691" s="613"/>
      <c r="KCW691" s="613"/>
      <c r="KCX691" s="613"/>
      <c r="KCY691" s="613"/>
      <c r="KCZ691" s="613"/>
      <c r="KDA691" s="613"/>
      <c r="KDB691" s="613"/>
      <c r="KDC691" s="613"/>
      <c r="KDD691" s="613"/>
      <c r="KDE691" s="613"/>
      <c r="KDF691" s="613"/>
      <c r="KDG691" s="613"/>
      <c r="KDH691" s="613"/>
      <c r="KDI691" s="613"/>
      <c r="KDJ691" s="613"/>
      <c r="KDK691" s="613"/>
      <c r="KDL691" s="613"/>
      <c r="KDM691" s="613"/>
      <c r="KDN691" s="613"/>
      <c r="KDO691" s="613"/>
      <c r="KDP691" s="613"/>
      <c r="KDQ691" s="613"/>
      <c r="KDR691" s="613"/>
      <c r="KDS691" s="613"/>
      <c r="KDT691" s="613"/>
      <c r="KDU691" s="613"/>
      <c r="KDV691" s="613"/>
      <c r="KDW691" s="613"/>
      <c r="KDX691" s="613"/>
      <c r="KDY691" s="613"/>
      <c r="KDZ691" s="613"/>
      <c r="KEA691" s="613"/>
      <c r="KEB691" s="613"/>
      <c r="KEC691" s="613"/>
      <c r="KED691" s="613"/>
      <c r="KEE691" s="613"/>
      <c r="KEF691" s="613"/>
      <c r="KEG691" s="613"/>
      <c r="KEH691" s="613"/>
      <c r="KEI691" s="613"/>
      <c r="KEJ691" s="613"/>
      <c r="KEK691" s="613"/>
      <c r="KEL691" s="613"/>
      <c r="KEM691" s="613"/>
      <c r="KEN691" s="613"/>
      <c r="KEO691" s="613"/>
      <c r="KEP691" s="613"/>
      <c r="KEQ691" s="613"/>
      <c r="KER691" s="613"/>
      <c r="KES691" s="613"/>
      <c r="KET691" s="613"/>
      <c r="KEU691" s="613"/>
      <c r="KEV691" s="613"/>
      <c r="KEW691" s="613"/>
      <c r="KEX691" s="613"/>
      <c r="KEY691" s="613"/>
      <c r="KEZ691" s="613"/>
      <c r="KFA691" s="613"/>
      <c r="KFB691" s="613"/>
      <c r="KFC691" s="613"/>
      <c r="KFD691" s="613"/>
      <c r="KFE691" s="613"/>
      <c r="KFF691" s="613"/>
      <c r="KFG691" s="613"/>
      <c r="KFH691" s="613"/>
      <c r="KFI691" s="613"/>
      <c r="KFJ691" s="613"/>
      <c r="KFK691" s="613"/>
      <c r="KFL691" s="613"/>
      <c r="KFM691" s="613"/>
      <c r="KFN691" s="613"/>
      <c r="KFO691" s="613"/>
      <c r="KFP691" s="613"/>
      <c r="KFQ691" s="613"/>
      <c r="KFR691" s="613"/>
      <c r="KFS691" s="613"/>
      <c r="KFT691" s="613"/>
      <c r="KFU691" s="613"/>
      <c r="KFV691" s="613"/>
      <c r="KFW691" s="613"/>
      <c r="KFX691" s="613"/>
      <c r="KFY691" s="613"/>
      <c r="KFZ691" s="613"/>
      <c r="KGA691" s="613"/>
      <c r="KGB691" s="613"/>
      <c r="KGC691" s="613"/>
      <c r="KGD691" s="613"/>
      <c r="KGE691" s="613"/>
      <c r="KGF691" s="613"/>
      <c r="KGG691" s="613"/>
      <c r="KGH691" s="613"/>
      <c r="KGI691" s="613"/>
      <c r="KGJ691" s="613"/>
      <c r="KGK691" s="613"/>
      <c r="KGL691" s="613"/>
      <c r="KGM691" s="613"/>
      <c r="KGN691" s="613"/>
      <c r="KGO691" s="613"/>
      <c r="KGP691" s="613"/>
      <c r="KGQ691" s="613"/>
      <c r="KGR691" s="613"/>
      <c r="KGS691" s="613"/>
      <c r="KGT691" s="613"/>
      <c r="KGU691" s="613"/>
      <c r="KGV691" s="613"/>
      <c r="KGW691" s="613"/>
      <c r="KGX691" s="613"/>
      <c r="KGY691" s="613"/>
      <c r="KGZ691" s="613"/>
      <c r="KHA691" s="613"/>
      <c r="KHB691" s="613"/>
      <c r="KHC691" s="613"/>
      <c r="KHD691" s="613"/>
      <c r="KHE691" s="613"/>
      <c r="KHF691" s="613"/>
      <c r="KHG691" s="613"/>
      <c r="KHH691" s="613"/>
      <c r="KHI691" s="613"/>
      <c r="KHJ691" s="613"/>
      <c r="KHK691" s="613"/>
      <c r="KHL691" s="613"/>
      <c r="KHM691" s="613"/>
      <c r="KHN691" s="613"/>
      <c r="KHO691" s="613"/>
      <c r="KHP691" s="613"/>
      <c r="KHQ691" s="613"/>
      <c r="KHR691" s="613"/>
      <c r="KHS691" s="613"/>
      <c r="KHT691" s="613"/>
      <c r="KHU691" s="613"/>
      <c r="KHV691" s="613"/>
      <c r="KHW691" s="613"/>
      <c r="KHX691" s="613"/>
      <c r="KHY691" s="613"/>
      <c r="KHZ691" s="613"/>
      <c r="KIA691" s="613"/>
      <c r="KIB691" s="613"/>
      <c r="KIC691" s="613"/>
      <c r="KID691" s="613"/>
      <c r="KIE691" s="613"/>
      <c r="KIF691" s="613"/>
      <c r="KIG691" s="613"/>
      <c r="KIH691" s="613"/>
      <c r="KII691" s="613"/>
      <c r="KIJ691" s="613"/>
      <c r="KIK691" s="613"/>
      <c r="KIL691" s="613"/>
      <c r="KIM691" s="613"/>
      <c r="KIN691" s="613"/>
      <c r="KIO691" s="613"/>
      <c r="KIP691" s="613"/>
      <c r="KIQ691" s="613"/>
      <c r="KIR691" s="613"/>
      <c r="KIS691" s="613"/>
      <c r="KIT691" s="613"/>
      <c r="KIU691" s="613"/>
      <c r="KIV691" s="613"/>
      <c r="KIW691" s="613"/>
      <c r="KIX691" s="613"/>
      <c r="KIY691" s="613"/>
      <c r="KIZ691" s="613"/>
      <c r="KJA691" s="613"/>
      <c r="KJB691" s="613"/>
      <c r="KJC691" s="613"/>
      <c r="KJD691" s="613"/>
      <c r="KJE691" s="613"/>
      <c r="KJF691" s="613"/>
      <c r="KJG691" s="613"/>
      <c r="KJH691" s="613"/>
      <c r="KJI691" s="613"/>
      <c r="KJJ691" s="613"/>
      <c r="KJK691" s="613"/>
      <c r="KJL691" s="613"/>
      <c r="KJM691" s="613"/>
      <c r="KJN691" s="613"/>
      <c r="KJO691" s="613"/>
      <c r="KJP691" s="613"/>
      <c r="KJQ691" s="613"/>
      <c r="KJR691" s="613"/>
      <c r="KJS691" s="613"/>
      <c r="KJT691" s="613"/>
      <c r="KJU691" s="613"/>
      <c r="KJV691" s="613"/>
      <c r="KJW691" s="613"/>
      <c r="KJX691" s="613"/>
      <c r="KJY691" s="613"/>
      <c r="KJZ691" s="613"/>
      <c r="KKA691" s="613"/>
      <c r="KKB691" s="613"/>
      <c r="KKC691" s="613"/>
      <c r="KKD691" s="613"/>
      <c r="KKE691" s="613"/>
      <c r="KKF691" s="613"/>
      <c r="KKG691" s="613"/>
      <c r="KKH691" s="613"/>
      <c r="KKI691" s="613"/>
      <c r="KKJ691" s="613"/>
      <c r="KKK691" s="613"/>
      <c r="KKL691" s="613"/>
      <c r="KKM691" s="613"/>
      <c r="KKN691" s="613"/>
      <c r="KKO691" s="613"/>
      <c r="KKP691" s="613"/>
      <c r="KKQ691" s="613"/>
      <c r="KKR691" s="613"/>
      <c r="KKS691" s="613"/>
      <c r="KKT691" s="613"/>
      <c r="KKU691" s="613"/>
      <c r="KKV691" s="613"/>
      <c r="KKW691" s="613"/>
      <c r="KKX691" s="613"/>
      <c r="KKY691" s="613"/>
      <c r="KKZ691" s="613"/>
      <c r="KLA691" s="613"/>
      <c r="KLB691" s="613"/>
      <c r="KLC691" s="613"/>
      <c r="KLD691" s="613"/>
      <c r="KLE691" s="613"/>
      <c r="KLF691" s="613"/>
      <c r="KLG691" s="613"/>
      <c r="KLH691" s="613"/>
      <c r="KLI691" s="613"/>
      <c r="KLJ691" s="613"/>
      <c r="KLK691" s="613"/>
      <c r="KLL691" s="613"/>
      <c r="KLM691" s="613"/>
      <c r="KLN691" s="613"/>
      <c r="KLO691" s="613"/>
      <c r="KLP691" s="613"/>
      <c r="KLQ691" s="613"/>
      <c r="KLR691" s="613"/>
      <c r="KLS691" s="613"/>
      <c r="KLT691" s="613"/>
      <c r="KLU691" s="613"/>
      <c r="KLV691" s="613"/>
      <c r="KLW691" s="613"/>
      <c r="KLX691" s="613"/>
      <c r="KLY691" s="613"/>
      <c r="KLZ691" s="613"/>
      <c r="KMA691" s="613"/>
      <c r="KMB691" s="613"/>
      <c r="KMC691" s="613"/>
      <c r="KMD691" s="613"/>
      <c r="KME691" s="613"/>
      <c r="KMF691" s="613"/>
      <c r="KMG691" s="613"/>
      <c r="KMH691" s="613"/>
      <c r="KMI691" s="613"/>
      <c r="KMJ691" s="613"/>
      <c r="KMK691" s="613"/>
      <c r="KML691" s="613"/>
      <c r="KMM691" s="613"/>
      <c r="KMN691" s="613"/>
      <c r="KMO691" s="613"/>
      <c r="KMP691" s="613"/>
      <c r="KMQ691" s="613"/>
      <c r="KMR691" s="613"/>
      <c r="KMS691" s="613"/>
      <c r="KMT691" s="613"/>
      <c r="KMU691" s="613"/>
      <c r="KMV691" s="613"/>
      <c r="KMW691" s="613"/>
      <c r="KMX691" s="613"/>
      <c r="KMY691" s="613"/>
      <c r="KMZ691" s="613"/>
      <c r="KNA691" s="613"/>
      <c r="KNB691" s="613"/>
      <c r="KNC691" s="613"/>
      <c r="KND691" s="613"/>
      <c r="KNE691" s="613"/>
      <c r="KNF691" s="613"/>
      <c r="KNG691" s="613"/>
      <c r="KNH691" s="613"/>
      <c r="KNI691" s="613"/>
      <c r="KNJ691" s="613"/>
      <c r="KNK691" s="613"/>
      <c r="KNL691" s="613"/>
      <c r="KNM691" s="613"/>
      <c r="KNN691" s="613"/>
      <c r="KNO691" s="613"/>
      <c r="KNP691" s="613"/>
      <c r="KNQ691" s="613"/>
      <c r="KNR691" s="613"/>
      <c r="KNS691" s="613"/>
      <c r="KNT691" s="613"/>
      <c r="KNU691" s="613"/>
      <c r="KNV691" s="613"/>
      <c r="KNW691" s="613"/>
      <c r="KNX691" s="613"/>
      <c r="KNY691" s="613"/>
      <c r="KNZ691" s="613"/>
      <c r="KOA691" s="613"/>
      <c r="KOB691" s="613"/>
      <c r="KOC691" s="613"/>
      <c r="KOD691" s="613"/>
      <c r="KOE691" s="613"/>
      <c r="KOF691" s="613"/>
      <c r="KOG691" s="613"/>
      <c r="KOH691" s="613"/>
      <c r="KOI691" s="613"/>
      <c r="KOJ691" s="613"/>
      <c r="KOK691" s="613"/>
      <c r="KOL691" s="613"/>
      <c r="KOM691" s="613"/>
      <c r="KON691" s="613"/>
      <c r="KOO691" s="613"/>
      <c r="KOP691" s="613"/>
      <c r="KOQ691" s="613"/>
      <c r="KOR691" s="613"/>
      <c r="KOS691" s="613"/>
      <c r="KOT691" s="613"/>
      <c r="KOU691" s="613"/>
      <c r="KOV691" s="613"/>
      <c r="KOW691" s="613"/>
      <c r="KOX691" s="613"/>
      <c r="KOY691" s="613"/>
      <c r="KOZ691" s="613"/>
      <c r="KPA691" s="613"/>
      <c r="KPB691" s="613"/>
      <c r="KPC691" s="613"/>
      <c r="KPD691" s="613"/>
      <c r="KPE691" s="613"/>
      <c r="KPF691" s="613"/>
      <c r="KPG691" s="613"/>
      <c r="KPH691" s="613"/>
      <c r="KPI691" s="613"/>
      <c r="KPJ691" s="613"/>
      <c r="KPK691" s="613"/>
      <c r="KPL691" s="613"/>
      <c r="KPM691" s="613"/>
      <c r="KPN691" s="613"/>
      <c r="KPO691" s="613"/>
      <c r="KPP691" s="613"/>
      <c r="KPQ691" s="613"/>
      <c r="KPR691" s="613"/>
      <c r="KPS691" s="613"/>
      <c r="KPT691" s="613"/>
      <c r="KPU691" s="613"/>
      <c r="KPV691" s="613"/>
      <c r="KPW691" s="613"/>
      <c r="KPX691" s="613"/>
      <c r="KPY691" s="613"/>
      <c r="KPZ691" s="613"/>
      <c r="KQA691" s="613"/>
      <c r="KQB691" s="613"/>
      <c r="KQC691" s="613"/>
      <c r="KQD691" s="613"/>
      <c r="KQE691" s="613"/>
      <c r="KQF691" s="613"/>
      <c r="KQG691" s="613"/>
      <c r="KQH691" s="613"/>
      <c r="KQI691" s="613"/>
      <c r="KQJ691" s="613"/>
      <c r="KQK691" s="613"/>
      <c r="KQL691" s="613"/>
      <c r="KQM691" s="613"/>
      <c r="KQN691" s="613"/>
      <c r="KQO691" s="613"/>
      <c r="KQP691" s="613"/>
      <c r="KQQ691" s="613"/>
      <c r="KQR691" s="613"/>
      <c r="KQS691" s="613"/>
      <c r="KQT691" s="613"/>
      <c r="KQU691" s="613"/>
      <c r="KQV691" s="613"/>
      <c r="KQW691" s="613"/>
      <c r="KQX691" s="613"/>
      <c r="KQY691" s="613"/>
      <c r="KQZ691" s="613"/>
      <c r="KRA691" s="613"/>
      <c r="KRB691" s="613"/>
      <c r="KRC691" s="613"/>
      <c r="KRD691" s="613"/>
      <c r="KRE691" s="613"/>
      <c r="KRF691" s="613"/>
      <c r="KRG691" s="613"/>
      <c r="KRH691" s="613"/>
      <c r="KRI691" s="613"/>
      <c r="KRJ691" s="613"/>
      <c r="KRK691" s="613"/>
      <c r="KRL691" s="613"/>
      <c r="KRM691" s="613"/>
      <c r="KRN691" s="613"/>
      <c r="KRO691" s="613"/>
      <c r="KRP691" s="613"/>
      <c r="KRQ691" s="613"/>
      <c r="KRR691" s="613"/>
      <c r="KRS691" s="613"/>
      <c r="KRT691" s="613"/>
      <c r="KRU691" s="613"/>
      <c r="KRV691" s="613"/>
      <c r="KRW691" s="613"/>
      <c r="KRX691" s="613"/>
      <c r="KRY691" s="613"/>
      <c r="KRZ691" s="613"/>
      <c r="KSA691" s="613"/>
      <c r="KSB691" s="613"/>
      <c r="KSC691" s="613"/>
      <c r="KSD691" s="613"/>
      <c r="KSE691" s="613"/>
      <c r="KSF691" s="613"/>
      <c r="KSG691" s="613"/>
      <c r="KSH691" s="613"/>
      <c r="KSI691" s="613"/>
      <c r="KSJ691" s="613"/>
      <c r="KSK691" s="613"/>
      <c r="KSL691" s="613"/>
      <c r="KSM691" s="613"/>
      <c r="KSN691" s="613"/>
      <c r="KSO691" s="613"/>
      <c r="KSP691" s="613"/>
      <c r="KSQ691" s="613"/>
      <c r="KSR691" s="613"/>
      <c r="KSS691" s="613"/>
      <c r="KST691" s="613"/>
      <c r="KSU691" s="613"/>
      <c r="KSV691" s="613"/>
      <c r="KSW691" s="613"/>
      <c r="KSX691" s="613"/>
      <c r="KSY691" s="613"/>
      <c r="KSZ691" s="613"/>
      <c r="KTA691" s="613"/>
      <c r="KTB691" s="613"/>
      <c r="KTC691" s="613"/>
      <c r="KTD691" s="613"/>
      <c r="KTE691" s="613"/>
      <c r="KTF691" s="613"/>
      <c r="KTG691" s="613"/>
      <c r="KTH691" s="613"/>
      <c r="KTI691" s="613"/>
      <c r="KTJ691" s="613"/>
      <c r="KTK691" s="613"/>
      <c r="KTL691" s="613"/>
      <c r="KTM691" s="613"/>
      <c r="KTN691" s="613"/>
      <c r="KTO691" s="613"/>
      <c r="KTP691" s="613"/>
      <c r="KTQ691" s="613"/>
      <c r="KTR691" s="613"/>
      <c r="KTS691" s="613"/>
      <c r="KTT691" s="613"/>
      <c r="KTU691" s="613"/>
      <c r="KTV691" s="613"/>
      <c r="KTW691" s="613"/>
      <c r="KTX691" s="613"/>
      <c r="KTY691" s="613"/>
      <c r="KTZ691" s="613"/>
      <c r="KUA691" s="613"/>
      <c r="KUB691" s="613"/>
      <c r="KUC691" s="613"/>
      <c r="KUD691" s="613"/>
      <c r="KUE691" s="613"/>
      <c r="KUF691" s="613"/>
      <c r="KUG691" s="613"/>
      <c r="KUH691" s="613"/>
      <c r="KUI691" s="613"/>
      <c r="KUJ691" s="613"/>
      <c r="KUK691" s="613"/>
      <c r="KUL691" s="613"/>
      <c r="KUM691" s="613"/>
      <c r="KUN691" s="613"/>
      <c r="KUO691" s="613"/>
      <c r="KUP691" s="613"/>
      <c r="KUQ691" s="613"/>
      <c r="KUR691" s="613"/>
      <c r="KUS691" s="613"/>
      <c r="KUT691" s="613"/>
      <c r="KUU691" s="613"/>
      <c r="KUV691" s="613"/>
      <c r="KUW691" s="613"/>
      <c r="KUX691" s="613"/>
      <c r="KUY691" s="613"/>
      <c r="KUZ691" s="613"/>
      <c r="KVA691" s="613"/>
      <c r="KVB691" s="613"/>
      <c r="KVC691" s="613"/>
      <c r="KVD691" s="613"/>
      <c r="KVE691" s="613"/>
      <c r="KVF691" s="613"/>
      <c r="KVG691" s="613"/>
      <c r="KVH691" s="613"/>
      <c r="KVI691" s="613"/>
      <c r="KVJ691" s="613"/>
      <c r="KVK691" s="613"/>
      <c r="KVL691" s="613"/>
      <c r="KVM691" s="613"/>
      <c r="KVN691" s="613"/>
      <c r="KVO691" s="613"/>
      <c r="KVP691" s="613"/>
      <c r="KVQ691" s="613"/>
      <c r="KVR691" s="613"/>
      <c r="KVS691" s="613"/>
      <c r="KVT691" s="613"/>
      <c r="KVU691" s="613"/>
      <c r="KVV691" s="613"/>
      <c r="KVW691" s="613"/>
      <c r="KVX691" s="613"/>
      <c r="KVY691" s="613"/>
      <c r="KVZ691" s="613"/>
      <c r="KWA691" s="613"/>
      <c r="KWB691" s="613"/>
      <c r="KWC691" s="613"/>
      <c r="KWD691" s="613"/>
      <c r="KWE691" s="613"/>
      <c r="KWF691" s="613"/>
      <c r="KWG691" s="613"/>
      <c r="KWH691" s="613"/>
      <c r="KWI691" s="613"/>
      <c r="KWJ691" s="613"/>
      <c r="KWK691" s="613"/>
      <c r="KWL691" s="613"/>
      <c r="KWM691" s="613"/>
      <c r="KWN691" s="613"/>
      <c r="KWO691" s="613"/>
      <c r="KWP691" s="613"/>
      <c r="KWQ691" s="613"/>
      <c r="KWR691" s="613"/>
      <c r="KWS691" s="613"/>
      <c r="KWT691" s="613"/>
      <c r="KWU691" s="613"/>
      <c r="KWV691" s="613"/>
      <c r="KWW691" s="613"/>
      <c r="KWX691" s="613"/>
      <c r="KWY691" s="613"/>
      <c r="KWZ691" s="613"/>
      <c r="KXA691" s="613"/>
      <c r="KXB691" s="613"/>
      <c r="KXC691" s="613"/>
      <c r="KXD691" s="613"/>
      <c r="KXE691" s="613"/>
      <c r="KXF691" s="613"/>
      <c r="KXG691" s="613"/>
      <c r="KXH691" s="613"/>
      <c r="KXI691" s="613"/>
      <c r="KXJ691" s="613"/>
      <c r="KXK691" s="613"/>
      <c r="KXL691" s="613"/>
      <c r="KXM691" s="613"/>
      <c r="KXN691" s="613"/>
      <c r="KXO691" s="613"/>
      <c r="KXP691" s="613"/>
      <c r="KXQ691" s="613"/>
      <c r="KXR691" s="613"/>
      <c r="KXS691" s="613"/>
      <c r="KXT691" s="613"/>
      <c r="KXU691" s="613"/>
      <c r="KXV691" s="613"/>
      <c r="KXW691" s="613"/>
      <c r="KXX691" s="613"/>
      <c r="KXY691" s="613"/>
      <c r="KXZ691" s="613"/>
      <c r="KYA691" s="613"/>
      <c r="KYB691" s="613"/>
      <c r="KYC691" s="613"/>
      <c r="KYD691" s="613"/>
      <c r="KYE691" s="613"/>
      <c r="KYF691" s="613"/>
      <c r="KYG691" s="613"/>
      <c r="KYH691" s="613"/>
      <c r="KYI691" s="613"/>
      <c r="KYJ691" s="613"/>
      <c r="KYK691" s="613"/>
      <c r="KYL691" s="613"/>
      <c r="KYM691" s="613"/>
      <c r="KYN691" s="613"/>
      <c r="KYO691" s="613"/>
      <c r="KYP691" s="613"/>
      <c r="KYQ691" s="613"/>
      <c r="KYR691" s="613"/>
      <c r="KYS691" s="613"/>
      <c r="KYT691" s="613"/>
      <c r="KYU691" s="613"/>
      <c r="KYV691" s="613"/>
      <c r="KYW691" s="613"/>
      <c r="KYX691" s="613"/>
      <c r="KYY691" s="613"/>
      <c r="KYZ691" s="613"/>
      <c r="KZA691" s="613"/>
      <c r="KZB691" s="613"/>
      <c r="KZC691" s="613"/>
      <c r="KZD691" s="613"/>
      <c r="KZE691" s="613"/>
      <c r="KZF691" s="613"/>
      <c r="KZG691" s="613"/>
      <c r="KZH691" s="613"/>
      <c r="KZI691" s="613"/>
      <c r="KZJ691" s="613"/>
      <c r="KZK691" s="613"/>
      <c r="KZL691" s="613"/>
      <c r="KZM691" s="613"/>
      <c r="KZN691" s="613"/>
      <c r="KZO691" s="613"/>
      <c r="KZP691" s="613"/>
      <c r="KZQ691" s="613"/>
      <c r="KZR691" s="613"/>
      <c r="KZS691" s="613"/>
      <c r="KZT691" s="613"/>
      <c r="KZU691" s="613"/>
      <c r="KZV691" s="613"/>
      <c r="KZW691" s="613"/>
      <c r="KZX691" s="613"/>
      <c r="KZY691" s="613"/>
      <c r="KZZ691" s="613"/>
      <c r="LAA691" s="613"/>
      <c r="LAB691" s="613"/>
      <c r="LAC691" s="613"/>
      <c r="LAD691" s="613"/>
      <c r="LAE691" s="613"/>
      <c r="LAF691" s="613"/>
      <c r="LAG691" s="613"/>
      <c r="LAH691" s="613"/>
      <c r="LAI691" s="613"/>
      <c r="LAJ691" s="613"/>
      <c r="LAK691" s="613"/>
      <c r="LAL691" s="613"/>
      <c r="LAM691" s="613"/>
      <c r="LAN691" s="613"/>
      <c r="LAO691" s="613"/>
      <c r="LAP691" s="613"/>
      <c r="LAQ691" s="613"/>
      <c r="LAR691" s="613"/>
      <c r="LAS691" s="613"/>
      <c r="LAT691" s="613"/>
      <c r="LAU691" s="613"/>
      <c r="LAV691" s="613"/>
      <c r="LAW691" s="613"/>
      <c r="LAX691" s="613"/>
      <c r="LAY691" s="613"/>
      <c r="LAZ691" s="613"/>
      <c r="LBA691" s="613"/>
      <c r="LBB691" s="613"/>
      <c r="LBC691" s="613"/>
      <c r="LBD691" s="613"/>
      <c r="LBE691" s="613"/>
      <c r="LBF691" s="613"/>
      <c r="LBG691" s="613"/>
      <c r="LBH691" s="613"/>
      <c r="LBI691" s="613"/>
      <c r="LBJ691" s="613"/>
      <c r="LBK691" s="613"/>
      <c r="LBL691" s="613"/>
      <c r="LBM691" s="613"/>
      <c r="LBN691" s="613"/>
      <c r="LBO691" s="613"/>
      <c r="LBP691" s="613"/>
      <c r="LBQ691" s="613"/>
      <c r="LBR691" s="613"/>
      <c r="LBS691" s="613"/>
      <c r="LBT691" s="613"/>
      <c r="LBU691" s="613"/>
      <c r="LBV691" s="613"/>
      <c r="LBW691" s="613"/>
      <c r="LBX691" s="613"/>
      <c r="LBY691" s="613"/>
      <c r="LBZ691" s="613"/>
      <c r="LCA691" s="613"/>
      <c r="LCB691" s="613"/>
      <c r="LCC691" s="613"/>
      <c r="LCD691" s="613"/>
      <c r="LCE691" s="613"/>
      <c r="LCF691" s="613"/>
      <c r="LCG691" s="613"/>
      <c r="LCH691" s="613"/>
      <c r="LCI691" s="613"/>
      <c r="LCJ691" s="613"/>
      <c r="LCK691" s="613"/>
      <c r="LCL691" s="613"/>
      <c r="LCM691" s="613"/>
      <c r="LCN691" s="613"/>
      <c r="LCO691" s="613"/>
      <c r="LCP691" s="613"/>
      <c r="LCQ691" s="613"/>
      <c r="LCR691" s="613"/>
      <c r="LCS691" s="613"/>
      <c r="LCT691" s="613"/>
      <c r="LCU691" s="613"/>
      <c r="LCV691" s="613"/>
      <c r="LCW691" s="613"/>
      <c r="LCX691" s="613"/>
      <c r="LCY691" s="613"/>
      <c r="LCZ691" s="613"/>
      <c r="LDA691" s="613"/>
      <c r="LDB691" s="613"/>
      <c r="LDC691" s="613"/>
      <c r="LDD691" s="613"/>
      <c r="LDE691" s="613"/>
      <c r="LDF691" s="613"/>
      <c r="LDG691" s="613"/>
      <c r="LDH691" s="613"/>
      <c r="LDI691" s="613"/>
      <c r="LDJ691" s="613"/>
      <c r="LDK691" s="613"/>
      <c r="LDL691" s="613"/>
      <c r="LDM691" s="613"/>
      <c r="LDN691" s="613"/>
      <c r="LDO691" s="613"/>
      <c r="LDP691" s="613"/>
      <c r="LDQ691" s="613"/>
      <c r="LDR691" s="613"/>
      <c r="LDS691" s="613"/>
      <c r="LDT691" s="613"/>
      <c r="LDU691" s="613"/>
      <c r="LDV691" s="613"/>
      <c r="LDW691" s="613"/>
      <c r="LDX691" s="613"/>
      <c r="LDY691" s="613"/>
      <c r="LDZ691" s="613"/>
      <c r="LEA691" s="613"/>
      <c r="LEB691" s="613"/>
      <c r="LEC691" s="613"/>
      <c r="LED691" s="613"/>
      <c r="LEE691" s="613"/>
      <c r="LEF691" s="613"/>
      <c r="LEG691" s="613"/>
      <c r="LEH691" s="613"/>
      <c r="LEI691" s="613"/>
      <c r="LEJ691" s="613"/>
      <c r="LEK691" s="613"/>
      <c r="LEL691" s="613"/>
      <c r="LEM691" s="613"/>
      <c r="LEN691" s="613"/>
      <c r="LEO691" s="613"/>
      <c r="LEP691" s="613"/>
      <c r="LEQ691" s="613"/>
      <c r="LER691" s="613"/>
      <c r="LES691" s="613"/>
      <c r="LET691" s="613"/>
      <c r="LEU691" s="613"/>
      <c r="LEV691" s="613"/>
      <c r="LEW691" s="613"/>
      <c r="LEX691" s="613"/>
      <c r="LEY691" s="613"/>
      <c r="LEZ691" s="613"/>
      <c r="LFA691" s="613"/>
      <c r="LFB691" s="613"/>
      <c r="LFC691" s="613"/>
      <c r="LFD691" s="613"/>
      <c r="LFE691" s="613"/>
      <c r="LFF691" s="613"/>
      <c r="LFG691" s="613"/>
      <c r="LFH691" s="613"/>
      <c r="LFI691" s="613"/>
      <c r="LFJ691" s="613"/>
      <c r="LFK691" s="613"/>
      <c r="LFL691" s="613"/>
      <c r="LFM691" s="613"/>
      <c r="LFN691" s="613"/>
      <c r="LFO691" s="613"/>
      <c r="LFP691" s="613"/>
      <c r="LFQ691" s="613"/>
      <c r="LFR691" s="613"/>
      <c r="LFS691" s="613"/>
      <c r="LFT691" s="613"/>
      <c r="LFU691" s="613"/>
      <c r="LFV691" s="613"/>
      <c r="LFW691" s="613"/>
      <c r="LFX691" s="613"/>
      <c r="LFY691" s="613"/>
      <c r="LFZ691" s="613"/>
      <c r="LGA691" s="613"/>
      <c r="LGB691" s="613"/>
      <c r="LGC691" s="613"/>
      <c r="LGD691" s="613"/>
      <c r="LGE691" s="613"/>
      <c r="LGF691" s="613"/>
      <c r="LGG691" s="613"/>
      <c r="LGH691" s="613"/>
      <c r="LGI691" s="613"/>
      <c r="LGJ691" s="613"/>
      <c r="LGK691" s="613"/>
      <c r="LGL691" s="613"/>
      <c r="LGM691" s="613"/>
      <c r="LGN691" s="613"/>
      <c r="LGO691" s="613"/>
      <c r="LGP691" s="613"/>
      <c r="LGQ691" s="613"/>
      <c r="LGR691" s="613"/>
      <c r="LGS691" s="613"/>
      <c r="LGT691" s="613"/>
      <c r="LGU691" s="613"/>
      <c r="LGV691" s="613"/>
      <c r="LGW691" s="613"/>
      <c r="LGX691" s="613"/>
      <c r="LGY691" s="613"/>
      <c r="LGZ691" s="613"/>
      <c r="LHA691" s="613"/>
      <c r="LHB691" s="613"/>
      <c r="LHC691" s="613"/>
      <c r="LHD691" s="613"/>
      <c r="LHE691" s="613"/>
      <c r="LHF691" s="613"/>
      <c r="LHG691" s="613"/>
      <c r="LHH691" s="613"/>
      <c r="LHI691" s="613"/>
      <c r="LHJ691" s="613"/>
      <c r="LHK691" s="613"/>
      <c r="LHL691" s="613"/>
      <c r="LHM691" s="613"/>
      <c r="LHN691" s="613"/>
      <c r="LHO691" s="613"/>
      <c r="LHP691" s="613"/>
      <c r="LHQ691" s="613"/>
      <c r="LHR691" s="613"/>
      <c r="LHS691" s="613"/>
      <c r="LHT691" s="613"/>
      <c r="LHU691" s="613"/>
      <c r="LHV691" s="613"/>
      <c r="LHW691" s="613"/>
      <c r="LHX691" s="613"/>
      <c r="LHY691" s="613"/>
      <c r="LHZ691" s="613"/>
      <c r="LIA691" s="613"/>
      <c r="LIB691" s="613"/>
      <c r="LIC691" s="613"/>
      <c r="LID691" s="613"/>
      <c r="LIE691" s="613"/>
      <c r="LIF691" s="613"/>
      <c r="LIG691" s="613"/>
      <c r="LIH691" s="613"/>
      <c r="LII691" s="613"/>
      <c r="LIJ691" s="613"/>
      <c r="LIK691" s="613"/>
      <c r="LIL691" s="613"/>
      <c r="LIM691" s="613"/>
      <c r="LIN691" s="613"/>
      <c r="LIO691" s="613"/>
      <c r="LIP691" s="613"/>
      <c r="LIQ691" s="613"/>
      <c r="LIR691" s="613"/>
      <c r="LIS691" s="613"/>
      <c r="LIT691" s="613"/>
      <c r="LIU691" s="613"/>
      <c r="LIV691" s="613"/>
      <c r="LIW691" s="613"/>
      <c r="LIX691" s="613"/>
      <c r="LIY691" s="613"/>
      <c r="LIZ691" s="613"/>
      <c r="LJA691" s="613"/>
      <c r="LJB691" s="613"/>
      <c r="LJC691" s="613"/>
      <c r="LJD691" s="613"/>
      <c r="LJE691" s="613"/>
      <c r="LJF691" s="613"/>
      <c r="LJG691" s="613"/>
      <c r="LJH691" s="613"/>
      <c r="LJI691" s="613"/>
      <c r="LJJ691" s="613"/>
      <c r="LJK691" s="613"/>
      <c r="LJL691" s="613"/>
      <c r="LJM691" s="613"/>
      <c r="LJN691" s="613"/>
      <c r="LJO691" s="613"/>
      <c r="LJP691" s="613"/>
      <c r="LJQ691" s="613"/>
      <c r="LJR691" s="613"/>
      <c r="LJS691" s="613"/>
      <c r="LJT691" s="613"/>
      <c r="LJU691" s="613"/>
      <c r="LJV691" s="613"/>
      <c r="LJW691" s="613"/>
      <c r="LJX691" s="613"/>
      <c r="LJY691" s="613"/>
      <c r="LJZ691" s="613"/>
      <c r="LKA691" s="613"/>
      <c r="LKB691" s="613"/>
      <c r="LKC691" s="613"/>
      <c r="LKD691" s="613"/>
      <c r="LKE691" s="613"/>
      <c r="LKF691" s="613"/>
      <c r="LKG691" s="613"/>
      <c r="LKH691" s="613"/>
      <c r="LKI691" s="613"/>
      <c r="LKJ691" s="613"/>
      <c r="LKK691" s="613"/>
      <c r="LKL691" s="613"/>
      <c r="LKM691" s="613"/>
      <c r="LKN691" s="613"/>
      <c r="LKO691" s="613"/>
      <c r="LKP691" s="613"/>
      <c r="LKQ691" s="613"/>
      <c r="LKR691" s="613"/>
      <c r="LKS691" s="613"/>
      <c r="LKT691" s="613"/>
      <c r="LKU691" s="613"/>
      <c r="LKV691" s="613"/>
      <c r="LKW691" s="613"/>
      <c r="LKX691" s="613"/>
      <c r="LKY691" s="613"/>
      <c r="LKZ691" s="613"/>
      <c r="LLA691" s="613"/>
      <c r="LLB691" s="613"/>
      <c r="LLC691" s="613"/>
      <c r="LLD691" s="613"/>
      <c r="LLE691" s="613"/>
      <c r="LLF691" s="613"/>
      <c r="LLG691" s="613"/>
      <c r="LLH691" s="613"/>
      <c r="LLI691" s="613"/>
      <c r="LLJ691" s="613"/>
      <c r="LLK691" s="613"/>
      <c r="LLL691" s="613"/>
      <c r="LLM691" s="613"/>
      <c r="LLN691" s="613"/>
      <c r="LLO691" s="613"/>
      <c r="LLP691" s="613"/>
      <c r="LLQ691" s="613"/>
      <c r="LLR691" s="613"/>
      <c r="LLS691" s="613"/>
      <c r="LLT691" s="613"/>
      <c r="LLU691" s="613"/>
      <c r="LLV691" s="613"/>
      <c r="LLW691" s="613"/>
      <c r="LLX691" s="613"/>
      <c r="LLY691" s="613"/>
      <c r="LLZ691" s="613"/>
      <c r="LMA691" s="613"/>
      <c r="LMB691" s="613"/>
      <c r="LMC691" s="613"/>
      <c r="LMD691" s="613"/>
      <c r="LME691" s="613"/>
      <c r="LMF691" s="613"/>
      <c r="LMG691" s="613"/>
      <c r="LMH691" s="613"/>
      <c r="LMI691" s="613"/>
      <c r="LMJ691" s="613"/>
      <c r="LMK691" s="613"/>
      <c r="LML691" s="613"/>
      <c r="LMM691" s="613"/>
      <c r="LMN691" s="613"/>
      <c r="LMO691" s="613"/>
      <c r="LMP691" s="613"/>
      <c r="LMQ691" s="613"/>
      <c r="LMR691" s="613"/>
      <c r="LMS691" s="613"/>
      <c r="LMT691" s="613"/>
      <c r="LMU691" s="613"/>
      <c r="LMV691" s="613"/>
      <c r="LMW691" s="613"/>
      <c r="LMX691" s="613"/>
      <c r="LMY691" s="613"/>
      <c r="LMZ691" s="613"/>
      <c r="LNA691" s="613"/>
      <c r="LNB691" s="613"/>
      <c r="LNC691" s="613"/>
      <c r="LND691" s="613"/>
      <c r="LNE691" s="613"/>
      <c r="LNF691" s="613"/>
      <c r="LNG691" s="613"/>
      <c r="LNH691" s="613"/>
      <c r="LNI691" s="613"/>
      <c r="LNJ691" s="613"/>
      <c r="LNK691" s="613"/>
      <c r="LNL691" s="613"/>
      <c r="LNM691" s="613"/>
      <c r="LNN691" s="613"/>
      <c r="LNO691" s="613"/>
      <c r="LNP691" s="613"/>
      <c r="LNQ691" s="613"/>
      <c r="LNR691" s="613"/>
      <c r="LNS691" s="613"/>
      <c r="LNT691" s="613"/>
      <c r="LNU691" s="613"/>
      <c r="LNV691" s="613"/>
      <c r="LNW691" s="613"/>
      <c r="LNX691" s="613"/>
      <c r="LNY691" s="613"/>
      <c r="LNZ691" s="613"/>
      <c r="LOA691" s="613"/>
      <c r="LOB691" s="613"/>
      <c r="LOC691" s="613"/>
      <c r="LOD691" s="613"/>
      <c r="LOE691" s="613"/>
      <c r="LOF691" s="613"/>
      <c r="LOG691" s="613"/>
      <c r="LOH691" s="613"/>
      <c r="LOI691" s="613"/>
      <c r="LOJ691" s="613"/>
      <c r="LOK691" s="613"/>
      <c r="LOL691" s="613"/>
      <c r="LOM691" s="613"/>
      <c r="LON691" s="613"/>
      <c r="LOO691" s="613"/>
      <c r="LOP691" s="613"/>
      <c r="LOQ691" s="613"/>
      <c r="LOR691" s="613"/>
      <c r="LOS691" s="613"/>
      <c r="LOT691" s="613"/>
      <c r="LOU691" s="613"/>
      <c r="LOV691" s="613"/>
      <c r="LOW691" s="613"/>
      <c r="LOX691" s="613"/>
      <c r="LOY691" s="613"/>
      <c r="LOZ691" s="613"/>
      <c r="LPA691" s="613"/>
      <c r="LPB691" s="613"/>
      <c r="LPC691" s="613"/>
      <c r="LPD691" s="613"/>
      <c r="LPE691" s="613"/>
      <c r="LPF691" s="613"/>
      <c r="LPG691" s="613"/>
      <c r="LPH691" s="613"/>
      <c r="LPI691" s="613"/>
      <c r="LPJ691" s="613"/>
      <c r="LPK691" s="613"/>
      <c r="LPL691" s="613"/>
      <c r="LPM691" s="613"/>
      <c r="LPN691" s="613"/>
      <c r="LPO691" s="613"/>
      <c r="LPP691" s="613"/>
      <c r="LPQ691" s="613"/>
      <c r="LPR691" s="613"/>
      <c r="LPS691" s="613"/>
      <c r="LPT691" s="613"/>
      <c r="LPU691" s="613"/>
      <c r="LPV691" s="613"/>
      <c r="LPW691" s="613"/>
      <c r="LPX691" s="613"/>
      <c r="LPY691" s="613"/>
      <c r="LPZ691" s="613"/>
      <c r="LQA691" s="613"/>
      <c r="LQB691" s="613"/>
      <c r="LQC691" s="613"/>
      <c r="LQD691" s="613"/>
      <c r="LQE691" s="613"/>
      <c r="LQF691" s="613"/>
      <c r="LQG691" s="613"/>
      <c r="LQH691" s="613"/>
      <c r="LQI691" s="613"/>
      <c r="LQJ691" s="613"/>
      <c r="LQK691" s="613"/>
      <c r="LQL691" s="613"/>
      <c r="LQM691" s="613"/>
      <c r="LQN691" s="613"/>
      <c r="LQO691" s="613"/>
      <c r="LQP691" s="613"/>
      <c r="LQQ691" s="613"/>
      <c r="LQR691" s="613"/>
      <c r="LQS691" s="613"/>
      <c r="LQT691" s="613"/>
      <c r="LQU691" s="613"/>
      <c r="LQV691" s="613"/>
      <c r="LQW691" s="613"/>
      <c r="LQX691" s="613"/>
      <c r="LQY691" s="613"/>
      <c r="LQZ691" s="613"/>
      <c r="LRA691" s="613"/>
      <c r="LRB691" s="613"/>
      <c r="LRC691" s="613"/>
      <c r="LRD691" s="613"/>
      <c r="LRE691" s="613"/>
      <c r="LRF691" s="613"/>
      <c r="LRG691" s="613"/>
      <c r="LRH691" s="613"/>
      <c r="LRI691" s="613"/>
      <c r="LRJ691" s="613"/>
      <c r="LRK691" s="613"/>
      <c r="LRL691" s="613"/>
      <c r="LRM691" s="613"/>
      <c r="LRN691" s="613"/>
      <c r="LRO691" s="613"/>
      <c r="LRP691" s="613"/>
      <c r="LRQ691" s="613"/>
      <c r="LRR691" s="613"/>
      <c r="LRS691" s="613"/>
      <c r="LRT691" s="613"/>
      <c r="LRU691" s="613"/>
      <c r="LRV691" s="613"/>
      <c r="LRW691" s="613"/>
      <c r="LRX691" s="613"/>
      <c r="LRY691" s="613"/>
      <c r="LRZ691" s="613"/>
      <c r="LSA691" s="613"/>
      <c r="LSB691" s="613"/>
      <c r="LSC691" s="613"/>
      <c r="LSD691" s="613"/>
      <c r="LSE691" s="613"/>
      <c r="LSF691" s="613"/>
      <c r="LSG691" s="613"/>
      <c r="LSH691" s="613"/>
      <c r="LSI691" s="613"/>
      <c r="LSJ691" s="613"/>
      <c r="LSK691" s="613"/>
      <c r="LSL691" s="613"/>
      <c r="LSM691" s="613"/>
      <c r="LSN691" s="613"/>
      <c r="LSO691" s="613"/>
      <c r="LSP691" s="613"/>
      <c r="LSQ691" s="613"/>
      <c r="LSR691" s="613"/>
      <c r="LSS691" s="613"/>
      <c r="LST691" s="613"/>
      <c r="LSU691" s="613"/>
      <c r="LSV691" s="613"/>
      <c r="LSW691" s="613"/>
      <c r="LSX691" s="613"/>
      <c r="LSY691" s="613"/>
      <c r="LSZ691" s="613"/>
      <c r="LTA691" s="613"/>
      <c r="LTB691" s="613"/>
      <c r="LTC691" s="613"/>
      <c r="LTD691" s="613"/>
      <c r="LTE691" s="613"/>
      <c r="LTF691" s="613"/>
      <c r="LTG691" s="613"/>
      <c r="LTH691" s="613"/>
      <c r="LTI691" s="613"/>
      <c r="LTJ691" s="613"/>
      <c r="LTK691" s="613"/>
      <c r="LTL691" s="613"/>
      <c r="LTM691" s="613"/>
      <c r="LTN691" s="613"/>
      <c r="LTO691" s="613"/>
      <c r="LTP691" s="613"/>
      <c r="LTQ691" s="613"/>
      <c r="LTR691" s="613"/>
      <c r="LTS691" s="613"/>
      <c r="LTT691" s="613"/>
      <c r="LTU691" s="613"/>
      <c r="LTV691" s="613"/>
      <c r="LTW691" s="613"/>
      <c r="LTX691" s="613"/>
      <c r="LTY691" s="613"/>
      <c r="LTZ691" s="613"/>
      <c r="LUA691" s="613"/>
      <c r="LUB691" s="613"/>
      <c r="LUC691" s="613"/>
      <c r="LUD691" s="613"/>
      <c r="LUE691" s="613"/>
      <c r="LUF691" s="613"/>
      <c r="LUG691" s="613"/>
      <c r="LUH691" s="613"/>
      <c r="LUI691" s="613"/>
      <c r="LUJ691" s="613"/>
      <c r="LUK691" s="613"/>
      <c r="LUL691" s="613"/>
      <c r="LUM691" s="613"/>
      <c r="LUN691" s="613"/>
      <c r="LUO691" s="613"/>
      <c r="LUP691" s="613"/>
      <c r="LUQ691" s="613"/>
      <c r="LUR691" s="613"/>
      <c r="LUS691" s="613"/>
      <c r="LUT691" s="613"/>
      <c r="LUU691" s="613"/>
      <c r="LUV691" s="613"/>
      <c r="LUW691" s="613"/>
      <c r="LUX691" s="613"/>
      <c r="LUY691" s="613"/>
      <c r="LUZ691" s="613"/>
      <c r="LVA691" s="613"/>
      <c r="LVB691" s="613"/>
      <c r="LVC691" s="613"/>
      <c r="LVD691" s="613"/>
      <c r="LVE691" s="613"/>
      <c r="LVF691" s="613"/>
      <c r="LVG691" s="613"/>
      <c r="LVH691" s="613"/>
      <c r="LVI691" s="613"/>
      <c r="LVJ691" s="613"/>
      <c r="LVK691" s="613"/>
      <c r="LVL691" s="613"/>
      <c r="LVM691" s="613"/>
      <c r="LVN691" s="613"/>
      <c r="LVO691" s="613"/>
      <c r="LVP691" s="613"/>
      <c r="LVQ691" s="613"/>
      <c r="LVR691" s="613"/>
      <c r="LVS691" s="613"/>
      <c r="LVT691" s="613"/>
      <c r="LVU691" s="613"/>
      <c r="LVV691" s="613"/>
      <c r="LVW691" s="613"/>
      <c r="LVX691" s="613"/>
      <c r="LVY691" s="613"/>
      <c r="LVZ691" s="613"/>
      <c r="LWA691" s="613"/>
      <c r="LWB691" s="613"/>
      <c r="LWC691" s="613"/>
      <c r="LWD691" s="613"/>
      <c r="LWE691" s="613"/>
      <c r="LWF691" s="613"/>
      <c r="LWG691" s="613"/>
      <c r="LWH691" s="613"/>
      <c r="LWI691" s="613"/>
      <c r="LWJ691" s="613"/>
      <c r="LWK691" s="613"/>
      <c r="LWL691" s="613"/>
      <c r="LWM691" s="613"/>
      <c r="LWN691" s="613"/>
      <c r="LWO691" s="613"/>
      <c r="LWP691" s="613"/>
      <c r="LWQ691" s="613"/>
      <c r="LWR691" s="613"/>
      <c r="LWS691" s="613"/>
      <c r="LWT691" s="613"/>
      <c r="LWU691" s="613"/>
      <c r="LWV691" s="613"/>
      <c r="LWW691" s="613"/>
      <c r="LWX691" s="613"/>
      <c r="LWY691" s="613"/>
      <c r="LWZ691" s="613"/>
      <c r="LXA691" s="613"/>
      <c r="LXB691" s="613"/>
      <c r="LXC691" s="613"/>
      <c r="LXD691" s="613"/>
      <c r="LXE691" s="613"/>
      <c r="LXF691" s="613"/>
      <c r="LXG691" s="613"/>
      <c r="LXH691" s="613"/>
      <c r="LXI691" s="613"/>
      <c r="LXJ691" s="613"/>
      <c r="LXK691" s="613"/>
      <c r="LXL691" s="613"/>
      <c r="LXM691" s="613"/>
      <c r="LXN691" s="613"/>
      <c r="LXO691" s="613"/>
      <c r="LXP691" s="613"/>
      <c r="LXQ691" s="613"/>
      <c r="LXR691" s="613"/>
      <c r="LXS691" s="613"/>
      <c r="LXT691" s="613"/>
      <c r="LXU691" s="613"/>
      <c r="LXV691" s="613"/>
      <c r="LXW691" s="613"/>
      <c r="LXX691" s="613"/>
      <c r="LXY691" s="613"/>
      <c r="LXZ691" s="613"/>
      <c r="LYA691" s="613"/>
      <c r="LYB691" s="613"/>
      <c r="LYC691" s="613"/>
      <c r="LYD691" s="613"/>
      <c r="LYE691" s="613"/>
      <c r="LYF691" s="613"/>
      <c r="LYG691" s="613"/>
      <c r="LYH691" s="613"/>
      <c r="LYI691" s="613"/>
      <c r="LYJ691" s="613"/>
      <c r="LYK691" s="613"/>
      <c r="LYL691" s="613"/>
      <c r="LYM691" s="613"/>
      <c r="LYN691" s="613"/>
      <c r="LYO691" s="613"/>
      <c r="LYP691" s="613"/>
      <c r="LYQ691" s="613"/>
      <c r="LYR691" s="613"/>
      <c r="LYS691" s="613"/>
      <c r="LYT691" s="613"/>
      <c r="LYU691" s="613"/>
      <c r="LYV691" s="613"/>
      <c r="LYW691" s="613"/>
      <c r="LYX691" s="613"/>
      <c r="LYY691" s="613"/>
      <c r="LYZ691" s="613"/>
      <c r="LZA691" s="613"/>
      <c r="LZB691" s="613"/>
      <c r="LZC691" s="613"/>
      <c r="LZD691" s="613"/>
      <c r="LZE691" s="613"/>
      <c r="LZF691" s="613"/>
      <c r="LZG691" s="613"/>
      <c r="LZH691" s="613"/>
      <c r="LZI691" s="613"/>
      <c r="LZJ691" s="613"/>
      <c r="LZK691" s="613"/>
      <c r="LZL691" s="613"/>
      <c r="LZM691" s="613"/>
      <c r="LZN691" s="613"/>
      <c r="LZO691" s="613"/>
      <c r="LZP691" s="613"/>
      <c r="LZQ691" s="613"/>
      <c r="LZR691" s="613"/>
      <c r="LZS691" s="613"/>
      <c r="LZT691" s="613"/>
      <c r="LZU691" s="613"/>
      <c r="LZV691" s="613"/>
      <c r="LZW691" s="613"/>
      <c r="LZX691" s="613"/>
      <c r="LZY691" s="613"/>
      <c r="LZZ691" s="613"/>
      <c r="MAA691" s="613"/>
      <c r="MAB691" s="613"/>
      <c r="MAC691" s="613"/>
      <c r="MAD691" s="613"/>
      <c r="MAE691" s="613"/>
      <c r="MAF691" s="613"/>
      <c r="MAG691" s="613"/>
      <c r="MAH691" s="613"/>
      <c r="MAI691" s="613"/>
      <c r="MAJ691" s="613"/>
      <c r="MAK691" s="613"/>
      <c r="MAL691" s="613"/>
      <c r="MAM691" s="613"/>
      <c r="MAN691" s="613"/>
      <c r="MAO691" s="613"/>
      <c r="MAP691" s="613"/>
      <c r="MAQ691" s="613"/>
      <c r="MAR691" s="613"/>
      <c r="MAS691" s="613"/>
      <c r="MAT691" s="613"/>
      <c r="MAU691" s="613"/>
      <c r="MAV691" s="613"/>
      <c r="MAW691" s="613"/>
      <c r="MAX691" s="613"/>
      <c r="MAY691" s="613"/>
      <c r="MAZ691" s="613"/>
      <c r="MBA691" s="613"/>
      <c r="MBB691" s="613"/>
      <c r="MBC691" s="613"/>
      <c r="MBD691" s="613"/>
      <c r="MBE691" s="613"/>
      <c r="MBF691" s="613"/>
      <c r="MBG691" s="613"/>
      <c r="MBH691" s="613"/>
      <c r="MBI691" s="613"/>
      <c r="MBJ691" s="613"/>
      <c r="MBK691" s="613"/>
      <c r="MBL691" s="613"/>
      <c r="MBM691" s="613"/>
      <c r="MBN691" s="613"/>
      <c r="MBO691" s="613"/>
      <c r="MBP691" s="613"/>
      <c r="MBQ691" s="613"/>
      <c r="MBR691" s="613"/>
      <c r="MBS691" s="613"/>
      <c r="MBT691" s="613"/>
      <c r="MBU691" s="613"/>
      <c r="MBV691" s="613"/>
      <c r="MBW691" s="613"/>
      <c r="MBX691" s="613"/>
      <c r="MBY691" s="613"/>
      <c r="MBZ691" s="613"/>
      <c r="MCA691" s="613"/>
      <c r="MCB691" s="613"/>
      <c r="MCC691" s="613"/>
      <c r="MCD691" s="613"/>
      <c r="MCE691" s="613"/>
      <c r="MCF691" s="613"/>
      <c r="MCG691" s="613"/>
      <c r="MCH691" s="613"/>
      <c r="MCI691" s="613"/>
      <c r="MCJ691" s="613"/>
      <c r="MCK691" s="613"/>
      <c r="MCL691" s="613"/>
      <c r="MCM691" s="613"/>
      <c r="MCN691" s="613"/>
      <c r="MCO691" s="613"/>
      <c r="MCP691" s="613"/>
      <c r="MCQ691" s="613"/>
      <c r="MCR691" s="613"/>
      <c r="MCS691" s="613"/>
      <c r="MCT691" s="613"/>
      <c r="MCU691" s="613"/>
      <c r="MCV691" s="613"/>
      <c r="MCW691" s="613"/>
      <c r="MCX691" s="613"/>
      <c r="MCY691" s="613"/>
      <c r="MCZ691" s="613"/>
      <c r="MDA691" s="613"/>
      <c r="MDB691" s="613"/>
      <c r="MDC691" s="613"/>
      <c r="MDD691" s="613"/>
      <c r="MDE691" s="613"/>
      <c r="MDF691" s="613"/>
      <c r="MDG691" s="613"/>
      <c r="MDH691" s="613"/>
      <c r="MDI691" s="613"/>
      <c r="MDJ691" s="613"/>
      <c r="MDK691" s="613"/>
      <c r="MDL691" s="613"/>
      <c r="MDM691" s="613"/>
      <c r="MDN691" s="613"/>
      <c r="MDO691" s="613"/>
      <c r="MDP691" s="613"/>
      <c r="MDQ691" s="613"/>
      <c r="MDR691" s="613"/>
      <c r="MDS691" s="613"/>
      <c r="MDT691" s="613"/>
      <c r="MDU691" s="613"/>
      <c r="MDV691" s="613"/>
      <c r="MDW691" s="613"/>
      <c r="MDX691" s="613"/>
      <c r="MDY691" s="613"/>
      <c r="MDZ691" s="613"/>
      <c r="MEA691" s="613"/>
      <c r="MEB691" s="613"/>
      <c r="MEC691" s="613"/>
      <c r="MED691" s="613"/>
      <c r="MEE691" s="613"/>
      <c r="MEF691" s="613"/>
      <c r="MEG691" s="613"/>
      <c r="MEH691" s="613"/>
      <c r="MEI691" s="613"/>
      <c r="MEJ691" s="613"/>
      <c r="MEK691" s="613"/>
      <c r="MEL691" s="613"/>
      <c r="MEM691" s="613"/>
      <c r="MEN691" s="613"/>
      <c r="MEO691" s="613"/>
      <c r="MEP691" s="613"/>
      <c r="MEQ691" s="613"/>
      <c r="MER691" s="613"/>
      <c r="MES691" s="613"/>
      <c r="MET691" s="613"/>
      <c r="MEU691" s="613"/>
      <c r="MEV691" s="613"/>
      <c r="MEW691" s="613"/>
      <c r="MEX691" s="613"/>
      <c r="MEY691" s="613"/>
      <c r="MEZ691" s="613"/>
      <c r="MFA691" s="613"/>
      <c r="MFB691" s="613"/>
      <c r="MFC691" s="613"/>
      <c r="MFD691" s="613"/>
      <c r="MFE691" s="613"/>
      <c r="MFF691" s="613"/>
      <c r="MFG691" s="613"/>
      <c r="MFH691" s="613"/>
      <c r="MFI691" s="613"/>
      <c r="MFJ691" s="613"/>
      <c r="MFK691" s="613"/>
      <c r="MFL691" s="613"/>
      <c r="MFM691" s="613"/>
      <c r="MFN691" s="613"/>
      <c r="MFO691" s="613"/>
      <c r="MFP691" s="613"/>
      <c r="MFQ691" s="613"/>
      <c r="MFR691" s="613"/>
      <c r="MFS691" s="613"/>
      <c r="MFT691" s="613"/>
      <c r="MFU691" s="613"/>
      <c r="MFV691" s="613"/>
      <c r="MFW691" s="613"/>
      <c r="MFX691" s="613"/>
      <c r="MFY691" s="613"/>
      <c r="MFZ691" s="613"/>
      <c r="MGA691" s="613"/>
      <c r="MGB691" s="613"/>
      <c r="MGC691" s="613"/>
      <c r="MGD691" s="613"/>
      <c r="MGE691" s="613"/>
      <c r="MGF691" s="613"/>
      <c r="MGG691" s="613"/>
      <c r="MGH691" s="613"/>
      <c r="MGI691" s="613"/>
      <c r="MGJ691" s="613"/>
      <c r="MGK691" s="613"/>
      <c r="MGL691" s="613"/>
      <c r="MGM691" s="613"/>
      <c r="MGN691" s="613"/>
      <c r="MGO691" s="613"/>
      <c r="MGP691" s="613"/>
      <c r="MGQ691" s="613"/>
      <c r="MGR691" s="613"/>
      <c r="MGS691" s="613"/>
      <c r="MGT691" s="613"/>
      <c r="MGU691" s="613"/>
      <c r="MGV691" s="613"/>
      <c r="MGW691" s="613"/>
      <c r="MGX691" s="613"/>
      <c r="MGY691" s="613"/>
      <c r="MGZ691" s="613"/>
      <c r="MHA691" s="613"/>
      <c r="MHB691" s="613"/>
      <c r="MHC691" s="613"/>
      <c r="MHD691" s="613"/>
      <c r="MHE691" s="613"/>
      <c r="MHF691" s="613"/>
      <c r="MHG691" s="613"/>
      <c r="MHH691" s="613"/>
      <c r="MHI691" s="613"/>
      <c r="MHJ691" s="613"/>
      <c r="MHK691" s="613"/>
      <c r="MHL691" s="613"/>
      <c r="MHM691" s="613"/>
      <c r="MHN691" s="613"/>
      <c r="MHO691" s="613"/>
      <c r="MHP691" s="613"/>
      <c r="MHQ691" s="613"/>
      <c r="MHR691" s="613"/>
      <c r="MHS691" s="613"/>
      <c r="MHT691" s="613"/>
      <c r="MHU691" s="613"/>
      <c r="MHV691" s="613"/>
      <c r="MHW691" s="613"/>
      <c r="MHX691" s="613"/>
      <c r="MHY691" s="613"/>
      <c r="MHZ691" s="613"/>
      <c r="MIA691" s="613"/>
      <c r="MIB691" s="613"/>
      <c r="MIC691" s="613"/>
      <c r="MID691" s="613"/>
      <c r="MIE691" s="613"/>
      <c r="MIF691" s="613"/>
      <c r="MIG691" s="613"/>
      <c r="MIH691" s="613"/>
      <c r="MII691" s="613"/>
      <c r="MIJ691" s="613"/>
      <c r="MIK691" s="613"/>
      <c r="MIL691" s="613"/>
      <c r="MIM691" s="613"/>
      <c r="MIN691" s="613"/>
      <c r="MIO691" s="613"/>
      <c r="MIP691" s="613"/>
      <c r="MIQ691" s="613"/>
      <c r="MIR691" s="613"/>
      <c r="MIS691" s="613"/>
      <c r="MIT691" s="613"/>
      <c r="MIU691" s="613"/>
      <c r="MIV691" s="613"/>
      <c r="MIW691" s="613"/>
      <c r="MIX691" s="613"/>
      <c r="MIY691" s="613"/>
      <c r="MIZ691" s="613"/>
      <c r="MJA691" s="613"/>
      <c r="MJB691" s="613"/>
      <c r="MJC691" s="613"/>
      <c r="MJD691" s="613"/>
      <c r="MJE691" s="613"/>
      <c r="MJF691" s="613"/>
      <c r="MJG691" s="613"/>
      <c r="MJH691" s="613"/>
      <c r="MJI691" s="613"/>
      <c r="MJJ691" s="613"/>
      <c r="MJK691" s="613"/>
      <c r="MJL691" s="613"/>
      <c r="MJM691" s="613"/>
      <c r="MJN691" s="613"/>
      <c r="MJO691" s="613"/>
      <c r="MJP691" s="613"/>
      <c r="MJQ691" s="613"/>
      <c r="MJR691" s="613"/>
      <c r="MJS691" s="613"/>
      <c r="MJT691" s="613"/>
      <c r="MJU691" s="613"/>
      <c r="MJV691" s="613"/>
      <c r="MJW691" s="613"/>
      <c r="MJX691" s="613"/>
      <c r="MJY691" s="613"/>
      <c r="MJZ691" s="613"/>
      <c r="MKA691" s="613"/>
      <c r="MKB691" s="613"/>
      <c r="MKC691" s="613"/>
      <c r="MKD691" s="613"/>
      <c r="MKE691" s="613"/>
      <c r="MKF691" s="613"/>
      <c r="MKG691" s="613"/>
      <c r="MKH691" s="613"/>
      <c r="MKI691" s="613"/>
      <c r="MKJ691" s="613"/>
      <c r="MKK691" s="613"/>
      <c r="MKL691" s="613"/>
      <c r="MKM691" s="613"/>
      <c r="MKN691" s="613"/>
      <c r="MKO691" s="613"/>
      <c r="MKP691" s="613"/>
      <c r="MKQ691" s="613"/>
      <c r="MKR691" s="613"/>
      <c r="MKS691" s="613"/>
      <c r="MKT691" s="613"/>
      <c r="MKU691" s="613"/>
      <c r="MKV691" s="613"/>
      <c r="MKW691" s="613"/>
      <c r="MKX691" s="613"/>
      <c r="MKY691" s="613"/>
      <c r="MKZ691" s="613"/>
      <c r="MLA691" s="613"/>
      <c r="MLB691" s="613"/>
      <c r="MLC691" s="613"/>
      <c r="MLD691" s="613"/>
      <c r="MLE691" s="613"/>
      <c r="MLF691" s="613"/>
      <c r="MLG691" s="613"/>
      <c r="MLH691" s="613"/>
      <c r="MLI691" s="613"/>
      <c r="MLJ691" s="613"/>
      <c r="MLK691" s="613"/>
      <c r="MLL691" s="613"/>
      <c r="MLM691" s="613"/>
      <c r="MLN691" s="613"/>
      <c r="MLO691" s="613"/>
      <c r="MLP691" s="613"/>
      <c r="MLQ691" s="613"/>
      <c r="MLR691" s="613"/>
      <c r="MLS691" s="613"/>
      <c r="MLT691" s="613"/>
      <c r="MLU691" s="613"/>
      <c r="MLV691" s="613"/>
      <c r="MLW691" s="613"/>
      <c r="MLX691" s="613"/>
      <c r="MLY691" s="613"/>
      <c r="MLZ691" s="613"/>
      <c r="MMA691" s="613"/>
      <c r="MMB691" s="613"/>
      <c r="MMC691" s="613"/>
      <c r="MMD691" s="613"/>
      <c r="MME691" s="613"/>
      <c r="MMF691" s="613"/>
      <c r="MMG691" s="613"/>
      <c r="MMH691" s="613"/>
      <c r="MMI691" s="613"/>
      <c r="MMJ691" s="613"/>
      <c r="MMK691" s="613"/>
      <c r="MML691" s="613"/>
      <c r="MMM691" s="613"/>
      <c r="MMN691" s="613"/>
      <c r="MMO691" s="613"/>
      <c r="MMP691" s="613"/>
      <c r="MMQ691" s="613"/>
      <c r="MMR691" s="613"/>
      <c r="MMS691" s="613"/>
      <c r="MMT691" s="613"/>
      <c r="MMU691" s="613"/>
      <c r="MMV691" s="613"/>
      <c r="MMW691" s="613"/>
      <c r="MMX691" s="613"/>
      <c r="MMY691" s="613"/>
      <c r="MMZ691" s="613"/>
      <c r="MNA691" s="613"/>
      <c r="MNB691" s="613"/>
      <c r="MNC691" s="613"/>
      <c r="MND691" s="613"/>
      <c r="MNE691" s="613"/>
      <c r="MNF691" s="613"/>
      <c r="MNG691" s="613"/>
      <c r="MNH691" s="613"/>
      <c r="MNI691" s="613"/>
      <c r="MNJ691" s="613"/>
      <c r="MNK691" s="613"/>
      <c r="MNL691" s="613"/>
      <c r="MNM691" s="613"/>
      <c r="MNN691" s="613"/>
      <c r="MNO691" s="613"/>
      <c r="MNP691" s="613"/>
      <c r="MNQ691" s="613"/>
      <c r="MNR691" s="613"/>
      <c r="MNS691" s="613"/>
      <c r="MNT691" s="613"/>
      <c r="MNU691" s="613"/>
      <c r="MNV691" s="613"/>
      <c r="MNW691" s="613"/>
      <c r="MNX691" s="613"/>
      <c r="MNY691" s="613"/>
      <c r="MNZ691" s="613"/>
      <c r="MOA691" s="613"/>
      <c r="MOB691" s="613"/>
      <c r="MOC691" s="613"/>
      <c r="MOD691" s="613"/>
      <c r="MOE691" s="613"/>
      <c r="MOF691" s="613"/>
      <c r="MOG691" s="613"/>
      <c r="MOH691" s="613"/>
      <c r="MOI691" s="613"/>
      <c r="MOJ691" s="613"/>
      <c r="MOK691" s="613"/>
      <c r="MOL691" s="613"/>
      <c r="MOM691" s="613"/>
      <c r="MON691" s="613"/>
      <c r="MOO691" s="613"/>
      <c r="MOP691" s="613"/>
      <c r="MOQ691" s="613"/>
      <c r="MOR691" s="613"/>
      <c r="MOS691" s="613"/>
      <c r="MOT691" s="613"/>
      <c r="MOU691" s="613"/>
      <c r="MOV691" s="613"/>
      <c r="MOW691" s="613"/>
      <c r="MOX691" s="613"/>
      <c r="MOY691" s="613"/>
      <c r="MOZ691" s="613"/>
      <c r="MPA691" s="613"/>
      <c r="MPB691" s="613"/>
      <c r="MPC691" s="613"/>
      <c r="MPD691" s="613"/>
      <c r="MPE691" s="613"/>
      <c r="MPF691" s="613"/>
      <c r="MPG691" s="613"/>
      <c r="MPH691" s="613"/>
      <c r="MPI691" s="613"/>
      <c r="MPJ691" s="613"/>
      <c r="MPK691" s="613"/>
      <c r="MPL691" s="613"/>
      <c r="MPM691" s="613"/>
      <c r="MPN691" s="613"/>
      <c r="MPO691" s="613"/>
      <c r="MPP691" s="613"/>
      <c r="MPQ691" s="613"/>
      <c r="MPR691" s="613"/>
      <c r="MPS691" s="613"/>
      <c r="MPT691" s="613"/>
      <c r="MPU691" s="613"/>
      <c r="MPV691" s="613"/>
      <c r="MPW691" s="613"/>
      <c r="MPX691" s="613"/>
      <c r="MPY691" s="613"/>
      <c r="MPZ691" s="613"/>
      <c r="MQA691" s="613"/>
      <c r="MQB691" s="613"/>
      <c r="MQC691" s="613"/>
      <c r="MQD691" s="613"/>
      <c r="MQE691" s="613"/>
      <c r="MQF691" s="613"/>
      <c r="MQG691" s="613"/>
      <c r="MQH691" s="613"/>
      <c r="MQI691" s="613"/>
      <c r="MQJ691" s="613"/>
      <c r="MQK691" s="613"/>
      <c r="MQL691" s="613"/>
      <c r="MQM691" s="613"/>
      <c r="MQN691" s="613"/>
      <c r="MQO691" s="613"/>
      <c r="MQP691" s="613"/>
      <c r="MQQ691" s="613"/>
      <c r="MQR691" s="613"/>
      <c r="MQS691" s="613"/>
      <c r="MQT691" s="613"/>
      <c r="MQU691" s="613"/>
      <c r="MQV691" s="613"/>
      <c r="MQW691" s="613"/>
      <c r="MQX691" s="613"/>
      <c r="MQY691" s="613"/>
      <c r="MQZ691" s="613"/>
      <c r="MRA691" s="613"/>
      <c r="MRB691" s="613"/>
      <c r="MRC691" s="613"/>
      <c r="MRD691" s="613"/>
      <c r="MRE691" s="613"/>
      <c r="MRF691" s="613"/>
      <c r="MRG691" s="613"/>
      <c r="MRH691" s="613"/>
      <c r="MRI691" s="613"/>
      <c r="MRJ691" s="613"/>
      <c r="MRK691" s="613"/>
      <c r="MRL691" s="613"/>
      <c r="MRM691" s="613"/>
      <c r="MRN691" s="613"/>
      <c r="MRO691" s="613"/>
      <c r="MRP691" s="613"/>
      <c r="MRQ691" s="613"/>
      <c r="MRR691" s="613"/>
      <c r="MRS691" s="613"/>
      <c r="MRT691" s="613"/>
      <c r="MRU691" s="613"/>
      <c r="MRV691" s="613"/>
      <c r="MRW691" s="613"/>
      <c r="MRX691" s="613"/>
      <c r="MRY691" s="613"/>
      <c r="MRZ691" s="613"/>
      <c r="MSA691" s="613"/>
      <c r="MSB691" s="613"/>
      <c r="MSC691" s="613"/>
      <c r="MSD691" s="613"/>
      <c r="MSE691" s="613"/>
      <c r="MSF691" s="613"/>
      <c r="MSG691" s="613"/>
      <c r="MSH691" s="613"/>
      <c r="MSI691" s="613"/>
      <c r="MSJ691" s="613"/>
      <c r="MSK691" s="613"/>
      <c r="MSL691" s="613"/>
      <c r="MSM691" s="613"/>
      <c r="MSN691" s="613"/>
      <c r="MSO691" s="613"/>
      <c r="MSP691" s="613"/>
      <c r="MSQ691" s="613"/>
      <c r="MSR691" s="613"/>
      <c r="MSS691" s="613"/>
      <c r="MST691" s="613"/>
      <c r="MSU691" s="613"/>
      <c r="MSV691" s="613"/>
      <c r="MSW691" s="613"/>
      <c r="MSX691" s="613"/>
      <c r="MSY691" s="613"/>
      <c r="MSZ691" s="613"/>
      <c r="MTA691" s="613"/>
      <c r="MTB691" s="613"/>
      <c r="MTC691" s="613"/>
      <c r="MTD691" s="613"/>
      <c r="MTE691" s="613"/>
      <c r="MTF691" s="613"/>
      <c r="MTG691" s="613"/>
      <c r="MTH691" s="613"/>
      <c r="MTI691" s="613"/>
      <c r="MTJ691" s="613"/>
      <c r="MTK691" s="613"/>
      <c r="MTL691" s="613"/>
      <c r="MTM691" s="613"/>
      <c r="MTN691" s="613"/>
      <c r="MTO691" s="613"/>
      <c r="MTP691" s="613"/>
      <c r="MTQ691" s="613"/>
      <c r="MTR691" s="613"/>
      <c r="MTS691" s="613"/>
      <c r="MTT691" s="613"/>
      <c r="MTU691" s="613"/>
      <c r="MTV691" s="613"/>
      <c r="MTW691" s="613"/>
      <c r="MTX691" s="613"/>
      <c r="MTY691" s="613"/>
      <c r="MTZ691" s="613"/>
      <c r="MUA691" s="613"/>
      <c r="MUB691" s="613"/>
      <c r="MUC691" s="613"/>
      <c r="MUD691" s="613"/>
      <c r="MUE691" s="613"/>
      <c r="MUF691" s="613"/>
      <c r="MUG691" s="613"/>
      <c r="MUH691" s="613"/>
      <c r="MUI691" s="613"/>
      <c r="MUJ691" s="613"/>
      <c r="MUK691" s="613"/>
      <c r="MUL691" s="613"/>
      <c r="MUM691" s="613"/>
      <c r="MUN691" s="613"/>
      <c r="MUO691" s="613"/>
      <c r="MUP691" s="613"/>
      <c r="MUQ691" s="613"/>
      <c r="MUR691" s="613"/>
      <c r="MUS691" s="613"/>
      <c r="MUT691" s="613"/>
      <c r="MUU691" s="613"/>
      <c r="MUV691" s="613"/>
      <c r="MUW691" s="613"/>
      <c r="MUX691" s="613"/>
      <c r="MUY691" s="613"/>
      <c r="MUZ691" s="613"/>
      <c r="MVA691" s="613"/>
      <c r="MVB691" s="613"/>
      <c r="MVC691" s="613"/>
      <c r="MVD691" s="613"/>
      <c r="MVE691" s="613"/>
      <c r="MVF691" s="613"/>
      <c r="MVG691" s="613"/>
      <c r="MVH691" s="613"/>
      <c r="MVI691" s="613"/>
      <c r="MVJ691" s="613"/>
      <c r="MVK691" s="613"/>
      <c r="MVL691" s="613"/>
      <c r="MVM691" s="613"/>
      <c r="MVN691" s="613"/>
      <c r="MVO691" s="613"/>
      <c r="MVP691" s="613"/>
      <c r="MVQ691" s="613"/>
      <c r="MVR691" s="613"/>
      <c r="MVS691" s="613"/>
      <c r="MVT691" s="613"/>
      <c r="MVU691" s="613"/>
      <c r="MVV691" s="613"/>
      <c r="MVW691" s="613"/>
      <c r="MVX691" s="613"/>
      <c r="MVY691" s="613"/>
      <c r="MVZ691" s="613"/>
      <c r="MWA691" s="613"/>
      <c r="MWB691" s="613"/>
      <c r="MWC691" s="613"/>
      <c r="MWD691" s="613"/>
      <c r="MWE691" s="613"/>
      <c r="MWF691" s="613"/>
      <c r="MWG691" s="613"/>
      <c r="MWH691" s="613"/>
      <c r="MWI691" s="613"/>
      <c r="MWJ691" s="613"/>
      <c r="MWK691" s="613"/>
      <c r="MWL691" s="613"/>
      <c r="MWM691" s="613"/>
      <c r="MWN691" s="613"/>
      <c r="MWO691" s="613"/>
      <c r="MWP691" s="613"/>
      <c r="MWQ691" s="613"/>
      <c r="MWR691" s="613"/>
      <c r="MWS691" s="613"/>
      <c r="MWT691" s="613"/>
      <c r="MWU691" s="613"/>
      <c r="MWV691" s="613"/>
      <c r="MWW691" s="613"/>
      <c r="MWX691" s="613"/>
      <c r="MWY691" s="613"/>
      <c r="MWZ691" s="613"/>
      <c r="MXA691" s="613"/>
      <c r="MXB691" s="613"/>
      <c r="MXC691" s="613"/>
      <c r="MXD691" s="613"/>
      <c r="MXE691" s="613"/>
      <c r="MXF691" s="613"/>
      <c r="MXG691" s="613"/>
      <c r="MXH691" s="613"/>
      <c r="MXI691" s="613"/>
      <c r="MXJ691" s="613"/>
      <c r="MXK691" s="613"/>
      <c r="MXL691" s="613"/>
      <c r="MXM691" s="613"/>
      <c r="MXN691" s="613"/>
      <c r="MXO691" s="613"/>
      <c r="MXP691" s="613"/>
      <c r="MXQ691" s="613"/>
      <c r="MXR691" s="613"/>
      <c r="MXS691" s="613"/>
      <c r="MXT691" s="613"/>
      <c r="MXU691" s="613"/>
      <c r="MXV691" s="613"/>
      <c r="MXW691" s="613"/>
      <c r="MXX691" s="613"/>
      <c r="MXY691" s="613"/>
      <c r="MXZ691" s="613"/>
      <c r="MYA691" s="613"/>
      <c r="MYB691" s="613"/>
      <c r="MYC691" s="613"/>
      <c r="MYD691" s="613"/>
      <c r="MYE691" s="613"/>
      <c r="MYF691" s="613"/>
      <c r="MYG691" s="613"/>
      <c r="MYH691" s="613"/>
      <c r="MYI691" s="613"/>
      <c r="MYJ691" s="613"/>
      <c r="MYK691" s="613"/>
      <c r="MYL691" s="613"/>
      <c r="MYM691" s="613"/>
      <c r="MYN691" s="613"/>
      <c r="MYO691" s="613"/>
      <c r="MYP691" s="613"/>
      <c r="MYQ691" s="613"/>
      <c r="MYR691" s="613"/>
      <c r="MYS691" s="613"/>
      <c r="MYT691" s="613"/>
      <c r="MYU691" s="613"/>
      <c r="MYV691" s="613"/>
      <c r="MYW691" s="613"/>
      <c r="MYX691" s="613"/>
      <c r="MYY691" s="613"/>
      <c r="MYZ691" s="613"/>
      <c r="MZA691" s="613"/>
      <c r="MZB691" s="613"/>
      <c r="MZC691" s="613"/>
      <c r="MZD691" s="613"/>
      <c r="MZE691" s="613"/>
      <c r="MZF691" s="613"/>
      <c r="MZG691" s="613"/>
      <c r="MZH691" s="613"/>
      <c r="MZI691" s="613"/>
      <c r="MZJ691" s="613"/>
      <c r="MZK691" s="613"/>
      <c r="MZL691" s="613"/>
      <c r="MZM691" s="613"/>
      <c r="MZN691" s="613"/>
      <c r="MZO691" s="613"/>
      <c r="MZP691" s="613"/>
      <c r="MZQ691" s="613"/>
      <c r="MZR691" s="613"/>
      <c r="MZS691" s="613"/>
      <c r="MZT691" s="613"/>
      <c r="MZU691" s="613"/>
      <c r="MZV691" s="613"/>
      <c r="MZW691" s="613"/>
      <c r="MZX691" s="613"/>
      <c r="MZY691" s="613"/>
      <c r="MZZ691" s="613"/>
      <c r="NAA691" s="613"/>
      <c r="NAB691" s="613"/>
      <c r="NAC691" s="613"/>
      <c r="NAD691" s="613"/>
      <c r="NAE691" s="613"/>
      <c r="NAF691" s="613"/>
      <c r="NAG691" s="613"/>
      <c r="NAH691" s="613"/>
      <c r="NAI691" s="613"/>
      <c r="NAJ691" s="613"/>
      <c r="NAK691" s="613"/>
      <c r="NAL691" s="613"/>
      <c r="NAM691" s="613"/>
      <c r="NAN691" s="613"/>
      <c r="NAO691" s="613"/>
      <c r="NAP691" s="613"/>
      <c r="NAQ691" s="613"/>
      <c r="NAR691" s="613"/>
      <c r="NAS691" s="613"/>
      <c r="NAT691" s="613"/>
      <c r="NAU691" s="613"/>
      <c r="NAV691" s="613"/>
      <c r="NAW691" s="613"/>
      <c r="NAX691" s="613"/>
      <c r="NAY691" s="613"/>
      <c r="NAZ691" s="613"/>
      <c r="NBA691" s="613"/>
      <c r="NBB691" s="613"/>
      <c r="NBC691" s="613"/>
      <c r="NBD691" s="613"/>
      <c r="NBE691" s="613"/>
      <c r="NBF691" s="613"/>
      <c r="NBG691" s="613"/>
      <c r="NBH691" s="613"/>
      <c r="NBI691" s="613"/>
      <c r="NBJ691" s="613"/>
      <c r="NBK691" s="613"/>
      <c r="NBL691" s="613"/>
      <c r="NBM691" s="613"/>
      <c r="NBN691" s="613"/>
      <c r="NBO691" s="613"/>
      <c r="NBP691" s="613"/>
      <c r="NBQ691" s="613"/>
      <c r="NBR691" s="613"/>
      <c r="NBS691" s="613"/>
      <c r="NBT691" s="613"/>
      <c r="NBU691" s="613"/>
      <c r="NBV691" s="613"/>
      <c r="NBW691" s="613"/>
      <c r="NBX691" s="613"/>
      <c r="NBY691" s="613"/>
      <c r="NBZ691" s="613"/>
      <c r="NCA691" s="613"/>
      <c r="NCB691" s="613"/>
      <c r="NCC691" s="613"/>
      <c r="NCD691" s="613"/>
      <c r="NCE691" s="613"/>
      <c r="NCF691" s="613"/>
      <c r="NCG691" s="613"/>
      <c r="NCH691" s="613"/>
      <c r="NCI691" s="613"/>
      <c r="NCJ691" s="613"/>
      <c r="NCK691" s="613"/>
      <c r="NCL691" s="613"/>
      <c r="NCM691" s="613"/>
      <c r="NCN691" s="613"/>
      <c r="NCO691" s="613"/>
      <c r="NCP691" s="613"/>
      <c r="NCQ691" s="613"/>
      <c r="NCR691" s="613"/>
      <c r="NCS691" s="613"/>
      <c r="NCT691" s="613"/>
      <c r="NCU691" s="613"/>
      <c r="NCV691" s="613"/>
      <c r="NCW691" s="613"/>
      <c r="NCX691" s="613"/>
      <c r="NCY691" s="613"/>
      <c r="NCZ691" s="613"/>
      <c r="NDA691" s="613"/>
      <c r="NDB691" s="613"/>
      <c r="NDC691" s="613"/>
      <c r="NDD691" s="613"/>
      <c r="NDE691" s="613"/>
      <c r="NDF691" s="613"/>
      <c r="NDG691" s="613"/>
      <c r="NDH691" s="613"/>
      <c r="NDI691" s="613"/>
      <c r="NDJ691" s="613"/>
      <c r="NDK691" s="613"/>
      <c r="NDL691" s="613"/>
      <c r="NDM691" s="613"/>
      <c r="NDN691" s="613"/>
      <c r="NDO691" s="613"/>
      <c r="NDP691" s="613"/>
      <c r="NDQ691" s="613"/>
      <c r="NDR691" s="613"/>
      <c r="NDS691" s="613"/>
      <c r="NDT691" s="613"/>
      <c r="NDU691" s="613"/>
      <c r="NDV691" s="613"/>
      <c r="NDW691" s="613"/>
      <c r="NDX691" s="613"/>
      <c r="NDY691" s="613"/>
      <c r="NDZ691" s="613"/>
      <c r="NEA691" s="613"/>
      <c r="NEB691" s="613"/>
      <c r="NEC691" s="613"/>
      <c r="NED691" s="613"/>
      <c r="NEE691" s="613"/>
      <c r="NEF691" s="613"/>
      <c r="NEG691" s="613"/>
      <c r="NEH691" s="613"/>
      <c r="NEI691" s="613"/>
      <c r="NEJ691" s="613"/>
      <c r="NEK691" s="613"/>
      <c r="NEL691" s="613"/>
      <c r="NEM691" s="613"/>
      <c r="NEN691" s="613"/>
      <c r="NEO691" s="613"/>
      <c r="NEP691" s="613"/>
      <c r="NEQ691" s="613"/>
      <c r="NER691" s="613"/>
      <c r="NES691" s="613"/>
      <c r="NET691" s="613"/>
      <c r="NEU691" s="613"/>
      <c r="NEV691" s="613"/>
      <c r="NEW691" s="613"/>
      <c r="NEX691" s="613"/>
      <c r="NEY691" s="613"/>
      <c r="NEZ691" s="613"/>
      <c r="NFA691" s="613"/>
      <c r="NFB691" s="613"/>
      <c r="NFC691" s="613"/>
      <c r="NFD691" s="613"/>
      <c r="NFE691" s="613"/>
      <c r="NFF691" s="613"/>
      <c r="NFG691" s="613"/>
      <c r="NFH691" s="613"/>
      <c r="NFI691" s="613"/>
      <c r="NFJ691" s="613"/>
      <c r="NFK691" s="613"/>
      <c r="NFL691" s="613"/>
      <c r="NFM691" s="613"/>
      <c r="NFN691" s="613"/>
      <c r="NFO691" s="613"/>
      <c r="NFP691" s="613"/>
      <c r="NFQ691" s="613"/>
      <c r="NFR691" s="613"/>
      <c r="NFS691" s="613"/>
      <c r="NFT691" s="613"/>
      <c r="NFU691" s="613"/>
      <c r="NFV691" s="613"/>
      <c r="NFW691" s="613"/>
      <c r="NFX691" s="613"/>
      <c r="NFY691" s="613"/>
      <c r="NFZ691" s="613"/>
      <c r="NGA691" s="613"/>
      <c r="NGB691" s="613"/>
      <c r="NGC691" s="613"/>
      <c r="NGD691" s="613"/>
      <c r="NGE691" s="613"/>
      <c r="NGF691" s="613"/>
      <c r="NGG691" s="613"/>
      <c r="NGH691" s="613"/>
      <c r="NGI691" s="613"/>
      <c r="NGJ691" s="613"/>
      <c r="NGK691" s="613"/>
      <c r="NGL691" s="613"/>
      <c r="NGM691" s="613"/>
      <c r="NGN691" s="613"/>
      <c r="NGO691" s="613"/>
      <c r="NGP691" s="613"/>
      <c r="NGQ691" s="613"/>
      <c r="NGR691" s="613"/>
      <c r="NGS691" s="613"/>
      <c r="NGT691" s="613"/>
      <c r="NGU691" s="613"/>
      <c r="NGV691" s="613"/>
      <c r="NGW691" s="613"/>
      <c r="NGX691" s="613"/>
      <c r="NGY691" s="613"/>
      <c r="NGZ691" s="613"/>
      <c r="NHA691" s="613"/>
      <c r="NHB691" s="613"/>
      <c r="NHC691" s="613"/>
      <c r="NHD691" s="613"/>
      <c r="NHE691" s="613"/>
      <c r="NHF691" s="613"/>
      <c r="NHG691" s="613"/>
      <c r="NHH691" s="613"/>
      <c r="NHI691" s="613"/>
      <c r="NHJ691" s="613"/>
      <c r="NHK691" s="613"/>
      <c r="NHL691" s="613"/>
      <c r="NHM691" s="613"/>
      <c r="NHN691" s="613"/>
      <c r="NHO691" s="613"/>
      <c r="NHP691" s="613"/>
      <c r="NHQ691" s="613"/>
      <c r="NHR691" s="613"/>
      <c r="NHS691" s="613"/>
      <c r="NHT691" s="613"/>
      <c r="NHU691" s="613"/>
      <c r="NHV691" s="613"/>
      <c r="NHW691" s="613"/>
      <c r="NHX691" s="613"/>
      <c r="NHY691" s="613"/>
      <c r="NHZ691" s="613"/>
      <c r="NIA691" s="613"/>
      <c r="NIB691" s="613"/>
      <c r="NIC691" s="613"/>
      <c r="NID691" s="613"/>
      <c r="NIE691" s="613"/>
      <c r="NIF691" s="613"/>
      <c r="NIG691" s="613"/>
      <c r="NIH691" s="613"/>
      <c r="NII691" s="613"/>
      <c r="NIJ691" s="613"/>
      <c r="NIK691" s="613"/>
      <c r="NIL691" s="613"/>
      <c r="NIM691" s="613"/>
      <c r="NIN691" s="613"/>
      <c r="NIO691" s="613"/>
      <c r="NIP691" s="613"/>
      <c r="NIQ691" s="613"/>
      <c r="NIR691" s="613"/>
      <c r="NIS691" s="613"/>
      <c r="NIT691" s="613"/>
      <c r="NIU691" s="613"/>
      <c r="NIV691" s="613"/>
      <c r="NIW691" s="613"/>
      <c r="NIX691" s="613"/>
      <c r="NIY691" s="613"/>
      <c r="NIZ691" s="613"/>
      <c r="NJA691" s="613"/>
      <c r="NJB691" s="613"/>
      <c r="NJC691" s="613"/>
      <c r="NJD691" s="613"/>
      <c r="NJE691" s="613"/>
      <c r="NJF691" s="613"/>
      <c r="NJG691" s="613"/>
      <c r="NJH691" s="613"/>
      <c r="NJI691" s="613"/>
      <c r="NJJ691" s="613"/>
      <c r="NJK691" s="613"/>
      <c r="NJL691" s="613"/>
      <c r="NJM691" s="613"/>
      <c r="NJN691" s="613"/>
      <c r="NJO691" s="613"/>
      <c r="NJP691" s="613"/>
      <c r="NJQ691" s="613"/>
      <c r="NJR691" s="613"/>
      <c r="NJS691" s="613"/>
      <c r="NJT691" s="613"/>
      <c r="NJU691" s="613"/>
      <c r="NJV691" s="613"/>
      <c r="NJW691" s="613"/>
      <c r="NJX691" s="613"/>
      <c r="NJY691" s="613"/>
      <c r="NJZ691" s="613"/>
      <c r="NKA691" s="613"/>
      <c r="NKB691" s="613"/>
      <c r="NKC691" s="613"/>
      <c r="NKD691" s="613"/>
      <c r="NKE691" s="613"/>
      <c r="NKF691" s="613"/>
      <c r="NKG691" s="613"/>
      <c r="NKH691" s="613"/>
      <c r="NKI691" s="613"/>
      <c r="NKJ691" s="613"/>
      <c r="NKK691" s="613"/>
      <c r="NKL691" s="613"/>
      <c r="NKM691" s="613"/>
      <c r="NKN691" s="613"/>
      <c r="NKO691" s="613"/>
      <c r="NKP691" s="613"/>
      <c r="NKQ691" s="613"/>
      <c r="NKR691" s="613"/>
      <c r="NKS691" s="613"/>
      <c r="NKT691" s="613"/>
      <c r="NKU691" s="613"/>
      <c r="NKV691" s="613"/>
      <c r="NKW691" s="613"/>
      <c r="NKX691" s="613"/>
      <c r="NKY691" s="613"/>
      <c r="NKZ691" s="613"/>
      <c r="NLA691" s="613"/>
      <c r="NLB691" s="613"/>
      <c r="NLC691" s="613"/>
      <c r="NLD691" s="613"/>
      <c r="NLE691" s="613"/>
      <c r="NLF691" s="613"/>
      <c r="NLG691" s="613"/>
      <c r="NLH691" s="613"/>
      <c r="NLI691" s="613"/>
      <c r="NLJ691" s="613"/>
      <c r="NLK691" s="613"/>
      <c r="NLL691" s="613"/>
      <c r="NLM691" s="613"/>
      <c r="NLN691" s="613"/>
      <c r="NLO691" s="613"/>
      <c r="NLP691" s="613"/>
      <c r="NLQ691" s="613"/>
      <c r="NLR691" s="613"/>
      <c r="NLS691" s="613"/>
      <c r="NLT691" s="613"/>
      <c r="NLU691" s="613"/>
      <c r="NLV691" s="613"/>
      <c r="NLW691" s="613"/>
      <c r="NLX691" s="613"/>
      <c r="NLY691" s="613"/>
      <c r="NLZ691" s="613"/>
      <c r="NMA691" s="613"/>
      <c r="NMB691" s="613"/>
      <c r="NMC691" s="613"/>
      <c r="NMD691" s="613"/>
      <c r="NME691" s="613"/>
      <c r="NMF691" s="613"/>
      <c r="NMG691" s="613"/>
      <c r="NMH691" s="613"/>
      <c r="NMI691" s="613"/>
      <c r="NMJ691" s="613"/>
      <c r="NMK691" s="613"/>
      <c r="NML691" s="613"/>
      <c r="NMM691" s="613"/>
      <c r="NMN691" s="613"/>
      <c r="NMO691" s="613"/>
      <c r="NMP691" s="613"/>
      <c r="NMQ691" s="613"/>
      <c r="NMR691" s="613"/>
      <c r="NMS691" s="613"/>
      <c r="NMT691" s="613"/>
      <c r="NMU691" s="613"/>
      <c r="NMV691" s="613"/>
      <c r="NMW691" s="613"/>
      <c r="NMX691" s="613"/>
      <c r="NMY691" s="613"/>
      <c r="NMZ691" s="613"/>
      <c r="NNA691" s="613"/>
      <c r="NNB691" s="613"/>
      <c r="NNC691" s="613"/>
      <c r="NND691" s="613"/>
      <c r="NNE691" s="613"/>
      <c r="NNF691" s="613"/>
      <c r="NNG691" s="613"/>
      <c r="NNH691" s="613"/>
      <c r="NNI691" s="613"/>
      <c r="NNJ691" s="613"/>
      <c r="NNK691" s="613"/>
      <c r="NNL691" s="613"/>
      <c r="NNM691" s="613"/>
      <c r="NNN691" s="613"/>
      <c r="NNO691" s="613"/>
      <c r="NNP691" s="613"/>
      <c r="NNQ691" s="613"/>
      <c r="NNR691" s="613"/>
      <c r="NNS691" s="613"/>
      <c r="NNT691" s="613"/>
      <c r="NNU691" s="613"/>
      <c r="NNV691" s="613"/>
      <c r="NNW691" s="613"/>
      <c r="NNX691" s="613"/>
      <c r="NNY691" s="613"/>
      <c r="NNZ691" s="613"/>
      <c r="NOA691" s="613"/>
      <c r="NOB691" s="613"/>
      <c r="NOC691" s="613"/>
      <c r="NOD691" s="613"/>
      <c r="NOE691" s="613"/>
      <c r="NOF691" s="613"/>
      <c r="NOG691" s="613"/>
      <c r="NOH691" s="613"/>
      <c r="NOI691" s="613"/>
      <c r="NOJ691" s="613"/>
      <c r="NOK691" s="613"/>
      <c r="NOL691" s="613"/>
      <c r="NOM691" s="613"/>
      <c r="NON691" s="613"/>
      <c r="NOO691" s="613"/>
      <c r="NOP691" s="613"/>
      <c r="NOQ691" s="613"/>
      <c r="NOR691" s="613"/>
      <c r="NOS691" s="613"/>
      <c r="NOT691" s="613"/>
      <c r="NOU691" s="613"/>
      <c r="NOV691" s="613"/>
      <c r="NOW691" s="613"/>
      <c r="NOX691" s="613"/>
      <c r="NOY691" s="613"/>
      <c r="NOZ691" s="613"/>
      <c r="NPA691" s="613"/>
      <c r="NPB691" s="613"/>
      <c r="NPC691" s="613"/>
      <c r="NPD691" s="613"/>
      <c r="NPE691" s="613"/>
      <c r="NPF691" s="613"/>
      <c r="NPG691" s="613"/>
      <c r="NPH691" s="613"/>
      <c r="NPI691" s="613"/>
      <c r="NPJ691" s="613"/>
      <c r="NPK691" s="613"/>
      <c r="NPL691" s="613"/>
      <c r="NPM691" s="613"/>
      <c r="NPN691" s="613"/>
      <c r="NPO691" s="613"/>
      <c r="NPP691" s="613"/>
      <c r="NPQ691" s="613"/>
      <c r="NPR691" s="613"/>
      <c r="NPS691" s="613"/>
      <c r="NPT691" s="613"/>
      <c r="NPU691" s="613"/>
      <c r="NPV691" s="613"/>
      <c r="NPW691" s="613"/>
      <c r="NPX691" s="613"/>
      <c r="NPY691" s="613"/>
      <c r="NPZ691" s="613"/>
      <c r="NQA691" s="613"/>
      <c r="NQB691" s="613"/>
      <c r="NQC691" s="613"/>
      <c r="NQD691" s="613"/>
      <c r="NQE691" s="613"/>
      <c r="NQF691" s="613"/>
      <c r="NQG691" s="613"/>
      <c r="NQH691" s="613"/>
      <c r="NQI691" s="613"/>
      <c r="NQJ691" s="613"/>
      <c r="NQK691" s="613"/>
      <c r="NQL691" s="613"/>
      <c r="NQM691" s="613"/>
      <c r="NQN691" s="613"/>
      <c r="NQO691" s="613"/>
      <c r="NQP691" s="613"/>
      <c r="NQQ691" s="613"/>
      <c r="NQR691" s="613"/>
      <c r="NQS691" s="613"/>
      <c r="NQT691" s="613"/>
      <c r="NQU691" s="613"/>
      <c r="NQV691" s="613"/>
      <c r="NQW691" s="613"/>
      <c r="NQX691" s="613"/>
      <c r="NQY691" s="613"/>
      <c r="NQZ691" s="613"/>
      <c r="NRA691" s="613"/>
      <c r="NRB691" s="613"/>
      <c r="NRC691" s="613"/>
      <c r="NRD691" s="613"/>
      <c r="NRE691" s="613"/>
      <c r="NRF691" s="613"/>
      <c r="NRG691" s="613"/>
      <c r="NRH691" s="613"/>
      <c r="NRI691" s="613"/>
      <c r="NRJ691" s="613"/>
      <c r="NRK691" s="613"/>
      <c r="NRL691" s="613"/>
      <c r="NRM691" s="613"/>
      <c r="NRN691" s="613"/>
      <c r="NRO691" s="613"/>
      <c r="NRP691" s="613"/>
      <c r="NRQ691" s="613"/>
      <c r="NRR691" s="613"/>
      <c r="NRS691" s="613"/>
      <c r="NRT691" s="613"/>
      <c r="NRU691" s="613"/>
      <c r="NRV691" s="613"/>
      <c r="NRW691" s="613"/>
      <c r="NRX691" s="613"/>
      <c r="NRY691" s="613"/>
      <c r="NRZ691" s="613"/>
      <c r="NSA691" s="613"/>
      <c r="NSB691" s="613"/>
      <c r="NSC691" s="613"/>
      <c r="NSD691" s="613"/>
      <c r="NSE691" s="613"/>
      <c r="NSF691" s="613"/>
      <c r="NSG691" s="613"/>
      <c r="NSH691" s="613"/>
      <c r="NSI691" s="613"/>
      <c r="NSJ691" s="613"/>
      <c r="NSK691" s="613"/>
      <c r="NSL691" s="613"/>
      <c r="NSM691" s="613"/>
      <c r="NSN691" s="613"/>
      <c r="NSO691" s="613"/>
      <c r="NSP691" s="613"/>
      <c r="NSQ691" s="613"/>
      <c r="NSR691" s="613"/>
      <c r="NSS691" s="613"/>
      <c r="NST691" s="613"/>
      <c r="NSU691" s="613"/>
      <c r="NSV691" s="613"/>
      <c r="NSW691" s="613"/>
      <c r="NSX691" s="613"/>
      <c r="NSY691" s="613"/>
      <c r="NSZ691" s="613"/>
      <c r="NTA691" s="613"/>
      <c r="NTB691" s="613"/>
      <c r="NTC691" s="613"/>
      <c r="NTD691" s="613"/>
      <c r="NTE691" s="613"/>
      <c r="NTF691" s="613"/>
      <c r="NTG691" s="613"/>
      <c r="NTH691" s="613"/>
      <c r="NTI691" s="613"/>
      <c r="NTJ691" s="613"/>
      <c r="NTK691" s="613"/>
      <c r="NTL691" s="613"/>
      <c r="NTM691" s="613"/>
      <c r="NTN691" s="613"/>
      <c r="NTO691" s="613"/>
      <c r="NTP691" s="613"/>
      <c r="NTQ691" s="613"/>
      <c r="NTR691" s="613"/>
      <c r="NTS691" s="613"/>
      <c r="NTT691" s="613"/>
      <c r="NTU691" s="613"/>
      <c r="NTV691" s="613"/>
      <c r="NTW691" s="613"/>
      <c r="NTX691" s="613"/>
      <c r="NTY691" s="613"/>
      <c r="NTZ691" s="613"/>
      <c r="NUA691" s="613"/>
      <c r="NUB691" s="613"/>
      <c r="NUC691" s="613"/>
      <c r="NUD691" s="613"/>
      <c r="NUE691" s="613"/>
      <c r="NUF691" s="613"/>
      <c r="NUG691" s="613"/>
      <c r="NUH691" s="613"/>
      <c r="NUI691" s="613"/>
      <c r="NUJ691" s="613"/>
      <c r="NUK691" s="613"/>
      <c r="NUL691" s="613"/>
      <c r="NUM691" s="613"/>
      <c r="NUN691" s="613"/>
      <c r="NUO691" s="613"/>
      <c r="NUP691" s="613"/>
      <c r="NUQ691" s="613"/>
      <c r="NUR691" s="613"/>
      <c r="NUS691" s="613"/>
      <c r="NUT691" s="613"/>
      <c r="NUU691" s="613"/>
      <c r="NUV691" s="613"/>
      <c r="NUW691" s="613"/>
      <c r="NUX691" s="613"/>
      <c r="NUY691" s="613"/>
      <c r="NUZ691" s="613"/>
      <c r="NVA691" s="613"/>
      <c r="NVB691" s="613"/>
      <c r="NVC691" s="613"/>
      <c r="NVD691" s="613"/>
      <c r="NVE691" s="613"/>
      <c r="NVF691" s="613"/>
      <c r="NVG691" s="613"/>
      <c r="NVH691" s="613"/>
      <c r="NVI691" s="613"/>
      <c r="NVJ691" s="613"/>
      <c r="NVK691" s="613"/>
      <c r="NVL691" s="613"/>
      <c r="NVM691" s="613"/>
      <c r="NVN691" s="613"/>
      <c r="NVO691" s="613"/>
      <c r="NVP691" s="613"/>
      <c r="NVQ691" s="613"/>
      <c r="NVR691" s="613"/>
      <c r="NVS691" s="613"/>
      <c r="NVT691" s="613"/>
      <c r="NVU691" s="613"/>
      <c r="NVV691" s="613"/>
      <c r="NVW691" s="613"/>
      <c r="NVX691" s="613"/>
      <c r="NVY691" s="613"/>
      <c r="NVZ691" s="613"/>
      <c r="NWA691" s="613"/>
      <c r="NWB691" s="613"/>
      <c r="NWC691" s="613"/>
      <c r="NWD691" s="613"/>
      <c r="NWE691" s="613"/>
      <c r="NWF691" s="613"/>
      <c r="NWG691" s="613"/>
      <c r="NWH691" s="613"/>
      <c r="NWI691" s="613"/>
      <c r="NWJ691" s="613"/>
      <c r="NWK691" s="613"/>
      <c r="NWL691" s="613"/>
      <c r="NWM691" s="613"/>
      <c r="NWN691" s="613"/>
      <c r="NWO691" s="613"/>
      <c r="NWP691" s="613"/>
      <c r="NWQ691" s="613"/>
      <c r="NWR691" s="613"/>
      <c r="NWS691" s="613"/>
      <c r="NWT691" s="613"/>
      <c r="NWU691" s="613"/>
      <c r="NWV691" s="613"/>
      <c r="NWW691" s="613"/>
      <c r="NWX691" s="613"/>
      <c r="NWY691" s="613"/>
      <c r="NWZ691" s="613"/>
      <c r="NXA691" s="613"/>
      <c r="NXB691" s="613"/>
      <c r="NXC691" s="613"/>
      <c r="NXD691" s="613"/>
      <c r="NXE691" s="613"/>
      <c r="NXF691" s="613"/>
      <c r="NXG691" s="613"/>
      <c r="NXH691" s="613"/>
      <c r="NXI691" s="613"/>
      <c r="NXJ691" s="613"/>
      <c r="NXK691" s="613"/>
      <c r="NXL691" s="613"/>
      <c r="NXM691" s="613"/>
      <c r="NXN691" s="613"/>
      <c r="NXO691" s="613"/>
      <c r="NXP691" s="613"/>
      <c r="NXQ691" s="613"/>
      <c r="NXR691" s="613"/>
      <c r="NXS691" s="613"/>
      <c r="NXT691" s="613"/>
      <c r="NXU691" s="613"/>
      <c r="NXV691" s="613"/>
      <c r="NXW691" s="613"/>
      <c r="NXX691" s="613"/>
      <c r="NXY691" s="613"/>
      <c r="NXZ691" s="613"/>
      <c r="NYA691" s="613"/>
      <c r="NYB691" s="613"/>
      <c r="NYC691" s="613"/>
      <c r="NYD691" s="613"/>
      <c r="NYE691" s="613"/>
      <c r="NYF691" s="613"/>
      <c r="NYG691" s="613"/>
      <c r="NYH691" s="613"/>
      <c r="NYI691" s="613"/>
      <c r="NYJ691" s="613"/>
      <c r="NYK691" s="613"/>
      <c r="NYL691" s="613"/>
      <c r="NYM691" s="613"/>
      <c r="NYN691" s="613"/>
      <c r="NYO691" s="613"/>
      <c r="NYP691" s="613"/>
      <c r="NYQ691" s="613"/>
      <c r="NYR691" s="613"/>
      <c r="NYS691" s="613"/>
      <c r="NYT691" s="613"/>
      <c r="NYU691" s="613"/>
      <c r="NYV691" s="613"/>
      <c r="NYW691" s="613"/>
      <c r="NYX691" s="613"/>
      <c r="NYY691" s="613"/>
      <c r="NYZ691" s="613"/>
      <c r="NZA691" s="613"/>
      <c r="NZB691" s="613"/>
      <c r="NZC691" s="613"/>
      <c r="NZD691" s="613"/>
      <c r="NZE691" s="613"/>
      <c r="NZF691" s="613"/>
      <c r="NZG691" s="613"/>
      <c r="NZH691" s="613"/>
      <c r="NZI691" s="613"/>
      <c r="NZJ691" s="613"/>
      <c r="NZK691" s="613"/>
      <c r="NZL691" s="613"/>
      <c r="NZM691" s="613"/>
      <c r="NZN691" s="613"/>
      <c r="NZO691" s="613"/>
      <c r="NZP691" s="613"/>
      <c r="NZQ691" s="613"/>
      <c r="NZR691" s="613"/>
      <c r="NZS691" s="613"/>
      <c r="NZT691" s="613"/>
      <c r="NZU691" s="613"/>
      <c r="NZV691" s="613"/>
      <c r="NZW691" s="613"/>
      <c r="NZX691" s="613"/>
      <c r="NZY691" s="613"/>
      <c r="NZZ691" s="613"/>
      <c r="OAA691" s="613"/>
      <c r="OAB691" s="613"/>
      <c r="OAC691" s="613"/>
      <c r="OAD691" s="613"/>
      <c r="OAE691" s="613"/>
      <c r="OAF691" s="613"/>
      <c r="OAG691" s="613"/>
      <c r="OAH691" s="613"/>
      <c r="OAI691" s="613"/>
      <c r="OAJ691" s="613"/>
      <c r="OAK691" s="613"/>
      <c r="OAL691" s="613"/>
      <c r="OAM691" s="613"/>
      <c r="OAN691" s="613"/>
      <c r="OAO691" s="613"/>
      <c r="OAP691" s="613"/>
      <c r="OAQ691" s="613"/>
      <c r="OAR691" s="613"/>
      <c r="OAS691" s="613"/>
      <c r="OAT691" s="613"/>
      <c r="OAU691" s="613"/>
      <c r="OAV691" s="613"/>
      <c r="OAW691" s="613"/>
      <c r="OAX691" s="613"/>
      <c r="OAY691" s="613"/>
      <c r="OAZ691" s="613"/>
      <c r="OBA691" s="613"/>
      <c r="OBB691" s="613"/>
      <c r="OBC691" s="613"/>
      <c r="OBD691" s="613"/>
      <c r="OBE691" s="613"/>
      <c r="OBF691" s="613"/>
      <c r="OBG691" s="613"/>
      <c r="OBH691" s="613"/>
      <c r="OBI691" s="613"/>
      <c r="OBJ691" s="613"/>
      <c r="OBK691" s="613"/>
      <c r="OBL691" s="613"/>
      <c r="OBM691" s="613"/>
      <c r="OBN691" s="613"/>
      <c r="OBO691" s="613"/>
      <c r="OBP691" s="613"/>
      <c r="OBQ691" s="613"/>
      <c r="OBR691" s="613"/>
      <c r="OBS691" s="613"/>
      <c r="OBT691" s="613"/>
      <c r="OBU691" s="613"/>
      <c r="OBV691" s="613"/>
      <c r="OBW691" s="613"/>
      <c r="OBX691" s="613"/>
      <c r="OBY691" s="613"/>
      <c r="OBZ691" s="613"/>
      <c r="OCA691" s="613"/>
      <c r="OCB691" s="613"/>
      <c r="OCC691" s="613"/>
      <c r="OCD691" s="613"/>
      <c r="OCE691" s="613"/>
      <c r="OCF691" s="613"/>
      <c r="OCG691" s="613"/>
      <c r="OCH691" s="613"/>
      <c r="OCI691" s="613"/>
      <c r="OCJ691" s="613"/>
      <c r="OCK691" s="613"/>
      <c r="OCL691" s="613"/>
      <c r="OCM691" s="613"/>
      <c r="OCN691" s="613"/>
      <c r="OCO691" s="613"/>
      <c r="OCP691" s="613"/>
      <c r="OCQ691" s="613"/>
      <c r="OCR691" s="613"/>
      <c r="OCS691" s="613"/>
      <c r="OCT691" s="613"/>
      <c r="OCU691" s="613"/>
      <c r="OCV691" s="613"/>
      <c r="OCW691" s="613"/>
      <c r="OCX691" s="613"/>
      <c r="OCY691" s="613"/>
      <c r="OCZ691" s="613"/>
      <c r="ODA691" s="613"/>
      <c r="ODB691" s="613"/>
      <c r="ODC691" s="613"/>
      <c r="ODD691" s="613"/>
      <c r="ODE691" s="613"/>
      <c r="ODF691" s="613"/>
      <c r="ODG691" s="613"/>
      <c r="ODH691" s="613"/>
      <c r="ODI691" s="613"/>
      <c r="ODJ691" s="613"/>
      <c r="ODK691" s="613"/>
      <c r="ODL691" s="613"/>
      <c r="ODM691" s="613"/>
      <c r="ODN691" s="613"/>
      <c r="ODO691" s="613"/>
      <c r="ODP691" s="613"/>
      <c r="ODQ691" s="613"/>
      <c r="ODR691" s="613"/>
      <c r="ODS691" s="613"/>
      <c r="ODT691" s="613"/>
      <c r="ODU691" s="613"/>
      <c r="ODV691" s="613"/>
      <c r="ODW691" s="613"/>
      <c r="ODX691" s="613"/>
      <c r="ODY691" s="613"/>
      <c r="ODZ691" s="613"/>
      <c r="OEA691" s="613"/>
      <c r="OEB691" s="613"/>
      <c r="OEC691" s="613"/>
      <c r="OED691" s="613"/>
      <c r="OEE691" s="613"/>
      <c r="OEF691" s="613"/>
      <c r="OEG691" s="613"/>
      <c r="OEH691" s="613"/>
      <c r="OEI691" s="613"/>
      <c r="OEJ691" s="613"/>
      <c r="OEK691" s="613"/>
      <c r="OEL691" s="613"/>
      <c r="OEM691" s="613"/>
      <c r="OEN691" s="613"/>
      <c r="OEO691" s="613"/>
      <c r="OEP691" s="613"/>
      <c r="OEQ691" s="613"/>
      <c r="OER691" s="613"/>
      <c r="OES691" s="613"/>
      <c r="OET691" s="613"/>
      <c r="OEU691" s="613"/>
      <c r="OEV691" s="613"/>
      <c r="OEW691" s="613"/>
      <c r="OEX691" s="613"/>
      <c r="OEY691" s="613"/>
      <c r="OEZ691" s="613"/>
      <c r="OFA691" s="613"/>
      <c r="OFB691" s="613"/>
      <c r="OFC691" s="613"/>
      <c r="OFD691" s="613"/>
      <c r="OFE691" s="613"/>
      <c r="OFF691" s="613"/>
      <c r="OFG691" s="613"/>
      <c r="OFH691" s="613"/>
      <c r="OFI691" s="613"/>
      <c r="OFJ691" s="613"/>
      <c r="OFK691" s="613"/>
      <c r="OFL691" s="613"/>
      <c r="OFM691" s="613"/>
      <c r="OFN691" s="613"/>
      <c r="OFO691" s="613"/>
      <c r="OFP691" s="613"/>
      <c r="OFQ691" s="613"/>
      <c r="OFR691" s="613"/>
      <c r="OFS691" s="613"/>
      <c r="OFT691" s="613"/>
      <c r="OFU691" s="613"/>
      <c r="OFV691" s="613"/>
      <c r="OFW691" s="613"/>
      <c r="OFX691" s="613"/>
      <c r="OFY691" s="613"/>
      <c r="OFZ691" s="613"/>
      <c r="OGA691" s="613"/>
      <c r="OGB691" s="613"/>
      <c r="OGC691" s="613"/>
      <c r="OGD691" s="613"/>
      <c r="OGE691" s="613"/>
      <c r="OGF691" s="613"/>
      <c r="OGG691" s="613"/>
      <c r="OGH691" s="613"/>
      <c r="OGI691" s="613"/>
      <c r="OGJ691" s="613"/>
      <c r="OGK691" s="613"/>
      <c r="OGL691" s="613"/>
      <c r="OGM691" s="613"/>
      <c r="OGN691" s="613"/>
      <c r="OGO691" s="613"/>
      <c r="OGP691" s="613"/>
      <c r="OGQ691" s="613"/>
      <c r="OGR691" s="613"/>
      <c r="OGS691" s="613"/>
      <c r="OGT691" s="613"/>
      <c r="OGU691" s="613"/>
      <c r="OGV691" s="613"/>
      <c r="OGW691" s="613"/>
      <c r="OGX691" s="613"/>
      <c r="OGY691" s="613"/>
      <c r="OGZ691" s="613"/>
      <c r="OHA691" s="613"/>
      <c r="OHB691" s="613"/>
      <c r="OHC691" s="613"/>
      <c r="OHD691" s="613"/>
      <c r="OHE691" s="613"/>
      <c r="OHF691" s="613"/>
      <c r="OHG691" s="613"/>
      <c r="OHH691" s="613"/>
      <c r="OHI691" s="613"/>
      <c r="OHJ691" s="613"/>
      <c r="OHK691" s="613"/>
      <c r="OHL691" s="613"/>
      <c r="OHM691" s="613"/>
      <c r="OHN691" s="613"/>
      <c r="OHO691" s="613"/>
      <c r="OHP691" s="613"/>
      <c r="OHQ691" s="613"/>
      <c r="OHR691" s="613"/>
      <c r="OHS691" s="613"/>
      <c r="OHT691" s="613"/>
      <c r="OHU691" s="613"/>
      <c r="OHV691" s="613"/>
      <c r="OHW691" s="613"/>
      <c r="OHX691" s="613"/>
      <c r="OHY691" s="613"/>
      <c r="OHZ691" s="613"/>
      <c r="OIA691" s="613"/>
      <c r="OIB691" s="613"/>
      <c r="OIC691" s="613"/>
      <c r="OID691" s="613"/>
      <c r="OIE691" s="613"/>
      <c r="OIF691" s="613"/>
      <c r="OIG691" s="613"/>
      <c r="OIH691" s="613"/>
      <c r="OII691" s="613"/>
      <c r="OIJ691" s="613"/>
      <c r="OIK691" s="613"/>
      <c r="OIL691" s="613"/>
      <c r="OIM691" s="613"/>
      <c r="OIN691" s="613"/>
      <c r="OIO691" s="613"/>
      <c r="OIP691" s="613"/>
      <c r="OIQ691" s="613"/>
      <c r="OIR691" s="613"/>
      <c r="OIS691" s="613"/>
      <c r="OIT691" s="613"/>
      <c r="OIU691" s="613"/>
      <c r="OIV691" s="613"/>
      <c r="OIW691" s="613"/>
      <c r="OIX691" s="613"/>
      <c r="OIY691" s="613"/>
      <c r="OIZ691" s="613"/>
      <c r="OJA691" s="613"/>
      <c r="OJB691" s="613"/>
      <c r="OJC691" s="613"/>
      <c r="OJD691" s="613"/>
      <c r="OJE691" s="613"/>
      <c r="OJF691" s="613"/>
      <c r="OJG691" s="613"/>
      <c r="OJH691" s="613"/>
      <c r="OJI691" s="613"/>
      <c r="OJJ691" s="613"/>
      <c r="OJK691" s="613"/>
      <c r="OJL691" s="613"/>
      <c r="OJM691" s="613"/>
      <c r="OJN691" s="613"/>
      <c r="OJO691" s="613"/>
      <c r="OJP691" s="613"/>
      <c r="OJQ691" s="613"/>
      <c r="OJR691" s="613"/>
      <c r="OJS691" s="613"/>
      <c r="OJT691" s="613"/>
      <c r="OJU691" s="613"/>
      <c r="OJV691" s="613"/>
      <c r="OJW691" s="613"/>
      <c r="OJX691" s="613"/>
      <c r="OJY691" s="613"/>
      <c r="OJZ691" s="613"/>
      <c r="OKA691" s="613"/>
      <c r="OKB691" s="613"/>
      <c r="OKC691" s="613"/>
      <c r="OKD691" s="613"/>
      <c r="OKE691" s="613"/>
      <c r="OKF691" s="613"/>
      <c r="OKG691" s="613"/>
      <c r="OKH691" s="613"/>
      <c r="OKI691" s="613"/>
      <c r="OKJ691" s="613"/>
      <c r="OKK691" s="613"/>
      <c r="OKL691" s="613"/>
      <c r="OKM691" s="613"/>
      <c r="OKN691" s="613"/>
      <c r="OKO691" s="613"/>
      <c r="OKP691" s="613"/>
      <c r="OKQ691" s="613"/>
      <c r="OKR691" s="613"/>
      <c r="OKS691" s="613"/>
      <c r="OKT691" s="613"/>
      <c r="OKU691" s="613"/>
      <c r="OKV691" s="613"/>
      <c r="OKW691" s="613"/>
      <c r="OKX691" s="613"/>
      <c r="OKY691" s="613"/>
      <c r="OKZ691" s="613"/>
      <c r="OLA691" s="613"/>
      <c r="OLB691" s="613"/>
      <c r="OLC691" s="613"/>
      <c r="OLD691" s="613"/>
      <c r="OLE691" s="613"/>
      <c r="OLF691" s="613"/>
      <c r="OLG691" s="613"/>
      <c r="OLH691" s="613"/>
      <c r="OLI691" s="613"/>
      <c r="OLJ691" s="613"/>
      <c r="OLK691" s="613"/>
      <c r="OLL691" s="613"/>
      <c r="OLM691" s="613"/>
      <c r="OLN691" s="613"/>
      <c r="OLO691" s="613"/>
      <c r="OLP691" s="613"/>
      <c r="OLQ691" s="613"/>
      <c r="OLR691" s="613"/>
      <c r="OLS691" s="613"/>
      <c r="OLT691" s="613"/>
      <c r="OLU691" s="613"/>
      <c r="OLV691" s="613"/>
      <c r="OLW691" s="613"/>
      <c r="OLX691" s="613"/>
      <c r="OLY691" s="613"/>
      <c r="OLZ691" s="613"/>
      <c r="OMA691" s="613"/>
      <c r="OMB691" s="613"/>
      <c r="OMC691" s="613"/>
      <c r="OMD691" s="613"/>
      <c r="OME691" s="613"/>
      <c r="OMF691" s="613"/>
      <c r="OMG691" s="613"/>
      <c r="OMH691" s="613"/>
      <c r="OMI691" s="613"/>
      <c r="OMJ691" s="613"/>
      <c r="OMK691" s="613"/>
      <c r="OML691" s="613"/>
      <c r="OMM691" s="613"/>
      <c r="OMN691" s="613"/>
      <c r="OMO691" s="613"/>
      <c r="OMP691" s="613"/>
      <c r="OMQ691" s="613"/>
      <c r="OMR691" s="613"/>
      <c r="OMS691" s="613"/>
      <c r="OMT691" s="613"/>
      <c r="OMU691" s="613"/>
      <c r="OMV691" s="613"/>
      <c r="OMW691" s="613"/>
      <c r="OMX691" s="613"/>
      <c r="OMY691" s="613"/>
      <c r="OMZ691" s="613"/>
      <c r="ONA691" s="613"/>
      <c r="ONB691" s="613"/>
      <c r="ONC691" s="613"/>
      <c r="OND691" s="613"/>
      <c r="ONE691" s="613"/>
      <c r="ONF691" s="613"/>
      <c r="ONG691" s="613"/>
      <c r="ONH691" s="613"/>
      <c r="ONI691" s="613"/>
      <c r="ONJ691" s="613"/>
      <c r="ONK691" s="613"/>
      <c r="ONL691" s="613"/>
      <c r="ONM691" s="613"/>
      <c r="ONN691" s="613"/>
      <c r="ONO691" s="613"/>
      <c r="ONP691" s="613"/>
      <c r="ONQ691" s="613"/>
      <c r="ONR691" s="613"/>
      <c r="ONS691" s="613"/>
      <c r="ONT691" s="613"/>
      <c r="ONU691" s="613"/>
      <c r="ONV691" s="613"/>
      <c r="ONW691" s="613"/>
      <c r="ONX691" s="613"/>
      <c r="ONY691" s="613"/>
      <c r="ONZ691" s="613"/>
      <c r="OOA691" s="613"/>
      <c r="OOB691" s="613"/>
      <c r="OOC691" s="613"/>
      <c r="OOD691" s="613"/>
      <c r="OOE691" s="613"/>
      <c r="OOF691" s="613"/>
      <c r="OOG691" s="613"/>
      <c r="OOH691" s="613"/>
      <c r="OOI691" s="613"/>
      <c r="OOJ691" s="613"/>
      <c r="OOK691" s="613"/>
      <c r="OOL691" s="613"/>
      <c r="OOM691" s="613"/>
      <c r="OON691" s="613"/>
      <c r="OOO691" s="613"/>
      <c r="OOP691" s="613"/>
      <c r="OOQ691" s="613"/>
      <c r="OOR691" s="613"/>
      <c r="OOS691" s="613"/>
      <c r="OOT691" s="613"/>
      <c r="OOU691" s="613"/>
      <c r="OOV691" s="613"/>
      <c r="OOW691" s="613"/>
      <c r="OOX691" s="613"/>
      <c r="OOY691" s="613"/>
      <c r="OOZ691" s="613"/>
      <c r="OPA691" s="613"/>
      <c r="OPB691" s="613"/>
      <c r="OPC691" s="613"/>
      <c r="OPD691" s="613"/>
      <c r="OPE691" s="613"/>
      <c r="OPF691" s="613"/>
      <c r="OPG691" s="613"/>
      <c r="OPH691" s="613"/>
      <c r="OPI691" s="613"/>
      <c r="OPJ691" s="613"/>
      <c r="OPK691" s="613"/>
      <c r="OPL691" s="613"/>
      <c r="OPM691" s="613"/>
      <c r="OPN691" s="613"/>
      <c r="OPO691" s="613"/>
      <c r="OPP691" s="613"/>
      <c r="OPQ691" s="613"/>
      <c r="OPR691" s="613"/>
      <c r="OPS691" s="613"/>
      <c r="OPT691" s="613"/>
      <c r="OPU691" s="613"/>
      <c r="OPV691" s="613"/>
      <c r="OPW691" s="613"/>
      <c r="OPX691" s="613"/>
      <c r="OPY691" s="613"/>
      <c r="OPZ691" s="613"/>
      <c r="OQA691" s="613"/>
      <c r="OQB691" s="613"/>
      <c r="OQC691" s="613"/>
      <c r="OQD691" s="613"/>
      <c r="OQE691" s="613"/>
      <c r="OQF691" s="613"/>
      <c r="OQG691" s="613"/>
      <c r="OQH691" s="613"/>
      <c r="OQI691" s="613"/>
      <c r="OQJ691" s="613"/>
      <c r="OQK691" s="613"/>
      <c r="OQL691" s="613"/>
      <c r="OQM691" s="613"/>
      <c r="OQN691" s="613"/>
      <c r="OQO691" s="613"/>
      <c r="OQP691" s="613"/>
      <c r="OQQ691" s="613"/>
      <c r="OQR691" s="613"/>
      <c r="OQS691" s="613"/>
      <c r="OQT691" s="613"/>
      <c r="OQU691" s="613"/>
      <c r="OQV691" s="613"/>
      <c r="OQW691" s="613"/>
      <c r="OQX691" s="613"/>
      <c r="OQY691" s="613"/>
      <c r="OQZ691" s="613"/>
      <c r="ORA691" s="613"/>
      <c r="ORB691" s="613"/>
      <c r="ORC691" s="613"/>
      <c r="ORD691" s="613"/>
      <c r="ORE691" s="613"/>
      <c r="ORF691" s="613"/>
      <c r="ORG691" s="613"/>
      <c r="ORH691" s="613"/>
      <c r="ORI691" s="613"/>
      <c r="ORJ691" s="613"/>
      <c r="ORK691" s="613"/>
      <c r="ORL691" s="613"/>
      <c r="ORM691" s="613"/>
      <c r="ORN691" s="613"/>
      <c r="ORO691" s="613"/>
      <c r="ORP691" s="613"/>
      <c r="ORQ691" s="613"/>
      <c r="ORR691" s="613"/>
      <c r="ORS691" s="613"/>
      <c r="ORT691" s="613"/>
      <c r="ORU691" s="613"/>
      <c r="ORV691" s="613"/>
      <c r="ORW691" s="613"/>
      <c r="ORX691" s="613"/>
      <c r="ORY691" s="613"/>
      <c r="ORZ691" s="613"/>
      <c r="OSA691" s="613"/>
      <c r="OSB691" s="613"/>
      <c r="OSC691" s="613"/>
      <c r="OSD691" s="613"/>
      <c r="OSE691" s="613"/>
      <c r="OSF691" s="613"/>
      <c r="OSG691" s="613"/>
      <c r="OSH691" s="613"/>
      <c r="OSI691" s="613"/>
      <c r="OSJ691" s="613"/>
      <c r="OSK691" s="613"/>
      <c r="OSL691" s="613"/>
      <c r="OSM691" s="613"/>
      <c r="OSN691" s="613"/>
      <c r="OSO691" s="613"/>
      <c r="OSP691" s="613"/>
      <c r="OSQ691" s="613"/>
      <c r="OSR691" s="613"/>
      <c r="OSS691" s="613"/>
      <c r="OST691" s="613"/>
      <c r="OSU691" s="613"/>
      <c r="OSV691" s="613"/>
      <c r="OSW691" s="613"/>
      <c r="OSX691" s="613"/>
      <c r="OSY691" s="613"/>
      <c r="OSZ691" s="613"/>
      <c r="OTA691" s="613"/>
      <c r="OTB691" s="613"/>
      <c r="OTC691" s="613"/>
      <c r="OTD691" s="613"/>
      <c r="OTE691" s="613"/>
      <c r="OTF691" s="613"/>
      <c r="OTG691" s="613"/>
      <c r="OTH691" s="613"/>
      <c r="OTI691" s="613"/>
      <c r="OTJ691" s="613"/>
      <c r="OTK691" s="613"/>
      <c r="OTL691" s="613"/>
      <c r="OTM691" s="613"/>
      <c r="OTN691" s="613"/>
      <c r="OTO691" s="613"/>
      <c r="OTP691" s="613"/>
      <c r="OTQ691" s="613"/>
      <c r="OTR691" s="613"/>
      <c r="OTS691" s="613"/>
      <c r="OTT691" s="613"/>
      <c r="OTU691" s="613"/>
      <c r="OTV691" s="613"/>
      <c r="OTW691" s="613"/>
      <c r="OTX691" s="613"/>
      <c r="OTY691" s="613"/>
      <c r="OTZ691" s="613"/>
      <c r="OUA691" s="613"/>
      <c r="OUB691" s="613"/>
      <c r="OUC691" s="613"/>
      <c r="OUD691" s="613"/>
      <c r="OUE691" s="613"/>
      <c r="OUF691" s="613"/>
      <c r="OUG691" s="613"/>
      <c r="OUH691" s="613"/>
      <c r="OUI691" s="613"/>
      <c r="OUJ691" s="613"/>
      <c r="OUK691" s="613"/>
      <c r="OUL691" s="613"/>
      <c r="OUM691" s="613"/>
      <c r="OUN691" s="613"/>
      <c r="OUO691" s="613"/>
      <c r="OUP691" s="613"/>
      <c r="OUQ691" s="613"/>
      <c r="OUR691" s="613"/>
      <c r="OUS691" s="613"/>
      <c r="OUT691" s="613"/>
      <c r="OUU691" s="613"/>
      <c r="OUV691" s="613"/>
      <c r="OUW691" s="613"/>
      <c r="OUX691" s="613"/>
      <c r="OUY691" s="613"/>
      <c r="OUZ691" s="613"/>
      <c r="OVA691" s="613"/>
      <c r="OVB691" s="613"/>
      <c r="OVC691" s="613"/>
      <c r="OVD691" s="613"/>
      <c r="OVE691" s="613"/>
      <c r="OVF691" s="613"/>
      <c r="OVG691" s="613"/>
      <c r="OVH691" s="613"/>
      <c r="OVI691" s="613"/>
      <c r="OVJ691" s="613"/>
      <c r="OVK691" s="613"/>
      <c r="OVL691" s="613"/>
      <c r="OVM691" s="613"/>
      <c r="OVN691" s="613"/>
      <c r="OVO691" s="613"/>
      <c r="OVP691" s="613"/>
      <c r="OVQ691" s="613"/>
      <c r="OVR691" s="613"/>
      <c r="OVS691" s="613"/>
      <c r="OVT691" s="613"/>
      <c r="OVU691" s="613"/>
      <c r="OVV691" s="613"/>
      <c r="OVW691" s="613"/>
      <c r="OVX691" s="613"/>
      <c r="OVY691" s="613"/>
      <c r="OVZ691" s="613"/>
      <c r="OWA691" s="613"/>
      <c r="OWB691" s="613"/>
      <c r="OWC691" s="613"/>
      <c r="OWD691" s="613"/>
      <c r="OWE691" s="613"/>
      <c r="OWF691" s="613"/>
      <c r="OWG691" s="613"/>
      <c r="OWH691" s="613"/>
      <c r="OWI691" s="613"/>
      <c r="OWJ691" s="613"/>
      <c r="OWK691" s="613"/>
      <c r="OWL691" s="613"/>
      <c r="OWM691" s="613"/>
      <c r="OWN691" s="613"/>
      <c r="OWO691" s="613"/>
      <c r="OWP691" s="613"/>
      <c r="OWQ691" s="613"/>
      <c r="OWR691" s="613"/>
      <c r="OWS691" s="613"/>
      <c r="OWT691" s="613"/>
      <c r="OWU691" s="613"/>
      <c r="OWV691" s="613"/>
      <c r="OWW691" s="613"/>
      <c r="OWX691" s="613"/>
      <c r="OWY691" s="613"/>
      <c r="OWZ691" s="613"/>
      <c r="OXA691" s="613"/>
      <c r="OXB691" s="613"/>
      <c r="OXC691" s="613"/>
      <c r="OXD691" s="613"/>
      <c r="OXE691" s="613"/>
      <c r="OXF691" s="613"/>
      <c r="OXG691" s="613"/>
      <c r="OXH691" s="613"/>
      <c r="OXI691" s="613"/>
      <c r="OXJ691" s="613"/>
      <c r="OXK691" s="613"/>
      <c r="OXL691" s="613"/>
      <c r="OXM691" s="613"/>
      <c r="OXN691" s="613"/>
      <c r="OXO691" s="613"/>
      <c r="OXP691" s="613"/>
      <c r="OXQ691" s="613"/>
      <c r="OXR691" s="613"/>
      <c r="OXS691" s="613"/>
      <c r="OXT691" s="613"/>
      <c r="OXU691" s="613"/>
      <c r="OXV691" s="613"/>
      <c r="OXW691" s="613"/>
      <c r="OXX691" s="613"/>
      <c r="OXY691" s="613"/>
      <c r="OXZ691" s="613"/>
      <c r="OYA691" s="613"/>
      <c r="OYB691" s="613"/>
      <c r="OYC691" s="613"/>
      <c r="OYD691" s="613"/>
      <c r="OYE691" s="613"/>
      <c r="OYF691" s="613"/>
      <c r="OYG691" s="613"/>
      <c r="OYH691" s="613"/>
      <c r="OYI691" s="613"/>
      <c r="OYJ691" s="613"/>
      <c r="OYK691" s="613"/>
      <c r="OYL691" s="613"/>
      <c r="OYM691" s="613"/>
      <c r="OYN691" s="613"/>
      <c r="OYO691" s="613"/>
      <c r="OYP691" s="613"/>
      <c r="OYQ691" s="613"/>
      <c r="OYR691" s="613"/>
      <c r="OYS691" s="613"/>
      <c r="OYT691" s="613"/>
      <c r="OYU691" s="613"/>
      <c r="OYV691" s="613"/>
      <c r="OYW691" s="613"/>
      <c r="OYX691" s="613"/>
      <c r="OYY691" s="613"/>
      <c r="OYZ691" s="613"/>
      <c r="OZA691" s="613"/>
      <c r="OZB691" s="613"/>
      <c r="OZC691" s="613"/>
      <c r="OZD691" s="613"/>
      <c r="OZE691" s="613"/>
      <c r="OZF691" s="613"/>
      <c r="OZG691" s="613"/>
      <c r="OZH691" s="613"/>
      <c r="OZI691" s="613"/>
      <c r="OZJ691" s="613"/>
      <c r="OZK691" s="613"/>
      <c r="OZL691" s="613"/>
      <c r="OZM691" s="613"/>
      <c r="OZN691" s="613"/>
      <c r="OZO691" s="613"/>
      <c r="OZP691" s="613"/>
      <c r="OZQ691" s="613"/>
      <c r="OZR691" s="613"/>
      <c r="OZS691" s="613"/>
      <c r="OZT691" s="613"/>
      <c r="OZU691" s="613"/>
      <c r="OZV691" s="613"/>
      <c r="OZW691" s="613"/>
      <c r="OZX691" s="613"/>
      <c r="OZY691" s="613"/>
      <c r="OZZ691" s="613"/>
      <c r="PAA691" s="613"/>
      <c r="PAB691" s="613"/>
      <c r="PAC691" s="613"/>
      <c r="PAD691" s="613"/>
      <c r="PAE691" s="613"/>
      <c r="PAF691" s="613"/>
      <c r="PAG691" s="613"/>
      <c r="PAH691" s="613"/>
      <c r="PAI691" s="613"/>
      <c r="PAJ691" s="613"/>
      <c r="PAK691" s="613"/>
      <c r="PAL691" s="613"/>
      <c r="PAM691" s="613"/>
      <c r="PAN691" s="613"/>
      <c r="PAO691" s="613"/>
      <c r="PAP691" s="613"/>
      <c r="PAQ691" s="613"/>
      <c r="PAR691" s="613"/>
      <c r="PAS691" s="613"/>
      <c r="PAT691" s="613"/>
      <c r="PAU691" s="613"/>
      <c r="PAV691" s="613"/>
      <c r="PAW691" s="613"/>
      <c r="PAX691" s="613"/>
      <c r="PAY691" s="613"/>
      <c r="PAZ691" s="613"/>
      <c r="PBA691" s="613"/>
      <c r="PBB691" s="613"/>
      <c r="PBC691" s="613"/>
      <c r="PBD691" s="613"/>
      <c r="PBE691" s="613"/>
      <c r="PBF691" s="613"/>
      <c r="PBG691" s="613"/>
      <c r="PBH691" s="613"/>
      <c r="PBI691" s="613"/>
      <c r="PBJ691" s="613"/>
      <c r="PBK691" s="613"/>
      <c r="PBL691" s="613"/>
      <c r="PBM691" s="613"/>
      <c r="PBN691" s="613"/>
      <c r="PBO691" s="613"/>
      <c r="PBP691" s="613"/>
      <c r="PBQ691" s="613"/>
      <c r="PBR691" s="613"/>
      <c r="PBS691" s="613"/>
      <c r="PBT691" s="613"/>
      <c r="PBU691" s="613"/>
      <c r="PBV691" s="613"/>
      <c r="PBW691" s="613"/>
      <c r="PBX691" s="613"/>
      <c r="PBY691" s="613"/>
      <c r="PBZ691" s="613"/>
      <c r="PCA691" s="613"/>
      <c r="PCB691" s="613"/>
      <c r="PCC691" s="613"/>
      <c r="PCD691" s="613"/>
      <c r="PCE691" s="613"/>
      <c r="PCF691" s="613"/>
      <c r="PCG691" s="613"/>
      <c r="PCH691" s="613"/>
      <c r="PCI691" s="613"/>
      <c r="PCJ691" s="613"/>
      <c r="PCK691" s="613"/>
      <c r="PCL691" s="613"/>
      <c r="PCM691" s="613"/>
      <c r="PCN691" s="613"/>
      <c r="PCO691" s="613"/>
      <c r="PCP691" s="613"/>
      <c r="PCQ691" s="613"/>
      <c r="PCR691" s="613"/>
      <c r="PCS691" s="613"/>
      <c r="PCT691" s="613"/>
      <c r="PCU691" s="613"/>
      <c r="PCV691" s="613"/>
      <c r="PCW691" s="613"/>
      <c r="PCX691" s="613"/>
      <c r="PCY691" s="613"/>
      <c r="PCZ691" s="613"/>
      <c r="PDA691" s="613"/>
      <c r="PDB691" s="613"/>
      <c r="PDC691" s="613"/>
      <c r="PDD691" s="613"/>
      <c r="PDE691" s="613"/>
      <c r="PDF691" s="613"/>
      <c r="PDG691" s="613"/>
      <c r="PDH691" s="613"/>
      <c r="PDI691" s="613"/>
      <c r="PDJ691" s="613"/>
      <c r="PDK691" s="613"/>
      <c r="PDL691" s="613"/>
      <c r="PDM691" s="613"/>
      <c r="PDN691" s="613"/>
      <c r="PDO691" s="613"/>
      <c r="PDP691" s="613"/>
      <c r="PDQ691" s="613"/>
      <c r="PDR691" s="613"/>
      <c r="PDS691" s="613"/>
      <c r="PDT691" s="613"/>
      <c r="PDU691" s="613"/>
      <c r="PDV691" s="613"/>
      <c r="PDW691" s="613"/>
      <c r="PDX691" s="613"/>
      <c r="PDY691" s="613"/>
      <c r="PDZ691" s="613"/>
      <c r="PEA691" s="613"/>
      <c r="PEB691" s="613"/>
      <c r="PEC691" s="613"/>
      <c r="PED691" s="613"/>
      <c r="PEE691" s="613"/>
      <c r="PEF691" s="613"/>
      <c r="PEG691" s="613"/>
      <c r="PEH691" s="613"/>
      <c r="PEI691" s="613"/>
      <c r="PEJ691" s="613"/>
      <c r="PEK691" s="613"/>
      <c r="PEL691" s="613"/>
      <c r="PEM691" s="613"/>
      <c r="PEN691" s="613"/>
      <c r="PEO691" s="613"/>
      <c r="PEP691" s="613"/>
      <c r="PEQ691" s="613"/>
      <c r="PER691" s="613"/>
      <c r="PES691" s="613"/>
      <c r="PET691" s="613"/>
      <c r="PEU691" s="613"/>
      <c r="PEV691" s="613"/>
      <c r="PEW691" s="613"/>
      <c r="PEX691" s="613"/>
      <c r="PEY691" s="613"/>
      <c r="PEZ691" s="613"/>
      <c r="PFA691" s="613"/>
      <c r="PFB691" s="613"/>
      <c r="PFC691" s="613"/>
      <c r="PFD691" s="613"/>
      <c r="PFE691" s="613"/>
      <c r="PFF691" s="613"/>
      <c r="PFG691" s="613"/>
      <c r="PFH691" s="613"/>
      <c r="PFI691" s="613"/>
      <c r="PFJ691" s="613"/>
      <c r="PFK691" s="613"/>
      <c r="PFL691" s="613"/>
      <c r="PFM691" s="613"/>
      <c r="PFN691" s="613"/>
      <c r="PFO691" s="613"/>
      <c r="PFP691" s="613"/>
      <c r="PFQ691" s="613"/>
      <c r="PFR691" s="613"/>
      <c r="PFS691" s="613"/>
      <c r="PFT691" s="613"/>
      <c r="PFU691" s="613"/>
      <c r="PFV691" s="613"/>
      <c r="PFW691" s="613"/>
      <c r="PFX691" s="613"/>
      <c r="PFY691" s="613"/>
      <c r="PFZ691" s="613"/>
      <c r="PGA691" s="613"/>
      <c r="PGB691" s="613"/>
      <c r="PGC691" s="613"/>
      <c r="PGD691" s="613"/>
      <c r="PGE691" s="613"/>
      <c r="PGF691" s="613"/>
      <c r="PGG691" s="613"/>
      <c r="PGH691" s="613"/>
      <c r="PGI691" s="613"/>
      <c r="PGJ691" s="613"/>
      <c r="PGK691" s="613"/>
      <c r="PGL691" s="613"/>
      <c r="PGM691" s="613"/>
      <c r="PGN691" s="613"/>
      <c r="PGO691" s="613"/>
      <c r="PGP691" s="613"/>
      <c r="PGQ691" s="613"/>
      <c r="PGR691" s="613"/>
      <c r="PGS691" s="613"/>
      <c r="PGT691" s="613"/>
      <c r="PGU691" s="613"/>
      <c r="PGV691" s="613"/>
      <c r="PGW691" s="613"/>
      <c r="PGX691" s="613"/>
      <c r="PGY691" s="613"/>
      <c r="PGZ691" s="613"/>
      <c r="PHA691" s="613"/>
      <c r="PHB691" s="613"/>
      <c r="PHC691" s="613"/>
      <c r="PHD691" s="613"/>
      <c r="PHE691" s="613"/>
      <c r="PHF691" s="613"/>
      <c r="PHG691" s="613"/>
      <c r="PHH691" s="613"/>
      <c r="PHI691" s="613"/>
      <c r="PHJ691" s="613"/>
      <c r="PHK691" s="613"/>
      <c r="PHL691" s="613"/>
      <c r="PHM691" s="613"/>
      <c r="PHN691" s="613"/>
      <c r="PHO691" s="613"/>
      <c r="PHP691" s="613"/>
      <c r="PHQ691" s="613"/>
      <c r="PHR691" s="613"/>
      <c r="PHS691" s="613"/>
      <c r="PHT691" s="613"/>
      <c r="PHU691" s="613"/>
      <c r="PHV691" s="613"/>
      <c r="PHW691" s="613"/>
      <c r="PHX691" s="613"/>
      <c r="PHY691" s="613"/>
      <c r="PHZ691" s="613"/>
      <c r="PIA691" s="613"/>
      <c r="PIB691" s="613"/>
      <c r="PIC691" s="613"/>
      <c r="PID691" s="613"/>
      <c r="PIE691" s="613"/>
      <c r="PIF691" s="613"/>
      <c r="PIG691" s="613"/>
      <c r="PIH691" s="613"/>
      <c r="PII691" s="613"/>
      <c r="PIJ691" s="613"/>
      <c r="PIK691" s="613"/>
      <c r="PIL691" s="613"/>
      <c r="PIM691" s="613"/>
      <c r="PIN691" s="613"/>
      <c r="PIO691" s="613"/>
      <c r="PIP691" s="613"/>
      <c r="PIQ691" s="613"/>
      <c r="PIR691" s="613"/>
      <c r="PIS691" s="613"/>
      <c r="PIT691" s="613"/>
      <c r="PIU691" s="613"/>
      <c r="PIV691" s="613"/>
      <c r="PIW691" s="613"/>
      <c r="PIX691" s="613"/>
      <c r="PIY691" s="613"/>
      <c r="PIZ691" s="613"/>
      <c r="PJA691" s="613"/>
      <c r="PJB691" s="613"/>
      <c r="PJC691" s="613"/>
      <c r="PJD691" s="613"/>
      <c r="PJE691" s="613"/>
      <c r="PJF691" s="613"/>
      <c r="PJG691" s="613"/>
      <c r="PJH691" s="613"/>
      <c r="PJI691" s="613"/>
      <c r="PJJ691" s="613"/>
      <c r="PJK691" s="613"/>
      <c r="PJL691" s="613"/>
      <c r="PJM691" s="613"/>
      <c r="PJN691" s="613"/>
      <c r="PJO691" s="613"/>
      <c r="PJP691" s="613"/>
      <c r="PJQ691" s="613"/>
      <c r="PJR691" s="613"/>
      <c r="PJS691" s="613"/>
      <c r="PJT691" s="613"/>
      <c r="PJU691" s="613"/>
      <c r="PJV691" s="613"/>
      <c r="PJW691" s="613"/>
      <c r="PJX691" s="613"/>
      <c r="PJY691" s="613"/>
      <c r="PJZ691" s="613"/>
      <c r="PKA691" s="613"/>
      <c r="PKB691" s="613"/>
      <c r="PKC691" s="613"/>
      <c r="PKD691" s="613"/>
      <c r="PKE691" s="613"/>
      <c r="PKF691" s="613"/>
      <c r="PKG691" s="613"/>
      <c r="PKH691" s="613"/>
      <c r="PKI691" s="613"/>
      <c r="PKJ691" s="613"/>
      <c r="PKK691" s="613"/>
      <c r="PKL691" s="613"/>
      <c r="PKM691" s="613"/>
      <c r="PKN691" s="613"/>
      <c r="PKO691" s="613"/>
      <c r="PKP691" s="613"/>
      <c r="PKQ691" s="613"/>
      <c r="PKR691" s="613"/>
      <c r="PKS691" s="613"/>
      <c r="PKT691" s="613"/>
      <c r="PKU691" s="613"/>
      <c r="PKV691" s="613"/>
      <c r="PKW691" s="613"/>
      <c r="PKX691" s="613"/>
      <c r="PKY691" s="613"/>
      <c r="PKZ691" s="613"/>
      <c r="PLA691" s="613"/>
      <c r="PLB691" s="613"/>
      <c r="PLC691" s="613"/>
      <c r="PLD691" s="613"/>
      <c r="PLE691" s="613"/>
      <c r="PLF691" s="613"/>
      <c r="PLG691" s="613"/>
      <c r="PLH691" s="613"/>
      <c r="PLI691" s="613"/>
      <c r="PLJ691" s="613"/>
      <c r="PLK691" s="613"/>
      <c r="PLL691" s="613"/>
      <c r="PLM691" s="613"/>
      <c r="PLN691" s="613"/>
      <c r="PLO691" s="613"/>
      <c r="PLP691" s="613"/>
      <c r="PLQ691" s="613"/>
      <c r="PLR691" s="613"/>
      <c r="PLS691" s="613"/>
      <c r="PLT691" s="613"/>
      <c r="PLU691" s="613"/>
      <c r="PLV691" s="613"/>
      <c r="PLW691" s="613"/>
      <c r="PLX691" s="613"/>
      <c r="PLY691" s="613"/>
      <c r="PLZ691" s="613"/>
      <c r="PMA691" s="613"/>
      <c r="PMB691" s="613"/>
      <c r="PMC691" s="613"/>
      <c r="PMD691" s="613"/>
      <c r="PME691" s="613"/>
      <c r="PMF691" s="613"/>
      <c r="PMG691" s="613"/>
      <c r="PMH691" s="613"/>
      <c r="PMI691" s="613"/>
      <c r="PMJ691" s="613"/>
      <c r="PMK691" s="613"/>
      <c r="PML691" s="613"/>
      <c r="PMM691" s="613"/>
      <c r="PMN691" s="613"/>
      <c r="PMO691" s="613"/>
      <c r="PMP691" s="613"/>
      <c r="PMQ691" s="613"/>
      <c r="PMR691" s="613"/>
      <c r="PMS691" s="613"/>
      <c r="PMT691" s="613"/>
      <c r="PMU691" s="613"/>
      <c r="PMV691" s="613"/>
      <c r="PMW691" s="613"/>
      <c r="PMX691" s="613"/>
      <c r="PMY691" s="613"/>
      <c r="PMZ691" s="613"/>
      <c r="PNA691" s="613"/>
      <c r="PNB691" s="613"/>
      <c r="PNC691" s="613"/>
      <c r="PND691" s="613"/>
      <c r="PNE691" s="613"/>
      <c r="PNF691" s="613"/>
      <c r="PNG691" s="613"/>
      <c r="PNH691" s="613"/>
      <c r="PNI691" s="613"/>
      <c r="PNJ691" s="613"/>
      <c r="PNK691" s="613"/>
      <c r="PNL691" s="613"/>
      <c r="PNM691" s="613"/>
      <c r="PNN691" s="613"/>
      <c r="PNO691" s="613"/>
      <c r="PNP691" s="613"/>
      <c r="PNQ691" s="613"/>
      <c r="PNR691" s="613"/>
      <c r="PNS691" s="613"/>
      <c r="PNT691" s="613"/>
      <c r="PNU691" s="613"/>
      <c r="PNV691" s="613"/>
      <c r="PNW691" s="613"/>
      <c r="PNX691" s="613"/>
      <c r="PNY691" s="613"/>
      <c r="PNZ691" s="613"/>
      <c r="POA691" s="613"/>
      <c r="POB691" s="613"/>
      <c r="POC691" s="613"/>
      <c r="POD691" s="613"/>
      <c r="POE691" s="613"/>
      <c r="POF691" s="613"/>
      <c r="POG691" s="613"/>
      <c r="POH691" s="613"/>
      <c r="POI691" s="613"/>
      <c r="POJ691" s="613"/>
      <c r="POK691" s="613"/>
      <c r="POL691" s="613"/>
      <c r="POM691" s="613"/>
      <c r="PON691" s="613"/>
      <c r="POO691" s="613"/>
      <c r="POP691" s="613"/>
      <c r="POQ691" s="613"/>
      <c r="POR691" s="613"/>
      <c r="POS691" s="613"/>
      <c r="POT691" s="613"/>
      <c r="POU691" s="613"/>
      <c r="POV691" s="613"/>
      <c r="POW691" s="613"/>
      <c r="POX691" s="613"/>
      <c r="POY691" s="613"/>
      <c r="POZ691" s="613"/>
      <c r="PPA691" s="613"/>
      <c r="PPB691" s="613"/>
      <c r="PPC691" s="613"/>
      <c r="PPD691" s="613"/>
      <c r="PPE691" s="613"/>
      <c r="PPF691" s="613"/>
      <c r="PPG691" s="613"/>
      <c r="PPH691" s="613"/>
      <c r="PPI691" s="613"/>
      <c r="PPJ691" s="613"/>
      <c r="PPK691" s="613"/>
      <c r="PPL691" s="613"/>
      <c r="PPM691" s="613"/>
      <c r="PPN691" s="613"/>
      <c r="PPO691" s="613"/>
      <c r="PPP691" s="613"/>
      <c r="PPQ691" s="613"/>
      <c r="PPR691" s="613"/>
      <c r="PPS691" s="613"/>
      <c r="PPT691" s="613"/>
      <c r="PPU691" s="613"/>
      <c r="PPV691" s="613"/>
      <c r="PPW691" s="613"/>
      <c r="PPX691" s="613"/>
      <c r="PPY691" s="613"/>
      <c r="PPZ691" s="613"/>
      <c r="PQA691" s="613"/>
      <c r="PQB691" s="613"/>
      <c r="PQC691" s="613"/>
      <c r="PQD691" s="613"/>
      <c r="PQE691" s="613"/>
      <c r="PQF691" s="613"/>
      <c r="PQG691" s="613"/>
      <c r="PQH691" s="613"/>
      <c r="PQI691" s="613"/>
      <c r="PQJ691" s="613"/>
      <c r="PQK691" s="613"/>
      <c r="PQL691" s="613"/>
      <c r="PQM691" s="613"/>
      <c r="PQN691" s="613"/>
      <c r="PQO691" s="613"/>
      <c r="PQP691" s="613"/>
      <c r="PQQ691" s="613"/>
      <c r="PQR691" s="613"/>
      <c r="PQS691" s="613"/>
      <c r="PQT691" s="613"/>
      <c r="PQU691" s="613"/>
      <c r="PQV691" s="613"/>
      <c r="PQW691" s="613"/>
      <c r="PQX691" s="613"/>
      <c r="PQY691" s="613"/>
      <c r="PQZ691" s="613"/>
      <c r="PRA691" s="613"/>
      <c r="PRB691" s="613"/>
      <c r="PRC691" s="613"/>
      <c r="PRD691" s="613"/>
      <c r="PRE691" s="613"/>
      <c r="PRF691" s="613"/>
      <c r="PRG691" s="613"/>
      <c r="PRH691" s="613"/>
      <c r="PRI691" s="613"/>
      <c r="PRJ691" s="613"/>
      <c r="PRK691" s="613"/>
      <c r="PRL691" s="613"/>
      <c r="PRM691" s="613"/>
      <c r="PRN691" s="613"/>
      <c r="PRO691" s="613"/>
      <c r="PRP691" s="613"/>
      <c r="PRQ691" s="613"/>
      <c r="PRR691" s="613"/>
      <c r="PRS691" s="613"/>
      <c r="PRT691" s="613"/>
      <c r="PRU691" s="613"/>
      <c r="PRV691" s="613"/>
      <c r="PRW691" s="613"/>
      <c r="PRX691" s="613"/>
      <c r="PRY691" s="613"/>
      <c r="PRZ691" s="613"/>
      <c r="PSA691" s="613"/>
      <c r="PSB691" s="613"/>
      <c r="PSC691" s="613"/>
      <c r="PSD691" s="613"/>
      <c r="PSE691" s="613"/>
      <c r="PSF691" s="613"/>
      <c r="PSG691" s="613"/>
      <c r="PSH691" s="613"/>
      <c r="PSI691" s="613"/>
      <c r="PSJ691" s="613"/>
      <c r="PSK691" s="613"/>
      <c r="PSL691" s="613"/>
      <c r="PSM691" s="613"/>
      <c r="PSN691" s="613"/>
      <c r="PSO691" s="613"/>
      <c r="PSP691" s="613"/>
      <c r="PSQ691" s="613"/>
      <c r="PSR691" s="613"/>
      <c r="PSS691" s="613"/>
      <c r="PST691" s="613"/>
      <c r="PSU691" s="613"/>
      <c r="PSV691" s="613"/>
      <c r="PSW691" s="613"/>
      <c r="PSX691" s="613"/>
      <c r="PSY691" s="613"/>
      <c r="PSZ691" s="613"/>
      <c r="PTA691" s="613"/>
      <c r="PTB691" s="613"/>
      <c r="PTC691" s="613"/>
      <c r="PTD691" s="613"/>
      <c r="PTE691" s="613"/>
      <c r="PTF691" s="613"/>
      <c r="PTG691" s="613"/>
      <c r="PTH691" s="613"/>
      <c r="PTI691" s="613"/>
      <c r="PTJ691" s="613"/>
      <c r="PTK691" s="613"/>
      <c r="PTL691" s="613"/>
      <c r="PTM691" s="613"/>
      <c r="PTN691" s="613"/>
      <c r="PTO691" s="613"/>
      <c r="PTP691" s="613"/>
      <c r="PTQ691" s="613"/>
      <c r="PTR691" s="613"/>
      <c r="PTS691" s="613"/>
      <c r="PTT691" s="613"/>
      <c r="PTU691" s="613"/>
      <c r="PTV691" s="613"/>
      <c r="PTW691" s="613"/>
      <c r="PTX691" s="613"/>
      <c r="PTY691" s="613"/>
      <c r="PTZ691" s="613"/>
      <c r="PUA691" s="613"/>
      <c r="PUB691" s="613"/>
      <c r="PUC691" s="613"/>
      <c r="PUD691" s="613"/>
      <c r="PUE691" s="613"/>
      <c r="PUF691" s="613"/>
      <c r="PUG691" s="613"/>
      <c r="PUH691" s="613"/>
      <c r="PUI691" s="613"/>
      <c r="PUJ691" s="613"/>
      <c r="PUK691" s="613"/>
      <c r="PUL691" s="613"/>
      <c r="PUM691" s="613"/>
      <c r="PUN691" s="613"/>
      <c r="PUO691" s="613"/>
      <c r="PUP691" s="613"/>
      <c r="PUQ691" s="613"/>
      <c r="PUR691" s="613"/>
      <c r="PUS691" s="613"/>
      <c r="PUT691" s="613"/>
      <c r="PUU691" s="613"/>
      <c r="PUV691" s="613"/>
      <c r="PUW691" s="613"/>
      <c r="PUX691" s="613"/>
      <c r="PUY691" s="613"/>
      <c r="PUZ691" s="613"/>
      <c r="PVA691" s="613"/>
      <c r="PVB691" s="613"/>
      <c r="PVC691" s="613"/>
      <c r="PVD691" s="613"/>
      <c r="PVE691" s="613"/>
      <c r="PVF691" s="613"/>
      <c r="PVG691" s="613"/>
      <c r="PVH691" s="613"/>
      <c r="PVI691" s="613"/>
      <c r="PVJ691" s="613"/>
      <c r="PVK691" s="613"/>
      <c r="PVL691" s="613"/>
      <c r="PVM691" s="613"/>
      <c r="PVN691" s="613"/>
      <c r="PVO691" s="613"/>
      <c r="PVP691" s="613"/>
      <c r="PVQ691" s="613"/>
      <c r="PVR691" s="613"/>
      <c r="PVS691" s="613"/>
      <c r="PVT691" s="613"/>
      <c r="PVU691" s="613"/>
      <c r="PVV691" s="613"/>
      <c r="PVW691" s="613"/>
      <c r="PVX691" s="613"/>
      <c r="PVY691" s="613"/>
      <c r="PVZ691" s="613"/>
      <c r="PWA691" s="613"/>
      <c r="PWB691" s="613"/>
      <c r="PWC691" s="613"/>
      <c r="PWD691" s="613"/>
      <c r="PWE691" s="613"/>
      <c r="PWF691" s="613"/>
      <c r="PWG691" s="613"/>
      <c r="PWH691" s="613"/>
      <c r="PWI691" s="613"/>
      <c r="PWJ691" s="613"/>
      <c r="PWK691" s="613"/>
      <c r="PWL691" s="613"/>
      <c r="PWM691" s="613"/>
      <c r="PWN691" s="613"/>
      <c r="PWO691" s="613"/>
      <c r="PWP691" s="613"/>
      <c r="PWQ691" s="613"/>
      <c r="PWR691" s="613"/>
      <c r="PWS691" s="613"/>
      <c r="PWT691" s="613"/>
      <c r="PWU691" s="613"/>
      <c r="PWV691" s="613"/>
      <c r="PWW691" s="613"/>
      <c r="PWX691" s="613"/>
      <c r="PWY691" s="613"/>
      <c r="PWZ691" s="613"/>
      <c r="PXA691" s="613"/>
      <c r="PXB691" s="613"/>
      <c r="PXC691" s="613"/>
      <c r="PXD691" s="613"/>
      <c r="PXE691" s="613"/>
      <c r="PXF691" s="613"/>
      <c r="PXG691" s="613"/>
      <c r="PXH691" s="613"/>
      <c r="PXI691" s="613"/>
      <c r="PXJ691" s="613"/>
      <c r="PXK691" s="613"/>
      <c r="PXL691" s="613"/>
      <c r="PXM691" s="613"/>
      <c r="PXN691" s="613"/>
      <c r="PXO691" s="613"/>
      <c r="PXP691" s="613"/>
      <c r="PXQ691" s="613"/>
      <c r="PXR691" s="613"/>
      <c r="PXS691" s="613"/>
      <c r="PXT691" s="613"/>
      <c r="PXU691" s="613"/>
      <c r="PXV691" s="613"/>
      <c r="PXW691" s="613"/>
      <c r="PXX691" s="613"/>
      <c r="PXY691" s="613"/>
      <c r="PXZ691" s="613"/>
      <c r="PYA691" s="613"/>
      <c r="PYB691" s="613"/>
      <c r="PYC691" s="613"/>
      <c r="PYD691" s="613"/>
      <c r="PYE691" s="613"/>
      <c r="PYF691" s="613"/>
      <c r="PYG691" s="613"/>
      <c r="PYH691" s="613"/>
      <c r="PYI691" s="613"/>
      <c r="PYJ691" s="613"/>
      <c r="PYK691" s="613"/>
      <c r="PYL691" s="613"/>
      <c r="PYM691" s="613"/>
      <c r="PYN691" s="613"/>
      <c r="PYO691" s="613"/>
      <c r="PYP691" s="613"/>
      <c r="PYQ691" s="613"/>
      <c r="PYR691" s="613"/>
      <c r="PYS691" s="613"/>
      <c r="PYT691" s="613"/>
      <c r="PYU691" s="613"/>
      <c r="PYV691" s="613"/>
      <c r="PYW691" s="613"/>
      <c r="PYX691" s="613"/>
      <c r="PYY691" s="613"/>
      <c r="PYZ691" s="613"/>
      <c r="PZA691" s="613"/>
      <c r="PZB691" s="613"/>
      <c r="PZC691" s="613"/>
      <c r="PZD691" s="613"/>
      <c r="PZE691" s="613"/>
      <c r="PZF691" s="613"/>
      <c r="PZG691" s="613"/>
      <c r="PZH691" s="613"/>
      <c r="PZI691" s="613"/>
      <c r="PZJ691" s="613"/>
      <c r="PZK691" s="613"/>
      <c r="PZL691" s="613"/>
      <c r="PZM691" s="613"/>
      <c r="PZN691" s="613"/>
      <c r="PZO691" s="613"/>
      <c r="PZP691" s="613"/>
      <c r="PZQ691" s="613"/>
      <c r="PZR691" s="613"/>
      <c r="PZS691" s="613"/>
      <c r="PZT691" s="613"/>
      <c r="PZU691" s="613"/>
      <c r="PZV691" s="613"/>
      <c r="PZW691" s="613"/>
      <c r="PZX691" s="613"/>
      <c r="PZY691" s="613"/>
      <c r="PZZ691" s="613"/>
      <c r="QAA691" s="613"/>
      <c r="QAB691" s="613"/>
      <c r="QAC691" s="613"/>
      <c r="QAD691" s="613"/>
      <c r="QAE691" s="613"/>
      <c r="QAF691" s="613"/>
      <c r="QAG691" s="613"/>
      <c r="QAH691" s="613"/>
      <c r="QAI691" s="613"/>
      <c r="QAJ691" s="613"/>
      <c r="QAK691" s="613"/>
      <c r="QAL691" s="613"/>
      <c r="QAM691" s="613"/>
      <c r="QAN691" s="613"/>
      <c r="QAO691" s="613"/>
      <c r="QAP691" s="613"/>
      <c r="QAQ691" s="613"/>
      <c r="QAR691" s="613"/>
      <c r="QAS691" s="613"/>
      <c r="QAT691" s="613"/>
      <c r="QAU691" s="613"/>
      <c r="QAV691" s="613"/>
      <c r="QAW691" s="613"/>
      <c r="QAX691" s="613"/>
      <c r="QAY691" s="613"/>
      <c r="QAZ691" s="613"/>
      <c r="QBA691" s="613"/>
      <c r="QBB691" s="613"/>
      <c r="QBC691" s="613"/>
      <c r="QBD691" s="613"/>
      <c r="QBE691" s="613"/>
      <c r="QBF691" s="613"/>
      <c r="QBG691" s="613"/>
      <c r="QBH691" s="613"/>
      <c r="QBI691" s="613"/>
      <c r="QBJ691" s="613"/>
      <c r="QBK691" s="613"/>
      <c r="QBL691" s="613"/>
      <c r="QBM691" s="613"/>
      <c r="QBN691" s="613"/>
      <c r="QBO691" s="613"/>
      <c r="QBP691" s="613"/>
      <c r="QBQ691" s="613"/>
      <c r="QBR691" s="613"/>
      <c r="QBS691" s="613"/>
      <c r="QBT691" s="613"/>
      <c r="QBU691" s="613"/>
      <c r="QBV691" s="613"/>
      <c r="QBW691" s="613"/>
      <c r="QBX691" s="613"/>
      <c r="QBY691" s="613"/>
      <c r="QBZ691" s="613"/>
      <c r="QCA691" s="613"/>
      <c r="QCB691" s="613"/>
      <c r="QCC691" s="613"/>
      <c r="QCD691" s="613"/>
      <c r="QCE691" s="613"/>
      <c r="QCF691" s="613"/>
      <c r="QCG691" s="613"/>
      <c r="QCH691" s="613"/>
      <c r="QCI691" s="613"/>
      <c r="QCJ691" s="613"/>
      <c r="QCK691" s="613"/>
      <c r="QCL691" s="613"/>
      <c r="QCM691" s="613"/>
      <c r="QCN691" s="613"/>
      <c r="QCO691" s="613"/>
      <c r="QCP691" s="613"/>
      <c r="QCQ691" s="613"/>
      <c r="QCR691" s="613"/>
      <c r="QCS691" s="613"/>
      <c r="QCT691" s="613"/>
      <c r="QCU691" s="613"/>
      <c r="QCV691" s="613"/>
      <c r="QCW691" s="613"/>
      <c r="QCX691" s="613"/>
      <c r="QCY691" s="613"/>
      <c r="QCZ691" s="613"/>
      <c r="QDA691" s="613"/>
      <c r="QDB691" s="613"/>
      <c r="QDC691" s="613"/>
      <c r="QDD691" s="613"/>
      <c r="QDE691" s="613"/>
      <c r="QDF691" s="613"/>
      <c r="QDG691" s="613"/>
      <c r="QDH691" s="613"/>
      <c r="QDI691" s="613"/>
      <c r="QDJ691" s="613"/>
      <c r="QDK691" s="613"/>
      <c r="QDL691" s="613"/>
      <c r="QDM691" s="613"/>
      <c r="QDN691" s="613"/>
      <c r="QDO691" s="613"/>
      <c r="QDP691" s="613"/>
      <c r="QDQ691" s="613"/>
      <c r="QDR691" s="613"/>
      <c r="QDS691" s="613"/>
      <c r="QDT691" s="613"/>
      <c r="QDU691" s="613"/>
      <c r="QDV691" s="613"/>
      <c r="QDW691" s="613"/>
      <c r="QDX691" s="613"/>
      <c r="QDY691" s="613"/>
      <c r="QDZ691" s="613"/>
      <c r="QEA691" s="613"/>
      <c r="QEB691" s="613"/>
      <c r="QEC691" s="613"/>
      <c r="QED691" s="613"/>
      <c r="QEE691" s="613"/>
      <c r="QEF691" s="613"/>
      <c r="QEG691" s="613"/>
      <c r="QEH691" s="613"/>
      <c r="QEI691" s="613"/>
      <c r="QEJ691" s="613"/>
      <c r="QEK691" s="613"/>
      <c r="QEL691" s="613"/>
      <c r="QEM691" s="613"/>
      <c r="QEN691" s="613"/>
      <c r="QEO691" s="613"/>
      <c r="QEP691" s="613"/>
      <c r="QEQ691" s="613"/>
      <c r="QER691" s="613"/>
      <c r="QES691" s="613"/>
      <c r="QET691" s="613"/>
      <c r="QEU691" s="613"/>
      <c r="QEV691" s="613"/>
      <c r="QEW691" s="613"/>
      <c r="QEX691" s="613"/>
      <c r="QEY691" s="613"/>
      <c r="QEZ691" s="613"/>
      <c r="QFA691" s="613"/>
      <c r="QFB691" s="613"/>
      <c r="QFC691" s="613"/>
      <c r="QFD691" s="613"/>
      <c r="QFE691" s="613"/>
      <c r="QFF691" s="613"/>
      <c r="QFG691" s="613"/>
      <c r="QFH691" s="613"/>
      <c r="QFI691" s="613"/>
      <c r="QFJ691" s="613"/>
      <c r="QFK691" s="613"/>
      <c r="QFL691" s="613"/>
      <c r="QFM691" s="613"/>
      <c r="QFN691" s="613"/>
      <c r="QFO691" s="613"/>
      <c r="QFP691" s="613"/>
      <c r="QFQ691" s="613"/>
      <c r="QFR691" s="613"/>
      <c r="QFS691" s="613"/>
      <c r="QFT691" s="613"/>
      <c r="QFU691" s="613"/>
      <c r="QFV691" s="613"/>
      <c r="QFW691" s="613"/>
      <c r="QFX691" s="613"/>
      <c r="QFY691" s="613"/>
      <c r="QFZ691" s="613"/>
      <c r="QGA691" s="613"/>
      <c r="QGB691" s="613"/>
      <c r="QGC691" s="613"/>
      <c r="QGD691" s="613"/>
      <c r="QGE691" s="613"/>
      <c r="QGF691" s="613"/>
      <c r="QGG691" s="613"/>
      <c r="QGH691" s="613"/>
      <c r="QGI691" s="613"/>
      <c r="QGJ691" s="613"/>
      <c r="QGK691" s="613"/>
      <c r="QGL691" s="613"/>
      <c r="QGM691" s="613"/>
      <c r="QGN691" s="613"/>
      <c r="QGO691" s="613"/>
      <c r="QGP691" s="613"/>
      <c r="QGQ691" s="613"/>
      <c r="QGR691" s="613"/>
      <c r="QGS691" s="613"/>
      <c r="QGT691" s="613"/>
      <c r="QGU691" s="613"/>
      <c r="QGV691" s="613"/>
      <c r="QGW691" s="613"/>
      <c r="QGX691" s="613"/>
      <c r="QGY691" s="613"/>
      <c r="QGZ691" s="613"/>
      <c r="QHA691" s="613"/>
      <c r="QHB691" s="613"/>
      <c r="QHC691" s="613"/>
      <c r="QHD691" s="613"/>
      <c r="QHE691" s="613"/>
      <c r="QHF691" s="613"/>
      <c r="QHG691" s="613"/>
      <c r="QHH691" s="613"/>
      <c r="QHI691" s="613"/>
      <c r="QHJ691" s="613"/>
      <c r="QHK691" s="613"/>
      <c r="QHL691" s="613"/>
      <c r="QHM691" s="613"/>
      <c r="QHN691" s="613"/>
      <c r="QHO691" s="613"/>
      <c r="QHP691" s="613"/>
      <c r="QHQ691" s="613"/>
      <c r="QHR691" s="613"/>
      <c r="QHS691" s="613"/>
      <c r="QHT691" s="613"/>
      <c r="QHU691" s="613"/>
      <c r="QHV691" s="613"/>
      <c r="QHW691" s="613"/>
      <c r="QHX691" s="613"/>
      <c r="QHY691" s="613"/>
      <c r="QHZ691" s="613"/>
      <c r="QIA691" s="613"/>
      <c r="QIB691" s="613"/>
      <c r="QIC691" s="613"/>
      <c r="QID691" s="613"/>
      <c r="QIE691" s="613"/>
      <c r="QIF691" s="613"/>
      <c r="QIG691" s="613"/>
      <c r="QIH691" s="613"/>
      <c r="QII691" s="613"/>
      <c r="QIJ691" s="613"/>
      <c r="QIK691" s="613"/>
      <c r="QIL691" s="613"/>
      <c r="QIM691" s="613"/>
      <c r="QIN691" s="613"/>
      <c r="QIO691" s="613"/>
      <c r="QIP691" s="613"/>
      <c r="QIQ691" s="613"/>
      <c r="QIR691" s="613"/>
      <c r="QIS691" s="613"/>
      <c r="QIT691" s="613"/>
      <c r="QIU691" s="613"/>
      <c r="QIV691" s="613"/>
      <c r="QIW691" s="613"/>
      <c r="QIX691" s="613"/>
      <c r="QIY691" s="613"/>
      <c r="QIZ691" s="613"/>
      <c r="QJA691" s="613"/>
      <c r="QJB691" s="613"/>
      <c r="QJC691" s="613"/>
      <c r="QJD691" s="613"/>
      <c r="QJE691" s="613"/>
      <c r="QJF691" s="613"/>
      <c r="QJG691" s="613"/>
      <c r="QJH691" s="613"/>
      <c r="QJI691" s="613"/>
      <c r="QJJ691" s="613"/>
      <c r="QJK691" s="613"/>
      <c r="QJL691" s="613"/>
      <c r="QJM691" s="613"/>
      <c r="QJN691" s="613"/>
      <c r="QJO691" s="613"/>
      <c r="QJP691" s="613"/>
      <c r="QJQ691" s="613"/>
      <c r="QJR691" s="613"/>
      <c r="QJS691" s="613"/>
      <c r="QJT691" s="613"/>
      <c r="QJU691" s="613"/>
      <c r="QJV691" s="613"/>
      <c r="QJW691" s="613"/>
      <c r="QJX691" s="613"/>
      <c r="QJY691" s="613"/>
      <c r="QJZ691" s="613"/>
      <c r="QKA691" s="613"/>
      <c r="QKB691" s="613"/>
      <c r="QKC691" s="613"/>
      <c r="QKD691" s="613"/>
      <c r="QKE691" s="613"/>
      <c r="QKF691" s="613"/>
      <c r="QKG691" s="613"/>
      <c r="QKH691" s="613"/>
      <c r="QKI691" s="613"/>
      <c r="QKJ691" s="613"/>
      <c r="QKK691" s="613"/>
      <c r="QKL691" s="613"/>
      <c r="QKM691" s="613"/>
      <c r="QKN691" s="613"/>
      <c r="QKO691" s="613"/>
      <c r="QKP691" s="613"/>
      <c r="QKQ691" s="613"/>
      <c r="QKR691" s="613"/>
      <c r="QKS691" s="613"/>
      <c r="QKT691" s="613"/>
      <c r="QKU691" s="613"/>
      <c r="QKV691" s="613"/>
      <c r="QKW691" s="613"/>
      <c r="QKX691" s="613"/>
      <c r="QKY691" s="613"/>
      <c r="QKZ691" s="613"/>
      <c r="QLA691" s="613"/>
      <c r="QLB691" s="613"/>
      <c r="QLC691" s="613"/>
      <c r="QLD691" s="613"/>
      <c r="QLE691" s="613"/>
      <c r="QLF691" s="613"/>
      <c r="QLG691" s="613"/>
      <c r="QLH691" s="613"/>
      <c r="QLI691" s="613"/>
      <c r="QLJ691" s="613"/>
      <c r="QLK691" s="613"/>
      <c r="QLL691" s="613"/>
      <c r="QLM691" s="613"/>
      <c r="QLN691" s="613"/>
      <c r="QLO691" s="613"/>
      <c r="QLP691" s="613"/>
      <c r="QLQ691" s="613"/>
      <c r="QLR691" s="613"/>
      <c r="QLS691" s="613"/>
      <c r="QLT691" s="613"/>
      <c r="QLU691" s="613"/>
      <c r="QLV691" s="613"/>
      <c r="QLW691" s="613"/>
      <c r="QLX691" s="613"/>
      <c r="QLY691" s="613"/>
      <c r="QLZ691" s="613"/>
      <c r="QMA691" s="613"/>
      <c r="QMB691" s="613"/>
      <c r="QMC691" s="613"/>
      <c r="QMD691" s="613"/>
      <c r="QME691" s="613"/>
      <c r="QMF691" s="613"/>
      <c r="QMG691" s="613"/>
      <c r="QMH691" s="613"/>
      <c r="QMI691" s="613"/>
      <c r="QMJ691" s="613"/>
      <c r="QMK691" s="613"/>
      <c r="QML691" s="613"/>
      <c r="QMM691" s="613"/>
      <c r="QMN691" s="613"/>
      <c r="QMO691" s="613"/>
      <c r="QMP691" s="613"/>
      <c r="QMQ691" s="613"/>
      <c r="QMR691" s="613"/>
      <c r="QMS691" s="613"/>
      <c r="QMT691" s="613"/>
      <c r="QMU691" s="613"/>
      <c r="QMV691" s="613"/>
      <c r="QMW691" s="613"/>
      <c r="QMX691" s="613"/>
      <c r="QMY691" s="613"/>
      <c r="QMZ691" s="613"/>
      <c r="QNA691" s="613"/>
      <c r="QNB691" s="613"/>
      <c r="QNC691" s="613"/>
      <c r="QND691" s="613"/>
      <c r="QNE691" s="613"/>
      <c r="QNF691" s="613"/>
      <c r="QNG691" s="613"/>
      <c r="QNH691" s="613"/>
      <c r="QNI691" s="613"/>
      <c r="QNJ691" s="613"/>
      <c r="QNK691" s="613"/>
      <c r="QNL691" s="613"/>
      <c r="QNM691" s="613"/>
      <c r="QNN691" s="613"/>
      <c r="QNO691" s="613"/>
      <c r="QNP691" s="613"/>
      <c r="QNQ691" s="613"/>
      <c r="QNR691" s="613"/>
      <c r="QNS691" s="613"/>
      <c r="QNT691" s="613"/>
      <c r="QNU691" s="613"/>
      <c r="QNV691" s="613"/>
      <c r="QNW691" s="613"/>
      <c r="QNX691" s="613"/>
      <c r="QNY691" s="613"/>
      <c r="QNZ691" s="613"/>
      <c r="QOA691" s="613"/>
      <c r="QOB691" s="613"/>
      <c r="QOC691" s="613"/>
      <c r="QOD691" s="613"/>
      <c r="QOE691" s="613"/>
      <c r="QOF691" s="613"/>
      <c r="QOG691" s="613"/>
      <c r="QOH691" s="613"/>
      <c r="QOI691" s="613"/>
      <c r="QOJ691" s="613"/>
      <c r="QOK691" s="613"/>
      <c r="QOL691" s="613"/>
      <c r="QOM691" s="613"/>
      <c r="QON691" s="613"/>
      <c r="QOO691" s="613"/>
      <c r="QOP691" s="613"/>
      <c r="QOQ691" s="613"/>
      <c r="QOR691" s="613"/>
      <c r="QOS691" s="613"/>
      <c r="QOT691" s="613"/>
      <c r="QOU691" s="613"/>
      <c r="QOV691" s="613"/>
      <c r="QOW691" s="613"/>
      <c r="QOX691" s="613"/>
      <c r="QOY691" s="613"/>
      <c r="QOZ691" s="613"/>
      <c r="QPA691" s="613"/>
      <c r="QPB691" s="613"/>
      <c r="QPC691" s="613"/>
      <c r="QPD691" s="613"/>
      <c r="QPE691" s="613"/>
      <c r="QPF691" s="613"/>
      <c r="QPG691" s="613"/>
      <c r="QPH691" s="613"/>
      <c r="QPI691" s="613"/>
      <c r="QPJ691" s="613"/>
      <c r="QPK691" s="613"/>
      <c r="QPL691" s="613"/>
      <c r="QPM691" s="613"/>
      <c r="QPN691" s="613"/>
      <c r="QPO691" s="613"/>
      <c r="QPP691" s="613"/>
      <c r="QPQ691" s="613"/>
      <c r="QPR691" s="613"/>
      <c r="QPS691" s="613"/>
      <c r="QPT691" s="613"/>
      <c r="QPU691" s="613"/>
      <c r="QPV691" s="613"/>
      <c r="QPW691" s="613"/>
      <c r="QPX691" s="613"/>
      <c r="QPY691" s="613"/>
      <c r="QPZ691" s="613"/>
      <c r="QQA691" s="613"/>
      <c r="QQB691" s="613"/>
      <c r="QQC691" s="613"/>
      <c r="QQD691" s="613"/>
      <c r="QQE691" s="613"/>
      <c r="QQF691" s="613"/>
      <c r="QQG691" s="613"/>
      <c r="QQH691" s="613"/>
      <c r="QQI691" s="613"/>
      <c r="QQJ691" s="613"/>
      <c r="QQK691" s="613"/>
      <c r="QQL691" s="613"/>
      <c r="QQM691" s="613"/>
      <c r="QQN691" s="613"/>
      <c r="QQO691" s="613"/>
      <c r="QQP691" s="613"/>
      <c r="QQQ691" s="613"/>
      <c r="QQR691" s="613"/>
      <c r="QQS691" s="613"/>
      <c r="QQT691" s="613"/>
      <c r="QQU691" s="613"/>
      <c r="QQV691" s="613"/>
      <c r="QQW691" s="613"/>
      <c r="QQX691" s="613"/>
      <c r="QQY691" s="613"/>
      <c r="QQZ691" s="613"/>
      <c r="QRA691" s="613"/>
      <c r="QRB691" s="613"/>
      <c r="QRC691" s="613"/>
      <c r="QRD691" s="613"/>
      <c r="QRE691" s="613"/>
      <c r="QRF691" s="613"/>
      <c r="QRG691" s="613"/>
      <c r="QRH691" s="613"/>
      <c r="QRI691" s="613"/>
      <c r="QRJ691" s="613"/>
      <c r="QRK691" s="613"/>
      <c r="QRL691" s="613"/>
      <c r="QRM691" s="613"/>
      <c r="QRN691" s="613"/>
      <c r="QRO691" s="613"/>
      <c r="QRP691" s="613"/>
      <c r="QRQ691" s="613"/>
      <c r="QRR691" s="613"/>
      <c r="QRS691" s="613"/>
      <c r="QRT691" s="613"/>
      <c r="QRU691" s="613"/>
      <c r="QRV691" s="613"/>
      <c r="QRW691" s="613"/>
      <c r="QRX691" s="613"/>
      <c r="QRY691" s="613"/>
      <c r="QRZ691" s="613"/>
      <c r="QSA691" s="613"/>
      <c r="QSB691" s="613"/>
      <c r="QSC691" s="613"/>
      <c r="QSD691" s="613"/>
      <c r="QSE691" s="613"/>
      <c r="QSF691" s="613"/>
      <c r="QSG691" s="613"/>
      <c r="QSH691" s="613"/>
      <c r="QSI691" s="613"/>
      <c r="QSJ691" s="613"/>
      <c r="QSK691" s="613"/>
      <c r="QSL691" s="613"/>
      <c r="QSM691" s="613"/>
      <c r="QSN691" s="613"/>
      <c r="QSO691" s="613"/>
      <c r="QSP691" s="613"/>
      <c r="QSQ691" s="613"/>
      <c r="QSR691" s="613"/>
      <c r="QSS691" s="613"/>
      <c r="QST691" s="613"/>
      <c r="QSU691" s="613"/>
      <c r="QSV691" s="613"/>
      <c r="QSW691" s="613"/>
      <c r="QSX691" s="613"/>
      <c r="QSY691" s="613"/>
      <c r="QSZ691" s="613"/>
      <c r="QTA691" s="613"/>
      <c r="QTB691" s="613"/>
      <c r="QTC691" s="613"/>
      <c r="QTD691" s="613"/>
      <c r="QTE691" s="613"/>
      <c r="QTF691" s="613"/>
      <c r="QTG691" s="613"/>
      <c r="QTH691" s="613"/>
      <c r="QTI691" s="613"/>
      <c r="QTJ691" s="613"/>
      <c r="QTK691" s="613"/>
      <c r="QTL691" s="613"/>
      <c r="QTM691" s="613"/>
      <c r="QTN691" s="613"/>
      <c r="QTO691" s="613"/>
      <c r="QTP691" s="613"/>
      <c r="QTQ691" s="613"/>
      <c r="QTR691" s="613"/>
      <c r="QTS691" s="613"/>
      <c r="QTT691" s="613"/>
      <c r="QTU691" s="613"/>
      <c r="QTV691" s="613"/>
      <c r="QTW691" s="613"/>
      <c r="QTX691" s="613"/>
      <c r="QTY691" s="613"/>
      <c r="QTZ691" s="613"/>
      <c r="QUA691" s="613"/>
      <c r="QUB691" s="613"/>
      <c r="QUC691" s="613"/>
      <c r="QUD691" s="613"/>
      <c r="QUE691" s="613"/>
      <c r="QUF691" s="613"/>
      <c r="QUG691" s="613"/>
      <c r="QUH691" s="613"/>
      <c r="QUI691" s="613"/>
      <c r="QUJ691" s="613"/>
      <c r="QUK691" s="613"/>
      <c r="QUL691" s="613"/>
      <c r="QUM691" s="613"/>
      <c r="QUN691" s="613"/>
      <c r="QUO691" s="613"/>
      <c r="QUP691" s="613"/>
      <c r="QUQ691" s="613"/>
      <c r="QUR691" s="613"/>
      <c r="QUS691" s="613"/>
      <c r="QUT691" s="613"/>
      <c r="QUU691" s="613"/>
      <c r="QUV691" s="613"/>
      <c r="QUW691" s="613"/>
      <c r="QUX691" s="613"/>
      <c r="QUY691" s="613"/>
      <c r="QUZ691" s="613"/>
      <c r="QVA691" s="613"/>
      <c r="QVB691" s="613"/>
      <c r="QVC691" s="613"/>
      <c r="QVD691" s="613"/>
      <c r="QVE691" s="613"/>
      <c r="QVF691" s="613"/>
      <c r="QVG691" s="613"/>
      <c r="QVH691" s="613"/>
      <c r="QVI691" s="613"/>
      <c r="QVJ691" s="613"/>
      <c r="QVK691" s="613"/>
      <c r="QVL691" s="613"/>
      <c r="QVM691" s="613"/>
      <c r="QVN691" s="613"/>
      <c r="QVO691" s="613"/>
      <c r="QVP691" s="613"/>
      <c r="QVQ691" s="613"/>
      <c r="QVR691" s="613"/>
      <c r="QVS691" s="613"/>
      <c r="QVT691" s="613"/>
      <c r="QVU691" s="613"/>
      <c r="QVV691" s="613"/>
      <c r="QVW691" s="613"/>
      <c r="QVX691" s="613"/>
      <c r="QVY691" s="613"/>
      <c r="QVZ691" s="613"/>
      <c r="QWA691" s="613"/>
      <c r="QWB691" s="613"/>
      <c r="QWC691" s="613"/>
      <c r="QWD691" s="613"/>
      <c r="QWE691" s="613"/>
      <c r="QWF691" s="613"/>
      <c r="QWG691" s="613"/>
      <c r="QWH691" s="613"/>
      <c r="QWI691" s="613"/>
      <c r="QWJ691" s="613"/>
      <c r="QWK691" s="613"/>
      <c r="QWL691" s="613"/>
      <c r="QWM691" s="613"/>
      <c r="QWN691" s="613"/>
      <c r="QWO691" s="613"/>
      <c r="QWP691" s="613"/>
      <c r="QWQ691" s="613"/>
      <c r="QWR691" s="613"/>
      <c r="QWS691" s="613"/>
      <c r="QWT691" s="613"/>
      <c r="QWU691" s="613"/>
      <c r="QWV691" s="613"/>
      <c r="QWW691" s="613"/>
      <c r="QWX691" s="613"/>
      <c r="QWY691" s="613"/>
      <c r="QWZ691" s="613"/>
      <c r="QXA691" s="613"/>
      <c r="QXB691" s="613"/>
      <c r="QXC691" s="613"/>
      <c r="QXD691" s="613"/>
      <c r="QXE691" s="613"/>
      <c r="QXF691" s="613"/>
      <c r="QXG691" s="613"/>
      <c r="QXH691" s="613"/>
      <c r="QXI691" s="613"/>
      <c r="QXJ691" s="613"/>
      <c r="QXK691" s="613"/>
      <c r="QXL691" s="613"/>
      <c r="QXM691" s="613"/>
      <c r="QXN691" s="613"/>
      <c r="QXO691" s="613"/>
      <c r="QXP691" s="613"/>
      <c r="QXQ691" s="613"/>
      <c r="QXR691" s="613"/>
      <c r="QXS691" s="613"/>
      <c r="QXT691" s="613"/>
      <c r="QXU691" s="613"/>
      <c r="QXV691" s="613"/>
      <c r="QXW691" s="613"/>
      <c r="QXX691" s="613"/>
      <c r="QXY691" s="613"/>
      <c r="QXZ691" s="613"/>
      <c r="QYA691" s="613"/>
      <c r="QYB691" s="613"/>
      <c r="QYC691" s="613"/>
      <c r="QYD691" s="613"/>
      <c r="QYE691" s="613"/>
      <c r="QYF691" s="613"/>
      <c r="QYG691" s="613"/>
      <c r="QYH691" s="613"/>
      <c r="QYI691" s="613"/>
      <c r="QYJ691" s="613"/>
      <c r="QYK691" s="613"/>
      <c r="QYL691" s="613"/>
      <c r="QYM691" s="613"/>
      <c r="QYN691" s="613"/>
      <c r="QYO691" s="613"/>
      <c r="QYP691" s="613"/>
      <c r="QYQ691" s="613"/>
      <c r="QYR691" s="613"/>
      <c r="QYS691" s="613"/>
      <c r="QYT691" s="613"/>
      <c r="QYU691" s="613"/>
      <c r="QYV691" s="613"/>
      <c r="QYW691" s="613"/>
      <c r="QYX691" s="613"/>
      <c r="QYY691" s="613"/>
      <c r="QYZ691" s="613"/>
      <c r="QZA691" s="613"/>
      <c r="QZB691" s="613"/>
      <c r="QZC691" s="613"/>
      <c r="QZD691" s="613"/>
      <c r="QZE691" s="613"/>
      <c r="QZF691" s="613"/>
      <c r="QZG691" s="613"/>
      <c r="QZH691" s="613"/>
      <c r="QZI691" s="613"/>
      <c r="QZJ691" s="613"/>
      <c r="QZK691" s="613"/>
      <c r="QZL691" s="613"/>
      <c r="QZM691" s="613"/>
      <c r="QZN691" s="613"/>
      <c r="QZO691" s="613"/>
      <c r="QZP691" s="613"/>
      <c r="QZQ691" s="613"/>
      <c r="QZR691" s="613"/>
      <c r="QZS691" s="613"/>
      <c r="QZT691" s="613"/>
      <c r="QZU691" s="613"/>
      <c r="QZV691" s="613"/>
      <c r="QZW691" s="613"/>
      <c r="QZX691" s="613"/>
      <c r="QZY691" s="613"/>
      <c r="QZZ691" s="613"/>
      <c r="RAA691" s="613"/>
      <c r="RAB691" s="613"/>
      <c r="RAC691" s="613"/>
      <c r="RAD691" s="613"/>
      <c r="RAE691" s="613"/>
      <c r="RAF691" s="613"/>
      <c r="RAG691" s="613"/>
      <c r="RAH691" s="613"/>
      <c r="RAI691" s="613"/>
      <c r="RAJ691" s="613"/>
      <c r="RAK691" s="613"/>
      <c r="RAL691" s="613"/>
      <c r="RAM691" s="613"/>
      <c r="RAN691" s="613"/>
      <c r="RAO691" s="613"/>
      <c r="RAP691" s="613"/>
      <c r="RAQ691" s="613"/>
      <c r="RAR691" s="613"/>
      <c r="RAS691" s="613"/>
      <c r="RAT691" s="613"/>
      <c r="RAU691" s="613"/>
      <c r="RAV691" s="613"/>
      <c r="RAW691" s="613"/>
      <c r="RAX691" s="613"/>
      <c r="RAY691" s="613"/>
      <c r="RAZ691" s="613"/>
      <c r="RBA691" s="613"/>
      <c r="RBB691" s="613"/>
      <c r="RBC691" s="613"/>
      <c r="RBD691" s="613"/>
      <c r="RBE691" s="613"/>
      <c r="RBF691" s="613"/>
      <c r="RBG691" s="613"/>
      <c r="RBH691" s="613"/>
      <c r="RBI691" s="613"/>
      <c r="RBJ691" s="613"/>
      <c r="RBK691" s="613"/>
      <c r="RBL691" s="613"/>
      <c r="RBM691" s="613"/>
      <c r="RBN691" s="613"/>
      <c r="RBO691" s="613"/>
      <c r="RBP691" s="613"/>
      <c r="RBQ691" s="613"/>
      <c r="RBR691" s="613"/>
      <c r="RBS691" s="613"/>
      <c r="RBT691" s="613"/>
      <c r="RBU691" s="613"/>
      <c r="RBV691" s="613"/>
      <c r="RBW691" s="613"/>
      <c r="RBX691" s="613"/>
      <c r="RBY691" s="613"/>
      <c r="RBZ691" s="613"/>
      <c r="RCA691" s="613"/>
      <c r="RCB691" s="613"/>
      <c r="RCC691" s="613"/>
      <c r="RCD691" s="613"/>
      <c r="RCE691" s="613"/>
      <c r="RCF691" s="613"/>
      <c r="RCG691" s="613"/>
      <c r="RCH691" s="613"/>
      <c r="RCI691" s="613"/>
      <c r="RCJ691" s="613"/>
      <c r="RCK691" s="613"/>
      <c r="RCL691" s="613"/>
      <c r="RCM691" s="613"/>
      <c r="RCN691" s="613"/>
      <c r="RCO691" s="613"/>
      <c r="RCP691" s="613"/>
      <c r="RCQ691" s="613"/>
      <c r="RCR691" s="613"/>
      <c r="RCS691" s="613"/>
      <c r="RCT691" s="613"/>
      <c r="RCU691" s="613"/>
      <c r="RCV691" s="613"/>
      <c r="RCW691" s="613"/>
      <c r="RCX691" s="613"/>
      <c r="RCY691" s="613"/>
      <c r="RCZ691" s="613"/>
      <c r="RDA691" s="613"/>
      <c r="RDB691" s="613"/>
      <c r="RDC691" s="613"/>
      <c r="RDD691" s="613"/>
      <c r="RDE691" s="613"/>
      <c r="RDF691" s="613"/>
      <c r="RDG691" s="613"/>
      <c r="RDH691" s="613"/>
      <c r="RDI691" s="613"/>
      <c r="RDJ691" s="613"/>
      <c r="RDK691" s="613"/>
      <c r="RDL691" s="613"/>
      <c r="RDM691" s="613"/>
      <c r="RDN691" s="613"/>
      <c r="RDO691" s="613"/>
      <c r="RDP691" s="613"/>
      <c r="RDQ691" s="613"/>
      <c r="RDR691" s="613"/>
      <c r="RDS691" s="613"/>
      <c r="RDT691" s="613"/>
      <c r="RDU691" s="613"/>
      <c r="RDV691" s="613"/>
      <c r="RDW691" s="613"/>
      <c r="RDX691" s="613"/>
      <c r="RDY691" s="613"/>
      <c r="RDZ691" s="613"/>
      <c r="REA691" s="613"/>
      <c r="REB691" s="613"/>
      <c r="REC691" s="613"/>
      <c r="RED691" s="613"/>
      <c r="REE691" s="613"/>
      <c r="REF691" s="613"/>
      <c r="REG691" s="613"/>
      <c r="REH691" s="613"/>
      <c r="REI691" s="613"/>
      <c r="REJ691" s="613"/>
      <c r="REK691" s="613"/>
      <c r="REL691" s="613"/>
      <c r="REM691" s="613"/>
      <c r="REN691" s="613"/>
      <c r="REO691" s="613"/>
      <c r="REP691" s="613"/>
      <c r="REQ691" s="613"/>
      <c r="RER691" s="613"/>
      <c r="RES691" s="613"/>
      <c r="RET691" s="613"/>
      <c r="REU691" s="613"/>
      <c r="REV691" s="613"/>
      <c r="REW691" s="613"/>
      <c r="REX691" s="613"/>
      <c r="REY691" s="613"/>
      <c r="REZ691" s="613"/>
      <c r="RFA691" s="613"/>
      <c r="RFB691" s="613"/>
      <c r="RFC691" s="613"/>
      <c r="RFD691" s="613"/>
      <c r="RFE691" s="613"/>
      <c r="RFF691" s="613"/>
      <c r="RFG691" s="613"/>
      <c r="RFH691" s="613"/>
      <c r="RFI691" s="613"/>
      <c r="RFJ691" s="613"/>
      <c r="RFK691" s="613"/>
      <c r="RFL691" s="613"/>
      <c r="RFM691" s="613"/>
      <c r="RFN691" s="613"/>
      <c r="RFO691" s="613"/>
      <c r="RFP691" s="613"/>
      <c r="RFQ691" s="613"/>
      <c r="RFR691" s="613"/>
      <c r="RFS691" s="613"/>
      <c r="RFT691" s="613"/>
      <c r="RFU691" s="613"/>
      <c r="RFV691" s="613"/>
      <c r="RFW691" s="613"/>
      <c r="RFX691" s="613"/>
      <c r="RFY691" s="613"/>
      <c r="RFZ691" s="613"/>
      <c r="RGA691" s="613"/>
      <c r="RGB691" s="613"/>
      <c r="RGC691" s="613"/>
      <c r="RGD691" s="613"/>
      <c r="RGE691" s="613"/>
      <c r="RGF691" s="613"/>
      <c r="RGG691" s="613"/>
      <c r="RGH691" s="613"/>
      <c r="RGI691" s="613"/>
      <c r="RGJ691" s="613"/>
      <c r="RGK691" s="613"/>
      <c r="RGL691" s="613"/>
      <c r="RGM691" s="613"/>
      <c r="RGN691" s="613"/>
      <c r="RGO691" s="613"/>
      <c r="RGP691" s="613"/>
      <c r="RGQ691" s="613"/>
      <c r="RGR691" s="613"/>
      <c r="RGS691" s="613"/>
      <c r="RGT691" s="613"/>
      <c r="RGU691" s="613"/>
      <c r="RGV691" s="613"/>
      <c r="RGW691" s="613"/>
      <c r="RGX691" s="613"/>
      <c r="RGY691" s="613"/>
      <c r="RGZ691" s="613"/>
      <c r="RHA691" s="613"/>
      <c r="RHB691" s="613"/>
      <c r="RHC691" s="613"/>
      <c r="RHD691" s="613"/>
      <c r="RHE691" s="613"/>
      <c r="RHF691" s="613"/>
      <c r="RHG691" s="613"/>
      <c r="RHH691" s="613"/>
      <c r="RHI691" s="613"/>
      <c r="RHJ691" s="613"/>
      <c r="RHK691" s="613"/>
      <c r="RHL691" s="613"/>
      <c r="RHM691" s="613"/>
      <c r="RHN691" s="613"/>
      <c r="RHO691" s="613"/>
      <c r="RHP691" s="613"/>
      <c r="RHQ691" s="613"/>
      <c r="RHR691" s="613"/>
      <c r="RHS691" s="613"/>
      <c r="RHT691" s="613"/>
      <c r="RHU691" s="613"/>
      <c r="RHV691" s="613"/>
      <c r="RHW691" s="613"/>
      <c r="RHX691" s="613"/>
      <c r="RHY691" s="613"/>
      <c r="RHZ691" s="613"/>
      <c r="RIA691" s="613"/>
      <c r="RIB691" s="613"/>
      <c r="RIC691" s="613"/>
      <c r="RID691" s="613"/>
      <c r="RIE691" s="613"/>
      <c r="RIF691" s="613"/>
      <c r="RIG691" s="613"/>
      <c r="RIH691" s="613"/>
      <c r="RII691" s="613"/>
      <c r="RIJ691" s="613"/>
      <c r="RIK691" s="613"/>
      <c r="RIL691" s="613"/>
      <c r="RIM691" s="613"/>
      <c r="RIN691" s="613"/>
      <c r="RIO691" s="613"/>
      <c r="RIP691" s="613"/>
      <c r="RIQ691" s="613"/>
      <c r="RIR691" s="613"/>
      <c r="RIS691" s="613"/>
      <c r="RIT691" s="613"/>
      <c r="RIU691" s="613"/>
      <c r="RIV691" s="613"/>
      <c r="RIW691" s="613"/>
      <c r="RIX691" s="613"/>
      <c r="RIY691" s="613"/>
      <c r="RIZ691" s="613"/>
      <c r="RJA691" s="613"/>
      <c r="RJB691" s="613"/>
      <c r="RJC691" s="613"/>
      <c r="RJD691" s="613"/>
      <c r="RJE691" s="613"/>
      <c r="RJF691" s="613"/>
      <c r="RJG691" s="613"/>
      <c r="RJH691" s="613"/>
      <c r="RJI691" s="613"/>
      <c r="RJJ691" s="613"/>
      <c r="RJK691" s="613"/>
      <c r="RJL691" s="613"/>
      <c r="RJM691" s="613"/>
      <c r="RJN691" s="613"/>
      <c r="RJO691" s="613"/>
      <c r="RJP691" s="613"/>
      <c r="RJQ691" s="613"/>
      <c r="RJR691" s="613"/>
      <c r="RJS691" s="613"/>
      <c r="RJT691" s="613"/>
      <c r="RJU691" s="613"/>
      <c r="RJV691" s="613"/>
      <c r="RJW691" s="613"/>
      <c r="RJX691" s="613"/>
      <c r="RJY691" s="613"/>
      <c r="RJZ691" s="613"/>
      <c r="RKA691" s="613"/>
      <c r="RKB691" s="613"/>
      <c r="RKC691" s="613"/>
      <c r="RKD691" s="613"/>
      <c r="RKE691" s="613"/>
      <c r="RKF691" s="613"/>
      <c r="RKG691" s="613"/>
      <c r="RKH691" s="613"/>
      <c r="RKI691" s="613"/>
      <c r="RKJ691" s="613"/>
      <c r="RKK691" s="613"/>
      <c r="RKL691" s="613"/>
      <c r="RKM691" s="613"/>
      <c r="RKN691" s="613"/>
      <c r="RKO691" s="613"/>
      <c r="RKP691" s="613"/>
      <c r="RKQ691" s="613"/>
      <c r="RKR691" s="613"/>
      <c r="RKS691" s="613"/>
      <c r="RKT691" s="613"/>
      <c r="RKU691" s="613"/>
      <c r="RKV691" s="613"/>
      <c r="RKW691" s="613"/>
      <c r="RKX691" s="613"/>
      <c r="RKY691" s="613"/>
      <c r="RKZ691" s="613"/>
      <c r="RLA691" s="613"/>
      <c r="RLB691" s="613"/>
      <c r="RLC691" s="613"/>
      <c r="RLD691" s="613"/>
      <c r="RLE691" s="613"/>
      <c r="RLF691" s="613"/>
      <c r="RLG691" s="613"/>
      <c r="RLH691" s="613"/>
      <c r="RLI691" s="613"/>
      <c r="RLJ691" s="613"/>
      <c r="RLK691" s="613"/>
      <c r="RLL691" s="613"/>
      <c r="RLM691" s="613"/>
      <c r="RLN691" s="613"/>
      <c r="RLO691" s="613"/>
      <c r="RLP691" s="613"/>
      <c r="RLQ691" s="613"/>
      <c r="RLR691" s="613"/>
      <c r="RLS691" s="613"/>
      <c r="RLT691" s="613"/>
      <c r="RLU691" s="613"/>
      <c r="RLV691" s="613"/>
      <c r="RLW691" s="613"/>
      <c r="RLX691" s="613"/>
      <c r="RLY691" s="613"/>
      <c r="RLZ691" s="613"/>
      <c r="RMA691" s="613"/>
      <c r="RMB691" s="613"/>
      <c r="RMC691" s="613"/>
      <c r="RMD691" s="613"/>
      <c r="RME691" s="613"/>
      <c r="RMF691" s="613"/>
      <c r="RMG691" s="613"/>
      <c r="RMH691" s="613"/>
      <c r="RMI691" s="613"/>
      <c r="RMJ691" s="613"/>
      <c r="RMK691" s="613"/>
      <c r="RML691" s="613"/>
      <c r="RMM691" s="613"/>
      <c r="RMN691" s="613"/>
      <c r="RMO691" s="613"/>
      <c r="RMP691" s="613"/>
      <c r="RMQ691" s="613"/>
      <c r="RMR691" s="613"/>
      <c r="RMS691" s="613"/>
      <c r="RMT691" s="613"/>
      <c r="RMU691" s="613"/>
      <c r="RMV691" s="613"/>
      <c r="RMW691" s="613"/>
      <c r="RMX691" s="613"/>
      <c r="RMY691" s="613"/>
      <c r="RMZ691" s="613"/>
      <c r="RNA691" s="613"/>
      <c r="RNB691" s="613"/>
      <c r="RNC691" s="613"/>
      <c r="RND691" s="613"/>
      <c r="RNE691" s="613"/>
      <c r="RNF691" s="613"/>
      <c r="RNG691" s="613"/>
      <c r="RNH691" s="613"/>
      <c r="RNI691" s="613"/>
      <c r="RNJ691" s="613"/>
      <c r="RNK691" s="613"/>
      <c r="RNL691" s="613"/>
      <c r="RNM691" s="613"/>
      <c r="RNN691" s="613"/>
      <c r="RNO691" s="613"/>
      <c r="RNP691" s="613"/>
      <c r="RNQ691" s="613"/>
      <c r="RNR691" s="613"/>
      <c r="RNS691" s="613"/>
      <c r="RNT691" s="613"/>
      <c r="RNU691" s="613"/>
      <c r="RNV691" s="613"/>
      <c r="RNW691" s="613"/>
      <c r="RNX691" s="613"/>
      <c r="RNY691" s="613"/>
      <c r="RNZ691" s="613"/>
      <c r="ROA691" s="613"/>
      <c r="ROB691" s="613"/>
      <c r="ROC691" s="613"/>
      <c r="ROD691" s="613"/>
      <c r="ROE691" s="613"/>
      <c r="ROF691" s="613"/>
      <c r="ROG691" s="613"/>
      <c r="ROH691" s="613"/>
      <c r="ROI691" s="613"/>
      <c r="ROJ691" s="613"/>
      <c r="ROK691" s="613"/>
      <c r="ROL691" s="613"/>
      <c r="ROM691" s="613"/>
      <c r="RON691" s="613"/>
      <c r="ROO691" s="613"/>
      <c r="ROP691" s="613"/>
      <c r="ROQ691" s="613"/>
      <c r="ROR691" s="613"/>
      <c r="ROS691" s="613"/>
      <c r="ROT691" s="613"/>
      <c r="ROU691" s="613"/>
      <c r="ROV691" s="613"/>
      <c r="ROW691" s="613"/>
      <c r="ROX691" s="613"/>
      <c r="ROY691" s="613"/>
      <c r="ROZ691" s="613"/>
      <c r="RPA691" s="613"/>
      <c r="RPB691" s="613"/>
      <c r="RPC691" s="613"/>
      <c r="RPD691" s="613"/>
      <c r="RPE691" s="613"/>
      <c r="RPF691" s="613"/>
      <c r="RPG691" s="613"/>
      <c r="RPH691" s="613"/>
      <c r="RPI691" s="613"/>
      <c r="RPJ691" s="613"/>
      <c r="RPK691" s="613"/>
      <c r="RPL691" s="613"/>
      <c r="RPM691" s="613"/>
      <c r="RPN691" s="613"/>
      <c r="RPO691" s="613"/>
      <c r="RPP691" s="613"/>
      <c r="RPQ691" s="613"/>
      <c r="RPR691" s="613"/>
      <c r="RPS691" s="613"/>
      <c r="RPT691" s="613"/>
      <c r="RPU691" s="613"/>
      <c r="RPV691" s="613"/>
      <c r="RPW691" s="613"/>
      <c r="RPX691" s="613"/>
      <c r="RPY691" s="613"/>
      <c r="RPZ691" s="613"/>
      <c r="RQA691" s="613"/>
      <c r="RQB691" s="613"/>
      <c r="RQC691" s="613"/>
      <c r="RQD691" s="613"/>
      <c r="RQE691" s="613"/>
      <c r="RQF691" s="613"/>
      <c r="RQG691" s="613"/>
      <c r="RQH691" s="613"/>
      <c r="RQI691" s="613"/>
      <c r="RQJ691" s="613"/>
      <c r="RQK691" s="613"/>
      <c r="RQL691" s="613"/>
      <c r="RQM691" s="613"/>
      <c r="RQN691" s="613"/>
      <c r="RQO691" s="613"/>
      <c r="RQP691" s="613"/>
      <c r="RQQ691" s="613"/>
      <c r="RQR691" s="613"/>
      <c r="RQS691" s="613"/>
      <c r="RQT691" s="613"/>
      <c r="RQU691" s="613"/>
      <c r="RQV691" s="613"/>
      <c r="RQW691" s="613"/>
      <c r="RQX691" s="613"/>
      <c r="RQY691" s="613"/>
      <c r="RQZ691" s="613"/>
      <c r="RRA691" s="613"/>
      <c r="RRB691" s="613"/>
      <c r="RRC691" s="613"/>
      <c r="RRD691" s="613"/>
      <c r="RRE691" s="613"/>
      <c r="RRF691" s="613"/>
      <c r="RRG691" s="613"/>
      <c r="RRH691" s="613"/>
      <c r="RRI691" s="613"/>
      <c r="RRJ691" s="613"/>
      <c r="RRK691" s="613"/>
      <c r="RRL691" s="613"/>
      <c r="RRM691" s="613"/>
      <c r="RRN691" s="613"/>
      <c r="RRO691" s="613"/>
      <c r="RRP691" s="613"/>
      <c r="RRQ691" s="613"/>
      <c r="RRR691" s="613"/>
      <c r="RRS691" s="613"/>
      <c r="RRT691" s="613"/>
      <c r="RRU691" s="613"/>
      <c r="RRV691" s="613"/>
      <c r="RRW691" s="613"/>
      <c r="RRX691" s="613"/>
      <c r="RRY691" s="613"/>
      <c r="RRZ691" s="613"/>
      <c r="RSA691" s="613"/>
      <c r="RSB691" s="613"/>
      <c r="RSC691" s="613"/>
      <c r="RSD691" s="613"/>
      <c r="RSE691" s="613"/>
      <c r="RSF691" s="613"/>
      <c r="RSG691" s="613"/>
      <c r="RSH691" s="613"/>
      <c r="RSI691" s="613"/>
      <c r="RSJ691" s="613"/>
      <c r="RSK691" s="613"/>
      <c r="RSL691" s="613"/>
      <c r="RSM691" s="613"/>
      <c r="RSN691" s="613"/>
      <c r="RSO691" s="613"/>
      <c r="RSP691" s="613"/>
      <c r="RSQ691" s="613"/>
      <c r="RSR691" s="613"/>
      <c r="RSS691" s="613"/>
      <c r="RST691" s="613"/>
      <c r="RSU691" s="613"/>
      <c r="RSV691" s="613"/>
      <c r="RSW691" s="613"/>
      <c r="RSX691" s="613"/>
      <c r="RSY691" s="613"/>
      <c r="RSZ691" s="613"/>
      <c r="RTA691" s="613"/>
      <c r="RTB691" s="613"/>
      <c r="RTC691" s="613"/>
      <c r="RTD691" s="613"/>
      <c r="RTE691" s="613"/>
      <c r="RTF691" s="613"/>
      <c r="RTG691" s="613"/>
      <c r="RTH691" s="613"/>
      <c r="RTI691" s="613"/>
      <c r="RTJ691" s="613"/>
      <c r="RTK691" s="613"/>
      <c r="RTL691" s="613"/>
      <c r="RTM691" s="613"/>
      <c r="RTN691" s="613"/>
      <c r="RTO691" s="613"/>
      <c r="RTP691" s="613"/>
      <c r="RTQ691" s="613"/>
      <c r="RTR691" s="613"/>
      <c r="RTS691" s="613"/>
      <c r="RTT691" s="613"/>
      <c r="RTU691" s="613"/>
      <c r="RTV691" s="613"/>
      <c r="RTW691" s="613"/>
      <c r="RTX691" s="613"/>
      <c r="RTY691" s="613"/>
      <c r="RTZ691" s="613"/>
      <c r="RUA691" s="613"/>
      <c r="RUB691" s="613"/>
      <c r="RUC691" s="613"/>
      <c r="RUD691" s="613"/>
      <c r="RUE691" s="613"/>
      <c r="RUF691" s="613"/>
      <c r="RUG691" s="613"/>
      <c r="RUH691" s="613"/>
      <c r="RUI691" s="613"/>
      <c r="RUJ691" s="613"/>
      <c r="RUK691" s="613"/>
      <c r="RUL691" s="613"/>
      <c r="RUM691" s="613"/>
      <c r="RUN691" s="613"/>
      <c r="RUO691" s="613"/>
      <c r="RUP691" s="613"/>
      <c r="RUQ691" s="613"/>
      <c r="RUR691" s="613"/>
      <c r="RUS691" s="613"/>
      <c r="RUT691" s="613"/>
      <c r="RUU691" s="613"/>
      <c r="RUV691" s="613"/>
      <c r="RUW691" s="613"/>
      <c r="RUX691" s="613"/>
      <c r="RUY691" s="613"/>
      <c r="RUZ691" s="613"/>
      <c r="RVA691" s="613"/>
      <c r="RVB691" s="613"/>
      <c r="RVC691" s="613"/>
      <c r="RVD691" s="613"/>
      <c r="RVE691" s="613"/>
      <c r="RVF691" s="613"/>
      <c r="RVG691" s="613"/>
      <c r="RVH691" s="613"/>
      <c r="RVI691" s="613"/>
      <c r="RVJ691" s="613"/>
      <c r="RVK691" s="613"/>
      <c r="RVL691" s="613"/>
      <c r="RVM691" s="613"/>
      <c r="RVN691" s="613"/>
      <c r="RVO691" s="613"/>
      <c r="RVP691" s="613"/>
      <c r="RVQ691" s="613"/>
      <c r="RVR691" s="613"/>
      <c r="RVS691" s="613"/>
      <c r="RVT691" s="613"/>
      <c r="RVU691" s="613"/>
      <c r="RVV691" s="613"/>
      <c r="RVW691" s="613"/>
      <c r="RVX691" s="613"/>
      <c r="RVY691" s="613"/>
      <c r="RVZ691" s="613"/>
      <c r="RWA691" s="613"/>
      <c r="RWB691" s="613"/>
      <c r="RWC691" s="613"/>
      <c r="RWD691" s="613"/>
      <c r="RWE691" s="613"/>
      <c r="RWF691" s="613"/>
      <c r="RWG691" s="613"/>
      <c r="RWH691" s="613"/>
      <c r="RWI691" s="613"/>
      <c r="RWJ691" s="613"/>
      <c r="RWK691" s="613"/>
      <c r="RWL691" s="613"/>
      <c r="RWM691" s="613"/>
      <c r="RWN691" s="613"/>
      <c r="RWO691" s="613"/>
      <c r="RWP691" s="613"/>
      <c r="RWQ691" s="613"/>
      <c r="RWR691" s="613"/>
      <c r="RWS691" s="613"/>
      <c r="RWT691" s="613"/>
      <c r="RWU691" s="613"/>
      <c r="RWV691" s="613"/>
      <c r="RWW691" s="613"/>
      <c r="RWX691" s="613"/>
      <c r="RWY691" s="613"/>
      <c r="RWZ691" s="613"/>
      <c r="RXA691" s="613"/>
      <c r="RXB691" s="613"/>
      <c r="RXC691" s="613"/>
      <c r="RXD691" s="613"/>
      <c r="RXE691" s="613"/>
      <c r="RXF691" s="613"/>
      <c r="RXG691" s="613"/>
      <c r="RXH691" s="613"/>
      <c r="RXI691" s="613"/>
      <c r="RXJ691" s="613"/>
      <c r="RXK691" s="613"/>
      <c r="RXL691" s="613"/>
      <c r="RXM691" s="613"/>
      <c r="RXN691" s="613"/>
      <c r="RXO691" s="613"/>
      <c r="RXP691" s="613"/>
      <c r="RXQ691" s="613"/>
      <c r="RXR691" s="613"/>
      <c r="RXS691" s="613"/>
      <c r="RXT691" s="613"/>
      <c r="RXU691" s="613"/>
      <c r="RXV691" s="613"/>
      <c r="RXW691" s="613"/>
      <c r="RXX691" s="613"/>
      <c r="RXY691" s="613"/>
      <c r="RXZ691" s="613"/>
      <c r="RYA691" s="613"/>
      <c r="RYB691" s="613"/>
      <c r="RYC691" s="613"/>
      <c r="RYD691" s="613"/>
      <c r="RYE691" s="613"/>
      <c r="RYF691" s="613"/>
      <c r="RYG691" s="613"/>
      <c r="RYH691" s="613"/>
      <c r="RYI691" s="613"/>
      <c r="RYJ691" s="613"/>
      <c r="RYK691" s="613"/>
      <c r="RYL691" s="613"/>
      <c r="RYM691" s="613"/>
      <c r="RYN691" s="613"/>
      <c r="RYO691" s="613"/>
      <c r="RYP691" s="613"/>
      <c r="RYQ691" s="613"/>
      <c r="RYR691" s="613"/>
      <c r="RYS691" s="613"/>
      <c r="RYT691" s="613"/>
      <c r="RYU691" s="613"/>
      <c r="RYV691" s="613"/>
      <c r="RYW691" s="613"/>
      <c r="RYX691" s="613"/>
      <c r="RYY691" s="613"/>
      <c r="RYZ691" s="613"/>
      <c r="RZA691" s="613"/>
      <c r="RZB691" s="613"/>
      <c r="RZC691" s="613"/>
      <c r="RZD691" s="613"/>
      <c r="RZE691" s="613"/>
      <c r="RZF691" s="613"/>
      <c r="RZG691" s="613"/>
      <c r="RZH691" s="613"/>
      <c r="RZI691" s="613"/>
      <c r="RZJ691" s="613"/>
      <c r="RZK691" s="613"/>
      <c r="RZL691" s="613"/>
      <c r="RZM691" s="613"/>
      <c r="RZN691" s="613"/>
      <c r="RZO691" s="613"/>
      <c r="RZP691" s="613"/>
      <c r="RZQ691" s="613"/>
      <c r="RZR691" s="613"/>
      <c r="RZS691" s="613"/>
      <c r="RZT691" s="613"/>
      <c r="RZU691" s="613"/>
      <c r="RZV691" s="613"/>
      <c r="RZW691" s="613"/>
      <c r="RZX691" s="613"/>
      <c r="RZY691" s="613"/>
      <c r="RZZ691" s="613"/>
      <c r="SAA691" s="613"/>
      <c r="SAB691" s="613"/>
      <c r="SAC691" s="613"/>
      <c r="SAD691" s="613"/>
      <c r="SAE691" s="613"/>
      <c r="SAF691" s="613"/>
      <c r="SAG691" s="613"/>
      <c r="SAH691" s="613"/>
      <c r="SAI691" s="613"/>
      <c r="SAJ691" s="613"/>
      <c r="SAK691" s="613"/>
      <c r="SAL691" s="613"/>
      <c r="SAM691" s="613"/>
      <c r="SAN691" s="613"/>
      <c r="SAO691" s="613"/>
      <c r="SAP691" s="613"/>
      <c r="SAQ691" s="613"/>
      <c r="SAR691" s="613"/>
      <c r="SAS691" s="613"/>
      <c r="SAT691" s="613"/>
      <c r="SAU691" s="613"/>
      <c r="SAV691" s="613"/>
      <c r="SAW691" s="613"/>
      <c r="SAX691" s="613"/>
      <c r="SAY691" s="613"/>
      <c r="SAZ691" s="613"/>
      <c r="SBA691" s="613"/>
      <c r="SBB691" s="613"/>
      <c r="SBC691" s="613"/>
      <c r="SBD691" s="613"/>
      <c r="SBE691" s="613"/>
      <c r="SBF691" s="613"/>
      <c r="SBG691" s="613"/>
      <c r="SBH691" s="613"/>
      <c r="SBI691" s="613"/>
      <c r="SBJ691" s="613"/>
      <c r="SBK691" s="613"/>
      <c r="SBL691" s="613"/>
      <c r="SBM691" s="613"/>
      <c r="SBN691" s="613"/>
      <c r="SBO691" s="613"/>
      <c r="SBP691" s="613"/>
      <c r="SBQ691" s="613"/>
      <c r="SBR691" s="613"/>
      <c r="SBS691" s="613"/>
      <c r="SBT691" s="613"/>
      <c r="SBU691" s="613"/>
      <c r="SBV691" s="613"/>
      <c r="SBW691" s="613"/>
      <c r="SBX691" s="613"/>
      <c r="SBY691" s="613"/>
      <c r="SBZ691" s="613"/>
      <c r="SCA691" s="613"/>
      <c r="SCB691" s="613"/>
      <c r="SCC691" s="613"/>
      <c r="SCD691" s="613"/>
      <c r="SCE691" s="613"/>
      <c r="SCF691" s="613"/>
      <c r="SCG691" s="613"/>
      <c r="SCH691" s="613"/>
      <c r="SCI691" s="613"/>
      <c r="SCJ691" s="613"/>
      <c r="SCK691" s="613"/>
      <c r="SCL691" s="613"/>
      <c r="SCM691" s="613"/>
      <c r="SCN691" s="613"/>
      <c r="SCO691" s="613"/>
      <c r="SCP691" s="613"/>
      <c r="SCQ691" s="613"/>
      <c r="SCR691" s="613"/>
      <c r="SCS691" s="613"/>
      <c r="SCT691" s="613"/>
      <c r="SCU691" s="613"/>
      <c r="SCV691" s="613"/>
      <c r="SCW691" s="613"/>
      <c r="SCX691" s="613"/>
      <c r="SCY691" s="613"/>
      <c r="SCZ691" s="613"/>
      <c r="SDA691" s="613"/>
      <c r="SDB691" s="613"/>
      <c r="SDC691" s="613"/>
      <c r="SDD691" s="613"/>
      <c r="SDE691" s="613"/>
      <c r="SDF691" s="613"/>
      <c r="SDG691" s="613"/>
      <c r="SDH691" s="613"/>
      <c r="SDI691" s="613"/>
      <c r="SDJ691" s="613"/>
      <c r="SDK691" s="613"/>
      <c r="SDL691" s="613"/>
      <c r="SDM691" s="613"/>
      <c r="SDN691" s="613"/>
      <c r="SDO691" s="613"/>
      <c r="SDP691" s="613"/>
      <c r="SDQ691" s="613"/>
      <c r="SDR691" s="613"/>
      <c r="SDS691" s="613"/>
      <c r="SDT691" s="613"/>
      <c r="SDU691" s="613"/>
      <c r="SDV691" s="613"/>
      <c r="SDW691" s="613"/>
      <c r="SDX691" s="613"/>
      <c r="SDY691" s="613"/>
      <c r="SDZ691" s="613"/>
      <c r="SEA691" s="613"/>
      <c r="SEB691" s="613"/>
      <c r="SEC691" s="613"/>
      <c r="SED691" s="613"/>
      <c r="SEE691" s="613"/>
      <c r="SEF691" s="613"/>
      <c r="SEG691" s="613"/>
      <c r="SEH691" s="613"/>
      <c r="SEI691" s="613"/>
      <c r="SEJ691" s="613"/>
      <c r="SEK691" s="613"/>
      <c r="SEL691" s="613"/>
      <c r="SEM691" s="613"/>
      <c r="SEN691" s="613"/>
      <c r="SEO691" s="613"/>
      <c r="SEP691" s="613"/>
      <c r="SEQ691" s="613"/>
      <c r="SER691" s="613"/>
      <c r="SES691" s="613"/>
      <c r="SET691" s="613"/>
      <c r="SEU691" s="613"/>
      <c r="SEV691" s="613"/>
      <c r="SEW691" s="613"/>
      <c r="SEX691" s="613"/>
      <c r="SEY691" s="613"/>
      <c r="SEZ691" s="613"/>
      <c r="SFA691" s="613"/>
      <c r="SFB691" s="613"/>
      <c r="SFC691" s="613"/>
      <c r="SFD691" s="613"/>
      <c r="SFE691" s="613"/>
      <c r="SFF691" s="613"/>
      <c r="SFG691" s="613"/>
      <c r="SFH691" s="613"/>
      <c r="SFI691" s="613"/>
      <c r="SFJ691" s="613"/>
      <c r="SFK691" s="613"/>
      <c r="SFL691" s="613"/>
      <c r="SFM691" s="613"/>
      <c r="SFN691" s="613"/>
      <c r="SFO691" s="613"/>
      <c r="SFP691" s="613"/>
      <c r="SFQ691" s="613"/>
      <c r="SFR691" s="613"/>
      <c r="SFS691" s="613"/>
      <c r="SFT691" s="613"/>
      <c r="SFU691" s="613"/>
      <c r="SFV691" s="613"/>
      <c r="SFW691" s="613"/>
      <c r="SFX691" s="613"/>
      <c r="SFY691" s="613"/>
      <c r="SFZ691" s="613"/>
      <c r="SGA691" s="613"/>
      <c r="SGB691" s="613"/>
      <c r="SGC691" s="613"/>
      <c r="SGD691" s="613"/>
      <c r="SGE691" s="613"/>
      <c r="SGF691" s="613"/>
      <c r="SGG691" s="613"/>
      <c r="SGH691" s="613"/>
      <c r="SGI691" s="613"/>
      <c r="SGJ691" s="613"/>
      <c r="SGK691" s="613"/>
      <c r="SGL691" s="613"/>
      <c r="SGM691" s="613"/>
      <c r="SGN691" s="613"/>
      <c r="SGO691" s="613"/>
      <c r="SGP691" s="613"/>
      <c r="SGQ691" s="613"/>
      <c r="SGR691" s="613"/>
      <c r="SGS691" s="613"/>
      <c r="SGT691" s="613"/>
      <c r="SGU691" s="613"/>
      <c r="SGV691" s="613"/>
      <c r="SGW691" s="613"/>
      <c r="SGX691" s="613"/>
      <c r="SGY691" s="613"/>
      <c r="SGZ691" s="613"/>
      <c r="SHA691" s="613"/>
      <c r="SHB691" s="613"/>
      <c r="SHC691" s="613"/>
      <c r="SHD691" s="613"/>
      <c r="SHE691" s="613"/>
      <c r="SHF691" s="613"/>
      <c r="SHG691" s="613"/>
      <c r="SHH691" s="613"/>
      <c r="SHI691" s="613"/>
      <c r="SHJ691" s="613"/>
      <c r="SHK691" s="613"/>
      <c r="SHL691" s="613"/>
      <c r="SHM691" s="613"/>
      <c r="SHN691" s="613"/>
      <c r="SHO691" s="613"/>
      <c r="SHP691" s="613"/>
      <c r="SHQ691" s="613"/>
      <c r="SHR691" s="613"/>
      <c r="SHS691" s="613"/>
      <c r="SHT691" s="613"/>
      <c r="SHU691" s="613"/>
      <c r="SHV691" s="613"/>
      <c r="SHW691" s="613"/>
      <c r="SHX691" s="613"/>
      <c r="SHY691" s="613"/>
      <c r="SHZ691" s="613"/>
      <c r="SIA691" s="613"/>
      <c r="SIB691" s="613"/>
      <c r="SIC691" s="613"/>
      <c r="SID691" s="613"/>
      <c r="SIE691" s="613"/>
      <c r="SIF691" s="613"/>
      <c r="SIG691" s="613"/>
      <c r="SIH691" s="613"/>
      <c r="SII691" s="613"/>
      <c r="SIJ691" s="613"/>
      <c r="SIK691" s="613"/>
      <c r="SIL691" s="613"/>
      <c r="SIM691" s="613"/>
      <c r="SIN691" s="613"/>
      <c r="SIO691" s="613"/>
      <c r="SIP691" s="613"/>
      <c r="SIQ691" s="613"/>
      <c r="SIR691" s="613"/>
      <c r="SIS691" s="613"/>
      <c r="SIT691" s="613"/>
      <c r="SIU691" s="613"/>
      <c r="SIV691" s="613"/>
      <c r="SIW691" s="613"/>
      <c r="SIX691" s="613"/>
      <c r="SIY691" s="613"/>
      <c r="SIZ691" s="613"/>
      <c r="SJA691" s="613"/>
      <c r="SJB691" s="613"/>
      <c r="SJC691" s="613"/>
      <c r="SJD691" s="613"/>
      <c r="SJE691" s="613"/>
      <c r="SJF691" s="613"/>
      <c r="SJG691" s="613"/>
      <c r="SJH691" s="613"/>
      <c r="SJI691" s="613"/>
      <c r="SJJ691" s="613"/>
      <c r="SJK691" s="613"/>
      <c r="SJL691" s="613"/>
      <c r="SJM691" s="613"/>
      <c r="SJN691" s="613"/>
      <c r="SJO691" s="613"/>
      <c r="SJP691" s="613"/>
      <c r="SJQ691" s="613"/>
      <c r="SJR691" s="613"/>
      <c r="SJS691" s="613"/>
      <c r="SJT691" s="613"/>
      <c r="SJU691" s="613"/>
      <c r="SJV691" s="613"/>
      <c r="SJW691" s="613"/>
      <c r="SJX691" s="613"/>
      <c r="SJY691" s="613"/>
      <c r="SJZ691" s="613"/>
      <c r="SKA691" s="613"/>
      <c r="SKB691" s="613"/>
      <c r="SKC691" s="613"/>
      <c r="SKD691" s="613"/>
      <c r="SKE691" s="613"/>
      <c r="SKF691" s="613"/>
      <c r="SKG691" s="613"/>
      <c r="SKH691" s="613"/>
      <c r="SKI691" s="613"/>
      <c r="SKJ691" s="613"/>
      <c r="SKK691" s="613"/>
      <c r="SKL691" s="613"/>
      <c r="SKM691" s="613"/>
      <c r="SKN691" s="613"/>
      <c r="SKO691" s="613"/>
      <c r="SKP691" s="613"/>
      <c r="SKQ691" s="613"/>
      <c r="SKR691" s="613"/>
      <c r="SKS691" s="613"/>
      <c r="SKT691" s="613"/>
      <c r="SKU691" s="613"/>
      <c r="SKV691" s="613"/>
      <c r="SKW691" s="613"/>
      <c r="SKX691" s="613"/>
      <c r="SKY691" s="613"/>
      <c r="SKZ691" s="613"/>
      <c r="SLA691" s="613"/>
      <c r="SLB691" s="613"/>
      <c r="SLC691" s="613"/>
      <c r="SLD691" s="613"/>
      <c r="SLE691" s="613"/>
      <c r="SLF691" s="613"/>
      <c r="SLG691" s="613"/>
      <c r="SLH691" s="613"/>
      <c r="SLI691" s="613"/>
      <c r="SLJ691" s="613"/>
      <c r="SLK691" s="613"/>
      <c r="SLL691" s="613"/>
      <c r="SLM691" s="613"/>
      <c r="SLN691" s="613"/>
      <c r="SLO691" s="613"/>
      <c r="SLP691" s="613"/>
      <c r="SLQ691" s="613"/>
      <c r="SLR691" s="613"/>
      <c r="SLS691" s="613"/>
      <c r="SLT691" s="613"/>
      <c r="SLU691" s="613"/>
      <c r="SLV691" s="613"/>
      <c r="SLW691" s="613"/>
      <c r="SLX691" s="613"/>
      <c r="SLY691" s="613"/>
      <c r="SLZ691" s="613"/>
      <c r="SMA691" s="613"/>
      <c r="SMB691" s="613"/>
      <c r="SMC691" s="613"/>
      <c r="SMD691" s="613"/>
      <c r="SME691" s="613"/>
      <c r="SMF691" s="613"/>
      <c r="SMG691" s="613"/>
      <c r="SMH691" s="613"/>
      <c r="SMI691" s="613"/>
      <c r="SMJ691" s="613"/>
      <c r="SMK691" s="613"/>
      <c r="SML691" s="613"/>
      <c r="SMM691" s="613"/>
      <c r="SMN691" s="613"/>
      <c r="SMO691" s="613"/>
      <c r="SMP691" s="613"/>
      <c r="SMQ691" s="613"/>
      <c r="SMR691" s="613"/>
      <c r="SMS691" s="613"/>
      <c r="SMT691" s="613"/>
      <c r="SMU691" s="613"/>
      <c r="SMV691" s="613"/>
      <c r="SMW691" s="613"/>
      <c r="SMX691" s="613"/>
      <c r="SMY691" s="613"/>
      <c r="SMZ691" s="613"/>
      <c r="SNA691" s="613"/>
      <c r="SNB691" s="613"/>
      <c r="SNC691" s="613"/>
      <c r="SND691" s="613"/>
      <c r="SNE691" s="613"/>
      <c r="SNF691" s="613"/>
      <c r="SNG691" s="613"/>
      <c r="SNH691" s="613"/>
      <c r="SNI691" s="613"/>
      <c r="SNJ691" s="613"/>
      <c r="SNK691" s="613"/>
      <c r="SNL691" s="613"/>
      <c r="SNM691" s="613"/>
      <c r="SNN691" s="613"/>
      <c r="SNO691" s="613"/>
      <c r="SNP691" s="613"/>
      <c r="SNQ691" s="613"/>
      <c r="SNR691" s="613"/>
      <c r="SNS691" s="613"/>
      <c r="SNT691" s="613"/>
      <c r="SNU691" s="613"/>
      <c r="SNV691" s="613"/>
      <c r="SNW691" s="613"/>
      <c r="SNX691" s="613"/>
      <c r="SNY691" s="613"/>
      <c r="SNZ691" s="613"/>
      <c r="SOA691" s="613"/>
      <c r="SOB691" s="613"/>
      <c r="SOC691" s="613"/>
      <c r="SOD691" s="613"/>
      <c r="SOE691" s="613"/>
      <c r="SOF691" s="613"/>
      <c r="SOG691" s="613"/>
      <c r="SOH691" s="613"/>
      <c r="SOI691" s="613"/>
      <c r="SOJ691" s="613"/>
      <c r="SOK691" s="613"/>
      <c r="SOL691" s="613"/>
      <c r="SOM691" s="613"/>
      <c r="SON691" s="613"/>
      <c r="SOO691" s="613"/>
      <c r="SOP691" s="613"/>
      <c r="SOQ691" s="613"/>
      <c r="SOR691" s="613"/>
      <c r="SOS691" s="613"/>
      <c r="SOT691" s="613"/>
      <c r="SOU691" s="613"/>
      <c r="SOV691" s="613"/>
      <c r="SOW691" s="613"/>
      <c r="SOX691" s="613"/>
      <c r="SOY691" s="613"/>
      <c r="SOZ691" s="613"/>
      <c r="SPA691" s="613"/>
      <c r="SPB691" s="613"/>
      <c r="SPC691" s="613"/>
      <c r="SPD691" s="613"/>
      <c r="SPE691" s="613"/>
      <c r="SPF691" s="613"/>
      <c r="SPG691" s="613"/>
      <c r="SPH691" s="613"/>
      <c r="SPI691" s="613"/>
      <c r="SPJ691" s="613"/>
      <c r="SPK691" s="613"/>
      <c r="SPL691" s="613"/>
      <c r="SPM691" s="613"/>
      <c r="SPN691" s="613"/>
      <c r="SPO691" s="613"/>
      <c r="SPP691" s="613"/>
      <c r="SPQ691" s="613"/>
      <c r="SPR691" s="613"/>
      <c r="SPS691" s="613"/>
      <c r="SPT691" s="613"/>
      <c r="SPU691" s="613"/>
      <c r="SPV691" s="613"/>
      <c r="SPW691" s="613"/>
      <c r="SPX691" s="613"/>
      <c r="SPY691" s="613"/>
      <c r="SPZ691" s="613"/>
      <c r="SQA691" s="613"/>
      <c r="SQB691" s="613"/>
      <c r="SQC691" s="613"/>
      <c r="SQD691" s="613"/>
      <c r="SQE691" s="613"/>
      <c r="SQF691" s="613"/>
      <c r="SQG691" s="613"/>
      <c r="SQH691" s="613"/>
      <c r="SQI691" s="613"/>
      <c r="SQJ691" s="613"/>
      <c r="SQK691" s="613"/>
      <c r="SQL691" s="613"/>
      <c r="SQM691" s="613"/>
      <c r="SQN691" s="613"/>
      <c r="SQO691" s="613"/>
      <c r="SQP691" s="613"/>
      <c r="SQQ691" s="613"/>
      <c r="SQR691" s="613"/>
      <c r="SQS691" s="613"/>
      <c r="SQT691" s="613"/>
      <c r="SQU691" s="613"/>
      <c r="SQV691" s="613"/>
      <c r="SQW691" s="613"/>
      <c r="SQX691" s="613"/>
      <c r="SQY691" s="613"/>
      <c r="SQZ691" s="613"/>
      <c r="SRA691" s="613"/>
      <c r="SRB691" s="613"/>
      <c r="SRC691" s="613"/>
      <c r="SRD691" s="613"/>
      <c r="SRE691" s="613"/>
      <c r="SRF691" s="613"/>
      <c r="SRG691" s="613"/>
      <c r="SRH691" s="613"/>
      <c r="SRI691" s="613"/>
      <c r="SRJ691" s="613"/>
      <c r="SRK691" s="613"/>
      <c r="SRL691" s="613"/>
      <c r="SRM691" s="613"/>
      <c r="SRN691" s="613"/>
      <c r="SRO691" s="613"/>
      <c r="SRP691" s="613"/>
      <c r="SRQ691" s="613"/>
      <c r="SRR691" s="613"/>
      <c r="SRS691" s="613"/>
      <c r="SRT691" s="613"/>
      <c r="SRU691" s="613"/>
      <c r="SRV691" s="613"/>
      <c r="SRW691" s="613"/>
      <c r="SRX691" s="613"/>
      <c r="SRY691" s="613"/>
      <c r="SRZ691" s="613"/>
      <c r="SSA691" s="613"/>
      <c r="SSB691" s="613"/>
      <c r="SSC691" s="613"/>
      <c r="SSD691" s="613"/>
      <c r="SSE691" s="613"/>
      <c r="SSF691" s="613"/>
      <c r="SSG691" s="613"/>
      <c r="SSH691" s="613"/>
      <c r="SSI691" s="613"/>
      <c r="SSJ691" s="613"/>
      <c r="SSK691" s="613"/>
      <c r="SSL691" s="613"/>
      <c r="SSM691" s="613"/>
      <c r="SSN691" s="613"/>
      <c r="SSO691" s="613"/>
      <c r="SSP691" s="613"/>
      <c r="SSQ691" s="613"/>
      <c r="SSR691" s="613"/>
      <c r="SSS691" s="613"/>
      <c r="SST691" s="613"/>
      <c r="SSU691" s="613"/>
      <c r="SSV691" s="613"/>
      <c r="SSW691" s="613"/>
      <c r="SSX691" s="613"/>
      <c r="SSY691" s="613"/>
      <c r="SSZ691" s="613"/>
      <c r="STA691" s="613"/>
      <c r="STB691" s="613"/>
      <c r="STC691" s="613"/>
      <c r="STD691" s="613"/>
      <c r="STE691" s="613"/>
      <c r="STF691" s="613"/>
      <c r="STG691" s="613"/>
      <c r="STH691" s="613"/>
      <c r="STI691" s="613"/>
      <c r="STJ691" s="613"/>
      <c r="STK691" s="613"/>
      <c r="STL691" s="613"/>
      <c r="STM691" s="613"/>
      <c r="STN691" s="613"/>
      <c r="STO691" s="613"/>
      <c r="STP691" s="613"/>
      <c r="STQ691" s="613"/>
      <c r="STR691" s="613"/>
      <c r="STS691" s="613"/>
      <c r="STT691" s="613"/>
      <c r="STU691" s="613"/>
      <c r="STV691" s="613"/>
      <c r="STW691" s="613"/>
      <c r="STX691" s="613"/>
      <c r="STY691" s="613"/>
      <c r="STZ691" s="613"/>
      <c r="SUA691" s="613"/>
      <c r="SUB691" s="613"/>
      <c r="SUC691" s="613"/>
      <c r="SUD691" s="613"/>
      <c r="SUE691" s="613"/>
      <c r="SUF691" s="613"/>
      <c r="SUG691" s="613"/>
      <c r="SUH691" s="613"/>
      <c r="SUI691" s="613"/>
      <c r="SUJ691" s="613"/>
      <c r="SUK691" s="613"/>
      <c r="SUL691" s="613"/>
      <c r="SUM691" s="613"/>
      <c r="SUN691" s="613"/>
      <c r="SUO691" s="613"/>
      <c r="SUP691" s="613"/>
      <c r="SUQ691" s="613"/>
      <c r="SUR691" s="613"/>
      <c r="SUS691" s="613"/>
      <c r="SUT691" s="613"/>
      <c r="SUU691" s="613"/>
      <c r="SUV691" s="613"/>
      <c r="SUW691" s="613"/>
      <c r="SUX691" s="613"/>
      <c r="SUY691" s="613"/>
      <c r="SUZ691" s="613"/>
      <c r="SVA691" s="613"/>
      <c r="SVB691" s="613"/>
      <c r="SVC691" s="613"/>
      <c r="SVD691" s="613"/>
      <c r="SVE691" s="613"/>
      <c r="SVF691" s="613"/>
      <c r="SVG691" s="613"/>
      <c r="SVH691" s="613"/>
      <c r="SVI691" s="613"/>
      <c r="SVJ691" s="613"/>
      <c r="SVK691" s="613"/>
      <c r="SVL691" s="613"/>
      <c r="SVM691" s="613"/>
      <c r="SVN691" s="613"/>
      <c r="SVO691" s="613"/>
      <c r="SVP691" s="613"/>
      <c r="SVQ691" s="613"/>
      <c r="SVR691" s="613"/>
      <c r="SVS691" s="613"/>
      <c r="SVT691" s="613"/>
      <c r="SVU691" s="613"/>
      <c r="SVV691" s="613"/>
      <c r="SVW691" s="613"/>
      <c r="SVX691" s="613"/>
      <c r="SVY691" s="613"/>
      <c r="SVZ691" s="613"/>
      <c r="SWA691" s="613"/>
      <c r="SWB691" s="613"/>
      <c r="SWC691" s="613"/>
      <c r="SWD691" s="613"/>
      <c r="SWE691" s="613"/>
      <c r="SWF691" s="613"/>
      <c r="SWG691" s="613"/>
      <c r="SWH691" s="613"/>
      <c r="SWI691" s="613"/>
      <c r="SWJ691" s="613"/>
      <c r="SWK691" s="613"/>
      <c r="SWL691" s="613"/>
      <c r="SWM691" s="613"/>
      <c r="SWN691" s="613"/>
      <c r="SWO691" s="613"/>
      <c r="SWP691" s="613"/>
      <c r="SWQ691" s="613"/>
      <c r="SWR691" s="613"/>
      <c r="SWS691" s="613"/>
      <c r="SWT691" s="613"/>
      <c r="SWU691" s="613"/>
      <c r="SWV691" s="613"/>
      <c r="SWW691" s="613"/>
      <c r="SWX691" s="613"/>
      <c r="SWY691" s="613"/>
      <c r="SWZ691" s="613"/>
      <c r="SXA691" s="613"/>
      <c r="SXB691" s="613"/>
      <c r="SXC691" s="613"/>
      <c r="SXD691" s="613"/>
      <c r="SXE691" s="613"/>
      <c r="SXF691" s="613"/>
      <c r="SXG691" s="613"/>
      <c r="SXH691" s="613"/>
      <c r="SXI691" s="613"/>
      <c r="SXJ691" s="613"/>
      <c r="SXK691" s="613"/>
      <c r="SXL691" s="613"/>
      <c r="SXM691" s="613"/>
      <c r="SXN691" s="613"/>
      <c r="SXO691" s="613"/>
      <c r="SXP691" s="613"/>
      <c r="SXQ691" s="613"/>
      <c r="SXR691" s="613"/>
      <c r="SXS691" s="613"/>
      <c r="SXT691" s="613"/>
      <c r="SXU691" s="613"/>
      <c r="SXV691" s="613"/>
      <c r="SXW691" s="613"/>
      <c r="SXX691" s="613"/>
      <c r="SXY691" s="613"/>
      <c r="SXZ691" s="613"/>
      <c r="SYA691" s="613"/>
      <c r="SYB691" s="613"/>
      <c r="SYC691" s="613"/>
      <c r="SYD691" s="613"/>
      <c r="SYE691" s="613"/>
      <c r="SYF691" s="613"/>
      <c r="SYG691" s="613"/>
      <c r="SYH691" s="613"/>
      <c r="SYI691" s="613"/>
      <c r="SYJ691" s="613"/>
      <c r="SYK691" s="613"/>
      <c r="SYL691" s="613"/>
      <c r="SYM691" s="613"/>
      <c r="SYN691" s="613"/>
      <c r="SYO691" s="613"/>
      <c r="SYP691" s="613"/>
      <c r="SYQ691" s="613"/>
      <c r="SYR691" s="613"/>
      <c r="SYS691" s="613"/>
      <c r="SYT691" s="613"/>
      <c r="SYU691" s="613"/>
      <c r="SYV691" s="613"/>
      <c r="SYW691" s="613"/>
      <c r="SYX691" s="613"/>
      <c r="SYY691" s="613"/>
      <c r="SYZ691" s="613"/>
      <c r="SZA691" s="613"/>
      <c r="SZB691" s="613"/>
      <c r="SZC691" s="613"/>
      <c r="SZD691" s="613"/>
      <c r="SZE691" s="613"/>
      <c r="SZF691" s="613"/>
      <c r="SZG691" s="613"/>
      <c r="SZH691" s="613"/>
      <c r="SZI691" s="613"/>
      <c r="SZJ691" s="613"/>
      <c r="SZK691" s="613"/>
      <c r="SZL691" s="613"/>
      <c r="SZM691" s="613"/>
      <c r="SZN691" s="613"/>
      <c r="SZO691" s="613"/>
      <c r="SZP691" s="613"/>
      <c r="SZQ691" s="613"/>
      <c r="SZR691" s="613"/>
      <c r="SZS691" s="613"/>
      <c r="SZT691" s="613"/>
      <c r="SZU691" s="613"/>
      <c r="SZV691" s="613"/>
      <c r="SZW691" s="613"/>
      <c r="SZX691" s="613"/>
      <c r="SZY691" s="613"/>
      <c r="SZZ691" s="613"/>
      <c r="TAA691" s="613"/>
      <c r="TAB691" s="613"/>
      <c r="TAC691" s="613"/>
      <c r="TAD691" s="613"/>
      <c r="TAE691" s="613"/>
      <c r="TAF691" s="613"/>
      <c r="TAG691" s="613"/>
      <c r="TAH691" s="613"/>
      <c r="TAI691" s="613"/>
      <c r="TAJ691" s="613"/>
      <c r="TAK691" s="613"/>
      <c r="TAL691" s="613"/>
      <c r="TAM691" s="613"/>
      <c r="TAN691" s="613"/>
      <c r="TAO691" s="613"/>
      <c r="TAP691" s="613"/>
      <c r="TAQ691" s="613"/>
      <c r="TAR691" s="613"/>
      <c r="TAS691" s="613"/>
      <c r="TAT691" s="613"/>
      <c r="TAU691" s="613"/>
      <c r="TAV691" s="613"/>
      <c r="TAW691" s="613"/>
      <c r="TAX691" s="613"/>
      <c r="TAY691" s="613"/>
      <c r="TAZ691" s="613"/>
      <c r="TBA691" s="613"/>
      <c r="TBB691" s="613"/>
      <c r="TBC691" s="613"/>
      <c r="TBD691" s="613"/>
      <c r="TBE691" s="613"/>
      <c r="TBF691" s="613"/>
      <c r="TBG691" s="613"/>
      <c r="TBH691" s="613"/>
      <c r="TBI691" s="613"/>
      <c r="TBJ691" s="613"/>
      <c r="TBK691" s="613"/>
      <c r="TBL691" s="613"/>
      <c r="TBM691" s="613"/>
      <c r="TBN691" s="613"/>
      <c r="TBO691" s="613"/>
      <c r="TBP691" s="613"/>
      <c r="TBQ691" s="613"/>
      <c r="TBR691" s="613"/>
      <c r="TBS691" s="613"/>
      <c r="TBT691" s="613"/>
      <c r="TBU691" s="613"/>
      <c r="TBV691" s="613"/>
      <c r="TBW691" s="613"/>
      <c r="TBX691" s="613"/>
      <c r="TBY691" s="613"/>
      <c r="TBZ691" s="613"/>
      <c r="TCA691" s="613"/>
      <c r="TCB691" s="613"/>
      <c r="TCC691" s="613"/>
      <c r="TCD691" s="613"/>
      <c r="TCE691" s="613"/>
      <c r="TCF691" s="613"/>
      <c r="TCG691" s="613"/>
      <c r="TCH691" s="613"/>
      <c r="TCI691" s="613"/>
      <c r="TCJ691" s="613"/>
      <c r="TCK691" s="613"/>
      <c r="TCL691" s="613"/>
      <c r="TCM691" s="613"/>
      <c r="TCN691" s="613"/>
      <c r="TCO691" s="613"/>
      <c r="TCP691" s="613"/>
      <c r="TCQ691" s="613"/>
      <c r="TCR691" s="613"/>
      <c r="TCS691" s="613"/>
      <c r="TCT691" s="613"/>
      <c r="TCU691" s="613"/>
      <c r="TCV691" s="613"/>
      <c r="TCW691" s="613"/>
      <c r="TCX691" s="613"/>
      <c r="TCY691" s="613"/>
      <c r="TCZ691" s="613"/>
      <c r="TDA691" s="613"/>
      <c r="TDB691" s="613"/>
      <c r="TDC691" s="613"/>
      <c r="TDD691" s="613"/>
      <c r="TDE691" s="613"/>
      <c r="TDF691" s="613"/>
      <c r="TDG691" s="613"/>
      <c r="TDH691" s="613"/>
      <c r="TDI691" s="613"/>
      <c r="TDJ691" s="613"/>
      <c r="TDK691" s="613"/>
      <c r="TDL691" s="613"/>
      <c r="TDM691" s="613"/>
      <c r="TDN691" s="613"/>
      <c r="TDO691" s="613"/>
      <c r="TDP691" s="613"/>
      <c r="TDQ691" s="613"/>
      <c r="TDR691" s="613"/>
      <c r="TDS691" s="613"/>
      <c r="TDT691" s="613"/>
      <c r="TDU691" s="613"/>
      <c r="TDV691" s="613"/>
      <c r="TDW691" s="613"/>
      <c r="TDX691" s="613"/>
      <c r="TDY691" s="613"/>
      <c r="TDZ691" s="613"/>
      <c r="TEA691" s="613"/>
      <c r="TEB691" s="613"/>
      <c r="TEC691" s="613"/>
      <c r="TED691" s="613"/>
      <c r="TEE691" s="613"/>
      <c r="TEF691" s="613"/>
      <c r="TEG691" s="613"/>
      <c r="TEH691" s="613"/>
      <c r="TEI691" s="613"/>
      <c r="TEJ691" s="613"/>
      <c r="TEK691" s="613"/>
      <c r="TEL691" s="613"/>
      <c r="TEM691" s="613"/>
      <c r="TEN691" s="613"/>
      <c r="TEO691" s="613"/>
      <c r="TEP691" s="613"/>
      <c r="TEQ691" s="613"/>
      <c r="TER691" s="613"/>
      <c r="TES691" s="613"/>
      <c r="TET691" s="613"/>
      <c r="TEU691" s="613"/>
      <c r="TEV691" s="613"/>
      <c r="TEW691" s="613"/>
      <c r="TEX691" s="613"/>
      <c r="TEY691" s="613"/>
      <c r="TEZ691" s="613"/>
      <c r="TFA691" s="613"/>
      <c r="TFB691" s="613"/>
      <c r="TFC691" s="613"/>
      <c r="TFD691" s="613"/>
      <c r="TFE691" s="613"/>
      <c r="TFF691" s="613"/>
      <c r="TFG691" s="613"/>
      <c r="TFH691" s="613"/>
      <c r="TFI691" s="613"/>
      <c r="TFJ691" s="613"/>
      <c r="TFK691" s="613"/>
      <c r="TFL691" s="613"/>
      <c r="TFM691" s="613"/>
      <c r="TFN691" s="613"/>
      <c r="TFO691" s="613"/>
      <c r="TFP691" s="613"/>
      <c r="TFQ691" s="613"/>
      <c r="TFR691" s="613"/>
      <c r="TFS691" s="613"/>
      <c r="TFT691" s="613"/>
      <c r="TFU691" s="613"/>
      <c r="TFV691" s="613"/>
      <c r="TFW691" s="613"/>
      <c r="TFX691" s="613"/>
      <c r="TFY691" s="613"/>
      <c r="TFZ691" s="613"/>
      <c r="TGA691" s="613"/>
      <c r="TGB691" s="613"/>
      <c r="TGC691" s="613"/>
      <c r="TGD691" s="613"/>
      <c r="TGE691" s="613"/>
      <c r="TGF691" s="613"/>
      <c r="TGG691" s="613"/>
      <c r="TGH691" s="613"/>
      <c r="TGI691" s="613"/>
      <c r="TGJ691" s="613"/>
      <c r="TGK691" s="613"/>
      <c r="TGL691" s="613"/>
      <c r="TGM691" s="613"/>
      <c r="TGN691" s="613"/>
      <c r="TGO691" s="613"/>
      <c r="TGP691" s="613"/>
      <c r="TGQ691" s="613"/>
      <c r="TGR691" s="613"/>
      <c r="TGS691" s="613"/>
      <c r="TGT691" s="613"/>
      <c r="TGU691" s="613"/>
      <c r="TGV691" s="613"/>
      <c r="TGW691" s="613"/>
      <c r="TGX691" s="613"/>
      <c r="TGY691" s="613"/>
      <c r="TGZ691" s="613"/>
      <c r="THA691" s="613"/>
      <c r="THB691" s="613"/>
      <c r="THC691" s="613"/>
      <c r="THD691" s="613"/>
      <c r="THE691" s="613"/>
      <c r="THF691" s="613"/>
      <c r="THG691" s="613"/>
      <c r="THH691" s="613"/>
      <c r="THI691" s="613"/>
      <c r="THJ691" s="613"/>
      <c r="THK691" s="613"/>
      <c r="THL691" s="613"/>
      <c r="THM691" s="613"/>
      <c r="THN691" s="613"/>
      <c r="THO691" s="613"/>
      <c r="THP691" s="613"/>
      <c r="THQ691" s="613"/>
      <c r="THR691" s="613"/>
      <c r="THS691" s="613"/>
      <c r="THT691" s="613"/>
      <c r="THU691" s="613"/>
      <c r="THV691" s="613"/>
      <c r="THW691" s="613"/>
      <c r="THX691" s="613"/>
      <c r="THY691" s="613"/>
      <c r="THZ691" s="613"/>
      <c r="TIA691" s="613"/>
      <c r="TIB691" s="613"/>
      <c r="TIC691" s="613"/>
      <c r="TID691" s="613"/>
      <c r="TIE691" s="613"/>
      <c r="TIF691" s="613"/>
      <c r="TIG691" s="613"/>
      <c r="TIH691" s="613"/>
      <c r="TII691" s="613"/>
      <c r="TIJ691" s="613"/>
      <c r="TIK691" s="613"/>
      <c r="TIL691" s="613"/>
      <c r="TIM691" s="613"/>
      <c r="TIN691" s="613"/>
      <c r="TIO691" s="613"/>
      <c r="TIP691" s="613"/>
      <c r="TIQ691" s="613"/>
      <c r="TIR691" s="613"/>
      <c r="TIS691" s="613"/>
      <c r="TIT691" s="613"/>
      <c r="TIU691" s="613"/>
      <c r="TIV691" s="613"/>
      <c r="TIW691" s="613"/>
      <c r="TIX691" s="613"/>
      <c r="TIY691" s="613"/>
      <c r="TIZ691" s="613"/>
      <c r="TJA691" s="613"/>
      <c r="TJB691" s="613"/>
      <c r="TJC691" s="613"/>
      <c r="TJD691" s="613"/>
      <c r="TJE691" s="613"/>
      <c r="TJF691" s="613"/>
      <c r="TJG691" s="613"/>
      <c r="TJH691" s="613"/>
      <c r="TJI691" s="613"/>
      <c r="TJJ691" s="613"/>
      <c r="TJK691" s="613"/>
      <c r="TJL691" s="613"/>
      <c r="TJM691" s="613"/>
      <c r="TJN691" s="613"/>
      <c r="TJO691" s="613"/>
      <c r="TJP691" s="613"/>
      <c r="TJQ691" s="613"/>
      <c r="TJR691" s="613"/>
      <c r="TJS691" s="613"/>
      <c r="TJT691" s="613"/>
      <c r="TJU691" s="613"/>
      <c r="TJV691" s="613"/>
      <c r="TJW691" s="613"/>
      <c r="TJX691" s="613"/>
      <c r="TJY691" s="613"/>
      <c r="TJZ691" s="613"/>
      <c r="TKA691" s="613"/>
      <c r="TKB691" s="613"/>
      <c r="TKC691" s="613"/>
      <c r="TKD691" s="613"/>
      <c r="TKE691" s="613"/>
      <c r="TKF691" s="613"/>
      <c r="TKG691" s="613"/>
      <c r="TKH691" s="613"/>
      <c r="TKI691" s="613"/>
      <c r="TKJ691" s="613"/>
      <c r="TKK691" s="613"/>
      <c r="TKL691" s="613"/>
      <c r="TKM691" s="613"/>
      <c r="TKN691" s="613"/>
      <c r="TKO691" s="613"/>
      <c r="TKP691" s="613"/>
      <c r="TKQ691" s="613"/>
      <c r="TKR691" s="613"/>
      <c r="TKS691" s="613"/>
      <c r="TKT691" s="613"/>
      <c r="TKU691" s="613"/>
      <c r="TKV691" s="613"/>
      <c r="TKW691" s="613"/>
      <c r="TKX691" s="613"/>
      <c r="TKY691" s="613"/>
      <c r="TKZ691" s="613"/>
      <c r="TLA691" s="613"/>
      <c r="TLB691" s="613"/>
      <c r="TLC691" s="613"/>
      <c r="TLD691" s="613"/>
      <c r="TLE691" s="613"/>
      <c r="TLF691" s="613"/>
      <c r="TLG691" s="613"/>
      <c r="TLH691" s="613"/>
      <c r="TLI691" s="613"/>
      <c r="TLJ691" s="613"/>
      <c r="TLK691" s="613"/>
      <c r="TLL691" s="613"/>
      <c r="TLM691" s="613"/>
      <c r="TLN691" s="613"/>
      <c r="TLO691" s="613"/>
      <c r="TLP691" s="613"/>
      <c r="TLQ691" s="613"/>
      <c r="TLR691" s="613"/>
      <c r="TLS691" s="613"/>
      <c r="TLT691" s="613"/>
      <c r="TLU691" s="613"/>
      <c r="TLV691" s="613"/>
      <c r="TLW691" s="613"/>
      <c r="TLX691" s="613"/>
      <c r="TLY691" s="613"/>
      <c r="TLZ691" s="613"/>
      <c r="TMA691" s="613"/>
      <c r="TMB691" s="613"/>
      <c r="TMC691" s="613"/>
      <c r="TMD691" s="613"/>
      <c r="TME691" s="613"/>
      <c r="TMF691" s="613"/>
      <c r="TMG691" s="613"/>
      <c r="TMH691" s="613"/>
      <c r="TMI691" s="613"/>
      <c r="TMJ691" s="613"/>
      <c r="TMK691" s="613"/>
      <c r="TML691" s="613"/>
      <c r="TMM691" s="613"/>
      <c r="TMN691" s="613"/>
      <c r="TMO691" s="613"/>
      <c r="TMP691" s="613"/>
      <c r="TMQ691" s="613"/>
      <c r="TMR691" s="613"/>
      <c r="TMS691" s="613"/>
      <c r="TMT691" s="613"/>
      <c r="TMU691" s="613"/>
      <c r="TMV691" s="613"/>
      <c r="TMW691" s="613"/>
      <c r="TMX691" s="613"/>
      <c r="TMY691" s="613"/>
      <c r="TMZ691" s="613"/>
      <c r="TNA691" s="613"/>
      <c r="TNB691" s="613"/>
      <c r="TNC691" s="613"/>
      <c r="TND691" s="613"/>
      <c r="TNE691" s="613"/>
      <c r="TNF691" s="613"/>
      <c r="TNG691" s="613"/>
      <c r="TNH691" s="613"/>
      <c r="TNI691" s="613"/>
      <c r="TNJ691" s="613"/>
      <c r="TNK691" s="613"/>
      <c r="TNL691" s="613"/>
      <c r="TNM691" s="613"/>
      <c r="TNN691" s="613"/>
      <c r="TNO691" s="613"/>
      <c r="TNP691" s="613"/>
      <c r="TNQ691" s="613"/>
      <c r="TNR691" s="613"/>
      <c r="TNS691" s="613"/>
      <c r="TNT691" s="613"/>
      <c r="TNU691" s="613"/>
      <c r="TNV691" s="613"/>
      <c r="TNW691" s="613"/>
      <c r="TNX691" s="613"/>
      <c r="TNY691" s="613"/>
      <c r="TNZ691" s="613"/>
      <c r="TOA691" s="613"/>
      <c r="TOB691" s="613"/>
      <c r="TOC691" s="613"/>
      <c r="TOD691" s="613"/>
      <c r="TOE691" s="613"/>
      <c r="TOF691" s="613"/>
      <c r="TOG691" s="613"/>
      <c r="TOH691" s="613"/>
      <c r="TOI691" s="613"/>
      <c r="TOJ691" s="613"/>
      <c r="TOK691" s="613"/>
      <c r="TOL691" s="613"/>
      <c r="TOM691" s="613"/>
      <c r="TON691" s="613"/>
      <c r="TOO691" s="613"/>
      <c r="TOP691" s="613"/>
      <c r="TOQ691" s="613"/>
      <c r="TOR691" s="613"/>
      <c r="TOS691" s="613"/>
      <c r="TOT691" s="613"/>
      <c r="TOU691" s="613"/>
      <c r="TOV691" s="613"/>
      <c r="TOW691" s="613"/>
      <c r="TOX691" s="613"/>
      <c r="TOY691" s="613"/>
      <c r="TOZ691" s="613"/>
      <c r="TPA691" s="613"/>
      <c r="TPB691" s="613"/>
      <c r="TPC691" s="613"/>
      <c r="TPD691" s="613"/>
      <c r="TPE691" s="613"/>
      <c r="TPF691" s="613"/>
      <c r="TPG691" s="613"/>
      <c r="TPH691" s="613"/>
      <c r="TPI691" s="613"/>
      <c r="TPJ691" s="613"/>
      <c r="TPK691" s="613"/>
      <c r="TPL691" s="613"/>
      <c r="TPM691" s="613"/>
      <c r="TPN691" s="613"/>
      <c r="TPO691" s="613"/>
      <c r="TPP691" s="613"/>
      <c r="TPQ691" s="613"/>
      <c r="TPR691" s="613"/>
      <c r="TPS691" s="613"/>
      <c r="TPT691" s="613"/>
      <c r="TPU691" s="613"/>
      <c r="TPV691" s="613"/>
      <c r="TPW691" s="613"/>
      <c r="TPX691" s="613"/>
      <c r="TPY691" s="613"/>
      <c r="TPZ691" s="613"/>
      <c r="TQA691" s="613"/>
      <c r="TQB691" s="613"/>
      <c r="TQC691" s="613"/>
      <c r="TQD691" s="613"/>
      <c r="TQE691" s="613"/>
      <c r="TQF691" s="613"/>
      <c r="TQG691" s="613"/>
      <c r="TQH691" s="613"/>
      <c r="TQI691" s="613"/>
      <c r="TQJ691" s="613"/>
      <c r="TQK691" s="613"/>
      <c r="TQL691" s="613"/>
      <c r="TQM691" s="613"/>
      <c r="TQN691" s="613"/>
      <c r="TQO691" s="613"/>
      <c r="TQP691" s="613"/>
      <c r="TQQ691" s="613"/>
      <c r="TQR691" s="613"/>
      <c r="TQS691" s="613"/>
      <c r="TQT691" s="613"/>
      <c r="TQU691" s="613"/>
      <c r="TQV691" s="613"/>
      <c r="TQW691" s="613"/>
      <c r="TQX691" s="613"/>
      <c r="TQY691" s="613"/>
      <c r="TQZ691" s="613"/>
      <c r="TRA691" s="613"/>
      <c r="TRB691" s="613"/>
      <c r="TRC691" s="613"/>
      <c r="TRD691" s="613"/>
      <c r="TRE691" s="613"/>
      <c r="TRF691" s="613"/>
      <c r="TRG691" s="613"/>
      <c r="TRH691" s="613"/>
      <c r="TRI691" s="613"/>
      <c r="TRJ691" s="613"/>
      <c r="TRK691" s="613"/>
      <c r="TRL691" s="613"/>
      <c r="TRM691" s="613"/>
      <c r="TRN691" s="613"/>
      <c r="TRO691" s="613"/>
      <c r="TRP691" s="613"/>
      <c r="TRQ691" s="613"/>
      <c r="TRR691" s="613"/>
      <c r="TRS691" s="613"/>
      <c r="TRT691" s="613"/>
      <c r="TRU691" s="613"/>
      <c r="TRV691" s="613"/>
      <c r="TRW691" s="613"/>
      <c r="TRX691" s="613"/>
      <c r="TRY691" s="613"/>
      <c r="TRZ691" s="613"/>
      <c r="TSA691" s="613"/>
      <c r="TSB691" s="613"/>
      <c r="TSC691" s="613"/>
      <c r="TSD691" s="613"/>
      <c r="TSE691" s="613"/>
      <c r="TSF691" s="613"/>
      <c r="TSG691" s="613"/>
      <c r="TSH691" s="613"/>
      <c r="TSI691" s="613"/>
      <c r="TSJ691" s="613"/>
      <c r="TSK691" s="613"/>
      <c r="TSL691" s="613"/>
      <c r="TSM691" s="613"/>
      <c r="TSN691" s="613"/>
      <c r="TSO691" s="613"/>
      <c r="TSP691" s="613"/>
      <c r="TSQ691" s="613"/>
      <c r="TSR691" s="613"/>
      <c r="TSS691" s="613"/>
      <c r="TST691" s="613"/>
      <c r="TSU691" s="613"/>
      <c r="TSV691" s="613"/>
      <c r="TSW691" s="613"/>
      <c r="TSX691" s="613"/>
      <c r="TSY691" s="613"/>
      <c r="TSZ691" s="613"/>
      <c r="TTA691" s="613"/>
      <c r="TTB691" s="613"/>
      <c r="TTC691" s="613"/>
      <c r="TTD691" s="613"/>
      <c r="TTE691" s="613"/>
      <c r="TTF691" s="613"/>
      <c r="TTG691" s="613"/>
      <c r="TTH691" s="613"/>
      <c r="TTI691" s="613"/>
      <c r="TTJ691" s="613"/>
      <c r="TTK691" s="613"/>
      <c r="TTL691" s="613"/>
      <c r="TTM691" s="613"/>
      <c r="TTN691" s="613"/>
      <c r="TTO691" s="613"/>
      <c r="TTP691" s="613"/>
      <c r="TTQ691" s="613"/>
      <c r="TTR691" s="613"/>
      <c r="TTS691" s="613"/>
      <c r="TTT691" s="613"/>
      <c r="TTU691" s="613"/>
      <c r="TTV691" s="613"/>
      <c r="TTW691" s="613"/>
      <c r="TTX691" s="613"/>
      <c r="TTY691" s="613"/>
      <c r="TTZ691" s="613"/>
      <c r="TUA691" s="613"/>
      <c r="TUB691" s="613"/>
      <c r="TUC691" s="613"/>
      <c r="TUD691" s="613"/>
      <c r="TUE691" s="613"/>
      <c r="TUF691" s="613"/>
      <c r="TUG691" s="613"/>
      <c r="TUH691" s="613"/>
      <c r="TUI691" s="613"/>
      <c r="TUJ691" s="613"/>
      <c r="TUK691" s="613"/>
      <c r="TUL691" s="613"/>
      <c r="TUM691" s="613"/>
      <c r="TUN691" s="613"/>
      <c r="TUO691" s="613"/>
      <c r="TUP691" s="613"/>
      <c r="TUQ691" s="613"/>
      <c r="TUR691" s="613"/>
      <c r="TUS691" s="613"/>
      <c r="TUT691" s="613"/>
      <c r="TUU691" s="613"/>
      <c r="TUV691" s="613"/>
      <c r="TUW691" s="613"/>
      <c r="TUX691" s="613"/>
      <c r="TUY691" s="613"/>
      <c r="TUZ691" s="613"/>
      <c r="TVA691" s="613"/>
      <c r="TVB691" s="613"/>
      <c r="TVC691" s="613"/>
      <c r="TVD691" s="613"/>
      <c r="TVE691" s="613"/>
      <c r="TVF691" s="613"/>
      <c r="TVG691" s="613"/>
      <c r="TVH691" s="613"/>
      <c r="TVI691" s="613"/>
      <c r="TVJ691" s="613"/>
      <c r="TVK691" s="613"/>
      <c r="TVL691" s="613"/>
      <c r="TVM691" s="613"/>
      <c r="TVN691" s="613"/>
      <c r="TVO691" s="613"/>
      <c r="TVP691" s="613"/>
      <c r="TVQ691" s="613"/>
      <c r="TVR691" s="613"/>
      <c r="TVS691" s="613"/>
      <c r="TVT691" s="613"/>
      <c r="TVU691" s="613"/>
      <c r="TVV691" s="613"/>
      <c r="TVW691" s="613"/>
      <c r="TVX691" s="613"/>
      <c r="TVY691" s="613"/>
      <c r="TVZ691" s="613"/>
      <c r="TWA691" s="613"/>
      <c r="TWB691" s="613"/>
      <c r="TWC691" s="613"/>
      <c r="TWD691" s="613"/>
      <c r="TWE691" s="613"/>
      <c r="TWF691" s="613"/>
      <c r="TWG691" s="613"/>
      <c r="TWH691" s="613"/>
      <c r="TWI691" s="613"/>
      <c r="TWJ691" s="613"/>
      <c r="TWK691" s="613"/>
      <c r="TWL691" s="613"/>
      <c r="TWM691" s="613"/>
      <c r="TWN691" s="613"/>
      <c r="TWO691" s="613"/>
      <c r="TWP691" s="613"/>
      <c r="TWQ691" s="613"/>
      <c r="TWR691" s="613"/>
      <c r="TWS691" s="613"/>
      <c r="TWT691" s="613"/>
      <c r="TWU691" s="613"/>
      <c r="TWV691" s="613"/>
      <c r="TWW691" s="613"/>
      <c r="TWX691" s="613"/>
      <c r="TWY691" s="613"/>
      <c r="TWZ691" s="613"/>
      <c r="TXA691" s="613"/>
      <c r="TXB691" s="613"/>
      <c r="TXC691" s="613"/>
      <c r="TXD691" s="613"/>
      <c r="TXE691" s="613"/>
      <c r="TXF691" s="613"/>
      <c r="TXG691" s="613"/>
      <c r="TXH691" s="613"/>
      <c r="TXI691" s="613"/>
      <c r="TXJ691" s="613"/>
      <c r="TXK691" s="613"/>
      <c r="TXL691" s="613"/>
      <c r="TXM691" s="613"/>
      <c r="TXN691" s="613"/>
      <c r="TXO691" s="613"/>
      <c r="TXP691" s="613"/>
      <c r="TXQ691" s="613"/>
      <c r="TXR691" s="613"/>
      <c r="TXS691" s="613"/>
      <c r="TXT691" s="613"/>
      <c r="TXU691" s="613"/>
      <c r="TXV691" s="613"/>
      <c r="TXW691" s="613"/>
      <c r="TXX691" s="613"/>
      <c r="TXY691" s="613"/>
      <c r="TXZ691" s="613"/>
      <c r="TYA691" s="613"/>
      <c r="TYB691" s="613"/>
      <c r="TYC691" s="613"/>
      <c r="TYD691" s="613"/>
      <c r="TYE691" s="613"/>
      <c r="TYF691" s="613"/>
      <c r="TYG691" s="613"/>
      <c r="TYH691" s="613"/>
      <c r="TYI691" s="613"/>
      <c r="TYJ691" s="613"/>
      <c r="TYK691" s="613"/>
      <c r="TYL691" s="613"/>
      <c r="TYM691" s="613"/>
      <c r="TYN691" s="613"/>
      <c r="TYO691" s="613"/>
      <c r="TYP691" s="613"/>
      <c r="TYQ691" s="613"/>
      <c r="TYR691" s="613"/>
      <c r="TYS691" s="613"/>
      <c r="TYT691" s="613"/>
      <c r="TYU691" s="613"/>
      <c r="TYV691" s="613"/>
      <c r="TYW691" s="613"/>
      <c r="TYX691" s="613"/>
      <c r="TYY691" s="613"/>
      <c r="TYZ691" s="613"/>
      <c r="TZA691" s="613"/>
      <c r="TZB691" s="613"/>
      <c r="TZC691" s="613"/>
      <c r="TZD691" s="613"/>
      <c r="TZE691" s="613"/>
      <c r="TZF691" s="613"/>
      <c r="TZG691" s="613"/>
      <c r="TZH691" s="613"/>
      <c r="TZI691" s="613"/>
      <c r="TZJ691" s="613"/>
      <c r="TZK691" s="613"/>
      <c r="TZL691" s="613"/>
      <c r="TZM691" s="613"/>
      <c r="TZN691" s="613"/>
      <c r="TZO691" s="613"/>
      <c r="TZP691" s="613"/>
      <c r="TZQ691" s="613"/>
      <c r="TZR691" s="613"/>
      <c r="TZS691" s="613"/>
      <c r="TZT691" s="613"/>
      <c r="TZU691" s="613"/>
      <c r="TZV691" s="613"/>
      <c r="TZW691" s="613"/>
      <c r="TZX691" s="613"/>
      <c r="TZY691" s="613"/>
      <c r="TZZ691" s="613"/>
      <c r="UAA691" s="613"/>
      <c r="UAB691" s="613"/>
      <c r="UAC691" s="613"/>
      <c r="UAD691" s="613"/>
      <c r="UAE691" s="613"/>
      <c r="UAF691" s="613"/>
      <c r="UAG691" s="613"/>
      <c r="UAH691" s="613"/>
      <c r="UAI691" s="613"/>
      <c r="UAJ691" s="613"/>
      <c r="UAK691" s="613"/>
      <c r="UAL691" s="613"/>
      <c r="UAM691" s="613"/>
      <c r="UAN691" s="613"/>
      <c r="UAO691" s="613"/>
      <c r="UAP691" s="613"/>
      <c r="UAQ691" s="613"/>
      <c r="UAR691" s="613"/>
      <c r="UAS691" s="613"/>
      <c r="UAT691" s="613"/>
      <c r="UAU691" s="613"/>
      <c r="UAV691" s="613"/>
      <c r="UAW691" s="613"/>
      <c r="UAX691" s="613"/>
      <c r="UAY691" s="613"/>
      <c r="UAZ691" s="613"/>
      <c r="UBA691" s="613"/>
      <c r="UBB691" s="613"/>
      <c r="UBC691" s="613"/>
      <c r="UBD691" s="613"/>
      <c r="UBE691" s="613"/>
      <c r="UBF691" s="613"/>
      <c r="UBG691" s="613"/>
      <c r="UBH691" s="613"/>
      <c r="UBI691" s="613"/>
      <c r="UBJ691" s="613"/>
      <c r="UBK691" s="613"/>
      <c r="UBL691" s="613"/>
      <c r="UBM691" s="613"/>
      <c r="UBN691" s="613"/>
      <c r="UBO691" s="613"/>
      <c r="UBP691" s="613"/>
      <c r="UBQ691" s="613"/>
      <c r="UBR691" s="613"/>
      <c r="UBS691" s="613"/>
      <c r="UBT691" s="613"/>
      <c r="UBU691" s="613"/>
      <c r="UBV691" s="613"/>
      <c r="UBW691" s="613"/>
      <c r="UBX691" s="613"/>
      <c r="UBY691" s="613"/>
      <c r="UBZ691" s="613"/>
      <c r="UCA691" s="613"/>
      <c r="UCB691" s="613"/>
      <c r="UCC691" s="613"/>
      <c r="UCD691" s="613"/>
      <c r="UCE691" s="613"/>
      <c r="UCF691" s="613"/>
      <c r="UCG691" s="613"/>
      <c r="UCH691" s="613"/>
      <c r="UCI691" s="613"/>
      <c r="UCJ691" s="613"/>
      <c r="UCK691" s="613"/>
      <c r="UCL691" s="613"/>
      <c r="UCM691" s="613"/>
      <c r="UCN691" s="613"/>
      <c r="UCO691" s="613"/>
      <c r="UCP691" s="613"/>
      <c r="UCQ691" s="613"/>
      <c r="UCR691" s="613"/>
      <c r="UCS691" s="613"/>
      <c r="UCT691" s="613"/>
      <c r="UCU691" s="613"/>
      <c r="UCV691" s="613"/>
      <c r="UCW691" s="613"/>
      <c r="UCX691" s="613"/>
      <c r="UCY691" s="613"/>
      <c r="UCZ691" s="613"/>
      <c r="UDA691" s="613"/>
      <c r="UDB691" s="613"/>
      <c r="UDC691" s="613"/>
      <c r="UDD691" s="613"/>
      <c r="UDE691" s="613"/>
      <c r="UDF691" s="613"/>
      <c r="UDG691" s="613"/>
      <c r="UDH691" s="613"/>
      <c r="UDI691" s="613"/>
      <c r="UDJ691" s="613"/>
      <c r="UDK691" s="613"/>
      <c r="UDL691" s="613"/>
      <c r="UDM691" s="613"/>
      <c r="UDN691" s="613"/>
      <c r="UDO691" s="613"/>
      <c r="UDP691" s="613"/>
      <c r="UDQ691" s="613"/>
      <c r="UDR691" s="613"/>
      <c r="UDS691" s="613"/>
      <c r="UDT691" s="613"/>
      <c r="UDU691" s="613"/>
      <c r="UDV691" s="613"/>
      <c r="UDW691" s="613"/>
      <c r="UDX691" s="613"/>
      <c r="UDY691" s="613"/>
      <c r="UDZ691" s="613"/>
      <c r="UEA691" s="613"/>
      <c r="UEB691" s="613"/>
      <c r="UEC691" s="613"/>
      <c r="UED691" s="613"/>
      <c r="UEE691" s="613"/>
      <c r="UEF691" s="613"/>
      <c r="UEG691" s="613"/>
      <c r="UEH691" s="613"/>
      <c r="UEI691" s="613"/>
      <c r="UEJ691" s="613"/>
      <c r="UEK691" s="613"/>
      <c r="UEL691" s="613"/>
      <c r="UEM691" s="613"/>
      <c r="UEN691" s="613"/>
      <c r="UEO691" s="613"/>
      <c r="UEP691" s="613"/>
      <c r="UEQ691" s="613"/>
      <c r="UER691" s="613"/>
      <c r="UES691" s="613"/>
      <c r="UET691" s="613"/>
      <c r="UEU691" s="613"/>
      <c r="UEV691" s="613"/>
      <c r="UEW691" s="613"/>
      <c r="UEX691" s="613"/>
      <c r="UEY691" s="613"/>
      <c r="UEZ691" s="613"/>
      <c r="UFA691" s="613"/>
      <c r="UFB691" s="613"/>
      <c r="UFC691" s="613"/>
      <c r="UFD691" s="613"/>
      <c r="UFE691" s="613"/>
      <c r="UFF691" s="613"/>
      <c r="UFG691" s="613"/>
      <c r="UFH691" s="613"/>
      <c r="UFI691" s="613"/>
      <c r="UFJ691" s="613"/>
      <c r="UFK691" s="613"/>
      <c r="UFL691" s="613"/>
      <c r="UFM691" s="613"/>
      <c r="UFN691" s="613"/>
      <c r="UFO691" s="613"/>
      <c r="UFP691" s="613"/>
      <c r="UFQ691" s="613"/>
      <c r="UFR691" s="613"/>
      <c r="UFS691" s="613"/>
      <c r="UFT691" s="613"/>
      <c r="UFU691" s="613"/>
      <c r="UFV691" s="613"/>
      <c r="UFW691" s="613"/>
      <c r="UFX691" s="613"/>
      <c r="UFY691" s="613"/>
      <c r="UFZ691" s="613"/>
      <c r="UGA691" s="613"/>
      <c r="UGB691" s="613"/>
      <c r="UGC691" s="613"/>
      <c r="UGD691" s="613"/>
      <c r="UGE691" s="613"/>
      <c r="UGF691" s="613"/>
      <c r="UGG691" s="613"/>
      <c r="UGH691" s="613"/>
      <c r="UGI691" s="613"/>
      <c r="UGJ691" s="613"/>
      <c r="UGK691" s="613"/>
      <c r="UGL691" s="613"/>
      <c r="UGM691" s="613"/>
      <c r="UGN691" s="613"/>
      <c r="UGO691" s="613"/>
      <c r="UGP691" s="613"/>
      <c r="UGQ691" s="613"/>
      <c r="UGR691" s="613"/>
      <c r="UGS691" s="613"/>
      <c r="UGT691" s="613"/>
      <c r="UGU691" s="613"/>
      <c r="UGV691" s="613"/>
      <c r="UGW691" s="613"/>
      <c r="UGX691" s="613"/>
      <c r="UGY691" s="613"/>
      <c r="UGZ691" s="613"/>
      <c r="UHA691" s="613"/>
      <c r="UHB691" s="613"/>
      <c r="UHC691" s="613"/>
      <c r="UHD691" s="613"/>
      <c r="UHE691" s="613"/>
      <c r="UHF691" s="613"/>
      <c r="UHG691" s="613"/>
      <c r="UHH691" s="613"/>
      <c r="UHI691" s="613"/>
      <c r="UHJ691" s="613"/>
      <c r="UHK691" s="613"/>
      <c r="UHL691" s="613"/>
      <c r="UHM691" s="613"/>
      <c r="UHN691" s="613"/>
      <c r="UHO691" s="613"/>
      <c r="UHP691" s="613"/>
      <c r="UHQ691" s="613"/>
      <c r="UHR691" s="613"/>
      <c r="UHS691" s="613"/>
      <c r="UHT691" s="613"/>
      <c r="UHU691" s="613"/>
      <c r="UHV691" s="613"/>
      <c r="UHW691" s="613"/>
      <c r="UHX691" s="613"/>
      <c r="UHY691" s="613"/>
      <c r="UHZ691" s="613"/>
      <c r="UIA691" s="613"/>
      <c r="UIB691" s="613"/>
      <c r="UIC691" s="613"/>
      <c r="UID691" s="613"/>
      <c r="UIE691" s="613"/>
      <c r="UIF691" s="613"/>
      <c r="UIG691" s="613"/>
      <c r="UIH691" s="613"/>
      <c r="UII691" s="613"/>
      <c r="UIJ691" s="613"/>
      <c r="UIK691" s="613"/>
      <c r="UIL691" s="613"/>
      <c r="UIM691" s="613"/>
      <c r="UIN691" s="613"/>
      <c r="UIO691" s="613"/>
      <c r="UIP691" s="613"/>
      <c r="UIQ691" s="613"/>
      <c r="UIR691" s="613"/>
      <c r="UIS691" s="613"/>
      <c r="UIT691" s="613"/>
      <c r="UIU691" s="613"/>
      <c r="UIV691" s="613"/>
      <c r="UIW691" s="613"/>
      <c r="UIX691" s="613"/>
      <c r="UIY691" s="613"/>
      <c r="UIZ691" s="613"/>
      <c r="UJA691" s="613"/>
      <c r="UJB691" s="613"/>
      <c r="UJC691" s="613"/>
      <c r="UJD691" s="613"/>
      <c r="UJE691" s="613"/>
      <c r="UJF691" s="613"/>
      <c r="UJG691" s="613"/>
      <c r="UJH691" s="613"/>
      <c r="UJI691" s="613"/>
      <c r="UJJ691" s="613"/>
      <c r="UJK691" s="613"/>
      <c r="UJL691" s="613"/>
      <c r="UJM691" s="613"/>
      <c r="UJN691" s="613"/>
      <c r="UJO691" s="613"/>
      <c r="UJP691" s="613"/>
      <c r="UJQ691" s="613"/>
      <c r="UJR691" s="613"/>
      <c r="UJS691" s="613"/>
      <c r="UJT691" s="613"/>
      <c r="UJU691" s="613"/>
      <c r="UJV691" s="613"/>
      <c r="UJW691" s="613"/>
      <c r="UJX691" s="613"/>
      <c r="UJY691" s="613"/>
      <c r="UJZ691" s="613"/>
      <c r="UKA691" s="613"/>
      <c r="UKB691" s="613"/>
      <c r="UKC691" s="613"/>
      <c r="UKD691" s="613"/>
      <c r="UKE691" s="613"/>
      <c r="UKF691" s="613"/>
      <c r="UKG691" s="613"/>
      <c r="UKH691" s="613"/>
      <c r="UKI691" s="613"/>
      <c r="UKJ691" s="613"/>
      <c r="UKK691" s="613"/>
      <c r="UKL691" s="613"/>
      <c r="UKM691" s="613"/>
      <c r="UKN691" s="613"/>
      <c r="UKO691" s="613"/>
      <c r="UKP691" s="613"/>
      <c r="UKQ691" s="613"/>
      <c r="UKR691" s="613"/>
      <c r="UKS691" s="613"/>
      <c r="UKT691" s="613"/>
      <c r="UKU691" s="613"/>
      <c r="UKV691" s="613"/>
      <c r="UKW691" s="613"/>
      <c r="UKX691" s="613"/>
      <c r="UKY691" s="613"/>
      <c r="UKZ691" s="613"/>
      <c r="ULA691" s="613"/>
      <c r="ULB691" s="613"/>
      <c r="ULC691" s="613"/>
      <c r="ULD691" s="613"/>
      <c r="ULE691" s="613"/>
      <c r="ULF691" s="613"/>
      <c r="ULG691" s="613"/>
      <c r="ULH691" s="613"/>
      <c r="ULI691" s="613"/>
      <c r="ULJ691" s="613"/>
      <c r="ULK691" s="613"/>
      <c r="ULL691" s="613"/>
      <c r="ULM691" s="613"/>
      <c r="ULN691" s="613"/>
      <c r="ULO691" s="613"/>
      <c r="ULP691" s="613"/>
      <c r="ULQ691" s="613"/>
      <c r="ULR691" s="613"/>
      <c r="ULS691" s="613"/>
      <c r="ULT691" s="613"/>
      <c r="ULU691" s="613"/>
      <c r="ULV691" s="613"/>
      <c r="ULW691" s="613"/>
      <c r="ULX691" s="613"/>
      <c r="ULY691" s="613"/>
      <c r="ULZ691" s="613"/>
      <c r="UMA691" s="613"/>
      <c r="UMB691" s="613"/>
      <c r="UMC691" s="613"/>
      <c r="UMD691" s="613"/>
      <c r="UME691" s="613"/>
      <c r="UMF691" s="613"/>
      <c r="UMG691" s="613"/>
      <c r="UMH691" s="613"/>
      <c r="UMI691" s="613"/>
      <c r="UMJ691" s="613"/>
      <c r="UMK691" s="613"/>
      <c r="UML691" s="613"/>
      <c r="UMM691" s="613"/>
      <c r="UMN691" s="613"/>
      <c r="UMO691" s="613"/>
      <c r="UMP691" s="613"/>
      <c r="UMQ691" s="613"/>
      <c r="UMR691" s="613"/>
      <c r="UMS691" s="613"/>
      <c r="UMT691" s="613"/>
      <c r="UMU691" s="613"/>
      <c r="UMV691" s="613"/>
      <c r="UMW691" s="613"/>
      <c r="UMX691" s="613"/>
      <c r="UMY691" s="613"/>
      <c r="UMZ691" s="613"/>
      <c r="UNA691" s="613"/>
      <c r="UNB691" s="613"/>
      <c r="UNC691" s="613"/>
      <c r="UND691" s="613"/>
      <c r="UNE691" s="613"/>
      <c r="UNF691" s="613"/>
      <c r="UNG691" s="613"/>
      <c r="UNH691" s="613"/>
      <c r="UNI691" s="613"/>
      <c r="UNJ691" s="613"/>
      <c r="UNK691" s="613"/>
      <c r="UNL691" s="613"/>
      <c r="UNM691" s="613"/>
      <c r="UNN691" s="613"/>
      <c r="UNO691" s="613"/>
      <c r="UNP691" s="613"/>
      <c r="UNQ691" s="613"/>
      <c r="UNR691" s="613"/>
      <c r="UNS691" s="613"/>
      <c r="UNT691" s="613"/>
      <c r="UNU691" s="613"/>
      <c r="UNV691" s="613"/>
      <c r="UNW691" s="613"/>
      <c r="UNX691" s="613"/>
      <c r="UNY691" s="613"/>
      <c r="UNZ691" s="613"/>
      <c r="UOA691" s="613"/>
      <c r="UOB691" s="613"/>
      <c r="UOC691" s="613"/>
      <c r="UOD691" s="613"/>
      <c r="UOE691" s="613"/>
      <c r="UOF691" s="613"/>
      <c r="UOG691" s="613"/>
      <c r="UOH691" s="613"/>
      <c r="UOI691" s="613"/>
      <c r="UOJ691" s="613"/>
      <c r="UOK691" s="613"/>
      <c r="UOL691" s="613"/>
      <c r="UOM691" s="613"/>
      <c r="UON691" s="613"/>
      <c r="UOO691" s="613"/>
      <c r="UOP691" s="613"/>
      <c r="UOQ691" s="613"/>
      <c r="UOR691" s="613"/>
      <c r="UOS691" s="613"/>
      <c r="UOT691" s="613"/>
      <c r="UOU691" s="613"/>
      <c r="UOV691" s="613"/>
      <c r="UOW691" s="613"/>
      <c r="UOX691" s="613"/>
      <c r="UOY691" s="613"/>
      <c r="UOZ691" s="613"/>
      <c r="UPA691" s="613"/>
      <c r="UPB691" s="613"/>
      <c r="UPC691" s="613"/>
      <c r="UPD691" s="613"/>
      <c r="UPE691" s="613"/>
      <c r="UPF691" s="613"/>
      <c r="UPG691" s="613"/>
      <c r="UPH691" s="613"/>
      <c r="UPI691" s="613"/>
      <c r="UPJ691" s="613"/>
      <c r="UPK691" s="613"/>
      <c r="UPL691" s="613"/>
      <c r="UPM691" s="613"/>
      <c r="UPN691" s="613"/>
      <c r="UPO691" s="613"/>
      <c r="UPP691" s="613"/>
      <c r="UPQ691" s="613"/>
      <c r="UPR691" s="613"/>
      <c r="UPS691" s="613"/>
      <c r="UPT691" s="613"/>
      <c r="UPU691" s="613"/>
      <c r="UPV691" s="613"/>
      <c r="UPW691" s="613"/>
      <c r="UPX691" s="613"/>
      <c r="UPY691" s="613"/>
      <c r="UPZ691" s="613"/>
      <c r="UQA691" s="613"/>
      <c r="UQB691" s="613"/>
      <c r="UQC691" s="613"/>
      <c r="UQD691" s="613"/>
      <c r="UQE691" s="613"/>
      <c r="UQF691" s="613"/>
      <c r="UQG691" s="613"/>
      <c r="UQH691" s="613"/>
      <c r="UQI691" s="613"/>
      <c r="UQJ691" s="613"/>
      <c r="UQK691" s="613"/>
      <c r="UQL691" s="613"/>
      <c r="UQM691" s="613"/>
      <c r="UQN691" s="613"/>
      <c r="UQO691" s="613"/>
      <c r="UQP691" s="613"/>
      <c r="UQQ691" s="613"/>
      <c r="UQR691" s="613"/>
      <c r="UQS691" s="613"/>
      <c r="UQT691" s="613"/>
      <c r="UQU691" s="613"/>
      <c r="UQV691" s="613"/>
      <c r="UQW691" s="613"/>
      <c r="UQX691" s="613"/>
      <c r="UQY691" s="613"/>
      <c r="UQZ691" s="613"/>
      <c r="URA691" s="613"/>
      <c r="URB691" s="613"/>
      <c r="URC691" s="613"/>
      <c r="URD691" s="613"/>
      <c r="URE691" s="613"/>
      <c r="URF691" s="613"/>
      <c r="URG691" s="613"/>
      <c r="URH691" s="613"/>
      <c r="URI691" s="613"/>
      <c r="URJ691" s="613"/>
      <c r="URK691" s="613"/>
      <c r="URL691" s="613"/>
      <c r="URM691" s="613"/>
      <c r="URN691" s="613"/>
      <c r="URO691" s="613"/>
      <c r="URP691" s="613"/>
      <c r="URQ691" s="613"/>
      <c r="URR691" s="613"/>
      <c r="URS691" s="613"/>
      <c r="URT691" s="613"/>
      <c r="URU691" s="613"/>
      <c r="URV691" s="613"/>
      <c r="URW691" s="613"/>
      <c r="URX691" s="613"/>
      <c r="URY691" s="613"/>
      <c r="URZ691" s="613"/>
      <c r="USA691" s="613"/>
      <c r="USB691" s="613"/>
      <c r="USC691" s="613"/>
      <c r="USD691" s="613"/>
      <c r="USE691" s="613"/>
      <c r="USF691" s="613"/>
      <c r="USG691" s="613"/>
      <c r="USH691" s="613"/>
      <c r="USI691" s="613"/>
      <c r="USJ691" s="613"/>
      <c r="USK691" s="613"/>
      <c r="USL691" s="613"/>
      <c r="USM691" s="613"/>
      <c r="USN691" s="613"/>
      <c r="USO691" s="613"/>
      <c r="USP691" s="613"/>
      <c r="USQ691" s="613"/>
      <c r="USR691" s="613"/>
      <c r="USS691" s="613"/>
      <c r="UST691" s="613"/>
      <c r="USU691" s="613"/>
      <c r="USV691" s="613"/>
      <c r="USW691" s="613"/>
      <c r="USX691" s="613"/>
      <c r="USY691" s="613"/>
      <c r="USZ691" s="613"/>
      <c r="UTA691" s="613"/>
      <c r="UTB691" s="613"/>
      <c r="UTC691" s="613"/>
      <c r="UTD691" s="613"/>
      <c r="UTE691" s="613"/>
      <c r="UTF691" s="613"/>
      <c r="UTG691" s="613"/>
      <c r="UTH691" s="613"/>
      <c r="UTI691" s="613"/>
      <c r="UTJ691" s="613"/>
      <c r="UTK691" s="613"/>
      <c r="UTL691" s="613"/>
      <c r="UTM691" s="613"/>
      <c r="UTN691" s="613"/>
      <c r="UTO691" s="613"/>
      <c r="UTP691" s="613"/>
      <c r="UTQ691" s="613"/>
      <c r="UTR691" s="613"/>
      <c r="UTS691" s="613"/>
      <c r="UTT691" s="613"/>
      <c r="UTU691" s="613"/>
      <c r="UTV691" s="613"/>
      <c r="UTW691" s="613"/>
      <c r="UTX691" s="613"/>
      <c r="UTY691" s="613"/>
      <c r="UTZ691" s="613"/>
      <c r="UUA691" s="613"/>
      <c r="UUB691" s="613"/>
      <c r="UUC691" s="613"/>
      <c r="UUD691" s="613"/>
      <c r="UUE691" s="613"/>
      <c r="UUF691" s="613"/>
      <c r="UUG691" s="613"/>
      <c r="UUH691" s="613"/>
      <c r="UUI691" s="613"/>
      <c r="UUJ691" s="613"/>
      <c r="UUK691" s="613"/>
      <c r="UUL691" s="613"/>
      <c r="UUM691" s="613"/>
      <c r="UUN691" s="613"/>
      <c r="UUO691" s="613"/>
      <c r="UUP691" s="613"/>
      <c r="UUQ691" s="613"/>
      <c r="UUR691" s="613"/>
      <c r="UUS691" s="613"/>
      <c r="UUT691" s="613"/>
      <c r="UUU691" s="613"/>
      <c r="UUV691" s="613"/>
      <c r="UUW691" s="613"/>
      <c r="UUX691" s="613"/>
      <c r="UUY691" s="613"/>
      <c r="UUZ691" s="613"/>
      <c r="UVA691" s="613"/>
      <c r="UVB691" s="613"/>
      <c r="UVC691" s="613"/>
      <c r="UVD691" s="613"/>
      <c r="UVE691" s="613"/>
      <c r="UVF691" s="613"/>
      <c r="UVG691" s="613"/>
      <c r="UVH691" s="613"/>
      <c r="UVI691" s="613"/>
      <c r="UVJ691" s="613"/>
      <c r="UVK691" s="613"/>
      <c r="UVL691" s="613"/>
      <c r="UVM691" s="613"/>
      <c r="UVN691" s="613"/>
      <c r="UVO691" s="613"/>
      <c r="UVP691" s="613"/>
      <c r="UVQ691" s="613"/>
      <c r="UVR691" s="613"/>
      <c r="UVS691" s="613"/>
      <c r="UVT691" s="613"/>
      <c r="UVU691" s="613"/>
      <c r="UVV691" s="613"/>
      <c r="UVW691" s="613"/>
      <c r="UVX691" s="613"/>
      <c r="UVY691" s="613"/>
      <c r="UVZ691" s="613"/>
      <c r="UWA691" s="613"/>
      <c r="UWB691" s="613"/>
      <c r="UWC691" s="613"/>
      <c r="UWD691" s="613"/>
      <c r="UWE691" s="613"/>
      <c r="UWF691" s="613"/>
      <c r="UWG691" s="613"/>
      <c r="UWH691" s="613"/>
      <c r="UWI691" s="613"/>
      <c r="UWJ691" s="613"/>
      <c r="UWK691" s="613"/>
      <c r="UWL691" s="613"/>
      <c r="UWM691" s="613"/>
      <c r="UWN691" s="613"/>
      <c r="UWO691" s="613"/>
      <c r="UWP691" s="613"/>
      <c r="UWQ691" s="613"/>
      <c r="UWR691" s="613"/>
      <c r="UWS691" s="613"/>
      <c r="UWT691" s="613"/>
      <c r="UWU691" s="613"/>
      <c r="UWV691" s="613"/>
      <c r="UWW691" s="613"/>
      <c r="UWX691" s="613"/>
      <c r="UWY691" s="613"/>
      <c r="UWZ691" s="613"/>
      <c r="UXA691" s="613"/>
      <c r="UXB691" s="613"/>
      <c r="UXC691" s="613"/>
      <c r="UXD691" s="613"/>
      <c r="UXE691" s="613"/>
      <c r="UXF691" s="613"/>
      <c r="UXG691" s="613"/>
      <c r="UXH691" s="613"/>
      <c r="UXI691" s="613"/>
      <c r="UXJ691" s="613"/>
      <c r="UXK691" s="613"/>
      <c r="UXL691" s="613"/>
      <c r="UXM691" s="613"/>
      <c r="UXN691" s="613"/>
      <c r="UXO691" s="613"/>
      <c r="UXP691" s="613"/>
      <c r="UXQ691" s="613"/>
      <c r="UXR691" s="613"/>
      <c r="UXS691" s="613"/>
      <c r="UXT691" s="613"/>
      <c r="UXU691" s="613"/>
      <c r="UXV691" s="613"/>
      <c r="UXW691" s="613"/>
      <c r="UXX691" s="613"/>
      <c r="UXY691" s="613"/>
      <c r="UXZ691" s="613"/>
      <c r="UYA691" s="613"/>
      <c r="UYB691" s="613"/>
      <c r="UYC691" s="613"/>
      <c r="UYD691" s="613"/>
      <c r="UYE691" s="613"/>
      <c r="UYF691" s="613"/>
      <c r="UYG691" s="613"/>
      <c r="UYH691" s="613"/>
      <c r="UYI691" s="613"/>
      <c r="UYJ691" s="613"/>
      <c r="UYK691" s="613"/>
      <c r="UYL691" s="613"/>
      <c r="UYM691" s="613"/>
      <c r="UYN691" s="613"/>
      <c r="UYO691" s="613"/>
      <c r="UYP691" s="613"/>
      <c r="UYQ691" s="613"/>
      <c r="UYR691" s="613"/>
      <c r="UYS691" s="613"/>
      <c r="UYT691" s="613"/>
      <c r="UYU691" s="613"/>
      <c r="UYV691" s="613"/>
      <c r="UYW691" s="613"/>
      <c r="UYX691" s="613"/>
      <c r="UYY691" s="613"/>
      <c r="UYZ691" s="613"/>
      <c r="UZA691" s="613"/>
      <c r="UZB691" s="613"/>
      <c r="UZC691" s="613"/>
      <c r="UZD691" s="613"/>
      <c r="UZE691" s="613"/>
      <c r="UZF691" s="613"/>
      <c r="UZG691" s="613"/>
      <c r="UZH691" s="613"/>
      <c r="UZI691" s="613"/>
      <c r="UZJ691" s="613"/>
      <c r="UZK691" s="613"/>
      <c r="UZL691" s="613"/>
      <c r="UZM691" s="613"/>
      <c r="UZN691" s="613"/>
      <c r="UZO691" s="613"/>
      <c r="UZP691" s="613"/>
      <c r="UZQ691" s="613"/>
      <c r="UZR691" s="613"/>
      <c r="UZS691" s="613"/>
      <c r="UZT691" s="613"/>
      <c r="UZU691" s="613"/>
      <c r="UZV691" s="613"/>
      <c r="UZW691" s="613"/>
      <c r="UZX691" s="613"/>
      <c r="UZY691" s="613"/>
      <c r="UZZ691" s="613"/>
      <c r="VAA691" s="613"/>
      <c r="VAB691" s="613"/>
      <c r="VAC691" s="613"/>
      <c r="VAD691" s="613"/>
      <c r="VAE691" s="613"/>
      <c r="VAF691" s="613"/>
      <c r="VAG691" s="613"/>
      <c r="VAH691" s="613"/>
      <c r="VAI691" s="613"/>
      <c r="VAJ691" s="613"/>
      <c r="VAK691" s="613"/>
      <c r="VAL691" s="613"/>
      <c r="VAM691" s="613"/>
      <c r="VAN691" s="613"/>
      <c r="VAO691" s="613"/>
      <c r="VAP691" s="613"/>
      <c r="VAQ691" s="613"/>
      <c r="VAR691" s="613"/>
      <c r="VAS691" s="613"/>
      <c r="VAT691" s="613"/>
      <c r="VAU691" s="613"/>
      <c r="VAV691" s="613"/>
      <c r="VAW691" s="613"/>
      <c r="VAX691" s="613"/>
      <c r="VAY691" s="613"/>
      <c r="VAZ691" s="613"/>
      <c r="VBA691" s="613"/>
      <c r="VBB691" s="613"/>
      <c r="VBC691" s="613"/>
      <c r="VBD691" s="613"/>
      <c r="VBE691" s="613"/>
      <c r="VBF691" s="613"/>
      <c r="VBG691" s="613"/>
      <c r="VBH691" s="613"/>
      <c r="VBI691" s="613"/>
      <c r="VBJ691" s="613"/>
      <c r="VBK691" s="613"/>
      <c r="VBL691" s="613"/>
      <c r="VBM691" s="613"/>
      <c r="VBN691" s="613"/>
      <c r="VBO691" s="613"/>
      <c r="VBP691" s="613"/>
      <c r="VBQ691" s="613"/>
      <c r="VBR691" s="613"/>
      <c r="VBS691" s="613"/>
      <c r="VBT691" s="613"/>
      <c r="VBU691" s="613"/>
      <c r="VBV691" s="613"/>
      <c r="VBW691" s="613"/>
      <c r="VBX691" s="613"/>
      <c r="VBY691" s="613"/>
      <c r="VBZ691" s="613"/>
      <c r="VCA691" s="613"/>
      <c r="VCB691" s="613"/>
      <c r="VCC691" s="613"/>
      <c r="VCD691" s="613"/>
      <c r="VCE691" s="613"/>
      <c r="VCF691" s="613"/>
      <c r="VCG691" s="613"/>
      <c r="VCH691" s="613"/>
      <c r="VCI691" s="613"/>
      <c r="VCJ691" s="613"/>
      <c r="VCK691" s="613"/>
      <c r="VCL691" s="613"/>
      <c r="VCM691" s="613"/>
      <c r="VCN691" s="613"/>
      <c r="VCO691" s="613"/>
      <c r="VCP691" s="613"/>
      <c r="VCQ691" s="613"/>
      <c r="VCR691" s="613"/>
      <c r="VCS691" s="613"/>
      <c r="VCT691" s="613"/>
      <c r="VCU691" s="613"/>
      <c r="VCV691" s="613"/>
      <c r="VCW691" s="613"/>
      <c r="VCX691" s="613"/>
      <c r="VCY691" s="613"/>
      <c r="VCZ691" s="613"/>
      <c r="VDA691" s="613"/>
      <c r="VDB691" s="613"/>
      <c r="VDC691" s="613"/>
      <c r="VDD691" s="613"/>
      <c r="VDE691" s="613"/>
      <c r="VDF691" s="613"/>
      <c r="VDG691" s="613"/>
      <c r="VDH691" s="613"/>
      <c r="VDI691" s="613"/>
      <c r="VDJ691" s="613"/>
      <c r="VDK691" s="613"/>
      <c r="VDL691" s="613"/>
      <c r="VDM691" s="613"/>
      <c r="VDN691" s="613"/>
      <c r="VDO691" s="613"/>
      <c r="VDP691" s="613"/>
      <c r="VDQ691" s="613"/>
      <c r="VDR691" s="613"/>
      <c r="VDS691" s="613"/>
      <c r="VDT691" s="613"/>
      <c r="VDU691" s="613"/>
      <c r="VDV691" s="613"/>
      <c r="VDW691" s="613"/>
      <c r="VDX691" s="613"/>
      <c r="VDY691" s="613"/>
      <c r="VDZ691" s="613"/>
      <c r="VEA691" s="613"/>
      <c r="VEB691" s="613"/>
      <c r="VEC691" s="613"/>
      <c r="VED691" s="613"/>
      <c r="VEE691" s="613"/>
      <c r="VEF691" s="613"/>
      <c r="VEG691" s="613"/>
      <c r="VEH691" s="613"/>
      <c r="VEI691" s="613"/>
      <c r="VEJ691" s="613"/>
      <c r="VEK691" s="613"/>
      <c r="VEL691" s="613"/>
      <c r="VEM691" s="613"/>
      <c r="VEN691" s="613"/>
      <c r="VEO691" s="613"/>
      <c r="VEP691" s="613"/>
      <c r="VEQ691" s="613"/>
      <c r="VER691" s="613"/>
      <c r="VES691" s="613"/>
      <c r="VET691" s="613"/>
      <c r="VEU691" s="613"/>
      <c r="VEV691" s="613"/>
      <c r="VEW691" s="613"/>
      <c r="VEX691" s="613"/>
      <c r="VEY691" s="613"/>
      <c r="VEZ691" s="613"/>
      <c r="VFA691" s="613"/>
      <c r="VFB691" s="613"/>
      <c r="VFC691" s="613"/>
      <c r="VFD691" s="613"/>
      <c r="VFE691" s="613"/>
      <c r="VFF691" s="613"/>
      <c r="VFG691" s="613"/>
      <c r="VFH691" s="613"/>
      <c r="VFI691" s="613"/>
      <c r="VFJ691" s="613"/>
      <c r="VFK691" s="613"/>
      <c r="VFL691" s="613"/>
      <c r="VFM691" s="613"/>
      <c r="VFN691" s="613"/>
      <c r="VFO691" s="613"/>
      <c r="VFP691" s="613"/>
      <c r="VFQ691" s="613"/>
      <c r="VFR691" s="613"/>
      <c r="VFS691" s="613"/>
      <c r="VFT691" s="613"/>
      <c r="VFU691" s="613"/>
      <c r="VFV691" s="613"/>
      <c r="VFW691" s="613"/>
      <c r="VFX691" s="613"/>
      <c r="VFY691" s="613"/>
      <c r="VFZ691" s="613"/>
      <c r="VGA691" s="613"/>
      <c r="VGB691" s="613"/>
      <c r="VGC691" s="613"/>
      <c r="VGD691" s="613"/>
      <c r="VGE691" s="613"/>
      <c r="VGF691" s="613"/>
      <c r="VGG691" s="613"/>
      <c r="VGH691" s="613"/>
      <c r="VGI691" s="613"/>
      <c r="VGJ691" s="613"/>
      <c r="VGK691" s="613"/>
      <c r="VGL691" s="613"/>
      <c r="VGM691" s="613"/>
      <c r="VGN691" s="613"/>
      <c r="VGO691" s="613"/>
      <c r="VGP691" s="613"/>
      <c r="VGQ691" s="613"/>
      <c r="VGR691" s="613"/>
      <c r="VGS691" s="613"/>
      <c r="VGT691" s="613"/>
      <c r="VGU691" s="613"/>
      <c r="VGV691" s="613"/>
      <c r="VGW691" s="613"/>
      <c r="VGX691" s="613"/>
      <c r="VGY691" s="613"/>
      <c r="VGZ691" s="613"/>
      <c r="VHA691" s="613"/>
      <c r="VHB691" s="613"/>
      <c r="VHC691" s="613"/>
      <c r="VHD691" s="613"/>
      <c r="VHE691" s="613"/>
      <c r="VHF691" s="613"/>
      <c r="VHG691" s="613"/>
      <c r="VHH691" s="613"/>
      <c r="VHI691" s="613"/>
      <c r="VHJ691" s="613"/>
      <c r="VHK691" s="613"/>
      <c r="VHL691" s="613"/>
      <c r="VHM691" s="613"/>
      <c r="VHN691" s="613"/>
      <c r="VHO691" s="613"/>
      <c r="VHP691" s="613"/>
      <c r="VHQ691" s="613"/>
      <c r="VHR691" s="613"/>
      <c r="VHS691" s="613"/>
      <c r="VHT691" s="613"/>
      <c r="VHU691" s="613"/>
      <c r="VHV691" s="613"/>
      <c r="VHW691" s="613"/>
      <c r="VHX691" s="613"/>
      <c r="VHY691" s="613"/>
      <c r="VHZ691" s="613"/>
      <c r="VIA691" s="613"/>
      <c r="VIB691" s="613"/>
      <c r="VIC691" s="613"/>
      <c r="VID691" s="613"/>
      <c r="VIE691" s="613"/>
      <c r="VIF691" s="613"/>
      <c r="VIG691" s="613"/>
      <c r="VIH691" s="613"/>
      <c r="VII691" s="613"/>
      <c r="VIJ691" s="613"/>
      <c r="VIK691" s="613"/>
      <c r="VIL691" s="613"/>
      <c r="VIM691" s="613"/>
      <c r="VIN691" s="613"/>
      <c r="VIO691" s="613"/>
      <c r="VIP691" s="613"/>
      <c r="VIQ691" s="613"/>
      <c r="VIR691" s="613"/>
      <c r="VIS691" s="613"/>
      <c r="VIT691" s="613"/>
      <c r="VIU691" s="613"/>
      <c r="VIV691" s="613"/>
      <c r="VIW691" s="613"/>
      <c r="VIX691" s="613"/>
      <c r="VIY691" s="613"/>
      <c r="VIZ691" s="613"/>
      <c r="VJA691" s="613"/>
      <c r="VJB691" s="613"/>
      <c r="VJC691" s="613"/>
      <c r="VJD691" s="613"/>
      <c r="VJE691" s="613"/>
      <c r="VJF691" s="613"/>
      <c r="VJG691" s="613"/>
      <c r="VJH691" s="613"/>
      <c r="VJI691" s="613"/>
      <c r="VJJ691" s="613"/>
      <c r="VJK691" s="613"/>
      <c r="VJL691" s="613"/>
      <c r="VJM691" s="613"/>
      <c r="VJN691" s="613"/>
      <c r="VJO691" s="613"/>
      <c r="VJP691" s="613"/>
      <c r="VJQ691" s="613"/>
      <c r="VJR691" s="613"/>
      <c r="VJS691" s="613"/>
      <c r="VJT691" s="613"/>
      <c r="VJU691" s="613"/>
      <c r="VJV691" s="613"/>
      <c r="VJW691" s="613"/>
      <c r="VJX691" s="613"/>
      <c r="VJY691" s="613"/>
      <c r="VJZ691" s="613"/>
      <c r="VKA691" s="613"/>
      <c r="VKB691" s="613"/>
      <c r="VKC691" s="613"/>
      <c r="VKD691" s="613"/>
      <c r="VKE691" s="613"/>
      <c r="VKF691" s="613"/>
      <c r="VKG691" s="613"/>
      <c r="VKH691" s="613"/>
      <c r="VKI691" s="613"/>
      <c r="VKJ691" s="613"/>
      <c r="VKK691" s="613"/>
      <c r="VKL691" s="613"/>
      <c r="VKM691" s="613"/>
      <c r="VKN691" s="613"/>
      <c r="VKO691" s="613"/>
      <c r="VKP691" s="613"/>
      <c r="VKQ691" s="613"/>
      <c r="VKR691" s="613"/>
      <c r="VKS691" s="613"/>
      <c r="VKT691" s="613"/>
      <c r="VKU691" s="613"/>
      <c r="VKV691" s="613"/>
      <c r="VKW691" s="613"/>
      <c r="VKX691" s="613"/>
      <c r="VKY691" s="613"/>
      <c r="VKZ691" s="613"/>
      <c r="VLA691" s="613"/>
      <c r="VLB691" s="613"/>
      <c r="VLC691" s="613"/>
      <c r="VLD691" s="613"/>
      <c r="VLE691" s="613"/>
      <c r="VLF691" s="613"/>
      <c r="VLG691" s="613"/>
      <c r="VLH691" s="613"/>
      <c r="VLI691" s="613"/>
      <c r="VLJ691" s="613"/>
      <c r="VLK691" s="613"/>
      <c r="VLL691" s="613"/>
      <c r="VLM691" s="613"/>
      <c r="VLN691" s="613"/>
      <c r="VLO691" s="613"/>
      <c r="VLP691" s="613"/>
      <c r="VLQ691" s="613"/>
      <c r="VLR691" s="613"/>
      <c r="VLS691" s="613"/>
      <c r="VLT691" s="613"/>
      <c r="VLU691" s="613"/>
      <c r="VLV691" s="613"/>
      <c r="VLW691" s="613"/>
      <c r="VLX691" s="613"/>
      <c r="VLY691" s="613"/>
      <c r="VLZ691" s="613"/>
      <c r="VMA691" s="613"/>
      <c r="VMB691" s="613"/>
      <c r="VMC691" s="613"/>
      <c r="VMD691" s="613"/>
      <c r="VME691" s="613"/>
      <c r="VMF691" s="613"/>
      <c r="VMG691" s="613"/>
      <c r="VMH691" s="613"/>
      <c r="VMI691" s="613"/>
      <c r="VMJ691" s="613"/>
      <c r="VMK691" s="613"/>
      <c r="VML691" s="613"/>
      <c r="VMM691" s="613"/>
      <c r="VMN691" s="613"/>
      <c r="VMO691" s="613"/>
      <c r="VMP691" s="613"/>
      <c r="VMQ691" s="613"/>
      <c r="VMR691" s="613"/>
      <c r="VMS691" s="613"/>
      <c r="VMT691" s="613"/>
      <c r="VMU691" s="613"/>
      <c r="VMV691" s="613"/>
      <c r="VMW691" s="613"/>
      <c r="VMX691" s="613"/>
      <c r="VMY691" s="613"/>
      <c r="VMZ691" s="613"/>
      <c r="VNA691" s="613"/>
      <c r="VNB691" s="613"/>
      <c r="VNC691" s="613"/>
      <c r="VND691" s="613"/>
      <c r="VNE691" s="613"/>
      <c r="VNF691" s="613"/>
      <c r="VNG691" s="613"/>
      <c r="VNH691" s="613"/>
      <c r="VNI691" s="613"/>
      <c r="VNJ691" s="613"/>
      <c r="VNK691" s="613"/>
      <c r="VNL691" s="613"/>
      <c r="VNM691" s="613"/>
      <c r="VNN691" s="613"/>
      <c r="VNO691" s="613"/>
      <c r="VNP691" s="613"/>
      <c r="VNQ691" s="613"/>
      <c r="VNR691" s="613"/>
      <c r="VNS691" s="613"/>
      <c r="VNT691" s="613"/>
      <c r="VNU691" s="613"/>
      <c r="VNV691" s="613"/>
      <c r="VNW691" s="613"/>
      <c r="VNX691" s="613"/>
      <c r="VNY691" s="613"/>
      <c r="VNZ691" s="613"/>
      <c r="VOA691" s="613"/>
      <c r="VOB691" s="613"/>
      <c r="VOC691" s="613"/>
      <c r="VOD691" s="613"/>
      <c r="VOE691" s="613"/>
      <c r="VOF691" s="613"/>
      <c r="VOG691" s="613"/>
      <c r="VOH691" s="613"/>
      <c r="VOI691" s="613"/>
      <c r="VOJ691" s="613"/>
      <c r="VOK691" s="613"/>
      <c r="VOL691" s="613"/>
      <c r="VOM691" s="613"/>
      <c r="VON691" s="613"/>
      <c r="VOO691" s="613"/>
      <c r="VOP691" s="613"/>
      <c r="VOQ691" s="613"/>
      <c r="VOR691" s="613"/>
      <c r="VOS691" s="613"/>
      <c r="VOT691" s="613"/>
      <c r="VOU691" s="613"/>
      <c r="VOV691" s="613"/>
      <c r="VOW691" s="613"/>
      <c r="VOX691" s="613"/>
      <c r="VOY691" s="613"/>
      <c r="VOZ691" s="613"/>
      <c r="VPA691" s="613"/>
      <c r="VPB691" s="613"/>
      <c r="VPC691" s="613"/>
      <c r="VPD691" s="613"/>
      <c r="VPE691" s="613"/>
      <c r="VPF691" s="613"/>
      <c r="VPG691" s="613"/>
      <c r="VPH691" s="613"/>
      <c r="VPI691" s="613"/>
      <c r="VPJ691" s="613"/>
      <c r="VPK691" s="613"/>
      <c r="VPL691" s="613"/>
      <c r="VPM691" s="613"/>
      <c r="VPN691" s="613"/>
      <c r="VPO691" s="613"/>
      <c r="VPP691" s="613"/>
      <c r="VPQ691" s="613"/>
      <c r="VPR691" s="613"/>
      <c r="VPS691" s="613"/>
      <c r="VPT691" s="613"/>
      <c r="VPU691" s="613"/>
      <c r="VPV691" s="613"/>
      <c r="VPW691" s="613"/>
      <c r="VPX691" s="613"/>
      <c r="VPY691" s="613"/>
      <c r="VPZ691" s="613"/>
      <c r="VQA691" s="613"/>
      <c r="VQB691" s="613"/>
      <c r="VQC691" s="613"/>
      <c r="VQD691" s="613"/>
      <c r="VQE691" s="613"/>
      <c r="VQF691" s="613"/>
      <c r="VQG691" s="613"/>
      <c r="VQH691" s="613"/>
      <c r="VQI691" s="613"/>
      <c r="VQJ691" s="613"/>
      <c r="VQK691" s="613"/>
      <c r="VQL691" s="613"/>
      <c r="VQM691" s="613"/>
      <c r="VQN691" s="613"/>
      <c r="VQO691" s="613"/>
      <c r="VQP691" s="613"/>
      <c r="VQQ691" s="613"/>
      <c r="VQR691" s="613"/>
      <c r="VQS691" s="613"/>
      <c r="VQT691" s="613"/>
      <c r="VQU691" s="613"/>
      <c r="VQV691" s="613"/>
      <c r="VQW691" s="613"/>
      <c r="VQX691" s="613"/>
      <c r="VQY691" s="613"/>
      <c r="VQZ691" s="613"/>
      <c r="VRA691" s="613"/>
      <c r="VRB691" s="613"/>
      <c r="VRC691" s="613"/>
      <c r="VRD691" s="613"/>
      <c r="VRE691" s="613"/>
      <c r="VRF691" s="613"/>
      <c r="VRG691" s="613"/>
      <c r="VRH691" s="613"/>
      <c r="VRI691" s="613"/>
      <c r="VRJ691" s="613"/>
      <c r="VRK691" s="613"/>
      <c r="VRL691" s="613"/>
      <c r="VRM691" s="613"/>
      <c r="VRN691" s="613"/>
      <c r="VRO691" s="613"/>
      <c r="VRP691" s="613"/>
      <c r="VRQ691" s="613"/>
      <c r="VRR691" s="613"/>
      <c r="VRS691" s="613"/>
      <c r="VRT691" s="613"/>
      <c r="VRU691" s="613"/>
      <c r="VRV691" s="613"/>
      <c r="VRW691" s="613"/>
      <c r="VRX691" s="613"/>
      <c r="VRY691" s="613"/>
      <c r="VRZ691" s="613"/>
      <c r="VSA691" s="613"/>
      <c r="VSB691" s="613"/>
      <c r="VSC691" s="613"/>
      <c r="VSD691" s="613"/>
      <c r="VSE691" s="613"/>
      <c r="VSF691" s="613"/>
      <c r="VSG691" s="613"/>
      <c r="VSH691" s="613"/>
      <c r="VSI691" s="613"/>
      <c r="VSJ691" s="613"/>
      <c r="VSK691" s="613"/>
      <c r="VSL691" s="613"/>
      <c r="VSM691" s="613"/>
      <c r="VSN691" s="613"/>
      <c r="VSO691" s="613"/>
      <c r="VSP691" s="613"/>
      <c r="VSQ691" s="613"/>
      <c r="VSR691" s="613"/>
      <c r="VSS691" s="613"/>
      <c r="VST691" s="613"/>
      <c r="VSU691" s="613"/>
      <c r="VSV691" s="613"/>
      <c r="VSW691" s="613"/>
      <c r="VSX691" s="613"/>
      <c r="VSY691" s="613"/>
      <c r="VSZ691" s="613"/>
      <c r="VTA691" s="613"/>
      <c r="VTB691" s="613"/>
      <c r="VTC691" s="613"/>
      <c r="VTD691" s="613"/>
      <c r="VTE691" s="613"/>
      <c r="VTF691" s="613"/>
      <c r="VTG691" s="613"/>
      <c r="VTH691" s="613"/>
      <c r="VTI691" s="613"/>
      <c r="VTJ691" s="613"/>
      <c r="VTK691" s="613"/>
      <c r="VTL691" s="613"/>
      <c r="VTM691" s="613"/>
      <c r="VTN691" s="613"/>
      <c r="VTO691" s="613"/>
      <c r="VTP691" s="613"/>
      <c r="VTQ691" s="613"/>
      <c r="VTR691" s="613"/>
      <c r="VTS691" s="613"/>
      <c r="VTT691" s="613"/>
      <c r="VTU691" s="613"/>
      <c r="VTV691" s="613"/>
      <c r="VTW691" s="613"/>
      <c r="VTX691" s="613"/>
      <c r="VTY691" s="613"/>
      <c r="VTZ691" s="613"/>
      <c r="VUA691" s="613"/>
      <c r="VUB691" s="613"/>
      <c r="VUC691" s="613"/>
      <c r="VUD691" s="613"/>
      <c r="VUE691" s="613"/>
      <c r="VUF691" s="613"/>
      <c r="VUG691" s="613"/>
      <c r="VUH691" s="613"/>
      <c r="VUI691" s="613"/>
      <c r="VUJ691" s="613"/>
      <c r="VUK691" s="613"/>
      <c r="VUL691" s="613"/>
      <c r="VUM691" s="613"/>
      <c r="VUN691" s="613"/>
      <c r="VUO691" s="613"/>
      <c r="VUP691" s="613"/>
      <c r="VUQ691" s="613"/>
      <c r="VUR691" s="613"/>
      <c r="VUS691" s="613"/>
      <c r="VUT691" s="613"/>
      <c r="VUU691" s="613"/>
      <c r="VUV691" s="613"/>
      <c r="VUW691" s="613"/>
      <c r="VUX691" s="613"/>
      <c r="VUY691" s="613"/>
      <c r="VUZ691" s="613"/>
      <c r="VVA691" s="613"/>
      <c r="VVB691" s="613"/>
      <c r="VVC691" s="613"/>
      <c r="VVD691" s="613"/>
      <c r="VVE691" s="613"/>
      <c r="VVF691" s="613"/>
      <c r="VVG691" s="613"/>
      <c r="VVH691" s="613"/>
      <c r="VVI691" s="613"/>
      <c r="VVJ691" s="613"/>
      <c r="VVK691" s="613"/>
      <c r="VVL691" s="613"/>
      <c r="VVM691" s="613"/>
      <c r="VVN691" s="613"/>
      <c r="VVO691" s="613"/>
      <c r="VVP691" s="613"/>
      <c r="VVQ691" s="613"/>
      <c r="VVR691" s="613"/>
      <c r="VVS691" s="613"/>
      <c r="VVT691" s="613"/>
      <c r="VVU691" s="613"/>
      <c r="VVV691" s="613"/>
      <c r="VVW691" s="613"/>
      <c r="VVX691" s="613"/>
      <c r="VVY691" s="613"/>
      <c r="VVZ691" s="613"/>
      <c r="VWA691" s="613"/>
      <c r="VWB691" s="613"/>
      <c r="VWC691" s="613"/>
      <c r="VWD691" s="613"/>
      <c r="VWE691" s="613"/>
      <c r="VWF691" s="613"/>
      <c r="VWG691" s="613"/>
      <c r="VWH691" s="613"/>
      <c r="VWI691" s="613"/>
      <c r="VWJ691" s="613"/>
      <c r="VWK691" s="613"/>
      <c r="VWL691" s="613"/>
      <c r="VWM691" s="613"/>
      <c r="VWN691" s="613"/>
      <c r="VWO691" s="613"/>
      <c r="VWP691" s="613"/>
      <c r="VWQ691" s="613"/>
      <c r="VWR691" s="613"/>
      <c r="VWS691" s="613"/>
      <c r="VWT691" s="613"/>
      <c r="VWU691" s="613"/>
      <c r="VWV691" s="613"/>
      <c r="VWW691" s="613"/>
      <c r="VWX691" s="613"/>
      <c r="VWY691" s="613"/>
      <c r="VWZ691" s="613"/>
      <c r="VXA691" s="613"/>
      <c r="VXB691" s="613"/>
      <c r="VXC691" s="613"/>
      <c r="VXD691" s="613"/>
      <c r="VXE691" s="613"/>
      <c r="VXF691" s="613"/>
      <c r="VXG691" s="613"/>
      <c r="VXH691" s="613"/>
      <c r="VXI691" s="613"/>
      <c r="VXJ691" s="613"/>
      <c r="VXK691" s="613"/>
      <c r="VXL691" s="613"/>
      <c r="VXM691" s="613"/>
      <c r="VXN691" s="613"/>
      <c r="VXO691" s="613"/>
      <c r="VXP691" s="613"/>
      <c r="VXQ691" s="613"/>
      <c r="VXR691" s="613"/>
      <c r="VXS691" s="613"/>
      <c r="VXT691" s="613"/>
      <c r="VXU691" s="613"/>
      <c r="VXV691" s="613"/>
      <c r="VXW691" s="613"/>
      <c r="VXX691" s="613"/>
      <c r="VXY691" s="613"/>
      <c r="VXZ691" s="613"/>
      <c r="VYA691" s="613"/>
      <c r="VYB691" s="613"/>
      <c r="VYC691" s="613"/>
      <c r="VYD691" s="613"/>
      <c r="VYE691" s="613"/>
      <c r="VYF691" s="613"/>
      <c r="VYG691" s="613"/>
      <c r="VYH691" s="613"/>
      <c r="VYI691" s="613"/>
      <c r="VYJ691" s="613"/>
      <c r="VYK691" s="613"/>
      <c r="VYL691" s="613"/>
      <c r="VYM691" s="613"/>
      <c r="VYN691" s="613"/>
      <c r="VYO691" s="613"/>
      <c r="VYP691" s="613"/>
      <c r="VYQ691" s="613"/>
      <c r="VYR691" s="613"/>
      <c r="VYS691" s="613"/>
      <c r="VYT691" s="613"/>
      <c r="VYU691" s="613"/>
      <c r="VYV691" s="613"/>
      <c r="VYW691" s="613"/>
      <c r="VYX691" s="613"/>
      <c r="VYY691" s="613"/>
      <c r="VYZ691" s="613"/>
      <c r="VZA691" s="613"/>
      <c r="VZB691" s="613"/>
      <c r="VZC691" s="613"/>
      <c r="VZD691" s="613"/>
      <c r="VZE691" s="613"/>
      <c r="VZF691" s="613"/>
      <c r="VZG691" s="613"/>
      <c r="VZH691" s="613"/>
      <c r="VZI691" s="613"/>
      <c r="VZJ691" s="613"/>
      <c r="VZK691" s="613"/>
      <c r="VZL691" s="613"/>
      <c r="VZM691" s="613"/>
      <c r="VZN691" s="613"/>
      <c r="VZO691" s="613"/>
      <c r="VZP691" s="613"/>
      <c r="VZQ691" s="613"/>
      <c r="VZR691" s="613"/>
      <c r="VZS691" s="613"/>
      <c r="VZT691" s="613"/>
      <c r="VZU691" s="613"/>
      <c r="VZV691" s="613"/>
      <c r="VZW691" s="613"/>
      <c r="VZX691" s="613"/>
      <c r="VZY691" s="613"/>
      <c r="VZZ691" s="613"/>
      <c r="WAA691" s="613"/>
      <c r="WAB691" s="613"/>
      <c r="WAC691" s="613"/>
      <c r="WAD691" s="613"/>
      <c r="WAE691" s="613"/>
      <c r="WAF691" s="613"/>
      <c r="WAG691" s="613"/>
      <c r="WAH691" s="613"/>
      <c r="WAI691" s="613"/>
      <c r="WAJ691" s="613"/>
      <c r="WAK691" s="613"/>
      <c r="WAL691" s="613"/>
      <c r="WAM691" s="613"/>
      <c r="WAN691" s="613"/>
      <c r="WAO691" s="613"/>
      <c r="WAP691" s="613"/>
      <c r="WAQ691" s="613"/>
      <c r="WAR691" s="613"/>
      <c r="WAS691" s="613"/>
      <c r="WAT691" s="613"/>
      <c r="WAU691" s="613"/>
      <c r="WAV691" s="613"/>
      <c r="WAW691" s="613"/>
      <c r="WAX691" s="613"/>
      <c r="WAY691" s="613"/>
      <c r="WAZ691" s="613"/>
      <c r="WBA691" s="613"/>
      <c r="WBB691" s="613"/>
      <c r="WBC691" s="613"/>
      <c r="WBD691" s="613"/>
      <c r="WBE691" s="613"/>
      <c r="WBF691" s="613"/>
      <c r="WBG691" s="613"/>
      <c r="WBH691" s="613"/>
      <c r="WBI691" s="613"/>
      <c r="WBJ691" s="613"/>
      <c r="WBK691" s="613"/>
      <c r="WBL691" s="613"/>
      <c r="WBM691" s="613"/>
      <c r="WBN691" s="613"/>
      <c r="WBO691" s="613"/>
      <c r="WBP691" s="613"/>
      <c r="WBQ691" s="613"/>
      <c r="WBR691" s="613"/>
      <c r="WBS691" s="613"/>
      <c r="WBT691" s="613"/>
      <c r="WBU691" s="613"/>
      <c r="WBV691" s="613"/>
      <c r="WBW691" s="613"/>
      <c r="WBX691" s="613"/>
      <c r="WBY691" s="613"/>
      <c r="WBZ691" s="613"/>
      <c r="WCA691" s="613"/>
      <c r="WCB691" s="613"/>
      <c r="WCC691" s="613"/>
      <c r="WCD691" s="613"/>
      <c r="WCE691" s="613"/>
      <c r="WCF691" s="613"/>
      <c r="WCG691" s="613"/>
      <c r="WCH691" s="613"/>
      <c r="WCI691" s="613"/>
      <c r="WCJ691" s="613"/>
      <c r="WCK691" s="613"/>
      <c r="WCL691" s="613"/>
      <c r="WCM691" s="613"/>
      <c r="WCN691" s="613"/>
      <c r="WCO691" s="613"/>
      <c r="WCP691" s="613"/>
      <c r="WCQ691" s="613"/>
      <c r="WCR691" s="613"/>
      <c r="WCS691" s="613"/>
      <c r="WCT691" s="613"/>
      <c r="WCU691" s="613"/>
      <c r="WCV691" s="613"/>
      <c r="WCW691" s="613"/>
      <c r="WCX691" s="613"/>
      <c r="WCY691" s="613"/>
      <c r="WCZ691" s="613"/>
      <c r="WDA691" s="613"/>
      <c r="WDB691" s="613"/>
      <c r="WDC691" s="613"/>
      <c r="WDD691" s="613"/>
      <c r="WDE691" s="613"/>
      <c r="WDF691" s="613"/>
      <c r="WDG691" s="613"/>
      <c r="WDH691" s="613"/>
      <c r="WDI691" s="613"/>
      <c r="WDJ691" s="613"/>
      <c r="WDK691" s="613"/>
      <c r="WDL691" s="613"/>
      <c r="WDM691" s="613"/>
      <c r="WDN691" s="613"/>
      <c r="WDO691" s="613"/>
      <c r="WDP691" s="613"/>
      <c r="WDQ691" s="613"/>
      <c r="WDR691" s="613"/>
      <c r="WDS691" s="613"/>
      <c r="WDT691" s="613"/>
      <c r="WDU691" s="613"/>
      <c r="WDV691" s="613"/>
      <c r="WDW691" s="613"/>
      <c r="WDX691" s="613"/>
      <c r="WDY691" s="613"/>
      <c r="WDZ691" s="613"/>
      <c r="WEA691" s="613"/>
      <c r="WEB691" s="613"/>
      <c r="WEC691" s="613"/>
      <c r="WED691" s="613"/>
      <c r="WEE691" s="613"/>
      <c r="WEF691" s="613"/>
      <c r="WEG691" s="613"/>
      <c r="WEH691" s="613"/>
      <c r="WEI691" s="613"/>
      <c r="WEJ691" s="613"/>
      <c r="WEK691" s="613"/>
      <c r="WEL691" s="613"/>
      <c r="WEM691" s="613"/>
      <c r="WEN691" s="613"/>
      <c r="WEO691" s="613"/>
      <c r="WEP691" s="613"/>
      <c r="WEQ691" s="613"/>
      <c r="WER691" s="613"/>
      <c r="WES691" s="613"/>
      <c r="WET691" s="613"/>
      <c r="WEU691" s="613"/>
      <c r="WEV691" s="613"/>
      <c r="WEW691" s="613"/>
      <c r="WEX691" s="613"/>
      <c r="WEY691" s="613"/>
      <c r="WEZ691" s="613"/>
      <c r="WFA691" s="613"/>
      <c r="WFB691" s="613"/>
      <c r="WFC691" s="613"/>
      <c r="WFD691" s="613"/>
      <c r="WFE691" s="613"/>
      <c r="WFF691" s="613"/>
      <c r="WFG691" s="613"/>
      <c r="WFH691" s="613"/>
      <c r="WFI691" s="613"/>
      <c r="WFJ691" s="613"/>
      <c r="WFK691" s="613"/>
      <c r="WFL691" s="613"/>
      <c r="WFM691" s="613"/>
      <c r="WFN691" s="613"/>
      <c r="WFO691" s="613"/>
      <c r="WFP691" s="613"/>
      <c r="WFQ691" s="613"/>
      <c r="WFR691" s="613"/>
      <c r="WFS691" s="613"/>
      <c r="WFT691" s="613"/>
      <c r="WFU691" s="613"/>
      <c r="WFV691" s="613"/>
      <c r="WFW691" s="613"/>
      <c r="WFX691" s="613"/>
      <c r="WFY691" s="613"/>
      <c r="WFZ691" s="613"/>
      <c r="WGA691" s="613"/>
      <c r="WGB691" s="613"/>
      <c r="WGC691" s="613"/>
      <c r="WGD691" s="613"/>
      <c r="WGE691" s="613"/>
      <c r="WGF691" s="613"/>
      <c r="WGG691" s="613"/>
      <c r="WGH691" s="613"/>
      <c r="WGI691" s="613"/>
      <c r="WGJ691" s="613"/>
      <c r="WGK691" s="613"/>
      <c r="WGL691" s="613"/>
      <c r="WGM691" s="613"/>
      <c r="WGN691" s="613"/>
      <c r="WGO691" s="613"/>
      <c r="WGP691" s="613"/>
      <c r="WGQ691" s="613"/>
      <c r="WGR691" s="613"/>
      <c r="WGS691" s="613"/>
      <c r="WGT691" s="613"/>
      <c r="WGU691" s="613"/>
      <c r="WGV691" s="613"/>
      <c r="WGW691" s="613"/>
      <c r="WGX691" s="613"/>
      <c r="WGY691" s="613"/>
      <c r="WGZ691" s="613"/>
      <c r="WHA691" s="613"/>
      <c r="WHB691" s="613"/>
      <c r="WHC691" s="613"/>
      <c r="WHD691" s="613"/>
      <c r="WHE691" s="613"/>
      <c r="WHF691" s="613"/>
      <c r="WHG691" s="613"/>
      <c r="WHH691" s="613"/>
      <c r="WHI691" s="613"/>
      <c r="WHJ691" s="613"/>
      <c r="WHK691" s="613"/>
      <c r="WHL691" s="613"/>
      <c r="WHM691" s="613"/>
      <c r="WHN691" s="613"/>
      <c r="WHO691" s="613"/>
      <c r="WHP691" s="613"/>
      <c r="WHQ691" s="613"/>
      <c r="WHR691" s="613"/>
      <c r="WHS691" s="613"/>
      <c r="WHT691" s="613"/>
      <c r="WHU691" s="613"/>
      <c r="WHV691" s="613"/>
      <c r="WHW691" s="613"/>
      <c r="WHX691" s="613"/>
      <c r="WHY691" s="613"/>
      <c r="WHZ691" s="613"/>
      <c r="WIA691" s="613"/>
      <c r="WIB691" s="613"/>
      <c r="WIC691" s="613"/>
      <c r="WID691" s="613"/>
      <c r="WIE691" s="613"/>
      <c r="WIF691" s="613"/>
      <c r="WIG691" s="613"/>
      <c r="WIH691" s="613"/>
      <c r="WII691" s="613"/>
      <c r="WIJ691" s="613"/>
      <c r="WIK691" s="613"/>
      <c r="WIL691" s="613"/>
      <c r="WIM691" s="613"/>
      <c r="WIN691" s="613"/>
      <c r="WIO691" s="613"/>
      <c r="WIP691" s="613"/>
      <c r="WIQ691" s="613"/>
      <c r="WIR691" s="613"/>
      <c r="WIS691" s="613"/>
      <c r="WIT691" s="613"/>
      <c r="WIU691" s="613"/>
      <c r="WIV691" s="613"/>
      <c r="WIW691" s="613"/>
      <c r="WIX691" s="613"/>
      <c r="WIY691" s="613"/>
      <c r="WIZ691" s="613"/>
      <c r="WJA691" s="613"/>
      <c r="WJB691" s="613"/>
      <c r="WJC691" s="613"/>
      <c r="WJD691" s="613"/>
      <c r="WJE691" s="613"/>
      <c r="WJF691" s="613"/>
      <c r="WJG691" s="613"/>
      <c r="WJH691" s="613"/>
      <c r="WJI691" s="613"/>
      <c r="WJJ691" s="613"/>
      <c r="WJK691" s="613"/>
      <c r="WJL691" s="613"/>
      <c r="WJM691" s="613"/>
      <c r="WJN691" s="613"/>
      <c r="WJO691" s="613"/>
      <c r="WJP691" s="613"/>
      <c r="WJQ691" s="613"/>
      <c r="WJR691" s="613"/>
      <c r="WJS691" s="613"/>
      <c r="WJT691" s="613"/>
      <c r="WJU691" s="613"/>
      <c r="WJV691" s="613"/>
      <c r="WJW691" s="613"/>
      <c r="WJX691" s="613"/>
      <c r="WJY691" s="613"/>
      <c r="WJZ691" s="613"/>
      <c r="WKA691" s="613"/>
      <c r="WKB691" s="613"/>
      <c r="WKC691" s="613"/>
      <c r="WKD691" s="613"/>
      <c r="WKE691" s="613"/>
      <c r="WKF691" s="613"/>
      <c r="WKG691" s="613"/>
      <c r="WKH691" s="613"/>
      <c r="WKI691" s="613"/>
      <c r="WKJ691" s="613"/>
      <c r="WKK691" s="613"/>
      <c r="WKL691" s="613"/>
      <c r="WKM691" s="613"/>
      <c r="WKN691" s="613"/>
      <c r="WKO691" s="613"/>
      <c r="WKP691" s="613"/>
      <c r="WKQ691" s="613"/>
      <c r="WKR691" s="613"/>
      <c r="WKS691" s="613"/>
      <c r="WKT691" s="613"/>
      <c r="WKU691" s="613"/>
      <c r="WKV691" s="613"/>
      <c r="WKW691" s="613"/>
      <c r="WKX691" s="613"/>
      <c r="WKY691" s="613"/>
      <c r="WKZ691" s="613"/>
      <c r="WLA691" s="613"/>
      <c r="WLB691" s="613"/>
      <c r="WLC691" s="613"/>
      <c r="WLD691" s="613"/>
      <c r="WLE691" s="613"/>
      <c r="WLF691" s="613"/>
      <c r="WLG691" s="613"/>
      <c r="WLH691" s="613"/>
      <c r="WLI691" s="613"/>
      <c r="WLJ691" s="613"/>
      <c r="WLK691" s="613"/>
      <c r="WLL691" s="613"/>
      <c r="WLM691" s="613"/>
      <c r="WLN691" s="613"/>
      <c r="WLO691" s="613"/>
      <c r="WLP691" s="613"/>
      <c r="WLQ691" s="613"/>
      <c r="WLR691" s="613"/>
      <c r="WLS691" s="613"/>
      <c r="WLT691" s="613"/>
      <c r="WLU691" s="613"/>
      <c r="WLV691" s="613"/>
      <c r="WLW691" s="613"/>
      <c r="WLX691" s="613"/>
      <c r="WLY691" s="613"/>
      <c r="WLZ691" s="613"/>
      <c r="WMA691" s="613"/>
      <c r="WMB691" s="613"/>
      <c r="WMC691" s="613"/>
      <c r="WMD691" s="613"/>
      <c r="WME691" s="613"/>
      <c r="WMF691" s="613"/>
      <c r="WMG691" s="613"/>
      <c r="WMH691" s="613"/>
      <c r="WMI691" s="613"/>
      <c r="WMJ691" s="613"/>
      <c r="WMK691" s="613"/>
      <c r="WML691" s="613"/>
      <c r="WMM691" s="613"/>
      <c r="WMN691" s="613"/>
      <c r="WMO691" s="613"/>
      <c r="WMP691" s="613"/>
      <c r="WMQ691" s="613"/>
      <c r="WMR691" s="613"/>
      <c r="WMS691" s="613"/>
      <c r="WMT691" s="613"/>
      <c r="WMU691" s="613"/>
      <c r="WMV691" s="613"/>
      <c r="WMW691" s="613"/>
      <c r="WMX691" s="613"/>
      <c r="WMY691" s="613"/>
      <c r="WMZ691" s="613"/>
      <c r="WNA691" s="613"/>
      <c r="WNB691" s="613"/>
      <c r="WNC691" s="613"/>
      <c r="WND691" s="613"/>
      <c r="WNE691" s="613"/>
      <c r="WNF691" s="613"/>
      <c r="WNG691" s="613"/>
      <c r="WNH691" s="613"/>
      <c r="WNI691" s="613"/>
      <c r="WNJ691" s="613"/>
      <c r="WNK691" s="613"/>
      <c r="WNL691" s="613"/>
      <c r="WNM691" s="613"/>
      <c r="WNN691" s="613"/>
      <c r="WNO691" s="613"/>
      <c r="WNP691" s="613"/>
      <c r="WNQ691" s="613"/>
      <c r="WNR691" s="613"/>
      <c r="WNS691" s="613"/>
      <c r="WNT691" s="613"/>
      <c r="WNU691" s="613"/>
      <c r="WNV691" s="613"/>
      <c r="WNW691" s="613"/>
      <c r="WNX691" s="613"/>
      <c r="WNY691" s="613"/>
      <c r="WNZ691" s="613"/>
      <c r="WOA691" s="613"/>
      <c r="WOB691" s="613"/>
      <c r="WOC691" s="613"/>
      <c r="WOD691" s="613"/>
      <c r="WOE691" s="613"/>
      <c r="WOF691" s="613"/>
      <c r="WOG691" s="613"/>
      <c r="WOH691" s="613"/>
      <c r="WOI691" s="613"/>
      <c r="WOJ691" s="613"/>
      <c r="WOK691" s="613"/>
      <c r="WOL691" s="613"/>
      <c r="WOM691" s="613"/>
      <c r="WON691" s="613"/>
      <c r="WOO691" s="613"/>
      <c r="WOP691" s="613"/>
      <c r="WOQ691" s="613"/>
      <c r="WOR691" s="613"/>
      <c r="WOS691" s="613"/>
      <c r="WOT691" s="613"/>
      <c r="WOU691" s="613"/>
      <c r="WOV691" s="613"/>
      <c r="WOW691" s="613"/>
      <c r="WOX691" s="613"/>
      <c r="WOY691" s="613"/>
      <c r="WOZ691" s="613"/>
      <c r="WPA691" s="613"/>
      <c r="WPB691" s="613"/>
      <c r="WPC691" s="613"/>
      <c r="WPD691" s="613"/>
      <c r="WPE691" s="613"/>
      <c r="WPF691" s="613"/>
      <c r="WPG691" s="613"/>
      <c r="WPH691" s="613"/>
      <c r="WPI691" s="613"/>
      <c r="WPJ691" s="613"/>
      <c r="WPK691" s="613"/>
      <c r="WPL691" s="613"/>
      <c r="WPM691" s="613"/>
      <c r="WPN691" s="613"/>
      <c r="WPO691" s="613"/>
      <c r="WPP691" s="613"/>
      <c r="WPQ691" s="613"/>
      <c r="WPR691" s="613"/>
      <c r="WPS691" s="613"/>
      <c r="WPT691" s="613"/>
      <c r="WPU691" s="613"/>
      <c r="WPV691" s="613"/>
      <c r="WPW691" s="613"/>
      <c r="WPX691" s="613"/>
      <c r="WPY691" s="613"/>
      <c r="WPZ691" s="613"/>
      <c r="WQA691" s="613"/>
      <c r="WQB691" s="613"/>
      <c r="WQC691" s="613"/>
      <c r="WQD691" s="613"/>
      <c r="WQE691" s="613"/>
      <c r="WQF691" s="613"/>
      <c r="WQG691" s="613"/>
      <c r="WQH691" s="613"/>
      <c r="WQI691" s="613"/>
      <c r="WQJ691" s="613"/>
      <c r="WQK691" s="613"/>
      <c r="WQL691" s="613"/>
      <c r="WQM691" s="613"/>
      <c r="WQN691" s="613"/>
      <c r="WQO691" s="613"/>
      <c r="WQP691" s="613"/>
      <c r="WQQ691" s="613"/>
      <c r="WQR691" s="613"/>
      <c r="WQS691" s="613"/>
      <c r="WQT691" s="613"/>
      <c r="WQU691" s="613"/>
      <c r="WQV691" s="613"/>
      <c r="WQW691" s="613"/>
      <c r="WQX691" s="613"/>
      <c r="WQY691" s="613"/>
      <c r="WQZ691" s="613"/>
      <c r="WRA691" s="613"/>
      <c r="WRB691" s="613"/>
      <c r="WRC691" s="613"/>
      <c r="WRD691" s="613"/>
      <c r="WRE691" s="613"/>
      <c r="WRF691" s="613"/>
      <c r="WRG691" s="613"/>
      <c r="WRH691" s="613"/>
      <c r="WRI691" s="613"/>
      <c r="WRJ691" s="613"/>
      <c r="WRK691" s="613"/>
      <c r="WRL691" s="613"/>
      <c r="WRM691" s="613"/>
      <c r="WRN691" s="613"/>
      <c r="WRO691" s="613"/>
      <c r="WRP691" s="613"/>
      <c r="WRQ691" s="613"/>
      <c r="WRR691" s="613"/>
      <c r="WRS691" s="613"/>
      <c r="WRT691" s="613"/>
      <c r="WRU691" s="613"/>
      <c r="WRV691" s="613"/>
      <c r="WRW691" s="613"/>
      <c r="WRX691" s="613"/>
      <c r="WRY691" s="613"/>
      <c r="WRZ691" s="613"/>
      <c r="WSA691" s="613"/>
      <c r="WSB691" s="613"/>
      <c r="WSC691" s="613"/>
      <c r="WSD691" s="613"/>
      <c r="WSE691" s="613"/>
      <c r="WSF691" s="613"/>
      <c r="WSG691" s="613"/>
      <c r="WSH691" s="613"/>
      <c r="WSI691" s="613"/>
      <c r="WSJ691" s="613"/>
      <c r="WSK691" s="613"/>
      <c r="WSL691" s="613"/>
      <c r="WSM691" s="613"/>
      <c r="WSN691" s="613"/>
      <c r="WSO691" s="613"/>
      <c r="WSP691" s="613"/>
      <c r="WSQ691" s="613"/>
      <c r="WSR691" s="613"/>
      <c r="WSS691" s="613"/>
      <c r="WST691" s="613"/>
      <c r="WSU691" s="613"/>
      <c r="WSV691" s="613"/>
      <c r="WSW691" s="613"/>
      <c r="WSX691" s="613"/>
      <c r="WSY691" s="613"/>
      <c r="WSZ691" s="613"/>
      <c r="WTA691" s="613"/>
      <c r="WTB691" s="613"/>
      <c r="WTC691" s="613"/>
      <c r="WTD691" s="613"/>
      <c r="WTE691" s="613"/>
      <c r="WTF691" s="613"/>
      <c r="WTG691" s="613"/>
      <c r="WTH691" s="613"/>
      <c r="WTI691" s="613"/>
      <c r="WTJ691" s="613"/>
      <c r="WTK691" s="613"/>
      <c r="WTL691" s="613"/>
      <c r="WTM691" s="613"/>
      <c r="WTN691" s="613"/>
      <c r="WTO691" s="613"/>
      <c r="WTP691" s="613"/>
      <c r="WTQ691" s="613"/>
      <c r="WTR691" s="613"/>
      <c r="WTS691" s="613"/>
      <c r="WTT691" s="613"/>
      <c r="WTU691" s="613"/>
      <c r="WTV691" s="613"/>
      <c r="WTW691" s="613"/>
      <c r="WTX691" s="613"/>
      <c r="WTY691" s="613"/>
      <c r="WTZ691" s="613"/>
      <c r="WUA691" s="613"/>
      <c r="WUB691" s="613"/>
      <c r="WUC691" s="613"/>
      <c r="WUD691" s="613"/>
      <c r="WUE691" s="613"/>
      <c r="WUF691" s="613"/>
      <c r="WUG691" s="613"/>
      <c r="WUH691" s="613"/>
      <c r="WUI691" s="613"/>
      <c r="WUJ691" s="613"/>
      <c r="WUK691" s="613"/>
      <c r="WUL691" s="613"/>
      <c r="WUM691" s="613"/>
      <c r="WUN691" s="613"/>
      <c r="WUO691" s="613"/>
      <c r="WUP691" s="613"/>
      <c r="WUQ691" s="613"/>
      <c r="WUR691" s="613"/>
      <c r="WUS691" s="613"/>
      <c r="WUT691" s="613"/>
      <c r="WUU691" s="613"/>
      <c r="WUV691" s="613"/>
      <c r="WUW691" s="613"/>
      <c r="WUX691" s="613"/>
      <c r="WUY691" s="613"/>
      <c r="WUZ691" s="613"/>
      <c r="WVA691" s="613"/>
      <c r="WVB691" s="613"/>
      <c r="WVC691" s="613"/>
      <c r="WVD691" s="613"/>
      <c r="WVE691" s="613"/>
      <c r="WVF691" s="613"/>
      <c r="WVG691" s="613"/>
      <c r="WVH691" s="613"/>
      <c r="WVI691" s="613"/>
      <c r="WVJ691" s="613"/>
      <c r="WVK691" s="613"/>
      <c r="WVL691" s="613"/>
      <c r="WVM691" s="613"/>
      <c r="WVN691" s="613"/>
      <c r="WVO691" s="613"/>
      <c r="WVP691" s="613"/>
      <c r="WVQ691" s="613"/>
      <c r="WVR691" s="613"/>
      <c r="WVS691" s="613"/>
      <c r="WVT691" s="613"/>
      <c r="WVU691" s="613"/>
      <c r="WVV691" s="613"/>
      <c r="WVW691" s="613"/>
      <c r="WVX691" s="613"/>
      <c r="WVY691" s="613"/>
      <c r="WVZ691" s="613"/>
      <c r="WWA691" s="613"/>
      <c r="WWB691" s="613"/>
      <c r="WWC691" s="613"/>
      <c r="WWD691" s="613"/>
      <c r="WWE691" s="613"/>
      <c r="WWF691" s="613"/>
      <c r="WWG691" s="613"/>
      <c r="WWH691" s="613"/>
      <c r="WWI691" s="613"/>
      <c r="WWJ691" s="613"/>
      <c r="WWK691" s="613"/>
      <c r="WWL691" s="613"/>
      <c r="WWM691" s="613"/>
      <c r="WWN691" s="613"/>
      <c r="WWO691" s="613"/>
      <c r="WWP691" s="613"/>
      <c r="WWQ691" s="613"/>
      <c r="WWR691" s="613"/>
      <c r="WWS691" s="613"/>
      <c r="WWT691" s="613"/>
      <c r="WWU691" s="613"/>
      <c r="WWV691" s="613"/>
      <c r="WWW691" s="613"/>
      <c r="WWX691" s="613"/>
      <c r="WWY691" s="613"/>
      <c r="WWZ691" s="613"/>
      <c r="WXA691" s="613"/>
      <c r="WXB691" s="613"/>
      <c r="WXC691" s="613"/>
      <c r="WXD691" s="613"/>
      <c r="WXE691" s="613"/>
      <c r="WXF691" s="613"/>
      <c r="WXG691" s="613"/>
      <c r="WXH691" s="613"/>
      <c r="WXI691" s="613"/>
      <c r="WXJ691" s="613"/>
      <c r="WXK691" s="613"/>
      <c r="WXL691" s="613"/>
      <c r="WXM691" s="613"/>
      <c r="WXN691" s="613"/>
      <c r="WXO691" s="613"/>
      <c r="WXP691" s="613"/>
      <c r="WXQ691" s="613"/>
      <c r="WXR691" s="613"/>
      <c r="WXS691" s="613"/>
      <c r="WXT691" s="613"/>
      <c r="WXU691" s="613"/>
      <c r="WXV691" s="613"/>
      <c r="WXW691" s="613"/>
      <c r="WXX691" s="613"/>
      <c r="WXY691" s="613"/>
      <c r="WXZ691" s="613"/>
      <c r="WYA691" s="613"/>
      <c r="WYB691" s="613"/>
      <c r="WYC691" s="613"/>
      <c r="WYD691" s="613"/>
      <c r="WYE691" s="613"/>
      <c r="WYF691" s="613"/>
      <c r="WYG691" s="613"/>
      <c r="WYH691" s="613"/>
      <c r="WYI691" s="613"/>
      <c r="WYJ691" s="613"/>
      <c r="WYK691" s="613"/>
      <c r="WYL691" s="613"/>
      <c r="WYM691" s="613"/>
      <c r="WYN691" s="613"/>
      <c r="WYO691" s="613"/>
      <c r="WYP691" s="613"/>
      <c r="WYQ691" s="613"/>
      <c r="WYR691" s="613"/>
      <c r="WYS691" s="613"/>
      <c r="WYT691" s="613"/>
      <c r="WYU691" s="613"/>
      <c r="WYV691" s="613"/>
      <c r="WYW691" s="613"/>
      <c r="WYX691" s="613"/>
      <c r="WYY691" s="613"/>
      <c r="WYZ691" s="613"/>
      <c r="WZA691" s="613"/>
      <c r="WZB691" s="613"/>
      <c r="WZC691" s="613"/>
      <c r="WZD691" s="613"/>
      <c r="WZE691" s="613"/>
      <c r="WZF691" s="613"/>
      <c r="WZG691" s="613"/>
      <c r="WZH691" s="613"/>
      <c r="WZI691" s="613"/>
      <c r="WZJ691" s="613"/>
      <c r="WZK691" s="613"/>
      <c r="WZL691" s="613"/>
      <c r="WZM691" s="613"/>
      <c r="WZN691" s="613"/>
      <c r="WZO691" s="613"/>
      <c r="WZP691" s="613"/>
      <c r="WZQ691" s="613"/>
      <c r="WZR691" s="613"/>
      <c r="WZS691" s="613"/>
      <c r="WZT691" s="613"/>
      <c r="WZU691" s="613"/>
      <c r="WZV691" s="613"/>
      <c r="WZW691" s="613"/>
      <c r="WZX691" s="613"/>
      <c r="WZY691" s="613"/>
      <c r="WZZ691" s="613"/>
      <c r="XAA691" s="613"/>
      <c r="XAB691" s="613"/>
      <c r="XAC691" s="613"/>
      <c r="XAD691" s="613"/>
      <c r="XAE691" s="613"/>
      <c r="XAF691" s="613"/>
      <c r="XAG691" s="613"/>
      <c r="XAH691" s="613"/>
      <c r="XAI691" s="613"/>
      <c r="XAJ691" s="613"/>
      <c r="XAK691" s="613"/>
      <c r="XAL691" s="613"/>
      <c r="XAM691" s="613"/>
      <c r="XAN691" s="613"/>
      <c r="XAO691" s="613"/>
      <c r="XAP691" s="613"/>
      <c r="XAQ691" s="613"/>
      <c r="XAR691" s="613"/>
      <c r="XAS691" s="613"/>
      <c r="XAT691" s="613"/>
      <c r="XAU691" s="613"/>
      <c r="XAV691" s="613"/>
      <c r="XAW691" s="613"/>
      <c r="XAX691" s="613"/>
      <c r="XAY691" s="613"/>
      <c r="XAZ691" s="613"/>
      <c r="XBA691" s="613"/>
      <c r="XBB691" s="613"/>
      <c r="XBC691" s="613"/>
      <c r="XBD691" s="613"/>
      <c r="XBE691" s="613"/>
      <c r="XBF691" s="613"/>
      <c r="XBG691" s="613"/>
      <c r="XBH691" s="613"/>
      <c r="XBI691" s="613"/>
      <c r="XBJ691" s="613"/>
      <c r="XBK691" s="613"/>
      <c r="XBL691" s="613"/>
      <c r="XBM691" s="613"/>
      <c r="XBN691" s="613"/>
      <c r="XBO691" s="613"/>
      <c r="XBP691" s="613"/>
      <c r="XBQ691" s="613"/>
      <c r="XBR691" s="613"/>
      <c r="XBS691" s="613"/>
      <c r="XBT691" s="613"/>
      <c r="XBU691" s="613"/>
      <c r="XBV691" s="613"/>
      <c r="XBW691" s="613"/>
      <c r="XBX691" s="613"/>
      <c r="XBY691" s="613"/>
      <c r="XBZ691" s="613"/>
      <c r="XCA691" s="613"/>
      <c r="XCB691" s="613"/>
      <c r="XCC691" s="613"/>
      <c r="XCD691" s="613"/>
      <c r="XCE691" s="613"/>
      <c r="XCF691" s="613"/>
      <c r="XCG691" s="613"/>
      <c r="XCH691" s="613"/>
      <c r="XCI691" s="613"/>
      <c r="XCJ691" s="613"/>
      <c r="XCK691" s="613"/>
      <c r="XCL691" s="613"/>
      <c r="XCM691" s="613"/>
      <c r="XCN691" s="613"/>
      <c r="XCO691" s="613"/>
      <c r="XCP691" s="613"/>
      <c r="XCQ691" s="613"/>
    </row>
    <row r="692" spans="1:16319" ht="56.1" customHeight="1" x14ac:dyDescent="0.2">
      <c r="A692" s="494"/>
      <c r="B692" s="77"/>
      <c r="C692" s="494"/>
      <c r="D692" s="481">
        <v>256</v>
      </c>
      <c r="E692" s="481"/>
      <c r="F692" s="481" t="s">
        <v>2481</v>
      </c>
      <c r="G692" s="482" t="s">
        <v>53</v>
      </c>
      <c r="H692" s="765" t="s">
        <v>329</v>
      </c>
      <c r="I692" s="654" t="s">
        <v>482</v>
      </c>
      <c r="J692" s="654" t="s">
        <v>483</v>
      </c>
      <c r="K692" s="495" t="s">
        <v>491</v>
      </c>
      <c r="L692" s="621"/>
      <c r="M692" s="484" t="s">
        <v>58</v>
      </c>
      <c r="N692" s="327" t="s">
        <v>2601</v>
      </c>
      <c r="O692" s="484" t="s">
        <v>2996</v>
      </c>
      <c r="P692" s="484" t="s">
        <v>81</v>
      </c>
      <c r="Q692" s="667" t="s">
        <v>334</v>
      </c>
      <c r="R692" s="484" t="s">
        <v>334</v>
      </c>
      <c r="S692" s="484" t="s">
        <v>225</v>
      </c>
      <c r="T692" s="484"/>
      <c r="U692" s="620" t="s">
        <v>63</v>
      </c>
      <c r="V692" s="620" t="s">
        <v>63</v>
      </c>
      <c r="W692" s="723">
        <v>50747</v>
      </c>
      <c r="X692" s="723"/>
      <c r="Y692" s="654" t="s">
        <v>226</v>
      </c>
      <c r="Z692" s="654"/>
      <c r="AA692" s="723">
        <v>50747</v>
      </c>
      <c r="AB692" s="652" t="s">
        <v>82</v>
      </c>
      <c r="AC692" s="652"/>
      <c r="AD692" s="496"/>
      <c r="AE692" s="496"/>
      <c r="AF692" s="496"/>
      <c r="AG692" s="496"/>
      <c r="AH692" s="496"/>
      <c r="AI692" s="487"/>
      <c r="AJ692" s="496"/>
      <c r="AK692" s="496"/>
      <c r="AL692" s="496"/>
      <c r="AM692" s="496"/>
      <c r="AN692" s="496"/>
      <c r="AO692" s="496"/>
      <c r="AP692" s="496"/>
      <c r="AQ692" s="496"/>
      <c r="AR692" s="496" t="s">
        <v>66</v>
      </c>
      <c r="AS692" s="496"/>
      <c r="AT692" s="496"/>
      <c r="AU692" s="487"/>
      <c r="AV692" s="487"/>
      <c r="AW692" s="487"/>
      <c r="AX692" s="487"/>
      <c r="AY692" s="487"/>
      <c r="AZ692" s="487"/>
      <c r="BA692" s="484"/>
      <c r="BB692" s="484"/>
      <c r="BC692" s="484"/>
      <c r="BD692" s="494"/>
      <c r="BE692" s="494"/>
      <c r="BF692" s="613"/>
      <c r="BG692" s="613"/>
      <c r="BH692" s="613"/>
      <c r="BI692" s="613"/>
      <c r="BJ692" s="613"/>
      <c r="BK692" s="613"/>
      <c r="BL692" s="613"/>
      <c r="BM692" s="613"/>
      <c r="BN692" s="613"/>
      <c r="BO692" s="613"/>
      <c r="BP692" s="613"/>
      <c r="BQ692" s="613"/>
      <c r="BR692" s="613"/>
      <c r="BS692" s="613"/>
      <c r="BT692" s="613"/>
      <c r="BU692" s="613"/>
      <c r="BV692" s="613"/>
      <c r="BW692" s="613"/>
      <c r="BX692" s="613"/>
      <c r="BY692" s="613"/>
      <c r="BZ692" s="613"/>
      <c r="CA692" s="613"/>
      <c r="CB692" s="613"/>
      <c r="CC692" s="613"/>
      <c r="CD692" s="613"/>
      <c r="CE692" s="613"/>
      <c r="CF692" s="613"/>
      <c r="CG692" s="613"/>
      <c r="CH692" s="613"/>
      <c r="CI692" s="613"/>
      <c r="CJ692" s="613"/>
      <c r="CK692" s="613"/>
      <c r="CL692" s="613"/>
      <c r="CM692" s="613"/>
      <c r="CN692" s="613"/>
      <c r="CO692" s="613"/>
      <c r="CP692" s="613"/>
      <c r="CQ692" s="613"/>
      <c r="CR692" s="613"/>
      <c r="CS692" s="613"/>
      <c r="CT692" s="613"/>
      <c r="CU692" s="613"/>
      <c r="CV692" s="613"/>
      <c r="CW692" s="613"/>
      <c r="CX692" s="613"/>
      <c r="CY692" s="613"/>
      <c r="CZ692" s="613"/>
      <c r="DA692" s="613"/>
      <c r="DB692" s="613"/>
      <c r="DC692" s="613"/>
      <c r="DD692" s="613"/>
      <c r="DE692" s="613"/>
      <c r="DF692" s="613"/>
      <c r="DG692" s="613"/>
      <c r="DH692" s="613"/>
      <c r="DI692" s="613"/>
      <c r="DJ692" s="613"/>
      <c r="DK692" s="613"/>
      <c r="DL692" s="613"/>
      <c r="DM692" s="613"/>
      <c r="DN692" s="613"/>
      <c r="DO692" s="613"/>
      <c r="DP692" s="613"/>
      <c r="DQ692" s="613"/>
      <c r="DR692" s="613"/>
      <c r="DS692" s="613"/>
      <c r="DT692" s="613"/>
      <c r="DU692" s="613"/>
      <c r="DV692" s="613"/>
      <c r="DW692" s="613"/>
      <c r="DX692" s="613"/>
      <c r="DY692" s="613"/>
      <c r="DZ692" s="613"/>
      <c r="EA692" s="613"/>
      <c r="EB692" s="613"/>
      <c r="EC692" s="613"/>
      <c r="ED692" s="613"/>
      <c r="EE692" s="613"/>
      <c r="EF692" s="613"/>
      <c r="EG692" s="613"/>
      <c r="EH692" s="613"/>
      <c r="EI692" s="613"/>
      <c r="EJ692" s="613"/>
      <c r="EK692" s="613"/>
      <c r="EL692" s="613"/>
      <c r="EM692" s="613"/>
      <c r="EN692" s="613"/>
      <c r="EO692" s="613"/>
      <c r="EP692" s="613"/>
      <c r="EQ692" s="613"/>
      <c r="ER692" s="613"/>
      <c r="ES692" s="613"/>
      <c r="ET692" s="613"/>
      <c r="EU692" s="613"/>
      <c r="EV692" s="613"/>
      <c r="EW692" s="613"/>
      <c r="EX692" s="613"/>
      <c r="EY692" s="613"/>
      <c r="EZ692" s="613"/>
      <c r="FA692" s="613"/>
      <c r="FB692" s="613"/>
      <c r="FC692" s="613"/>
      <c r="FD692" s="613"/>
      <c r="FE692" s="613"/>
      <c r="FF692" s="613"/>
      <c r="FG692" s="613"/>
      <c r="FH692" s="613"/>
      <c r="FI692" s="613"/>
      <c r="FJ692" s="613"/>
      <c r="FK692" s="613"/>
      <c r="FL692" s="613"/>
      <c r="FM692" s="613"/>
      <c r="FN692" s="613"/>
      <c r="FO692" s="613"/>
      <c r="FP692" s="613"/>
      <c r="FQ692" s="613"/>
      <c r="FR692" s="613"/>
      <c r="FS692" s="613"/>
      <c r="FT692" s="613"/>
      <c r="FU692" s="613"/>
      <c r="FV692" s="613"/>
      <c r="FW692" s="613"/>
      <c r="FX692" s="613"/>
      <c r="FY692" s="613"/>
      <c r="FZ692" s="613"/>
      <c r="GA692" s="613"/>
      <c r="GB692" s="613"/>
      <c r="GC692" s="613"/>
      <c r="GD692" s="613"/>
      <c r="GE692" s="613"/>
      <c r="GF692" s="613"/>
      <c r="GG692" s="613"/>
      <c r="GH692" s="613"/>
      <c r="GI692" s="613"/>
      <c r="GJ692" s="613"/>
      <c r="GK692" s="613"/>
      <c r="GL692" s="613"/>
      <c r="GM692" s="613"/>
      <c r="GN692" s="613"/>
      <c r="GO692" s="613"/>
      <c r="GP692" s="613"/>
      <c r="GQ692" s="613"/>
      <c r="GR692" s="613"/>
      <c r="GS692" s="613"/>
      <c r="GT692" s="613"/>
      <c r="GU692" s="613"/>
      <c r="GV692" s="613"/>
      <c r="GW692" s="613"/>
      <c r="GX692" s="613"/>
      <c r="GY692" s="613"/>
      <c r="GZ692" s="613"/>
      <c r="HA692" s="613"/>
      <c r="HB692" s="613"/>
      <c r="HC692" s="613"/>
      <c r="HD692" s="613"/>
      <c r="HE692" s="613"/>
      <c r="HF692" s="613"/>
      <c r="HG692" s="613"/>
      <c r="HH692" s="613"/>
      <c r="HI692" s="613"/>
      <c r="HJ692" s="613"/>
      <c r="HK692" s="613"/>
      <c r="HL692" s="613"/>
      <c r="HM692" s="613"/>
      <c r="HN692" s="613"/>
      <c r="HO692" s="613"/>
      <c r="HP692" s="613"/>
      <c r="HQ692" s="613"/>
      <c r="HR692" s="613"/>
      <c r="HS692" s="613"/>
      <c r="HT692" s="613"/>
      <c r="HU692" s="613"/>
      <c r="HV692" s="613"/>
      <c r="HW692" s="613"/>
      <c r="HX692" s="613"/>
      <c r="HY692" s="613"/>
      <c r="HZ692" s="613"/>
      <c r="IA692" s="613"/>
      <c r="IB692" s="613"/>
      <c r="IC692" s="613"/>
      <c r="ID692" s="613"/>
      <c r="IE692" s="613"/>
      <c r="IF692" s="613"/>
      <c r="IG692" s="613"/>
      <c r="IH692" s="613"/>
      <c r="II692" s="613"/>
      <c r="IJ692" s="613"/>
      <c r="IK692" s="613"/>
      <c r="IL692" s="613"/>
      <c r="IM692" s="613"/>
      <c r="IN692" s="613"/>
      <c r="IO692" s="613"/>
      <c r="IP692" s="613"/>
      <c r="IQ692" s="613"/>
      <c r="IR692" s="613"/>
      <c r="IS692" s="613"/>
      <c r="IT692" s="613"/>
      <c r="IU692" s="613"/>
      <c r="IV692" s="613"/>
      <c r="IW692" s="613"/>
      <c r="IX692" s="613"/>
      <c r="IY692" s="613"/>
      <c r="IZ692" s="613"/>
      <c r="JA692" s="613"/>
      <c r="JB692" s="613"/>
      <c r="JC692" s="613"/>
      <c r="JD692" s="613"/>
      <c r="JE692" s="613"/>
      <c r="JF692" s="613"/>
      <c r="JG692" s="613"/>
      <c r="JH692" s="613"/>
      <c r="JI692" s="613"/>
      <c r="JJ692" s="613"/>
      <c r="JK692" s="613"/>
      <c r="JL692" s="613"/>
      <c r="JM692" s="613"/>
      <c r="JN692" s="613"/>
      <c r="JO692" s="613"/>
      <c r="JP692" s="613"/>
      <c r="JQ692" s="613"/>
      <c r="JR692" s="613"/>
      <c r="JS692" s="613"/>
      <c r="JT692" s="613"/>
      <c r="JU692" s="613"/>
      <c r="JV692" s="613"/>
      <c r="JW692" s="613"/>
      <c r="JX692" s="613"/>
      <c r="JY692" s="613"/>
      <c r="JZ692" s="613"/>
      <c r="KA692" s="613"/>
      <c r="KB692" s="613"/>
      <c r="KC692" s="613"/>
      <c r="KD692" s="613"/>
      <c r="KE692" s="613"/>
      <c r="KF692" s="613"/>
      <c r="KG692" s="613"/>
      <c r="KH692" s="613"/>
      <c r="KI692" s="613"/>
      <c r="KJ692" s="613"/>
      <c r="KK692" s="613"/>
      <c r="KL692" s="613"/>
      <c r="KM692" s="613"/>
      <c r="KN692" s="613"/>
      <c r="KO692" s="613"/>
      <c r="KP692" s="613"/>
      <c r="KQ692" s="613"/>
      <c r="KR692" s="613"/>
      <c r="KS692" s="613"/>
      <c r="KT692" s="613"/>
      <c r="KU692" s="613"/>
      <c r="KV692" s="613"/>
      <c r="KW692" s="613"/>
      <c r="KX692" s="613"/>
      <c r="KY692" s="613"/>
      <c r="KZ692" s="613"/>
      <c r="LA692" s="613"/>
      <c r="LB692" s="613"/>
      <c r="LC692" s="613"/>
      <c r="LD692" s="613"/>
      <c r="LE692" s="613"/>
      <c r="LF692" s="613"/>
      <c r="LG692" s="613"/>
      <c r="LH692" s="613"/>
      <c r="LI692" s="613"/>
      <c r="LJ692" s="613"/>
      <c r="LK692" s="613"/>
      <c r="LL692" s="613"/>
      <c r="LM692" s="613"/>
      <c r="LN692" s="613"/>
      <c r="LO692" s="613"/>
      <c r="LP692" s="613"/>
      <c r="LQ692" s="613"/>
      <c r="LR692" s="613"/>
      <c r="LS692" s="613"/>
      <c r="LT692" s="613"/>
      <c r="LU692" s="613"/>
      <c r="LV692" s="613"/>
      <c r="LW692" s="613"/>
      <c r="LX692" s="613"/>
      <c r="LY692" s="613"/>
      <c r="LZ692" s="613"/>
      <c r="MA692" s="613"/>
      <c r="MB692" s="613"/>
      <c r="MC692" s="613"/>
      <c r="MD692" s="613"/>
      <c r="ME692" s="613"/>
      <c r="MF692" s="613"/>
      <c r="MG692" s="613"/>
      <c r="MH692" s="613"/>
      <c r="MI692" s="613"/>
      <c r="MJ692" s="613"/>
      <c r="MK692" s="613"/>
      <c r="ML692" s="613"/>
      <c r="MM692" s="613"/>
      <c r="MN692" s="613"/>
      <c r="MO692" s="613"/>
      <c r="MP692" s="613"/>
      <c r="MQ692" s="613"/>
      <c r="MR692" s="613"/>
      <c r="MS692" s="613"/>
      <c r="MT692" s="613"/>
      <c r="MU692" s="613"/>
      <c r="MV692" s="613"/>
      <c r="MW692" s="613"/>
      <c r="MX692" s="613"/>
      <c r="MY692" s="613"/>
      <c r="MZ692" s="613"/>
      <c r="NA692" s="613"/>
      <c r="NB692" s="613"/>
      <c r="NC692" s="613"/>
      <c r="ND692" s="613"/>
      <c r="NE692" s="613"/>
      <c r="NF692" s="613"/>
      <c r="NG692" s="613"/>
      <c r="NH692" s="613"/>
      <c r="NI692" s="613"/>
      <c r="NJ692" s="613"/>
      <c r="NK692" s="613"/>
      <c r="NL692" s="613"/>
      <c r="NM692" s="613"/>
      <c r="NN692" s="613"/>
      <c r="NO692" s="613"/>
      <c r="NP692" s="613"/>
      <c r="NQ692" s="613"/>
      <c r="NR692" s="613"/>
      <c r="NS692" s="613"/>
      <c r="NT692" s="613"/>
      <c r="NU692" s="613"/>
      <c r="NV692" s="613"/>
      <c r="NW692" s="613"/>
      <c r="NX692" s="613"/>
      <c r="NY692" s="613"/>
      <c r="NZ692" s="613"/>
      <c r="OA692" s="613"/>
      <c r="OB692" s="613"/>
      <c r="OC692" s="613"/>
      <c r="OD692" s="613"/>
      <c r="OE692" s="613"/>
      <c r="OF692" s="613"/>
      <c r="OG692" s="613"/>
      <c r="OH692" s="613"/>
      <c r="OI692" s="613"/>
      <c r="OJ692" s="613"/>
      <c r="OK692" s="613"/>
      <c r="OL692" s="613"/>
      <c r="OM692" s="613"/>
      <c r="ON692" s="613"/>
      <c r="OO692" s="613"/>
      <c r="OP692" s="613"/>
      <c r="OQ692" s="613"/>
      <c r="OR692" s="613"/>
      <c r="OS692" s="613"/>
      <c r="OT692" s="613"/>
      <c r="OU692" s="613"/>
      <c r="OV692" s="613"/>
      <c r="OW692" s="613"/>
      <c r="OX692" s="613"/>
      <c r="OY692" s="613"/>
      <c r="OZ692" s="613"/>
      <c r="PA692" s="613"/>
      <c r="PB692" s="613"/>
      <c r="PC692" s="613"/>
      <c r="PD692" s="613"/>
      <c r="PE692" s="613"/>
      <c r="PF692" s="613"/>
      <c r="PG692" s="613"/>
      <c r="PH692" s="613"/>
      <c r="PI692" s="613"/>
      <c r="PJ692" s="613"/>
      <c r="PK692" s="613"/>
      <c r="PL692" s="613"/>
      <c r="PM692" s="613"/>
      <c r="PN692" s="613"/>
      <c r="PO692" s="613"/>
      <c r="PP692" s="613"/>
      <c r="PQ692" s="613"/>
      <c r="PR692" s="613"/>
      <c r="PS692" s="613"/>
      <c r="PT692" s="613"/>
      <c r="PU692" s="613"/>
      <c r="PV692" s="613"/>
      <c r="PW692" s="613"/>
      <c r="PX692" s="613"/>
      <c r="PY692" s="613"/>
      <c r="PZ692" s="613"/>
      <c r="QA692" s="613"/>
      <c r="QB692" s="613"/>
      <c r="QC692" s="613"/>
      <c r="QD692" s="613"/>
      <c r="QE692" s="613"/>
      <c r="QF692" s="613"/>
      <c r="QG692" s="613"/>
      <c r="QH692" s="613"/>
      <c r="QI692" s="613"/>
      <c r="QJ692" s="613"/>
      <c r="QK692" s="613"/>
      <c r="QL692" s="613"/>
      <c r="QM692" s="613"/>
      <c r="QN692" s="613"/>
      <c r="QO692" s="613"/>
      <c r="QP692" s="613"/>
      <c r="QQ692" s="613"/>
      <c r="QR692" s="613"/>
      <c r="QS692" s="613"/>
      <c r="QT692" s="613"/>
      <c r="QU692" s="613"/>
      <c r="QV692" s="613"/>
      <c r="QW692" s="613"/>
      <c r="QX692" s="613"/>
      <c r="QY692" s="613"/>
      <c r="QZ692" s="613"/>
      <c r="RA692" s="613"/>
      <c r="RB692" s="613"/>
      <c r="RC692" s="613"/>
      <c r="RD692" s="613"/>
      <c r="RE692" s="613"/>
      <c r="RF692" s="613"/>
      <c r="RG692" s="613"/>
      <c r="RH692" s="613"/>
      <c r="RI692" s="613"/>
      <c r="RJ692" s="613"/>
      <c r="RK692" s="613"/>
      <c r="RL692" s="613"/>
      <c r="RM692" s="613"/>
      <c r="RN692" s="613"/>
      <c r="RO692" s="613"/>
      <c r="RP692" s="613"/>
      <c r="RQ692" s="613"/>
      <c r="RR692" s="613"/>
      <c r="RS692" s="613"/>
      <c r="RT692" s="613"/>
      <c r="RU692" s="613"/>
      <c r="RV692" s="613"/>
      <c r="RW692" s="613"/>
      <c r="RX692" s="613"/>
      <c r="RY692" s="613"/>
      <c r="RZ692" s="613"/>
      <c r="SA692" s="613"/>
      <c r="SB692" s="613"/>
      <c r="SC692" s="613"/>
      <c r="SD692" s="613"/>
      <c r="SE692" s="613"/>
      <c r="SF692" s="613"/>
      <c r="SG692" s="613"/>
      <c r="SH692" s="613"/>
      <c r="SI692" s="613"/>
      <c r="SJ692" s="613"/>
      <c r="SK692" s="613"/>
      <c r="SL692" s="613"/>
      <c r="SM692" s="613"/>
      <c r="SN692" s="613"/>
      <c r="SO692" s="613"/>
      <c r="SP692" s="613"/>
      <c r="SQ692" s="613"/>
      <c r="SR692" s="613"/>
      <c r="SS692" s="613"/>
      <c r="ST692" s="613"/>
      <c r="SU692" s="613"/>
      <c r="SV692" s="613"/>
      <c r="SW692" s="613"/>
      <c r="SX692" s="613"/>
      <c r="SY692" s="613"/>
      <c r="SZ692" s="613"/>
      <c r="TA692" s="613"/>
      <c r="TB692" s="613"/>
      <c r="TC692" s="613"/>
      <c r="TD692" s="613"/>
      <c r="TE692" s="613"/>
      <c r="TF692" s="613"/>
      <c r="TG692" s="613"/>
      <c r="TH692" s="613"/>
      <c r="TI692" s="613"/>
      <c r="TJ692" s="613"/>
      <c r="TK692" s="613"/>
      <c r="TL692" s="613"/>
      <c r="TM692" s="613"/>
      <c r="TN692" s="613"/>
      <c r="TO692" s="613"/>
      <c r="TP692" s="613"/>
      <c r="TQ692" s="613"/>
      <c r="TR692" s="613"/>
      <c r="TS692" s="613"/>
      <c r="TT692" s="613"/>
      <c r="TU692" s="613"/>
      <c r="TV692" s="613"/>
      <c r="TW692" s="613"/>
      <c r="TX692" s="613"/>
      <c r="TY692" s="613"/>
      <c r="TZ692" s="613"/>
      <c r="UA692" s="613"/>
      <c r="UB692" s="613"/>
      <c r="UC692" s="613"/>
      <c r="UD692" s="613"/>
      <c r="UE692" s="613"/>
      <c r="UF692" s="613"/>
      <c r="UG692" s="613"/>
      <c r="UH692" s="613"/>
      <c r="UI692" s="613"/>
      <c r="UJ692" s="613"/>
      <c r="UK692" s="613"/>
      <c r="UL692" s="613"/>
      <c r="UM692" s="613"/>
      <c r="UN692" s="613"/>
      <c r="UO692" s="613"/>
      <c r="UP692" s="613"/>
      <c r="UQ692" s="613"/>
      <c r="UR692" s="613"/>
      <c r="US692" s="613"/>
      <c r="UT692" s="613"/>
      <c r="UU692" s="613"/>
      <c r="UV692" s="613"/>
      <c r="UW692" s="613"/>
      <c r="UX692" s="613"/>
      <c r="UY692" s="613"/>
      <c r="UZ692" s="613"/>
      <c r="VA692" s="613"/>
      <c r="VB692" s="613"/>
      <c r="VC692" s="613"/>
      <c r="VD692" s="613"/>
      <c r="VE692" s="613"/>
      <c r="VF692" s="613"/>
      <c r="VG692" s="613"/>
      <c r="VH692" s="613"/>
      <c r="VI692" s="613"/>
      <c r="VJ692" s="613"/>
      <c r="VK692" s="613"/>
      <c r="VL692" s="613"/>
      <c r="VM692" s="613"/>
      <c r="VN692" s="613"/>
      <c r="VO692" s="613"/>
      <c r="VP692" s="613"/>
      <c r="VQ692" s="613"/>
      <c r="VR692" s="613"/>
      <c r="VS692" s="613"/>
      <c r="VT692" s="613"/>
      <c r="VU692" s="613"/>
      <c r="VV692" s="613"/>
      <c r="VW692" s="613"/>
      <c r="VX692" s="613"/>
      <c r="VY692" s="613"/>
      <c r="VZ692" s="613"/>
      <c r="WA692" s="613"/>
      <c r="WB692" s="613"/>
      <c r="WC692" s="613"/>
      <c r="WD692" s="613"/>
      <c r="WE692" s="613"/>
      <c r="WF692" s="613"/>
      <c r="WG692" s="613"/>
      <c r="WH692" s="613"/>
      <c r="WI692" s="613"/>
      <c r="WJ692" s="613"/>
      <c r="WK692" s="613"/>
      <c r="WL692" s="613"/>
      <c r="WM692" s="613"/>
      <c r="WN692" s="613"/>
      <c r="WO692" s="613"/>
      <c r="WP692" s="613"/>
      <c r="WQ692" s="613"/>
      <c r="WR692" s="613"/>
      <c r="WS692" s="613"/>
      <c r="WT692" s="613"/>
      <c r="WU692" s="613"/>
      <c r="WV692" s="613"/>
      <c r="WW692" s="613"/>
      <c r="WX692" s="613"/>
      <c r="WY692" s="613"/>
      <c r="WZ692" s="613"/>
      <c r="XA692" s="613"/>
      <c r="XB692" s="613"/>
      <c r="XC692" s="613"/>
      <c r="XD692" s="613"/>
      <c r="XE692" s="613"/>
      <c r="XF692" s="613"/>
      <c r="XG692" s="613"/>
      <c r="XH692" s="613"/>
      <c r="XI692" s="613"/>
      <c r="XJ692" s="613"/>
      <c r="XK692" s="613"/>
      <c r="XL692" s="613"/>
      <c r="XM692" s="613"/>
      <c r="XN692" s="613"/>
      <c r="XO692" s="613"/>
      <c r="XP692" s="613"/>
      <c r="XQ692" s="613"/>
      <c r="XR692" s="613"/>
      <c r="XS692" s="613"/>
      <c r="XT692" s="613"/>
      <c r="XU692" s="613"/>
      <c r="XV692" s="613"/>
      <c r="XW692" s="613"/>
      <c r="XX692" s="613"/>
      <c r="XY692" s="613"/>
      <c r="XZ692" s="613"/>
      <c r="YA692" s="613"/>
      <c r="YB692" s="613"/>
      <c r="YC692" s="613"/>
      <c r="YD692" s="613"/>
      <c r="YE692" s="613"/>
      <c r="YF692" s="613"/>
      <c r="YG692" s="613"/>
      <c r="YH692" s="613"/>
      <c r="YI692" s="613"/>
      <c r="YJ692" s="613"/>
      <c r="YK692" s="613"/>
      <c r="YL692" s="613"/>
      <c r="YM692" s="613"/>
      <c r="YN692" s="613"/>
      <c r="YO692" s="613"/>
      <c r="YP692" s="613"/>
      <c r="YQ692" s="613"/>
      <c r="YR692" s="613"/>
      <c r="YS692" s="613"/>
      <c r="YT692" s="613"/>
      <c r="YU692" s="613"/>
      <c r="YV692" s="613"/>
      <c r="YW692" s="613"/>
      <c r="YX692" s="613"/>
      <c r="YY692" s="613"/>
      <c r="YZ692" s="613"/>
      <c r="ZA692" s="613"/>
      <c r="ZB692" s="613"/>
      <c r="ZC692" s="613"/>
      <c r="ZD692" s="613"/>
      <c r="ZE692" s="613"/>
      <c r="ZF692" s="613"/>
      <c r="ZG692" s="613"/>
      <c r="ZH692" s="613"/>
      <c r="ZI692" s="613"/>
      <c r="ZJ692" s="613"/>
      <c r="ZK692" s="613"/>
      <c r="ZL692" s="613"/>
      <c r="ZM692" s="613"/>
      <c r="ZN692" s="613"/>
      <c r="ZO692" s="613"/>
      <c r="ZP692" s="613"/>
      <c r="ZQ692" s="613"/>
      <c r="ZR692" s="613"/>
      <c r="ZS692" s="613"/>
      <c r="ZT692" s="613"/>
      <c r="ZU692" s="613"/>
      <c r="ZV692" s="613"/>
      <c r="ZW692" s="613"/>
      <c r="ZX692" s="613"/>
      <c r="ZY692" s="613"/>
      <c r="ZZ692" s="613"/>
      <c r="AAA692" s="613"/>
      <c r="AAB692" s="613"/>
      <c r="AAC692" s="613"/>
      <c r="AAD692" s="613"/>
      <c r="AAE692" s="613"/>
      <c r="AAF692" s="613"/>
      <c r="AAG692" s="613"/>
      <c r="AAH692" s="613"/>
      <c r="AAI692" s="613"/>
      <c r="AAJ692" s="613"/>
      <c r="AAK692" s="613"/>
      <c r="AAL692" s="613"/>
      <c r="AAM692" s="613"/>
      <c r="AAN692" s="613"/>
      <c r="AAO692" s="613"/>
      <c r="AAP692" s="613"/>
      <c r="AAQ692" s="613"/>
      <c r="AAR692" s="613"/>
      <c r="AAS692" s="613"/>
      <c r="AAT692" s="613"/>
      <c r="AAU692" s="613"/>
      <c r="AAV692" s="613"/>
      <c r="AAW692" s="613"/>
      <c r="AAX692" s="613"/>
      <c r="AAY692" s="613"/>
      <c r="AAZ692" s="613"/>
      <c r="ABA692" s="613"/>
      <c r="ABB692" s="613"/>
      <c r="ABC692" s="613"/>
      <c r="ABD692" s="613"/>
      <c r="ABE692" s="613"/>
      <c r="ABF692" s="613"/>
      <c r="ABG692" s="613"/>
      <c r="ABH692" s="613"/>
      <c r="ABI692" s="613"/>
      <c r="ABJ692" s="613"/>
      <c r="ABK692" s="613"/>
      <c r="ABL692" s="613"/>
      <c r="ABM692" s="613"/>
      <c r="ABN692" s="613"/>
      <c r="ABO692" s="613"/>
      <c r="ABP692" s="613"/>
      <c r="ABQ692" s="613"/>
      <c r="ABR692" s="613"/>
      <c r="ABS692" s="613"/>
      <c r="ABT692" s="613"/>
      <c r="ABU692" s="613"/>
      <c r="ABV692" s="613"/>
      <c r="ABW692" s="613"/>
      <c r="ABX692" s="613"/>
      <c r="ABY692" s="613"/>
      <c r="ABZ692" s="613"/>
      <c r="ACA692" s="613"/>
      <c r="ACB692" s="613"/>
      <c r="ACC692" s="613"/>
      <c r="ACD692" s="613"/>
      <c r="ACE692" s="613"/>
      <c r="ACF692" s="613"/>
      <c r="ACG692" s="613"/>
      <c r="ACH692" s="613"/>
      <c r="ACI692" s="613"/>
      <c r="ACJ692" s="613"/>
      <c r="ACK692" s="613"/>
      <c r="ACL692" s="613"/>
      <c r="ACM692" s="613"/>
      <c r="ACN692" s="613"/>
      <c r="ACO692" s="613"/>
      <c r="ACP692" s="613"/>
      <c r="ACQ692" s="613"/>
      <c r="ACR692" s="613"/>
      <c r="ACS692" s="613"/>
      <c r="ACT692" s="613"/>
      <c r="ACU692" s="613"/>
      <c r="ACV692" s="613"/>
      <c r="ACW692" s="613"/>
      <c r="ACX692" s="613"/>
      <c r="ACY692" s="613"/>
      <c r="ACZ692" s="613"/>
      <c r="ADA692" s="613"/>
      <c r="ADB692" s="613"/>
      <c r="ADC692" s="613"/>
      <c r="ADD692" s="613"/>
      <c r="ADE692" s="613"/>
      <c r="ADF692" s="613"/>
      <c r="ADG692" s="613"/>
      <c r="ADH692" s="613"/>
      <c r="ADI692" s="613"/>
      <c r="ADJ692" s="613"/>
      <c r="ADK692" s="613"/>
      <c r="ADL692" s="613"/>
      <c r="ADM692" s="613"/>
      <c r="ADN692" s="613"/>
      <c r="ADO692" s="613"/>
      <c r="ADP692" s="613"/>
      <c r="ADQ692" s="613"/>
      <c r="ADR692" s="613"/>
      <c r="ADS692" s="613"/>
      <c r="ADT692" s="613"/>
      <c r="ADU692" s="613"/>
      <c r="ADV692" s="613"/>
      <c r="ADW692" s="613"/>
      <c r="ADX692" s="613"/>
      <c r="ADY692" s="613"/>
      <c r="ADZ692" s="613"/>
      <c r="AEA692" s="613"/>
      <c r="AEB692" s="613"/>
      <c r="AEC692" s="613"/>
      <c r="AED692" s="613"/>
      <c r="AEE692" s="613"/>
      <c r="AEF692" s="613"/>
      <c r="AEG692" s="613"/>
      <c r="AEH692" s="613"/>
      <c r="AEI692" s="613"/>
      <c r="AEJ692" s="613"/>
      <c r="AEK692" s="613"/>
      <c r="AEL692" s="613"/>
      <c r="AEM692" s="613"/>
      <c r="AEN692" s="613"/>
      <c r="AEO692" s="613"/>
      <c r="AEP692" s="613"/>
      <c r="AEQ692" s="613"/>
      <c r="AER692" s="613"/>
      <c r="AES692" s="613"/>
      <c r="AET692" s="613"/>
      <c r="AEU692" s="613"/>
      <c r="AEV692" s="613"/>
      <c r="AEW692" s="613"/>
      <c r="AEX692" s="613"/>
      <c r="AEY692" s="613"/>
      <c r="AEZ692" s="613"/>
      <c r="AFA692" s="613"/>
      <c r="AFB692" s="613"/>
      <c r="AFC692" s="613"/>
      <c r="AFD692" s="613"/>
      <c r="AFE692" s="613"/>
      <c r="AFF692" s="613"/>
      <c r="AFG692" s="613"/>
      <c r="AFH692" s="613"/>
      <c r="AFI692" s="613"/>
      <c r="AFJ692" s="613"/>
      <c r="AFK692" s="613"/>
      <c r="AFL692" s="613"/>
      <c r="AFM692" s="613"/>
      <c r="AFN692" s="613"/>
      <c r="AFO692" s="613"/>
      <c r="AFP692" s="613"/>
      <c r="AFQ692" s="613"/>
      <c r="AFR692" s="613"/>
      <c r="AFS692" s="613"/>
      <c r="AFT692" s="613"/>
      <c r="AFU692" s="613"/>
      <c r="AFV692" s="613"/>
      <c r="AFW692" s="613"/>
      <c r="AFX692" s="613"/>
      <c r="AFY692" s="613"/>
      <c r="AFZ692" s="613"/>
      <c r="AGA692" s="613"/>
      <c r="AGB692" s="613"/>
      <c r="AGC692" s="613"/>
      <c r="AGD692" s="613"/>
      <c r="AGE692" s="613"/>
      <c r="AGF692" s="613"/>
      <c r="AGG692" s="613"/>
      <c r="AGH692" s="613"/>
      <c r="AGI692" s="613"/>
      <c r="AGJ692" s="613"/>
      <c r="AGK692" s="613"/>
      <c r="AGL692" s="613"/>
      <c r="AGM692" s="613"/>
      <c r="AGN692" s="613"/>
      <c r="AGO692" s="613"/>
      <c r="AGP692" s="613"/>
      <c r="AGQ692" s="613"/>
      <c r="AGR692" s="613"/>
      <c r="AGS692" s="613"/>
      <c r="AGT692" s="613"/>
      <c r="AGU692" s="613"/>
      <c r="AGV692" s="613"/>
      <c r="AGW692" s="613"/>
      <c r="AGX692" s="613"/>
      <c r="AGY692" s="613"/>
      <c r="AGZ692" s="613"/>
      <c r="AHA692" s="613"/>
      <c r="AHB692" s="613"/>
      <c r="AHC692" s="613"/>
      <c r="AHD692" s="613"/>
      <c r="AHE692" s="613"/>
      <c r="AHF692" s="613"/>
      <c r="AHG692" s="613"/>
      <c r="AHH692" s="613"/>
      <c r="AHI692" s="613"/>
      <c r="AHJ692" s="613"/>
      <c r="AHK692" s="613"/>
      <c r="AHL692" s="613"/>
      <c r="AHM692" s="613"/>
      <c r="AHN692" s="613"/>
      <c r="AHO692" s="613"/>
      <c r="AHP692" s="613"/>
      <c r="AHQ692" s="613"/>
      <c r="AHR692" s="613"/>
      <c r="AHS692" s="613"/>
      <c r="AHT692" s="613"/>
      <c r="AHU692" s="613"/>
      <c r="AHV692" s="613"/>
      <c r="AHW692" s="613"/>
      <c r="AHX692" s="613"/>
      <c r="AHY692" s="613"/>
      <c r="AHZ692" s="613"/>
      <c r="AIA692" s="613"/>
      <c r="AIB692" s="613"/>
      <c r="AIC692" s="613"/>
      <c r="AID692" s="613"/>
      <c r="AIE692" s="613"/>
      <c r="AIF692" s="613"/>
      <c r="AIG692" s="613"/>
      <c r="AIH692" s="613"/>
      <c r="AII692" s="613"/>
      <c r="AIJ692" s="613"/>
      <c r="AIK692" s="613"/>
      <c r="AIL692" s="613"/>
      <c r="AIM692" s="613"/>
      <c r="AIN692" s="613"/>
      <c r="AIO692" s="613"/>
      <c r="AIP692" s="613"/>
      <c r="AIQ692" s="613"/>
      <c r="AIR692" s="613"/>
      <c r="AIS692" s="613"/>
      <c r="AIT692" s="613"/>
      <c r="AIU692" s="613"/>
      <c r="AIV692" s="613"/>
      <c r="AIW692" s="613"/>
      <c r="AIX692" s="613"/>
      <c r="AIY692" s="613"/>
      <c r="AIZ692" s="613"/>
      <c r="AJA692" s="613"/>
      <c r="AJB692" s="613"/>
      <c r="AJC692" s="613"/>
      <c r="AJD692" s="613"/>
      <c r="AJE692" s="613"/>
      <c r="AJF692" s="613"/>
      <c r="AJG692" s="613"/>
      <c r="AJH692" s="613"/>
      <c r="AJI692" s="613"/>
      <c r="AJJ692" s="613"/>
      <c r="AJK692" s="613"/>
      <c r="AJL692" s="613"/>
      <c r="AJM692" s="613"/>
      <c r="AJN692" s="613"/>
      <c r="AJO692" s="613"/>
      <c r="AJP692" s="613"/>
      <c r="AJQ692" s="613"/>
      <c r="AJR692" s="613"/>
      <c r="AJS692" s="613"/>
      <c r="AJT692" s="613"/>
      <c r="AJU692" s="613"/>
      <c r="AJV692" s="613"/>
      <c r="AJW692" s="613"/>
      <c r="AJX692" s="613"/>
      <c r="AJY692" s="613"/>
      <c r="AJZ692" s="613"/>
      <c r="AKA692" s="613"/>
      <c r="AKB692" s="613"/>
      <c r="AKC692" s="613"/>
      <c r="AKD692" s="613"/>
      <c r="AKE692" s="613"/>
      <c r="AKF692" s="613"/>
      <c r="AKG692" s="613"/>
      <c r="AKH692" s="613"/>
      <c r="AKI692" s="613"/>
      <c r="AKJ692" s="613"/>
      <c r="AKK692" s="613"/>
      <c r="AKL692" s="613"/>
      <c r="AKM692" s="613"/>
      <c r="AKN692" s="613"/>
      <c r="AKO692" s="613"/>
      <c r="AKP692" s="613"/>
      <c r="AKQ692" s="613"/>
      <c r="AKR692" s="613"/>
      <c r="AKS692" s="613"/>
      <c r="AKT692" s="613"/>
      <c r="AKU692" s="613"/>
      <c r="AKV692" s="613"/>
      <c r="AKW692" s="613"/>
      <c r="AKX692" s="613"/>
      <c r="AKY692" s="613"/>
      <c r="AKZ692" s="613"/>
      <c r="ALA692" s="613"/>
      <c r="ALB692" s="613"/>
      <c r="ALC692" s="613"/>
      <c r="ALD692" s="613"/>
      <c r="ALE692" s="613"/>
      <c r="ALF692" s="613"/>
      <c r="ALG692" s="613"/>
      <c r="ALH692" s="613"/>
      <c r="ALI692" s="613"/>
      <c r="ALJ692" s="613"/>
      <c r="ALK692" s="613"/>
      <c r="ALL692" s="613"/>
      <c r="ALM692" s="613"/>
      <c r="ALN692" s="613"/>
      <c r="ALO692" s="613"/>
      <c r="ALP692" s="613"/>
      <c r="ALQ692" s="613"/>
      <c r="ALR692" s="613"/>
      <c r="ALS692" s="613"/>
      <c r="ALT692" s="613"/>
      <c r="ALU692" s="613"/>
      <c r="ALV692" s="613"/>
      <c r="ALW692" s="613"/>
      <c r="ALX692" s="613"/>
      <c r="ALY692" s="613"/>
      <c r="ALZ692" s="613"/>
      <c r="AMA692" s="613"/>
      <c r="AMB692" s="613"/>
      <c r="AMC692" s="613"/>
      <c r="AMD692" s="613"/>
      <c r="AME692" s="613"/>
      <c r="AMF692" s="613"/>
      <c r="AMG692" s="613"/>
      <c r="AMH692" s="613"/>
      <c r="AMI692" s="613"/>
      <c r="AMJ692" s="613"/>
      <c r="AMK692" s="613"/>
      <c r="AML692" s="613"/>
      <c r="AMM692" s="613"/>
      <c r="AMN692" s="613"/>
      <c r="AMO692" s="613"/>
      <c r="AMP692" s="613"/>
      <c r="AMQ692" s="613"/>
      <c r="AMR692" s="613"/>
      <c r="AMS692" s="613"/>
      <c r="AMT692" s="613"/>
      <c r="AMU692" s="613"/>
      <c r="AMV692" s="613"/>
      <c r="AMW692" s="613"/>
      <c r="AMX692" s="613"/>
      <c r="AMY692" s="613"/>
      <c r="AMZ692" s="613"/>
      <c r="ANA692" s="613"/>
      <c r="ANB692" s="613"/>
      <c r="ANC692" s="613"/>
      <c r="AND692" s="613"/>
      <c r="ANE692" s="613"/>
      <c r="ANF692" s="613"/>
      <c r="ANG692" s="613"/>
      <c r="ANH692" s="613"/>
      <c r="ANI692" s="613"/>
      <c r="ANJ692" s="613"/>
      <c r="ANK692" s="613"/>
      <c r="ANL692" s="613"/>
      <c r="ANM692" s="613"/>
      <c r="ANN692" s="613"/>
      <c r="ANO692" s="613"/>
      <c r="ANP692" s="613"/>
      <c r="ANQ692" s="613"/>
      <c r="ANR692" s="613"/>
      <c r="ANS692" s="613"/>
      <c r="ANT692" s="613"/>
      <c r="ANU692" s="613"/>
      <c r="ANV692" s="613"/>
      <c r="ANW692" s="613"/>
      <c r="ANX692" s="613"/>
      <c r="ANY692" s="613"/>
      <c r="ANZ692" s="613"/>
      <c r="AOA692" s="613"/>
      <c r="AOB692" s="613"/>
      <c r="AOC692" s="613"/>
      <c r="AOD692" s="613"/>
      <c r="AOE692" s="613"/>
      <c r="AOF692" s="613"/>
      <c r="AOG692" s="613"/>
      <c r="AOH692" s="613"/>
      <c r="AOI692" s="613"/>
      <c r="AOJ692" s="613"/>
      <c r="AOK692" s="613"/>
      <c r="AOL692" s="613"/>
      <c r="AOM692" s="613"/>
      <c r="AON692" s="613"/>
      <c r="AOO692" s="613"/>
      <c r="AOP692" s="613"/>
      <c r="AOQ692" s="613"/>
      <c r="AOR692" s="613"/>
      <c r="AOS692" s="613"/>
      <c r="AOT692" s="613"/>
      <c r="AOU692" s="613"/>
      <c r="AOV692" s="613"/>
      <c r="AOW692" s="613"/>
      <c r="AOX692" s="613"/>
      <c r="AOY692" s="613"/>
      <c r="AOZ692" s="613"/>
      <c r="APA692" s="613"/>
      <c r="APB692" s="613"/>
      <c r="APC692" s="613"/>
      <c r="APD692" s="613"/>
      <c r="APE692" s="613"/>
      <c r="APF692" s="613"/>
      <c r="APG692" s="613"/>
      <c r="APH692" s="613"/>
      <c r="API692" s="613"/>
      <c r="APJ692" s="613"/>
      <c r="APK692" s="613"/>
      <c r="APL692" s="613"/>
      <c r="APM692" s="613"/>
      <c r="APN692" s="613"/>
      <c r="APO692" s="613"/>
      <c r="APP692" s="613"/>
      <c r="APQ692" s="613"/>
      <c r="APR692" s="613"/>
      <c r="APS692" s="613"/>
      <c r="APT692" s="613"/>
      <c r="APU692" s="613"/>
      <c r="APV692" s="613"/>
      <c r="APW692" s="613"/>
      <c r="APX692" s="613"/>
      <c r="APY692" s="613"/>
      <c r="APZ692" s="613"/>
      <c r="AQA692" s="613"/>
      <c r="AQB692" s="613"/>
      <c r="AQC692" s="613"/>
      <c r="AQD692" s="613"/>
      <c r="AQE692" s="613"/>
      <c r="AQF692" s="613"/>
      <c r="AQG692" s="613"/>
      <c r="AQH692" s="613"/>
      <c r="AQI692" s="613"/>
      <c r="AQJ692" s="613"/>
      <c r="AQK692" s="613"/>
      <c r="AQL692" s="613"/>
      <c r="AQM692" s="613"/>
      <c r="AQN692" s="613"/>
      <c r="AQO692" s="613"/>
      <c r="AQP692" s="613"/>
      <c r="AQQ692" s="613"/>
      <c r="AQR692" s="613"/>
      <c r="AQS692" s="613"/>
      <c r="AQT692" s="613"/>
      <c r="AQU692" s="613"/>
      <c r="AQV692" s="613"/>
      <c r="AQW692" s="613"/>
      <c r="AQX692" s="613"/>
      <c r="AQY692" s="613"/>
      <c r="AQZ692" s="613"/>
      <c r="ARA692" s="613"/>
      <c r="ARB692" s="613"/>
      <c r="ARC692" s="613"/>
      <c r="ARD692" s="613"/>
      <c r="ARE692" s="613"/>
      <c r="ARF692" s="613"/>
      <c r="ARG692" s="613"/>
      <c r="ARH692" s="613"/>
      <c r="ARI692" s="613"/>
      <c r="ARJ692" s="613"/>
      <c r="ARK692" s="613"/>
      <c r="ARL692" s="613"/>
      <c r="ARM692" s="613"/>
      <c r="ARN692" s="613"/>
      <c r="ARO692" s="613"/>
      <c r="ARP692" s="613"/>
      <c r="ARQ692" s="613"/>
      <c r="ARR692" s="613"/>
      <c r="ARS692" s="613"/>
      <c r="ART692" s="613"/>
      <c r="ARU692" s="613"/>
      <c r="ARV692" s="613"/>
      <c r="ARW692" s="613"/>
      <c r="ARX692" s="613"/>
      <c r="ARY692" s="613"/>
      <c r="ARZ692" s="613"/>
      <c r="ASA692" s="613"/>
      <c r="ASB692" s="613"/>
      <c r="ASC692" s="613"/>
      <c r="ASD692" s="613"/>
      <c r="ASE692" s="613"/>
      <c r="ASF692" s="613"/>
      <c r="ASG692" s="613"/>
      <c r="ASH692" s="613"/>
      <c r="ASI692" s="613"/>
      <c r="ASJ692" s="613"/>
      <c r="ASK692" s="613"/>
      <c r="ASL692" s="613"/>
      <c r="ASM692" s="613"/>
      <c r="ASN692" s="613"/>
      <c r="ASO692" s="613"/>
      <c r="ASP692" s="613"/>
      <c r="ASQ692" s="613"/>
      <c r="ASR692" s="613"/>
      <c r="ASS692" s="613"/>
      <c r="AST692" s="613"/>
      <c r="ASU692" s="613"/>
      <c r="ASV692" s="613"/>
      <c r="ASW692" s="613"/>
      <c r="ASX692" s="613"/>
      <c r="ASY692" s="613"/>
      <c r="ASZ692" s="613"/>
      <c r="ATA692" s="613"/>
      <c r="ATB692" s="613"/>
      <c r="ATC692" s="613"/>
      <c r="ATD692" s="613"/>
      <c r="ATE692" s="613"/>
      <c r="ATF692" s="613"/>
      <c r="ATG692" s="613"/>
      <c r="ATH692" s="613"/>
      <c r="ATI692" s="613"/>
      <c r="ATJ692" s="613"/>
      <c r="ATK692" s="613"/>
      <c r="ATL692" s="613"/>
      <c r="ATM692" s="613"/>
      <c r="ATN692" s="613"/>
      <c r="ATO692" s="613"/>
      <c r="ATP692" s="613"/>
      <c r="ATQ692" s="613"/>
      <c r="ATR692" s="613"/>
      <c r="ATS692" s="613"/>
      <c r="ATT692" s="613"/>
      <c r="ATU692" s="613"/>
      <c r="ATV692" s="613"/>
      <c r="ATW692" s="613"/>
      <c r="ATX692" s="613"/>
      <c r="ATY692" s="613"/>
      <c r="ATZ692" s="613"/>
      <c r="AUA692" s="613"/>
      <c r="AUB692" s="613"/>
      <c r="AUC692" s="613"/>
      <c r="AUD692" s="613"/>
      <c r="AUE692" s="613"/>
      <c r="AUF692" s="613"/>
      <c r="AUG692" s="613"/>
      <c r="AUH692" s="613"/>
      <c r="AUI692" s="613"/>
      <c r="AUJ692" s="613"/>
      <c r="AUK692" s="613"/>
      <c r="AUL692" s="613"/>
      <c r="AUM692" s="613"/>
      <c r="AUN692" s="613"/>
      <c r="AUO692" s="613"/>
      <c r="AUP692" s="613"/>
      <c r="AUQ692" s="613"/>
      <c r="AUR692" s="613"/>
      <c r="AUS692" s="613"/>
      <c r="AUT692" s="613"/>
      <c r="AUU692" s="613"/>
      <c r="AUV692" s="613"/>
      <c r="AUW692" s="613"/>
      <c r="AUX692" s="613"/>
      <c r="AUY692" s="613"/>
      <c r="AUZ692" s="613"/>
      <c r="AVA692" s="613"/>
      <c r="AVB692" s="613"/>
      <c r="AVC692" s="613"/>
      <c r="AVD692" s="613"/>
      <c r="AVE692" s="613"/>
      <c r="AVF692" s="613"/>
      <c r="AVG692" s="613"/>
      <c r="AVH692" s="613"/>
      <c r="AVI692" s="613"/>
      <c r="AVJ692" s="613"/>
      <c r="AVK692" s="613"/>
      <c r="AVL692" s="613"/>
      <c r="AVM692" s="613"/>
      <c r="AVN692" s="613"/>
      <c r="AVO692" s="613"/>
      <c r="AVP692" s="613"/>
      <c r="AVQ692" s="613"/>
      <c r="AVR692" s="613"/>
      <c r="AVS692" s="613"/>
      <c r="AVT692" s="613"/>
      <c r="AVU692" s="613"/>
      <c r="AVV692" s="613"/>
      <c r="AVW692" s="613"/>
      <c r="AVX692" s="613"/>
      <c r="AVY692" s="613"/>
      <c r="AVZ692" s="613"/>
      <c r="AWA692" s="613"/>
      <c r="AWB692" s="613"/>
      <c r="AWC692" s="613"/>
      <c r="AWD692" s="613"/>
      <c r="AWE692" s="613"/>
      <c r="AWF692" s="613"/>
      <c r="AWG692" s="613"/>
      <c r="AWH692" s="613"/>
      <c r="AWI692" s="613"/>
      <c r="AWJ692" s="613"/>
      <c r="AWK692" s="613"/>
      <c r="AWL692" s="613"/>
      <c r="AWM692" s="613"/>
      <c r="AWN692" s="613"/>
      <c r="AWO692" s="613"/>
      <c r="AWP692" s="613"/>
      <c r="AWQ692" s="613"/>
      <c r="AWR692" s="613"/>
      <c r="AWS692" s="613"/>
      <c r="AWT692" s="613"/>
      <c r="AWU692" s="613"/>
      <c r="AWV692" s="613"/>
      <c r="AWW692" s="613"/>
      <c r="AWX692" s="613"/>
      <c r="AWY692" s="613"/>
      <c r="AWZ692" s="613"/>
      <c r="AXA692" s="613"/>
      <c r="AXB692" s="613"/>
      <c r="AXC692" s="613"/>
      <c r="AXD692" s="613"/>
      <c r="AXE692" s="613"/>
      <c r="AXF692" s="613"/>
      <c r="AXG692" s="613"/>
      <c r="AXH692" s="613"/>
      <c r="AXI692" s="613"/>
      <c r="AXJ692" s="613"/>
      <c r="AXK692" s="613"/>
      <c r="AXL692" s="613"/>
      <c r="AXM692" s="613"/>
      <c r="AXN692" s="613"/>
      <c r="AXO692" s="613"/>
      <c r="AXP692" s="613"/>
      <c r="AXQ692" s="613"/>
      <c r="AXR692" s="613"/>
      <c r="AXS692" s="613"/>
      <c r="AXT692" s="613"/>
      <c r="AXU692" s="613"/>
      <c r="AXV692" s="613"/>
      <c r="AXW692" s="613"/>
      <c r="AXX692" s="613"/>
      <c r="AXY692" s="613"/>
      <c r="AXZ692" s="613"/>
      <c r="AYA692" s="613"/>
      <c r="AYB692" s="613"/>
      <c r="AYC692" s="613"/>
      <c r="AYD692" s="613"/>
      <c r="AYE692" s="613"/>
      <c r="AYF692" s="613"/>
      <c r="AYG692" s="613"/>
      <c r="AYH692" s="613"/>
      <c r="AYI692" s="613"/>
      <c r="AYJ692" s="613"/>
      <c r="AYK692" s="613"/>
      <c r="AYL692" s="613"/>
      <c r="AYM692" s="613"/>
      <c r="AYN692" s="613"/>
      <c r="AYO692" s="613"/>
      <c r="AYP692" s="613"/>
      <c r="AYQ692" s="613"/>
      <c r="AYR692" s="613"/>
      <c r="AYS692" s="613"/>
      <c r="AYT692" s="613"/>
      <c r="AYU692" s="613"/>
      <c r="AYV692" s="613"/>
      <c r="AYW692" s="613"/>
      <c r="AYX692" s="613"/>
      <c r="AYY692" s="613"/>
      <c r="AYZ692" s="613"/>
      <c r="AZA692" s="613"/>
      <c r="AZB692" s="613"/>
      <c r="AZC692" s="613"/>
      <c r="AZD692" s="613"/>
      <c r="AZE692" s="613"/>
      <c r="AZF692" s="613"/>
      <c r="AZG692" s="613"/>
      <c r="AZH692" s="613"/>
      <c r="AZI692" s="613"/>
      <c r="AZJ692" s="613"/>
      <c r="AZK692" s="613"/>
      <c r="AZL692" s="613"/>
      <c r="AZM692" s="613"/>
      <c r="AZN692" s="613"/>
      <c r="AZO692" s="613"/>
      <c r="AZP692" s="613"/>
      <c r="AZQ692" s="613"/>
      <c r="AZR692" s="613"/>
      <c r="AZS692" s="613"/>
      <c r="AZT692" s="613"/>
      <c r="AZU692" s="613"/>
      <c r="AZV692" s="613"/>
      <c r="AZW692" s="613"/>
      <c r="AZX692" s="613"/>
      <c r="AZY692" s="613"/>
      <c r="AZZ692" s="613"/>
      <c r="BAA692" s="613"/>
      <c r="BAB692" s="613"/>
      <c r="BAC692" s="613"/>
      <c r="BAD692" s="613"/>
      <c r="BAE692" s="613"/>
      <c r="BAF692" s="613"/>
      <c r="BAG692" s="613"/>
      <c r="BAH692" s="613"/>
      <c r="BAI692" s="613"/>
      <c r="BAJ692" s="613"/>
      <c r="BAK692" s="613"/>
      <c r="BAL692" s="613"/>
      <c r="BAM692" s="613"/>
      <c r="BAN692" s="613"/>
      <c r="BAO692" s="613"/>
      <c r="BAP692" s="613"/>
      <c r="BAQ692" s="613"/>
      <c r="BAR692" s="613"/>
      <c r="BAS692" s="613"/>
      <c r="BAT692" s="613"/>
      <c r="BAU692" s="613"/>
      <c r="BAV692" s="613"/>
      <c r="BAW692" s="613"/>
      <c r="BAX692" s="613"/>
      <c r="BAY692" s="613"/>
      <c r="BAZ692" s="613"/>
      <c r="BBA692" s="613"/>
      <c r="BBB692" s="613"/>
      <c r="BBC692" s="613"/>
      <c r="BBD692" s="613"/>
      <c r="BBE692" s="613"/>
      <c r="BBF692" s="613"/>
      <c r="BBG692" s="613"/>
      <c r="BBH692" s="613"/>
      <c r="BBI692" s="613"/>
      <c r="BBJ692" s="613"/>
      <c r="BBK692" s="613"/>
      <c r="BBL692" s="613"/>
      <c r="BBM692" s="613"/>
      <c r="BBN692" s="613"/>
      <c r="BBO692" s="613"/>
      <c r="BBP692" s="613"/>
      <c r="BBQ692" s="613"/>
      <c r="BBR692" s="613"/>
      <c r="BBS692" s="613"/>
      <c r="BBT692" s="613"/>
      <c r="BBU692" s="613"/>
      <c r="BBV692" s="613"/>
      <c r="BBW692" s="613"/>
      <c r="BBX692" s="613"/>
      <c r="BBY692" s="613"/>
      <c r="BBZ692" s="613"/>
      <c r="BCA692" s="613"/>
      <c r="BCB692" s="613"/>
      <c r="BCC692" s="613"/>
      <c r="BCD692" s="613"/>
      <c r="BCE692" s="613"/>
      <c r="BCF692" s="613"/>
      <c r="BCG692" s="613"/>
      <c r="BCH692" s="613"/>
      <c r="BCI692" s="613"/>
      <c r="BCJ692" s="613"/>
      <c r="BCK692" s="613"/>
      <c r="BCL692" s="613"/>
      <c r="BCM692" s="613"/>
      <c r="BCN692" s="613"/>
      <c r="BCO692" s="613"/>
      <c r="BCP692" s="613"/>
      <c r="BCQ692" s="613"/>
      <c r="BCR692" s="613"/>
      <c r="BCS692" s="613"/>
      <c r="BCT692" s="613"/>
      <c r="BCU692" s="613"/>
      <c r="BCV692" s="613"/>
      <c r="BCW692" s="613"/>
      <c r="BCX692" s="613"/>
      <c r="BCY692" s="613"/>
      <c r="BCZ692" s="613"/>
      <c r="BDA692" s="613"/>
      <c r="BDB692" s="613"/>
      <c r="BDC692" s="613"/>
      <c r="BDD692" s="613"/>
      <c r="BDE692" s="613"/>
      <c r="BDF692" s="613"/>
      <c r="BDG692" s="613"/>
      <c r="BDH692" s="613"/>
      <c r="BDI692" s="613"/>
      <c r="BDJ692" s="613"/>
      <c r="BDK692" s="613"/>
      <c r="BDL692" s="613"/>
      <c r="BDM692" s="613"/>
      <c r="BDN692" s="613"/>
      <c r="BDO692" s="613"/>
      <c r="BDP692" s="613"/>
      <c r="BDQ692" s="613"/>
      <c r="BDR692" s="613"/>
      <c r="BDS692" s="613"/>
      <c r="BDT692" s="613"/>
      <c r="BDU692" s="613"/>
      <c r="BDV692" s="613"/>
      <c r="BDW692" s="613"/>
      <c r="BDX692" s="613"/>
      <c r="BDY692" s="613"/>
      <c r="BDZ692" s="613"/>
      <c r="BEA692" s="613"/>
      <c r="BEB692" s="613"/>
      <c r="BEC692" s="613"/>
      <c r="BED692" s="613"/>
      <c r="BEE692" s="613"/>
      <c r="BEF692" s="613"/>
      <c r="BEG692" s="613"/>
      <c r="BEH692" s="613"/>
      <c r="BEI692" s="613"/>
      <c r="BEJ692" s="613"/>
      <c r="BEK692" s="613"/>
      <c r="BEL692" s="613"/>
      <c r="BEM692" s="613"/>
      <c r="BEN692" s="613"/>
      <c r="BEO692" s="613"/>
      <c r="BEP692" s="613"/>
      <c r="BEQ692" s="613"/>
      <c r="BER692" s="613"/>
      <c r="BES692" s="613"/>
      <c r="BET692" s="613"/>
      <c r="BEU692" s="613"/>
      <c r="BEV692" s="613"/>
      <c r="BEW692" s="613"/>
      <c r="BEX692" s="613"/>
      <c r="BEY692" s="613"/>
      <c r="BEZ692" s="613"/>
      <c r="BFA692" s="613"/>
      <c r="BFB692" s="613"/>
      <c r="BFC692" s="613"/>
      <c r="BFD692" s="613"/>
      <c r="BFE692" s="613"/>
      <c r="BFF692" s="613"/>
      <c r="BFG692" s="613"/>
      <c r="BFH692" s="613"/>
      <c r="BFI692" s="613"/>
      <c r="BFJ692" s="613"/>
      <c r="BFK692" s="613"/>
      <c r="BFL692" s="613"/>
      <c r="BFM692" s="613"/>
      <c r="BFN692" s="613"/>
      <c r="BFO692" s="613"/>
      <c r="BFP692" s="613"/>
      <c r="BFQ692" s="613"/>
      <c r="BFR692" s="613"/>
      <c r="BFS692" s="613"/>
      <c r="BFT692" s="613"/>
      <c r="BFU692" s="613"/>
      <c r="BFV692" s="613"/>
      <c r="BFW692" s="613"/>
      <c r="BFX692" s="613"/>
      <c r="BFY692" s="613"/>
      <c r="BFZ692" s="613"/>
      <c r="BGA692" s="613"/>
      <c r="BGB692" s="613"/>
      <c r="BGC692" s="613"/>
      <c r="BGD692" s="613"/>
      <c r="BGE692" s="613"/>
      <c r="BGF692" s="613"/>
      <c r="BGG692" s="613"/>
      <c r="BGH692" s="613"/>
      <c r="BGI692" s="613"/>
      <c r="BGJ692" s="613"/>
      <c r="BGK692" s="613"/>
      <c r="BGL692" s="613"/>
      <c r="BGM692" s="613"/>
      <c r="BGN692" s="613"/>
      <c r="BGO692" s="613"/>
      <c r="BGP692" s="613"/>
      <c r="BGQ692" s="613"/>
      <c r="BGR692" s="613"/>
      <c r="BGS692" s="613"/>
      <c r="BGT692" s="613"/>
      <c r="BGU692" s="613"/>
      <c r="BGV692" s="613"/>
      <c r="BGW692" s="613"/>
      <c r="BGX692" s="613"/>
      <c r="BGY692" s="613"/>
      <c r="BGZ692" s="613"/>
      <c r="BHA692" s="613"/>
      <c r="BHB692" s="613"/>
      <c r="BHC692" s="613"/>
      <c r="BHD692" s="613"/>
      <c r="BHE692" s="613"/>
      <c r="BHF692" s="613"/>
      <c r="BHG692" s="613"/>
      <c r="BHH692" s="613"/>
      <c r="BHI692" s="613"/>
      <c r="BHJ692" s="613"/>
      <c r="BHK692" s="613"/>
      <c r="BHL692" s="613"/>
      <c r="BHM692" s="613"/>
      <c r="BHN692" s="613"/>
      <c r="BHO692" s="613"/>
      <c r="BHP692" s="613"/>
      <c r="BHQ692" s="613"/>
      <c r="BHR692" s="613"/>
      <c r="BHS692" s="613"/>
      <c r="BHT692" s="613"/>
      <c r="BHU692" s="613"/>
      <c r="BHV692" s="613"/>
      <c r="BHW692" s="613"/>
      <c r="BHX692" s="613"/>
      <c r="BHY692" s="613"/>
      <c r="BHZ692" s="613"/>
      <c r="BIA692" s="613"/>
      <c r="BIB692" s="613"/>
      <c r="BIC692" s="613"/>
      <c r="BID692" s="613"/>
      <c r="BIE692" s="613"/>
      <c r="BIF692" s="613"/>
      <c r="BIG692" s="613"/>
      <c r="BIH692" s="613"/>
      <c r="BII692" s="613"/>
      <c r="BIJ692" s="613"/>
      <c r="BIK692" s="613"/>
      <c r="BIL692" s="613"/>
      <c r="BIM692" s="613"/>
      <c r="BIN692" s="613"/>
      <c r="BIO692" s="613"/>
      <c r="BIP692" s="613"/>
      <c r="BIQ692" s="613"/>
      <c r="BIR692" s="613"/>
      <c r="BIS692" s="613"/>
      <c r="BIT692" s="613"/>
      <c r="BIU692" s="613"/>
      <c r="BIV692" s="613"/>
      <c r="BIW692" s="613"/>
      <c r="BIX692" s="613"/>
      <c r="BIY692" s="613"/>
      <c r="BIZ692" s="613"/>
      <c r="BJA692" s="613"/>
      <c r="BJB692" s="613"/>
      <c r="BJC692" s="613"/>
      <c r="BJD692" s="613"/>
      <c r="BJE692" s="613"/>
      <c r="BJF692" s="613"/>
      <c r="BJG692" s="613"/>
      <c r="BJH692" s="613"/>
      <c r="BJI692" s="613"/>
      <c r="BJJ692" s="613"/>
      <c r="BJK692" s="613"/>
      <c r="BJL692" s="613"/>
      <c r="BJM692" s="613"/>
      <c r="BJN692" s="613"/>
      <c r="BJO692" s="613"/>
      <c r="BJP692" s="613"/>
      <c r="BJQ692" s="613"/>
      <c r="BJR692" s="613"/>
      <c r="BJS692" s="613"/>
      <c r="BJT692" s="613"/>
      <c r="BJU692" s="613"/>
      <c r="BJV692" s="613"/>
      <c r="BJW692" s="613"/>
      <c r="BJX692" s="613"/>
      <c r="BJY692" s="613"/>
      <c r="BJZ692" s="613"/>
      <c r="BKA692" s="613"/>
      <c r="BKB692" s="613"/>
      <c r="BKC692" s="613"/>
      <c r="BKD692" s="613"/>
      <c r="BKE692" s="613"/>
      <c r="BKF692" s="613"/>
      <c r="BKG692" s="613"/>
      <c r="BKH692" s="613"/>
      <c r="BKI692" s="613"/>
      <c r="BKJ692" s="613"/>
      <c r="BKK692" s="613"/>
      <c r="BKL692" s="613"/>
      <c r="BKM692" s="613"/>
      <c r="BKN692" s="613"/>
      <c r="BKO692" s="613"/>
      <c r="BKP692" s="613"/>
      <c r="BKQ692" s="613"/>
      <c r="BKR692" s="613"/>
      <c r="BKS692" s="613"/>
      <c r="BKT692" s="613"/>
      <c r="BKU692" s="613"/>
      <c r="BKV692" s="613"/>
      <c r="BKW692" s="613"/>
      <c r="BKX692" s="613"/>
      <c r="BKY692" s="613"/>
      <c r="BKZ692" s="613"/>
      <c r="BLA692" s="613"/>
      <c r="BLB692" s="613"/>
      <c r="BLC692" s="613"/>
      <c r="BLD692" s="613"/>
      <c r="BLE692" s="613"/>
      <c r="BLF692" s="613"/>
      <c r="BLG692" s="613"/>
      <c r="BLH692" s="613"/>
      <c r="BLI692" s="613"/>
      <c r="BLJ692" s="613"/>
      <c r="BLK692" s="613"/>
      <c r="BLL692" s="613"/>
      <c r="BLM692" s="613"/>
      <c r="BLN692" s="613"/>
      <c r="BLO692" s="613"/>
      <c r="BLP692" s="613"/>
      <c r="BLQ692" s="613"/>
      <c r="BLR692" s="613"/>
      <c r="BLS692" s="613"/>
      <c r="BLT692" s="613"/>
      <c r="BLU692" s="613"/>
      <c r="BLV692" s="613"/>
      <c r="BLW692" s="613"/>
      <c r="BLX692" s="613"/>
      <c r="BLY692" s="613"/>
      <c r="BLZ692" s="613"/>
      <c r="BMA692" s="613"/>
      <c r="BMB692" s="613"/>
      <c r="BMC692" s="613"/>
      <c r="BMD692" s="613"/>
      <c r="BME692" s="613"/>
      <c r="BMF692" s="613"/>
      <c r="BMG692" s="613"/>
      <c r="BMH692" s="613"/>
      <c r="BMI692" s="613"/>
      <c r="BMJ692" s="613"/>
      <c r="BMK692" s="613"/>
      <c r="BML692" s="613"/>
      <c r="BMM692" s="613"/>
      <c r="BMN692" s="613"/>
      <c r="BMO692" s="613"/>
      <c r="BMP692" s="613"/>
      <c r="BMQ692" s="613"/>
      <c r="BMR692" s="613"/>
      <c r="BMS692" s="613"/>
      <c r="BMT692" s="613"/>
      <c r="BMU692" s="613"/>
      <c r="BMV692" s="613"/>
      <c r="BMW692" s="613"/>
      <c r="BMX692" s="613"/>
      <c r="BMY692" s="613"/>
      <c r="BMZ692" s="613"/>
      <c r="BNA692" s="613"/>
      <c r="BNB692" s="613"/>
      <c r="BNC692" s="613"/>
      <c r="BND692" s="613"/>
      <c r="BNE692" s="613"/>
      <c r="BNF692" s="613"/>
      <c r="BNG692" s="613"/>
      <c r="BNH692" s="613"/>
      <c r="BNI692" s="613"/>
      <c r="BNJ692" s="613"/>
      <c r="BNK692" s="613"/>
      <c r="BNL692" s="613"/>
      <c r="BNM692" s="613"/>
      <c r="BNN692" s="613"/>
      <c r="BNO692" s="613"/>
      <c r="BNP692" s="613"/>
      <c r="BNQ692" s="613"/>
      <c r="BNR692" s="613"/>
      <c r="BNS692" s="613"/>
      <c r="BNT692" s="613"/>
      <c r="BNU692" s="613"/>
      <c r="BNV692" s="613"/>
      <c r="BNW692" s="613"/>
      <c r="BNX692" s="613"/>
      <c r="BNY692" s="613"/>
      <c r="BNZ692" s="613"/>
      <c r="BOA692" s="613"/>
      <c r="BOB692" s="613"/>
      <c r="BOC692" s="613"/>
      <c r="BOD692" s="613"/>
      <c r="BOE692" s="613"/>
      <c r="BOF692" s="613"/>
      <c r="BOG692" s="613"/>
      <c r="BOH692" s="613"/>
      <c r="BOI692" s="613"/>
      <c r="BOJ692" s="613"/>
      <c r="BOK692" s="613"/>
      <c r="BOL692" s="613"/>
      <c r="BOM692" s="613"/>
      <c r="BON692" s="613"/>
      <c r="BOO692" s="613"/>
      <c r="BOP692" s="613"/>
      <c r="BOQ692" s="613"/>
      <c r="BOR692" s="613"/>
      <c r="BOS692" s="613"/>
      <c r="BOT692" s="613"/>
      <c r="BOU692" s="613"/>
      <c r="BOV692" s="613"/>
      <c r="BOW692" s="613"/>
      <c r="BOX692" s="613"/>
      <c r="BOY692" s="613"/>
      <c r="BOZ692" s="613"/>
      <c r="BPA692" s="613"/>
      <c r="BPB692" s="613"/>
      <c r="BPC692" s="613"/>
      <c r="BPD692" s="613"/>
      <c r="BPE692" s="613"/>
      <c r="BPF692" s="613"/>
      <c r="BPG692" s="613"/>
      <c r="BPH692" s="613"/>
      <c r="BPI692" s="613"/>
      <c r="BPJ692" s="613"/>
      <c r="BPK692" s="613"/>
      <c r="BPL692" s="613"/>
      <c r="BPM692" s="613"/>
      <c r="BPN692" s="613"/>
      <c r="BPO692" s="613"/>
      <c r="BPP692" s="613"/>
      <c r="BPQ692" s="613"/>
      <c r="BPR692" s="613"/>
      <c r="BPS692" s="613"/>
      <c r="BPT692" s="613"/>
      <c r="BPU692" s="613"/>
      <c r="BPV692" s="613"/>
      <c r="BPW692" s="613"/>
      <c r="BPX692" s="613"/>
      <c r="BPY692" s="613"/>
      <c r="BPZ692" s="613"/>
      <c r="BQA692" s="613"/>
      <c r="BQB692" s="613"/>
      <c r="BQC692" s="613"/>
      <c r="BQD692" s="613"/>
      <c r="BQE692" s="613"/>
      <c r="BQF692" s="613"/>
      <c r="BQG692" s="613"/>
      <c r="BQH692" s="613"/>
      <c r="BQI692" s="613"/>
      <c r="BQJ692" s="613"/>
      <c r="BQK692" s="613"/>
      <c r="BQL692" s="613"/>
      <c r="BQM692" s="613"/>
      <c r="BQN692" s="613"/>
      <c r="BQO692" s="613"/>
      <c r="BQP692" s="613"/>
      <c r="BQQ692" s="613"/>
      <c r="BQR692" s="613"/>
      <c r="BQS692" s="613"/>
      <c r="BQT692" s="613"/>
      <c r="BQU692" s="613"/>
      <c r="BQV692" s="613"/>
      <c r="BQW692" s="613"/>
      <c r="BQX692" s="613"/>
      <c r="BQY692" s="613"/>
      <c r="BQZ692" s="613"/>
      <c r="BRA692" s="613"/>
      <c r="BRB692" s="613"/>
      <c r="BRC692" s="613"/>
      <c r="BRD692" s="613"/>
      <c r="BRE692" s="613"/>
      <c r="BRF692" s="613"/>
      <c r="BRG692" s="613"/>
      <c r="BRH692" s="613"/>
      <c r="BRI692" s="613"/>
      <c r="BRJ692" s="613"/>
      <c r="BRK692" s="613"/>
      <c r="BRL692" s="613"/>
      <c r="BRM692" s="613"/>
      <c r="BRN692" s="613"/>
      <c r="BRO692" s="613"/>
      <c r="BRP692" s="613"/>
      <c r="BRQ692" s="613"/>
      <c r="BRR692" s="613"/>
      <c r="BRS692" s="613"/>
      <c r="BRT692" s="613"/>
      <c r="BRU692" s="613"/>
      <c r="BRV692" s="613"/>
      <c r="BRW692" s="613"/>
      <c r="BRX692" s="613"/>
      <c r="BRY692" s="613"/>
      <c r="BRZ692" s="613"/>
      <c r="BSA692" s="613"/>
      <c r="BSB692" s="613"/>
      <c r="BSC692" s="613"/>
      <c r="BSD692" s="613"/>
      <c r="BSE692" s="613"/>
      <c r="BSF692" s="613"/>
      <c r="BSG692" s="613"/>
      <c r="BSH692" s="613"/>
      <c r="BSI692" s="613"/>
      <c r="BSJ692" s="613"/>
      <c r="BSK692" s="613"/>
      <c r="BSL692" s="613"/>
      <c r="BSM692" s="613"/>
      <c r="BSN692" s="613"/>
      <c r="BSO692" s="613"/>
      <c r="BSP692" s="613"/>
      <c r="BSQ692" s="613"/>
      <c r="BSR692" s="613"/>
      <c r="BSS692" s="613"/>
      <c r="BST692" s="613"/>
      <c r="BSU692" s="613"/>
      <c r="BSV692" s="613"/>
      <c r="BSW692" s="613"/>
      <c r="BSX692" s="613"/>
      <c r="BSY692" s="613"/>
      <c r="BSZ692" s="613"/>
      <c r="BTA692" s="613"/>
      <c r="BTB692" s="613"/>
      <c r="BTC692" s="613"/>
      <c r="BTD692" s="613"/>
      <c r="BTE692" s="613"/>
      <c r="BTF692" s="613"/>
      <c r="BTG692" s="613"/>
      <c r="BTH692" s="613"/>
      <c r="BTI692" s="613"/>
      <c r="BTJ692" s="613"/>
      <c r="BTK692" s="613"/>
      <c r="BTL692" s="613"/>
      <c r="BTM692" s="613"/>
      <c r="BTN692" s="613"/>
      <c r="BTO692" s="613"/>
      <c r="BTP692" s="613"/>
      <c r="BTQ692" s="613"/>
      <c r="BTR692" s="613"/>
      <c r="BTS692" s="613"/>
      <c r="BTT692" s="613"/>
      <c r="BTU692" s="613"/>
      <c r="BTV692" s="613"/>
      <c r="BTW692" s="613"/>
      <c r="BTX692" s="613"/>
      <c r="BTY692" s="613"/>
      <c r="BTZ692" s="613"/>
      <c r="BUA692" s="613"/>
      <c r="BUB692" s="613"/>
      <c r="BUC692" s="613"/>
      <c r="BUD692" s="613"/>
      <c r="BUE692" s="613"/>
      <c r="BUF692" s="613"/>
      <c r="BUG692" s="613"/>
      <c r="BUH692" s="613"/>
      <c r="BUI692" s="613"/>
      <c r="BUJ692" s="613"/>
      <c r="BUK692" s="613"/>
      <c r="BUL692" s="613"/>
      <c r="BUM692" s="613"/>
      <c r="BUN692" s="613"/>
      <c r="BUO692" s="613"/>
      <c r="BUP692" s="613"/>
      <c r="BUQ692" s="613"/>
      <c r="BUR692" s="613"/>
      <c r="BUS692" s="613"/>
      <c r="BUT692" s="613"/>
      <c r="BUU692" s="613"/>
      <c r="BUV692" s="613"/>
      <c r="BUW692" s="613"/>
      <c r="BUX692" s="613"/>
      <c r="BUY692" s="613"/>
      <c r="BUZ692" s="613"/>
      <c r="BVA692" s="613"/>
      <c r="BVB692" s="613"/>
      <c r="BVC692" s="613"/>
      <c r="BVD692" s="613"/>
      <c r="BVE692" s="613"/>
      <c r="BVF692" s="613"/>
      <c r="BVG692" s="613"/>
      <c r="BVH692" s="613"/>
      <c r="BVI692" s="613"/>
      <c r="BVJ692" s="613"/>
      <c r="BVK692" s="613"/>
      <c r="BVL692" s="613"/>
      <c r="BVM692" s="613"/>
      <c r="BVN692" s="613"/>
      <c r="BVO692" s="613"/>
      <c r="BVP692" s="613"/>
      <c r="BVQ692" s="613"/>
      <c r="BVR692" s="613"/>
      <c r="BVS692" s="613"/>
      <c r="BVT692" s="613"/>
      <c r="BVU692" s="613"/>
      <c r="BVV692" s="613"/>
      <c r="BVW692" s="613"/>
      <c r="BVX692" s="613"/>
      <c r="BVY692" s="613"/>
      <c r="BVZ692" s="613"/>
      <c r="BWA692" s="613"/>
      <c r="BWB692" s="613"/>
      <c r="BWC692" s="613"/>
      <c r="BWD692" s="613"/>
      <c r="BWE692" s="613"/>
      <c r="BWF692" s="613"/>
      <c r="BWG692" s="613"/>
      <c r="BWH692" s="613"/>
      <c r="BWI692" s="613"/>
      <c r="BWJ692" s="613"/>
      <c r="BWK692" s="613"/>
      <c r="BWL692" s="613"/>
      <c r="BWM692" s="613"/>
      <c r="BWN692" s="613"/>
      <c r="BWO692" s="613"/>
      <c r="BWP692" s="613"/>
      <c r="BWQ692" s="613"/>
      <c r="BWR692" s="613"/>
      <c r="BWS692" s="613"/>
      <c r="BWT692" s="613"/>
      <c r="BWU692" s="613"/>
      <c r="BWV692" s="613"/>
      <c r="BWW692" s="613"/>
      <c r="BWX692" s="613"/>
      <c r="BWY692" s="613"/>
      <c r="BWZ692" s="613"/>
      <c r="BXA692" s="613"/>
      <c r="BXB692" s="613"/>
      <c r="BXC692" s="613"/>
      <c r="BXD692" s="613"/>
      <c r="BXE692" s="613"/>
      <c r="BXF692" s="613"/>
      <c r="BXG692" s="613"/>
      <c r="BXH692" s="613"/>
      <c r="BXI692" s="613"/>
      <c r="BXJ692" s="613"/>
      <c r="BXK692" s="613"/>
      <c r="BXL692" s="613"/>
      <c r="BXM692" s="613"/>
      <c r="BXN692" s="613"/>
      <c r="BXO692" s="613"/>
      <c r="BXP692" s="613"/>
      <c r="BXQ692" s="613"/>
      <c r="BXR692" s="613"/>
      <c r="BXS692" s="613"/>
      <c r="BXT692" s="613"/>
      <c r="BXU692" s="613"/>
      <c r="BXV692" s="613"/>
      <c r="BXW692" s="613"/>
      <c r="BXX692" s="613"/>
      <c r="BXY692" s="613"/>
      <c r="BXZ692" s="613"/>
      <c r="BYA692" s="613"/>
      <c r="BYB692" s="613"/>
      <c r="BYC692" s="613"/>
      <c r="BYD692" s="613"/>
      <c r="BYE692" s="613"/>
      <c r="BYF692" s="613"/>
      <c r="BYG692" s="613"/>
      <c r="BYH692" s="613"/>
      <c r="BYI692" s="613"/>
      <c r="BYJ692" s="613"/>
      <c r="BYK692" s="613"/>
      <c r="BYL692" s="613"/>
      <c r="BYM692" s="613"/>
      <c r="BYN692" s="613"/>
      <c r="BYO692" s="613"/>
      <c r="BYP692" s="613"/>
      <c r="BYQ692" s="613"/>
      <c r="BYR692" s="613"/>
      <c r="BYS692" s="613"/>
      <c r="BYT692" s="613"/>
      <c r="BYU692" s="613"/>
      <c r="BYV692" s="613"/>
      <c r="BYW692" s="613"/>
      <c r="BYX692" s="613"/>
      <c r="BYY692" s="613"/>
      <c r="BYZ692" s="613"/>
      <c r="BZA692" s="613"/>
      <c r="BZB692" s="613"/>
      <c r="BZC692" s="613"/>
      <c r="BZD692" s="613"/>
      <c r="BZE692" s="613"/>
      <c r="BZF692" s="613"/>
      <c r="BZG692" s="613"/>
      <c r="BZH692" s="613"/>
      <c r="BZI692" s="613"/>
      <c r="BZJ692" s="613"/>
      <c r="BZK692" s="613"/>
      <c r="BZL692" s="613"/>
      <c r="BZM692" s="613"/>
      <c r="BZN692" s="613"/>
      <c r="BZO692" s="613"/>
      <c r="BZP692" s="613"/>
      <c r="BZQ692" s="613"/>
      <c r="BZR692" s="613"/>
      <c r="BZS692" s="613"/>
      <c r="BZT692" s="613"/>
      <c r="BZU692" s="613"/>
      <c r="BZV692" s="613"/>
      <c r="BZW692" s="613"/>
      <c r="BZX692" s="613"/>
      <c r="BZY692" s="613"/>
      <c r="BZZ692" s="613"/>
      <c r="CAA692" s="613"/>
      <c r="CAB692" s="613"/>
      <c r="CAC692" s="613"/>
      <c r="CAD692" s="613"/>
      <c r="CAE692" s="613"/>
      <c r="CAF692" s="613"/>
      <c r="CAG692" s="613"/>
      <c r="CAH692" s="613"/>
      <c r="CAI692" s="613"/>
      <c r="CAJ692" s="613"/>
      <c r="CAK692" s="613"/>
      <c r="CAL692" s="613"/>
      <c r="CAM692" s="613"/>
      <c r="CAN692" s="613"/>
      <c r="CAO692" s="613"/>
      <c r="CAP692" s="613"/>
      <c r="CAQ692" s="613"/>
      <c r="CAR692" s="613"/>
      <c r="CAS692" s="613"/>
      <c r="CAT692" s="613"/>
      <c r="CAU692" s="613"/>
      <c r="CAV692" s="613"/>
      <c r="CAW692" s="613"/>
      <c r="CAX692" s="613"/>
      <c r="CAY692" s="613"/>
      <c r="CAZ692" s="613"/>
      <c r="CBA692" s="613"/>
      <c r="CBB692" s="613"/>
      <c r="CBC692" s="613"/>
      <c r="CBD692" s="613"/>
      <c r="CBE692" s="613"/>
      <c r="CBF692" s="613"/>
      <c r="CBG692" s="613"/>
      <c r="CBH692" s="613"/>
      <c r="CBI692" s="613"/>
      <c r="CBJ692" s="613"/>
      <c r="CBK692" s="613"/>
      <c r="CBL692" s="613"/>
      <c r="CBM692" s="613"/>
      <c r="CBN692" s="613"/>
      <c r="CBO692" s="613"/>
      <c r="CBP692" s="613"/>
      <c r="CBQ692" s="613"/>
      <c r="CBR692" s="613"/>
      <c r="CBS692" s="613"/>
      <c r="CBT692" s="613"/>
      <c r="CBU692" s="613"/>
      <c r="CBV692" s="613"/>
      <c r="CBW692" s="613"/>
      <c r="CBX692" s="613"/>
      <c r="CBY692" s="613"/>
      <c r="CBZ692" s="613"/>
      <c r="CCA692" s="613"/>
      <c r="CCB692" s="613"/>
      <c r="CCC692" s="613"/>
      <c r="CCD692" s="613"/>
      <c r="CCE692" s="613"/>
      <c r="CCF692" s="613"/>
      <c r="CCG692" s="613"/>
      <c r="CCH692" s="613"/>
      <c r="CCI692" s="613"/>
      <c r="CCJ692" s="613"/>
      <c r="CCK692" s="613"/>
      <c r="CCL692" s="613"/>
      <c r="CCM692" s="613"/>
      <c r="CCN692" s="613"/>
      <c r="CCO692" s="613"/>
      <c r="CCP692" s="613"/>
      <c r="CCQ692" s="613"/>
      <c r="CCR692" s="613"/>
      <c r="CCS692" s="613"/>
      <c r="CCT692" s="613"/>
      <c r="CCU692" s="613"/>
      <c r="CCV692" s="613"/>
      <c r="CCW692" s="613"/>
      <c r="CCX692" s="613"/>
      <c r="CCY692" s="613"/>
      <c r="CCZ692" s="613"/>
      <c r="CDA692" s="613"/>
      <c r="CDB692" s="613"/>
      <c r="CDC692" s="613"/>
      <c r="CDD692" s="613"/>
      <c r="CDE692" s="613"/>
      <c r="CDF692" s="613"/>
      <c r="CDG692" s="613"/>
      <c r="CDH692" s="613"/>
      <c r="CDI692" s="613"/>
      <c r="CDJ692" s="613"/>
      <c r="CDK692" s="613"/>
      <c r="CDL692" s="613"/>
      <c r="CDM692" s="613"/>
      <c r="CDN692" s="613"/>
      <c r="CDO692" s="613"/>
      <c r="CDP692" s="613"/>
      <c r="CDQ692" s="613"/>
      <c r="CDR692" s="613"/>
      <c r="CDS692" s="613"/>
      <c r="CDT692" s="613"/>
      <c r="CDU692" s="613"/>
      <c r="CDV692" s="613"/>
      <c r="CDW692" s="613"/>
      <c r="CDX692" s="613"/>
      <c r="CDY692" s="613"/>
      <c r="CDZ692" s="613"/>
      <c r="CEA692" s="613"/>
      <c r="CEB692" s="613"/>
      <c r="CEC692" s="613"/>
      <c r="CED692" s="613"/>
      <c r="CEE692" s="613"/>
      <c r="CEF692" s="613"/>
      <c r="CEG692" s="613"/>
      <c r="CEH692" s="613"/>
      <c r="CEI692" s="613"/>
      <c r="CEJ692" s="613"/>
      <c r="CEK692" s="613"/>
      <c r="CEL692" s="613"/>
      <c r="CEM692" s="613"/>
      <c r="CEN692" s="613"/>
      <c r="CEO692" s="613"/>
      <c r="CEP692" s="613"/>
      <c r="CEQ692" s="613"/>
      <c r="CER692" s="613"/>
      <c r="CES692" s="613"/>
      <c r="CET692" s="613"/>
      <c r="CEU692" s="613"/>
      <c r="CEV692" s="613"/>
      <c r="CEW692" s="613"/>
      <c r="CEX692" s="613"/>
      <c r="CEY692" s="613"/>
      <c r="CEZ692" s="613"/>
      <c r="CFA692" s="613"/>
      <c r="CFB692" s="613"/>
      <c r="CFC692" s="613"/>
      <c r="CFD692" s="613"/>
      <c r="CFE692" s="613"/>
      <c r="CFF692" s="613"/>
      <c r="CFG692" s="613"/>
      <c r="CFH692" s="613"/>
      <c r="CFI692" s="613"/>
      <c r="CFJ692" s="613"/>
      <c r="CFK692" s="613"/>
      <c r="CFL692" s="613"/>
      <c r="CFM692" s="613"/>
      <c r="CFN692" s="613"/>
      <c r="CFO692" s="613"/>
      <c r="CFP692" s="613"/>
      <c r="CFQ692" s="613"/>
      <c r="CFR692" s="613"/>
      <c r="CFS692" s="613"/>
      <c r="CFT692" s="613"/>
      <c r="CFU692" s="613"/>
      <c r="CFV692" s="613"/>
      <c r="CFW692" s="613"/>
      <c r="CFX692" s="613"/>
      <c r="CFY692" s="613"/>
      <c r="CFZ692" s="613"/>
      <c r="CGA692" s="613"/>
      <c r="CGB692" s="613"/>
      <c r="CGC692" s="613"/>
      <c r="CGD692" s="613"/>
      <c r="CGE692" s="613"/>
      <c r="CGF692" s="613"/>
      <c r="CGG692" s="613"/>
      <c r="CGH692" s="613"/>
      <c r="CGI692" s="613"/>
      <c r="CGJ692" s="613"/>
      <c r="CGK692" s="613"/>
      <c r="CGL692" s="613"/>
      <c r="CGM692" s="613"/>
      <c r="CGN692" s="613"/>
      <c r="CGO692" s="613"/>
      <c r="CGP692" s="613"/>
      <c r="CGQ692" s="613"/>
      <c r="CGR692" s="613"/>
      <c r="CGS692" s="613"/>
      <c r="CGT692" s="613"/>
      <c r="CGU692" s="613"/>
      <c r="CGV692" s="613"/>
      <c r="CGW692" s="613"/>
      <c r="CGX692" s="613"/>
      <c r="CGY692" s="613"/>
      <c r="CGZ692" s="613"/>
      <c r="CHA692" s="613"/>
      <c r="CHB692" s="613"/>
      <c r="CHC692" s="613"/>
      <c r="CHD692" s="613"/>
      <c r="CHE692" s="613"/>
      <c r="CHF692" s="613"/>
      <c r="CHG692" s="613"/>
      <c r="CHH692" s="613"/>
      <c r="CHI692" s="613"/>
      <c r="CHJ692" s="613"/>
      <c r="CHK692" s="613"/>
      <c r="CHL692" s="613"/>
      <c r="CHM692" s="613"/>
      <c r="CHN692" s="613"/>
      <c r="CHO692" s="613"/>
      <c r="CHP692" s="613"/>
      <c r="CHQ692" s="613"/>
      <c r="CHR692" s="613"/>
      <c r="CHS692" s="613"/>
      <c r="CHT692" s="613"/>
      <c r="CHU692" s="613"/>
      <c r="CHV692" s="613"/>
      <c r="CHW692" s="613"/>
      <c r="CHX692" s="613"/>
      <c r="CHY692" s="613"/>
      <c r="CHZ692" s="613"/>
      <c r="CIA692" s="613"/>
      <c r="CIB692" s="613"/>
      <c r="CIC692" s="613"/>
      <c r="CID692" s="613"/>
      <c r="CIE692" s="613"/>
      <c r="CIF692" s="613"/>
      <c r="CIG692" s="613"/>
      <c r="CIH692" s="613"/>
      <c r="CII692" s="613"/>
      <c r="CIJ692" s="613"/>
      <c r="CIK692" s="613"/>
      <c r="CIL692" s="613"/>
      <c r="CIM692" s="613"/>
      <c r="CIN692" s="613"/>
      <c r="CIO692" s="613"/>
      <c r="CIP692" s="613"/>
      <c r="CIQ692" s="613"/>
      <c r="CIR692" s="613"/>
      <c r="CIS692" s="613"/>
      <c r="CIT692" s="613"/>
      <c r="CIU692" s="613"/>
      <c r="CIV692" s="613"/>
      <c r="CIW692" s="613"/>
      <c r="CIX692" s="613"/>
      <c r="CIY692" s="613"/>
      <c r="CIZ692" s="613"/>
      <c r="CJA692" s="613"/>
      <c r="CJB692" s="613"/>
      <c r="CJC692" s="613"/>
      <c r="CJD692" s="613"/>
      <c r="CJE692" s="613"/>
      <c r="CJF692" s="613"/>
      <c r="CJG692" s="613"/>
      <c r="CJH692" s="613"/>
      <c r="CJI692" s="613"/>
      <c r="CJJ692" s="613"/>
      <c r="CJK692" s="613"/>
      <c r="CJL692" s="613"/>
      <c r="CJM692" s="613"/>
      <c r="CJN692" s="613"/>
      <c r="CJO692" s="613"/>
      <c r="CJP692" s="613"/>
      <c r="CJQ692" s="613"/>
      <c r="CJR692" s="613"/>
      <c r="CJS692" s="613"/>
      <c r="CJT692" s="613"/>
      <c r="CJU692" s="613"/>
      <c r="CJV692" s="613"/>
      <c r="CJW692" s="613"/>
      <c r="CJX692" s="613"/>
      <c r="CJY692" s="613"/>
      <c r="CJZ692" s="613"/>
      <c r="CKA692" s="613"/>
      <c r="CKB692" s="613"/>
      <c r="CKC692" s="613"/>
      <c r="CKD692" s="613"/>
      <c r="CKE692" s="613"/>
      <c r="CKF692" s="613"/>
      <c r="CKG692" s="613"/>
      <c r="CKH692" s="613"/>
      <c r="CKI692" s="613"/>
      <c r="CKJ692" s="613"/>
      <c r="CKK692" s="613"/>
      <c r="CKL692" s="613"/>
      <c r="CKM692" s="613"/>
      <c r="CKN692" s="613"/>
      <c r="CKO692" s="613"/>
      <c r="CKP692" s="613"/>
      <c r="CKQ692" s="613"/>
      <c r="CKR692" s="613"/>
      <c r="CKS692" s="613"/>
      <c r="CKT692" s="613"/>
      <c r="CKU692" s="613"/>
      <c r="CKV692" s="613"/>
      <c r="CKW692" s="613"/>
      <c r="CKX692" s="613"/>
      <c r="CKY692" s="613"/>
      <c r="CKZ692" s="613"/>
      <c r="CLA692" s="613"/>
      <c r="CLB692" s="613"/>
      <c r="CLC692" s="613"/>
      <c r="CLD692" s="613"/>
      <c r="CLE692" s="613"/>
      <c r="CLF692" s="613"/>
      <c r="CLG692" s="613"/>
      <c r="CLH692" s="613"/>
      <c r="CLI692" s="613"/>
      <c r="CLJ692" s="613"/>
      <c r="CLK692" s="613"/>
      <c r="CLL692" s="613"/>
      <c r="CLM692" s="613"/>
      <c r="CLN692" s="613"/>
      <c r="CLO692" s="613"/>
      <c r="CLP692" s="613"/>
      <c r="CLQ692" s="613"/>
      <c r="CLR692" s="613"/>
      <c r="CLS692" s="613"/>
      <c r="CLT692" s="613"/>
      <c r="CLU692" s="613"/>
      <c r="CLV692" s="613"/>
      <c r="CLW692" s="613"/>
      <c r="CLX692" s="613"/>
      <c r="CLY692" s="613"/>
      <c r="CLZ692" s="613"/>
      <c r="CMA692" s="613"/>
      <c r="CMB692" s="613"/>
      <c r="CMC692" s="613"/>
      <c r="CMD692" s="613"/>
      <c r="CME692" s="613"/>
      <c r="CMF692" s="613"/>
      <c r="CMG692" s="613"/>
      <c r="CMH692" s="613"/>
      <c r="CMI692" s="613"/>
      <c r="CMJ692" s="613"/>
      <c r="CMK692" s="613"/>
      <c r="CML692" s="613"/>
      <c r="CMM692" s="613"/>
      <c r="CMN692" s="613"/>
      <c r="CMO692" s="613"/>
      <c r="CMP692" s="613"/>
      <c r="CMQ692" s="613"/>
      <c r="CMR692" s="613"/>
      <c r="CMS692" s="613"/>
      <c r="CMT692" s="613"/>
      <c r="CMU692" s="613"/>
      <c r="CMV692" s="613"/>
      <c r="CMW692" s="613"/>
      <c r="CMX692" s="613"/>
      <c r="CMY692" s="613"/>
      <c r="CMZ692" s="613"/>
      <c r="CNA692" s="613"/>
      <c r="CNB692" s="613"/>
      <c r="CNC692" s="613"/>
      <c r="CND692" s="613"/>
      <c r="CNE692" s="613"/>
      <c r="CNF692" s="613"/>
      <c r="CNG692" s="613"/>
      <c r="CNH692" s="613"/>
      <c r="CNI692" s="613"/>
      <c r="CNJ692" s="613"/>
      <c r="CNK692" s="613"/>
      <c r="CNL692" s="613"/>
      <c r="CNM692" s="613"/>
      <c r="CNN692" s="613"/>
      <c r="CNO692" s="613"/>
      <c r="CNP692" s="613"/>
      <c r="CNQ692" s="613"/>
      <c r="CNR692" s="613"/>
      <c r="CNS692" s="613"/>
      <c r="CNT692" s="613"/>
      <c r="CNU692" s="613"/>
      <c r="CNV692" s="613"/>
      <c r="CNW692" s="613"/>
      <c r="CNX692" s="613"/>
      <c r="CNY692" s="613"/>
      <c r="CNZ692" s="613"/>
      <c r="COA692" s="613"/>
      <c r="COB692" s="613"/>
      <c r="COC692" s="613"/>
      <c r="COD692" s="613"/>
      <c r="COE692" s="613"/>
      <c r="COF692" s="613"/>
      <c r="COG692" s="613"/>
      <c r="COH692" s="613"/>
      <c r="COI692" s="613"/>
      <c r="COJ692" s="613"/>
      <c r="COK692" s="613"/>
      <c r="COL692" s="613"/>
      <c r="COM692" s="613"/>
      <c r="CON692" s="613"/>
      <c r="COO692" s="613"/>
      <c r="COP692" s="613"/>
      <c r="COQ692" s="613"/>
      <c r="COR692" s="613"/>
      <c r="COS692" s="613"/>
      <c r="COT692" s="613"/>
      <c r="COU692" s="613"/>
      <c r="COV692" s="613"/>
      <c r="COW692" s="613"/>
      <c r="COX692" s="613"/>
      <c r="COY692" s="613"/>
      <c r="COZ692" s="613"/>
      <c r="CPA692" s="613"/>
      <c r="CPB692" s="613"/>
      <c r="CPC692" s="613"/>
      <c r="CPD692" s="613"/>
      <c r="CPE692" s="613"/>
      <c r="CPF692" s="613"/>
      <c r="CPG692" s="613"/>
      <c r="CPH692" s="613"/>
      <c r="CPI692" s="613"/>
      <c r="CPJ692" s="613"/>
      <c r="CPK692" s="613"/>
      <c r="CPL692" s="613"/>
      <c r="CPM692" s="613"/>
      <c r="CPN692" s="613"/>
      <c r="CPO692" s="613"/>
      <c r="CPP692" s="613"/>
      <c r="CPQ692" s="613"/>
      <c r="CPR692" s="613"/>
      <c r="CPS692" s="613"/>
      <c r="CPT692" s="613"/>
      <c r="CPU692" s="613"/>
      <c r="CPV692" s="613"/>
      <c r="CPW692" s="613"/>
      <c r="CPX692" s="613"/>
      <c r="CPY692" s="613"/>
      <c r="CPZ692" s="613"/>
      <c r="CQA692" s="613"/>
      <c r="CQB692" s="613"/>
      <c r="CQC692" s="613"/>
      <c r="CQD692" s="613"/>
      <c r="CQE692" s="613"/>
      <c r="CQF692" s="613"/>
      <c r="CQG692" s="613"/>
      <c r="CQH692" s="613"/>
      <c r="CQI692" s="613"/>
      <c r="CQJ692" s="613"/>
      <c r="CQK692" s="613"/>
      <c r="CQL692" s="613"/>
      <c r="CQM692" s="613"/>
      <c r="CQN692" s="613"/>
      <c r="CQO692" s="613"/>
      <c r="CQP692" s="613"/>
      <c r="CQQ692" s="613"/>
      <c r="CQR692" s="613"/>
      <c r="CQS692" s="613"/>
      <c r="CQT692" s="613"/>
      <c r="CQU692" s="613"/>
      <c r="CQV692" s="613"/>
      <c r="CQW692" s="613"/>
      <c r="CQX692" s="613"/>
      <c r="CQY692" s="613"/>
      <c r="CQZ692" s="613"/>
      <c r="CRA692" s="613"/>
      <c r="CRB692" s="613"/>
      <c r="CRC692" s="613"/>
      <c r="CRD692" s="613"/>
      <c r="CRE692" s="613"/>
      <c r="CRF692" s="613"/>
      <c r="CRG692" s="613"/>
      <c r="CRH692" s="613"/>
      <c r="CRI692" s="613"/>
      <c r="CRJ692" s="613"/>
      <c r="CRK692" s="613"/>
      <c r="CRL692" s="613"/>
      <c r="CRM692" s="613"/>
      <c r="CRN692" s="613"/>
      <c r="CRO692" s="613"/>
      <c r="CRP692" s="613"/>
      <c r="CRQ692" s="613"/>
      <c r="CRR692" s="613"/>
      <c r="CRS692" s="613"/>
      <c r="CRT692" s="613"/>
      <c r="CRU692" s="613"/>
      <c r="CRV692" s="613"/>
      <c r="CRW692" s="613"/>
      <c r="CRX692" s="613"/>
      <c r="CRY692" s="613"/>
      <c r="CRZ692" s="613"/>
      <c r="CSA692" s="613"/>
      <c r="CSB692" s="613"/>
      <c r="CSC692" s="613"/>
      <c r="CSD692" s="613"/>
      <c r="CSE692" s="613"/>
      <c r="CSF692" s="613"/>
      <c r="CSG692" s="613"/>
      <c r="CSH692" s="613"/>
      <c r="CSI692" s="613"/>
      <c r="CSJ692" s="613"/>
      <c r="CSK692" s="613"/>
      <c r="CSL692" s="613"/>
      <c r="CSM692" s="613"/>
      <c r="CSN692" s="613"/>
      <c r="CSO692" s="613"/>
      <c r="CSP692" s="613"/>
      <c r="CSQ692" s="613"/>
      <c r="CSR692" s="613"/>
      <c r="CSS692" s="613"/>
      <c r="CST692" s="613"/>
      <c r="CSU692" s="613"/>
      <c r="CSV692" s="613"/>
      <c r="CSW692" s="613"/>
      <c r="CSX692" s="613"/>
      <c r="CSY692" s="613"/>
      <c r="CSZ692" s="613"/>
      <c r="CTA692" s="613"/>
      <c r="CTB692" s="613"/>
      <c r="CTC692" s="613"/>
      <c r="CTD692" s="613"/>
      <c r="CTE692" s="613"/>
      <c r="CTF692" s="613"/>
      <c r="CTG692" s="613"/>
      <c r="CTH692" s="613"/>
      <c r="CTI692" s="613"/>
      <c r="CTJ692" s="613"/>
      <c r="CTK692" s="613"/>
      <c r="CTL692" s="613"/>
      <c r="CTM692" s="613"/>
      <c r="CTN692" s="613"/>
      <c r="CTO692" s="613"/>
      <c r="CTP692" s="613"/>
      <c r="CTQ692" s="613"/>
      <c r="CTR692" s="613"/>
      <c r="CTS692" s="613"/>
      <c r="CTT692" s="613"/>
      <c r="CTU692" s="613"/>
      <c r="CTV692" s="613"/>
      <c r="CTW692" s="613"/>
      <c r="CTX692" s="613"/>
      <c r="CTY692" s="613"/>
      <c r="CTZ692" s="613"/>
      <c r="CUA692" s="613"/>
      <c r="CUB692" s="613"/>
      <c r="CUC692" s="613"/>
      <c r="CUD692" s="613"/>
      <c r="CUE692" s="613"/>
      <c r="CUF692" s="613"/>
      <c r="CUG692" s="613"/>
      <c r="CUH692" s="613"/>
      <c r="CUI692" s="613"/>
      <c r="CUJ692" s="613"/>
      <c r="CUK692" s="613"/>
      <c r="CUL692" s="613"/>
      <c r="CUM692" s="613"/>
      <c r="CUN692" s="613"/>
      <c r="CUO692" s="613"/>
      <c r="CUP692" s="613"/>
      <c r="CUQ692" s="613"/>
      <c r="CUR692" s="613"/>
      <c r="CUS692" s="613"/>
      <c r="CUT692" s="613"/>
      <c r="CUU692" s="613"/>
      <c r="CUV692" s="613"/>
      <c r="CUW692" s="613"/>
      <c r="CUX692" s="613"/>
      <c r="CUY692" s="613"/>
      <c r="CUZ692" s="613"/>
      <c r="CVA692" s="613"/>
      <c r="CVB692" s="613"/>
      <c r="CVC692" s="613"/>
      <c r="CVD692" s="613"/>
      <c r="CVE692" s="613"/>
      <c r="CVF692" s="613"/>
      <c r="CVG692" s="613"/>
      <c r="CVH692" s="613"/>
      <c r="CVI692" s="613"/>
      <c r="CVJ692" s="613"/>
      <c r="CVK692" s="613"/>
      <c r="CVL692" s="613"/>
      <c r="CVM692" s="613"/>
      <c r="CVN692" s="613"/>
      <c r="CVO692" s="613"/>
      <c r="CVP692" s="613"/>
      <c r="CVQ692" s="613"/>
      <c r="CVR692" s="613"/>
      <c r="CVS692" s="613"/>
      <c r="CVT692" s="613"/>
      <c r="CVU692" s="613"/>
      <c r="CVV692" s="613"/>
      <c r="CVW692" s="613"/>
      <c r="CVX692" s="613"/>
      <c r="CVY692" s="613"/>
      <c r="CVZ692" s="613"/>
      <c r="CWA692" s="613"/>
      <c r="CWB692" s="613"/>
      <c r="CWC692" s="613"/>
      <c r="CWD692" s="613"/>
      <c r="CWE692" s="613"/>
      <c r="CWF692" s="613"/>
      <c r="CWG692" s="613"/>
      <c r="CWH692" s="613"/>
      <c r="CWI692" s="613"/>
      <c r="CWJ692" s="613"/>
      <c r="CWK692" s="613"/>
      <c r="CWL692" s="613"/>
      <c r="CWM692" s="613"/>
      <c r="CWN692" s="613"/>
      <c r="CWO692" s="613"/>
      <c r="CWP692" s="613"/>
      <c r="CWQ692" s="613"/>
      <c r="CWR692" s="613"/>
      <c r="CWS692" s="613"/>
      <c r="CWT692" s="613"/>
      <c r="CWU692" s="613"/>
      <c r="CWV692" s="613"/>
      <c r="CWW692" s="613"/>
      <c r="CWX692" s="613"/>
      <c r="CWY692" s="613"/>
      <c r="CWZ692" s="613"/>
      <c r="CXA692" s="613"/>
      <c r="CXB692" s="613"/>
      <c r="CXC692" s="613"/>
      <c r="CXD692" s="613"/>
      <c r="CXE692" s="613"/>
      <c r="CXF692" s="613"/>
      <c r="CXG692" s="613"/>
      <c r="CXH692" s="613"/>
      <c r="CXI692" s="613"/>
      <c r="CXJ692" s="613"/>
      <c r="CXK692" s="613"/>
      <c r="CXL692" s="613"/>
      <c r="CXM692" s="613"/>
      <c r="CXN692" s="613"/>
      <c r="CXO692" s="613"/>
      <c r="CXP692" s="613"/>
      <c r="CXQ692" s="613"/>
      <c r="CXR692" s="613"/>
      <c r="CXS692" s="613"/>
      <c r="CXT692" s="613"/>
      <c r="CXU692" s="613"/>
      <c r="CXV692" s="613"/>
      <c r="CXW692" s="613"/>
      <c r="CXX692" s="613"/>
      <c r="CXY692" s="613"/>
      <c r="CXZ692" s="613"/>
      <c r="CYA692" s="613"/>
      <c r="CYB692" s="613"/>
      <c r="CYC692" s="613"/>
      <c r="CYD692" s="613"/>
      <c r="CYE692" s="613"/>
      <c r="CYF692" s="613"/>
      <c r="CYG692" s="613"/>
      <c r="CYH692" s="613"/>
      <c r="CYI692" s="613"/>
      <c r="CYJ692" s="613"/>
      <c r="CYK692" s="613"/>
      <c r="CYL692" s="613"/>
      <c r="CYM692" s="613"/>
      <c r="CYN692" s="613"/>
      <c r="CYO692" s="613"/>
      <c r="CYP692" s="613"/>
      <c r="CYQ692" s="613"/>
      <c r="CYR692" s="613"/>
      <c r="CYS692" s="613"/>
      <c r="CYT692" s="613"/>
      <c r="CYU692" s="613"/>
      <c r="CYV692" s="613"/>
      <c r="CYW692" s="613"/>
      <c r="CYX692" s="613"/>
      <c r="CYY692" s="613"/>
      <c r="CYZ692" s="613"/>
      <c r="CZA692" s="613"/>
      <c r="CZB692" s="613"/>
      <c r="CZC692" s="613"/>
      <c r="CZD692" s="613"/>
      <c r="CZE692" s="613"/>
      <c r="CZF692" s="613"/>
      <c r="CZG692" s="613"/>
      <c r="CZH692" s="613"/>
      <c r="CZI692" s="613"/>
      <c r="CZJ692" s="613"/>
      <c r="CZK692" s="613"/>
      <c r="CZL692" s="613"/>
      <c r="CZM692" s="613"/>
      <c r="CZN692" s="613"/>
      <c r="CZO692" s="613"/>
      <c r="CZP692" s="613"/>
      <c r="CZQ692" s="613"/>
      <c r="CZR692" s="613"/>
      <c r="CZS692" s="613"/>
      <c r="CZT692" s="613"/>
      <c r="CZU692" s="613"/>
      <c r="CZV692" s="613"/>
      <c r="CZW692" s="613"/>
      <c r="CZX692" s="613"/>
      <c r="CZY692" s="613"/>
      <c r="CZZ692" s="613"/>
      <c r="DAA692" s="613"/>
      <c r="DAB692" s="613"/>
      <c r="DAC692" s="613"/>
      <c r="DAD692" s="613"/>
      <c r="DAE692" s="613"/>
      <c r="DAF692" s="613"/>
      <c r="DAG692" s="613"/>
      <c r="DAH692" s="613"/>
      <c r="DAI692" s="613"/>
      <c r="DAJ692" s="613"/>
      <c r="DAK692" s="613"/>
      <c r="DAL692" s="613"/>
      <c r="DAM692" s="613"/>
      <c r="DAN692" s="613"/>
      <c r="DAO692" s="613"/>
      <c r="DAP692" s="613"/>
      <c r="DAQ692" s="613"/>
      <c r="DAR692" s="613"/>
      <c r="DAS692" s="613"/>
      <c r="DAT692" s="613"/>
      <c r="DAU692" s="613"/>
      <c r="DAV692" s="613"/>
      <c r="DAW692" s="613"/>
      <c r="DAX692" s="613"/>
      <c r="DAY692" s="613"/>
      <c r="DAZ692" s="613"/>
      <c r="DBA692" s="613"/>
      <c r="DBB692" s="613"/>
      <c r="DBC692" s="613"/>
      <c r="DBD692" s="613"/>
      <c r="DBE692" s="613"/>
      <c r="DBF692" s="613"/>
      <c r="DBG692" s="613"/>
      <c r="DBH692" s="613"/>
      <c r="DBI692" s="613"/>
      <c r="DBJ692" s="613"/>
      <c r="DBK692" s="613"/>
      <c r="DBL692" s="613"/>
      <c r="DBM692" s="613"/>
      <c r="DBN692" s="613"/>
      <c r="DBO692" s="613"/>
      <c r="DBP692" s="613"/>
      <c r="DBQ692" s="613"/>
      <c r="DBR692" s="613"/>
      <c r="DBS692" s="613"/>
      <c r="DBT692" s="613"/>
      <c r="DBU692" s="613"/>
      <c r="DBV692" s="613"/>
      <c r="DBW692" s="613"/>
      <c r="DBX692" s="613"/>
      <c r="DBY692" s="613"/>
      <c r="DBZ692" s="613"/>
      <c r="DCA692" s="613"/>
      <c r="DCB692" s="613"/>
      <c r="DCC692" s="613"/>
      <c r="DCD692" s="613"/>
      <c r="DCE692" s="613"/>
      <c r="DCF692" s="613"/>
      <c r="DCG692" s="613"/>
      <c r="DCH692" s="613"/>
      <c r="DCI692" s="613"/>
      <c r="DCJ692" s="613"/>
      <c r="DCK692" s="613"/>
      <c r="DCL692" s="613"/>
      <c r="DCM692" s="613"/>
      <c r="DCN692" s="613"/>
      <c r="DCO692" s="613"/>
      <c r="DCP692" s="613"/>
      <c r="DCQ692" s="613"/>
      <c r="DCR692" s="613"/>
      <c r="DCS692" s="613"/>
      <c r="DCT692" s="613"/>
      <c r="DCU692" s="613"/>
      <c r="DCV692" s="613"/>
      <c r="DCW692" s="613"/>
      <c r="DCX692" s="613"/>
      <c r="DCY692" s="613"/>
      <c r="DCZ692" s="613"/>
      <c r="DDA692" s="613"/>
      <c r="DDB692" s="613"/>
      <c r="DDC692" s="613"/>
      <c r="DDD692" s="613"/>
      <c r="DDE692" s="613"/>
      <c r="DDF692" s="613"/>
      <c r="DDG692" s="613"/>
      <c r="DDH692" s="613"/>
      <c r="DDI692" s="613"/>
      <c r="DDJ692" s="613"/>
      <c r="DDK692" s="613"/>
      <c r="DDL692" s="613"/>
      <c r="DDM692" s="613"/>
      <c r="DDN692" s="613"/>
      <c r="DDO692" s="613"/>
      <c r="DDP692" s="613"/>
      <c r="DDQ692" s="613"/>
      <c r="DDR692" s="613"/>
      <c r="DDS692" s="613"/>
      <c r="DDT692" s="613"/>
      <c r="DDU692" s="613"/>
      <c r="DDV692" s="613"/>
      <c r="DDW692" s="613"/>
      <c r="DDX692" s="613"/>
      <c r="DDY692" s="613"/>
      <c r="DDZ692" s="613"/>
      <c r="DEA692" s="613"/>
      <c r="DEB692" s="613"/>
      <c r="DEC692" s="613"/>
      <c r="DED692" s="613"/>
      <c r="DEE692" s="613"/>
      <c r="DEF692" s="613"/>
      <c r="DEG692" s="613"/>
      <c r="DEH692" s="613"/>
      <c r="DEI692" s="613"/>
      <c r="DEJ692" s="613"/>
      <c r="DEK692" s="613"/>
      <c r="DEL692" s="613"/>
      <c r="DEM692" s="613"/>
      <c r="DEN692" s="613"/>
      <c r="DEO692" s="613"/>
      <c r="DEP692" s="613"/>
      <c r="DEQ692" s="613"/>
      <c r="DER692" s="613"/>
      <c r="DES692" s="613"/>
      <c r="DET692" s="613"/>
      <c r="DEU692" s="613"/>
      <c r="DEV692" s="613"/>
      <c r="DEW692" s="613"/>
      <c r="DEX692" s="613"/>
      <c r="DEY692" s="613"/>
      <c r="DEZ692" s="613"/>
      <c r="DFA692" s="613"/>
      <c r="DFB692" s="613"/>
      <c r="DFC692" s="613"/>
      <c r="DFD692" s="613"/>
      <c r="DFE692" s="613"/>
      <c r="DFF692" s="613"/>
      <c r="DFG692" s="613"/>
      <c r="DFH692" s="613"/>
      <c r="DFI692" s="613"/>
      <c r="DFJ692" s="613"/>
      <c r="DFK692" s="613"/>
      <c r="DFL692" s="613"/>
      <c r="DFM692" s="613"/>
      <c r="DFN692" s="613"/>
      <c r="DFO692" s="613"/>
      <c r="DFP692" s="613"/>
      <c r="DFQ692" s="613"/>
      <c r="DFR692" s="613"/>
      <c r="DFS692" s="613"/>
      <c r="DFT692" s="613"/>
      <c r="DFU692" s="613"/>
      <c r="DFV692" s="613"/>
      <c r="DFW692" s="613"/>
      <c r="DFX692" s="613"/>
      <c r="DFY692" s="613"/>
      <c r="DFZ692" s="613"/>
      <c r="DGA692" s="613"/>
      <c r="DGB692" s="613"/>
      <c r="DGC692" s="613"/>
      <c r="DGD692" s="613"/>
      <c r="DGE692" s="613"/>
      <c r="DGF692" s="613"/>
      <c r="DGG692" s="613"/>
      <c r="DGH692" s="613"/>
      <c r="DGI692" s="613"/>
      <c r="DGJ692" s="613"/>
      <c r="DGK692" s="613"/>
      <c r="DGL692" s="613"/>
      <c r="DGM692" s="613"/>
      <c r="DGN692" s="613"/>
      <c r="DGO692" s="613"/>
      <c r="DGP692" s="613"/>
      <c r="DGQ692" s="613"/>
      <c r="DGR692" s="613"/>
      <c r="DGS692" s="613"/>
      <c r="DGT692" s="613"/>
      <c r="DGU692" s="613"/>
      <c r="DGV692" s="613"/>
      <c r="DGW692" s="613"/>
      <c r="DGX692" s="613"/>
      <c r="DGY692" s="613"/>
      <c r="DGZ692" s="613"/>
      <c r="DHA692" s="613"/>
      <c r="DHB692" s="613"/>
      <c r="DHC692" s="613"/>
      <c r="DHD692" s="613"/>
      <c r="DHE692" s="613"/>
      <c r="DHF692" s="613"/>
      <c r="DHG692" s="613"/>
      <c r="DHH692" s="613"/>
      <c r="DHI692" s="613"/>
      <c r="DHJ692" s="613"/>
      <c r="DHK692" s="613"/>
      <c r="DHL692" s="613"/>
      <c r="DHM692" s="613"/>
      <c r="DHN692" s="613"/>
      <c r="DHO692" s="613"/>
      <c r="DHP692" s="613"/>
      <c r="DHQ692" s="613"/>
      <c r="DHR692" s="613"/>
      <c r="DHS692" s="613"/>
      <c r="DHT692" s="613"/>
      <c r="DHU692" s="613"/>
      <c r="DHV692" s="613"/>
      <c r="DHW692" s="613"/>
      <c r="DHX692" s="613"/>
      <c r="DHY692" s="613"/>
      <c r="DHZ692" s="613"/>
      <c r="DIA692" s="613"/>
      <c r="DIB692" s="613"/>
      <c r="DIC692" s="613"/>
      <c r="DID692" s="613"/>
      <c r="DIE692" s="613"/>
      <c r="DIF692" s="613"/>
      <c r="DIG692" s="613"/>
      <c r="DIH692" s="613"/>
      <c r="DII692" s="613"/>
      <c r="DIJ692" s="613"/>
      <c r="DIK692" s="613"/>
      <c r="DIL692" s="613"/>
      <c r="DIM692" s="613"/>
      <c r="DIN692" s="613"/>
      <c r="DIO692" s="613"/>
      <c r="DIP692" s="613"/>
      <c r="DIQ692" s="613"/>
      <c r="DIR692" s="613"/>
      <c r="DIS692" s="613"/>
      <c r="DIT692" s="613"/>
      <c r="DIU692" s="613"/>
      <c r="DIV692" s="613"/>
      <c r="DIW692" s="613"/>
      <c r="DIX692" s="613"/>
      <c r="DIY692" s="613"/>
      <c r="DIZ692" s="613"/>
      <c r="DJA692" s="613"/>
      <c r="DJB692" s="613"/>
      <c r="DJC692" s="613"/>
      <c r="DJD692" s="613"/>
      <c r="DJE692" s="613"/>
      <c r="DJF692" s="613"/>
      <c r="DJG692" s="613"/>
      <c r="DJH692" s="613"/>
      <c r="DJI692" s="613"/>
      <c r="DJJ692" s="613"/>
      <c r="DJK692" s="613"/>
      <c r="DJL692" s="613"/>
      <c r="DJM692" s="613"/>
      <c r="DJN692" s="613"/>
      <c r="DJO692" s="613"/>
      <c r="DJP692" s="613"/>
      <c r="DJQ692" s="613"/>
      <c r="DJR692" s="613"/>
      <c r="DJS692" s="613"/>
      <c r="DJT692" s="613"/>
      <c r="DJU692" s="613"/>
      <c r="DJV692" s="613"/>
      <c r="DJW692" s="613"/>
      <c r="DJX692" s="613"/>
      <c r="DJY692" s="613"/>
      <c r="DJZ692" s="613"/>
      <c r="DKA692" s="613"/>
      <c r="DKB692" s="613"/>
      <c r="DKC692" s="613"/>
      <c r="DKD692" s="613"/>
      <c r="DKE692" s="613"/>
      <c r="DKF692" s="613"/>
      <c r="DKG692" s="613"/>
      <c r="DKH692" s="613"/>
      <c r="DKI692" s="613"/>
      <c r="DKJ692" s="613"/>
      <c r="DKK692" s="613"/>
      <c r="DKL692" s="613"/>
      <c r="DKM692" s="613"/>
      <c r="DKN692" s="613"/>
      <c r="DKO692" s="613"/>
      <c r="DKP692" s="613"/>
      <c r="DKQ692" s="613"/>
      <c r="DKR692" s="613"/>
      <c r="DKS692" s="613"/>
      <c r="DKT692" s="613"/>
      <c r="DKU692" s="613"/>
      <c r="DKV692" s="613"/>
      <c r="DKW692" s="613"/>
      <c r="DKX692" s="613"/>
      <c r="DKY692" s="613"/>
      <c r="DKZ692" s="613"/>
      <c r="DLA692" s="613"/>
      <c r="DLB692" s="613"/>
      <c r="DLC692" s="613"/>
      <c r="DLD692" s="613"/>
      <c r="DLE692" s="613"/>
      <c r="DLF692" s="613"/>
      <c r="DLG692" s="613"/>
      <c r="DLH692" s="613"/>
      <c r="DLI692" s="613"/>
      <c r="DLJ692" s="613"/>
      <c r="DLK692" s="613"/>
      <c r="DLL692" s="613"/>
      <c r="DLM692" s="613"/>
      <c r="DLN692" s="613"/>
      <c r="DLO692" s="613"/>
      <c r="DLP692" s="613"/>
      <c r="DLQ692" s="613"/>
      <c r="DLR692" s="613"/>
      <c r="DLS692" s="613"/>
      <c r="DLT692" s="613"/>
      <c r="DLU692" s="613"/>
      <c r="DLV692" s="613"/>
      <c r="DLW692" s="613"/>
      <c r="DLX692" s="613"/>
      <c r="DLY692" s="613"/>
      <c r="DLZ692" s="613"/>
      <c r="DMA692" s="613"/>
      <c r="DMB692" s="613"/>
      <c r="DMC692" s="613"/>
      <c r="DMD692" s="613"/>
      <c r="DME692" s="613"/>
      <c r="DMF692" s="613"/>
      <c r="DMG692" s="613"/>
      <c r="DMH692" s="613"/>
      <c r="DMI692" s="613"/>
      <c r="DMJ692" s="613"/>
      <c r="DMK692" s="613"/>
      <c r="DML692" s="613"/>
      <c r="DMM692" s="613"/>
      <c r="DMN692" s="613"/>
      <c r="DMO692" s="613"/>
      <c r="DMP692" s="613"/>
      <c r="DMQ692" s="613"/>
      <c r="DMR692" s="613"/>
      <c r="DMS692" s="613"/>
      <c r="DMT692" s="613"/>
      <c r="DMU692" s="613"/>
      <c r="DMV692" s="613"/>
      <c r="DMW692" s="613"/>
      <c r="DMX692" s="613"/>
      <c r="DMY692" s="613"/>
      <c r="DMZ692" s="613"/>
      <c r="DNA692" s="613"/>
      <c r="DNB692" s="613"/>
      <c r="DNC692" s="613"/>
      <c r="DND692" s="613"/>
      <c r="DNE692" s="613"/>
      <c r="DNF692" s="613"/>
      <c r="DNG692" s="613"/>
      <c r="DNH692" s="613"/>
      <c r="DNI692" s="613"/>
      <c r="DNJ692" s="613"/>
      <c r="DNK692" s="613"/>
      <c r="DNL692" s="613"/>
      <c r="DNM692" s="613"/>
      <c r="DNN692" s="613"/>
      <c r="DNO692" s="613"/>
      <c r="DNP692" s="613"/>
      <c r="DNQ692" s="613"/>
      <c r="DNR692" s="613"/>
      <c r="DNS692" s="613"/>
      <c r="DNT692" s="613"/>
      <c r="DNU692" s="613"/>
      <c r="DNV692" s="613"/>
      <c r="DNW692" s="613"/>
      <c r="DNX692" s="613"/>
      <c r="DNY692" s="613"/>
      <c r="DNZ692" s="613"/>
      <c r="DOA692" s="613"/>
      <c r="DOB692" s="613"/>
      <c r="DOC692" s="613"/>
      <c r="DOD692" s="613"/>
      <c r="DOE692" s="613"/>
      <c r="DOF692" s="613"/>
      <c r="DOG692" s="613"/>
      <c r="DOH692" s="613"/>
      <c r="DOI692" s="613"/>
      <c r="DOJ692" s="613"/>
      <c r="DOK692" s="613"/>
      <c r="DOL692" s="613"/>
      <c r="DOM692" s="613"/>
      <c r="DON692" s="613"/>
      <c r="DOO692" s="613"/>
      <c r="DOP692" s="613"/>
      <c r="DOQ692" s="613"/>
      <c r="DOR692" s="613"/>
      <c r="DOS692" s="613"/>
      <c r="DOT692" s="613"/>
      <c r="DOU692" s="613"/>
      <c r="DOV692" s="613"/>
      <c r="DOW692" s="613"/>
      <c r="DOX692" s="613"/>
      <c r="DOY692" s="613"/>
      <c r="DOZ692" s="613"/>
      <c r="DPA692" s="613"/>
      <c r="DPB692" s="613"/>
      <c r="DPC692" s="613"/>
      <c r="DPD692" s="613"/>
      <c r="DPE692" s="613"/>
      <c r="DPF692" s="613"/>
      <c r="DPG692" s="613"/>
      <c r="DPH692" s="613"/>
      <c r="DPI692" s="613"/>
      <c r="DPJ692" s="613"/>
      <c r="DPK692" s="613"/>
      <c r="DPL692" s="613"/>
      <c r="DPM692" s="613"/>
      <c r="DPN692" s="613"/>
      <c r="DPO692" s="613"/>
      <c r="DPP692" s="613"/>
      <c r="DPQ692" s="613"/>
      <c r="DPR692" s="613"/>
      <c r="DPS692" s="613"/>
      <c r="DPT692" s="613"/>
      <c r="DPU692" s="613"/>
      <c r="DPV692" s="613"/>
      <c r="DPW692" s="613"/>
      <c r="DPX692" s="613"/>
      <c r="DPY692" s="613"/>
      <c r="DPZ692" s="613"/>
      <c r="DQA692" s="613"/>
      <c r="DQB692" s="613"/>
      <c r="DQC692" s="613"/>
      <c r="DQD692" s="613"/>
      <c r="DQE692" s="613"/>
      <c r="DQF692" s="613"/>
      <c r="DQG692" s="613"/>
      <c r="DQH692" s="613"/>
      <c r="DQI692" s="613"/>
      <c r="DQJ692" s="613"/>
      <c r="DQK692" s="613"/>
      <c r="DQL692" s="613"/>
      <c r="DQM692" s="613"/>
      <c r="DQN692" s="613"/>
      <c r="DQO692" s="613"/>
      <c r="DQP692" s="613"/>
      <c r="DQQ692" s="613"/>
      <c r="DQR692" s="613"/>
      <c r="DQS692" s="613"/>
      <c r="DQT692" s="613"/>
      <c r="DQU692" s="613"/>
      <c r="DQV692" s="613"/>
      <c r="DQW692" s="613"/>
      <c r="DQX692" s="613"/>
      <c r="DQY692" s="613"/>
      <c r="DQZ692" s="613"/>
      <c r="DRA692" s="613"/>
      <c r="DRB692" s="613"/>
      <c r="DRC692" s="613"/>
      <c r="DRD692" s="613"/>
      <c r="DRE692" s="613"/>
      <c r="DRF692" s="613"/>
      <c r="DRG692" s="613"/>
      <c r="DRH692" s="613"/>
      <c r="DRI692" s="613"/>
      <c r="DRJ692" s="613"/>
      <c r="DRK692" s="613"/>
      <c r="DRL692" s="613"/>
      <c r="DRM692" s="613"/>
      <c r="DRN692" s="613"/>
      <c r="DRO692" s="613"/>
      <c r="DRP692" s="613"/>
      <c r="DRQ692" s="613"/>
      <c r="DRR692" s="613"/>
      <c r="DRS692" s="613"/>
      <c r="DRT692" s="613"/>
      <c r="DRU692" s="613"/>
      <c r="DRV692" s="613"/>
      <c r="DRW692" s="613"/>
      <c r="DRX692" s="613"/>
      <c r="DRY692" s="613"/>
      <c r="DRZ692" s="613"/>
      <c r="DSA692" s="613"/>
      <c r="DSB692" s="613"/>
      <c r="DSC692" s="613"/>
      <c r="DSD692" s="613"/>
      <c r="DSE692" s="613"/>
      <c r="DSF692" s="613"/>
      <c r="DSG692" s="613"/>
      <c r="DSH692" s="613"/>
      <c r="DSI692" s="613"/>
      <c r="DSJ692" s="613"/>
      <c r="DSK692" s="613"/>
      <c r="DSL692" s="613"/>
      <c r="DSM692" s="613"/>
      <c r="DSN692" s="613"/>
      <c r="DSO692" s="613"/>
      <c r="DSP692" s="613"/>
      <c r="DSQ692" s="613"/>
      <c r="DSR692" s="613"/>
      <c r="DSS692" s="613"/>
      <c r="DST692" s="613"/>
      <c r="DSU692" s="613"/>
      <c r="DSV692" s="613"/>
      <c r="DSW692" s="613"/>
      <c r="DSX692" s="613"/>
      <c r="DSY692" s="613"/>
      <c r="DSZ692" s="613"/>
      <c r="DTA692" s="613"/>
      <c r="DTB692" s="613"/>
      <c r="DTC692" s="613"/>
      <c r="DTD692" s="613"/>
      <c r="DTE692" s="613"/>
      <c r="DTF692" s="613"/>
      <c r="DTG692" s="613"/>
      <c r="DTH692" s="613"/>
      <c r="DTI692" s="613"/>
      <c r="DTJ692" s="613"/>
      <c r="DTK692" s="613"/>
      <c r="DTL692" s="613"/>
      <c r="DTM692" s="613"/>
      <c r="DTN692" s="613"/>
      <c r="DTO692" s="613"/>
      <c r="DTP692" s="613"/>
      <c r="DTQ692" s="613"/>
      <c r="DTR692" s="613"/>
      <c r="DTS692" s="613"/>
      <c r="DTT692" s="613"/>
      <c r="DTU692" s="613"/>
      <c r="DTV692" s="613"/>
      <c r="DTW692" s="613"/>
      <c r="DTX692" s="613"/>
      <c r="DTY692" s="613"/>
      <c r="DTZ692" s="613"/>
      <c r="DUA692" s="613"/>
      <c r="DUB692" s="613"/>
      <c r="DUC692" s="613"/>
      <c r="DUD692" s="613"/>
      <c r="DUE692" s="613"/>
      <c r="DUF692" s="613"/>
      <c r="DUG692" s="613"/>
      <c r="DUH692" s="613"/>
      <c r="DUI692" s="613"/>
      <c r="DUJ692" s="613"/>
      <c r="DUK692" s="613"/>
      <c r="DUL692" s="613"/>
      <c r="DUM692" s="613"/>
      <c r="DUN692" s="613"/>
      <c r="DUO692" s="613"/>
      <c r="DUP692" s="613"/>
      <c r="DUQ692" s="613"/>
      <c r="DUR692" s="613"/>
      <c r="DUS692" s="613"/>
      <c r="DUT692" s="613"/>
      <c r="DUU692" s="613"/>
      <c r="DUV692" s="613"/>
      <c r="DUW692" s="613"/>
      <c r="DUX692" s="613"/>
      <c r="DUY692" s="613"/>
      <c r="DUZ692" s="613"/>
      <c r="DVA692" s="613"/>
      <c r="DVB692" s="613"/>
      <c r="DVC692" s="613"/>
      <c r="DVD692" s="613"/>
      <c r="DVE692" s="613"/>
      <c r="DVF692" s="613"/>
      <c r="DVG692" s="613"/>
      <c r="DVH692" s="613"/>
      <c r="DVI692" s="613"/>
      <c r="DVJ692" s="613"/>
      <c r="DVK692" s="613"/>
      <c r="DVL692" s="613"/>
      <c r="DVM692" s="613"/>
      <c r="DVN692" s="613"/>
      <c r="DVO692" s="613"/>
      <c r="DVP692" s="613"/>
      <c r="DVQ692" s="613"/>
      <c r="DVR692" s="613"/>
      <c r="DVS692" s="613"/>
      <c r="DVT692" s="613"/>
      <c r="DVU692" s="613"/>
      <c r="DVV692" s="613"/>
      <c r="DVW692" s="613"/>
      <c r="DVX692" s="613"/>
      <c r="DVY692" s="613"/>
      <c r="DVZ692" s="613"/>
      <c r="DWA692" s="613"/>
      <c r="DWB692" s="613"/>
      <c r="DWC692" s="613"/>
      <c r="DWD692" s="613"/>
      <c r="DWE692" s="613"/>
      <c r="DWF692" s="613"/>
      <c r="DWG692" s="613"/>
      <c r="DWH692" s="613"/>
      <c r="DWI692" s="613"/>
      <c r="DWJ692" s="613"/>
      <c r="DWK692" s="613"/>
      <c r="DWL692" s="613"/>
      <c r="DWM692" s="613"/>
      <c r="DWN692" s="613"/>
      <c r="DWO692" s="613"/>
      <c r="DWP692" s="613"/>
      <c r="DWQ692" s="613"/>
      <c r="DWR692" s="613"/>
      <c r="DWS692" s="613"/>
      <c r="DWT692" s="613"/>
      <c r="DWU692" s="613"/>
      <c r="DWV692" s="613"/>
      <c r="DWW692" s="613"/>
      <c r="DWX692" s="613"/>
      <c r="DWY692" s="613"/>
      <c r="DWZ692" s="613"/>
      <c r="DXA692" s="613"/>
      <c r="DXB692" s="613"/>
      <c r="DXC692" s="613"/>
      <c r="DXD692" s="613"/>
      <c r="DXE692" s="613"/>
      <c r="DXF692" s="613"/>
      <c r="DXG692" s="613"/>
      <c r="DXH692" s="613"/>
      <c r="DXI692" s="613"/>
      <c r="DXJ692" s="613"/>
      <c r="DXK692" s="613"/>
      <c r="DXL692" s="613"/>
      <c r="DXM692" s="613"/>
      <c r="DXN692" s="613"/>
      <c r="DXO692" s="613"/>
      <c r="DXP692" s="613"/>
      <c r="DXQ692" s="613"/>
      <c r="DXR692" s="613"/>
      <c r="DXS692" s="613"/>
      <c r="DXT692" s="613"/>
      <c r="DXU692" s="613"/>
      <c r="DXV692" s="613"/>
      <c r="DXW692" s="613"/>
      <c r="DXX692" s="613"/>
      <c r="DXY692" s="613"/>
      <c r="DXZ692" s="613"/>
      <c r="DYA692" s="613"/>
      <c r="DYB692" s="613"/>
      <c r="DYC692" s="613"/>
      <c r="DYD692" s="613"/>
      <c r="DYE692" s="613"/>
      <c r="DYF692" s="613"/>
      <c r="DYG692" s="613"/>
      <c r="DYH692" s="613"/>
      <c r="DYI692" s="613"/>
      <c r="DYJ692" s="613"/>
      <c r="DYK692" s="613"/>
      <c r="DYL692" s="613"/>
      <c r="DYM692" s="613"/>
      <c r="DYN692" s="613"/>
      <c r="DYO692" s="613"/>
      <c r="DYP692" s="613"/>
      <c r="DYQ692" s="613"/>
      <c r="DYR692" s="613"/>
      <c r="DYS692" s="613"/>
      <c r="DYT692" s="613"/>
      <c r="DYU692" s="613"/>
      <c r="DYV692" s="613"/>
      <c r="DYW692" s="613"/>
      <c r="DYX692" s="613"/>
      <c r="DYY692" s="613"/>
      <c r="DYZ692" s="613"/>
      <c r="DZA692" s="613"/>
      <c r="DZB692" s="613"/>
      <c r="DZC692" s="613"/>
      <c r="DZD692" s="613"/>
      <c r="DZE692" s="613"/>
      <c r="DZF692" s="613"/>
      <c r="DZG692" s="613"/>
      <c r="DZH692" s="613"/>
      <c r="DZI692" s="613"/>
      <c r="DZJ692" s="613"/>
      <c r="DZK692" s="613"/>
      <c r="DZL692" s="613"/>
      <c r="DZM692" s="613"/>
      <c r="DZN692" s="613"/>
      <c r="DZO692" s="613"/>
      <c r="DZP692" s="613"/>
      <c r="DZQ692" s="613"/>
      <c r="DZR692" s="613"/>
      <c r="DZS692" s="613"/>
      <c r="DZT692" s="613"/>
      <c r="DZU692" s="613"/>
      <c r="DZV692" s="613"/>
      <c r="DZW692" s="613"/>
      <c r="DZX692" s="613"/>
      <c r="DZY692" s="613"/>
      <c r="DZZ692" s="613"/>
      <c r="EAA692" s="613"/>
      <c r="EAB692" s="613"/>
      <c r="EAC692" s="613"/>
      <c r="EAD692" s="613"/>
      <c r="EAE692" s="613"/>
      <c r="EAF692" s="613"/>
      <c r="EAG692" s="613"/>
      <c r="EAH692" s="613"/>
      <c r="EAI692" s="613"/>
      <c r="EAJ692" s="613"/>
      <c r="EAK692" s="613"/>
      <c r="EAL692" s="613"/>
      <c r="EAM692" s="613"/>
      <c r="EAN692" s="613"/>
      <c r="EAO692" s="613"/>
      <c r="EAP692" s="613"/>
      <c r="EAQ692" s="613"/>
      <c r="EAR692" s="613"/>
      <c r="EAS692" s="613"/>
      <c r="EAT692" s="613"/>
      <c r="EAU692" s="613"/>
      <c r="EAV692" s="613"/>
      <c r="EAW692" s="613"/>
      <c r="EAX692" s="613"/>
      <c r="EAY692" s="613"/>
      <c r="EAZ692" s="613"/>
      <c r="EBA692" s="613"/>
      <c r="EBB692" s="613"/>
      <c r="EBC692" s="613"/>
      <c r="EBD692" s="613"/>
      <c r="EBE692" s="613"/>
      <c r="EBF692" s="613"/>
      <c r="EBG692" s="613"/>
      <c r="EBH692" s="613"/>
      <c r="EBI692" s="613"/>
      <c r="EBJ692" s="613"/>
      <c r="EBK692" s="613"/>
      <c r="EBL692" s="613"/>
      <c r="EBM692" s="613"/>
      <c r="EBN692" s="613"/>
      <c r="EBO692" s="613"/>
      <c r="EBP692" s="613"/>
      <c r="EBQ692" s="613"/>
      <c r="EBR692" s="613"/>
      <c r="EBS692" s="613"/>
      <c r="EBT692" s="613"/>
      <c r="EBU692" s="613"/>
      <c r="EBV692" s="613"/>
      <c r="EBW692" s="613"/>
      <c r="EBX692" s="613"/>
      <c r="EBY692" s="613"/>
      <c r="EBZ692" s="613"/>
      <c r="ECA692" s="613"/>
      <c r="ECB692" s="613"/>
      <c r="ECC692" s="613"/>
      <c r="ECD692" s="613"/>
      <c r="ECE692" s="613"/>
      <c r="ECF692" s="613"/>
      <c r="ECG692" s="613"/>
      <c r="ECH692" s="613"/>
      <c r="ECI692" s="613"/>
      <c r="ECJ692" s="613"/>
      <c r="ECK692" s="613"/>
      <c r="ECL692" s="613"/>
      <c r="ECM692" s="613"/>
      <c r="ECN692" s="613"/>
      <c r="ECO692" s="613"/>
      <c r="ECP692" s="613"/>
      <c r="ECQ692" s="613"/>
      <c r="ECR692" s="613"/>
      <c r="ECS692" s="613"/>
      <c r="ECT692" s="613"/>
      <c r="ECU692" s="613"/>
      <c r="ECV692" s="613"/>
      <c r="ECW692" s="613"/>
      <c r="ECX692" s="613"/>
      <c r="ECY692" s="613"/>
      <c r="ECZ692" s="613"/>
      <c r="EDA692" s="613"/>
      <c r="EDB692" s="613"/>
      <c r="EDC692" s="613"/>
      <c r="EDD692" s="613"/>
      <c r="EDE692" s="613"/>
      <c r="EDF692" s="613"/>
      <c r="EDG692" s="613"/>
      <c r="EDH692" s="613"/>
      <c r="EDI692" s="613"/>
      <c r="EDJ692" s="613"/>
      <c r="EDK692" s="613"/>
      <c r="EDL692" s="613"/>
      <c r="EDM692" s="613"/>
      <c r="EDN692" s="613"/>
      <c r="EDO692" s="613"/>
      <c r="EDP692" s="613"/>
      <c r="EDQ692" s="613"/>
      <c r="EDR692" s="613"/>
      <c r="EDS692" s="613"/>
      <c r="EDT692" s="613"/>
      <c r="EDU692" s="613"/>
      <c r="EDV692" s="613"/>
      <c r="EDW692" s="613"/>
      <c r="EDX692" s="613"/>
      <c r="EDY692" s="613"/>
      <c r="EDZ692" s="613"/>
      <c r="EEA692" s="613"/>
      <c r="EEB692" s="613"/>
      <c r="EEC692" s="613"/>
      <c r="EED692" s="613"/>
      <c r="EEE692" s="613"/>
      <c r="EEF692" s="613"/>
      <c r="EEG692" s="613"/>
      <c r="EEH692" s="613"/>
      <c r="EEI692" s="613"/>
      <c r="EEJ692" s="613"/>
      <c r="EEK692" s="613"/>
      <c r="EEL692" s="613"/>
      <c r="EEM692" s="613"/>
      <c r="EEN692" s="613"/>
      <c r="EEO692" s="613"/>
      <c r="EEP692" s="613"/>
      <c r="EEQ692" s="613"/>
      <c r="EER692" s="613"/>
      <c r="EES692" s="613"/>
      <c r="EET692" s="613"/>
      <c r="EEU692" s="613"/>
      <c r="EEV692" s="613"/>
      <c r="EEW692" s="613"/>
      <c r="EEX692" s="613"/>
      <c r="EEY692" s="613"/>
      <c r="EEZ692" s="613"/>
      <c r="EFA692" s="613"/>
      <c r="EFB692" s="613"/>
      <c r="EFC692" s="613"/>
      <c r="EFD692" s="613"/>
      <c r="EFE692" s="613"/>
      <c r="EFF692" s="613"/>
      <c r="EFG692" s="613"/>
      <c r="EFH692" s="613"/>
      <c r="EFI692" s="613"/>
      <c r="EFJ692" s="613"/>
      <c r="EFK692" s="613"/>
      <c r="EFL692" s="613"/>
      <c r="EFM692" s="613"/>
      <c r="EFN692" s="613"/>
      <c r="EFO692" s="613"/>
      <c r="EFP692" s="613"/>
      <c r="EFQ692" s="613"/>
      <c r="EFR692" s="613"/>
      <c r="EFS692" s="613"/>
      <c r="EFT692" s="613"/>
      <c r="EFU692" s="613"/>
      <c r="EFV692" s="613"/>
      <c r="EFW692" s="613"/>
      <c r="EFX692" s="613"/>
      <c r="EFY692" s="613"/>
      <c r="EFZ692" s="613"/>
      <c r="EGA692" s="613"/>
      <c r="EGB692" s="613"/>
      <c r="EGC692" s="613"/>
      <c r="EGD692" s="613"/>
      <c r="EGE692" s="613"/>
      <c r="EGF692" s="613"/>
      <c r="EGG692" s="613"/>
      <c r="EGH692" s="613"/>
      <c r="EGI692" s="613"/>
      <c r="EGJ692" s="613"/>
      <c r="EGK692" s="613"/>
      <c r="EGL692" s="613"/>
      <c r="EGM692" s="613"/>
      <c r="EGN692" s="613"/>
      <c r="EGO692" s="613"/>
      <c r="EGP692" s="613"/>
      <c r="EGQ692" s="613"/>
      <c r="EGR692" s="613"/>
      <c r="EGS692" s="613"/>
      <c r="EGT692" s="613"/>
      <c r="EGU692" s="613"/>
      <c r="EGV692" s="613"/>
      <c r="EGW692" s="613"/>
      <c r="EGX692" s="613"/>
      <c r="EGY692" s="613"/>
      <c r="EGZ692" s="613"/>
      <c r="EHA692" s="613"/>
      <c r="EHB692" s="613"/>
      <c r="EHC692" s="613"/>
      <c r="EHD692" s="613"/>
      <c r="EHE692" s="613"/>
      <c r="EHF692" s="613"/>
      <c r="EHG692" s="613"/>
      <c r="EHH692" s="613"/>
      <c r="EHI692" s="613"/>
      <c r="EHJ692" s="613"/>
      <c r="EHK692" s="613"/>
      <c r="EHL692" s="613"/>
      <c r="EHM692" s="613"/>
      <c r="EHN692" s="613"/>
      <c r="EHO692" s="613"/>
      <c r="EHP692" s="613"/>
      <c r="EHQ692" s="613"/>
      <c r="EHR692" s="613"/>
      <c r="EHS692" s="613"/>
      <c r="EHT692" s="613"/>
      <c r="EHU692" s="613"/>
      <c r="EHV692" s="613"/>
      <c r="EHW692" s="613"/>
      <c r="EHX692" s="613"/>
      <c r="EHY692" s="613"/>
      <c r="EHZ692" s="613"/>
      <c r="EIA692" s="613"/>
      <c r="EIB692" s="613"/>
      <c r="EIC692" s="613"/>
      <c r="EID692" s="613"/>
      <c r="EIE692" s="613"/>
      <c r="EIF692" s="613"/>
      <c r="EIG692" s="613"/>
      <c r="EIH692" s="613"/>
      <c r="EII692" s="613"/>
      <c r="EIJ692" s="613"/>
      <c r="EIK692" s="613"/>
      <c r="EIL692" s="613"/>
      <c r="EIM692" s="613"/>
      <c r="EIN692" s="613"/>
      <c r="EIO692" s="613"/>
      <c r="EIP692" s="613"/>
      <c r="EIQ692" s="613"/>
      <c r="EIR692" s="613"/>
      <c r="EIS692" s="613"/>
      <c r="EIT692" s="613"/>
      <c r="EIU692" s="613"/>
      <c r="EIV692" s="613"/>
      <c r="EIW692" s="613"/>
      <c r="EIX692" s="613"/>
      <c r="EIY692" s="613"/>
      <c r="EIZ692" s="613"/>
      <c r="EJA692" s="613"/>
      <c r="EJB692" s="613"/>
      <c r="EJC692" s="613"/>
      <c r="EJD692" s="613"/>
      <c r="EJE692" s="613"/>
      <c r="EJF692" s="613"/>
      <c r="EJG692" s="613"/>
      <c r="EJH692" s="613"/>
      <c r="EJI692" s="613"/>
      <c r="EJJ692" s="613"/>
      <c r="EJK692" s="613"/>
      <c r="EJL692" s="613"/>
      <c r="EJM692" s="613"/>
      <c r="EJN692" s="613"/>
      <c r="EJO692" s="613"/>
      <c r="EJP692" s="613"/>
      <c r="EJQ692" s="613"/>
      <c r="EJR692" s="613"/>
      <c r="EJS692" s="613"/>
      <c r="EJT692" s="613"/>
      <c r="EJU692" s="613"/>
      <c r="EJV692" s="613"/>
      <c r="EJW692" s="613"/>
      <c r="EJX692" s="613"/>
      <c r="EJY692" s="613"/>
      <c r="EJZ692" s="613"/>
      <c r="EKA692" s="613"/>
      <c r="EKB692" s="613"/>
      <c r="EKC692" s="613"/>
      <c r="EKD692" s="613"/>
      <c r="EKE692" s="613"/>
      <c r="EKF692" s="613"/>
      <c r="EKG692" s="613"/>
      <c r="EKH692" s="613"/>
      <c r="EKI692" s="613"/>
      <c r="EKJ692" s="613"/>
      <c r="EKK692" s="613"/>
      <c r="EKL692" s="613"/>
      <c r="EKM692" s="613"/>
      <c r="EKN692" s="613"/>
      <c r="EKO692" s="613"/>
      <c r="EKP692" s="613"/>
      <c r="EKQ692" s="613"/>
      <c r="EKR692" s="613"/>
      <c r="EKS692" s="613"/>
      <c r="EKT692" s="613"/>
      <c r="EKU692" s="613"/>
      <c r="EKV692" s="613"/>
      <c r="EKW692" s="613"/>
      <c r="EKX692" s="613"/>
      <c r="EKY692" s="613"/>
      <c r="EKZ692" s="613"/>
      <c r="ELA692" s="613"/>
      <c r="ELB692" s="613"/>
      <c r="ELC692" s="613"/>
      <c r="ELD692" s="613"/>
      <c r="ELE692" s="613"/>
      <c r="ELF692" s="613"/>
      <c r="ELG692" s="613"/>
      <c r="ELH692" s="613"/>
      <c r="ELI692" s="613"/>
      <c r="ELJ692" s="613"/>
      <c r="ELK692" s="613"/>
      <c r="ELL692" s="613"/>
      <c r="ELM692" s="613"/>
      <c r="ELN692" s="613"/>
      <c r="ELO692" s="613"/>
      <c r="ELP692" s="613"/>
      <c r="ELQ692" s="613"/>
      <c r="ELR692" s="613"/>
      <c r="ELS692" s="613"/>
      <c r="ELT692" s="613"/>
      <c r="ELU692" s="613"/>
      <c r="ELV692" s="613"/>
      <c r="ELW692" s="613"/>
      <c r="ELX692" s="613"/>
      <c r="ELY692" s="613"/>
      <c r="ELZ692" s="613"/>
      <c r="EMA692" s="613"/>
      <c r="EMB692" s="613"/>
      <c r="EMC692" s="613"/>
      <c r="EMD692" s="613"/>
      <c r="EME692" s="613"/>
      <c r="EMF692" s="613"/>
      <c r="EMG692" s="613"/>
      <c r="EMH692" s="613"/>
      <c r="EMI692" s="613"/>
      <c r="EMJ692" s="613"/>
      <c r="EMK692" s="613"/>
      <c r="EML692" s="613"/>
      <c r="EMM692" s="613"/>
      <c r="EMN692" s="613"/>
      <c r="EMO692" s="613"/>
      <c r="EMP692" s="613"/>
      <c r="EMQ692" s="613"/>
      <c r="EMR692" s="613"/>
      <c r="EMS692" s="613"/>
      <c r="EMT692" s="613"/>
      <c r="EMU692" s="613"/>
      <c r="EMV692" s="613"/>
      <c r="EMW692" s="613"/>
      <c r="EMX692" s="613"/>
      <c r="EMY692" s="613"/>
      <c r="EMZ692" s="613"/>
      <c r="ENA692" s="613"/>
      <c r="ENB692" s="613"/>
      <c r="ENC692" s="613"/>
      <c r="END692" s="613"/>
      <c r="ENE692" s="613"/>
      <c r="ENF692" s="613"/>
      <c r="ENG692" s="613"/>
      <c r="ENH692" s="613"/>
      <c r="ENI692" s="613"/>
      <c r="ENJ692" s="613"/>
      <c r="ENK692" s="613"/>
      <c r="ENL692" s="613"/>
      <c r="ENM692" s="613"/>
      <c r="ENN692" s="613"/>
      <c r="ENO692" s="613"/>
      <c r="ENP692" s="613"/>
      <c r="ENQ692" s="613"/>
      <c r="ENR692" s="613"/>
      <c r="ENS692" s="613"/>
      <c r="ENT692" s="613"/>
      <c r="ENU692" s="613"/>
      <c r="ENV692" s="613"/>
      <c r="ENW692" s="613"/>
      <c r="ENX692" s="613"/>
      <c r="ENY692" s="613"/>
      <c r="ENZ692" s="613"/>
      <c r="EOA692" s="613"/>
      <c r="EOB692" s="613"/>
      <c r="EOC692" s="613"/>
      <c r="EOD692" s="613"/>
      <c r="EOE692" s="613"/>
      <c r="EOF692" s="613"/>
      <c r="EOG692" s="613"/>
      <c r="EOH692" s="613"/>
      <c r="EOI692" s="613"/>
      <c r="EOJ692" s="613"/>
      <c r="EOK692" s="613"/>
      <c r="EOL692" s="613"/>
      <c r="EOM692" s="613"/>
      <c r="EON692" s="613"/>
      <c r="EOO692" s="613"/>
      <c r="EOP692" s="613"/>
      <c r="EOQ692" s="613"/>
      <c r="EOR692" s="613"/>
      <c r="EOS692" s="613"/>
      <c r="EOT692" s="613"/>
      <c r="EOU692" s="613"/>
      <c r="EOV692" s="613"/>
      <c r="EOW692" s="613"/>
      <c r="EOX692" s="613"/>
      <c r="EOY692" s="613"/>
      <c r="EOZ692" s="613"/>
      <c r="EPA692" s="613"/>
      <c r="EPB692" s="613"/>
      <c r="EPC692" s="613"/>
      <c r="EPD692" s="613"/>
      <c r="EPE692" s="613"/>
      <c r="EPF692" s="613"/>
      <c r="EPG692" s="613"/>
      <c r="EPH692" s="613"/>
      <c r="EPI692" s="613"/>
      <c r="EPJ692" s="613"/>
      <c r="EPK692" s="613"/>
      <c r="EPL692" s="613"/>
      <c r="EPM692" s="613"/>
      <c r="EPN692" s="613"/>
      <c r="EPO692" s="613"/>
      <c r="EPP692" s="613"/>
      <c r="EPQ692" s="613"/>
      <c r="EPR692" s="613"/>
      <c r="EPS692" s="613"/>
      <c r="EPT692" s="613"/>
      <c r="EPU692" s="613"/>
      <c r="EPV692" s="613"/>
      <c r="EPW692" s="613"/>
      <c r="EPX692" s="613"/>
      <c r="EPY692" s="613"/>
      <c r="EPZ692" s="613"/>
      <c r="EQA692" s="613"/>
      <c r="EQB692" s="613"/>
      <c r="EQC692" s="613"/>
      <c r="EQD692" s="613"/>
      <c r="EQE692" s="613"/>
      <c r="EQF692" s="613"/>
      <c r="EQG692" s="613"/>
      <c r="EQH692" s="613"/>
      <c r="EQI692" s="613"/>
      <c r="EQJ692" s="613"/>
      <c r="EQK692" s="613"/>
      <c r="EQL692" s="613"/>
      <c r="EQM692" s="613"/>
      <c r="EQN692" s="613"/>
      <c r="EQO692" s="613"/>
      <c r="EQP692" s="613"/>
      <c r="EQQ692" s="613"/>
      <c r="EQR692" s="613"/>
      <c r="EQS692" s="613"/>
      <c r="EQT692" s="613"/>
      <c r="EQU692" s="613"/>
      <c r="EQV692" s="613"/>
      <c r="EQW692" s="613"/>
      <c r="EQX692" s="613"/>
      <c r="EQY692" s="613"/>
      <c r="EQZ692" s="613"/>
      <c r="ERA692" s="613"/>
      <c r="ERB692" s="613"/>
      <c r="ERC692" s="613"/>
      <c r="ERD692" s="613"/>
      <c r="ERE692" s="613"/>
      <c r="ERF692" s="613"/>
      <c r="ERG692" s="613"/>
      <c r="ERH692" s="613"/>
      <c r="ERI692" s="613"/>
      <c r="ERJ692" s="613"/>
      <c r="ERK692" s="613"/>
      <c r="ERL692" s="613"/>
      <c r="ERM692" s="613"/>
      <c r="ERN692" s="613"/>
      <c r="ERO692" s="613"/>
      <c r="ERP692" s="613"/>
      <c r="ERQ692" s="613"/>
      <c r="ERR692" s="613"/>
      <c r="ERS692" s="613"/>
      <c r="ERT692" s="613"/>
      <c r="ERU692" s="613"/>
      <c r="ERV692" s="613"/>
      <c r="ERW692" s="613"/>
      <c r="ERX692" s="613"/>
      <c r="ERY692" s="613"/>
      <c r="ERZ692" s="613"/>
      <c r="ESA692" s="613"/>
      <c r="ESB692" s="613"/>
      <c r="ESC692" s="613"/>
      <c r="ESD692" s="613"/>
      <c r="ESE692" s="613"/>
      <c r="ESF692" s="613"/>
      <c r="ESG692" s="613"/>
      <c r="ESH692" s="613"/>
      <c r="ESI692" s="613"/>
      <c r="ESJ692" s="613"/>
      <c r="ESK692" s="613"/>
      <c r="ESL692" s="613"/>
      <c r="ESM692" s="613"/>
      <c r="ESN692" s="613"/>
      <c r="ESO692" s="613"/>
      <c r="ESP692" s="613"/>
      <c r="ESQ692" s="613"/>
      <c r="ESR692" s="613"/>
      <c r="ESS692" s="613"/>
      <c r="EST692" s="613"/>
      <c r="ESU692" s="613"/>
      <c r="ESV692" s="613"/>
      <c r="ESW692" s="613"/>
      <c r="ESX692" s="613"/>
      <c r="ESY692" s="613"/>
      <c r="ESZ692" s="613"/>
      <c r="ETA692" s="613"/>
      <c r="ETB692" s="613"/>
      <c r="ETC692" s="613"/>
      <c r="ETD692" s="613"/>
      <c r="ETE692" s="613"/>
      <c r="ETF692" s="613"/>
      <c r="ETG692" s="613"/>
      <c r="ETH692" s="613"/>
      <c r="ETI692" s="613"/>
      <c r="ETJ692" s="613"/>
      <c r="ETK692" s="613"/>
      <c r="ETL692" s="613"/>
      <c r="ETM692" s="613"/>
      <c r="ETN692" s="613"/>
      <c r="ETO692" s="613"/>
      <c r="ETP692" s="613"/>
      <c r="ETQ692" s="613"/>
      <c r="ETR692" s="613"/>
      <c r="ETS692" s="613"/>
      <c r="ETT692" s="613"/>
      <c r="ETU692" s="613"/>
      <c r="ETV692" s="613"/>
      <c r="ETW692" s="613"/>
      <c r="ETX692" s="613"/>
      <c r="ETY692" s="613"/>
      <c r="ETZ692" s="613"/>
      <c r="EUA692" s="613"/>
      <c r="EUB692" s="613"/>
      <c r="EUC692" s="613"/>
      <c r="EUD692" s="613"/>
      <c r="EUE692" s="613"/>
      <c r="EUF692" s="613"/>
      <c r="EUG692" s="613"/>
      <c r="EUH692" s="613"/>
      <c r="EUI692" s="613"/>
      <c r="EUJ692" s="613"/>
      <c r="EUK692" s="613"/>
      <c r="EUL692" s="613"/>
      <c r="EUM692" s="613"/>
      <c r="EUN692" s="613"/>
      <c r="EUO692" s="613"/>
      <c r="EUP692" s="613"/>
      <c r="EUQ692" s="613"/>
      <c r="EUR692" s="613"/>
      <c r="EUS692" s="613"/>
      <c r="EUT692" s="613"/>
      <c r="EUU692" s="613"/>
      <c r="EUV692" s="613"/>
      <c r="EUW692" s="613"/>
      <c r="EUX692" s="613"/>
      <c r="EUY692" s="613"/>
      <c r="EUZ692" s="613"/>
      <c r="EVA692" s="613"/>
      <c r="EVB692" s="613"/>
      <c r="EVC692" s="613"/>
      <c r="EVD692" s="613"/>
      <c r="EVE692" s="613"/>
      <c r="EVF692" s="613"/>
      <c r="EVG692" s="613"/>
      <c r="EVH692" s="613"/>
      <c r="EVI692" s="613"/>
      <c r="EVJ692" s="613"/>
      <c r="EVK692" s="613"/>
      <c r="EVL692" s="613"/>
      <c r="EVM692" s="613"/>
      <c r="EVN692" s="613"/>
      <c r="EVO692" s="613"/>
      <c r="EVP692" s="613"/>
      <c r="EVQ692" s="613"/>
      <c r="EVR692" s="613"/>
      <c r="EVS692" s="613"/>
      <c r="EVT692" s="613"/>
      <c r="EVU692" s="613"/>
      <c r="EVV692" s="613"/>
      <c r="EVW692" s="613"/>
      <c r="EVX692" s="613"/>
      <c r="EVY692" s="613"/>
      <c r="EVZ692" s="613"/>
      <c r="EWA692" s="613"/>
      <c r="EWB692" s="613"/>
      <c r="EWC692" s="613"/>
      <c r="EWD692" s="613"/>
      <c r="EWE692" s="613"/>
      <c r="EWF692" s="613"/>
      <c r="EWG692" s="613"/>
      <c r="EWH692" s="613"/>
      <c r="EWI692" s="613"/>
      <c r="EWJ692" s="613"/>
      <c r="EWK692" s="613"/>
      <c r="EWL692" s="613"/>
      <c r="EWM692" s="613"/>
      <c r="EWN692" s="613"/>
      <c r="EWO692" s="613"/>
      <c r="EWP692" s="613"/>
      <c r="EWQ692" s="613"/>
      <c r="EWR692" s="613"/>
      <c r="EWS692" s="613"/>
      <c r="EWT692" s="613"/>
      <c r="EWU692" s="613"/>
      <c r="EWV692" s="613"/>
      <c r="EWW692" s="613"/>
      <c r="EWX692" s="613"/>
      <c r="EWY692" s="613"/>
      <c r="EWZ692" s="613"/>
      <c r="EXA692" s="613"/>
      <c r="EXB692" s="613"/>
      <c r="EXC692" s="613"/>
      <c r="EXD692" s="613"/>
      <c r="EXE692" s="613"/>
      <c r="EXF692" s="613"/>
      <c r="EXG692" s="613"/>
      <c r="EXH692" s="613"/>
      <c r="EXI692" s="613"/>
      <c r="EXJ692" s="613"/>
      <c r="EXK692" s="613"/>
      <c r="EXL692" s="613"/>
      <c r="EXM692" s="613"/>
      <c r="EXN692" s="613"/>
      <c r="EXO692" s="613"/>
      <c r="EXP692" s="613"/>
      <c r="EXQ692" s="613"/>
      <c r="EXR692" s="613"/>
      <c r="EXS692" s="613"/>
      <c r="EXT692" s="613"/>
      <c r="EXU692" s="613"/>
      <c r="EXV692" s="613"/>
      <c r="EXW692" s="613"/>
      <c r="EXX692" s="613"/>
      <c r="EXY692" s="613"/>
      <c r="EXZ692" s="613"/>
      <c r="EYA692" s="613"/>
      <c r="EYB692" s="613"/>
      <c r="EYC692" s="613"/>
      <c r="EYD692" s="613"/>
      <c r="EYE692" s="613"/>
      <c r="EYF692" s="613"/>
      <c r="EYG692" s="613"/>
      <c r="EYH692" s="613"/>
      <c r="EYI692" s="613"/>
      <c r="EYJ692" s="613"/>
      <c r="EYK692" s="613"/>
      <c r="EYL692" s="613"/>
      <c r="EYM692" s="613"/>
      <c r="EYN692" s="613"/>
      <c r="EYO692" s="613"/>
      <c r="EYP692" s="613"/>
      <c r="EYQ692" s="613"/>
      <c r="EYR692" s="613"/>
      <c r="EYS692" s="613"/>
      <c r="EYT692" s="613"/>
      <c r="EYU692" s="613"/>
      <c r="EYV692" s="613"/>
      <c r="EYW692" s="613"/>
      <c r="EYX692" s="613"/>
      <c r="EYY692" s="613"/>
      <c r="EYZ692" s="613"/>
      <c r="EZA692" s="613"/>
      <c r="EZB692" s="613"/>
      <c r="EZC692" s="613"/>
      <c r="EZD692" s="613"/>
      <c r="EZE692" s="613"/>
      <c r="EZF692" s="613"/>
      <c r="EZG692" s="613"/>
      <c r="EZH692" s="613"/>
      <c r="EZI692" s="613"/>
      <c r="EZJ692" s="613"/>
      <c r="EZK692" s="613"/>
      <c r="EZL692" s="613"/>
      <c r="EZM692" s="613"/>
      <c r="EZN692" s="613"/>
      <c r="EZO692" s="613"/>
      <c r="EZP692" s="613"/>
      <c r="EZQ692" s="613"/>
      <c r="EZR692" s="613"/>
      <c r="EZS692" s="613"/>
      <c r="EZT692" s="613"/>
      <c r="EZU692" s="613"/>
      <c r="EZV692" s="613"/>
      <c r="EZW692" s="613"/>
      <c r="EZX692" s="613"/>
      <c r="EZY692" s="613"/>
      <c r="EZZ692" s="613"/>
      <c r="FAA692" s="613"/>
      <c r="FAB692" s="613"/>
      <c r="FAC692" s="613"/>
      <c r="FAD692" s="613"/>
      <c r="FAE692" s="613"/>
      <c r="FAF692" s="613"/>
      <c r="FAG692" s="613"/>
      <c r="FAH692" s="613"/>
      <c r="FAI692" s="613"/>
      <c r="FAJ692" s="613"/>
      <c r="FAK692" s="613"/>
      <c r="FAL692" s="613"/>
      <c r="FAM692" s="613"/>
      <c r="FAN692" s="613"/>
      <c r="FAO692" s="613"/>
      <c r="FAP692" s="613"/>
      <c r="FAQ692" s="613"/>
      <c r="FAR692" s="613"/>
      <c r="FAS692" s="613"/>
      <c r="FAT692" s="613"/>
      <c r="FAU692" s="613"/>
      <c r="FAV692" s="613"/>
      <c r="FAW692" s="613"/>
      <c r="FAX692" s="613"/>
      <c r="FAY692" s="613"/>
      <c r="FAZ692" s="613"/>
      <c r="FBA692" s="613"/>
      <c r="FBB692" s="613"/>
      <c r="FBC692" s="613"/>
      <c r="FBD692" s="613"/>
      <c r="FBE692" s="613"/>
      <c r="FBF692" s="613"/>
      <c r="FBG692" s="613"/>
      <c r="FBH692" s="613"/>
      <c r="FBI692" s="613"/>
      <c r="FBJ692" s="613"/>
      <c r="FBK692" s="613"/>
      <c r="FBL692" s="613"/>
      <c r="FBM692" s="613"/>
      <c r="FBN692" s="613"/>
      <c r="FBO692" s="613"/>
      <c r="FBP692" s="613"/>
      <c r="FBQ692" s="613"/>
      <c r="FBR692" s="613"/>
      <c r="FBS692" s="613"/>
      <c r="FBT692" s="613"/>
      <c r="FBU692" s="613"/>
      <c r="FBV692" s="613"/>
      <c r="FBW692" s="613"/>
      <c r="FBX692" s="613"/>
      <c r="FBY692" s="613"/>
      <c r="FBZ692" s="613"/>
      <c r="FCA692" s="613"/>
      <c r="FCB692" s="613"/>
      <c r="FCC692" s="613"/>
      <c r="FCD692" s="613"/>
      <c r="FCE692" s="613"/>
      <c r="FCF692" s="613"/>
      <c r="FCG692" s="613"/>
      <c r="FCH692" s="613"/>
      <c r="FCI692" s="613"/>
      <c r="FCJ692" s="613"/>
      <c r="FCK692" s="613"/>
      <c r="FCL692" s="613"/>
      <c r="FCM692" s="613"/>
      <c r="FCN692" s="613"/>
      <c r="FCO692" s="613"/>
      <c r="FCP692" s="613"/>
      <c r="FCQ692" s="613"/>
      <c r="FCR692" s="613"/>
      <c r="FCS692" s="613"/>
      <c r="FCT692" s="613"/>
      <c r="FCU692" s="613"/>
      <c r="FCV692" s="613"/>
      <c r="FCW692" s="613"/>
      <c r="FCX692" s="613"/>
      <c r="FCY692" s="613"/>
      <c r="FCZ692" s="613"/>
      <c r="FDA692" s="613"/>
      <c r="FDB692" s="613"/>
      <c r="FDC692" s="613"/>
      <c r="FDD692" s="613"/>
      <c r="FDE692" s="613"/>
      <c r="FDF692" s="613"/>
      <c r="FDG692" s="613"/>
      <c r="FDH692" s="613"/>
      <c r="FDI692" s="613"/>
      <c r="FDJ692" s="613"/>
      <c r="FDK692" s="613"/>
      <c r="FDL692" s="613"/>
      <c r="FDM692" s="613"/>
      <c r="FDN692" s="613"/>
      <c r="FDO692" s="613"/>
      <c r="FDP692" s="613"/>
      <c r="FDQ692" s="613"/>
      <c r="FDR692" s="613"/>
      <c r="FDS692" s="613"/>
      <c r="FDT692" s="613"/>
      <c r="FDU692" s="613"/>
      <c r="FDV692" s="613"/>
      <c r="FDW692" s="613"/>
      <c r="FDX692" s="613"/>
      <c r="FDY692" s="613"/>
      <c r="FDZ692" s="613"/>
      <c r="FEA692" s="613"/>
      <c r="FEB692" s="613"/>
      <c r="FEC692" s="613"/>
      <c r="FED692" s="613"/>
      <c r="FEE692" s="613"/>
      <c r="FEF692" s="613"/>
      <c r="FEG692" s="613"/>
      <c r="FEH692" s="613"/>
      <c r="FEI692" s="613"/>
      <c r="FEJ692" s="613"/>
      <c r="FEK692" s="613"/>
      <c r="FEL692" s="613"/>
      <c r="FEM692" s="613"/>
      <c r="FEN692" s="613"/>
      <c r="FEO692" s="613"/>
      <c r="FEP692" s="613"/>
      <c r="FEQ692" s="613"/>
      <c r="FER692" s="613"/>
      <c r="FES692" s="613"/>
      <c r="FET692" s="613"/>
      <c r="FEU692" s="613"/>
      <c r="FEV692" s="613"/>
      <c r="FEW692" s="613"/>
      <c r="FEX692" s="613"/>
      <c r="FEY692" s="613"/>
      <c r="FEZ692" s="613"/>
      <c r="FFA692" s="613"/>
      <c r="FFB692" s="613"/>
      <c r="FFC692" s="613"/>
      <c r="FFD692" s="613"/>
      <c r="FFE692" s="613"/>
      <c r="FFF692" s="613"/>
      <c r="FFG692" s="613"/>
      <c r="FFH692" s="613"/>
      <c r="FFI692" s="613"/>
      <c r="FFJ692" s="613"/>
      <c r="FFK692" s="613"/>
      <c r="FFL692" s="613"/>
      <c r="FFM692" s="613"/>
      <c r="FFN692" s="613"/>
      <c r="FFO692" s="613"/>
      <c r="FFP692" s="613"/>
      <c r="FFQ692" s="613"/>
      <c r="FFR692" s="613"/>
      <c r="FFS692" s="613"/>
      <c r="FFT692" s="613"/>
      <c r="FFU692" s="613"/>
      <c r="FFV692" s="613"/>
      <c r="FFW692" s="613"/>
      <c r="FFX692" s="613"/>
      <c r="FFY692" s="613"/>
      <c r="FFZ692" s="613"/>
      <c r="FGA692" s="613"/>
      <c r="FGB692" s="613"/>
      <c r="FGC692" s="613"/>
      <c r="FGD692" s="613"/>
      <c r="FGE692" s="613"/>
      <c r="FGF692" s="613"/>
      <c r="FGG692" s="613"/>
      <c r="FGH692" s="613"/>
      <c r="FGI692" s="613"/>
      <c r="FGJ692" s="613"/>
      <c r="FGK692" s="613"/>
      <c r="FGL692" s="613"/>
      <c r="FGM692" s="613"/>
      <c r="FGN692" s="613"/>
      <c r="FGO692" s="613"/>
      <c r="FGP692" s="613"/>
      <c r="FGQ692" s="613"/>
      <c r="FGR692" s="613"/>
      <c r="FGS692" s="613"/>
      <c r="FGT692" s="613"/>
      <c r="FGU692" s="613"/>
      <c r="FGV692" s="613"/>
      <c r="FGW692" s="613"/>
      <c r="FGX692" s="613"/>
      <c r="FGY692" s="613"/>
      <c r="FGZ692" s="613"/>
      <c r="FHA692" s="613"/>
      <c r="FHB692" s="613"/>
      <c r="FHC692" s="613"/>
      <c r="FHD692" s="613"/>
      <c r="FHE692" s="613"/>
      <c r="FHF692" s="613"/>
      <c r="FHG692" s="613"/>
      <c r="FHH692" s="613"/>
      <c r="FHI692" s="613"/>
      <c r="FHJ692" s="613"/>
      <c r="FHK692" s="613"/>
      <c r="FHL692" s="613"/>
      <c r="FHM692" s="613"/>
      <c r="FHN692" s="613"/>
      <c r="FHO692" s="613"/>
      <c r="FHP692" s="613"/>
      <c r="FHQ692" s="613"/>
      <c r="FHR692" s="613"/>
      <c r="FHS692" s="613"/>
      <c r="FHT692" s="613"/>
      <c r="FHU692" s="613"/>
      <c r="FHV692" s="613"/>
      <c r="FHW692" s="613"/>
      <c r="FHX692" s="613"/>
      <c r="FHY692" s="613"/>
      <c r="FHZ692" s="613"/>
      <c r="FIA692" s="613"/>
      <c r="FIB692" s="613"/>
      <c r="FIC692" s="613"/>
      <c r="FID692" s="613"/>
      <c r="FIE692" s="613"/>
      <c r="FIF692" s="613"/>
      <c r="FIG692" s="613"/>
      <c r="FIH692" s="613"/>
      <c r="FII692" s="613"/>
      <c r="FIJ692" s="613"/>
      <c r="FIK692" s="613"/>
      <c r="FIL692" s="613"/>
      <c r="FIM692" s="613"/>
      <c r="FIN692" s="613"/>
      <c r="FIO692" s="613"/>
      <c r="FIP692" s="613"/>
      <c r="FIQ692" s="613"/>
      <c r="FIR692" s="613"/>
      <c r="FIS692" s="613"/>
      <c r="FIT692" s="613"/>
      <c r="FIU692" s="613"/>
      <c r="FIV692" s="613"/>
      <c r="FIW692" s="613"/>
      <c r="FIX692" s="613"/>
      <c r="FIY692" s="613"/>
      <c r="FIZ692" s="613"/>
      <c r="FJA692" s="613"/>
      <c r="FJB692" s="613"/>
      <c r="FJC692" s="613"/>
      <c r="FJD692" s="613"/>
      <c r="FJE692" s="613"/>
      <c r="FJF692" s="613"/>
      <c r="FJG692" s="613"/>
      <c r="FJH692" s="613"/>
      <c r="FJI692" s="613"/>
      <c r="FJJ692" s="613"/>
      <c r="FJK692" s="613"/>
      <c r="FJL692" s="613"/>
      <c r="FJM692" s="613"/>
      <c r="FJN692" s="613"/>
      <c r="FJO692" s="613"/>
      <c r="FJP692" s="613"/>
      <c r="FJQ692" s="613"/>
      <c r="FJR692" s="613"/>
      <c r="FJS692" s="613"/>
      <c r="FJT692" s="613"/>
      <c r="FJU692" s="613"/>
      <c r="FJV692" s="613"/>
      <c r="FJW692" s="613"/>
      <c r="FJX692" s="613"/>
      <c r="FJY692" s="613"/>
      <c r="FJZ692" s="613"/>
      <c r="FKA692" s="613"/>
      <c r="FKB692" s="613"/>
      <c r="FKC692" s="613"/>
      <c r="FKD692" s="613"/>
      <c r="FKE692" s="613"/>
      <c r="FKF692" s="613"/>
      <c r="FKG692" s="613"/>
      <c r="FKH692" s="613"/>
      <c r="FKI692" s="613"/>
      <c r="FKJ692" s="613"/>
      <c r="FKK692" s="613"/>
      <c r="FKL692" s="613"/>
      <c r="FKM692" s="613"/>
      <c r="FKN692" s="613"/>
      <c r="FKO692" s="613"/>
      <c r="FKP692" s="613"/>
      <c r="FKQ692" s="613"/>
      <c r="FKR692" s="613"/>
      <c r="FKS692" s="613"/>
      <c r="FKT692" s="613"/>
      <c r="FKU692" s="613"/>
      <c r="FKV692" s="613"/>
      <c r="FKW692" s="613"/>
      <c r="FKX692" s="613"/>
      <c r="FKY692" s="613"/>
      <c r="FKZ692" s="613"/>
      <c r="FLA692" s="613"/>
      <c r="FLB692" s="613"/>
      <c r="FLC692" s="613"/>
      <c r="FLD692" s="613"/>
      <c r="FLE692" s="613"/>
      <c r="FLF692" s="613"/>
      <c r="FLG692" s="613"/>
      <c r="FLH692" s="613"/>
      <c r="FLI692" s="613"/>
      <c r="FLJ692" s="613"/>
      <c r="FLK692" s="613"/>
      <c r="FLL692" s="613"/>
      <c r="FLM692" s="613"/>
      <c r="FLN692" s="613"/>
      <c r="FLO692" s="613"/>
      <c r="FLP692" s="613"/>
      <c r="FLQ692" s="613"/>
      <c r="FLR692" s="613"/>
      <c r="FLS692" s="613"/>
      <c r="FLT692" s="613"/>
      <c r="FLU692" s="613"/>
      <c r="FLV692" s="613"/>
      <c r="FLW692" s="613"/>
      <c r="FLX692" s="613"/>
      <c r="FLY692" s="613"/>
      <c r="FLZ692" s="613"/>
      <c r="FMA692" s="613"/>
      <c r="FMB692" s="613"/>
      <c r="FMC692" s="613"/>
      <c r="FMD692" s="613"/>
      <c r="FME692" s="613"/>
      <c r="FMF692" s="613"/>
      <c r="FMG692" s="613"/>
      <c r="FMH692" s="613"/>
      <c r="FMI692" s="613"/>
      <c r="FMJ692" s="613"/>
      <c r="FMK692" s="613"/>
      <c r="FML692" s="613"/>
      <c r="FMM692" s="613"/>
      <c r="FMN692" s="613"/>
      <c r="FMO692" s="613"/>
      <c r="FMP692" s="613"/>
      <c r="FMQ692" s="613"/>
      <c r="FMR692" s="613"/>
      <c r="FMS692" s="613"/>
      <c r="FMT692" s="613"/>
      <c r="FMU692" s="613"/>
      <c r="FMV692" s="613"/>
      <c r="FMW692" s="613"/>
      <c r="FMX692" s="613"/>
      <c r="FMY692" s="613"/>
      <c r="FMZ692" s="613"/>
      <c r="FNA692" s="613"/>
      <c r="FNB692" s="613"/>
      <c r="FNC692" s="613"/>
      <c r="FND692" s="613"/>
      <c r="FNE692" s="613"/>
      <c r="FNF692" s="613"/>
      <c r="FNG692" s="613"/>
      <c r="FNH692" s="613"/>
      <c r="FNI692" s="613"/>
      <c r="FNJ692" s="613"/>
      <c r="FNK692" s="613"/>
      <c r="FNL692" s="613"/>
      <c r="FNM692" s="613"/>
      <c r="FNN692" s="613"/>
      <c r="FNO692" s="613"/>
      <c r="FNP692" s="613"/>
      <c r="FNQ692" s="613"/>
      <c r="FNR692" s="613"/>
      <c r="FNS692" s="613"/>
      <c r="FNT692" s="613"/>
      <c r="FNU692" s="613"/>
      <c r="FNV692" s="613"/>
      <c r="FNW692" s="613"/>
      <c r="FNX692" s="613"/>
      <c r="FNY692" s="613"/>
      <c r="FNZ692" s="613"/>
      <c r="FOA692" s="613"/>
      <c r="FOB692" s="613"/>
      <c r="FOC692" s="613"/>
      <c r="FOD692" s="613"/>
      <c r="FOE692" s="613"/>
      <c r="FOF692" s="613"/>
      <c r="FOG692" s="613"/>
      <c r="FOH692" s="613"/>
      <c r="FOI692" s="613"/>
      <c r="FOJ692" s="613"/>
      <c r="FOK692" s="613"/>
      <c r="FOL692" s="613"/>
      <c r="FOM692" s="613"/>
      <c r="FON692" s="613"/>
      <c r="FOO692" s="613"/>
      <c r="FOP692" s="613"/>
      <c r="FOQ692" s="613"/>
      <c r="FOR692" s="613"/>
      <c r="FOS692" s="613"/>
      <c r="FOT692" s="613"/>
      <c r="FOU692" s="613"/>
      <c r="FOV692" s="613"/>
      <c r="FOW692" s="613"/>
      <c r="FOX692" s="613"/>
      <c r="FOY692" s="613"/>
      <c r="FOZ692" s="613"/>
      <c r="FPA692" s="613"/>
      <c r="FPB692" s="613"/>
      <c r="FPC692" s="613"/>
      <c r="FPD692" s="613"/>
      <c r="FPE692" s="613"/>
      <c r="FPF692" s="613"/>
      <c r="FPG692" s="613"/>
      <c r="FPH692" s="613"/>
      <c r="FPI692" s="613"/>
      <c r="FPJ692" s="613"/>
      <c r="FPK692" s="613"/>
      <c r="FPL692" s="613"/>
      <c r="FPM692" s="613"/>
      <c r="FPN692" s="613"/>
      <c r="FPO692" s="613"/>
      <c r="FPP692" s="613"/>
      <c r="FPQ692" s="613"/>
      <c r="FPR692" s="613"/>
      <c r="FPS692" s="613"/>
      <c r="FPT692" s="613"/>
      <c r="FPU692" s="613"/>
      <c r="FPV692" s="613"/>
      <c r="FPW692" s="613"/>
      <c r="FPX692" s="613"/>
      <c r="FPY692" s="613"/>
      <c r="FPZ692" s="613"/>
      <c r="FQA692" s="613"/>
      <c r="FQB692" s="613"/>
      <c r="FQC692" s="613"/>
      <c r="FQD692" s="613"/>
      <c r="FQE692" s="613"/>
      <c r="FQF692" s="613"/>
      <c r="FQG692" s="613"/>
      <c r="FQH692" s="613"/>
      <c r="FQI692" s="613"/>
      <c r="FQJ692" s="613"/>
      <c r="FQK692" s="613"/>
      <c r="FQL692" s="613"/>
      <c r="FQM692" s="613"/>
      <c r="FQN692" s="613"/>
      <c r="FQO692" s="613"/>
      <c r="FQP692" s="613"/>
      <c r="FQQ692" s="613"/>
      <c r="FQR692" s="613"/>
      <c r="FQS692" s="613"/>
      <c r="FQT692" s="613"/>
      <c r="FQU692" s="613"/>
      <c r="FQV692" s="613"/>
      <c r="FQW692" s="613"/>
      <c r="FQX692" s="613"/>
      <c r="FQY692" s="613"/>
      <c r="FQZ692" s="613"/>
      <c r="FRA692" s="613"/>
      <c r="FRB692" s="613"/>
      <c r="FRC692" s="613"/>
      <c r="FRD692" s="613"/>
      <c r="FRE692" s="613"/>
      <c r="FRF692" s="613"/>
      <c r="FRG692" s="613"/>
      <c r="FRH692" s="613"/>
      <c r="FRI692" s="613"/>
      <c r="FRJ692" s="613"/>
      <c r="FRK692" s="613"/>
      <c r="FRL692" s="613"/>
      <c r="FRM692" s="613"/>
      <c r="FRN692" s="613"/>
      <c r="FRO692" s="613"/>
      <c r="FRP692" s="613"/>
      <c r="FRQ692" s="613"/>
      <c r="FRR692" s="613"/>
      <c r="FRS692" s="613"/>
      <c r="FRT692" s="613"/>
      <c r="FRU692" s="613"/>
      <c r="FRV692" s="613"/>
      <c r="FRW692" s="613"/>
      <c r="FRX692" s="613"/>
      <c r="FRY692" s="613"/>
      <c r="FRZ692" s="613"/>
      <c r="FSA692" s="613"/>
      <c r="FSB692" s="613"/>
      <c r="FSC692" s="613"/>
      <c r="FSD692" s="613"/>
      <c r="FSE692" s="613"/>
      <c r="FSF692" s="613"/>
      <c r="FSG692" s="613"/>
      <c r="FSH692" s="613"/>
      <c r="FSI692" s="613"/>
      <c r="FSJ692" s="613"/>
      <c r="FSK692" s="613"/>
      <c r="FSL692" s="613"/>
      <c r="FSM692" s="613"/>
      <c r="FSN692" s="613"/>
      <c r="FSO692" s="613"/>
      <c r="FSP692" s="613"/>
      <c r="FSQ692" s="613"/>
      <c r="FSR692" s="613"/>
      <c r="FSS692" s="613"/>
      <c r="FST692" s="613"/>
      <c r="FSU692" s="613"/>
      <c r="FSV692" s="613"/>
      <c r="FSW692" s="613"/>
      <c r="FSX692" s="613"/>
      <c r="FSY692" s="613"/>
      <c r="FSZ692" s="613"/>
      <c r="FTA692" s="613"/>
      <c r="FTB692" s="613"/>
      <c r="FTC692" s="613"/>
      <c r="FTD692" s="613"/>
      <c r="FTE692" s="613"/>
      <c r="FTF692" s="613"/>
      <c r="FTG692" s="613"/>
      <c r="FTH692" s="613"/>
      <c r="FTI692" s="613"/>
      <c r="FTJ692" s="613"/>
      <c r="FTK692" s="613"/>
      <c r="FTL692" s="613"/>
      <c r="FTM692" s="613"/>
      <c r="FTN692" s="613"/>
      <c r="FTO692" s="613"/>
      <c r="FTP692" s="613"/>
      <c r="FTQ692" s="613"/>
      <c r="FTR692" s="613"/>
      <c r="FTS692" s="613"/>
      <c r="FTT692" s="613"/>
      <c r="FTU692" s="613"/>
      <c r="FTV692" s="613"/>
      <c r="FTW692" s="613"/>
      <c r="FTX692" s="613"/>
      <c r="FTY692" s="613"/>
      <c r="FTZ692" s="613"/>
      <c r="FUA692" s="613"/>
      <c r="FUB692" s="613"/>
      <c r="FUC692" s="613"/>
      <c r="FUD692" s="613"/>
      <c r="FUE692" s="613"/>
      <c r="FUF692" s="613"/>
      <c r="FUG692" s="613"/>
      <c r="FUH692" s="613"/>
      <c r="FUI692" s="613"/>
      <c r="FUJ692" s="613"/>
      <c r="FUK692" s="613"/>
      <c r="FUL692" s="613"/>
      <c r="FUM692" s="613"/>
      <c r="FUN692" s="613"/>
      <c r="FUO692" s="613"/>
      <c r="FUP692" s="613"/>
      <c r="FUQ692" s="613"/>
      <c r="FUR692" s="613"/>
      <c r="FUS692" s="613"/>
      <c r="FUT692" s="613"/>
      <c r="FUU692" s="613"/>
      <c r="FUV692" s="613"/>
      <c r="FUW692" s="613"/>
      <c r="FUX692" s="613"/>
      <c r="FUY692" s="613"/>
      <c r="FUZ692" s="613"/>
      <c r="FVA692" s="613"/>
      <c r="FVB692" s="613"/>
      <c r="FVC692" s="613"/>
      <c r="FVD692" s="613"/>
      <c r="FVE692" s="613"/>
      <c r="FVF692" s="613"/>
      <c r="FVG692" s="613"/>
      <c r="FVH692" s="613"/>
      <c r="FVI692" s="613"/>
      <c r="FVJ692" s="613"/>
      <c r="FVK692" s="613"/>
      <c r="FVL692" s="613"/>
      <c r="FVM692" s="613"/>
      <c r="FVN692" s="613"/>
      <c r="FVO692" s="613"/>
      <c r="FVP692" s="613"/>
      <c r="FVQ692" s="613"/>
      <c r="FVR692" s="613"/>
      <c r="FVS692" s="613"/>
      <c r="FVT692" s="613"/>
      <c r="FVU692" s="613"/>
      <c r="FVV692" s="613"/>
      <c r="FVW692" s="613"/>
      <c r="FVX692" s="613"/>
      <c r="FVY692" s="613"/>
      <c r="FVZ692" s="613"/>
      <c r="FWA692" s="613"/>
      <c r="FWB692" s="613"/>
      <c r="FWC692" s="613"/>
      <c r="FWD692" s="613"/>
      <c r="FWE692" s="613"/>
      <c r="FWF692" s="613"/>
      <c r="FWG692" s="613"/>
      <c r="FWH692" s="613"/>
      <c r="FWI692" s="613"/>
      <c r="FWJ692" s="613"/>
      <c r="FWK692" s="613"/>
      <c r="FWL692" s="613"/>
      <c r="FWM692" s="613"/>
      <c r="FWN692" s="613"/>
      <c r="FWO692" s="613"/>
      <c r="FWP692" s="613"/>
      <c r="FWQ692" s="613"/>
      <c r="FWR692" s="613"/>
      <c r="FWS692" s="613"/>
      <c r="FWT692" s="613"/>
      <c r="FWU692" s="613"/>
      <c r="FWV692" s="613"/>
      <c r="FWW692" s="613"/>
      <c r="FWX692" s="613"/>
      <c r="FWY692" s="613"/>
      <c r="FWZ692" s="613"/>
      <c r="FXA692" s="613"/>
      <c r="FXB692" s="613"/>
      <c r="FXC692" s="613"/>
      <c r="FXD692" s="613"/>
      <c r="FXE692" s="613"/>
      <c r="FXF692" s="613"/>
      <c r="FXG692" s="613"/>
      <c r="FXH692" s="613"/>
      <c r="FXI692" s="613"/>
      <c r="FXJ692" s="613"/>
      <c r="FXK692" s="613"/>
      <c r="FXL692" s="613"/>
      <c r="FXM692" s="613"/>
      <c r="FXN692" s="613"/>
      <c r="FXO692" s="613"/>
      <c r="FXP692" s="613"/>
      <c r="FXQ692" s="613"/>
      <c r="FXR692" s="613"/>
      <c r="FXS692" s="613"/>
      <c r="FXT692" s="613"/>
      <c r="FXU692" s="613"/>
      <c r="FXV692" s="613"/>
      <c r="FXW692" s="613"/>
      <c r="FXX692" s="613"/>
      <c r="FXY692" s="613"/>
      <c r="FXZ692" s="613"/>
      <c r="FYA692" s="613"/>
      <c r="FYB692" s="613"/>
      <c r="FYC692" s="613"/>
      <c r="FYD692" s="613"/>
      <c r="FYE692" s="613"/>
      <c r="FYF692" s="613"/>
      <c r="FYG692" s="613"/>
      <c r="FYH692" s="613"/>
      <c r="FYI692" s="613"/>
      <c r="FYJ692" s="613"/>
      <c r="FYK692" s="613"/>
      <c r="FYL692" s="613"/>
      <c r="FYM692" s="613"/>
      <c r="FYN692" s="613"/>
      <c r="FYO692" s="613"/>
      <c r="FYP692" s="613"/>
      <c r="FYQ692" s="613"/>
      <c r="FYR692" s="613"/>
      <c r="FYS692" s="613"/>
      <c r="FYT692" s="613"/>
      <c r="FYU692" s="613"/>
      <c r="FYV692" s="613"/>
      <c r="FYW692" s="613"/>
      <c r="FYX692" s="613"/>
      <c r="FYY692" s="613"/>
      <c r="FYZ692" s="613"/>
      <c r="FZA692" s="613"/>
      <c r="FZB692" s="613"/>
      <c r="FZC692" s="613"/>
      <c r="FZD692" s="613"/>
      <c r="FZE692" s="613"/>
      <c r="FZF692" s="613"/>
      <c r="FZG692" s="613"/>
      <c r="FZH692" s="613"/>
      <c r="FZI692" s="613"/>
      <c r="FZJ692" s="613"/>
      <c r="FZK692" s="613"/>
      <c r="FZL692" s="613"/>
      <c r="FZM692" s="613"/>
      <c r="FZN692" s="613"/>
      <c r="FZO692" s="613"/>
      <c r="FZP692" s="613"/>
      <c r="FZQ692" s="613"/>
      <c r="FZR692" s="613"/>
      <c r="FZS692" s="613"/>
      <c r="FZT692" s="613"/>
      <c r="FZU692" s="613"/>
      <c r="FZV692" s="613"/>
      <c r="FZW692" s="613"/>
      <c r="FZX692" s="613"/>
      <c r="FZY692" s="613"/>
      <c r="FZZ692" s="613"/>
      <c r="GAA692" s="613"/>
      <c r="GAB692" s="613"/>
      <c r="GAC692" s="613"/>
      <c r="GAD692" s="613"/>
      <c r="GAE692" s="613"/>
      <c r="GAF692" s="613"/>
      <c r="GAG692" s="613"/>
      <c r="GAH692" s="613"/>
      <c r="GAI692" s="613"/>
      <c r="GAJ692" s="613"/>
      <c r="GAK692" s="613"/>
      <c r="GAL692" s="613"/>
      <c r="GAM692" s="613"/>
      <c r="GAN692" s="613"/>
      <c r="GAO692" s="613"/>
      <c r="GAP692" s="613"/>
      <c r="GAQ692" s="613"/>
      <c r="GAR692" s="613"/>
      <c r="GAS692" s="613"/>
      <c r="GAT692" s="613"/>
      <c r="GAU692" s="613"/>
      <c r="GAV692" s="613"/>
      <c r="GAW692" s="613"/>
      <c r="GAX692" s="613"/>
      <c r="GAY692" s="613"/>
      <c r="GAZ692" s="613"/>
      <c r="GBA692" s="613"/>
      <c r="GBB692" s="613"/>
      <c r="GBC692" s="613"/>
      <c r="GBD692" s="613"/>
      <c r="GBE692" s="613"/>
      <c r="GBF692" s="613"/>
      <c r="GBG692" s="613"/>
      <c r="GBH692" s="613"/>
      <c r="GBI692" s="613"/>
      <c r="GBJ692" s="613"/>
      <c r="GBK692" s="613"/>
      <c r="GBL692" s="613"/>
      <c r="GBM692" s="613"/>
      <c r="GBN692" s="613"/>
      <c r="GBO692" s="613"/>
      <c r="GBP692" s="613"/>
      <c r="GBQ692" s="613"/>
      <c r="GBR692" s="613"/>
      <c r="GBS692" s="613"/>
      <c r="GBT692" s="613"/>
      <c r="GBU692" s="613"/>
      <c r="GBV692" s="613"/>
      <c r="GBW692" s="613"/>
      <c r="GBX692" s="613"/>
      <c r="GBY692" s="613"/>
      <c r="GBZ692" s="613"/>
      <c r="GCA692" s="613"/>
      <c r="GCB692" s="613"/>
      <c r="GCC692" s="613"/>
      <c r="GCD692" s="613"/>
      <c r="GCE692" s="613"/>
      <c r="GCF692" s="613"/>
      <c r="GCG692" s="613"/>
      <c r="GCH692" s="613"/>
      <c r="GCI692" s="613"/>
      <c r="GCJ692" s="613"/>
      <c r="GCK692" s="613"/>
      <c r="GCL692" s="613"/>
      <c r="GCM692" s="613"/>
      <c r="GCN692" s="613"/>
      <c r="GCO692" s="613"/>
      <c r="GCP692" s="613"/>
      <c r="GCQ692" s="613"/>
      <c r="GCR692" s="613"/>
      <c r="GCS692" s="613"/>
      <c r="GCT692" s="613"/>
      <c r="GCU692" s="613"/>
      <c r="GCV692" s="613"/>
      <c r="GCW692" s="613"/>
      <c r="GCX692" s="613"/>
      <c r="GCY692" s="613"/>
      <c r="GCZ692" s="613"/>
      <c r="GDA692" s="613"/>
      <c r="GDB692" s="613"/>
      <c r="GDC692" s="613"/>
      <c r="GDD692" s="613"/>
      <c r="GDE692" s="613"/>
      <c r="GDF692" s="613"/>
      <c r="GDG692" s="613"/>
      <c r="GDH692" s="613"/>
      <c r="GDI692" s="613"/>
      <c r="GDJ692" s="613"/>
      <c r="GDK692" s="613"/>
      <c r="GDL692" s="613"/>
      <c r="GDM692" s="613"/>
      <c r="GDN692" s="613"/>
      <c r="GDO692" s="613"/>
      <c r="GDP692" s="613"/>
      <c r="GDQ692" s="613"/>
      <c r="GDR692" s="613"/>
      <c r="GDS692" s="613"/>
      <c r="GDT692" s="613"/>
      <c r="GDU692" s="613"/>
      <c r="GDV692" s="613"/>
      <c r="GDW692" s="613"/>
      <c r="GDX692" s="613"/>
      <c r="GDY692" s="613"/>
      <c r="GDZ692" s="613"/>
      <c r="GEA692" s="613"/>
      <c r="GEB692" s="613"/>
      <c r="GEC692" s="613"/>
      <c r="GED692" s="613"/>
      <c r="GEE692" s="613"/>
      <c r="GEF692" s="613"/>
      <c r="GEG692" s="613"/>
      <c r="GEH692" s="613"/>
      <c r="GEI692" s="613"/>
      <c r="GEJ692" s="613"/>
      <c r="GEK692" s="613"/>
      <c r="GEL692" s="613"/>
      <c r="GEM692" s="613"/>
      <c r="GEN692" s="613"/>
      <c r="GEO692" s="613"/>
      <c r="GEP692" s="613"/>
      <c r="GEQ692" s="613"/>
      <c r="GER692" s="613"/>
      <c r="GES692" s="613"/>
      <c r="GET692" s="613"/>
      <c r="GEU692" s="613"/>
      <c r="GEV692" s="613"/>
      <c r="GEW692" s="613"/>
      <c r="GEX692" s="613"/>
      <c r="GEY692" s="613"/>
      <c r="GEZ692" s="613"/>
      <c r="GFA692" s="613"/>
      <c r="GFB692" s="613"/>
      <c r="GFC692" s="613"/>
      <c r="GFD692" s="613"/>
      <c r="GFE692" s="613"/>
      <c r="GFF692" s="613"/>
      <c r="GFG692" s="613"/>
      <c r="GFH692" s="613"/>
      <c r="GFI692" s="613"/>
      <c r="GFJ692" s="613"/>
      <c r="GFK692" s="613"/>
      <c r="GFL692" s="613"/>
      <c r="GFM692" s="613"/>
      <c r="GFN692" s="613"/>
      <c r="GFO692" s="613"/>
      <c r="GFP692" s="613"/>
      <c r="GFQ692" s="613"/>
      <c r="GFR692" s="613"/>
      <c r="GFS692" s="613"/>
      <c r="GFT692" s="613"/>
      <c r="GFU692" s="613"/>
      <c r="GFV692" s="613"/>
      <c r="GFW692" s="613"/>
      <c r="GFX692" s="613"/>
      <c r="GFY692" s="613"/>
      <c r="GFZ692" s="613"/>
      <c r="GGA692" s="613"/>
      <c r="GGB692" s="613"/>
      <c r="GGC692" s="613"/>
      <c r="GGD692" s="613"/>
      <c r="GGE692" s="613"/>
      <c r="GGF692" s="613"/>
      <c r="GGG692" s="613"/>
      <c r="GGH692" s="613"/>
      <c r="GGI692" s="613"/>
      <c r="GGJ692" s="613"/>
      <c r="GGK692" s="613"/>
      <c r="GGL692" s="613"/>
      <c r="GGM692" s="613"/>
      <c r="GGN692" s="613"/>
      <c r="GGO692" s="613"/>
      <c r="GGP692" s="613"/>
      <c r="GGQ692" s="613"/>
      <c r="GGR692" s="613"/>
      <c r="GGS692" s="613"/>
      <c r="GGT692" s="613"/>
      <c r="GGU692" s="613"/>
      <c r="GGV692" s="613"/>
      <c r="GGW692" s="613"/>
      <c r="GGX692" s="613"/>
      <c r="GGY692" s="613"/>
      <c r="GGZ692" s="613"/>
      <c r="GHA692" s="613"/>
      <c r="GHB692" s="613"/>
      <c r="GHC692" s="613"/>
      <c r="GHD692" s="613"/>
      <c r="GHE692" s="613"/>
      <c r="GHF692" s="613"/>
      <c r="GHG692" s="613"/>
      <c r="GHH692" s="613"/>
      <c r="GHI692" s="613"/>
      <c r="GHJ692" s="613"/>
      <c r="GHK692" s="613"/>
      <c r="GHL692" s="613"/>
      <c r="GHM692" s="613"/>
      <c r="GHN692" s="613"/>
      <c r="GHO692" s="613"/>
      <c r="GHP692" s="613"/>
      <c r="GHQ692" s="613"/>
      <c r="GHR692" s="613"/>
      <c r="GHS692" s="613"/>
      <c r="GHT692" s="613"/>
      <c r="GHU692" s="613"/>
      <c r="GHV692" s="613"/>
      <c r="GHW692" s="613"/>
      <c r="GHX692" s="613"/>
      <c r="GHY692" s="613"/>
      <c r="GHZ692" s="613"/>
      <c r="GIA692" s="613"/>
      <c r="GIB692" s="613"/>
      <c r="GIC692" s="613"/>
      <c r="GID692" s="613"/>
      <c r="GIE692" s="613"/>
      <c r="GIF692" s="613"/>
      <c r="GIG692" s="613"/>
      <c r="GIH692" s="613"/>
      <c r="GII692" s="613"/>
      <c r="GIJ692" s="613"/>
      <c r="GIK692" s="613"/>
      <c r="GIL692" s="613"/>
      <c r="GIM692" s="613"/>
      <c r="GIN692" s="613"/>
      <c r="GIO692" s="613"/>
      <c r="GIP692" s="613"/>
      <c r="GIQ692" s="613"/>
      <c r="GIR692" s="613"/>
      <c r="GIS692" s="613"/>
      <c r="GIT692" s="613"/>
      <c r="GIU692" s="613"/>
      <c r="GIV692" s="613"/>
      <c r="GIW692" s="613"/>
      <c r="GIX692" s="613"/>
      <c r="GIY692" s="613"/>
      <c r="GIZ692" s="613"/>
      <c r="GJA692" s="613"/>
      <c r="GJB692" s="613"/>
      <c r="GJC692" s="613"/>
      <c r="GJD692" s="613"/>
      <c r="GJE692" s="613"/>
      <c r="GJF692" s="613"/>
      <c r="GJG692" s="613"/>
      <c r="GJH692" s="613"/>
      <c r="GJI692" s="613"/>
      <c r="GJJ692" s="613"/>
      <c r="GJK692" s="613"/>
      <c r="GJL692" s="613"/>
      <c r="GJM692" s="613"/>
      <c r="GJN692" s="613"/>
      <c r="GJO692" s="613"/>
      <c r="GJP692" s="613"/>
      <c r="GJQ692" s="613"/>
      <c r="GJR692" s="613"/>
      <c r="GJS692" s="613"/>
      <c r="GJT692" s="613"/>
      <c r="GJU692" s="613"/>
      <c r="GJV692" s="613"/>
      <c r="GJW692" s="613"/>
      <c r="GJX692" s="613"/>
      <c r="GJY692" s="613"/>
      <c r="GJZ692" s="613"/>
      <c r="GKA692" s="613"/>
      <c r="GKB692" s="613"/>
      <c r="GKC692" s="613"/>
      <c r="GKD692" s="613"/>
      <c r="GKE692" s="613"/>
      <c r="GKF692" s="613"/>
      <c r="GKG692" s="613"/>
      <c r="GKH692" s="613"/>
      <c r="GKI692" s="613"/>
      <c r="GKJ692" s="613"/>
      <c r="GKK692" s="613"/>
      <c r="GKL692" s="613"/>
      <c r="GKM692" s="613"/>
      <c r="GKN692" s="613"/>
      <c r="GKO692" s="613"/>
      <c r="GKP692" s="613"/>
      <c r="GKQ692" s="613"/>
      <c r="GKR692" s="613"/>
      <c r="GKS692" s="613"/>
      <c r="GKT692" s="613"/>
      <c r="GKU692" s="613"/>
      <c r="GKV692" s="613"/>
      <c r="GKW692" s="613"/>
      <c r="GKX692" s="613"/>
      <c r="GKY692" s="613"/>
      <c r="GKZ692" s="613"/>
      <c r="GLA692" s="613"/>
      <c r="GLB692" s="613"/>
      <c r="GLC692" s="613"/>
      <c r="GLD692" s="613"/>
      <c r="GLE692" s="613"/>
      <c r="GLF692" s="613"/>
      <c r="GLG692" s="613"/>
      <c r="GLH692" s="613"/>
      <c r="GLI692" s="613"/>
      <c r="GLJ692" s="613"/>
      <c r="GLK692" s="613"/>
      <c r="GLL692" s="613"/>
      <c r="GLM692" s="613"/>
      <c r="GLN692" s="613"/>
      <c r="GLO692" s="613"/>
      <c r="GLP692" s="613"/>
      <c r="GLQ692" s="613"/>
      <c r="GLR692" s="613"/>
      <c r="GLS692" s="613"/>
      <c r="GLT692" s="613"/>
      <c r="GLU692" s="613"/>
      <c r="GLV692" s="613"/>
      <c r="GLW692" s="613"/>
      <c r="GLX692" s="613"/>
      <c r="GLY692" s="613"/>
      <c r="GLZ692" s="613"/>
      <c r="GMA692" s="613"/>
      <c r="GMB692" s="613"/>
      <c r="GMC692" s="613"/>
      <c r="GMD692" s="613"/>
      <c r="GME692" s="613"/>
      <c r="GMF692" s="613"/>
      <c r="GMG692" s="613"/>
      <c r="GMH692" s="613"/>
      <c r="GMI692" s="613"/>
      <c r="GMJ692" s="613"/>
      <c r="GMK692" s="613"/>
      <c r="GML692" s="613"/>
      <c r="GMM692" s="613"/>
      <c r="GMN692" s="613"/>
      <c r="GMO692" s="613"/>
      <c r="GMP692" s="613"/>
      <c r="GMQ692" s="613"/>
      <c r="GMR692" s="613"/>
      <c r="GMS692" s="613"/>
      <c r="GMT692" s="613"/>
      <c r="GMU692" s="613"/>
      <c r="GMV692" s="613"/>
      <c r="GMW692" s="613"/>
      <c r="GMX692" s="613"/>
      <c r="GMY692" s="613"/>
      <c r="GMZ692" s="613"/>
      <c r="GNA692" s="613"/>
      <c r="GNB692" s="613"/>
      <c r="GNC692" s="613"/>
      <c r="GND692" s="613"/>
      <c r="GNE692" s="613"/>
      <c r="GNF692" s="613"/>
      <c r="GNG692" s="613"/>
      <c r="GNH692" s="613"/>
      <c r="GNI692" s="613"/>
      <c r="GNJ692" s="613"/>
      <c r="GNK692" s="613"/>
      <c r="GNL692" s="613"/>
      <c r="GNM692" s="613"/>
      <c r="GNN692" s="613"/>
      <c r="GNO692" s="613"/>
      <c r="GNP692" s="613"/>
      <c r="GNQ692" s="613"/>
      <c r="GNR692" s="613"/>
      <c r="GNS692" s="613"/>
      <c r="GNT692" s="613"/>
      <c r="GNU692" s="613"/>
      <c r="GNV692" s="613"/>
      <c r="GNW692" s="613"/>
      <c r="GNX692" s="613"/>
      <c r="GNY692" s="613"/>
      <c r="GNZ692" s="613"/>
      <c r="GOA692" s="613"/>
      <c r="GOB692" s="613"/>
      <c r="GOC692" s="613"/>
      <c r="GOD692" s="613"/>
      <c r="GOE692" s="613"/>
      <c r="GOF692" s="613"/>
      <c r="GOG692" s="613"/>
      <c r="GOH692" s="613"/>
      <c r="GOI692" s="613"/>
      <c r="GOJ692" s="613"/>
      <c r="GOK692" s="613"/>
      <c r="GOL692" s="613"/>
      <c r="GOM692" s="613"/>
      <c r="GON692" s="613"/>
      <c r="GOO692" s="613"/>
      <c r="GOP692" s="613"/>
      <c r="GOQ692" s="613"/>
      <c r="GOR692" s="613"/>
      <c r="GOS692" s="613"/>
      <c r="GOT692" s="613"/>
      <c r="GOU692" s="613"/>
      <c r="GOV692" s="613"/>
      <c r="GOW692" s="613"/>
      <c r="GOX692" s="613"/>
      <c r="GOY692" s="613"/>
      <c r="GOZ692" s="613"/>
      <c r="GPA692" s="613"/>
      <c r="GPB692" s="613"/>
      <c r="GPC692" s="613"/>
      <c r="GPD692" s="613"/>
      <c r="GPE692" s="613"/>
      <c r="GPF692" s="613"/>
      <c r="GPG692" s="613"/>
      <c r="GPH692" s="613"/>
      <c r="GPI692" s="613"/>
      <c r="GPJ692" s="613"/>
      <c r="GPK692" s="613"/>
      <c r="GPL692" s="613"/>
      <c r="GPM692" s="613"/>
      <c r="GPN692" s="613"/>
      <c r="GPO692" s="613"/>
      <c r="GPP692" s="613"/>
      <c r="GPQ692" s="613"/>
      <c r="GPR692" s="613"/>
      <c r="GPS692" s="613"/>
      <c r="GPT692" s="613"/>
      <c r="GPU692" s="613"/>
      <c r="GPV692" s="613"/>
      <c r="GPW692" s="613"/>
      <c r="GPX692" s="613"/>
      <c r="GPY692" s="613"/>
      <c r="GPZ692" s="613"/>
      <c r="GQA692" s="613"/>
      <c r="GQB692" s="613"/>
      <c r="GQC692" s="613"/>
      <c r="GQD692" s="613"/>
      <c r="GQE692" s="613"/>
      <c r="GQF692" s="613"/>
      <c r="GQG692" s="613"/>
      <c r="GQH692" s="613"/>
      <c r="GQI692" s="613"/>
      <c r="GQJ692" s="613"/>
      <c r="GQK692" s="613"/>
      <c r="GQL692" s="613"/>
      <c r="GQM692" s="613"/>
      <c r="GQN692" s="613"/>
      <c r="GQO692" s="613"/>
      <c r="GQP692" s="613"/>
      <c r="GQQ692" s="613"/>
      <c r="GQR692" s="613"/>
      <c r="GQS692" s="613"/>
      <c r="GQT692" s="613"/>
      <c r="GQU692" s="613"/>
      <c r="GQV692" s="613"/>
      <c r="GQW692" s="613"/>
      <c r="GQX692" s="613"/>
      <c r="GQY692" s="613"/>
      <c r="GQZ692" s="613"/>
      <c r="GRA692" s="613"/>
      <c r="GRB692" s="613"/>
      <c r="GRC692" s="613"/>
      <c r="GRD692" s="613"/>
      <c r="GRE692" s="613"/>
      <c r="GRF692" s="613"/>
      <c r="GRG692" s="613"/>
      <c r="GRH692" s="613"/>
      <c r="GRI692" s="613"/>
      <c r="GRJ692" s="613"/>
      <c r="GRK692" s="613"/>
      <c r="GRL692" s="613"/>
      <c r="GRM692" s="613"/>
      <c r="GRN692" s="613"/>
      <c r="GRO692" s="613"/>
      <c r="GRP692" s="613"/>
      <c r="GRQ692" s="613"/>
      <c r="GRR692" s="613"/>
      <c r="GRS692" s="613"/>
      <c r="GRT692" s="613"/>
      <c r="GRU692" s="613"/>
      <c r="GRV692" s="613"/>
      <c r="GRW692" s="613"/>
      <c r="GRX692" s="613"/>
      <c r="GRY692" s="613"/>
      <c r="GRZ692" s="613"/>
      <c r="GSA692" s="613"/>
      <c r="GSB692" s="613"/>
      <c r="GSC692" s="613"/>
      <c r="GSD692" s="613"/>
      <c r="GSE692" s="613"/>
      <c r="GSF692" s="613"/>
      <c r="GSG692" s="613"/>
      <c r="GSH692" s="613"/>
      <c r="GSI692" s="613"/>
      <c r="GSJ692" s="613"/>
      <c r="GSK692" s="613"/>
      <c r="GSL692" s="613"/>
      <c r="GSM692" s="613"/>
      <c r="GSN692" s="613"/>
      <c r="GSO692" s="613"/>
      <c r="GSP692" s="613"/>
      <c r="GSQ692" s="613"/>
      <c r="GSR692" s="613"/>
      <c r="GSS692" s="613"/>
      <c r="GST692" s="613"/>
      <c r="GSU692" s="613"/>
      <c r="GSV692" s="613"/>
      <c r="GSW692" s="613"/>
      <c r="GSX692" s="613"/>
      <c r="GSY692" s="613"/>
      <c r="GSZ692" s="613"/>
      <c r="GTA692" s="613"/>
      <c r="GTB692" s="613"/>
      <c r="GTC692" s="613"/>
      <c r="GTD692" s="613"/>
      <c r="GTE692" s="613"/>
      <c r="GTF692" s="613"/>
      <c r="GTG692" s="613"/>
      <c r="GTH692" s="613"/>
      <c r="GTI692" s="613"/>
      <c r="GTJ692" s="613"/>
      <c r="GTK692" s="613"/>
      <c r="GTL692" s="613"/>
      <c r="GTM692" s="613"/>
      <c r="GTN692" s="613"/>
      <c r="GTO692" s="613"/>
      <c r="GTP692" s="613"/>
      <c r="GTQ692" s="613"/>
      <c r="GTR692" s="613"/>
      <c r="GTS692" s="613"/>
      <c r="GTT692" s="613"/>
      <c r="GTU692" s="613"/>
      <c r="GTV692" s="613"/>
      <c r="GTW692" s="613"/>
      <c r="GTX692" s="613"/>
      <c r="GTY692" s="613"/>
      <c r="GTZ692" s="613"/>
      <c r="GUA692" s="613"/>
      <c r="GUB692" s="613"/>
      <c r="GUC692" s="613"/>
      <c r="GUD692" s="613"/>
      <c r="GUE692" s="613"/>
      <c r="GUF692" s="613"/>
      <c r="GUG692" s="613"/>
      <c r="GUH692" s="613"/>
      <c r="GUI692" s="613"/>
      <c r="GUJ692" s="613"/>
      <c r="GUK692" s="613"/>
      <c r="GUL692" s="613"/>
      <c r="GUM692" s="613"/>
      <c r="GUN692" s="613"/>
      <c r="GUO692" s="613"/>
      <c r="GUP692" s="613"/>
      <c r="GUQ692" s="613"/>
      <c r="GUR692" s="613"/>
      <c r="GUS692" s="613"/>
      <c r="GUT692" s="613"/>
      <c r="GUU692" s="613"/>
      <c r="GUV692" s="613"/>
      <c r="GUW692" s="613"/>
      <c r="GUX692" s="613"/>
      <c r="GUY692" s="613"/>
      <c r="GUZ692" s="613"/>
      <c r="GVA692" s="613"/>
      <c r="GVB692" s="613"/>
      <c r="GVC692" s="613"/>
      <c r="GVD692" s="613"/>
      <c r="GVE692" s="613"/>
      <c r="GVF692" s="613"/>
      <c r="GVG692" s="613"/>
      <c r="GVH692" s="613"/>
      <c r="GVI692" s="613"/>
      <c r="GVJ692" s="613"/>
      <c r="GVK692" s="613"/>
      <c r="GVL692" s="613"/>
      <c r="GVM692" s="613"/>
      <c r="GVN692" s="613"/>
      <c r="GVO692" s="613"/>
      <c r="GVP692" s="613"/>
      <c r="GVQ692" s="613"/>
      <c r="GVR692" s="613"/>
      <c r="GVS692" s="613"/>
      <c r="GVT692" s="613"/>
      <c r="GVU692" s="613"/>
      <c r="GVV692" s="613"/>
      <c r="GVW692" s="613"/>
      <c r="GVX692" s="613"/>
      <c r="GVY692" s="613"/>
      <c r="GVZ692" s="613"/>
      <c r="GWA692" s="613"/>
      <c r="GWB692" s="613"/>
      <c r="GWC692" s="613"/>
      <c r="GWD692" s="613"/>
      <c r="GWE692" s="613"/>
      <c r="GWF692" s="613"/>
      <c r="GWG692" s="613"/>
      <c r="GWH692" s="613"/>
      <c r="GWI692" s="613"/>
      <c r="GWJ692" s="613"/>
      <c r="GWK692" s="613"/>
      <c r="GWL692" s="613"/>
      <c r="GWM692" s="613"/>
      <c r="GWN692" s="613"/>
      <c r="GWO692" s="613"/>
      <c r="GWP692" s="613"/>
      <c r="GWQ692" s="613"/>
      <c r="GWR692" s="613"/>
      <c r="GWS692" s="613"/>
      <c r="GWT692" s="613"/>
      <c r="GWU692" s="613"/>
      <c r="GWV692" s="613"/>
      <c r="GWW692" s="613"/>
      <c r="GWX692" s="613"/>
      <c r="GWY692" s="613"/>
      <c r="GWZ692" s="613"/>
      <c r="GXA692" s="613"/>
      <c r="GXB692" s="613"/>
      <c r="GXC692" s="613"/>
      <c r="GXD692" s="613"/>
      <c r="GXE692" s="613"/>
      <c r="GXF692" s="613"/>
      <c r="GXG692" s="613"/>
      <c r="GXH692" s="613"/>
      <c r="GXI692" s="613"/>
      <c r="GXJ692" s="613"/>
      <c r="GXK692" s="613"/>
      <c r="GXL692" s="613"/>
      <c r="GXM692" s="613"/>
      <c r="GXN692" s="613"/>
      <c r="GXO692" s="613"/>
      <c r="GXP692" s="613"/>
      <c r="GXQ692" s="613"/>
      <c r="GXR692" s="613"/>
      <c r="GXS692" s="613"/>
      <c r="GXT692" s="613"/>
      <c r="GXU692" s="613"/>
      <c r="GXV692" s="613"/>
      <c r="GXW692" s="613"/>
      <c r="GXX692" s="613"/>
      <c r="GXY692" s="613"/>
      <c r="GXZ692" s="613"/>
      <c r="GYA692" s="613"/>
      <c r="GYB692" s="613"/>
      <c r="GYC692" s="613"/>
      <c r="GYD692" s="613"/>
      <c r="GYE692" s="613"/>
      <c r="GYF692" s="613"/>
      <c r="GYG692" s="613"/>
      <c r="GYH692" s="613"/>
      <c r="GYI692" s="613"/>
      <c r="GYJ692" s="613"/>
      <c r="GYK692" s="613"/>
      <c r="GYL692" s="613"/>
      <c r="GYM692" s="613"/>
      <c r="GYN692" s="613"/>
      <c r="GYO692" s="613"/>
      <c r="GYP692" s="613"/>
      <c r="GYQ692" s="613"/>
      <c r="GYR692" s="613"/>
      <c r="GYS692" s="613"/>
      <c r="GYT692" s="613"/>
      <c r="GYU692" s="613"/>
      <c r="GYV692" s="613"/>
      <c r="GYW692" s="613"/>
      <c r="GYX692" s="613"/>
      <c r="GYY692" s="613"/>
      <c r="GYZ692" s="613"/>
      <c r="GZA692" s="613"/>
      <c r="GZB692" s="613"/>
      <c r="GZC692" s="613"/>
      <c r="GZD692" s="613"/>
      <c r="GZE692" s="613"/>
      <c r="GZF692" s="613"/>
      <c r="GZG692" s="613"/>
      <c r="GZH692" s="613"/>
      <c r="GZI692" s="613"/>
      <c r="GZJ692" s="613"/>
      <c r="GZK692" s="613"/>
      <c r="GZL692" s="613"/>
      <c r="GZM692" s="613"/>
      <c r="GZN692" s="613"/>
      <c r="GZO692" s="613"/>
      <c r="GZP692" s="613"/>
      <c r="GZQ692" s="613"/>
      <c r="GZR692" s="613"/>
      <c r="GZS692" s="613"/>
      <c r="GZT692" s="613"/>
      <c r="GZU692" s="613"/>
      <c r="GZV692" s="613"/>
      <c r="GZW692" s="613"/>
      <c r="GZX692" s="613"/>
      <c r="GZY692" s="613"/>
      <c r="GZZ692" s="613"/>
      <c r="HAA692" s="613"/>
      <c r="HAB692" s="613"/>
      <c r="HAC692" s="613"/>
      <c r="HAD692" s="613"/>
      <c r="HAE692" s="613"/>
      <c r="HAF692" s="613"/>
      <c r="HAG692" s="613"/>
      <c r="HAH692" s="613"/>
      <c r="HAI692" s="613"/>
      <c r="HAJ692" s="613"/>
      <c r="HAK692" s="613"/>
      <c r="HAL692" s="613"/>
      <c r="HAM692" s="613"/>
      <c r="HAN692" s="613"/>
      <c r="HAO692" s="613"/>
      <c r="HAP692" s="613"/>
      <c r="HAQ692" s="613"/>
      <c r="HAR692" s="613"/>
      <c r="HAS692" s="613"/>
      <c r="HAT692" s="613"/>
      <c r="HAU692" s="613"/>
      <c r="HAV692" s="613"/>
      <c r="HAW692" s="613"/>
      <c r="HAX692" s="613"/>
      <c r="HAY692" s="613"/>
      <c r="HAZ692" s="613"/>
      <c r="HBA692" s="613"/>
      <c r="HBB692" s="613"/>
      <c r="HBC692" s="613"/>
      <c r="HBD692" s="613"/>
      <c r="HBE692" s="613"/>
      <c r="HBF692" s="613"/>
      <c r="HBG692" s="613"/>
      <c r="HBH692" s="613"/>
      <c r="HBI692" s="613"/>
      <c r="HBJ692" s="613"/>
      <c r="HBK692" s="613"/>
      <c r="HBL692" s="613"/>
      <c r="HBM692" s="613"/>
      <c r="HBN692" s="613"/>
      <c r="HBO692" s="613"/>
      <c r="HBP692" s="613"/>
      <c r="HBQ692" s="613"/>
      <c r="HBR692" s="613"/>
      <c r="HBS692" s="613"/>
      <c r="HBT692" s="613"/>
      <c r="HBU692" s="613"/>
      <c r="HBV692" s="613"/>
      <c r="HBW692" s="613"/>
      <c r="HBX692" s="613"/>
      <c r="HBY692" s="613"/>
      <c r="HBZ692" s="613"/>
      <c r="HCA692" s="613"/>
      <c r="HCB692" s="613"/>
      <c r="HCC692" s="613"/>
      <c r="HCD692" s="613"/>
      <c r="HCE692" s="613"/>
      <c r="HCF692" s="613"/>
      <c r="HCG692" s="613"/>
      <c r="HCH692" s="613"/>
      <c r="HCI692" s="613"/>
      <c r="HCJ692" s="613"/>
      <c r="HCK692" s="613"/>
      <c r="HCL692" s="613"/>
      <c r="HCM692" s="613"/>
      <c r="HCN692" s="613"/>
      <c r="HCO692" s="613"/>
      <c r="HCP692" s="613"/>
      <c r="HCQ692" s="613"/>
      <c r="HCR692" s="613"/>
      <c r="HCS692" s="613"/>
      <c r="HCT692" s="613"/>
      <c r="HCU692" s="613"/>
      <c r="HCV692" s="613"/>
      <c r="HCW692" s="613"/>
      <c r="HCX692" s="613"/>
      <c r="HCY692" s="613"/>
      <c r="HCZ692" s="613"/>
      <c r="HDA692" s="613"/>
      <c r="HDB692" s="613"/>
      <c r="HDC692" s="613"/>
      <c r="HDD692" s="613"/>
      <c r="HDE692" s="613"/>
      <c r="HDF692" s="613"/>
      <c r="HDG692" s="613"/>
      <c r="HDH692" s="613"/>
      <c r="HDI692" s="613"/>
      <c r="HDJ692" s="613"/>
      <c r="HDK692" s="613"/>
      <c r="HDL692" s="613"/>
      <c r="HDM692" s="613"/>
      <c r="HDN692" s="613"/>
      <c r="HDO692" s="613"/>
      <c r="HDP692" s="613"/>
      <c r="HDQ692" s="613"/>
      <c r="HDR692" s="613"/>
      <c r="HDS692" s="613"/>
      <c r="HDT692" s="613"/>
      <c r="HDU692" s="613"/>
      <c r="HDV692" s="613"/>
      <c r="HDW692" s="613"/>
      <c r="HDX692" s="613"/>
      <c r="HDY692" s="613"/>
      <c r="HDZ692" s="613"/>
      <c r="HEA692" s="613"/>
      <c r="HEB692" s="613"/>
      <c r="HEC692" s="613"/>
      <c r="HED692" s="613"/>
      <c r="HEE692" s="613"/>
      <c r="HEF692" s="613"/>
      <c r="HEG692" s="613"/>
      <c r="HEH692" s="613"/>
      <c r="HEI692" s="613"/>
      <c r="HEJ692" s="613"/>
      <c r="HEK692" s="613"/>
      <c r="HEL692" s="613"/>
      <c r="HEM692" s="613"/>
      <c r="HEN692" s="613"/>
      <c r="HEO692" s="613"/>
      <c r="HEP692" s="613"/>
      <c r="HEQ692" s="613"/>
      <c r="HER692" s="613"/>
      <c r="HES692" s="613"/>
      <c r="HET692" s="613"/>
      <c r="HEU692" s="613"/>
      <c r="HEV692" s="613"/>
      <c r="HEW692" s="613"/>
      <c r="HEX692" s="613"/>
      <c r="HEY692" s="613"/>
      <c r="HEZ692" s="613"/>
      <c r="HFA692" s="613"/>
      <c r="HFB692" s="613"/>
      <c r="HFC692" s="613"/>
      <c r="HFD692" s="613"/>
      <c r="HFE692" s="613"/>
      <c r="HFF692" s="613"/>
      <c r="HFG692" s="613"/>
      <c r="HFH692" s="613"/>
      <c r="HFI692" s="613"/>
      <c r="HFJ692" s="613"/>
      <c r="HFK692" s="613"/>
      <c r="HFL692" s="613"/>
      <c r="HFM692" s="613"/>
      <c r="HFN692" s="613"/>
      <c r="HFO692" s="613"/>
      <c r="HFP692" s="613"/>
      <c r="HFQ692" s="613"/>
      <c r="HFR692" s="613"/>
      <c r="HFS692" s="613"/>
      <c r="HFT692" s="613"/>
      <c r="HFU692" s="613"/>
      <c r="HFV692" s="613"/>
      <c r="HFW692" s="613"/>
      <c r="HFX692" s="613"/>
      <c r="HFY692" s="613"/>
      <c r="HFZ692" s="613"/>
      <c r="HGA692" s="613"/>
      <c r="HGB692" s="613"/>
      <c r="HGC692" s="613"/>
      <c r="HGD692" s="613"/>
      <c r="HGE692" s="613"/>
      <c r="HGF692" s="613"/>
      <c r="HGG692" s="613"/>
      <c r="HGH692" s="613"/>
      <c r="HGI692" s="613"/>
      <c r="HGJ692" s="613"/>
      <c r="HGK692" s="613"/>
      <c r="HGL692" s="613"/>
      <c r="HGM692" s="613"/>
      <c r="HGN692" s="613"/>
      <c r="HGO692" s="613"/>
      <c r="HGP692" s="613"/>
      <c r="HGQ692" s="613"/>
      <c r="HGR692" s="613"/>
      <c r="HGS692" s="613"/>
      <c r="HGT692" s="613"/>
      <c r="HGU692" s="613"/>
      <c r="HGV692" s="613"/>
      <c r="HGW692" s="613"/>
      <c r="HGX692" s="613"/>
      <c r="HGY692" s="613"/>
      <c r="HGZ692" s="613"/>
      <c r="HHA692" s="613"/>
      <c r="HHB692" s="613"/>
      <c r="HHC692" s="613"/>
      <c r="HHD692" s="613"/>
      <c r="HHE692" s="613"/>
      <c r="HHF692" s="613"/>
      <c r="HHG692" s="613"/>
      <c r="HHH692" s="613"/>
      <c r="HHI692" s="613"/>
      <c r="HHJ692" s="613"/>
      <c r="HHK692" s="613"/>
      <c r="HHL692" s="613"/>
      <c r="HHM692" s="613"/>
      <c r="HHN692" s="613"/>
      <c r="HHO692" s="613"/>
      <c r="HHP692" s="613"/>
      <c r="HHQ692" s="613"/>
      <c r="HHR692" s="613"/>
      <c r="HHS692" s="613"/>
      <c r="HHT692" s="613"/>
      <c r="HHU692" s="613"/>
      <c r="HHV692" s="613"/>
      <c r="HHW692" s="613"/>
      <c r="HHX692" s="613"/>
      <c r="HHY692" s="613"/>
      <c r="HHZ692" s="613"/>
      <c r="HIA692" s="613"/>
      <c r="HIB692" s="613"/>
      <c r="HIC692" s="613"/>
      <c r="HID692" s="613"/>
      <c r="HIE692" s="613"/>
      <c r="HIF692" s="613"/>
      <c r="HIG692" s="613"/>
      <c r="HIH692" s="613"/>
      <c r="HII692" s="613"/>
      <c r="HIJ692" s="613"/>
      <c r="HIK692" s="613"/>
      <c r="HIL692" s="613"/>
      <c r="HIM692" s="613"/>
      <c r="HIN692" s="613"/>
      <c r="HIO692" s="613"/>
      <c r="HIP692" s="613"/>
      <c r="HIQ692" s="613"/>
      <c r="HIR692" s="613"/>
      <c r="HIS692" s="613"/>
      <c r="HIT692" s="613"/>
      <c r="HIU692" s="613"/>
      <c r="HIV692" s="613"/>
      <c r="HIW692" s="613"/>
      <c r="HIX692" s="613"/>
      <c r="HIY692" s="613"/>
      <c r="HIZ692" s="613"/>
      <c r="HJA692" s="613"/>
      <c r="HJB692" s="613"/>
      <c r="HJC692" s="613"/>
      <c r="HJD692" s="613"/>
      <c r="HJE692" s="613"/>
      <c r="HJF692" s="613"/>
      <c r="HJG692" s="613"/>
      <c r="HJH692" s="613"/>
      <c r="HJI692" s="613"/>
      <c r="HJJ692" s="613"/>
      <c r="HJK692" s="613"/>
      <c r="HJL692" s="613"/>
      <c r="HJM692" s="613"/>
      <c r="HJN692" s="613"/>
      <c r="HJO692" s="613"/>
      <c r="HJP692" s="613"/>
      <c r="HJQ692" s="613"/>
      <c r="HJR692" s="613"/>
      <c r="HJS692" s="613"/>
      <c r="HJT692" s="613"/>
      <c r="HJU692" s="613"/>
      <c r="HJV692" s="613"/>
      <c r="HJW692" s="613"/>
      <c r="HJX692" s="613"/>
      <c r="HJY692" s="613"/>
      <c r="HJZ692" s="613"/>
      <c r="HKA692" s="613"/>
      <c r="HKB692" s="613"/>
      <c r="HKC692" s="613"/>
      <c r="HKD692" s="613"/>
      <c r="HKE692" s="613"/>
      <c r="HKF692" s="613"/>
      <c r="HKG692" s="613"/>
      <c r="HKH692" s="613"/>
      <c r="HKI692" s="613"/>
      <c r="HKJ692" s="613"/>
      <c r="HKK692" s="613"/>
      <c r="HKL692" s="613"/>
      <c r="HKM692" s="613"/>
      <c r="HKN692" s="613"/>
      <c r="HKO692" s="613"/>
      <c r="HKP692" s="613"/>
      <c r="HKQ692" s="613"/>
      <c r="HKR692" s="613"/>
      <c r="HKS692" s="613"/>
      <c r="HKT692" s="613"/>
      <c r="HKU692" s="613"/>
      <c r="HKV692" s="613"/>
      <c r="HKW692" s="613"/>
      <c r="HKX692" s="613"/>
      <c r="HKY692" s="613"/>
      <c r="HKZ692" s="613"/>
      <c r="HLA692" s="613"/>
      <c r="HLB692" s="613"/>
      <c r="HLC692" s="613"/>
      <c r="HLD692" s="613"/>
      <c r="HLE692" s="613"/>
      <c r="HLF692" s="613"/>
      <c r="HLG692" s="613"/>
      <c r="HLH692" s="613"/>
      <c r="HLI692" s="613"/>
      <c r="HLJ692" s="613"/>
      <c r="HLK692" s="613"/>
      <c r="HLL692" s="613"/>
      <c r="HLM692" s="613"/>
      <c r="HLN692" s="613"/>
      <c r="HLO692" s="613"/>
      <c r="HLP692" s="613"/>
      <c r="HLQ692" s="613"/>
      <c r="HLR692" s="613"/>
      <c r="HLS692" s="613"/>
      <c r="HLT692" s="613"/>
      <c r="HLU692" s="613"/>
      <c r="HLV692" s="613"/>
      <c r="HLW692" s="613"/>
      <c r="HLX692" s="613"/>
      <c r="HLY692" s="613"/>
      <c r="HLZ692" s="613"/>
      <c r="HMA692" s="613"/>
      <c r="HMB692" s="613"/>
      <c r="HMC692" s="613"/>
      <c r="HMD692" s="613"/>
      <c r="HME692" s="613"/>
      <c r="HMF692" s="613"/>
      <c r="HMG692" s="613"/>
      <c r="HMH692" s="613"/>
      <c r="HMI692" s="613"/>
      <c r="HMJ692" s="613"/>
      <c r="HMK692" s="613"/>
      <c r="HML692" s="613"/>
      <c r="HMM692" s="613"/>
      <c r="HMN692" s="613"/>
      <c r="HMO692" s="613"/>
      <c r="HMP692" s="613"/>
      <c r="HMQ692" s="613"/>
      <c r="HMR692" s="613"/>
      <c r="HMS692" s="613"/>
      <c r="HMT692" s="613"/>
      <c r="HMU692" s="613"/>
      <c r="HMV692" s="613"/>
      <c r="HMW692" s="613"/>
      <c r="HMX692" s="613"/>
      <c r="HMY692" s="613"/>
      <c r="HMZ692" s="613"/>
      <c r="HNA692" s="613"/>
      <c r="HNB692" s="613"/>
      <c r="HNC692" s="613"/>
      <c r="HND692" s="613"/>
      <c r="HNE692" s="613"/>
      <c r="HNF692" s="613"/>
      <c r="HNG692" s="613"/>
      <c r="HNH692" s="613"/>
      <c r="HNI692" s="613"/>
      <c r="HNJ692" s="613"/>
      <c r="HNK692" s="613"/>
      <c r="HNL692" s="613"/>
      <c r="HNM692" s="613"/>
      <c r="HNN692" s="613"/>
      <c r="HNO692" s="613"/>
      <c r="HNP692" s="613"/>
      <c r="HNQ692" s="613"/>
      <c r="HNR692" s="613"/>
      <c r="HNS692" s="613"/>
      <c r="HNT692" s="613"/>
      <c r="HNU692" s="613"/>
      <c r="HNV692" s="613"/>
      <c r="HNW692" s="613"/>
      <c r="HNX692" s="613"/>
      <c r="HNY692" s="613"/>
      <c r="HNZ692" s="613"/>
      <c r="HOA692" s="613"/>
      <c r="HOB692" s="613"/>
      <c r="HOC692" s="613"/>
      <c r="HOD692" s="613"/>
      <c r="HOE692" s="613"/>
      <c r="HOF692" s="613"/>
      <c r="HOG692" s="613"/>
      <c r="HOH692" s="613"/>
      <c r="HOI692" s="613"/>
      <c r="HOJ692" s="613"/>
      <c r="HOK692" s="613"/>
      <c r="HOL692" s="613"/>
      <c r="HOM692" s="613"/>
      <c r="HON692" s="613"/>
      <c r="HOO692" s="613"/>
      <c r="HOP692" s="613"/>
      <c r="HOQ692" s="613"/>
      <c r="HOR692" s="613"/>
      <c r="HOS692" s="613"/>
      <c r="HOT692" s="613"/>
      <c r="HOU692" s="613"/>
      <c r="HOV692" s="613"/>
      <c r="HOW692" s="613"/>
      <c r="HOX692" s="613"/>
      <c r="HOY692" s="613"/>
      <c r="HOZ692" s="613"/>
      <c r="HPA692" s="613"/>
      <c r="HPB692" s="613"/>
      <c r="HPC692" s="613"/>
      <c r="HPD692" s="613"/>
      <c r="HPE692" s="613"/>
      <c r="HPF692" s="613"/>
      <c r="HPG692" s="613"/>
      <c r="HPH692" s="613"/>
      <c r="HPI692" s="613"/>
      <c r="HPJ692" s="613"/>
      <c r="HPK692" s="613"/>
      <c r="HPL692" s="613"/>
      <c r="HPM692" s="613"/>
      <c r="HPN692" s="613"/>
      <c r="HPO692" s="613"/>
      <c r="HPP692" s="613"/>
      <c r="HPQ692" s="613"/>
      <c r="HPR692" s="613"/>
      <c r="HPS692" s="613"/>
      <c r="HPT692" s="613"/>
      <c r="HPU692" s="613"/>
      <c r="HPV692" s="613"/>
      <c r="HPW692" s="613"/>
      <c r="HPX692" s="613"/>
      <c r="HPY692" s="613"/>
      <c r="HPZ692" s="613"/>
      <c r="HQA692" s="613"/>
      <c r="HQB692" s="613"/>
      <c r="HQC692" s="613"/>
      <c r="HQD692" s="613"/>
      <c r="HQE692" s="613"/>
      <c r="HQF692" s="613"/>
      <c r="HQG692" s="613"/>
      <c r="HQH692" s="613"/>
      <c r="HQI692" s="613"/>
      <c r="HQJ692" s="613"/>
      <c r="HQK692" s="613"/>
      <c r="HQL692" s="613"/>
      <c r="HQM692" s="613"/>
      <c r="HQN692" s="613"/>
      <c r="HQO692" s="613"/>
      <c r="HQP692" s="613"/>
      <c r="HQQ692" s="613"/>
      <c r="HQR692" s="613"/>
      <c r="HQS692" s="613"/>
      <c r="HQT692" s="613"/>
      <c r="HQU692" s="613"/>
      <c r="HQV692" s="613"/>
      <c r="HQW692" s="613"/>
      <c r="HQX692" s="613"/>
      <c r="HQY692" s="613"/>
      <c r="HQZ692" s="613"/>
      <c r="HRA692" s="613"/>
      <c r="HRB692" s="613"/>
      <c r="HRC692" s="613"/>
      <c r="HRD692" s="613"/>
      <c r="HRE692" s="613"/>
      <c r="HRF692" s="613"/>
      <c r="HRG692" s="613"/>
      <c r="HRH692" s="613"/>
      <c r="HRI692" s="613"/>
      <c r="HRJ692" s="613"/>
      <c r="HRK692" s="613"/>
      <c r="HRL692" s="613"/>
      <c r="HRM692" s="613"/>
      <c r="HRN692" s="613"/>
      <c r="HRO692" s="613"/>
      <c r="HRP692" s="613"/>
      <c r="HRQ692" s="613"/>
      <c r="HRR692" s="613"/>
      <c r="HRS692" s="613"/>
      <c r="HRT692" s="613"/>
      <c r="HRU692" s="613"/>
      <c r="HRV692" s="613"/>
      <c r="HRW692" s="613"/>
      <c r="HRX692" s="613"/>
      <c r="HRY692" s="613"/>
      <c r="HRZ692" s="613"/>
      <c r="HSA692" s="613"/>
      <c r="HSB692" s="613"/>
      <c r="HSC692" s="613"/>
      <c r="HSD692" s="613"/>
      <c r="HSE692" s="613"/>
      <c r="HSF692" s="613"/>
      <c r="HSG692" s="613"/>
      <c r="HSH692" s="613"/>
      <c r="HSI692" s="613"/>
      <c r="HSJ692" s="613"/>
      <c r="HSK692" s="613"/>
      <c r="HSL692" s="613"/>
      <c r="HSM692" s="613"/>
      <c r="HSN692" s="613"/>
      <c r="HSO692" s="613"/>
      <c r="HSP692" s="613"/>
      <c r="HSQ692" s="613"/>
      <c r="HSR692" s="613"/>
      <c r="HSS692" s="613"/>
      <c r="HST692" s="613"/>
      <c r="HSU692" s="613"/>
      <c r="HSV692" s="613"/>
      <c r="HSW692" s="613"/>
      <c r="HSX692" s="613"/>
      <c r="HSY692" s="613"/>
      <c r="HSZ692" s="613"/>
      <c r="HTA692" s="613"/>
      <c r="HTB692" s="613"/>
      <c r="HTC692" s="613"/>
      <c r="HTD692" s="613"/>
      <c r="HTE692" s="613"/>
      <c r="HTF692" s="613"/>
      <c r="HTG692" s="613"/>
      <c r="HTH692" s="613"/>
      <c r="HTI692" s="613"/>
      <c r="HTJ692" s="613"/>
      <c r="HTK692" s="613"/>
      <c r="HTL692" s="613"/>
      <c r="HTM692" s="613"/>
      <c r="HTN692" s="613"/>
      <c r="HTO692" s="613"/>
      <c r="HTP692" s="613"/>
      <c r="HTQ692" s="613"/>
      <c r="HTR692" s="613"/>
      <c r="HTS692" s="613"/>
      <c r="HTT692" s="613"/>
      <c r="HTU692" s="613"/>
      <c r="HTV692" s="613"/>
      <c r="HTW692" s="613"/>
      <c r="HTX692" s="613"/>
      <c r="HTY692" s="613"/>
      <c r="HTZ692" s="613"/>
      <c r="HUA692" s="613"/>
      <c r="HUB692" s="613"/>
      <c r="HUC692" s="613"/>
      <c r="HUD692" s="613"/>
      <c r="HUE692" s="613"/>
      <c r="HUF692" s="613"/>
      <c r="HUG692" s="613"/>
      <c r="HUH692" s="613"/>
      <c r="HUI692" s="613"/>
      <c r="HUJ692" s="613"/>
      <c r="HUK692" s="613"/>
      <c r="HUL692" s="613"/>
      <c r="HUM692" s="613"/>
      <c r="HUN692" s="613"/>
      <c r="HUO692" s="613"/>
      <c r="HUP692" s="613"/>
      <c r="HUQ692" s="613"/>
      <c r="HUR692" s="613"/>
      <c r="HUS692" s="613"/>
      <c r="HUT692" s="613"/>
      <c r="HUU692" s="613"/>
      <c r="HUV692" s="613"/>
      <c r="HUW692" s="613"/>
      <c r="HUX692" s="613"/>
      <c r="HUY692" s="613"/>
      <c r="HUZ692" s="613"/>
      <c r="HVA692" s="613"/>
      <c r="HVB692" s="613"/>
      <c r="HVC692" s="613"/>
      <c r="HVD692" s="613"/>
      <c r="HVE692" s="613"/>
      <c r="HVF692" s="613"/>
      <c r="HVG692" s="613"/>
      <c r="HVH692" s="613"/>
      <c r="HVI692" s="613"/>
      <c r="HVJ692" s="613"/>
      <c r="HVK692" s="613"/>
      <c r="HVL692" s="613"/>
      <c r="HVM692" s="613"/>
      <c r="HVN692" s="613"/>
      <c r="HVO692" s="613"/>
      <c r="HVP692" s="613"/>
      <c r="HVQ692" s="613"/>
      <c r="HVR692" s="613"/>
      <c r="HVS692" s="613"/>
      <c r="HVT692" s="613"/>
      <c r="HVU692" s="613"/>
      <c r="HVV692" s="613"/>
      <c r="HVW692" s="613"/>
      <c r="HVX692" s="613"/>
      <c r="HVY692" s="613"/>
      <c r="HVZ692" s="613"/>
      <c r="HWA692" s="613"/>
      <c r="HWB692" s="613"/>
      <c r="HWC692" s="613"/>
      <c r="HWD692" s="613"/>
      <c r="HWE692" s="613"/>
      <c r="HWF692" s="613"/>
      <c r="HWG692" s="613"/>
      <c r="HWH692" s="613"/>
      <c r="HWI692" s="613"/>
      <c r="HWJ692" s="613"/>
      <c r="HWK692" s="613"/>
      <c r="HWL692" s="613"/>
      <c r="HWM692" s="613"/>
      <c r="HWN692" s="613"/>
      <c r="HWO692" s="613"/>
      <c r="HWP692" s="613"/>
      <c r="HWQ692" s="613"/>
      <c r="HWR692" s="613"/>
      <c r="HWS692" s="613"/>
      <c r="HWT692" s="613"/>
      <c r="HWU692" s="613"/>
      <c r="HWV692" s="613"/>
      <c r="HWW692" s="613"/>
      <c r="HWX692" s="613"/>
      <c r="HWY692" s="613"/>
      <c r="HWZ692" s="613"/>
      <c r="HXA692" s="613"/>
      <c r="HXB692" s="613"/>
      <c r="HXC692" s="613"/>
      <c r="HXD692" s="613"/>
      <c r="HXE692" s="613"/>
      <c r="HXF692" s="613"/>
      <c r="HXG692" s="613"/>
      <c r="HXH692" s="613"/>
      <c r="HXI692" s="613"/>
      <c r="HXJ692" s="613"/>
      <c r="HXK692" s="613"/>
      <c r="HXL692" s="613"/>
      <c r="HXM692" s="613"/>
      <c r="HXN692" s="613"/>
      <c r="HXO692" s="613"/>
      <c r="HXP692" s="613"/>
      <c r="HXQ692" s="613"/>
      <c r="HXR692" s="613"/>
      <c r="HXS692" s="613"/>
      <c r="HXT692" s="613"/>
      <c r="HXU692" s="613"/>
      <c r="HXV692" s="613"/>
      <c r="HXW692" s="613"/>
      <c r="HXX692" s="613"/>
      <c r="HXY692" s="613"/>
      <c r="HXZ692" s="613"/>
      <c r="HYA692" s="613"/>
      <c r="HYB692" s="613"/>
      <c r="HYC692" s="613"/>
      <c r="HYD692" s="613"/>
      <c r="HYE692" s="613"/>
      <c r="HYF692" s="613"/>
      <c r="HYG692" s="613"/>
      <c r="HYH692" s="613"/>
      <c r="HYI692" s="613"/>
      <c r="HYJ692" s="613"/>
      <c r="HYK692" s="613"/>
      <c r="HYL692" s="613"/>
      <c r="HYM692" s="613"/>
      <c r="HYN692" s="613"/>
      <c r="HYO692" s="613"/>
      <c r="HYP692" s="613"/>
      <c r="HYQ692" s="613"/>
      <c r="HYR692" s="613"/>
      <c r="HYS692" s="613"/>
      <c r="HYT692" s="613"/>
      <c r="HYU692" s="613"/>
      <c r="HYV692" s="613"/>
      <c r="HYW692" s="613"/>
      <c r="HYX692" s="613"/>
      <c r="HYY692" s="613"/>
      <c r="HYZ692" s="613"/>
      <c r="HZA692" s="613"/>
      <c r="HZB692" s="613"/>
      <c r="HZC692" s="613"/>
      <c r="HZD692" s="613"/>
      <c r="HZE692" s="613"/>
      <c r="HZF692" s="613"/>
      <c r="HZG692" s="613"/>
      <c r="HZH692" s="613"/>
      <c r="HZI692" s="613"/>
      <c r="HZJ692" s="613"/>
      <c r="HZK692" s="613"/>
      <c r="HZL692" s="613"/>
      <c r="HZM692" s="613"/>
      <c r="HZN692" s="613"/>
      <c r="HZO692" s="613"/>
      <c r="HZP692" s="613"/>
      <c r="HZQ692" s="613"/>
      <c r="HZR692" s="613"/>
      <c r="HZS692" s="613"/>
      <c r="HZT692" s="613"/>
      <c r="HZU692" s="613"/>
      <c r="HZV692" s="613"/>
      <c r="HZW692" s="613"/>
      <c r="HZX692" s="613"/>
      <c r="HZY692" s="613"/>
      <c r="HZZ692" s="613"/>
      <c r="IAA692" s="613"/>
      <c r="IAB692" s="613"/>
      <c r="IAC692" s="613"/>
      <c r="IAD692" s="613"/>
      <c r="IAE692" s="613"/>
      <c r="IAF692" s="613"/>
      <c r="IAG692" s="613"/>
      <c r="IAH692" s="613"/>
      <c r="IAI692" s="613"/>
      <c r="IAJ692" s="613"/>
      <c r="IAK692" s="613"/>
      <c r="IAL692" s="613"/>
      <c r="IAM692" s="613"/>
      <c r="IAN692" s="613"/>
      <c r="IAO692" s="613"/>
      <c r="IAP692" s="613"/>
      <c r="IAQ692" s="613"/>
      <c r="IAR692" s="613"/>
      <c r="IAS692" s="613"/>
      <c r="IAT692" s="613"/>
      <c r="IAU692" s="613"/>
      <c r="IAV692" s="613"/>
      <c r="IAW692" s="613"/>
      <c r="IAX692" s="613"/>
      <c r="IAY692" s="613"/>
      <c r="IAZ692" s="613"/>
      <c r="IBA692" s="613"/>
      <c r="IBB692" s="613"/>
      <c r="IBC692" s="613"/>
      <c r="IBD692" s="613"/>
      <c r="IBE692" s="613"/>
      <c r="IBF692" s="613"/>
      <c r="IBG692" s="613"/>
      <c r="IBH692" s="613"/>
      <c r="IBI692" s="613"/>
      <c r="IBJ692" s="613"/>
      <c r="IBK692" s="613"/>
      <c r="IBL692" s="613"/>
      <c r="IBM692" s="613"/>
      <c r="IBN692" s="613"/>
      <c r="IBO692" s="613"/>
      <c r="IBP692" s="613"/>
      <c r="IBQ692" s="613"/>
      <c r="IBR692" s="613"/>
      <c r="IBS692" s="613"/>
      <c r="IBT692" s="613"/>
      <c r="IBU692" s="613"/>
      <c r="IBV692" s="613"/>
      <c r="IBW692" s="613"/>
      <c r="IBX692" s="613"/>
      <c r="IBY692" s="613"/>
      <c r="IBZ692" s="613"/>
      <c r="ICA692" s="613"/>
      <c r="ICB692" s="613"/>
      <c r="ICC692" s="613"/>
      <c r="ICD692" s="613"/>
      <c r="ICE692" s="613"/>
      <c r="ICF692" s="613"/>
      <c r="ICG692" s="613"/>
      <c r="ICH692" s="613"/>
      <c r="ICI692" s="613"/>
      <c r="ICJ692" s="613"/>
      <c r="ICK692" s="613"/>
      <c r="ICL692" s="613"/>
      <c r="ICM692" s="613"/>
      <c r="ICN692" s="613"/>
      <c r="ICO692" s="613"/>
      <c r="ICP692" s="613"/>
      <c r="ICQ692" s="613"/>
      <c r="ICR692" s="613"/>
      <c r="ICS692" s="613"/>
      <c r="ICT692" s="613"/>
      <c r="ICU692" s="613"/>
      <c r="ICV692" s="613"/>
      <c r="ICW692" s="613"/>
      <c r="ICX692" s="613"/>
      <c r="ICY692" s="613"/>
      <c r="ICZ692" s="613"/>
      <c r="IDA692" s="613"/>
      <c r="IDB692" s="613"/>
      <c r="IDC692" s="613"/>
      <c r="IDD692" s="613"/>
      <c r="IDE692" s="613"/>
      <c r="IDF692" s="613"/>
      <c r="IDG692" s="613"/>
      <c r="IDH692" s="613"/>
      <c r="IDI692" s="613"/>
      <c r="IDJ692" s="613"/>
      <c r="IDK692" s="613"/>
      <c r="IDL692" s="613"/>
      <c r="IDM692" s="613"/>
      <c r="IDN692" s="613"/>
      <c r="IDO692" s="613"/>
      <c r="IDP692" s="613"/>
      <c r="IDQ692" s="613"/>
      <c r="IDR692" s="613"/>
      <c r="IDS692" s="613"/>
      <c r="IDT692" s="613"/>
      <c r="IDU692" s="613"/>
      <c r="IDV692" s="613"/>
      <c r="IDW692" s="613"/>
      <c r="IDX692" s="613"/>
      <c r="IDY692" s="613"/>
      <c r="IDZ692" s="613"/>
      <c r="IEA692" s="613"/>
      <c r="IEB692" s="613"/>
      <c r="IEC692" s="613"/>
      <c r="IED692" s="613"/>
      <c r="IEE692" s="613"/>
      <c r="IEF692" s="613"/>
      <c r="IEG692" s="613"/>
      <c r="IEH692" s="613"/>
      <c r="IEI692" s="613"/>
      <c r="IEJ692" s="613"/>
      <c r="IEK692" s="613"/>
      <c r="IEL692" s="613"/>
      <c r="IEM692" s="613"/>
      <c r="IEN692" s="613"/>
      <c r="IEO692" s="613"/>
      <c r="IEP692" s="613"/>
      <c r="IEQ692" s="613"/>
      <c r="IER692" s="613"/>
      <c r="IES692" s="613"/>
      <c r="IET692" s="613"/>
      <c r="IEU692" s="613"/>
      <c r="IEV692" s="613"/>
      <c r="IEW692" s="613"/>
      <c r="IEX692" s="613"/>
      <c r="IEY692" s="613"/>
      <c r="IEZ692" s="613"/>
      <c r="IFA692" s="613"/>
      <c r="IFB692" s="613"/>
      <c r="IFC692" s="613"/>
      <c r="IFD692" s="613"/>
      <c r="IFE692" s="613"/>
      <c r="IFF692" s="613"/>
      <c r="IFG692" s="613"/>
      <c r="IFH692" s="613"/>
      <c r="IFI692" s="613"/>
      <c r="IFJ692" s="613"/>
      <c r="IFK692" s="613"/>
      <c r="IFL692" s="613"/>
      <c r="IFM692" s="613"/>
      <c r="IFN692" s="613"/>
      <c r="IFO692" s="613"/>
      <c r="IFP692" s="613"/>
      <c r="IFQ692" s="613"/>
      <c r="IFR692" s="613"/>
      <c r="IFS692" s="613"/>
      <c r="IFT692" s="613"/>
      <c r="IFU692" s="613"/>
      <c r="IFV692" s="613"/>
      <c r="IFW692" s="613"/>
      <c r="IFX692" s="613"/>
      <c r="IFY692" s="613"/>
      <c r="IFZ692" s="613"/>
      <c r="IGA692" s="613"/>
      <c r="IGB692" s="613"/>
      <c r="IGC692" s="613"/>
      <c r="IGD692" s="613"/>
      <c r="IGE692" s="613"/>
      <c r="IGF692" s="613"/>
      <c r="IGG692" s="613"/>
      <c r="IGH692" s="613"/>
      <c r="IGI692" s="613"/>
      <c r="IGJ692" s="613"/>
      <c r="IGK692" s="613"/>
      <c r="IGL692" s="613"/>
      <c r="IGM692" s="613"/>
      <c r="IGN692" s="613"/>
      <c r="IGO692" s="613"/>
      <c r="IGP692" s="613"/>
      <c r="IGQ692" s="613"/>
      <c r="IGR692" s="613"/>
      <c r="IGS692" s="613"/>
      <c r="IGT692" s="613"/>
      <c r="IGU692" s="613"/>
      <c r="IGV692" s="613"/>
      <c r="IGW692" s="613"/>
      <c r="IGX692" s="613"/>
      <c r="IGY692" s="613"/>
      <c r="IGZ692" s="613"/>
      <c r="IHA692" s="613"/>
      <c r="IHB692" s="613"/>
      <c r="IHC692" s="613"/>
      <c r="IHD692" s="613"/>
      <c r="IHE692" s="613"/>
      <c r="IHF692" s="613"/>
      <c r="IHG692" s="613"/>
      <c r="IHH692" s="613"/>
      <c r="IHI692" s="613"/>
      <c r="IHJ692" s="613"/>
      <c r="IHK692" s="613"/>
      <c r="IHL692" s="613"/>
      <c r="IHM692" s="613"/>
      <c r="IHN692" s="613"/>
      <c r="IHO692" s="613"/>
      <c r="IHP692" s="613"/>
      <c r="IHQ692" s="613"/>
      <c r="IHR692" s="613"/>
      <c r="IHS692" s="613"/>
      <c r="IHT692" s="613"/>
      <c r="IHU692" s="613"/>
      <c r="IHV692" s="613"/>
      <c r="IHW692" s="613"/>
      <c r="IHX692" s="613"/>
      <c r="IHY692" s="613"/>
      <c r="IHZ692" s="613"/>
      <c r="IIA692" s="613"/>
      <c r="IIB692" s="613"/>
      <c r="IIC692" s="613"/>
      <c r="IID692" s="613"/>
      <c r="IIE692" s="613"/>
      <c r="IIF692" s="613"/>
      <c r="IIG692" s="613"/>
      <c r="IIH692" s="613"/>
      <c r="III692" s="613"/>
      <c r="IIJ692" s="613"/>
      <c r="IIK692" s="613"/>
      <c r="IIL692" s="613"/>
      <c r="IIM692" s="613"/>
      <c r="IIN692" s="613"/>
      <c r="IIO692" s="613"/>
      <c r="IIP692" s="613"/>
      <c r="IIQ692" s="613"/>
      <c r="IIR692" s="613"/>
      <c r="IIS692" s="613"/>
      <c r="IIT692" s="613"/>
      <c r="IIU692" s="613"/>
      <c r="IIV692" s="613"/>
      <c r="IIW692" s="613"/>
      <c r="IIX692" s="613"/>
      <c r="IIY692" s="613"/>
      <c r="IIZ692" s="613"/>
      <c r="IJA692" s="613"/>
      <c r="IJB692" s="613"/>
      <c r="IJC692" s="613"/>
      <c r="IJD692" s="613"/>
      <c r="IJE692" s="613"/>
      <c r="IJF692" s="613"/>
      <c r="IJG692" s="613"/>
      <c r="IJH692" s="613"/>
      <c r="IJI692" s="613"/>
      <c r="IJJ692" s="613"/>
      <c r="IJK692" s="613"/>
      <c r="IJL692" s="613"/>
      <c r="IJM692" s="613"/>
      <c r="IJN692" s="613"/>
      <c r="IJO692" s="613"/>
      <c r="IJP692" s="613"/>
      <c r="IJQ692" s="613"/>
      <c r="IJR692" s="613"/>
      <c r="IJS692" s="613"/>
      <c r="IJT692" s="613"/>
      <c r="IJU692" s="613"/>
      <c r="IJV692" s="613"/>
      <c r="IJW692" s="613"/>
      <c r="IJX692" s="613"/>
      <c r="IJY692" s="613"/>
      <c r="IJZ692" s="613"/>
      <c r="IKA692" s="613"/>
      <c r="IKB692" s="613"/>
      <c r="IKC692" s="613"/>
      <c r="IKD692" s="613"/>
      <c r="IKE692" s="613"/>
      <c r="IKF692" s="613"/>
      <c r="IKG692" s="613"/>
      <c r="IKH692" s="613"/>
      <c r="IKI692" s="613"/>
      <c r="IKJ692" s="613"/>
      <c r="IKK692" s="613"/>
      <c r="IKL692" s="613"/>
      <c r="IKM692" s="613"/>
      <c r="IKN692" s="613"/>
      <c r="IKO692" s="613"/>
      <c r="IKP692" s="613"/>
      <c r="IKQ692" s="613"/>
      <c r="IKR692" s="613"/>
      <c r="IKS692" s="613"/>
      <c r="IKT692" s="613"/>
      <c r="IKU692" s="613"/>
      <c r="IKV692" s="613"/>
      <c r="IKW692" s="613"/>
      <c r="IKX692" s="613"/>
      <c r="IKY692" s="613"/>
      <c r="IKZ692" s="613"/>
      <c r="ILA692" s="613"/>
      <c r="ILB692" s="613"/>
      <c r="ILC692" s="613"/>
      <c r="ILD692" s="613"/>
      <c r="ILE692" s="613"/>
      <c r="ILF692" s="613"/>
      <c r="ILG692" s="613"/>
      <c r="ILH692" s="613"/>
      <c r="ILI692" s="613"/>
      <c r="ILJ692" s="613"/>
      <c r="ILK692" s="613"/>
      <c r="ILL692" s="613"/>
      <c r="ILM692" s="613"/>
      <c r="ILN692" s="613"/>
      <c r="ILO692" s="613"/>
      <c r="ILP692" s="613"/>
      <c r="ILQ692" s="613"/>
      <c r="ILR692" s="613"/>
      <c r="ILS692" s="613"/>
      <c r="ILT692" s="613"/>
      <c r="ILU692" s="613"/>
      <c r="ILV692" s="613"/>
      <c r="ILW692" s="613"/>
      <c r="ILX692" s="613"/>
      <c r="ILY692" s="613"/>
      <c r="ILZ692" s="613"/>
      <c r="IMA692" s="613"/>
      <c r="IMB692" s="613"/>
      <c r="IMC692" s="613"/>
      <c r="IMD692" s="613"/>
      <c r="IME692" s="613"/>
      <c r="IMF692" s="613"/>
      <c r="IMG692" s="613"/>
      <c r="IMH692" s="613"/>
      <c r="IMI692" s="613"/>
      <c r="IMJ692" s="613"/>
      <c r="IMK692" s="613"/>
      <c r="IML692" s="613"/>
      <c r="IMM692" s="613"/>
      <c r="IMN692" s="613"/>
      <c r="IMO692" s="613"/>
      <c r="IMP692" s="613"/>
      <c r="IMQ692" s="613"/>
      <c r="IMR692" s="613"/>
      <c r="IMS692" s="613"/>
      <c r="IMT692" s="613"/>
      <c r="IMU692" s="613"/>
      <c r="IMV692" s="613"/>
      <c r="IMW692" s="613"/>
      <c r="IMX692" s="613"/>
      <c r="IMY692" s="613"/>
      <c r="IMZ692" s="613"/>
      <c r="INA692" s="613"/>
      <c r="INB692" s="613"/>
      <c r="INC692" s="613"/>
      <c r="IND692" s="613"/>
      <c r="INE692" s="613"/>
      <c r="INF692" s="613"/>
      <c r="ING692" s="613"/>
      <c r="INH692" s="613"/>
      <c r="INI692" s="613"/>
      <c r="INJ692" s="613"/>
      <c r="INK692" s="613"/>
      <c r="INL692" s="613"/>
      <c r="INM692" s="613"/>
      <c r="INN692" s="613"/>
      <c r="INO692" s="613"/>
      <c r="INP692" s="613"/>
      <c r="INQ692" s="613"/>
      <c r="INR692" s="613"/>
      <c r="INS692" s="613"/>
      <c r="INT692" s="613"/>
      <c r="INU692" s="613"/>
      <c r="INV692" s="613"/>
      <c r="INW692" s="613"/>
      <c r="INX692" s="613"/>
      <c r="INY692" s="613"/>
      <c r="INZ692" s="613"/>
      <c r="IOA692" s="613"/>
      <c r="IOB692" s="613"/>
      <c r="IOC692" s="613"/>
      <c r="IOD692" s="613"/>
      <c r="IOE692" s="613"/>
      <c r="IOF692" s="613"/>
      <c r="IOG692" s="613"/>
      <c r="IOH692" s="613"/>
      <c r="IOI692" s="613"/>
      <c r="IOJ692" s="613"/>
      <c r="IOK692" s="613"/>
      <c r="IOL692" s="613"/>
      <c r="IOM692" s="613"/>
      <c r="ION692" s="613"/>
      <c r="IOO692" s="613"/>
      <c r="IOP692" s="613"/>
      <c r="IOQ692" s="613"/>
      <c r="IOR692" s="613"/>
      <c r="IOS692" s="613"/>
      <c r="IOT692" s="613"/>
      <c r="IOU692" s="613"/>
      <c r="IOV692" s="613"/>
      <c r="IOW692" s="613"/>
      <c r="IOX692" s="613"/>
      <c r="IOY692" s="613"/>
      <c r="IOZ692" s="613"/>
      <c r="IPA692" s="613"/>
      <c r="IPB692" s="613"/>
      <c r="IPC692" s="613"/>
      <c r="IPD692" s="613"/>
      <c r="IPE692" s="613"/>
      <c r="IPF692" s="613"/>
      <c r="IPG692" s="613"/>
      <c r="IPH692" s="613"/>
      <c r="IPI692" s="613"/>
      <c r="IPJ692" s="613"/>
      <c r="IPK692" s="613"/>
      <c r="IPL692" s="613"/>
      <c r="IPM692" s="613"/>
      <c r="IPN692" s="613"/>
      <c r="IPO692" s="613"/>
      <c r="IPP692" s="613"/>
      <c r="IPQ692" s="613"/>
      <c r="IPR692" s="613"/>
      <c r="IPS692" s="613"/>
      <c r="IPT692" s="613"/>
      <c r="IPU692" s="613"/>
      <c r="IPV692" s="613"/>
      <c r="IPW692" s="613"/>
      <c r="IPX692" s="613"/>
      <c r="IPY692" s="613"/>
      <c r="IPZ692" s="613"/>
      <c r="IQA692" s="613"/>
      <c r="IQB692" s="613"/>
      <c r="IQC692" s="613"/>
      <c r="IQD692" s="613"/>
      <c r="IQE692" s="613"/>
      <c r="IQF692" s="613"/>
      <c r="IQG692" s="613"/>
      <c r="IQH692" s="613"/>
      <c r="IQI692" s="613"/>
      <c r="IQJ692" s="613"/>
      <c r="IQK692" s="613"/>
      <c r="IQL692" s="613"/>
      <c r="IQM692" s="613"/>
      <c r="IQN692" s="613"/>
      <c r="IQO692" s="613"/>
      <c r="IQP692" s="613"/>
      <c r="IQQ692" s="613"/>
      <c r="IQR692" s="613"/>
      <c r="IQS692" s="613"/>
      <c r="IQT692" s="613"/>
      <c r="IQU692" s="613"/>
      <c r="IQV692" s="613"/>
      <c r="IQW692" s="613"/>
      <c r="IQX692" s="613"/>
      <c r="IQY692" s="613"/>
      <c r="IQZ692" s="613"/>
      <c r="IRA692" s="613"/>
      <c r="IRB692" s="613"/>
      <c r="IRC692" s="613"/>
      <c r="IRD692" s="613"/>
      <c r="IRE692" s="613"/>
      <c r="IRF692" s="613"/>
      <c r="IRG692" s="613"/>
      <c r="IRH692" s="613"/>
      <c r="IRI692" s="613"/>
      <c r="IRJ692" s="613"/>
      <c r="IRK692" s="613"/>
      <c r="IRL692" s="613"/>
      <c r="IRM692" s="613"/>
      <c r="IRN692" s="613"/>
      <c r="IRO692" s="613"/>
      <c r="IRP692" s="613"/>
      <c r="IRQ692" s="613"/>
      <c r="IRR692" s="613"/>
      <c r="IRS692" s="613"/>
      <c r="IRT692" s="613"/>
      <c r="IRU692" s="613"/>
      <c r="IRV692" s="613"/>
      <c r="IRW692" s="613"/>
      <c r="IRX692" s="613"/>
      <c r="IRY692" s="613"/>
      <c r="IRZ692" s="613"/>
      <c r="ISA692" s="613"/>
      <c r="ISB692" s="613"/>
      <c r="ISC692" s="613"/>
      <c r="ISD692" s="613"/>
      <c r="ISE692" s="613"/>
      <c r="ISF692" s="613"/>
      <c r="ISG692" s="613"/>
      <c r="ISH692" s="613"/>
      <c r="ISI692" s="613"/>
      <c r="ISJ692" s="613"/>
      <c r="ISK692" s="613"/>
      <c r="ISL692" s="613"/>
      <c r="ISM692" s="613"/>
      <c r="ISN692" s="613"/>
      <c r="ISO692" s="613"/>
      <c r="ISP692" s="613"/>
      <c r="ISQ692" s="613"/>
      <c r="ISR692" s="613"/>
      <c r="ISS692" s="613"/>
      <c r="IST692" s="613"/>
      <c r="ISU692" s="613"/>
      <c r="ISV692" s="613"/>
      <c r="ISW692" s="613"/>
      <c r="ISX692" s="613"/>
      <c r="ISY692" s="613"/>
      <c r="ISZ692" s="613"/>
      <c r="ITA692" s="613"/>
      <c r="ITB692" s="613"/>
      <c r="ITC692" s="613"/>
      <c r="ITD692" s="613"/>
      <c r="ITE692" s="613"/>
      <c r="ITF692" s="613"/>
      <c r="ITG692" s="613"/>
      <c r="ITH692" s="613"/>
      <c r="ITI692" s="613"/>
      <c r="ITJ692" s="613"/>
      <c r="ITK692" s="613"/>
      <c r="ITL692" s="613"/>
      <c r="ITM692" s="613"/>
      <c r="ITN692" s="613"/>
      <c r="ITO692" s="613"/>
      <c r="ITP692" s="613"/>
      <c r="ITQ692" s="613"/>
      <c r="ITR692" s="613"/>
      <c r="ITS692" s="613"/>
      <c r="ITT692" s="613"/>
      <c r="ITU692" s="613"/>
      <c r="ITV692" s="613"/>
      <c r="ITW692" s="613"/>
      <c r="ITX692" s="613"/>
      <c r="ITY692" s="613"/>
      <c r="ITZ692" s="613"/>
      <c r="IUA692" s="613"/>
      <c r="IUB692" s="613"/>
      <c r="IUC692" s="613"/>
      <c r="IUD692" s="613"/>
      <c r="IUE692" s="613"/>
      <c r="IUF692" s="613"/>
      <c r="IUG692" s="613"/>
      <c r="IUH692" s="613"/>
      <c r="IUI692" s="613"/>
      <c r="IUJ692" s="613"/>
      <c r="IUK692" s="613"/>
      <c r="IUL692" s="613"/>
      <c r="IUM692" s="613"/>
      <c r="IUN692" s="613"/>
      <c r="IUO692" s="613"/>
      <c r="IUP692" s="613"/>
      <c r="IUQ692" s="613"/>
      <c r="IUR692" s="613"/>
      <c r="IUS692" s="613"/>
      <c r="IUT692" s="613"/>
      <c r="IUU692" s="613"/>
      <c r="IUV692" s="613"/>
      <c r="IUW692" s="613"/>
      <c r="IUX692" s="613"/>
      <c r="IUY692" s="613"/>
      <c r="IUZ692" s="613"/>
      <c r="IVA692" s="613"/>
      <c r="IVB692" s="613"/>
      <c r="IVC692" s="613"/>
      <c r="IVD692" s="613"/>
      <c r="IVE692" s="613"/>
      <c r="IVF692" s="613"/>
      <c r="IVG692" s="613"/>
      <c r="IVH692" s="613"/>
      <c r="IVI692" s="613"/>
      <c r="IVJ692" s="613"/>
      <c r="IVK692" s="613"/>
      <c r="IVL692" s="613"/>
      <c r="IVM692" s="613"/>
      <c r="IVN692" s="613"/>
      <c r="IVO692" s="613"/>
      <c r="IVP692" s="613"/>
      <c r="IVQ692" s="613"/>
      <c r="IVR692" s="613"/>
      <c r="IVS692" s="613"/>
      <c r="IVT692" s="613"/>
      <c r="IVU692" s="613"/>
      <c r="IVV692" s="613"/>
      <c r="IVW692" s="613"/>
      <c r="IVX692" s="613"/>
      <c r="IVY692" s="613"/>
      <c r="IVZ692" s="613"/>
      <c r="IWA692" s="613"/>
      <c r="IWB692" s="613"/>
      <c r="IWC692" s="613"/>
      <c r="IWD692" s="613"/>
      <c r="IWE692" s="613"/>
      <c r="IWF692" s="613"/>
      <c r="IWG692" s="613"/>
      <c r="IWH692" s="613"/>
      <c r="IWI692" s="613"/>
      <c r="IWJ692" s="613"/>
      <c r="IWK692" s="613"/>
      <c r="IWL692" s="613"/>
      <c r="IWM692" s="613"/>
      <c r="IWN692" s="613"/>
      <c r="IWO692" s="613"/>
      <c r="IWP692" s="613"/>
      <c r="IWQ692" s="613"/>
      <c r="IWR692" s="613"/>
      <c r="IWS692" s="613"/>
      <c r="IWT692" s="613"/>
      <c r="IWU692" s="613"/>
      <c r="IWV692" s="613"/>
      <c r="IWW692" s="613"/>
      <c r="IWX692" s="613"/>
      <c r="IWY692" s="613"/>
      <c r="IWZ692" s="613"/>
      <c r="IXA692" s="613"/>
      <c r="IXB692" s="613"/>
      <c r="IXC692" s="613"/>
      <c r="IXD692" s="613"/>
      <c r="IXE692" s="613"/>
      <c r="IXF692" s="613"/>
      <c r="IXG692" s="613"/>
      <c r="IXH692" s="613"/>
      <c r="IXI692" s="613"/>
      <c r="IXJ692" s="613"/>
      <c r="IXK692" s="613"/>
      <c r="IXL692" s="613"/>
      <c r="IXM692" s="613"/>
      <c r="IXN692" s="613"/>
      <c r="IXO692" s="613"/>
      <c r="IXP692" s="613"/>
      <c r="IXQ692" s="613"/>
      <c r="IXR692" s="613"/>
      <c r="IXS692" s="613"/>
      <c r="IXT692" s="613"/>
      <c r="IXU692" s="613"/>
      <c r="IXV692" s="613"/>
      <c r="IXW692" s="613"/>
      <c r="IXX692" s="613"/>
      <c r="IXY692" s="613"/>
      <c r="IXZ692" s="613"/>
      <c r="IYA692" s="613"/>
      <c r="IYB692" s="613"/>
      <c r="IYC692" s="613"/>
      <c r="IYD692" s="613"/>
      <c r="IYE692" s="613"/>
      <c r="IYF692" s="613"/>
      <c r="IYG692" s="613"/>
      <c r="IYH692" s="613"/>
      <c r="IYI692" s="613"/>
      <c r="IYJ692" s="613"/>
      <c r="IYK692" s="613"/>
      <c r="IYL692" s="613"/>
      <c r="IYM692" s="613"/>
      <c r="IYN692" s="613"/>
      <c r="IYO692" s="613"/>
      <c r="IYP692" s="613"/>
      <c r="IYQ692" s="613"/>
      <c r="IYR692" s="613"/>
      <c r="IYS692" s="613"/>
      <c r="IYT692" s="613"/>
      <c r="IYU692" s="613"/>
      <c r="IYV692" s="613"/>
      <c r="IYW692" s="613"/>
      <c r="IYX692" s="613"/>
      <c r="IYY692" s="613"/>
      <c r="IYZ692" s="613"/>
      <c r="IZA692" s="613"/>
      <c r="IZB692" s="613"/>
      <c r="IZC692" s="613"/>
      <c r="IZD692" s="613"/>
      <c r="IZE692" s="613"/>
      <c r="IZF692" s="613"/>
      <c r="IZG692" s="613"/>
      <c r="IZH692" s="613"/>
      <c r="IZI692" s="613"/>
      <c r="IZJ692" s="613"/>
      <c r="IZK692" s="613"/>
      <c r="IZL692" s="613"/>
      <c r="IZM692" s="613"/>
      <c r="IZN692" s="613"/>
      <c r="IZO692" s="613"/>
      <c r="IZP692" s="613"/>
      <c r="IZQ692" s="613"/>
      <c r="IZR692" s="613"/>
      <c r="IZS692" s="613"/>
      <c r="IZT692" s="613"/>
      <c r="IZU692" s="613"/>
      <c r="IZV692" s="613"/>
      <c r="IZW692" s="613"/>
      <c r="IZX692" s="613"/>
      <c r="IZY692" s="613"/>
      <c r="IZZ692" s="613"/>
      <c r="JAA692" s="613"/>
      <c r="JAB692" s="613"/>
      <c r="JAC692" s="613"/>
      <c r="JAD692" s="613"/>
      <c r="JAE692" s="613"/>
      <c r="JAF692" s="613"/>
      <c r="JAG692" s="613"/>
      <c r="JAH692" s="613"/>
      <c r="JAI692" s="613"/>
      <c r="JAJ692" s="613"/>
      <c r="JAK692" s="613"/>
      <c r="JAL692" s="613"/>
      <c r="JAM692" s="613"/>
      <c r="JAN692" s="613"/>
      <c r="JAO692" s="613"/>
      <c r="JAP692" s="613"/>
      <c r="JAQ692" s="613"/>
      <c r="JAR692" s="613"/>
      <c r="JAS692" s="613"/>
      <c r="JAT692" s="613"/>
      <c r="JAU692" s="613"/>
      <c r="JAV692" s="613"/>
      <c r="JAW692" s="613"/>
      <c r="JAX692" s="613"/>
      <c r="JAY692" s="613"/>
      <c r="JAZ692" s="613"/>
      <c r="JBA692" s="613"/>
      <c r="JBB692" s="613"/>
      <c r="JBC692" s="613"/>
      <c r="JBD692" s="613"/>
      <c r="JBE692" s="613"/>
      <c r="JBF692" s="613"/>
      <c r="JBG692" s="613"/>
      <c r="JBH692" s="613"/>
      <c r="JBI692" s="613"/>
      <c r="JBJ692" s="613"/>
      <c r="JBK692" s="613"/>
      <c r="JBL692" s="613"/>
      <c r="JBM692" s="613"/>
      <c r="JBN692" s="613"/>
      <c r="JBO692" s="613"/>
      <c r="JBP692" s="613"/>
      <c r="JBQ692" s="613"/>
      <c r="JBR692" s="613"/>
      <c r="JBS692" s="613"/>
      <c r="JBT692" s="613"/>
      <c r="JBU692" s="613"/>
      <c r="JBV692" s="613"/>
      <c r="JBW692" s="613"/>
      <c r="JBX692" s="613"/>
      <c r="JBY692" s="613"/>
      <c r="JBZ692" s="613"/>
      <c r="JCA692" s="613"/>
      <c r="JCB692" s="613"/>
      <c r="JCC692" s="613"/>
      <c r="JCD692" s="613"/>
      <c r="JCE692" s="613"/>
      <c r="JCF692" s="613"/>
      <c r="JCG692" s="613"/>
      <c r="JCH692" s="613"/>
      <c r="JCI692" s="613"/>
      <c r="JCJ692" s="613"/>
      <c r="JCK692" s="613"/>
      <c r="JCL692" s="613"/>
      <c r="JCM692" s="613"/>
      <c r="JCN692" s="613"/>
      <c r="JCO692" s="613"/>
      <c r="JCP692" s="613"/>
      <c r="JCQ692" s="613"/>
      <c r="JCR692" s="613"/>
      <c r="JCS692" s="613"/>
      <c r="JCT692" s="613"/>
      <c r="JCU692" s="613"/>
      <c r="JCV692" s="613"/>
      <c r="JCW692" s="613"/>
      <c r="JCX692" s="613"/>
      <c r="JCY692" s="613"/>
      <c r="JCZ692" s="613"/>
      <c r="JDA692" s="613"/>
      <c r="JDB692" s="613"/>
      <c r="JDC692" s="613"/>
      <c r="JDD692" s="613"/>
      <c r="JDE692" s="613"/>
      <c r="JDF692" s="613"/>
      <c r="JDG692" s="613"/>
      <c r="JDH692" s="613"/>
      <c r="JDI692" s="613"/>
      <c r="JDJ692" s="613"/>
      <c r="JDK692" s="613"/>
      <c r="JDL692" s="613"/>
      <c r="JDM692" s="613"/>
      <c r="JDN692" s="613"/>
      <c r="JDO692" s="613"/>
      <c r="JDP692" s="613"/>
      <c r="JDQ692" s="613"/>
      <c r="JDR692" s="613"/>
      <c r="JDS692" s="613"/>
      <c r="JDT692" s="613"/>
      <c r="JDU692" s="613"/>
      <c r="JDV692" s="613"/>
      <c r="JDW692" s="613"/>
      <c r="JDX692" s="613"/>
      <c r="JDY692" s="613"/>
      <c r="JDZ692" s="613"/>
      <c r="JEA692" s="613"/>
      <c r="JEB692" s="613"/>
      <c r="JEC692" s="613"/>
      <c r="JED692" s="613"/>
      <c r="JEE692" s="613"/>
      <c r="JEF692" s="613"/>
      <c r="JEG692" s="613"/>
      <c r="JEH692" s="613"/>
      <c r="JEI692" s="613"/>
      <c r="JEJ692" s="613"/>
      <c r="JEK692" s="613"/>
      <c r="JEL692" s="613"/>
      <c r="JEM692" s="613"/>
      <c r="JEN692" s="613"/>
      <c r="JEO692" s="613"/>
      <c r="JEP692" s="613"/>
      <c r="JEQ692" s="613"/>
      <c r="JER692" s="613"/>
      <c r="JES692" s="613"/>
      <c r="JET692" s="613"/>
      <c r="JEU692" s="613"/>
      <c r="JEV692" s="613"/>
      <c r="JEW692" s="613"/>
      <c r="JEX692" s="613"/>
      <c r="JEY692" s="613"/>
      <c r="JEZ692" s="613"/>
      <c r="JFA692" s="613"/>
      <c r="JFB692" s="613"/>
      <c r="JFC692" s="613"/>
      <c r="JFD692" s="613"/>
      <c r="JFE692" s="613"/>
      <c r="JFF692" s="613"/>
      <c r="JFG692" s="613"/>
      <c r="JFH692" s="613"/>
      <c r="JFI692" s="613"/>
      <c r="JFJ692" s="613"/>
      <c r="JFK692" s="613"/>
      <c r="JFL692" s="613"/>
      <c r="JFM692" s="613"/>
      <c r="JFN692" s="613"/>
      <c r="JFO692" s="613"/>
      <c r="JFP692" s="613"/>
      <c r="JFQ692" s="613"/>
      <c r="JFR692" s="613"/>
      <c r="JFS692" s="613"/>
      <c r="JFT692" s="613"/>
      <c r="JFU692" s="613"/>
      <c r="JFV692" s="613"/>
      <c r="JFW692" s="613"/>
      <c r="JFX692" s="613"/>
      <c r="JFY692" s="613"/>
      <c r="JFZ692" s="613"/>
      <c r="JGA692" s="613"/>
      <c r="JGB692" s="613"/>
      <c r="JGC692" s="613"/>
      <c r="JGD692" s="613"/>
      <c r="JGE692" s="613"/>
      <c r="JGF692" s="613"/>
      <c r="JGG692" s="613"/>
      <c r="JGH692" s="613"/>
      <c r="JGI692" s="613"/>
      <c r="JGJ692" s="613"/>
      <c r="JGK692" s="613"/>
      <c r="JGL692" s="613"/>
      <c r="JGM692" s="613"/>
      <c r="JGN692" s="613"/>
      <c r="JGO692" s="613"/>
      <c r="JGP692" s="613"/>
      <c r="JGQ692" s="613"/>
      <c r="JGR692" s="613"/>
      <c r="JGS692" s="613"/>
      <c r="JGT692" s="613"/>
      <c r="JGU692" s="613"/>
      <c r="JGV692" s="613"/>
      <c r="JGW692" s="613"/>
      <c r="JGX692" s="613"/>
      <c r="JGY692" s="613"/>
      <c r="JGZ692" s="613"/>
      <c r="JHA692" s="613"/>
      <c r="JHB692" s="613"/>
      <c r="JHC692" s="613"/>
      <c r="JHD692" s="613"/>
      <c r="JHE692" s="613"/>
      <c r="JHF692" s="613"/>
      <c r="JHG692" s="613"/>
      <c r="JHH692" s="613"/>
      <c r="JHI692" s="613"/>
      <c r="JHJ692" s="613"/>
      <c r="JHK692" s="613"/>
      <c r="JHL692" s="613"/>
      <c r="JHM692" s="613"/>
      <c r="JHN692" s="613"/>
      <c r="JHO692" s="613"/>
      <c r="JHP692" s="613"/>
      <c r="JHQ692" s="613"/>
      <c r="JHR692" s="613"/>
      <c r="JHS692" s="613"/>
      <c r="JHT692" s="613"/>
      <c r="JHU692" s="613"/>
      <c r="JHV692" s="613"/>
      <c r="JHW692" s="613"/>
      <c r="JHX692" s="613"/>
      <c r="JHY692" s="613"/>
      <c r="JHZ692" s="613"/>
      <c r="JIA692" s="613"/>
      <c r="JIB692" s="613"/>
      <c r="JIC692" s="613"/>
      <c r="JID692" s="613"/>
      <c r="JIE692" s="613"/>
      <c r="JIF692" s="613"/>
      <c r="JIG692" s="613"/>
      <c r="JIH692" s="613"/>
      <c r="JII692" s="613"/>
      <c r="JIJ692" s="613"/>
      <c r="JIK692" s="613"/>
      <c r="JIL692" s="613"/>
      <c r="JIM692" s="613"/>
      <c r="JIN692" s="613"/>
      <c r="JIO692" s="613"/>
      <c r="JIP692" s="613"/>
      <c r="JIQ692" s="613"/>
      <c r="JIR692" s="613"/>
      <c r="JIS692" s="613"/>
      <c r="JIT692" s="613"/>
      <c r="JIU692" s="613"/>
      <c r="JIV692" s="613"/>
      <c r="JIW692" s="613"/>
      <c r="JIX692" s="613"/>
      <c r="JIY692" s="613"/>
      <c r="JIZ692" s="613"/>
      <c r="JJA692" s="613"/>
      <c r="JJB692" s="613"/>
      <c r="JJC692" s="613"/>
      <c r="JJD692" s="613"/>
      <c r="JJE692" s="613"/>
      <c r="JJF692" s="613"/>
      <c r="JJG692" s="613"/>
      <c r="JJH692" s="613"/>
      <c r="JJI692" s="613"/>
      <c r="JJJ692" s="613"/>
      <c r="JJK692" s="613"/>
      <c r="JJL692" s="613"/>
      <c r="JJM692" s="613"/>
      <c r="JJN692" s="613"/>
      <c r="JJO692" s="613"/>
      <c r="JJP692" s="613"/>
      <c r="JJQ692" s="613"/>
      <c r="JJR692" s="613"/>
      <c r="JJS692" s="613"/>
      <c r="JJT692" s="613"/>
      <c r="JJU692" s="613"/>
      <c r="JJV692" s="613"/>
      <c r="JJW692" s="613"/>
      <c r="JJX692" s="613"/>
      <c r="JJY692" s="613"/>
      <c r="JJZ692" s="613"/>
      <c r="JKA692" s="613"/>
      <c r="JKB692" s="613"/>
      <c r="JKC692" s="613"/>
      <c r="JKD692" s="613"/>
      <c r="JKE692" s="613"/>
      <c r="JKF692" s="613"/>
      <c r="JKG692" s="613"/>
      <c r="JKH692" s="613"/>
      <c r="JKI692" s="613"/>
      <c r="JKJ692" s="613"/>
      <c r="JKK692" s="613"/>
      <c r="JKL692" s="613"/>
      <c r="JKM692" s="613"/>
      <c r="JKN692" s="613"/>
      <c r="JKO692" s="613"/>
      <c r="JKP692" s="613"/>
      <c r="JKQ692" s="613"/>
      <c r="JKR692" s="613"/>
      <c r="JKS692" s="613"/>
      <c r="JKT692" s="613"/>
      <c r="JKU692" s="613"/>
      <c r="JKV692" s="613"/>
      <c r="JKW692" s="613"/>
      <c r="JKX692" s="613"/>
      <c r="JKY692" s="613"/>
      <c r="JKZ692" s="613"/>
      <c r="JLA692" s="613"/>
      <c r="JLB692" s="613"/>
      <c r="JLC692" s="613"/>
      <c r="JLD692" s="613"/>
      <c r="JLE692" s="613"/>
      <c r="JLF692" s="613"/>
      <c r="JLG692" s="613"/>
      <c r="JLH692" s="613"/>
      <c r="JLI692" s="613"/>
      <c r="JLJ692" s="613"/>
      <c r="JLK692" s="613"/>
      <c r="JLL692" s="613"/>
      <c r="JLM692" s="613"/>
      <c r="JLN692" s="613"/>
      <c r="JLO692" s="613"/>
      <c r="JLP692" s="613"/>
      <c r="JLQ692" s="613"/>
      <c r="JLR692" s="613"/>
      <c r="JLS692" s="613"/>
      <c r="JLT692" s="613"/>
      <c r="JLU692" s="613"/>
      <c r="JLV692" s="613"/>
      <c r="JLW692" s="613"/>
      <c r="JLX692" s="613"/>
      <c r="JLY692" s="613"/>
      <c r="JLZ692" s="613"/>
      <c r="JMA692" s="613"/>
      <c r="JMB692" s="613"/>
      <c r="JMC692" s="613"/>
      <c r="JMD692" s="613"/>
      <c r="JME692" s="613"/>
      <c r="JMF692" s="613"/>
      <c r="JMG692" s="613"/>
      <c r="JMH692" s="613"/>
      <c r="JMI692" s="613"/>
      <c r="JMJ692" s="613"/>
      <c r="JMK692" s="613"/>
      <c r="JML692" s="613"/>
      <c r="JMM692" s="613"/>
      <c r="JMN692" s="613"/>
      <c r="JMO692" s="613"/>
      <c r="JMP692" s="613"/>
      <c r="JMQ692" s="613"/>
      <c r="JMR692" s="613"/>
      <c r="JMS692" s="613"/>
      <c r="JMT692" s="613"/>
      <c r="JMU692" s="613"/>
      <c r="JMV692" s="613"/>
      <c r="JMW692" s="613"/>
      <c r="JMX692" s="613"/>
      <c r="JMY692" s="613"/>
      <c r="JMZ692" s="613"/>
      <c r="JNA692" s="613"/>
      <c r="JNB692" s="613"/>
      <c r="JNC692" s="613"/>
      <c r="JND692" s="613"/>
      <c r="JNE692" s="613"/>
      <c r="JNF692" s="613"/>
      <c r="JNG692" s="613"/>
      <c r="JNH692" s="613"/>
      <c r="JNI692" s="613"/>
      <c r="JNJ692" s="613"/>
      <c r="JNK692" s="613"/>
      <c r="JNL692" s="613"/>
      <c r="JNM692" s="613"/>
      <c r="JNN692" s="613"/>
      <c r="JNO692" s="613"/>
      <c r="JNP692" s="613"/>
      <c r="JNQ692" s="613"/>
      <c r="JNR692" s="613"/>
      <c r="JNS692" s="613"/>
      <c r="JNT692" s="613"/>
      <c r="JNU692" s="613"/>
      <c r="JNV692" s="613"/>
      <c r="JNW692" s="613"/>
      <c r="JNX692" s="613"/>
      <c r="JNY692" s="613"/>
      <c r="JNZ692" s="613"/>
      <c r="JOA692" s="613"/>
      <c r="JOB692" s="613"/>
      <c r="JOC692" s="613"/>
      <c r="JOD692" s="613"/>
      <c r="JOE692" s="613"/>
      <c r="JOF692" s="613"/>
      <c r="JOG692" s="613"/>
      <c r="JOH692" s="613"/>
      <c r="JOI692" s="613"/>
      <c r="JOJ692" s="613"/>
      <c r="JOK692" s="613"/>
      <c r="JOL692" s="613"/>
      <c r="JOM692" s="613"/>
      <c r="JON692" s="613"/>
      <c r="JOO692" s="613"/>
      <c r="JOP692" s="613"/>
      <c r="JOQ692" s="613"/>
      <c r="JOR692" s="613"/>
      <c r="JOS692" s="613"/>
      <c r="JOT692" s="613"/>
      <c r="JOU692" s="613"/>
      <c r="JOV692" s="613"/>
      <c r="JOW692" s="613"/>
      <c r="JOX692" s="613"/>
      <c r="JOY692" s="613"/>
      <c r="JOZ692" s="613"/>
      <c r="JPA692" s="613"/>
      <c r="JPB692" s="613"/>
      <c r="JPC692" s="613"/>
      <c r="JPD692" s="613"/>
      <c r="JPE692" s="613"/>
      <c r="JPF692" s="613"/>
      <c r="JPG692" s="613"/>
      <c r="JPH692" s="613"/>
      <c r="JPI692" s="613"/>
      <c r="JPJ692" s="613"/>
      <c r="JPK692" s="613"/>
      <c r="JPL692" s="613"/>
      <c r="JPM692" s="613"/>
      <c r="JPN692" s="613"/>
      <c r="JPO692" s="613"/>
      <c r="JPP692" s="613"/>
      <c r="JPQ692" s="613"/>
      <c r="JPR692" s="613"/>
      <c r="JPS692" s="613"/>
      <c r="JPT692" s="613"/>
      <c r="JPU692" s="613"/>
      <c r="JPV692" s="613"/>
      <c r="JPW692" s="613"/>
      <c r="JPX692" s="613"/>
      <c r="JPY692" s="613"/>
      <c r="JPZ692" s="613"/>
      <c r="JQA692" s="613"/>
      <c r="JQB692" s="613"/>
      <c r="JQC692" s="613"/>
      <c r="JQD692" s="613"/>
      <c r="JQE692" s="613"/>
      <c r="JQF692" s="613"/>
      <c r="JQG692" s="613"/>
      <c r="JQH692" s="613"/>
      <c r="JQI692" s="613"/>
      <c r="JQJ692" s="613"/>
      <c r="JQK692" s="613"/>
      <c r="JQL692" s="613"/>
      <c r="JQM692" s="613"/>
      <c r="JQN692" s="613"/>
      <c r="JQO692" s="613"/>
      <c r="JQP692" s="613"/>
      <c r="JQQ692" s="613"/>
      <c r="JQR692" s="613"/>
      <c r="JQS692" s="613"/>
      <c r="JQT692" s="613"/>
      <c r="JQU692" s="613"/>
      <c r="JQV692" s="613"/>
      <c r="JQW692" s="613"/>
      <c r="JQX692" s="613"/>
      <c r="JQY692" s="613"/>
      <c r="JQZ692" s="613"/>
      <c r="JRA692" s="613"/>
      <c r="JRB692" s="613"/>
      <c r="JRC692" s="613"/>
      <c r="JRD692" s="613"/>
      <c r="JRE692" s="613"/>
      <c r="JRF692" s="613"/>
      <c r="JRG692" s="613"/>
      <c r="JRH692" s="613"/>
      <c r="JRI692" s="613"/>
      <c r="JRJ692" s="613"/>
      <c r="JRK692" s="613"/>
      <c r="JRL692" s="613"/>
      <c r="JRM692" s="613"/>
      <c r="JRN692" s="613"/>
      <c r="JRO692" s="613"/>
      <c r="JRP692" s="613"/>
      <c r="JRQ692" s="613"/>
      <c r="JRR692" s="613"/>
      <c r="JRS692" s="613"/>
      <c r="JRT692" s="613"/>
      <c r="JRU692" s="613"/>
      <c r="JRV692" s="613"/>
      <c r="JRW692" s="613"/>
      <c r="JRX692" s="613"/>
      <c r="JRY692" s="613"/>
      <c r="JRZ692" s="613"/>
      <c r="JSA692" s="613"/>
      <c r="JSB692" s="613"/>
      <c r="JSC692" s="613"/>
      <c r="JSD692" s="613"/>
      <c r="JSE692" s="613"/>
      <c r="JSF692" s="613"/>
      <c r="JSG692" s="613"/>
      <c r="JSH692" s="613"/>
      <c r="JSI692" s="613"/>
      <c r="JSJ692" s="613"/>
      <c r="JSK692" s="613"/>
      <c r="JSL692" s="613"/>
      <c r="JSM692" s="613"/>
      <c r="JSN692" s="613"/>
      <c r="JSO692" s="613"/>
      <c r="JSP692" s="613"/>
      <c r="JSQ692" s="613"/>
      <c r="JSR692" s="613"/>
      <c r="JSS692" s="613"/>
      <c r="JST692" s="613"/>
      <c r="JSU692" s="613"/>
      <c r="JSV692" s="613"/>
      <c r="JSW692" s="613"/>
      <c r="JSX692" s="613"/>
      <c r="JSY692" s="613"/>
      <c r="JSZ692" s="613"/>
      <c r="JTA692" s="613"/>
      <c r="JTB692" s="613"/>
      <c r="JTC692" s="613"/>
      <c r="JTD692" s="613"/>
      <c r="JTE692" s="613"/>
      <c r="JTF692" s="613"/>
      <c r="JTG692" s="613"/>
      <c r="JTH692" s="613"/>
      <c r="JTI692" s="613"/>
      <c r="JTJ692" s="613"/>
      <c r="JTK692" s="613"/>
      <c r="JTL692" s="613"/>
      <c r="JTM692" s="613"/>
      <c r="JTN692" s="613"/>
      <c r="JTO692" s="613"/>
      <c r="JTP692" s="613"/>
      <c r="JTQ692" s="613"/>
      <c r="JTR692" s="613"/>
      <c r="JTS692" s="613"/>
      <c r="JTT692" s="613"/>
      <c r="JTU692" s="613"/>
      <c r="JTV692" s="613"/>
      <c r="JTW692" s="613"/>
      <c r="JTX692" s="613"/>
      <c r="JTY692" s="613"/>
      <c r="JTZ692" s="613"/>
      <c r="JUA692" s="613"/>
      <c r="JUB692" s="613"/>
      <c r="JUC692" s="613"/>
      <c r="JUD692" s="613"/>
      <c r="JUE692" s="613"/>
      <c r="JUF692" s="613"/>
      <c r="JUG692" s="613"/>
      <c r="JUH692" s="613"/>
      <c r="JUI692" s="613"/>
      <c r="JUJ692" s="613"/>
      <c r="JUK692" s="613"/>
      <c r="JUL692" s="613"/>
      <c r="JUM692" s="613"/>
      <c r="JUN692" s="613"/>
      <c r="JUO692" s="613"/>
      <c r="JUP692" s="613"/>
      <c r="JUQ692" s="613"/>
      <c r="JUR692" s="613"/>
      <c r="JUS692" s="613"/>
      <c r="JUT692" s="613"/>
      <c r="JUU692" s="613"/>
      <c r="JUV692" s="613"/>
      <c r="JUW692" s="613"/>
      <c r="JUX692" s="613"/>
      <c r="JUY692" s="613"/>
      <c r="JUZ692" s="613"/>
      <c r="JVA692" s="613"/>
      <c r="JVB692" s="613"/>
      <c r="JVC692" s="613"/>
      <c r="JVD692" s="613"/>
      <c r="JVE692" s="613"/>
      <c r="JVF692" s="613"/>
      <c r="JVG692" s="613"/>
      <c r="JVH692" s="613"/>
      <c r="JVI692" s="613"/>
      <c r="JVJ692" s="613"/>
      <c r="JVK692" s="613"/>
      <c r="JVL692" s="613"/>
      <c r="JVM692" s="613"/>
      <c r="JVN692" s="613"/>
      <c r="JVO692" s="613"/>
      <c r="JVP692" s="613"/>
      <c r="JVQ692" s="613"/>
      <c r="JVR692" s="613"/>
      <c r="JVS692" s="613"/>
      <c r="JVT692" s="613"/>
      <c r="JVU692" s="613"/>
      <c r="JVV692" s="613"/>
      <c r="JVW692" s="613"/>
      <c r="JVX692" s="613"/>
      <c r="JVY692" s="613"/>
      <c r="JVZ692" s="613"/>
      <c r="JWA692" s="613"/>
      <c r="JWB692" s="613"/>
      <c r="JWC692" s="613"/>
      <c r="JWD692" s="613"/>
      <c r="JWE692" s="613"/>
      <c r="JWF692" s="613"/>
      <c r="JWG692" s="613"/>
      <c r="JWH692" s="613"/>
      <c r="JWI692" s="613"/>
      <c r="JWJ692" s="613"/>
      <c r="JWK692" s="613"/>
      <c r="JWL692" s="613"/>
      <c r="JWM692" s="613"/>
      <c r="JWN692" s="613"/>
      <c r="JWO692" s="613"/>
      <c r="JWP692" s="613"/>
      <c r="JWQ692" s="613"/>
      <c r="JWR692" s="613"/>
      <c r="JWS692" s="613"/>
      <c r="JWT692" s="613"/>
      <c r="JWU692" s="613"/>
      <c r="JWV692" s="613"/>
      <c r="JWW692" s="613"/>
      <c r="JWX692" s="613"/>
      <c r="JWY692" s="613"/>
      <c r="JWZ692" s="613"/>
      <c r="JXA692" s="613"/>
      <c r="JXB692" s="613"/>
      <c r="JXC692" s="613"/>
      <c r="JXD692" s="613"/>
      <c r="JXE692" s="613"/>
      <c r="JXF692" s="613"/>
      <c r="JXG692" s="613"/>
      <c r="JXH692" s="613"/>
      <c r="JXI692" s="613"/>
      <c r="JXJ692" s="613"/>
      <c r="JXK692" s="613"/>
      <c r="JXL692" s="613"/>
      <c r="JXM692" s="613"/>
      <c r="JXN692" s="613"/>
      <c r="JXO692" s="613"/>
      <c r="JXP692" s="613"/>
      <c r="JXQ692" s="613"/>
      <c r="JXR692" s="613"/>
      <c r="JXS692" s="613"/>
      <c r="JXT692" s="613"/>
      <c r="JXU692" s="613"/>
      <c r="JXV692" s="613"/>
      <c r="JXW692" s="613"/>
      <c r="JXX692" s="613"/>
      <c r="JXY692" s="613"/>
      <c r="JXZ692" s="613"/>
      <c r="JYA692" s="613"/>
      <c r="JYB692" s="613"/>
      <c r="JYC692" s="613"/>
      <c r="JYD692" s="613"/>
      <c r="JYE692" s="613"/>
      <c r="JYF692" s="613"/>
      <c r="JYG692" s="613"/>
      <c r="JYH692" s="613"/>
      <c r="JYI692" s="613"/>
      <c r="JYJ692" s="613"/>
      <c r="JYK692" s="613"/>
      <c r="JYL692" s="613"/>
      <c r="JYM692" s="613"/>
      <c r="JYN692" s="613"/>
      <c r="JYO692" s="613"/>
      <c r="JYP692" s="613"/>
      <c r="JYQ692" s="613"/>
      <c r="JYR692" s="613"/>
      <c r="JYS692" s="613"/>
      <c r="JYT692" s="613"/>
      <c r="JYU692" s="613"/>
      <c r="JYV692" s="613"/>
      <c r="JYW692" s="613"/>
      <c r="JYX692" s="613"/>
      <c r="JYY692" s="613"/>
      <c r="JYZ692" s="613"/>
      <c r="JZA692" s="613"/>
      <c r="JZB692" s="613"/>
      <c r="JZC692" s="613"/>
      <c r="JZD692" s="613"/>
      <c r="JZE692" s="613"/>
      <c r="JZF692" s="613"/>
      <c r="JZG692" s="613"/>
      <c r="JZH692" s="613"/>
      <c r="JZI692" s="613"/>
      <c r="JZJ692" s="613"/>
      <c r="JZK692" s="613"/>
      <c r="JZL692" s="613"/>
      <c r="JZM692" s="613"/>
      <c r="JZN692" s="613"/>
      <c r="JZO692" s="613"/>
      <c r="JZP692" s="613"/>
      <c r="JZQ692" s="613"/>
      <c r="JZR692" s="613"/>
      <c r="JZS692" s="613"/>
      <c r="JZT692" s="613"/>
      <c r="JZU692" s="613"/>
      <c r="JZV692" s="613"/>
      <c r="JZW692" s="613"/>
      <c r="JZX692" s="613"/>
      <c r="JZY692" s="613"/>
      <c r="JZZ692" s="613"/>
      <c r="KAA692" s="613"/>
      <c r="KAB692" s="613"/>
      <c r="KAC692" s="613"/>
      <c r="KAD692" s="613"/>
      <c r="KAE692" s="613"/>
      <c r="KAF692" s="613"/>
      <c r="KAG692" s="613"/>
      <c r="KAH692" s="613"/>
      <c r="KAI692" s="613"/>
      <c r="KAJ692" s="613"/>
      <c r="KAK692" s="613"/>
      <c r="KAL692" s="613"/>
      <c r="KAM692" s="613"/>
      <c r="KAN692" s="613"/>
      <c r="KAO692" s="613"/>
      <c r="KAP692" s="613"/>
      <c r="KAQ692" s="613"/>
      <c r="KAR692" s="613"/>
      <c r="KAS692" s="613"/>
      <c r="KAT692" s="613"/>
      <c r="KAU692" s="613"/>
      <c r="KAV692" s="613"/>
      <c r="KAW692" s="613"/>
      <c r="KAX692" s="613"/>
      <c r="KAY692" s="613"/>
      <c r="KAZ692" s="613"/>
      <c r="KBA692" s="613"/>
      <c r="KBB692" s="613"/>
      <c r="KBC692" s="613"/>
      <c r="KBD692" s="613"/>
      <c r="KBE692" s="613"/>
      <c r="KBF692" s="613"/>
      <c r="KBG692" s="613"/>
      <c r="KBH692" s="613"/>
      <c r="KBI692" s="613"/>
      <c r="KBJ692" s="613"/>
      <c r="KBK692" s="613"/>
      <c r="KBL692" s="613"/>
      <c r="KBM692" s="613"/>
      <c r="KBN692" s="613"/>
      <c r="KBO692" s="613"/>
      <c r="KBP692" s="613"/>
      <c r="KBQ692" s="613"/>
      <c r="KBR692" s="613"/>
      <c r="KBS692" s="613"/>
      <c r="KBT692" s="613"/>
      <c r="KBU692" s="613"/>
      <c r="KBV692" s="613"/>
      <c r="KBW692" s="613"/>
      <c r="KBX692" s="613"/>
      <c r="KBY692" s="613"/>
      <c r="KBZ692" s="613"/>
      <c r="KCA692" s="613"/>
      <c r="KCB692" s="613"/>
      <c r="KCC692" s="613"/>
      <c r="KCD692" s="613"/>
      <c r="KCE692" s="613"/>
      <c r="KCF692" s="613"/>
      <c r="KCG692" s="613"/>
      <c r="KCH692" s="613"/>
      <c r="KCI692" s="613"/>
      <c r="KCJ692" s="613"/>
      <c r="KCK692" s="613"/>
      <c r="KCL692" s="613"/>
      <c r="KCM692" s="613"/>
      <c r="KCN692" s="613"/>
      <c r="KCO692" s="613"/>
      <c r="KCP692" s="613"/>
      <c r="KCQ692" s="613"/>
      <c r="KCR692" s="613"/>
      <c r="KCS692" s="613"/>
      <c r="KCT692" s="613"/>
      <c r="KCU692" s="613"/>
      <c r="KCV692" s="613"/>
      <c r="KCW692" s="613"/>
      <c r="KCX692" s="613"/>
      <c r="KCY692" s="613"/>
      <c r="KCZ692" s="613"/>
      <c r="KDA692" s="613"/>
      <c r="KDB692" s="613"/>
      <c r="KDC692" s="613"/>
      <c r="KDD692" s="613"/>
      <c r="KDE692" s="613"/>
      <c r="KDF692" s="613"/>
      <c r="KDG692" s="613"/>
      <c r="KDH692" s="613"/>
      <c r="KDI692" s="613"/>
      <c r="KDJ692" s="613"/>
      <c r="KDK692" s="613"/>
      <c r="KDL692" s="613"/>
      <c r="KDM692" s="613"/>
      <c r="KDN692" s="613"/>
      <c r="KDO692" s="613"/>
      <c r="KDP692" s="613"/>
      <c r="KDQ692" s="613"/>
      <c r="KDR692" s="613"/>
      <c r="KDS692" s="613"/>
      <c r="KDT692" s="613"/>
      <c r="KDU692" s="613"/>
      <c r="KDV692" s="613"/>
      <c r="KDW692" s="613"/>
      <c r="KDX692" s="613"/>
      <c r="KDY692" s="613"/>
      <c r="KDZ692" s="613"/>
      <c r="KEA692" s="613"/>
      <c r="KEB692" s="613"/>
      <c r="KEC692" s="613"/>
      <c r="KED692" s="613"/>
      <c r="KEE692" s="613"/>
      <c r="KEF692" s="613"/>
      <c r="KEG692" s="613"/>
      <c r="KEH692" s="613"/>
      <c r="KEI692" s="613"/>
      <c r="KEJ692" s="613"/>
      <c r="KEK692" s="613"/>
      <c r="KEL692" s="613"/>
      <c r="KEM692" s="613"/>
      <c r="KEN692" s="613"/>
      <c r="KEO692" s="613"/>
      <c r="KEP692" s="613"/>
      <c r="KEQ692" s="613"/>
      <c r="KER692" s="613"/>
      <c r="KES692" s="613"/>
      <c r="KET692" s="613"/>
      <c r="KEU692" s="613"/>
      <c r="KEV692" s="613"/>
      <c r="KEW692" s="613"/>
      <c r="KEX692" s="613"/>
      <c r="KEY692" s="613"/>
      <c r="KEZ692" s="613"/>
      <c r="KFA692" s="613"/>
      <c r="KFB692" s="613"/>
      <c r="KFC692" s="613"/>
      <c r="KFD692" s="613"/>
      <c r="KFE692" s="613"/>
      <c r="KFF692" s="613"/>
      <c r="KFG692" s="613"/>
      <c r="KFH692" s="613"/>
      <c r="KFI692" s="613"/>
      <c r="KFJ692" s="613"/>
      <c r="KFK692" s="613"/>
      <c r="KFL692" s="613"/>
      <c r="KFM692" s="613"/>
      <c r="KFN692" s="613"/>
      <c r="KFO692" s="613"/>
      <c r="KFP692" s="613"/>
      <c r="KFQ692" s="613"/>
      <c r="KFR692" s="613"/>
      <c r="KFS692" s="613"/>
      <c r="KFT692" s="613"/>
      <c r="KFU692" s="613"/>
      <c r="KFV692" s="613"/>
      <c r="KFW692" s="613"/>
      <c r="KFX692" s="613"/>
      <c r="KFY692" s="613"/>
      <c r="KFZ692" s="613"/>
      <c r="KGA692" s="613"/>
      <c r="KGB692" s="613"/>
      <c r="KGC692" s="613"/>
      <c r="KGD692" s="613"/>
      <c r="KGE692" s="613"/>
      <c r="KGF692" s="613"/>
      <c r="KGG692" s="613"/>
      <c r="KGH692" s="613"/>
      <c r="KGI692" s="613"/>
      <c r="KGJ692" s="613"/>
      <c r="KGK692" s="613"/>
      <c r="KGL692" s="613"/>
      <c r="KGM692" s="613"/>
      <c r="KGN692" s="613"/>
      <c r="KGO692" s="613"/>
      <c r="KGP692" s="613"/>
      <c r="KGQ692" s="613"/>
      <c r="KGR692" s="613"/>
      <c r="KGS692" s="613"/>
      <c r="KGT692" s="613"/>
      <c r="KGU692" s="613"/>
      <c r="KGV692" s="613"/>
      <c r="KGW692" s="613"/>
      <c r="KGX692" s="613"/>
      <c r="KGY692" s="613"/>
      <c r="KGZ692" s="613"/>
      <c r="KHA692" s="613"/>
      <c r="KHB692" s="613"/>
      <c r="KHC692" s="613"/>
      <c r="KHD692" s="613"/>
      <c r="KHE692" s="613"/>
      <c r="KHF692" s="613"/>
      <c r="KHG692" s="613"/>
      <c r="KHH692" s="613"/>
      <c r="KHI692" s="613"/>
      <c r="KHJ692" s="613"/>
      <c r="KHK692" s="613"/>
      <c r="KHL692" s="613"/>
      <c r="KHM692" s="613"/>
      <c r="KHN692" s="613"/>
      <c r="KHO692" s="613"/>
      <c r="KHP692" s="613"/>
      <c r="KHQ692" s="613"/>
      <c r="KHR692" s="613"/>
      <c r="KHS692" s="613"/>
      <c r="KHT692" s="613"/>
      <c r="KHU692" s="613"/>
      <c r="KHV692" s="613"/>
      <c r="KHW692" s="613"/>
      <c r="KHX692" s="613"/>
      <c r="KHY692" s="613"/>
      <c r="KHZ692" s="613"/>
      <c r="KIA692" s="613"/>
      <c r="KIB692" s="613"/>
      <c r="KIC692" s="613"/>
      <c r="KID692" s="613"/>
      <c r="KIE692" s="613"/>
      <c r="KIF692" s="613"/>
      <c r="KIG692" s="613"/>
      <c r="KIH692" s="613"/>
      <c r="KII692" s="613"/>
      <c r="KIJ692" s="613"/>
      <c r="KIK692" s="613"/>
      <c r="KIL692" s="613"/>
      <c r="KIM692" s="613"/>
      <c r="KIN692" s="613"/>
      <c r="KIO692" s="613"/>
      <c r="KIP692" s="613"/>
      <c r="KIQ692" s="613"/>
      <c r="KIR692" s="613"/>
      <c r="KIS692" s="613"/>
      <c r="KIT692" s="613"/>
      <c r="KIU692" s="613"/>
      <c r="KIV692" s="613"/>
      <c r="KIW692" s="613"/>
      <c r="KIX692" s="613"/>
      <c r="KIY692" s="613"/>
      <c r="KIZ692" s="613"/>
      <c r="KJA692" s="613"/>
      <c r="KJB692" s="613"/>
      <c r="KJC692" s="613"/>
      <c r="KJD692" s="613"/>
      <c r="KJE692" s="613"/>
      <c r="KJF692" s="613"/>
      <c r="KJG692" s="613"/>
      <c r="KJH692" s="613"/>
      <c r="KJI692" s="613"/>
      <c r="KJJ692" s="613"/>
      <c r="KJK692" s="613"/>
      <c r="KJL692" s="613"/>
      <c r="KJM692" s="613"/>
      <c r="KJN692" s="613"/>
      <c r="KJO692" s="613"/>
      <c r="KJP692" s="613"/>
      <c r="KJQ692" s="613"/>
      <c r="KJR692" s="613"/>
      <c r="KJS692" s="613"/>
      <c r="KJT692" s="613"/>
      <c r="KJU692" s="613"/>
      <c r="KJV692" s="613"/>
      <c r="KJW692" s="613"/>
      <c r="KJX692" s="613"/>
      <c r="KJY692" s="613"/>
      <c r="KJZ692" s="613"/>
      <c r="KKA692" s="613"/>
      <c r="KKB692" s="613"/>
      <c r="KKC692" s="613"/>
      <c r="KKD692" s="613"/>
      <c r="KKE692" s="613"/>
      <c r="KKF692" s="613"/>
      <c r="KKG692" s="613"/>
      <c r="KKH692" s="613"/>
      <c r="KKI692" s="613"/>
      <c r="KKJ692" s="613"/>
      <c r="KKK692" s="613"/>
      <c r="KKL692" s="613"/>
      <c r="KKM692" s="613"/>
      <c r="KKN692" s="613"/>
      <c r="KKO692" s="613"/>
      <c r="KKP692" s="613"/>
      <c r="KKQ692" s="613"/>
      <c r="KKR692" s="613"/>
      <c r="KKS692" s="613"/>
      <c r="KKT692" s="613"/>
      <c r="KKU692" s="613"/>
      <c r="KKV692" s="613"/>
      <c r="KKW692" s="613"/>
      <c r="KKX692" s="613"/>
      <c r="KKY692" s="613"/>
      <c r="KKZ692" s="613"/>
      <c r="KLA692" s="613"/>
      <c r="KLB692" s="613"/>
      <c r="KLC692" s="613"/>
      <c r="KLD692" s="613"/>
      <c r="KLE692" s="613"/>
      <c r="KLF692" s="613"/>
      <c r="KLG692" s="613"/>
      <c r="KLH692" s="613"/>
      <c r="KLI692" s="613"/>
      <c r="KLJ692" s="613"/>
      <c r="KLK692" s="613"/>
      <c r="KLL692" s="613"/>
      <c r="KLM692" s="613"/>
      <c r="KLN692" s="613"/>
      <c r="KLO692" s="613"/>
      <c r="KLP692" s="613"/>
      <c r="KLQ692" s="613"/>
      <c r="KLR692" s="613"/>
      <c r="KLS692" s="613"/>
      <c r="KLT692" s="613"/>
      <c r="KLU692" s="613"/>
      <c r="KLV692" s="613"/>
      <c r="KLW692" s="613"/>
      <c r="KLX692" s="613"/>
      <c r="KLY692" s="613"/>
      <c r="KLZ692" s="613"/>
      <c r="KMA692" s="613"/>
      <c r="KMB692" s="613"/>
      <c r="KMC692" s="613"/>
      <c r="KMD692" s="613"/>
      <c r="KME692" s="613"/>
      <c r="KMF692" s="613"/>
      <c r="KMG692" s="613"/>
      <c r="KMH692" s="613"/>
      <c r="KMI692" s="613"/>
      <c r="KMJ692" s="613"/>
      <c r="KMK692" s="613"/>
      <c r="KML692" s="613"/>
      <c r="KMM692" s="613"/>
      <c r="KMN692" s="613"/>
      <c r="KMO692" s="613"/>
      <c r="KMP692" s="613"/>
      <c r="KMQ692" s="613"/>
      <c r="KMR692" s="613"/>
      <c r="KMS692" s="613"/>
      <c r="KMT692" s="613"/>
      <c r="KMU692" s="613"/>
      <c r="KMV692" s="613"/>
      <c r="KMW692" s="613"/>
      <c r="KMX692" s="613"/>
      <c r="KMY692" s="613"/>
      <c r="KMZ692" s="613"/>
      <c r="KNA692" s="613"/>
      <c r="KNB692" s="613"/>
      <c r="KNC692" s="613"/>
      <c r="KND692" s="613"/>
      <c r="KNE692" s="613"/>
      <c r="KNF692" s="613"/>
      <c r="KNG692" s="613"/>
      <c r="KNH692" s="613"/>
      <c r="KNI692" s="613"/>
      <c r="KNJ692" s="613"/>
      <c r="KNK692" s="613"/>
      <c r="KNL692" s="613"/>
      <c r="KNM692" s="613"/>
      <c r="KNN692" s="613"/>
      <c r="KNO692" s="613"/>
      <c r="KNP692" s="613"/>
      <c r="KNQ692" s="613"/>
      <c r="KNR692" s="613"/>
      <c r="KNS692" s="613"/>
      <c r="KNT692" s="613"/>
      <c r="KNU692" s="613"/>
      <c r="KNV692" s="613"/>
      <c r="KNW692" s="613"/>
      <c r="KNX692" s="613"/>
      <c r="KNY692" s="613"/>
      <c r="KNZ692" s="613"/>
      <c r="KOA692" s="613"/>
      <c r="KOB692" s="613"/>
      <c r="KOC692" s="613"/>
      <c r="KOD692" s="613"/>
      <c r="KOE692" s="613"/>
      <c r="KOF692" s="613"/>
      <c r="KOG692" s="613"/>
      <c r="KOH692" s="613"/>
      <c r="KOI692" s="613"/>
      <c r="KOJ692" s="613"/>
      <c r="KOK692" s="613"/>
      <c r="KOL692" s="613"/>
      <c r="KOM692" s="613"/>
      <c r="KON692" s="613"/>
      <c r="KOO692" s="613"/>
      <c r="KOP692" s="613"/>
      <c r="KOQ692" s="613"/>
      <c r="KOR692" s="613"/>
      <c r="KOS692" s="613"/>
      <c r="KOT692" s="613"/>
      <c r="KOU692" s="613"/>
      <c r="KOV692" s="613"/>
      <c r="KOW692" s="613"/>
      <c r="KOX692" s="613"/>
      <c r="KOY692" s="613"/>
      <c r="KOZ692" s="613"/>
      <c r="KPA692" s="613"/>
      <c r="KPB692" s="613"/>
      <c r="KPC692" s="613"/>
      <c r="KPD692" s="613"/>
      <c r="KPE692" s="613"/>
      <c r="KPF692" s="613"/>
      <c r="KPG692" s="613"/>
      <c r="KPH692" s="613"/>
      <c r="KPI692" s="613"/>
      <c r="KPJ692" s="613"/>
      <c r="KPK692" s="613"/>
      <c r="KPL692" s="613"/>
      <c r="KPM692" s="613"/>
      <c r="KPN692" s="613"/>
      <c r="KPO692" s="613"/>
      <c r="KPP692" s="613"/>
      <c r="KPQ692" s="613"/>
      <c r="KPR692" s="613"/>
      <c r="KPS692" s="613"/>
      <c r="KPT692" s="613"/>
      <c r="KPU692" s="613"/>
      <c r="KPV692" s="613"/>
      <c r="KPW692" s="613"/>
      <c r="KPX692" s="613"/>
      <c r="KPY692" s="613"/>
      <c r="KPZ692" s="613"/>
      <c r="KQA692" s="613"/>
      <c r="KQB692" s="613"/>
      <c r="KQC692" s="613"/>
      <c r="KQD692" s="613"/>
      <c r="KQE692" s="613"/>
      <c r="KQF692" s="613"/>
      <c r="KQG692" s="613"/>
      <c r="KQH692" s="613"/>
      <c r="KQI692" s="613"/>
      <c r="KQJ692" s="613"/>
      <c r="KQK692" s="613"/>
      <c r="KQL692" s="613"/>
      <c r="KQM692" s="613"/>
      <c r="KQN692" s="613"/>
      <c r="KQO692" s="613"/>
      <c r="KQP692" s="613"/>
      <c r="KQQ692" s="613"/>
      <c r="KQR692" s="613"/>
      <c r="KQS692" s="613"/>
      <c r="KQT692" s="613"/>
      <c r="KQU692" s="613"/>
      <c r="KQV692" s="613"/>
      <c r="KQW692" s="613"/>
      <c r="KQX692" s="613"/>
      <c r="KQY692" s="613"/>
      <c r="KQZ692" s="613"/>
      <c r="KRA692" s="613"/>
      <c r="KRB692" s="613"/>
      <c r="KRC692" s="613"/>
      <c r="KRD692" s="613"/>
      <c r="KRE692" s="613"/>
      <c r="KRF692" s="613"/>
      <c r="KRG692" s="613"/>
      <c r="KRH692" s="613"/>
      <c r="KRI692" s="613"/>
      <c r="KRJ692" s="613"/>
      <c r="KRK692" s="613"/>
      <c r="KRL692" s="613"/>
      <c r="KRM692" s="613"/>
      <c r="KRN692" s="613"/>
      <c r="KRO692" s="613"/>
      <c r="KRP692" s="613"/>
      <c r="KRQ692" s="613"/>
      <c r="KRR692" s="613"/>
      <c r="KRS692" s="613"/>
      <c r="KRT692" s="613"/>
      <c r="KRU692" s="613"/>
      <c r="KRV692" s="613"/>
      <c r="KRW692" s="613"/>
      <c r="KRX692" s="613"/>
      <c r="KRY692" s="613"/>
      <c r="KRZ692" s="613"/>
      <c r="KSA692" s="613"/>
      <c r="KSB692" s="613"/>
      <c r="KSC692" s="613"/>
      <c r="KSD692" s="613"/>
      <c r="KSE692" s="613"/>
      <c r="KSF692" s="613"/>
      <c r="KSG692" s="613"/>
      <c r="KSH692" s="613"/>
      <c r="KSI692" s="613"/>
      <c r="KSJ692" s="613"/>
      <c r="KSK692" s="613"/>
      <c r="KSL692" s="613"/>
      <c r="KSM692" s="613"/>
      <c r="KSN692" s="613"/>
      <c r="KSO692" s="613"/>
      <c r="KSP692" s="613"/>
      <c r="KSQ692" s="613"/>
      <c r="KSR692" s="613"/>
      <c r="KSS692" s="613"/>
      <c r="KST692" s="613"/>
      <c r="KSU692" s="613"/>
      <c r="KSV692" s="613"/>
      <c r="KSW692" s="613"/>
      <c r="KSX692" s="613"/>
      <c r="KSY692" s="613"/>
      <c r="KSZ692" s="613"/>
      <c r="KTA692" s="613"/>
      <c r="KTB692" s="613"/>
      <c r="KTC692" s="613"/>
      <c r="KTD692" s="613"/>
      <c r="KTE692" s="613"/>
      <c r="KTF692" s="613"/>
      <c r="KTG692" s="613"/>
      <c r="KTH692" s="613"/>
      <c r="KTI692" s="613"/>
      <c r="KTJ692" s="613"/>
      <c r="KTK692" s="613"/>
      <c r="KTL692" s="613"/>
      <c r="KTM692" s="613"/>
      <c r="KTN692" s="613"/>
      <c r="KTO692" s="613"/>
      <c r="KTP692" s="613"/>
      <c r="KTQ692" s="613"/>
      <c r="KTR692" s="613"/>
      <c r="KTS692" s="613"/>
      <c r="KTT692" s="613"/>
      <c r="KTU692" s="613"/>
      <c r="KTV692" s="613"/>
      <c r="KTW692" s="613"/>
      <c r="KTX692" s="613"/>
      <c r="KTY692" s="613"/>
      <c r="KTZ692" s="613"/>
      <c r="KUA692" s="613"/>
      <c r="KUB692" s="613"/>
      <c r="KUC692" s="613"/>
      <c r="KUD692" s="613"/>
      <c r="KUE692" s="613"/>
      <c r="KUF692" s="613"/>
      <c r="KUG692" s="613"/>
      <c r="KUH692" s="613"/>
      <c r="KUI692" s="613"/>
      <c r="KUJ692" s="613"/>
      <c r="KUK692" s="613"/>
      <c r="KUL692" s="613"/>
      <c r="KUM692" s="613"/>
      <c r="KUN692" s="613"/>
      <c r="KUO692" s="613"/>
      <c r="KUP692" s="613"/>
      <c r="KUQ692" s="613"/>
      <c r="KUR692" s="613"/>
      <c r="KUS692" s="613"/>
      <c r="KUT692" s="613"/>
      <c r="KUU692" s="613"/>
      <c r="KUV692" s="613"/>
      <c r="KUW692" s="613"/>
      <c r="KUX692" s="613"/>
      <c r="KUY692" s="613"/>
      <c r="KUZ692" s="613"/>
      <c r="KVA692" s="613"/>
      <c r="KVB692" s="613"/>
      <c r="KVC692" s="613"/>
      <c r="KVD692" s="613"/>
      <c r="KVE692" s="613"/>
      <c r="KVF692" s="613"/>
      <c r="KVG692" s="613"/>
      <c r="KVH692" s="613"/>
      <c r="KVI692" s="613"/>
      <c r="KVJ692" s="613"/>
      <c r="KVK692" s="613"/>
      <c r="KVL692" s="613"/>
      <c r="KVM692" s="613"/>
      <c r="KVN692" s="613"/>
      <c r="KVO692" s="613"/>
      <c r="KVP692" s="613"/>
      <c r="KVQ692" s="613"/>
      <c r="KVR692" s="613"/>
      <c r="KVS692" s="613"/>
      <c r="KVT692" s="613"/>
      <c r="KVU692" s="613"/>
      <c r="KVV692" s="613"/>
      <c r="KVW692" s="613"/>
      <c r="KVX692" s="613"/>
      <c r="KVY692" s="613"/>
      <c r="KVZ692" s="613"/>
      <c r="KWA692" s="613"/>
      <c r="KWB692" s="613"/>
      <c r="KWC692" s="613"/>
      <c r="KWD692" s="613"/>
      <c r="KWE692" s="613"/>
      <c r="KWF692" s="613"/>
      <c r="KWG692" s="613"/>
      <c r="KWH692" s="613"/>
      <c r="KWI692" s="613"/>
      <c r="KWJ692" s="613"/>
      <c r="KWK692" s="613"/>
      <c r="KWL692" s="613"/>
      <c r="KWM692" s="613"/>
      <c r="KWN692" s="613"/>
      <c r="KWO692" s="613"/>
      <c r="KWP692" s="613"/>
      <c r="KWQ692" s="613"/>
      <c r="KWR692" s="613"/>
      <c r="KWS692" s="613"/>
      <c r="KWT692" s="613"/>
      <c r="KWU692" s="613"/>
      <c r="KWV692" s="613"/>
      <c r="KWW692" s="613"/>
      <c r="KWX692" s="613"/>
      <c r="KWY692" s="613"/>
      <c r="KWZ692" s="613"/>
      <c r="KXA692" s="613"/>
      <c r="KXB692" s="613"/>
      <c r="KXC692" s="613"/>
      <c r="KXD692" s="613"/>
      <c r="KXE692" s="613"/>
      <c r="KXF692" s="613"/>
      <c r="KXG692" s="613"/>
      <c r="KXH692" s="613"/>
      <c r="KXI692" s="613"/>
      <c r="KXJ692" s="613"/>
      <c r="KXK692" s="613"/>
      <c r="KXL692" s="613"/>
      <c r="KXM692" s="613"/>
      <c r="KXN692" s="613"/>
      <c r="KXO692" s="613"/>
      <c r="KXP692" s="613"/>
      <c r="KXQ692" s="613"/>
      <c r="KXR692" s="613"/>
      <c r="KXS692" s="613"/>
      <c r="KXT692" s="613"/>
      <c r="KXU692" s="613"/>
      <c r="KXV692" s="613"/>
      <c r="KXW692" s="613"/>
      <c r="KXX692" s="613"/>
      <c r="KXY692" s="613"/>
      <c r="KXZ692" s="613"/>
      <c r="KYA692" s="613"/>
      <c r="KYB692" s="613"/>
      <c r="KYC692" s="613"/>
      <c r="KYD692" s="613"/>
      <c r="KYE692" s="613"/>
      <c r="KYF692" s="613"/>
      <c r="KYG692" s="613"/>
      <c r="KYH692" s="613"/>
      <c r="KYI692" s="613"/>
      <c r="KYJ692" s="613"/>
      <c r="KYK692" s="613"/>
      <c r="KYL692" s="613"/>
      <c r="KYM692" s="613"/>
      <c r="KYN692" s="613"/>
      <c r="KYO692" s="613"/>
      <c r="KYP692" s="613"/>
      <c r="KYQ692" s="613"/>
      <c r="KYR692" s="613"/>
      <c r="KYS692" s="613"/>
      <c r="KYT692" s="613"/>
      <c r="KYU692" s="613"/>
      <c r="KYV692" s="613"/>
      <c r="KYW692" s="613"/>
      <c r="KYX692" s="613"/>
      <c r="KYY692" s="613"/>
      <c r="KYZ692" s="613"/>
      <c r="KZA692" s="613"/>
      <c r="KZB692" s="613"/>
      <c r="KZC692" s="613"/>
      <c r="KZD692" s="613"/>
      <c r="KZE692" s="613"/>
      <c r="KZF692" s="613"/>
      <c r="KZG692" s="613"/>
      <c r="KZH692" s="613"/>
      <c r="KZI692" s="613"/>
      <c r="KZJ692" s="613"/>
      <c r="KZK692" s="613"/>
      <c r="KZL692" s="613"/>
      <c r="KZM692" s="613"/>
      <c r="KZN692" s="613"/>
      <c r="KZO692" s="613"/>
      <c r="KZP692" s="613"/>
      <c r="KZQ692" s="613"/>
      <c r="KZR692" s="613"/>
      <c r="KZS692" s="613"/>
      <c r="KZT692" s="613"/>
      <c r="KZU692" s="613"/>
      <c r="KZV692" s="613"/>
      <c r="KZW692" s="613"/>
      <c r="KZX692" s="613"/>
      <c r="KZY692" s="613"/>
      <c r="KZZ692" s="613"/>
      <c r="LAA692" s="613"/>
      <c r="LAB692" s="613"/>
      <c r="LAC692" s="613"/>
      <c r="LAD692" s="613"/>
      <c r="LAE692" s="613"/>
      <c r="LAF692" s="613"/>
      <c r="LAG692" s="613"/>
      <c r="LAH692" s="613"/>
      <c r="LAI692" s="613"/>
      <c r="LAJ692" s="613"/>
      <c r="LAK692" s="613"/>
      <c r="LAL692" s="613"/>
      <c r="LAM692" s="613"/>
      <c r="LAN692" s="613"/>
      <c r="LAO692" s="613"/>
      <c r="LAP692" s="613"/>
      <c r="LAQ692" s="613"/>
      <c r="LAR692" s="613"/>
      <c r="LAS692" s="613"/>
      <c r="LAT692" s="613"/>
      <c r="LAU692" s="613"/>
      <c r="LAV692" s="613"/>
      <c r="LAW692" s="613"/>
      <c r="LAX692" s="613"/>
      <c r="LAY692" s="613"/>
      <c r="LAZ692" s="613"/>
      <c r="LBA692" s="613"/>
      <c r="LBB692" s="613"/>
      <c r="LBC692" s="613"/>
      <c r="LBD692" s="613"/>
      <c r="LBE692" s="613"/>
      <c r="LBF692" s="613"/>
      <c r="LBG692" s="613"/>
      <c r="LBH692" s="613"/>
      <c r="LBI692" s="613"/>
      <c r="LBJ692" s="613"/>
      <c r="LBK692" s="613"/>
      <c r="LBL692" s="613"/>
      <c r="LBM692" s="613"/>
      <c r="LBN692" s="613"/>
      <c r="LBO692" s="613"/>
      <c r="LBP692" s="613"/>
      <c r="LBQ692" s="613"/>
      <c r="LBR692" s="613"/>
      <c r="LBS692" s="613"/>
      <c r="LBT692" s="613"/>
      <c r="LBU692" s="613"/>
      <c r="LBV692" s="613"/>
      <c r="LBW692" s="613"/>
      <c r="LBX692" s="613"/>
      <c r="LBY692" s="613"/>
      <c r="LBZ692" s="613"/>
      <c r="LCA692" s="613"/>
      <c r="LCB692" s="613"/>
      <c r="LCC692" s="613"/>
      <c r="LCD692" s="613"/>
      <c r="LCE692" s="613"/>
      <c r="LCF692" s="613"/>
      <c r="LCG692" s="613"/>
      <c r="LCH692" s="613"/>
      <c r="LCI692" s="613"/>
      <c r="LCJ692" s="613"/>
      <c r="LCK692" s="613"/>
      <c r="LCL692" s="613"/>
      <c r="LCM692" s="613"/>
      <c r="LCN692" s="613"/>
      <c r="LCO692" s="613"/>
      <c r="LCP692" s="613"/>
      <c r="LCQ692" s="613"/>
      <c r="LCR692" s="613"/>
      <c r="LCS692" s="613"/>
      <c r="LCT692" s="613"/>
      <c r="LCU692" s="613"/>
      <c r="LCV692" s="613"/>
      <c r="LCW692" s="613"/>
      <c r="LCX692" s="613"/>
      <c r="LCY692" s="613"/>
      <c r="LCZ692" s="613"/>
      <c r="LDA692" s="613"/>
      <c r="LDB692" s="613"/>
      <c r="LDC692" s="613"/>
      <c r="LDD692" s="613"/>
      <c r="LDE692" s="613"/>
      <c r="LDF692" s="613"/>
      <c r="LDG692" s="613"/>
      <c r="LDH692" s="613"/>
      <c r="LDI692" s="613"/>
      <c r="LDJ692" s="613"/>
      <c r="LDK692" s="613"/>
      <c r="LDL692" s="613"/>
      <c r="LDM692" s="613"/>
      <c r="LDN692" s="613"/>
      <c r="LDO692" s="613"/>
      <c r="LDP692" s="613"/>
      <c r="LDQ692" s="613"/>
      <c r="LDR692" s="613"/>
      <c r="LDS692" s="613"/>
      <c r="LDT692" s="613"/>
      <c r="LDU692" s="613"/>
      <c r="LDV692" s="613"/>
      <c r="LDW692" s="613"/>
      <c r="LDX692" s="613"/>
      <c r="LDY692" s="613"/>
      <c r="LDZ692" s="613"/>
      <c r="LEA692" s="613"/>
      <c r="LEB692" s="613"/>
      <c r="LEC692" s="613"/>
      <c r="LED692" s="613"/>
      <c r="LEE692" s="613"/>
      <c r="LEF692" s="613"/>
      <c r="LEG692" s="613"/>
      <c r="LEH692" s="613"/>
      <c r="LEI692" s="613"/>
      <c r="LEJ692" s="613"/>
      <c r="LEK692" s="613"/>
      <c r="LEL692" s="613"/>
      <c r="LEM692" s="613"/>
      <c r="LEN692" s="613"/>
      <c r="LEO692" s="613"/>
      <c r="LEP692" s="613"/>
      <c r="LEQ692" s="613"/>
      <c r="LER692" s="613"/>
      <c r="LES692" s="613"/>
      <c r="LET692" s="613"/>
      <c r="LEU692" s="613"/>
      <c r="LEV692" s="613"/>
      <c r="LEW692" s="613"/>
      <c r="LEX692" s="613"/>
      <c r="LEY692" s="613"/>
      <c r="LEZ692" s="613"/>
      <c r="LFA692" s="613"/>
      <c r="LFB692" s="613"/>
      <c r="LFC692" s="613"/>
      <c r="LFD692" s="613"/>
      <c r="LFE692" s="613"/>
      <c r="LFF692" s="613"/>
      <c r="LFG692" s="613"/>
      <c r="LFH692" s="613"/>
      <c r="LFI692" s="613"/>
      <c r="LFJ692" s="613"/>
      <c r="LFK692" s="613"/>
      <c r="LFL692" s="613"/>
      <c r="LFM692" s="613"/>
      <c r="LFN692" s="613"/>
      <c r="LFO692" s="613"/>
      <c r="LFP692" s="613"/>
      <c r="LFQ692" s="613"/>
      <c r="LFR692" s="613"/>
      <c r="LFS692" s="613"/>
      <c r="LFT692" s="613"/>
      <c r="LFU692" s="613"/>
      <c r="LFV692" s="613"/>
      <c r="LFW692" s="613"/>
      <c r="LFX692" s="613"/>
      <c r="LFY692" s="613"/>
      <c r="LFZ692" s="613"/>
      <c r="LGA692" s="613"/>
      <c r="LGB692" s="613"/>
      <c r="LGC692" s="613"/>
      <c r="LGD692" s="613"/>
      <c r="LGE692" s="613"/>
      <c r="LGF692" s="613"/>
      <c r="LGG692" s="613"/>
      <c r="LGH692" s="613"/>
      <c r="LGI692" s="613"/>
      <c r="LGJ692" s="613"/>
      <c r="LGK692" s="613"/>
      <c r="LGL692" s="613"/>
      <c r="LGM692" s="613"/>
      <c r="LGN692" s="613"/>
      <c r="LGO692" s="613"/>
      <c r="LGP692" s="613"/>
      <c r="LGQ692" s="613"/>
      <c r="LGR692" s="613"/>
      <c r="LGS692" s="613"/>
      <c r="LGT692" s="613"/>
      <c r="LGU692" s="613"/>
      <c r="LGV692" s="613"/>
      <c r="LGW692" s="613"/>
      <c r="LGX692" s="613"/>
      <c r="LGY692" s="613"/>
      <c r="LGZ692" s="613"/>
      <c r="LHA692" s="613"/>
      <c r="LHB692" s="613"/>
      <c r="LHC692" s="613"/>
      <c r="LHD692" s="613"/>
      <c r="LHE692" s="613"/>
      <c r="LHF692" s="613"/>
      <c r="LHG692" s="613"/>
      <c r="LHH692" s="613"/>
      <c r="LHI692" s="613"/>
      <c r="LHJ692" s="613"/>
      <c r="LHK692" s="613"/>
      <c r="LHL692" s="613"/>
      <c r="LHM692" s="613"/>
      <c r="LHN692" s="613"/>
      <c r="LHO692" s="613"/>
      <c r="LHP692" s="613"/>
      <c r="LHQ692" s="613"/>
      <c r="LHR692" s="613"/>
      <c r="LHS692" s="613"/>
      <c r="LHT692" s="613"/>
      <c r="LHU692" s="613"/>
      <c r="LHV692" s="613"/>
      <c r="LHW692" s="613"/>
      <c r="LHX692" s="613"/>
      <c r="LHY692" s="613"/>
      <c r="LHZ692" s="613"/>
      <c r="LIA692" s="613"/>
      <c r="LIB692" s="613"/>
      <c r="LIC692" s="613"/>
      <c r="LID692" s="613"/>
      <c r="LIE692" s="613"/>
      <c r="LIF692" s="613"/>
      <c r="LIG692" s="613"/>
      <c r="LIH692" s="613"/>
      <c r="LII692" s="613"/>
      <c r="LIJ692" s="613"/>
      <c r="LIK692" s="613"/>
      <c r="LIL692" s="613"/>
      <c r="LIM692" s="613"/>
      <c r="LIN692" s="613"/>
      <c r="LIO692" s="613"/>
      <c r="LIP692" s="613"/>
      <c r="LIQ692" s="613"/>
      <c r="LIR692" s="613"/>
      <c r="LIS692" s="613"/>
      <c r="LIT692" s="613"/>
      <c r="LIU692" s="613"/>
      <c r="LIV692" s="613"/>
      <c r="LIW692" s="613"/>
      <c r="LIX692" s="613"/>
      <c r="LIY692" s="613"/>
      <c r="LIZ692" s="613"/>
      <c r="LJA692" s="613"/>
      <c r="LJB692" s="613"/>
      <c r="LJC692" s="613"/>
      <c r="LJD692" s="613"/>
      <c r="LJE692" s="613"/>
      <c r="LJF692" s="613"/>
      <c r="LJG692" s="613"/>
      <c r="LJH692" s="613"/>
      <c r="LJI692" s="613"/>
      <c r="LJJ692" s="613"/>
      <c r="LJK692" s="613"/>
      <c r="LJL692" s="613"/>
      <c r="LJM692" s="613"/>
      <c r="LJN692" s="613"/>
      <c r="LJO692" s="613"/>
      <c r="LJP692" s="613"/>
      <c r="LJQ692" s="613"/>
      <c r="LJR692" s="613"/>
      <c r="LJS692" s="613"/>
      <c r="LJT692" s="613"/>
      <c r="LJU692" s="613"/>
      <c r="LJV692" s="613"/>
      <c r="LJW692" s="613"/>
      <c r="LJX692" s="613"/>
      <c r="LJY692" s="613"/>
      <c r="LJZ692" s="613"/>
      <c r="LKA692" s="613"/>
      <c r="LKB692" s="613"/>
      <c r="LKC692" s="613"/>
      <c r="LKD692" s="613"/>
      <c r="LKE692" s="613"/>
      <c r="LKF692" s="613"/>
      <c r="LKG692" s="613"/>
      <c r="LKH692" s="613"/>
      <c r="LKI692" s="613"/>
      <c r="LKJ692" s="613"/>
      <c r="LKK692" s="613"/>
      <c r="LKL692" s="613"/>
      <c r="LKM692" s="613"/>
      <c r="LKN692" s="613"/>
      <c r="LKO692" s="613"/>
      <c r="LKP692" s="613"/>
      <c r="LKQ692" s="613"/>
      <c r="LKR692" s="613"/>
      <c r="LKS692" s="613"/>
      <c r="LKT692" s="613"/>
      <c r="LKU692" s="613"/>
      <c r="LKV692" s="613"/>
      <c r="LKW692" s="613"/>
      <c r="LKX692" s="613"/>
      <c r="LKY692" s="613"/>
      <c r="LKZ692" s="613"/>
      <c r="LLA692" s="613"/>
      <c r="LLB692" s="613"/>
      <c r="LLC692" s="613"/>
      <c r="LLD692" s="613"/>
      <c r="LLE692" s="613"/>
      <c r="LLF692" s="613"/>
      <c r="LLG692" s="613"/>
      <c r="LLH692" s="613"/>
      <c r="LLI692" s="613"/>
      <c r="LLJ692" s="613"/>
      <c r="LLK692" s="613"/>
      <c r="LLL692" s="613"/>
      <c r="LLM692" s="613"/>
      <c r="LLN692" s="613"/>
      <c r="LLO692" s="613"/>
      <c r="LLP692" s="613"/>
      <c r="LLQ692" s="613"/>
      <c r="LLR692" s="613"/>
      <c r="LLS692" s="613"/>
      <c r="LLT692" s="613"/>
      <c r="LLU692" s="613"/>
      <c r="LLV692" s="613"/>
      <c r="LLW692" s="613"/>
      <c r="LLX692" s="613"/>
      <c r="LLY692" s="613"/>
      <c r="LLZ692" s="613"/>
      <c r="LMA692" s="613"/>
      <c r="LMB692" s="613"/>
      <c r="LMC692" s="613"/>
      <c r="LMD692" s="613"/>
      <c r="LME692" s="613"/>
      <c r="LMF692" s="613"/>
      <c r="LMG692" s="613"/>
      <c r="LMH692" s="613"/>
      <c r="LMI692" s="613"/>
      <c r="LMJ692" s="613"/>
      <c r="LMK692" s="613"/>
      <c r="LML692" s="613"/>
      <c r="LMM692" s="613"/>
      <c r="LMN692" s="613"/>
      <c r="LMO692" s="613"/>
      <c r="LMP692" s="613"/>
      <c r="LMQ692" s="613"/>
      <c r="LMR692" s="613"/>
      <c r="LMS692" s="613"/>
      <c r="LMT692" s="613"/>
      <c r="LMU692" s="613"/>
      <c r="LMV692" s="613"/>
      <c r="LMW692" s="613"/>
      <c r="LMX692" s="613"/>
      <c r="LMY692" s="613"/>
      <c r="LMZ692" s="613"/>
      <c r="LNA692" s="613"/>
      <c r="LNB692" s="613"/>
      <c r="LNC692" s="613"/>
      <c r="LND692" s="613"/>
      <c r="LNE692" s="613"/>
      <c r="LNF692" s="613"/>
      <c r="LNG692" s="613"/>
      <c r="LNH692" s="613"/>
      <c r="LNI692" s="613"/>
      <c r="LNJ692" s="613"/>
      <c r="LNK692" s="613"/>
      <c r="LNL692" s="613"/>
      <c r="LNM692" s="613"/>
      <c r="LNN692" s="613"/>
      <c r="LNO692" s="613"/>
      <c r="LNP692" s="613"/>
      <c r="LNQ692" s="613"/>
      <c r="LNR692" s="613"/>
      <c r="LNS692" s="613"/>
      <c r="LNT692" s="613"/>
      <c r="LNU692" s="613"/>
      <c r="LNV692" s="613"/>
      <c r="LNW692" s="613"/>
      <c r="LNX692" s="613"/>
      <c r="LNY692" s="613"/>
      <c r="LNZ692" s="613"/>
      <c r="LOA692" s="613"/>
      <c r="LOB692" s="613"/>
      <c r="LOC692" s="613"/>
      <c r="LOD692" s="613"/>
      <c r="LOE692" s="613"/>
      <c r="LOF692" s="613"/>
      <c r="LOG692" s="613"/>
      <c r="LOH692" s="613"/>
      <c r="LOI692" s="613"/>
      <c r="LOJ692" s="613"/>
      <c r="LOK692" s="613"/>
      <c r="LOL692" s="613"/>
      <c r="LOM692" s="613"/>
      <c r="LON692" s="613"/>
      <c r="LOO692" s="613"/>
      <c r="LOP692" s="613"/>
      <c r="LOQ692" s="613"/>
      <c r="LOR692" s="613"/>
      <c r="LOS692" s="613"/>
      <c r="LOT692" s="613"/>
      <c r="LOU692" s="613"/>
      <c r="LOV692" s="613"/>
      <c r="LOW692" s="613"/>
      <c r="LOX692" s="613"/>
      <c r="LOY692" s="613"/>
      <c r="LOZ692" s="613"/>
      <c r="LPA692" s="613"/>
      <c r="LPB692" s="613"/>
      <c r="LPC692" s="613"/>
      <c r="LPD692" s="613"/>
      <c r="LPE692" s="613"/>
      <c r="LPF692" s="613"/>
      <c r="LPG692" s="613"/>
      <c r="LPH692" s="613"/>
      <c r="LPI692" s="613"/>
      <c r="LPJ692" s="613"/>
      <c r="LPK692" s="613"/>
      <c r="LPL692" s="613"/>
      <c r="LPM692" s="613"/>
      <c r="LPN692" s="613"/>
      <c r="LPO692" s="613"/>
      <c r="LPP692" s="613"/>
      <c r="LPQ692" s="613"/>
      <c r="LPR692" s="613"/>
      <c r="LPS692" s="613"/>
      <c r="LPT692" s="613"/>
      <c r="LPU692" s="613"/>
      <c r="LPV692" s="613"/>
      <c r="LPW692" s="613"/>
      <c r="LPX692" s="613"/>
      <c r="LPY692" s="613"/>
      <c r="LPZ692" s="613"/>
      <c r="LQA692" s="613"/>
      <c r="LQB692" s="613"/>
      <c r="LQC692" s="613"/>
      <c r="LQD692" s="613"/>
      <c r="LQE692" s="613"/>
      <c r="LQF692" s="613"/>
      <c r="LQG692" s="613"/>
      <c r="LQH692" s="613"/>
      <c r="LQI692" s="613"/>
      <c r="LQJ692" s="613"/>
      <c r="LQK692" s="613"/>
      <c r="LQL692" s="613"/>
      <c r="LQM692" s="613"/>
      <c r="LQN692" s="613"/>
      <c r="LQO692" s="613"/>
      <c r="LQP692" s="613"/>
      <c r="LQQ692" s="613"/>
      <c r="LQR692" s="613"/>
      <c r="LQS692" s="613"/>
      <c r="LQT692" s="613"/>
      <c r="LQU692" s="613"/>
      <c r="LQV692" s="613"/>
      <c r="LQW692" s="613"/>
      <c r="LQX692" s="613"/>
      <c r="LQY692" s="613"/>
      <c r="LQZ692" s="613"/>
      <c r="LRA692" s="613"/>
      <c r="LRB692" s="613"/>
      <c r="LRC692" s="613"/>
      <c r="LRD692" s="613"/>
      <c r="LRE692" s="613"/>
      <c r="LRF692" s="613"/>
      <c r="LRG692" s="613"/>
      <c r="LRH692" s="613"/>
      <c r="LRI692" s="613"/>
      <c r="LRJ692" s="613"/>
      <c r="LRK692" s="613"/>
      <c r="LRL692" s="613"/>
      <c r="LRM692" s="613"/>
      <c r="LRN692" s="613"/>
      <c r="LRO692" s="613"/>
      <c r="LRP692" s="613"/>
      <c r="LRQ692" s="613"/>
      <c r="LRR692" s="613"/>
      <c r="LRS692" s="613"/>
      <c r="LRT692" s="613"/>
      <c r="LRU692" s="613"/>
      <c r="LRV692" s="613"/>
      <c r="LRW692" s="613"/>
      <c r="LRX692" s="613"/>
      <c r="LRY692" s="613"/>
      <c r="LRZ692" s="613"/>
      <c r="LSA692" s="613"/>
      <c r="LSB692" s="613"/>
      <c r="LSC692" s="613"/>
      <c r="LSD692" s="613"/>
      <c r="LSE692" s="613"/>
      <c r="LSF692" s="613"/>
      <c r="LSG692" s="613"/>
      <c r="LSH692" s="613"/>
      <c r="LSI692" s="613"/>
      <c r="LSJ692" s="613"/>
      <c r="LSK692" s="613"/>
      <c r="LSL692" s="613"/>
      <c r="LSM692" s="613"/>
      <c r="LSN692" s="613"/>
      <c r="LSO692" s="613"/>
      <c r="LSP692" s="613"/>
      <c r="LSQ692" s="613"/>
      <c r="LSR692" s="613"/>
      <c r="LSS692" s="613"/>
      <c r="LST692" s="613"/>
      <c r="LSU692" s="613"/>
      <c r="LSV692" s="613"/>
      <c r="LSW692" s="613"/>
      <c r="LSX692" s="613"/>
      <c r="LSY692" s="613"/>
      <c r="LSZ692" s="613"/>
      <c r="LTA692" s="613"/>
      <c r="LTB692" s="613"/>
      <c r="LTC692" s="613"/>
      <c r="LTD692" s="613"/>
      <c r="LTE692" s="613"/>
      <c r="LTF692" s="613"/>
      <c r="LTG692" s="613"/>
      <c r="LTH692" s="613"/>
      <c r="LTI692" s="613"/>
      <c r="LTJ692" s="613"/>
      <c r="LTK692" s="613"/>
      <c r="LTL692" s="613"/>
      <c r="LTM692" s="613"/>
      <c r="LTN692" s="613"/>
      <c r="LTO692" s="613"/>
      <c r="LTP692" s="613"/>
      <c r="LTQ692" s="613"/>
      <c r="LTR692" s="613"/>
      <c r="LTS692" s="613"/>
      <c r="LTT692" s="613"/>
      <c r="LTU692" s="613"/>
      <c r="LTV692" s="613"/>
      <c r="LTW692" s="613"/>
      <c r="LTX692" s="613"/>
      <c r="LTY692" s="613"/>
      <c r="LTZ692" s="613"/>
      <c r="LUA692" s="613"/>
      <c r="LUB692" s="613"/>
      <c r="LUC692" s="613"/>
      <c r="LUD692" s="613"/>
      <c r="LUE692" s="613"/>
      <c r="LUF692" s="613"/>
      <c r="LUG692" s="613"/>
      <c r="LUH692" s="613"/>
      <c r="LUI692" s="613"/>
      <c r="LUJ692" s="613"/>
      <c r="LUK692" s="613"/>
      <c r="LUL692" s="613"/>
      <c r="LUM692" s="613"/>
      <c r="LUN692" s="613"/>
      <c r="LUO692" s="613"/>
      <c r="LUP692" s="613"/>
      <c r="LUQ692" s="613"/>
      <c r="LUR692" s="613"/>
      <c r="LUS692" s="613"/>
      <c r="LUT692" s="613"/>
      <c r="LUU692" s="613"/>
      <c r="LUV692" s="613"/>
      <c r="LUW692" s="613"/>
      <c r="LUX692" s="613"/>
      <c r="LUY692" s="613"/>
      <c r="LUZ692" s="613"/>
      <c r="LVA692" s="613"/>
      <c r="LVB692" s="613"/>
      <c r="LVC692" s="613"/>
      <c r="LVD692" s="613"/>
      <c r="LVE692" s="613"/>
      <c r="LVF692" s="613"/>
      <c r="LVG692" s="613"/>
      <c r="LVH692" s="613"/>
      <c r="LVI692" s="613"/>
      <c r="LVJ692" s="613"/>
      <c r="LVK692" s="613"/>
      <c r="LVL692" s="613"/>
      <c r="LVM692" s="613"/>
      <c r="LVN692" s="613"/>
      <c r="LVO692" s="613"/>
      <c r="LVP692" s="613"/>
      <c r="LVQ692" s="613"/>
      <c r="LVR692" s="613"/>
      <c r="LVS692" s="613"/>
      <c r="LVT692" s="613"/>
      <c r="LVU692" s="613"/>
      <c r="LVV692" s="613"/>
      <c r="LVW692" s="613"/>
      <c r="LVX692" s="613"/>
      <c r="LVY692" s="613"/>
      <c r="LVZ692" s="613"/>
      <c r="LWA692" s="613"/>
      <c r="LWB692" s="613"/>
      <c r="LWC692" s="613"/>
      <c r="LWD692" s="613"/>
      <c r="LWE692" s="613"/>
      <c r="LWF692" s="613"/>
      <c r="LWG692" s="613"/>
      <c r="LWH692" s="613"/>
      <c r="LWI692" s="613"/>
      <c r="LWJ692" s="613"/>
      <c r="LWK692" s="613"/>
      <c r="LWL692" s="613"/>
      <c r="LWM692" s="613"/>
      <c r="LWN692" s="613"/>
      <c r="LWO692" s="613"/>
      <c r="LWP692" s="613"/>
      <c r="LWQ692" s="613"/>
      <c r="LWR692" s="613"/>
      <c r="LWS692" s="613"/>
      <c r="LWT692" s="613"/>
      <c r="LWU692" s="613"/>
      <c r="LWV692" s="613"/>
      <c r="LWW692" s="613"/>
      <c r="LWX692" s="613"/>
      <c r="LWY692" s="613"/>
      <c r="LWZ692" s="613"/>
      <c r="LXA692" s="613"/>
      <c r="LXB692" s="613"/>
      <c r="LXC692" s="613"/>
      <c r="LXD692" s="613"/>
      <c r="LXE692" s="613"/>
      <c r="LXF692" s="613"/>
      <c r="LXG692" s="613"/>
      <c r="LXH692" s="613"/>
      <c r="LXI692" s="613"/>
      <c r="LXJ692" s="613"/>
      <c r="LXK692" s="613"/>
      <c r="LXL692" s="613"/>
      <c r="LXM692" s="613"/>
      <c r="LXN692" s="613"/>
      <c r="LXO692" s="613"/>
      <c r="LXP692" s="613"/>
      <c r="LXQ692" s="613"/>
      <c r="LXR692" s="613"/>
      <c r="LXS692" s="613"/>
      <c r="LXT692" s="613"/>
      <c r="LXU692" s="613"/>
      <c r="LXV692" s="613"/>
      <c r="LXW692" s="613"/>
      <c r="LXX692" s="613"/>
      <c r="LXY692" s="613"/>
      <c r="LXZ692" s="613"/>
      <c r="LYA692" s="613"/>
      <c r="LYB692" s="613"/>
      <c r="LYC692" s="613"/>
      <c r="LYD692" s="613"/>
      <c r="LYE692" s="613"/>
      <c r="LYF692" s="613"/>
      <c r="LYG692" s="613"/>
      <c r="LYH692" s="613"/>
      <c r="LYI692" s="613"/>
      <c r="LYJ692" s="613"/>
      <c r="LYK692" s="613"/>
      <c r="LYL692" s="613"/>
      <c r="LYM692" s="613"/>
      <c r="LYN692" s="613"/>
      <c r="LYO692" s="613"/>
      <c r="LYP692" s="613"/>
      <c r="LYQ692" s="613"/>
      <c r="LYR692" s="613"/>
      <c r="LYS692" s="613"/>
      <c r="LYT692" s="613"/>
      <c r="LYU692" s="613"/>
      <c r="LYV692" s="613"/>
      <c r="LYW692" s="613"/>
      <c r="LYX692" s="613"/>
      <c r="LYY692" s="613"/>
      <c r="LYZ692" s="613"/>
      <c r="LZA692" s="613"/>
      <c r="LZB692" s="613"/>
      <c r="LZC692" s="613"/>
      <c r="LZD692" s="613"/>
      <c r="LZE692" s="613"/>
      <c r="LZF692" s="613"/>
      <c r="LZG692" s="613"/>
      <c r="LZH692" s="613"/>
      <c r="LZI692" s="613"/>
      <c r="LZJ692" s="613"/>
      <c r="LZK692" s="613"/>
      <c r="LZL692" s="613"/>
      <c r="LZM692" s="613"/>
      <c r="LZN692" s="613"/>
      <c r="LZO692" s="613"/>
      <c r="LZP692" s="613"/>
      <c r="LZQ692" s="613"/>
      <c r="LZR692" s="613"/>
      <c r="LZS692" s="613"/>
      <c r="LZT692" s="613"/>
      <c r="LZU692" s="613"/>
      <c r="LZV692" s="613"/>
      <c r="LZW692" s="613"/>
      <c r="LZX692" s="613"/>
      <c r="LZY692" s="613"/>
      <c r="LZZ692" s="613"/>
      <c r="MAA692" s="613"/>
      <c r="MAB692" s="613"/>
      <c r="MAC692" s="613"/>
      <c r="MAD692" s="613"/>
      <c r="MAE692" s="613"/>
      <c r="MAF692" s="613"/>
      <c r="MAG692" s="613"/>
      <c r="MAH692" s="613"/>
      <c r="MAI692" s="613"/>
      <c r="MAJ692" s="613"/>
      <c r="MAK692" s="613"/>
      <c r="MAL692" s="613"/>
      <c r="MAM692" s="613"/>
      <c r="MAN692" s="613"/>
      <c r="MAO692" s="613"/>
      <c r="MAP692" s="613"/>
      <c r="MAQ692" s="613"/>
      <c r="MAR692" s="613"/>
      <c r="MAS692" s="613"/>
      <c r="MAT692" s="613"/>
      <c r="MAU692" s="613"/>
      <c r="MAV692" s="613"/>
      <c r="MAW692" s="613"/>
      <c r="MAX692" s="613"/>
      <c r="MAY692" s="613"/>
      <c r="MAZ692" s="613"/>
      <c r="MBA692" s="613"/>
      <c r="MBB692" s="613"/>
      <c r="MBC692" s="613"/>
      <c r="MBD692" s="613"/>
      <c r="MBE692" s="613"/>
      <c r="MBF692" s="613"/>
      <c r="MBG692" s="613"/>
      <c r="MBH692" s="613"/>
      <c r="MBI692" s="613"/>
      <c r="MBJ692" s="613"/>
      <c r="MBK692" s="613"/>
      <c r="MBL692" s="613"/>
      <c r="MBM692" s="613"/>
      <c r="MBN692" s="613"/>
      <c r="MBO692" s="613"/>
      <c r="MBP692" s="613"/>
      <c r="MBQ692" s="613"/>
      <c r="MBR692" s="613"/>
      <c r="MBS692" s="613"/>
      <c r="MBT692" s="613"/>
      <c r="MBU692" s="613"/>
      <c r="MBV692" s="613"/>
      <c r="MBW692" s="613"/>
      <c r="MBX692" s="613"/>
      <c r="MBY692" s="613"/>
      <c r="MBZ692" s="613"/>
      <c r="MCA692" s="613"/>
      <c r="MCB692" s="613"/>
      <c r="MCC692" s="613"/>
      <c r="MCD692" s="613"/>
      <c r="MCE692" s="613"/>
      <c r="MCF692" s="613"/>
      <c r="MCG692" s="613"/>
      <c r="MCH692" s="613"/>
      <c r="MCI692" s="613"/>
      <c r="MCJ692" s="613"/>
      <c r="MCK692" s="613"/>
      <c r="MCL692" s="613"/>
      <c r="MCM692" s="613"/>
      <c r="MCN692" s="613"/>
      <c r="MCO692" s="613"/>
      <c r="MCP692" s="613"/>
      <c r="MCQ692" s="613"/>
      <c r="MCR692" s="613"/>
      <c r="MCS692" s="613"/>
      <c r="MCT692" s="613"/>
      <c r="MCU692" s="613"/>
      <c r="MCV692" s="613"/>
      <c r="MCW692" s="613"/>
      <c r="MCX692" s="613"/>
      <c r="MCY692" s="613"/>
      <c r="MCZ692" s="613"/>
      <c r="MDA692" s="613"/>
      <c r="MDB692" s="613"/>
      <c r="MDC692" s="613"/>
      <c r="MDD692" s="613"/>
      <c r="MDE692" s="613"/>
      <c r="MDF692" s="613"/>
      <c r="MDG692" s="613"/>
      <c r="MDH692" s="613"/>
      <c r="MDI692" s="613"/>
      <c r="MDJ692" s="613"/>
      <c r="MDK692" s="613"/>
      <c r="MDL692" s="613"/>
      <c r="MDM692" s="613"/>
      <c r="MDN692" s="613"/>
      <c r="MDO692" s="613"/>
      <c r="MDP692" s="613"/>
      <c r="MDQ692" s="613"/>
      <c r="MDR692" s="613"/>
      <c r="MDS692" s="613"/>
      <c r="MDT692" s="613"/>
      <c r="MDU692" s="613"/>
      <c r="MDV692" s="613"/>
      <c r="MDW692" s="613"/>
      <c r="MDX692" s="613"/>
      <c r="MDY692" s="613"/>
      <c r="MDZ692" s="613"/>
      <c r="MEA692" s="613"/>
      <c r="MEB692" s="613"/>
      <c r="MEC692" s="613"/>
      <c r="MED692" s="613"/>
      <c r="MEE692" s="613"/>
      <c r="MEF692" s="613"/>
      <c r="MEG692" s="613"/>
      <c r="MEH692" s="613"/>
      <c r="MEI692" s="613"/>
      <c r="MEJ692" s="613"/>
      <c r="MEK692" s="613"/>
      <c r="MEL692" s="613"/>
      <c r="MEM692" s="613"/>
      <c r="MEN692" s="613"/>
      <c r="MEO692" s="613"/>
      <c r="MEP692" s="613"/>
      <c r="MEQ692" s="613"/>
      <c r="MER692" s="613"/>
      <c r="MES692" s="613"/>
      <c r="MET692" s="613"/>
      <c r="MEU692" s="613"/>
      <c r="MEV692" s="613"/>
      <c r="MEW692" s="613"/>
      <c r="MEX692" s="613"/>
      <c r="MEY692" s="613"/>
      <c r="MEZ692" s="613"/>
      <c r="MFA692" s="613"/>
      <c r="MFB692" s="613"/>
      <c r="MFC692" s="613"/>
      <c r="MFD692" s="613"/>
      <c r="MFE692" s="613"/>
      <c r="MFF692" s="613"/>
      <c r="MFG692" s="613"/>
      <c r="MFH692" s="613"/>
      <c r="MFI692" s="613"/>
      <c r="MFJ692" s="613"/>
      <c r="MFK692" s="613"/>
      <c r="MFL692" s="613"/>
      <c r="MFM692" s="613"/>
      <c r="MFN692" s="613"/>
      <c r="MFO692" s="613"/>
      <c r="MFP692" s="613"/>
      <c r="MFQ692" s="613"/>
      <c r="MFR692" s="613"/>
      <c r="MFS692" s="613"/>
      <c r="MFT692" s="613"/>
      <c r="MFU692" s="613"/>
      <c r="MFV692" s="613"/>
      <c r="MFW692" s="613"/>
      <c r="MFX692" s="613"/>
      <c r="MFY692" s="613"/>
      <c r="MFZ692" s="613"/>
      <c r="MGA692" s="613"/>
      <c r="MGB692" s="613"/>
      <c r="MGC692" s="613"/>
      <c r="MGD692" s="613"/>
      <c r="MGE692" s="613"/>
      <c r="MGF692" s="613"/>
      <c r="MGG692" s="613"/>
      <c r="MGH692" s="613"/>
      <c r="MGI692" s="613"/>
      <c r="MGJ692" s="613"/>
      <c r="MGK692" s="613"/>
      <c r="MGL692" s="613"/>
      <c r="MGM692" s="613"/>
      <c r="MGN692" s="613"/>
      <c r="MGO692" s="613"/>
      <c r="MGP692" s="613"/>
      <c r="MGQ692" s="613"/>
      <c r="MGR692" s="613"/>
      <c r="MGS692" s="613"/>
      <c r="MGT692" s="613"/>
      <c r="MGU692" s="613"/>
      <c r="MGV692" s="613"/>
      <c r="MGW692" s="613"/>
      <c r="MGX692" s="613"/>
      <c r="MGY692" s="613"/>
      <c r="MGZ692" s="613"/>
      <c r="MHA692" s="613"/>
      <c r="MHB692" s="613"/>
      <c r="MHC692" s="613"/>
      <c r="MHD692" s="613"/>
      <c r="MHE692" s="613"/>
      <c r="MHF692" s="613"/>
      <c r="MHG692" s="613"/>
      <c r="MHH692" s="613"/>
      <c r="MHI692" s="613"/>
      <c r="MHJ692" s="613"/>
      <c r="MHK692" s="613"/>
      <c r="MHL692" s="613"/>
      <c r="MHM692" s="613"/>
      <c r="MHN692" s="613"/>
      <c r="MHO692" s="613"/>
      <c r="MHP692" s="613"/>
      <c r="MHQ692" s="613"/>
      <c r="MHR692" s="613"/>
      <c r="MHS692" s="613"/>
      <c r="MHT692" s="613"/>
      <c r="MHU692" s="613"/>
      <c r="MHV692" s="613"/>
      <c r="MHW692" s="613"/>
      <c r="MHX692" s="613"/>
      <c r="MHY692" s="613"/>
      <c r="MHZ692" s="613"/>
      <c r="MIA692" s="613"/>
      <c r="MIB692" s="613"/>
      <c r="MIC692" s="613"/>
      <c r="MID692" s="613"/>
      <c r="MIE692" s="613"/>
      <c r="MIF692" s="613"/>
      <c r="MIG692" s="613"/>
      <c r="MIH692" s="613"/>
      <c r="MII692" s="613"/>
      <c r="MIJ692" s="613"/>
      <c r="MIK692" s="613"/>
      <c r="MIL692" s="613"/>
      <c r="MIM692" s="613"/>
      <c r="MIN692" s="613"/>
      <c r="MIO692" s="613"/>
      <c r="MIP692" s="613"/>
      <c r="MIQ692" s="613"/>
      <c r="MIR692" s="613"/>
      <c r="MIS692" s="613"/>
      <c r="MIT692" s="613"/>
      <c r="MIU692" s="613"/>
      <c r="MIV692" s="613"/>
      <c r="MIW692" s="613"/>
      <c r="MIX692" s="613"/>
      <c r="MIY692" s="613"/>
      <c r="MIZ692" s="613"/>
      <c r="MJA692" s="613"/>
      <c r="MJB692" s="613"/>
      <c r="MJC692" s="613"/>
      <c r="MJD692" s="613"/>
      <c r="MJE692" s="613"/>
      <c r="MJF692" s="613"/>
      <c r="MJG692" s="613"/>
      <c r="MJH692" s="613"/>
      <c r="MJI692" s="613"/>
      <c r="MJJ692" s="613"/>
      <c r="MJK692" s="613"/>
      <c r="MJL692" s="613"/>
      <c r="MJM692" s="613"/>
      <c r="MJN692" s="613"/>
      <c r="MJO692" s="613"/>
      <c r="MJP692" s="613"/>
      <c r="MJQ692" s="613"/>
      <c r="MJR692" s="613"/>
      <c r="MJS692" s="613"/>
      <c r="MJT692" s="613"/>
      <c r="MJU692" s="613"/>
      <c r="MJV692" s="613"/>
      <c r="MJW692" s="613"/>
      <c r="MJX692" s="613"/>
      <c r="MJY692" s="613"/>
      <c r="MJZ692" s="613"/>
      <c r="MKA692" s="613"/>
      <c r="MKB692" s="613"/>
      <c r="MKC692" s="613"/>
      <c r="MKD692" s="613"/>
      <c r="MKE692" s="613"/>
      <c r="MKF692" s="613"/>
      <c r="MKG692" s="613"/>
      <c r="MKH692" s="613"/>
      <c r="MKI692" s="613"/>
      <c r="MKJ692" s="613"/>
      <c r="MKK692" s="613"/>
      <c r="MKL692" s="613"/>
      <c r="MKM692" s="613"/>
      <c r="MKN692" s="613"/>
      <c r="MKO692" s="613"/>
      <c r="MKP692" s="613"/>
      <c r="MKQ692" s="613"/>
      <c r="MKR692" s="613"/>
      <c r="MKS692" s="613"/>
      <c r="MKT692" s="613"/>
      <c r="MKU692" s="613"/>
      <c r="MKV692" s="613"/>
      <c r="MKW692" s="613"/>
      <c r="MKX692" s="613"/>
      <c r="MKY692" s="613"/>
      <c r="MKZ692" s="613"/>
      <c r="MLA692" s="613"/>
      <c r="MLB692" s="613"/>
      <c r="MLC692" s="613"/>
      <c r="MLD692" s="613"/>
      <c r="MLE692" s="613"/>
      <c r="MLF692" s="613"/>
      <c r="MLG692" s="613"/>
      <c r="MLH692" s="613"/>
      <c r="MLI692" s="613"/>
      <c r="MLJ692" s="613"/>
      <c r="MLK692" s="613"/>
      <c r="MLL692" s="613"/>
      <c r="MLM692" s="613"/>
      <c r="MLN692" s="613"/>
      <c r="MLO692" s="613"/>
      <c r="MLP692" s="613"/>
      <c r="MLQ692" s="613"/>
      <c r="MLR692" s="613"/>
      <c r="MLS692" s="613"/>
      <c r="MLT692" s="613"/>
      <c r="MLU692" s="613"/>
      <c r="MLV692" s="613"/>
      <c r="MLW692" s="613"/>
      <c r="MLX692" s="613"/>
      <c r="MLY692" s="613"/>
      <c r="MLZ692" s="613"/>
      <c r="MMA692" s="613"/>
      <c r="MMB692" s="613"/>
      <c r="MMC692" s="613"/>
      <c r="MMD692" s="613"/>
      <c r="MME692" s="613"/>
      <c r="MMF692" s="613"/>
      <c r="MMG692" s="613"/>
      <c r="MMH692" s="613"/>
      <c r="MMI692" s="613"/>
      <c r="MMJ692" s="613"/>
      <c r="MMK692" s="613"/>
      <c r="MML692" s="613"/>
      <c r="MMM692" s="613"/>
      <c r="MMN692" s="613"/>
      <c r="MMO692" s="613"/>
      <c r="MMP692" s="613"/>
      <c r="MMQ692" s="613"/>
      <c r="MMR692" s="613"/>
      <c r="MMS692" s="613"/>
      <c r="MMT692" s="613"/>
      <c r="MMU692" s="613"/>
      <c r="MMV692" s="613"/>
      <c r="MMW692" s="613"/>
      <c r="MMX692" s="613"/>
      <c r="MMY692" s="613"/>
      <c r="MMZ692" s="613"/>
      <c r="MNA692" s="613"/>
      <c r="MNB692" s="613"/>
      <c r="MNC692" s="613"/>
      <c r="MND692" s="613"/>
      <c r="MNE692" s="613"/>
      <c r="MNF692" s="613"/>
      <c r="MNG692" s="613"/>
      <c r="MNH692" s="613"/>
      <c r="MNI692" s="613"/>
      <c r="MNJ692" s="613"/>
      <c r="MNK692" s="613"/>
      <c r="MNL692" s="613"/>
      <c r="MNM692" s="613"/>
      <c r="MNN692" s="613"/>
      <c r="MNO692" s="613"/>
      <c r="MNP692" s="613"/>
      <c r="MNQ692" s="613"/>
      <c r="MNR692" s="613"/>
      <c r="MNS692" s="613"/>
      <c r="MNT692" s="613"/>
      <c r="MNU692" s="613"/>
      <c r="MNV692" s="613"/>
      <c r="MNW692" s="613"/>
      <c r="MNX692" s="613"/>
      <c r="MNY692" s="613"/>
      <c r="MNZ692" s="613"/>
      <c r="MOA692" s="613"/>
      <c r="MOB692" s="613"/>
      <c r="MOC692" s="613"/>
      <c r="MOD692" s="613"/>
      <c r="MOE692" s="613"/>
      <c r="MOF692" s="613"/>
      <c r="MOG692" s="613"/>
      <c r="MOH692" s="613"/>
      <c r="MOI692" s="613"/>
      <c r="MOJ692" s="613"/>
      <c r="MOK692" s="613"/>
      <c r="MOL692" s="613"/>
      <c r="MOM692" s="613"/>
      <c r="MON692" s="613"/>
      <c r="MOO692" s="613"/>
      <c r="MOP692" s="613"/>
      <c r="MOQ692" s="613"/>
      <c r="MOR692" s="613"/>
      <c r="MOS692" s="613"/>
      <c r="MOT692" s="613"/>
      <c r="MOU692" s="613"/>
      <c r="MOV692" s="613"/>
      <c r="MOW692" s="613"/>
      <c r="MOX692" s="613"/>
      <c r="MOY692" s="613"/>
      <c r="MOZ692" s="613"/>
      <c r="MPA692" s="613"/>
      <c r="MPB692" s="613"/>
      <c r="MPC692" s="613"/>
      <c r="MPD692" s="613"/>
      <c r="MPE692" s="613"/>
      <c r="MPF692" s="613"/>
      <c r="MPG692" s="613"/>
      <c r="MPH692" s="613"/>
      <c r="MPI692" s="613"/>
      <c r="MPJ692" s="613"/>
      <c r="MPK692" s="613"/>
      <c r="MPL692" s="613"/>
      <c r="MPM692" s="613"/>
      <c r="MPN692" s="613"/>
      <c r="MPO692" s="613"/>
      <c r="MPP692" s="613"/>
      <c r="MPQ692" s="613"/>
      <c r="MPR692" s="613"/>
      <c r="MPS692" s="613"/>
      <c r="MPT692" s="613"/>
      <c r="MPU692" s="613"/>
      <c r="MPV692" s="613"/>
      <c r="MPW692" s="613"/>
      <c r="MPX692" s="613"/>
      <c r="MPY692" s="613"/>
      <c r="MPZ692" s="613"/>
      <c r="MQA692" s="613"/>
      <c r="MQB692" s="613"/>
      <c r="MQC692" s="613"/>
      <c r="MQD692" s="613"/>
      <c r="MQE692" s="613"/>
      <c r="MQF692" s="613"/>
      <c r="MQG692" s="613"/>
      <c r="MQH692" s="613"/>
      <c r="MQI692" s="613"/>
      <c r="MQJ692" s="613"/>
      <c r="MQK692" s="613"/>
      <c r="MQL692" s="613"/>
      <c r="MQM692" s="613"/>
      <c r="MQN692" s="613"/>
      <c r="MQO692" s="613"/>
      <c r="MQP692" s="613"/>
      <c r="MQQ692" s="613"/>
      <c r="MQR692" s="613"/>
      <c r="MQS692" s="613"/>
      <c r="MQT692" s="613"/>
      <c r="MQU692" s="613"/>
      <c r="MQV692" s="613"/>
      <c r="MQW692" s="613"/>
      <c r="MQX692" s="613"/>
      <c r="MQY692" s="613"/>
      <c r="MQZ692" s="613"/>
      <c r="MRA692" s="613"/>
      <c r="MRB692" s="613"/>
      <c r="MRC692" s="613"/>
      <c r="MRD692" s="613"/>
      <c r="MRE692" s="613"/>
      <c r="MRF692" s="613"/>
      <c r="MRG692" s="613"/>
      <c r="MRH692" s="613"/>
      <c r="MRI692" s="613"/>
      <c r="MRJ692" s="613"/>
      <c r="MRK692" s="613"/>
      <c r="MRL692" s="613"/>
      <c r="MRM692" s="613"/>
      <c r="MRN692" s="613"/>
      <c r="MRO692" s="613"/>
      <c r="MRP692" s="613"/>
      <c r="MRQ692" s="613"/>
      <c r="MRR692" s="613"/>
      <c r="MRS692" s="613"/>
      <c r="MRT692" s="613"/>
      <c r="MRU692" s="613"/>
      <c r="MRV692" s="613"/>
      <c r="MRW692" s="613"/>
      <c r="MRX692" s="613"/>
      <c r="MRY692" s="613"/>
      <c r="MRZ692" s="613"/>
      <c r="MSA692" s="613"/>
      <c r="MSB692" s="613"/>
      <c r="MSC692" s="613"/>
      <c r="MSD692" s="613"/>
      <c r="MSE692" s="613"/>
      <c r="MSF692" s="613"/>
      <c r="MSG692" s="613"/>
      <c r="MSH692" s="613"/>
      <c r="MSI692" s="613"/>
      <c r="MSJ692" s="613"/>
      <c r="MSK692" s="613"/>
      <c r="MSL692" s="613"/>
      <c r="MSM692" s="613"/>
      <c r="MSN692" s="613"/>
      <c r="MSO692" s="613"/>
      <c r="MSP692" s="613"/>
      <c r="MSQ692" s="613"/>
      <c r="MSR692" s="613"/>
      <c r="MSS692" s="613"/>
      <c r="MST692" s="613"/>
      <c r="MSU692" s="613"/>
      <c r="MSV692" s="613"/>
      <c r="MSW692" s="613"/>
      <c r="MSX692" s="613"/>
      <c r="MSY692" s="613"/>
      <c r="MSZ692" s="613"/>
      <c r="MTA692" s="613"/>
      <c r="MTB692" s="613"/>
      <c r="MTC692" s="613"/>
      <c r="MTD692" s="613"/>
      <c r="MTE692" s="613"/>
      <c r="MTF692" s="613"/>
      <c r="MTG692" s="613"/>
      <c r="MTH692" s="613"/>
      <c r="MTI692" s="613"/>
      <c r="MTJ692" s="613"/>
      <c r="MTK692" s="613"/>
      <c r="MTL692" s="613"/>
      <c r="MTM692" s="613"/>
      <c r="MTN692" s="613"/>
      <c r="MTO692" s="613"/>
      <c r="MTP692" s="613"/>
      <c r="MTQ692" s="613"/>
      <c r="MTR692" s="613"/>
      <c r="MTS692" s="613"/>
      <c r="MTT692" s="613"/>
      <c r="MTU692" s="613"/>
      <c r="MTV692" s="613"/>
      <c r="MTW692" s="613"/>
      <c r="MTX692" s="613"/>
      <c r="MTY692" s="613"/>
      <c r="MTZ692" s="613"/>
      <c r="MUA692" s="613"/>
      <c r="MUB692" s="613"/>
      <c r="MUC692" s="613"/>
      <c r="MUD692" s="613"/>
      <c r="MUE692" s="613"/>
      <c r="MUF692" s="613"/>
      <c r="MUG692" s="613"/>
      <c r="MUH692" s="613"/>
      <c r="MUI692" s="613"/>
      <c r="MUJ692" s="613"/>
      <c r="MUK692" s="613"/>
      <c r="MUL692" s="613"/>
      <c r="MUM692" s="613"/>
      <c r="MUN692" s="613"/>
      <c r="MUO692" s="613"/>
      <c r="MUP692" s="613"/>
      <c r="MUQ692" s="613"/>
      <c r="MUR692" s="613"/>
      <c r="MUS692" s="613"/>
      <c r="MUT692" s="613"/>
      <c r="MUU692" s="613"/>
      <c r="MUV692" s="613"/>
      <c r="MUW692" s="613"/>
      <c r="MUX692" s="613"/>
      <c r="MUY692" s="613"/>
      <c r="MUZ692" s="613"/>
      <c r="MVA692" s="613"/>
      <c r="MVB692" s="613"/>
      <c r="MVC692" s="613"/>
      <c r="MVD692" s="613"/>
      <c r="MVE692" s="613"/>
      <c r="MVF692" s="613"/>
      <c r="MVG692" s="613"/>
      <c r="MVH692" s="613"/>
      <c r="MVI692" s="613"/>
      <c r="MVJ692" s="613"/>
      <c r="MVK692" s="613"/>
      <c r="MVL692" s="613"/>
      <c r="MVM692" s="613"/>
      <c r="MVN692" s="613"/>
      <c r="MVO692" s="613"/>
      <c r="MVP692" s="613"/>
      <c r="MVQ692" s="613"/>
      <c r="MVR692" s="613"/>
      <c r="MVS692" s="613"/>
      <c r="MVT692" s="613"/>
      <c r="MVU692" s="613"/>
      <c r="MVV692" s="613"/>
      <c r="MVW692" s="613"/>
      <c r="MVX692" s="613"/>
      <c r="MVY692" s="613"/>
      <c r="MVZ692" s="613"/>
      <c r="MWA692" s="613"/>
      <c r="MWB692" s="613"/>
      <c r="MWC692" s="613"/>
      <c r="MWD692" s="613"/>
      <c r="MWE692" s="613"/>
      <c r="MWF692" s="613"/>
      <c r="MWG692" s="613"/>
      <c r="MWH692" s="613"/>
      <c r="MWI692" s="613"/>
      <c r="MWJ692" s="613"/>
      <c r="MWK692" s="613"/>
      <c r="MWL692" s="613"/>
      <c r="MWM692" s="613"/>
      <c r="MWN692" s="613"/>
      <c r="MWO692" s="613"/>
      <c r="MWP692" s="613"/>
      <c r="MWQ692" s="613"/>
      <c r="MWR692" s="613"/>
      <c r="MWS692" s="613"/>
      <c r="MWT692" s="613"/>
      <c r="MWU692" s="613"/>
      <c r="MWV692" s="613"/>
      <c r="MWW692" s="613"/>
      <c r="MWX692" s="613"/>
      <c r="MWY692" s="613"/>
      <c r="MWZ692" s="613"/>
      <c r="MXA692" s="613"/>
      <c r="MXB692" s="613"/>
      <c r="MXC692" s="613"/>
      <c r="MXD692" s="613"/>
      <c r="MXE692" s="613"/>
      <c r="MXF692" s="613"/>
      <c r="MXG692" s="613"/>
      <c r="MXH692" s="613"/>
      <c r="MXI692" s="613"/>
      <c r="MXJ692" s="613"/>
      <c r="MXK692" s="613"/>
      <c r="MXL692" s="613"/>
      <c r="MXM692" s="613"/>
      <c r="MXN692" s="613"/>
      <c r="MXO692" s="613"/>
      <c r="MXP692" s="613"/>
      <c r="MXQ692" s="613"/>
      <c r="MXR692" s="613"/>
      <c r="MXS692" s="613"/>
      <c r="MXT692" s="613"/>
      <c r="MXU692" s="613"/>
      <c r="MXV692" s="613"/>
      <c r="MXW692" s="613"/>
      <c r="MXX692" s="613"/>
      <c r="MXY692" s="613"/>
      <c r="MXZ692" s="613"/>
      <c r="MYA692" s="613"/>
      <c r="MYB692" s="613"/>
      <c r="MYC692" s="613"/>
      <c r="MYD692" s="613"/>
      <c r="MYE692" s="613"/>
      <c r="MYF692" s="613"/>
      <c r="MYG692" s="613"/>
      <c r="MYH692" s="613"/>
      <c r="MYI692" s="613"/>
      <c r="MYJ692" s="613"/>
      <c r="MYK692" s="613"/>
      <c r="MYL692" s="613"/>
      <c r="MYM692" s="613"/>
      <c r="MYN692" s="613"/>
      <c r="MYO692" s="613"/>
      <c r="MYP692" s="613"/>
      <c r="MYQ692" s="613"/>
      <c r="MYR692" s="613"/>
      <c r="MYS692" s="613"/>
      <c r="MYT692" s="613"/>
      <c r="MYU692" s="613"/>
      <c r="MYV692" s="613"/>
      <c r="MYW692" s="613"/>
      <c r="MYX692" s="613"/>
      <c r="MYY692" s="613"/>
      <c r="MYZ692" s="613"/>
      <c r="MZA692" s="613"/>
      <c r="MZB692" s="613"/>
      <c r="MZC692" s="613"/>
      <c r="MZD692" s="613"/>
      <c r="MZE692" s="613"/>
      <c r="MZF692" s="613"/>
      <c r="MZG692" s="613"/>
      <c r="MZH692" s="613"/>
      <c r="MZI692" s="613"/>
      <c r="MZJ692" s="613"/>
      <c r="MZK692" s="613"/>
      <c r="MZL692" s="613"/>
      <c r="MZM692" s="613"/>
      <c r="MZN692" s="613"/>
      <c r="MZO692" s="613"/>
      <c r="MZP692" s="613"/>
      <c r="MZQ692" s="613"/>
      <c r="MZR692" s="613"/>
      <c r="MZS692" s="613"/>
      <c r="MZT692" s="613"/>
      <c r="MZU692" s="613"/>
      <c r="MZV692" s="613"/>
      <c r="MZW692" s="613"/>
      <c r="MZX692" s="613"/>
      <c r="MZY692" s="613"/>
      <c r="MZZ692" s="613"/>
      <c r="NAA692" s="613"/>
      <c r="NAB692" s="613"/>
      <c r="NAC692" s="613"/>
      <c r="NAD692" s="613"/>
      <c r="NAE692" s="613"/>
      <c r="NAF692" s="613"/>
      <c r="NAG692" s="613"/>
      <c r="NAH692" s="613"/>
      <c r="NAI692" s="613"/>
      <c r="NAJ692" s="613"/>
      <c r="NAK692" s="613"/>
      <c r="NAL692" s="613"/>
      <c r="NAM692" s="613"/>
      <c r="NAN692" s="613"/>
      <c r="NAO692" s="613"/>
      <c r="NAP692" s="613"/>
      <c r="NAQ692" s="613"/>
      <c r="NAR692" s="613"/>
      <c r="NAS692" s="613"/>
      <c r="NAT692" s="613"/>
      <c r="NAU692" s="613"/>
      <c r="NAV692" s="613"/>
      <c r="NAW692" s="613"/>
      <c r="NAX692" s="613"/>
      <c r="NAY692" s="613"/>
      <c r="NAZ692" s="613"/>
      <c r="NBA692" s="613"/>
      <c r="NBB692" s="613"/>
      <c r="NBC692" s="613"/>
      <c r="NBD692" s="613"/>
      <c r="NBE692" s="613"/>
      <c r="NBF692" s="613"/>
      <c r="NBG692" s="613"/>
      <c r="NBH692" s="613"/>
      <c r="NBI692" s="613"/>
      <c r="NBJ692" s="613"/>
      <c r="NBK692" s="613"/>
      <c r="NBL692" s="613"/>
      <c r="NBM692" s="613"/>
      <c r="NBN692" s="613"/>
      <c r="NBO692" s="613"/>
      <c r="NBP692" s="613"/>
      <c r="NBQ692" s="613"/>
      <c r="NBR692" s="613"/>
      <c r="NBS692" s="613"/>
      <c r="NBT692" s="613"/>
      <c r="NBU692" s="613"/>
      <c r="NBV692" s="613"/>
      <c r="NBW692" s="613"/>
      <c r="NBX692" s="613"/>
      <c r="NBY692" s="613"/>
      <c r="NBZ692" s="613"/>
      <c r="NCA692" s="613"/>
      <c r="NCB692" s="613"/>
      <c r="NCC692" s="613"/>
      <c r="NCD692" s="613"/>
      <c r="NCE692" s="613"/>
      <c r="NCF692" s="613"/>
      <c r="NCG692" s="613"/>
      <c r="NCH692" s="613"/>
      <c r="NCI692" s="613"/>
      <c r="NCJ692" s="613"/>
      <c r="NCK692" s="613"/>
      <c r="NCL692" s="613"/>
      <c r="NCM692" s="613"/>
      <c r="NCN692" s="613"/>
      <c r="NCO692" s="613"/>
      <c r="NCP692" s="613"/>
      <c r="NCQ692" s="613"/>
      <c r="NCR692" s="613"/>
      <c r="NCS692" s="613"/>
      <c r="NCT692" s="613"/>
      <c r="NCU692" s="613"/>
      <c r="NCV692" s="613"/>
      <c r="NCW692" s="613"/>
      <c r="NCX692" s="613"/>
      <c r="NCY692" s="613"/>
      <c r="NCZ692" s="613"/>
      <c r="NDA692" s="613"/>
      <c r="NDB692" s="613"/>
      <c r="NDC692" s="613"/>
      <c r="NDD692" s="613"/>
      <c r="NDE692" s="613"/>
      <c r="NDF692" s="613"/>
      <c r="NDG692" s="613"/>
      <c r="NDH692" s="613"/>
      <c r="NDI692" s="613"/>
      <c r="NDJ692" s="613"/>
      <c r="NDK692" s="613"/>
      <c r="NDL692" s="613"/>
      <c r="NDM692" s="613"/>
      <c r="NDN692" s="613"/>
      <c r="NDO692" s="613"/>
      <c r="NDP692" s="613"/>
      <c r="NDQ692" s="613"/>
      <c r="NDR692" s="613"/>
      <c r="NDS692" s="613"/>
      <c r="NDT692" s="613"/>
      <c r="NDU692" s="613"/>
      <c r="NDV692" s="613"/>
      <c r="NDW692" s="613"/>
      <c r="NDX692" s="613"/>
      <c r="NDY692" s="613"/>
      <c r="NDZ692" s="613"/>
      <c r="NEA692" s="613"/>
      <c r="NEB692" s="613"/>
      <c r="NEC692" s="613"/>
      <c r="NED692" s="613"/>
      <c r="NEE692" s="613"/>
      <c r="NEF692" s="613"/>
      <c r="NEG692" s="613"/>
      <c r="NEH692" s="613"/>
      <c r="NEI692" s="613"/>
      <c r="NEJ692" s="613"/>
      <c r="NEK692" s="613"/>
      <c r="NEL692" s="613"/>
      <c r="NEM692" s="613"/>
      <c r="NEN692" s="613"/>
      <c r="NEO692" s="613"/>
      <c r="NEP692" s="613"/>
      <c r="NEQ692" s="613"/>
      <c r="NER692" s="613"/>
      <c r="NES692" s="613"/>
      <c r="NET692" s="613"/>
      <c r="NEU692" s="613"/>
      <c r="NEV692" s="613"/>
      <c r="NEW692" s="613"/>
      <c r="NEX692" s="613"/>
      <c r="NEY692" s="613"/>
      <c r="NEZ692" s="613"/>
      <c r="NFA692" s="613"/>
      <c r="NFB692" s="613"/>
      <c r="NFC692" s="613"/>
      <c r="NFD692" s="613"/>
      <c r="NFE692" s="613"/>
      <c r="NFF692" s="613"/>
      <c r="NFG692" s="613"/>
      <c r="NFH692" s="613"/>
      <c r="NFI692" s="613"/>
      <c r="NFJ692" s="613"/>
      <c r="NFK692" s="613"/>
      <c r="NFL692" s="613"/>
      <c r="NFM692" s="613"/>
      <c r="NFN692" s="613"/>
      <c r="NFO692" s="613"/>
      <c r="NFP692" s="613"/>
      <c r="NFQ692" s="613"/>
      <c r="NFR692" s="613"/>
      <c r="NFS692" s="613"/>
      <c r="NFT692" s="613"/>
      <c r="NFU692" s="613"/>
      <c r="NFV692" s="613"/>
      <c r="NFW692" s="613"/>
      <c r="NFX692" s="613"/>
      <c r="NFY692" s="613"/>
      <c r="NFZ692" s="613"/>
      <c r="NGA692" s="613"/>
      <c r="NGB692" s="613"/>
      <c r="NGC692" s="613"/>
      <c r="NGD692" s="613"/>
      <c r="NGE692" s="613"/>
      <c r="NGF692" s="613"/>
      <c r="NGG692" s="613"/>
      <c r="NGH692" s="613"/>
      <c r="NGI692" s="613"/>
      <c r="NGJ692" s="613"/>
      <c r="NGK692" s="613"/>
      <c r="NGL692" s="613"/>
      <c r="NGM692" s="613"/>
      <c r="NGN692" s="613"/>
      <c r="NGO692" s="613"/>
      <c r="NGP692" s="613"/>
      <c r="NGQ692" s="613"/>
      <c r="NGR692" s="613"/>
      <c r="NGS692" s="613"/>
      <c r="NGT692" s="613"/>
      <c r="NGU692" s="613"/>
      <c r="NGV692" s="613"/>
      <c r="NGW692" s="613"/>
      <c r="NGX692" s="613"/>
      <c r="NGY692" s="613"/>
      <c r="NGZ692" s="613"/>
      <c r="NHA692" s="613"/>
      <c r="NHB692" s="613"/>
      <c r="NHC692" s="613"/>
      <c r="NHD692" s="613"/>
      <c r="NHE692" s="613"/>
      <c r="NHF692" s="613"/>
      <c r="NHG692" s="613"/>
      <c r="NHH692" s="613"/>
      <c r="NHI692" s="613"/>
      <c r="NHJ692" s="613"/>
      <c r="NHK692" s="613"/>
      <c r="NHL692" s="613"/>
      <c r="NHM692" s="613"/>
      <c r="NHN692" s="613"/>
      <c r="NHO692" s="613"/>
      <c r="NHP692" s="613"/>
      <c r="NHQ692" s="613"/>
      <c r="NHR692" s="613"/>
      <c r="NHS692" s="613"/>
      <c r="NHT692" s="613"/>
      <c r="NHU692" s="613"/>
      <c r="NHV692" s="613"/>
      <c r="NHW692" s="613"/>
      <c r="NHX692" s="613"/>
      <c r="NHY692" s="613"/>
      <c r="NHZ692" s="613"/>
      <c r="NIA692" s="613"/>
      <c r="NIB692" s="613"/>
      <c r="NIC692" s="613"/>
      <c r="NID692" s="613"/>
      <c r="NIE692" s="613"/>
      <c r="NIF692" s="613"/>
      <c r="NIG692" s="613"/>
      <c r="NIH692" s="613"/>
      <c r="NII692" s="613"/>
      <c r="NIJ692" s="613"/>
      <c r="NIK692" s="613"/>
      <c r="NIL692" s="613"/>
      <c r="NIM692" s="613"/>
      <c r="NIN692" s="613"/>
      <c r="NIO692" s="613"/>
      <c r="NIP692" s="613"/>
      <c r="NIQ692" s="613"/>
      <c r="NIR692" s="613"/>
      <c r="NIS692" s="613"/>
      <c r="NIT692" s="613"/>
      <c r="NIU692" s="613"/>
      <c r="NIV692" s="613"/>
      <c r="NIW692" s="613"/>
      <c r="NIX692" s="613"/>
      <c r="NIY692" s="613"/>
      <c r="NIZ692" s="613"/>
      <c r="NJA692" s="613"/>
      <c r="NJB692" s="613"/>
      <c r="NJC692" s="613"/>
      <c r="NJD692" s="613"/>
      <c r="NJE692" s="613"/>
      <c r="NJF692" s="613"/>
      <c r="NJG692" s="613"/>
      <c r="NJH692" s="613"/>
      <c r="NJI692" s="613"/>
      <c r="NJJ692" s="613"/>
      <c r="NJK692" s="613"/>
      <c r="NJL692" s="613"/>
      <c r="NJM692" s="613"/>
      <c r="NJN692" s="613"/>
      <c r="NJO692" s="613"/>
      <c r="NJP692" s="613"/>
      <c r="NJQ692" s="613"/>
      <c r="NJR692" s="613"/>
      <c r="NJS692" s="613"/>
      <c r="NJT692" s="613"/>
      <c r="NJU692" s="613"/>
      <c r="NJV692" s="613"/>
      <c r="NJW692" s="613"/>
      <c r="NJX692" s="613"/>
      <c r="NJY692" s="613"/>
      <c r="NJZ692" s="613"/>
      <c r="NKA692" s="613"/>
      <c r="NKB692" s="613"/>
      <c r="NKC692" s="613"/>
      <c r="NKD692" s="613"/>
      <c r="NKE692" s="613"/>
      <c r="NKF692" s="613"/>
      <c r="NKG692" s="613"/>
      <c r="NKH692" s="613"/>
      <c r="NKI692" s="613"/>
      <c r="NKJ692" s="613"/>
      <c r="NKK692" s="613"/>
      <c r="NKL692" s="613"/>
      <c r="NKM692" s="613"/>
      <c r="NKN692" s="613"/>
      <c r="NKO692" s="613"/>
      <c r="NKP692" s="613"/>
      <c r="NKQ692" s="613"/>
      <c r="NKR692" s="613"/>
      <c r="NKS692" s="613"/>
      <c r="NKT692" s="613"/>
      <c r="NKU692" s="613"/>
      <c r="NKV692" s="613"/>
      <c r="NKW692" s="613"/>
      <c r="NKX692" s="613"/>
      <c r="NKY692" s="613"/>
      <c r="NKZ692" s="613"/>
      <c r="NLA692" s="613"/>
      <c r="NLB692" s="613"/>
      <c r="NLC692" s="613"/>
      <c r="NLD692" s="613"/>
      <c r="NLE692" s="613"/>
      <c r="NLF692" s="613"/>
      <c r="NLG692" s="613"/>
      <c r="NLH692" s="613"/>
      <c r="NLI692" s="613"/>
      <c r="NLJ692" s="613"/>
      <c r="NLK692" s="613"/>
      <c r="NLL692" s="613"/>
      <c r="NLM692" s="613"/>
      <c r="NLN692" s="613"/>
      <c r="NLO692" s="613"/>
      <c r="NLP692" s="613"/>
      <c r="NLQ692" s="613"/>
      <c r="NLR692" s="613"/>
      <c r="NLS692" s="613"/>
      <c r="NLT692" s="613"/>
      <c r="NLU692" s="613"/>
      <c r="NLV692" s="613"/>
      <c r="NLW692" s="613"/>
      <c r="NLX692" s="613"/>
      <c r="NLY692" s="613"/>
      <c r="NLZ692" s="613"/>
      <c r="NMA692" s="613"/>
      <c r="NMB692" s="613"/>
      <c r="NMC692" s="613"/>
      <c r="NMD692" s="613"/>
      <c r="NME692" s="613"/>
      <c r="NMF692" s="613"/>
      <c r="NMG692" s="613"/>
      <c r="NMH692" s="613"/>
      <c r="NMI692" s="613"/>
      <c r="NMJ692" s="613"/>
      <c r="NMK692" s="613"/>
      <c r="NML692" s="613"/>
      <c r="NMM692" s="613"/>
      <c r="NMN692" s="613"/>
      <c r="NMO692" s="613"/>
      <c r="NMP692" s="613"/>
      <c r="NMQ692" s="613"/>
      <c r="NMR692" s="613"/>
      <c r="NMS692" s="613"/>
      <c r="NMT692" s="613"/>
      <c r="NMU692" s="613"/>
      <c r="NMV692" s="613"/>
      <c r="NMW692" s="613"/>
      <c r="NMX692" s="613"/>
      <c r="NMY692" s="613"/>
      <c r="NMZ692" s="613"/>
      <c r="NNA692" s="613"/>
      <c r="NNB692" s="613"/>
      <c r="NNC692" s="613"/>
      <c r="NND692" s="613"/>
      <c r="NNE692" s="613"/>
      <c r="NNF692" s="613"/>
      <c r="NNG692" s="613"/>
      <c r="NNH692" s="613"/>
      <c r="NNI692" s="613"/>
      <c r="NNJ692" s="613"/>
      <c r="NNK692" s="613"/>
      <c r="NNL692" s="613"/>
      <c r="NNM692" s="613"/>
      <c r="NNN692" s="613"/>
      <c r="NNO692" s="613"/>
      <c r="NNP692" s="613"/>
      <c r="NNQ692" s="613"/>
      <c r="NNR692" s="613"/>
      <c r="NNS692" s="613"/>
      <c r="NNT692" s="613"/>
      <c r="NNU692" s="613"/>
      <c r="NNV692" s="613"/>
      <c r="NNW692" s="613"/>
      <c r="NNX692" s="613"/>
      <c r="NNY692" s="613"/>
      <c r="NNZ692" s="613"/>
      <c r="NOA692" s="613"/>
      <c r="NOB692" s="613"/>
      <c r="NOC692" s="613"/>
      <c r="NOD692" s="613"/>
      <c r="NOE692" s="613"/>
      <c r="NOF692" s="613"/>
      <c r="NOG692" s="613"/>
      <c r="NOH692" s="613"/>
      <c r="NOI692" s="613"/>
      <c r="NOJ692" s="613"/>
      <c r="NOK692" s="613"/>
      <c r="NOL692" s="613"/>
      <c r="NOM692" s="613"/>
      <c r="NON692" s="613"/>
      <c r="NOO692" s="613"/>
      <c r="NOP692" s="613"/>
      <c r="NOQ692" s="613"/>
      <c r="NOR692" s="613"/>
      <c r="NOS692" s="613"/>
      <c r="NOT692" s="613"/>
      <c r="NOU692" s="613"/>
      <c r="NOV692" s="613"/>
      <c r="NOW692" s="613"/>
      <c r="NOX692" s="613"/>
      <c r="NOY692" s="613"/>
      <c r="NOZ692" s="613"/>
      <c r="NPA692" s="613"/>
      <c r="NPB692" s="613"/>
      <c r="NPC692" s="613"/>
      <c r="NPD692" s="613"/>
      <c r="NPE692" s="613"/>
      <c r="NPF692" s="613"/>
      <c r="NPG692" s="613"/>
      <c r="NPH692" s="613"/>
      <c r="NPI692" s="613"/>
      <c r="NPJ692" s="613"/>
      <c r="NPK692" s="613"/>
      <c r="NPL692" s="613"/>
      <c r="NPM692" s="613"/>
      <c r="NPN692" s="613"/>
      <c r="NPO692" s="613"/>
      <c r="NPP692" s="613"/>
      <c r="NPQ692" s="613"/>
      <c r="NPR692" s="613"/>
      <c r="NPS692" s="613"/>
      <c r="NPT692" s="613"/>
      <c r="NPU692" s="613"/>
      <c r="NPV692" s="613"/>
      <c r="NPW692" s="613"/>
      <c r="NPX692" s="613"/>
      <c r="NPY692" s="613"/>
      <c r="NPZ692" s="613"/>
      <c r="NQA692" s="613"/>
      <c r="NQB692" s="613"/>
      <c r="NQC692" s="613"/>
      <c r="NQD692" s="613"/>
      <c r="NQE692" s="613"/>
      <c r="NQF692" s="613"/>
      <c r="NQG692" s="613"/>
      <c r="NQH692" s="613"/>
      <c r="NQI692" s="613"/>
      <c r="NQJ692" s="613"/>
      <c r="NQK692" s="613"/>
      <c r="NQL692" s="613"/>
      <c r="NQM692" s="613"/>
      <c r="NQN692" s="613"/>
      <c r="NQO692" s="613"/>
      <c r="NQP692" s="613"/>
      <c r="NQQ692" s="613"/>
      <c r="NQR692" s="613"/>
      <c r="NQS692" s="613"/>
      <c r="NQT692" s="613"/>
      <c r="NQU692" s="613"/>
      <c r="NQV692" s="613"/>
      <c r="NQW692" s="613"/>
      <c r="NQX692" s="613"/>
      <c r="NQY692" s="613"/>
      <c r="NQZ692" s="613"/>
      <c r="NRA692" s="613"/>
      <c r="NRB692" s="613"/>
      <c r="NRC692" s="613"/>
      <c r="NRD692" s="613"/>
      <c r="NRE692" s="613"/>
      <c r="NRF692" s="613"/>
      <c r="NRG692" s="613"/>
      <c r="NRH692" s="613"/>
      <c r="NRI692" s="613"/>
      <c r="NRJ692" s="613"/>
      <c r="NRK692" s="613"/>
      <c r="NRL692" s="613"/>
      <c r="NRM692" s="613"/>
      <c r="NRN692" s="613"/>
      <c r="NRO692" s="613"/>
      <c r="NRP692" s="613"/>
      <c r="NRQ692" s="613"/>
      <c r="NRR692" s="613"/>
      <c r="NRS692" s="613"/>
      <c r="NRT692" s="613"/>
      <c r="NRU692" s="613"/>
      <c r="NRV692" s="613"/>
      <c r="NRW692" s="613"/>
      <c r="NRX692" s="613"/>
      <c r="NRY692" s="613"/>
      <c r="NRZ692" s="613"/>
      <c r="NSA692" s="613"/>
      <c r="NSB692" s="613"/>
      <c r="NSC692" s="613"/>
      <c r="NSD692" s="613"/>
      <c r="NSE692" s="613"/>
      <c r="NSF692" s="613"/>
      <c r="NSG692" s="613"/>
      <c r="NSH692" s="613"/>
      <c r="NSI692" s="613"/>
      <c r="NSJ692" s="613"/>
      <c r="NSK692" s="613"/>
      <c r="NSL692" s="613"/>
      <c r="NSM692" s="613"/>
      <c r="NSN692" s="613"/>
      <c r="NSO692" s="613"/>
      <c r="NSP692" s="613"/>
      <c r="NSQ692" s="613"/>
      <c r="NSR692" s="613"/>
      <c r="NSS692" s="613"/>
      <c r="NST692" s="613"/>
      <c r="NSU692" s="613"/>
      <c r="NSV692" s="613"/>
      <c r="NSW692" s="613"/>
      <c r="NSX692" s="613"/>
      <c r="NSY692" s="613"/>
      <c r="NSZ692" s="613"/>
      <c r="NTA692" s="613"/>
      <c r="NTB692" s="613"/>
      <c r="NTC692" s="613"/>
      <c r="NTD692" s="613"/>
      <c r="NTE692" s="613"/>
      <c r="NTF692" s="613"/>
      <c r="NTG692" s="613"/>
      <c r="NTH692" s="613"/>
      <c r="NTI692" s="613"/>
      <c r="NTJ692" s="613"/>
      <c r="NTK692" s="613"/>
      <c r="NTL692" s="613"/>
      <c r="NTM692" s="613"/>
      <c r="NTN692" s="613"/>
      <c r="NTO692" s="613"/>
      <c r="NTP692" s="613"/>
      <c r="NTQ692" s="613"/>
      <c r="NTR692" s="613"/>
      <c r="NTS692" s="613"/>
      <c r="NTT692" s="613"/>
      <c r="NTU692" s="613"/>
      <c r="NTV692" s="613"/>
      <c r="NTW692" s="613"/>
      <c r="NTX692" s="613"/>
      <c r="NTY692" s="613"/>
      <c r="NTZ692" s="613"/>
      <c r="NUA692" s="613"/>
      <c r="NUB692" s="613"/>
      <c r="NUC692" s="613"/>
      <c r="NUD692" s="613"/>
      <c r="NUE692" s="613"/>
      <c r="NUF692" s="613"/>
      <c r="NUG692" s="613"/>
      <c r="NUH692" s="613"/>
      <c r="NUI692" s="613"/>
      <c r="NUJ692" s="613"/>
      <c r="NUK692" s="613"/>
      <c r="NUL692" s="613"/>
      <c r="NUM692" s="613"/>
      <c r="NUN692" s="613"/>
      <c r="NUO692" s="613"/>
      <c r="NUP692" s="613"/>
      <c r="NUQ692" s="613"/>
      <c r="NUR692" s="613"/>
      <c r="NUS692" s="613"/>
      <c r="NUT692" s="613"/>
      <c r="NUU692" s="613"/>
      <c r="NUV692" s="613"/>
      <c r="NUW692" s="613"/>
      <c r="NUX692" s="613"/>
      <c r="NUY692" s="613"/>
      <c r="NUZ692" s="613"/>
      <c r="NVA692" s="613"/>
      <c r="NVB692" s="613"/>
      <c r="NVC692" s="613"/>
      <c r="NVD692" s="613"/>
      <c r="NVE692" s="613"/>
      <c r="NVF692" s="613"/>
      <c r="NVG692" s="613"/>
      <c r="NVH692" s="613"/>
      <c r="NVI692" s="613"/>
      <c r="NVJ692" s="613"/>
      <c r="NVK692" s="613"/>
      <c r="NVL692" s="613"/>
      <c r="NVM692" s="613"/>
      <c r="NVN692" s="613"/>
      <c r="NVO692" s="613"/>
      <c r="NVP692" s="613"/>
      <c r="NVQ692" s="613"/>
      <c r="NVR692" s="613"/>
      <c r="NVS692" s="613"/>
      <c r="NVT692" s="613"/>
      <c r="NVU692" s="613"/>
      <c r="NVV692" s="613"/>
      <c r="NVW692" s="613"/>
      <c r="NVX692" s="613"/>
      <c r="NVY692" s="613"/>
      <c r="NVZ692" s="613"/>
      <c r="NWA692" s="613"/>
      <c r="NWB692" s="613"/>
      <c r="NWC692" s="613"/>
      <c r="NWD692" s="613"/>
      <c r="NWE692" s="613"/>
      <c r="NWF692" s="613"/>
      <c r="NWG692" s="613"/>
      <c r="NWH692" s="613"/>
      <c r="NWI692" s="613"/>
      <c r="NWJ692" s="613"/>
      <c r="NWK692" s="613"/>
      <c r="NWL692" s="613"/>
      <c r="NWM692" s="613"/>
      <c r="NWN692" s="613"/>
      <c r="NWO692" s="613"/>
      <c r="NWP692" s="613"/>
      <c r="NWQ692" s="613"/>
      <c r="NWR692" s="613"/>
      <c r="NWS692" s="613"/>
      <c r="NWT692" s="613"/>
      <c r="NWU692" s="613"/>
      <c r="NWV692" s="613"/>
      <c r="NWW692" s="613"/>
      <c r="NWX692" s="613"/>
      <c r="NWY692" s="613"/>
      <c r="NWZ692" s="613"/>
      <c r="NXA692" s="613"/>
      <c r="NXB692" s="613"/>
      <c r="NXC692" s="613"/>
      <c r="NXD692" s="613"/>
      <c r="NXE692" s="613"/>
      <c r="NXF692" s="613"/>
      <c r="NXG692" s="613"/>
      <c r="NXH692" s="613"/>
      <c r="NXI692" s="613"/>
      <c r="NXJ692" s="613"/>
      <c r="NXK692" s="613"/>
      <c r="NXL692" s="613"/>
      <c r="NXM692" s="613"/>
      <c r="NXN692" s="613"/>
      <c r="NXO692" s="613"/>
      <c r="NXP692" s="613"/>
      <c r="NXQ692" s="613"/>
      <c r="NXR692" s="613"/>
      <c r="NXS692" s="613"/>
      <c r="NXT692" s="613"/>
      <c r="NXU692" s="613"/>
      <c r="NXV692" s="613"/>
      <c r="NXW692" s="613"/>
      <c r="NXX692" s="613"/>
      <c r="NXY692" s="613"/>
      <c r="NXZ692" s="613"/>
      <c r="NYA692" s="613"/>
      <c r="NYB692" s="613"/>
      <c r="NYC692" s="613"/>
      <c r="NYD692" s="613"/>
      <c r="NYE692" s="613"/>
      <c r="NYF692" s="613"/>
      <c r="NYG692" s="613"/>
      <c r="NYH692" s="613"/>
      <c r="NYI692" s="613"/>
      <c r="NYJ692" s="613"/>
      <c r="NYK692" s="613"/>
      <c r="NYL692" s="613"/>
      <c r="NYM692" s="613"/>
      <c r="NYN692" s="613"/>
      <c r="NYO692" s="613"/>
      <c r="NYP692" s="613"/>
      <c r="NYQ692" s="613"/>
      <c r="NYR692" s="613"/>
      <c r="NYS692" s="613"/>
      <c r="NYT692" s="613"/>
      <c r="NYU692" s="613"/>
      <c r="NYV692" s="613"/>
      <c r="NYW692" s="613"/>
      <c r="NYX692" s="613"/>
      <c r="NYY692" s="613"/>
      <c r="NYZ692" s="613"/>
      <c r="NZA692" s="613"/>
      <c r="NZB692" s="613"/>
      <c r="NZC692" s="613"/>
      <c r="NZD692" s="613"/>
      <c r="NZE692" s="613"/>
      <c r="NZF692" s="613"/>
      <c r="NZG692" s="613"/>
      <c r="NZH692" s="613"/>
      <c r="NZI692" s="613"/>
      <c r="NZJ692" s="613"/>
      <c r="NZK692" s="613"/>
      <c r="NZL692" s="613"/>
      <c r="NZM692" s="613"/>
      <c r="NZN692" s="613"/>
      <c r="NZO692" s="613"/>
      <c r="NZP692" s="613"/>
      <c r="NZQ692" s="613"/>
      <c r="NZR692" s="613"/>
      <c r="NZS692" s="613"/>
      <c r="NZT692" s="613"/>
      <c r="NZU692" s="613"/>
      <c r="NZV692" s="613"/>
      <c r="NZW692" s="613"/>
      <c r="NZX692" s="613"/>
      <c r="NZY692" s="613"/>
      <c r="NZZ692" s="613"/>
      <c r="OAA692" s="613"/>
      <c r="OAB692" s="613"/>
      <c r="OAC692" s="613"/>
      <c r="OAD692" s="613"/>
      <c r="OAE692" s="613"/>
      <c r="OAF692" s="613"/>
      <c r="OAG692" s="613"/>
      <c r="OAH692" s="613"/>
      <c r="OAI692" s="613"/>
      <c r="OAJ692" s="613"/>
      <c r="OAK692" s="613"/>
      <c r="OAL692" s="613"/>
      <c r="OAM692" s="613"/>
      <c r="OAN692" s="613"/>
      <c r="OAO692" s="613"/>
      <c r="OAP692" s="613"/>
      <c r="OAQ692" s="613"/>
      <c r="OAR692" s="613"/>
      <c r="OAS692" s="613"/>
      <c r="OAT692" s="613"/>
      <c r="OAU692" s="613"/>
      <c r="OAV692" s="613"/>
      <c r="OAW692" s="613"/>
      <c r="OAX692" s="613"/>
      <c r="OAY692" s="613"/>
      <c r="OAZ692" s="613"/>
      <c r="OBA692" s="613"/>
      <c r="OBB692" s="613"/>
      <c r="OBC692" s="613"/>
      <c r="OBD692" s="613"/>
      <c r="OBE692" s="613"/>
      <c r="OBF692" s="613"/>
      <c r="OBG692" s="613"/>
      <c r="OBH692" s="613"/>
      <c r="OBI692" s="613"/>
      <c r="OBJ692" s="613"/>
      <c r="OBK692" s="613"/>
      <c r="OBL692" s="613"/>
      <c r="OBM692" s="613"/>
      <c r="OBN692" s="613"/>
      <c r="OBO692" s="613"/>
      <c r="OBP692" s="613"/>
      <c r="OBQ692" s="613"/>
      <c r="OBR692" s="613"/>
      <c r="OBS692" s="613"/>
      <c r="OBT692" s="613"/>
      <c r="OBU692" s="613"/>
      <c r="OBV692" s="613"/>
      <c r="OBW692" s="613"/>
      <c r="OBX692" s="613"/>
      <c r="OBY692" s="613"/>
      <c r="OBZ692" s="613"/>
      <c r="OCA692" s="613"/>
      <c r="OCB692" s="613"/>
      <c r="OCC692" s="613"/>
      <c r="OCD692" s="613"/>
      <c r="OCE692" s="613"/>
      <c r="OCF692" s="613"/>
      <c r="OCG692" s="613"/>
      <c r="OCH692" s="613"/>
      <c r="OCI692" s="613"/>
      <c r="OCJ692" s="613"/>
      <c r="OCK692" s="613"/>
      <c r="OCL692" s="613"/>
      <c r="OCM692" s="613"/>
      <c r="OCN692" s="613"/>
      <c r="OCO692" s="613"/>
      <c r="OCP692" s="613"/>
      <c r="OCQ692" s="613"/>
      <c r="OCR692" s="613"/>
      <c r="OCS692" s="613"/>
      <c r="OCT692" s="613"/>
      <c r="OCU692" s="613"/>
      <c r="OCV692" s="613"/>
      <c r="OCW692" s="613"/>
      <c r="OCX692" s="613"/>
      <c r="OCY692" s="613"/>
      <c r="OCZ692" s="613"/>
      <c r="ODA692" s="613"/>
      <c r="ODB692" s="613"/>
      <c r="ODC692" s="613"/>
      <c r="ODD692" s="613"/>
      <c r="ODE692" s="613"/>
      <c r="ODF692" s="613"/>
      <c r="ODG692" s="613"/>
      <c r="ODH692" s="613"/>
      <c r="ODI692" s="613"/>
      <c r="ODJ692" s="613"/>
      <c r="ODK692" s="613"/>
      <c r="ODL692" s="613"/>
      <c r="ODM692" s="613"/>
      <c r="ODN692" s="613"/>
      <c r="ODO692" s="613"/>
      <c r="ODP692" s="613"/>
      <c r="ODQ692" s="613"/>
      <c r="ODR692" s="613"/>
      <c r="ODS692" s="613"/>
      <c r="ODT692" s="613"/>
      <c r="ODU692" s="613"/>
      <c r="ODV692" s="613"/>
      <c r="ODW692" s="613"/>
      <c r="ODX692" s="613"/>
      <c r="ODY692" s="613"/>
      <c r="ODZ692" s="613"/>
      <c r="OEA692" s="613"/>
      <c r="OEB692" s="613"/>
      <c r="OEC692" s="613"/>
      <c r="OED692" s="613"/>
      <c r="OEE692" s="613"/>
      <c r="OEF692" s="613"/>
      <c r="OEG692" s="613"/>
      <c r="OEH692" s="613"/>
      <c r="OEI692" s="613"/>
      <c r="OEJ692" s="613"/>
      <c r="OEK692" s="613"/>
      <c r="OEL692" s="613"/>
      <c r="OEM692" s="613"/>
      <c r="OEN692" s="613"/>
      <c r="OEO692" s="613"/>
      <c r="OEP692" s="613"/>
      <c r="OEQ692" s="613"/>
      <c r="OER692" s="613"/>
      <c r="OES692" s="613"/>
      <c r="OET692" s="613"/>
      <c r="OEU692" s="613"/>
      <c r="OEV692" s="613"/>
      <c r="OEW692" s="613"/>
      <c r="OEX692" s="613"/>
      <c r="OEY692" s="613"/>
      <c r="OEZ692" s="613"/>
      <c r="OFA692" s="613"/>
      <c r="OFB692" s="613"/>
      <c r="OFC692" s="613"/>
      <c r="OFD692" s="613"/>
      <c r="OFE692" s="613"/>
      <c r="OFF692" s="613"/>
      <c r="OFG692" s="613"/>
      <c r="OFH692" s="613"/>
      <c r="OFI692" s="613"/>
      <c r="OFJ692" s="613"/>
      <c r="OFK692" s="613"/>
      <c r="OFL692" s="613"/>
      <c r="OFM692" s="613"/>
      <c r="OFN692" s="613"/>
      <c r="OFO692" s="613"/>
      <c r="OFP692" s="613"/>
      <c r="OFQ692" s="613"/>
      <c r="OFR692" s="613"/>
      <c r="OFS692" s="613"/>
      <c r="OFT692" s="613"/>
      <c r="OFU692" s="613"/>
      <c r="OFV692" s="613"/>
      <c r="OFW692" s="613"/>
      <c r="OFX692" s="613"/>
      <c r="OFY692" s="613"/>
      <c r="OFZ692" s="613"/>
      <c r="OGA692" s="613"/>
      <c r="OGB692" s="613"/>
      <c r="OGC692" s="613"/>
      <c r="OGD692" s="613"/>
      <c r="OGE692" s="613"/>
      <c r="OGF692" s="613"/>
      <c r="OGG692" s="613"/>
      <c r="OGH692" s="613"/>
      <c r="OGI692" s="613"/>
      <c r="OGJ692" s="613"/>
      <c r="OGK692" s="613"/>
      <c r="OGL692" s="613"/>
      <c r="OGM692" s="613"/>
      <c r="OGN692" s="613"/>
      <c r="OGO692" s="613"/>
      <c r="OGP692" s="613"/>
      <c r="OGQ692" s="613"/>
      <c r="OGR692" s="613"/>
      <c r="OGS692" s="613"/>
      <c r="OGT692" s="613"/>
      <c r="OGU692" s="613"/>
      <c r="OGV692" s="613"/>
      <c r="OGW692" s="613"/>
      <c r="OGX692" s="613"/>
      <c r="OGY692" s="613"/>
      <c r="OGZ692" s="613"/>
      <c r="OHA692" s="613"/>
      <c r="OHB692" s="613"/>
      <c r="OHC692" s="613"/>
      <c r="OHD692" s="613"/>
      <c r="OHE692" s="613"/>
      <c r="OHF692" s="613"/>
      <c r="OHG692" s="613"/>
      <c r="OHH692" s="613"/>
      <c r="OHI692" s="613"/>
      <c r="OHJ692" s="613"/>
      <c r="OHK692" s="613"/>
      <c r="OHL692" s="613"/>
      <c r="OHM692" s="613"/>
      <c r="OHN692" s="613"/>
      <c r="OHO692" s="613"/>
      <c r="OHP692" s="613"/>
      <c r="OHQ692" s="613"/>
      <c r="OHR692" s="613"/>
      <c r="OHS692" s="613"/>
      <c r="OHT692" s="613"/>
      <c r="OHU692" s="613"/>
      <c r="OHV692" s="613"/>
      <c r="OHW692" s="613"/>
      <c r="OHX692" s="613"/>
      <c r="OHY692" s="613"/>
      <c r="OHZ692" s="613"/>
      <c r="OIA692" s="613"/>
      <c r="OIB692" s="613"/>
      <c r="OIC692" s="613"/>
      <c r="OID692" s="613"/>
      <c r="OIE692" s="613"/>
      <c r="OIF692" s="613"/>
      <c r="OIG692" s="613"/>
      <c r="OIH692" s="613"/>
      <c r="OII692" s="613"/>
      <c r="OIJ692" s="613"/>
      <c r="OIK692" s="613"/>
      <c r="OIL692" s="613"/>
      <c r="OIM692" s="613"/>
      <c r="OIN692" s="613"/>
      <c r="OIO692" s="613"/>
      <c r="OIP692" s="613"/>
      <c r="OIQ692" s="613"/>
      <c r="OIR692" s="613"/>
      <c r="OIS692" s="613"/>
      <c r="OIT692" s="613"/>
      <c r="OIU692" s="613"/>
      <c r="OIV692" s="613"/>
      <c r="OIW692" s="613"/>
      <c r="OIX692" s="613"/>
      <c r="OIY692" s="613"/>
      <c r="OIZ692" s="613"/>
      <c r="OJA692" s="613"/>
      <c r="OJB692" s="613"/>
      <c r="OJC692" s="613"/>
      <c r="OJD692" s="613"/>
      <c r="OJE692" s="613"/>
      <c r="OJF692" s="613"/>
      <c r="OJG692" s="613"/>
      <c r="OJH692" s="613"/>
      <c r="OJI692" s="613"/>
      <c r="OJJ692" s="613"/>
      <c r="OJK692" s="613"/>
      <c r="OJL692" s="613"/>
      <c r="OJM692" s="613"/>
      <c r="OJN692" s="613"/>
      <c r="OJO692" s="613"/>
      <c r="OJP692" s="613"/>
      <c r="OJQ692" s="613"/>
      <c r="OJR692" s="613"/>
      <c r="OJS692" s="613"/>
      <c r="OJT692" s="613"/>
      <c r="OJU692" s="613"/>
      <c r="OJV692" s="613"/>
      <c r="OJW692" s="613"/>
      <c r="OJX692" s="613"/>
      <c r="OJY692" s="613"/>
      <c r="OJZ692" s="613"/>
      <c r="OKA692" s="613"/>
      <c r="OKB692" s="613"/>
      <c r="OKC692" s="613"/>
      <c r="OKD692" s="613"/>
      <c r="OKE692" s="613"/>
      <c r="OKF692" s="613"/>
      <c r="OKG692" s="613"/>
      <c r="OKH692" s="613"/>
      <c r="OKI692" s="613"/>
      <c r="OKJ692" s="613"/>
      <c r="OKK692" s="613"/>
      <c r="OKL692" s="613"/>
      <c r="OKM692" s="613"/>
      <c r="OKN692" s="613"/>
      <c r="OKO692" s="613"/>
      <c r="OKP692" s="613"/>
      <c r="OKQ692" s="613"/>
      <c r="OKR692" s="613"/>
      <c r="OKS692" s="613"/>
      <c r="OKT692" s="613"/>
      <c r="OKU692" s="613"/>
      <c r="OKV692" s="613"/>
      <c r="OKW692" s="613"/>
      <c r="OKX692" s="613"/>
      <c r="OKY692" s="613"/>
      <c r="OKZ692" s="613"/>
      <c r="OLA692" s="613"/>
      <c r="OLB692" s="613"/>
      <c r="OLC692" s="613"/>
      <c r="OLD692" s="613"/>
      <c r="OLE692" s="613"/>
      <c r="OLF692" s="613"/>
      <c r="OLG692" s="613"/>
      <c r="OLH692" s="613"/>
      <c r="OLI692" s="613"/>
      <c r="OLJ692" s="613"/>
      <c r="OLK692" s="613"/>
      <c r="OLL692" s="613"/>
      <c r="OLM692" s="613"/>
      <c r="OLN692" s="613"/>
      <c r="OLO692" s="613"/>
      <c r="OLP692" s="613"/>
      <c r="OLQ692" s="613"/>
      <c r="OLR692" s="613"/>
      <c r="OLS692" s="613"/>
      <c r="OLT692" s="613"/>
      <c r="OLU692" s="613"/>
      <c r="OLV692" s="613"/>
      <c r="OLW692" s="613"/>
      <c r="OLX692" s="613"/>
      <c r="OLY692" s="613"/>
      <c r="OLZ692" s="613"/>
      <c r="OMA692" s="613"/>
      <c r="OMB692" s="613"/>
      <c r="OMC692" s="613"/>
      <c r="OMD692" s="613"/>
      <c r="OME692" s="613"/>
      <c r="OMF692" s="613"/>
      <c r="OMG692" s="613"/>
      <c r="OMH692" s="613"/>
      <c r="OMI692" s="613"/>
      <c r="OMJ692" s="613"/>
      <c r="OMK692" s="613"/>
      <c r="OML692" s="613"/>
      <c r="OMM692" s="613"/>
      <c r="OMN692" s="613"/>
      <c r="OMO692" s="613"/>
      <c r="OMP692" s="613"/>
      <c r="OMQ692" s="613"/>
      <c r="OMR692" s="613"/>
      <c r="OMS692" s="613"/>
      <c r="OMT692" s="613"/>
      <c r="OMU692" s="613"/>
      <c r="OMV692" s="613"/>
      <c r="OMW692" s="613"/>
      <c r="OMX692" s="613"/>
      <c r="OMY692" s="613"/>
      <c r="OMZ692" s="613"/>
      <c r="ONA692" s="613"/>
      <c r="ONB692" s="613"/>
      <c r="ONC692" s="613"/>
      <c r="OND692" s="613"/>
      <c r="ONE692" s="613"/>
      <c r="ONF692" s="613"/>
      <c r="ONG692" s="613"/>
      <c r="ONH692" s="613"/>
      <c r="ONI692" s="613"/>
      <c r="ONJ692" s="613"/>
      <c r="ONK692" s="613"/>
      <c r="ONL692" s="613"/>
      <c r="ONM692" s="613"/>
      <c r="ONN692" s="613"/>
      <c r="ONO692" s="613"/>
      <c r="ONP692" s="613"/>
      <c r="ONQ692" s="613"/>
      <c r="ONR692" s="613"/>
      <c r="ONS692" s="613"/>
      <c r="ONT692" s="613"/>
      <c r="ONU692" s="613"/>
      <c r="ONV692" s="613"/>
      <c r="ONW692" s="613"/>
      <c r="ONX692" s="613"/>
      <c r="ONY692" s="613"/>
      <c r="ONZ692" s="613"/>
      <c r="OOA692" s="613"/>
      <c r="OOB692" s="613"/>
      <c r="OOC692" s="613"/>
      <c r="OOD692" s="613"/>
      <c r="OOE692" s="613"/>
      <c r="OOF692" s="613"/>
      <c r="OOG692" s="613"/>
      <c r="OOH692" s="613"/>
      <c r="OOI692" s="613"/>
      <c r="OOJ692" s="613"/>
      <c r="OOK692" s="613"/>
      <c r="OOL692" s="613"/>
      <c r="OOM692" s="613"/>
      <c r="OON692" s="613"/>
      <c r="OOO692" s="613"/>
      <c r="OOP692" s="613"/>
      <c r="OOQ692" s="613"/>
      <c r="OOR692" s="613"/>
      <c r="OOS692" s="613"/>
      <c r="OOT692" s="613"/>
      <c r="OOU692" s="613"/>
      <c r="OOV692" s="613"/>
      <c r="OOW692" s="613"/>
      <c r="OOX692" s="613"/>
      <c r="OOY692" s="613"/>
      <c r="OOZ692" s="613"/>
      <c r="OPA692" s="613"/>
      <c r="OPB692" s="613"/>
      <c r="OPC692" s="613"/>
      <c r="OPD692" s="613"/>
      <c r="OPE692" s="613"/>
      <c r="OPF692" s="613"/>
      <c r="OPG692" s="613"/>
      <c r="OPH692" s="613"/>
      <c r="OPI692" s="613"/>
      <c r="OPJ692" s="613"/>
      <c r="OPK692" s="613"/>
      <c r="OPL692" s="613"/>
      <c r="OPM692" s="613"/>
      <c r="OPN692" s="613"/>
      <c r="OPO692" s="613"/>
      <c r="OPP692" s="613"/>
      <c r="OPQ692" s="613"/>
      <c r="OPR692" s="613"/>
      <c r="OPS692" s="613"/>
      <c r="OPT692" s="613"/>
      <c r="OPU692" s="613"/>
      <c r="OPV692" s="613"/>
      <c r="OPW692" s="613"/>
      <c r="OPX692" s="613"/>
      <c r="OPY692" s="613"/>
      <c r="OPZ692" s="613"/>
      <c r="OQA692" s="613"/>
      <c r="OQB692" s="613"/>
      <c r="OQC692" s="613"/>
      <c r="OQD692" s="613"/>
      <c r="OQE692" s="613"/>
      <c r="OQF692" s="613"/>
      <c r="OQG692" s="613"/>
      <c r="OQH692" s="613"/>
      <c r="OQI692" s="613"/>
      <c r="OQJ692" s="613"/>
      <c r="OQK692" s="613"/>
      <c r="OQL692" s="613"/>
      <c r="OQM692" s="613"/>
      <c r="OQN692" s="613"/>
      <c r="OQO692" s="613"/>
      <c r="OQP692" s="613"/>
      <c r="OQQ692" s="613"/>
      <c r="OQR692" s="613"/>
      <c r="OQS692" s="613"/>
      <c r="OQT692" s="613"/>
      <c r="OQU692" s="613"/>
      <c r="OQV692" s="613"/>
      <c r="OQW692" s="613"/>
      <c r="OQX692" s="613"/>
      <c r="OQY692" s="613"/>
      <c r="OQZ692" s="613"/>
      <c r="ORA692" s="613"/>
      <c r="ORB692" s="613"/>
      <c r="ORC692" s="613"/>
      <c r="ORD692" s="613"/>
      <c r="ORE692" s="613"/>
      <c r="ORF692" s="613"/>
      <c r="ORG692" s="613"/>
      <c r="ORH692" s="613"/>
      <c r="ORI692" s="613"/>
      <c r="ORJ692" s="613"/>
      <c r="ORK692" s="613"/>
      <c r="ORL692" s="613"/>
      <c r="ORM692" s="613"/>
      <c r="ORN692" s="613"/>
      <c r="ORO692" s="613"/>
      <c r="ORP692" s="613"/>
      <c r="ORQ692" s="613"/>
      <c r="ORR692" s="613"/>
      <c r="ORS692" s="613"/>
      <c r="ORT692" s="613"/>
      <c r="ORU692" s="613"/>
      <c r="ORV692" s="613"/>
      <c r="ORW692" s="613"/>
      <c r="ORX692" s="613"/>
      <c r="ORY692" s="613"/>
      <c r="ORZ692" s="613"/>
      <c r="OSA692" s="613"/>
      <c r="OSB692" s="613"/>
      <c r="OSC692" s="613"/>
      <c r="OSD692" s="613"/>
      <c r="OSE692" s="613"/>
      <c r="OSF692" s="613"/>
      <c r="OSG692" s="613"/>
      <c r="OSH692" s="613"/>
      <c r="OSI692" s="613"/>
      <c r="OSJ692" s="613"/>
      <c r="OSK692" s="613"/>
      <c r="OSL692" s="613"/>
      <c r="OSM692" s="613"/>
      <c r="OSN692" s="613"/>
      <c r="OSO692" s="613"/>
      <c r="OSP692" s="613"/>
      <c r="OSQ692" s="613"/>
      <c r="OSR692" s="613"/>
      <c r="OSS692" s="613"/>
      <c r="OST692" s="613"/>
      <c r="OSU692" s="613"/>
      <c r="OSV692" s="613"/>
      <c r="OSW692" s="613"/>
      <c r="OSX692" s="613"/>
      <c r="OSY692" s="613"/>
      <c r="OSZ692" s="613"/>
      <c r="OTA692" s="613"/>
      <c r="OTB692" s="613"/>
      <c r="OTC692" s="613"/>
      <c r="OTD692" s="613"/>
      <c r="OTE692" s="613"/>
      <c r="OTF692" s="613"/>
      <c r="OTG692" s="613"/>
      <c r="OTH692" s="613"/>
      <c r="OTI692" s="613"/>
      <c r="OTJ692" s="613"/>
      <c r="OTK692" s="613"/>
      <c r="OTL692" s="613"/>
      <c r="OTM692" s="613"/>
      <c r="OTN692" s="613"/>
      <c r="OTO692" s="613"/>
      <c r="OTP692" s="613"/>
      <c r="OTQ692" s="613"/>
      <c r="OTR692" s="613"/>
      <c r="OTS692" s="613"/>
      <c r="OTT692" s="613"/>
      <c r="OTU692" s="613"/>
      <c r="OTV692" s="613"/>
      <c r="OTW692" s="613"/>
      <c r="OTX692" s="613"/>
      <c r="OTY692" s="613"/>
      <c r="OTZ692" s="613"/>
      <c r="OUA692" s="613"/>
      <c r="OUB692" s="613"/>
      <c r="OUC692" s="613"/>
      <c r="OUD692" s="613"/>
      <c r="OUE692" s="613"/>
      <c r="OUF692" s="613"/>
      <c r="OUG692" s="613"/>
      <c r="OUH692" s="613"/>
      <c r="OUI692" s="613"/>
      <c r="OUJ692" s="613"/>
      <c r="OUK692" s="613"/>
      <c r="OUL692" s="613"/>
      <c r="OUM692" s="613"/>
      <c r="OUN692" s="613"/>
      <c r="OUO692" s="613"/>
      <c r="OUP692" s="613"/>
      <c r="OUQ692" s="613"/>
      <c r="OUR692" s="613"/>
      <c r="OUS692" s="613"/>
      <c r="OUT692" s="613"/>
      <c r="OUU692" s="613"/>
      <c r="OUV692" s="613"/>
      <c r="OUW692" s="613"/>
      <c r="OUX692" s="613"/>
      <c r="OUY692" s="613"/>
      <c r="OUZ692" s="613"/>
      <c r="OVA692" s="613"/>
      <c r="OVB692" s="613"/>
      <c r="OVC692" s="613"/>
      <c r="OVD692" s="613"/>
      <c r="OVE692" s="613"/>
      <c r="OVF692" s="613"/>
      <c r="OVG692" s="613"/>
      <c r="OVH692" s="613"/>
      <c r="OVI692" s="613"/>
      <c r="OVJ692" s="613"/>
      <c r="OVK692" s="613"/>
      <c r="OVL692" s="613"/>
      <c r="OVM692" s="613"/>
      <c r="OVN692" s="613"/>
      <c r="OVO692" s="613"/>
      <c r="OVP692" s="613"/>
      <c r="OVQ692" s="613"/>
      <c r="OVR692" s="613"/>
      <c r="OVS692" s="613"/>
      <c r="OVT692" s="613"/>
      <c r="OVU692" s="613"/>
      <c r="OVV692" s="613"/>
      <c r="OVW692" s="613"/>
      <c r="OVX692" s="613"/>
      <c r="OVY692" s="613"/>
      <c r="OVZ692" s="613"/>
      <c r="OWA692" s="613"/>
      <c r="OWB692" s="613"/>
      <c r="OWC692" s="613"/>
      <c r="OWD692" s="613"/>
      <c r="OWE692" s="613"/>
      <c r="OWF692" s="613"/>
      <c r="OWG692" s="613"/>
      <c r="OWH692" s="613"/>
      <c r="OWI692" s="613"/>
      <c r="OWJ692" s="613"/>
      <c r="OWK692" s="613"/>
      <c r="OWL692" s="613"/>
      <c r="OWM692" s="613"/>
      <c r="OWN692" s="613"/>
      <c r="OWO692" s="613"/>
      <c r="OWP692" s="613"/>
      <c r="OWQ692" s="613"/>
      <c r="OWR692" s="613"/>
      <c r="OWS692" s="613"/>
      <c r="OWT692" s="613"/>
      <c r="OWU692" s="613"/>
      <c r="OWV692" s="613"/>
      <c r="OWW692" s="613"/>
      <c r="OWX692" s="613"/>
      <c r="OWY692" s="613"/>
      <c r="OWZ692" s="613"/>
      <c r="OXA692" s="613"/>
      <c r="OXB692" s="613"/>
      <c r="OXC692" s="613"/>
      <c r="OXD692" s="613"/>
      <c r="OXE692" s="613"/>
      <c r="OXF692" s="613"/>
      <c r="OXG692" s="613"/>
      <c r="OXH692" s="613"/>
      <c r="OXI692" s="613"/>
      <c r="OXJ692" s="613"/>
      <c r="OXK692" s="613"/>
      <c r="OXL692" s="613"/>
      <c r="OXM692" s="613"/>
      <c r="OXN692" s="613"/>
      <c r="OXO692" s="613"/>
      <c r="OXP692" s="613"/>
      <c r="OXQ692" s="613"/>
      <c r="OXR692" s="613"/>
      <c r="OXS692" s="613"/>
      <c r="OXT692" s="613"/>
      <c r="OXU692" s="613"/>
      <c r="OXV692" s="613"/>
      <c r="OXW692" s="613"/>
      <c r="OXX692" s="613"/>
      <c r="OXY692" s="613"/>
      <c r="OXZ692" s="613"/>
      <c r="OYA692" s="613"/>
      <c r="OYB692" s="613"/>
      <c r="OYC692" s="613"/>
      <c r="OYD692" s="613"/>
      <c r="OYE692" s="613"/>
      <c r="OYF692" s="613"/>
      <c r="OYG692" s="613"/>
      <c r="OYH692" s="613"/>
      <c r="OYI692" s="613"/>
      <c r="OYJ692" s="613"/>
      <c r="OYK692" s="613"/>
      <c r="OYL692" s="613"/>
      <c r="OYM692" s="613"/>
      <c r="OYN692" s="613"/>
      <c r="OYO692" s="613"/>
      <c r="OYP692" s="613"/>
      <c r="OYQ692" s="613"/>
      <c r="OYR692" s="613"/>
      <c r="OYS692" s="613"/>
      <c r="OYT692" s="613"/>
      <c r="OYU692" s="613"/>
      <c r="OYV692" s="613"/>
      <c r="OYW692" s="613"/>
      <c r="OYX692" s="613"/>
      <c r="OYY692" s="613"/>
      <c r="OYZ692" s="613"/>
      <c r="OZA692" s="613"/>
      <c r="OZB692" s="613"/>
      <c r="OZC692" s="613"/>
      <c r="OZD692" s="613"/>
      <c r="OZE692" s="613"/>
      <c r="OZF692" s="613"/>
      <c r="OZG692" s="613"/>
      <c r="OZH692" s="613"/>
      <c r="OZI692" s="613"/>
      <c r="OZJ692" s="613"/>
      <c r="OZK692" s="613"/>
      <c r="OZL692" s="613"/>
      <c r="OZM692" s="613"/>
      <c r="OZN692" s="613"/>
      <c r="OZO692" s="613"/>
      <c r="OZP692" s="613"/>
      <c r="OZQ692" s="613"/>
      <c r="OZR692" s="613"/>
      <c r="OZS692" s="613"/>
      <c r="OZT692" s="613"/>
      <c r="OZU692" s="613"/>
      <c r="OZV692" s="613"/>
      <c r="OZW692" s="613"/>
      <c r="OZX692" s="613"/>
      <c r="OZY692" s="613"/>
      <c r="OZZ692" s="613"/>
      <c r="PAA692" s="613"/>
      <c r="PAB692" s="613"/>
      <c r="PAC692" s="613"/>
      <c r="PAD692" s="613"/>
      <c r="PAE692" s="613"/>
      <c r="PAF692" s="613"/>
      <c r="PAG692" s="613"/>
      <c r="PAH692" s="613"/>
      <c r="PAI692" s="613"/>
      <c r="PAJ692" s="613"/>
      <c r="PAK692" s="613"/>
      <c r="PAL692" s="613"/>
      <c r="PAM692" s="613"/>
      <c r="PAN692" s="613"/>
      <c r="PAO692" s="613"/>
      <c r="PAP692" s="613"/>
      <c r="PAQ692" s="613"/>
      <c r="PAR692" s="613"/>
      <c r="PAS692" s="613"/>
      <c r="PAT692" s="613"/>
      <c r="PAU692" s="613"/>
      <c r="PAV692" s="613"/>
      <c r="PAW692" s="613"/>
      <c r="PAX692" s="613"/>
      <c r="PAY692" s="613"/>
      <c r="PAZ692" s="613"/>
      <c r="PBA692" s="613"/>
      <c r="PBB692" s="613"/>
      <c r="PBC692" s="613"/>
      <c r="PBD692" s="613"/>
      <c r="PBE692" s="613"/>
      <c r="PBF692" s="613"/>
      <c r="PBG692" s="613"/>
      <c r="PBH692" s="613"/>
      <c r="PBI692" s="613"/>
      <c r="PBJ692" s="613"/>
      <c r="PBK692" s="613"/>
      <c r="PBL692" s="613"/>
      <c r="PBM692" s="613"/>
      <c r="PBN692" s="613"/>
      <c r="PBO692" s="613"/>
      <c r="PBP692" s="613"/>
      <c r="PBQ692" s="613"/>
      <c r="PBR692" s="613"/>
      <c r="PBS692" s="613"/>
      <c r="PBT692" s="613"/>
      <c r="PBU692" s="613"/>
      <c r="PBV692" s="613"/>
      <c r="PBW692" s="613"/>
      <c r="PBX692" s="613"/>
      <c r="PBY692" s="613"/>
      <c r="PBZ692" s="613"/>
      <c r="PCA692" s="613"/>
      <c r="PCB692" s="613"/>
      <c r="PCC692" s="613"/>
      <c r="PCD692" s="613"/>
      <c r="PCE692" s="613"/>
      <c r="PCF692" s="613"/>
      <c r="PCG692" s="613"/>
      <c r="PCH692" s="613"/>
      <c r="PCI692" s="613"/>
      <c r="PCJ692" s="613"/>
      <c r="PCK692" s="613"/>
      <c r="PCL692" s="613"/>
      <c r="PCM692" s="613"/>
      <c r="PCN692" s="613"/>
      <c r="PCO692" s="613"/>
      <c r="PCP692" s="613"/>
      <c r="PCQ692" s="613"/>
      <c r="PCR692" s="613"/>
      <c r="PCS692" s="613"/>
      <c r="PCT692" s="613"/>
      <c r="PCU692" s="613"/>
      <c r="PCV692" s="613"/>
      <c r="PCW692" s="613"/>
      <c r="PCX692" s="613"/>
      <c r="PCY692" s="613"/>
      <c r="PCZ692" s="613"/>
      <c r="PDA692" s="613"/>
      <c r="PDB692" s="613"/>
      <c r="PDC692" s="613"/>
      <c r="PDD692" s="613"/>
      <c r="PDE692" s="613"/>
      <c r="PDF692" s="613"/>
      <c r="PDG692" s="613"/>
      <c r="PDH692" s="613"/>
      <c r="PDI692" s="613"/>
      <c r="PDJ692" s="613"/>
      <c r="PDK692" s="613"/>
      <c r="PDL692" s="613"/>
      <c r="PDM692" s="613"/>
      <c r="PDN692" s="613"/>
      <c r="PDO692" s="613"/>
      <c r="PDP692" s="613"/>
      <c r="PDQ692" s="613"/>
      <c r="PDR692" s="613"/>
      <c r="PDS692" s="613"/>
      <c r="PDT692" s="613"/>
      <c r="PDU692" s="613"/>
      <c r="PDV692" s="613"/>
      <c r="PDW692" s="613"/>
      <c r="PDX692" s="613"/>
      <c r="PDY692" s="613"/>
      <c r="PDZ692" s="613"/>
      <c r="PEA692" s="613"/>
      <c r="PEB692" s="613"/>
      <c r="PEC692" s="613"/>
      <c r="PED692" s="613"/>
      <c r="PEE692" s="613"/>
      <c r="PEF692" s="613"/>
      <c r="PEG692" s="613"/>
      <c r="PEH692" s="613"/>
      <c r="PEI692" s="613"/>
      <c r="PEJ692" s="613"/>
      <c r="PEK692" s="613"/>
      <c r="PEL692" s="613"/>
      <c r="PEM692" s="613"/>
      <c r="PEN692" s="613"/>
      <c r="PEO692" s="613"/>
      <c r="PEP692" s="613"/>
      <c r="PEQ692" s="613"/>
      <c r="PER692" s="613"/>
      <c r="PES692" s="613"/>
      <c r="PET692" s="613"/>
      <c r="PEU692" s="613"/>
      <c r="PEV692" s="613"/>
      <c r="PEW692" s="613"/>
      <c r="PEX692" s="613"/>
      <c r="PEY692" s="613"/>
      <c r="PEZ692" s="613"/>
      <c r="PFA692" s="613"/>
      <c r="PFB692" s="613"/>
      <c r="PFC692" s="613"/>
      <c r="PFD692" s="613"/>
      <c r="PFE692" s="613"/>
      <c r="PFF692" s="613"/>
      <c r="PFG692" s="613"/>
      <c r="PFH692" s="613"/>
      <c r="PFI692" s="613"/>
      <c r="PFJ692" s="613"/>
      <c r="PFK692" s="613"/>
      <c r="PFL692" s="613"/>
      <c r="PFM692" s="613"/>
      <c r="PFN692" s="613"/>
      <c r="PFO692" s="613"/>
      <c r="PFP692" s="613"/>
      <c r="PFQ692" s="613"/>
      <c r="PFR692" s="613"/>
      <c r="PFS692" s="613"/>
      <c r="PFT692" s="613"/>
      <c r="PFU692" s="613"/>
      <c r="PFV692" s="613"/>
      <c r="PFW692" s="613"/>
      <c r="PFX692" s="613"/>
      <c r="PFY692" s="613"/>
      <c r="PFZ692" s="613"/>
      <c r="PGA692" s="613"/>
      <c r="PGB692" s="613"/>
      <c r="PGC692" s="613"/>
      <c r="PGD692" s="613"/>
      <c r="PGE692" s="613"/>
      <c r="PGF692" s="613"/>
      <c r="PGG692" s="613"/>
      <c r="PGH692" s="613"/>
      <c r="PGI692" s="613"/>
      <c r="PGJ692" s="613"/>
      <c r="PGK692" s="613"/>
      <c r="PGL692" s="613"/>
      <c r="PGM692" s="613"/>
      <c r="PGN692" s="613"/>
      <c r="PGO692" s="613"/>
      <c r="PGP692" s="613"/>
      <c r="PGQ692" s="613"/>
      <c r="PGR692" s="613"/>
      <c r="PGS692" s="613"/>
      <c r="PGT692" s="613"/>
      <c r="PGU692" s="613"/>
      <c r="PGV692" s="613"/>
      <c r="PGW692" s="613"/>
      <c r="PGX692" s="613"/>
      <c r="PGY692" s="613"/>
      <c r="PGZ692" s="613"/>
      <c r="PHA692" s="613"/>
      <c r="PHB692" s="613"/>
      <c r="PHC692" s="613"/>
      <c r="PHD692" s="613"/>
      <c r="PHE692" s="613"/>
      <c r="PHF692" s="613"/>
      <c r="PHG692" s="613"/>
      <c r="PHH692" s="613"/>
      <c r="PHI692" s="613"/>
      <c r="PHJ692" s="613"/>
      <c r="PHK692" s="613"/>
      <c r="PHL692" s="613"/>
      <c r="PHM692" s="613"/>
      <c r="PHN692" s="613"/>
      <c r="PHO692" s="613"/>
      <c r="PHP692" s="613"/>
      <c r="PHQ692" s="613"/>
      <c r="PHR692" s="613"/>
      <c r="PHS692" s="613"/>
      <c r="PHT692" s="613"/>
      <c r="PHU692" s="613"/>
      <c r="PHV692" s="613"/>
      <c r="PHW692" s="613"/>
      <c r="PHX692" s="613"/>
      <c r="PHY692" s="613"/>
      <c r="PHZ692" s="613"/>
      <c r="PIA692" s="613"/>
      <c r="PIB692" s="613"/>
      <c r="PIC692" s="613"/>
      <c r="PID692" s="613"/>
      <c r="PIE692" s="613"/>
      <c r="PIF692" s="613"/>
      <c r="PIG692" s="613"/>
      <c r="PIH692" s="613"/>
      <c r="PII692" s="613"/>
      <c r="PIJ692" s="613"/>
      <c r="PIK692" s="613"/>
      <c r="PIL692" s="613"/>
      <c r="PIM692" s="613"/>
      <c r="PIN692" s="613"/>
      <c r="PIO692" s="613"/>
      <c r="PIP692" s="613"/>
      <c r="PIQ692" s="613"/>
      <c r="PIR692" s="613"/>
      <c r="PIS692" s="613"/>
      <c r="PIT692" s="613"/>
      <c r="PIU692" s="613"/>
      <c r="PIV692" s="613"/>
      <c r="PIW692" s="613"/>
      <c r="PIX692" s="613"/>
      <c r="PIY692" s="613"/>
      <c r="PIZ692" s="613"/>
      <c r="PJA692" s="613"/>
      <c r="PJB692" s="613"/>
      <c r="PJC692" s="613"/>
      <c r="PJD692" s="613"/>
      <c r="PJE692" s="613"/>
      <c r="PJF692" s="613"/>
      <c r="PJG692" s="613"/>
      <c r="PJH692" s="613"/>
      <c r="PJI692" s="613"/>
      <c r="PJJ692" s="613"/>
      <c r="PJK692" s="613"/>
      <c r="PJL692" s="613"/>
      <c r="PJM692" s="613"/>
      <c r="PJN692" s="613"/>
      <c r="PJO692" s="613"/>
      <c r="PJP692" s="613"/>
      <c r="PJQ692" s="613"/>
      <c r="PJR692" s="613"/>
      <c r="PJS692" s="613"/>
      <c r="PJT692" s="613"/>
      <c r="PJU692" s="613"/>
      <c r="PJV692" s="613"/>
      <c r="PJW692" s="613"/>
      <c r="PJX692" s="613"/>
      <c r="PJY692" s="613"/>
      <c r="PJZ692" s="613"/>
      <c r="PKA692" s="613"/>
      <c r="PKB692" s="613"/>
      <c r="PKC692" s="613"/>
      <c r="PKD692" s="613"/>
      <c r="PKE692" s="613"/>
      <c r="PKF692" s="613"/>
      <c r="PKG692" s="613"/>
      <c r="PKH692" s="613"/>
      <c r="PKI692" s="613"/>
      <c r="PKJ692" s="613"/>
      <c r="PKK692" s="613"/>
      <c r="PKL692" s="613"/>
      <c r="PKM692" s="613"/>
      <c r="PKN692" s="613"/>
      <c r="PKO692" s="613"/>
      <c r="PKP692" s="613"/>
      <c r="PKQ692" s="613"/>
      <c r="PKR692" s="613"/>
      <c r="PKS692" s="613"/>
      <c r="PKT692" s="613"/>
      <c r="PKU692" s="613"/>
      <c r="PKV692" s="613"/>
      <c r="PKW692" s="613"/>
      <c r="PKX692" s="613"/>
      <c r="PKY692" s="613"/>
      <c r="PKZ692" s="613"/>
      <c r="PLA692" s="613"/>
      <c r="PLB692" s="613"/>
      <c r="PLC692" s="613"/>
      <c r="PLD692" s="613"/>
      <c r="PLE692" s="613"/>
      <c r="PLF692" s="613"/>
      <c r="PLG692" s="613"/>
      <c r="PLH692" s="613"/>
      <c r="PLI692" s="613"/>
      <c r="PLJ692" s="613"/>
      <c r="PLK692" s="613"/>
      <c r="PLL692" s="613"/>
      <c r="PLM692" s="613"/>
      <c r="PLN692" s="613"/>
      <c r="PLO692" s="613"/>
      <c r="PLP692" s="613"/>
      <c r="PLQ692" s="613"/>
      <c r="PLR692" s="613"/>
      <c r="PLS692" s="613"/>
      <c r="PLT692" s="613"/>
      <c r="PLU692" s="613"/>
      <c r="PLV692" s="613"/>
      <c r="PLW692" s="613"/>
      <c r="PLX692" s="613"/>
      <c r="PLY692" s="613"/>
      <c r="PLZ692" s="613"/>
      <c r="PMA692" s="613"/>
      <c r="PMB692" s="613"/>
      <c r="PMC692" s="613"/>
      <c r="PMD692" s="613"/>
      <c r="PME692" s="613"/>
      <c r="PMF692" s="613"/>
      <c r="PMG692" s="613"/>
      <c r="PMH692" s="613"/>
      <c r="PMI692" s="613"/>
      <c r="PMJ692" s="613"/>
      <c r="PMK692" s="613"/>
      <c r="PML692" s="613"/>
      <c r="PMM692" s="613"/>
      <c r="PMN692" s="613"/>
      <c r="PMO692" s="613"/>
      <c r="PMP692" s="613"/>
      <c r="PMQ692" s="613"/>
      <c r="PMR692" s="613"/>
      <c r="PMS692" s="613"/>
      <c r="PMT692" s="613"/>
      <c r="PMU692" s="613"/>
      <c r="PMV692" s="613"/>
      <c r="PMW692" s="613"/>
      <c r="PMX692" s="613"/>
      <c r="PMY692" s="613"/>
      <c r="PMZ692" s="613"/>
      <c r="PNA692" s="613"/>
      <c r="PNB692" s="613"/>
      <c r="PNC692" s="613"/>
      <c r="PND692" s="613"/>
      <c r="PNE692" s="613"/>
      <c r="PNF692" s="613"/>
      <c r="PNG692" s="613"/>
      <c r="PNH692" s="613"/>
      <c r="PNI692" s="613"/>
      <c r="PNJ692" s="613"/>
      <c r="PNK692" s="613"/>
      <c r="PNL692" s="613"/>
      <c r="PNM692" s="613"/>
      <c r="PNN692" s="613"/>
      <c r="PNO692" s="613"/>
      <c r="PNP692" s="613"/>
      <c r="PNQ692" s="613"/>
      <c r="PNR692" s="613"/>
      <c r="PNS692" s="613"/>
      <c r="PNT692" s="613"/>
      <c r="PNU692" s="613"/>
      <c r="PNV692" s="613"/>
      <c r="PNW692" s="613"/>
      <c r="PNX692" s="613"/>
      <c r="PNY692" s="613"/>
      <c r="PNZ692" s="613"/>
      <c r="POA692" s="613"/>
      <c r="POB692" s="613"/>
      <c r="POC692" s="613"/>
      <c r="POD692" s="613"/>
      <c r="POE692" s="613"/>
      <c r="POF692" s="613"/>
      <c r="POG692" s="613"/>
      <c r="POH692" s="613"/>
      <c r="POI692" s="613"/>
      <c r="POJ692" s="613"/>
      <c r="POK692" s="613"/>
      <c r="POL692" s="613"/>
      <c r="POM692" s="613"/>
      <c r="PON692" s="613"/>
      <c r="POO692" s="613"/>
      <c r="POP692" s="613"/>
      <c r="POQ692" s="613"/>
      <c r="POR692" s="613"/>
      <c r="POS692" s="613"/>
      <c r="POT692" s="613"/>
      <c r="POU692" s="613"/>
      <c r="POV692" s="613"/>
      <c r="POW692" s="613"/>
      <c r="POX692" s="613"/>
      <c r="POY692" s="613"/>
      <c r="POZ692" s="613"/>
      <c r="PPA692" s="613"/>
      <c r="PPB692" s="613"/>
      <c r="PPC692" s="613"/>
      <c r="PPD692" s="613"/>
      <c r="PPE692" s="613"/>
      <c r="PPF692" s="613"/>
      <c r="PPG692" s="613"/>
      <c r="PPH692" s="613"/>
      <c r="PPI692" s="613"/>
      <c r="PPJ692" s="613"/>
      <c r="PPK692" s="613"/>
      <c r="PPL692" s="613"/>
      <c r="PPM692" s="613"/>
      <c r="PPN692" s="613"/>
      <c r="PPO692" s="613"/>
      <c r="PPP692" s="613"/>
      <c r="PPQ692" s="613"/>
      <c r="PPR692" s="613"/>
      <c r="PPS692" s="613"/>
      <c r="PPT692" s="613"/>
      <c r="PPU692" s="613"/>
      <c r="PPV692" s="613"/>
      <c r="PPW692" s="613"/>
      <c r="PPX692" s="613"/>
      <c r="PPY692" s="613"/>
      <c r="PPZ692" s="613"/>
      <c r="PQA692" s="613"/>
      <c r="PQB692" s="613"/>
      <c r="PQC692" s="613"/>
      <c r="PQD692" s="613"/>
      <c r="PQE692" s="613"/>
      <c r="PQF692" s="613"/>
      <c r="PQG692" s="613"/>
      <c r="PQH692" s="613"/>
      <c r="PQI692" s="613"/>
      <c r="PQJ692" s="613"/>
      <c r="PQK692" s="613"/>
      <c r="PQL692" s="613"/>
      <c r="PQM692" s="613"/>
      <c r="PQN692" s="613"/>
      <c r="PQO692" s="613"/>
      <c r="PQP692" s="613"/>
      <c r="PQQ692" s="613"/>
      <c r="PQR692" s="613"/>
      <c r="PQS692" s="613"/>
      <c r="PQT692" s="613"/>
      <c r="PQU692" s="613"/>
      <c r="PQV692" s="613"/>
      <c r="PQW692" s="613"/>
      <c r="PQX692" s="613"/>
      <c r="PQY692" s="613"/>
      <c r="PQZ692" s="613"/>
      <c r="PRA692" s="613"/>
      <c r="PRB692" s="613"/>
      <c r="PRC692" s="613"/>
      <c r="PRD692" s="613"/>
      <c r="PRE692" s="613"/>
      <c r="PRF692" s="613"/>
      <c r="PRG692" s="613"/>
      <c r="PRH692" s="613"/>
      <c r="PRI692" s="613"/>
      <c r="PRJ692" s="613"/>
      <c r="PRK692" s="613"/>
      <c r="PRL692" s="613"/>
      <c r="PRM692" s="613"/>
      <c r="PRN692" s="613"/>
      <c r="PRO692" s="613"/>
      <c r="PRP692" s="613"/>
      <c r="PRQ692" s="613"/>
      <c r="PRR692" s="613"/>
      <c r="PRS692" s="613"/>
      <c r="PRT692" s="613"/>
      <c r="PRU692" s="613"/>
      <c r="PRV692" s="613"/>
      <c r="PRW692" s="613"/>
      <c r="PRX692" s="613"/>
      <c r="PRY692" s="613"/>
      <c r="PRZ692" s="613"/>
      <c r="PSA692" s="613"/>
      <c r="PSB692" s="613"/>
      <c r="PSC692" s="613"/>
      <c r="PSD692" s="613"/>
      <c r="PSE692" s="613"/>
      <c r="PSF692" s="613"/>
      <c r="PSG692" s="613"/>
      <c r="PSH692" s="613"/>
      <c r="PSI692" s="613"/>
      <c r="PSJ692" s="613"/>
      <c r="PSK692" s="613"/>
      <c r="PSL692" s="613"/>
      <c r="PSM692" s="613"/>
      <c r="PSN692" s="613"/>
      <c r="PSO692" s="613"/>
      <c r="PSP692" s="613"/>
      <c r="PSQ692" s="613"/>
      <c r="PSR692" s="613"/>
      <c r="PSS692" s="613"/>
      <c r="PST692" s="613"/>
      <c r="PSU692" s="613"/>
      <c r="PSV692" s="613"/>
      <c r="PSW692" s="613"/>
      <c r="PSX692" s="613"/>
      <c r="PSY692" s="613"/>
      <c r="PSZ692" s="613"/>
      <c r="PTA692" s="613"/>
      <c r="PTB692" s="613"/>
      <c r="PTC692" s="613"/>
      <c r="PTD692" s="613"/>
      <c r="PTE692" s="613"/>
      <c r="PTF692" s="613"/>
      <c r="PTG692" s="613"/>
      <c r="PTH692" s="613"/>
      <c r="PTI692" s="613"/>
      <c r="PTJ692" s="613"/>
      <c r="PTK692" s="613"/>
      <c r="PTL692" s="613"/>
      <c r="PTM692" s="613"/>
      <c r="PTN692" s="613"/>
      <c r="PTO692" s="613"/>
      <c r="PTP692" s="613"/>
      <c r="PTQ692" s="613"/>
      <c r="PTR692" s="613"/>
      <c r="PTS692" s="613"/>
      <c r="PTT692" s="613"/>
      <c r="PTU692" s="613"/>
      <c r="PTV692" s="613"/>
      <c r="PTW692" s="613"/>
      <c r="PTX692" s="613"/>
      <c r="PTY692" s="613"/>
      <c r="PTZ692" s="613"/>
      <c r="PUA692" s="613"/>
      <c r="PUB692" s="613"/>
      <c r="PUC692" s="613"/>
      <c r="PUD692" s="613"/>
      <c r="PUE692" s="613"/>
      <c r="PUF692" s="613"/>
      <c r="PUG692" s="613"/>
      <c r="PUH692" s="613"/>
      <c r="PUI692" s="613"/>
      <c r="PUJ692" s="613"/>
      <c r="PUK692" s="613"/>
      <c r="PUL692" s="613"/>
      <c r="PUM692" s="613"/>
      <c r="PUN692" s="613"/>
      <c r="PUO692" s="613"/>
      <c r="PUP692" s="613"/>
      <c r="PUQ692" s="613"/>
      <c r="PUR692" s="613"/>
      <c r="PUS692" s="613"/>
      <c r="PUT692" s="613"/>
      <c r="PUU692" s="613"/>
      <c r="PUV692" s="613"/>
      <c r="PUW692" s="613"/>
      <c r="PUX692" s="613"/>
      <c r="PUY692" s="613"/>
      <c r="PUZ692" s="613"/>
      <c r="PVA692" s="613"/>
      <c r="PVB692" s="613"/>
      <c r="PVC692" s="613"/>
      <c r="PVD692" s="613"/>
      <c r="PVE692" s="613"/>
      <c r="PVF692" s="613"/>
      <c r="PVG692" s="613"/>
      <c r="PVH692" s="613"/>
      <c r="PVI692" s="613"/>
      <c r="PVJ692" s="613"/>
      <c r="PVK692" s="613"/>
      <c r="PVL692" s="613"/>
      <c r="PVM692" s="613"/>
      <c r="PVN692" s="613"/>
      <c r="PVO692" s="613"/>
      <c r="PVP692" s="613"/>
      <c r="PVQ692" s="613"/>
      <c r="PVR692" s="613"/>
      <c r="PVS692" s="613"/>
      <c r="PVT692" s="613"/>
      <c r="PVU692" s="613"/>
      <c r="PVV692" s="613"/>
      <c r="PVW692" s="613"/>
      <c r="PVX692" s="613"/>
      <c r="PVY692" s="613"/>
      <c r="PVZ692" s="613"/>
      <c r="PWA692" s="613"/>
      <c r="PWB692" s="613"/>
      <c r="PWC692" s="613"/>
      <c r="PWD692" s="613"/>
      <c r="PWE692" s="613"/>
      <c r="PWF692" s="613"/>
      <c r="PWG692" s="613"/>
      <c r="PWH692" s="613"/>
      <c r="PWI692" s="613"/>
      <c r="PWJ692" s="613"/>
      <c r="PWK692" s="613"/>
      <c r="PWL692" s="613"/>
      <c r="PWM692" s="613"/>
      <c r="PWN692" s="613"/>
      <c r="PWO692" s="613"/>
      <c r="PWP692" s="613"/>
      <c r="PWQ692" s="613"/>
      <c r="PWR692" s="613"/>
      <c r="PWS692" s="613"/>
      <c r="PWT692" s="613"/>
      <c r="PWU692" s="613"/>
      <c r="PWV692" s="613"/>
      <c r="PWW692" s="613"/>
      <c r="PWX692" s="613"/>
      <c r="PWY692" s="613"/>
      <c r="PWZ692" s="613"/>
      <c r="PXA692" s="613"/>
      <c r="PXB692" s="613"/>
      <c r="PXC692" s="613"/>
      <c r="PXD692" s="613"/>
      <c r="PXE692" s="613"/>
      <c r="PXF692" s="613"/>
      <c r="PXG692" s="613"/>
      <c r="PXH692" s="613"/>
      <c r="PXI692" s="613"/>
      <c r="PXJ692" s="613"/>
      <c r="PXK692" s="613"/>
      <c r="PXL692" s="613"/>
      <c r="PXM692" s="613"/>
      <c r="PXN692" s="613"/>
      <c r="PXO692" s="613"/>
      <c r="PXP692" s="613"/>
      <c r="PXQ692" s="613"/>
      <c r="PXR692" s="613"/>
      <c r="PXS692" s="613"/>
      <c r="PXT692" s="613"/>
      <c r="PXU692" s="613"/>
      <c r="PXV692" s="613"/>
      <c r="PXW692" s="613"/>
      <c r="PXX692" s="613"/>
      <c r="PXY692" s="613"/>
      <c r="PXZ692" s="613"/>
      <c r="PYA692" s="613"/>
      <c r="PYB692" s="613"/>
      <c r="PYC692" s="613"/>
      <c r="PYD692" s="613"/>
      <c r="PYE692" s="613"/>
      <c r="PYF692" s="613"/>
      <c r="PYG692" s="613"/>
      <c r="PYH692" s="613"/>
      <c r="PYI692" s="613"/>
      <c r="PYJ692" s="613"/>
      <c r="PYK692" s="613"/>
      <c r="PYL692" s="613"/>
      <c r="PYM692" s="613"/>
      <c r="PYN692" s="613"/>
      <c r="PYO692" s="613"/>
      <c r="PYP692" s="613"/>
      <c r="PYQ692" s="613"/>
      <c r="PYR692" s="613"/>
      <c r="PYS692" s="613"/>
      <c r="PYT692" s="613"/>
      <c r="PYU692" s="613"/>
      <c r="PYV692" s="613"/>
      <c r="PYW692" s="613"/>
      <c r="PYX692" s="613"/>
      <c r="PYY692" s="613"/>
      <c r="PYZ692" s="613"/>
      <c r="PZA692" s="613"/>
      <c r="PZB692" s="613"/>
      <c r="PZC692" s="613"/>
      <c r="PZD692" s="613"/>
      <c r="PZE692" s="613"/>
      <c r="PZF692" s="613"/>
      <c r="PZG692" s="613"/>
      <c r="PZH692" s="613"/>
      <c r="PZI692" s="613"/>
      <c r="PZJ692" s="613"/>
      <c r="PZK692" s="613"/>
      <c r="PZL692" s="613"/>
      <c r="PZM692" s="613"/>
      <c r="PZN692" s="613"/>
      <c r="PZO692" s="613"/>
      <c r="PZP692" s="613"/>
      <c r="PZQ692" s="613"/>
      <c r="PZR692" s="613"/>
      <c r="PZS692" s="613"/>
      <c r="PZT692" s="613"/>
      <c r="PZU692" s="613"/>
      <c r="PZV692" s="613"/>
      <c r="PZW692" s="613"/>
      <c r="PZX692" s="613"/>
      <c r="PZY692" s="613"/>
      <c r="PZZ692" s="613"/>
      <c r="QAA692" s="613"/>
      <c r="QAB692" s="613"/>
      <c r="QAC692" s="613"/>
      <c r="QAD692" s="613"/>
      <c r="QAE692" s="613"/>
      <c r="QAF692" s="613"/>
      <c r="QAG692" s="613"/>
      <c r="QAH692" s="613"/>
      <c r="QAI692" s="613"/>
      <c r="QAJ692" s="613"/>
      <c r="QAK692" s="613"/>
      <c r="QAL692" s="613"/>
      <c r="QAM692" s="613"/>
      <c r="QAN692" s="613"/>
      <c r="QAO692" s="613"/>
      <c r="QAP692" s="613"/>
      <c r="QAQ692" s="613"/>
      <c r="QAR692" s="613"/>
      <c r="QAS692" s="613"/>
      <c r="QAT692" s="613"/>
      <c r="QAU692" s="613"/>
      <c r="QAV692" s="613"/>
      <c r="QAW692" s="613"/>
      <c r="QAX692" s="613"/>
      <c r="QAY692" s="613"/>
      <c r="QAZ692" s="613"/>
      <c r="QBA692" s="613"/>
      <c r="QBB692" s="613"/>
      <c r="QBC692" s="613"/>
      <c r="QBD692" s="613"/>
      <c r="QBE692" s="613"/>
      <c r="QBF692" s="613"/>
      <c r="QBG692" s="613"/>
      <c r="QBH692" s="613"/>
      <c r="QBI692" s="613"/>
      <c r="QBJ692" s="613"/>
      <c r="QBK692" s="613"/>
      <c r="QBL692" s="613"/>
      <c r="QBM692" s="613"/>
      <c r="QBN692" s="613"/>
      <c r="QBO692" s="613"/>
      <c r="QBP692" s="613"/>
      <c r="QBQ692" s="613"/>
      <c r="QBR692" s="613"/>
      <c r="QBS692" s="613"/>
      <c r="QBT692" s="613"/>
      <c r="QBU692" s="613"/>
      <c r="QBV692" s="613"/>
      <c r="QBW692" s="613"/>
      <c r="QBX692" s="613"/>
      <c r="QBY692" s="613"/>
      <c r="QBZ692" s="613"/>
      <c r="QCA692" s="613"/>
      <c r="QCB692" s="613"/>
      <c r="QCC692" s="613"/>
      <c r="QCD692" s="613"/>
      <c r="QCE692" s="613"/>
      <c r="QCF692" s="613"/>
      <c r="QCG692" s="613"/>
      <c r="QCH692" s="613"/>
      <c r="QCI692" s="613"/>
      <c r="QCJ692" s="613"/>
      <c r="QCK692" s="613"/>
      <c r="QCL692" s="613"/>
      <c r="QCM692" s="613"/>
      <c r="QCN692" s="613"/>
      <c r="QCO692" s="613"/>
      <c r="QCP692" s="613"/>
      <c r="QCQ692" s="613"/>
      <c r="QCR692" s="613"/>
      <c r="QCS692" s="613"/>
      <c r="QCT692" s="613"/>
      <c r="QCU692" s="613"/>
      <c r="QCV692" s="613"/>
      <c r="QCW692" s="613"/>
      <c r="QCX692" s="613"/>
      <c r="QCY692" s="613"/>
      <c r="QCZ692" s="613"/>
      <c r="QDA692" s="613"/>
      <c r="QDB692" s="613"/>
      <c r="QDC692" s="613"/>
      <c r="QDD692" s="613"/>
      <c r="QDE692" s="613"/>
      <c r="QDF692" s="613"/>
      <c r="QDG692" s="613"/>
      <c r="QDH692" s="613"/>
      <c r="QDI692" s="613"/>
      <c r="QDJ692" s="613"/>
      <c r="QDK692" s="613"/>
      <c r="QDL692" s="613"/>
      <c r="QDM692" s="613"/>
      <c r="QDN692" s="613"/>
      <c r="QDO692" s="613"/>
      <c r="QDP692" s="613"/>
      <c r="QDQ692" s="613"/>
      <c r="QDR692" s="613"/>
      <c r="QDS692" s="613"/>
      <c r="QDT692" s="613"/>
      <c r="QDU692" s="613"/>
      <c r="QDV692" s="613"/>
      <c r="QDW692" s="613"/>
      <c r="QDX692" s="613"/>
      <c r="QDY692" s="613"/>
      <c r="QDZ692" s="613"/>
      <c r="QEA692" s="613"/>
      <c r="QEB692" s="613"/>
      <c r="QEC692" s="613"/>
      <c r="QED692" s="613"/>
      <c r="QEE692" s="613"/>
      <c r="QEF692" s="613"/>
      <c r="QEG692" s="613"/>
      <c r="QEH692" s="613"/>
      <c r="QEI692" s="613"/>
      <c r="QEJ692" s="613"/>
      <c r="QEK692" s="613"/>
      <c r="QEL692" s="613"/>
      <c r="QEM692" s="613"/>
      <c r="QEN692" s="613"/>
      <c r="QEO692" s="613"/>
      <c r="QEP692" s="613"/>
      <c r="QEQ692" s="613"/>
      <c r="QER692" s="613"/>
      <c r="QES692" s="613"/>
      <c r="QET692" s="613"/>
      <c r="QEU692" s="613"/>
      <c r="QEV692" s="613"/>
      <c r="QEW692" s="613"/>
      <c r="QEX692" s="613"/>
      <c r="QEY692" s="613"/>
      <c r="QEZ692" s="613"/>
      <c r="QFA692" s="613"/>
      <c r="QFB692" s="613"/>
      <c r="QFC692" s="613"/>
      <c r="QFD692" s="613"/>
      <c r="QFE692" s="613"/>
      <c r="QFF692" s="613"/>
      <c r="QFG692" s="613"/>
      <c r="QFH692" s="613"/>
      <c r="QFI692" s="613"/>
      <c r="QFJ692" s="613"/>
      <c r="QFK692" s="613"/>
      <c r="QFL692" s="613"/>
      <c r="QFM692" s="613"/>
      <c r="QFN692" s="613"/>
      <c r="QFO692" s="613"/>
      <c r="QFP692" s="613"/>
      <c r="QFQ692" s="613"/>
      <c r="QFR692" s="613"/>
      <c r="QFS692" s="613"/>
      <c r="QFT692" s="613"/>
      <c r="QFU692" s="613"/>
      <c r="QFV692" s="613"/>
      <c r="QFW692" s="613"/>
      <c r="QFX692" s="613"/>
      <c r="QFY692" s="613"/>
      <c r="QFZ692" s="613"/>
      <c r="QGA692" s="613"/>
      <c r="QGB692" s="613"/>
      <c r="QGC692" s="613"/>
      <c r="QGD692" s="613"/>
      <c r="QGE692" s="613"/>
      <c r="QGF692" s="613"/>
      <c r="QGG692" s="613"/>
      <c r="QGH692" s="613"/>
      <c r="QGI692" s="613"/>
      <c r="QGJ692" s="613"/>
      <c r="QGK692" s="613"/>
      <c r="QGL692" s="613"/>
      <c r="QGM692" s="613"/>
      <c r="QGN692" s="613"/>
      <c r="QGO692" s="613"/>
      <c r="QGP692" s="613"/>
      <c r="QGQ692" s="613"/>
      <c r="QGR692" s="613"/>
      <c r="QGS692" s="613"/>
      <c r="QGT692" s="613"/>
      <c r="QGU692" s="613"/>
      <c r="QGV692" s="613"/>
      <c r="QGW692" s="613"/>
      <c r="QGX692" s="613"/>
      <c r="QGY692" s="613"/>
      <c r="QGZ692" s="613"/>
      <c r="QHA692" s="613"/>
      <c r="QHB692" s="613"/>
      <c r="QHC692" s="613"/>
      <c r="QHD692" s="613"/>
      <c r="QHE692" s="613"/>
      <c r="QHF692" s="613"/>
      <c r="QHG692" s="613"/>
      <c r="QHH692" s="613"/>
      <c r="QHI692" s="613"/>
      <c r="QHJ692" s="613"/>
      <c r="QHK692" s="613"/>
      <c r="QHL692" s="613"/>
      <c r="QHM692" s="613"/>
      <c r="QHN692" s="613"/>
      <c r="QHO692" s="613"/>
      <c r="QHP692" s="613"/>
      <c r="QHQ692" s="613"/>
      <c r="QHR692" s="613"/>
      <c r="QHS692" s="613"/>
      <c r="QHT692" s="613"/>
      <c r="QHU692" s="613"/>
      <c r="QHV692" s="613"/>
      <c r="QHW692" s="613"/>
      <c r="QHX692" s="613"/>
      <c r="QHY692" s="613"/>
      <c r="QHZ692" s="613"/>
      <c r="QIA692" s="613"/>
      <c r="QIB692" s="613"/>
      <c r="QIC692" s="613"/>
      <c r="QID692" s="613"/>
      <c r="QIE692" s="613"/>
      <c r="QIF692" s="613"/>
      <c r="QIG692" s="613"/>
      <c r="QIH692" s="613"/>
      <c r="QII692" s="613"/>
      <c r="QIJ692" s="613"/>
      <c r="QIK692" s="613"/>
      <c r="QIL692" s="613"/>
      <c r="QIM692" s="613"/>
      <c r="QIN692" s="613"/>
      <c r="QIO692" s="613"/>
      <c r="QIP692" s="613"/>
      <c r="QIQ692" s="613"/>
      <c r="QIR692" s="613"/>
      <c r="QIS692" s="613"/>
      <c r="QIT692" s="613"/>
      <c r="QIU692" s="613"/>
      <c r="QIV692" s="613"/>
      <c r="QIW692" s="613"/>
      <c r="QIX692" s="613"/>
      <c r="QIY692" s="613"/>
      <c r="QIZ692" s="613"/>
      <c r="QJA692" s="613"/>
      <c r="QJB692" s="613"/>
      <c r="QJC692" s="613"/>
      <c r="QJD692" s="613"/>
      <c r="QJE692" s="613"/>
      <c r="QJF692" s="613"/>
      <c r="QJG692" s="613"/>
      <c r="QJH692" s="613"/>
      <c r="QJI692" s="613"/>
      <c r="QJJ692" s="613"/>
      <c r="QJK692" s="613"/>
      <c r="QJL692" s="613"/>
      <c r="QJM692" s="613"/>
      <c r="QJN692" s="613"/>
      <c r="QJO692" s="613"/>
      <c r="QJP692" s="613"/>
      <c r="QJQ692" s="613"/>
      <c r="QJR692" s="613"/>
      <c r="QJS692" s="613"/>
      <c r="QJT692" s="613"/>
      <c r="QJU692" s="613"/>
      <c r="QJV692" s="613"/>
      <c r="QJW692" s="613"/>
      <c r="QJX692" s="613"/>
      <c r="QJY692" s="613"/>
      <c r="QJZ692" s="613"/>
      <c r="QKA692" s="613"/>
      <c r="QKB692" s="613"/>
      <c r="QKC692" s="613"/>
      <c r="QKD692" s="613"/>
      <c r="QKE692" s="613"/>
      <c r="QKF692" s="613"/>
      <c r="QKG692" s="613"/>
      <c r="QKH692" s="613"/>
      <c r="QKI692" s="613"/>
      <c r="QKJ692" s="613"/>
      <c r="QKK692" s="613"/>
      <c r="QKL692" s="613"/>
      <c r="QKM692" s="613"/>
      <c r="QKN692" s="613"/>
      <c r="QKO692" s="613"/>
      <c r="QKP692" s="613"/>
      <c r="QKQ692" s="613"/>
      <c r="QKR692" s="613"/>
      <c r="QKS692" s="613"/>
      <c r="QKT692" s="613"/>
      <c r="QKU692" s="613"/>
      <c r="QKV692" s="613"/>
      <c r="QKW692" s="613"/>
      <c r="QKX692" s="613"/>
      <c r="QKY692" s="613"/>
      <c r="QKZ692" s="613"/>
      <c r="QLA692" s="613"/>
      <c r="QLB692" s="613"/>
      <c r="QLC692" s="613"/>
      <c r="QLD692" s="613"/>
      <c r="QLE692" s="613"/>
      <c r="QLF692" s="613"/>
      <c r="QLG692" s="613"/>
      <c r="QLH692" s="613"/>
      <c r="QLI692" s="613"/>
      <c r="QLJ692" s="613"/>
      <c r="QLK692" s="613"/>
      <c r="QLL692" s="613"/>
      <c r="QLM692" s="613"/>
      <c r="QLN692" s="613"/>
      <c r="QLO692" s="613"/>
      <c r="QLP692" s="613"/>
      <c r="QLQ692" s="613"/>
      <c r="QLR692" s="613"/>
      <c r="QLS692" s="613"/>
      <c r="QLT692" s="613"/>
      <c r="QLU692" s="613"/>
      <c r="QLV692" s="613"/>
      <c r="QLW692" s="613"/>
      <c r="QLX692" s="613"/>
      <c r="QLY692" s="613"/>
      <c r="QLZ692" s="613"/>
      <c r="QMA692" s="613"/>
      <c r="QMB692" s="613"/>
      <c r="QMC692" s="613"/>
      <c r="QMD692" s="613"/>
      <c r="QME692" s="613"/>
      <c r="QMF692" s="613"/>
      <c r="QMG692" s="613"/>
      <c r="QMH692" s="613"/>
      <c r="QMI692" s="613"/>
      <c r="QMJ692" s="613"/>
      <c r="QMK692" s="613"/>
      <c r="QML692" s="613"/>
      <c r="QMM692" s="613"/>
      <c r="QMN692" s="613"/>
      <c r="QMO692" s="613"/>
      <c r="QMP692" s="613"/>
      <c r="QMQ692" s="613"/>
      <c r="QMR692" s="613"/>
      <c r="QMS692" s="613"/>
      <c r="QMT692" s="613"/>
      <c r="QMU692" s="613"/>
      <c r="QMV692" s="613"/>
      <c r="QMW692" s="613"/>
      <c r="QMX692" s="613"/>
      <c r="QMY692" s="613"/>
      <c r="QMZ692" s="613"/>
      <c r="QNA692" s="613"/>
      <c r="QNB692" s="613"/>
      <c r="QNC692" s="613"/>
      <c r="QND692" s="613"/>
      <c r="QNE692" s="613"/>
      <c r="QNF692" s="613"/>
      <c r="QNG692" s="613"/>
      <c r="QNH692" s="613"/>
      <c r="QNI692" s="613"/>
      <c r="QNJ692" s="613"/>
      <c r="QNK692" s="613"/>
      <c r="QNL692" s="613"/>
      <c r="QNM692" s="613"/>
      <c r="QNN692" s="613"/>
      <c r="QNO692" s="613"/>
      <c r="QNP692" s="613"/>
      <c r="QNQ692" s="613"/>
      <c r="QNR692" s="613"/>
      <c r="QNS692" s="613"/>
      <c r="QNT692" s="613"/>
      <c r="QNU692" s="613"/>
      <c r="QNV692" s="613"/>
      <c r="QNW692" s="613"/>
      <c r="QNX692" s="613"/>
      <c r="QNY692" s="613"/>
      <c r="QNZ692" s="613"/>
      <c r="QOA692" s="613"/>
      <c r="QOB692" s="613"/>
      <c r="QOC692" s="613"/>
      <c r="QOD692" s="613"/>
      <c r="QOE692" s="613"/>
      <c r="QOF692" s="613"/>
      <c r="QOG692" s="613"/>
      <c r="QOH692" s="613"/>
      <c r="QOI692" s="613"/>
      <c r="QOJ692" s="613"/>
      <c r="QOK692" s="613"/>
      <c r="QOL692" s="613"/>
      <c r="QOM692" s="613"/>
      <c r="QON692" s="613"/>
      <c r="QOO692" s="613"/>
      <c r="QOP692" s="613"/>
      <c r="QOQ692" s="613"/>
      <c r="QOR692" s="613"/>
      <c r="QOS692" s="613"/>
      <c r="QOT692" s="613"/>
      <c r="QOU692" s="613"/>
      <c r="QOV692" s="613"/>
      <c r="QOW692" s="613"/>
      <c r="QOX692" s="613"/>
      <c r="QOY692" s="613"/>
      <c r="QOZ692" s="613"/>
      <c r="QPA692" s="613"/>
      <c r="QPB692" s="613"/>
      <c r="QPC692" s="613"/>
      <c r="QPD692" s="613"/>
      <c r="QPE692" s="613"/>
      <c r="QPF692" s="613"/>
      <c r="QPG692" s="613"/>
      <c r="QPH692" s="613"/>
      <c r="QPI692" s="613"/>
      <c r="QPJ692" s="613"/>
      <c r="QPK692" s="613"/>
      <c r="QPL692" s="613"/>
      <c r="QPM692" s="613"/>
      <c r="QPN692" s="613"/>
      <c r="QPO692" s="613"/>
      <c r="QPP692" s="613"/>
      <c r="QPQ692" s="613"/>
      <c r="QPR692" s="613"/>
      <c r="QPS692" s="613"/>
      <c r="QPT692" s="613"/>
      <c r="QPU692" s="613"/>
      <c r="QPV692" s="613"/>
      <c r="QPW692" s="613"/>
      <c r="QPX692" s="613"/>
      <c r="QPY692" s="613"/>
      <c r="QPZ692" s="613"/>
      <c r="QQA692" s="613"/>
      <c r="QQB692" s="613"/>
      <c r="QQC692" s="613"/>
      <c r="QQD692" s="613"/>
      <c r="QQE692" s="613"/>
      <c r="QQF692" s="613"/>
      <c r="QQG692" s="613"/>
      <c r="QQH692" s="613"/>
      <c r="QQI692" s="613"/>
      <c r="QQJ692" s="613"/>
      <c r="QQK692" s="613"/>
      <c r="QQL692" s="613"/>
      <c r="QQM692" s="613"/>
      <c r="QQN692" s="613"/>
      <c r="QQO692" s="613"/>
      <c r="QQP692" s="613"/>
      <c r="QQQ692" s="613"/>
      <c r="QQR692" s="613"/>
      <c r="QQS692" s="613"/>
      <c r="QQT692" s="613"/>
      <c r="QQU692" s="613"/>
      <c r="QQV692" s="613"/>
      <c r="QQW692" s="613"/>
      <c r="QQX692" s="613"/>
      <c r="QQY692" s="613"/>
      <c r="QQZ692" s="613"/>
      <c r="QRA692" s="613"/>
      <c r="QRB692" s="613"/>
      <c r="QRC692" s="613"/>
      <c r="QRD692" s="613"/>
      <c r="QRE692" s="613"/>
      <c r="QRF692" s="613"/>
      <c r="QRG692" s="613"/>
      <c r="QRH692" s="613"/>
      <c r="QRI692" s="613"/>
      <c r="QRJ692" s="613"/>
      <c r="QRK692" s="613"/>
      <c r="QRL692" s="613"/>
      <c r="QRM692" s="613"/>
      <c r="QRN692" s="613"/>
      <c r="QRO692" s="613"/>
      <c r="QRP692" s="613"/>
      <c r="QRQ692" s="613"/>
      <c r="QRR692" s="613"/>
      <c r="QRS692" s="613"/>
      <c r="QRT692" s="613"/>
      <c r="QRU692" s="613"/>
      <c r="QRV692" s="613"/>
      <c r="QRW692" s="613"/>
      <c r="QRX692" s="613"/>
      <c r="QRY692" s="613"/>
      <c r="QRZ692" s="613"/>
      <c r="QSA692" s="613"/>
      <c r="QSB692" s="613"/>
      <c r="QSC692" s="613"/>
      <c r="QSD692" s="613"/>
      <c r="QSE692" s="613"/>
      <c r="QSF692" s="613"/>
      <c r="QSG692" s="613"/>
      <c r="QSH692" s="613"/>
      <c r="QSI692" s="613"/>
      <c r="QSJ692" s="613"/>
      <c r="QSK692" s="613"/>
      <c r="QSL692" s="613"/>
      <c r="QSM692" s="613"/>
      <c r="QSN692" s="613"/>
      <c r="QSO692" s="613"/>
      <c r="QSP692" s="613"/>
      <c r="QSQ692" s="613"/>
      <c r="QSR692" s="613"/>
      <c r="QSS692" s="613"/>
      <c r="QST692" s="613"/>
      <c r="QSU692" s="613"/>
      <c r="QSV692" s="613"/>
      <c r="QSW692" s="613"/>
      <c r="QSX692" s="613"/>
      <c r="QSY692" s="613"/>
      <c r="QSZ692" s="613"/>
      <c r="QTA692" s="613"/>
      <c r="QTB692" s="613"/>
      <c r="QTC692" s="613"/>
      <c r="QTD692" s="613"/>
      <c r="QTE692" s="613"/>
      <c r="QTF692" s="613"/>
      <c r="QTG692" s="613"/>
      <c r="QTH692" s="613"/>
      <c r="QTI692" s="613"/>
      <c r="QTJ692" s="613"/>
      <c r="QTK692" s="613"/>
      <c r="QTL692" s="613"/>
      <c r="QTM692" s="613"/>
      <c r="QTN692" s="613"/>
      <c r="QTO692" s="613"/>
      <c r="QTP692" s="613"/>
      <c r="QTQ692" s="613"/>
      <c r="QTR692" s="613"/>
      <c r="QTS692" s="613"/>
      <c r="QTT692" s="613"/>
      <c r="QTU692" s="613"/>
      <c r="QTV692" s="613"/>
      <c r="QTW692" s="613"/>
      <c r="QTX692" s="613"/>
      <c r="QTY692" s="613"/>
      <c r="QTZ692" s="613"/>
      <c r="QUA692" s="613"/>
      <c r="QUB692" s="613"/>
      <c r="QUC692" s="613"/>
      <c r="QUD692" s="613"/>
      <c r="QUE692" s="613"/>
      <c r="QUF692" s="613"/>
      <c r="QUG692" s="613"/>
      <c r="QUH692" s="613"/>
      <c r="QUI692" s="613"/>
      <c r="QUJ692" s="613"/>
      <c r="QUK692" s="613"/>
      <c r="QUL692" s="613"/>
      <c r="QUM692" s="613"/>
      <c r="QUN692" s="613"/>
      <c r="QUO692" s="613"/>
      <c r="QUP692" s="613"/>
      <c r="QUQ692" s="613"/>
      <c r="QUR692" s="613"/>
      <c r="QUS692" s="613"/>
      <c r="QUT692" s="613"/>
      <c r="QUU692" s="613"/>
      <c r="QUV692" s="613"/>
      <c r="QUW692" s="613"/>
      <c r="QUX692" s="613"/>
      <c r="QUY692" s="613"/>
      <c r="QUZ692" s="613"/>
      <c r="QVA692" s="613"/>
      <c r="QVB692" s="613"/>
      <c r="QVC692" s="613"/>
      <c r="QVD692" s="613"/>
      <c r="QVE692" s="613"/>
      <c r="QVF692" s="613"/>
      <c r="QVG692" s="613"/>
      <c r="QVH692" s="613"/>
      <c r="QVI692" s="613"/>
      <c r="QVJ692" s="613"/>
      <c r="QVK692" s="613"/>
      <c r="QVL692" s="613"/>
      <c r="QVM692" s="613"/>
      <c r="QVN692" s="613"/>
      <c r="QVO692" s="613"/>
      <c r="QVP692" s="613"/>
      <c r="QVQ692" s="613"/>
      <c r="QVR692" s="613"/>
      <c r="QVS692" s="613"/>
      <c r="QVT692" s="613"/>
      <c r="QVU692" s="613"/>
      <c r="QVV692" s="613"/>
      <c r="QVW692" s="613"/>
      <c r="QVX692" s="613"/>
      <c r="QVY692" s="613"/>
      <c r="QVZ692" s="613"/>
      <c r="QWA692" s="613"/>
      <c r="QWB692" s="613"/>
      <c r="QWC692" s="613"/>
      <c r="QWD692" s="613"/>
      <c r="QWE692" s="613"/>
      <c r="QWF692" s="613"/>
      <c r="QWG692" s="613"/>
      <c r="QWH692" s="613"/>
      <c r="QWI692" s="613"/>
      <c r="QWJ692" s="613"/>
      <c r="QWK692" s="613"/>
      <c r="QWL692" s="613"/>
      <c r="QWM692" s="613"/>
      <c r="QWN692" s="613"/>
      <c r="QWO692" s="613"/>
      <c r="QWP692" s="613"/>
      <c r="QWQ692" s="613"/>
      <c r="QWR692" s="613"/>
      <c r="QWS692" s="613"/>
      <c r="QWT692" s="613"/>
      <c r="QWU692" s="613"/>
      <c r="QWV692" s="613"/>
      <c r="QWW692" s="613"/>
      <c r="QWX692" s="613"/>
      <c r="QWY692" s="613"/>
      <c r="QWZ692" s="613"/>
      <c r="QXA692" s="613"/>
      <c r="QXB692" s="613"/>
      <c r="QXC692" s="613"/>
      <c r="QXD692" s="613"/>
      <c r="QXE692" s="613"/>
      <c r="QXF692" s="613"/>
      <c r="QXG692" s="613"/>
      <c r="QXH692" s="613"/>
      <c r="QXI692" s="613"/>
      <c r="QXJ692" s="613"/>
      <c r="QXK692" s="613"/>
      <c r="QXL692" s="613"/>
      <c r="QXM692" s="613"/>
      <c r="QXN692" s="613"/>
      <c r="QXO692" s="613"/>
      <c r="QXP692" s="613"/>
      <c r="QXQ692" s="613"/>
      <c r="QXR692" s="613"/>
      <c r="QXS692" s="613"/>
      <c r="QXT692" s="613"/>
      <c r="QXU692" s="613"/>
      <c r="QXV692" s="613"/>
      <c r="QXW692" s="613"/>
      <c r="QXX692" s="613"/>
      <c r="QXY692" s="613"/>
      <c r="QXZ692" s="613"/>
      <c r="QYA692" s="613"/>
      <c r="QYB692" s="613"/>
      <c r="QYC692" s="613"/>
      <c r="QYD692" s="613"/>
      <c r="QYE692" s="613"/>
      <c r="QYF692" s="613"/>
      <c r="QYG692" s="613"/>
      <c r="QYH692" s="613"/>
      <c r="QYI692" s="613"/>
      <c r="QYJ692" s="613"/>
      <c r="QYK692" s="613"/>
      <c r="QYL692" s="613"/>
      <c r="QYM692" s="613"/>
      <c r="QYN692" s="613"/>
      <c r="QYO692" s="613"/>
      <c r="QYP692" s="613"/>
      <c r="QYQ692" s="613"/>
      <c r="QYR692" s="613"/>
      <c r="QYS692" s="613"/>
      <c r="QYT692" s="613"/>
      <c r="QYU692" s="613"/>
      <c r="QYV692" s="613"/>
      <c r="QYW692" s="613"/>
      <c r="QYX692" s="613"/>
      <c r="QYY692" s="613"/>
      <c r="QYZ692" s="613"/>
      <c r="QZA692" s="613"/>
      <c r="QZB692" s="613"/>
      <c r="QZC692" s="613"/>
      <c r="QZD692" s="613"/>
      <c r="QZE692" s="613"/>
      <c r="QZF692" s="613"/>
      <c r="QZG692" s="613"/>
      <c r="QZH692" s="613"/>
      <c r="QZI692" s="613"/>
      <c r="QZJ692" s="613"/>
      <c r="QZK692" s="613"/>
      <c r="QZL692" s="613"/>
      <c r="QZM692" s="613"/>
      <c r="QZN692" s="613"/>
      <c r="QZO692" s="613"/>
      <c r="QZP692" s="613"/>
      <c r="QZQ692" s="613"/>
      <c r="QZR692" s="613"/>
      <c r="QZS692" s="613"/>
      <c r="QZT692" s="613"/>
      <c r="QZU692" s="613"/>
      <c r="QZV692" s="613"/>
      <c r="QZW692" s="613"/>
      <c r="QZX692" s="613"/>
      <c r="QZY692" s="613"/>
      <c r="QZZ692" s="613"/>
      <c r="RAA692" s="613"/>
      <c r="RAB692" s="613"/>
      <c r="RAC692" s="613"/>
      <c r="RAD692" s="613"/>
      <c r="RAE692" s="613"/>
      <c r="RAF692" s="613"/>
      <c r="RAG692" s="613"/>
      <c r="RAH692" s="613"/>
      <c r="RAI692" s="613"/>
      <c r="RAJ692" s="613"/>
      <c r="RAK692" s="613"/>
      <c r="RAL692" s="613"/>
      <c r="RAM692" s="613"/>
      <c r="RAN692" s="613"/>
      <c r="RAO692" s="613"/>
      <c r="RAP692" s="613"/>
      <c r="RAQ692" s="613"/>
      <c r="RAR692" s="613"/>
      <c r="RAS692" s="613"/>
      <c r="RAT692" s="613"/>
      <c r="RAU692" s="613"/>
      <c r="RAV692" s="613"/>
      <c r="RAW692" s="613"/>
      <c r="RAX692" s="613"/>
      <c r="RAY692" s="613"/>
      <c r="RAZ692" s="613"/>
      <c r="RBA692" s="613"/>
      <c r="RBB692" s="613"/>
      <c r="RBC692" s="613"/>
      <c r="RBD692" s="613"/>
      <c r="RBE692" s="613"/>
      <c r="RBF692" s="613"/>
      <c r="RBG692" s="613"/>
      <c r="RBH692" s="613"/>
      <c r="RBI692" s="613"/>
      <c r="RBJ692" s="613"/>
      <c r="RBK692" s="613"/>
      <c r="RBL692" s="613"/>
      <c r="RBM692" s="613"/>
      <c r="RBN692" s="613"/>
      <c r="RBO692" s="613"/>
      <c r="RBP692" s="613"/>
      <c r="RBQ692" s="613"/>
      <c r="RBR692" s="613"/>
      <c r="RBS692" s="613"/>
      <c r="RBT692" s="613"/>
      <c r="RBU692" s="613"/>
      <c r="RBV692" s="613"/>
      <c r="RBW692" s="613"/>
      <c r="RBX692" s="613"/>
      <c r="RBY692" s="613"/>
      <c r="RBZ692" s="613"/>
      <c r="RCA692" s="613"/>
      <c r="RCB692" s="613"/>
      <c r="RCC692" s="613"/>
      <c r="RCD692" s="613"/>
      <c r="RCE692" s="613"/>
      <c r="RCF692" s="613"/>
      <c r="RCG692" s="613"/>
      <c r="RCH692" s="613"/>
      <c r="RCI692" s="613"/>
      <c r="RCJ692" s="613"/>
      <c r="RCK692" s="613"/>
      <c r="RCL692" s="613"/>
      <c r="RCM692" s="613"/>
      <c r="RCN692" s="613"/>
      <c r="RCO692" s="613"/>
      <c r="RCP692" s="613"/>
      <c r="RCQ692" s="613"/>
      <c r="RCR692" s="613"/>
      <c r="RCS692" s="613"/>
      <c r="RCT692" s="613"/>
      <c r="RCU692" s="613"/>
      <c r="RCV692" s="613"/>
      <c r="RCW692" s="613"/>
      <c r="RCX692" s="613"/>
      <c r="RCY692" s="613"/>
      <c r="RCZ692" s="613"/>
      <c r="RDA692" s="613"/>
      <c r="RDB692" s="613"/>
      <c r="RDC692" s="613"/>
      <c r="RDD692" s="613"/>
      <c r="RDE692" s="613"/>
      <c r="RDF692" s="613"/>
      <c r="RDG692" s="613"/>
      <c r="RDH692" s="613"/>
      <c r="RDI692" s="613"/>
      <c r="RDJ692" s="613"/>
      <c r="RDK692" s="613"/>
      <c r="RDL692" s="613"/>
      <c r="RDM692" s="613"/>
      <c r="RDN692" s="613"/>
      <c r="RDO692" s="613"/>
      <c r="RDP692" s="613"/>
      <c r="RDQ692" s="613"/>
      <c r="RDR692" s="613"/>
      <c r="RDS692" s="613"/>
      <c r="RDT692" s="613"/>
      <c r="RDU692" s="613"/>
      <c r="RDV692" s="613"/>
      <c r="RDW692" s="613"/>
      <c r="RDX692" s="613"/>
      <c r="RDY692" s="613"/>
      <c r="RDZ692" s="613"/>
      <c r="REA692" s="613"/>
      <c r="REB692" s="613"/>
      <c r="REC692" s="613"/>
      <c r="RED692" s="613"/>
      <c r="REE692" s="613"/>
      <c r="REF692" s="613"/>
      <c r="REG692" s="613"/>
      <c r="REH692" s="613"/>
      <c r="REI692" s="613"/>
      <c r="REJ692" s="613"/>
      <c r="REK692" s="613"/>
      <c r="REL692" s="613"/>
      <c r="REM692" s="613"/>
      <c r="REN692" s="613"/>
      <c r="REO692" s="613"/>
      <c r="REP692" s="613"/>
      <c r="REQ692" s="613"/>
      <c r="RER692" s="613"/>
      <c r="RES692" s="613"/>
      <c r="RET692" s="613"/>
      <c r="REU692" s="613"/>
      <c r="REV692" s="613"/>
      <c r="REW692" s="613"/>
      <c r="REX692" s="613"/>
      <c r="REY692" s="613"/>
      <c r="REZ692" s="613"/>
      <c r="RFA692" s="613"/>
      <c r="RFB692" s="613"/>
      <c r="RFC692" s="613"/>
      <c r="RFD692" s="613"/>
      <c r="RFE692" s="613"/>
      <c r="RFF692" s="613"/>
      <c r="RFG692" s="613"/>
      <c r="RFH692" s="613"/>
      <c r="RFI692" s="613"/>
      <c r="RFJ692" s="613"/>
      <c r="RFK692" s="613"/>
      <c r="RFL692" s="613"/>
      <c r="RFM692" s="613"/>
      <c r="RFN692" s="613"/>
      <c r="RFO692" s="613"/>
      <c r="RFP692" s="613"/>
      <c r="RFQ692" s="613"/>
      <c r="RFR692" s="613"/>
      <c r="RFS692" s="613"/>
      <c r="RFT692" s="613"/>
      <c r="RFU692" s="613"/>
      <c r="RFV692" s="613"/>
      <c r="RFW692" s="613"/>
      <c r="RFX692" s="613"/>
      <c r="RFY692" s="613"/>
      <c r="RFZ692" s="613"/>
      <c r="RGA692" s="613"/>
      <c r="RGB692" s="613"/>
      <c r="RGC692" s="613"/>
      <c r="RGD692" s="613"/>
      <c r="RGE692" s="613"/>
      <c r="RGF692" s="613"/>
      <c r="RGG692" s="613"/>
      <c r="RGH692" s="613"/>
      <c r="RGI692" s="613"/>
      <c r="RGJ692" s="613"/>
      <c r="RGK692" s="613"/>
      <c r="RGL692" s="613"/>
      <c r="RGM692" s="613"/>
      <c r="RGN692" s="613"/>
      <c r="RGO692" s="613"/>
      <c r="RGP692" s="613"/>
      <c r="RGQ692" s="613"/>
      <c r="RGR692" s="613"/>
      <c r="RGS692" s="613"/>
      <c r="RGT692" s="613"/>
      <c r="RGU692" s="613"/>
      <c r="RGV692" s="613"/>
      <c r="RGW692" s="613"/>
      <c r="RGX692" s="613"/>
      <c r="RGY692" s="613"/>
      <c r="RGZ692" s="613"/>
      <c r="RHA692" s="613"/>
      <c r="RHB692" s="613"/>
      <c r="RHC692" s="613"/>
      <c r="RHD692" s="613"/>
      <c r="RHE692" s="613"/>
      <c r="RHF692" s="613"/>
      <c r="RHG692" s="613"/>
      <c r="RHH692" s="613"/>
      <c r="RHI692" s="613"/>
      <c r="RHJ692" s="613"/>
      <c r="RHK692" s="613"/>
      <c r="RHL692" s="613"/>
      <c r="RHM692" s="613"/>
      <c r="RHN692" s="613"/>
      <c r="RHO692" s="613"/>
      <c r="RHP692" s="613"/>
      <c r="RHQ692" s="613"/>
      <c r="RHR692" s="613"/>
      <c r="RHS692" s="613"/>
      <c r="RHT692" s="613"/>
      <c r="RHU692" s="613"/>
      <c r="RHV692" s="613"/>
      <c r="RHW692" s="613"/>
      <c r="RHX692" s="613"/>
      <c r="RHY692" s="613"/>
      <c r="RHZ692" s="613"/>
      <c r="RIA692" s="613"/>
      <c r="RIB692" s="613"/>
      <c r="RIC692" s="613"/>
      <c r="RID692" s="613"/>
      <c r="RIE692" s="613"/>
      <c r="RIF692" s="613"/>
      <c r="RIG692" s="613"/>
      <c r="RIH692" s="613"/>
      <c r="RII692" s="613"/>
      <c r="RIJ692" s="613"/>
      <c r="RIK692" s="613"/>
      <c r="RIL692" s="613"/>
      <c r="RIM692" s="613"/>
      <c r="RIN692" s="613"/>
      <c r="RIO692" s="613"/>
      <c r="RIP692" s="613"/>
      <c r="RIQ692" s="613"/>
      <c r="RIR692" s="613"/>
      <c r="RIS692" s="613"/>
      <c r="RIT692" s="613"/>
      <c r="RIU692" s="613"/>
      <c r="RIV692" s="613"/>
      <c r="RIW692" s="613"/>
      <c r="RIX692" s="613"/>
      <c r="RIY692" s="613"/>
      <c r="RIZ692" s="613"/>
      <c r="RJA692" s="613"/>
      <c r="RJB692" s="613"/>
      <c r="RJC692" s="613"/>
      <c r="RJD692" s="613"/>
      <c r="RJE692" s="613"/>
      <c r="RJF692" s="613"/>
      <c r="RJG692" s="613"/>
      <c r="RJH692" s="613"/>
      <c r="RJI692" s="613"/>
      <c r="RJJ692" s="613"/>
      <c r="RJK692" s="613"/>
      <c r="RJL692" s="613"/>
      <c r="RJM692" s="613"/>
      <c r="RJN692" s="613"/>
      <c r="RJO692" s="613"/>
      <c r="RJP692" s="613"/>
      <c r="RJQ692" s="613"/>
      <c r="RJR692" s="613"/>
      <c r="RJS692" s="613"/>
      <c r="RJT692" s="613"/>
      <c r="RJU692" s="613"/>
      <c r="RJV692" s="613"/>
      <c r="RJW692" s="613"/>
      <c r="RJX692" s="613"/>
      <c r="RJY692" s="613"/>
      <c r="RJZ692" s="613"/>
      <c r="RKA692" s="613"/>
      <c r="RKB692" s="613"/>
      <c r="RKC692" s="613"/>
      <c r="RKD692" s="613"/>
      <c r="RKE692" s="613"/>
      <c r="RKF692" s="613"/>
      <c r="RKG692" s="613"/>
      <c r="RKH692" s="613"/>
      <c r="RKI692" s="613"/>
      <c r="RKJ692" s="613"/>
      <c r="RKK692" s="613"/>
      <c r="RKL692" s="613"/>
      <c r="RKM692" s="613"/>
      <c r="RKN692" s="613"/>
      <c r="RKO692" s="613"/>
      <c r="RKP692" s="613"/>
      <c r="RKQ692" s="613"/>
      <c r="RKR692" s="613"/>
      <c r="RKS692" s="613"/>
      <c r="RKT692" s="613"/>
      <c r="RKU692" s="613"/>
      <c r="RKV692" s="613"/>
      <c r="RKW692" s="613"/>
      <c r="RKX692" s="613"/>
      <c r="RKY692" s="613"/>
      <c r="RKZ692" s="613"/>
      <c r="RLA692" s="613"/>
      <c r="RLB692" s="613"/>
      <c r="RLC692" s="613"/>
      <c r="RLD692" s="613"/>
      <c r="RLE692" s="613"/>
      <c r="RLF692" s="613"/>
      <c r="RLG692" s="613"/>
      <c r="RLH692" s="613"/>
      <c r="RLI692" s="613"/>
      <c r="RLJ692" s="613"/>
      <c r="RLK692" s="613"/>
      <c r="RLL692" s="613"/>
      <c r="RLM692" s="613"/>
      <c r="RLN692" s="613"/>
      <c r="RLO692" s="613"/>
      <c r="RLP692" s="613"/>
      <c r="RLQ692" s="613"/>
      <c r="RLR692" s="613"/>
      <c r="RLS692" s="613"/>
      <c r="RLT692" s="613"/>
      <c r="RLU692" s="613"/>
      <c r="RLV692" s="613"/>
      <c r="RLW692" s="613"/>
      <c r="RLX692" s="613"/>
      <c r="RLY692" s="613"/>
      <c r="RLZ692" s="613"/>
      <c r="RMA692" s="613"/>
      <c r="RMB692" s="613"/>
      <c r="RMC692" s="613"/>
      <c r="RMD692" s="613"/>
      <c r="RME692" s="613"/>
      <c r="RMF692" s="613"/>
      <c r="RMG692" s="613"/>
      <c r="RMH692" s="613"/>
      <c r="RMI692" s="613"/>
      <c r="RMJ692" s="613"/>
      <c r="RMK692" s="613"/>
      <c r="RML692" s="613"/>
      <c r="RMM692" s="613"/>
      <c r="RMN692" s="613"/>
      <c r="RMO692" s="613"/>
      <c r="RMP692" s="613"/>
      <c r="RMQ692" s="613"/>
      <c r="RMR692" s="613"/>
      <c r="RMS692" s="613"/>
      <c r="RMT692" s="613"/>
      <c r="RMU692" s="613"/>
      <c r="RMV692" s="613"/>
      <c r="RMW692" s="613"/>
      <c r="RMX692" s="613"/>
      <c r="RMY692" s="613"/>
      <c r="RMZ692" s="613"/>
      <c r="RNA692" s="613"/>
      <c r="RNB692" s="613"/>
      <c r="RNC692" s="613"/>
      <c r="RND692" s="613"/>
      <c r="RNE692" s="613"/>
      <c r="RNF692" s="613"/>
      <c r="RNG692" s="613"/>
      <c r="RNH692" s="613"/>
      <c r="RNI692" s="613"/>
      <c r="RNJ692" s="613"/>
      <c r="RNK692" s="613"/>
      <c r="RNL692" s="613"/>
      <c r="RNM692" s="613"/>
      <c r="RNN692" s="613"/>
      <c r="RNO692" s="613"/>
      <c r="RNP692" s="613"/>
      <c r="RNQ692" s="613"/>
      <c r="RNR692" s="613"/>
      <c r="RNS692" s="613"/>
      <c r="RNT692" s="613"/>
      <c r="RNU692" s="613"/>
      <c r="RNV692" s="613"/>
      <c r="RNW692" s="613"/>
      <c r="RNX692" s="613"/>
      <c r="RNY692" s="613"/>
      <c r="RNZ692" s="613"/>
      <c r="ROA692" s="613"/>
      <c r="ROB692" s="613"/>
      <c r="ROC692" s="613"/>
      <c r="ROD692" s="613"/>
      <c r="ROE692" s="613"/>
      <c r="ROF692" s="613"/>
      <c r="ROG692" s="613"/>
      <c r="ROH692" s="613"/>
      <c r="ROI692" s="613"/>
      <c r="ROJ692" s="613"/>
      <c r="ROK692" s="613"/>
      <c r="ROL692" s="613"/>
      <c r="ROM692" s="613"/>
      <c r="RON692" s="613"/>
      <c r="ROO692" s="613"/>
      <c r="ROP692" s="613"/>
      <c r="ROQ692" s="613"/>
      <c r="ROR692" s="613"/>
      <c r="ROS692" s="613"/>
      <c r="ROT692" s="613"/>
      <c r="ROU692" s="613"/>
      <c r="ROV692" s="613"/>
      <c r="ROW692" s="613"/>
      <c r="ROX692" s="613"/>
      <c r="ROY692" s="613"/>
      <c r="ROZ692" s="613"/>
      <c r="RPA692" s="613"/>
      <c r="RPB692" s="613"/>
      <c r="RPC692" s="613"/>
      <c r="RPD692" s="613"/>
      <c r="RPE692" s="613"/>
      <c r="RPF692" s="613"/>
      <c r="RPG692" s="613"/>
      <c r="RPH692" s="613"/>
      <c r="RPI692" s="613"/>
      <c r="RPJ692" s="613"/>
      <c r="RPK692" s="613"/>
      <c r="RPL692" s="613"/>
      <c r="RPM692" s="613"/>
      <c r="RPN692" s="613"/>
      <c r="RPO692" s="613"/>
      <c r="RPP692" s="613"/>
      <c r="RPQ692" s="613"/>
      <c r="RPR692" s="613"/>
      <c r="RPS692" s="613"/>
      <c r="RPT692" s="613"/>
      <c r="RPU692" s="613"/>
      <c r="RPV692" s="613"/>
      <c r="RPW692" s="613"/>
      <c r="RPX692" s="613"/>
      <c r="RPY692" s="613"/>
      <c r="RPZ692" s="613"/>
      <c r="RQA692" s="613"/>
      <c r="RQB692" s="613"/>
      <c r="RQC692" s="613"/>
      <c r="RQD692" s="613"/>
      <c r="RQE692" s="613"/>
      <c r="RQF692" s="613"/>
      <c r="RQG692" s="613"/>
      <c r="RQH692" s="613"/>
      <c r="RQI692" s="613"/>
      <c r="RQJ692" s="613"/>
      <c r="RQK692" s="613"/>
      <c r="RQL692" s="613"/>
      <c r="RQM692" s="613"/>
      <c r="RQN692" s="613"/>
      <c r="RQO692" s="613"/>
      <c r="RQP692" s="613"/>
      <c r="RQQ692" s="613"/>
      <c r="RQR692" s="613"/>
      <c r="RQS692" s="613"/>
      <c r="RQT692" s="613"/>
      <c r="RQU692" s="613"/>
      <c r="RQV692" s="613"/>
      <c r="RQW692" s="613"/>
      <c r="RQX692" s="613"/>
      <c r="RQY692" s="613"/>
      <c r="RQZ692" s="613"/>
      <c r="RRA692" s="613"/>
      <c r="RRB692" s="613"/>
      <c r="RRC692" s="613"/>
      <c r="RRD692" s="613"/>
      <c r="RRE692" s="613"/>
      <c r="RRF692" s="613"/>
      <c r="RRG692" s="613"/>
      <c r="RRH692" s="613"/>
      <c r="RRI692" s="613"/>
      <c r="RRJ692" s="613"/>
      <c r="RRK692" s="613"/>
      <c r="RRL692" s="613"/>
      <c r="RRM692" s="613"/>
      <c r="RRN692" s="613"/>
      <c r="RRO692" s="613"/>
      <c r="RRP692" s="613"/>
      <c r="RRQ692" s="613"/>
      <c r="RRR692" s="613"/>
      <c r="RRS692" s="613"/>
      <c r="RRT692" s="613"/>
      <c r="RRU692" s="613"/>
      <c r="RRV692" s="613"/>
      <c r="RRW692" s="613"/>
      <c r="RRX692" s="613"/>
      <c r="RRY692" s="613"/>
      <c r="RRZ692" s="613"/>
      <c r="RSA692" s="613"/>
      <c r="RSB692" s="613"/>
      <c r="RSC692" s="613"/>
      <c r="RSD692" s="613"/>
      <c r="RSE692" s="613"/>
      <c r="RSF692" s="613"/>
      <c r="RSG692" s="613"/>
      <c r="RSH692" s="613"/>
      <c r="RSI692" s="613"/>
      <c r="RSJ692" s="613"/>
      <c r="RSK692" s="613"/>
      <c r="RSL692" s="613"/>
      <c r="RSM692" s="613"/>
      <c r="RSN692" s="613"/>
      <c r="RSO692" s="613"/>
      <c r="RSP692" s="613"/>
      <c r="RSQ692" s="613"/>
      <c r="RSR692" s="613"/>
      <c r="RSS692" s="613"/>
      <c r="RST692" s="613"/>
      <c r="RSU692" s="613"/>
      <c r="RSV692" s="613"/>
      <c r="RSW692" s="613"/>
      <c r="RSX692" s="613"/>
      <c r="RSY692" s="613"/>
      <c r="RSZ692" s="613"/>
      <c r="RTA692" s="613"/>
      <c r="RTB692" s="613"/>
      <c r="RTC692" s="613"/>
      <c r="RTD692" s="613"/>
      <c r="RTE692" s="613"/>
      <c r="RTF692" s="613"/>
      <c r="RTG692" s="613"/>
      <c r="RTH692" s="613"/>
      <c r="RTI692" s="613"/>
      <c r="RTJ692" s="613"/>
      <c r="RTK692" s="613"/>
      <c r="RTL692" s="613"/>
      <c r="RTM692" s="613"/>
      <c r="RTN692" s="613"/>
      <c r="RTO692" s="613"/>
      <c r="RTP692" s="613"/>
      <c r="RTQ692" s="613"/>
      <c r="RTR692" s="613"/>
      <c r="RTS692" s="613"/>
      <c r="RTT692" s="613"/>
      <c r="RTU692" s="613"/>
      <c r="RTV692" s="613"/>
      <c r="RTW692" s="613"/>
      <c r="RTX692" s="613"/>
      <c r="RTY692" s="613"/>
      <c r="RTZ692" s="613"/>
      <c r="RUA692" s="613"/>
      <c r="RUB692" s="613"/>
      <c r="RUC692" s="613"/>
      <c r="RUD692" s="613"/>
      <c r="RUE692" s="613"/>
      <c r="RUF692" s="613"/>
      <c r="RUG692" s="613"/>
      <c r="RUH692" s="613"/>
      <c r="RUI692" s="613"/>
      <c r="RUJ692" s="613"/>
      <c r="RUK692" s="613"/>
      <c r="RUL692" s="613"/>
      <c r="RUM692" s="613"/>
      <c r="RUN692" s="613"/>
      <c r="RUO692" s="613"/>
      <c r="RUP692" s="613"/>
      <c r="RUQ692" s="613"/>
      <c r="RUR692" s="613"/>
      <c r="RUS692" s="613"/>
      <c r="RUT692" s="613"/>
      <c r="RUU692" s="613"/>
      <c r="RUV692" s="613"/>
      <c r="RUW692" s="613"/>
      <c r="RUX692" s="613"/>
      <c r="RUY692" s="613"/>
      <c r="RUZ692" s="613"/>
      <c r="RVA692" s="613"/>
      <c r="RVB692" s="613"/>
      <c r="RVC692" s="613"/>
      <c r="RVD692" s="613"/>
      <c r="RVE692" s="613"/>
      <c r="RVF692" s="613"/>
      <c r="RVG692" s="613"/>
      <c r="RVH692" s="613"/>
      <c r="RVI692" s="613"/>
      <c r="RVJ692" s="613"/>
      <c r="RVK692" s="613"/>
      <c r="RVL692" s="613"/>
      <c r="RVM692" s="613"/>
      <c r="RVN692" s="613"/>
      <c r="RVO692" s="613"/>
      <c r="RVP692" s="613"/>
      <c r="RVQ692" s="613"/>
      <c r="RVR692" s="613"/>
      <c r="RVS692" s="613"/>
      <c r="RVT692" s="613"/>
      <c r="RVU692" s="613"/>
      <c r="RVV692" s="613"/>
      <c r="RVW692" s="613"/>
      <c r="RVX692" s="613"/>
      <c r="RVY692" s="613"/>
      <c r="RVZ692" s="613"/>
      <c r="RWA692" s="613"/>
      <c r="RWB692" s="613"/>
      <c r="RWC692" s="613"/>
      <c r="RWD692" s="613"/>
      <c r="RWE692" s="613"/>
      <c r="RWF692" s="613"/>
      <c r="RWG692" s="613"/>
      <c r="RWH692" s="613"/>
      <c r="RWI692" s="613"/>
      <c r="RWJ692" s="613"/>
      <c r="RWK692" s="613"/>
      <c r="RWL692" s="613"/>
      <c r="RWM692" s="613"/>
      <c r="RWN692" s="613"/>
      <c r="RWO692" s="613"/>
      <c r="RWP692" s="613"/>
      <c r="RWQ692" s="613"/>
      <c r="RWR692" s="613"/>
      <c r="RWS692" s="613"/>
      <c r="RWT692" s="613"/>
      <c r="RWU692" s="613"/>
      <c r="RWV692" s="613"/>
      <c r="RWW692" s="613"/>
      <c r="RWX692" s="613"/>
      <c r="RWY692" s="613"/>
      <c r="RWZ692" s="613"/>
      <c r="RXA692" s="613"/>
      <c r="RXB692" s="613"/>
      <c r="RXC692" s="613"/>
      <c r="RXD692" s="613"/>
      <c r="RXE692" s="613"/>
      <c r="RXF692" s="613"/>
      <c r="RXG692" s="613"/>
      <c r="RXH692" s="613"/>
      <c r="RXI692" s="613"/>
      <c r="RXJ692" s="613"/>
      <c r="RXK692" s="613"/>
      <c r="RXL692" s="613"/>
      <c r="RXM692" s="613"/>
      <c r="RXN692" s="613"/>
      <c r="RXO692" s="613"/>
      <c r="RXP692" s="613"/>
      <c r="RXQ692" s="613"/>
      <c r="RXR692" s="613"/>
      <c r="RXS692" s="613"/>
      <c r="RXT692" s="613"/>
      <c r="RXU692" s="613"/>
      <c r="RXV692" s="613"/>
      <c r="RXW692" s="613"/>
      <c r="RXX692" s="613"/>
      <c r="RXY692" s="613"/>
      <c r="RXZ692" s="613"/>
      <c r="RYA692" s="613"/>
      <c r="RYB692" s="613"/>
      <c r="RYC692" s="613"/>
      <c r="RYD692" s="613"/>
      <c r="RYE692" s="613"/>
      <c r="RYF692" s="613"/>
      <c r="RYG692" s="613"/>
      <c r="RYH692" s="613"/>
      <c r="RYI692" s="613"/>
      <c r="RYJ692" s="613"/>
      <c r="RYK692" s="613"/>
      <c r="RYL692" s="613"/>
      <c r="RYM692" s="613"/>
      <c r="RYN692" s="613"/>
      <c r="RYO692" s="613"/>
      <c r="RYP692" s="613"/>
      <c r="RYQ692" s="613"/>
      <c r="RYR692" s="613"/>
      <c r="RYS692" s="613"/>
      <c r="RYT692" s="613"/>
      <c r="RYU692" s="613"/>
      <c r="RYV692" s="613"/>
      <c r="RYW692" s="613"/>
      <c r="RYX692" s="613"/>
      <c r="RYY692" s="613"/>
      <c r="RYZ692" s="613"/>
      <c r="RZA692" s="613"/>
      <c r="RZB692" s="613"/>
      <c r="RZC692" s="613"/>
      <c r="RZD692" s="613"/>
      <c r="RZE692" s="613"/>
      <c r="RZF692" s="613"/>
      <c r="RZG692" s="613"/>
      <c r="RZH692" s="613"/>
      <c r="RZI692" s="613"/>
      <c r="RZJ692" s="613"/>
      <c r="RZK692" s="613"/>
      <c r="RZL692" s="613"/>
      <c r="RZM692" s="613"/>
      <c r="RZN692" s="613"/>
      <c r="RZO692" s="613"/>
      <c r="RZP692" s="613"/>
      <c r="RZQ692" s="613"/>
      <c r="RZR692" s="613"/>
      <c r="RZS692" s="613"/>
      <c r="RZT692" s="613"/>
      <c r="RZU692" s="613"/>
      <c r="RZV692" s="613"/>
      <c r="RZW692" s="613"/>
      <c r="RZX692" s="613"/>
      <c r="RZY692" s="613"/>
      <c r="RZZ692" s="613"/>
      <c r="SAA692" s="613"/>
      <c r="SAB692" s="613"/>
      <c r="SAC692" s="613"/>
      <c r="SAD692" s="613"/>
      <c r="SAE692" s="613"/>
      <c r="SAF692" s="613"/>
      <c r="SAG692" s="613"/>
      <c r="SAH692" s="613"/>
      <c r="SAI692" s="613"/>
      <c r="SAJ692" s="613"/>
      <c r="SAK692" s="613"/>
      <c r="SAL692" s="613"/>
      <c r="SAM692" s="613"/>
      <c r="SAN692" s="613"/>
      <c r="SAO692" s="613"/>
      <c r="SAP692" s="613"/>
      <c r="SAQ692" s="613"/>
      <c r="SAR692" s="613"/>
      <c r="SAS692" s="613"/>
      <c r="SAT692" s="613"/>
      <c r="SAU692" s="613"/>
      <c r="SAV692" s="613"/>
      <c r="SAW692" s="613"/>
      <c r="SAX692" s="613"/>
      <c r="SAY692" s="613"/>
      <c r="SAZ692" s="613"/>
      <c r="SBA692" s="613"/>
      <c r="SBB692" s="613"/>
      <c r="SBC692" s="613"/>
      <c r="SBD692" s="613"/>
      <c r="SBE692" s="613"/>
      <c r="SBF692" s="613"/>
      <c r="SBG692" s="613"/>
      <c r="SBH692" s="613"/>
      <c r="SBI692" s="613"/>
      <c r="SBJ692" s="613"/>
      <c r="SBK692" s="613"/>
      <c r="SBL692" s="613"/>
      <c r="SBM692" s="613"/>
      <c r="SBN692" s="613"/>
      <c r="SBO692" s="613"/>
      <c r="SBP692" s="613"/>
      <c r="SBQ692" s="613"/>
      <c r="SBR692" s="613"/>
      <c r="SBS692" s="613"/>
      <c r="SBT692" s="613"/>
      <c r="SBU692" s="613"/>
      <c r="SBV692" s="613"/>
      <c r="SBW692" s="613"/>
      <c r="SBX692" s="613"/>
      <c r="SBY692" s="613"/>
      <c r="SBZ692" s="613"/>
      <c r="SCA692" s="613"/>
      <c r="SCB692" s="613"/>
      <c r="SCC692" s="613"/>
      <c r="SCD692" s="613"/>
      <c r="SCE692" s="613"/>
      <c r="SCF692" s="613"/>
      <c r="SCG692" s="613"/>
      <c r="SCH692" s="613"/>
      <c r="SCI692" s="613"/>
      <c r="SCJ692" s="613"/>
      <c r="SCK692" s="613"/>
      <c r="SCL692" s="613"/>
      <c r="SCM692" s="613"/>
      <c r="SCN692" s="613"/>
      <c r="SCO692" s="613"/>
      <c r="SCP692" s="613"/>
      <c r="SCQ692" s="613"/>
      <c r="SCR692" s="613"/>
      <c r="SCS692" s="613"/>
      <c r="SCT692" s="613"/>
      <c r="SCU692" s="613"/>
      <c r="SCV692" s="613"/>
      <c r="SCW692" s="613"/>
      <c r="SCX692" s="613"/>
      <c r="SCY692" s="613"/>
      <c r="SCZ692" s="613"/>
      <c r="SDA692" s="613"/>
      <c r="SDB692" s="613"/>
      <c r="SDC692" s="613"/>
      <c r="SDD692" s="613"/>
      <c r="SDE692" s="613"/>
      <c r="SDF692" s="613"/>
      <c r="SDG692" s="613"/>
      <c r="SDH692" s="613"/>
      <c r="SDI692" s="613"/>
      <c r="SDJ692" s="613"/>
      <c r="SDK692" s="613"/>
      <c r="SDL692" s="613"/>
      <c r="SDM692" s="613"/>
      <c r="SDN692" s="613"/>
      <c r="SDO692" s="613"/>
      <c r="SDP692" s="613"/>
      <c r="SDQ692" s="613"/>
      <c r="SDR692" s="613"/>
      <c r="SDS692" s="613"/>
      <c r="SDT692" s="613"/>
      <c r="SDU692" s="613"/>
      <c r="SDV692" s="613"/>
      <c r="SDW692" s="613"/>
      <c r="SDX692" s="613"/>
      <c r="SDY692" s="613"/>
      <c r="SDZ692" s="613"/>
      <c r="SEA692" s="613"/>
      <c r="SEB692" s="613"/>
      <c r="SEC692" s="613"/>
      <c r="SED692" s="613"/>
      <c r="SEE692" s="613"/>
      <c r="SEF692" s="613"/>
      <c r="SEG692" s="613"/>
      <c r="SEH692" s="613"/>
      <c r="SEI692" s="613"/>
      <c r="SEJ692" s="613"/>
      <c r="SEK692" s="613"/>
      <c r="SEL692" s="613"/>
      <c r="SEM692" s="613"/>
      <c r="SEN692" s="613"/>
      <c r="SEO692" s="613"/>
      <c r="SEP692" s="613"/>
      <c r="SEQ692" s="613"/>
      <c r="SER692" s="613"/>
      <c r="SES692" s="613"/>
      <c r="SET692" s="613"/>
      <c r="SEU692" s="613"/>
      <c r="SEV692" s="613"/>
      <c r="SEW692" s="613"/>
      <c r="SEX692" s="613"/>
      <c r="SEY692" s="613"/>
      <c r="SEZ692" s="613"/>
      <c r="SFA692" s="613"/>
      <c r="SFB692" s="613"/>
      <c r="SFC692" s="613"/>
      <c r="SFD692" s="613"/>
      <c r="SFE692" s="613"/>
      <c r="SFF692" s="613"/>
      <c r="SFG692" s="613"/>
      <c r="SFH692" s="613"/>
      <c r="SFI692" s="613"/>
      <c r="SFJ692" s="613"/>
      <c r="SFK692" s="613"/>
      <c r="SFL692" s="613"/>
      <c r="SFM692" s="613"/>
      <c r="SFN692" s="613"/>
      <c r="SFO692" s="613"/>
      <c r="SFP692" s="613"/>
      <c r="SFQ692" s="613"/>
      <c r="SFR692" s="613"/>
      <c r="SFS692" s="613"/>
      <c r="SFT692" s="613"/>
      <c r="SFU692" s="613"/>
      <c r="SFV692" s="613"/>
      <c r="SFW692" s="613"/>
      <c r="SFX692" s="613"/>
      <c r="SFY692" s="613"/>
      <c r="SFZ692" s="613"/>
      <c r="SGA692" s="613"/>
      <c r="SGB692" s="613"/>
      <c r="SGC692" s="613"/>
      <c r="SGD692" s="613"/>
      <c r="SGE692" s="613"/>
      <c r="SGF692" s="613"/>
      <c r="SGG692" s="613"/>
      <c r="SGH692" s="613"/>
      <c r="SGI692" s="613"/>
      <c r="SGJ692" s="613"/>
      <c r="SGK692" s="613"/>
      <c r="SGL692" s="613"/>
      <c r="SGM692" s="613"/>
      <c r="SGN692" s="613"/>
      <c r="SGO692" s="613"/>
      <c r="SGP692" s="613"/>
      <c r="SGQ692" s="613"/>
      <c r="SGR692" s="613"/>
      <c r="SGS692" s="613"/>
      <c r="SGT692" s="613"/>
      <c r="SGU692" s="613"/>
      <c r="SGV692" s="613"/>
      <c r="SGW692" s="613"/>
      <c r="SGX692" s="613"/>
      <c r="SGY692" s="613"/>
      <c r="SGZ692" s="613"/>
      <c r="SHA692" s="613"/>
      <c r="SHB692" s="613"/>
      <c r="SHC692" s="613"/>
      <c r="SHD692" s="613"/>
      <c r="SHE692" s="613"/>
      <c r="SHF692" s="613"/>
      <c r="SHG692" s="613"/>
      <c r="SHH692" s="613"/>
      <c r="SHI692" s="613"/>
      <c r="SHJ692" s="613"/>
      <c r="SHK692" s="613"/>
      <c r="SHL692" s="613"/>
      <c r="SHM692" s="613"/>
      <c r="SHN692" s="613"/>
      <c r="SHO692" s="613"/>
      <c r="SHP692" s="613"/>
      <c r="SHQ692" s="613"/>
      <c r="SHR692" s="613"/>
      <c r="SHS692" s="613"/>
      <c r="SHT692" s="613"/>
      <c r="SHU692" s="613"/>
      <c r="SHV692" s="613"/>
      <c r="SHW692" s="613"/>
      <c r="SHX692" s="613"/>
      <c r="SHY692" s="613"/>
      <c r="SHZ692" s="613"/>
      <c r="SIA692" s="613"/>
      <c r="SIB692" s="613"/>
      <c r="SIC692" s="613"/>
      <c r="SID692" s="613"/>
      <c r="SIE692" s="613"/>
      <c r="SIF692" s="613"/>
      <c r="SIG692" s="613"/>
      <c r="SIH692" s="613"/>
      <c r="SII692" s="613"/>
      <c r="SIJ692" s="613"/>
      <c r="SIK692" s="613"/>
      <c r="SIL692" s="613"/>
      <c r="SIM692" s="613"/>
      <c r="SIN692" s="613"/>
      <c r="SIO692" s="613"/>
      <c r="SIP692" s="613"/>
      <c r="SIQ692" s="613"/>
      <c r="SIR692" s="613"/>
      <c r="SIS692" s="613"/>
      <c r="SIT692" s="613"/>
      <c r="SIU692" s="613"/>
      <c r="SIV692" s="613"/>
      <c r="SIW692" s="613"/>
      <c r="SIX692" s="613"/>
      <c r="SIY692" s="613"/>
      <c r="SIZ692" s="613"/>
      <c r="SJA692" s="613"/>
      <c r="SJB692" s="613"/>
      <c r="SJC692" s="613"/>
      <c r="SJD692" s="613"/>
      <c r="SJE692" s="613"/>
      <c r="SJF692" s="613"/>
      <c r="SJG692" s="613"/>
      <c r="SJH692" s="613"/>
      <c r="SJI692" s="613"/>
      <c r="SJJ692" s="613"/>
      <c r="SJK692" s="613"/>
      <c r="SJL692" s="613"/>
      <c r="SJM692" s="613"/>
      <c r="SJN692" s="613"/>
      <c r="SJO692" s="613"/>
      <c r="SJP692" s="613"/>
      <c r="SJQ692" s="613"/>
      <c r="SJR692" s="613"/>
      <c r="SJS692" s="613"/>
      <c r="SJT692" s="613"/>
      <c r="SJU692" s="613"/>
      <c r="SJV692" s="613"/>
      <c r="SJW692" s="613"/>
      <c r="SJX692" s="613"/>
      <c r="SJY692" s="613"/>
      <c r="SJZ692" s="613"/>
      <c r="SKA692" s="613"/>
      <c r="SKB692" s="613"/>
      <c r="SKC692" s="613"/>
      <c r="SKD692" s="613"/>
      <c r="SKE692" s="613"/>
      <c r="SKF692" s="613"/>
      <c r="SKG692" s="613"/>
      <c r="SKH692" s="613"/>
      <c r="SKI692" s="613"/>
      <c r="SKJ692" s="613"/>
      <c r="SKK692" s="613"/>
      <c r="SKL692" s="613"/>
      <c r="SKM692" s="613"/>
      <c r="SKN692" s="613"/>
      <c r="SKO692" s="613"/>
      <c r="SKP692" s="613"/>
      <c r="SKQ692" s="613"/>
      <c r="SKR692" s="613"/>
      <c r="SKS692" s="613"/>
      <c r="SKT692" s="613"/>
      <c r="SKU692" s="613"/>
      <c r="SKV692" s="613"/>
      <c r="SKW692" s="613"/>
      <c r="SKX692" s="613"/>
      <c r="SKY692" s="613"/>
      <c r="SKZ692" s="613"/>
      <c r="SLA692" s="613"/>
      <c r="SLB692" s="613"/>
      <c r="SLC692" s="613"/>
      <c r="SLD692" s="613"/>
      <c r="SLE692" s="613"/>
      <c r="SLF692" s="613"/>
      <c r="SLG692" s="613"/>
      <c r="SLH692" s="613"/>
      <c r="SLI692" s="613"/>
      <c r="SLJ692" s="613"/>
      <c r="SLK692" s="613"/>
      <c r="SLL692" s="613"/>
      <c r="SLM692" s="613"/>
      <c r="SLN692" s="613"/>
      <c r="SLO692" s="613"/>
      <c r="SLP692" s="613"/>
      <c r="SLQ692" s="613"/>
      <c r="SLR692" s="613"/>
      <c r="SLS692" s="613"/>
      <c r="SLT692" s="613"/>
      <c r="SLU692" s="613"/>
      <c r="SLV692" s="613"/>
      <c r="SLW692" s="613"/>
      <c r="SLX692" s="613"/>
      <c r="SLY692" s="613"/>
      <c r="SLZ692" s="613"/>
      <c r="SMA692" s="613"/>
      <c r="SMB692" s="613"/>
      <c r="SMC692" s="613"/>
      <c r="SMD692" s="613"/>
      <c r="SME692" s="613"/>
      <c r="SMF692" s="613"/>
      <c r="SMG692" s="613"/>
      <c r="SMH692" s="613"/>
      <c r="SMI692" s="613"/>
      <c r="SMJ692" s="613"/>
      <c r="SMK692" s="613"/>
      <c r="SML692" s="613"/>
      <c r="SMM692" s="613"/>
      <c r="SMN692" s="613"/>
      <c r="SMO692" s="613"/>
      <c r="SMP692" s="613"/>
      <c r="SMQ692" s="613"/>
      <c r="SMR692" s="613"/>
      <c r="SMS692" s="613"/>
      <c r="SMT692" s="613"/>
      <c r="SMU692" s="613"/>
      <c r="SMV692" s="613"/>
      <c r="SMW692" s="613"/>
      <c r="SMX692" s="613"/>
      <c r="SMY692" s="613"/>
      <c r="SMZ692" s="613"/>
      <c r="SNA692" s="613"/>
      <c r="SNB692" s="613"/>
      <c r="SNC692" s="613"/>
      <c r="SND692" s="613"/>
      <c r="SNE692" s="613"/>
      <c r="SNF692" s="613"/>
      <c r="SNG692" s="613"/>
      <c r="SNH692" s="613"/>
      <c r="SNI692" s="613"/>
      <c r="SNJ692" s="613"/>
      <c r="SNK692" s="613"/>
      <c r="SNL692" s="613"/>
      <c r="SNM692" s="613"/>
      <c r="SNN692" s="613"/>
      <c r="SNO692" s="613"/>
      <c r="SNP692" s="613"/>
      <c r="SNQ692" s="613"/>
      <c r="SNR692" s="613"/>
      <c r="SNS692" s="613"/>
      <c r="SNT692" s="613"/>
      <c r="SNU692" s="613"/>
      <c r="SNV692" s="613"/>
      <c r="SNW692" s="613"/>
      <c r="SNX692" s="613"/>
      <c r="SNY692" s="613"/>
      <c r="SNZ692" s="613"/>
      <c r="SOA692" s="613"/>
      <c r="SOB692" s="613"/>
      <c r="SOC692" s="613"/>
      <c r="SOD692" s="613"/>
      <c r="SOE692" s="613"/>
      <c r="SOF692" s="613"/>
      <c r="SOG692" s="613"/>
      <c r="SOH692" s="613"/>
      <c r="SOI692" s="613"/>
      <c r="SOJ692" s="613"/>
      <c r="SOK692" s="613"/>
      <c r="SOL692" s="613"/>
      <c r="SOM692" s="613"/>
      <c r="SON692" s="613"/>
      <c r="SOO692" s="613"/>
      <c r="SOP692" s="613"/>
      <c r="SOQ692" s="613"/>
      <c r="SOR692" s="613"/>
      <c r="SOS692" s="613"/>
      <c r="SOT692" s="613"/>
      <c r="SOU692" s="613"/>
      <c r="SOV692" s="613"/>
      <c r="SOW692" s="613"/>
      <c r="SOX692" s="613"/>
      <c r="SOY692" s="613"/>
      <c r="SOZ692" s="613"/>
      <c r="SPA692" s="613"/>
      <c r="SPB692" s="613"/>
      <c r="SPC692" s="613"/>
      <c r="SPD692" s="613"/>
      <c r="SPE692" s="613"/>
      <c r="SPF692" s="613"/>
      <c r="SPG692" s="613"/>
      <c r="SPH692" s="613"/>
      <c r="SPI692" s="613"/>
      <c r="SPJ692" s="613"/>
      <c r="SPK692" s="613"/>
      <c r="SPL692" s="613"/>
      <c r="SPM692" s="613"/>
      <c r="SPN692" s="613"/>
      <c r="SPO692" s="613"/>
      <c r="SPP692" s="613"/>
      <c r="SPQ692" s="613"/>
      <c r="SPR692" s="613"/>
      <c r="SPS692" s="613"/>
      <c r="SPT692" s="613"/>
      <c r="SPU692" s="613"/>
      <c r="SPV692" s="613"/>
      <c r="SPW692" s="613"/>
      <c r="SPX692" s="613"/>
      <c r="SPY692" s="613"/>
      <c r="SPZ692" s="613"/>
      <c r="SQA692" s="613"/>
      <c r="SQB692" s="613"/>
      <c r="SQC692" s="613"/>
      <c r="SQD692" s="613"/>
      <c r="SQE692" s="613"/>
      <c r="SQF692" s="613"/>
      <c r="SQG692" s="613"/>
      <c r="SQH692" s="613"/>
      <c r="SQI692" s="613"/>
      <c r="SQJ692" s="613"/>
      <c r="SQK692" s="613"/>
      <c r="SQL692" s="613"/>
      <c r="SQM692" s="613"/>
      <c r="SQN692" s="613"/>
      <c r="SQO692" s="613"/>
      <c r="SQP692" s="613"/>
      <c r="SQQ692" s="613"/>
      <c r="SQR692" s="613"/>
      <c r="SQS692" s="613"/>
      <c r="SQT692" s="613"/>
      <c r="SQU692" s="613"/>
      <c r="SQV692" s="613"/>
      <c r="SQW692" s="613"/>
      <c r="SQX692" s="613"/>
      <c r="SQY692" s="613"/>
      <c r="SQZ692" s="613"/>
      <c r="SRA692" s="613"/>
      <c r="SRB692" s="613"/>
      <c r="SRC692" s="613"/>
      <c r="SRD692" s="613"/>
      <c r="SRE692" s="613"/>
      <c r="SRF692" s="613"/>
      <c r="SRG692" s="613"/>
      <c r="SRH692" s="613"/>
      <c r="SRI692" s="613"/>
      <c r="SRJ692" s="613"/>
      <c r="SRK692" s="613"/>
      <c r="SRL692" s="613"/>
      <c r="SRM692" s="613"/>
      <c r="SRN692" s="613"/>
      <c r="SRO692" s="613"/>
      <c r="SRP692" s="613"/>
      <c r="SRQ692" s="613"/>
      <c r="SRR692" s="613"/>
      <c r="SRS692" s="613"/>
      <c r="SRT692" s="613"/>
      <c r="SRU692" s="613"/>
      <c r="SRV692" s="613"/>
      <c r="SRW692" s="613"/>
      <c r="SRX692" s="613"/>
      <c r="SRY692" s="613"/>
      <c r="SRZ692" s="613"/>
      <c r="SSA692" s="613"/>
      <c r="SSB692" s="613"/>
      <c r="SSC692" s="613"/>
      <c r="SSD692" s="613"/>
      <c r="SSE692" s="613"/>
      <c r="SSF692" s="613"/>
      <c r="SSG692" s="613"/>
      <c r="SSH692" s="613"/>
      <c r="SSI692" s="613"/>
      <c r="SSJ692" s="613"/>
      <c r="SSK692" s="613"/>
      <c r="SSL692" s="613"/>
      <c r="SSM692" s="613"/>
      <c r="SSN692" s="613"/>
      <c r="SSO692" s="613"/>
      <c r="SSP692" s="613"/>
      <c r="SSQ692" s="613"/>
      <c r="SSR692" s="613"/>
      <c r="SSS692" s="613"/>
      <c r="SST692" s="613"/>
      <c r="SSU692" s="613"/>
      <c r="SSV692" s="613"/>
      <c r="SSW692" s="613"/>
      <c r="SSX692" s="613"/>
      <c r="SSY692" s="613"/>
      <c r="SSZ692" s="613"/>
      <c r="STA692" s="613"/>
      <c r="STB692" s="613"/>
      <c r="STC692" s="613"/>
      <c r="STD692" s="613"/>
      <c r="STE692" s="613"/>
      <c r="STF692" s="613"/>
      <c r="STG692" s="613"/>
      <c r="STH692" s="613"/>
      <c r="STI692" s="613"/>
      <c r="STJ692" s="613"/>
      <c r="STK692" s="613"/>
      <c r="STL692" s="613"/>
      <c r="STM692" s="613"/>
      <c r="STN692" s="613"/>
      <c r="STO692" s="613"/>
      <c r="STP692" s="613"/>
      <c r="STQ692" s="613"/>
      <c r="STR692" s="613"/>
      <c r="STS692" s="613"/>
      <c r="STT692" s="613"/>
      <c r="STU692" s="613"/>
      <c r="STV692" s="613"/>
      <c r="STW692" s="613"/>
      <c r="STX692" s="613"/>
      <c r="STY692" s="613"/>
      <c r="STZ692" s="613"/>
      <c r="SUA692" s="613"/>
      <c r="SUB692" s="613"/>
      <c r="SUC692" s="613"/>
      <c r="SUD692" s="613"/>
      <c r="SUE692" s="613"/>
      <c r="SUF692" s="613"/>
      <c r="SUG692" s="613"/>
      <c r="SUH692" s="613"/>
      <c r="SUI692" s="613"/>
      <c r="SUJ692" s="613"/>
      <c r="SUK692" s="613"/>
      <c r="SUL692" s="613"/>
      <c r="SUM692" s="613"/>
      <c r="SUN692" s="613"/>
      <c r="SUO692" s="613"/>
      <c r="SUP692" s="613"/>
      <c r="SUQ692" s="613"/>
      <c r="SUR692" s="613"/>
      <c r="SUS692" s="613"/>
      <c r="SUT692" s="613"/>
      <c r="SUU692" s="613"/>
      <c r="SUV692" s="613"/>
      <c r="SUW692" s="613"/>
      <c r="SUX692" s="613"/>
      <c r="SUY692" s="613"/>
      <c r="SUZ692" s="613"/>
      <c r="SVA692" s="613"/>
      <c r="SVB692" s="613"/>
      <c r="SVC692" s="613"/>
      <c r="SVD692" s="613"/>
      <c r="SVE692" s="613"/>
      <c r="SVF692" s="613"/>
      <c r="SVG692" s="613"/>
      <c r="SVH692" s="613"/>
      <c r="SVI692" s="613"/>
      <c r="SVJ692" s="613"/>
      <c r="SVK692" s="613"/>
      <c r="SVL692" s="613"/>
      <c r="SVM692" s="613"/>
      <c r="SVN692" s="613"/>
      <c r="SVO692" s="613"/>
      <c r="SVP692" s="613"/>
      <c r="SVQ692" s="613"/>
      <c r="SVR692" s="613"/>
      <c r="SVS692" s="613"/>
      <c r="SVT692" s="613"/>
      <c r="SVU692" s="613"/>
      <c r="SVV692" s="613"/>
      <c r="SVW692" s="613"/>
      <c r="SVX692" s="613"/>
      <c r="SVY692" s="613"/>
      <c r="SVZ692" s="613"/>
      <c r="SWA692" s="613"/>
      <c r="SWB692" s="613"/>
      <c r="SWC692" s="613"/>
      <c r="SWD692" s="613"/>
      <c r="SWE692" s="613"/>
      <c r="SWF692" s="613"/>
      <c r="SWG692" s="613"/>
      <c r="SWH692" s="613"/>
      <c r="SWI692" s="613"/>
      <c r="SWJ692" s="613"/>
      <c r="SWK692" s="613"/>
      <c r="SWL692" s="613"/>
      <c r="SWM692" s="613"/>
      <c r="SWN692" s="613"/>
      <c r="SWO692" s="613"/>
      <c r="SWP692" s="613"/>
      <c r="SWQ692" s="613"/>
      <c r="SWR692" s="613"/>
      <c r="SWS692" s="613"/>
      <c r="SWT692" s="613"/>
      <c r="SWU692" s="613"/>
      <c r="SWV692" s="613"/>
      <c r="SWW692" s="613"/>
      <c r="SWX692" s="613"/>
      <c r="SWY692" s="613"/>
      <c r="SWZ692" s="613"/>
      <c r="SXA692" s="613"/>
      <c r="SXB692" s="613"/>
      <c r="SXC692" s="613"/>
      <c r="SXD692" s="613"/>
      <c r="SXE692" s="613"/>
      <c r="SXF692" s="613"/>
      <c r="SXG692" s="613"/>
      <c r="SXH692" s="613"/>
      <c r="SXI692" s="613"/>
      <c r="SXJ692" s="613"/>
      <c r="SXK692" s="613"/>
      <c r="SXL692" s="613"/>
      <c r="SXM692" s="613"/>
      <c r="SXN692" s="613"/>
      <c r="SXO692" s="613"/>
      <c r="SXP692" s="613"/>
      <c r="SXQ692" s="613"/>
      <c r="SXR692" s="613"/>
      <c r="SXS692" s="613"/>
      <c r="SXT692" s="613"/>
      <c r="SXU692" s="613"/>
      <c r="SXV692" s="613"/>
      <c r="SXW692" s="613"/>
      <c r="SXX692" s="613"/>
      <c r="SXY692" s="613"/>
      <c r="SXZ692" s="613"/>
      <c r="SYA692" s="613"/>
      <c r="SYB692" s="613"/>
      <c r="SYC692" s="613"/>
      <c r="SYD692" s="613"/>
      <c r="SYE692" s="613"/>
      <c r="SYF692" s="613"/>
      <c r="SYG692" s="613"/>
      <c r="SYH692" s="613"/>
      <c r="SYI692" s="613"/>
      <c r="SYJ692" s="613"/>
      <c r="SYK692" s="613"/>
      <c r="SYL692" s="613"/>
      <c r="SYM692" s="613"/>
      <c r="SYN692" s="613"/>
      <c r="SYO692" s="613"/>
      <c r="SYP692" s="613"/>
      <c r="SYQ692" s="613"/>
      <c r="SYR692" s="613"/>
      <c r="SYS692" s="613"/>
      <c r="SYT692" s="613"/>
      <c r="SYU692" s="613"/>
      <c r="SYV692" s="613"/>
      <c r="SYW692" s="613"/>
      <c r="SYX692" s="613"/>
      <c r="SYY692" s="613"/>
      <c r="SYZ692" s="613"/>
      <c r="SZA692" s="613"/>
      <c r="SZB692" s="613"/>
      <c r="SZC692" s="613"/>
      <c r="SZD692" s="613"/>
      <c r="SZE692" s="613"/>
      <c r="SZF692" s="613"/>
      <c r="SZG692" s="613"/>
      <c r="SZH692" s="613"/>
      <c r="SZI692" s="613"/>
      <c r="SZJ692" s="613"/>
      <c r="SZK692" s="613"/>
      <c r="SZL692" s="613"/>
      <c r="SZM692" s="613"/>
      <c r="SZN692" s="613"/>
      <c r="SZO692" s="613"/>
      <c r="SZP692" s="613"/>
      <c r="SZQ692" s="613"/>
      <c r="SZR692" s="613"/>
      <c r="SZS692" s="613"/>
      <c r="SZT692" s="613"/>
      <c r="SZU692" s="613"/>
      <c r="SZV692" s="613"/>
      <c r="SZW692" s="613"/>
      <c r="SZX692" s="613"/>
      <c r="SZY692" s="613"/>
      <c r="SZZ692" s="613"/>
      <c r="TAA692" s="613"/>
      <c r="TAB692" s="613"/>
      <c r="TAC692" s="613"/>
      <c r="TAD692" s="613"/>
      <c r="TAE692" s="613"/>
      <c r="TAF692" s="613"/>
      <c r="TAG692" s="613"/>
      <c r="TAH692" s="613"/>
      <c r="TAI692" s="613"/>
      <c r="TAJ692" s="613"/>
      <c r="TAK692" s="613"/>
      <c r="TAL692" s="613"/>
      <c r="TAM692" s="613"/>
      <c r="TAN692" s="613"/>
      <c r="TAO692" s="613"/>
      <c r="TAP692" s="613"/>
      <c r="TAQ692" s="613"/>
      <c r="TAR692" s="613"/>
      <c r="TAS692" s="613"/>
      <c r="TAT692" s="613"/>
      <c r="TAU692" s="613"/>
      <c r="TAV692" s="613"/>
      <c r="TAW692" s="613"/>
      <c r="TAX692" s="613"/>
      <c r="TAY692" s="613"/>
      <c r="TAZ692" s="613"/>
      <c r="TBA692" s="613"/>
      <c r="TBB692" s="613"/>
      <c r="TBC692" s="613"/>
      <c r="TBD692" s="613"/>
      <c r="TBE692" s="613"/>
      <c r="TBF692" s="613"/>
      <c r="TBG692" s="613"/>
      <c r="TBH692" s="613"/>
      <c r="TBI692" s="613"/>
      <c r="TBJ692" s="613"/>
      <c r="TBK692" s="613"/>
      <c r="TBL692" s="613"/>
      <c r="TBM692" s="613"/>
      <c r="TBN692" s="613"/>
      <c r="TBO692" s="613"/>
      <c r="TBP692" s="613"/>
      <c r="TBQ692" s="613"/>
      <c r="TBR692" s="613"/>
      <c r="TBS692" s="613"/>
      <c r="TBT692" s="613"/>
      <c r="TBU692" s="613"/>
      <c r="TBV692" s="613"/>
      <c r="TBW692" s="613"/>
      <c r="TBX692" s="613"/>
      <c r="TBY692" s="613"/>
      <c r="TBZ692" s="613"/>
      <c r="TCA692" s="613"/>
      <c r="TCB692" s="613"/>
      <c r="TCC692" s="613"/>
      <c r="TCD692" s="613"/>
      <c r="TCE692" s="613"/>
      <c r="TCF692" s="613"/>
      <c r="TCG692" s="613"/>
      <c r="TCH692" s="613"/>
      <c r="TCI692" s="613"/>
      <c r="TCJ692" s="613"/>
      <c r="TCK692" s="613"/>
      <c r="TCL692" s="613"/>
      <c r="TCM692" s="613"/>
      <c r="TCN692" s="613"/>
      <c r="TCO692" s="613"/>
      <c r="TCP692" s="613"/>
      <c r="TCQ692" s="613"/>
      <c r="TCR692" s="613"/>
      <c r="TCS692" s="613"/>
      <c r="TCT692" s="613"/>
      <c r="TCU692" s="613"/>
      <c r="TCV692" s="613"/>
      <c r="TCW692" s="613"/>
      <c r="TCX692" s="613"/>
      <c r="TCY692" s="613"/>
      <c r="TCZ692" s="613"/>
      <c r="TDA692" s="613"/>
      <c r="TDB692" s="613"/>
      <c r="TDC692" s="613"/>
      <c r="TDD692" s="613"/>
      <c r="TDE692" s="613"/>
      <c r="TDF692" s="613"/>
      <c r="TDG692" s="613"/>
      <c r="TDH692" s="613"/>
      <c r="TDI692" s="613"/>
      <c r="TDJ692" s="613"/>
      <c r="TDK692" s="613"/>
      <c r="TDL692" s="613"/>
      <c r="TDM692" s="613"/>
      <c r="TDN692" s="613"/>
      <c r="TDO692" s="613"/>
      <c r="TDP692" s="613"/>
      <c r="TDQ692" s="613"/>
      <c r="TDR692" s="613"/>
      <c r="TDS692" s="613"/>
      <c r="TDT692" s="613"/>
      <c r="TDU692" s="613"/>
      <c r="TDV692" s="613"/>
      <c r="TDW692" s="613"/>
      <c r="TDX692" s="613"/>
      <c r="TDY692" s="613"/>
      <c r="TDZ692" s="613"/>
      <c r="TEA692" s="613"/>
      <c r="TEB692" s="613"/>
      <c r="TEC692" s="613"/>
      <c r="TED692" s="613"/>
      <c r="TEE692" s="613"/>
      <c r="TEF692" s="613"/>
      <c r="TEG692" s="613"/>
      <c r="TEH692" s="613"/>
      <c r="TEI692" s="613"/>
      <c r="TEJ692" s="613"/>
      <c r="TEK692" s="613"/>
      <c r="TEL692" s="613"/>
      <c r="TEM692" s="613"/>
      <c r="TEN692" s="613"/>
      <c r="TEO692" s="613"/>
      <c r="TEP692" s="613"/>
      <c r="TEQ692" s="613"/>
      <c r="TER692" s="613"/>
      <c r="TES692" s="613"/>
      <c r="TET692" s="613"/>
      <c r="TEU692" s="613"/>
      <c r="TEV692" s="613"/>
      <c r="TEW692" s="613"/>
      <c r="TEX692" s="613"/>
      <c r="TEY692" s="613"/>
      <c r="TEZ692" s="613"/>
      <c r="TFA692" s="613"/>
      <c r="TFB692" s="613"/>
      <c r="TFC692" s="613"/>
      <c r="TFD692" s="613"/>
      <c r="TFE692" s="613"/>
      <c r="TFF692" s="613"/>
      <c r="TFG692" s="613"/>
      <c r="TFH692" s="613"/>
      <c r="TFI692" s="613"/>
      <c r="TFJ692" s="613"/>
      <c r="TFK692" s="613"/>
      <c r="TFL692" s="613"/>
      <c r="TFM692" s="613"/>
      <c r="TFN692" s="613"/>
      <c r="TFO692" s="613"/>
      <c r="TFP692" s="613"/>
      <c r="TFQ692" s="613"/>
      <c r="TFR692" s="613"/>
      <c r="TFS692" s="613"/>
      <c r="TFT692" s="613"/>
      <c r="TFU692" s="613"/>
      <c r="TFV692" s="613"/>
      <c r="TFW692" s="613"/>
      <c r="TFX692" s="613"/>
      <c r="TFY692" s="613"/>
      <c r="TFZ692" s="613"/>
      <c r="TGA692" s="613"/>
      <c r="TGB692" s="613"/>
      <c r="TGC692" s="613"/>
      <c r="TGD692" s="613"/>
      <c r="TGE692" s="613"/>
      <c r="TGF692" s="613"/>
      <c r="TGG692" s="613"/>
      <c r="TGH692" s="613"/>
      <c r="TGI692" s="613"/>
      <c r="TGJ692" s="613"/>
      <c r="TGK692" s="613"/>
      <c r="TGL692" s="613"/>
      <c r="TGM692" s="613"/>
      <c r="TGN692" s="613"/>
      <c r="TGO692" s="613"/>
      <c r="TGP692" s="613"/>
      <c r="TGQ692" s="613"/>
      <c r="TGR692" s="613"/>
      <c r="TGS692" s="613"/>
      <c r="TGT692" s="613"/>
      <c r="TGU692" s="613"/>
      <c r="TGV692" s="613"/>
      <c r="TGW692" s="613"/>
      <c r="TGX692" s="613"/>
      <c r="TGY692" s="613"/>
      <c r="TGZ692" s="613"/>
      <c r="THA692" s="613"/>
      <c r="THB692" s="613"/>
      <c r="THC692" s="613"/>
      <c r="THD692" s="613"/>
      <c r="THE692" s="613"/>
      <c r="THF692" s="613"/>
      <c r="THG692" s="613"/>
      <c r="THH692" s="613"/>
      <c r="THI692" s="613"/>
      <c r="THJ692" s="613"/>
      <c r="THK692" s="613"/>
      <c r="THL692" s="613"/>
      <c r="THM692" s="613"/>
      <c r="THN692" s="613"/>
      <c r="THO692" s="613"/>
      <c r="THP692" s="613"/>
      <c r="THQ692" s="613"/>
      <c r="THR692" s="613"/>
      <c r="THS692" s="613"/>
      <c r="THT692" s="613"/>
      <c r="THU692" s="613"/>
      <c r="THV692" s="613"/>
      <c r="THW692" s="613"/>
      <c r="THX692" s="613"/>
      <c r="THY692" s="613"/>
      <c r="THZ692" s="613"/>
      <c r="TIA692" s="613"/>
      <c r="TIB692" s="613"/>
      <c r="TIC692" s="613"/>
      <c r="TID692" s="613"/>
      <c r="TIE692" s="613"/>
      <c r="TIF692" s="613"/>
      <c r="TIG692" s="613"/>
      <c r="TIH692" s="613"/>
      <c r="TII692" s="613"/>
      <c r="TIJ692" s="613"/>
      <c r="TIK692" s="613"/>
      <c r="TIL692" s="613"/>
      <c r="TIM692" s="613"/>
      <c r="TIN692" s="613"/>
      <c r="TIO692" s="613"/>
      <c r="TIP692" s="613"/>
      <c r="TIQ692" s="613"/>
      <c r="TIR692" s="613"/>
      <c r="TIS692" s="613"/>
      <c r="TIT692" s="613"/>
      <c r="TIU692" s="613"/>
      <c r="TIV692" s="613"/>
      <c r="TIW692" s="613"/>
      <c r="TIX692" s="613"/>
      <c r="TIY692" s="613"/>
      <c r="TIZ692" s="613"/>
      <c r="TJA692" s="613"/>
      <c r="TJB692" s="613"/>
      <c r="TJC692" s="613"/>
      <c r="TJD692" s="613"/>
      <c r="TJE692" s="613"/>
      <c r="TJF692" s="613"/>
      <c r="TJG692" s="613"/>
      <c r="TJH692" s="613"/>
      <c r="TJI692" s="613"/>
      <c r="TJJ692" s="613"/>
      <c r="TJK692" s="613"/>
      <c r="TJL692" s="613"/>
      <c r="TJM692" s="613"/>
      <c r="TJN692" s="613"/>
      <c r="TJO692" s="613"/>
      <c r="TJP692" s="613"/>
      <c r="TJQ692" s="613"/>
      <c r="TJR692" s="613"/>
      <c r="TJS692" s="613"/>
      <c r="TJT692" s="613"/>
      <c r="TJU692" s="613"/>
      <c r="TJV692" s="613"/>
      <c r="TJW692" s="613"/>
      <c r="TJX692" s="613"/>
      <c r="TJY692" s="613"/>
      <c r="TJZ692" s="613"/>
      <c r="TKA692" s="613"/>
      <c r="TKB692" s="613"/>
      <c r="TKC692" s="613"/>
      <c r="TKD692" s="613"/>
      <c r="TKE692" s="613"/>
      <c r="TKF692" s="613"/>
      <c r="TKG692" s="613"/>
      <c r="TKH692" s="613"/>
      <c r="TKI692" s="613"/>
      <c r="TKJ692" s="613"/>
      <c r="TKK692" s="613"/>
      <c r="TKL692" s="613"/>
      <c r="TKM692" s="613"/>
      <c r="TKN692" s="613"/>
      <c r="TKO692" s="613"/>
      <c r="TKP692" s="613"/>
      <c r="TKQ692" s="613"/>
      <c r="TKR692" s="613"/>
      <c r="TKS692" s="613"/>
      <c r="TKT692" s="613"/>
      <c r="TKU692" s="613"/>
      <c r="TKV692" s="613"/>
      <c r="TKW692" s="613"/>
      <c r="TKX692" s="613"/>
      <c r="TKY692" s="613"/>
      <c r="TKZ692" s="613"/>
      <c r="TLA692" s="613"/>
      <c r="TLB692" s="613"/>
      <c r="TLC692" s="613"/>
      <c r="TLD692" s="613"/>
      <c r="TLE692" s="613"/>
      <c r="TLF692" s="613"/>
      <c r="TLG692" s="613"/>
      <c r="TLH692" s="613"/>
      <c r="TLI692" s="613"/>
      <c r="TLJ692" s="613"/>
      <c r="TLK692" s="613"/>
      <c r="TLL692" s="613"/>
      <c r="TLM692" s="613"/>
      <c r="TLN692" s="613"/>
      <c r="TLO692" s="613"/>
      <c r="TLP692" s="613"/>
      <c r="TLQ692" s="613"/>
      <c r="TLR692" s="613"/>
      <c r="TLS692" s="613"/>
      <c r="TLT692" s="613"/>
      <c r="TLU692" s="613"/>
      <c r="TLV692" s="613"/>
      <c r="TLW692" s="613"/>
      <c r="TLX692" s="613"/>
      <c r="TLY692" s="613"/>
      <c r="TLZ692" s="613"/>
      <c r="TMA692" s="613"/>
      <c r="TMB692" s="613"/>
      <c r="TMC692" s="613"/>
      <c r="TMD692" s="613"/>
      <c r="TME692" s="613"/>
      <c r="TMF692" s="613"/>
      <c r="TMG692" s="613"/>
      <c r="TMH692" s="613"/>
      <c r="TMI692" s="613"/>
      <c r="TMJ692" s="613"/>
      <c r="TMK692" s="613"/>
      <c r="TML692" s="613"/>
      <c r="TMM692" s="613"/>
      <c r="TMN692" s="613"/>
      <c r="TMO692" s="613"/>
      <c r="TMP692" s="613"/>
      <c r="TMQ692" s="613"/>
      <c r="TMR692" s="613"/>
      <c r="TMS692" s="613"/>
      <c r="TMT692" s="613"/>
      <c r="TMU692" s="613"/>
      <c r="TMV692" s="613"/>
      <c r="TMW692" s="613"/>
      <c r="TMX692" s="613"/>
      <c r="TMY692" s="613"/>
      <c r="TMZ692" s="613"/>
      <c r="TNA692" s="613"/>
      <c r="TNB692" s="613"/>
      <c r="TNC692" s="613"/>
      <c r="TND692" s="613"/>
      <c r="TNE692" s="613"/>
      <c r="TNF692" s="613"/>
      <c r="TNG692" s="613"/>
      <c r="TNH692" s="613"/>
      <c r="TNI692" s="613"/>
      <c r="TNJ692" s="613"/>
      <c r="TNK692" s="613"/>
      <c r="TNL692" s="613"/>
      <c r="TNM692" s="613"/>
      <c r="TNN692" s="613"/>
      <c r="TNO692" s="613"/>
      <c r="TNP692" s="613"/>
      <c r="TNQ692" s="613"/>
      <c r="TNR692" s="613"/>
      <c r="TNS692" s="613"/>
      <c r="TNT692" s="613"/>
      <c r="TNU692" s="613"/>
      <c r="TNV692" s="613"/>
      <c r="TNW692" s="613"/>
      <c r="TNX692" s="613"/>
      <c r="TNY692" s="613"/>
      <c r="TNZ692" s="613"/>
      <c r="TOA692" s="613"/>
      <c r="TOB692" s="613"/>
      <c r="TOC692" s="613"/>
      <c r="TOD692" s="613"/>
      <c r="TOE692" s="613"/>
      <c r="TOF692" s="613"/>
      <c r="TOG692" s="613"/>
      <c r="TOH692" s="613"/>
      <c r="TOI692" s="613"/>
      <c r="TOJ692" s="613"/>
      <c r="TOK692" s="613"/>
      <c r="TOL692" s="613"/>
      <c r="TOM692" s="613"/>
      <c r="TON692" s="613"/>
      <c r="TOO692" s="613"/>
      <c r="TOP692" s="613"/>
      <c r="TOQ692" s="613"/>
      <c r="TOR692" s="613"/>
      <c r="TOS692" s="613"/>
      <c r="TOT692" s="613"/>
      <c r="TOU692" s="613"/>
      <c r="TOV692" s="613"/>
      <c r="TOW692" s="613"/>
      <c r="TOX692" s="613"/>
      <c r="TOY692" s="613"/>
      <c r="TOZ692" s="613"/>
      <c r="TPA692" s="613"/>
      <c r="TPB692" s="613"/>
      <c r="TPC692" s="613"/>
      <c r="TPD692" s="613"/>
      <c r="TPE692" s="613"/>
      <c r="TPF692" s="613"/>
      <c r="TPG692" s="613"/>
      <c r="TPH692" s="613"/>
      <c r="TPI692" s="613"/>
      <c r="TPJ692" s="613"/>
      <c r="TPK692" s="613"/>
      <c r="TPL692" s="613"/>
      <c r="TPM692" s="613"/>
      <c r="TPN692" s="613"/>
      <c r="TPO692" s="613"/>
      <c r="TPP692" s="613"/>
      <c r="TPQ692" s="613"/>
      <c r="TPR692" s="613"/>
      <c r="TPS692" s="613"/>
      <c r="TPT692" s="613"/>
      <c r="TPU692" s="613"/>
      <c r="TPV692" s="613"/>
      <c r="TPW692" s="613"/>
      <c r="TPX692" s="613"/>
      <c r="TPY692" s="613"/>
      <c r="TPZ692" s="613"/>
      <c r="TQA692" s="613"/>
      <c r="TQB692" s="613"/>
      <c r="TQC692" s="613"/>
      <c r="TQD692" s="613"/>
      <c r="TQE692" s="613"/>
      <c r="TQF692" s="613"/>
      <c r="TQG692" s="613"/>
      <c r="TQH692" s="613"/>
      <c r="TQI692" s="613"/>
      <c r="TQJ692" s="613"/>
      <c r="TQK692" s="613"/>
      <c r="TQL692" s="613"/>
      <c r="TQM692" s="613"/>
      <c r="TQN692" s="613"/>
      <c r="TQO692" s="613"/>
      <c r="TQP692" s="613"/>
      <c r="TQQ692" s="613"/>
      <c r="TQR692" s="613"/>
      <c r="TQS692" s="613"/>
      <c r="TQT692" s="613"/>
      <c r="TQU692" s="613"/>
      <c r="TQV692" s="613"/>
      <c r="TQW692" s="613"/>
      <c r="TQX692" s="613"/>
      <c r="TQY692" s="613"/>
      <c r="TQZ692" s="613"/>
      <c r="TRA692" s="613"/>
      <c r="TRB692" s="613"/>
      <c r="TRC692" s="613"/>
      <c r="TRD692" s="613"/>
      <c r="TRE692" s="613"/>
      <c r="TRF692" s="613"/>
      <c r="TRG692" s="613"/>
      <c r="TRH692" s="613"/>
      <c r="TRI692" s="613"/>
      <c r="TRJ692" s="613"/>
      <c r="TRK692" s="613"/>
      <c r="TRL692" s="613"/>
      <c r="TRM692" s="613"/>
      <c r="TRN692" s="613"/>
      <c r="TRO692" s="613"/>
      <c r="TRP692" s="613"/>
      <c r="TRQ692" s="613"/>
      <c r="TRR692" s="613"/>
      <c r="TRS692" s="613"/>
      <c r="TRT692" s="613"/>
      <c r="TRU692" s="613"/>
      <c r="TRV692" s="613"/>
      <c r="TRW692" s="613"/>
      <c r="TRX692" s="613"/>
      <c r="TRY692" s="613"/>
      <c r="TRZ692" s="613"/>
      <c r="TSA692" s="613"/>
      <c r="TSB692" s="613"/>
      <c r="TSC692" s="613"/>
      <c r="TSD692" s="613"/>
      <c r="TSE692" s="613"/>
      <c r="TSF692" s="613"/>
      <c r="TSG692" s="613"/>
      <c r="TSH692" s="613"/>
      <c r="TSI692" s="613"/>
      <c r="TSJ692" s="613"/>
      <c r="TSK692" s="613"/>
      <c r="TSL692" s="613"/>
      <c r="TSM692" s="613"/>
      <c r="TSN692" s="613"/>
      <c r="TSO692" s="613"/>
      <c r="TSP692" s="613"/>
      <c r="TSQ692" s="613"/>
      <c r="TSR692" s="613"/>
      <c r="TSS692" s="613"/>
      <c r="TST692" s="613"/>
      <c r="TSU692" s="613"/>
      <c r="TSV692" s="613"/>
      <c r="TSW692" s="613"/>
      <c r="TSX692" s="613"/>
      <c r="TSY692" s="613"/>
      <c r="TSZ692" s="613"/>
      <c r="TTA692" s="613"/>
      <c r="TTB692" s="613"/>
      <c r="TTC692" s="613"/>
      <c r="TTD692" s="613"/>
      <c r="TTE692" s="613"/>
      <c r="TTF692" s="613"/>
      <c r="TTG692" s="613"/>
      <c r="TTH692" s="613"/>
      <c r="TTI692" s="613"/>
      <c r="TTJ692" s="613"/>
      <c r="TTK692" s="613"/>
      <c r="TTL692" s="613"/>
      <c r="TTM692" s="613"/>
      <c r="TTN692" s="613"/>
      <c r="TTO692" s="613"/>
      <c r="TTP692" s="613"/>
      <c r="TTQ692" s="613"/>
      <c r="TTR692" s="613"/>
      <c r="TTS692" s="613"/>
      <c r="TTT692" s="613"/>
      <c r="TTU692" s="613"/>
      <c r="TTV692" s="613"/>
      <c r="TTW692" s="613"/>
      <c r="TTX692" s="613"/>
      <c r="TTY692" s="613"/>
      <c r="TTZ692" s="613"/>
      <c r="TUA692" s="613"/>
      <c r="TUB692" s="613"/>
      <c r="TUC692" s="613"/>
      <c r="TUD692" s="613"/>
      <c r="TUE692" s="613"/>
      <c r="TUF692" s="613"/>
      <c r="TUG692" s="613"/>
      <c r="TUH692" s="613"/>
      <c r="TUI692" s="613"/>
      <c r="TUJ692" s="613"/>
      <c r="TUK692" s="613"/>
      <c r="TUL692" s="613"/>
      <c r="TUM692" s="613"/>
      <c r="TUN692" s="613"/>
      <c r="TUO692" s="613"/>
      <c r="TUP692" s="613"/>
      <c r="TUQ692" s="613"/>
      <c r="TUR692" s="613"/>
      <c r="TUS692" s="613"/>
      <c r="TUT692" s="613"/>
      <c r="TUU692" s="613"/>
      <c r="TUV692" s="613"/>
      <c r="TUW692" s="613"/>
      <c r="TUX692" s="613"/>
      <c r="TUY692" s="613"/>
      <c r="TUZ692" s="613"/>
      <c r="TVA692" s="613"/>
      <c r="TVB692" s="613"/>
      <c r="TVC692" s="613"/>
      <c r="TVD692" s="613"/>
      <c r="TVE692" s="613"/>
      <c r="TVF692" s="613"/>
      <c r="TVG692" s="613"/>
      <c r="TVH692" s="613"/>
      <c r="TVI692" s="613"/>
      <c r="TVJ692" s="613"/>
      <c r="TVK692" s="613"/>
      <c r="TVL692" s="613"/>
      <c r="TVM692" s="613"/>
      <c r="TVN692" s="613"/>
      <c r="TVO692" s="613"/>
      <c r="TVP692" s="613"/>
      <c r="TVQ692" s="613"/>
      <c r="TVR692" s="613"/>
      <c r="TVS692" s="613"/>
      <c r="TVT692" s="613"/>
      <c r="TVU692" s="613"/>
      <c r="TVV692" s="613"/>
      <c r="TVW692" s="613"/>
      <c r="TVX692" s="613"/>
      <c r="TVY692" s="613"/>
      <c r="TVZ692" s="613"/>
      <c r="TWA692" s="613"/>
      <c r="TWB692" s="613"/>
      <c r="TWC692" s="613"/>
      <c r="TWD692" s="613"/>
      <c r="TWE692" s="613"/>
      <c r="TWF692" s="613"/>
      <c r="TWG692" s="613"/>
      <c r="TWH692" s="613"/>
      <c r="TWI692" s="613"/>
      <c r="TWJ692" s="613"/>
      <c r="TWK692" s="613"/>
      <c r="TWL692" s="613"/>
      <c r="TWM692" s="613"/>
      <c r="TWN692" s="613"/>
      <c r="TWO692" s="613"/>
      <c r="TWP692" s="613"/>
      <c r="TWQ692" s="613"/>
      <c r="TWR692" s="613"/>
      <c r="TWS692" s="613"/>
      <c r="TWT692" s="613"/>
      <c r="TWU692" s="613"/>
      <c r="TWV692" s="613"/>
      <c r="TWW692" s="613"/>
      <c r="TWX692" s="613"/>
      <c r="TWY692" s="613"/>
      <c r="TWZ692" s="613"/>
      <c r="TXA692" s="613"/>
      <c r="TXB692" s="613"/>
      <c r="TXC692" s="613"/>
      <c r="TXD692" s="613"/>
      <c r="TXE692" s="613"/>
      <c r="TXF692" s="613"/>
      <c r="TXG692" s="613"/>
      <c r="TXH692" s="613"/>
      <c r="TXI692" s="613"/>
      <c r="TXJ692" s="613"/>
      <c r="TXK692" s="613"/>
      <c r="TXL692" s="613"/>
      <c r="TXM692" s="613"/>
      <c r="TXN692" s="613"/>
      <c r="TXO692" s="613"/>
      <c r="TXP692" s="613"/>
      <c r="TXQ692" s="613"/>
      <c r="TXR692" s="613"/>
      <c r="TXS692" s="613"/>
      <c r="TXT692" s="613"/>
      <c r="TXU692" s="613"/>
      <c r="TXV692" s="613"/>
      <c r="TXW692" s="613"/>
      <c r="TXX692" s="613"/>
      <c r="TXY692" s="613"/>
      <c r="TXZ692" s="613"/>
      <c r="TYA692" s="613"/>
      <c r="TYB692" s="613"/>
      <c r="TYC692" s="613"/>
      <c r="TYD692" s="613"/>
      <c r="TYE692" s="613"/>
      <c r="TYF692" s="613"/>
      <c r="TYG692" s="613"/>
      <c r="TYH692" s="613"/>
      <c r="TYI692" s="613"/>
      <c r="TYJ692" s="613"/>
      <c r="TYK692" s="613"/>
      <c r="TYL692" s="613"/>
      <c r="TYM692" s="613"/>
      <c r="TYN692" s="613"/>
      <c r="TYO692" s="613"/>
      <c r="TYP692" s="613"/>
      <c r="TYQ692" s="613"/>
      <c r="TYR692" s="613"/>
      <c r="TYS692" s="613"/>
      <c r="TYT692" s="613"/>
      <c r="TYU692" s="613"/>
      <c r="TYV692" s="613"/>
      <c r="TYW692" s="613"/>
      <c r="TYX692" s="613"/>
      <c r="TYY692" s="613"/>
      <c r="TYZ692" s="613"/>
      <c r="TZA692" s="613"/>
      <c r="TZB692" s="613"/>
      <c r="TZC692" s="613"/>
      <c r="TZD692" s="613"/>
      <c r="TZE692" s="613"/>
      <c r="TZF692" s="613"/>
      <c r="TZG692" s="613"/>
      <c r="TZH692" s="613"/>
      <c r="TZI692" s="613"/>
      <c r="TZJ692" s="613"/>
      <c r="TZK692" s="613"/>
      <c r="TZL692" s="613"/>
      <c r="TZM692" s="613"/>
      <c r="TZN692" s="613"/>
      <c r="TZO692" s="613"/>
      <c r="TZP692" s="613"/>
      <c r="TZQ692" s="613"/>
      <c r="TZR692" s="613"/>
      <c r="TZS692" s="613"/>
      <c r="TZT692" s="613"/>
      <c r="TZU692" s="613"/>
      <c r="TZV692" s="613"/>
      <c r="TZW692" s="613"/>
      <c r="TZX692" s="613"/>
      <c r="TZY692" s="613"/>
      <c r="TZZ692" s="613"/>
      <c r="UAA692" s="613"/>
      <c r="UAB692" s="613"/>
      <c r="UAC692" s="613"/>
      <c r="UAD692" s="613"/>
      <c r="UAE692" s="613"/>
      <c r="UAF692" s="613"/>
      <c r="UAG692" s="613"/>
      <c r="UAH692" s="613"/>
      <c r="UAI692" s="613"/>
      <c r="UAJ692" s="613"/>
      <c r="UAK692" s="613"/>
      <c r="UAL692" s="613"/>
      <c r="UAM692" s="613"/>
      <c r="UAN692" s="613"/>
      <c r="UAO692" s="613"/>
      <c r="UAP692" s="613"/>
      <c r="UAQ692" s="613"/>
      <c r="UAR692" s="613"/>
      <c r="UAS692" s="613"/>
      <c r="UAT692" s="613"/>
      <c r="UAU692" s="613"/>
      <c r="UAV692" s="613"/>
      <c r="UAW692" s="613"/>
      <c r="UAX692" s="613"/>
      <c r="UAY692" s="613"/>
      <c r="UAZ692" s="613"/>
      <c r="UBA692" s="613"/>
      <c r="UBB692" s="613"/>
      <c r="UBC692" s="613"/>
      <c r="UBD692" s="613"/>
      <c r="UBE692" s="613"/>
      <c r="UBF692" s="613"/>
      <c r="UBG692" s="613"/>
      <c r="UBH692" s="613"/>
      <c r="UBI692" s="613"/>
      <c r="UBJ692" s="613"/>
      <c r="UBK692" s="613"/>
      <c r="UBL692" s="613"/>
      <c r="UBM692" s="613"/>
      <c r="UBN692" s="613"/>
      <c r="UBO692" s="613"/>
      <c r="UBP692" s="613"/>
      <c r="UBQ692" s="613"/>
      <c r="UBR692" s="613"/>
      <c r="UBS692" s="613"/>
      <c r="UBT692" s="613"/>
      <c r="UBU692" s="613"/>
      <c r="UBV692" s="613"/>
      <c r="UBW692" s="613"/>
      <c r="UBX692" s="613"/>
      <c r="UBY692" s="613"/>
      <c r="UBZ692" s="613"/>
      <c r="UCA692" s="613"/>
      <c r="UCB692" s="613"/>
      <c r="UCC692" s="613"/>
      <c r="UCD692" s="613"/>
      <c r="UCE692" s="613"/>
      <c r="UCF692" s="613"/>
      <c r="UCG692" s="613"/>
      <c r="UCH692" s="613"/>
      <c r="UCI692" s="613"/>
      <c r="UCJ692" s="613"/>
      <c r="UCK692" s="613"/>
      <c r="UCL692" s="613"/>
      <c r="UCM692" s="613"/>
      <c r="UCN692" s="613"/>
      <c r="UCO692" s="613"/>
      <c r="UCP692" s="613"/>
      <c r="UCQ692" s="613"/>
      <c r="UCR692" s="613"/>
      <c r="UCS692" s="613"/>
      <c r="UCT692" s="613"/>
      <c r="UCU692" s="613"/>
      <c r="UCV692" s="613"/>
      <c r="UCW692" s="613"/>
      <c r="UCX692" s="613"/>
      <c r="UCY692" s="613"/>
      <c r="UCZ692" s="613"/>
      <c r="UDA692" s="613"/>
      <c r="UDB692" s="613"/>
      <c r="UDC692" s="613"/>
      <c r="UDD692" s="613"/>
      <c r="UDE692" s="613"/>
      <c r="UDF692" s="613"/>
      <c r="UDG692" s="613"/>
      <c r="UDH692" s="613"/>
      <c r="UDI692" s="613"/>
      <c r="UDJ692" s="613"/>
      <c r="UDK692" s="613"/>
      <c r="UDL692" s="613"/>
      <c r="UDM692" s="613"/>
      <c r="UDN692" s="613"/>
      <c r="UDO692" s="613"/>
      <c r="UDP692" s="613"/>
      <c r="UDQ692" s="613"/>
      <c r="UDR692" s="613"/>
      <c r="UDS692" s="613"/>
      <c r="UDT692" s="613"/>
      <c r="UDU692" s="613"/>
      <c r="UDV692" s="613"/>
      <c r="UDW692" s="613"/>
      <c r="UDX692" s="613"/>
      <c r="UDY692" s="613"/>
      <c r="UDZ692" s="613"/>
      <c r="UEA692" s="613"/>
      <c r="UEB692" s="613"/>
      <c r="UEC692" s="613"/>
      <c r="UED692" s="613"/>
      <c r="UEE692" s="613"/>
      <c r="UEF692" s="613"/>
      <c r="UEG692" s="613"/>
      <c r="UEH692" s="613"/>
      <c r="UEI692" s="613"/>
      <c r="UEJ692" s="613"/>
      <c r="UEK692" s="613"/>
      <c r="UEL692" s="613"/>
      <c r="UEM692" s="613"/>
      <c r="UEN692" s="613"/>
      <c r="UEO692" s="613"/>
      <c r="UEP692" s="613"/>
      <c r="UEQ692" s="613"/>
      <c r="UER692" s="613"/>
      <c r="UES692" s="613"/>
      <c r="UET692" s="613"/>
      <c r="UEU692" s="613"/>
      <c r="UEV692" s="613"/>
      <c r="UEW692" s="613"/>
      <c r="UEX692" s="613"/>
      <c r="UEY692" s="613"/>
      <c r="UEZ692" s="613"/>
      <c r="UFA692" s="613"/>
      <c r="UFB692" s="613"/>
      <c r="UFC692" s="613"/>
      <c r="UFD692" s="613"/>
      <c r="UFE692" s="613"/>
      <c r="UFF692" s="613"/>
      <c r="UFG692" s="613"/>
      <c r="UFH692" s="613"/>
      <c r="UFI692" s="613"/>
      <c r="UFJ692" s="613"/>
      <c r="UFK692" s="613"/>
      <c r="UFL692" s="613"/>
      <c r="UFM692" s="613"/>
      <c r="UFN692" s="613"/>
      <c r="UFO692" s="613"/>
      <c r="UFP692" s="613"/>
      <c r="UFQ692" s="613"/>
      <c r="UFR692" s="613"/>
      <c r="UFS692" s="613"/>
      <c r="UFT692" s="613"/>
      <c r="UFU692" s="613"/>
      <c r="UFV692" s="613"/>
      <c r="UFW692" s="613"/>
      <c r="UFX692" s="613"/>
      <c r="UFY692" s="613"/>
      <c r="UFZ692" s="613"/>
      <c r="UGA692" s="613"/>
      <c r="UGB692" s="613"/>
      <c r="UGC692" s="613"/>
      <c r="UGD692" s="613"/>
      <c r="UGE692" s="613"/>
      <c r="UGF692" s="613"/>
      <c r="UGG692" s="613"/>
      <c r="UGH692" s="613"/>
      <c r="UGI692" s="613"/>
      <c r="UGJ692" s="613"/>
      <c r="UGK692" s="613"/>
      <c r="UGL692" s="613"/>
      <c r="UGM692" s="613"/>
      <c r="UGN692" s="613"/>
      <c r="UGO692" s="613"/>
      <c r="UGP692" s="613"/>
      <c r="UGQ692" s="613"/>
      <c r="UGR692" s="613"/>
      <c r="UGS692" s="613"/>
      <c r="UGT692" s="613"/>
      <c r="UGU692" s="613"/>
      <c r="UGV692" s="613"/>
      <c r="UGW692" s="613"/>
      <c r="UGX692" s="613"/>
      <c r="UGY692" s="613"/>
      <c r="UGZ692" s="613"/>
      <c r="UHA692" s="613"/>
      <c r="UHB692" s="613"/>
      <c r="UHC692" s="613"/>
      <c r="UHD692" s="613"/>
      <c r="UHE692" s="613"/>
      <c r="UHF692" s="613"/>
      <c r="UHG692" s="613"/>
      <c r="UHH692" s="613"/>
      <c r="UHI692" s="613"/>
      <c r="UHJ692" s="613"/>
      <c r="UHK692" s="613"/>
      <c r="UHL692" s="613"/>
      <c r="UHM692" s="613"/>
      <c r="UHN692" s="613"/>
      <c r="UHO692" s="613"/>
      <c r="UHP692" s="613"/>
      <c r="UHQ692" s="613"/>
      <c r="UHR692" s="613"/>
      <c r="UHS692" s="613"/>
      <c r="UHT692" s="613"/>
      <c r="UHU692" s="613"/>
      <c r="UHV692" s="613"/>
      <c r="UHW692" s="613"/>
      <c r="UHX692" s="613"/>
      <c r="UHY692" s="613"/>
      <c r="UHZ692" s="613"/>
      <c r="UIA692" s="613"/>
      <c r="UIB692" s="613"/>
      <c r="UIC692" s="613"/>
      <c r="UID692" s="613"/>
      <c r="UIE692" s="613"/>
      <c r="UIF692" s="613"/>
      <c r="UIG692" s="613"/>
      <c r="UIH692" s="613"/>
      <c r="UII692" s="613"/>
      <c r="UIJ692" s="613"/>
      <c r="UIK692" s="613"/>
      <c r="UIL692" s="613"/>
      <c r="UIM692" s="613"/>
      <c r="UIN692" s="613"/>
      <c r="UIO692" s="613"/>
      <c r="UIP692" s="613"/>
      <c r="UIQ692" s="613"/>
      <c r="UIR692" s="613"/>
      <c r="UIS692" s="613"/>
      <c r="UIT692" s="613"/>
      <c r="UIU692" s="613"/>
      <c r="UIV692" s="613"/>
      <c r="UIW692" s="613"/>
      <c r="UIX692" s="613"/>
      <c r="UIY692" s="613"/>
      <c r="UIZ692" s="613"/>
      <c r="UJA692" s="613"/>
      <c r="UJB692" s="613"/>
      <c r="UJC692" s="613"/>
      <c r="UJD692" s="613"/>
      <c r="UJE692" s="613"/>
      <c r="UJF692" s="613"/>
      <c r="UJG692" s="613"/>
      <c r="UJH692" s="613"/>
      <c r="UJI692" s="613"/>
      <c r="UJJ692" s="613"/>
      <c r="UJK692" s="613"/>
      <c r="UJL692" s="613"/>
      <c r="UJM692" s="613"/>
      <c r="UJN692" s="613"/>
      <c r="UJO692" s="613"/>
      <c r="UJP692" s="613"/>
      <c r="UJQ692" s="613"/>
      <c r="UJR692" s="613"/>
      <c r="UJS692" s="613"/>
      <c r="UJT692" s="613"/>
      <c r="UJU692" s="613"/>
      <c r="UJV692" s="613"/>
      <c r="UJW692" s="613"/>
      <c r="UJX692" s="613"/>
      <c r="UJY692" s="613"/>
      <c r="UJZ692" s="613"/>
      <c r="UKA692" s="613"/>
      <c r="UKB692" s="613"/>
      <c r="UKC692" s="613"/>
      <c r="UKD692" s="613"/>
      <c r="UKE692" s="613"/>
      <c r="UKF692" s="613"/>
      <c r="UKG692" s="613"/>
      <c r="UKH692" s="613"/>
      <c r="UKI692" s="613"/>
      <c r="UKJ692" s="613"/>
      <c r="UKK692" s="613"/>
      <c r="UKL692" s="613"/>
      <c r="UKM692" s="613"/>
      <c r="UKN692" s="613"/>
      <c r="UKO692" s="613"/>
      <c r="UKP692" s="613"/>
      <c r="UKQ692" s="613"/>
      <c r="UKR692" s="613"/>
      <c r="UKS692" s="613"/>
      <c r="UKT692" s="613"/>
      <c r="UKU692" s="613"/>
      <c r="UKV692" s="613"/>
      <c r="UKW692" s="613"/>
      <c r="UKX692" s="613"/>
      <c r="UKY692" s="613"/>
      <c r="UKZ692" s="613"/>
      <c r="ULA692" s="613"/>
      <c r="ULB692" s="613"/>
      <c r="ULC692" s="613"/>
      <c r="ULD692" s="613"/>
      <c r="ULE692" s="613"/>
      <c r="ULF692" s="613"/>
      <c r="ULG692" s="613"/>
      <c r="ULH692" s="613"/>
      <c r="ULI692" s="613"/>
      <c r="ULJ692" s="613"/>
      <c r="ULK692" s="613"/>
      <c r="ULL692" s="613"/>
      <c r="ULM692" s="613"/>
      <c r="ULN692" s="613"/>
      <c r="ULO692" s="613"/>
      <c r="ULP692" s="613"/>
      <c r="ULQ692" s="613"/>
      <c r="ULR692" s="613"/>
      <c r="ULS692" s="613"/>
      <c r="ULT692" s="613"/>
      <c r="ULU692" s="613"/>
      <c r="ULV692" s="613"/>
      <c r="ULW692" s="613"/>
      <c r="ULX692" s="613"/>
      <c r="ULY692" s="613"/>
      <c r="ULZ692" s="613"/>
      <c r="UMA692" s="613"/>
      <c r="UMB692" s="613"/>
      <c r="UMC692" s="613"/>
      <c r="UMD692" s="613"/>
      <c r="UME692" s="613"/>
      <c r="UMF692" s="613"/>
      <c r="UMG692" s="613"/>
      <c r="UMH692" s="613"/>
      <c r="UMI692" s="613"/>
      <c r="UMJ692" s="613"/>
      <c r="UMK692" s="613"/>
      <c r="UML692" s="613"/>
      <c r="UMM692" s="613"/>
      <c r="UMN692" s="613"/>
      <c r="UMO692" s="613"/>
      <c r="UMP692" s="613"/>
      <c r="UMQ692" s="613"/>
      <c r="UMR692" s="613"/>
      <c r="UMS692" s="613"/>
      <c r="UMT692" s="613"/>
      <c r="UMU692" s="613"/>
      <c r="UMV692" s="613"/>
      <c r="UMW692" s="613"/>
      <c r="UMX692" s="613"/>
      <c r="UMY692" s="613"/>
      <c r="UMZ692" s="613"/>
      <c r="UNA692" s="613"/>
      <c r="UNB692" s="613"/>
      <c r="UNC692" s="613"/>
      <c r="UND692" s="613"/>
      <c r="UNE692" s="613"/>
      <c r="UNF692" s="613"/>
      <c r="UNG692" s="613"/>
      <c r="UNH692" s="613"/>
      <c r="UNI692" s="613"/>
      <c r="UNJ692" s="613"/>
      <c r="UNK692" s="613"/>
      <c r="UNL692" s="613"/>
      <c r="UNM692" s="613"/>
      <c r="UNN692" s="613"/>
      <c r="UNO692" s="613"/>
      <c r="UNP692" s="613"/>
      <c r="UNQ692" s="613"/>
      <c r="UNR692" s="613"/>
      <c r="UNS692" s="613"/>
      <c r="UNT692" s="613"/>
      <c r="UNU692" s="613"/>
      <c r="UNV692" s="613"/>
      <c r="UNW692" s="613"/>
      <c r="UNX692" s="613"/>
      <c r="UNY692" s="613"/>
      <c r="UNZ692" s="613"/>
      <c r="UOA692" s="613"/>
      <c r="UOB692" s="613"/>
      <c r="UOC692" s="613"/>
      <c r="UOD692" s="613"/>
      <c r="UOE692" s="613"/>
      <c r="UOF692" s="613"/>
      <c r="UOG692" s="613"/>
      <c r="UOH692" s="613"/>
      <c r="UOI692" s="613"/>
      <c r="UOJ692" s="613"/>
      <c r="UOK692" s="613"/>
      <c r="UOL692" s="613"/>
      <c r="UOM692" s="613"/>
      <c r="UON692" s="613"/>
      <c r="UOO692" s="613"/>
      <c r="UOP692" s="613"/>
      <c r="UOQ692" s="613"/>
      <c r="UOR692" s="613"/>
      <c r="UOS692" s="613"/>
      <c r="UOT692" s="613"/>
      <c r="UOU692" s="613"/>
      <c r="UOV692" s="613"/>
      <c r="UOW692" s="613"/>
      <c r="UOX692" s="613"/>
      <c r="UOY692" s="613"/>
      <c r="UOZ692" s="613"/>
      <c r="UPA692" s="613"/>
      <c r="UPB692" s="613"/>
      <c r="UPC692" s="613"/>
      <c r="UPD692" s="613"/>
      <c r="UPE692" s="613"/>
      <c r="UPF692" s="613"/>
      <c r="UPG692" s="613"/>
      <c r="UPH692" s="613"/>
      <c r="UPI692" s="613"/>
      <c r="UPJ692" s="613"/>
      <c r="UPK692" s="613"/>
      <c r="UPL692" s="613"/>
      <c r="UPM692" s="613"/>
      <c r="UPN692" s="613"/>
      <c r="UPO692" s="613"/>
      <c r="UPP692" s="613"/>
      <c r="UPQ692" s="613"/>
      <c r="UPR692" s="613"/>
      <c r="UPS692" s="613"/>
      <c r="UPT692" s="613"/>
      <c r="UPU692" s="613"/>
      <c r="UPV692" s="613"/>
      <c r="UPW692" s="613"/>
      <c r="UPX692" s="613"/>
      <c r="UPY692" s="613"/>
      <c r="UPZ692" s="613"/>
      <c r="UQA692" s="613"/>
      <c r="UQB692" s="613"/>
      <c r="UQC692" s="613"/>
      <c r="UQD692" s="613"/>
      <c r="UQE692" s="613"/>
      <c r="UQF692" s="613"/>
      <c r="UQG692" s="613"/>
      <c r="UQH692" s="613"/>
      <c r="UQI692" s="613"/>
      <c r="UQJ692" s="613"/>
      <c r="UQK692" s="613"/>
      <c r="UQL692" s="613"/>
      <c r="UQM692" s="613"/>
      <c r="UQN692" s="613"/>
      <c r="UQO692" s="613"/>
      <c r="UQP692" s="613"/>
      <c r="UQQ692" s="613"/>
      <c r="UQR692" s="613"/>
      <c r="UQS692" s="613"/>
      <c r="UQT692" s="613"/>
      <c r="UQU692" s="613"/>
      <c r="UQV692" s="613"/>
      <c r="UQW692" s="613"/>
      <c r="UQX692" s="613"/>
      <c r="UQY692" s="613"/>
      <c r="UQZ692" s="613"/>
      <c r="URA692" s="613"/>
      <c r="URB692" s="613"/>
      <c r="URC692" s="613"/>
      <c r="URD692" s="613"/>
      <c r="URE692" s="613"/>
      <c r="URF692" s="613"/>
      <c r="URG692" s="613"/>
      <c r="URH692" s="613"/>
      <c r="URI692" s="613"/>
      <c r="URJ692" s="613"/>
      <c r="URK692" s="613"/>
      <c r="URL692" s="613"/>
      <c r="URM692" s="613"/>
      <c r="URN692" s="613"/>
      <c r="URO692" s="613"/>
      <c r="URP692" s="613"/>
      <c r="URQ692" s="613"/>
      <c r="URR692" s="613"/>
      <c r="URS692" s="613"/>
      <c r="URT692" s="613"/>
      <c r="URU692" s="613"/>
      <c r="URV692" s="613"/>
      <c r="URW692" s="613"/>
      <c r="URX692" s="613"/>
      <c r="URY692" s="613"/>
      <c r="URZ692" s="613"/>
      <c r="USA692" s="613"/>
      <c r="USB692" s="613"/>
      <c r="USC692" s="613"/>
      <c r="USD692" s="613"/>
      <c r="USE692" s="613"/>
      <c r="USF692" s="613"/>
      <c r="USG692" s="613"/>
      <c r="USH692" s="613"/>
      <c r="USI692" s="613"/>
      <c r="USJ692" s="613"/>
      <c r="USK692" s="613"/>
      <c r="USL692" s="613"/>
      <c r="USM692" s="613"/>
      <c r="USN692" s="613"/>
      <c r="USO692" s="613"/>
      <c r="USP692" s="613"/>
      <c r="USQ692" s="613"/>
      <c r="USR692" s="613"/>
      <c r="USS692" s="613"/>
      <c r="UST692" s="613"/>
      <c r="USU692" s="613"/>
      <c r="USV692" s="613"/>
      <c r="USW692" s="613"/>
      <c r="USX692" s="613"/>
      <c r="USY692" s="613"/>
      <c r="USZ692" s="613"/>
      <c r="UTA692" s="613"/>
      <c r="UTB692" s="613"/>
      <c r="UTC692" s="613"/>
      <c r="UTD692" s="613"/>
      <c r="UTE692" s="613"/>
      <c r="UTF692" s="613"/>
      <c r="UTG692" s="613"/>
      <c r="UTH692" s="613"/>
      <c r="UTI692" s="613"/>
      <c r="UTJ692" s="613"/>
      <c r="UTK692" s="613"/>
      <c r="UTL692" s="613"/>
      <c r="UTM692" s="613"/>
      <c r="UTN692" s="613"/>
      <c r="UTO692" s="613"/>
      <c r="UTP692" s="613"/>
      <c r="UTQ692" s="613"/>
      <c r="UTR692" s="613"/>
      <c r="UTS692" s="613"/>
      <c r="UTT692" s="613"/>
      <c r="UTU692" s="613"/>
      <c r="UTV692" s="613"/>
      <c r="UTW692" s="613"/>
      <c r="UTX692" s="613"/>
      <c r="UTY692" s="613"/>
      <c r="UTZ692" s="613"/>
      <c r="UUA692" s="613"/>
      <c r="UUB692" s="613"/>
      <c r="UUC692" s="613"/>
      <c r="UUD692" s="613"/>
      <c r="UUE692" s="613"/>
      <c r="UUF692" s="613"/>
      <c r="UUG692" s="613"/>
      <c r="UUH692" s="613"/>
      <c r="UUI692" s="613"/>
      <c r="UUJ692" s="613"/>
      <c r="UUK692" s="613"/>
      <c r="UUL692" s="613"/>
      <c r="UUM692" s="613"/>
      <c r="UUN692" s="613"/>
      <c r="UUO692" s="613"/>
      <c r="UUP692" s="613"/>
      <c r="UUQ692" s="613"/>
      <c r="UUR692" s="613"/>
      <c r="UUS692" s="613"/>
      <c r="UUT692" s="613"/>
      <c r="UUU692" s="613"/>
      <c r="UUV692" s="613"/>
      <c r="UUW692" s="613"/>
      <c r="UUX692" s="613"/>
      <c r="UUY692" s="613"/>
      <c r="UUZ692" s="613"/>
      <c r="UVA692" s="613"/>
      <c r="UVB692" s="613"/>
      <c r="UVC692" s="613"/>
      <c r="UVD692" s="613"/>
      <c r="UVE692" s="613"/>
      <c r="UVF692" s="613"/>
      <c r="UVG692" s="613"/>
      <c r="UVH692" s="613"/>
      <c r="UVI692" s="613"/>
      <c r="UVJ692" s="613"/>
      <c r="UVK692" s="613"/>
      <c r="UVL692" s="613"/>
      <c r="UVM692" s="613"/>
      <c r="UVN692" s="613"/>
      <c r="UVO692" s="613"/>
      <c r="UVP692" s="613"/>
      <c r="UVQ692" s="613"/>
      <c r="UVR692" s="613"/>
      <c r="UVS692" s="613"/>
      <c r="UVT692" s="613"/>
      <c r="UVU692" s="613"/>
      <c r="UVV692" s="613"/>
      <c r="UVW692" s="613"/>
      <c r="UVX692" s="613"/>
      <c r="UVY692" s="613"/>
      <c r="UVZ692" s="613"/>
      <c r="UWA692" s="613"/>
      <c r="UWB692" s="613"/>
      <c r="UWC692" s="613"/>
      <c r="UWD692" s="613"/>
      <c r="UWE692" s="613"/>
      <c r="UWF692" s="613"/>
      <c r="UWG692" s="613"/>
      <c r="UWH692" s="613"/>
      <c r="UWI692" s="613"/>
      <c r="UWJ692" s="613"/>
      <c r="UWK692" s="613"/>
      <c r="UWL692" s="613"/>
      <c r="UWM692" s="613"/>
      <c r="UWN692" s="613"/>
      <c r="UWO692" s="613"/>
      <c r="UWP692" s="613"/>
      <c r="UWQ692" s="613"/>
      <c r="UWR692" s="613"/>
      <c r="UWS692" s="613"/>
      <c r="UWT692" s="613"/>
      <c r="UWU692" s="613"/>
      <c r="UWV692" s="613"/>
      <c r="UWW692" s="613"/>
      <c r="UWX692" s="613"/>
      <c r="UWY692" s="613"/>
      <c r="UWZ692" s="613"/>
      <c r="UXA692" s="613"/>
      <c r="UXB692" s="613"/>
      <c r="UXC692" s="613"/>
      <c r="UXD692" s="613"/>
      <c r="UXE692" s="613"/>
      <c r="UXF692" s="613"/>
      <c r="UXG692" s="613"/>
      <c r="UXH692" s="613"/>
      <c r="UXI692" s="613"/>
      <c r="UXJ692" s="613"/>
      <c r="UXK692" s="613"/>
      <c r="UXL692" s="613"/>
      <c r="UXM692" s="613"/>
      <c r="UXN692" s="613"/>
      <c r="UXO692" s="613"/>
      <c r="UXP692" s="613"/>
      <c r="UXQ692" s="613"/>
      <c r="UXR692" s="613"/>
      <c r="UXS692" s="613"/>
      <c r="UXT692" s="613"/>
      <c r="UXU692" s="613"/>
      <c r="UXV692" s="613"/>
      <c r="UXW692" s="613"/>
      <c r="UXX692" s="613"/>
      <c r="UXY692" s="613"/>
      <c r="UXZ692" s="613"/>
      <c r="UYA692" s="613"/>
      <c r="UYB692" s="613"/>
      <c r="UYC692" s="613"/>
      <c r="UYD692" s="613"/>
      <c r="UYE692" s="613"/>
      <c r="UYF692" s="613"/>
      <c r="UYG692" s="613"/>
      <c r="UYH692" s="613"/>
      <c r="UYI692" s="613"/>
      <c r="UYJ692" s="613"/>
      <c r="UYK692" s="613"/>
      <c r="UYL692" s="613"/>
      <c r="UYM692" s="613"/>
      <c r="UYN692" s="613"/>
      <c r="UYO692" s="613"/>
      <c r="UYP692" s="613"/>
      <c r="UYQ692" s="613"/>
      <c r="UYR692" s="613"/>
      <c r="UYS692" s="613"/>
      <c r="UYT692" s="613"/>
      <c r="UYU692" s="613"/>
      <c r="UYV692" s="613"/>
      <c r="UYW692" s="613"/>
      <c r="UYX692" s="613"/>
      <c r="UYY692" s="613"/>
      <c r="UYZ692" s="613"/>
      <c r="UZA692" s="613"/>
      <c r="UZB692" s="613"/>
      <c r="UZC692" s="613"/>
      <c r="UZD692" s="613"/>
      <c r="UZE692" s="613"/>
      <c r="UZF692" s="613"/>
      <c r="UZG692" s="613"/>
      <c r="UZH692" s="613"/>
      <c r="UZI692" s="613"/>
      <c r="UZJ692" s="613"/>
      <c r="UZK692" s="613"/>
      <c r="UZL692" s="613"/>
      <c r="UZM692" s="613"/>
      <c r="UZN692" s="613"/>
      <c r="UZO692" s="613"/>
      <c r="UZP692" s="613"/>
      <c r="UZQ692" s="613"/>
      <c r="UZR692" s="613"/>
      <c r="UZS692" s="613"/>
      <c r="UZT692" s="613"/>
      <c r="UZU692" s="613"/>
      <c r="UZV692" s="613"/>
      <c r="UZW692" s="613"/>
      <c r="UZX692" s="613"/>
      <c r="UZY692" s="613"/>
      <c r="UZZ692" s="613"/>
      <c r="VAA692" s="613"/>
      <c r="VAB692" s="613"/>
      <c r="VAC692" s="613"/>
      <c r="VAD692" s="613"/>
      <c r="VAE692" s="613"/>
      <c r="VAF692" s="613"/>
      <c r="VAG692" s="613"/>
      <c r="VAH692" s="613"/>
      <c r="VAI692" s="613"/>
      <c r="VAJ692" s="613"/>
      <c r="VAK692" s="613"/>
      <c r="VAL692" s="613"/>
      <c r="VAM692" s="613"/>
      <c r="VAN692" s="613"/>
      <c r="VAO692" s="613"/>
      <c r="VAP692" s="613"/>
      <c r="VAQ692" s="613"/>
      <c r="VAR692" s="613"/>
      <c r="VAS692" s="613"/>
      <c r="VAT692" s="613"/>
      <c r="VAU692" s="613"/>
      <c r="VAV692" s="613"/>
      <c r="VAW692" s="613"/>
      <c r="VAX692" s="613"/>
      <c r="VAY692" s="613"/>
      <c r="VAZ692" s="613"/>
      <c r="VBA692" s="613"/>
      <c r="VBB692" s="613"/>
      <c r="VBC692" s="613"/>
      <c r="VBD692" s="613"/>
      <c r="VBE692" s="613"/>
      <c r="VBF692" s="613"/>
      <c r="VBG692" s="613"/>
      <c r="VBH692" s="613"/>
      <c r="VBI692" s="613"/>
      <c r="VBJ692" s="613"/>
      <c r="VBK692" s="613"/>
      <c r="VBL692" s="613"/>
      <c r="VBM692" s="613"/>
      <c r="VBN692" s="613"/>
      <c r="VBO692" s="613"/>
      <c r="VBP692" s="613"/>
      <c r="VBQ692" s="613"/>
      <c r="VBR692" s="613"/>
      <c r="VBS692" s="613"/>
      <c r="VBT692" s="613"/>
      <c r="VBU692" s="613"/>
      <c r="VBV692" s="613"/>
      <c r="VBW692" s="613"/>
      <c r="VBX692" s="613"/>
      <c r="VBY692" s="613"/>
      <c r="VBZ692" s="613"/>
      <c r="VCA692" s="613"/>
      <c r="VCB692" s="613"/>
      <c r="VCC692" s="613"/>
      <c r="VCD692" s="613"/>
      <c r="VCE692" s="613"/>
      <c r="VCF692" s="613"/>
      <c r="VCG692" s="613"/>
      <c r="VCH692" s="613"/>
      <c r="VCI692" s="613"/>
      <c r="VCJ692" s="613"/>
      <c r="VCK692" s="613"/>
      <c r="VCL692" s="613"/>
      <c r="VCM692" s="613"/>
      <c r="VCN692" s="613"/>
      <c r="VCO692" s="613"/>
      <c r="VCP692" s="613"/>
      <c r="VCQ692" s="613"/>
      <c r="VCR692" s="613"/>
      <c r="VCS692" s="613"/>
      <c r="VCT692" s="613"/>
      <c r="VCU692" s="613"/>
      <c r="VCV692" s="613"/>
      <c r="VCW692" s="613"/>
      <c r="VCX692" s="613"/>
      <c r="VCY692" s="613"/>
      <c r="VCZ692" s="613"/>
      <c r="VDA692" s="613"/>
      <c r="VDB692" s="613"/>
      <c r="VDC692" s="613"/>
      <c r="VDD692" s="613"/>
      <c r="VDE692" s="613"/>
      <c r="VDF692" s="613"/>
      <c r="VDG692" s="613"/>
      <c r="VDH692" s="613"/>
      <c r="VDI692" s="613"/>
      <c r="VDJ692" s="613"/>
      <c r="VDK692" s="613"/>
      <c r="VDL692" s="613"/>
      <c r="VDM692" s="613"/>
      <c r="VDN692" s="613"/>
      <c r="VDO692" s="613"/>
      <c r="VDP692" s="613"/>
      <c r="VDQ692" s="613"/>
      <c r="VDR692" s="613"/>
      <c r="VDS692" s="613"/>
      <c r="VDT692" s="613"/>
      <c r="VDU692" s="613"/>
      <c r="VDV692" s="613"/>
      <c r="VDW692" s="613"/>
      <c r="VDX692" s="613"/>
      <c r="VDY692" s="613"/>
      <c r="VDZ692" s="613"/>
      <c r="VEA692" s="613"/>
      <c r="VEB692" s="613"/>
      <c r="VEC692" s="613"/>
      <c r="VED692" s="613"/>
      <c r="VEE692" s="613"/>
      <c r="VEF692" s="613"/>
      <c r="VEG692" s="613"/>
      <c r="VEH692" s="613"/>
      <c r="VEI692" s="613"/>
      <c r="VEJ692" s="613"/>
      <c r="VEK692" s="613"/>
      <c r="VEL692" s="613"/>
      <c r="VEM692" s="613"/>
      <c r="VEN692" s="613"/>
      <c r="VEO692" s="613"/>
      <c r="VEP692" s="613"/>
      <c r="VEQ692" s="613"/>
      <c r="VER692" s="613"/>
      <c r="VES692" s="613"/>
      <c r="VET692" s="613"/>
      <c r="VEU692" s="613"/>
      <c r="VEV692" s="613"/>
      <c r="VEW692" s="613"/>
      <c r="VEX692" s="613"/>
      <c r="VEY692" s="613"/>
      <c r="VEZ692" s="613"/>
      <c r="VFA692" s="613"/>
      <c r="VFB692" s="613"/>
      <c r="VFC692" s="613"/>
      <c r="VFD692" s="613"/>
      <c r="VFE692" s="613"/>
      <c r="VFF692" s="613"/>
      <c r="VFG692" s="613"/>
      <c r="VFH692" s="613"/>
      <c r="VFI692" s="613"/>
      <c r="VFJ692" s="613"/>
      <c r="VFK692" s="613"/>
      <c r="VFL692" s="613"/>
      <c r="VFM692" s="613"/>
      <c r="VFN692" s="613"/>
      <c r="VFO692" s="613"/>
      <c r="VFP692" s="613"/>
      <c r="VFQ692" s="613"/>
      <c r="VFR692" s="613"/>
      <c r="VFS692" s="613"/>
      <c r="VFT692" s="613"/>
      <c r="VFU692" s="613"/>
      <c r="VFV692" s="613"/>
      <c r="VFW692" s="613"/>
      <c r="VFX692" s="613"/>
      <c r="VFY692" s="613"/>
      <c r="VFZ692" s="613"/>
      <c r="VGA692" s="613"/>
      <c r="VGB692" s="613"/>
      <c r="VGC692" s="613"/>
      <c r="VGD692" s="613"/>
      <c r="VGE692" s="613"/>
      <c r="VGF692" s="613"/>
      <c r="VGG692" s="613"/>
      <c r="VGH692" s="613"/>
      <c r="VGI692" s="613"/>
      <c r="VGJ692" s="613"/>
      <c r="VGK692" s="613"/>
      <c r="VGL692" s="613"/>
      <c r="VGM692" s="613"/>
      <c r="VGN692" s="613"/>
      <c r="VGO692" s="613"/>
      <c r="VGP692" s="613"/>
      <c r="VGQ692" s="613"/>
      <c r="VGR692" s="613"/>
      <c r="VGS692" s="613"/>
      <c r="VGT692" s="613"/>
      <c r="VGU692" s="613"/>
      <c r="VGV692" s="613"/>
      <c r="VGW692" s="613"/>
      <c r="VGX692" s="613"/>
      <c r="VGY692" s="613"/>
      <c r="VGZ692" s="613"/>
      <c r="VHA692" s="613"/>
      <c r="VHB692" s="613"/>
      <c r="VHC692" s="613"/>
      <c r="VHD692" s="613"/>
      <c r="VHE692" s="613"/>
      <c r="VHF692" s="613"/>
      <c r="VHG692" s="613"/>
      <c r="VHH692" s="613"/>
      <c r="VHI692" s="613"/>
      <c r="VHJ692" s="613"/>
      <c r="VHK692" s="613"/>
      <c r="VHL692" s="613"/>
      <c r="VHM692" s="613"/>
      <c r="VHN692" s="613"/>
      <c r="VHO692" s="613"/>
      <c r="VHP692" s="613"/>
      <c r="VHQ692" s="613"/>
      <c r="VHR692" s="613"/>
      <c r="VHS692" s="613"/>
      <c r="VHT692" s="613"/>
      <c r="VHU692" s="613"/>
      <c r="VHV692" s="613"/>
      <c r="VHW692" s="613"/>
      <c r="VHX692" s="613"/>
      <c r="VHY692" s="613"/>
      <c r="VHZ692" s="613"/>
      <c r="VIA692" s="613"/>
      <c r="VIB692" s="613"/>
      <c r="VIC692" s="613"/>
      <c r="VID692" s="613"/>
      <c r="VIE692" s="613"/>
      <c r="VIF692" s="613"/>
      <c r="VIG692" s="613"/>
      <c r="VIH692" s="613"/>
      <c r="VII692" s="613"/>
      <c r="VIJ692" s="613"/>
      <c r="VIK692" s="613"/>
      <c r="VIL692" s="613"/>
      <c r="VIM692" s="613"/>
      <c r="VIN692" s="613"/>
      <c r="VIO692" s="613"/>
      <c r="VIP692" s="613"/>
      <c r="VIQ692" s="613"/>
      <c r="VIR692" s="613"/>
      <c r="VIS692" s="613"/>
      <c r="VIT692" s="613"/>
      <c r="VIU692" s="613"/>
      <c r="VIV692" s="613"/>
      <c r="VIW692" s="613"/>
      <c r="VIX692" s="613"/>
      <c r="VIY692" s="613"/>
      <c r="VIZ692" s="613"/>
      <c r="VJA692" s="613"/>
      <c r="VJB692" s="613"/>
      <c r="VJC692" s="613"/>
      <c r="VJD692" s="613"/>
      <c r="VJE692" s="613"/>
      <c r="VJF692" s="613"/>
      <c r="VJG692" s="613"/>
      <c r="VJH692" s="613"/>
      <c r="VJI692" s="613"/>
      <c r="VJJ692" s="613"/>
      <c r="VJK692" s="613"/>
      <c r="VJL692" s="613"/>
      <c r="VJM692" s="613"/>
      <c r="VJN692" s="613"/>
      <c r="VJO692" s="613"/>
      <c r="VJP692" s="613"/>
      <c r="VJQ692" s="613"/>
      <c r="VJR692" s="613"/>
      <c r="VJS692" s="613"/>
      <c r="VJT692" s="613"/>
      <c r="VJU692" s="613"/>
      <c r="VJV692" s="613"/>
      <c r="VJW692" s="613"/>
      <c r="VJX692" s="613"/>
      <c r="VJY692" s="613"/>
      <c r="VJZ692" s="613"/>
      <c r="VKA692" s="613"/>
      <c r="VKB692" s="613"/>
      <c r="VKC692" s="613"/>
      <c r="VKD692" s="613"/>
      <c r="VKE692" s="613"/>
      <c r="VKF692" s="613"/>
      <c r="VKG692" s="613"/>
      <c r="VKH692" s="613"/>
      <c r="VKI692" s="613"/>
      <c r="VKJ692" s="613"/>
      <c r="VKK692" s="613"/>
      <c r="VKL692" s="613"/>
      <c r="VKM692" s="613"/>
      <c r="VKN692" s="613"/>
      <c r="VKO692" s="613"/>
      <c r="VKP692" s="613"/>
      <c r="VKQ692" s="613"/>
      <c r="VKR692" s="613"/>
      <c r="VKS692" s="613"/>
      <c r="VKT692" s="613"/>
      <c r="VKU692" s="613"/>
      <c r="VKV692" s="613"/>
      <c r="VKW692" s="613"/>
      <c r="VKX692" s="613"/>
      <c r="VKY692" s="613"/>
      <c r="VKZ692" s="613"/>
      <c r="VLA692" s="613"/>
      <c r="VLB692" s="613"/>
      <c r="VLC692" s="613"/>
      <c r="VLD692" s="613"/>
      <c r="VLE692" s="613"/>
      <c r="VLF692" s="613"/>
      <c r="VLG692" s="613"/>
      <c r="VLH692" s="613"/>
      <c r="VLI692" s="613"/>
      <c r="VLJ692" s="613"/>
      <c r="VLK692" s="613"/>
      <c r="VLL692" s="613"/>
      <c r="VLM692" s="613"/>
      <c r="VLN692" s="613"/>
      <c r="VLO692" s="613"/>
      <c r="VLP692" s="613"/>
      <c r="VLQ692" s="613"/>
      <c r="VLR692" s="613"/>
      <c r="VLS692" s="613"/>
      <c r="VLT692" s="613"/>
      <c r="VLU692" s="613"/>
      <c r="VLV692" s="613"/>
      <c r="VLW692" s="613"/>
      <c r="VLX692" s="613"/>
      <c r="VLY692" s="613"/>
      <c r="VLZ692" s="613"/>
      <c r="VMA692" s="613"/>
      <c r="VMB692" s="613"/>
      <c r="VMC692" s="613"/>
      <c r="VMD692" s="613"/>
      <c r="VME692" s="613"/>
      <c r="VMF692" s="613"/>
      <c r="VMG692" s="613"/>
      <c r="VMH692" s="613"/>
      <c r="VMI692" s="613"/>
      <c r="VMJ692" s="613"/>
      <c r="VMK692" s="613"/>
      <c r="VML692" s="613"/>
      <c r="VMM692" s="613"/>
      <c r="VMN692" s="613"/>
      <c r="VMO692" s="613"/>
      <c r="VMP692" s="613"/>
      <c r="VMQ692" s="613"/>
      <c r="VMR692" s="613"/>
      <c r="VMS692" s="613"/>
      <c r="VMT692" s="613"/>
      <c r="VMU692" s="613"/>
      <c r="VMV692" s="613"/>
      <c r="VMW692" s="613"/>
      <c r="VMX692" s="613"/>
      <c r="VMY692" s="613"/>
      <c r="VMZ692" s="613"/>
      <c r="VNA692" s="613"/>
      <c r="VNB692" s="613"/>
      <c r="VNC692" s="613"/>
      <c r="VND692" s="613"/>
      <c r="VNE692" s="613"/>
      <c r="VNF692" s="613"/>
      <c r="VNG692" s="613"/>
      <c r="VNH692" s="613"/>
      <c r="VNI692" s="613"/>
      <c r="VNJ692" s="613"/>
      <c r="VNK692" s="613"/>
      <c r="VNL692" s="613"/>
      <c r="VNM692" s="613"/>
      <c r="VNN692" s="613"/>
      <c r="VNO692" s="613"/>
      <c r="VNP692" s="613"/>
      <c r="VNQ692" s="613"/>
      <c r="VNR692" s="613"/>
      <c r="VNS692" s="613"/>
      <c r="VNT692" s="613"/>
      <c r="VNU692" s="613"/>
      <c r="VNV692" s="613"/>
      <c r="VNW692" s="613"/>
      <c r="VNX692" s="613"/>
      <c r="VNY692" s="613"/>
      <c r="VNZ692" s="613"/>
      <c r="VOA692" s="613"/>
      <c r="VOB692" s="613"/>
      <c r="VOC692" s="613"/>
      <c r="VOD692" s="613"/>
      <c r="VOE692" s="613"/>
      <c r="VOF692" s="613"/>
      <c r="VOG692" s="613"/>
      <c r="VOH692" s="613"/>
      <c r="VOI692" s="613"/>
      <c r="VOJ692" s="613"/>
      <c r="VOK692" s="613"/>
      <c r="VOL692" s="613"/>
      <c r="VOM692" s="613"/>
      <c r="VON692" s="613"/>
      <c r="VOO692" s="613"/>
      <c r="VOP692" s="613"/>
      <c r="VOQ692" s="613"/>
      <c r="VOR692" s="613"/>
      <c r="VOS692" s="613"/>
      <c r="VOT692" s="613"/>
      <c r="VOU692" s="613"/>
      <c r="VOV692" s="613"/>
      <c r="VOW692" s="613"/>
      <c r="VOX692" s="613"/>
      <c r="VOY692" s="613"/>
      <c r="VOZ692" s="613"/>
      <c r="VPA692" s="613"/>
      <c r="VPB692" s="613"/>
      <c r="VPC692" s="613"/>
      <c r="VPD692" s="613"/>
      <c r="VPE692" s="613"/>
      <c r="VPF692" s="613"/>
      <c r="VPG692" s="613"/>
      <c r="VPH692" s="613"/>
      <c r="VPI692" s="613"/>
      <c r="VPJ692" s="613"/>
      <c r="VPK692" s="613"/>
      <c r="VPL692" s="613"/>
      <c r="VPM692" s="613"/>
      <c r="VPN692" s="613"/>
      <c r="VPO692" s="613"/>
      <c r="VPP692" s="613"/>
      <c r="VPQ692" s="613"/>
      <c r="VPR692" s="613"/>
      <c r="VPS692" s="613"/>
      <c r="VPT692" s="613"/>
      <c r="VPU692" s="613"/>
      <c r="VPV692" s="613"/>
      <c r="VPW692" s="613"/>
      <c r="VPX692" s="613"/>
      <c r="VPY692" s="613"/>
      <c r="VPZ692" s="613"/>
      <c r="VQA692" s="613"/>
      <c r="VQB692" s="613"/>
      <c r="VQC692" s="613"/>
      <c r="VQD692" s="613"/>
      <c r="VQE692" s="613"/>
      <c r="VQF692" s="613"/>
      <c r="VQG692" s="613"/>
      <c r="VQH692" s="613"/>
      <c r="VQI692" s="613"/>
      <c r="VQJ692" s="613"/>
      <c r="VQK692" s="613"/>
      <c r="VQL692" s="613"/>
      <c r="VQM692" s="613"/>
      <c r="VQN692" s="613"/>
      <c r="VQO692" s="613"/>
      <c r="VQP692" s="613"/>
      <c r="VQQ692" s="613"/>
      <c r="VQR692" s="613"/>
      <c r="VQS692" s="613"/>
      <c r="VQT692" s="613"/>
      <c r="VQU692" s="613"/>
      <c r="VQV692" s="613"/>
      <c r="VQW692" s="613"/>
      <c r="VQX692" s="613"/>
      <c r="VQY692" s="613"/>
      <c r="VQZ692" s="613"/>
      <c r="VRA692" s="613"/>
      <c r="VRB692" s="613"/>
      <c r="VRC692" s="613"/>
      <c r="VRD692" s="613"/>
      <c r="VRE692" s="613"/>
      <c r="VRF692" s="613"/>
      <c r="VRG692" s="613"/>
      <c r="VRH692" s="613"/>
      <c r="VRI692" s="613"/>
      <c r="VRJ692" s="613"/>
      <c r="VRK692" s="613"/>
      <c r="VRL692" s="613"/>
      <c r="VRM692" s="613"/>
      <c r="VRN692" s="613"/>
      <c r="VRO692" s="613"/>
      <c r="VRP692" s="613"/>
      <c r="VRQ692" s="613"/>
      <c r="VRR692" s="613"/>
      <c r="VRS692" s="613"/>
      <c r="VRT692" s="613"/>
      <c r="VRU692" s="613"/>
      <c r="VRV692" s="613"/>
      <c r="VRW692" s="613"/>
      <c r="VRX692" s="613"/>
      <c r="VRY692" s="613"/>
      <c r="VRZ692" s="613"/>
      <c r="VSA692" s="613"/>
      <c r="VSB692" s="613"/>
      <c r="VSC692" s="613"/>
      <c r="VSD692" s="613"/>
      <c r="VSE692" s="613"/>
      <c r="VSF692" s="613"/>
      <c r="VSG692" s="613"/>
      <c r="VSH692" s="613"/>
      <c r="VSI692" s="613"/>
      <c r="VSJ692" s="613"/>
      <c r="VSK692" s="613"/>
      <c r="VSL692" s="613"/>
      <c r="VSM692" s="613"/>
      <c r="VSN692" s="613"/>
      <c r="VSO692" s="613"/>
      <c r="VSP692" s="613"/>
      <c r="VSQ692" s="613"/>
      <c r="VSR692" s="613"/>
      <c r="VSS692" s="613"/>
      <c r="VST692" s="613"/>
      <c r="VSU692" s="613"/>
      <c r="VSV692" s="613"/>
      <c r="VSW692" s="613"/>
      <c r="VSX692" s="613"/>
      <c r="VSY692" s="613"/>
      <c r="VSZ692" s="613"/>
      <c r="VTA692" s="613"/>
      <c r="VTB692" s="613"/>
      <c r="VTC692" s="613"/>
      <c r="VTD692" s="613"/>
      <c r="VTE692" s="613"/>
      <c r="VTF692" s="613"/>
      <c r="VTG692" s="613"/>
      <c r="VTH692" s="613"/>
      <c r="VTI692" s="613"/>
      <c r="VTJ692" s="613"/>
      <c r="VTK692" s="613"/>
      <c r="VTL692" s="613"/>
      <c r="VTM692" s="613"/>
      <c r="VTN692" s="613"/>
      <c r="VTO692" s="613"/>
      <c r="VTP692" s="613"/>
      <c r="VTQ692" s="613"/>
      <c r="VTR692" s="613"/>
      <c r="VTS692" s="613"/>
      <c r="VTT692" s="613"/>
      <c r="VTU692" s="613"/>
      <c r="VTV692" s="613"/>
      <c r="VTW692" s="613"/>
      <c r="VTX692" s="613"/>
      <c r="VTY692" s="613"/>
      <c r="VTZ692" s="613"/>
      <c r="VUA692" s="613"/>
      <c r="VUB692" s="613"/>
      <c r="VUC692" s="613"/>
      <c r="VUD692" s="613"/>
      <c r="VUE692" s="613"/>
      <c r="VUF692" s="613"/>
      <c r="VUG692" s="613"/>
      <c r="VUH692" s="613"/>
      <c r="VUI692" s="613"/>
      <c r="VUJ692" s="613"/>
      <c r="VUK692" s="613"/>
      <c r="VUL692" s="613"/>
      <c r="VUM692" s="613"/>
      <c r="VUN692" s="613"/>
      <c r="VUO692" s="613"/>
      <c r="VUP692" s="613"/>
      <c r="VUQ692" s="613"/>
      <c r="VUR692" s="613"/>
      <c r="VUS692" s="613"/>
      <c r="VUT692" s="613"/>
      <c r="VUU692" s="613"/>
      <c r="VUV692" s="613"/>
      <c r="VUW692" s="613"/>
      <c r="VUX692" s="613"/>
      <c r="VUY692" s="613"/>
      <c r="VUZ692" s="613"/>
      <c r="VVA692" s="613"/>
      <c r="VVB692" s="613"/>
      <c r="VVC692" s="613"/>
      <c r="VVD692" s="613"/>
      <c r="VVE692" s="613"/>
      <c r="VVF692" s="613"/>
      <c r="VVG692" s="613"/>
      <c r="VVH692" s="613"/>
      <c r="VVI692" s="613"/>
      <c r="VVJ692" s="613"/>
      <c r="VVK692" s="613"/>
      <c r="VVL692" s="613"/>
      <c r="VVM692" s="613"/>
      <c r="VVN692" s="613"/>
      <c r="VVO692" s="613"/>
      <c r="VVP692" s="613"/>
      <c r="VVQ692" s="613"/>
      <c r="VVR692" s="613"/>
      <c r="VVS692" s="613"/>
      <c r="VVT692" s="613"/>
      <c r="VVU692" s="613"/>
      <c r="VVV692" s="613"/>
      <c r="VVW692" s="613"/>
      <c r="VVX692" s="613"/>
      <c r="VVY692" s="613"/>
      <c r="VVZ692" s="613"/>
      <c r="VWA692" s="613"/>
      <c r="VWB692" s="613"/>
      <c r="VWC692" s="613"/>
      <c r="VWD692" s="613"/>
      <c r="VWE692" s="613"/>
      <c r="VWF692" s="613"/>
      <c r="VWG692" s="613"/>
      <c r="VWH692" s="613"/>
      <c r="VWI692" s="613"/>
      <c r="VWJ692" s="613"/>
      <c r="VWK692" s="613"/>
      <c r="VWL692" s="613"/>
      <c r="VWM692" s="613"/>
      <c r="VWN692" s="613"/>
      <c r="VWO692" s="613"/>
      <c r="VWP692" s="613"/>
      <c r="VWQ692" s="613"/>
      <c r="VWR692" s="613"/>
      <c r="VWS692" s="613"/>
      <c r="VWT692" s="613"/>
      <c r="VWU692" s="613"/>
      <c r="VWV692" s="613"/>
      <c r="VWW692" s="613"/>
      <c r="VWX692" s="613"/>
      <c r="VWY692" s="613"/>
      <c r="VWZ692" s="613"/>
      <c r="VXA692" s="613"/>
      <c r="VXB692" s="613"/>
      <c r="VXC692" s="613"/>
      <c r="VXD692" s="613"/>
      <c r="VXE692" s="613"/>
      <c r="VXF692" s="613"/>
      <c r="VXG692" s="613"/>
      <c r="VXH692" s="613"/>
      <c r="VXI692" s="613"/>
      <c r="VXJ692" s="613"/>
      <c r="VXK692" s="613"/>
      <c r="VXL692" s="613"/>
      <c r="VXM692" s="613"/>
      <c r="VXN692" s="613"/>
      <c r="VXO692" s="613"/>
      <c r="VXP692" s="613"/>
      <c r="VXQ692" s="613"/>
      <c r="VXR692" s="613"/>
      <c r="VXS692" s="613"/>
      <c r="VXT692" s="613"/>
      <c r="VXU692" s="613"/>
      <c r="VXV692" s="613"/>
      <c r="VXW692" s="613"/>
      <c r="VXX692" s="613"/>
      <c r="VXY692" s="613"/>
      <c r="VXZ692" s="613"/>
      <c r="VYA692" s="613"/>
      <c r="VYB692" s="613"/>
      <c r="VYC692" s="613"/>
      <c r="VYD692" s="613"/>
      <c r="VYE692" s="613"/>
      <c r="VYF692" s="613"/>
      <c r="VYG692" s="613"/>
      <c r="VYH692" s="613"/>
      <c r="VYI692" s="613"/>
      <c r="VYJ692" s="613"/>
      <c r="VYK692" s="613"/>
      <c r="VYL692" s="613"/>
      <c r="VYM692" s="613"/>
      <c r="VYN692" s="613"/>
      <c r="VYO692" s="613"/>
      <c r="VYP692" s="613"/>
      <c r="VYQ692" s="613"/>
      <c r="VYR692" s="613"/>
      <c r="VYS692" s="613"/>
      <c r="VYT692" s="613"/>
      <c r="VYU692" s="613"/>
      <c r="VYV692" s="613"/>
      <c r="VYW692" s="613"/>
      <c r="VYX692" s="613"/>
      <c r="VYY692" s="613"/>
      <c r="VYZ692" s="613"/>
      <c r="VZA692" s="613"/>
      <c r="VZB692" s="613"/>
      <c r="VZC692" s="613"/>
      <c r="VZD692" s="613"/>
      <c r="VZE692" s="613"/>
      <c r="VZF692" s="613"/>
      <c r="VZG692" s="613"/>
      <c r="VZH692" s="613"/>
      <c r="VZI692" s="613"/>
      <c r="VZJ692" s="613"/>
      <c r="VZK692" s="613"/>
      <c r="VZL692" s="613"/>
      <c r="VZM692" s="613"/>
      <c r="VZN692" s="613"/>
      <c r="VZO692" s="613"/>
      <c r="VZP692" s="613"/>
      <c r="VZQ692" s="613"/>
      <c r="VZR692" s="613"/>
      <c r="VZS692" s="613"/>
      <c r="VZT692" s="613"/>
      <c r="VZU692" s="613"/>
      <c r="VZV692" s="613"/>
      <c r="VZW692" s="613"/>
      <c r="VZX692" s="613"/>
      <c r="VZY692" s="613"/>
      <c r="VZZ692" s="613"/>
      <c r="WAA692" s="613"/>
      <c r="WAB692" s="613"/>
      <c r="WAC692" s="613"/>
      <c r="WAD692" s="613"/>
      <c r="WAE692" s="613"/>
      <c r="WAF692" s="613"/>
      <c r="WAG692" s="613"/>
      <c r="WAH692" s="613"/>
      <c r="WAI692" s="613"/>
      <c r="WAJ692" s="613"/>
      <c r="WAK692" s="613"/>
      <c r="WAL692" s="613"/>
      <c r="WAM692" s="613"/>
      <c r="WAN692" s="613"/>
      <c r="WAO692" s="613"/>
      <c r="WAP692" s="613"/>
      <c r="WAQ692" s="613"/>
      <c r="WAR692" s="613"/>
      <c r="WAS692" s="613"/>
      <c r="WAT692" s="613"/>
      <c r="WAU692" s="613"/>
      <c r="WAV692" s="613"/>
      <c r="WAW692" s="613"/>
      <c r="WAX692" s="613"/>
      <c r="WAY692" s="613"/>
      <c r="WAZ692" s="613"/>
      <c r="WBA692" s="613"/>
      <c r="WBB692" s="613"/>
      <c r="WBC692" s="613"/>
      <c r="WBD692" s="613"/>
      <c r="WBE692" s="613"/>
      <c r="WBF692" s="613"/>
      <c r="WBG692" s="613"/>
      <c r="WBH692" s="613"/>
      <c r="WBI692" s="613"/>
      <c r="WBJ692" s="613"/>
      <c r="WBK692" s="613"/>
      <c r="WBL692" s="613"/>
      <c r="WBM692" s="613"/>
      <c r="WBN692" s="613"/>
      <c r="WBO692" s="613"/>
      <c r="WBP692" s="613"/>
      <c r="WBQ692" s="613"/>
      <c r="WBR692" s="613"/>
      <c r="WBS692" s="613"/>
      <c r="WBT692" s="613"/>
      <c r="WBU692" s="613"/>
      <c r="WBV692" s="613"/>
      <c r="WBW692" s="613"/>
      <c r="WBX692" s="613"/>
      <c r="WBY692" s="613"/>
      <c r="WBZ692" s="613"/>
      <c r="WCA692" s="613"/>
      <c r="WCB692" s="613"/>
      <c r="WCC692" s="613"/>
      <c r="WCD692" s="613"/>
      <c r="WCE692" s="613"/>
      <c r="WCF692" s="613"/>
      <c r="WCG692" s="613"/>
      <c r="WCH692" s="613"/>
      <c r="WCI692" s="613"/>
      <c r="WCJ692" s="613"/>
      <c r="WCK692" s="613"/>
      <c r="WCL692" s="613"/>
      <c r="WCM692" s="613"/>
      <c r="WCN692" s="613"/>
      <c r="WCO692" s="613"/>
      <c r="WCP692" s="613"/>
      <c r="WCQ692" s="613"/>
      <c r="WCR692" s="613"/>
      <c r="WCS692" s="613"/>
      <c r="WCT692" s="613"/>
      <c r="WCU692" s="613"/>
      <c r="WCV692" s="613"/>
      <c r="WCW692" s="613"/>
      <c r="WCX692" s="613"/>
      <c r="WCY692" s="613"/>
      <c r="WCZ692" s="613"/>
      <c r="WDA692" s="613"/>
      <c r="WDB692" s="613"/>
      <c r="WDC692" s="613"/>
      <c r="WDD692" s="613"/>
      <c r="WDE692" s="613"/>
      <c r="WDF692" s="613"/>
      <c r="WDG692" s="613"/>
      <c r="WDH692" s="613"/>
      <c r="WDI692" s="613"/>
      <c r="WDJ692" s="613"/>
      <c r="WDK692" s="613"/>
      <c r="WDL692" s="613"/>
      <c r="WDM692" s="613"/>
      <c r="WDN692" s="613"/>
      <c r="WDO692" s="613"/>
      <c r="WDP692" s="613"/>
      <c r="WDQ692" s="613"/>
      <c r="WDR692" s="613"/>
      <c r="WDS692" s="613"/>
      <c r="WDT692" s="613"/>
      <c r="WDU692" s="613"/>
      <c r="WDV692" s="613"/>
      <c r="WDW692" s="613"/>
      <c r="WDX692" s="613"/>
      <c r="WDY692" s="613"/>
      <c r="WDZ692" s="613"/>
      <c r="WEA692" s="613"/>
      <c r="WEB692" s="613"/>
      <c r="WEC692" s="613"/>
      <c r="WED692" s="613"/>
      <c r="WEE692" s="613"/>
      <c r="WEF692" s="613"/>
      <c r="WEG692" s="613"/>
      <c r="WEH692" s="613"/>
      <c r="WEI692" s="613"/>
      <c r="WEJ692" s="613"/>
      <c r="WEK692" s="613"/>
      <c r="WEL692" s="613"/>
      <c r="WEM692" s="613"/>
      <c r="WEN692" s="613"/>
      <c r="WEO692" s="613"/>
      <c r="WEP692" s="613"/>
      <c r="WEQ692" s="613"/>
      <c r="WER692" s="613"/>
      <c r="WES692" s="613"/>
      <c r="WET692" s="613"/>
      <c r="WEU692" s="613"/>
      <c r="WEV692" s="613"/>
      <c r="WEW692" s="613"/>
      <c r="WEX692" s="613"/>
      <c r="WEY692" s="613"/>
      <c r="WEZ692" s="613"/>
      <c r="WFA692" s="613"/>
      <c r="WFB692" s="613"/>
      <c r="WFC692" s="613"/>
      <c r="WFD692" s="613"/>
      <c r="WFE692" s="613"/>
      <c r="WFF692" s="613"/>
      <c r="WFG692" s="613"/>
      <c r="WFH692" s="613"/>
      <c r="WFI692" s="613"/>
      <c r="WFJ692" s="613"/>
      <c r="WFK692" s="613"/>
      <c r="WFL692" s="613"/>
      <c r="WFM692" s="613"/>
      <c r="WFN692" s="613"/>
      <c r="WFO692" s="613"/>
      <c r="WFP692" s="613"/>
      <c r="WFQ692" s="613"/>
      <c r="WFR692" s="613"/>
      <c r="WFS692" s="613"/>
      <c r="WFT692" s="613"/>
      <c r="WFU692" s="613"/>
      <c r="WFV692" s="613"/>
      <c r="WFW692" s="613"/>
      <c r="WFX692" s="613"/>
      <c r="WFY692" s="613"/>
      <c r="WFZ692" s="613"/>
      <c r="WGA692" s="613"/>
      <c r="WGB692" s="613"/>
      <c r="WGC692" s="613"/>
      <c r="WGD692" s="613"/>
      <c r="WGE692" s="613"/>
      <c r="WGF692" s="613"/>
      <c r="WGG692" s="613"/>
      <c r="WGH692" s="613"/>
      <c r="WGI692" s="613"/>
      <c r="WGJ692" s="613"/>
      <c r="WGK692" s="613"/>
      <c r="WGL692" s="613"/>
      <c r="WGM692" s="613"/>
      <c r="WGN692" s="613"/>
      <c r="WGO692" s="613"/>
      <c r="WGP692" s="613"/>
      <c r="WGQ692" s="613"/>
      <c r="WGR692" s="613"/>
      <c r="WGS692" s="613"/>
      <c r="WGT692" s="613"/>
      <c r="WGU692" s="613"/>
      <c r="WGV692" s="613"/>
      <c r="WGW692" s="613"/>
      <c r="WGX692" s="613"/>
      <c r="WGY692" s="613"/>
      <c r="WGZ692" s="613"/>
      <c r="WHA692" s="613"/>
      <c r="WHB692" s="613"/>
      <c r="WHC692" s="613"/>
      <c r="WHD692" s="613"/>
      <c r="WHE692" s="613"/>
      <c r="WHF692" s="613"/>
      <c r="WHG692" s="613"/>
      <c r="WHH692" s="613"/>
      <c r="WHI692" s="613"/>
      <c r="WHJ692" s="613"/>
      <c r="WHK692" s="613"/>
      <c r="WHL692" s="613"/>
      <c r="WHM692" s="613"/>
      <c r="WHN692" s="613"/>
      <c r="WHO692" s="613"/>
      <c r="WHP692" s="613"/>
      <c r="WHQ692" s="613"/>
      <c r="WHR692" s="613"/>
      <c r="WHS692" s="613"/>
      <c r="WHT692" s="613"/>
      <c r="WHU692" s="613"/>
      <c r="WHV692" s="613"/>
      <c r="WHW692" s="613"/>
      <c r="WHX692" s="613"/>
      <c r="WHY692" s="613"/>
      <c r="WHZ692" s="613"/>
      <c r="WIA692" s="613"/>
      <c r="WIB692" s="613"/>
      <c r="WIC692" s="613"/>
      <c r="WID692" s="613"/>
      <c r="WIE692" s="613"/>
      <c r="WIF692" s="613"/>
      <c r="WIG692" s="613"/>
      <c r="WIH692" s="613"/>
      <c r="WII692" s="613"/>
      <c r="WIJ692" s="613"/>
      <c r="WIK692" s="613"/>
      <c r="WIL692" s="613"/>
      <c r="WIM692" s="613"/>
      <c r="WIN692" s="613"/>
      <c r="WIO692" s="613"/>
      <c r="WIP692" s="613"/>
      <c r="WIQ692" s="613"/>
      <c r="WIR692" s="613"/>
      <c r="WIS692" s="613"/>
      <c r="WIT692" s="613"/>
      <c r="WIU692" s="613"/>
      <c r="WIV692" s="613"/>
      <c r="WIW692" s="613"/>
      <c r="WIX692" s="613"/>
      <c r="WIY692" s="613"/>
      <c r="WIZ692" s="613"/>
      <c r="WJA692" s="613"/>
      <c r="WJB692" s="613"/>
      <c r="WJC692" s="613"/>
      <c r="WJD692" s="613"/>
      <c r="WJE692" s="613"/>
      <c r="WJF692" s="613"/>
      <c r="WJG692" s="613"/>
      <c r="WJH692" s="613"/>
      <c r="WJI692" s="613"/>
      <c r="WJJ692" s="613"/>
      <c r="WJK692" s="613"/>
      <c r="WJL692" s="613"/>
      <c r="WJM692" s="613"/>
      <c r="WJN692" s="613"/>
      <c r="WJO692" s="613"/>
      <c r="WJP692" s="613"/>
      <c r="WJQ692" s="613"/>
      <c r="WJR692" s="613"/>
      <c r="WJS692" s="613"/>
      <c r="WJT692" s="613"/>
      <c r="WJU692" s="613"/>
      <c r="WJV692" s="613"/>
      <c r="WJW692" s="613"/>
      <c r="WJX692" s="613"/>
      <c r="WJY692" s="613"/>
      <c r="WJZ692" s="613"/>
      <c r="WKA692" s="613"/>
      <c r="WKB692" s="613"/>
      <c r="WKC692" s="613"/>
      <c r="WKD692" s="613"/>
      <c r="WKE692" s="613"/>
      <c r="WKF692" s="613"/>
      <c r="WKG692" s="613"/>
      <c r="WKH692" s="613"/>
      <c r="WKI692" s="613"/>
      <c r="WKJ692" s="613"/>
      <c r="WKK692" s="613"/>
      <c r="WKL692" s="613"/>
      <c r="WKM692" s="613"/>
      <c r="WKN692" s="613"/>
      <c r="WKO692" s="613"/>
      <c r="WKP692" s="613"/>
      <c r="WKQ692" s="613"/>
      <c r="WKR692" s="613"/>
      <c r="WKS692" s="613"/>
      <c r="WKT692" s="613"/>
      <c r="WKU692" s="613"/>
      <c r="WKV692" s="613"/>
      <c r="WKW692" s="613"/>
      <c r="WKX692" s="613"/>
      <c r="WKY692" s="613"/>
      <c r="WKZ692" s="613"/>
      <c r="WLA692" s="613"/>
      <c r="WLB692" s="613"/>
      <c r="WLC692" s="613"/>
      <c r="WLD692" s="613"/>
      <c r="WLE692" s="613"/>
      <c r="WLF692" s="613"/>
      <c r="WLG692" s="613"/>
      <c r="WLH692" s="613"/>
      <c r="WLI692" s="613"/>
      <c r="WLJ692" s="613"/>
      <c r="WLK692" s="613"/>
      <c r="WLL692" s="613"/>
      <c r="WLM692" s="613"/>
      <c r="WLN692" s="613"/>
      <c r="WLO692" s="613"/>
      <c r="WLP692" s="613"/>
      <c r="WLQ692" s="613"/>
      <c r="WLR692" s="613"/>
      <c r="WLS692" s="613"/>
      <c r="WLT692" s="613"/>
      <c r="WLU692" s="613"/>
      <c r="WLV692" s="613"/>
      <c r="WLW692" s="613"/>
      <c r="WLX692" s="613"/>
      <c r="WLY692" s="613"/>
      <c r="WLZ692" s="613"/>
      <c r="WMA692" s="613"/>
      <c r="WMB692" s="613"/>
      <c r="WMC692" s="613"/>
      <c r="WMD692" s="613"/>
      <c r="WME692" s="613"/>
      <c r="WMF692" s="613"/>
      <c r="WMG692" s="613"/>
      <c r="WMH692" s="613"/>
      <c r="WMI692" s="613"/>
      <c r="WMJ692" s="613"/>
      <c r="WMK692" s="613"/>
      <c r="WML692" s="613"/>
      <c r="WMM692" s="613"/>
      <c r="WMN692" s="613"/>
      <c r="WMO692" s="613"/>
      <c r="WMP692" s="613"/>
      <c r="WMQ692" s="613"/>
      <c r="WMR692" s="613"/>
      <c r="WMS692" s="613"/>
      <c r="WMT692" s="613"/>
      <c r="WMU692" s="613"/>
      <c r="WMV692" s="613"/>
      <c r="WMW692" s="613"/>
      <c r="WMX692" s="613"/>
      <c r="WMY692" s="613"/>
      <c r="WMZ692" s="613"/>
      <c r="WNA692" s="613"/>
      <c r="WNB692" s="613"/>
      <c r="WNC692" s="613"/>
      <c r="WND692" s="613"/>
      <c r="WNE692" s="613"/>
      <c r="WNF692" s="613"/>
      <c r="WNG692" s="613"/>
      <c r="WNH692" s="613"/>
      <c r="WNI692" s="613"/>
      <c r="WNJ692" s="613"/>
      <c r="WNK692" s="613"/>
      <c r="WNL692" s="613"/>
      <c r="WNM692" s="613"/>
      <c r="WNN692" s="613"/>
      <c r="WNO692" s="613"/>
      <c r="WNP692" s="613"/>
      <c r="WNQ692" s="613"/>
      <c r="WNR692" s="613"/>
      <c r="WNS692" s="613"/>
      <c r="WNT692" s="613"/>
      <c r="WNU692" s="613"/>
      <c r="WNV692" s="613"/>
      <c r="WNW692" s="613"/>
      <c r="WNX692" s="613"/>
      <c r="WNY692" s="613"/>
      <c r="WNZ692" s="613"/>
      <c r="WOA692" s="613"/>
      <c r="WOB692" s="613"/>
      <c r="WOC692" s="613"/>
      <c r="WOD692" s="613"/>
      <c r="WOE692" s="613"/>
      <c r="WOF692" s="613"/>
      <c r="WOG692" s="613"/>
      <c r="WOH692" s="613"/>
      <c r="WOI692" s="613"/>
      <c r="WOJ692" s="613"/>
      <c r="WOK692" s="613"/>
      <c r="WOL692" s="613"/>
      <c r="WOM692" s="613"/>
      <c r="WON692" s="613"/>
      <c r="WOO692" s="613"/>
      <c r="WOP692" s="613"/>
      <c r="WOQ692" s="613"/>
      <c r="WOR692" s="613"/>
      <c r="WOS692" s="613"/>
      <c r="WOT692" s="613"/>
      <c r="WOU692" s="613"/>
      <c r="WOV692" s="613"/>
      <c r="WOW692" s="613"/>
      <c r="WOX692" s="613"/>
      <c r="WOY692" s="613"/>
      <c r="WOZ692" s="613"/>
      <c r="WPA692" s="613"/>
      <c r="WPB692" s="613"/>
      <c r="WPC692" s="613"/>
      <c r="WPD692" s="613"/>
      <c r="WPE692" s="613"/>
      <c r="WPF692" s="613"/>
      <c r="WPG692" s="613"/>
      <c r="WPH692" s="613"/>
      <c r="WPI692" s="613"/>
      <c r="WPJ692" s="613"/>
      <c r="WPK692" s="613"/>
      <c r="WPL692" s="613"/>
      <c r="WPM692" s="613"/>
      <c r="WPN692" s="613"/>
      <c r="WPO692" s="613"/>
      <c r="WPP692" s="613"/>
      <c r="WPQ692" s="613"/>
      <c r="WPR692" s="613"/>
      <c r="WPS692" s="613"/>
      <c r="WPT692" s="613"/>
      <c r="WPU692" s="613"/>
      <c r="WPV692" s="613"/>
      <c r="WPW692" s="613"/>
      <c r="WPX692" s="613"/>
      <c r="WPY692" s="613"/>
      <c r="WPZ692" s="613"/>
      <c r="WQA692" s="613"/>
      <c r="WQB692" s="613"/>
      <c r="WQC692" s="613"/>
      <c r="WQD692" s="613"/>
      <c r="WQE692" s="613"/>
      <c r="WQF692" s="613"/>
      <c r="WQG692" s="613"/>
      <c r="WQH692" s="613"/>
      <c r="WQI692" s="613"/>
      <c r="WQJ692" s="613"/>
      <c r="WQK692" s="613"/>
      <c r="WQL692" s="613"/>
      <c r="WQM692" s="613"/>
      <c r="WQN692" s="613"/>
      <c r="WQO692" s="613"/>
      <c r="WQP692" s="613"/>
      <c r="WQQ692" s="613"/>
      <c r="WQR692" s="613"/>
      <c r="WQS692" s="613"/>
      <c r="WQT692" s="613"/>
      <c r="WQU692" s="613"/>
      <c r="WQV692" s="613"/>
      <c r="WQW692" s="613"/>
      <c r="WQX692" s="613"/>
      <c r="WQY692" s="613"/>
      <c r="WQZ692" s="613"/>
      <c r="WRA692" s="613"/>
      <c r="WRB692" s="613"/>
      <c r="WRC692" s="613"/>
      <c r="WRD692" s="613"/>
      <c r="WRE692" s="613"/>
      <c r="WRF692" s="613"/>
      <c r="WRG692" s="613"/>
      <c r="WRH692" s="613"/>
      <c r="WRI692" s="613"/>
      <c r="WRJ692" s="613"/>
      <c r="WRK692" s="613"/>
      <c r="WRL692" s="613"/>
      <c r="WRM692" s="613"/>
      <c r="WRN692" s="613"/>
      <c r="WRO692" s="613"/>
      <c r="WRP692" s="613"/>
      <c r="WRQ692" s="613"/>
      <c r="WRR692" s="613"/>
      <c r="WRS692" s="613"/>
      <c r="WRT692" s="613"/>
      <c r="WRU692" s="613"/>
      <c r="WRV692" s="613"/>
      <c r="WRW692" s="613"/>
      <c r="WRX692" s="613"/>
      <c r="WRY692" s="613"/>
      <c r="WRZ692" s="613"/>
      <c r="WSA692" s="613"/>
      <c r="WSB692" s="613"/>
      <c r="WSC692" s="613"/>
      <c r="WSD692" s="613"/>
      <c r="WSE692" s="613"/>
      <c r="WSF692" s="613"/>
      <c r="WSG692" s="613"/>
      <c r="WSH692" s="613"/>
      <c r="WSI692" s="613"/>
      <c r="WSJ692" s="613"/>
      <c r="WSK692" s="613"/>
      <c r="WSL692" s="613"/>
      <c r="WSM692" s="613"/>
      <c r="WSN692" s="613"/>
      <c r="WSO692" s="613"/>
      <c r="WSP692" s="613"/>
      <c r="WSQ692" s="613"/>
      <c r="WSR692" s="613"/>
      <c r="WSS692" s="613"/>
      <c r="WST692" s="613"/>
      <c r="WSU692" s="613"/>
      <c r="WSV692" s="613"/>
      <c r="WSW692" s="613"/>
      <c r="WSX692" s="613"/>
      <c r="WSY692" s="613"/>
      <c r="WSZ692" s="613"/>
      <c r="WTA692" s="613"/>
      <c r="WTB692" s="613"/>
      <c r="WTC692" s="613"/>
      <c r="WTD692" s="613"/>
      <c r="WTE692" s="613"/>
      <c r="WTF692" s="613"/>
      <c r="WTG692" s="613"/>
      <c r="WTH692" s="613"/>
      <c r="WTI692" s="613"/>
      <c r="WTJ692" s="613"/>
      <c r="WTK692" s="613"/>
      <c r="WTL692" s="613"/>
      <c r="WTM692" s="613"/>
      <c r="WTN692" s="613"/>
      <c r="WTO692" s="613"/>
      <c r="WTP692" s="613"/>
      <c r="WTQ692" s="613"/>
      <c r="WTR692" s="613"/>
      <c r="WTS692" s="613"/>
      <c r="WTT692" s="613"/>
      <c r="WTU692" s="613"/>
      <c r="WTV692" s="613"/>
      <c r="WTW692" s="613"/>
      <c r="WTX692" s="613"/>
      <c r="WTY692" s="613"/>
      <c r="WTZ692" s="613"/>
      <c r="WUA692" s="613"/>
      <c r="WUB692" s="613"/>
      <c r="WUC692" s="613"/>
      <c r="WUD692" s="613"/>
      <c r="WUE692" s="613"/>
      <c r="WUF692" s="613"/>
      <c r="WUG692" s="613"/>
      <c r="WUH692" s="613"/>
      <c r="WUI692" s="613"/>
      <c r="WUJ692" s="613"/>
      <c r="WUK692" s="613"/>
      <c r="WUL692" s="613"/>
      <c r="WUM692" s="613"/>
      <c r="WUN692" s="613"/>
      <c r="WUO692" s="613"/>
      <c r="WUP692" s="613"/>
      <c r="WUQ692" s="613"/>
      <c r="WUR692" s="613"/>
      <c r="WUS692" s="613"/>
      <c r="WUT692" s="613"/>
      <c r="WUU692" s="613"/>
      <c r="WUV692" s="613"/>
      <c r="WUW692" s="613"/>
      <c r="WUX692" s="613"/>
      <c r="WUY692" s="613"/>
      <c r="WUZ692" s="613"/>
      <c r="WVA692" s="613"/>
      <c r="WVB692" s="613"/>
      <c r="WVC692" s="613"/>
      <c r="WVD692" s="613"/>
      <c r="WVE692" s="613"/>
      <c r="WVF692" s="613"/>
      <c r="WVG692" s="613"/>
      <c r="WVH692" s="613"/>
      <c r="WVI692" s="613"/>
      <c r="WVJ692" s="613"/>
      <c r="WVK692" s="613"/>
      <c r="WVL692" s="613"/>
      <c r="WVM692" s="613"/>
      <c r="WVN692" s="613"/>
      <c r="WVO692" s="613"/>
      <c r="WVP692" s="613"/>
      <c r="WVQ692" s="613"/>
      <c r="WVR692" s="613"/>
      <c r="WVS692" s="613"/>
      <c r="WVT692" s="613"/>
      <c r="WVU692" s="613"/>
      <c r="WVV692" s="613"/>
      <c r="WVW692" s="613"/>
      <c r="WVX692" s="613"/>
      <c r="WVY692" s="613"/>
      <c r="WVZ692" s="613"/>
      <c r="WWA692" s="613"/>
      <c r="WWB692" s="613"/>
      <c r="WWC692" s="613"/>
      <c r="WWD692" s="613"/>
      <c r="WWE692" s="613"/>
      <c r="WWF692" s="613"/>
      <c r="WWG692" s="613"/>
      <c r="WWH692" s="613"/>
      <c r="WWI692" s="613"/>
      <c r="WWJ692" s="613"/>
      <c r="WWK692" s="613"/>
      <c r="WWL692" s="613"/>
      <c r="WWM692" s="613"/>
      <c r="WWN692" s="613"/>
      <c r="WWO692" s="613"/>
      <c r="WWP692" s="613"/>
      <c r="WWQ692" s="613"/>
      <c r="WWR692" s="613"/>
      <c r="WWS692" s="613"/>
      <c r="WWT692" s="613"/>
      <c r="WWU692" s="613"/>
      <c r="WWV692" s="613"/>
      <c r="WWW692" s="613"/>
      <c r="WWX692" s="613"/>
      <c r="WWY692" s="613"/>
      <c r="WWZ692" s="613"/>
      <c r="WXA692" s="613"/>
      <c r="WXB692" s="613"/>
      <c r="WXC692" s="613"/>
      <c r="WXD692" s="613"/>
      <c r="WXE692" s="613"/>
      <c r="WXF692" s="613"/>
      <c r="WXG692" s="613"/>
      <c r="WXH692" s="613"/>
      <c r="WXI692" s="613"/>
      <c r="WXJ692" s="613"/>
      <c r="WXK692" s="613"/>
      <c r="WXL692" s="613"/>
      <c r="WXM692" s="613"/>
      <c r="WXN692" s="613"/>
      <c r="WXO692" s="613"/>
      <c r="WXP692" s="613"/>
      <c r="WXQ692" s="613"/>
      <c r="WXR692" s="613"/>
      <c r="WXS692" s="613"/>
      <c r="WXT692" s="613"/>
      <c r="WXU692" s="613"/>
      <c r="WXV692" s="613"/>
      <c r="WXW692" s="613"/>
      <c r="WXX692" s="613"/>
      <c r="WXY692" s="613"/>
      <c r="WXZ692" s="613"/>
      <c r="WYA692" s="613"/>
      <c r="WYB692" s="613"/>
      <c r="WYC692" s="613"/>
      <c r="WYD692" s="613"/>
      <c r="WYE692" s="613"/>
      <c r="WYF692" s="613"/>
      <c r="WYG692" s="613"/>
      <c r="WYH692" s="613"/>
      <c r="WYI692" s="613"/>
      <c r="WYJ692" s="613"/>
      <c r="WYK692" s="613"/>
      <c r="WYL692" s="613"/>
      <c r="WYM692" s="613"/>
      <c r="WYN692" s="613"/>
      <c r="WYO692" s="613"/>
      <c r="WYP692" s="613"/>
      <c r="WYQ692" s="613"/>
      <c r="WYR692" s="613"/>
      <c r="WYS692" s="613"/>
      <c r="WYT692" s="613"/>
      <c r="WYU692" s="613"/>
      <c r="WYV692" s="613"/>
      <c r="WYW692" s="613"/>
      <c r="WYX692" s="613"/>
      <c r="WYY692" s="613"/>
      <c r="WYZ692" s="613"/>
      <c r="WZA692" s="613"/>
      <c r="WZB692" s="613"/>
      <c r="WZC692" s="613"/>
      <c r="WZD692" s="613"/>
      <c r="WZE692" s="613"/>
      <c r="WZF692" s="613"/>
      <c r="WZG692" s="613"/>
      <c r="WZH692" s="613"/>
      <c r="WZI692" s="613"/>
      <c r="WZJ692" s="613"/>
      <c r="WZK692" s="613"/>
      <c r="WZL692" s="613"/>
      <c r="WZM692" s="613"/>
      <c r="WZN692" s="613"/>
      <c r="WZO692" s="613"/>
      <c r="WZP692" s="613"/>
      <c r="WZQ692" s="613"/>
      <c r="WZR692" s="613"/>
      <c r="WZS692" s="613"/>
      <c r="WZT692" s="613"/>
      <c r="WZU692" s="613"/>
      <c r="WZV692" s="613"/>
      <c r="WZW692" s="613"/>
      <c r="WZX692" s="613"/>
      <c r="WZY692" s="613"/>
      <c r="WZZ692" s="613"/>
      <c r="XAA692" s="613"/>
      <c r="XAB692" s="613"/>
      <c r="XAC692" s="613"/>
      <c r="XAD692" s="613"/>
      <c r="XAE692" s="613"/>
      <c r="XAF692" s="613"/>
      <c r="XAG692" s="613"/>
      <c r="XAH692" s="613"/>
      <c r="XAI692" s="613"/>
      <c r="XAJ692" s="613"/>
      <c r="XAK692" s="613"/>
      <c r="XAL692" s="613"/>
      <c r="XAM692" s="613"/>
      <c r="XAN692" s="613"/>
      <c r="XAO692" s="613"/>
      <c r="XAP692" s="613"/>
      <c r="XAQ692" s="613"/>
      <c r="XAR692" s="613"/>
      <c r="XAS692" s="613"/>
      <c r="XAT692" s="613"/>
      <c r="XAU692" s="613"/>
      <c r="XAV692" s="613"/>
      <c r="XAW692" s="613"/>
      <c r="XAX692" s="613"/>
      <c r="XAY692" s="613"/>
      <c r="XAZ692" s="613"/>
      <c r="XBA692" s="613"/>
      <c r="XBB692" s="613"/>
      <c r="XBC692" s="613"/>
      <c r="XBD692" s="613"/>
      <c r="XBE692" s="613"/>
      <c r="XBF692" s="613"/>
      <c r="XBG692" s="613"/>
      <c r="XBH692" s="613"/>
      <c r="XBI692" s="613"/>
      <c r="XBJ692" s="613"/>
      <c r="XBK692" s="613"/>
      <c r="XBL692" s="613"/>
      <c r="XBM692" s="613"/>
      <c r="XBN692" s="613"/>
      <c r="XBO692" s="613"/>
      <c r="XBP692" s="613"/>
      <c r="XBQ692" s="613"/>
      <c r="XBR692" s="613"/>
      <c r="XBS692" s="613"/>
      <c r="XBT692" s="613"/>
      <c r="XBU692" s="613"/>
      <c r="XBV692" s="613"/>
      <c r="XBW692" s="613"/>
      <c r="XBX692" s="613"/>
      <c r="XBY692" s="613"/>
      <c r="XBZ692" s="613"/>
      <c r="XCA692" s="613"/>
      <c r="XCB692" s="613"/>
      <c r="XCC692" s="613"/>
      <c r="XCD692" s="613"/>
      <c r="XCE692" s="613"/>
      <c r="XCF692" s="613"/>
      <c r="XCG692" s="613"/>
      <c r="XCH692" s="613"/>
      <c r="XCI692" s="613"/>
      <c r="XCJ692" s="613"/>
      <c r="XCK692" s="613"/>
      <c r="XCL692" s="613"/>
      <c r="XCM692" s="613"/>
      <c r="XCN692" s="613"/>
      <c r="XCO692" s="613"/>
      <c r="XCP692" s="613"/>
      <c r="XCQ692" s="613"/>
    </row>
    <row r="693" spans="1:16319" ht="56.1" customHeight="1" x14ac:dyDescent="0.2">
      <c r="A693" s="494"/>
      <c r="B693" s="494"/>
      <c r="C693" s="494"/>
      <c r="D693" s="481">
        <v>245</v>
      </c>
      <c r="E693" s="481"/>
      <c r="F693" s="481" t="s">
        <v>2481</v>
      </c>
      <c r="G693" s="482" t="s">
        <v>53</v>
      </c>
      <c r="H693" s="765" t="s">
        <v>329</v>
      </c>
      <c r="I693" s="654" t="s">
        <v>482</v>
      </c>
      <c r="J693" s="654" t="s">
        <v>483</v>
      </c>
      <c r="K693" s="495" t="s">
        <v>492</v>
      </c>
      <c r="L693" s="621"/>
      <c r="M693" s="484" t="s">
        <v>58</v>
      </c>
      <c r="N693" s="327" t="s">
        <v>1363</v>
      </c>
      <c r="O693" s="484" t="s">
        <v>2996</v>
      </c>
      <c r="P693" s="484" t="s">
        <v>81</v>
      </c>
      <c r="Q693" s="667" t="s">
        <v>334</v>
      </c>
      <c r="R693" s="484" t="s">
        <v>334</v>
      </c>
      <c r="S693" s="484" t="s">
        <v>225</v>
      </c>
      <c r="T693" s="484"/>
      <c r="U693" s="620" t="s">
        <v>63</v>
      </c>
      <c r="V693" s="620" t="s">
        <v>63</v>
      </c>
      <c r="W693" s="723">
        <v>197348</v>
      </c>
      <c r="X693" s="723"/>
      <c r="Y693" s="654" t="s">
        <v>226</v>
      </c>
      <c r="Z693" s="654"/>
      <c r="AA693" s="723">
        <v>197348</v>
      </c>
      <c r="AB693" s="652" t="s">
        <v>82</v>
      </c>
      <c r="AC693" s="652"/>
      <c r="AD693" s="496"/>
      <c r="AE693" s="496"/>
      <c r="AF693" s="496"/>
      <c r="AG693" s="487" t="s">
        <v>66</v>
      </c>
      <c r="AH693" s="496"/>
      <c r="AI693" s="496"/>
      <c r="AJ693" s="496"/>
      <c r="AK693" s="496"/>
      <c r="AL693" s="496"/>
      <c r="AM693" s="496"/>
      <c r="AN693" s="496"/>
      <c r="AO693" s="496"/>
      <c r="AP693" s="496"/>
      <c r="AQ693" s="496"/>
      <c r="AR693" s="496"/>
      <c r="AS693" s="496"/>
      <c r="AT693" s="496"/>
      <c r="AU693" s="487"/>
      <c r="AV693" s="487"/>
      <c r="AW693" s="487"/>
      <c r="AX693" s="487"/>
      <c r="AY693" s="487"/>
      <c r="AZ693" s="487"/>
      <c r="BA693" s="484"/>
      <c r="BB693" s="484" t="s">
        <v>485</v>
      </c>
      <c r="BC693" s="484" t="s">
        <v>3041</v>
      </c>
      <c r="BD693" s="494"/>
      <c r="BE693" s="494"/>
      <c r="BF693" s="613"/>
      <c r="BG693" s="613"/>
      <c r="BH693" s="613"/>
      <c r="BI693" s="613"/>
      <c r="BJ693" s="613"/>
      <c r="BK693" s="613"/>
      <c r="BL693" s="613"/>
      <c r="BM693" s="613"/>
      <c r="BN693" s="613"/>
      <c r="BO693" s="613"/>
      <c r="BP693" s="613"/>
      <c r="BQ693" s="613"/>
      <c r="BR693" s="613"/>
      <c r="BS693" s="613"/>
      <c r="BT693" s="613"/>
      <c r="BU693" s="613"/>
      <c r="BV693" s="613"/>
      <c r="BW693" s="613"/>
      <c r="BX693" s="613"/>
      <c r="BY693" s="613"/>
      <c r="BZ693" s="613"/>
      <c r="CA693" s="613"/>
      <c r="CB693" s="613"/>
      <c r="CC693" s="613"/>
      <c r="CD693" s="613"/>
      <c r="CE693" s="613"/>
      <c r="CF693" s="613"/>
      <c r="CG693" s="613"/>
      <c r="CH693" s="613"/>
      <c r="CI693" s="613"/>
      <c r="CJ693" s="613"/>
      <c r="CK693" s="613"/>
      <c r="CL693" s="613"/>
      <c r="CM693" s="613"/>
      <c r="CN693" s="613"/>
      <c r="CO693" s="613"/>
      <c r="CP693" s="613"/>
      <c r="CQ693" s="613"/>
      <c r="CR693" s="613"/>
      <c r="CS693" s="613"/>
      <c r="CT693" s="613"/>
      <c r="CU693" s="613"/>
      <c r="CV693" s="613"/>
      <c r="CW693" s="613"/>
      <c r="CX693" s="613"/>
      <c r="CY693" s="613"/>
      <c r="CZ693" s="613"/>
      <c r="DA693" s="613"/>
      <c r="DB693" s="613"/>
      <c r="DC693" s="613"/>
      <c r="DD693" s="613"/>
      <c r="DE693" s="613"/>
      <c r="DF693" s="613"/>
      <c r="DG693" s="613"/>
      <c r="DH693" s="613"/>
      <c r="DI693" s="613"/>
      <c r="DJ693" s="613"/>
      <c r="DK693" s="613"/>
      <c r="DL693" s="613"/>
      <c r="DM693" s="613"/>
      <c r="DN693" s="613"/>
      <c r="DO693" s="613"/>
      <c r="DP693" s="613"/>
      <c r="DQ693" s="613"/>
      <c r="DR693" s="613"/>
      <c r="DS693" s="613"/>
      <c r="DT693" s="613"/>
      <c r="DU693" s="613"/>
      <c r="DV693" s="613"/>
      <c r="DW693" s="613"/>
      <c r="DX693" s="613"/>
      <c r="DY693" s="613"/>
      <c r="DZ693" s="613"/>
      <c r="EA693" s="613"/>
      <c r="EB693" s="613"/>
      <c r="EC693" s="613"/>
      <c r="ED693" s="613"/>
      <c r="EE693" s="613"/>
      <c r="EF693" s="613"/>
      <c r="EG693" s="613"/>
      <c r="EH693" s="613"/>
      <c r="EI693" s="613"/>
      <c r="EJ693" s="613"/>
      <c r="EK693" s="613"/>
      <c r="EL693" s="613"/>
      <c r="EM693" s="613"/>
      <c r="EN693" s="613"/>
      <c r="EO693" s="613"/>
      <c r="EP693" s="613"/>
      <c r="EQ693" s="613"/>
      <c r="ER693" s="613"/>
      <c r="ES693" s="613"/>
      <c r="ET693" s="613"/>
      <c r="EU693" s="613"/>
      <c r="EV693" s="613"/>
      <c r="EW693" s="613"/>
      <c r="EX693" s="613"/>
      <c r="EY693" s="613"/>
      <c r="EZ693" s="613"/>
      <c r="FA693" s="613"/>
      <c r="FB693" s="613"/>
      <c r="FC693" s="613"/>
      <c r="FD693" s="613"/>
      <c r="FE693" s="613"/>
      <c r="FF693" s="613"/>
      <c r="FG693" s="613"/>
      <c r="FH693" s="613"/>
      <c r="FI693" s="613"/>
      <c r="FJ693" s="613"/>
      <c r="FK693" s="613"/>
      <c r="FL693" s="613"/>
      <c r="FM693" s="613"/>
      <c r="FN693" s="613"/>
      <c r="FO693" s="613"/>
      <c r="FP693" s="613"/>
      <c r="FQ693" s="613"/>
      <c r="FR693" s="613"/>
      <c r="FS693" s="613"/>
      <c r="FT693" s="613"/>
      <c r="FU693" s="613"/>
      <c r="FV693" s="613"/>
      <c r="FW693" s="613"/>
      <c r="FX693" s="613"/>
      <c r="FY693" s="613"/>
      <c r="FZ693" s="613"/>
      <c r="GA693" s="613"/>
      <c r="GB693" s="613"/>
      <c r="GC693" s="613"/>
      <c r="GD693" s="613"/>
      <c r="GE693" s="613"/>
      <c r="GF693" s="613"/>
      <c r="GG693" s="613"/>
      <c r="GH693" s="613"/>
      <c r="GI693" s="613"/>
      <c r="GJ693" s="613"/>
      <c r="GK693" s="613"/>
      <c r="GL693" s="613"/>
      <c r="GM693" s="613"/>
      <c r="GN693" s="613"/>
      <c r="GO693" s="613"/>
      <c r="GP693" s="613"/>
      <c r="GQ693" s="613"/>
      <c r="GR693" s="613"/>
      <c r="GS693" s="613"/>
      <c r="GT693" s="613"/>
      <c r="GU693" s="613"/>
      <c r="GV693" s="613"/>
      <c r="GW693" s="613"/>
      <c r="GX693" s="613"/>
      <c r="GY693" s="613"/>
      <c r="GZ693" s="613"/>
      <c r="HA693" s="613"/>
      <c r="HB693" s="613"/>
      <c r="HC693" s="613"/>
      <c r="HD693" s="613"/>
      <c r="HE693" s="613"/>
      <c r="HF693" s="613"/>
      <c r="HG693" s="613"/>
      <c r="HH693" s="613"/>
      <c r="HI693" s="613"/>
      <c r="HJ693" s="613"/>
      <c r="HK693" s="613"/>
      <c r="HL693" s="613"/>
      <c r="HM693" s="613"/>
      <c r="HN693" s="613"/>
      <c r="HO693" s="613"/>
      <c r="HP693" s="613"/>
      <c r="HQ693" s="613"/>
      <c r="HR693" s="613"/>
      <c r="HS693" s="613"/>
      <c r="HT693" s="613"/>
      <c r="HU693" s="613"/>
      <c r="HV693" s="613"/>
      <c r="HW693" s="613"/>
      <c r="HX693" s="613"/>
      <c r="HY693" s="613"/>
      <c r="HZ693" s="613"/>
      <c r="IA693" s="613"/>
      <c r="IB693" s="613"/>
      <c r="IC693" s="613"/>
      <c r="ID693" s="613"/>
      <c r="IE693" s="613"/>
      <c r="IF693" s="613"/>
      <c r="IG693" s="613"/>
      <c r="IH693" s="613"/>
      <c r="II693" s="613"/>
      <c r="IJ693" s="613"/>
      <c r="IK693" s="613"/>
      <c r="IL693" s="613"/>
      <c r="IM693" s="613"/>
      <c r="IN693" s="613"/>
      <c r="IO693" s="613"/>
      <c r="IP693" s="613"/>
      <c r="IQ693" s="613"/>
      <c r="IR693" s="613"/>
      <c r="IS693" s="613"/>
      <c r="IT693" s="613"/>
      <c r="IU693" s="613"/>
      <c r="IV693" s="613"/>
      <c r="IW693" s="613"/>
      <c r="IX693" s="613"/>
      <c r="IY693" s="613"/>
      <c r="IZ693" s="613"/>
      <c r="JA693" s="613"/>
      <c r="JB693" s="613"/>
      <c r="JC693" s="613"/>
      <c r="JD693" s="613"/>
      <c r="JE693" s="613"/>
      <c r="JF693" s="613"/>
      <c r="JG693" s="613"/>
      <c r="JH693" s="613"/>
      <c r="JI693" s="613"/>
      <c r="JJ693" s="613"/>
      <c r="JK693" s="613"/>
      <c r="JL693" s="613"/>
      <c r="JM693" s="613"/>
      <c r="JN693" s="613"/>
      <c r="JO693" s="613"/>
      <c r="JP693" s="613"/>
      <c r="JQ693" s="613"/>
      <c r="JR693" s="613"/>
      <c r="JS693" s="613"/>
      <c r="JT693" s="613"/>
      <c r="JU693" s="613"/>
      <c r="JV693" s="613"/>
      <c r="JW693" s="613"/>
      <c r="JX693" s="613"/>
      <c r="JY693" s="613"/>
      <c r="JZ693" s="613"/>
      <c r="KA693" s="613"/>
      <c r="KB693" s="613"/>
      <c r="KC693" s="613"/>
      <c r="KD693" s="613"/>
      <c r="KE693" s="613"/>
      <c r="KF693" s="613"/>
      <c r="KG693" s="613"/>
      <c r="KH693" s="613"/>
      <c r="KI693" s="613"/>
      <c r="KJ693" s="613"/>
      <c r="KK693" s="613"/>
      <c r="KL693" s="613"/>
      <c r="KM693" s="613"/>
      <c r="KN693" s="613"/>
      <c r="KO693" s="613"/>
      <c r="KP693" s="613"/>
      <c r="KQ693" s="613"/>
      <c r="KR693" s="613"/>
      <c r="KS693" s="613"/>
      <c r="KT693" s="613"/>
      <c r="KU693" s="613"/>
      <c r="KV693" s="613"/>
      <c r="KW693" s="613"/>
      <c r="KX693" s="613"/>
      <c r="KY693" s="613"/>
      <c r="KZ693" s="613"/>
      <c r="LA693" s="613"/>
      <c r="LB693" s="613"/>
      <c r="LC693" s="613"/>
      <c r="LD693" s="613"/>
      <c r="LE693" s="613"/>
      <c r="LF693" s="613"/>
      <c r="LG693" s="613"/>
      <c r="LH693" s="613"/>
      <c r="LI693" s="613"/>
      <c r="LJ693" s="613"/>
      <c r="LK693" s="613"/>
      <c r="LL693" s="613"/>
      <c r="LM693" s="613"/>
      <c r="LN693" s="613"/>
      <c r="LO693" s="613"/>
      <c r="LP693" s="613"/>
      <c r="LQ693" s="613"/>
      <c r="LR693" s="613"/>
      <c r="LS693" s="613"/>
      <c r="LT693" s="613"/>
      <c r="LU693" s="613"/>
      <c r="LV693" s="613"/>
      <c r="LW693" s="613"/>
      <c r="LX693" s="613"/>
      <c r="LY693" s="613"/>
      <c r="LZ693" s="613"/>
      <c r="MA693" s="613"/>
      <c r="MB693" s="613"/>
      <c r="MC693" s="613"/>
      <c r="MD693" s="613"/>
      <c r="ME693" s="613"/>
      <c r="MF693" s="613"/>
      <c r="MG693" s="613"/>
      <c r="MH693" s="613"/>
      <c r="MI693" s="613"/>
      <c r="MJ693" s="613"/>
      <c r="MK693" s="613"/>
      <c r="ML693" s="613"/>
      <c r="MM693" s="613"/>
      <c r="MN693" s="613"/>
      <c r="MO693" s="613"/>
      <c r="MP693" s="613"/>
      <c r="MQ693" s="613"/>
      <c r="MR693" s="613"/>
      <c r="MS693" s="613"/>
      <c r="MT693" s="613"/>
      <c r="MU693" s="613"/>
      <c r="MV693" s="613"/>
      <c r="MW693" s="613"/>
      <c r="MX693" s="613"/>
      <c r="MY693" s="613"/>
      <c r="MZ693" s="613"/>
      <c r="NA693" s="613"/>
      <c r="NB693" s="613"/>
      <c r="NC693" s="613"/>
      <c r="ND693" s="613"/>
      <c r="NE693" s="613"/>
      <c r="NF693" s="613"/>
      <c r="NG693" s="613"/>
      <c r="NH693" s="613"/>
      <c r="NI693" s="613"/>
      <c r="NJ693" s="613"/>
      <c r="NK693" s="613"/>
      <c r="NL693" s="613"/>
      <c r="NM693" s="613"/>
      <c r="NN693" s="613"/>
      <c r="NO693" s="613"/>
      <c r="NP693" s="613"/>
      <c r="NQ693" s="613"/>
      <c r="NR693" s="613"/>
      <c r="NS693" s="613"/>
      <c r="NT693" s="613"/>
      <c r="NU693" s="613"/>
      <c r="NV693" s="613"/>
      <c r="NW693" s="613"/>
      <c r="NX693" s="613"/>
      <c r="NY693" s="613"/>
      <c r="NZ693" s="613"/>
      <c r="OA693" s="613"/>
      <c r="OB693" s="613"/>
      <c r="OC693" s="613"/>
      <c r="OD693" s="613"/>
      <c r="OE693" s="613"/>
      <c r="OF693" s="613"/>
      <c r="OG693" s="613"/>
      <c r="OH693" s="613"/>
      <c r="OI693" s="613"/>
      <c r="OJ693" s="613"/>
      <c r="OK693" s="613"/>
      <c r="OL693" s="613"/>
      <c r="OM693" s="613"/>
      <c r="ON693" s="613"/>
      <c r="OO693" s="613"/>
      <c r="OP693" s="613"/>
      <c r="OQ693" s="613"/>
      <c r="OR693" s="613"/>
      <c r="OS693" s="613"/>
      <c r="OT693" s="613"/>
      <c r="OU693" s="613"/>
      <c r="OV693" s="613"/>
      <c r="OW693" s="613"/>
      <c r="OX693" s="613"/>
      <c r="OY693" s="613"/>
      <c r="OZ693" s="613"/>
      <c r="PA693" s="613"/>
      <c r="PB693" s="613"/>
      <c r="PC693" s="613"/>
      <c r="PD693" s="613"/>
      <c r="PE693" s="613"/>
      <c r="PF693" s="613"/>
      <c r="PG693" s="613"/>
      <c r="PH693" s="613"/>
      <c r="PI693" s="613"/>
      <c r="PJ693" s="613"/>
      <c r="PK693" s="613"/>
      <c r="PL693" s="613"/>
      <c r="PM693" s="613"/>
      <c r="PN693" s="613"/>
      <c r="PO693" s="613"/>
      <c r="PP693" s="613"/>
      <c r="PQ693" s="613"/>
      <c r="PR693" s="613"/>
      <c r="PS693" s="613"/>
      <c r="PT693" s="613"/>
      <c r="PU693" s="613"/>
      <c r="PV693" s="613"/>
      <c r="PW693" s="613"/>
      <c r="PX693" s="613"/>
      <c r="PY693" s="613"/>
      <c r="PZ693" s="613"/>
      <c r="QA693" s="613"/>
      <c r="QB693" s="613"/>
      <c r="QC693" s="613"/>
      <c r="QD693" s="613"/>
      <c r="QE693" s="613"/>
      <c r="QF693" s="613"/>
      <c r="QG693" s="613"/>
      <c r="QH693" s="613"/>
      <c r="QI693" s="613"/>
      <c r="QJ693" s="613"/>
      <c r="QK693" s="613"/>
      <c r="QL693" s="613"/>
      <c r="QM693" s="613"/>
      <c r="QN693" s="613"/>
      <c r="QO693" s="613"/>
      <c r="QP693" s="613"/>
      <c r="QQ693" s="613"/>
      <c r="QR693" s="613"/>
      <c r="QS693" s="613"/>
      <c r="QT693" s="613"/>
      <c r="QU693" s="613"/>
      <c r="QV693" s="613"/>
      <c r="QW693" s="613"/>
      <c r="QX693" s="613"/>
      <c r="QY693" s="613"/>
      <c r="QZ693" s="613"/>
      <c r="RA693" s="613"/>
      <c r="RB693" s="613"/>
      <c r="RC693" s="613"/>
      <c r="RD693" s="613"/>
      <c r="RE693" s="613"/>
      <c r="RF693" s="613"/>
      <c r="RG693" s="613"/>
      <c r="RH693" s="613"/>
      <c r="RI693" s="613"/>
      <c r="RJ693" s="613"/>
      <c r="RK693" s="613"/>
      <c r="RL693" s="613"/>
      <c r="RM693" s="613"/>
      <c r="RN693" s="613"/>
      <c r="RO693" s="613"/>
      <c r="RP693" s="613"/>
      <c r="RQ693" s="613"/>
      <c r="RR693" s="613"/>
      <c r="RS693" s="613"/>
      <c r="RT693" s="613"/>
      <c r="RU693" s="613"/>
      <c r="RV693" s="613"/>
      <c r="RW693" s="613"/>
      <c r="RX693" s="613"/>
      <c r="RY693" s="613"/>
      <c r="RZ693" s="613"/>
      <c r="SA693" s="613"/>
      <c r="SB693" s="613"/>
      <c r="SC693" s="613"/>
      <c r="SD693" s="613"/>
      <c r="SE693" s="613"/>
      <c r="SF693" s="613"/>
      <c r="SG693" s="613"/>
      <c r="SH693" s="613"/>
      <c r="SI693" s="613"/>
      <c r="SJ693" s="613"/>
      <c r="SK693" s="613"/>
      <c r="SL693" s="613"/>
      <c r="SM693" s="613"/>
      <c r="SN693" s="613"/>
      <c r="SO693" s="613"/>
      <c r="SP693" s="613"/>
      <c r="SQ693" s="613"/>
      <c r="SR693" s="613"/>
      <c r="SS693" s="613"/>
      <c r="ST693" s="613"/>
      <c r="SU693" s="613"/>
      <c r="SV693" s="613"/>
      <c r="SW693" s="613"/>
      <c r="SX693" s="613"/>
      <c r="SY693" s="613"/>
      <c r="SZ693" s="613"/>
      <c r="TA693" s="613"/>
      <c r="TB693" s="613"/>
      <c r="TC693" s="613"/>
      <c r="TD693" s="613"/>
      <c r="TE693" s="613"/>
      <c r="TF693" s="613"/>
      <c r="TG693" s="613"/>
      <c r="TH693" s="613"/>
      <c r="TI693" s="613"/>
      <c r="TJ693" s="613"/>
      <c r="TK693" s="613"/>
      <c r="TL693" s="613"/>
      <c r="TM693" s="613"/>
      <c r="TN693" s="613"/>
      <c r="TO693" s="613"/>
      <c r="TP693" s="613"/>
      <c r="TQ693" s="613"/>
      <c r="TR693" s="613"/>
      <c r="TS693" s="613"/>
      <c r="TT693" s="613"/>
      <c r="TU693" s="613"/>
      <c r="TV693" s="613"/>
      <c r="TW693" s="613"/>
      <c r="TX693" s="613"/>
      <c r="TY693" s="613"/>
      <c r="TZ693" s="613"/>
      <c r="UA693" s="613"/>
      <c r="UB693" s="613"/>
      <c r="UC693" s="613"/>
      <c r="UD693" s="613"/>
      <c r="UE693" s="613"/>
      <c r="UF693" s="613"/>
      <c r="UG693" s="613"/>
      <c r="UH693" s="613"/>
      <c r="UI693" s="613"/>
      <c r="UJ693" s="613"/>
      <c r="UK693" s="613"/>
      <c r="UL693" s="613"/>
      <c r="UM693" s="613"/>
      <c r="UN693" s="613"/>
      <c r="UO693" s="613"/>
      <c r="UP693" s="613"/>
      <c r="UQ693" s="613"/>
      <c r="UR693" s="613"/>
      <c r="US693" s="613"/>
      <c r="UT693" s="613"/>
      <c r="UU693" s="613"/>
      <c r="UV693" s="613"/>
      <c r="UW693" s="613"/>
      <c r="UX693" s="613"/>
      <c r="UY693" s="613"/>
      <c r="UZ693" s="613"/>
      <c r="VA693" s="613"/>
      <c r="VB693" s="613"/>
      <c r="VC693" s="613"/>
      <c r="VD693" s="613"/>
      <c r="VE693" s="613"/>
      <c r="VF693" s="613"/>
      <c r="VG693" s="613"/>
      <c r="VH693" s="613"/>
      <c r="VI693" s="613"/>
      <c r="VJ693" s="613"/>
      <c r="VK693" s="613"/>
      <c r="VL693" s="613"/>
      <c r="VM693" s="613"/>
      <c r="VN693" s="613"/>
      <c r="VO693" s="613"/>
      <c r="VP693" s="613"/>
      <c r="VQ693" s="613"/>
      <c r="VR693" s="613"/>
      <c r="VS693" s="613"/>
      <c r="VT693" s="613"/>
      <c r="VU693" s="613"/>
      <c r="VV693" s="613"/>
      <c r="VW693" s="613"/>
      <c r="VX693" s="613"/>
      <c r="VY693" s="613"/>
      <c r="VZ693" s="613"/>
      <c r="WA693" s="613"/>
      <c r="WB693" s="613"/>
      <c r="WC693" s="613"/>
      <c r="WD693" s="613"/>
      <c r="WE693" s="613"/>
      <c r="WF693" s="613"/>
      <c r="WG693" s="613"/>
      <c r="WH693" s="613"/>
      <c r="WI693" s="613"/>
      <c r="WJ693" s="613"/>
      <c r="WK693" s="613"/>
      <c r="WL693" s="613"/>
      <c r="WM693" s="613"/>
      <c r="WN693" s="613"/>
      <c r="WO693" s="613"/>
      <c r="WP693" s="613"/>
      <c r="WQ693" s="613"/>
      <c r="WR693" s="613"/>
      <c r="WS693" s="613"/>
      <c r="WT693" s="613"/>
      <c r="WU693" s="613"/>
      <c r="WV693" s="613"/>
      <c r="WW693" s="613"/>
      <c r="WX693" s="613"/>
      <c r="WY693" s="613"/>
      <c r="WZ693" s="613"/>
      <c r="XA693" s="613"/>
      <c r="XB693" s="613"/>
      <c r="XC693" s="613"/>
      <c r="XD693" s="613"/>
      <c r="XE693" s="613"/>
      <c r="XF693" s="613"/>
      <c r="XG693" s="613"/>
      <c r="XH693" s="613"/>
      <c r="XI693" s="613"/>
      <c r="XJ693" s="613"/>
      <c r="XK693" s="613"/>
      <c r="XL693" s="613"/>
      <c r="XM693" s="613"/>
      <c r="XN693" s="613"/>
      <c r="XO693" s="613"/>
      <c r="XP693" s="613"/>
      <c r="XQ693" s="613"/>
      <c r="XR693" s="613"/>
      <c r="XS693" s="613"/>
      <c r="XT693" s="613"/>
      <c r="XU693" s="613"/>
      <c r="XV693" s="613"/>
      <c r="XW693" s="613"/>
      <c r="XX693" s="613"/>
      <c r="XY693" s="613"/>
      <c r="XZ693" s="613"/>
      <c r="YA693" s="613"/>
      <c r="YB693" s="613"/>
      <c r="YC693" s="613"/>
      <c r="YD693" s="613"/>
      <c r="YE693" s="613"/>
      <c r="YF693" s="613"/>
      <c r="YG693" s="613"/>
      <c r="YH693" s="613"/>
      <c r="YI693" s="613"/>
      <c r="YJ693" s="613"/>
      <c r="YK693" s="613"/>
      <c r="YL693" s="613"/>
      <c r="YM693" s="613"/>
      <c r="YN693" s="613"/>
      <c r="YO693" s="613"/>
      <c r="YP693" s="613"/>
      <c r="YQ693" s="613"/>
      <c r="YR693" s="613"/>
      <c r="YS693" s="613"/>
      <c r="YT693" s="613"/>
      <c r="YU693" s="613"/>
      <c r="YV693" s="613"/>
      <c r="YW693" s="613"/>
      <c r="YX693" s="613"/>
      <c r="YY693" s="613"/>
      <c r="YZ693" s="613"/>
      <c r="ZA693" s="613"/>
      <c r="ZB693" s="613"/>
      <c r="ZC693" s="613"/>
      <c r="ZD693" s="613"/>
      <c r="ZE693" s="613"/>
      <c r="ZF693" s="613"/>
      <c r="ZG693" s="613"/>
      <c r="ZH693" s="613"/>
      <c r="ZI693" s="613"/>
      <c r="ZJ693" s="613"/>
      <c r="ZK693" s="613"/>
      <c r="ZL693" s="613"/>
      <c r="ZM693" s="613"/>
      <c r="ZN693" s="613"/>
      <c r="ZO693" s="613"/>
      <c r="ZP693" s="613"/>
      <c r="ZQ693" s="613"/>
      <c r="ZR693" s="613"/>
      <c r="ZS693" s="613"/>
      <c r="ZT693" s="613"/>
      <c r="ZU693" s="613"/>
      <c r="ZV693" s="613"/>
      <c r="ZW693" s="613"/>
      <c r="ZX693" s="613"/>
      <c r="ZY693" s="613"/>
      <c r="ZZ693" s="613"/>
      <c r="AAA693" s="613"/>
      <c r="AAB693" s="613"/>
      <c r="AAC693" s="613"/>
      <c r="AAD693" s="613"/>
      <c r="AAE693" s="613"/>
      <c r="AAF693" s="613"/>
      <c r="AAG693" s="613"/>
      <c r="AAH693" s="613"/>
      <c r="AAI693" s="613"/>
      <c r="AAJ693" s="613"/>
      <c r="AAK693" s="613"/>
      <c r="AAL693" s="613"/>
      <c r="AAM693" s="613"/>
      <c r="AAN693" s="613"/>
      <c r="AAO693" s="613"/>
      <c r="AAP693" s="613"/>
      <c r="AAQ693" s="613"/>
      <c r="AAR693" s="613"/>
      <c r="AAS693" s="613"/>
      <c r="AAT693" s="613"/>
      <c r="AAU693" s="613"/>
      <c r="AAV693" s="613"/>
      <c r="AAW693" s="613"/>
      <c r="AAX693" s="613"/>
      <c r="AAY693" s="613"/>
      <c r="AAZ693" s="613"/>
      <c r="ABA693" s="613"/>
      <c r="ABB693" s="613"/>
      <c r="ABC693" s="613"/>
      <c r="ABD693" s="613"/>
      <c r="ABE693" s="613"/>
      <c r="ABF693" s="613"/>
      <c r="ABG693" s="613"/>
      <c r="ABH693" s="613"/>
      <c r="ABI693" s="613"/>
      <c r="ABJ693" s="613"/>
      <c r="ABK693" s="613"/>
      <c r="ABL693" s="613"/>
      <c r="ABM693" s="613"/>
      <c r="ABN693" s="613"/>
      <c r="ABO693" s="613"/>
      <c r="ABP693" s="613"/>
      <c r="ABQ693" s="613"/>
      <c r="ABR693" s="613"/>
      <c r="ABS693" s="613"/>
      <c r="ABT693" s="613"/>
      <c r="ABU693" s="613"/>
      <c r="ABV693" s="613"/>
      <c r="ABW693" s="613"/>
      <c r="ABX693" s="613"/>
      <c r="ABY693" s="613"/>
      <c r="ABZ693" s="613"/>
      <c r="ACA693" s="613"/>
      <c r="ACB693" s="613"/>
      <c r="ACC693" s="613"/>
      <c r="ACD693" s="613"/>
      <c r="ACE693" s="613"/>
      <c r="ACF693" s="613"/>
      <c r="ACG693" s="613"/>
      <c r="ACH693" s="613"/>
      <c r="ACI693" s="613"/>
      <c r="ACJ693" s="613"/>
      <c r="ACK693" s="613"/>
      <c r="ACL693" s="613"/>
      <c r="ACM693" s="613"/>
      <c r="ACN693" s="613"/>
      <c r="ACO693" s="613"/>
      <c r="ACP693" s="613"/>
      <c r="ACQ693" s="613"/>
      <c r="ACR693" s="613"/>
      <c r="ACS693" s="613"/>
      <c r="ACT693" s="613"/>
      <c r="ACU693" s="613"/>
      <c r="ACV693" s="613"/>
      <c r="ACW693" s="613"/>
      <c r="ACX693" s="613"/>
      <c r="ACY693" s="613"/>
      <c r="ACZ693" s="613"/>
      <c r="ADA693" s="613"/>
      <c r="ADB693" s="613"/>
      <c r="ADC693" s="613"/>
      <c r="ADD693" s="613"/>
      <c r="ADE693" s="613"/>
      <c r="ADF693" s="613"/>
      <c r="ADG693" s="613"/>
      <c r="ADH693" s="613"/>
      <c r="ADI693" s="613"/>
      <c r="ADJ693" s="613"/>
      <c r="ADK693" s="613"/>
      <c r="ADL693" s="613"/>
      <c r="ADM693" s="613"/>
      <c r="ADN693" s="613"/>
      <c r="ADO693" s="613"/>
      <c r="ADP693" s="613"/>
      <c r="ADQ693" s="613"/>
      <c r="ADR693" s="613"/>
      <c r="ADS693" s="613"/>
      <c r="ADT693" s="613"/>
      <c r="ADU693" s="613"/>
      <c r="ADV693" s="613"/>
      <c r="ADW693" s="613"/>
      <c r="ADX693" s="613"/>
      <c r="ADY693" s="613"/>
      <c r="ADZ693" s="613"/>
      <c r="AEA693" s="613"/>
      <c r="AEB693" s="613"/>
      <c r="AEC693" s="613"/>
      <c r="AED693" s="613"/>
      <c r="AEE693" s="613"/>
      <c r="AEF693" s="613"/>
      <c r="AEG693" s="613"/>
      <c r="AEH693" s="613"/>
      <c r="AEI693" s="613"/>
      <c r="AEJ693" s="613"/>
      <c r="AEK693" s="613"/>
      <c r="AEL693" s="613"/>
      <c r="AEM693" s="613"/>
      <c r="AEN693" s="613"/>
      <c r="AEO693" s="613"/>
      <c r="AEP693" s="613"/>
      <c r="AEQ693" s="613"/>
      <c r="AER693" s="613"/>
      <c r="AES693" s="613"/>
      <c r="AET693" s="613"/>
      <c r="AEU693" s="613"/>
      <c r="AEV693" s="613"/>
      <c r="AEW693" s="613"/>
      <c r="AEX693" s="613"/>
      <c r="AEY693" s="613"/>
      <c r="AEZ693" s="613"/>
      <c r="AFA693" s="613"/>
      <c r="AFB693" s="613"/>
      <c r="AFC693" s="613"/>
      <c r="AFD693" s="613"/>
      <c r="AFE693" s="613"/>
      <c r="AFF693" s="613"/>
      <c r="AFG693" s="613"/>
      <c r="AFH693" s="613"/>
      <c r="AFI693" s="613"/>
      <c r="AFJ693" s="613"/>
      <c r="AFK693" s="613"/>
      <c r="AFL693" s="613"/>
      <c r="AFM693" s="613"/>
      <c r="AFN693" s="613"/>
      <c r="AFO693" s="613"/>
      <c r="AFP693" s="613"/>
      <c r="AFQ693" s="613"/>
      <c r="AFR693" s="613"/>
      <c r="AFS693" s="613"/>
      <c r="AFT693" s="613"/>
      <c r="AFU693" s="613"/>
      <c r="AFV693" s="613"/>
      <c r="AFW693" s="613"/>
      <c r="AFX693" s="613"/>
      <c r="AFY693" s="613"/>
      <c r="AFZ693" s="613"/>
      <c r="AGA693" s="613"/>
      <c r="AGB693" s="613"/>
      <c r="AGC693" s="613"/>
      <c r="AGD693" s="613"/>
      <c r="AGE693" s="613"/>
      <c r="AGF693" s="613"/>
      <c r="AGG693" s="613"/>
      <c r="AGH693" s="613"/>
      <c r="AGI693" s="613"/>
      <c r="AGJ693" s="613"/>
      <c r="AGK693" s="613"/>
      <c r="AGL693" s="613"/>
      <c r="AGM693" s="613"/>
      <c r="AGN693" s="613"/>
      <c r="AGO693" s="613"/>
      <c r="AGP693" s="613"/>
      <c r="AGQ693" s="613"/>
      <c r="AGR693" s="613"/>
      <c r="AGS693" s="613"/>
      <c r="AGT693" s="613"/>
      <c r="AGU693" s="613"/>
      <c r="AGV693" s="613"/>
      <c r="AGW693" s="613"/>
      <c r="AGX693" s="613"/>
      <c r="AGY693" s="613"/>
      <c r="AGZ693" s="613"/>
      <c r="AHA693" s="613"/>
      <c r="AHB693" s="613"/>
      <c r="AHC693" s="613"/>
      <c r="AHD693" s="613"/>
      <c r="AHE693" s="613"/>
      <c r="AHF693" s="613"/>
      <c r="AHG693" s="613"/>
      <c r="AHH693" s="613"/>
      <c r="AHI693" s="613"/>
      <c r="AHJ693" s="613"/>
      <c r="AHK693" s="613"/>
      <c r="AHL693" s="613"/>
      <c r="AHM693" s="613"/>
      <c r="AHN693" s="613"/>
      <c r="AHO693" s="613"/>
      <c r="AHP693" s="613"/>
      <c r="AHQ693" s="613"/>
      <c r="AHR693" s="613"/>
      <c r="AHS693" s="613"/>
      <c r="AHT693" s="613"/>
      <c r="AHU693" s="613"/>
      <c r="AHV693" s="613"/>
      <c r="AHW693" s="613"/>
      <c r="AHX693" s="613"/>
      <c r="AHY693" s="613"/>
      <c r="AHZ693" s="613"/>
      <c r="AIA693" s="613"/>
      <c r="AIB693" s="613"/>
      <c r="AIC693" s="613"/>
      <c r="AID693" s="613"/>
      <c r="AIE693" s="613"/>
      <c r="AIF693" s="613"/>
      <c r="AIG693" s="613"/>
      <c r="AIH693" s="613"/>
      <c r="AII693" s="613"/>
      <c r="AIJ693" s="613"/>
      <c r="AIK693" s="613"/>
      <c r="AIL693" s="613"/>
      <c r="AIM693" s="613"/>
      <c r="AIN693" s="613"/>
      <c r="AIO693" s="613"/>
      <c r="AIP693" s="613"/>
      <c r="AIQ693" s="613"/>
      <c r="AIR693" s="613"/>
      <c r="AIS693" s="613"/>
      <c r="AIT693" s="613"/>
      <c r="AIU693" s="613"/>
      <c r="AIV693" s="613"/>
      <c r="AIW693" s="613"/>
      <c r="AIX693" s="613"/>
      <c r="AIY693" s="613"/>
      <c r="AIZ693" s="613"/>
      <c r="AJA693" s="613"/>
      <c r="AJB693" s="613"/>
      <c r="AJC693" s="613"/>
      <c r="AJD693" s="613"/>
      <c r="AJE693" s="613"/>
      <c r="AJF693" s="613"/>
      <c r="AJG693" s="613"/>
      <c r="AJH693" s="613"/>
      <c r="AJI693" s="613"/>
      <c r="AJJ693" s="613"/>
      <c r="AJK693" s="613"/>
      <c r="AJL693" s="613"/>
      <c r="AJM693" s="613"/>
      <c r="AJN693" s="613"/>
      <c r="AJO693" s="613"/>
      <c r="AJP693" s="613"/>
      <c r="AJQ693" s="613"/>
      <c r="AJR693" s="613"/>
      <c r="AJS693" s="613"/>
      <c r="AJT693" s="613"/>
      <c r="AJU693" s="613"/>
      <c r="AJV693" s="613"/>
      <c r="AJW693" s="613"/>
      <c r="AJX693" s="613"/>
      <c r="AJY693" s="613"/>
      <c r="AJZ693" s="613"/>
      <c r="AKA693" s="613"/>
      <c r="AKB693" s="613"/>
      <c r="AKC693" s="613"/>
      <c r="AKD693" s="613"/>
      <c r="AKE693" s="613"/>
      <c r="AKF693" s="613"/>
      <c r="AKG693" s="613"/>
      <c r="AKH693" s="613"/>
      <c r="AKI693" s="613"/>
      <c r="AKJ693" s="613"/>
      <c r="AKK693" s="613"/>
      <c r="AKL693" s="613"/>
      <c r="AKM693" s="613"/>
      <c r="AKN693" s="613"/>
      <c r="AKO693" s="613"/>
      <c r="AKP693" s="613"/>
      <c r="AKQ693" s="613"/>
      <c r="AKR693" s="613"/>
      <c r="AKS693" s="613"/>
      <c r="AKT693" s="613"/>
      <c r="AKU693" s="613"/>
      <c r="AKV693" s="613"/>
      <c r="AKW693" s="613"/>
      <c r="AKX693" s="613"/>
      <c r="AKY693" s="613"/>
      <c r="AKZ693" s="613"/>
      <c r="ALA693" s="613"/>
      <c r="ALB693" s="613"/>
      <c r="ALC693" s="613"/>
      <c r="ALD693" s="613"/>
      <c r="ALE693" s="613"/>
      <c r="ALF693" s="613"/>
      <c r="ALG693" s="613"/>
      <c r="ALH693" s="613"/>
      <c r="ALI693" s="613"/>
      <c r="ALJ693" s="613"/>
      <c r="ALK693" s="613"/>
      <c r="ALL693" s="613"/>
      <c r="ALM693" s="613"/>
      <c r="ALN693" s="613"/>
      <c r="ALO693" s="613"/>
      <c r="ALP693" s="613"/>
      <c r="ALQ693" s="613"/>
      <c r="ALR693" s="613"/>
      <c r="ALS693" s="613"/>
      <c r="ALT693" s="613"/>
      <c r="ALU693" s="613"/>
      <c r="ALV693" s="613"/>
      <c r="ALW693" s="613"/>
      <c r="ALX693" s="613"/>
      <c r="ALY693" s="613"/>
      <c r="ALZ693" s="613"/>
      <c r="AMA693" s="613"/>
      <c r="AMB693" s="613"/>
      <c r="AMC693" s="613"/>
      <c r="AMD693" s="613"/>
      <c r="AME693" s="613"/>
      <c r="AMF693" s="613"/>
      <c r="AMG693" s="613"/>
      <c r="AMH693" s="613"/>
      <c r="AMI693" s="613"/>
      <c r="AMJ693" s="613"/>
      <c r="AMK693" s="613"/>
      <c r="AML693" s="613"/>
      <c r="AMM693" s="613"/>
      <c r="AMN693" s="613"/>
      <c r="AMO693" s="613"/>
      <c r="AMP693" s="613"/>
      <c r="AMQ693" s="613"/>
      <c r="AMR693" s="613"/>
      <c r="AMS693" s="613"/>
      <c r="AMT693" s="613"/>
      <c r="AMU693" s="613"/>
      <c r="AMV693" s="613"/>
      <c r="AMW693" s="613"/>
      <c r="AMX693" s="613"/>
      <c r="AMY693" s="613"/>
      <c r="AMZ693" s="613"/>
      <c r="ANA693" s="613"/>
      <c r="ANB693" s="613"/>
      <c r="ANC693" s="613"/>
      <c r="AND693" s="613"/>
      <c r="ANE693" s="613"/>
      <c r="ANF693" s="613"/>
      <c r="ANG693" s="613"/>
      <c r="ANH693" s="613"/>
      <c r="ANI693" s="613"/>
      <c r="ANJ693" s="613"/>
      <c r="ANK693" s="613"/>
      <c r="ANL693" s="613"/>
      <c r="ANM693" s="613"/>
      <c r="ANN693" s="613"/>
      <c r="ANO693" s="613"/>
      <c r="ANP693" s="613"/>
      <c r="ANQ693" s="613"/>
      <c r="ANR693" s="613"/>
      <c r="ANS693" s="613"/>
      <c r="ANT693" s="613"/>
      <c r="ANU693" s="613"/>
      <c r="ANV693" s="613"/>
      <c r="ANW693" s="613"/>
      <c r="ANX693" s="613"/>
      <c r="ANY693" s="613"/>
      <c r="ANZ693" s="613"/>
      <c r="AOA693" s="613"/>
      <c r="AOB693" s="613"/>
      <c r="AOC693" s="613"/>
      <c r="AOD693" s="613"/>
      <c r="AOE693" s="613"/>
      <c r="AOF693" s="613"/>
      <c r="AOG693" s="613"/>
      <c r="AOH693" s="613"/>
      <c r="AOI693" s="613"/>
      <c r="AOJ693" s="613"/>
      <c r="AOK693" s="613"/>
      <c r="AOL693" s="613"/>
      <c r="AOM693" s="613"/>
      <c r="AON693" s="613"/>
      <c r="AOO693" s="613"/>
      <c r="AOP693" s="613"/>
      <c r="AOQ693" s="613"/>
      <c r="AOR693" s="613"/>
      <c r="AOS693" s="613"/>
      <c r="AOT693" s="613"/>
      <c r="AOU693" s="613"/>
      <c r="AOV693" s="613"/>
      <c r="AOW693" s="613"/>
      <c r="AOX693" s="613"/>
      <c r="AOY693" s="613"/>
      <c r="AOZ693" s="613"/>
      <c r="APA693" s="613"/>
      <c r="APB693" s="613"/>
      <c r="APC693" s="613"/>
      <c r="APD693" s="613"/>
      <c r="APE693" s="613"/>
      <c r="APF693" s="613"/>
      <c r="APG693" s="613"/>
      <c r="APH693" s="613"/>
      <c r="API693" s="613"/>
      <c r="APJ693" s="613"/>
      <c r="APK693" s="613"/>
      <c r="APL693" s="613"/>
      <c r="APM693" s="613"/>
      <c r="APN693" s="613"/>
      <c r="APO693" s="613"/>
      <c r="APP693" s="613"/>
      <c r="APQ693" s="613"/>
      <c r="APR693" s="613"/>
      <c r="APS693" s="613"/>
      <c r="APT693" s="613"/>
      <c r="APU693" s="613"/>
      <c r="APV693" s="613"/>
      <c r="APW693" s="613"/>
      <c r="APX693" s="613"/>
      <c r="APY693" s="613"/>
      <c r="APZ693" s="613"/>
      <c r="AQA693" s="613"/>
      <c r="AQB693" s="613"/>
      <c r="AQC693" s="613"/>
      <c r="AQD693" s="613"/>
      <c r="AQE693" s="613"/>
      <c r="AQF693" s="613"/>
      <c r="AQG693" s="613"/>
      <c r="AQH693" s="613"/>
      <c r="AQI693" s="613"/>
      <c r="AQJ693" s="613"/>
      <c r="AQK693" s="613"/>
      <c r="AQL693" s="613"/>
      <c r="AQM693" s="613"/>
      <c r="AQN693" s="613"/>
      <c r="AQO693" s="613"/>
      <c r="AQP693" s="613"/>
      <c r="AQQ693" s="613"/>
      <c r="AQR693" s="613"/>
      <c r="AQS693" s="613"/>
      <c r="AQT693" s="613"/>
      <c r="AQU693" s="613"/>
      <c r="AQV693" s="613"/>
      <c r="AQW693" s="613"/>
      <c r="AQX693" s="613"/>
      <c r="AQY693" s="613"/>
      <c r="AQZ693" s="613"/>
      <c r="ARA693" s="613"/>
      <c r="ARB693" s="613"/>
      <c r="ARC693" s="613"/>
      <c r="ARD693" s="613"/>
      <c r="ARE693" s="613"/>
      <c r="ARF693" s="613"/>
      <c r="ARG693" s="613"/>
      <c r="ARH693" s="613"/>
      <c r="ARI693" s="613"/>
      <c r="ARJ693" s="613"/>
      <c r="ARK693" s="613"/>
      <c r="ARL693" s="613"/>
      <c r="ARM693" s="613"/>
      <c r="ARN693" s="613"/>
      <c r="ARO693" s="613"/>
      <c r="ARP693" s="613"/>
      <c r="ARQ693" s="613"/>
      <c r="ARR693" s="613"/>
      <c r="ARS693" s="613"/>
      <c r="ART693" s="613"/>
      <c r="ARU693" s="613"/>
      <c r="ARV693" s="613"/>
      <c r="ARW693" s="613"/>
      <c r="ARX693" s="613"/>
      <c r="ARY693" s="613"/>
      <c r="ARZ693" s="613"/>
      <c r="ASA693" s="613"/>
      <c r="ASB693" s="613"/>
      <c r="ASC693" s="613"/>
      <c r="ASD693" s="613"/>
      <c r="ASE693" s="613"/>
      <c r="ASF693" s="613"/>
      <c r="ASG693" s="613"/>
      <c r="ASH693" s="613"/>
      <c r="ASI693" s="613"/>
      <c r="ASJ693" s="613"/>
      <c r="ASK693" s="613"/>
      <c r="ASL693" s="613"/>
      <c r="ASM693" s="613"/>
      <c r="ASN693" s="613"/>
      <c r="ASO693" s="613"/>
      <c r="ASP693" s="613"/>
      <c r="ASQ693" s="613"/>
      <c r="ASR693" s="613"/>
      <c r="ASS693" s="613"/>
      <c r="AST693" s="613"/>
      <c r="ASU693" s="613"/>
      <c r="ASV693" s="613"/>
      <c r="ASW693" s="613"/>
      <c r="ASX693" s="613"/>
      <c r="ASY693" s="613"/>
      <c r="ASZ693" s="613"/>
      <c r="ATA693" s="613"/>
      <c r="ATB693" s="613"/>
      <c r="ATC693" s="613"/>
      <c r="ATD693" s="613"/>
      <c r="ATE693" s="613"/>
      <c r="ATF693" s="613"/>
      <c r="ATG693" s="613"/>
      <c r="ATH693" s="613"/>
      <c r="ATI693" s="613"/>
      <c r="ATJ693" s="613"/>
      <c r="ATK693" s="613"/>
      <c r="ATL693" s="613"/>
      <c r="ATM693" s="613"/>
      <c r="ATN693" s="613"/>
      <c r="ATO693" s="613"/>
      <c r="ATP693" s="613"/>
      <c r="ATQ693" s="613"/>
      <c r="ATR693" s="613"/>
      <c r="ATS693" s="613"/>
      <c r="ATT693" s="613"/>
      <c r="ATU693" s="613"/>
      <c r="ATV693" s="613"/>
      <c r="ATW693" s="613"/>
      <c r="ATX693" s="613"/>
      <c r="ATY693" s="613"/>
      <c r="ATZ693" s="613"/>
      <c r="AUA693" s="613"/>
      <c r="AUB693" s="613"/>
      <c r="AUC693" s="613"/>
      <c r="AUD693" s="613"/>
      <c r="AUE693" s="613"/>
      <c r="AUF693" s="613"/>
      <c r="AUG693" s="613"/>
      <c r="AUH693" s="613"/>
      <c r="AUI693" s="613"/>
      <c r="AUJ693" s="613"/>
      <c r="AUK693" s="613"/>
      <c r="AUL693" s="613"/>
      <c r="AUM693" s="613"/>
      <c r="AUN693" s="613"/>
      <c r="AUO693" s="613"/>
      <c r="AUP693" s="613"/>
      <c r="AUQ693" s="613"/>
      <c r="AUR693" s="613"/>
      <c r="AUS693" s="613"/>
      <c r="AUT693" s="613"/>
      <c r="AUU693" s="613"/>
      <c r="AUV693" s="613"/>
      <c r="AUW693" s="613"/>
      <c r="AUX693" s="613"/>
      <c r="AUY693" s="613"/>
      <c r="AUZ693" s="613"/>
      <c r="AVA693" s="613"/>
      <c r="AVB693" s="613"/>
      <c r="AVC693" s="613"/>
      <c r="AVD693" s="613"/>
      <c r="AVE693" s="613"/>
      <c r="AVF693" s="613"/>
      <c r="AVG693" s="613"/>
      <c r="AVH693" s="613"/>
      <c r="AVI693" s="613"/>
      <c r="AVJ693" s="613"/>
      <c r="AVK693" s="613"/>
      <c r="AVL693" s="613"/>
      <c r="AVM693" s="613"/>
      <c r="AVN693" s="613"/>
      <c r="AVO693" s="613"/>
      <c r="AVP693" s="613"/>
      <c r="AVQ693" s="613"/>
      <c r="AVR693" s="613"/>
      <c r="AVS693" s="613"/>
      <c r="AVT693" s="613"/>
      <c r="AVU693" s="613"/>
      <c r="AVV693" s="613"/>
      <c r="AVW693" s="613"/>
      <c r="AVX693" s="613"/>
      <c r="AVY693" s="613"/>
      <c r="AVZ693" s="613"/>
      <c r="AWA693" s="613"/>
      <c r="AWB693" s="613"/>
      <c r="AWC693" s="613"/>
      <c r="AWD693" s="613"/>
      <c r="AWE693" s="613"/>
      <c r="AWF693" s="613"/>
      <c r="AWG693" s="613"/>
      <c r="AWH693" s="613"/>
      <c r="AWI693" s="613"/>
      <c r="AWJ693" s="613"/>
      <c r="AWK693" s="613"/>
      <c r="AWL693" s="613"/>
      <c r="AWM693" s="613"/>
      <c r="AWN693" s="613"/>
      <c r="AWO693" s="613"/>
      <c r="AWP693" s="613"/>
      <c r="AWQ693" s="613"/>
      <c r="AWR693" s="613"/>
      <c r="AWS693" s="613"/>
      <c r="AWT693" s="613"/>
      <c r="AWU693" s="613"/>
      <c r="AWV693" s="613"/>
      <c r="AWW693" s="613"/>
      <c r="AWX693" s="613"/>
      <c r="AWY693" s="613"/>
      <c r="AWZ693" s="613"/>
      <c r="AXA693" s="613"/>
      <c r="AXB693" s="613"/>
      <c r="AXC693" s="613"/>
      <c r="AXD693" s="613"/>
      <c r="AXE693" s="613"/>
      <c r="AXF693" s="613"/>
      <c r="AXG693" s="613"/>
      <c r="AXH693" s="613"/>
      <c r="AXI693" s="613"/>
      <c r="AXJ693" s="613"/>
      <c r="AXK693" s="613"/>
      <c r="AXL693" s="613"/>
      <c r="AXM693" s="613"/>
      <c r="AXN693" s="613"/>
      <c r="AXO693" s="613"/>
      <c r="AXP693" s="613"/>
      <c r="AXQ693" s="613"/>
      <c r="AXR693" s="613"/>
      <c r="AXS693" s="613"/>
      <c r="AXT693" s="613"/>
      <c r="AXU693" s="613"/>
      <c r="AXV693" s="613"/>
      <c r="AXW693" s="613"/>
      <c r="AXX693" s="613"/>
      <c r="AXY693" s="613"/>
      <c r="AXZ693" s="613"/>
      <c r="AYA693" s="613"/>
      <c r="AYB693" s="613"/>
      <c r="AYC693" s="613"/>
      <c r="AYD693" s="613"/>
      <c r="AYE693" s="613"/>
      <c r="AYF693" s="613"/>
      <c r="AYG693" s="613"/>
      <c r="AYH693" s="613"/>
      <c r="AYI693" s="613"/>
      <c r="AYJ693" s="613"/>
      <c r="AYK693" s="613"/>
      <c r="AYL693" s="613"/>
      <c r="AYM693" s="613"/>
      <c r="AYN693" s="613"/>
      <c r="AYO693" s="613"/>
      <c r="AYP693" s="613"/>
      <c r="AYQ693" s="613"/>
      <c r="AYR693" s="613"/>
      <c r="AYS693" s="613"/>
      <c r="AYT693" s="613"/>
      <c r="AYU693" s="613"/>
      <c r="AYV693" s="613"/>
      <c r="AYW693" s="613"/>
      <c r="AYX693" s="613"/>
      <c r="AYY693" s="613"/>
      <c r="AYZ693" s="613"/>
      <c r="AZA693" s="613"/>
      <c r="AZB693" s="613"/>
      <c r="AZC693" s="613"/>
      <c r="AZD693" s="613"/>
      <c r="AZE693" s="613"/>
      <c r="AZF693" s="613"/>
      <c r="AZG693" s="613"/>
      <c r="AZH693" s="613"/>
      <c r="AZI693" s="613"/>
      <c r="AZJ693" s="613"/>
      <c r="AZK693" s="613"/>
      <c r="AZL693" s="613"/>
      <c r="AZM693" s="613"/>
      <c r="AZN693" s="613"/>
      <c r="AZO693" s="613"/>
      <c r="AZP693" s="613"/>
      <c r="AZQ693" s="613"/>
      <c r="AZR693" s="613"/>
      <c r="AZS693" s="613"/>
      <c r="AZT693" s="613"/>
      <c r="AZU693" s="613"/>
      <c r="AZV693" s="613"/>
      <c r="AZW693" s="613"/>
      <c r="AZX693" s="613"/>
      <c r="AZY693" s="613"/>
      <c r="AZZ693" s="613"/>
      <c r="BAA693" s="613"/>
      <c r="BAB693" s="613"/>
      <c r="BAC693" s="613"/>
      <c r="BAD693" s="613"/>
      <c r="BAE693" s="613"/>
      <c r="BAF693" s="613"/>
      <c r="BAG693" s="613"/>
      <c r="BAH693" s="613"/>
      <c r="BAI693" s="613"/>
      <c r="BAJ693" s="613"/>
      <c r="BAK693" s="613"/>
      <c r="BAL693" s="613"/>
      <c r="BAM693" s="613"/>
      <c r="BAN693" s="613"/>
      <c r="BAO693" s="613"/>
      <c r="BAP693" s="613"/>
      <c r="BAQ693" s="613"/>
      <c r="BAR693" s="613"/>
      <c r="BAS693" s="613"/>
      <c r="BAT693" s="613"/>
      <c r="BAU693" s="613"/>
      <c r="BAV693" s="613"/>
      <c r="BAW693" s="613"/>
      <c r="BAX693" s="613"/>
      <c r="BAY693" s="613"/>
      <c r="BAZ693" s="613"/>
      <c r="BBA693" s="613"/>
      <c r="BBB693" s="613"/>
      <c r="BBC693" s="613"/>
      <c r="BBD693" s="613"/>
      <c r="BBE693" s="613"/>
      <c r="BBF693" s="613"/>
      <c r="BBG693" s="613"/>
      <c r="BBH693" s="613"/>
      <c r="BBI693" s="613"/>
      <c r="BBJ693" s="613"/>
      <c r="BBK693" s="613"/>
      <c r="BBL693" s="613"/>
      <c r="BBM693" s="613"/>
      <c r="BBN693" s="613"/>
      <c r="BBO693" s="613"/>
      <c r="BBP693" s="613"/>
      <c r="BBQ693" s="613"/>
      <c r="BBR693" s="613"/>
      <c r="BBS693" s="613"/>
      <c r="BBT693" s="613"/>
      <c r="BBU693" s="613"/>
      <c r="BBV693" s="613"/>
      <c r="BBW693" s="613"/>
      <c r="BBX693" s="613"/>
      <c r="BBY693" s="613"/>
      <c r="BBZ693" s="613"/>
      <c r="BCA693" s="613"/>
      <c r="BCB693" s="613"/>
      <c r="BCC693" s="613"/>
      <c r="BCD693" s="613"/>
      <c r="BCE693" s="613"/>
      <c r="BCF693" s="613"/>
      <c r="BCG693" s="613"/>
      <c r="BCH693" s="613"/>
      <c r="BCI693" s="613"/>
      <c r="BCJ693" s="613"/>
      <c r="BCK693" s="613"/>
      <c r="BCL693" s="613"/>
      <c r="BCM693" s="613"/>
      <c r="BCN693" s="613"/>
      <c r="BCO693" s="613"/>
      <c r="BCP693" s="613"/>
      <c r="BCQ693" s="613"/>
      <c r="BCR693" s="613"/>
      <c r="BCS693" s="613"/>
      <c r="BCT693" s="613"/>
      <c r="BCU693" s="613"/>
      <c r="BCV693" s="613"/>
      <c r="BCW693" s="613"/>
      <c r="BCX693" s="613"/>
      <c r="BCY693" s="613"/>
      <c r="BCZ693" s="613"/>
      <c r="BDA693" s="613"/>
      <c r="BDB693" s="613"/>
      <c r="BDC693" s="613"/>
      <c r="BDD693" s="613"/>
      <c r="BDE693" s="613"/>
      <c r="BDF693" s="613"/>
      <c r="BDG693" s="613"/>
      <c r="BDH693" s="613"/>
      <c r="BDI693" s="613"/>
      <c r="BDJ693" s="613"/>
      <c r="BDK693" s="613"/>
      <c r="BDL693" s="613"/>
      <c r="BDM693" s="613"/>
      <c r="BDN693" s="613"/>
      <c r="BDO693" s="613"/>
      <c r="BDP693" s="613"/>
      <c r="BDQ693" s="613"/>
      <c r="BDR693" s="613"/>
      <c r="BDS693" s="613"/>
      <c r="BDT693" s="613"/>
      <c r="BDU693" s="613"/>
      <c r="BDV693" s="613"/>
      <c r="BDW693" s="613"/>
      <c r="BDX693" s="613"/>
      <c r="BDY693" s="613"/>
      <c r="BDZ693" s="613"/>
      <c r="BEA693" s="613"/>
      <c r="BEB693" s="613"/>
      <c r="BEC693" s="613"/>
      <c r="BED693" s="613"/>
      <c r="BEE693" s="613"/>
      <c r="BEF693" s="613"/>
      <c r="BEG693" s="613"/>
      <c r="BEH693" s="613"/>
      <c r="BEI693" s="613"/>
      <c r="BEJ693" s="613"/>
      <c r="BEK693" s="613"/>
      <c r="BEL693" s="613"/>
      <c r="BEM693" s="613"/>
      <c r="BEN693" s="613"/>
      <c r="BEO693" s="613"/>
      <c r="BEP693" s="613"/>
      <c r="BEQ693" s="613"/>
      <c r="BER693" s="613"/>
      <c r="BES693" s="613"/>
      <c r="BET693" s="613"/>
      <c r="BEU693" s="613"/>
      <c r="BEV693" s="613"/>
      <c r="BEW693" s="613"/>
      <c r="BEX693" s="613"/>
      <c r="BEY693" s="613"/>
      <c r="BEZ693" s="613"/>
      <c r="BFA693" s="613"/>
      <c r="BFB693" s="613"/>
      <c r="BFC693" s="613"/>
      <c r="BFD693" s="613"/>
      <c r="BFE693" s="613"/>
      <c r="BFF693" s="613"/>
      <c r="BFG693" s="613"/>
      <c r="BFH693" s="613"/>
      <c r="BFI693" s="613"/>
      <c r="BFJ693" s="613"/>
      <c r="BFK693" s="613"/>
      <c r="BFL693" s="613"/>
      <c r="BFM693" s="613"/>
      <c r="BFN693" s="613"/>
      <c r="BFO693" s="613"/>
      <c r="BFP693" s="613"/>
      <c r="BFQ693" s="613"/>
      <c r="BFR693" s="613"/>
      <c r="BFS693" s="613"/>
      <c r="BFT693" s="613"/>
      <c r="BFU693" s="613"/>
      <c r="BFV693" s="613"/>
      <c r="BFW693" s="613"/>
      <c r="BFX693" s="613"/>
      <c r="BFY693" s="613"/>
      <c r="BFZ693" s="613"/>
      <c r="BGA693" s="613"/>
      <c r="BGB693" s="613"/>
      <c r="BGC693" s="613"/>
      <c r="BGD693" s="613"/>
      <c r="BGE693" s="613"/>
      <c r="BGF693" s="613"/>
      <c r="BGG693" s="613"/>
      <c r="BGH693" s="613"/>
      <c r="BGI693" s="613"/>
      <c r="BGJ693" s="613"/>
      <c r="BGK693" s="613"/>
      <c r="BGL693" s="613"/>
      <c r="BGM693" s="613"/>
      <c r="BGN693" s="613"/>
      <c r="BGO693" s="613"/>
      <c r="BGP693" s="613"/>
      <c r="BGQ693" s="613"/>
      <c r="BGR693" s="613"/>
      <c r="BGS693" s="613"/>
      <c r="BGT693" s="613"/>
      <c r="BGU693" s="613"/>
      <c r="BGV693" s="613"/>
      <c r="BGW693" s="613"/>
      <c r="BGX693" s="613"/>
      <c r="BGY693" s="613"/>
      <c r="BGZ693" s="613"/>
      <c r="BHA693" s="613"/>
      <c r="BHB693" s="613"/>
      <c r="BHC693" s="613"/>
      <c r="BHD693" s="613"/>
      <c r="BHE693" s="613"/>
      <c r="BHF693" s="613"/>
      <c r="BHG693" s="613"/>
      <c r="BHH693" s="613"/>
      <c r="BHI693" s="613"/>
      <c r="BHJ693" s="613"/>
      <c r="BHK693" s="613"/>
      <c r="BHL693" s="613"/>
      <c r="BHM693" s="613"/>
      <c r="BHN693" s="613"/>
      <c r="BHO693" s="613"/>
      <c r="BHP693" s="613"/>
      <c r="BHQ693" s="613"/>
      <c r="BHR693" s="613"/>
      <c r="BHS693" s="613"/>
      <c r="BHT693" s="613"/>
      <c r="BHU693" s="613"/>
      <c r="BHV693" s="613"/>
      <c r="BHW693" s="613"/>
      <c r="BHX693" s="613"/>
      <c r="BHY693" s="613"/>
      <c r="BHZ693" s="613"/>
      <c r="BIA693" s="613"/>
      <c r="BIB693" s="613"/>
      <c r="BIC693" s="613"/>
      <c r="BID693" s="613"/>
      <c r="BIE693" s="613"/>
      <c r="BIF693" s="613"/>
      <c r="BIG693" s="613"/>
      <c r="BIH693" s="613"/>
      <c r="BII693" s="613"/>
      <c r="BIJ693" s="613"/>
      <c r="BIK693" s="613"/>
      <c r="BIL693" s="613"/>
      <c r="BIM693" s="613"/>
      <c r="BIN693" s="613"/>
      <c r="BIO693" s="613"/>
      <c r="BIP693" s="613"/>
      <c r="BIQ693" s="613"/>
      <c r="BIR693" s="613"/>
      <c r="BIS693" s="613"/>
      <c r="BIT693" s="613"/>
      <c r="BIU693" s="613"/>
      <c r="BIV693" s="613"/>
      <c r="BIW693" s="613"/>
      <c r="BIX693" s="613"/>
      <c r="BIY693" s="613"/>
      <c r="BIZ693" s="613"/>
      <c r="BJA693" s="613"/>
      <c r="BJB693" s="613"/>
      <c r="BJC693" s="613"/>
      <c r="BJD693" s="613"/>
      <c r="BJE693" s="613"/>
      <c r="BJF693" s="613"/>
      <c r="BJG693" s="613"/>
      <c r="BJH693" s="613"/>
      <c r="BJI693" s="613"/>
      <c r="BJJ693" s="613"/>
      <c r="BJK693" s="613"/>
      <c r="BJL693" s="613"/>
      <c r="BJM693" s="613"/>
      <c r="BJN693" s="613"/>
      <c r="BJO693" s="613"/>
      <c r="BJP693" s="613"/>
      <c r="BJQ693" s="613"/>
      <c r="BJR693" s="613"/>
      <c r="BJS693" s="613"/>
      <c r="BJT693" s="613"/>
      <c r="BJU693" s="613"/>
      <c r="BJV693" s="613"/>
      <c r="BJW693" s="613"/>
      <c r="BJX693" s="613"/>
      <c r="BJY693" s="613"/>
      <c r="BJZ693" s="613"/>
      <c r="BKA693" s="613"/>
      <c r="BKB693" s="613"/>
      <c r="BKC693" s="613"/>
      <c r="BKD693" s="613"/>
      <c r="BKE693" s="613"/>
      <c r="BKF693" s="613"/>
      <c r="BKG693" s="613"/>
      <c r="BKH693" s="613"/>
      <c r="BKI693" s="613"/>
      <c r="BKJ693" s="613"/>
      <c r="BKK693" s="613"/>
      <c r="BKL693" s="613"/>
      <c r="BKM693" s="613"/>
      <c r="BKN693" s="613"/>
      <c r="BKO693" s="613"/>
      <c r="BKP693" s="613"/>
      <c r="BKQ693" s="613"/>
      <c r="BKR693" s="613"/>
      <c r="BKS693" s="613"/>
      <c r="BKT693" s="613"/>
      <c r="BKU693" s="613"/>
      <c r="BKV693" s="613"/>
      <c r="BKW693" s="613"/>
      <c r="BKX693" s="613"/>
      <c r="BKY693" s="613"/>
      <c r="BKZ693" s="613"/>
      <c r="BLA693" s="613"/>
      <c r="BLB693" s="613"/>
      <c r="BLC693" s="613"/>
      <c r="BLD693" s="613"/>
      <c r="BLE693" s="613"/>
      <c r="BLF693" s="613"/>
      <c r="BLG693" s="613"/>
      <c r="BLH693" s="613"/>
      <c r="BLI693" s="613"/>
      <c r="BLJ693" s="613"/>
      <c r="BLK693" s="613"/>
      <c r="BLL693" s="613"/>
      <c r="BLM693" s="613"/>
      <c r="BLN693" s="613"/>
      <c r="BLO693" s="613"/>
      <c r="BLP693" s="613"/>
      <c r="BLQ693" s="613"/>
      <c r="BLR693" s="613"/>
      <c r="BLS693" s="613"/>
      <c r="BLT693" s="613"/>
      <c r="BLU693" s="613"/>
      <c r="BLV693" s="613"/>
      <c r="BLW693" s="613"/>
      <c r="BLX693" s="613"/>
      <c r="BLY693" s="613"/>
      <c r="BLZ693" s="613"/>
      <c r="BMA693" s="613"/>
      <c r="BMB693" s="613"/>
      <c r="BMC693" s="613"/>
      <c r="BMD693" s="613"/>
      <c r="BME693" s="613"/>
      <c r="BMF693" s="613"/>
      <c r="BMG693" s="613"/>
      <c r="BMH693" s="613"/>
      <c r="BMI693" s="613"/>
      <c r="BMJ693" s="613"/>
      <c r="BMK693" s="613"/>
      <c r="BML693" s="613"/>
      <c r="BMM693" s="613"/>
      <c r="BMN693" s="613"/>
      <c r="BMO693" s="613"/>
      <c r="BMP693" s="613"/>
      <c r="BMQ693" s="613"/>
      <c r="BMR693" s="613"/>
      <c r="BMS693" s="613"/>
      <c r="BMT693" s="613"/>
      <c r="BMU693" s="613"/>
      <c r="BMV693" s="613"/>
      <c r="BMW693" s="613"/>
      <c r="BMX693" s="613"/>
      <c r="BMY693" s="613"/>
      <c r="BMZ693" s="613"/>
      <c r="BNA693" s="613"/>
      <c r="BNB693" s="613"/>
      <c r="BNC693" s="613"/>
      <c r="BND693" s="613"/>
      <c r="BNE693" s="613"/>
      <c r="BNF693" s="613"/>
      <c r="BNG693" s="613"/>
      <c r="BNH693" s="613"/>
      <c r="BNI693" s="613"/>
      <c r="BNJ693" s="613"/>
      <c r="BNK693" s="613"/>
      <c r="BNL693" s="613"/>
      <c r="BNM693" s="613"/>
      <c r="BNN693" s="613"/>
      <c r="BNO693" s="613"/>
      <c r="BNP693" s="613"/>
      <c r="BNQ693" s="613"/>
      <c r="BNR693" s="613"/>
      <c r="BNS693" s="613"/>
      <c r="BNT693" s="613"/>
      <c r="BNU693" s="613"/>
      <c r="BNV693" s="613"/>
      <c r="BNW693" s="613"/>
      <c r="BNX693" s="613"/>
      <c r="BNY693" s="613"/>
      <c r="BNZ693" s="613"/>
      <c r="BOA693" s="613"/>
      <c r="BOB693" s="613"/>
      <c r="BOC693" s="613"/>
      <c r="BOD693" s="613"/>
      <c r="BOE693" s="613"/>
      <c r="BOF693" s="613"/>
      <c r="BOG693" s="613"/>
      <c r="BOH693" s="613"/>
      <c r="BOI693" s="613"/>
      <c r="BOJ693" s="613"/>
      <c r="BOK693" s="613"/>
      <c r="BOL693" s="613"/>
      <c r="BOM693" s="613"/>
      <c r="BON693" s="613"/>
      <c r="BOO693" s="613"/>
      <c r="BOP693" s="613"/>
      <c r="BOQ693" s="613"/>
      <c r="BOR693" s="613"/>
      <c r="BOS693" s="613"/>
      <c r="BOT693" s="613"/>
      <c r="BOU693" s="613"/>
      <c r="BOV693" s="613"/>
      <c r="BOW693" s="613"/>
      <c r="BOX693" s="613"/>
      <c r="BOY693" s="613"/>
      <c r="BOZ693" s="613"/>
      <c r="BPA693" s="613"/>
      <c r="BPB693" s="613"/>
      <c r="BPC693" s="613"/>
      <c r="BPD693" s="613"/>
      <c r="BPE693" s="613"/>
      <c r="BPF693" s="613"/>
      <c r="BPG693" s="613"/>
      <c r="BPH693" s="613"/>
      <c r="BPI693" s="613"/>
      <c r="BPJ693" s="613"/>
      <c r="BPK693" s="613"/>
      <c r="BPL693" s="613"/>
      <c r="BPM693" s="613"/>
      <c r="BPN693" s="613"/>
      <c r="BPO693" s="613"/>
      <c r="BPP693" s="613"/>
      <c r="BPQ693" s="613"/>
      <c r="BPR693" s="613"/>
      <c r="BPS693" s="613"/>
      <c r="BPT693" s="613"/>
      <c r="BPU693" s="613"/>
      <c r="BPV693" s="613"/>
      <c r="BPW693" s="613"/>
      <c r="BPX693" s="613"/>
      <c r="BPY693" s="613"/>
      <c r="BPZ693" s="613"/>
      <c r="BQA693" s="613"/>
      <c r="BQB693" s="613"/>
      <c r="BQC693" s="613"/>
      <c r="BQD693" s="613"/>
      <c r="BQE693" s="613"/>
      <c r="BQF693" s="613"/>
      <c r="BQG693" s="613"/>
      <c r="BQH693" s="613"/>
      <c r="BQI693" s="613"/>
      <c r="BQJ693" s="613"/>
      <c r="BQK693" s="613"/>
      <c r="BQL693" s="613"/>
      <c r="BQM693" s="613"/>
      <c r="BQN693" s="613"/>
      <c r="BQO693" s="613"/>
      <c r="BQP693" s="613"/>
      <c r="BQQ693" s="613"/>
      <c r="BQR693" s="613"/>
      <c r="BQS693" s="613"/>
      <c r="BQT693" s="613"/>
      <c r="BQU693" s="613"/>
      <c r="BQV693" s="613"/>
      <c r="BQW693" s="613"/>
      <c r="BQX693" s="613"/>
      <c r="BQY693" s="613"/>
      <c r="BQZ693" s="613"/>
      <c r="BRA693" s="613"/>
      <c r="BRB693" s="613"/>
      <c r="BRC693" s="613"/>
      <c r="BRD693" s="613"/>
      <c r="BRE693" s="613"/>
      <c r="BRF693" s="613"/>
      <c r="BRG693" s="613"/>
      <c r="BRH693" s="613"/>
      <c r="BRI693" s="613"/>
      <c r="BRJ693" s="613"/>
      <c r="BRK693" s="613"/>
      <c r="BRL693" s="613"/>
      <c r="BRM693" s="613"/>
      <c r="BRN693" s="613"/>
      <c r="BRO693" s="613"/>
      <c r="BRP693" s="613"/>
      <c r="BRQ693" s="613"/>
      <c r="BRR693" s="613"/>
      <c r="BRS693" s="613"/>
      <c r="BRT693" s="613"/>
      <c r="BRU693" s="613"/>
      <c r="BRV693" s="613"/>
      <c r="BRW693" s="613"/>
      <c r="BRX693" s="613"/>
      <c r="BRY693" s="613"/>
      <c r="BRZ693" s="613"/>
      <c r="BSA693" s="613"/>
      <c r="BSB693" s="613"/>
      <c r="BSC693" s="613"/>
      <c r="BSD693" s="613"/>
      <c r="BSE693" s="613"/>
      <c r="BSF693" s="613"/>
      <c r="BSG693" s="613"/>
      <c r="BSH693" s="613"/>
      <c r="BSI693" s="613"/>
      <c r="BSJ693" s="613"/>
      <c r="BSK693" s="613"/>
      <c r="BSL693" s="613"/>
      <c r="BSM693" s="613"/>
      <c r="BSN693" s="613"/>
      <c r="BSO693" s="613"/>
      <c r="BSP693" s="613"/>
      <c r="BSQ693" s="613"/>
      <c r="BSR693" s="613"/>
      <c r="BSS693" s="613"/>
      <c r="BST693" s="613"/>
      <c r="BSU693" s="613"/>
      <c r="BSV693" s="613"/>
      <c r="BSW693" s="613"/>
      <c r="BSX693" s="613"/>
      <c r="BSY693" s="613"/>
      <c r="BSZ693" s="613"/>
      <c r="BTA693" s="613"/>
      <c r="BTB693" s="613"/>
      <c r="BTC693" s="613"/>
      <c r="BTD693" s="613"/>
      <c r="BTE693" s="613"/>
      <c r="BTF693" s="613"/>
      <c r="BTG693" s="613"/>
      <c r="BTH693" s="613"/>
      <c r="BTI693" s="613"/>
      <c r="BTJ693" s="613"/>
      <c r="BTK693" s="613"/>
      <c r="BTL693" s="613"/>
      <c r="BTM693" s="613"/>
      <c r="BTN693" s="613"/>
      <c r="BTO693" s="613"/>
      <c r="BTP693" s="613"/>
      <c r="BTQ693" s="613"/>
      <c r="BTR693" s="613"/>
      <c r="BTS693" s="613"/>
      <c r="BTT693" s="613"/>
      <c r="BTU693" s="613"/>
      <c r="BTV693" s="613"/>
      <c r="BTW693" s="613"/>
      <c r="BTX693" s="613"/>
      <c r="BTY693" s="613"/>
      <c r="BTZ693" s="613"/>
      <c r="BUA693" s="613"/>
      <c r="BUB693" s="613"/>
      <c r="BUC693" s="613"/>
      <c r="BUD693" s="613"/>
      <c r="BUE693" s="613"/>
      <c r="BUF693" s="613"/>
      <c r="BUG693" s="613"/>
      <c r="BUH693" s="613"/>
      <c r="BUI693" s="613"/>
      <c r="BUJ693" s="613"/>
      <c r="BUK693" s="613"/>
      <c r="BUL693" s="613"/>
      <c r="BUM693" s="613"/>
      <c r="BUN693" s="613"/>
      <c r="BUO693" s="613"/>
      <c r="BUP693" s="613"/>
      <c r="BUQ693" s="613"/>
      <c r="BUR693" s="613"/>
      <c r="BUS693" s="613"/>
      <c r="BUT693" s="613"/>
      <c r="BUU693" s="613"/>
      <c r="BUV693" s="613"/>
      <c r="BUW693" s="613"/>
      <c r="BUX693" s="613"/>
      <c r="BUY693" s="613"/>
      <c r="BUZ693" s="613"/>
      <c r="BVA693" s="613"/>
      <c r="BVB693" s="613"/>
      <c r="BVC693" s="613"/>
      <c r="BVD693" s="613"/>
      <c r="BVE693" s="613"/>
      <c r="BVF693" s="613"/>
      <c r="BVG693" s="613"/>
      <c r="BVH693" s="613"/>
      <c r="BVI693" s="613"/>
      <c r="BVJ693" s="613"/>
      <c r="BVK693" s="613"/>
      <c r="BVL693" s="613"/>
      <c r="BVM693" s="613"/>
      <c r="BVN693" s="613"/>
      <c r="BVO693" s="613"/>
      <c r="BVP693" s="613"/>
      <c r="BVQ693" s="613"/>
      <c r="BVR693" s="613"/>
      <c r="BVS693" s="613"/>
      <c r="BVT693" s="613"/>
      <c r="BVU693" s="613"/>
      <c r="BVV693" s="613"/>
      <c r="BVW693" s="613"/>
      <c r="BVX693" s="613"/>
      <c r="BVY693" s="613"/>
      <c r="BVZ693" s="613"/>
      <c r="BWA693" s="613"/>
      <c r="BWB693" s="613"/>
      <c r="BWC693" s="613"/>
      <c r="BWD693" s="613"/>
      <c r="BWE693" s="613"/>
      <c r="BWF693" s="613"/>
      <c r="BWG693" s="613"/>
      <c r="BWH693" s="613"/>
      <c r="BWI693" s="613"/>
      <c r="BWJ693" s="613"/>
      <c r="BWK693" s="613"/>
      <c r="BWL693" s="613"/>
      <c r="BWM693" s="613"/>
      <c r="BWN693" s="613"/>
      <c r="BWO693" s="613"/>
      <c r="BWP693" s="613"/>
      <c r="BWQ693" s="613"/>
      <c r="BWR693" s="613"/>
      <c r="BWS693" s="613"/>
      <c r="BWT693" s="613"/>
      <c r="BWU693" s="613"/>
      <c r="BWV693" s="613"/>
      <c r="BWW693" s="613"/>
      <c r="BWX693" s="613"/>
      <c r="BWY693" s="613"/>
      <c r="BWZ693" s="613"/>
      <c r="BXA693" s="613"/>
      <c r="BXB693" s="613"/>
      <c r="BXC693" s="613"/>
      <c r="BXD693" s="613"/>
      <c r="BXE693" s="613"/>
      <c r="BXF693" s="613"/>
      <c r="BXG693" s="613"/>
      <c r="BXH693" s="613"/>
      <c r="BXI693" s="613"/>
      <c r="BXJ693" s="613"/>
      <c r="BXK693" s="613"/>
      <c r="BXL693" s="613"/>
      <c r="BXM693" s="613"/>
      <c r="BXN693" s="613"/>
      <c r="BXO693" s="613"/>
      <c r="BXP693" s="613"/>
      <c r="BXQ693" s="613"/>
      <c r="BXR693" s="613"/>
      <c r="BXS693" s="613"/>
      <c r="BXT693" s="613"/>
      <c r="BXU693" s="613"/>
      <c r="BXV693" s="613"/>
      <c r="BXW693" s="613"/>
      <c r="BXX693" s="613"/>
      <c r="BXY693" s="613"/>
      <c r="BXZ693" s="613"/>
      <c r="BYA693" s="613"/>
      <c r="BYB693" s="613"/>
      <c r="BYC693" s="613"/>
      <c r="BYD693" s="613"/>
      <c r="BYE693" s="613"/>
      <c r="BYF693" s="613"/>
      <c r="BYG693" s="613"/>
      <c r="BYH693" s="613"/>
      <c r="BYI693" s="613"/>
      <c r="BYJ693" s="613"/>
      <c r="BYK693" s="613"/>
      <c r="BYL693" s="613"/>
      <c r="BYM693" s="613"/>
      <c r="BYN693" s="613"/>
      <c r="BYO693" s="613"/>
      <c r="BYP693" s="613"/>
      <c r="BYQ693" s="613"/>
      <c r="BYR693" s="613"/>
      <c r="BYS693" s="613"/>
      <c r="BYT693" s="613"/>
      <c r="BYU693" s="613"/>
      <c r="BYV693" s="613"/>
      <c r="BYW693" s="613"/>
      <c r="BYX693" s="613"/>
      <c r="BYY693" s="613"/>
      <c r="BYZ693" s="613"/>
      <c r="BZA693" s="613"/>
      <c r="BZB693" s="613"/>
      <c r="BZC693" s="613"/>
      <c r="BZD693" s="613"/>
      <c r="BZE693" s="613"/>
      <c r="BZF693" s="613"/>
      <c r="BZG693" s="613"/>
      <c r="BZH693" s="613"/>
      <c r="BZI693" s="613"/>
      <c r="BZJ693" s="613"/>
      <c r="BZK693" s="613"/>
      <c r="BZL693" s="613"/>
      <c r="BZM693" s="613"/>
      <c r="BZN693" s="613"/>
      <c r="BZO693" s="613"/>
      <c r="BZP693" s="613"/>
      <c r="BZQ693" s="613"/>
      <c r="BZR693" s="613"/>
      <c r="BZS693" s="613"/>
      <c r="BZT693" s="613"/>
      <c r="BZU693" s="613"/>
      <c r="BZV693" s="613"/>
      <c r="BZW693" s="613"/>
      <c r="BZX693" s="613"/>
      <c r="BZY693" s="613"/>
      <c r="BZZ693" s="613"/>
      <c r="CAA693" s="613"/>
      <c r="CAB693" s="613"/>
      <c r="CAC693" s="613"/>
      <c r="CAD693" s="613"/>
      <c r="CAE693" s="613"/>
      <c r="CAF693" s="613"/>
      <c r="CAG693" s="613"/>
      <c r="CAH693" s="613"/>
      <c r="CAI693" s="613"/>
      <c r="CAJ693" s="613"/>
      <c r="CAK693" s="613"/>
      <c r="CAL693" s="613"/>
      <c r="CAM693" s="613"/>
      <c r="CAN693" s="613"/>
      <c r="CAO693" s="613"/>
      <c r="CAP693" s="613"/>
      <c r="CAQ693" s="613"/>
      <c r="CAR693" s="613"/>
      <c r="CAS693" s="613"/>
      <c r="CAT693" s="613"/>
      <c r="CAU693" s="613"/>
      <c r="CAV693" s="613"/>
      <c r="CAW693" s="613"/>
      <c r="CAX693" s="613"/>
      <c r="CAY693" s="613"/>
      <c r="CAZ693" s="613"/>
      <c r="CBA693" s="613"/>
      <c r="CBB693" s="613"/>
      <c r="CBC693" s="613"/>
      <c r="CBD693" s="613"/>
      <c r="CBE693" s="613"/>
      <c r="CBF693" s="613"/>
      <c r="CBG693" s="613"/>
      <c r="CBH693" s="613"/>
      <c r="CBI693" s="613"/>
      <c r="CBJ693" s="613"/>
      <c r="CBK693" s="613"/>
      <c r="CBL693" s="613"/>
      <c r="CBM693" s="613"/>
      <c r="CBN693" s="613"/>
      <c r="CBO693" s="613"/>
      <c r="CBP693" s="613"/>
      <c r="CBQ693" s="613"/>
      <c r="CBR693" s="613"/>
      <c r="CBS693" s="613"/>
      <c r="CBT693" s="613"/>
      <c r="CBU693" s="613"/>
      <c r="CBV693" s="613"/>
      <c r="CBW693" s="613"/>
      <c r="CBX693" s="613"/>
      <c r="CBY693" s="613"/>
      <c r="CBZ693" s="613"/>
      <c r="CCA693" s="613"/>
      <c r="CCB693" s="613"/>
      <c r="CCC693" s="613"/>
      <c r="CCD693" s="613"/>
      <c r="CCE693" s="613"/>
      <c r="CCF693" s="613"/>
      <c r="CCG693" s="613"/>
      <c r="CCH693" s="613"/>
      <c r="CCI693" s="613"/>
      <c r="CCJ693" s="613"/>
      <c r="CCK693" s="613"/>
      <c r="CCL693" s="613"/>
      <c r="CCM693" s="613"/>
      <c r="CCN693" s="613"/>
      <c r="CCO693" s="613"/>
      <c r="CCP693" s="613"/>
      <c r="CCQ693" s="613"/>
      <c r="CCR693" s="613"/>
      <c r="CCS693" s="613"/>
      <c r="CCT693" s="613"/>
      <c r="CCU693" s="613"/>
      <c r="CCV693" s="613"/>
      <c r="CCW693" s="613"/>
      <c r="CCX693" s="613"/>
      <c r="CCY693" s="613"/>
      <c r="CCZ693" s="613"/>
      <c r="CDA693" s="613"/>
      <c r="CDB693" s="613"/>
      <c r="CDC693" s="613"/>
      <c r="CDD693" s="613"/>
      <c r="CDE693" s="613"/>
      <c r="CDF693" s="613"/>
      <c r="CDG693" s="613"/>
      <c r="CDH693" s="613"/>
      <c r="CDI693" s="613"/>
      <c r="CDJ693" s="613"/>
      <c r="CDK693" s="613"/>
      <c r="CDL693" s="613"/>
      <c r="CDM693" s="613"/>
      <c r="CDN693" s="613"/>
      <c r="CDO693" s="613"/>
      <c r="CDP693" s="613"/>
      <c r="CDQ693" s="613"/>
      <c r="CDR693" s="613"/>
      <c r="CDS693" s="613"/>
      <c r="CDT693" s="613"/>
      <c r="CDU693" s="613"/>
      <c r="CDV693" s="613"/>
      <c r="CDW693" s="613"/>
      <c r="CDX693" s="613"/>
      <c r="CDY693" s="613"/>
      <c r="CDZ693" s="613"/>
      <c r="CEA693" s="613"/>
      <c r="CEB693" s="613"/>
      <c r="CEC693" s="613"/>
      <c r="CED693" s="613"/>
      <c r="CEE693" s="613"/>
      <c r="CEF693" s="613"/>
      <c r="CEG693" s="613"/>
      <c r="CEH693" s="613"/>
      <c r="CEI693" s="613"/>
      <c r="CEJ693" s="613"/>
      <c r="CEK693" s="613"/>
      <c r="CEL693" s="613"/>
      <c r="CEM693" s="613"/>
      <c r="CEN693" s="613"/>
      <c r="CEO693" s="613"/>
      <c r="CEP693" s="613"/>
      <c r="CEQ693" s="613"/>
      <c r="CER693" s="613"/>
      <c r="CES693" s="613"/>
      <c r="CET693" s="613"/>
      <c r="CEU693" s="613"/>
      <c r="CEV693" s="613"/>
      <c r="CEW693" s="613"/>
      <c r="CEX693" s="613"/>
      <c r="CEY693" s="613"/>
      <c r="CEZ693" s="613"/>
      <c r="CFA693" s="613"/>
      <c r="CFB693" s="613"/>
      <c r="CFC693" s="613"/>
      <c r="CFD693" s="613"/>
      <c r="CFE693" s="613"/>
      <c r="CFF693" s="613"/>
      <c r="CFG693" s="613"/>
      <c r="CFH693" s="613"/>
      <c r="CFI693" s="613"/>
      <c r="CFJ693" s="613"/>
      <c r="CFK693" s="613"/>
      <c r="CFL693" s="613"/>
      <c r="CFM693" s="613"/>
      <c r="CFN693" s="613"/>
      <c r="CFO693" s="613"/>
      <c r="CFP693" s="613"/>
      <c r="CFQ693" s="613"/>
      <c r="CFR693" s="613"/>
      <c r="CFS693" s="613"/>
      <c r="CFT693" s="613"/>
      <c r="CFU693" s="613"/>
      <c r="CFV693" s="613"/>
      <c r="CFW693" s="613"/>
      <c r="CFX693" s="613"/>
      <c r="CFY693" s="613"/>
      <c r="CFZ693" s="613"/>
      <c r="CGA693" s="613"/>
      <c r="CGB693" s="613"/>
      <c r="CGC693" s="613"/>
      <c r="CGD693" s="613"/>
      <c r="CGE693" s="613"/>
      <c r="CGF693" s="613"/>
      <c r="CGG693" s="613"/>
      <c r="CGH693" s="613"/>
      <c r="CGI693" s="613"/>
      <c r="CGJ693" s="613"/>
      <c r="CGK693" s="613"/>
      <c r="CGL693" s="613"/>
      <c r="CGM693" s="613"/>
      <c r="CGN693" s="613"/>
      <c r="CGO693" s="613"/>
      <c r="CGP693" s="613"/>
      <c r="CGQ693" s="613"/>
      <c r="CGR693" s="613"/>
      <c r="CGS693" s="613"/>
      <c r="CGT693" s="613"/>
      <c r="CGU693" s="613"/>
      <c r="CGV693" s="613"/>
      <c r="CGW693" s="613"/>
      <c r="CGX693" s="613"/>
      <c r="CGY693" s="613"/>
      <c r="CGZ693" s="613"/>
      <c r="CHA693" s="613"/>
      <c r="CHB693" s="613"/>
      <c r="CHC693" s="613"/>
      <c r="CHD693" s="613"/>
      <c r="CHE693" s="613"/>
      <c r="CHF693" s="613"/>
      <c r="CHG693" s="613"/>
      <c r="CHH693" s="613"/>
      <c r="CHI693" s="613"/>
      <c r="CHJ693" s="613"/>
      <c r="CHK693" s="613"/>
      <c r="CHL693" s="613"/>
      <c r="CHM693" s="613"/>
      <c r="CHN693" s="613"/>
      <c r="CHO693" s="613"/>
      <c r="CHP693" s="613"/>
      <c r="CHQ693" s="613"/>
      <c r="CHR693" s="613"/>
      <c r="CHS693" s="613"/>
      <c r="CHT693" s="613"/>
      <c r="CHU693" s="613"/>
      <c r="CHV693" s="613"/>
      <c r="CHW693" s="613"/>
      <c r="CHX693" s="613"/>
      <c r="CHY693" s="613"/>
      <c r="CHZ693" s="613"/>
      <c r="CIA693" s="613"/>
      <c r="CIB693" s="613"/>
      <c r="CIC693" s="613"/>
      <c r="CID693" s="613"/>
      <c r="CIE693" s="613"/>
      <c r="CIF693" s="613"/>
      <c r="CIG693" s="613"/>
      <c r="CIH693" s="613"/>
      <c r="CII693" s="613"/>
      <c r="CIJ693" s="613"/>
      <c r="CIK693" s="613"/>
      <c r="CIL693" s="613"/>
      <c r="CIM693" s="613"/>
      <c r="CIN693" s="613"/>
      <c r="CIO693" s="613"/>
      <c r="CIP693" s="613"/>
      <c r="CIQ693" s="613"/>
      <c r="CIR693" s="613"/>
      <c r="CIS693" s="613"/>
      <c r="CIT693" s="613"/>
      <c r="CIU693" s="613"/>
      <c r="CIV693" s="613"/>
      <c r="CIW693" s="613"/>
      <c r="CIX693" s="613"/>
      <c r="CIY693" s="613"/>
      <c r="CIZ693" s="613"/>
      <c r="CJA693" s="613"/>
      <c r="CJB693" s="613"/>
      <c r="CJC693" s="613"/>
      <c r="CJD693" s="613"/>
      <c r="CJE693" s="613"/>
      <c r="CJF693" s="613"/>
      <c r="CJG693" s="613"/>
      <c r="CJH693" s="613"/>
      <c r="CJI693" s="613"/>
      <c r="CJJ693" s="613"/>
      <c r="CJK693" s="613"/>
      <c r="CJL693" s="613"/>
      <c r="CJM693" s="613"/>
      <c r="CJN693" s="613"/>
      <c r="CJO693" s="613"/>
      <c r="CJP693" s="613"/>
      <c r="CJQ693" s="613"/>
      <c r="CJR693" s="613"/>
      <c r="CJS693" s="613"/>
      <c r="CJT693" s="613"/>
      <c r="CJU693" s="613"/>
      <c r="CJV693" s="613"/>
      <c r="CJW693" s="613"/>
      <c r="CJX693" s="613"/>
      <c r="CJY693" s="613"/>
      <c r="CJZ693" s="613"/>
      <c r="CKA693" s="613"/>
      <c r="CKB693" s="613"/>
      <c r="CKC693" s="613"/>
      <c r="CKD693" s="613"/>
      <c r="CKE693" s="613"/>
      <c r="CKF693" s="613"/>
      <c r="CKG693" s="613"/>
      <c r="CKH693" s="613"/>
      <c r="CKI693" s="613"/>
      <c r="CKJ693" s="613"/>
      <c r="CKK693" s="613"/>
      <c r="CKL693" s="613"/>
      <c r="CKM693" s="613"/>
      <c r="CKN693" s="613"/>
      <c r="CKO693" s="613"/>
      <c r="CKP693" s="613"/>
      <c r="CKQ693" s="613"/>
      <c r="CKR693" s="613"/>
      <c r="CKS693" s="613"/>
      <c r="CKT693" s="613"/>
      <c r="CKU693" s="613"/>
      <c r="CKV693" s="613"/>
      <c r="CKW693" s="613"/>
      <c r="CKX693" s="613"/>
      <c r="CKY693" s="613"/>
      <c r="CKZ693" s="613"/>
      <c r="CLA693" s="613"/>
      <c r="CLB693" s="613"/>
      <c r="CLC693" s="613"/>
      <c r="CLD693" s="613"/>
      <c r="CLE693" s="613"/>
      <c r="CLF693" s="613"/>
      <c r="CLG693" s="613"/>
      <c r="CLH693" s="613"/>
      <c r="CLI693" s="613"/>
      <c r="CLJ693" s="613"/>
      <c r="CLK693" s="613"/>
      <c r="CLL693" s="613"/>
      <c r="CLM693" s="613"/>
      <c r="CLN693" s="613"/>
      <c r="CLO693" s="613"/>
      <c r="CLP693" s="613"/>
      <c r="CLQ693" s="613"/>
      <c r="CLR693" s="613"/>
      <c r="CLS693" s="613"/>
      <c r="CLT693" s="613"/>
      <c r="CLU693" s="613"/>
      <c r="CLV693" s="613"/>
      <c r="CLW693" s="613"/>
      <c r="CLX693" s="613"/>
      <c r="CLY693" s="613"/>
      <c r="CLZ693" s="613"/>
      <c r="CMA693" s="613"/>
      <c r="CMB693" s="613"/>
      <c r="CMC693" s="613"/>
      <c r="CMD693" s="613"/>
      <c r="CME693" s="613"/>
      <c r="CMF693" s="613"/>
      <c r="CMG693" s="613"/>
      <c r="CMH693" s="613"/>
      <c r="CMI693" s="613"/>
      <c r="CMJ693" s="613"/>
      <c r="CMK693" s="613"/>
      <c r="CML693" s="613"/>
      <c r="CMM693" s="613"/>
      <c r="CMN693" s="613"/>
      <c r="CMO693" s="613"/>
      <c r="CMP693" s="613"/>
      <c r="CMQ693" s="613"/>
      <c r="CMR693" s="613"/>
      <c r="CMS693" s="613"/>
      <c r="CMT693" s="613"/>
      <c r="CMU693" s="613"/>
      <c r="CMV693" s="613"/>
      <c r="CMW693" s="613"/>
      <c r="CMX693" s="613"/>
      <c r="CMY693" s="613"/>
      <c r="CMZ693" s="613"/>
      <c r="CNA693" s="613"/>
      <c r="CNB693" s="613"/>
      <c r="CNC693" s="613"/>
      <c r="CND693" s="613"/>
      <c r="CNE693" s="613"/>
      <c r="CNF693" s="613"/>
      <c r="CNG693" s="613"/>
      <c r="CNH693" s="613"/>
      <c r="CNI693" s="613"/>
      <c r="CNJ693" s="613"/>
      <c r="CNK693" s="613"/>
      <c r="CNL693" s="613"/>
      <c r="CNM693" s="613"/>
      <c r="CNN693" s="613"/>
      <c r="CNO693" s="613"/>
      <c r="CNP693" s="613"/>
      <c r="CNQ693" s="613"/>
      <c r="CNR693" s="613"/>
      <c r="CNS693" s="613"/>
      <c r="CNT693" s="613"/>
      <c r="CNU693" s="613"/>
      <c r="CNV693" s="613"/>
      <c r="CNW693" s="613"/>
      <c r="CNX693" s="613"/>
      <c r="CNY693" s="613"/>
      <c r="CNZ693" s="613"/>
      <c r="COA693" s="613"/>
      <c r="COB693" s="613"/>
      <c r="COC693" s="613"/>
      <c r="COD693" s="613"/>
      <c r="COE693" s="613"/>
      <c r="COF693" s="613"/>
      <c r="COG693" s="613"/>
      <c r="COH693" s="613"/>
      <c r="COI693" s="613"/>
      <c r="COJ693" s="613"/>
      <c r="COK693" s="613"/>
      <c r="COL693" s="613"/>
      <c r="COM693" s="613"/>
      <c r="CON693" s="613"/>
      <c r="COO693" s="613"/>
      <c r="COP693" s="613"/>
      <c r="COQ693" s="613"/>
      <c r="COR693" s="613"/>
      <c r="COS693" s="613"/>
      <c r="COT693" s="613"/>
      <c r="COU693" s="613"/>
      <c r="COV693" s="613"/>
      <c r="COW693" s="613"/>
      <c r="COX693" s="613"/>
      <c r="COY693" s="613"/>
      <c r="COZ693" s="613"/>
      <c r="CPA693" s="613"/>
      <c r="CPB693" s="613"/>
      <c r="CPC693" s="613"/>
      <c r="CPD693" s="613"/>
      <c r="CPE693" s="613"/>
      <c r="CPF693" s="613"/>
      <c r="CPG693" s="613"/>
      <c r="CPH693" s="613"/>
      <c r="CPI693" s="613"/>
      <c r="CPJ693" s="613"/>
      <c r="CPK693" s="613"/>
      <c r="CPL693" s="613"/>
      <c r="CPM693" s="613"/>
      <c r="CPN693" s="613"/>
      <c r="CPO693" s="613"/>
      <c r="CPP693" s="613"/>
      <c r="CPQ693" s="613"/>
      <c r="CPR693" s="613"/>
      <c r="CPS693" s="613"/>
      <c r="CPT693" s="613"/>
      <c r="CPU693" s="613"/>
      <c r="CPV693" s="613"/>
      <c r="CPW693" s="613"/>
      <c r="CPX693" s="613"/>
      <c r="CPY693" s="613"/>
      <c r="CPZ693" s="613"/>
      <c r="CQA693" s="613"/>
      <c r="CQB693" s="613"/>
      <c r="CQC693" s="613"/>
      <c r="CQD693" s="613"/>
      <c r="CQE693" s="613"/>
      <c r="CQF693" s="613"/>
      <c r="CQG693" s="613"/>
      <c r="CQH693" s="613"/>
      <c r="CQI693" s="613"/>
      <c r="CQJ693" s="613"/>
      <c r="CQK693" s="613"/>
      <c r="CQL693" s="613"/>
      <c r="CQM693" s="613"/>
      <c r="CQN693" s="613"/>
      <c r="CQO693" s="613"/>
      <c r="CQP693" s="613"/>
      <c r="CQQ693" s="613"/>
      <c r="CQR693" s="613"/>
      <c r="CQS693" s="613"/>
      <c r="CQT693" s="613"/>
      <c r="CQU693" s="613"/>
      <c r="CQV693" s="613"/>
      <c r="CQW693" s="613"/>
      <c r="CQX693" s="613"/>
      <c r="CQY693" s="613"/>
      <c r="CQZ693" s="613"/>
      <c r="CRA693" s="613"/>
      <c r="CRB693" s="613"/>
      <c r="CRC693" s="613"/>
      <c r="CRD693" s="613"/>
      <c r="CRE693" s="613"/>
      <c r="CRF693" s="613"/>
      <c r="CRG693" s="613"/>
      <c r="CRH693" s="613"/>
      <c r="CRI693" s="613"/>
      <c r="CRJ693" s="613"/>
      <c r="CRK693" s="613"/>
      <c r="CRL693" s="613"/>
      <c r="CRM693" s="613"/>
      <c r="CRN693" s="613"/>
      <c r="CRO693" s="613"/>
      <c r="CRP693" s="613"/>
      <c r="CRQ693" s="613"/>
      <c r="CRR693" s="613"/>
      <c r="CRS693" s="613"/>
      <c r="CRT693" s="613"/>
      <c r="CRU693" s="613"/>
      <c r="CRV693" s="613"/>
      <c r="CRW693" s="613"/>
      <c r="CRX693" s="613"/>
      <c r="CRY693" s="613"/>
      <c r="CRZ693" s="613"/>
      <c r="CSA693" s="613"/>
      <c r="CSB693" s="613"/>
      <c r="CSC693" s="613"/>
      <c r="CSD693" s="613"/>
      <c r="CSE693" s="613"/>
      <c r="CSF693" s="613"/>
      <c r="CSG693" s="613"/>
      <c r="CSH693" s="613"/>
      <c r="CSI693" s="613"/>
      <c r="CSJ693" s="613"/>
      <c r="CSK693" s="613"/>
      <c r="CSL693" s="613"/>
      <c r="CSM693" s="613"/>
      <c r="CSN693" s="613"/>
      <c r="CSO693" s="613"/>
      <c r="CSP693" s="613"/>
      <c r="CSQ693" s="613"/>
      <c r="CSR693" s="613"/>
      <c r="CSS693" s="613"/>
      <c r="CST693" s="613"/>
      <c r="CSU693" s="613"/>
      <c r="CSV693" s="613"/>
      <c r="CSW693" s="613"/>
      <c r="CSX693" s="613"/>
      <c r="CSY693" s="613"/>
      <c r="CSZ693" s="613"/>
      <c r="CTA693" s="613"/>
      <c r="CTB693" s="613"/>
      <c r="CTC693" s="613"/>
      <c r="CTD693" s="613"/>
      <c r="CTE693" s="613"/>
      <c r="CTF693" s="613"/>
      <c r="CTG693" s="613"/>
      <c r="CTH693" s="613"/>
      <c r="CTI693" s="613"/>
      <c r="CTJ693" s="613"/>
      <c r="CTK693" s="613"/>
      <c r="CTL693" s="613"/>
      <c r="CTM693" s="613"/>
      <c r="CTN693" s="613"/>
      <c r="CTO693" s="613"/>
      <c r="CTP693" s="613"/>
      <c r="CTQ693" s="613"/>
      <c r="CTR693" s="613"/>
      <c r="CTS693" s="613"/>
      <c r="CTT693" s="613"/>
      <c r="CTU693" s="613"/>
      <c r="CTV693" s="613"/>
      <c r="CTW693" s="613"/>
      <c r="CTX693" s="613"/>
      <c r="CTY693" s="613"/>
      <c r="CTZ693" s="613"/>
      <c r="CUA693" s="613"/>
      <c r="CUB693" s="613"/>
      <c r="CUC693" s="613"/>
      <c r="CUD693" s="613"/>
      <c r="CUE693" s="613"/>
      <c r="CUF693" s="613"/>
      <c r="CUG693" s="613"/>
      <c r="CUH693" s="613"/>
      <c r="CUI693" s="613"/>
      <c r="CUJ693" s="613"/>
      <c r="CUK693" s="613"/>
      <c r="CUL693" s="613"/>
      <c r="CUM693" s="613"/>
      <c r="CUN693" s="613"/>
      <c r="CUO693" s="613"/>
      <c r="CUP693" s="613"/>
      <c r="CUQ693" s="613"/>
      <c r="CUR693" s="613"/>
      <c r="CUS693" s="613"/>
      <c r="CUT693" s="613"/>
      <c r="CUU693" s="613"/>
      <c r="CUV693" s="613"/>
      <c r="CUW693" s="613"/>
      <c r="CUX693" s="613"/>
      <c r="CUY693" s="613"/>
      <c r="CUZ693" s="613"/>
      <c r="CVA693" s="613"/>
      <c r="CVB693" s="613"/>
      <c r="CVC693" s="613"/>
      <c r="CVD693" s="613"/>
      <c r="CVE693" s="613"/>
      <c r="CVF693" s="613"/>
      <c r="CVG693" s="613"/>
      <c r="CVH693" s="613"/>
      <c r="CVI693" s="613"/>
      <c r="CVJ693" s="613"/>
      <c r="CVK693" s="613"/>
      <c r="CVL693" s="613"/>
      <c r="CVM693" s="613"/>
      <c r="CVN693" s="613"/>
      <c r="CVO693" s="613"/>
      <c r="CVP693" s="613"/>
      <c r="CVQ693" s="613"/>
      <c r="CVR693" s="613"/>
      <c r="CVS693" s="613"/>
      <c r="CVT693" s="613"/>
      <c r="CVU693" s="613"/>
      <c r="CVV693" s="613"/>
      <c r="CVW693" s="613"/>
      <c r="CVX693" s="613"/>
      <c r="CVY693" s="613"/>
      <c r="CVZ693" s="613"/>
      <c r="CWA693" s="613"/>
      <c r="CWB693" s="613"/>
      <c r="CWC693" s="613"/>
      <c r="CWD693" s="613"/>
      <c r="CWE693" s="613"/>
      <c r="CWF693" s="613"/>
      <c r="CWG693" s="613"/>
      <c r="CWH693" s="613"/>
      <c r="CWI693" s="613"/>
      <c r="CWJ693" s="613"/>
      <c r="CWK693" s="613"/>
      <c r="CWL693" s="613"/>
      <c r="CWM693" s="613"/>
      <c r="CWN693" s="613"/>
      <c r="CWO693" s="613"/>
      <c r="CWP693" s="613"/>
      <c r="CWQ693" s="613"/>
      <c r="CWR693" s="613"/>
      <c r="CWS693" s="613"/>
      <c r="CWT693" s="613"/>
      <c r="CWU693" s="613"/>
      <c r="CWV693" s="613"/>
      <c r="CWW693" s="613"/>
      <c r="CWX693" s="613"/>
      <c r="CWY693" s="613"/>
      <c r="CWZ693" s="613"/>
      <c r="CXA693" s="613"/>
      <c r="CXB693" s="613"/>
      <c r="CXC693" s="613"/>
      <c r="CXD693" s="613"/>
      <c r="CXE693" s="613"/>
      <c r="CXF693" s="613"/>
      <c r="CXG693" s="613"/>
      <c r="CXH693" s="613"/>
      <c r="CXI693" s="613"/>
      <c r="CXJ693" s="613"/>
      <c r="CXK693" s="613"/>
      <c r="CXL693" s="613"/>
      <c r="CXM693" s="613"/>
      <c r="CXN693" s="613"/>
      <c r="CXO693" s="613"/>
      <c r="CXP693" s="613"/>
      <c r="CXQ693" s="613"/>
      <c r="CXR693" s="613"/>
      <c r="CXS693" s="613"/>
      <c r="CXT693" s="613"/>
      <c r="CXU693" s="613"/>
      <c r="CXV693" s="613"/>
      <c r="CXW693" s="613"/>
      <c r="CXX693" s="613"/>
      <c r="CXY693" s="613"/>
      <c r="CXZ693" s="613"/>
      <c r="CYA693" s="613"/>
      <c r="CYB693" s="613"/>
      <c r="CYC693" s="613"/>
      <c r="CYD693" s="613"/>
      <c r="CYE693" s="613"/>
      <c r="CYF693" s="613"/>
      <c r="CYG693" s="613"/>
      <c r="CYH693" s="613"/>
      <c r="CYI693" s="613"/>
      <c r="CYJ693" s="613"/>
      <c r="CYK693" s="613"/>
      <c r="CYL693" s="613"/>
      <c r="CYM693" s="613"/>
      <c r="CYN693" s="613"/>
      <c r="CYO693" s="613"/>
      <c r="CYP693" s="613"/>
      <c r="CYQ693" s="613"/>
      <c r="CYR693" s="613"/>
      <c r="CYS693" s="613"/>
      <c r="CYT693" s="613"/>
      <c r="CYU693" s="613"/>
      <c r="CYV693" s="613"/>
      <c r="CYW693" s="613"/>
      <c r="CYX693" s="613"/>
      <c r="CYY693" s="613"/>
      <c r="CYZ693" s="613"/>
      <c r="CZA693" s="613"/>
      <c r="CZB693" s="613"/>
      <c r="CZC693" s="613"/>
      <c r="CZD693" s="613"/>
      <c r="CZE693" s="613"/>
      <c r="CZF693" s="613"/>
      <c r="CZG693" s="613"/>
      <c r="CZH693" s="613"/>
      <c r="CZI693" s="613"/>
      <c r="CZJ693" s="613"/>
      <c r="CZK693" s="613"/>
      <c r="CZL693" s="613"/>
      <c r="CZM693" s="613"/>
      <c r="CZN693" s="613"/>
      <c r="CZO693" s="613"/>
      <c r="CZP693" s="613"/>
      <c r="CZQ693" s="613"/>
      <c r="CZR693" s="613"/>
      <c r="CZS693" s="613"/>
      <c r="CZT693" s="613"/>
      <c r="CZU693" s="613"/>
      <c r="CZV693" s="613"/>
      <c r="CZW693" s="613"/>
      <c r="CZX693" s="613"/>
      <c r="CZY693" s="613"/>
      <c r="CZZ693" s="613"/>
      <c r="DAA693" s="613"/>
      <c r="DAB693" s="613"/>
      <c r="DAC693" s="613"/>
      <c r="DAD693" s="613"/>
      <c r="DAE693" s="613"/>
      <c r="DAF693" s="613"/>
      <c r="DAG693" s="613"/>
      <c r="DAH693" s="613"/>
      <c r="DAI693" s="613"/>
      <c r="DAJ693" s="613"/>
      <c r="DAK693" s="613"/>
      <c r="DAL693" s="613"/>
      <c r="DAM693" s="613"/>
      <c r="DAN693" s="613"/>
      <c r="DAO693" s="613"/>
      <c r="DAP693" s="613"/>
      <c r="DAQ693" s="613"/>
      <c r="DAR693" s="613"/>
      <c r="DAS693" s="613"/>
      <c r="DAT693" s="613"/>
      <c r="DAU693" s="613"/>
      <c r="DAV693" s="613"/>
      <c r="DAW693" s="613"/>
      <c r="DAX693" s="613"/>
      <c r="DAY693" s="613"/>
      <c r="DAZ693" s="613"/>
      <c r="DBA693" s="613"/>
      <c r="DBB693" s="613"/>
      <c r="DBC693" s="613"/>
      <c r="DBD693" s="613"/>
      <c r="DBE693" s="613"/>
      <c r="DBF693" s="613"/>
      <c r="DBG693" s="613"/>
      <c r="DBH693" s="613"/>
      <c r="DBI693" s="613"/>
      <c r="DBJ693" s="613"/>
      <c r="DBK693" s="613"/>
      <c r="DBL693" s="613"/>
      <c r="DBM693" s="613"/>
      <c r="DBN693" s="613"/>
      <c r="DBO693" s="613"/>
      <c r="DBP693" s="613"/>
      <c r="DBQ693" s="613"/>
      <c r="DBR693" s="613"/>
      <c r="DBS693" s="613"/>
      <c r="DBT693" s="613"/>
      <c r="DBU693" s="613"/>
      <c r="DBV693" s="613"/>
      <c r="DBW693" s="613"/>
      <c r="DBX693" s="613"/>
      <c r="DBY693" s="613"/>
      <c r="DBZ693" s="613"/>
      <c r="DCA693" s="613"/>
      <c r="DCB693" s="613"/>
      <c r="DCC693" s="613"/>
      <c r="DCD693" s="613"/>
      <c r="DCE693" s="613"/>
      <c r="DCF693" s="613"/>
      <c r="DCG693" s="613"/>
      <c r="DCH693" s="613"/>
      <c r="DCI693" s="613"/>
      <c r="DCJ693" s="613"/>
      <c r="DCK693" s="613"/>
      <c r="DCL693" s="613"/>
      <c r="DCM693" s="613"/>
      <c r="DCN693" s="613"/>
      <c r="DCO693" s="613"/>
      <c r="DCP693" s="613"/>
      <c r="DCQ693" s="613"/>
      <c r="DCR693" s="613"/>
      <c r="DCS693" s="613"/>
      <c r="DCT693" s="613"/>
      <c r="DCU693" s="613"/>
      <c r="DCV693" s="613"/>
      <c r="DCW693" s="613"/>
      <c r="DCX693" s="613"/>
      <c r="DCY693" s="613"/>
      <c r="DCZ693" s="613"/>
      <c r="DDA693" s="613"/>
      <c r="DDB693" s="613"/>
      <c r="DDC693" s="613"/>
      <c r="DDD693" s="613"/>
      <c r="DDE693" s="613"/>
      <c r="DDF693" s="613"/>
      <c r="DDG693" s="613"/>
      <c r="DDH693" s="613"/>
      <c r="DDI693" s="613"/>
      <c r="DDJ693" s="613"/>
      <c r="DDK693" s="613"/>
      <c r="DDL693" s="613"/>
      <c r="DDM693" s="613"/>
      <c r="DDN693" s="613"/>
      <c r="DDO693" s="613"/>
      <c r="DDP693" s="613"/>
      <c r="DDQ693" s="613"/>
      <c r="DDR693" s="613"/>
      <c r="DDS693" s="613"/>
      <c r="DDT693" s="613"/>
      <c r="DDU693" s="613"/>
      <c r="DDV693" s="613"/>
      <c r="DDW693" s="613"/>
      <c r="DDX693" s="613"/>
      <c r="DDY693" s="613"/>
      <c r="DDZ693" s="613"/>
      <c r="DEA693" s="613"/>
      <c r="DEB693" s="613"/>
      <c r="DEC693" s="613"/>
      <c r="DED693" s="613"/>
      <c r="DEE693" s="613"/>
      <c r="DEF693" s="613"/>
      <c r="DEG693" s="613"/>
      <c r="DEH693" s="613"/>
      <c r="DEI693" s="613"/>
      <c r="DEJ693" s="613"/>
      <c r="DEK693" s="613"/>
      <c r="DEL693" s="613"/>
      <c r="DEM693" s="613"/>
      <c r="DEN693" s="613"/>
      <c r="DEO693" s="613"/>
      <c r="DEP693" s="613"/>
      <c r="DEQ693" s="613"/>
      <c r="DER693" s="613"/>
      <c r="DES693" s="613"/>
      <c r="DET693" s="613"/>
      <c r="DEU693" s="613"/>
      <c r="DEV693" s="613"/>
      <c r="DEW693" s="613"/>
      <c r="DEX693" s="613"/>
      <c r="DEY693" s="613"/>
      <c r="DEZ693" s="613"/>
      <c r="DFA693" s="613"/>
      <c r="DFB693" s="613"/>
      <c r="DFC693" s="613"/>
      <c r="DFD693" s="613"/>
      <c r="DFE693" s="613"/>
      <c r="DFF693" s="613"/>
      <c r="DFG693" s="613"/>
      <c r="DFH693" s="613"/>
      <c r="DFI693" s="613"/>
      <c r="DFJ693" s="613"/>
      <c r="DFK693" s="613"/>
      <c r="DFL693" s="613"/>
      <c r="DFM693" s="613"/>
      <c r="DFN693" s="613"/>
      <c r="DFO693" s="613"/>
      <c r="DFP693" s="613"/>
      <c r="DFQ693" s="613"/>
      <c r="DFR693" s="613"/>
      <c r="DFS693" s="613"/>
      <c r="DFT693" s="613"/>
      <c r="DFU693" s="613"/>
      <c r="DFV693" s="613"/>
      <c r="DFW693" s="613"/>
      <c r="DFX693" s="613"/>
      <c r="DFY693" s="613"/>
      <c r="DFZ693" s="613"/>
      <c r="DGA693" s="613"/>
      <c r="DGB693" s="613"/>
      <c r="DGC693" s="613"/>
      <c r="DGD693" s="613"/>
      <c r="DGE693" s="613"/>
      <c r="DGF693" s="613"/>
      <c r="DGG693" s="613"/>
      <c r="DGH693" s="613"/>
      <c r="DGI693" s="613"/>
      <c r="DGJ693" s="613"/>
      <c r="DGK693" s="613"/>
      <c r="DGL693" s="613"/>
      <c r="DGM693" s="613"/>
      <c r="DGN693" s="613"/>
      <c r="DGO693" s="613"/>
      <c r="DGP693" s="613"/>
      <c r="DGQ693" s="613"/>
      <c r="DGR693" s="613"/>
      <c r="DGS693" s="613"/>
      <c r="DGT693" s="613"/>
      <c r="DGU693" s="613"/>
      <c r="DGV693" s="613"/>
      <c r="DGW693" s="613"/>
      <c r="DGX693" s="613"/>
      <c r="DGY693" s="613"/>
      <c r="DGZ693" s="613"/>
      <c r="DHA693" s="613"/>
      <c r="DHB693" s="613"/>
      <c r="DHC693" s="613"/>
      <c r="DHD693" s="613"/>
      <c r="DHE693" s="613"/>
      <c r="DHF693" s="613"/>
      <c r="DHG693" s="613"/>
      <c r="DHH693" s="613"/>
      <c r="DHI693" s="613"/>
      <c r="DHJ693" s="613"/>
      <c r="DHK693" s="613"/>
      <c r="DHL693" s="613"/>
      <c r="DHM693" s="613"/>
      <c r="DHN693" s="613"/>
      <c r="DHO693" s="613"/>
      <c r="DHP693" s="613"/>
      <c r="DHQ693" s="613"/>
      <c r="DHR693" s="613"/>
      <c r="DHS693" s="613"/>
      <c r="DHT693" s="613"/>
      <c r="DHU693" s="613"/>
      <c r="DHV693" s="613"/>
      <c r="DHW693" s="613"/>
      <c r="DHX693" s="613"/>
      <c r="DHY693" s="613"/>
      <c r="DHZ693" s="613"/>
      <c r="DIA693" s="613"/>
      <c r="DIB693" s="613"/>
      <c r="DIC693" s="613"/>
      <c r="DID693" s="613"/>
      <c r="DIE693" s="613"/>
      <c r="DIF693" s="613"/>
      <c r="DIG693" s="613"/>
      <c r="DIH693" s="613"/>
      <c r="DII693" s="613"/>
      <c r="DIJ693" s="613"/>
      <c r="DIK693" s="613"/>
      <c r="DIL693" s="613"/>
      <c r="DIM693" s="613"/>
      <c r="DIN693" s="613"/>
      <c r="DIO693" s="613"/>
      <c r="DIP693" s="613"/>
      <c r="DIQ693" s="613"/>
      <c r="DIR693" s="613"/>
      <c r="DIS693" s="613"/>
      <c r="DIT693" s="613"/>
      <c r="DIU693" s="613"/>
      <c r="DIV693" s="613"/>
      <c r="DIW693" s="613"/>
      <c r="DIX693" s="613"/>
      <c r="DIY693" s="613"/>
      <c r="DIZ693" s="613"/>
      <c r="DJA693" s="613"/>
      <c r="DJB693" s="613"/>
      <c r="DJC693" s="613"/>
      <c r="DJD693" s="613"/>
      <c r="DJE693" s="613"/>
      <c r="DJF693" s="613"/>
      <c r="DJG693" s="613"/>
      <c r="DJH693" s="613"/>
      <c r="DJI693" s="613"/>
      <c r="DJJ693" s="613"/>
      <c r="DJK693" s="613"/>
      <c r="DJL693" s="613"/>
      <c r="DJM693" s="613"/>
      <c r="DJN693" s="613"/>
      <c r="DJO693" s="613"/>
      <c r="DJP693" s="613"/>
      <c r="DJQ693" s="613"/>
      <c r="DJR693" s="613"/>
      <c r="DJS693" s="613"/>
      <c r="DJT693" s="613"/>
      <c r="DJU693" s="613"/>
      <c r="DJV693" s="613"/>
      <c r="DJW693" s="613"/>
      <c r="DJX693" s="613"/>
      <c r="DJY693" s="613"/>
      <c r="DJZ693" s="613"/>
      <c r="DKA693" s="613"/>
      <c r="DKB693" s="613"/>
      <c r="DKC693" s="613"/>
      <c r="DKD693" s="613"/>
      <c r="DKE693" s="613"/>
      <c r="DKF693" s="613"/>
      <c r="DKG693" s="613"/>
      <c r="DKH693" s="613"/>
      <c r="DKI693" s="613"/>
      <c r="DKJ693" s="613"/>
      <c r="DKK693" s="613"/>
      <c r="DKL693" s="613"/>
      <c r="DKM693" s="613"/>
      <c r="DKN693" s="613"/>
      <c r="DKO693" s="613"/>
      <c r="DKP693" s="613"/>
      <c r="DKQ693" s="613"/>
      <c r="DKR693" s="613"/>
      <c r="DKS693" s="613"/>
      <c r="DKT693" s="613"/>
      <c r="DKU693" s="613"/>
      <c r="DKV693" s="613"/>
      <c r="DKW693" s="613"/>
      <c r="DKX693" s="613"/>
      <c r="DKY693" s="613"/>
      <c r="DKZ693" s="613"/>
      <c r="DLA693" s="613"/>
      <c r="DLB693" s="613"/>
      <c r="DLC693" s="613"/>
      <c r="DLD693" s="613"/>
      <c r="DLE693" s="613"/>
      <c r="DLF693" s="613"/>
      <c r="DLG693" s="613"/>
      <c r="DLH693" s="613"/>
      <c r="DLI693" s="613"/>
      <c r="DLJ693" s="613"/>
      <c r="DLK693" s="613"/>
      <c r="DLL693" s="613"/>
      <c r="DLM693" s="613"/>
      <c r="DLN693" s="613"/>
      <c r="DLO693" s="613"/>
      <c r="DLP693" s="613"/>
      <c r="DLQ693" s="613"/>
      <c r="DLR693" s="613"/>
      <c r="DLS693" s="613"/>
      <c r="DLT693" s="613"/>
      <c r="DLU693" s="613"/>
      <c r="DLV693" s="613"/>
      <c r="DLW693" s="613"/>
      <c r="DLX693" s="613"/>
      <c r="DLY693" s="613"/>
      <c r="DLZ693" s="613"/>
      <c r="DMA693" s="613"/>
      <c r="DMB693" s="613"/>
      <c r="DMC693" s="613"/>
      <c r="DMD693" s="613"/>
      <c r="DME693" s="613"/>
      <c r="DMF693" s="613"/>
      <c r="DMG693" s="613"/>
      <c r="DMH693" s="613"/>
      <c r="DMI693" s="613"/>
      <c r="DMJ693" s="613"/>
      <c r="DMK693" s="613"/>
      <c r="DML693" s="613"/>
      <c r="DMM693" s="613"/>
      <c r="DMN693" s="613"/>
      <c r="DMO693" s="613"/>
      <c r="DMP693" s="613"/>
      <c r="DMQ693" s="613"/>
      <c r="DMR693" s="613"/>
      <c r="DMS693" s="613"/>
      <c r="DMT693" s="613"/>
      <c r="DMU693" s="613"/>
      <c r="DMV693" s="613"/>
      <c r="DMW693" s="613"/>
      <c r="DMX693" s="613"/>
      <c r="DMY693" s="613"/>
      <c r="DMZ693" s="613"/>
      <c r="DNA693" s="613"/>
      <c r="DNB693" s="613"/>
      <c r="DNC693" s="613"/>
      <c r="DND693" s="613"/>
      <c r="DNE693" s="613"/>
      <c r="DNF693" s="613"/>
      <c r="DNG693" s="613"/>
      <c r="DNH693" s="613"/>
      <c r="DNI693" s="613"/>
      <c r="DNJ693" s="613"/>
      <c r="DNK693" s="613"/>
      <c r="DNL693" s="613"/>
      <c r="DNM693" s="613"/>
      <c r="DNN693" s="613"/>
      <c r="DNO693" s="613"/>
      <c r="DNP693" s="613"/>
      <c r="DNQ693" s="613"/>
      <c r="DNR693" s="613"/>
      <c r="DNS693" s="613"/>
      <c r="DNT693" s="613"/>
      <c r="DNU693" s="613"/>
      <c r="DNV693" s="613"/>
      <c r="DNW693" s="613"/>
      <c r="DNX693" s="613"/>
      <c r="DNY693" s="613"/>
      <c r="DNZ693" s="613"/>
      <c r="DOA693" s="613"/>
      <c r="DOB693" s="613"/>
      <c r="DOC693" s="613"/>
      <c r="DOD693" s="613"/>
      <c r="DOE693" s="613"/>
      <c r="DOF693" s="613"/>
      <c r="DOG693" s="613"/>
      <c r="DOH693" s="613"/>
      <c r="DOI693" s="613"/>
      <c r="DOJ693" s="613"/>
      <c r="DOK693" s="613"/>
      <c r="DOL693" s="613"/>
      <c r="DOM693" s="613"/>
      <c r="DON693" s="613"/>
      <c r="DOO693" s="613"/>
      <c r="DOP693" s="613"/>
      <c r="DOQ693" s="613"/>
      <c r="DOR693" s="613"/>
      <c r="DOS693" s="613"/>
      <c r="DOT693" s="613"/>
      <c r="DOU693" s="613"/>
      <c r="DOV693" s="613"/>
      <c r="DOW693" s="613"/>
      <c r="DOX693" s="613"/>
      <c r="DOY693" s="613"/>
      <c r="DOZ693" s="613"/>
      <c r="DPA693" s="613"/>
      <c r="DPB693" s="613"/>
      <c r="DPC693" s="613"/>
      <c r="DPD693" s="613"/>
      <c r="DPE693" s="613"/>
      <c r="DPF693" s="613"/>
      <c r="DPG693" s="613"/>
      <c r="DPH693" s="613"/>
      <c r="DPI693" s="613"/>
      <c r="DPJ693" s="613"/>
      <c r="DPK693" s="613"/>
      <c r="DPL693" s="613"/>
      <c r="DPM693" s="613"/>
      <c r="DPN693" s="613"/>
      <c r="DPO693" s="613"/>
      <c r="DPP693" s="613"/>
      <c r="DPQ693" s="613"/>
      <c r="DPR693" s="613"/>
      <c r="DPS693" s="613"/>
      <c r="DPT693" s="613"/>
      <c r="DPU693" s="613"/>
      <c r="DPV693" s="613"/>
      <c r="DPW693" s="613"/>
      <c r="DPX693" s="613"/>
      <c r="DPY693" s="613"/>
      <c r="DPZ693" s="613"/>
      <c r="DQA693" s="613"/>
      <c r="DQB693" s="613"/>
      <c r="DQC693" s="613"/>
      <c r="DQD693" s="613"/>
      <c r="DQE693" s="613"/>
      <c r="DQF693" s="613"/>
      <c r="DQG693" s="613"/>
      <c r="DQH693" s="613"/>
      <c r="DQI693" s="613"/>
      <c r="DQJ693" s="613"/>
      <c r="DQK693" s="613"/>
      <c r="DQL693" s="613"/>
      <c r="DQM693" s="613"/>
      <c r="DQN693" s="613"/>
      <c r="DQO693" s="613"/>
      <c r="DQP693" s="613"/>
      <c r="DQQ693" s="613"/>
      <c r="DQR693" s="613"/>
      <c r="DQS693" s="613"/>
      <c r="DQT693" s="613"/>
      <c r="DQU693" s="613"/>
      <c r="DQV693" s="613"/>
      <c r="DQW693" s="613"/>
      <c r="DQX693" s="613"/>
      <c r="DQY693" s="613"/>
      <c r="DQZ693" s="613"/>
      <c r="DRA693" s="613"/>
      <c r="DRB693" s="613"/>
      <c r="DRC693" s="613"/>
      <c r="DRD693" s="613"/>
      <c r="DRE693" s="613"/>
      <c r="DRF693" s="613"/>
      <c r="DRG693" s="613"/>
      <c r="DRH693" s="613"/>
      <c r="DRI693" s="613"/>
      <c r="DRJ693" s="613"/>
      <c r="DRK693" s="613"/>
      <c r="DRL693" s="613"/>
      <c r="DRM693" s="613"/>
      <c r="DRN693" s="613"/>
      <c r="DRO693" s="613"/>
      <c r="DRP693" s="613"/>
      <c r="DRQ693" s="613"/>
      <c r="DRR693" s="613"/>
      <c r="DRS693" s="613"/>
      <c r="DRT693" s="613"/>
      <c r="DRU693" s="613"/>
      <c r="DRV693" s="613"/>
      <c r="DRW693" s="613"/>
      <c r="DRX693" s="613"/>
      <c r="DRY693" s="613"/>
      <c r="DRZ693" s="613"/>
      <c r="DSA693" s="613"/>
      <c r="DSB693" s="613"/>
      <c r="DSC693" s="613"/>
      <c r="DSD693" s="613"/>
      <c r="DSE693" s="613"/>
      <c r="DSF693" s="613"/>
      <c r="DSG693" s="613"/>
      <c r="DSH693" s="613"/>
      <c r="DSI693" s="613"/>
      <c r="DSJ693" s="613"/>
      <c r="DSK693" s="613"/>
      <c r="DSL693" s="613"/>
      <c r="DSM693" s="613"/>
      <c r="DSN693" s="613"/>
      <c r="DSO693" s="613"/>
      <c r="DSP693" s="613"/>
      <c r="DSQ693" s="613"/>
      <c r="DSR693" s="613"/>
      <c r="DSS693" s="613"/>
      <c r="DST693" s="613"/>
      <c r="DSU693" s="613"/>
      <c r="DSV693" s="613"/>
      <c r="DSW693" s="613"/>
      <c r="DSX693" s="613"/>
      <c r="DSY693" s="613"/>
      <c r="DSZ693" s="613"/>
      <c r="DTA693" s="613"/>
      <c r="DTB693" s="613"/>
      <c r="DTC693" s="613"/>
      <c r="DTD693" s="613"/>
      <c r="DTE693" s="613"/>
      <c r="DTF693" s="613"/>
      <c r="DTG693" s="613"/>
      <c r="DTH693" s="613"/>
      <c r="DTI693" s="613"/>
      <c r="DTJ693" s="613"/>
      <c r="DTK693" s="613"/>
      <c r="DTL693" s="613"/>
      <c r="DTM693" s="613"/>
      <c r="DTN693" s="613"/>
      <c r="DTO693" s="613"/>
      <c r="DTP693" s="613"/>
      <c r="DTQ693" s="613"/>
      <c r="DTR693" s="613"/>
      <c r="DTS693" s="613"/>
      <c r="DTT693" s="613"/>
      <c r="DTU693" s="613"/>
      <c r="DTV693" s="613"/>
      <c r="DTW693" s="613"/>
      <c r="DTX693" s="613"/>
      <c r="DTY693" s="613"/>
      <c r="DTZ693" s="613"/>
      <c r="DUA693" s="613"/>
      <c r="DUB693" s="613"/>
      <c r="DUC693" s="613"/>
      <c r="DUD693" s="613"/>
      <c r="DUE693" s="613"/>
      <c r="DUF693" s="613"/>
      <c r="DUG693" s="613"/>
      <c r="DUH693" s="613"/>
      <c r="DUI693" s="613"/>
      <c r="DUJ693" s="613"/>
      <c r="DUK693" s="613"/>
      <c r="DUL693" s="613"/>
      <c r="DUM693" s="613"/>
      <c r="DUN693" s="613"/>
      <c r="DUO693" s="613"/>
      <c r="DUP693" s="613"/>
      <c r="DUQ693" s="613"/>
      <c r="DUR693" s="613"/>
      <c r="DUS693" s="613"/>
      <c r="DUT693" s="613"/>
      <c r="DUU693" s="613"/>
      <c r="DUV693" s="613"/>
      <c r="DUW693" s="613"/>
      <c r="DUX693" s="613"/>
      <c r="DUY693" s="613"/>
      <c r="DUZ693" s="613"/>
      <c r="DVA693" s="613"/>
      <c r="DVB693" s="613"/>
      <c r="DVC693" s="613"/>
      <c r="DVD693" s="613"/>
      <c r="DVE693" s="613"/>
      <c r="DVF693" s="613"/>
      <c r="DVG693" s="613"/>
      <c r="DVH693" s="613"/>
      <c r="DVI693" s="613"/>
      <c r="DVJ693" s="613"/>
      <c r="DVK693" s="613"/>
      <c r="DVL693" s="613"/>
      <c r="DVM693" s="613"/>
      <c r="DVN693" s="613"/>
      <c r="DVO693" s="613"/>
      <c r="DVP693" s="613"/>
      <c r="DVQ693" s="613"/>
      <c r="DVR693" s="613"/>
      <c r="DVS693" s="613"/>
      <c r="DVT693" s="613"/>
      <c r="DVU693" s="613"/>
      <c r="DVV693" s="613"/>
      <c r="DVW693" s="613"/>
      <c r="DVX693" s="613"/>
      <c r="DVY693" s="613"/>
      <c r="DVZ693" s="613"/>
      <c r="DWA693" s="613"/>
      <c r="DWB693" s="613"/>
      <c r="DWC693" s="613"/>
      <c r="DWD693" s="613"/>
      <c r="DWE693" s="613"/>
      <c r="DWF693" s="613"/>
      <c r="DWG693" s="613"/>
      <c r="DWH693" s="613"/>
      <c r="DWI693" s="613"/>
      <c r="DWJ693" s="613"/>
      <c r="DWK693" s="613"/>
      <c r="DWL693" s="613"/>
      <c r="DWM693" s="613"/>
      <c r="DWN693" s="613"/>
      <c r="DWO693" s="613"/>
      <c r="DWP693" s="613"/>
      <c r="DWQ693" s="613"/>
      <c r="DWR693" s="613"/>
      <c r="DWS693" s="613"/>
      <c r="DWT693" s="613"/>
      <c r="DWU693" s="613"/>
      <c r="DWV693" s="613"/>
      <c r="DWW693" s="613"/>
      <c r="DWX693" s="613"/>
      <c r="DWY693" s="613"/>
      <c r="DWZ693" s="613"/>
      <c r="DXA693" s="613"/>
      <c r="DXB693" s="613"/>
      <c r="DXC693" s="613"/>
      <c r="DXD693" s="613"/>
      <c r="DXE693" s="613"/>
      <c r="DXF693" s="613"/>
      <c r="DXG693" s="613"/>
      <c r="DXH693" s="613"/>
      <c r="DXI693" s="613"/>
      <c r="DXJ693" s="613"/>
      <c r="DXK693" s="613"/>
      <c r="DXL693" s="613"/>
      <c r="DXM693" s="613"/>
      <c r="DXN693" s="613"/>
      <c r="DXO693" s="613"/>
      <c r="DXP693" s="613"/>
      <c r="DXQ693" s="613"/>
      <c r="DXR693" s="613"/>
      <c r="DXS693" s="613"/>
      <c r="DXT693" s="613"/>
      <c r="DXU693" s="613"/>
      <c r="DXV693" s="613"/>
      <c r="DXW693" s="613"/>
      <c r="DXX693" s="613"/>
      <c r="DXY693" s="613"/>
      <c r="DXZ693" s="613"/>
      <c r="DYA693" s="613"/>
      <c r="DYB693" s="613"/>
      <c r="DYC693" s="613"/>
      <c r="DYD693" s="613"/>
      <c r="DYE693" s="613"/>
      <c r="DYF693" s="613"/>
      <c r="DYG693" s="613"/>
      <c r="DYH693" s="613"/>
      <c r="DYI693" s="613"/>
      <c r="DYJ693" s="613"/>
      <c r="DYK693" s="613"/>
      <c r="DYL693" s="613"/>
      <c r="DYM693" s="613"/>
      <c r="DYN693" s="613"/>
      <c r="DYO693" s="613"/>
      <c r="DYP693" s="613"/>
      <c r="DYQ693" s="613"/>
      <c r="DYR693" s="613"/>
      <c r="DYS693" s="613"/>
      <c r="DYT693" s="613"/>
      <c r="DYU693" s="613"/>
      <c r="DYV693" s="613"/>
      <c r="DYW693" s="613"/>
      <c r="DYX693" s="613"/>
      <c r="DYY693" s="613"/>
      <c r="DYZ693" s="613"/>
      <c r="DZA693" s="613"/>
      <c r="DZB693" s="613"/>
      <c r="DZC693" s="613"/>
      <c r="DZD693" s="613"/>
      <c r="DZE693" s="613"/>
      <c r="DZF693" s="613"/>
      <c r="DZG693" s="613"/>
      <c r="DZH693" s="613"/>
      <c r="DZI693" s="613"/>
      <c r="DZJ693" s="613"/>
      <c r="DZK693" s="613"/>
      <c r="DZL693" s="613"/>
      <c r="DZM693" s="613"/>
      <c r="DZN693" s="613"/>
      <c r="DZO693" s="613"/>
      <c r="DZP693" s="613"/>
      <c r="DZQ693" s="613"/>
      <c r="DZR693" s="613"/>
      <c r="DZS693" s="613"/>
      <c r="DZT693" s="613"/>
      <c r="DZU693" s="613"/>
      <c r="DZV693" s="613"/>
      <c r="DZW693" s="613"/>
      <c r="DZX693" s="613"/>
      <c r="DZY693" s="613"/>
      <c r="DZZ693" s="613"/>
      <c r="EAA693" s="613"/>
      <c r="EAB693" s="613"/>
      <c r="EAC693" s="613"/>
      <c r="EAD693" s="613"/>
      <c r="EAE693" s="613"/>
      <c r="EAF693" s="613"/>
      <c r="EAG693" s="613"/>
      <c r="EAH693" s="613"/>
      <c r="EAI693" s="613"/>
      <c r="EAJ693" s="613"/>
      <c r="EAK693" s="613"/>
      <c r="EAL693" s="613"/>
      <c r="EAM693" s="613"/>
      <c r="EAN693" s="613"/>
      <c r="EAO693" s="613"/>
      <c r="EAP693" s="613"/>
      <c r="EAQ693" s="613"/>
      <c r="EAR693" s="613"/>
      <c r="EAS693" s="613"/>
      <c r="EAT693" s="613"/>
      <c r="EAU693" s="613"/>
      <c r="EAV693" s="613"/>
      <c r="EAW693" s="613"/>
      <c r="EAX693" s="613"/>
      <c r="EAY693" s="613"/>
      <c r="EAZ693" s="613"/>
      <c r="EBA693" s="613"/>
      <c r="EBB693" s="613"/>
      <c r="EBC693" s="613"/>
      <c r="EBD693" s="613"/>
      <c r="EBE693" s="613"/>
      <c r="EBF693" s="613"/>
      <c r="EBG693" s="613"/>
      <c r="EBH693" s="613"/>
      <c r="EBI693" s="613"/>
      <c r="EBJ693" s="613"/>
      <c r="EBK693" s="613"/>
      <c r="EBL693" s="613"/>
      <c r="EBM693" s="613"/>
      <c r="EBN693" s="613"/>
      <c r="EBO693" s="613"/>
      <c r="EBP693" s="613"/>
      <c r="EBQ693" s="613"/>
      <c r="EBR693" s="613"/>
      <c r="EBS693" s="613"/>
      <c r="EBT693" s="613"/>
      <c r="EBU693" s="613"/>
      <c r="EBV693" s="613"/>
      <c r="EBW693" s="613"/>
      <c r="EBX693" s="613"/>
      <c r="EBY693" s="613"/>
      <c r="EBZ693" s="613"/>
      <c r="ECA693" s="613"/>
      <c r="ECB693" s="613"/>
      <c r="ECC693" s="613"/>
      <c r="ECD693" s="613"/>
      <c r="ECE693" s="613"/>
      <c r="ECF693" s="613"/>
      <c r="ECG693" s="613"/>
      <c r="ECH693" s="613"/>
      <c r="ECI693" s="613"/>
      <c r="ECJ693" s="613"/>
      <c r="ECK693" s="613"/>
      <c r="ECL693" s="613"/>
      <c r="ECM693" s="613"/>
      <c r="ECN693" s="613"/>
      <c r="ECO693" s="613"/>
      <c r="ECP693" s="613"/>
      <c r="ECQ693" s="613"/>
      <c r="ECR693" s="613"/>
      <c r="ECS693" s="613"/>
      <c r="ECT693" s="613"/>
      <c r="ECU693" s="613"/>
      <c r="ECV693" s="613"/>
      <c r="ECW693" s="613"/>
      <c r="ECX693" s="613"/>
      <c r="ECY693" s="613"/>
      <c r="ECZ693" s="613"/>
      <c r="EDA693" s="613"/>
      <c r="EDB693" s="613"/>
      <c r="EDC693" s="613"/>
      <c r="EDD693" s="613"/>
      <c r="EDE693" s="613"/>
      <c r="EDF693" s="613"/>
      <c r="EDG693" s="613"/>
      <c r="EDH693" s="613"/>
      <c r="EDI693" s="613"/>
      <c r="EDJ693" s="613"/>
      <c r="EDK693" s="613"/>
      <c r="EDL693" s="613"/>
      <c r="EDM693" s="613"/>
      <c r="EDN693" s="613"/>
      <c r="EDO693" s="613"/>
      <c r="EDP693" s="613"/>
      <c r="EDQ693" s="613"/>
      <c r="EDR693" s="613"/>
      <c r="EDS693" s="613"/>
      <c r="EDT693" s="613"/>
      <c r="EDU693" s="613"/>
      <c r="EDV693" s="613"/>
      <c r="EDW693" s="613"/>
      <c r="EDX693" s="613"/>
      <c r="EDY693" s="613"/>
      <c r="EDZ693" s="613"/>
      <c r="EEA693" s="613"/>
      <c r="EEB693" s="613"/>
      <c r="EEC693" s="613"/>
      <c r="EED693" s="613"/>
      <c r="EEE693" s="613"/>
      <c r="EEF693" s="613"/>
      <c r="EEG693" s="613"/>
      <c r="EEH693" s="613"/>
      <c r="EEI693" s="613"/>
      <c r="EEJ693" s="613"/>
      <c r="EEK693" s="613"/>
      <c r="EEL693" s="613"/>
      <c r="EEM693" s="613"/>
      <c r="EEN693" s="613"/>
      <c r="EEO693" s="613"/>
      <c r="EEP693" s="613"/>
      <c r="EEQ693" s="613"/>
      <c r="EER693" s="613"/>
      <c r="EES693" s="613"/>
      <c r="EET693" s="613"/>
      <c r="EEU693" s="613"/>
      <c r="EEV693" s="613"/>
      <c r="EEW693" s="613"/>
      <c r="EEX693" s="613"/>
      <c r="EEY693" s="613"/>
      <c r="EEZ693" s="613"/>
      <c r="EFA693" s="613"/>
      <c r="EFB693" s="613"/>
      <c r="EFC693" s="613"/>
      <c r="EFD693" s="613"/>
      <c r="EFE693" s="613"/>
      <c r="EFF693" s="613"/>
      <c r="EFG693" s="613"/>
      <c r="EFH693" s="613"/>
      <c r="EFI693" s="613"/>
      <c r="EFJ693" s="613"/>
      <c r="EFK693" s="613"/>
      <c r="EFL693" s="613"/>
      <c r="EFM693" s="613"/>
      <c r="EFN693" s="613"/>
      <c r="EFO693" s="613"/>
      <c r="EFP693" s="613"/>
      <c r="EFQ693" s="613"/>
      <c r="EFR693" s="613"/>
      <c r="EFS693" s="613"/>
      <c r="EFT693" s="613"/>
      <c r="EFU693" s="613"/>
      <c r="EFV693" s="613"/>
      <c r="EFW693" s="613"/>
      <c r="EFX693" s="613"/>
      <c r="EFY693" s="613"/>
      <c r="EFZ693" s="613"/>
      <c r="EGA693" s="613"/>
      <c r="EGB693" s="613"/>
      <c r="EGC693" s="613"/>
      <c r="EGD693" s="613"/>
      <c r="EGE693" s="613"/>
      <c r="EGF693" s="613"/>
      <c r="EGG693" s="613"/>
      <c r="EGH693" s="613"/>
      <c r="EGI693" s="613"/>
      <c r="EGJ693" s="613"/>
      <c r="EGK693" s="613"/>
      <c r="EGL693" s="613"/>
      <c r="EGM693" s="613"/>
      <c r="EGN693" s="613"/>
      <c r="EGO693" s="613"/>
      <c r="EGP693" s="613"/>
      <c r="EGQ693" s="613"/>
      <c r="EGR693" s="613"/>
      <c r="EGS693" s="613"/>
      <c r="EGT693" s="613"/>
      <c r="EGU693" s="613"/>
      <c r="EGV693" s="613"/>
      <c r="EGW693" s="613"/>
      <c r="EGX693" s="613"/>
      <c r="EGY693" s="613"/>
      <c r="EGZ693" s="613"/>
      <c r="EHA693" s="613"/>
      <c r="EHB693" s="613"/>
      <c r="EHC693" s="613"/>
      <c r="EHD693" s="613"/>
      <c r="EHE693" s="613"/>
      <c r="EHF693" s="613"/>
      <c r="EHG693" s="613"/>
      <c r="EHH693" s="613"/>
      <c r="EHI693" s="613"/>
      <c r="EHJ693" s="613"/>
      <c r="EHK693" s="613"/>
      <c r="EHL693" s="613"/>
      <c r="EHM693" s="613"/>
      <c r="EHN693" s="613"/>
      <c r="EHO693" s="613"/>
      <c r="EHP693" s="613"/>
      <c r="EHQ693" s="613"/>
      <c r="EHR693" s="613"/>
      <c r="EHS693" s="613"/>
      <c r="EHT693" s="613"/>
      <c r="EHU693" s="613"/>
      <c r="EHV693" s="613"/>
      <c r="EHW693" s="613"/>
      <c r="EHX693" s="613"/>
      <c r="EHY693" s="613"/>
      <c r="EHZ693" s="613"/>
      <c r="EIA693" s="613"/>
      <c r="EIB693" s="613"/>
      <c r="EIC693" s="613"/>
      <c r="EID693" s="613"/>
      <c r="EIE693" s="613"/>
      <c r="EIF693" s="613"/>
      <c r="EIG693" s="613"/>
      <c r="EIH693" s="613"/>
      <c r="EII693" s="613"/>
      <c r="EIJ693" s="613"/>
      <c r="EIK693" s="613"/>
      <c r="EIL693" s="613"/>
      <c r="EIM693" s="613"/>
      <c r="EIN693" s="613"/>
      <c r="EIO693" s="613"/>
      <c r="EIP693" s="613"/>
      <c r="EIQ693" s="613"/>
      <c r="EIR693" s="613"/>
      <c r="EIS693" s="613"/>
      <c r="EIT693" s="613"/>
      <c r="EIU693" s="613"/>
      <c r="EIV693" s="613"/>
      <c r="EIW693" s="613"/>
      <c r="EIX693" s="613"/>
      <c r="EIY693" s="613"/>
      <c r="EIZ693" s="613"/>
      <c r="EJA693" s="613"/>
      <c r="EJB693" s="613"/>
      <c r="EJC693" s="613"/>
      <c r="EJD693" s="613"/>
      <c r="EJE693" s="613"/>
      <c r="EJF693" s="613"/>
      <c r="EJG693" s="613"/>
      <c r="EJH693" s="613"/>
      <c r="EJI693" s="613"/>
      <c r="EJJ693" s="613"/>
      <c r="EJK693" s="613"/>
      <c r="EJL693" s="613"/>
      <c r="EJM693" s="613"/>
      <c r="EJN693" s="613"/>
      <c r="EJO693" s="613"/>
      <c r="EJP693" s="613"/>
      <c r="EJQ693" s="613"/>
      <c r="EJR693" s="613"/>
      <c r="EJS693" s="613"/>
      <c r="EJT693" s="613"/>
      <c r="EJU693" s="613"/>
      <c r="EJV693" s="613"/>
      <c r="EJW693" s="613"/>
      <c r="EJX693" s="613"/>
      <c r="EJY693" s="613"/>
      <c r="EJZ693" s="613"/>
      <c r="EKA693" s="613"/>
      <c r="EKB693" s="613"/>
      <c r="EKC693" s="613"/>
      <c r="EKD693" s="613"/>
      <c r="EKE693" s="613"/>
      <c r="EKF693" s="613"/>
      <c r="EKG693" s="613"/>
      <c r="EKH693" s="613"/>
      <c r="EKI693" s="613"/>
      <c r="EKJ693" s="613"/>
      <c r="EKK693" s="613"/>
      <c r="EKL693" s="613"/>
      <c r="EKM693" s="613"/>
      <c r="EKN693" s="613"/>
      <c r="EKO693" s="613"/>
      <c r="EKP693" s="613"/>
      <c r="EKQ693" s="613"/>
      <c r="EKR693" s="613"/>
      <c r="EKS693" s="613"/>
      <c r="EKT693" s="613"/>
      <c r="EKU693" s="613"/>
      <c r="EKV693" s="613"/>
      <c r="EKW693" s="613"/>
      <c r="EKX693" s="613"/>
      <c r="EKY693" s="613"/>
      <c r="EKZ693" s="613"/>
      <c r="ELA693" s="613"/>
      <c r="ELB693" s="613"/>
      <c r="ELC693" s="613"/>
      <c r="ELD693" s="613"/>
      <c r="ELE693" s="613"/>
      <c r="ELF693" s="613"/>
      <c r="ELG693" s="613"/>
      <c r="ELH693" s="613"/>
      <c r="ELI693" s="613"/>
      <c r="ELJ693" s="613"/>
      <c r="ELK693" s="613"/>
      <c r="ELL693" s="613"/>
      <c r="ELM693" s="613"/>
      <c r="ELN693" s="613"/>
      <c r="ELO693" s="613"/>
      <c r="ELP693" s="613"/>
      <c r="ELQ693" s="613"/>
      <c r="ELR693" s="613"/>
      <c r="ELS693" s="613"/>
      <c r="ELT693" s="613"/>
      <c r="ELU693" s="613"/>
      <c r="ELV693" s="613"/>
      <c r="ELW693" s="613"/>
      <c r="ELX693" s="613"/>
      <c r="ELY693" s="613"/>
      <c r="ELZ693" s="613"/>
      <c r="EMA693" s="613"/>
      <c r="EMB693" s="613"/>
      <c r="EMC693" s="613"/>
      <c r="EMD693" s="613"/>
      <c r="EME693" s="613"/>
      <c r="EMF693" s="613"/>
      <c r="EMG693" s="613"/>
      <c r="EMH693" s="613"/>
      <c r="EMI693" s="613"/>
      <c r="EMJ693" s="613"/>
      <c r="EMK693" s="613"/>
      <c r="EML693" s="613"/>
      <c r="EMM693" s="613"/>
      <c r="EMN693" s="613"/>
      <c r="EMO693" s="613"/>
      <c r="EMP693" s="613"/>
      <c r="EMQ693" s="613"/>
      <c r="EMR693" s="613"/>
      <c r="EMS693" s="613"/>
      <c r="EMT693" s="613"/>
      <c r="EMU693" s="613"/>
      <c r="EMV693" s="613"/>
      <c r="EMW693" s="613"/>
      <c r="EMX693" s="613"/>
      <c r="EMY693" s="613"/>
      <c r="EMZ693" s="613"/>
      <c r="ENA693" s="613"/>
      <c r="ENB693" s="613"/>
      <c r="ENC693" s="613"/>
      <c r="END693" s="613"/>
      <c r="ENE693" s="613"/>
      <c r="ENF693" s="613"/>
      <c r="ENG693" s="613"/>
      <c r="ENH693" s="613"/>
      <c r="ENI693" s="613"/>
      <c r="ENJ693" s="613"/>
      <c r="ENK693" s="613"/>
      <c r="ENL693" s="613"/>
      <c r="ENM693" s="613"/>
      <c r="ENN693" s="613"/>
      <c r="ENO693" s="613"/>
      <c r="ENP693" s="613"/>
      <c r="ENQ693" s="613"/>
      <c r="ENR693" s="613"/>
      <c r="ENS693" s="613"/>
      <c r="ENT693" s="613"/>
      <c r="ENU693" s="613"/>
      <c r="ENV693" s="613"/>
      <c r="ENW693" s="613"/>
      <c r="ENX693" s="613"/>
      <c r="ENY693" s="613"/>
      <c r="ENZ693" s="613"/>
      <c r="EOA693" s="613"/>
      <c r="EOB693" s="613"/>
      <c r="EOC693" s="613"/>
      <c r="EOD693" s="613"/>
      <c r="EOE693" s="613"/>
      <c r="EOF693" s="613"/>
      <c r="EOG693" s="613"/>
      <c r="EOH693" s="613"/>
      <c r="EOI693" s="613"/>
      <c r="EOJ693" s="613"/>
      <c r="EOK693" s="613"/>
      <c r="EOL693" s="613"/>
      <c r="EOM693" s="613"/>
      <c r="EON693" s="613"/>
      <c r="EOO693" s="613"/>
      <c r="EOP693" s="613"/>
      <c r="EOQ693" s="613"/>
      <c r="EOR693" s="613"/>
      <c r="EOS693" s="613"/>
      <c r="EOT693" s="613"/>
      <c r="EOU693" s="613"/>
      <c r="EOV693" s="613"/>
      <c r="EOW693" s="613"/>
      <c r="EOX693" s="613"/>
      <c r="EOY693" s="613"/>
      <c r="EOZ693" s="613"/>
      <c r="EPA693" s="613"/>
      <c r="EPB693" s="613"/>
      <c r="EPC693" s="613"/>
      <c r="EPD693" s="613"/>
      <c r="EPE693" s="613"/>
      <c r="EPF693" s="613"/>
      <c r="EPG693" s="613"/>
      <c r="EPH693" s="613"/>
      <c r="EPI693" s="613"/>
      <c r="EPJ693" s="613"/>
      <c r="EPK693" s="613"/>
      <c r="EPL693" s="613"/>
      <c r="EPM693" s="613"/>
      <c r="EPN693" s="613"/>
      <c r="EPO693" s="613"/>
      <c r="EPP693" s="613"/>
      <c r="EPQ693" s="613"/>
      <c r="EPR693" s="613"/>
      <c r="EPS693" s="613"/>
      <c r="EPT693" s="613"/>
      <c r="EPU693" s="613"/>
      <c r="EPV693" s="613"/>
      <c r="EPW693" s="613"/>
      <c r="EPX693" s="613"/>
      <c r="EPY693" s="613"/>
      <c r="EPZ693" s="613"/>
      <c r="EQA693" s="613"/>
      <c r="EQB693" s="613"/>
      <c r="EQC693" s="613"/>
      <c r="EQD693" s="613"/>
      <c r="EQE693" s="613"/>
      <c r="EQF693" s="613"/>
      <c r="EQG693" s="613"/>
      <c r="EQH693" s="613"/>
      <c r="EQI693" s="613"/>
      <c r="EQJ693" s="613"/>
      <c r="EQK693" s="613"/>
      <c r="EQL693" s="613"/>
      <c r="EQM693" s="613"/>
      <c r="EQN693" s="613"/>
      <c r="EQO693" s="613"/>
      <c r="EQP693" s="613"/>
      <c r="EQQ693" s="613"/>
      <c r="EQR693" s="613"/>
      <c r="EQS693" s="613"/>
      <c r="EQT693" s="613"/>
      <c r="EQU693" s="613"/>
      <c r="EQV693" s="613"/>
      <c r="EQW693" s="613"/>
      <c r="EQX693" s="613"/>
      <c r="EQY693" s="613"/>
      <c r="EQZ693" s="613"/>
      <c r="ERA693" s="613"/>
      <c r="ERB693" s="613"/>
      <c r="ERC693" s="613"/>
      <c r="ERD693" s="613"/>
      <c r="ERE693" s="613"/>
      <c r="ERF693" s="613"/>
      <c r="ERG693" s="613"/>
      <c r="ERH693" s="613"/>
      <c r="ERI693" s="613"/>
      <c r="ERJ693" s="613"/>
      <c r="ERK693" s="613"/>
      <c r="ERL693" s="613"/>
      <c r="ERM693" s="613"/>
      <c r="ERN693" s="613"/>
      <c r="ERO693" s="613"/>
      <c r="ERP693" s="613"/>
      <c r="ERQ693" s="613"/>
      <c r="ERR693" s="613"/>
      <c r="ERS693" s="613"/>
      <c r="ERT693" s="613"/>
      <c r="ERU693" s="613"/>
      <c r="ERV693" s="613"/>
      <c r="ERW693" s="613"/>
      <c r="ERX693" s="613"/>
      <c r="ERY693" s="613"/>
      <c r="ERZ693" s="613"/>
      <c r="ESA693" s="613"/>
      <c r="ESB693" s="613"/>
      <c r="ESC693" s="613"/>
      <c r="ESD693" s="613"/>
      <c r="ESE693" s="613"/>
      <c r="ESF693" s="613"/>
      <c r="ESG693" s="613"/>
      <c r="ESH693" s="613"/>
      <c r="ESI693" s="613"/>
      <c r="ESJ693" s="613"/>
      <c r="ESK693" s="613"/>
      <c r="ESL693" s="613"/>
      <c r="ESM693" s="613"/>
      <c r="ESN693" s="613"/>
      <c r="ESO693" s="613"/>
      <c r="ESP693" s="613"/>
      <c r="ESQ693" s="613"/>
      <c r="ESR693" s="613"/>
      <c r="ESS693" s="613"/>
      <c r="EST693" s="613"/>
      <c r="ESU693" s="613"/>
      <c r="ESV693" s="613"/>
      <c r="ESW693" s="613"/>
      <c r="ESX693" s="613"/>
      <c r="ESY693" s="613"/>
      <c r="ESZ693" s="613"/>
      <c r="ETA693" s="613"/>
      <c r="ETB693" s="613"/>
      <c r="ETC693" s="613"/>
      <c r="ETD693" s="613"/>
      <c r="ETE693" s="613"/>
      <c r="ETF693" s="613"/>
      <c r="ETG693" s="613"/>
      <c r="ETH693" s="613"/>
      <c r="ETI693" s="613"/>
      <c r="ETJ693" s="613"/>
      <c r="ETK693" s="613"/>
      <c r="ETL693" s="613"/>
      <c r="ETM693" s="613"/>
      <c r="ETN693" s="613"/>
      <c r="ETO693" s="613"/>
      <c r="ETP693" s="613"/>
      <c r="ETQ693" s="613"/>
      <c r="ETR693" s="613"/>
      <c r="ETS693" s="613"/>
      <c r="ETT693" s="613"/>
      <c r="ETU693" s="613"/>
      <c r="ETV693" s="613"/>
      <c r="ETW693" s="613"/>
      <c r="ETX693" s="613"/>
      <c r="ETY693" s="613"/>
      <c r="ETZ693" s="613"/>
      <c r="EUA693" s="613"/>
      <c r="EUB693" s="613"/>
      <c r="EUC693" s="613"/>
      <c r="EUD693" s="613"/>
      <c r="EUE693" s="613"/>
      <c r="EUF693" s="613"/>
      <c r="EUG693" s="613"/>
      <c r="EUH693" s="613"/>
      <c r="EUI693" s="613"/>
      <c r="EUJ693" s="613"/>
      <c r="EUK693" s="613"/>
      <c r="EUL693" s="613"/>
      <c r="EUM693" s="613"/>
      <c r="EUN693" s="613"/>
      <c r="EUO693" s="613"/>
      <c r="EUP693" s="613"/>
      <c r="EUQ693" s="613"/>
      <c r="EUR693" s="613"/>
      <c r="EUS693" s="613"/>
      <c r="EUT693" s="613"/>
      <c r="EUU693" s="613"/>
      <c r="EUV693" s="613"/>
      <c r="EUW693" s="613"/>
      <c r="EUX693" s="613"/>
      <c r="EUY693" s="613"/>
      <c r="EUZ693" s="613"/>
      <c r="EVA693" s="613"/>
      <c r="EVB693" s="613"/>
      <c r="EVC693" s="613"/>
      <c r="EVD693" s="613"/>
      <c r="EVE693" s="613"/>
      <c r="EVF693" s="613"/>
      <c r="EVG693" s="613"/>
      <c r="EVH693" s="613"/>
      <c r="EVI693" s="613"/>
      <c r="EVJ693" s="613"/>
      <c r="EVK693" s="613"/>
      <c r="EVL693" s="613"/>
      <c r="EVM693" s="613"/>
      <c r="EVN693" s="613"/>
      <c r="EVO693" s="613"/>
      <c r="EVP693" s="613"/>
      <c r="EVQ693" s="613"/>
      <c r="EVR693" s="613"/>
      <c r="EVS693" s="613"/>
      <c r="EVT693" s="613"/>
      <c r="EVU693" s="613"/>
      <c r="EVV693" s="613"/>
      <c r="EVW693" s="613"/>
      <c r="EVX693" s="613"/>
      <c r="EVY693" s="613"/>
      <c r="EVZ693" s="613"/>
      <c r="EWA693" s="613"/>
      <c r="EWB693" s="613"/>
      <c r="EWC693" s="613"/>
      <c r="EWD693" s="613"/>
      <c r="EWE693" s="613"/>
      <c r="EWF693" s="613"/>
      <c r="EWG693" s="613"/>
      <c r="EWH693" s="613"/>
      <c r="EWI693" s="613"/>
      <c r="EWJ693" s="613"/>
      <c r="EWK693" s="613"/>
      <c r="EWL693" s="613"/>
      <c r="EWM693" s="613"/>
      <c r="EWN693" s="613"/>
      <c r="EWO693" s="613"/>
      <c r="EWP693" s="613"/>
      <c r="EWQ693" s="613"/>
      <c r="EWR693" s="613"/>
      <c r="EWS693" s="613"/>
      <c r="EWT693" s="613"/>
      <c r="EWU693" s="613"/>
      <c r="EWV693" s="613"/>
      <c r="EWW693" s="613"/>
      <c r="EWX693" s="613"/>
      <c r="EWY693" s="613"/>
      <c r="EWZ693" s="613"/>
      <c r="EXA693" s="613"/>
      <c r="EXB693" s="613"/>
      <c r="EXC693" s="613"/>
      <c r="EXD693" s="613"/>
      <c r="EXE693" s="613"/>
      <c r="EXF693" s="613"/>
      <c r="EXG693" s="613"/>
      <c r="EXH693" s="613"/>
      <c r="EXI693" s="613"/>
      <c r="EXJ693" s="613"/>
      <c r="EXK693" s="613"/>
      <c r="EXL693" s="613"/>
      <c r="EXM693" s="613"/>
      <c r="EXN693" s="613"/>
      <c r="EXO693" s="613"/>
      <c r="EXP693" s="613"/>
      <c r="EXQ693" s="613"/>
      <c r="EXR693" s="613"/>
      <c r="EXS693" s="613"/>
      <c r="EXT693" s="613"/>
      <c r="EXU693" s="613"/>
      <c r="EXV693" s="613"/>
      <c r="EXW693" s="613"/>
      <c r="EXX693" s="613"/>
      <c r="EXY693" s="613"/>
      <c r="EXZ693" s="613"/>
      <c r="EYA693" s="613"/>
      <c r="EYB693" s="613"/>
      <c r="EYC693" s="613"/>
      <c r="EYD693" s="613"/>
      <c r="EYE693" s="613"/>
      <c r="EYF693" s="613"/>
      <c r="EYG693" s="613"/>
      <c r="EYH693" s="613"/>
      <c r="EYI693" s="613"/>
      <c r="EYJ693" s="613"/>
      <c r="EYK693" s="613"/>
      <c r="EYL693" s="613"/>
      <c r="EYM693" s="613"/>
      <c r="EYN693" s="613"/>
      <c r="EYO693" s="613"/>
      <c r="EYP693" s="613"/>
      <c r="EYQ693" s="613"/>
      <c r="EYR693" s="613"/>
      <c r="EYS693" s="613"/>
      <c r="EYT693" s="613"/>
      <c r="EYU693" s="613"/>
      <c r="EYV693" s="613"/>
      <c r="EYW693" s="613"/>
      <c r="EYX693" s="613"/>
      <c r="EYY693" s="613"/>
      <c r="EYZ693" s="613"/>
      <c r="EZA693" s="613"/>
      <c r="EZB693" s="613"/>
      <c r="EZC693" s="613"/>
      <c r="EZD693" s="613"/>
      <c r="EZE693" s="613"/>
      <c r="EZF693" s="613"/>
      <c r="EZG693" s="613"/>
      <c r="EZH693" s="613"/>
      <c r="EZI693" s="613"/>
      <c r="EZJ693" s="613"/>
      <c r="EZK693" s="613"/>
      <c r="EZL693" s="613"/>
      <c r="EZM693" s="613"/>
      <c r="EZN693" s="613"/>
      <c r="EZO693" s="613"/>
      <c r="EZP693" s="613"/>
      <c r="EZQ693" s="613"/>
      <c r="EZR693" s="613"/>
      <c r="EZS693" s="613"/>
      <c r="EZT693" s="613"/>
      <c r="EZU693" s="613"/>
      <c r="EZV693" s="613"/>
      <c r="EZW693" s="613"/>
      <c r="EZX693" s="613"/>
      <c r="EZY693" s="613"/>
      <c r="EZZ693" s="613"/>
      <c r="FAA693" s="613"/>
      <c r="FAB693" s="613"/>
      <c r="FAC693" s="613"/>
      <c r="FAD693" s="613"/>
      <c r="FAE693" s="613"/>
      <c r="FAF693" s="613"/>
      <c r="FAG693" s="613"/>
      <c r="FAH693" s="613"/>
      <c r="FAI693" s="613"/>
      <c r="FAJ693" s="613"/>
      <c r="FAK693" s="613"/>
      <c r="FAL693" s="613"/>
      <c r="FAM693" s="613"/>
      <c r="FAN693" s="613"/>
      <c r="FAO693" s="613"/>
      <c r="FAP693" s="613"/>
      <c r="FAQ693" s="613"/>
      <c r="FAR693" s="613"/>
      <c r="FAS693" s="613"/>
      <c r="FAT693" s="613"/>
      <c r="FAU693" s="613"/>
      <c r="FAV693" s="613"/>
      <c r="FAW693" s="613"/>
      <c r="FAX693" s="613"/>
      <c r="FAY693" s="613"/>
      <c r="FAZ693" s="613"/>
      <c r="FBA693" s="613"/>
      <c r="FBB693" s="613"/>
      <c r="FBC693" s="613"/>
      <c r="FBD693" s="613"/>
      <c r="FBE693" s="613"/>
      <c r="FBF693" s="613"/>
      <c r="FBG693" s="613"/>
      <c r="FBH693" s="613"/>
      <c r="FBI693" s="613"/>
      <c r="FBJ693" s="613"/>
      <c r="FBK693" s="613"/>
      <c r="FBL693" s="613"/>
      <c r="FBM693" s="613"/>
      <c r="FBN693" s="613"/>
      <c r="FBO693" s="613"/>
      <c r="FBP693" s="613"/>
      <c r="FBQ693" s="613"/>
      <c r="FBR693" s="613"/>
      <c r="FBS693" s="613"/>
      <c r="FBT693" s="613"/>
      <c r="FBU693" s="613"/>
      <c r="FBV693" s="613"/>
      <c r="FBW693" s="613"/>
      <c r="FBX693" s="613"/>
      <c r="FBY693" s="613"/>
      <c r="FBZ693" s="613"/>
      <c r="FCA693" s="613"/>
      <c r="FCB693" s="613"/>
      <c r="FCC693" s="613"/>
      <c r="FCD693" s="613"/>
      <c r="FCE693" s="613"/>
      <c r="FCF693" s="613"/>
      <c r="FCG693" s="613"/>
      <c r="FCH693" s="613"/>
      <c r="FCI693" s="613"/>
      <c r="FCJ693" s="613"/>
      <c r="FCK693" s="613"/>
      <c r="FCL693" s="613"/>
      <c r="FCM693" s="613"/>
      <c r="FCN693" s="613"/>
      <c r="FCO693" s="613"/>
      <c r="FCP693" s="613"/>
      <c r="FCQ693" s="613"/>
      <c r="FCR693" s="613"/>
      <c r="FCS693" s="613"/>
      <c r="FCT693" s="613"/>
      <c r="FCU693" s="613"/>
      <c r="FCV693" s="613"/>
      <c r="FCW693" s="613"/>
      <c r="FCX693" s="613"/>
      <c r="FCY693" s="613"/>
      <c r="FCZ693" s="613"/>
      <c r="FDA693" s="613"/>
      <c r="FDB693" s="613"/>
      <c r="FDC693" s="613"/>
      <c r="FDD693" s="613"/>
      <c r="FDE693" s="613"/>
      <c r="FDF693" s="613"/>
      <c r="FDG693" s="613"/>
      <c r="FDH693" s="613"/>
      <c r="FDI693" s="613"/>
      <c r="FDJ693" s="613"/>
      <c r="FDK693" s="613"/>
      <c r="FDL693" s="613"/>
      <c r="FDM693" s="613"/>
      <c r="FDN693" s="613"/>
      <c r="FDO693" s="613"/>
      <c r="FDP693" s="613"/>
      <c r="FDQ693" s="613"/>
      <c r="FDR693" s="613"/>
      <c r="FDS693" s="613"/>
      <c r="FDT693" s="613"/>
      <c r="FDU693" s="613"/>
      <c r="FDV693" s="613"/>
      <c r="FDW693" s="613"/>
      <c r="FDX693" s="613"/>
      <c r="FDY693" s="613"/>
      <c r="FDZ693" s="613"/>
      <c r="FEA693" s="613"/>
      <c r="FEB693" s="613"/>
      <c r="FEC693" s="613"/>
      <c r="FED693" s="613"/>
      <c r="FEE693" s="613"/>
      <c r="FEF693" s="613"/>
      <c r="FEG693" s="613"/>
      <c r="FEH693" s="613"/>
      <c r="FEI693" s="613"/>
      <c r="FEJ693" s="613"/>
      <c r="FEK693" s="613"/>
      <c r="FEL693" s="613"/>
      <c r="FEM693" s="613"/>
      <c r="FEN693" s="613"/>
      <c r="FEO693" s="613"/>
      <c r="FEP693" s="613"/>
      <c r="FEQ693" s="613"/>
      <c r="FER693" s="613"/>
      <c r="FES693" s="613"/>
      <c r="FET693" s="613"/>
      <c r="FEU693" s="613"/>
      <c r="FEV693" s="613"/>
      <c r="FEW693" s="613"/>
      <c r="FEX693" s="613"/>
      <c r="FEY693" s="613"/>
      <c r="FEZ693" s="613"/>
      <c r="FFA693" s="613"/>
      <c r="FFB693" s="613"/>
      <c r="FFC693" s="613"/>
      <c r="FFD693" s="613"/>
      <c r="FFE693" s="613"/>
      <c r="FFF693" s="613"/>
      <c r="FFG693" s="613"/>
      <c r="FFH693" s="613"/>
      <c r="FFI693" s="613"/>
      <c r="FFJ693" s="613"/>
      <c r="FFK693" s="613"/>
      <c r="FFL693" s="613"/>
      <c r="FFM693" s="613"/>
      <c r="FFN693" s="613"/>
      <c r="FFO693" s="613"/>
      <c r="FFP693" s="613"/>
      <c r="FFQ693" s="613"/>
      <c r="FFR693" s="613"/>
      <c r="FFS693" s="613"/>
      <c r="FFT693" s="613"/>
      <c r="FFU693" s="613"/>
      <c r="FFV693" s="613"/>
      <c r="FFW693" s="613"/>
      <c r="FFX693" s="613"/>
      <c r="FFY693" s="613"/>
      <c r="FFZ693" s="613"/>
      <c r="FGA693" s="613"/>
      <c r="FGB693" s="613"/>
      <c r="FGC693" s="613"/>
      <c r="FGD693" s="613"/>
      <c r="FGE693" s="613"/>
      <c r="FGF693" s="613"/>
      <c r="FGG693" s="613"/>
      <c r="FGH693" s="613"/>
      <c r="FGI693" s="613"/>
      <c r="FGJ693" s="613"/>
      <c r="FGK693" s="613"/>
      <c r="FGL693" s="613"/>
      <c r="FGM693" s="613"/>
      <c r="FGN693" s="613"/>
      <c r="FGO693" s="613"/>
      <c r="FGP693" s="613"/>
      <c r="FGQ693" s="613"/>
      <c r="FGR693" s="613"/>
      <c r="FGS693" s="613"/>
      <c r="FGT693" s="613"/>
      <c r="FGU693" s="613"/>
      <c r="FGV693" s="613"/>
      <c r="FGW693" s="613"/>
      <c r="FGX693" s="613"/>
      <c r="FGY693" s="613"/>
      <c r="FGZ693" s="613"/>
      <c r="FHA693" s="613"/>
      <c r="FHB693" s="613"/>
      <c r="FHC693" s="613"/>
      <c r="FHD693" s="613"/>
      <c r="FHE693" s="613"/>
      <c r="FHF693" s="613"/>
      <c r="FHG693" s="613"/>
      <c r="FHH693" s="613"/>
      <c r="FHI693" s="613"/>
      <c r="FHJ693" s="613"/>
      <c r="FHK693" s="613"/>
      <c r="FHL693" s="613"/>
      <c r="FHM693" s="613"/>
      <c r="FHN693" s="613"/>
      <c r="FHO693" s="613"/>
      <c r="FHP693" s="613"/>
      <c r="FHQ693" s="613"/>
      <c r="FHR693" s="613"/>
      <c r="FHS693" s="613"/>
      <c r="FHT693" s="613"/>
      <c r="FHU693" s="613"/>
      <c r="FHV693" s="613"/>
      <c r="FHW693" s="613"/>
      <c r="FHX693" s="613"/>
      <c r="FHY693" s="613"/>
      <c r="FHZ693" s="613"/>
      <c r="FIA693" s="613"/>
      <c r="FIB693" s="613"/>
      <c r="FIC693" s="613"/>
      <c r="FID693" s="613"/>
      <c r="FIE693" s="613"/>
      <c r="FIF693" s="613"/>
      <c r="FIG693" s="613"/>
      <c r="FIH693" s="613"/>
      <c r="FII693" s="613"/>
      <c r="FIJ693" s="613"/>
      <c r="FIK693" s="613"/>
      <c r="FIL693" s="613"/>
      <c r="FIM693" s="613"/>
      <c r="FIN693" s="613"/>
      <c r="FIO693" s="613"/>
      <c r="FIP693" s="613"/>
      <c r="FIQ693" s="613"/>
      <c r="FIR693" s="613"/>
      <c r="FIS693" s="613"/>
      <c r="FIT693" s="613"/>
      <c r="FIU693" s="613"/>
      <c r="FIV693" s="613"/>
      <c r="FIW693" s="613"/>
      <c r="FIX693" s="613"/>
      <c r="FIY693" s="613"/>
      <c r="FIZ693" s="613"/>
      <c r="FJA693" s="613"/>
      <c r="FJB693" s="613"/>
      <c r="FJC693" s="613"/>
      <c r="FJD693" s="613"/>
      <c r="FJE693" s="613"/>
      <c r="FJF693" s="613"/>
      <c r="FJG693" s="613"/>
      <c r="FJH693" s="613"/>
      <c r="FJI693" s="613"/>
      <c r="FJJ693" s="613"/>
      <c r="FJK693" s="613"/>
      <c r="FJL693" s="613"/>
      <c r="FJM693" s="613"/>
      <c r="FJN693" s="613"/>
      <c r="FJO693" s="613"/>
      <c r="FJP693" s="613"/>
      <c r="FJQ693" s="613"/>
      <c r="FJR693" s="613"/>
      <c r="FJS693" s="613"/>
      <c r="FJT693" s="613"/>
      <c r="FJU693" s="613"/>
      <c r="FJV693" s="613"/>
      <c r="FJW693" s="613"/>
      <c r="FJX693" s="613"/>
      <c r="FJY693" s="613"/>
      <c r="FJZ693" s="613"/>
      <c r="FKA693" s="613"/>
      <c r="FKB693" s="613"/>
      <c r="FKC693" s="613"/>
      <c r="FKD693" s="613"/>
      <c r="FKE693" s="613"/>
      <c r="FKF693" s="613"/>
      <c r="FKG693" s="613"/>
      <c r="FKH693" s="613"/>
      <c r="FKI693" s="613"/>
      <c r="FKJ693" s="613"/>
      <c r="FKK693" s="613"/>
      <c r="FKL693" s="613"/>
      <c r="FKM693" s="613"/>
      <c r="FKN693" s="613"/>
      <c r="FKO693" s="613"/>
      <c r="FKP693" s="613"/>
      <c r="FKQ693" s="613"/>
      <c r="FKR693" s="613"/>
      <c r="FKS693" s="613"/>
      <c r="FKT693" s="613"/>
      <c r="FKU693" s="613"/>
      <c r="FKV693" s="613"/>
      <c r="FKW693" s="613"/>
      <c r="FKX693" s="613"/>
      <c r="FKY693" s="613"/>
      <c r="FKZ693" s="613"/>
      <c r="FLA693" s="613"/>
      <c r="FLB693" s="613"/>
      <c r="FLC693" s="613"/>
      <c r="FLD693" s="613"/>
      <c r="FLE693" s="613"/>
      <c r="FLF693" s="613"/>
      <c r="FLG693" s="613"/>
      <c r="FLH693" s="613"/>
      <c r="FLI693" s="613"/>
      <c r="FLJ693" s="613"/>
      <c r="FLK693" s="613"/>
      <c r="FLL693" s="613"/>
      <c r="FLM693" s="613"/>
      <c r="FLN693" s="613"/>
      <c r="FLO693" s="613"/>
      <c r="FLP693" s="613"/>
      <c r="FLQ693" s="613"/>
      <c r="FLR693" s="613"/>
      <c r="FLS693" s="613"/>
      <c r="FLT693" s="613"/>
      <c r="FLU693" s="613"/>
      <c r="FLV693" s="613"/>
      <c r="FLW693" s="613"/>
      <c r="FLX693" s="613"/>
      <c r="FLY693" s="613"/>
      <c r="FLZ693" s="613"/>
      <c r="FMA693" s="613"/>
      <c r="FMB693" s="613"/>
      <c r="FMC693" s="613"/>
      <c r="FMD693" s="613"/>
      <c r="FME693" s="613"/>
      <c r="FMF693" s="613"/>
      <c r="FMG693" s="613"/>
      <c r="FMH693" s="613"/>
      <c r="FMI693" s="613"/>
      <c r="FMJ693" s="613"/>
      <c r="FMK693" s="613"/>
      <c r="FML693" s="613"/>
      <c r="FMM693" s="613"/>
      <c r="FMN693" s="613"/>
      <c r="FMO693" s="613"/>
      <c r="FMP693" s="613"/>
      <c r="FMQ693" s="613"/>
      <c r="FMR693" s="613"/>
      <c r="FMS693" s="613"/>
      <c r="FMT693" s="613"/>
      <c r="FMU693" s="613"/>
      <c r="FMV693" s="613"/>
      <c r="FMW693" s="613"/>
      <c r="FMX693" s="613"/>
      <c r="FMY693" s="613"/>
      <c r="FMZ693" s="613"/>
      <c r="FNA693" s="613"/>
      <c r="FNB693" s="613"/>
      <c r="FNC693" s="613"/>
      <c r="FND693" s="613"/>
      <c r="FNE693" s="613"/>
      <c r="FNF693" s="613"/>
      <c r="FNG693" s="613"/>
      <c r="FNH693" s="613"/>
      <c r="FNI693" s="613"/>
      <c r="FNJ693" s="613"/>
      <c r="FNK693" s="613"/>
      <c r="FNL693" s="613"/>
      <c r="FNM693" s="613"/>
      <c r="FNN693" s="613"/>
      <c r="FNO693" s="613"/>
      <c r="FNP693" s="613"/>
      <c r="FNQ693" s="613"/>
      <c r="FNR693" s="613"/>
      <c r="FNS693" s="613"/>
      <c r="FNT693" s="613"/>
      <c r="FNU693" s="613"/>
      <c r="FNV693" s="613"/>
      <c r="FNW693" s="613"/>
      <c r="FNX693" s="613"/>
      <c r="FNY693" s="613"/>
      <c r="FNZ693" s="613"/>
      <c r="FOA693" s="613"/>
      <c r="FOB693" s="613"/>
      <c r="FOC693" s="613"/>
      <c r="FOD693" s="613"/>
      <c r="FOE693" s="613"/>
      <c r="FOF693" s="613"/>
      <c r="FOG693" s="613"/>
      <c r="FOH693" s="613"/>
      <c r="FOI693" s="613"/>
      <c r="FOJ693" s="613"/>
      <c r="FOK693" s="613"/>
      <c r="FOL693" s="613"/>
      <c r="FOM693" s="613"/>
      <c r="FON693" s="613"/>
      <c r="FOO693" s="613"/>
      <c r="FOP693" s="613"/>
      <c r="FOQ693" s="613"/>
      <c r="FOR693" s="613"/>
      <c r="FOS693" s="613"/>
      <c r="FOT693" s="613"/>
      <c r="FOU693" s="613"/>
      <c r="FOV693" s="613"/>
      <c r="FOW693" s="613"/>
      <c r="FOX693" s="613"/>
      <c r="FOY693" s="613"/>
      <c r="FOZ693" s="613"/>
      <c r="FPA693" s="613"/>
      <c r="FPB693" s="613"/>
      <c r="FPC693" s="613"/>
      <c r="FPD693" s="613"/>
      <c r="FPE693" s="613"/>
      <c r="FPF693" s="613"/>
      <c r="FPG693" s="613"/>
      <c r="FPH693" s="613"/>
      <c r="FPI693" s="613"/>
      <c r="FPJ693" s="613"/>
      <c r="FPK693" s="613"/>
      <c r="FPL693" s="613"/>
      <c r="FPM693" s="613"/>
      <c r="FPN693" s="613"/>
      <c r="FPO693" s="613"/>
      <c r="FPP693" s="613"/>
      <c r="FPQ693" s="613"/>
      <c r="FPR693" s="613"/>
      <c r="FPS693" s="613"/>
      <c r="FPT693" s="613"/>
      <c r="FPU693" s="613"/>
      <c r="FPV693" s="613"/>
      <c r="FPW693" s="613"/>
      <c r="FPX693" s="613"/>
      <c r="FPY693" s="613"/>
      <c r="FPZ693" s="613"/>
      <c r="FQA693" s="613"/>
      <c r="FQB693" s="613"/>
      <c r="FQC693" s="613"/>
      <c r="FQD693" s="613"/>
      <c r="FQE693" s="613"/>
      <c r="FQF693" s="613"/>
      <c r="FQG693" s="613"/>
      <c r="FQH693" s="613"/>
      <c r="FQI693" s="613"/>
      <c r="FQJ693" s="613"/>
      <c r="FQK693" s="613"/>
      <c r="FQL693" s="613"/>
      <c r="FQM693" s="613"/>
      <c r="FQN693" s="613"/>
      <c r="FQO693" s="613"/>
      <c r="FQP693" s="613"/>
      <c r="FQQ693" s="613"/>
      <c r="FQR693" s="613"/>
      <c r="FQS693" s="613"/>
      <c r="FQT693" s="613"/>
      <c r="FQU693" s="613"/>
      <c r="FQV693" s="613"/>
      <c r="FQW693" s="613"/>
      <c r="FQX693" s="613"/>
      <c r="FQY693" s="613"/>
      <c r="FQZ693" s="613"/>
      <c r="FRA693" s="613"/>
      <c r="FRB693" s="613"/>
      <c r="FRC693" s="613"/>
      <c r="FRD693" s="613"/>
      <c r="FRE693" s="613"/>
      <c r="FRF693" s="613"/>
      <c r="FRG693" s="613"/>
      <c r="FRH693" s="613"/>
      <c r="FRI693" s="613"/>
      <c r="FRJ693" s="613"/>
      <c r="FRK693" s="613"/>
      <c r="FRL693" s="613"/>
      <c r="FRM693" s="613"/>
      <c r="FRN693" s="613"/>
      <c r="FRO693" s="613"/>
      <c r="FRP693" s="613"/>
      <c r="FRQ693" s="613"/>
      <c r="FRR693" s="613"/>
      <c r="FRS693" s="613"/>
      <c r="FRT693" s="613"/>
      <c r="FRU693" s="613"/>
      <c r="FRV693" s="613"/>
      <c r="FRW693" s="613"/>
      <c r="FRX693" s="613"/>
      <c r="FRY693" s="613"/>
      <c r="FRZ693" s="613"/>
      <c r="FSA693" s="613"/>
      <c r="FSB693" s="613"/>
      <c r="FSC693" s="613"/>
      <c r="FSD693" s="613"/>
      <c r="FSE693" s="613"/>
      <c r="FSF693" s="613"/>
      <c r="FSG693" s="613"/>
      <c r="FSH693" s="613"/>
      <c r="FSI693" s="613"/>
      <c r="FSJ693" s="613"/>
      <c r="FSK693" s="613"/>
      <c r="FSL693" s="613"/>
      <c r="FSM693" s="613"/>
      <c r="FSN693" s="613"/>
      <c r="FSO693" s="613"/>
      <c r="FSP693" s="613"/>
      <c r="FSQ693" s="613"/>
      <c r="FSR693" s="613"/>
      <c r="FSS693" s="613"/>
      <c r="FST693" s="613"/>
      <c r="FSU693" s="613"/>
      <c r="FSV693" s="613"/>
      <c r="FSW693" s="613"/>
      <c r="FSX693" s="613"/>
      <c r="FSY693" s="613"/>
      <c r="FSZ693" s="613"/>
      <c r="FTA693" s="613"/>
      <c r="FTB693" s="613"/>
      <c r="FTC693" s="613"/>
      <c r="FTD693" s="613"/>
      <c r="FTE693" s="613"/>
      <c r="FTF693" s="613"/>
      <c r="FTG693" s="613"/>
      <c r="FTH693" s="613"/>
      <c r="FTI693" s="613"/>
      <c r="FTJ693" s="613"/>
      <c r="FTK693" s="613"/>
      <c r="FTL693" s="613"/>
      <c r="FTM693" s="613"/>
      <c r="FTN693" s="613"/>
      <c r="FTO693" s="613"/>
      <c r="FTP693" s="613"/>
      <c r="FTQ693" s="613"/>
      <c r="FTR693" s="613"/>
      <c r="FTS693" s="613"/>
      <c r="FTT693" s="613"/>
      <c r="FTU693" s="613"/>
      <c r="FTV693" s="613"/>
      <c r="FTW693" s="613"/>
      <c r="FTX693" s="613"/>
      <c r="FTY693" s="613"/>
      <c r="FTZ693" s="613"/>
      <c r="FUA693" s="613"/>
      <c r="FUB693" s="613"/>
      <c r="FUC693" s="613"/>
      <c r="FUD693" s="613"/>
      <c r="FUE693" s="613"/>
      <c r="FUF693" s="613"/>
      <c r="FUG693" s="613"/>
      <c r="FUH693" s="613"/>
      <c r="FUI693" s="613"/>
      <c r="FUJ693" s="613"/>
      <c r="FUK693" s="613"/>
      <c r="FUL693" s="613"/>
      <c r="FUM693" s="613"/>
      <c r="FUN693" s="613"/>
      <c r="FUO693" s="613"/>
      <c r="FUP693" s="613"/>
      <c r="FUQ693" s="613"/>
      <c r="FUR693" s="613"/>
      <c r="FUS693" s="613"/>
      <c r="FUT693" s="613"/>
      <c r="FUU693" s="613"/>
      <c r="FUV693" s="613"/>
      <c r="FUW693" s="613"/>
      <c r="FUX693" s="613"/>
      <c r="FUY693" s="613"/>
      <c r="FUZ693" s="613"/>
      <c r="FVA693" s="613"/>
      <c r="FVB693" s="613"/>
      <c r="FVC693" s="613"/>
      <c r="FVD693" s="613"/>
      <c r="FVE693" s="613"/>
      <c r="FVF693" s="613"/>
      <c r="FVG693" s="613"/>
      <c r="FVH693" s="613"/>
      <c r="FVI693" s="613"/>
      <c r="FVJ693" s="613"/>
      <c r="FVK693" s="613"/>
      <c r="FVL693" s="613"/>
      <c r="FVM693" s="613"/>
      <c r="FVN693" s="613"/>
      <c r="FVO693" s="613"/>
      <c r="FVP693" s="613"/>
      <c r="FVQ693" s="613"/>
      <c r="FVR693" s="613"/>
      <c r="FVS693" s="613"/>
      <c r="FVT693" s="613"/>
      <c r="FVU693" s="613"/>
      <c r="FVV693" s="613"/>
      <c r="FVW693" s="613"/>
      <c r="FVX693" s="613"/>
      <c r="FVY693" s="613"/>
      <c r="FVZ693" s="613"/>
      <c r="FWA693" s="613"/>
      <c r="FWB693" s="613"/>
      <c r="FWC693" s="613"/>
      <c r="FWD693" s="613"/>
      <c r="FWE693" s="613"/>
      <c r="FWF693" s="613"/>
      <c r="FWG693" s="613"/>
      <c r="FWH693" s="613"/>
      <c r="FWI693" s="613"/>
      <c r="FWJ693" s="613"/>
      <c r="FWK693" s="613"/>
      <c r="FWL693" s="613"/>
      <c r="FWM693" s="613"/>
      <c r="FWN693" s="613"/>
      <c r="FWO693" s="613"/>
      <c r="FWP693" s="613"/>
      <c r="FWQ693" s="613"/>
      <c r="FWR693" s="613"/>
      <c r="FWS693" s="613"/>
      <c r="FWT693" s="613"/>
      <c r="FWU693" s="613"/>
      <c r="FWV693" s="613"/>
      <c r="FWW693" s="613"/>
      <c r="FWX693" s="613"/>
      <c r="FWY693" s="613"/>
      <c r="FWZ693" s="613"/>
      <c r="FXA693" s="613"/>
      <c r="FXB693" s="613"/>
      <c r="FXC693" s="613"/>
      <c r="FXD693" s="613"/>
      <c r="FXE693" s="613"/>
      <c r="FXF693" s="613"/>
      <c r="FXG693" s="613"/>
      <c r="FXH693" s="613"/>
      <c r="FXI693" s="613"/>
      <c r="FXJ693" s="613"/>
      <c r="FXK693" s="613"/>
      <c r="FXL693" s="613"/>
      <c r="FXM693" s="613"/>
      <c r="FXN693" s="613"/>
      <c r="FXO693" s="613"/>
      <c r="FXP693" s="613"/>
      <c r="FXQ693" s="613"/>
      <c r="FXR693" s="613"/>
      <c r="FXS693" s="613"/>
      <c r="FXT693" s="613"/>
      <c r="FXU693" s="613"/>
      <c r="FXV693" s="613"/>
      <c r="FXW693" s="613"/>
      <c r="FXX693" s="613"/>
      <c r="FXY693" s="613"/>
      <c r="FXZ693" s="613"/>
      <c r="FYA693" s="613"/>
      <c r="FYB693" s="613"/>
      <c r="FYC693" s="613"/>
      <c r="FYD693" s="613"/>
      <c r="FYE693" s="613"/>
      <c r="FYF693" s="613"/>
      <c r="FYG693" s="613"/>
      <c r="FYH693" s="613"/>
      <c r="FYI693" s="613"/>
      <c r="FYJ693" s="613"/>
      <c r="FYK693" s="613"/>
      <c r="FYL693" s="613"/>
      <c r="FYM693" s="613"/>
      <c r="FYN693" s="613"/>
      <c r="FYO693" s="613"/>
      <c r="FYP693" s="613"/>
      <c r="FYQ693" s="613"/>
      <c r="FYR693" s="613"/>
      <c r="FYS693" s="613"/>
      <c r="FYT693" s="613"/>
      <c r="FYU693" s="613"/>
      <c r="FYV693" s="613"/>
      <c r="FYW693" s="613"/>
      <c r="FYX693" s="613"/>
      <c r="FYY693" s="613"/>
      <c r="FYZ693" s="613"/>
      <c r="FZA693" s="613"/>
      <c r="FZB693" s="613"/>
      <c r="FZC693" s="613"/>
      <c r="FZD693" s="613"/>
      <c r="FZE693" s="613"/>
      <c r="FZF693" s="613"/>
      <c r="FZG693" s="613"/>
      <c r="FZH693" s="613"/>
      <c r="FZI693" s="613"/>
      <c r="FZJ693" s="613"/>
      <c r="FZK693" s="613"/>
      <c r="FZL693" s="613"/>
      <c r="FZM693" s="613"/>
      <c r="FZN693" s="613"/>
      <c r="FZO693" s="613"/>
      <c r="FZP693" s="613"/>
      <c r="FZQ693" s="613"/>
      <c r="FZR693" s="613"/>
      <c r="FZS693" s="613"/>
      <c r="FZT693" s="613"/>
      <c r="FZU693" s="613"/>
      <c r="FZV693" s="613"/>
      <c r="FZW693" s="613"/>
      <c r="FZX693" s="613"/>
      <c r="FZY693" s="613"/>
      <c r="FZZ693" s="613"/>
      <c r="GAA693" s="613"/>
      <c r="GAB693" s="613"/>
      <c r="GAC693" s="613"/>
      <c r="GAD693" s="613"/>
      <c r="GAE693" s="613"/>
      <c r="GAF693" s="613"/>
      <c r="GAG693" s="613"/>
      <c r="GAH693" s="613"/>
      <c r="GAI693" s="613"/>
      <c r="GAJ693" s="613"/>
      <c r="GAK693" s="613"/>
      <c r="GAL693" s="613"/>
      <c r="GAM693" s="613"/>
      <c r="GAN693" s="613"/>
      <c r="GAO693" s="613"/>
      <c r="GAP693" s="613"/>
      <c r="GAQ693" s="613"/>
      <c r="GAR693" s="613"/>
      <c r="GAS693" s="613"/>
      <c r="GAT693" s="613"/>
      <c r="GAU693" s="613"/>
      <c r="GAV693" s="613"/>
      <c r="GAW693" s="613"/>
      <c r="GAX693" s="613"/>
      <c r="GAY693" s="613"/>
      <c r="GAZ693" s="613"/>
      <c r="GBA693" s="613"/>
      <c r="GBB693" s="613"/>
      <c r="GBC693" s="613"/>
      <c r="GBD693" s="613"/>
      <c r="GBE693" s="613"/>
      <c r="GBF693" s="613"/>
      <c r="GBG693" s="613"/>
      <c r="GBH693" s="613"/>
      <c r="GBI693" s="613"/>
      <c r="GBJ693" s="613"/>
      <c r="GBK693" s="613"/>
      <c r="GBL693" s="613"/>
      <c r="GBM693" s="613"/>
      <c r="GBN693" s="613"/>
      <c r="GBO693" s="613"/>
      <c r="GBP693" s="613"/>
      <c r="GBQ693" s="613"/>
      <c r="GBR693" s="613"/>
      <c r="GBS693" s="613"/>
      <c r="GBT693" s="613"/>
      <c r="GBU693" s="613"/>
      <c r="GBV693" s="613"/>
      <c r="GBW693" s="613"/>
      <c r="GBX693" s="613"/>
      <c r="GBY693" s="613"/>
      <c r="GBZ693" s="613"/>
      <c r="GCA693" s="613"/>
      <c r="GCB693" s="613"/>
      <c r="GCC693" s="613"/>
      <c r="GCD693" s="613"/>
      <c r="GCE693" s="613"/>
      <c r="GCF693" s="613"/>
      <c r="GCG693" s="613"/>
      <c r="GCH693" s="613"/>
      <c r="GCI693" s="613"/>
      <c r="GCJ693" s="613"/>
      <c r="GCK693" s="613"/>
      <c r="GCL693" s="613"/>
      <c r="GCM693" s="613"/>
      <c r="GCN693" s="613"/>
      <c r="GCO693" s="613"/>
      <c r="GCP693" s="613"/>
      <c r="GCQ693" s="613"/>
      <c r="GCR693" s="613"/>
      <c r="GCS693" s="613"/>
      <c r="GCT693" s="613"/>
      <c r="GCU693" s="613"/>
      <c r="GCV693" s="613"/>
      <c r="GCW693" s="613"/>
      <c r="GCX693" s="613"/>
      <c r="GCY693" s="613"/>
      <c r="GCZ693" s="613"/>
      <c r="GDA693" s="613"/>
      <c r="GDB693" s="613"/>
      <c r="GDC693" s="613"/>
      <c r="GDD693" s="613"/>
      <c r="GDE693" s="613"/>
      <c r="GDF693" s="613"/>
      <c r="GDG693" s="613"/>
      <c r="GDH693" s="613"/>
      <c r="GDI693" s="613"/>
      <c r="GDJ693" s="613"/>
      <c r="GDK693" s="613"/>
      <c r="GDL693" s="613"/>
      <c r="GDM693" s="613"/>
      <c r="GDN693" s="613"/>
      <c r="GDO693" s="613"/>
      <c r="GDP693" s="613"/>
      <c r="GDQ693" s="613"/>
      <c r="GDR693" s="613"/>
      <c r="GDS693" s="613"/>
      <c r="GDT693" s="613"/>
      <c r="GDU693" s="613"/>
      <c r="GDV693" s="613"/>
      <c r="GDW693" s="613"/>
      <c r="GDX693" s="613"/>
      <c r="GDY693" s="613"/>
      <c r="GDZ693" s="613"/>
      <c r="GEA693" s="613"/>
      <c r="GEB693" s="613"/>
      <c r="GEC693" s="613"/>
      <c r="GED693" s="613"/>
      <c r="GEE693" s="613"/>
      <c r="GEF693" s="613"/>
      <c r="GEG693" s="613"/>
      <c r="GEH693" s="613"/>
      <c r="GEI693" s="613"/>
      <c r="GEJ693" s="613"/>
      <c r="GEK693" s="613"/>
      <c r="GEL693" s="613"/>
      <c r="GEM693" s="613"/>
      <c r="GEN693" s="613"/>
      <c r="GEO693" s="613"/>
      <c r="GEP693" s="613"/>
      <c r="GEQ693" s="613"/>
      <c r="GER693" s="613"/>
      <c r="GES693" s="613"/>
      <c r="GET693" s="613"/>
      <c r="GEU693" s="613"/>
      <c r="GEV693" s="613"/>
      <c r="GEW693" s="613"/>
      <c r="GEX693" s="613"/>
      <c r="GEY693" s="613"/>
      <c r="GEZ693" s="613"/>
      <c r="GFA693" s="613"/>
      <c r="GFB693" s="613"/>
      <c r="GFC693" s="613"/>
      <c r="GFD693" s="613"/>
      <c r="GFE693" s="613"/>
      <c r="GFF693" s="613"/>
      <c r="GFG693" s="613"/>
      <c r="GFH693" s="613"/>
      <c r="GFI693" s="613"/>
      <c r="GFJ693" s="613"/>
      <c r="GFK693" s="613"/>
      <c r="GFL693" s="613"/>
      <c r="GFM693" s="613"/>
      <c r="GFN693" s="613"/>
      <c r="GFO693" s="613"/>
      <c r="GFP693" s="613"/>
      <c r="GFQ693" s="613"/>
      <c r="GFR693" s="613"/>
      <c r="GFS693" s="613"/>
      <c r="GFT693" s="613"/>
      <c r="GFU693" s="613"/>
      <c r="GFV693" s="613"/>
      <c r="GFW693" s="613"/>
      <c r="GFX693" s="613"/>
      <c r="GFY693" s="613"/>
      <c r="GFZ693" s="613"/>
      <c r="GGA693" s="613"/>
      <c r="GGB693" s="613"/>
      <c r="GGC693" s="613"/>
      <c r="GGD693" s="613"/>
      <c r="GGE693" s="613"/>
      <c r="GGF693" s="613"/>
      <c r="GGG693" s="613"/>
      <c r="GGH693" s="613"/>
      <c r="GGI693" s="613"/>
      <c r="GGJ693" s="613"/>
      <c r="GGK693" s="613"/>
      <c r="GGL693" s="613"/>
      <c r="GGM693" s="613"/>
      <c r="GGN693" s="613"/>
      <c r="GGO693" s="613"/>
      <c r="GGP693" s="613"/>
      <c r="GGQ693" s="613"/>
      <c r="GGR693" s="613"/>
      <c r="GGS693" s="613"/>
      <c r="GGT693" s="613"/>
      <c r="GGU693" s="613"/>
      <c r="GGV693" s="613"/>
      <c r="GGW693" s="613"/>
      <c r="GGX693" s="613"/>
      <c r="GGY693" s="613"/>
      <c r="GGZ693" s="613"/>
      <c r="GHA693" s="613"/>
      <c r="GHB693" s="613"/>
      <c r="GHC693" s="613"/>
      <c r="GHD693" s="613"/>
      <c r="GHE693" s="613"/>
      <c r="GHF693" s="613"/>
      <c r="GHG693" s="613"/>
      <c r="GHH693" s="613"/>
      <c r="GHI693" s="613"/>
      <c r="GHJ693" s="613"/>
      <c r="GHK693" s="613"/>
      <c r="GHL693" s="613"/>
      <c r="GHM693" s="613"/>
      <c r="GHN693" s="613"/>
      <c r="GHO693" s="613"/>
      <c r="GHP693" s="613"/>
      <c r="GHQ693" s="613"/>
      <c r="GHR693" s="613"/>
      <c r="GHS693" s="613"/>
      <c r="GHT693" s="613"/>
      <c r="GHU693" s="613"/>
      <c r="GHV693" s="613"/>
      <c r="GHW693" s="613"/>
      <c r="GHX693" s="613"/>
      <c r="GHY693" s="613"/>
      <c r="GHZ693" s="613"/>
      <c r="GIA693" s="613"/>
      <c r="GIB693" s="613"/>
      <c r="GIC693" s="613"/>
      <c r="GID693" s="613"/>
      <c r="GIE693" s="613"/>
      <c r="GIF693" s="613"/>
      <c r="GIG693" s="613"/>
      <c r="GIH693" s="613"/>
      <c r="GII693" s="613"/>
      <c r="GIJ693" s="613"/>
      <c r="GIK693" s="613"/>
      <c r="GIL693" s="613"/>
      <c r="GIM693" s="613"/>
      <c r="GIN693" s="613"/>
      <c r="GIO693" s="613"/>
      <c r="GIP693" s="613"/>
      <c r="GIQ693" s="613"/>
      <c r="GIR693" s="613"/>
      <c r="GIS693" s="613"/>
      <c r="GIT693" s="613"/>
      <c r="GIU693" s="613"/>
      <c r="GIV693" s="613"/>
      <c r="GIW693" s="613"/>
      <c r="GIX693" s="613"/>
      <c r="GIY693" s="613"/>
      <c r="GIZ693" s="613"/>
      <c r="GJA693" s="613"/>
      <c r="GJB693" s="613"/>
      <c r="GJC693" s="613"/>
      <c r="GJD693" s="613"/>
      <c r="GJE693" s="613"/>
      <c r="GJF693" s="613"/>
      <c r="GJG693" s="613"/>
      <c r="GJH693" s="613"/>
      <c r="GJI693" s="613"/>
      <c r="GJJ693" s="613"/>
      <c r="GJK693" s="613"/>
      <c r="GJL693" s="613"/>
      <c r="GJM693" s="613"/>
      <c r="GJN693" s="613"/>
      <c r="GJO693" s="613"/>
      <c r="GJP693" s="613"/>
      <c r="GJQ693" s="613"/>
      <c r="GJR693" s="613"/>
      <c r="GJS693" s="613"/>
      <c r="GJT693" s="613"/>
      <c r="GJU693" s="613"/>
      <c r="GJV693" s="613"/>
      <c r="GJW693" s="613"/>
      <c r="GJX693" s="613"/>
      <c r="GJY693" s="613"/>
      <c r="GJZ693" s="613"/>
      <c r="GKA693" s="613"/>
      <c r="GKB693" s="613"/>
      <c r="GKC693" s="613"/>
      <c r="GKD693" s="613"/>
      <c r="GKE693" s="613"/>
      <c r="GKF693" s="613"/>
      <c r="GKG693" s="613"/>
      <c r="GKH693" s="613"/>
      <c r="GKI693" s="613"/>
      <c r="GKJ693" s="613"/>
      <c r="GKK693" s="613"/>
      <c r="GKL693" s="613"/>
      <c r="GKM693" s="613"/>
      <c r="GKN693" s="613"/>
      <c r="GKO693" s="613"/>
      <c r="GKP693" s="613"/>
      <c r="GKQ693" s="613"/>
      <c r="GKR693" s="613"/>
      <c r="GKS693" s="613"/>
      <c r="GKT693" s="613"/>
      <c r="GKU693" s="613"/>
      <c r="GKV693" s="613"/>
      <c r="GKW693" s="613"/>
      <c r="GKX693" s="613"/>
      <c r="GKY693" s="613"/>
      <c r="GKZ693" s="613"/>
      <c r="GLA693" s="613"/>
      <c r="GLB693" s="613"/>
      <c r="GLC693" s="613"/>
      <c r="GLD693" s="613"/>
      <c r="GLE693" s="613"/>
      <c r="GLF693" s="613"/>
      <c r="GLG693" s="613"/>
      <c r="GLH693" s="613"/>
      <c r="GLI693" s="613"/>
      <c r="GLJ693" s="613"/>
      <c r="GLK693" s="613"/>
      <c r="GLL693" s="613"/>
      <c r="GLM693" s="613"/>
      <c r="GLN693" s="613"/>
      <c r="GLO693" s="613"/>
      <c r="GLP693" s="613"/>
      <c r="GLQ693" s="613"/>
      <c r="GLR693" s="613"/>
      <c r="GLS693" s="613"/>
      <c r="GLT693" s="613"/>
      <c r="GLU693" s="613"/>
      <c r="GLV693" s="613"/>
      <c r="GLW693" s="613"/>
      <c r="GLX693" s="613"/>
      <c r="GLY693" s="613"/>
      <c r="GLZ693" s="613"/>
      <c r="GMA693" s="613"/>
      <c r="GMB693" s="613"/>
      <c r="GMC693" s="613"/>
      <c r="GMD693" s="613"/>
      <c r="GME693" s="613"/>
      <c r="GMF693" s="613"/>
      <c r="GMG693" s="613"/>
      <c r="GMH693" s="613"/>
      <c r="GMI693" s="613"/>
      <c r="GMJ693" s="613"/>
      <c r="GMK693" s="613"/>
      <c r="GML693" s="613"/>
      <c r="GMM693" s="613"/>
      <c r="GMN693" s="613"/>
      <c r="GMO693" s="613"/>
      <c r="GMP693" s="613"/>
      <c r="GMQ693" s="613"/>
      <c r="GMR693" s="613"/>
      <c r="GMS693" s="613"/>
      <c r="GMT693" s="613"/>
      <c r="GMU693" s="613"/>
      <c r="GMV693" s="613"/>
      <c r="GMW693" s="613"/>
      <c r="GMX693" s="613"/>
      <c r="GMY693" s="613"/>
      <c r="GMZ693" s="613"/>
      <c r="GNA693" s="613"/>
      <c r="GNB693" s="613"/>
      <c r="GNC693" s="613"/>
      <c r="GND693" s="613"/>
      <c r="GNE693" s="613"/>
      <c r="GNF693" s="613"/>
      <c r="GNG693" s="613"/>
      <c r="GNH693" s="613"/>
      <c r="GNI693" s="613"/>
      <c r="GNJ693" s="613"/>
      <c r="GNK693" s="613"/>
      <c r="GNL693" s="613"/>
      <c r="GNM693" s="613"/>
      <c r="GNN693" s="613"/>
      <c r="GNO693" s="613"/>
      <c r="GNP693" s="613"/>
      <c r="GNQ693" s="613"/>
      <c r="GNR693" s="613"/>
      <c r="GNS693" s="613"/>
      <c r="GNT693" s="613"/>
      <c r="GNU693" s="613"/>
      <c r="GNV693" s="613"/>
      <c r="GNW693" s="613"/>
      <c r="GNX693" s="613"/>
      <c r="GNY693" s="613"/>
      <c r="GNZ693" s="613"/>
      <c r="GOA693" s="613"/>
      <c r="GOB693" s="613"/>
      <c r="GOC693" s="613"/>
      <c r="GOD693" s="613"/>
      <c r="GOE693" s="613"/>
      <c r="GOF693" s="613"/>
      <c r="GOG693" s="613"/>
      <c r="GOH693" s="613"/>
      <c r="GOI693" s="613"/>
      <c r="GOJ693" s="613"/>
      <c r="GOK693" s="613"/>
      <c r="GOL693" s="613"/>
      <c r="GOM693" s="613"/>
      <c r="GON693" s="613"/>
      <c r="GOO693" s="613"/>
      <c r="GOP693" s="613"/>
      <c r="GOQ693" s="613"/>
      <c r="GOR693" s="613"/>
      <c r="GOS693" s="613"/>
      <c r="GOT693" s="613"/>
      <c r="GOU693" s="613"/>
      <c r="GOV693" s="613"/>
      <c r="GOW693" s="613"/>
      <c r="GOX693" s="613"/>
      <c r="GOY693" s="613"/>
      <c r="GOZ693" s="613"/>
      <c r="GPA693" s="613"/>
      <c r="GPB693" s="613"/>
      <c r="GPC693" s="613"/>
      <c r="GPD693" s="613"/>
      <c r="GPE693" s="613"/>
      <c r="GPF693" s="613"/>
      <c r="GPG693" s="613"/>
      <c r="GPH693" s="613"/>
      <c r="GPI693" s="613"/>
      <c r="GPJ693" s="613"/>
      <c r="GPK693" s="613"/>
      <c r="GPL693" s="613"/>
      <c r="GPM693" s="613"/>
      <c r="GPN693" s="613"/>
      <c r="GPO693" s="613"/>
      <c r="GPP693" s="613"/>
      <c r="GPQ693" s="613"/>
      <c r="GPR693" s="613"/>
      <c r="GPS693" s="613"/>
      <c r="GPT693" s="613"/>
      <c r="GPU693" s="613"/>
      <c r="GPV693" s="613"/>
      <c r="GPW693" s="613"/>
      <c r="GPX693" s="613"/>
      <c r="GPY693" s="613"/>
      <c r="GPZ693" s="613"/>
      <c r="GQA693" s="613"/>
      <c r="GQB693" s="613"/>
      <c r="GQC693" s="613"/>
      <c r="GQD693" s="613"/>
      <c r="GQE693" s="613"/>
      <c r="GQF693" s="613"/>
      <c r="GQG693" s="613"/>
      <c r="GQH693" s="613"/>
      <c r="GQI693" s="613"/>
      <c r="GQJ693" s="613"/>
      <c r="GQK693" s="613"/>
      <c r="GQL693" s="613"/>
      <c r="GQM693" s="613"/>
      <c r="GQN693" s="613"/>
      <c r="GQO693" s="613"/>
      <c r="GQP693" s="613"/>
      <c r="GQQ693" s="613"/>
      <c r="GQR693" s="613"/>
      <c r="GQS693" s="613"/>
      <c r="GQT693" s="613"/>
      <c r="GQU693" s="613"/>
      <c r="GQV693" s="613"/>
      <c r="GQW693" s="613"/>
      <c r="GQX693" s="613"/>
      <c r="GQY693" s="613"/>
      <c r="GQZ693" s="613"/>
      <c r="GRA693" s="613"/>
      <c r="GRB693" s="613"/>
      <c r="GRC693" s="613"/>
      <c r="GRD693" s="613"/>
      <c r="GRE693" s="613"/>
      <c r="GRF693" s="613"/>
      <c r="GRG693" s="613"/>
      <c r="GRH693" s="613"/>
      <c r="GRI693" s="613"/>
      <c r="GRJ693" s="613"/>
      <c r="GRK693" s="613"/>
      <c r="GRL693" s="613"/>
      <c r="GRM693" s="613"/>
      <c r="GRN693" s="613"/>
      <c r="GRO693" s="613"/>
      <c r="GRP693" s="613"/>
      <c r="GRQ693" s="613"/>
      <c r="GRR693" s="613"/>
      <c r="GRS693" s="613"/>
      <c r="GRT693" s="613"/>
      <c r="GRU693" s="613"/>
      <c r="GRV693" s="613"/>
      <c r="GRW693" s="613"/>
      <c r="GRX693" s="613"/>
      <c r="GRY693" s="613"/>
      <c r="GRZ693" s="613"/>
      <c r="GSA693" s="613"/>
      <c r="GSB693" s="613"/>
      <c r="GSC693" s="613"/>
      <c r="GSD693" s="613"/>
      <c r="GSE693" s="613"/>
      <c r="GSF693" s="613"/>
      <c r="GSG693" s="613"/>
      <c r="GSH693" s="613"/>
      <c r="GSI693" s="613"/>
      <c r="GSJ693" s="613"/>
      <c r="GSK693" s="613"/>
      <c r="GSL693" s="613"/>
      <c r="GSM693" s="613"/>
      <c r="GSN693" s="613"/>
      <c r="GSO693" s="613"/>
      <c r="GSP693" s="613"/>
      <c r="GSQ693" s="613"/>
      <c r="GSR693" s="613"/>
      <c r="GSS693" s="613"/>
      <c r="GST693" s="613"/>
      <c r="GSU693" s="613"/>
      <c r="GSV693" s="613"/>
      <c r="GSW693" s="613"/>
      <c r="GSX693" s="613"/>
      <c r="GSY693" s="613"/>
      <c r="GSZ693" s="613"/>
      <c r="GTA693" s="613"/>
      <c r="GTB693" s="613"/>
      <c r="GTC693" s="613"/>
      <c r="GTD693" s="613"/>
      <c r="GTE693" s="613"/>
      <c r="GTF693" s="613"/>
      <c r="GTG693" s="613"/>
      <c r="GTH693" s="613"/>
      <c r="GTI693" s="613"/>
      <c r="GTJ693" s="613"/>
      <c r="GTK693" s="613"/>
      <c r="GTL693" s="613"/>
      <c r="GTM693" s="613"/>
      <c r="GTN693" s="613"/>
      <c r="GTO693" s="613"/>
      <c r="GTP693" s="613"/>
      <c r="GTQ693" s="613"/>
      <c r="GTR693" s="613"/>
      <c r="GTS693" s="613"/>
      <c r="GTT693" s="613"/>
      <c r="GTU693" s="613"/>
      <c r="GTV693" s="613"/>
      <c r="GTW693" s="613"/>
      <c r="GTX693" s="613"/>
      <c r="GTY693" s="613"/>
      <c r="GTZ693" s="613"/>
      <c r="GUA693" s="613"/>
      <c r="GUB693" s="613"/>
      <c r="GUC693" s="613"/>
      <c r="GUD693" s="613"/>
      <c r="GUE693" s="613"/>
      <c r="GUF693" s="613"/>
      <c r="GUG693" s="613"/>
      <c r="GUH693" s="613"/>
      <c r="GUI693" s="613"/>
      <c r="GUJ693" s="613"/>
      <c r="GUK693" s="613"/>
      <c r="GUL693" s="613"/>
      <c r="GUM693" s="613"/>
      <c r="GUN693" s="613"/>
      <c r="GUO693" s="613"/>
      <c r="GUP693" s="613"/>
      <c r="GUQ693" s="613"/>
      <c r="GUR693" s="613"/>
      <c r="GUS693" s="613"/>
      <c r="GUT693" s="613"/>
      <c r="GUU693" s="613"/>
      <c r="GUV693" s="613"/>
      <c r="GUW693" s="613"/>
      <c r="GUX693" s="613"/>
      <c r="GUY693" s="613"/>
      <c r="GUZ693" s="613"/>
      <c r="GVA693" s="613"/>
      <c r="GVB693" s="613"/>
      <c r="GVC693" s="613"/>
      <c r="GVD693" s="613"/>
      <c r="GVE693" s="613"/>
      <c r="GVF693" s="613"/>
      <c r="GVG693" s="613"/>
      <c r="GVH693" s="613"/>
      <c r="GVI693" s="613"/>
      <c r="GVJ693" s="613"/>
      <c r="GVK693" s="613"/>
      <c r="GVL693" s="613"/>
      <c r="GVM693" s="613"/>
      <c r="GVN693" s="613"/>
      <c r="GVO693" s="613"/>
      <c r="GVP693" s="613"/>
      <c r="GVQ693" s="613"/>
      <c r="GVR693" s="613"/>
      <c r="GVS693" s="613"/>
      <c r="GVT693" s="613"/>
      <c r="GVU693" s="613"/>
      <c r="GVV693" s="613"/>
      <c r="GVW693" s="613"/>
      <c r="GVX693" s="613"/>
      <c r="GVY693" s="613"/>
      <c r="GVZ693" s="613"/>
      <c r="GWA693" s="613"/>
      <c r="GWB693" s="613"/>
      <c r="GWC693" s="613"/>
      <c r="GWD693" s="613"/>
      <c r="GWE693" s="613"/>
      <c r="GWF693" s="613"/>
      <c r="GWG693" s="613"/>
      <c r="GWH693" s="613"/>
      <c r="GWI693" s="613"/>
      <c r="GWJ693" s="613"/>
      <c r="GWK693" s="613"/>
      <c r="GWL693" s="613"/>
      <c r="GWM693" s="613"/>
      <c r="GWN693" s="613"/>
      <c r="GWO693" s="613"/>
      <c r="GWP693" s="613"/>
      <c r="GWQ693" s="613"/>
      <c r="GWR693" s="613"/>
      <c r="GWS693" s="613"/>
      <c r="GWT693" s="613"/>
      <c r="GWU693" s="613"/>
      <c r="GWV693" s="613"/>
      <c r="GWW693" s="613"/>
      <c r="GWX693" s="613"/>
      <c r="GWY693" s="613"/>
      <c r="GWZ693" s="613"/>
      <c r="GXA693" s="613"/>
      <c r="GXB693" s="613"/>
      <c r="GXC693" s="613"/>
      <c r="GXD693" s="613"/>
      <c r="GXE693" s="613"/>
      <c r="GXF693" s="613"/>
      <c r="GXG693" s="613"/>
      <c r="GXH693" s="613"/>
      <c r="GXI693" s="613"/>
      <c r="GXJ693" s="613"/>
      <c r="GXK693" s="613"/>
      <c r="GXL693" s="613"/>
      <c r="GXM693" s="613"/>
      <c r="GXN693" s="613"/>
      <c r="GXO693" s="613"/>
      <c r="GXP693" s="613"/>
      <c r="GXQ693" s="613"/>
      <c r="GXR693" s="613"/>
      <c r="GXS693" s="613"/>
      <c r="GXT693" s="613"/>
      <c r="GXU693" s="613"/>
      <c r="GXV693" s="613"/>
      <c r="GXW693" s="613"/>
      <c r="GXX693" s="613"/>
      <c r="GXY693" s="613"/>
      <c r="GXZ693" s="613"/>
      <c r="GYA693" s="613"/>
      <c r="GYB693" s="613"/>
      <c r="GYC693" s="613"/>
      <c r="GYD693" s="613"/>
      <c r="GYE693" s="613"/>
      <c r="GYF693" s="613"/>
      <c r="GYG693" s="613"/>
      <c r="GYH693" s="613"/>
      <c r="GYI693" s="613"/>
      <c r="GYJ693" s="613"/>
      <c r="GYK693" s="613"/>
      <c r="GYL693" s="613"/>
      <c r="GYM693" s="613"/>
      <c r="GYN693" s="613"/>
      <c r="GYO693" s="613"/>
      <c r="GYP693" s="613"/>
      <c r="GYQ693" s="613"/>
      <c r="GYR693" s="613"/>
      <c r="GYS693" s="613"/>
      <c r="GYT693" s="613"/>
      <c r="GYU693" s="613"/>
      <c r="GYV693" s="613"/>
      <c r="GYW693" s="613"/>
      <c r="GYX693" s="613"/>
      <c r="GYY693" s="613"/>
      <c r="GYZ693" s="613"/>
      <c r="GZA693" s="613"/>
      <c r="GZB693" s="613"/>
      <c r="GZC693" s="613"/>
      <c r="GZD693" s="613"/>
      <c r="GZE693" s="613"/>
      <c r="GZF693" s="613"/>
      <c r="GZG693" s="613"/>
      <c r="GZH693" s="613"/>
      <c r="GZI693" s="613"/>
      <c r="GZJ693" s="613"/>
      <c r="GZK693" s="613"/>
      <c r="GZL693" s="613"/>
      <c r="GZM693" s="613"/>
      <c r="GZN693" s="613"/>
      <c r="GZO693" s="613"/>
      <c r="GZP693" s="613"/>
      <c r="GZQ693" s="613"/>
      <c r="GZR693" s="613"/>
      <c r="GZS693" s="613"/>
      <c r="GZT693" s="613"/>
      <c r="GZU693" s="613"/>
      <c r="GZV693" s="613"/>
      <c r="GZW693" s="613"/>
      <c r="GZX693" s="613"/>
      <c r="GZY693" s="613"/>
      <c r="GZZ693" s="613"/>
      <c r="HAA693" s="613"/>
      <c r="HAB693" s="613"/>
      <c r="HAC693" s="613"/>
      <c r="HAD693" s="613"/>
      <c r="HAE693" s="613"/>
      <c r="HAF693" s="613"/>
      <c r="HAG693" s="613"/>
      <c r="HAH693" s="613"/>
      <c r="HAI693" s="613"/>
      <c r="HAJ693" s="613"/>
      <c r="HAK693" s="613"/>
      <c r="HAL693" s="613"/>
      <c r="HAM693" s="613"/>
      <c r="HAN693" s="613"/>
      <c r="HAO693" s="613"/>
      <c r="HAP693" s="613"/>
      <c r="HAQ693" s="613"/>
      <c r="HAR693" s="613"/>
      <c r="HAS693" s="613"/>
      <c r="HAT693" s="613"/>
      <c r="HAU693" s="613"/>
      <c r="HAV693" s="613"/>
      <c r="HAW693" s="613"/>
      <c r="HAX693" s="613"/>
      <c r="HAY693" s="613"/>
      <c r="HAZ693" s="613"/>
      <c r="HBA693" s="613"/>
      <c r="HBB693" s="613"/>
      <c r="HBC693" s="613"/>
      <c r="HBD693" s="613"/>
      <c r="HBE693" s="613"/>
      <c r="HBF693" s="613"/>
      <c r="HBG693" s="613"/>
      <c r="HBH693" s="613"/>
      <c r="HBI693" s="613"/>
      <c r="HBJ693" s="613"/>
      <c r="HBK693" s="613"/>
      <c r="HBL693" s="613"/>
      <c r="HBM693" s="613"/>
      <c r="HBN693" s="613"/>
      <c r="HBO693" s="613"/>
      <c r="HBP693" s="613"/>
      <c r="HBQ693" s="613"/>
      <c r="HBR693" s="613"/>
      <c r="HBS693" s="613"/>
      <c r="HBT693" s="613"/>
      <c r="HBU693" s="613"/>
      <c r="HBV693" s="613"/>
      <c r="HBW693" s="613"/>
      <c r="HBX693" s="613"/>
      <c r="HBY693" s="613"/>
      <c r="HBZ693" s="613"/>
      <c r="HCA693" s="613"/>
      <c r="HCB693" s="613"/>
      <c r="HCC693" s="613"/>
      <c r="HCD693" s="613"/>
      <c r="HCE693" s="613"/>
      <c r="HCF693" s="613"/>
      <c r="HCG693" s="613"/>
      <c r="HCH693" s="613"/>
      <c r="HCI693" s="613"/>
      <c r="HCJ693" s="613"/>
      <c r="HCK693" s="613"/>
      <c r="HCL693" s="613"/>
      <c r="HCM693" s="613"/>
      <c r="HCN693" s="613"/>
      <c r="HCO693" s="613"/>
      <c r="HCP693" s="613"/>
      <c r="HCQ693" s="613"/>
      <c r="HCR693" s="613"/>
      <c r="HCS693" s="613"/>
      <c r="HCT693" s="613"/>
      <c r="HCU693" s="613"/>
      <c r="HCV693" s="613"/>
      <c r="HCW693" s="613"/>
      <c r="HCX693" s="613"/>
      <c r="HCY693" s="613"/>
      <c r="HCZ693" s="613"/>
      <c r="HDA693" s="613"/>
      <c r="HDB693" s="613"/>
      <c r="HDC693" s="613"/>
      <c r="HDD693" s="613"/>
      <c r="HDE693" s="613"/>
      <c r="HDF693" s="613"/>
      <c r="HDG693" s="613"/>
      <c r="HDH693" s="613"/>
      <c r="HDI693" s="613"/>
      <c r="HDJ693" s="613"/>
      <c r="HDK693" s="613"/>
      <c r="HDL693" s="613"/>
      <c r="HDM693" s="613"/>
      <c r="HDN693" s="613"/>
      <c r="HDO693" s="613"/>
      <c r="HDP693" s="613"/>
      <c r="HDQ693" s="613"/>
      <c r="HDR693" s="613"/>
      <c r="HDS693" s="613"/>
      <c r="HDT693" s="613"/>
      <c r="HDU693" s="613"/>
      <c r="HDV693" s="613"/>
      <c r="HDW693" s="613"/>
      <c r="HDX693" s="613"/>
      <c r="HDY693" s="613"/>
      <c r="HDZ693" s="613"/>
      <c r="HEA693" s="613"/>
      <c r="HEB693" s="613"/>
      <c r="HEC693" s="613"/>
      <c r="HED693" s="613"/>
      <c r="HEE693" s="613"/>
      <c r="HEF693" s="613"/>
      <c r="HEG693" s="613"/>
      <c r="HEH693" s="613"/>
      <c r="HEI693" s="613"/>
      <c r="HEJ693" s="613"/>
      <c r="HEK693" s="613"/>
      <c r="HEL693" s="613"/>
      <c r="HEM693" s="613"/>
      <c r="HEN693" s="613"/>
      <c r="HEO693" s="613"/>
      <c r="HEP693" s="613"/>
      <c r="HEQ693" s="613"/>
      <c r="HER693" s="613"/>
      <c r="HES693" s="613"/>
      <c r="HET693" s="613"/>
      <c r="HEU693" s="613"/>
      <c r="HEV693" s="613"/>
      <c r="HEW693" s="613"/>
      <c r="HEX693" s="613"/>
      <c r="HEY693" s="613"/>
      <c r="HEZ693" s="613"/>
      <c r="HFA693" s="613"/>
      <c r="HFB693" s="613"/>
      <c r="HFC693" s="613"/>
      <c r="HFD693" s="613"/>
      <c r="HFE693" s="613"/>
      <c r="HFF693" s="613"/>
      <c r="HFG693" s="613"/>
      <c r="HFH693" s="613"/>
      <c r="HFI693" s="613"/>
      <c r="HFJ693" s="613"/>
      <c r="HFK693" s="613"/>
      <c r="HFL693" s="613"/>
      <c r="HFM693" s="613"/>
      <c r="HFN693" s="613"/>
      <c r="HFO693" s="613"/>
      <c r="HFP693" s="613"/>
      <c r="HFQ693" s="613"/>
      <c r="HFR693" s="613"/>
      <c r="HFS693" s="613"/>
      <c r="HFT693" s="613"/>
      <c r="HFU693" s="613"/>
      <c r="HFV693" s="613"/>
      <c r="HFW693" s="613"/>
      <c r="HFX693" s="613"/>
      <c r="HFY693" s="613"/>
      <c r="HFZ693" s="613"/>
      <c r="HGA693" s="613"/>
      <c r="HGB693" s="613"/>
      <c r="HGC693" s="613"/>
      <c r="HGD693" s="613"/>
      <c r="HGE693" s="613"/>
      <c r="HGF693" s="613"/>
      <c r="HGG693" s="613"/>
      <c r="HGH693" s="613"/>
      <c r="HGI693" s="613"/>
      <c r="HGJ693" s="613"/>
      <c r="HGK693" s="613"/>
      <c r="HGL693" s="613"/>
      <c r="HGM693" s="613"/>
      <c r="HGN693" s="613"/>
      <c r="HGO693" s="613"/>
      <c r="HGP693" s="613"/>
      <c r="HGQ693" s="613"/>
      <c r="HGR693" s="613"/>
      <c r="HGS693" s="613"/>
      <c r="HGT693" s="613"/>
      <c r="HGU693" s="613"/>
      <c r="HGV693" s="613"/>
      <c r="HGW693" s="613"/>
      <c r="HGX693" s="613"/>
      <c r="HGY693" s="613"/>
      <c r="HGZ693" s="613"/>
      <c r="HHA693" s="613"/>
      <c r="HHB693" s="613"/>
      <c r="HHC693" s="613"/>
      <c r="HHD693" s="613"/>
      <c r="HHE693" s="613"/>
      <c r="HHF693" s="613"/>
      <c r="HHG693" s="613"/>
      <c r="HHH693" s="613"/>
      <c r="HHI693" s="613"/>
      <c r="HHJ693" s="613"/>
      <c r="HHK693" s="613"/>
      <c r="HHL693" s="613"/>
      <c r="HHM693" s="613"/>
      <c r="HHN693" s="613"/>
      <c r="HHO693" s="613"/>
      <c r="HHP693" s="613"/>
      <c r="HHQ693" s="613"/>
      <c r="HHR693" s="613"/>
      <c r="HHS693" s="613"/>
      <c r="HHT693" s="613"/>
      <c r="HHU693" s="613"/>
      <c r="HHV693" s="613"/>
      <c r="HHW693" s="613"/>
      <c r="HHX693" s="613"/>
      <c r="HHY693" s="613"/>
      <c r="HHZ693" s="613"/>
      <c r="HIA693" s="613"/>
      <c r="HIB693" s="613"/>
      <c r="HIC693" s="613"/>
      <c r="HID693" s="613"/>
      <c r="HIE693" s="613"/>
      <c r="HIF693" s="613"/>
      <c r="HIG693" s="613"/>
      <c r="HIH693" s="613"/>
      <c r="HII693" s="613"/>
      <c r="HIJ693" s="613"/>
      <c r="HIK693" s="613"/>
      <c r="HIL693" s="613"/>
      <c r="HIM693" s="613"/>
      <c r="HIN693" s="613"/>
      <c r="HIO693" s="613"/>
      <c r="HIP693" s="613"/>
      <c r="HIQ693" s="613"/>
      <c r="HIR693" s="613"/>
      <c r="HIS693" s="613"/>
      <c r="HIT693" s="613"/>
      <c r="HIU693" s="613"/>
      <c r="HIV693" s="613"/>
      <c r="HIW693" s="613"/>
      <c r="HIX693" s="613"/>
      <c r="HIY693" s="613"/>
      <c r="HIZ693" s="613"/>
      <c r="HJA693" s="613"/>
      <c r="HJB693" s="613"/>
      <c r="HJC693" s="613"/>
      <c r="HJD693" s="613"/>
      <c r="HJE693" s="613"/>
      <c r="HJF693" s="613"/>
      <c r="HJG693" s="613"/>
      <c r="HJH693" s="613"/>
      <c r="HJI693" s="613"/>
      <c r="HJJ693" s="613"/>
      <c r="HJK693" s="613"/>
      <c r="HJL693" s="613"/>
      <c r="HJM693" s="613"/>
      <c r="HJN693" s="613"/>
      <c r="HJO693" s="613"/>
      <c r="HJP693" s="613"/>
      <c r="HJQ693" s="613"/>
      <c r="HJR693" s="613"/>
      <c r="HJS693" s="613"/>
      <c r="HJT693" s="613"/>
      <c r="HJU693" s="613"/>
      <c r="HJV693" s="613"/>
      <c r="HJW693" s="613"/>
      <c r="HJX693" s="613"/>
      <c r="HJY693" s="613"/>
      <c r="HJZ693" s="613"/>
      <c r="HKA693" s="613"/>
      <c r="HKB693" s="613"/>
      <c r="HKC693" s="613"/>
      <c r="HKD693" s="613"/>
      <c r="HKE693" s="613"/>
      <c r="HKF693" s="613"/>
      <c r="HKG693" s="613"/>
      <c r="HKH693" s="613"/>
      <c r="HKI693" s="613"/>
      <c r="HKJ693" s="613"/>
      <c r="HKK693" s="613"/>
      <c r="HKL693" s="613"/>
      <c r="HKM693" s="613"/>
      <c r="HKN693" s="613"/>
      <c r="HKO693" s="613"/>
      <c r="HKP693" s="613"/>
      <c r="HKQ693" s="613"/>
      <c r="HKR693" s="613"/>
      <c r="HKS693" s="613"/>
      <c r="HKT693" s="613"/>
      <c r="HKU693" s="613"/>
      <c r="HKV693" s="613"/>
      <c r="HKW693" s="613"/>
      <c r="HKX693" s="613"/>
      <c r="HKY693" s="613"/>
      <c r="HKZ693" s="613"/>
      <c r="HLA693" s="613"/>
      <c r="HLB693" s="613"/>
      <c r="HLC693" s="613"/>
      <c r="HLD693" s="613"/>
      <c r="HLE693" s="613"/>
      <c r="HLF693" s="613"/>
      <c r="HLG693" s="613"/>
      <c r="HLH693" s="613"/>
      <c r="HLI693" s="613"/>
      <c r="HLJ693" s="613"/>
      <c r="HLK693" s="613"/>
      <c r="HLL693" s="613"/>
      <c r="HLM693" s="613"/>
      <c r="HLN693" s="613"/>
      <c r="HLO693" s="613"/>
      <c r="HLP693" s="613"/>
      <c r="HLQ693" s="613"/>
      <c r="HLR693" s="613"/>
      <c r="HLS693" s="613"/>
      <c r="HLT693" s="613"/>
      <c r="HLU693" s="613"/>
      <c r="HLV693" s="613"/>
      <c r="HLW693" s="613"/>
      <c r="HLX693" s="613"/>
      <c r="HLY693" s="613"/>
      <c r="HLZ693" s="613"/>
      <c r="HMA693" s="613"/>
      <c r="HMB693" s="613"/>
      <c r="HMC693" s="613"/>
      <c r="HMD693" s="613"/>
      <c r="HME693" s="613"/>
      <c r="HMF693" s="613"/>
      <c r="HMG693" s="613"/>
      <c r="HMH693" s="613"/>
      <c r="HMI693" s="613"/>
      <c r="HMJ693" s="613"/>
      <c r="HMK693" s="613"/>
      <c r="HML693" s="613"/>
      <c r="HMM693" s="613"/>
      <c r="HMN693" s="613"/>
      <c r="HMO693" s="613"/>
      <c r="HMP693" s="613"/>
      <c r="HMQ693" s="613"/>
      <c r="HMR693" s="613"/>
      <c r="HMS693" s="613"/>
      <c r="HMT693" s="613"/>
      <c r="HMU693" s="613"/>
      <c r="HMV693" s="613"/>
      <c r="HMW693" s="613"/>
      <c r="HMX693" s="613"/>
      <c r="HMY693" s="613"/>
      <c r="HMZ693" s="613"/>
      <c r="HNA693" s="613"/>
      <c r="HNB693" s="613"/>
      <c r="HNC693" s="613"/>
      <c r="HND693" s="613"/>
      <c r="HNE693" s="613"/>
      <c r="HNF693" s="613"/>
      <c r="HNG693" s="613"/>
      <c r="HNH693" s="613"/>
      <c r="HNI693" s="613"/>
      <c r="HNJ693" s="613"/>
      <c r="HNK693" s="613"/>
      <c r="HNL693" s="613"/>
      <c r="HNM693" s="613"/>
      <c r="HNN693" s="613"/>
      <c r="HNO693" s="613"/>
      <c r="HNP693" s="613"/>
      <c r="HNQ693" s="613"/>
      <c r="HNR693" s="613"/>
      <c r="HNS693" s="613"/>
      <c r="HNT693" s="613"/>
      <c r="HNU693" s="613"/>
      <c r="HNV693" s="613"/>
      <c r="HNW693" s="613"/>
      <c r="HNX693" s="613"/>
      <c r="HNY693" s="613"/>
      <c r="HNZ693" s="613"/>
      <c r="HOA693" s="613"/>
      <c r="HOB693" s="613"/>
      <c r="HOC693" s="613"/>
      <c r="HOD693" s="613"/>
      <c r="HOE693" s="613"/>
      <c r="HOF693" s="613"/>
      <c r="HOG693" s="613"/>
      <c r="HOH693" s="613"/>
      <c r="HOI693" s="613"/>
      <c r="HOJ693" s="613"/>
      <c r="HOK693" s="613"/>
      <c r="HOL693" s="613"/>
      <c r="HOM693" s="613"/>
      <c r="HON693" s="613"/>
      <c r="HOO693" s="613"/>
      <c r="HOP693" s="613"/>
      <c r="HOQ693" s="613"/>
      <c r="HOR693" s="613"/>
      <c r="HOS693" s="613"/>
      <c r="HOT693" s="613"/>
      <c r="HOU693" s="613"/>
      <c r="HOV693" s="613"/>
      <c r="HOW693" s="613"/>
      <c r="HOX693" s="613"/>
      <c r="HOY693" s="613"/>
      <c r="HOZ693" s="613"/>
      <c r="HPA693" s="613"/>
      <c r="HPB693" s="613"/>
      <c r="HPC693" s="613"/>
      <c r="HPD693" s="613"/>
      <c r="HPE693" s="613"/>
      <c r="HPF693" s="613"/>
      <c r="HPG693" s="613"/>
      <c r="HPH693" s="613"/>
      <c r="HPI693" s="613"/>
      <c r="HPJ693" s="613"/>
      <c r="HPK693" s="613"/>
      <c r="HPL693" s="613"/>
      <c r="HPM693" s="613"/>
      <c r="HPN693" s="613"/>
      <c r="HPO693" s="613"/>
      <c r="HPP693" s="613"/>
      <c r="HPQ693" s="613"/>
      <c r="HPR693" s="613"/>
      <c r="HPS693" s="613"/>
      <c r="HPT693" s="613"/>
      <c r="HPU693" s="613"/>
      <c r="HPV693" s="613"/>
      <c r="HPW693" s="613"/>
      <c r="HPX693" s="613"/>
      <c r="HPY693" s="613"/>
      <c r="HPZ693" s="613"/>
      <c r="HQA693" s="613"/>
      <c r="HQB693" s="613"/>
      <c r="HQC693" s="613"/>
      <c r="HQD693" s="613"/>
      <c r="HQE693" s="613"/>
      <c r="HQF693" s="613"/>
      <c r="HQG693" s="613"/>
      <c r="HQH693" s="613"/>
      <c r="HQI693" s="613"/>
      <c r="HQJ693" s="613"/>
      <c r="HQK693" s="613"/>
      <c r="HQL693" s="613"/>
      <c r="HQM693" s="613"/>
      <c r="HQN693" s="613"/>
      <c r="HQO693" s="613"/>
      <c r="HQP693" s="613"/>
      <c r="HQQ693" s="613"/>
      <c r="HQR693" s="613"/>
      <c r="HQS693" s="613"/>
      <c r="HQT693" s="613"/>
      <c r="HQU693" s="613"/>
      <c r="HQV693" s="613"/>
      <c r="HQW693" s="613"/>
      <c r="HQX693" s="613"/>
      <c r="HQY693" s="613"/>
      <c r="HQZ693" s="613"/>
      <c r="HRA693" s="613"/>
      <c r="HRB693" s="613"/>
      <c r="HRC693" s="613"/>
      <c r="HRD693" s="613"/>
      <c r="HRE693" s="613"/>
      <c r="HRF693" s="613"/>
      <c r="HRG693" s="613"/>
      <c r="HRH693" s="613"/>
      <c r="HRI693" s="613"/>
      <c r="HRJ693" s="613"/>
      <c r="HRK693" s="613"/>
      <c r="HRL693" s="613"/>
      <c r="HRM693" s="613"/>
      <c r="HRN693" s="613"/>
      <c r="HRO693" s="613"/>
      <c r="HRP693" s="613"/>
      <c r="HRQ693" s="613"/>
      <c r="HRR693" s="613"/>
      <c r="HRS693" s="613"/>
      <c r="HRT693" s="613"/>
      <c r="HRU693" s="613"/>
      <c r="HRV693" s="613"/>
      <c r="HRW693" s="613"/>
      <c r="HRX693" s="613"/>
      <c r="HRY693" s="613"/>
      <c r="HRZ693" s="613"/>
      <c r="HSA693" s="613"/>
      <c r="HSB693" s="613"/>
      <c r="HSC693" s="613"/>
      <c r="HSD693" s="613"/>
      <c r="HSE693" s="613"/>
      <c r="HSF693" s="613"/>
      <c r="HSG693" s="613"/>
      <c r="HSH693" s="613"/>
      <c r="HSI693" s="613"/>
      <c r="HSJ693" s="613"/>
      <c r="HSK693" s="613"/>
      <c r="HSL693" s="613"/>
      <c r="HSM693" s="613"/>
      <c r="HSN693" s="613"/>
      <c r="HSO693" s="613"/>
      <c r="HSP693" s="613"/>
      <c r="HSQ693" s="613"/>
      <c r="HSR693" s="613"/>
      <c r="HSS693" s="613"/>
      <c r="HST693" s="613"/>
      <c r="HSU693" s="613"/>
      <c r="HSV693" s="613"/>
      <c r="HSW693" s="613"/>
      <c r="HSX693" s="613"/>
      <c r="HSY693" s="613"/>
      <c r="HSZ693" s="613"/>
      <c r="HTA693" s="613"/>
      <c r="HTB693" s="613"/>
      <c r="HTC693" s="613"/>
      <c r="HTD693" s="613"/>
      <c r="HTE693" s="613"/>
      <c r="HTF693" s="613"/>
      <c r="HTG693" s="613"/>
      <c r="HTH693" s="613"/>
      <c r="HTI693" s="613"/>
      <c r="HTJ693" s="613"/>
      <c r="HTK693" s="613"/>
      <c r="HTL693" s="613"/>
      <c r="HTM693" s="613"/>
      <c r="HTN693" s="613"/>
      <c r="HTO693" s="613"/>
      <c r="HTP693" s="613"/>
      <c r="HTQ693" s="613"/>
      <c r="HTR693" s="613"/>
      <c r="HTS693" s="613"/>
      <c r="HTT693" s="613"/>
      <c r="HTU693" s="613"/>
      <c r="HTV693" s="613"/>
      <c r="HTW693" s="613"/>
      <c r="HTX693" s="613"/>
      <c r="HTY693" s="613"/>
      <c r="HTZ693" s="613"/>
      <c r="HUA693" s="613"/>
      <c r="HUB693" s="613"/>
      <c r="HUC693" s="613"/>
      <c r="HUD693" s="613"/>
      <c r="HUE693" s="613"/>
      <c r="HUF693" s="613"/>
      <c r="HUG693" s="613"/>
      <c r="HUH693" s="613"/>
      <c r="HUI693" s="613"/>
      <c r="HUJ693" s="613"/>
      <c r="HUK693" s="613"/>
      <c r="HUL693" s="613"/>
      <c r="HUM693" s="613"/>
      <c r="HUN693" s="613"/>
      <c r="HUO693" s="613"/>
      <c r="HUP693" s="613"/>
      <c r="HUQ693" s="613"/>
      <c r="HUR693" s="613"/>
      <c r="HUS693" s="613"/>
      <c r="HUT693" s="613"/>
      <c r="HUU693" s="613"/>
      <c r="HUV693" s="613"/>
      <c r="HUW693" s="613"/>
      <c r="HUX693" s="613"/>
      <c r="HUY693" s="613"/>
      <c r="HUZ693" s="613"/>
      <c r="HVA693" s="613"/>
      <c r="HVB693" s="613"/>
      <c r="HVC693" s="613"/>
      <c r="HVD693" s="613"/>
      <c r="HVE693" s="613"/>
      <c r="HVF693" s="613"/>
      <c r="HVG693" s="613"/>
      <c r="HVH693" s="613"/>
      <c r="HVI693" s="613"/>
      <c r="HVJ693" s="613"/>
      <c r="HVK693" s="613"/>
      <c r="HVL693" s="613"/>
      <c r="HVM693" s="613"/>
      <c r="HVN693" s="613"/>
      <c r="HVO693" s="613"/>
      <c r="HVP693" s="613"/>
      <c r="HVQ693" s="613"/>
      <c r="HVR693" s="613"/>
      <c r="HVS693" s="613"/>
      <c r="HVT693" s="613"/>
      <c r="HVU693" s="613"/>
      <c r="HVV693" s="613"/>
      <c r="HVW693" s="613"/>
      <c r="HVX693" s="613"/>
      <c r="HVY693" s="613"/>
      <c r="HVZ693" s="613"/>
      <c r="HWA693" s="613"/>
      <c r="HWB693" s="613"/>
      <c r="HWC693" s="613"/>
      <c r="HWD693" s="613"/>
      <c r="HWE693" s="613"/>
      <c r="HWF693" s="613"/>
      <c r="HWG693" s="613"/>
      <c r="HWH693" s="613"/>
      <c r="HWI693" s="613"/>
      <c r="HWJ693" s="613"/>
      <c r="HWK693" s="613"/>
      <c r="HWL693" s="613"/>
      <c r="HWM693" s="613"/>
      <c r="HWN693" s="613"/>
      <c r="HWO693" s="613"/>
      <c r="HWP693" s="613"/>
      <c r="HWQ693" s="613"/>
      <c r="HWR693" s="613"/>
      <c r="HWS693" s="613"/>
      <c r="HWT693" s="613"/>
      <c r="HWU693" s="613"/>
      <c r="HWV693" s="613"/>
      <c r="HWW693" s="613"/>
      <c r="HWX693" s="613"/>
      <c r="HWY693" s="613"/>
      <c r="HWZ693" s="613"/>
      <c r="HXA693" s="613"/>
      <c r="HXB693" s="613"/>
      <c r="HXC693" s="613"/>
      <c r="HXD693" s="613"/>
      <c r="HXE693" s="613"/>
      <c r="HXF693" s="613"/>
      <c r="HXG693" s="613"/>
      <c r="HXH693" s="613"/>
      <c r="HXI693" s="613"/>
      <c r="HXJ693" s="613"/>
      <c r="HXK693" s="613"/>
      <c r="HXL693" s="613"/>
      <c r="HXM693" s="613"/>
      <c r="HXN693" s="613"/>
      <c r="HXO693" s="613"/>
      <c r="HXP693" s="613"/>
      <c r="HXQ693" s="613"/>
      <c r="HXR693" s="613"/>
      <c r="HXS693" s="613"/>
      <c r="HXT693" s="613"/>
      <c r="HXU693" s="613"/>
      <c r="HXV693" s="613"/>
      <c r="HXW693" s="613"/>
      <c r="HXX693" s="613"/>
      <c r="HXY693" s="613"/>
      <c r="HXZ693" s="613"/>
      <c r="HYA693" s="613"/>
      <c r="HYB693" s="613"/>
      <c r="HYC693" s="613"/>
      <c r="HYD693" s="613"/>
      <c r="HYE693" s="613"/>
      <c r="HYF693" s="613"/>
      <c r="HYG693" s="613"/>
      <c r="HYH693" s="613"/>
      <c r="HYI693" s="613"/>
      <c r="HYJ693" s="613"/>
      <c r="HYK693" s="613"/>
      <c r="HYL693" s="613"/>
      <c r="HYM693" s="613"/>
      <c r="HYN693" s="613"/>
      <c r="HYO693" s="613"/>
      <c r="HYP693" s="613"/>
      <c r="HYQ693" s="613"/>
      <c r="HYR693" s="613"/>
      <c r="HYS693" s="613"/>
      <c r="HYT693" s="613"/>
      <c r="HYU693" s="613"/>
      <c r="HYV693" s="613"/>
      <c r="HYW693" s="613"/>
      <c r="HYX693" s="613"/>
      <c r="HYY693" s="613"/>
      <c r="HYZ693" s="613"/>
      <c r="HZA693" s="613"/>
      <c r="HZB693" s="613"/>
      <c r="HZC693" s="613"/>
      <c r="HZD693" s="613"/>
      <c r="HZE693" s="613"/>
      <c r="HZF693" s="613"/>
      <c r="HZG693" s="613"/>
      <c r="HZH693" s="613"/>
      <c r="HZI693" s="613"/>
      <c r="HZJ693" s="613"/>
      <c r="HZK693" s="613"/>
      <c r="HZL693" s="613"/>
      <c r="HZM693" s="613"/>
      <c r="HZN693" s="613"/>
      <c r="HZO693" s="613"/>
      <c r="HZP693" s="613"/>
      <c r="HZQ693" s="613"/>
      <c r="HZR693" s="613"/>
      <c r="HZS693" s="613"/>
      <c r="HZT693" s="613"/>
      <c r="HZU693" s="613"/>
      <c r="HZV693" s="613"/>
      <c r="HZW693" s="613"/>
      <c r="HZX693" s="613"/>
      <c r="HZY693" s="613"/>
      <c r="HZZ693" s="613"/>
      <c r="IAA693" s="613"/>
      <c r="IAB693" s="613"/>
      <c r="IAC693" s="613"/>
      <c r="IAD693" s="613"/>
      <c r="IAE693" s="613"/>
      <c r="IAF693" s="613"/>
      <c r="IAG693" s="613"/>
      <c r="IAH693" s="613"/>
      <c r="IAI693" s="613"/>
      <c r="IAJ693" s="613"/>
      <c r="IAK693" s="613"/>
      <c r="IAL693" s="613"/>
      <c r="IAM693" s="613"/>
      <c r="IAN693" s="613"/>
      <c r="IAO693" s="613"/>
      <c r="IAP693" s="613"/>
      <c r="IAQ693" s="613"/>
      <c r="IAR693" s="613"/>
      <c r="IAS693" s="613"/>
      <c r="IAT693" s="613"/>
      <c r="IAU693" s="613"/>
      <c r="IAV693" s="613"/>
      <c r="IAW693" s="613"/>
      <c r="IAX693" s="613"/>
      <c r="IAY693" s="613"/>
      <c r="IAZ693" s="613"/>
      <c r="IBA693" s="613"/>
      <c r="IBB693" s="613"/>
      <c r="IBC693" s="613"/>
      <c r="IBD693" s="613"/>
      <c r="IBE693" s="613"/>
      <c r="IBF693" s="613"/>
      <c r="IBG693" s="613"/>
      <c r="IBH693" s="613"/>
      <c r="IBI693" s="613"/>
      <c r="IBJ693" s="613"/>
      <c r="IBK693" s="613"/>
      <c r="IBL693" s="613"/>
      <c r="IBM693" s="613"/>
      <c r="IBN693" s="613"/>
      <c r="IBO693" s="613"/>
      <c r="IBP693" s="613"/>
      <c r="IBQ693" s="613"/>
      <c r="IBR693" s="613"/>
      <c r="IBS693" s="613"/>
      <c r="IBT693" s="613"/>
      <c r="IBU693" s="613"/>
      <c r="IBV693" s="613"/>
      <c r="IBW693" s="613"/>
      <c r="IBX693" s="613"/>
      <c r="IBY693" s="613"/>
      <c r="IBZ693" s="613"/>
      <c r="ICA693" s="613"/>
      <c r="ICB693" s="613"/>
      <c r="ICC693" s="613"/>
      <c r="ICD693" s="613"/>
      <c r="ICE693" s="613"/>
      <c r="ICF693" s="613"/>
      <c r="ICG693" s="613"/>
      <c r="ICH693" s="613"/>
      <c r="ICI693" s="613"/>
      <c r="ICJ693" s="613"/>
      <c r="ICK693" s="613"/>
      <c r="ICL693" s="613"/>
      <c r="ICM693" s="613"/>
      <c r="ICN693" s="613"/>
      <c r="ICO693" s="613"/>
      <c r="ICP693" s="613"/>
      <c r="ICQ693" s="613"/>
      <c r="ICR693" s="613"/>
      <c r="ICS693" s="613"/>
      <c r="ICT693" s="613"/>
      <c r="ICU693" s="613"/>
      <c r="ICV693" s="613"/>
      <c r="ICW693" s="613"/>
      <c r="ICX693" s="613"/>
      <c r="ICY693" s="613"/>
      <c r="ICZ693" s="613"/>
      <c r="IDA693" s="613"/>
      <c r="IDB693" s="613"/>
      <c r="IDC693" s="613"/>
      <c r="IDD693" s="613"/>
      <c r="IDE693" s="613"/>
      <c r="IDF693" s="613"/>
      <c r="IDG693" s="613"/>
      <c r="IDH693" s="613"/>
      <c r="IDI693" s="613"/>
      <c r="IDJ693" s="613"/>
      <c r="IDK693" s="613"/>
      <c r="IDL693" s="613"/>
      <c r="IDM693" s="613"/>
      <c r="IDN693" s="613"/>
      <c r="IDO693" s="613"/>
      <c r="IDP693" s="613"/>
      <c r="IDQ693" s="613"/>
      <c r="IDR693" s="613"/>
      <c r="IDS693" s="613"/>
      <c r="IDT693" s="613"/>
      <c r="IDU693" s="613"/>
      <c r="IDV693" s="613"/>
      <c r="IDW693" s="613"/>
      <c r="IDX693" s="613"/>
      <c r="IDY693" s="613"/>
      <c r="IDZ693" s="613"/>
      <c r="IEA693" s="613"/>
      <c r="IEB693" s="613"/>
      <c r="IEC693" s="613"/>
      <c r="IED693" s="613"/>
      <c r="IEE693" s="613"/>
      <c r="IEF693" s="613"/>
      <c r="IEG693" s="613"/>
      <c r="IEH693" s="613"/>
      <c r="IEI693" s="613"/>
      <c r="IEJ693" s="613"/>
      <c r="IEK693" s="613"/>
      <c r="IEL693" s="613"/>
      <c r="IEM693" s="613"/>
      <c r="IEN693" s="613"/>
      <c r="IEO693" s="613"/>
      <c r="IEP693" s="613"/>
      <c r="IEQ693" s="613"/>
      <c r="IER693" s="613"/>
      <c r="IES693" s="613"/>
      <c r="IET693" s="613"/>
      <c r="IEU693" s="613"/>
      <c r="IEV693" s="613"/>
      <c r="IEW693" s="613"/>
      <c r="IEX693" s="613"/>
      <c r="IEY693" s="613"/>
      <c r="IEZ693" s="613"/>
      <c r="IFA693" s="613"/>
      <c r="IFB693" s="613"/>
      <c r="IFC693" s="613"/>
      <c r="IFD693" s="613"/>
      <c r="IFE693" s="613"/>
      <c r="IFF693" s="613"/>
      <c r="IFG693" s="613"/>
      <c r="IFH693" s="613"/>
      <c r="IFI693" s="613"/>
      <c r="IFJ693" s="613"/>
      <c r="IFK693" s="613"/>
      <c r="IFL693" s="613"/>
      <c r="IFM693" s="613"/>
      <c r="IFN693" s="613"/>
      <c r="IFO693" s="613"/>
      <c r="IFP693" s="613"/>
      <c r="IFQ693" s="613"/>
      <c r="IFR693" s="613"/>
      <c r="IFS693" s="613"/>
      <c r="IFT693" s="613"/>
      <c r="IFU693" s="613"/>
      <c r="IFV693" s="613"/>
      <c r="IFW693" s="613"/>
      <c r="IFX693" s="613"/>
      <c r="IFY693" s="613"/>
      <c r="IFZ693" s="613"/>
      <c r="IGA693" s="613"/>
      <c r="IGB693" s="613"/>
      <c r="IGC693" s="613"/>
      <c r="IGD693" s="613"/>
      <c r="IGE693" s="613"/>
      <c r="IGF693" s="613"/>
      <c r="IGG693" s="613"/>
      <c r="IGH693" s="613"/>
      <c r="IGI693" s="613"/>
      <c r="IGJ693" s="613"/>
      <c r="IGK693" s="613"/>
      <c r="IGL693" s="613"/>
      <c r="IGM693" s="613"/>
      <c r="IGN693" s="613"/>
      <c r="IGO693" s="613"/>
      <c r="IGP693" s="613"/>
      <c r="IGQ693" s="613"/>
      <c r="IGR693" s="613"/>
      <c r="IGS693" s="613"/>
      <c r="IGT693" s="613"/>
      <c r="IGU693" s="613"/>
      <c r="IGV693" s="613"/>
      <c r="IGW693" s="613"/>
      <c r="IGX693" s="613"/>
      <c r="IGY693" s="613"/>
      <c r="IGZ693" s="613"/>
      <c r="IHA693" s="613"/>
      <c r="IHB693" s="613"/>
      <c r="IHC693" s="613"/>
      <c r="IHD693" s="613"/>
      <c r="IHE693" s="613"/>
      <c r="IHF693" s="613"/>
      <c r="IHG693" s="613"/>
      <c r="IHH693" s="613"/>
      <c r="IHI693" s="613"/>
      <c r="IHJ693" s="613"/>
      <c r="IHK693" s="613"/>
      <c r="IHL693" s="613"/>
      <c r="IHM693" s="613"/>
      <c r="IHN693" s="613"/>
      <c r="IHO693" s="613"/>
      <c r="IHP693" s="613"/>
      <c r="IHQ693" s="613"/>
      <c r="IHR693" s="613"/>
      <c r="IHS693" s="613"/>
      <c r="IHT693" s="613"/>
      <c r="IHU693" s="613"/>
      <c r="IHV693" s="613"/>
      <c r="IHW693" s="613"/>
      <c r="IHX693" s="613"/>
      <c r="IHY693" s="613"/>
      <c r="IHZ693" s="613"/>
      <c r="IIA693" s="613"/>
      <c r="IIB693" s="613"/>
      <c r="IIC693" s="613"/>
      <c r="IID693" s="613"/>
      <c r="IIE693" s="613"/>
      <c r="IIF693" s="613"/>
      <c r="IIG693" s="613"/>
      <c r="IIH693" s="613"/>
      <c r="III693" s="613"/>
      <c r="IIJ693" s="613"/>
      <c r="IIK693" s="613"/>
      <c r="IIL693" s="613"/>
      <c r="IIM693" s="613"/>
      <c r="IIN693" s="613"/>
      <c r="IIO693" s="613"/>
      <c r="IIP693" s="613"/>
      <c r="IIQ693" s="613"/>
      <c r="IIR693" s="613"/>
      <c r="IIS693" s="613"/>
      <c r="IIT693" s="613"/>
      <c r="IIU693" s="613"/>
      <c r="IIV693" s="613"/>
      <c r="IIW693" s="613"/>
      <c r="IIX693" s="613"/>
      <c r="IIY693" s="613"/>
      <c r="IIZ693" s="613"/>
      <c r="IJA693" s="613"/>
      <c r="IJB693" s="613"/>
      <c r="IJC693" s="613"/>
      <c r="IJD693" s="613"/>
      <c r="IJE693" s="613"/>
      <c r="IJF693" s="613"/>
      <c r="IJG693" s="613"/>
      <c r="IJH693" s="613"/>
      <c r="IJI693" s="613"/>
      <c r="IJJ693" s="613"/>
      <c r="IJK693" s="613"/>
      <c r="IJL693" s="613"/>
      <c r="IJM693" s="613"/>
      <c r="IJN693" s="613"/>
      <c r="IJO693" s="613"/>
      <c r="IJP693" s="613"/>
      <c r="IJQ693" s="613"/>
      <c r="IJR693" s="613"/>
      <c r="IJS693" s="613"/>
      <c r="IJT693" s="613"/>
      <c r="IJU693" s="613"/>
      <c r="IJV693" s="613"/>
      <c r="IJW693" s="613"/>
      <c r="IJX693" s="613"/>
      <c r="IJY693" s="613"/>
      <c r="IJZ693" s="613"/>
      <c r="IKA693" s="613"/>
      <c r="IKB693" s="613"/>
      <c r="IKC693" s="613"/>
      <c r="IKD693" s="613"/>
      <c r="IKE693" s="613"/>
      <c r="IKF693" s="613"/>
      <c r="IKG693" s="613"/>
      <c r="IKH693" s="613"/>
      <c r="IKI693" s="613"/>
      <c r="IKJ693" s="613"/>
      <c r="IKK693" s="613"/>
      <c r="IKL693" s="613"/>
      <c r="IKM693" s="613"/>
      <c r="IKN693" s="613"/>
      <c r="IKO693" s="613"/>
      <c r="IKP693" s="613"/>
      <c r="IKQ693" s="613"/>
      <c r="IKR693" s="613"/>
      <c r="IKS693" s="613"/>
      <c r="IKT693" s="613"/>
      <c r="IKU693" s="613"/>
      <c r="IKV693" s="613"/>
      <c r="IKW693" s="613"/>
      <c r="IKX693" s="613"/>
      <c r="IKY693" s="613"/>
      <c r="IKZ693" s="613"/>
      <c r="ILA693" s="613"/>
      <c r="ILB693" s="613"/>
      <c r="ILC693" s="613"/>
      <c r="ILD693" s="613"/>
      <c r="ILE693" s="613"/>
      <c r="ILF693" s="613"/>
      <c r="ILG693" s="613"/>
      <c r="ILH693" s="613"/>
      <c r="ILI693" s="613"/>
      <c r="ILJ693" s="613"/>
      <c r="ILK693" s="613"/>
      <c r="ILL693" s="613"/>
      <c r="ILM693" s="613"/>
      <c r="ILN693" s="613"/>
      <c r="ILO693" s="613"/>
      <c r="ILP693" s="613"/>
      <c r="ILQ693" s="613"/>
      <c r="ILR693" s="613"/>
      <c r="ILS693" s="613"/>
      <c r="ILT693" s="613"/>
      <c r="ILU693" s="613"/>
      <c r="ILV693" s="613"/>
      <c r="ILW693" s="613"/>
      <c r="ILX693" s="613"/>
      <c r="ILY693" s="613"/>
      <c r="ILZ693" s="613"/>
      <c r="IMA693" s="613"/>
      <c r="IMB693" s="613"/>
      <c r="IMC693" s="613"/>
      <c r="IMD693" s="613"/>
      <c r="IME693" s="613"/>
      <c r="IMF693" s="613"/>
      <c r="IMG693" s="613"/>
      <c r="IMH693" s="613"/>
      <c r="IMI693" s="613"/>
      <c r="IMJ693" s="613"/>
      <c r="IMK693" s="613"/>
      <c r="IML693" s="613"/>
      <c r="IMM693" s="613"/>
      <c r="IMN693" s="613"/>
      <c r="IMO693" s="613"/>
      <c r="IMP693" s="613"/>
      <c r="IMQ693" s="613"/>
      <c r="IMR693" s="613"/>
      <c r="IMS693" s="613"/>
      <c r="IMT693" s="613"/>
      <c r="IMU693" s="613"/>
      <c r="IMV693" s="613"/>
      <c r="IMW693" s="613"/>
      <c r="IMX693" s="613"/>
      <c r="IMY693" s="613"/>
      <c r="IMZ693" s="613"/>
      <c r="INA693" s="613"/>
      <c r="INB693" s="613"/>
      <c r="INC693" s="613"/>
      <c r="IND693" s="613"/>
      <c r="INE693" s="613"/>
      <c r="INF693" s="613"/>
      <c r="ING693" s="613"/>
      <c r="INH693" s="613"/>
      <c r="INI693" s="613"/>
      <c r="INJ693" s="613"/>
      <c r="INK693" s="613"/>
      <c r="INL693" s="613"/>
      <c r="INM693" s="613"/>
      <c r="INN693" s="613"/>
      <c r="INO693" s="613"/>
      <c r="INP693" s="613"/>
      <c r="INQ693" s="613"/>
      <c r="INR693" s="613"/>
      <c r="INS693" s="613"/>
      <c r="INT693" s="613"/>
      <c r="INU693" s="613"/>
      <c r="INV693" s="613"/>
      <c r="INW693" s="613"/>
      <c r="INX693" s="613"/>
      <c r="INY693" s="613"/>
      <c r="INZ693" s="613"/>
      <c r="IOA693" s="613"/>
      <c r="IOB693" s="613"/>
      <c r="IOC693" s="613"/>
      <c r="IOD693" s="613"/>
      <c r="IOE693" s="613"/>
      <c r="IOF693" s="613"/>
      <c r="IOG693" s="613"/>
      <c r="IOH693" s="613"/>
      <c r="IOI693" s="613"/>
      <c r="IOJ693" s="613"/>
      <c r="IOK693" s="613"/>
      <c r="IOL693" s="613"/>
      <c r="IOM693" s="613"/>
      <c r="ION693" s="613"/>
      <c r="IOO693" s="613"/>
      <c r="IOP693" s="613"/>
      <c r="IOQ693" s="613"/>
      <c r="IOR693" s="613"/>
      <c r="IOS693" s="613"/>
      <c r="IOT693" s="613"/>
      <c r="IOU693" s="613"/>
      <c r="IOV693" s="613"/>
      <c r="IOW693" s="613"/>
      <c r="IOX693" s="613"/>
      <c r="IOY693" s="613"/>
      <c r="IOZ693" s="613"/>
      <c r="IPA693" s="613"/>
      <c r="IPB693" s="613"/>
      <c r="IPC693" s="613"/>
      <c r="IPD693" s="613"/>
      <c r="IPE693" s="613"/>
      <c r="IPF693" s="613"/>
      <c r="IPG693" s="613"/>
      <c r="IPH693" s="613"/>
      <c r="IPI693" s="613"/>
      <c r="IPJ693" s="613"/>
      <c r="IPK693" s="613"/>
      <c r="IPL693" s="613"/>
      <c r="IPM693" s="613"/>
      <c r="IPN693" s="613"/>
      <c r="IPO693" s="613"/>
      <c r="IPP693" s="613"/>
      <c r="IPQ693" s="613"/>
      <c r="IPR693" s="613"/>
      <c r="IPS693" s="613"/>
      <c r="IPT693" s="613"/>
      <c r="IPU693" s="613"/>
      <c r="IPV693" s="613"/>
      <c r="IPW693" s="613"/>
      <c r="IPX693" s="613"/>
      <c r="IPY693" s="613"/>
      <c r="IPZ693" s="613"/>
      <c r="IQA693" s="613"/>
      <c r="IQB693" s="613"/>
      <c r="IQC693" s="613"/>
      <c r="IQD693" s="613"/>
      <c r="IQE693" s="613"/>
      <c r="IQF693" s="613"/>
      <c r="IQG693" s="613"/>
      <c r="IQH693" s="613"/>
      <c r="IQI693" s="613"/>
      <c r="IQJ693" s="613"/>
      <c r="IQK693" s="613"/>
      <c r="IQL693" s="613"/>
      <c r="IQM693" s="613"/>
      <c r="IQN693" s="613"/>
      <c r="IQO693" s="613"/>
      <c r="IQP693" s="613"/>
      <c r="IQQ693" s="613"/>
      <c r="IQR693" s="613"/>
      <c r="IQS693" s="613"/>
      <c r="IQT693" s="613"/>
      <c r="IQU693" s="613"/>
      <c r="IQV693" s="613"/>
      <c r="IQW693" s="613"/>
      <c r="IQX693" s="613"/>
      <c r="IQY693" s="613"/>
      <c r="IQZ693" s="613"/>
      <c r="IRA693" s="613"/>
      <c r="IRB693" s="613"/>
      <c r="IRC693" s="613"/>
      <c r="IRD693" s="613"/>
      <c r="IRE693" s="613"/>
      <c r="IRF693" s="613"/>
      <c r="IRG693" s="613"/>
      <c r="IRH693" s="613"/>
      <c r="IRI693" s="613"/>
      <c r="IRJ693" s="613"/>
      <c r="IRK693" s="613"/>
      <c r="IRL693" s="613"/>
      <c r="IRM693" s="613"/>
      <c r="IRN693" s="613"/>
      <c r="IRO693" s="613"/>
      <c r="IRP693" s="613"/>
      <c r="IRQ693" s="613"/>
      <c r="IRR693" s="613"/>
      <c r="IRS693" s="613"/>
      <c r="IRT693" s="613"/>
      <c r="IRU693" s="613"/>
      <c r="IRV693" s="613"/>
      <c r="IRW693" s="613"/>
      <c r="IRX693" s="613"/>
      <c r="IRY693" s="613"/>
      <c r="IRZ693" s="613"/>
      <c r="ISA693" s="613"/>
      <c r="ISB693" s="613"/>
      <c r="ISC693" s="613"/>
      <c r="ISD693" s="613"/>
      <c r="ISE693" s="613"/>
      <c r="ISF693" s="613"/>
      <c r="ISG693" s="613"/>
      <c r="ISH693" s="613"/>
      <c r="ISI693" s="613"/>
      <c r="ISJ693" s="613"/>
      <c r="ISK693" s="613"/>
      <c r="ISL693" s="613"/>
      <c r="ISM693" s="613"/>
      <c r="ISN693" s="613"/>
      <c r="ISO693" s="613"/>
      <c r="ISP693" s="613"/>
      <c r="ISQ693" s="613"/>
      <c r="ISR693" s="613"/>
      <c r="ISS693" s="613"/>
      <c r="IST693" s="613"/>
      <c r="ISU693" s="613"/>
      <c r="ISV693" s="613"/>
      <c r="ISW693" s="613"/>
      <c r="ISX693" s="613"/>
      <c r="ISY693" s="613"/>
      <c r="ISZ693" s="613"/>
      <c r="ITA693" s="613"/>
      <c r="ITB693" s="613"/>
      <c r="ITC693" s="613"/>
      <c r="ITD693" s="613"/>
      <c r="ITE693" s="613"/>
      <c r="ITF693" s="613"/>
      <c r="ITG693" s="613"/>
      <c r="ITH693" s="613"/>
      <c r="ITI693" s="613"/>
      <c r="ITJ693" s="613"/>
      <c r="ITK693" s="613"/>
      <c r="ITL693" s="613"/>
      <c r="ITM693" s="613"/>
      <c r="ITN693" s="613"/>
      <c r="ITO693" s="613"/>
      <c r="ITP693" s="613"/>
      <c r="ITQ693" s="613"/>
      <c r="ITR693" s="613"/>
      <c r="ITS693" s="613"/>
      <c r="ITT693" s="613"/>
      <c r="ITU693" s="613"/>
      <c r="ITV693" s="613"/>
      <c r="ITW693" s="613"/>
      <c r="ITX693" s="613"/>
      <c r="ITY693" s="613"/>
      <c r="ITZ693" s="613"/>
      <c r="IUA693" s="613"/>
      <c r="IUB693" s="613"/>
      <c r="IUC693" s="613"/>
      <c r="IUD693" s="613"/>
      <c r="IUE693" s="613"/>
      <c r="IUF693" s="613"/>
      <c r="IUG693" s="613"/>
      <c r="IUH693" s="613"/>
      <c r="IUI693" s="613"/>
      <c r="IUJ693" s="613"/>
      <c r="IUK693" s="613"/>
      <c r="IUL693" s="613"/>
      <c r="IUM693" s="613"/>
      <c r="IUN693" s="613"/>
      <c r="IUO693" s="613"/>
      <c r="IUP693" s="613"/>
      <c r="IUQ693" s="613"/>
      <c r="IUR693" s="613"/>
      <c r="IUS693" s="613"/>
      <c r="IUT693" s="613"/>
      <c r="IUU693" s="613"/>
      <c r="IUV693" s="613"/>
      <c r="IUW693" s="613"/>
      <c r="IUX693" s="613"/>
      <c r="IUY693" s="613"/>
      <c r="IUZ693" s="613"/>
      <c r="IVA693" s="613"/>
      <c r="IVB693" s="613"/>
      <c r="IVC693" s="613"/>
      <c r="IVD693" s="613"/>
      <c r="IVE693" s="613"/>
      <c r="IVF693" s="613"/>
      <c r="IVG693" s="613"/>
      <c r="IVH693" s="613"/>
      <c r="IVI693" s="613"/>
      <c r="IVJ693" s="613"/>
      <c r="IVK693" s="613"/>
      <c r="IVL693" s="613"/>
      <c r="IVM693" s="613"/>
      <c r="IVN693" s="613"/>
      <c r="IVO693" s="613"/>
      <c r="IVP693" s="613"/>
      <c r="IVQ693" s="613"/>
      <c r="IVR693" s="613"/>
      <c r="IVS693" s="613"/>
      <c r="IVT693" s="613"/>
      <c r="IVU693" s="613"/>
      <c r="IVV693" s="613"/>
      <c r="IVW693" s="613"/>
      <c r="IVX693" s="613"/>
      <c r="IVY693" s="613"/>
      <c r="IVZ693" s="613"/>
      <c r="IWA693" s="613"/>
      <c r="IWB693" s="613"/>
      <c r="IWC693" s="613"/>
      <c r="IWD693" s="613"/>
      <c r="IWE693" s="613"/>
      <c r="IWF693" s="613"/>
      <c r="IWG693" s="613"/>
      <c r="IWH693" s="613"/>
      <c r="IWI693" s="613"/>
      <c r="IWJ693" s="613"/>
      <c r="IWK693" s="613"/>
      <c r="IWL693" s="613"/>
      <c r="IWM693" s="613"/>
      <c r="IWN693" s="613"/>
      <c r="IWO693" s="613"/>
      <c r="IWP693" s="613"/>
      <c r="IWQ693" s="613"/>
      <c r="IWR693" s="613"/>
      <c r="IWS693" s="613"/>
      <c r="IWT693" s="613"/>
      <c r="IWU693" s="613"/>
      <c r="IWV693" s="613"/>
      <c r="IWW693" s="613"/>
      <c r="IWX693" s="613"/>
      <c r="IWY693" s="613"/>
      <c r="IWZ693" s="613"/>
      <c r="IXA693" s="613"/>
      <c r="IXB693" s="613"/>
      <c r="IXC693" s="613"/>
      <c r="IXD693" s="613"/>
      <c r="IXE693" s="613"/>
      <c r="IXF693" s="613"/>
      <c r="IXG693" s="613"/>
      <c r="IXH693" s="613"/>
      <c r="IXI693" s="613"/>
      <c r="IXJ693" s="613"/>
      <c r="IXK693" s="613"/>
      <c r="IXL693" s="613"/>
      <c r="IXM693" s="613"/>
      <c r="IXN693" s="613"/>
      <c r="IXO693" s="613"/>
      <c r="IXP693" s="613"/>
      <c r="IXQ693" s="613"/>
      <c r="IXR693" s="613"/>
      <c r="IXS693" s="613"/>
      <c r="IXT693" s="613"/>
      <c r="IXU693" s="613"/>
      <c r="IXV693" s="613"/>
      <c r="IXW693" s="613"/>
      <c r="IXX693" s="613"/>
      <c r="IXY693" s="613"/>
      <c r="IXZ693" s="613"/>
      <c r="IYA693" s="613"/>
      <c r="IYB693" s="613"/>
      <c r="IYC693" s="613"/>
      <c r="IYD693" s="613"/>
      <c r="IYE693" s="613"/>
      <c r="IYF693" s="613"/>
      <c r="IYG693" s="613"/>
      <c r="IYH693" s="613"/>
      <c r="IYI693" s="613"/>
      <c r="IYJ693" s="613"/>
      <c r="IYK693" s="613"/>
      <c r="IYL693" s="613"/>
      <c r="IYM693" s="613"/>
      <c r="IYN693" s="613"/>
      <c r="IYO693" s="613"/>
      <c r="IYP693" s="613"/>
      <c r="IYQ693" s="613"/>
      <c r="IYR693" s="613"/>
      <c r="IYS693" s="613"/>
      <c r="IYT693" s="613"/>
      <c r="IYU693" s="613"/>
      <c r="IYV693" s="613"/>
      <c r="IYW693" s="613"/>
      <c r="IYX693" s="613"/>
      <c r="IYY693" s="613"/>
      <c r="IYZ693" s="613"/>
      <c r="IZA693" s="613"/>
      <c r="IZB693" s="613"/>
      <c r="IZC693" s="613"/>
      <c r="IZD693" s="613"/>
      <c r="IZE693" s="613"/>
      <c r="IZF693" s="613"/>
      <c r="IZG693" s="613"/>
      <c r="IZH693" s="613"/>
      <c r="IZI693" s="613"/>
      <c r="IZJ693" s="613"/>
      <c r="IZK693" s="613"/>
      <c r="IZL693" s="613"/>
      <c r="IZM693" s="613"/>
      <c r="IZN693" s="613"/>
      <c r="IZO693" s="613"/>
      <c r="IZP693" s="613"/>
      <c r="IZQ693" s="613"/>
      <c r="IZR693" s="613"/>
      <c r="IZS693" s="613"/>
      <c r="IZT693" s="613"/>
      <c r="IZU693" s="613"/>
      <c r="IZV693" s="613"/>
      <c r="IZW693" s="613"/>
      <c r="IZX693" s="613"/>
      <c r="IZY693" s="613"/>
      <c r="IZZ693" s="613"/>
      <c r="JAA693" s="613"/>
      <c r="JAB693" s="613"/>
      <c r="JAC693" s="613"/>
      <c r="JAD693" s="613"/>
      <c r="JAE693" s="613"/>
      <c r="JAF693" s="613"/>
      <c r="JAG693" s="613"/>
      <c r="JAH693" s="613"/>
      <c r="JAI693" s="613"/>
      <c r="JAJ693" s="613"/>
      <c r="JAK693" s="613"/>
      <c r="JAL693" s="613"/>
      <c r="JAM693" s="613"/>
      <c r="JAN693" s="613"/>
      <c r="JAO693" s="613"/>
      <c r="JAP693" s="613"/>
      <c r="JAQ693" s="613"/>
      <c r="JAR693" s="613"/>
      <c r="JAS693" s="613"/>
      <c r="JAT693" s="613"/>
      <c r="JAU693" s="613"/>
      <c r="JAV693" s="613"/>
      <c r="JAW693" s="613"/>
      <c r="JAX693" s="613"/>
      <c r="JAY693" s="613"/>
      <c r="JAZ693" s="613"/>
      <c r="JBA693" s="613"/>
      <c r="JBB693" s="613"/>
      <c r="JBC693" s="613"/>
      <c r="JBD693" s="613"/>
      <c r="JBE693" s="613"/>
      <c r="JBF693" s="613"/>
      <c r="JBG693" s="613"/>
      <c r="JBH693" s="613"/>
      <c r="JBI693" s="613"/>
      <c r="JBJ693" s="613"/>
      <c r="JBK693" s="613"/>
      <c r="JBL693" s="613"/>
      <c r="JBM693" s="613"/>
      <c r="JBN693" s="613"/>
      <c r="JBO693" s="613"/>
      <c r="JBP693" s="613"/>
      <c r="JBQ693" s="613"/>
      <c r="JBR693" s="613"/>
      <c r="JBS693" s="613"/>
      <c r="JBT693" s="613"/>
      <c r="JBU693" s="613"/>
      <c r="JBV693" s="613"/>
      <c r="JBW693" s="613"/>
      <c r="JBX693" s="613"/>
      <c r="JBY693" s="613"/>
      <c r="JBZ693" s="613"/>
      <c r="JCA693" s="613"/>
      <c r="JCB693" s="613"/>
      <c r="JCC693" s="613"/>
      <c r="JCD693" s="613"/>
      <c r="JCE693" s="613"/>
      <c r="JCF693" s="613"/>
      <c r="JCG693" s="613"/>
      <c r="JCH693" s="613"/>
      <c r="JCI693" s="613"/>
      <c r="JCJ693" s="613"/>
      <c r="JCK693" s="613"/>
      <c r="JCL693" s="613"/>
      <c r="JCM693" s="613"/>
      <c r="JCN693" s="613"/>
      <c r="JCO693" s="613"/>
      <c r="JCP693" s="613"/>
      <c r="JCQ693" s="613"/>
      <c r="JCR693" s="613"/>
      <c r="JCS693" s="613"/>
      <c r="JCT693" s="613"/>
      <c r="JCU693" s="613"/>
      <c r="JCV693" s="613"/>
      <c r="JCW693" s="613"/>
      <c r="JCX693" s="613"/>
      <c r="JCY693" s="613"/>
      <c r="JCZ693" s="613"/>
      <c r="JDA693" s="613"/>
      <c r="JDB693" s="613"/>
      <c r="JDC693" s="613"/>
      <c r="JDD693" s="613"/>
      <c r="JDE693" s="613"/>
      <c r="JDF693" s="613"/>
      <c r="JDG693" s="613"/>
      <c r="JDH693" s="613"/>
      <c r="JDI693" s="613"/>
      <c r="JDJ693" s="613"/>
      <c r="JDK693" s="613"/>
      <c r="JDL693" s="613"/>
      <c r="JDM693" s="613"/>
      <c r="JDN693" s="613"/>
      <c r="JDO693" s="613"/>
      <c r="JDP693" s="613"/>
      <c r="JDQ693" s="613"/>
      <c r="JDR693" s="613"/>
      <c r="JDS693" s="613"/>
      <c r="JDT693" s="613"/>
      <c r="JDU693" s="613"/>
      <c r="JDV693" s="613"/>
      <c r="JDW693" s="613"/>
      <c r="JDX693" s="613"/>
      <c r="JDY693" s="613"/>
      <c r="JDZ693" s="613"/>
      <c r="JEA693" s="613"/>
      <c r="JEB693" s="613"/>
      <c r="JEC693" s="613"/>
      <c r="JED693" s="613"/>
      <c r="JEE693" s="613"/>
      <c r="JEF693" s="613"/>
      <c r="JEG693" s="613"/>
      <c r="JEH693" s="613"/>
      <c r="JEI693" s="613"/>
      <c r="JEJ693" s="613"/>
      <c r="JEK693" s="613"/>
      <c r="JEL693" s="613"/>
      <c r="JEM693" s="613"/>
      <c r="JEN693" s="613"/>
      <c r="JEO693" s="613"/>
      <c r="JEP693" s="613"/>
      <c r="JEQ693" s="613"/>
      <c r="JER693" s="613"/>
      <c r="JES693" s="613"/>
      <c r="JET693" s="613"/>
      <c r="JEU693" s="613"/>
      <c r="JEV693" s="613"/>
      <c r="JEW693" s="613"/>
      <c r="JEX693" s="613"/>
      <c r="JEY693" s="613"/>
      <c r="JEZ693" s="613"/>
      <c r="JFA693" s="613"/>
      <c r="JFB693" s="613"/>
      <c r="JFC693" s="613"/>
      <c r="JFD693" s="613"/>
      <c r="JFE693" s="613"/>
      <c r="JFF693" s="613"/>
      <c r="JFG693" s="613"/>
      <c r="JFH693" s="613"/>
      <c r="JFI693" s="613"/>
      <c r="JFJ693" s="613"/>
      <c r="JFK693" s="613"/>
      <c r="JFL693" s="613"/>
      <c r="JFM693" s="613"/>
      <c r="JFN693" s="613"/>
      <c r="JFO693" s="613"/>
      <c r="JFP693" s="613"/>
      <c r="JFQ693" s="613"/>
      <c r="JFR693" s="613"/>
      <c r="JFS693" s="613"/>
      <c r="JFT693" s="613"/>
      <c r="JFU693" s="613"/>
      <c r="JFV693" s="613"/>
      <c r="JFW693" s="613"/>
      <c r="JFX693" s="613"/>
      <c r="JFY693" s="613"/>
      <c r="JFZ693" s="613"/>
      <c r="JGA693" s="613"/>
      <c r="JGB693" s="613"/>
      <c r="JGC693" s="613"/>
      <c r="JGD693" s="613"/>
      <c r="JGE693" s="613"/>
      <c r="JGF693" s="613"/>
      <c r="JGG693" s="613"/>
      <c r="JGH693" s="613"/>
      <c r="JGI693" s="613"/>
      <c r="JGJ693" s="613"/>
      <c r="JGK693" s="613"/>
      <c r="JGL693" s="613"/>
      <c r="JGM693" s="613"/>
      <c r="JGN693" s="613"/>
      <c r="JGO693" s="613"/>
      <c r="JGP693" s="613"/>
      <c r="JGQ693" s="613"/>
      <c r="JGR693" s="613"/>
      <c r="JGS693" s="613"/>
      <c r="JGT693" s="613"/>
      <c r="JGU693" s="613"/>
      <c r="JGV693" s="613"/>
      <c r="JGW693" s="613"/>
      <c r="JGX693" s="613"/>
      <c r="JGY693" s="613"/>
      <c r="JGZ693" s="613"/>
      <c r="JHA693" s="613"/>
      <c r="JHB693" s="613"/>
      <c r="JHC693" s="613"/>
      <c r="JHD693" s="613"/>
      <c r="JHE693" s="613"/>
      <c r="JHF693" s="613"/>
      <c r="JHG693" s="613"/>
      <c r="JHH693" s="613"/>
      <c r="JHI693" s="613"/>
      <c r="JHJ693" s="613"/>
      <c r="JHK693" s="613"/>
      <c r="JHL693" s="613"/>
      <c r="JHM693" s="613"/>
      <c r="JHN693" s="613"/>
      <c r="JHO693" s="613"/>
      <c r="JHP693" s="613"/>
      <c r="JHQ693" s="613"/>
      <c r="JHR693" s="613"/>
      <c r="JHS693" s="613"/>
      <c r="JHT693" s="613"/>
      <c r="JHU693" s="613"/>
      <c r="JHV693" s="613"/>
      <c r="JHW693" s="613"/>
      <c r="JHX693" s="613"/>
      <c r="JHY693" s="613"/>
      <c r="JHZ693" s="613"/>
      <c r="JIA693" s="613"/>
      <c r="JIB693" s="613"/>
      <c r="JIC693" s="613"/>
      <c r="JID693" s="613"/>
      <c r="JIE693" s="613"/>
      <c r="JIF693" s="613"/>
      <c r="JIG693" s="613"/>
      <c r="JIH693" s="613"/>
      <c r="JII693" s="613"/>
      <c r="JIJ693" s="613"/>
      <c r="JIK693" s="613"/>
      <c r="JIL693" s="613"/>
      <c r="JIM693" s="613"/>
      <c r="JIN693" s="613"/>
      <c r="JIO693" s="613"/>
      <c r="JIP693" s="613"/>
      <c r="JIQ693" s="613"/>
      <c r="JIR693" s="613"/>
      <c r="JIS693" s="613"/>
      <c r="JIT693" s="613"/>
      <c r="JIU693" s="613"/>
      <c r="JIV693" s="613"/>
      <c r="JIW693" s="613"/>
      <c r="JIX693" s="613"/>
      <c r="JIY693" s="613"/>
      <c r="JIZ693" s="613"/>
      <c r="JJA693" s="613"/>
      <c r="JJB693" s="613"/>
      <c r="JJC693" s="613"/>
      <c r="JJD693" s="613"/>
      <c r="JJE693" s="613"/>
      <c r="JJF693" s="613"/>
      <c r="JJG693" s="613"/>
      <c r="JJH693" s="613"/>
      <c r="JJI693" s="613"/>
      <c r="JJJ693" s="613"/>
      <c r="JJK693" s="613"/>
      <c r="JJL693" s="613"/>
      <c r="JJM693" s="613"/>
      <c r="JJN693" s="613"/>
      <c r="JJO693" s="613"/>
      <c r="JJP693" s="613"/>
      <c r="JJQ693" s="613"/>
      <c r="JJR693" s="613"/>
      <c r="JJS693" s="613"/>
      <c r="JJT693" s="613"/>
      <c r="JJU693" s="613"/>
      <c r="JJV693" s="613"/>
      <c r="JJW693" s="613"/>
      <c r="JJX693" s="613"/>
      <c r="JJY693" s="613"/>
      <c r="JJZ693" s="613"/>
      <c r="JKA693" s="613"/>
      <c r="JKB693" s="613"/>
      <c r="JKC693" s="613"/>
      <c r="JKD693" s="613"/>
      <c r="JKE693" s="613"/>
      <c r="JKF693" s="613"/>
      <c r="JKG693" s="613"/>
      <c r="JKH693" s="613"/>
      <c r="JKI693" s="613"/>
      <c r="JKJ693" s="613"/>
      <c r="JKK693" s="613"/>
      <c r="JKL693" s="613"/>
      <c r="JKM693" s="613"/>
      <c r="JKN693" s="613"/>
      <c r="JKO693" s="613"/>
      <c r="JKP693" s="613"/>
      <c r="JKQ693" s="613"/>
      <c r="JKR693" s="613"/>
      <c r="JKS693" s="613"/>
      <c r="JKT693" s="613"/>
      <c r="JKU693" s="613"/>
      <c r="JKV693" s="613"/>
      <c r="JKW693" s="613"/>
      <c r="JKX693" s="613"/>
      <c r="JKY693" s="613"/>
      <c r="JKZ693" s="613"/>
      <c r="JLA693" s="613"/>
      <c r="JLB693" s="613"/>
      <c r="JLC693" s="613"/>
      <c r="JLD693" s="613"/>
      <c r="JLE693" s="613"/>
      <c r="JLF693" s="613"/>
      <c r="JLG693" s="613"/>
      <c r="JLH693" s="613"/>
      <c r="JLI693" s="613"/>
      <c r="JLJ693" s="613"/>
      <c r="JLK693" s="613"/>
      <c r="JLL693" s="613"/>
      <c r="JLM693" s="613"/>
      <c r="JLN693" s="613"/>
      <c r="JLO693" s="613"/>
      <c r="JLP693" s="613"/>
      <c r="JLQ693" s="613"/>
      <c r="JLR693" s="613"/>
      <c r="JLS693" s="613"/>
      <c r="JLT693" s="613"/>
      <c r="JLU693" s="613"/>
      <c r="JLV693" s="613"/>
      <c r="JLW693" s="613"/>
      <c r="JLX693" s="613"/>
      <c r="JLY693" s="613"/>
      <c r="JLZ693" s="613"/>
      <c r="JMA693" s="613"/>
      <c r="JMB693" s="613"/>
      <c r="JMC693" s="613"/>
      <c r="JMD693" s="613"/>
      <c r="JME693" s="613"/>
      <c r="JMF693" s="613"/>
      <c r="JMG693" s="613"/>
      <c r="JMH693" s="613"/>
      <c r="JMI693" s="613"/>
      <c r="JMJ693" s="613"/>
      <c r="JMK693" s="613"/>
      <c r="JML693" s="613"/>
      <c r="JMM693" s="613"/>
      <c r="JMN693" s="613"/>
      <c r="JMO693" s="613"/>
      <c r="JMP693" s="613"/>
      <c r="JMQ693" s="613"/>
      <c r="JMR693" s="613"/>
      <c r="JMS693" s="613"/>
      <c r="JMT693" s="613"/>
      <c r="JMU693" s="613"/>
      <c r="JMV693" s="613"/>
      <c r="JMW693" s="613"/>
      <c r="JMX693" s="613"/>
      <c r="JMY693" s="613"/>
      <c r="JMZ693" s="613"/>
      <c r="JNA693" s="613"/>
      <c r="JNB693" s="613"/>
      <c r="JNC693" s="613"/>
      <c r="JND693" s="613"/>
      <c r="JNE693" s="613"/>
      <c r="JNF693" s="613"/>
      <c r="JNG693" s="613"/>
      <c r="JNH693" s="613"/>
      <c r="JNI693" s="613"/>
      <c r="JNJ693" s="613"/>
      <c r="JNK693" s="613"/>
      <c r="JNL693" s="613"/>
      <c r="JNM693" s="613"/>
      <c r="JNN693" s="613"/>
      <c r="JNO693" s="613"/>
      <c r="JNP693" s="613"/>
      <c r="JNQ693" s="613"/>
      <c r="JNR693" s="613"/>
      <c r="JNS693" s="613"/>
      <c r="JNT693" s="613"/>
      <c r="JNU693" s="613"/>
      <c r="JNV693" s="613"/>
      <c r="JNW693" s="613"/>
      <c r="JNX693" s="613"/>
      <c r="JNY693" s="613"/>
      <c r="JNZ693" s="613"/>
      <c r="JOA693" s="613"/>
      <c r="JOB693" s="613"/>
      <c r="JOC693" s="613"/>
      <c r="JOD693" s="613"/>
      <c r="JOE693" s="613"/>
      <c r="JOF693" s="613"/>
      <c r="JOG693" s="613"/>
      <c r="JOH693" s="613"/>
      <c r="JOI693" s="613"/>
      <c r="JOJ693" s="613"/>
      <c r="JOK693" s="613"/>
      <c r="JOL693" s="613"/>
      <c r="JOM693" s="613"/>
      <c r="JON693" s="613"/>
      <c r="JOO693" s="613"/>
      <c r="JOP693" s="613"/>
      <c r="JOQ693" s="613"/>
      <c r="JOR693" s="613"/>
      <c r="JOS693" s="613"/>
      <c r="JOT693" s="613"/>
      <c r="JOU693" s="613"/>
      <c r="JOV693" s="613"/>
      <c r="JOW693" s="613"/>
      <c r="JOX693" s="613"/>
      <c r="JOY693" s="613"/>
      <c r="JOZ693" s="613"/>
      <c r="JPA693" s="613"/>
      <c r="JPB693" s="613"/>
      <c r="JPC693" s="613"/>
      <c r="JPD693" s="613"/>
      <c r="JPE693" s="613"/>
      <c r="JPF693" s="613"/>
      <c r="JPG693" s="613"/>
      <c r="JPH693" s="613"/>
      <c r="JPI693" s="613"/>
      <c r="JPJ693" s="613"/>
      <c r="JPK693" s="613"/>
      <c r="JPL693" s="613"/>
      <c r="JPM693" s="613"/>
      <c r="JPN693" s="613"/>
      <c r="JPO693" s="613"/>
      <c r="JPP693" s="613"/>
      <c r="JPQ693" s="613"/>
      <c r="JPR693" s="613"/>
      <c r="JPS693" s="613"/>
      <c r="JPT693" s="613"/>
      <c r="JPU693" s="613"/>
      <c r="JPV693" s="613"/>
      <c r="JPW693" s="613"/>
      <c r="JPX693" s="613"/>
      <c r="JPY693" s="613"/>
      <c r="JPZ693" s="613"/>
      <c r="JQA693" s="613"/>
      <c r="JQB693" s="613"/>
      <c r="JQC693" s="613"/>
      <c r="JQD693" s="613"/>
      <c r="JQE693" s="613"/>
      <c r="JQF693" s="613"/>
      <c r="JQG693" s="613"/>
      <c r="JQH693" s="613"/>
      <c r="JQI693" s="613"/>
      <c r="JQJ693" s="613"/>
      <c r="JQK693" s="613"/>
      <c r="JQL693" s="613"/>
      <c r="JQM693" s="613"/>
      <c r="JQN693" s="613"/>
      <c r="JQO693" s="613"/>
      <c r="JQP693" s="613"/>
      <c r="JQQ693" s="613"/>
      <c r="JQR693" s="613"/>
      <c r="JQS693" s="613"/>
      <c r="JQT693" s="613"/>
      <c r="JQU693" s="613"/>
      <c r="JQV693" s="613"/>
      <c r="JQW693" s="613"/>
      <c r="JQX693" s="613"/>
      <c r="JQY693" s="613"/>
      <c r="JQZ693" s="613"/>
      <c r="JRA693" s="613"/>
      <c r="JRB693" s="613"/>
      <c r="JRC693" s="613"/>
      <c r="JRD693" s="613"/>
      <c r="JRE693" s="613"/>
      <c r="JRF693" s="613"/>
      <c r="JRG693" s="613"/>
      <c r="JRH693" s="613"/>
      <c r="JRI693" s="613"/>
      <c r="JRJ693" s="613"/>
      <c r="JRK693" s="613"/>
      <c r="JRL693" s="613"/>
      <c r="JRM693" s="613"/>
      <c r="JRN693" s="613"/>
      <c r="JRO693" s="613"/>
      <c r="JRP693" s="613"/>
      <c r="JRQ693" s="613"/>
      <c r="JRR693" s="613"/>
      <c r="JRS693" s="613"/>
      <c r="JRT693" s="613"/>
      <c r="JRU693" s="613"/>
      <c r="JRV693" s="613"/>
      <c r="JRW693" s="613"/>
      <c r="JRX693" s="613"/>
      <c r="JRY693" s="613"/>
      <c r="JRZ693" s="613"/>
      <c r="JSA693" s="613"/>
      <c r="JSB693" s="613"/>
      <c r="JSC693" s="613"/>
      <c r="JSD693" s="613"/>
      <c r="JSE693" s="613"/>
      <c r="JSF693" s="613"/>
      <c r="JSG693" s="613"/>
      <c r="JSH693" s="613"/>
      <c r="JSI693" s="613"/>
      <c r="JSJ693" s="613"/>
      <c r="JSK693" s="613"/>
      <c r="JSL693" s="613"/>
      <c r="JSM693" s="613"/>
      <c r="JSN693" s="613"/>
      <c r="JSO693" s="613"/>
      <c r="JSP693" s="613"/>
      <c r="JSQ693" s="613"/>
      <c r="JSR693" s="613"/>
      <c r="JSS693" s="613"/>
      <c r="JST693" s="613"/>
      <c r="JSU693" s="613"/>
      <c r="JSV693" s="613"/>
      <c r="JSW693" s="613"/>
      <c r="JSX693" s="613"/>
      <c r="JSY693" s="613"/>
      <c r="JSZ693" s="613"/>
      <c r="JTA693" s="613"/>
      <c r="JTB693" s="613"/>
      <c r="JTC693" s="613"/>
      <c r="JTD693" s="613"/>
      <c r="JTE693" s="613"/>
      <c r="JTF693" s="613"/>
      <c r="JTG693" s="613"/>
      <c r="JTH693" s="613"/>
      <c r="JTI693" s="613"/>
      <c r="JTJ693" s="613"/>
      <c r="JTK693" s="613"/>
      <c r="JTL693" s="613"/>
      <c r="JTM693" s="613"/>
      <c r="JTN693" s="613"/>
      <c r="JTO693" s="613"/>
      <c r="JTP693" s="613"/>
      <c r="JTQ693" s="613"/>
      <c r="JTR693" s="613"/>
      <c r="JTS693" s="613"/>
      <c r="JTT693" s="613"/>
      <c r="JTU693" s="613"/>
      <c r="JTV693" s="613"/>
      <c r="JTW693" s="613"/>
      <c r="JTX693" s="613"/>
      <c r="JTY693" s="613"/>
      <c r="JTZ693" s="613"/>
      <c r="JUA693" s="613"/>
      <c r="JUB693" s="613"/>
      <c r="JUC693" s="613"/>
      <c r="JUD693" s="613"/>
      <c r="JUE693" s="613"/>
      <c r="JUF693" s="613"/>
      <c r="JUG693" s="613"/>
      <c r="JUH693" s="613"/>
      <c r="JUI693" s="613"/>
      <c r="JUJ693" s="613"/>
      <c r="JUK693" s="613"/>
      <c r="JUL693" s="613"/>
      <c r="JUM693" s="613"/>
      <c r="JUN693" s="613"/>
      <c r="JUO693" s="613"/>
      <c r="JUP693" s="613"/>
      <c r="JUQ693" s="613"/>
      <c r="JUR693" s="613"/>
      <c r="JUS693" s="613"/>
      <c r="JUT693" s="613"/>
      <c r="JUU693" s="613"/>
      <c r="JUV693" s="613"/>
      <c r="JUW693" s="613"/>
      <c r="JUX693" s="613"/>
      <c r="JUY693" s="613"/>
      <c r="JUZ693" s="613"/>
      <c r="JVA693" s="613"/>
      <c r="JVB693" s="613"/>
      <c r="JVC693" s="613"/>
      <c r="JVD693" s="613"/>
      <c r="JVE693" s="613"/>
      <c r="JVF693" s="613"/>
      <c r="JVG693" s="613"/>
      <c r="JVH693" s="613"/>
      <c r="JVI693" s="613"/>
      <c r="JVJ693" s="613"/>
      <c r="JVK693" s="613"/>
      <c r="JVL693" s="613"/>
      <c r="JVM693" s="613"/>
      <c r="JVN693" s="613"/>
      <c r="JVO693" s="613"/>
      <c r="JVP693" s="613"/>
      <c r="JVQ693" s="613"/>
      <c r="JVR693" s="613"/>
      <c r="JVS693" s="613"/>
      <c r="JVT693" s="613"/>
      <c r="JVU693" s="613"/>
      <c r="JVV693" s="613"/>
      <c r="JVW693" s="613"/>
      <c r="JVX693" s="613"/>
      <c r="JVY693" s="613"/>
      <c r="JVZ693" s="613"/>
      <c r="JWA693" s="613"/>
      <c r="JWB693" s="613"/>
      <c r="JWC693" s="613"/>
      <c r="JWD693" s="613"/>
      <c r="JWE693" s="613"/>
      <c r="JWF693" s="613"/>
      <c r="JWG693" s="613"/>
      <c r="JWH693" s="613"/>
      <c r="JWI693" s="613"/>
      <c r="JWJ693" s="613"/>
      <c r="JWK693" s="613"/>
      <c r="JWL693" s="613"/>
      <c r="JWM693" s="613"/>
      <c r="JWN693" s="613"/>
      <c r="JWO693" s="613"/>
      <c r="JWP693" s="613"/>
      <c r="JWQ693" s="613"/>
      <c r="JWR693" s="613"/>
      <c r="JWS693" s="613"/>
      <c r="JWT693" s="613"/>
      <c r="JWU693" s="613"/>
      <c r="JWV693" s="613"/>
      <c r="JWW693" s="613"/>
      <c r="JWX693" s="613"/>
      <c r="JWY693" s="613"/>
      <c r="JWZ693" s="613"/>
      <c r="JXA693" s="613"/>
      <c r="JXB693" s="613"/>
      <c r="JXC693" s="613"/>
      <c r="JXD693" s="613"/>
      <c r="JXE693" s="613"/>
      <c r="JXF693" s="613"/>
      <c r="JXG693" s="613"/>
      <c r="JXH693" s="613"/>
      <c r="JXI693" s="613"/>
      <c r="JXJ693" s="613"/>
      <c r="JXK693" s="613"/>
      <c r="JXL693" s="613"/>
      <c r="JXM693" s="613"/>
      <c r="JXN693" s="613"/>
      <c r="JXO693" s="613"/>
      <c r="JXP693" s="613"/>
      <c r="JXQ693" s="613"/>
      <c r="JXR693" s="613"/>
      <c r="JXS693" s="613"/>
      <c r="JXT693" s="613"/>
      <c r="JXU693" s="613"/>
      <c r="JXV693" s="613"/>
      <c r="JXW693" s="613"/>
      <c r="JXX693" s="613"/>
      <c r="JXY693" s="613"/>
      <c r="JXZ693" s="613"/>
      <c r="JYA693" s="613"/>
      <c r="JYB693" s="613"/>
      <c r="JYC693" s="613"/>
      <c r="JYD693" s="613"/>
      <c r="JYE693" s="613"/>
      <c r="JYF693" s="613"/>
      <c r="JYG693" s="613"/>
      <c r="JYH693" s="613"/>
      <c r="JYI693" s="613"/>
      <c r="JYJ693" s="613"/>
      <c r="JYK693" s="613"/>
      <c r="JYL693" s="613"/>
      <c r="JYM693" s="613"/>
      <c r="JYN693" s="613"/>
      <c r="JYO693" s="613"/>
      <c r="JYP693" s="613"/>
      <c r="JYQ693" s="613"/>
      <c r="JYR693" s="613"/>
      <c r="JYS693" s="613"/>
      <c r="JYT693" s="613"/>
      <c r="JYU693" s="613"/>
      <c r="JYV693" s="613"/>
      <c r="JYW693" s="613"/>
      <c r="JYX693" s="613"/>
      <c r="JYY693" s="613"/>
      <c r="JYZ693" s="613"/>
      <c r="JZA693" s="613"/>
      <c r="JZB693" s="613"/>
      <c r="JZC693" s="613"/>
      <c r="JZD693" s="613"/>
      <c r="JZE693" s="613"/>
      <c r="JZF693" s="613"/>
      <c r="JZG693" s="613"/>
      <c r="JZH693" s="613"/>
      <c r="JZI693" s="613"/>
      <c r="JZJ693" s="613"/>
      <c r="JZK693" s="613"/>
      <c r="JZL693" s="613"/>
      <c r="JZM693" s="613"/>
      <c r="JZN693" s="613"/>
      <c r="JZO693" s="613"/>
      <c r="JZP693" s="613"/>
      <c r="JZQ693" s="613"/>
      <c r="JZR693" s="613"/>
      <c r="JZS693" s="613"/>
      <c r="JZT693" s="613"/>
      <c r="JZU693" s="613"/>
      <c r="JZV693" s="613"/>
      <c r="JZW693" s="613"/>
      <c r="JZX693" s="613"/>
      <c r="JZY693" s="613"/>
      <c r="JZZ693" s="613"/>
      <c r="KAA693" s="613"/>
      <c r="KAB693" s="613"/>
      <c r="KAC693" s="613"/>
      <c r="KAD693" s="613"/>
      <c r="KAE693" s="613"/>
      <c r="KAF693" s="613"/>
      <c r="KAG693" s="613"/>
      <c r="KAH693" s="613"/>
      <c r="KAI693" s="613"/>
      <c r="KAJ693" s="613"/>
      <c r="KAK693" s="613"/>
      <c r="KAL693" s="613"/>
      <c r="KAM693" s="613"/>
      <c r="KAN693" s="613"/>
      <c r="KAO693" s="613"/>
      <c r="KAP693" s="613"/>
      <c r="KAQ693" s="613"/>
      <c r="KAR693" s="613"/>
      <c r="KAS693" s="613"/>
      <c r="KAT693" s="613"/>
      <c r="KAU693" s="613"/>
      <c r="KAV693" s="613"/>
      <c r="KAW693" s="613"/>
      <c r="KAX693" s="613"/>
      <c r="KAY693" s="613"/>
      <c r="KAZ693" s="613"/>
      <c r="KBA693" s="613"/>
      <c r="KBB693" s="613"/>
      <c r="KBC693" s="613"/>
      <c r="KBD693" s="613"/>
      <c r="KBE693" s="613"/>
      <c r="KBF693" s="613"/>
      <c r="KBG693" s="613"/>
      <c r="KBH693" s="613"/>
      <c r="KBI693" s="613"/>
      <c r="KBJ693" s="613"/>
      <c r="KBK693" s="613"/>
      <c r="KBL693" s="613"/>
      <c r="KBM693" s="613"/>
      <c r="KBN693" s="613"/>
      <c r="KBO693" s="613"/>
      <c r="KBP693" s="613"/>
      <c r="KBQ693" s="613"/>
      <c r="KBR693" s="613"/>
      <c r="KBS693" s="613"/>
      <c r="KBT693" s="613"/>
      <c r="KBU693" s="613"/>
      <c r="KBV693" s="613"/>
      <c r="KBW693" s="613"/>
      <c r="KBX693" s="613"/>
      <c r="KBY693" s="613"/>
      <c r="KBZ693" s="613"/>
      <c r="KCA693" s="613"/>
      <c r="KCB693" s="613"/>
      <c r="KCC693" s="613"/>
      <c r="KCD693" s="613"/>
      <c r="KCE693" s="613"/>
      <c r="KCF693" s="613"/>
      <c r="KCG693" s="613"/>
      <c r="KCH693" s="613"/>
      <c r="KCI693" s="613"/>
      <c r="KCJ693" s="613"/>
      <c r="KCK693" s="613"/>
      <c r="KCL693" s="613"/>
      <c r="KCM693" s="613"/>
      <c r="KCN693" s="613"/>
      <c r="KCO693" s="613"/>
      <c r="KCP693" s="613"/>
      <c r="KCQ693" s="613"/>
      <c r="KCR693" s="613"/>
      <c r="KCS693" s="613"/>
      <c r="KCT693" s="613"/>
      <c r="KCU693" s="613"/>
      <c r="KCV693" s="613"/>
      <c r="KCW693" s="613"/>
      <c r="KCX693" s="613"/>
      <c r="KCY693" s="613"/>
      <c r="KCZ693" s="613"/>
      <c r="KDA693" s="613"/>
      <c r="KDB693" s="613"/>
      <c r="KDC693" s="613"/>
      <c r="KDD693" s="613"/>
      <c r="KDE693" s="613"/>
      <c r="KDF693" s="613"/>
      <c r="KDG693" s="613"/>
      <c r="KDH693" s="613"/>
      <c r="KDI693" s="613"/>
      <c r="KDJ693" s="613"/>
      <c r="KDK693" s="613"/>
      <c r="KDL693" s="613"/>
      <c r="KDM693" s="613"/>
      <c r="KDN693" s="613"/>
      <c r="KDO693" s="613"/>
      <c r="KDP693" s="613"/>
      <c r="KDQ693" s="613"/>
      <c r="KDR693" s="613"/>
      <c r="KDS693" s="613"/>
      <c r="KDT693" s="613"/>
      <c r="KDU693" s="613"/>
      <c r="KDV693" s="613"/>
      <c r="KDW693" s="613"/>
      <c r="KDX693" s="613"/>
      <c r="KDY693" s="613"/>
      <c r="KDZ693" s="613"/>
      <c r="KEA693" s="613"/>
      <c r="KEB693" s="613"/>
      <c r="KEC693" s="613"/>
      <c r="KED693" s="613"/>
      <c r="KEE693" s="613"/>
      <c r="KEF693" s="613"/>
      <c r="KEG693" s="613"/>
      <c r="KEH693" s="613"/>
      <c r="KEI693" s="613"/>
      <c r="KEJ693" s="613"/>
      <c r="KEK693" s="613"/>
      <c r="KEL693" s="613"/>
      <c r="KEM693" s="613"/>
      <c r="KEN693" s="613"/>
      <c r="KEO693" s="613"/>
      <c r="KEP693" s="613"/>
      <c r="KEQ693" s="613"/>
      <c r="KER693" s="613"/>
      <c r="KES693" s="613"/>
      <c r="KET693" s="613"/>
      <c r="KEU693" s="613"/>
      <c r="KEV693" s="613"/>
      <c r="KEW693" s="613"/>
      <c r="KEX693" s="613"/>
      <c r="KEY693" s="613"/>
      <c r="KEZ693" s="613"/>
      <c r="KFA693" s="613"/>
      <c r="KFB693" s="613"/>
      <c r="KFC693" s="613"/>
      <c r="KFD693" s="613"/>
      <c r="KFE693" s="613"/>
      <c r="KFF693" s="613"/>
      <c r="KFG693" s="613"/>
      <c r="KFH693" s="613"/>
      <c r="KFI693" s="613"/>
      <c r="KFJ693" s="613"/>
      <c r="KFK693" s="613"/>
      <c r="KFL693" s="613"/>
      <c r="KFM693" s="613"/>
      <c r="KFN693" s="613"/>
      <c r="KFO693" s="613"/>
      <c r="KFP693" s="613"/>
      <c r="KFQ693" s="613"/>
      <c r="KFR693" s="613"/>
      <c r="KFS693" s="613"/>
      <c r="KFT693" s="613"/>
      <c r="KFU693" s="613"/>
      <c r="KFV693" s="613"/>
      <c r="KFW693" s="613"/>
      <c r="KFX693" s="613"/>
      <c r="KFY693" s="613"/>
      <c r="KFZ693" s="613"/>
      <c r="KGA693" s="613"/>
      <c r="KGB693" s="613"/>
      <c r="KGC693" s="613"/>
      <c r="KGD693" s="613"/>
      <c r="KGE693" s="613"/>
      <c r="KGF693" s="613"/>
      <c r="KGG693" s="613"/>
      <c r="KGH693" s="613"/>
      <c r="KGI693" s="613"/>
      <c r="KGJ693" s="613"/>
      <c r="KGK693" s="613"/>
      <c r="KGL693" s="613"/>
      <c r="KGM693" s="613"/>
      <c r="KGN693" s="613"/>
      <c r="KGO693" s="613"/>
      <c r="KGP693" s="613"/>
      <c r="KGQ693" s="613"/>
      <c r="KGR693" s="613"/>
      <c r="KGS693" s="613"/>
      <c r="KGT693" s="613"/>
      <c r="KGU693" s="613"/>
      <c r="KGV693" s="613"/>
      <c r="KGW693" s="613"/>
      <c r="KGX693" s="613"/>
      <c r="KGY693" s="613"/>
      <c r="KGZ693" s="613"/>
      <c r="KHA693" s="613"/>
      <c r="KHB693" s="613"/>
      <c r="KHC693" s="613"/>
      <c r="KHD693" s="613"/>
      <c r="KHE693" s="613"/>
      <c r="KHF693" s="613"/>
      <c r="KHG693" s="613"/>
      <c r="KHH693" s="613"/>
      <c r="KHI693" s="613"/>
      <c r="KHJ693" s="613"/>
      <c r="KHK693" s="613"/>
      <c r="KHL693" s="613"/>
      <c r="KHM693" s="613"/>
      <c r="KHN693" s="613"/>
      <c r="KHO693" s="613"/>
      <c r="KHP693" s="613"/>
      <c r="KHQ693" s="613"/>
      <c r="KHR693" s="613"/>
      <c r="KHS693" s="613"/>
      <c r="KHT693" s="613"/>
      <c r="KHU693" s="613"/>
      <c r="KHV693" s="613"/>
      <c r="KHW693" s="613"/>
      <c r="KHX693" s="613"/>
      <c r="KHY693" s="613"/>
      <c r="KHZ693" s="613"/>
      <c r="KIA693" s="613"/>
      <c r="KIB693" s="613"/>
      <c r="KIC693" s="613"/>
      <c r="KID693" s="613"/>
      <c r="KIE693" s="613"/>
      <c r="KIF693" s="613"/>
      <c r="KIG693" s="613"/>
      <c r="KIH693" s="613"/>
      <c r="KII693" s="613"/>
      <c r="KIJ693" s="613"/>
      <c r="KIK693" s="613"/>
      <c r="KIL693" s="613"/>
      <c r="KIM693" s="613"/>
      <c r="KIN693" s="613"/>
      <c r="KIO693" s="613"/>
      <c r="KIP693" s="613"/>
      <c r="KIQ693" s="613"/>
      <c r="KIR693" s="613"/>
      <c r="KIS693" s="613"/>
      <c r="KIT693" s="613"/>
      <c r="KIU693" s="613"/>
      <c r="KIV693" s="613"/>
      <c r="KIW693" s="613"/>
      <c r="KIX693" s="613"/>
      <c r="KIY693" s="613"/>
      <c r="KIZ693" s="613"/>
      <c r="KJA693" s="613"/>
      <c r="KJB693" s="613"/>
      <c r="KJC693" s="613"/>
      <c r="KJD693" s="613"/>
      <c r="KJE693" s="613"/>
      <c r="KJF693" s="613"/>
      <c r="KJG693" s="613"/>
      <c r="KJH693" s="613"/>
      <c r="KJI693" s="613"/>
      <c r="KJJ693" s="613"/>
      <c r="KJK693" s="613"/>
      <c r="KJL693" s="613"/>
      <c r="KJM693" s="613"/>
      <c r="KJN693" s="613"/>
      <c r="KJO693" s="613"/>
      <c r="KJP693" s="613"/>
      <c r="KJQ693" s="613"/>
      <c r="KJR693" s="613"/>
      <c r="KJS693" s="613"/>
      <c r="KJT693" s="613"/>
      <c r="KJU693" s="613"/>
      <c r="KJV693" s="613"/>
      <c r="KJW693" s="613"/>
      <c r="KJX693" s="613"/>
      <c r="KJY693" s="613"/>
      <c r="KJZ693" s="613"/>
      <c r="KKA693" s="613"/>
      <c r="KKB693" s="613"/>
      <c r="KKC693" s="613"/>
      <c r="KKD693" s="613"/>
      <c r="KKE693" s="613"/>
      <c r="KKF693" s="613"/>
      <c r="KKG693" s="613"/>
      <c r="KKH693" s="613"/>
      <c r="KKI693" s="613"/>
      <c r="KKJ693" s="613"/>
      <c r="KKK693" s="613"/>
      <c r="KKL693" s="613"/>
      <c r="KKM693" s="613"/>
      <c r="KKN693" s="613"/>
      <c r="KKO693" s="613"/>
      <c r="KKP693" s="613"/>
      <c r="KKQ693" s="613"/>
      <c r="KKR693" s="613"/>
      <c r="KKS693" s="613"/>
      <c r="KKT693" s="613"/>
      <c r="KKU693" s="613"/>
      <c r="KKV693" s="613"/>
      <c r="KKW693" s="613"/>
      <c r="KKX693" s="613"/>
      <c r="KKY693" s="613"/>
      <c r="KKZ693" s="613"/>
      <c r="KLA693" s="613"/>
      <c r="KLB693" s="613"/>
      <c r="KLC693" s="613"/>
      <c r="KLD693" s="613"/>
      <c r="KLE693" s="613"/>
      <c r="KLF693" s="613"/>
      <c r="KLG693" s="613"/>
      <c r="KLH693" s="613"/>
      <c r="KLI693" s="613"/>
      <c r="KLJ693" s="613"/>
      <c r="KLK693" s="613"/>
      <c r="KLL693" s="613"/>
      <c r="KLM693" s="613"/>
      <c r="KLN693" s="613"/>
      <c r="KLO693" s="613"/>
      <c r="KLP693" s="613"/>
      <c r="KLQ693" s="613"/>
      <c r="KLR693" s="613"/>
      <c r="KLS693" s="613"/>
      <c r="KLT693" s="613"/>
      <c r="KLU693" s="613"/>
      <c r="KLV693" s="613"/>
      <c r="KLW693" s="613"/>
      <c r="KLX693" s="613"/>
      <c r="KLY693" s="613"/>
      <c r="KLZ693" s="613"/>
      <c r="KMA693" s="613"/>
      <c r="KMB693" s="613"/>
      <c r="KMC693" s="613"/>
      <c r="KMD693" s="613"/>
      <c r="KME693" s="613"/>
      <c r="KMF693" s="613"/>
      <c r="KMG693" s="613"/>
      <c r="KMH693" s="613"/>
      <c r="KMI693" s="613"/>
      <c r="KMJ693" s="613"/>
      <c r="KMK693" s="613"/>
      <c r="KML693" s="613"/>
      <c r="KMM693" s="613"/>
      <c r="KMN693" s="613"/>
      <c r="KMO693" s="613"/>
      <c r="KMP693" s="613"/>
      <c r="KMQ693" s="613"/>
      <c r="KMR693" s="613"/>
      <c r="KMS693" s="613"/>
      <c r="KMT693" s="613"/>
      <c r="KMU693" s="613"/>
      <c r="KMV693" s="613"/>
      <c r="KMW693" s="613"/>
      <c r="KMX693" s="613"/>
      <c r="KMY693" s="613"/>
      <c r="KMZ693" s="613"/>
      <c r="KNA693" s="613"/>
      <c r="KNB693" s="613"/>
      <c r="KNC693" s="613"/>
      <c r="KND693" s="613"/>
      <c r="KNE693" s="613"/>
      <c r="KNF693" s="613"/>
      <c r="KNG693" s="613"/>
      <c r="KNH693" s="613"/>
      <c r="KNI693" s="613"/>
      <c r="KNJ693" s="613"/>
      <c r="KNK693" s="613"/>
      <c r="KNL693" s="613"/>
      <c r="KNM693" s="613"/>
      <c r="KNN693" s="613"/>
      <c r="KNO693" s="613"/>
      <c r="KNP693" s="613"/>
      <c r="KNQ693" s="613"/>
      <c r="KNR693" s="613"/>
      <c r="KNS693" s="613"/>
      <c r="KNT693" s="613"/>
      <c r="KNU693" s="613"/>
      <c r="KNV693" s="613"/>
      <c r="KNW693" s="613"/>
      <c r="KNX693" s="613"/>
      <c r="KNY693" s="613"/>
      <c r="KNZ693" s="613"/>
      <c r="KOA693" s="613"/>
      <c r="KOB693" s="613"/>
      <c r="KOC693" s="613"/>
      <c r="KOD693" s="613"/>
      <c r="KOE693" s="613"/>
      <c r="KOF693" s="613"/>
      <c r="KOG693" s="613"/>
      <c r="KOH693" s="613"/>
      <c r="KOI693" s="613"/>
      <c r="KOJ693" s="613"/>
      <c r="KOK693" s="613"/>
      <c r="KOL693" s="613"/>
      <c r="KOM693" s="613"/>
      <c r="KON693" s="613"/>
      <c r="KOO693" s="613"/>
      <c r="KOP693" s="613"/>
      <c r="KOQ693" s="613"/>
      <c r="KOR693" s="613"/>
      <c r="KOS693" s="613"/>
      <c r="KOT693" s="613"/>
      <c r="KOU693" s="613"/>
      <c r="KOV693" s="613"/>
      <c r="KOW693" s="613"/>
      <c r="KOX693" s="613"/>
      <c r="KOY693" s="613"/>
      <c r="KOZ693" s="613"/>
      <c r="KPA693" s="613"/>
      <c r="KPB693" s="613"/>
      <c r="KPC693" s="613"/>
      <c r="KPD693" s="613"/>
      <c r="KPE693" s="613"/>
      <c r="KPF693" s="613"/>
      <c r="KPG693" s="613"/>
      <c r="KPH693" s="613"/>
      <c r="KPI693" s="613"/>
      <c r="KPJ693" s="613"/>
      <c r="KPK693" s="613"/>
      <c r="KPL693" s="613"/>
      <c r="KPM693" s="613"/>
      <c r="KPN693" s="613"/>
      <c r="KPO693" s="613"/>
      <c r="KPP693" s="613"/>
      <c r="KPQ693" s="613"/>
      <c r="KPR693" s="613"/>
      <c r="KPS693" s="613"/>
      <c r="KPT693" s="613"/>
      <c r="KPU693" s="613"/>
      <c r="KPV693" s="613"/>
      <c r="KPW693" s="613"/>
      <c r="KPX693" s="613"/>
      <c r="KPY693" s="613"/>
      <c r="KPZ693" s="613"/>
      <c r="KQA693" s="613"/>
      <c r="KQB693" s="613"/>
      <c r="KQC693" s="613"/>
      <c r="KQD693" s="613"/>
      <c r="KQE693" s="613"/>
      <c r="KQF693" s="613"/>
      <c r="KQG693" s="613"/>
      <c r="KQH693" s="613"/>
      <c r="KQI693" s="613"/>
      <c r="KQJ693" s="613"/>
      <c r="KQK693" s="613"/>
      <c r="KQL693" s="613"/>
      <c r="KQM693" s="613"/>
      <c r="KQN693" s="613"/>
      <c r="KQO693" s="613"/>
      <c r="KQP693" s="613"/>
      <c r="KQQ693" s="613"/>
      <c r="KQR693" s="613"/>
      <c r="KQS693" s="613"/>
      <c r="KQT693" s="613"/>
      <c r="KQU693" s="613"/>
      <c r="KQV693" s="613"/>
      <c r="KQW693" s="613"/>
      <c r="KQX693" s="613"/>
      <c r="KQY693" s="613"/>
      <c r="KQZ693" s="613"/>
      <c r="KRA693" s="613"/>
      <c r="KRB693" s="613"/>
      <c r="KRC693" s="613"/>
      <c r="KRD693" s="613"/>
      <c r="KRE693" s="613"/>
      <c r="KRF693" s="613"/>
      <c r="KRG693" s="613"/>
      <c r="KRH693" s="613"/>
      <c r="KRI693" s="613"/>
      <c r="KRJ693" s="613"/>
      <c r="KRK693" s="613"/>
      <c r="KRL693" s="613"/>
      <c r="KRM693" s="613"/>
      <c r="KRN693" s="613"/>
      <c r="KRO693" s="613"/>
      <c r="KRP693" s="613"/>
      <c r="KRQ693" s="613"/>
      <c r="KRR693" s="613"/>
      <c r="KRS693" s="613"/>
      <c r="KRT693" s="613"/>
      <c r="KRU693" s="613"/>
      <c r="KRV693" s="613"/>
      <c r="KRW693" s="613"/>
      <c r="KRX693" s="613"/>
      <c r="KRY693" s="613"/>
      <c r="KRZ693" s="613"/>
      <c r="KSA693" s="613"/>
      <c r="KSB693" s="613"/>
      <c r="KSC693" s="613"/>
      <c r="KSD693" s="613"/>
      <c r="KSE693" s="613"/>
      <c r="KSF693" s="613"/>
      <c r="KSG693" s="613"/>
      <c r="KSH693" s="613"/>
      <c r="KSI693" s="613"/>
      <c r="KSJ693" s="613"/>
      <c r="KSK693" s="613"/>
      <c r="KSL693" s="613"/>
      <c r="KSM693" s="613"/>
      <c r="KSN693" s="613"/>
      <c r="KSO693" s="613"/>
      <c r="KSP693" s="613"/>
      <c r="KSQ693" s="613"/>
      <c r="KSR693" s="613"/>
      <c r="KSS693" s="613"/>
      <c r="KST693" s="613"/>
      <c r="KSU693" s="613"/>
      <c r="KSV693" s="613"/>
      <c r="KSW693" s="613"/>
      <c r="KSX693" s="613"/>
      <c r="KSY693" s="613"/>
      <c r="KSZ693" s="613"/>
      <c r="KTA693" s="613"/>
      <c r="KTB693" s="613"/>
      <c r="KTC693" s="613"/>
      <c r="KTD693" s="613"/>
      <c r="KTE693" s="613"/>
      <c r="KTF693" s="613"/>
      <c r="KTG693" s="613"/>
      <c r="KTH693" s="613"/>
      <c r="KTI693" s="613"/>
      <c r="KTJ693" s="613"/>
      <c r="KTK693" s="613"/>
      <c r="KTL693" s="613"/>
      <c r="KTM693" s="613"/>
      <c r="KTN693" s="613"/>
      <c r="KTO693" s="613"/>
      <c r="KTP693" s="613"/>
      <c r="KTQ693" s="613"/>
      <c r="KTR693" s="613"/>
      <c r="KTS693" s="613"/>
      <c r="KTT693" s="613"/>
      <c r="KTU693" s="613"/>
      <c r="KTV693" s="613"/>
      <c r="KTW693" s="613"/>
      <c r="KTX693" s="613"/>
      <c r="KTY693" s="613"/>
      <c r="KTZ693" s="613"/>
      <c r="KUA693" s="613"/>
      <c r="KUB693" s="613"/>
      <c r="KUC693" s="613"/>
      <c r="KUD693" s="613"/>
      <c r="KUE693" s="613"/>
      <c r="KUF693" s="613"/>
      <c r="KUG693" s="613"/>
      <c r="KUH693" s="613"/>
      <c r="KUI693" s="613"/>
      <c r="KUJ693" s="613"/>
      <c r="KUK693" s="613"/>
      <c r="KUL693" s="613"/>
      <c r="KUM693" s="613"/>
      <c r="KUN693" s="613"/>
      <c r="KUO693" s="613"/>
      <c r="KUP693" s="613"/>
      <c r="KUQ693" s="613"/>
      <c r="KUR693" s="613"/>
      <c r="KUS693" s="613"/>
      <c r="KUT693" s="613"/>
      <c r="KUU693" s="613"/>
      <c r="KUV693" s="613"/>
      <c r="KUW693" s="613"/>
      <c r="KUX693" s="613"/>
      <c r="KUY693" s="613"/>
      <c r="KUZ693" s="613"/>
      <c r="KVA693" s="613"/>
      <c r="KVB693" s="613"/>
      <c r="KVC693" s="613"/>
      <c r="KVD693" s="613"/>
      <c r="KVE693" s="613"/>
      <c r="KVF693" s="613"/>
      <c r="KVG693" s="613"/>
      <c r="KVH693" s="613"/>
      <c r="KVI693" s="613"/>
      <c r="KVJ693" s="613"/>
      <c r="KVK693" s="613"/>
      <c r="KVL693" s="613"/>
      <c r="KVM693" s="613"/>
      <c r="KVN693" s="613"/>
      <c r="KVO693" s="613"/>
      <c r="KVP693" s="613"/>
      <c r="KVQ693" s="613"/>
      <c r="KVR693" s="613"/>
      <c r="KVS693" s="613"/>
      <c r="KVT693" s="613"/>
      <c r="KVU693" s="613"/>
      <c r="KVV693" s="613"/>
      <c r="KVW693" s="613"/>
      <c r="KVX693" s="613"/>
      <c r="KVY693" s="613"/>
      <c r="KVZ693" s="613"/>
      <c r="KWA693" s="613"/>
      <c r="KWB693" s="613"/>
      <c r="KWC693" s="613"/>
      <c r="KWD693" s="613"/>
      <c r="KWE693" s="613"/>
      <c r="KWF693" s="613"/>
      <c r="KWG693" s="613"/>
      <c r="KWH693" s="613"/>
      <c r="KWI693" s="613"/>
      <c r="KWJ693" s="613"/>
      <c r="KWK693" s="613"/>
      <c r="KWL693" s="613"/>
      <c r="KWM693" s="613"/>
      <c r="KWN693" s="613"/>
      <c r="KWO693" s="613"/>
      <c r="KWP693" s="613"/>
      <c r="KWQ693" s="613"/>
      <c r="KWR693" s="613"/>
      <c r="KWS693" s="613"/>
      <c r="KWT693" s="613"/>
      <c r="KWU693" s="613"/>
      <c r="KWV693" s="613"/>
      <c r="KWW693" s="613"/>
      <c r="KWX693" s="613"/>
      <c r="KWY693" s="613"/>
      <c r="KWZ693" s="613"/>
      <c r="KXA693" s="613"/>
      <c r="KXB693" s="613"/>
      <c r="KXC693" s="613"/>
      <c r="KXD693" s="613"/>
      <c r="KXE693" s="613"/>
      <c r="KXF693" s="613"/>
      <c r="KXG693" s="613"/>
      <c r="KXH693" s="613"/>
      <c r="KXI693" s="613"/>
      <c r="KXJ693" s="613"/>
      <c r="KXK693" s="613"/>
      <c r="KXL693" s="613"/>
      <c r="KXM693" s="613"/>
      <c r="KXN693" s="613"/>
      <c r="KXO693" s="613"/>
      <c r="KXP693" s="613"/>
      <c r="KXQ693" s="613"/>
      <c r="KXR693" s="613"/>
      <c r="KXS693" s="613"/>
      <c r="KXT693" s="613"/>
      <c r="KXU693" s="613"/>
      <c r="KXV693" s="613"/>
      <c r="KXW693" s="613"/>
      <c r="KXX693" s="613"/>
      <c r="KXY693" s="613"/>
      <c r="KXZ693" s="613"/>
      <c r="KYA693" s="613"/>
      <c r="KYB693" s="613"/>
      <c r="KYC693" s="613"/>
      <c r="KYD693" s="613"/>
      <c r="KYE693" s="613"/>
      <c r="KYF693" s="613"/>
      <c r="KYG693" s="613"/>
      <c r="KYH693" s="613"/>
      <c r="KYI693" s="613"/>
      <c r="KYJ693" s="613"/>
      <c r="KYK693" s="613"/>
      <c r="KYL693" s="613"/>
      <c r="KYM693" s="613"/>
      <c r="KYN693" s="613"/>
      <c r="KYO693" s="613"/>
      <c r="KYP693" s="613"/>
      <c r="KYQ693" s="613"/>
      <c r="KYR693" s="613"/>
      <c r="KYS693" s="613"/>
      <c r="KYT693" s="613"/>
      <c r="KYU693" s="613"/>
      <c r="KYV693" s="613"/>
      <c r="KYW693" s="613"/>
      <c r="KYX693" s="613"/>
      <c r="KYY693" s="613"/>
      <c r="KYZ693" s="613"/>
      <c r="KZA693" s="613"/>
      <c r="KZB693" s="613"/>
      <c r="KZC693" s="613"/>
      <c r="KZD693" s="613"/>
      <c r="KZE693" s="613"/>
      <c r="KZF693" s="613"/>
      <c r="KZG693" s="613"/>
      <c r="KZH693" s="613"/>
      <c r="KZI693" s="613"/>
      <c r="KZJ693" s="613"/>
      <c r="KZK693" s="613"/>
      <c r="KZL693" s="613"/>
      <c r="KZM693" s="613"/>
      <c r="KZN693" s="613"/>
      <c r="KZO693" s="613"/>
      <c r="KZP693" s="613"/>
      <c r="KZQ693" s="613"/>
      <c r="KZR693" s="613"/>
      <c r="KZS693" s="613"/>
      <c r="KZT693" s="613"/>
      <c r="KZU693" s="613"/>
      <c r="KZV693" s="613"/>
      <c r="KZW693" s="613"/>
      <c r="KZX693" s="613"/>
      <c r="KZY693" s="613"/>
      <c r="KZZ693" s="613"/>
      <c r="LAA693" s="613"/>
      <c r="LAB693" s="613"/>
      <c r="LAC693" s="613"/>
      <c r="LAD693" s="613"/>
      <c r="LAE693" s="613"/>
      <c r="LAF693" s="613"/>
      <c r="LAG693" s="613"/>
      <c r="LAH693" s="613"/>
      <c r="LAI693" s="613"/>
      <c r="LAJ693" s="613"/>
      <c r="LAK693" s="613"/>
      <c r="LAL693" s="613"/>
      <c r="LAM693" s="613"/>
      <c r="LAN693" s="613"/>
      <c r="LAO693" s="613"/>
      <c r="LAP693" s="613"/>
      <c r="LAQ693" s="613"/>
      <c r="LAR693" s="613"/>
      <c r="LAS693" s="613"/>
      <c r="LAT693" s="613"/>
      <c r="LAU693" s="613"/>
      <c r="LAV693" s="613"/>
      <c r="LAW693" s="613"/>
      <c r="LAX693" s="613"/>
      <c r="LAY693" s="613"/>
      <c r="LAZ693" s="613"/>
      <c r="LBA693" s="613"/>
      <c r="LBB693" s="613"/>
      <c r="LBC693" s="613"/>
      <c r="LBD693" s="613"/>
      <c r="LBE693" s="613"/>
      <c r="LBF693" s="613"/>
      <c r="LBG693" s="613"/>
      <c r="LBH693" s="613"/>
      <c r="LBI693" s="613"/>
      <c r="LBJ693" s="613"/>
      <c r="LBK693" s="613"/>
      <c r="LBL693" s="613"/>
      <c r="LBM693" s="613"/>
      <c r="LBN693" s="613"/>
      <c r="LBO693" s="613"/>
      <c r="LBP693" s="613"/>
      <c r="LBQ693" s="613"/>
      <c r="LBR693" s="613"/>
      <c r="LBS693" s="613"/>
      <c r="LBT693" s="613"/>
      <c r="LBU693" s="613"/>
      <c r="LBV693" s="613"/>
      <c r="LBW693" s="613"/>
      <c r="LBX693" s="613"/>
      <c r="LBY693" s="613"/>
      <c r="LBZ693" s="613"/>
      <c r="LCA693" s="613"/>
      <c r="LCB693" s="613"/>
      <c r="LCC693" s="613"/>
      <c r="LCD693" s="613"/>
      <c r="LCE693" s="613"/>
      <c r="LCF693" s="613"/>
      <c r="LCG693" s="613"/>
      <c r="LCH693" s="613"/>
      <c r="LCI693" s="613"/>
      <c r="LCJ693" s="613"/>
      <c r="LCK693" s="613"/>
      <c r="LCL693" s="613"/>
      <c r="LCM693" s="613"/>
      <c r="LCN693" s="613"/>
      <c r="LCO693" s="613"/>
      <c r="LCP693" s="613"/>
      <c r="LCQ693" s="613"/>
      <c r="LCR693" s="613"/>
      <c r="LCS693" s="613"/>
      <c r="LCT693" s="613"/>
      <c r="LCU693" s="613"/>
      <c r="LCV693" s="613"/>
      <c r="LCW693" s="613"/>
      <c r="LCX693" s="613"/>
      <c r="LCY693" s="613"/>
      <c r="LCZ693" s="613"/>
      <c r="LDA693" s="613"/>
      <c r="LDB693" s="613"/>
      <c r="LDC693" s="613"/>
      <c r="LDD693" s="613"/>
      <c r="LDE693" s="613"/>
      <c r="LDF693" s="613"/>
      <c r="LDG693" s="613"/>
      <c r="LDH693" s="613"/>
      <c r="LDI693" s="613"/>
      <c r="LDJ693" s="613"/>
      <c r="LDK693" s="613"/>
      <c r="LDL693" s="613"/>
      <c r="LDM693" s="613"/>
      <c r="LDN693" s="613"/>
      <c r="LDO693" s="613"/>
      <c r="LDP693" s="613"/>
      <c r="LDQ693" s="613"/>
      <c r="LDR693" s="613"/>
      <c r="LDS693" s="613"/>
      <c r="LDT693" s="613"/>
      <c r="LDU693" s="613"/>
      <c r="LDV693" s="613"/>
      <c r="LDW693" s="613"/>
      <c r="LDX693" s="613"/>
      <c r="LDY693" s="613"/>
      <c r="LDZ693" s="613"/>
      <c r="LEA693" s="613"/>
      <c r="LEB693" s="613"/>
      <c r="LEC693" s="613"/>
      <c r="LED693" s="613"/>
      <c r="LEE693" s="613"/>
      <c r="LEF693" s="613"/>
      <c r="LEG693" s="613"/>
      <c r="LEH693" s="613"/>
      <c r="LEI693" s="613"/>
      <c r="LEJ693" s="613"/>
      <c r="LEK693" s="613"/>
      <c r="LEL693" s="613"/>
      <c r="LEM693" s="613"/>
      <c r="LEN693" s="613"/>
      <c r="LEO693" s="613"/>
      <c r="LEP693" s="613"/>
      <c r="LEQ693" s="613"/>
      <c r="LER693" s="613"/>
      <c r="LES693" s="613"/>
      <c r="LET693" s="613"/>
      <c r="LEU693" s="613"/>
      <c r="LEV693" s="613"/>
      <c r="LEW693" s="613"/>
      <c r="LEX693" s="613"/>
      <c r="LEY693" s="613"/>
      <c r="LEZ693" s="613"/>
      <c r="LFA693" s="613"/>
      <c r="LFB693" s="613"/>
      <c r="LFC693" s="613"/>
      <c r="LFD693" s="613"/>
      <c r="LFE693" s="613"/>
      <c r="LFF693" s="613"/>
      <c r="LFG693" s="613"/>
      <c r="LFH693" s="613"/>
      <c r="LFI693" s="613"/>
      <c r="LFJ693" s="613"/>
      <c r="LFK693" s="613"/>
      <c r="LFL693" s="613"/>
      <c r="LFM693" s="613"/>
      <c r="LFN693" s="613"/>
      <c r="LFO693" s="613"/>
      <c r="LFP693" s="613"/>
      <c r="LFQ693" s="613"/>
      <c r="LFR693" s="613"/>
      <c r="LFS693" s="613"/>
      <c r="LFT693" s="613"/>
      <c r="LFU693" s="613"/>
      <c r="LFV693" s="613"/>
      <c r="LFW693" s="613"/>
      <c r="LFX693" s="613"/>
      <c r="LFY693" s="613"/>
      <c r="LFZ693" s="613"/>
      <c r="LGA693" s="613"/>
      <c r="LGB693" s="613"/>
      <c r="LGC693" s="613"/>
      <c r="LGD693" s="613"/>
      <c r="LGE693" s="613"/>
      <c r="LGF693" s="613"/>
      <c r="LGG693" s="613"/>
      <c r="LGH693" s="613"/>
      <c r="LGI693" s="613"/>
      <c r="LGJ693" s="613"/>
      <c r="LGK693" s="613"/>
      <c r="LGL693" s="613"/>
      <c r="LGM693" s="613"/>
      <c r="LGN693" s="613"/>
      <c r="LGO693" s="613"/>
      <c r="LGP693" s="613"/>
      <c r="LGQ693" s="613"/>
      <c r="LGR693" s="613"/>
      <c r="LGS693" s="613"/>
      <c r="LGT693" s="613"/>
      <c r="LGU693" s="613"/>
      <c r="LGV693" s="613"/>
      <c r="LGW693" s="613"/>
      <c r="LGX693" s="613"/>
      <c r="LGY693" s="613"/>
      <c r="LGZ693" s="613"/>
      <c r="LHA693" s="613"/>
      <c r="LHB693" s="613"/>
      <c r="LHC693" s="613"/>
      <c r="LHD693" s="613"/>
      <c r="LHE693" s="613"/>
      <c r="LHF693" s="613"/>
      <c r="LHG693" s="613"/>
      <c r="LHH693" s="613"/>
      <c r="LHI693" s="613"/>
      <c r="LHJ693" s="613"/>
      <c r="LHK693" s="613"/>
      <c r="LHL693" s="613"/>
      <c r="LHM693" s="613"/>
      <c r="LHN693" s="613"/>
      <c r="LHO693" s="613"/>
      <c r="LHP693" s="613"/>
      <c r="LHQ693" s="613"/>
      <c r="LHR693" s="613"/>
      <c r="LHS693" s="613"/>
      <c r="LHT693" s="613"/>
      <c r="LHU693" s="613"/>
      <c r="LHV693" s="613"/>
      <c r="LHW693" s="613"/>
      <c r="LHX693" s="613"/>
      <c r="LHY693" s="613"/>
      <c r="LHZ693" s="613"/>
      <c r="LIA693" s="613"/>
      <c r="LIB693" s="613"/>
      <c r="LIC693" s="613"/>
      <c r="LID693" s="613"/>
      <c r="LIE693" s="613"/>
      <c r="LIF693" s="613"/>
      <c r="LIG693" s="613"/>
      <c r="LIH693" s="613"/>
      <c r="LII693" s="613"/>
      <c r="LIJ693" s="613"/>
      <c r="LIK693" s="613"/>
      <c r="LIL693" s="613"/>
      <c r="LIM693" s="613"/>
      <c r="LIN693" s="613"/>
      <c r="LIO693" s="613"/>
      <c r="LIP693" s="613"/>
      <c r="LIQ693" s="613"/>
      <c r="LIR693" s="613"/>
      <c r="LIS693" s="613"/>
      <c r="LIT693" s="613"/>
      <c r="LIU693" s="613"/>
      <c r="LIV693" s="613"/>
      <c r="LIW693" s="613"/>
      <c r="LIX693" s="613"/>
      <c r="LIY693" s="613"/>
      <c r="LIZ693" s="613"/>
      <c r="LJA693" s="613"/>
      <c r="LJB693" s="613"/>
      <c r="LJC693" s="613"/>
      <c r="LJD693" s="613"/>
      <c r="LJE693" s="613"/>
      <c r="LJF693" s="613"/>
      <c r="LJG693" s="613"/>
      <c r="LJH693" s="613"/>
      <c r="LJI693" s="613"/>
      <c r="LJJ693" s="613"/>
      <c r="LJK693" s="613"/>
      <c r="LJL693" s="613"/>
      <c r="LJM693" s="613"/>
      <c r="LJN693" s="613"/>
      <c r="LJO693" s="613"/>
      <c r="LJP693" s="613"/>
      <c r="LJQ693" s="613"/>
      <c r="LJR693" s="613"/>
      <c r="LJS693" s="613"/>
      <c r="LJT693" s="613"/>
      <c r="LJU693" s="613"/>
      <c r="LJV693" s="613"/>
      <c r="LJW693" s="613"/>
      <c r="LJX693" s="613"/>
      <c r="LJY693" s="613"/>
      <c r="LJZ693" s="613"/>
      <c r="LKA693" s="613"/>
      <c r="LKB693" s="613"/>
      <c r="LKC693" s="613"/>
      <c r="LKD693" s="613"/>
      <c r="LKE693" s="613"/>
      <c r="LKF693" s="613"/>
      <c r="LKG693" s="613"/>
      <c r="LKH693" s="613"/>
      <c r="LKI693" s="613"/>
      <c r="LKJ693" s="613"/>
      <c r="LKK693" s="613"/>
      <c r="LKL693" s="613"/>
      <c r="LKM693" s="613"/>
      <c r="LKN693" s="613"/>
      <c r="LKO693" s="613"/>
      <c r="LKP693" s="613"/>
      <c r="LKQ693" s="613"/>
      <c r="LKR693" s="613"/>
      <c r="LKS693" s="613"/>
      <c r="LKT693" s="613"/>
      <c r="LKU693" s="613"/>
      <c r="LKV693" s="613"/>
      <c r="LKW693" s="613"/>
      <c r="LKX693" s="613"/>
      <c r="LKY693" s="613"/>
      <c r="LKZ693" s="613"/>
      <c r="LLA693" s="613"/>
      <c r="LLB693" s="613"/>
      <c r="LLC693" s="613"/>
      <c r="LLD693" s="613"/>
      <c r="LLE693" s="613"/>
      <c r="LLF693" s="613"/>
      <c r="LLG693" s="613"/>
      <c r="LLH693" s="613"/>
      <c r="LLI693" s="613"/>
      <c r="LLJ693" s="613"/>
      <c r="LLK693" s="613"/>
      <c r="LLL693" s="613"/>
      <c r="LLM693" s="613"/>
      <c r="LLN693" s="613"/>
      <c r="LLO693" s="613"/>
      <c r="LLP693" s="613"/>
      <c r="LLQ693" s="613"/>
      <c r="LLR693" s="613"/>
      <c r="LLS693" s="613"/>
      <c r="LLT693" s="613"/>
      <c r="LLU693" s="613"/>
      <c r="LLV693" s="613"/>
      <c r="LLW693" s="613"/>
      <c r="LLX693" s="613"/>
      <c r="LLY693" s="613"/>
      <c r="LLZ693" s="613"/>
      <c r="LMA693" s="613"/>
      <c r="LMB693" s="613"/>
      <c r="LMC693" s="613"/>
      <c r="LMD693" s="613"/>
      <c r="LME693" s="613"/>
      <c r="LMF693" s="613"/>
      <c r="LMG693" s="613"/>
      <c r="LMH693" s="613"/>
      <c r="LMI693" s="613"/>
      <c r="LMJ693" s="613"/>
      <c r="LMK693" s="613"/>
      <c r="LML693" s="613"/>
      <c r="LMM693" s="613"/>
      <c r="LMN693" s="613"/>
      <c r="LMO693" s="613"/>
      <c r="LMP693" s="613"/>
      <c r="LMQ693" s="613"/>
      <c r="LMR693" s="613"/>
      <c r="LMS693" s="613"/>
      <c r="LMT693" s="613"/>
      <c r="LMU693" s="613"/>
      <c r="LMV693" s="613"/>
      <c r="LMW693" s="613"/>
      <c r="LMX693" s="613"/>
      <c r="LMY693" s="613"/>
      <c r="LMZ693" s="613"/>
      <c r="LNA693" s="613"/>
      <c r="LNB693" s="613"/>
      <c r="LNC693" s="613"/>
      <c r="LND693" s="613"/>
      <c r="LNE693" s="613"/>
      <c r="LNF693" s="613"/>
      <c r="LNG693" s="613"/>
      <c r="LNH693" s="613"/>
      <c r="LNI693" s="613"/>
      <c r="LNJ693" s="613"/>
      <c r="LNK693" s="613"/>
      <c r="LNL693" s="613"/>
      <c r="LNM693" s="613"/>
      <c r="LNN693" s="613"/>
      <c r="LNO693" s="613"/>
      <c r="LNP693" s="613"/>
      <c r="LNQ693" s="613"/>
      <c r="LNR693" s="613"/>
      <c r="LNS693" s="613"/>
      <c r="LNT693" s="613"/>
      <c r="LNU693" s="613"/>
      <c r="LNV693" s="613"/>
      <c r="LNW693" s="613"/>
      <c r="LNX693" s="613"/>
      <c r="LNY693" s="613"/>
      <c r="LNZ693" s="613"/>
      <c r="LOA693" s="613"/>
      <c r="LOB693" s="613"/>
      <c r="LOC693" s="613"/>
      <c r="LOD693" s="613"/>
      <c r="LOE693" s="613"/>
      <c r="LOF693" s="613"/>
      <c r="LOG693" s="613"/>
      <c r="LOH693" s="613"/>
      <c r="LOI693" s="613"/>
      <c r="LOJ693" s="613"/>
      <c r="LOK693" s="613"/>
      <c r="LOL693" s="613"/>
      <c r="LOM693" s="613"/>
      <c r="LON693" s="613"/>
      <c r="LOO693" s="613"/>
      <c r="LOP693" s="613"/>
      <c r="LOQ693" s="613"/>
      <c r="LOR693" s="613"/>
      <c r="LOS693" s="613"/>
      <c r="LOT693" s="613"/>
      <c r="LOU693" s="613"/>
      <c r="LOV693" s="613"/>
      <c r="LOW693" s="613"/>
      <c r="LOX693" s="613"/>
      <c r="LOY693" s="613"/>
      <c r="LOZ693" s="613"/>
      <c r="LPA693" s="613"/>
      <c r="LPB693" s="613"/>
      <c r="LPC693" s="613"/>
      <c r="LPD693" s="613"/>
      <c r="LPE693" s="613"/>
      <c r="LPF693" s="613"/>
      <c r="LPG693" s="613"/>
      <c r="LPH693" s="613"/>
      <c r="LPI693" s="613"/>
      <c r="LPJ693" s="613"/>
      <c r="LPK693" s="613"/>
      <c r="LPL693" s="613"/>
      <c r="LPM693" s="613"/>
      <c r="LPN693" s="613"/>
      <c r="LPO693" s="613"/>
      <c r="LPP693" s="613"/>
      <c r="LPQ693" s="613"/>
      <c r="LPR693" s="613"/>
      <c r="LPS693" s="613"/>
      <c r="LPT693" s="613"/>
      <c r="LPU693" s="613"/>
      <c r="LPV693" s="613"/>
      <c r="LPW693" s="613"/>
      <c r="LPX693" s="613"/>
      <c r="LPY693" s="613"/>
      <c r="LPZ693" s="613"/>
      <c r="LQA693" s="613"/>
      <c r="LQB693" s="613"/>
      <c r="LQC693" s="613"/>
      <c r="LQD693" s="613"/>
      <c r="LQE693" s="613"/>
      <c r="LQF693" s="613"/>
      <c r="LQG693" s="613"/>
      <c r="LQH693" s="613"/>
      <c r="LQI693" s="613"/>
      <c r="LQJ693" s="613"/>
      <c r="LQK693" s="613"/>
      <c r="LQL693" s="613"/>
      <c r="LQM693" s="613"/>
      <c r="LQN693" s="613"/>
      <c r="LQO693" s="613"/>
      <c r="LQP693" s="613"/>
      <c r="LQQ693" s="613"/>
      <c r="LQR693" s="613"/>
      <c r="LQS693" s="613"/>
      <c r="LQT693" s="613"/>
      <c r="LQU693" s="613"/>
      <c r="LQV693" s="613"/>
      <c r="LQW693" s="613"/>
      <c r="LQX693" s="613"/>
      <c r="LQY693" s="613"/>
      <c r="LQZ693" s="613"/>
      <c r="LRA693" s="613"/>
      <c r="LRB693" s="613"/>
      <c r="LRC693" s="613"/>
      <c r="LRD693" s="613"/>
      <c r="LRE693" s="613"/>
      <c r="LRF693" s="613"/>
      <c r="LRG693" s="613"/>
      <c r="LRH693" s="613"/>
      <c r="LRI693" s="613"/>
      <c r="LRJ693" s="613"/>
      <c r="LRK693" s="613"/>
      <c r="LRL693" s="613"/>
      <c r="LRM693" s="613"/>
      <c r="LRN693" s="613"/>
      <c r="LRO693" s="613"/>
      <c r="LRP693" s="613"/>
      <c r="LRQ693" s="613"/>
      <c r="LRR693" s="613"/>
      <c r="LRS693" s="613"/>
      <c r="LRT693" s="613"/>
      <c r="LRU693" s="613"/>
      <c r="LRV693" s="613"/>
      <c r="LRW693" s="613"/>
      <c r="LRX693" s="613"/>
      <c r="LRY693" s="613"/>
      <c r="LRZ693" s="613"/>
      <c r="LSA693" s="613"/>
      <c r="LSB693" s="613"/>
      <c r="LSC693" s="613"/>
      <c r="LSD693" s="613"/>
      <c r="LSE693" s="613"/>
      <c r="LSF693" s="613"/>
      <c r="LSG693" s="613"/>
      <c r="LSH693" s="613"/>
      <c r="LSI693" s="613"/>
      <c r="LSJ693" s="613"/>
      <c r="LSK693" s="613"/>
      <c r="LSL693" s="613"/>
      <c r="LSM693" s="613"/>
      <c r="LSN693" s="613"/>
      <c r="LSO693" s="613"/>
      <c r="LSP693" s="613"/>
      <c r="LSQ693" s="613"/>
      <c r="LSR693" s="613"/>
      <c r="LSS693" s="613"/>
      <c r="LST693" s="613"/>
      <c r="LSU693" s="613"/>
      <c r="LSV693" s="613"/>
      <c r="LSW693" s="613"/>
      <c r="LSX693" s="613"/>
      <c r="LSY693" s="613"/>
      <c r="LSZ693" s="613"/>
      <c r="LTA693" s="613"/>
      <c r="LTB693" s="613"/>
      <c r="LTC693" s="613"/>
      <c r="LTD693" s="613"/>
      <c r="LTE693" s="613"/>
      <c r="LTF693" s="613"/>
      <c r="LTG693" s="613"/>
      <c r="LTH693" s="613"/>
      <c r="LTI693" s="613"/>
      <c r="LTJ693" s="613"/>
      <c r="LTK693" s="613"/>
      <c r="LTL693" s="613"/>
      <c r="LTM693" s="613"/>
      <c r="LTN693" s="613"/>
      <c r="LTO693" s="613"/>
      <c r="LTP693" s="613"/>
      <c r="LTQ693" s="613"/>
      <c r="LTR693" s="613"/>
      <c r="LTS693" s="613"/>
      <c r="LTT693" s="613"/>
      <c r="LTU693" s="613"/>
      <c r="LTV693" s="613"/>
      <c r="LTW693" s="613"/>
      <c r="LTX693" s="613"/>
      <c r="LTY693" s="613"/>
      <c r="LTZ693" s="613"/>
      <c r="LUA693" s="613"/>
      <c r="LUB693" s="613"/>
      <c r="LUC693" s="613"/>
      <c r="LUD693" s="613"/>
      <c r="LUE693" s="613"/>
      <c r="LUF693" s="613"/>
      <c r="LUG693" s="613"/>
      <c r="LUH693" s="613"/>
      <c r="LUI693" s="613"/>
      <c r="LUJ693" s="613"/>
      <c r="LUK693" s="613"/>
      <c r="LUL693" s="613"/>
      <c r="LUM693" s="613"/>
      <c r="LUN693" s="613"/>
      <c r="LUO693" s="613"/>
      <c r="LUP693" s="613"/>
      <c r="LUQ693" s="613"/>
      <c r="LUR693" s="613"/>
      <c r="LUS693" s="613"/>
      <c r="LUT693" s="613"/>
      <c r="LUU693" s="613"/>
      <c r="LUV693" s="613"/>
      <c r="LUW693" s="613"/>
      <c r="LUX693" s="613"/>
      <c r="LUY693" s="613"/>
      <c r="LUZ693" s="613"/>
      <c r="LVA693" s="613"/>
      <c r="LVB693" s="613"/>
      <c r="LVC693" s="613"/>
      <c r="LVD693" s="613"/>
      <c r="LVE693" s="613"/>
      <c r="LVF693" s="613"/>
      <c r="LVG693" s="613"/>
      <c r="LVH693" s="613"/>
      <c r="LVI693" s="613"/>
      <c r="LVJ693" s="613"/>
      <c r="LVK693" s="613"/>
      <c r="LVL693" s="613"/>
      <c r="LVM693" s="613"/>
      <c r="LVN693" s="613"/>
      <c r="LVO693" s="613"/>
      <c r="LVP693" s="613"/>
      <c r="LVQ693" s="613"/>
      <c r="LVR693" s="613"/>
      <c r="LVS693" s="613"/>
      <c r="LVT693" s="613"/>
      <c r="LVU693" s="613"/>
      <c r="LVV693" s="613"/>
      <c r="LVW693" s="613"/>
      <c r="LVX693" s="613"/>
      <c r="LVY693" s="613"/>
      <c r="LVZ693" s="613"/>
      <c r="LWA693" s="613"/>
      <c r="LWB693" s="613"/>
      <c r="LWC693" s="613"/>
      <c r="LWD693" s="613"/>
      <c r="LWE693" s="613"/>
      <c r="LWF693" s="613"/>
      <c r="LWG693" s="613"/>
      <c r="LWH693" s="613"/>
      <c r="LWI693" s="613"/>
      <c r="LWJ693" s="613"/>
      <c r="LWK693" s="613"/>
      <c r="LWL693" s="613"/>
      <c r="LWM693" s="613"/>
      <c r="LWN693" s="613"/>
      <c r="LWO693" s="613"/>
      <c r="LWP693" s="613"/>
      <c r="LWQ693" s="613"/>
      <c r="LWR693" s="613"/>
      <c r="LWS693" s="613"/>
      <c r="LWT693" s="613"/>
      <c r="LWU693" s="613"/>
      <c r="LWV693" s="613"/>
      <c r="LWW693" s="613"/>
      <c r="LWX693" s="613"/>
      <c r="LWY693" s="613"/>
      <c r="LWZ693" s="613"/>
      <c r="LXA693" s="613"/>
      <c r="LXB693" s="613"/>
      <c r="LXC693" s="613"/>
      <c r="LXD693" s="613"/>
      <c r="LXE693" s="613"/>
      <c r="LXF693" s="613"/>
      <c r="LXG693" s="613"/>
      <c r="LXH693" s="613"/>
      <c r="LXI693" s="613"/>
      <c r="LXJ693" s="613"/>
      <c r="LXK693" s="613"/>
      <c r="LXL693" s="613"/>
      <c r="LXM693" s="613"/>
      <c r="LXN693" s="613"/>
      <c r="LXO693" s="613"/>
      <c r="LXP693" s="613"/>
      <c r="LXQ693" s="613"/>
      <c r="LXR693" s="613"/>
      <c r="LXS693" s="613"/>
      <c r="LXT693" s="613"/>
      <c r="LXU693" s="613"/>
      <c r="LXV693" s="613"/>
      <c r="LXW693" s="613"/>
      <c r="LXX693" s="613"/>
      <c r="LXY693" s="613"/>
      <c r="LXZ693" s="613"/>
      <c r="LYA693" s="613"/>
      <c r="LYB693" s="613"/>
      <c r="LYC693" s="613"/>
      <c r="LYD693" s="613"/>
      <c r="LYE693" s="613"/>
      <c r="LYF693" s="613"/>
      <c r="LYG693" s="613"/>
      <c r="LYH693" s="613"/>
      <c r="LYI693" s="613"/>
      <c r="LYJ693" s="613"/>
      <c r="LYK693" s="613"/>
      <c r="LYL693" s="613"/>
      <c r="LYM693" s="613"/>
      <c r="LYN693" s="613"/>
      <c r="LYO693" s="613"/>
      <c r="LYP693" s="613"/>
      <c r="LYQ693" s="613"/>
      <c r="LYR693" s="613"/>
      <c r="LYS693" s="613"/>
      <c r="LYT693" s="613"/>
      <c r="LYU693" s="613"/>
      <c r="LYV693" s="613"/>
      <c r="LYW693" s="613"/>
      <c r="LYX693" s="613"/>
      <c r="LYY693" s="613"/>
      <c r="LYZ693" s="613"/>
      <c r="LZA693" s="613"/>
      <c r="LZB693" s="613"/>
      <c r="LZC693" s="613"/>
      <c r="LZD693" s="613"/>
      <c r="LZE693" s="613"/>
      <c r="LZF693" s="613"/>
      <c r="LZG693" s="613"/>
      <c r="LZH693" s="613"/>
      <c r="LZI693" s="613"/>
      <c r="LZJ693" s="613"/>
      <c r="LZK693" s="613"/>
      <c r="LZL693" s="613"/>
      <c r="LZM693" s="613"/>
      <c r="LZN693" s="613"/>
      <c r="LZO693" s="613"/>
      <c r="LZP693" s="613"/>
      <c r="LZQ693" s="613"/>
      <c r="LZR693" s="613"/>
      <c r="LZS693" s="613"/>
      <c r="LZT693" s="613"/>
      <c r="LZU693" s="613"/>
      <c r="LZV693" s="613"/>
      <c r="LZW693" s="613"/>
      <c r="LZX693" s="613"/>
      <c r="LZY693" s="613"/>
      <c r="LZZ693" s="613"/>
      <c r="MAA693" s="613"/>
      <c r="MAB693" s="613"/>
      <c r="MAC693" s="613"/>
      <c r="MAD693" s="613"/>
      <c r="MAE693" s="613"/>
      <c r="MAF693" s="613"/>
      <c r="MAG693" s="613"/>
      <c r="MAH693" s="613"/>
      <c r="MAI693" s="613"/>
      <c r="MAJ693" s="613"/>
      <c r="MAK693" s="613"/>
      <c r="MAL693" s="613"/>
      <c r="MAM693" s="613"/>
      <c r="MAN693" s="613"/>
      <c r="MAO693" s="613"/>
      <c r="MAP693" s="613"/>
      <c r="MAQ693" s="613"/>
      <c r="MAR693" s="613"/>
      <c r="MAS693" s="613"/>
      <c r="MAT693" s="613"/>
      <c r="MAU693" s="613"/>
      <c r="MAV693" s="613"/>
      <c r="MAW693" s="613"/>
      <c r="MAX693" s="613"/>
      <c r="MAY693" s="613"/>
      <c r="MAZ693" s="613"/>
      <c r="MBA693" s="613"/>
      <c r="MBB693" s="613"/>
      <c r="MBC693" s="613"/>
      <c r="MBD693" s="613"/>
      <c r="MBE693" s="613"/>
      <c r="MBF693" s="613"/>
      <c r="MBG693" s="613"/>
      <c r="MBH693" s="613"/>
      <c r="MBI693" s="613"/>
      <c r="MBJ693" s="613"/>
      <c r="MBK693" s="613"/>
      <c r="MBL693" s="613"/>
      <c r="MBM693" s="613"/>
      <c r="MBN693" s="613"/>
      <c r="MBO693" s="613"/>
      <c r="MBP693" s="613"/>
      <c r="MBQ693" s="613"/>
      <c r="MBR693" s="613"/>
      <c r="MBS693" s="613"/>
      <c r="MBT693" s="613"/>
      <c r="MBU693" s="613"/>
      <c r="MBV693" s="613"/>
      <c r="MBW693" s="613"/>
      <c r="MBX693" s="613"/>
      <c r="MBY693" s="613"/>
      <c r="MBZ693" s="613"/>
      <c r="MCA693" s="613"/>
      <c r="MCB693" s="613"/>
      <c r="MCC693" s="613"/>
      <c r="MCD693" s="613"/>
      <c r="MCE693" s="613"/>
      <c r="MCF693" s="613"/>
      <c r="MCG693" s="613"/>
      <c r="MCH693" s="613"/>
      <c r="MCI693" s="613"/>
      <c r="MCJ693" s="613"/>
      <c r="MCK693" s="613"/>
      <c r="MCL693" s="613"/>
      <c r="MCM693" s="613"/>
      <c r="MCN693" s="613"/>
      <c r="MCO693" s="613"/>
      <c r="MCP693" s="613"/>
      <c r="MCQ693" s="613"/>
      <c r="MCR693" s="613"/>
      <c r="MCS693" s="613"/>
      <c r="MCT693" s="613"/>
      <c r="MCU693" s="613"/>
      <c r="MCV693" s="613"/>
      <c r="MCW693" s="613"/>
      <c r="MCX693" s="613"/>
      <c r="MCY693" s="613"/>
      <c r="MCZ693" s="613"/>
      <c r="MDA693" s="613"/>
      <c r="MDB693" s="613"/>
      <c r="MDC693" s="613"/>
      <c r="MDD693" s="613"/>
      <c r="MDE693" s="613"/>
      <c r="MDF693" s="613"/>
      <c r="MDG693" s="613"/>
      <c r="MDH693" s="613"/>
      <c r="MDI693" s="613"/>
      <c r="MDJ693" s="613"/>
      <c r="MDK693" s="613"/>
      <c r="MDL693" s="613"/>
      <c r="MDM693" s="613"/>
      <c r="MDN693" s="613"/>
      <c r="MDO693" s="613"/>
      <c r="MDP693" s="613"/>
      <c r="MDQ693" s="613"/>
      <c r="MDR693" s="613"/>
      <c r="MDS693" s="613"/>
      <c r="MDT693" s="613"/>
      <c r="MDU693" s="613"/>
      <c r="MDV693" s="613"/>
      <c r="MDW693" s="613"/>
      <c r="MDX693" s="613"/>
      <c r="MDY693" s="613"/>
      <c r="MDZ693" s="613"/>
      <c r="MEA693" s="613"/>
      <c r="MEB693" s="613"/>
      <c r="MEC693" s="613"/>
      <c r="MED693" s="613"/>
      <c r="MEE693" s="613"/>
      <c r="MEF693" s="613"/>
      <c r="MEG693" s="613"/>
      <c r="MEH693" s="613"/>
      <c r="MEI693" s="613"/>
      <c r="MEJ693" s="613"/>
      <c r="MEK693" s="613"/>
      <c r="MEL693" s="613"/>
      <c r="MEM693" s="613"/>
      <c r="MEN693" s="613"/>
      <c r="MEO693" s="613"/>
      <c r="MEP693" s="613"/>
      <c r="MEQ693" s="613"/>
      <c r="MER693" s="613"/>
      <c r="MES693" s="613"/>
      <c r="MET693" s="613"/>
      <c r="MEU693" s="613"/>
      <c r="MEV693" s="613"/>
      <c r="MEW693" s="613"/>
      <c r="MEX693" s="613"/>
      <c r="MEY693" s="613"/>
      <c r="MEZ693" s="613"/>
      <c r="MFA693" s="613"/>
      <c r="MFB693" s="613"/>
      <c r="MFC693" s="613"/>
      <c r="MFD693" s="613"/>
      <c r="MFE693" s="613"/>
      <c r="MFF693" s="613"/>
      <c r="MFG693" s="613"/>
      <c r="MFH693" s="613"/>
      <c r="MFI693" s="613"/>
      <c r="MFJ693" s="613"/>
      <c r="MFK693" s="613"/>
      <c r="MFL693" s="613"/>
      <c r="MFM693" s="613"/>
      <c r="MFN693" s="613"/>
      <c r="MFO693" s="613"/>
      <c r="MFP693" s="613"/>
      <c r="MFQ693" s="613"/>
      <c r="MFR693" s="613"/>
      <c r="MFS693" s="613"/>
      <c r="MFT693" s="613"/>
      <c r="MFU693" s="613"/>
      <c r="MFV693" s="613"/>
      <c r="MFW693" s="613"/>
      <c r="MFX693" s="613"/>
      <c r="MFY693" s="613"/>
      <c r="MFZ693" s="613"/>
      <c r="MGA693" s="613"/>
      <c r="MGB693" s="613"/>
      <c r="MGC693" s="613"/>
      <c r="MGD693" s="613"/>
      <c r="MGE693" s="613"/>
      <c r="MGF693" s="613"/>
      <c r="MGG693" s="613"/>
      <c r="MGH693" s="613"/>
      <c r="MGI693" s="613"/>
      <c r="MGJ693" s="613"/>
      <c r="MGK693" s="613"/>
      <c r="MGL693" s="613"/>
      <c r="MGM693" s="613"/>
      <c r="MGN693" s="613"/>
      <c r="MGO693" s="613"/>
      <c r="MGP693" s="613"/>
      <c r="MGQ693" s="613"/>
      <c r="MGR693" s="613"/>
      <c r="MGS693" s="613"/>
      <c r="MGT693" s="613"/>
      <c r="MGU693" s="613"/>
      <c r="MGV693" s="613"/>
      <c r="MGW693" s="613"/>
      <c r="MGX693" s="613"/>
      <c r="MGY693" s="613"/>
      <c r="MGZ693" s="613"/>
      <c r="MHA693" s="613"/>
      <c r="MHB693" s="613"/>
      <c r="MHC693" s="613"/>
      <c r="MHD693" s="613"/>
      <c r="MHE693" s="613"/>
      <c r="MHF693" s="613"/>
      <c r="MHG693" s="613"/>
      <c r="MHH693" s="613"/>
      <c r="MHI693" s="613"/>
      <c r="MHJ693" s="613"/>
      <c r="MHK693" s="613"/>
      <c r="MHL693" s="613"/>
      <c r="MHM693" s="613"/>
      <c r="MHN693" s="613"/>
      <c r="MHO693" s="613"/>
      <c r="MHP693" s="613"/>
      <c r="MHQ693" s="613"/>
      <c r="MHR693" s="613"/>
      <c r="MHS693" s="613"/>
      <c r="MHT693" s="613"/>
      <c r="MHU693" s="613"/>
      <c r="MHV693" s="613"/>
      <c r="MHW693" s="613"/>
      <c r="MHX693" s="613"/>
      <c r="MHY693" s="613"/>
      <c r="MHZ693" s="613"/>
      <c r="MIA693" s="613"/>
      <c r="MIB693" s="613"/>
      <c r="MIC693" s="613"/>
      <c r="MID693" s="613"/>
      <c r="MIE693" s="613"/>
      <c r="MIF693" s="613"/>
      <c r="MIG693" s="613"/>
      <c r="MIH693" s="613"/>
      <c r="MII693" s="613"/>
      <c r="MIJ693" s="613"/>
      <c r="MIK693" s="613"/>
      <c r="MIL693" s="613"/>
      <c r="MIM693" s="613"/>
      <c r="MIN693" s="613"/>
      <c r="MIO693" s="613"/>
      <c r="MIP693" s="613"/>
      <c r="MIQ693" s="613"/>
      <c r="MIR693" s="613"/>
      <c r="MIS693" s="613"/>
      <c r="MIT693" s="613"/>
      <c r="MIU693" s="613"/>
      <c r="MIV693" s="613"/>
      <c r="MIW693" s="613"/>
      <c r="MIX693" s="613"/>
      <c r="MIY693" s="613"/>
      <c r="MIZ693" s="613"/>
      <c r="MJA693" s="613"/>
      <c r="MJB693" s="613"/>
      <c r="MJC693" s="613"/>
      <c r="MJD693" s="613"/>
      <c r="MJE693" s="613"/>
      <c r="MJF693" s="613"/>
      <c r="MJG693" s="613"/>
      <c r="MJH693" s="613"/>
      <c r="MJI693" s="613"/>
      <c r="MJJ693" s="613"/>
      <c r="MJK693" s="613"/>
      <c r="MJL693" s="613"/>
      <c r="MJM693" s="613"/>
      <c r="MJN693" s="613"/>
      <c r="MJO693" s="613"/>
      <c r="MJP693" s="613"/>
      <c r="MJQ693" s="613"/>
      <c r="MJR693" s="613"/>
      <c r="MJS693" s="613"/>
      <c r="MJT693" s="613"/>
      <c r="MJU693" s="613"/>
      <c r="MJV693" s="613"/>
      <c r="MJW693" s="613"/>
      <c r="MJX693" s="613"/>
      <c r="MJY693" s="613"/>
      <c r="MJZ693" s="613"/>
      <c r="MKA693" s="613"/>
      <c r="MKB693" s="613"/>
      <c r="MKC693" s="613"/>
      <c r="MKD693" s="613"/>
      <c r="MKE693" s="613"/>
      <c r="MKF693" s="613"/>
      <c r="MKG693" s="613"/>
      <c r="MKH693" s="613"/>
      <c r="MKI693" s="613"/>
      <c r="MKJ693" s="613"/>
      <c r="MKK693" s="613"/>
      <c r="MKL693" s="613"/>
      <c r="MKM693" s="613"/>
      <c r="MKN693" s="613"/>
      <c r="MKO693" s="613"/>
      <c r="MKP693" s="613"/>
      <c r="MKQ693" s="613"/>
      <c r="MKR693" s="613"/>
      <c r="MKS693" s="613"/>
      <c r="MKT693" s="613"/>
      <c r="MKU693" s="613"/>
      <c r="MKV693" s="613"/>
      <c r="MKW693" s="613"/>
      <c r="MKX693" s="613"/>
      <c r="MKY693" s="613"/>
      <c r="MKZ693" s="613"/>
      <c r="MLA693" s="613"/>
      <c r="MLB693" s="613"/>
      <c r="MLC693" s="613"/>
      <c r="MLD693" s="613"/>
      <c r="MLE693" s="613"/>
      <c r="MLF693" s="613"/>
      <c r="MLG693" s="613"/>
      <c r="MLH693" s="613"/>
      <c r="MLI693" s="613"/>
      <c r="MLJ693" s="613"/>
      <c r="MLK693" s="613"/>
      <c r="MLL693" s="613"/>
      <c r="MLM693" s="613"/>
      <c r="MLN693" s="613"/>
      <c r="MLO693" s="613"/>
      <c r="MLP693" s="613"/>
      <c r="MLQ693" s="613"/>
      <c r="MLR693" s="613"/>
      <c r="MLS693" s="613"/>
      <c r="MLT693" s="613"/>
      <c r="MLU693" s="613"/>
      <c r="MLV693" s="613"/>
      <c r="MLW693" s="613"/>
      <c r="MLX693" s="613"/>
      <c r="MLY693" s="613"/>
      <c r="MLZ693" s="613"/>
      <c r="MMA693" s="613"/>
      <c r="MMB693" s="613"/>
      <c r="MMC693" s="613"/>
      <c r="MMD693" s="613"/>
      <c r="MME693" s="613"/>
      <c r="MMF693" s="613"/>
      <c r="MMG693" s="613"/>
      <c r="MMH693" s="613"/>
      <c r="MMI693" s="613"/>
      <c r="MMJ693" s="613"/>
      <c r="MMK693" s="613"/>
      <c r="MML693" s="613"/>
      <c r="MMM693" s="613"/>
      <c r="MMN693" s="613"/>
      <c r="MMO693" s="613"/>
      <c r="MMP693" s="613"/>
      <c r="MMQ693" s="613"/>
      <c r="MMR693" s="613"/>
      <c r="MMS693" s="613"/>
      <c r="MMT693" s="613"/>
      <c r="MMU693" s="613"/>
      <c r="MMV693" s="613"/>
      <c r="MMW693" s="613"/>
      <c r="MMX693" s="613"/>
      <c r="MMY693" s="613"/>
      <c r="MMZ693" s="613"/>
      <c r="MNA693" s="613"/>
      <c r="MNB693" s="613"/>
      <c r="MNC693" s="613"/>
      <c r="MND693" s="613"/>
      <c r="MNE693" s="613"/>
      <c r="MNF693" s="613"/>
      <c r="MNG693" s="613"/>
      <c r="MNH693" s="613"/>
      <c r="MNI693" s="613"/>
      <c r="MNJ693" s="613"/>
      <c r="MNK693" s="613"/>
      <c r="MNL693" s="613"/>
      <c r="MNM693" s="613"/>
      <c r="MNN693" s="613"/>
      <c r="MNO693" s="613"/>
      <c r="MNP693" s="613"/>
      <c r="MNQ693" s="613"/>
      <c r="MNR693" s="613"/>
      <c r="MNS693" s="613"/>
      <c r="MNT693" s="613"/>
      <c r="MNU693" s="613"/>
      <c r="MNV693" s="613"/>
      <c r="MNW693" s="613"/>
      <c r="MNX693" s="613"/>
      <c r="MNY693" s="613"/>
      <c r="MNZ693" s="613"/>
      <c r="MOA693" s="613"/>
      <c r="MOB693" s="613"/>
      <c r="MOC693" s="613"/>
      <c r="MOD693" s="613"/>
      <c r="MOE693" s="613"/>
      <c r="MOF693" s="613"/>
      <c r="MOG693" s="613"/>
      <c r="MOH693" s="613"/>
      <c r="MOI693" s="613"/>
      <c r="MOJ693" s="613"/>
      <c r="MOK693" s="613"/>
      <c r="MOL693" s="613"/>
      <c r="MOM693" s="613"/>
      <c r="MON693" s="613"/>
      <c r="MOO693" s="613"/>
      <c r="MOP693" s="613"/>
      <c r="MOQ693" s="613"/>
      <c r="MOR693" s="613"/>
      <c r="MOS693" s="613"/>
      <c r="MOT693" s="613"/>
      <c r="MOU693" s="613"/>
      <c r="MOV693" s="613"/>
      <c r="MOW693" s="613"/>
      <c r="MOX693" s="613"/>
      <c r="MOY693" s="613"/>
      <c r="MOZ693" s="613"/>
      <c r="MPA693" s="613"/>
      <c r="MPB693" s="613"/>
      <c r="MPC693" s="613"/>
      <c r="MPD693" s="613"/>
      <c r="MPE693" s="613"/>
      <c r="MPF693" s="613"/>
      <c r="MPG693" s="613"/>
      <c r="MPH693" s="613"/>
      <c r="MPI693" s="613"/>
      <c r="MPJ693" s="613"/>
      <c r="MPK693" s="613"/>
      <c r="MPL693" s="613"/>
      <c r="MPM693" s="613"/>
      <c r="MPN693" s="613"/>
      <c r="MPO693" s="613"/>
      <c r="MPP693" s="613"/>
      <c r="MPQ693" s="613"/>
      <c r="MPR693" s="613"/>
      <c r="MPS693" s="613"/>
      <c r="MPT693" s="613"/>
      <c r="MPU693" s="613"/>
      <c r="MPV693" s="613"/>
      <c r="MPW693" s="613"/>
      <c r="MPX693" s="613"/>
      <c r="MPY693" s="613"/>
      <c r="MPZ693" s="613"/>
      <c r="MQA693" s="613"/>
      <c r="MQB693" s="613"/>
      <c r="MQC693" s="613"/>
      <c r="MQD693" s="613"/>
      <c r="MQE693" s="613"/>
      <c r="MQF693" s="613"/>
      <c r="MQG693" s="613"/>
      <c r="MQH693" s="613"/>
      <c r="MQI693" s="613"/>
      <c r="MQJ693" s="613"/>
      <c r="MQK693" s="613"/>
      <c r="MQL693" s="613"/>
      <c r="MQM693" s="613"/>
      <c r="MQN693" s="613"/>
      <c r="MQO693" s="613"/>
      <c r="MQP693" s="613"/>
      <c r="MQQ693" s="613"/>
      <c r="MQR693" s="613"/>
      <c r="MQS693" s="613"/>
      <c r="MQT693" s="613"/>
      <c r="MQU693" s="613"/>
      <c r="MQV693" s="613"/>
      <c r="MQW693" s="613"/>
      <c r="MQX693" s="613"/>
      <c r="MQY693" s="613"/>
      <c r="MQZ693" s="613"/>
      <c r="MRA693" s="613"/>
      <c r="MRB693" s="613"/>
      <c r="MRC693" s="613"/>
      <c r="MRD693" s="613"/>
      <c r="MRE693" s="613"/>
      <c r="MRF693" s="613"/>
      <c r="MRG693" s="613"/>
      <c r="MRH693" s="613"/>
      <c r="MRI693" s="613"/>
      <c r="MRJ693" s="613"/>
      <c r="MRK693" s="613"/>
      <c r="MRL693" s="613"/>
      <c r="MRM693" s="613"/>
      <c r="MRN693" s="613"/>
      <c r="MRO693" s="613"/>
      <c r="MRP693" s="613"/>
      <c r="MRQ693" s="613"/>
      <c r="MRR693" s="613"/>
      <c r="MRS693" s="613"/>
      <c r="MRT693" s="613"/>
      <c r="MRU693" s="613"/>
      <c r="MRV693" s="613"/>
      <c r="MRW693" s="613"/>
      <c r="MRX693" s="613"/>
      <c r="MRY693" s="613"/>
      <c r="MRZ693" s="613"/>
      <c r="MSA693" s="613"/>
      <c r="MSB693" s="613"/>
      <c r="MSC693" s="613"/>
      <c r="MSD693" s="613"/>
      <c r="MSE693" s="613"/>
      <c r="MSF693" s="613"/>
      <c r="MSG693" s="613"/>
      <c r="MSH693" s="613"/>
      <c r="MSI693" s="613"/>
      <c r="MSJ693" s="613"/>
      <c r="MSK693" s="613"/>
      <c r="MSL693" s="613"/>
      <c r="MSM693" s="613"/>
      <c r="MSN693" s="613"/>
      <c r="MSO693" s="613"/>
      <c r="MSP693" s="613"/>
      <c r="MSQ693" s="613"/>
      <c r="MSR693" s="613"/>
      <c r="MSS693" s="613"/>
      <c r="MST693" s="613"/>
      <c r="MSU693" s="613"/>
      <c r="MSV693" s="613"/>
      <c r="MSW693" s="613"/>
      <c r="MSX693" s="613"/>
      <c r="MSY693" s="613"/>
      <c r="MSZ693" s="613"/>
      <c r="MTA693" s="613"/>
      <c r="MTB693" s="613"/>
      <c r="MTC693" s="613"/>
      <c r="MTD693" s="613"/>
      <c r="MTE693" s="613"/>
      <c r="MTF693" s="613"/>
      <c r="MTG693" s="613"/>
      <c r="MTH693" s="613"/>
      <c r="MTI693" s="613"/>
      <c r="MTJ693" s="613"/>
      <c r="MTK693" s="613"/>
      <c r="MTL693" s="613"/>
      <c r="MTM693" s="613"/>
      <c r="MTN693" s="613"/>
      <c r="MTO693" s="613"/>
      <c r="MTP693" s="613"/>
      <c r="MTQ693" s="613"/>
      <c r="MTR693" s="613"/>
      <c r="MTS693" s="613"/>
      <c r="MTT693" s="613"/>
      <c r="MTU693" s="613"/>
      <c r="MTV693" s="613"/>
      <c r="MTW693" s="613"/>
      <c r="MTX693" s="613"/>
      <c r="MTY693" s="613"/>
      <c r="MTZ693" s="613"/>
      <c r="MUA693" s="613"/>
      <c r="MUB693" s="613"/>
      <c r="MUC693" s="613"/>
      <c r="MUD693" s="613"/>
      <c r="MUE693" s="613"/>
      <c r="MUF693" s="613"/>
      <c r="MUG693" s="613"/>
      <c r="MUH693" s="613"/>
      <c r="MUI693" s="613"/>
      <c r="MUJ693" s="613"/>
      <c r="MUK693" s="613"/>
      <c r="MUL693" s="613"/>
      <c r="MUM693" s="613"/>
      <c r="MUN693" s="613"/>
      <c r="MUO693" s="613"/>
      <c r="MUP693" s="613"/>
      <c r="MUQ693" s="613"/>
      <c r="MUR693" s="613"/>
      <c r="MUS693" s="613"/>
      <c r="MUT693" s="613"/>
      <c r="MUU693" s="613"/>
      <c r="MUV693" s="613"/>
      <c r="MUW693" s="613"/>
      <c r="MUX693" s="613"/>
      <c r="MUY693" s="613"/>
      <c r="MUZ693" s="613"/>
      <c r="MVA693" s="613"/>
      <c r="MVB693" s="613"/>
      <c r="MVC693" s="613"/>
      <c r="MVD693" s="613"/>
      <c r="MVE693" s="613"/>
      <c r="MVF693" s="613"/>
      <c r="MVG693" s="613"/>
      <c r="MVH693" s="613"/>
      <c r="MVI693" s="613"/>
      <c r="MVJ693" s="613"/>
      <c r="MVK693" s="613"/>
      <c r="MVL693" s="613"/>
      <c r="MVM693" s="613"/>
      <c r="MVN693" s="613"/>
      <c r="MVO693" s="613"/>
      <c r="MVP693" s="613"/>
      <c r="MVQ693" s="613"/>
      <c r="MVR693" s="613"/>
      <c r="MVS693" s="613"/>
      <c r="MVT693" s="613"/>
      <c r="MVU693" s="613"/>
      <c r="MVV693" s="613"/>
      <c r="MVW693" s="613"/>
      <c r="MVX693" s="613"/>
      <c r="MVY693" s="613"/>
      <c r="MVZ693" s="613"/>
      <c r="MWA693" s="613"/>
      <c r="MWB693" s="613"/>
      <c r="MWC693" s="613"/>
      <c r="MWD693" s="613"/>
      <c r="MWE693" s="613"/>
      <c r="MWF693" s="613"/>
      <c r="MWG693" s="613"/>
      <c r="MWH693" s="613"/>
      <c r="MWI693" s="613"/>
      <c r="MWJ693" s="613"/>
      <c r="MWK693" s="613"/>
      <c r="MWL693" s="613"/>
      <c r="MWM693" s="613"/>
      <c r="MWN693" s="613"/>
      <c r="MWO693" s="613"/>
      <c r="MWP693" s="613"/>
      <c r="MWQ693" s="613"/>
      <c r="MWR693" s="613"/>
      <c r="MWS693" s="613"/>
      <c r="MWT693" s="613"/>
      <c r="MWU693" s="613"/>
      <c r="MWV693" s="613"/>
      <c r="MWW693" s="613"/>
      <c r="MWX693" s="613"/>
      <c r="MWY693" s="613"/>
      <c r="MWZ693" s="613"/>
      <c r="MXA693" s="613"/>
      <c r="MXB693" s="613"/>
      <c r="MXC693" s="613"/>
      <c r="MXD693" s="613"/>
      <c r="MXE693" s="613"/>
      <c r="MXF693" s="613"/>
      <c r="MXG693" s="613"/>
      <c r="MXH693" s="613"/>
      <c r="MXI693" s="613"/>
      <c r="MXJ693" s="613"/>
      <c r="MXK693" s="613"/>
      <c r="MXL693" s="613"/>
      <c r="MXM693" s="613"/>
      <c r="MXN693" s="613"/>
      <c r="MXO693" s="613"/>
      <c r="MXP693" s="613"/>
      <c r="MXQ693" s="613"/>
      <c r="MXR693" s="613"/>
      <c r="MXS693" s="613"/>
      <c r="MXT693" s="613"/>
      <c r="MXU693" s="613"/>
      <c r="MXV693" s="613"/>
      <c r="MXW693" s="613"/>
      <c r="MXX693" s="613"/>
      <c r="MXY693" s="613"/>
      <c r="MXZ693" s="613"/>
      <c r="MYA693" s="613"/>
      <c r="MYB693" s="613"/>
      <c r="MYC693" s="613"/>
      <c r="MYD693" s="613"/>
      <c r="MYE693" s="613"/>
      <c r="MYF693" s="613"/>
      <c r="MYG693" s="613"/>
      <c r="MYH693" s="613"/>
      <c r="MYI693" s="613"/>
      <c r="MYJ693" s="613"/>
      <c r="MYK693" s="613"/>
      <c r="MYL693" s="613"/>
      <c r="MYM693" s="613"/>
      <c r="MYN693" s="613"/>
      <c r="MYO693" s="613"/>
      <c r="MYP693" s="613"/>
      <c r="MYQ693" s="613"/>
      <c r="MYR693" s="613"/>
      <c r="MYS693" s="613"/>
      <c r="MYT693" s="613"/>
      <c r="MYU693" s="613"/>
      <c r="MYV693" s="613"/>
      <c r="MYW693" s="613"/>
      <c r="MYX693" s="613"/>
      <c r="MYY693" s="613"/>
      <c r="MYZ693" s="613"/>
      <c r="MZA693" s="613"/>
      <c r="MZB693" s="613"/>
      <c r="MZC693" s="613"/>
      <c r="MZD693" s="613"/>
      <c r="MZE693" s="613"/>
      <c r="MZF693" s="613"/>
      <c r="MZG693" s="613"/>
      <c r="MZH693" s="613"/>
      <c r="MZI693" s="613"/>
      <c r="MZJ693" s="613"/>
      <c r="MZK693" s="613"/>
      <c r="MZL693" s="613"/>
      <c r="MZM693" s="613"/>
      <c r="MZN693" s="613"/>
      <c r="MZO693" s="613"/>
      <c r="MZP693" s="613"/>
      <c r="MZQ693" s="613"/>
      <c r="MZR693" s="613"/>
      <c r="MZS693" s="613"/>
      <c r="MZT693" s="613"/>
      <c r="MZU693" s="613"/>
      <c r="MZV693" s="613"/>
      <c r="MZW693" s="613"/>
      <c r="MZX693" s="613"/>
      <c r="MZY693" s="613"/>
      <c r="MZZ693" s="613"/>
      <c r="NAA693" s="613"/>
      <c r="NAB693" s="613"/>
      <c r="NAC693" s="613"/>
      <c r="NAD693" s="613"/>
      <c r="NAE693" s="613"/>
      <c r="NAF693" s="613"/>
      <c r="NAG693" s="613"/>
      <c r="NAH693" s="613"/>
      <c r="NAI693" s="613"/>
      <c r="NAJ693" s="613"/>
      <c r="NAK693" s="613"/>
      <c r="NAL693" s="613"/>
      <c r="NAM693" s="613"/>
      <c r="NAN693" s="613"/>
      <c r="NAO693" s="613"/>
      <c r="NAP693" s="613"/>
      <c r="NAQ693" s="613"/>
      <c r="NAR693" s="613"/>
      <c r="NAS693" s="613"/>
      <c r="NAT693" s="613"/>
      <c r="NAU693" s="613"/>
      <c r="NAV693" s="613"/>
      <c r="NAW693" s="613"/>
      <c r="NAX693" s="613"/>
      <c r="NAY693" s="613"/>
      <c r="NAZ693" s="613"/>
      <c r="NBA693" s="613"/>
      <c r="NBB693" s="613"/>
      <c r="NBC693" s="613"/>
      <c r="NBD693" s="613"/>
      <c r="NBE693" s="613"/>
      <c r="NBF693" s="613"/>
      <c r="NBG693" s="613"/>
      <c r="NBH693" s="613"/>
      <c r="NBI693" s="613"/>
      <c r="NBJ693" s="613"/>
      <c r="NBK693" s="613"/>
      <c r="NBL693" s="613"/>
      <c r="NBM693" s="613"/>
      <c r="NBN693" s="613"/>
      <c r="NBO693" s="613"/>
      <c r="NBP693" s="613"/>
      <c r="NBQ693" s="613"/>
      <c r="NBR693" s="613"/>
      <c r="NBS693" s="613"/>
      <c r="NBT693" s="613"/>
      <c r="NBU693" s="613"/>
      <c r="NBV693" s="613"/>
      <c r="NBW693" s="613"/>
      <c r="NBX693" s="613"/>
      <c r="NBY693" s="613"/>
      <c r="NBZ693" s="613"/>
      <c r="NCA693" s="613"/>
      <c r="NCB693" s="613"/>
      <c r="NCC693" s="613"/>
      <c r="NCD693" s="613"/>
      <c r="NCE693" s="613"/>
      <c r="NCF693" s="613"/>
      <c r="NCG693" s="613"/>
      <c r="NCH693" s="613"/>
      <c r="NCI693" s="613"/>
      <c r="NCJ693" s="613"/>
      <c r="NCK693" s="613"/>
      <c r="NCL693" s="613"/>
      <c r="NCM693" s="613"/>
      <c r="NCN693" s="613"/>
      <c r="NCO693" s="613"/>
      <c r="NCP693" s="613"/>
      <c r="NCQ693" s="613"/>
      <c r="NCR693" s="613"/>
      <c r="NCS693" s="613"/>
      <c r="NCT693" s="613"/>
      <c r="NCU693" s="613"/>
      <c r="NCV693" s="613"/>
      <c r="NCW693" s="613"/>
      <c r="NCX693" s="613"/>
      <c r="NCY693" s="613"/>
      <c r="NCZ693" s="613"/>
      <c r="NDA693" s="613"/>
      <c r="NDB693" s="613"/>
      <c r="NDC693" s="613"/>
      <c r="NDD693" s="613"/>
      <c r="NDE693" s="613"/>
      <c r="NDF693" s="613"/>
      <c r="NDG693" s="613"/>
      <c r="NDH693" s="613"/>
      <c r="NDI693" s="613"/>
      <c r="NDJ693" s="613"/>
      <c r="NDK693" s="613"/>
      <c r="NDL693" s="613"/>
      <c r="NDM693" s="613"/>
      <c r="NDN693" s="613"/>
      <c r="NDO693" s="613"/>
      <c r="NDP693" s="613"/>
      <c r="NDQ693" s="613"/>
      <c r="NDR693" s="613"/>
      <c r="NDS693" s="613"/>
      <c r="NDT693" s="613"/>
      <c r="NDU693" s="613"/>
      <c r="NDV693" s="613"/>
      <c r="NDW693" s="613"/>
      <c r="NDX693" s="613"/>
      <c r="NDY693" s="613"/>
      <c r="NDZ693" s="613"/>
      <c r="NEA693" s="613"/>
      <c r="NEB693" s="613"/>
      <c r="NEC693" s="613"/>
      <c r="NED693" s="613"/>
      <c r="NEE693" s="613"/>
      <c r="NEF693" s="613"/>
      <c r="NEG693" s="613"/>
      <c r="NEH693" s="613"/>
      <c r="NEI693" s="613"/>
      <c r="NEJ693" s="613"/>
      <c r="NEK693" s="613"/>
      <c r="NEL693" s="613"/>
      <c r="NEM693" s="613"/>
      <c r="NEN693" s="613"/>
      <c r="NEO693" s="613"/>
      <c r="NEP693" s="613"/>
      <c r="NEQ693" s="613"/>
      <c r="NER693" s="613"/>
      <c r="NES693" s="613"/>
      <c r="NET693" s="613"/>
      <c r="NEU693" s="613"/>
      <c r="NEV693" s="613"/>
      <c r="NEW693" s="613"/>
      <c r="NEX693" s="613"/>
      <c r="NEY693" s="613"/>
      <c r="NEZ693" s="613"/>
      <c r="NFA693" s="613"/>
      <c r="NFB693" s="613"/>
      <c r="NFC693" s="613"/>
      <c r="NFD693" s="613"/>
      <c r="NFE693" s="613"/>
      <c r="NFF693" s="613"/>
      <c r="NFG693" s="613"/>
      <c r="NFH693" s="613"/>
      <c r="NFI693" s="613"/>
      <c r="NFJ693" s="613"/>
      <c r="NFK693" s="613"/>
      <c r="NFL693" s="613"/>
      <c r="NFM693" s="613"/>
      <c r="NFN693" s="613"/>
      <c r="NFO693" s="613"/>
      <c r="NFP693" s="613"/>
      <c r="NFQ693" s="613"/>
      <c r="NFR693" s="613"/>
      <c r="NFS693" s="613"/>
      <c r="NFT693" s="613"/>
      <c r="NFU693" s="613"/>
      <c r="NFV693" s="613"/>
      <c r="NFW693" s="613"/>
      <c r="NFX693" s="613"/>
      <c r="NFY693" s="613"/>
      <c r="NFZ693" s="613"/>
      <c r="NGA693" s="613"/>
      <c r="NGB693" s="613"/>
      <c r="NGC693" s="613"/>
      <c r="NGD693" s="613"/>
      <c r="NGE693" s="613"/>
      <c r="NGF693" s="613"/>
      <c r="NGG693" s="613"/>
      <c r="NGH693" s="613"/>
      <c r="NGI693" s="613"/>
      <c r="NGJ693" s="613"/>
      <c r="NGK693" s="613"/>
      <c r="NGL693" s="613"/>
      <c r="NGM693" s="613"/>
      <c r="NGN693" s="613"/>
      <c r="NGO693" s="613"/>
      <c r="NGP693" s="613"/>
      <c r="NGQ693" s="613"/>
      <c r="NGR693" s="613"/>
      <c r="NGS693" s="613"/>
      <c r="NGT693" s="613"/>
      <c r="NGU693" s="613"/>
      <c r="NGV693" s="613"/>
      <c r="NGW693" s="613"/>
      <c r="NGX693" s="613"/>
      <c r="NGY693" s="613"/>
      <c r="NGZ693" s="613"/>
      <c r="NHA693" s="613"/>
      <c r="NHB693" s="613"/>
      <c r="NHC693" s="613"/>
      <c r="NHD693" s="613"/>
      <c r="NHE693" s="613"/>
      <c r="NHF693" s="613"/>
      <c r="NHG693" s="613"/>
      <c r="NHH693" s="613"/>
      <c r="NHI693" s="613"/>
      <c r="NHJ693" s="613"/>
      <c r="NHK693" s="613"/>
      <c r="NHL693" s="613"/>
      <c r="NHM693" s="613"/>
      <c r="NHN693" s="613"/>
      <c r="NHO693" s="613"/>
      <c r="NHP693" s="613"/>
      <c r="NHQ693" s="613"/>
      <c r="NHR693" s="613"/>
      <c r="NHS693" s="613"/>
      <c r="NHT693" s="613"/>
      <c r="NHU693" s="613"/>
      <c r="NHV693" s="613"/>
      <c r="NHW693" s="613"/>
      <c r="NHX693" s="613"/>
      <c r="NHY693" s="613"/>
      <c r="NHZ693" s="613"/>
      <c r="NIA693" s="613"/>
      <c r="NIB693" s="613"/>
      <c r="NIC693" s="613"/>
      <c r="NID693" s="613"/>
      <c r="NIE693" s="613"/>
      <c r="NIF693" s="613"/>
      <c r="NIG693" s="613"/>
      <c r="NIH693" s="613"/>
      <c r="NII693" s="613"/>
      <c r="NIJ693" s="613"/>
      <c r="NIK693" s="613"/>
      <c r="NIL693" s="613"/>
      <c r="NIM693" s="613"/>
      <c r="NIN693" s="613"/>
      <c r="NIO693" s="613"/>
      <c r="NIP693" s="613"/>
      <c r="NIQ693" s="613"/>
      <c r="NIR693" s="613"/>
      <c r="NIS693" s="613"/>
      <c r="NIT693" s="613"/>
      <c r="NIU693" s="613"/>
      <c r="NIV693" s="613"/>
      <c r="NIW693" s="613"/>
      <c r="NIX693" s="613"/>
      <c r="NIY693" s="613"/>
      <c r="NIZ693" s="613"/>
      <c r="NJA693" s="613"/>
      <c r="NJB693" s="613"/>
      <c r="NJC693" s="613"/>
      <c r="NJD693" s="613"/>
      <c r="NJE693" s="613"/>
      <c r="NJF693" s="613"/>
      <c r="NJG693" s="613"/>
      <c r="NJH693" s="613"/>
      <c r="NJI693" s="613"/>
      <c r="NJJ693" s="613"/>
      <c r="NJK693" s="613"/>
      <c r="NJL693" s="613"/>
      <c r="NJM693" s="613"/>
      <c r="NJN693" s="613"/>
      <c r="NJO693" s="613"/>
      <c r="NJP693" s="613"/>
      <c r="NJQ693" s="613"/>
      <c r="NJR693" s="613"/>
      <c r="NJS693" s="613"/>
      <c r="NJT693" s="613"/>
      <c r="NJU693" s="613"/>
      <c r="NJV693" s="613"/>
      <c r="NJW693" s="613"/>
      <c r="NJX693" s="613"/>
      <c r="NJY693" s="613"/>
      <c r="NJZ693" s="613"/>
      <c r="NKA693" s="613"/>
      <c r="NKB693" s="613"/>
      <c r="NKC693" s="613"/>
      <c r="NKD693" s="613"/>
      <c r="NKE693" s="613"/>
      <c r="NKF693" s="613"/>
      <c r="NKG693" s="613"/>
      <c r="NKH693" s="613"/>
      <c r="NKI693" s="613"/>
      <c r="NKJ693" s="613"/>
      <c r="NKK693" s="613"/>
      <c r="NKL693" s="613"/>
      <c r="NKM693" s="613"/>
      <c r="NKN693" s="613"/>
      <c r="NKO693" s="613"/>
      <c r="NKP693" s="613"/>
      <c r="NKQ693" s="613"/>
      <c r="NKR693" s="613"/>
      <c r="NKS693" s="613"/>
      <c r="NKT693" s="613"/>
      <c r="NKU693" s="613"/>
      <c r="NKV693" s="613"/>
      <c r="NKW693" s="613"/>
      <c r="NKX693" s="613"/>
      <c r="NKY693" s="613"/>
      <c r="NKZ693" s="613"/>
      <c r="NLA693" s="613"/>
      <c r="NLB693" s="613"/>
      <c r="NLC693" s="613"/>
      <c r="NLD693" s="613"/>
      <c r="NLE693" s="613"/>
      <c r="NLF693" s="613"/>
      <c r="NLG693" s="613"/>
      <c r="NLH693" s="613"/>
      <c r="NLI693" s="613"/>
      <c r="NLJ693" s="613"/>
      <c r="NLK693" s="613"/>
      <c r="NLL693" s="613"/>
      <c r="NLM693" s="613"/>
      <c r="NLN693" s="613"/>
      <c r="NLO693" s="613"/>
      <c r="NLP693" s="613"/>
      <c r="NLQ693" s="613"/>
      <c r="NLR693" s="613"/>
      <c r="NLS693" s="613"/>
      <c r="NLT693" s="613"/>
      <c r="NLU693" s="613"/>
      <c r="NLV693" s="613"/>
      <c r="NLW693" s="613"/>
      <c r="NLX693" s="613"/>
      <c r="NLY693" s="613"/>
      <c r="NLZ693" s="613"/>
      <c r="NMA693" s="613"/>
      <c r="NMB693" s="613"/>
      <c r="NMC693" s="613"/>
      <c r="NMD693" s="613"/>
      <c r="NME693" s="613"/>
      <c r="NMF693" s="613"/>
      <c r="NMG693" s="613"/>
      <c r="NMH693" s="613"/>
      <c r="NMI693" s="613"/>
      <c r="NMJ693" s="613"/>
      <c r="NMK693" s="613"/>
      <c r="NML693" s="613"/>
      <c r="NMM693" s="613"/>
      <c r="NMN693" s="613"/>
      <c r="NMO693" s="613"/>
      <c r="NMP693" s="613"/>
      <c r="NMQ693" s="613"/>
      <c r="NMR693" s="613"/>
      <c r="NMS693" s="613"/>
      <c r="NMT693" s="613"/>
      <c r="NMU693" s="613"/>
      <c r="NMV693" s="613"/>
      <c r="NMW693" s="613"/>
      <c r="NMX693" s="613"/>
      <c r="NMY693" s="613"/>
      <c r="NMZ693" s="613"/>
      <c r="NNA693" s="613"/>
      <c r="NNB693" s="613"/>
      <c r="NNC693" s="613"/>
      <c r="NND693" s="613"/>
      <c r="NNE693" s="613"/>
      <c r="NNF693" s="613"/>
      <c r="NNG693" s="613"/>
      <c r="NNH693" s="613"/>
      <c r="NNI693" s="613"/>
      <c r="NNJ693" s="613"/>
      <c r="NNK693" s="613"/>
      <c r="NNL693" s="613"/>
      <c r="NNM693" s="613"/>
      <c r="NNN693" s="613"/>
      <c r="NNO693" s="613"/>
      <c r="NNP693" s="613"/>
      <c r="NNQ693" s="613"/>
      <c r="NNR693" s="613"/>
      <c r="NNS693" s="613"/>
      <c r="NNT693" s="613"/>
      <c r="NNU693" s="613"/>
      <c r="NNV693" s="613"/>
      <c r="NNW693" s="613"/>
      <c r="NNX693" s="613"/>
      <c r="NNY693" s="613"/>
      <c r="NNZ693" s="613"/>
      <c r="NOA693" s="613"/>
      <c r="NOB693" s="613"/>
      <c r="NOC693" s="613"/>
      <c r="NOD693" s="613"/>
      <c r="NOE693" s="613"/>
      <c r="NOF693" s="613"/>
      <c r="NOG693" s="613"/>
      <c r="NOH693" s="613"/>
      <c r="NOI693" s="613"/>
      <c r="NOJ693" s="613"/>
      <c r="NOK693" s="613"/>
      <c r="NOL693" s="613"/>
      <c r="NOM693" s="613"/>
      <c r="NON693" s="613"/>
      <c r="NOO693" s="613"/>
      <c r="NOP693" s="613"/>
      <c r="NOQ693" s="613"/>
      <c r="NOR693" s="613"/>
      <c r="NOS693" s="613"/>
      <c r="NOT693" s="613"/>
      <c r="NOU693" s="613"/>
      <c r="NOV693" s="613"/>
      <c r="NOW693" s="613"/>
      <c r="NOX693" s="613"/>
      <c r="NOY693" s="613"/>
      <c r="NOZ693" s="613"/>
      <c r="NPA693" s="613"/>
      <c r="NPB693" s="613"/>
      <c r="NPC693" s="613"/>
      <c r="NPD693" s="613"/>
      <c r="NPE693" s="613"/>
      <c r="NPF693" s="613"/>
      <c r="NPG693" s="613"/>
      <c r="NPH693" s="613"/>
      <c r="NPI693" s="613"/>
      <c r="NPJ693" s="613"/>
      <c r="NPK693" s="613"/>
      <c r="NPL693" s="613"/>
      <c r="NPM693" s="613"/>
      <c r="NPN693" s="613"/>
      <c r="NPO693" s="613"/>
      <c r="NPP693" s="613"/>
      <c r="NPQ693" s="613"/>
      <c r="NPR693" s="613"/>
      <c r="NPS693" s="613"/>
      <c r="NPT693" s="613"/>
      <c r="NPU693" s="613"/>
      <c r="NPV693" s="613"/>
      <c r="NPW693" s="613"/>
      <c r="NPX693" s="613"/>
      <c r="NPY693" s="613"/>
      <c r="NPZ693" s="613"/>
      <c r="NQA693" s="613"/>
      <c r="NQB693" s="613"/>
      <c r="NQC693" s="613"/>
      <c r="NQD693" s="613"/>
      <c r="NQE693" s="613"/>
      <c r="NQF693" s="613"/>
      <c r="NQG693" s="613"/>
      <c r="NQH693" s="613"/>
      <c r="NQI693" s="613"/>
      <c r="NQJ693" s="613"/>
      <c r="NQK693" s="613"/>
      <c r="NQL693" s="613"/>
      <c r="NQM693" s="613"/>
      <c r="NQN693" s="613"/>
      <c r="NQO693" s="613"/>
      <c r="NQP693" s="613"/>
      <c r="NQQ693" s="613"/>
      <c r="NQR693" s="613"/>
      <c r="NQS693" s="613"/>
      <c r="NQT693" s="613"/>
      <c r="NQU693" s="613"/>
      <c r="NQV693" s="613"/>
      <c r="NQW693" s="613"/>
      <c r="NQX693" s="613"/>
      <c r="NQY693" s="613"/>
      <c r="NQZ693" s="613"/>
      <c r="NRA693" s="613"/>
      <c r="NRB693" s="613"/>
      <c r="NRC693" s="613"/>
      <c r="NRD693" s="613"/>
      <c r="NRE693" s="613"/>
      <c r="NRF693" s="613"/>
      <c r="NRG693" s="613"/>
      <c r="NRH693" s="613"/>
      <c r="NRI693" s="613"/>
      <c r="NRJ693" s="613"/>
      <c r="NRK693" s="613"/>
      <c r="NRL693" s="613"/>
      <c r="NRM693" s="613"/>
      <c r="NRN693" s="613"/>
      <c r="NRO693" s="613"/>
      <c r="NRP693" s="613"/>
      <c r="NRQ693" s="613"/>
      <c r="NRR693" s="613"/>
      <c r="NRS693" s="613"/>
      <c r="NRT693" s="613"/>
      <c r="NRU693" s="613"/>
      <c r="NRV693" s="613"/>
      <c r="NRW693" s="613"/>
      <c r="NRX693" s="613"/>
      <c r="NRY693" s="613"/>
      <c r="NRZ693" s="613"/>
      <c r="NSA693" s="613"/>
      <c r="NSB693" s="613"/>
      <c r="NSC693" s="613"/>
      <c r="NSD693" s="613"/>
      <c r="NSE693" s="613"/>
      <c r="NSF693" s="613"/>
      <c r="NSG693" s="613"/>
      <c r="NSH693" s="613"/>
      <c r="NSI693" s="613"/>
      <c r="NSJ693" s="613"/>
      <c r="NSK693" s="613"/>
      <c r="NSL693" s="613"/>
      <c r="NSM693" s="613"/>
      <c r="NSN693" s="613"/>
      <c r="NSO693" s="613"/>
      <c r="NSP693" s="613"/>
      <c r="NSQ693" s="613"/>
      <c r="NSR693" s="613"/>
      <c r="NSS693" s="613"/>
      <c r="NST693" s="613"/>
      <c r="NSU693" s="613"/>
      <c r="NSV693" s="613"/>
      <c r="NSW693" s="613"/>
      <c r="NSX693" s="613"/>
      <c r="NSY693" s="613"/>
      <c r="NSZ693" s="613"/>
      <c r="NTA693" s="613"/>
      <c r="NTB693" s="613"/>
      <c r="NTC693" s="613"/>
      <c r="NTD693" s="613"/>
      <c r="NTE693" s="613"/>
      <c r="NTF693" s="613"/>
      <c r="NTG693" s="613"/>
      <c r="NTH693" s="613"/>
      <c r="NTI693" s="613"/>
      <c r="NTJ693" s="613"/>
      <c r="NTK693" s="613"/>
      <c r="NTL693" s="613"/>
      <c r="NTM693" s="613"/>
      <c r="NTN693" s="613"/>
      <c r="NTO693" s="613"/>
      <c r="NTP693" s="613"/>
      <c r="NTQ693" s="613"/>
      <c r="NTR693" s="613"/>
      <c r="NTS693" s="613"/>
      <c r="NTT693" s="613"/>
      <c r="NTU693" s="613"/>
      <c r="NTV693" s="613"/>
      <c r="NTW693" s="613"/>
      <c r="NTX693" s="613"/>
      <c r="NTY693" s="613"/>
      <c r="NTZ693" s="613"/>
      <c r="NUA693" s="613"/>
      <c r="NUB693" s="613"/>
      <c r="NUC693" s="613"/>
      <c r="NUD693" s="613"/>
      <c r="NUE693" s="613"/>
      <c r="NUF693" s="613"/>
      <c r="NUG693" s="613"/>
      <c r="NUH693" s="613"/>
      <c r="NUI693" s="613"/>
      <c r="NUJ693" s="613"/>
      <c r="NUK693" s="613"/>
      <c r="NUL693" s="613"/>
      <c r="NUM693" s="613"/>
      <c r="NUN693" s="613"/>
      <c r="NUO693" s="613"/>
      <c r="NUP693" s="613"/>
      <c r="NUQ693" s="613"/>
      <c r="NUR693" s="613"/>
      <c r="NUS693" s="613"/>
      <c r="NUT693" s="613"/>
      <c r="NUU693" s="613"/>
      <c r="NUV693" s="613"/>
      <c r="NUW693" s="613"/>
      <c r="NUX693" s="613"/>
      <c r="NUY693" s="613"/>
      <c r="NUZ693" s="613"/>
      <c r="NVA693" s="613"/>
      <c r="NVB693" s="613"/>
      <c r="NVC693" s="613"/>
      <c r="NVD693" s="613"/>
      <c r="NVE693" s="613"/>
      <c r="NVF693" s="613"/>
      <c r="NVG693" s="613"/>
      <c r="NVH693" s="613"/>
      <c r="NVI693" s="613"/>
      <c r="NVJ693" s="613"/>
      <c r="NVK693" s="613"/>
      <c r="NVL693" s="613"/>
      <c r="NVM693" s="613"/>
      <c r="NVN693" s="613"/>
      <c r="NVO693" s="613"/>
      <c r="NVP693" s="613"/>
      <c r="NVQ693" s="613"/>
      <c r="NVR693" s="613"/>
      <c r="NVS693" s="613"/>
      <c r="NVT693" s="613"/>
      <c r="NVU693" s="613"/>
      <c r="NVV693" s="613"/>
      <c r="NVW693" s="613"/>
      <c r="NVX693" s="613"/>
      <c r="NVY693" s="613"/>
      <c r="NVZ693" s="613"/>
      <c r="NWA693" s="613"/>
      <c r="NWB693" s="613"/>
      <c r="NWC693" s="613"/>
      <c r="NWD693" s="613"/>
      <c r="NWE693" s="613"/>
      <c r="NWF693" s="613"/>
      <c r="NWG693" s="613"/>
      <c r="NWH693" s="613"/>
      <c r="NWI693" s="613"/>
      <c r="NWJ693" s="613"/>
      <c r="NWK693" s="613"/>
      <c r="NWL693" s="613"/>
      <c r="NWM693" s="613"/>
      <c r="NWN693" s="613"/>
      <c r="NWO693" s="613"/>
      <c r="NWP693" s="613"/>
      <c r="NWQ693" s="613"/>
      <c r="NWR693" s="613"/>
      <c r="NWS693" s="613"/>
      <c r="NWT693" s="613"/>
      <c r="NWU693" s="613"/>
      <c r="NWV693" s="613"/>
      <c r="NWW693" s="613"/>
      <c r="NWX693" s="613"/>
      <c r="NWY693" s="613"/>
      <c r="NWZ693" s="613"/>
      <c r="NXA693" s="613"/>
      <c r="NXB693" s="613"/>
      <c r="NXC693" s="613"/>
      <c r="NXD693" s="613"/>
      <c r="NXE693" s="613"/>
      <c r="NXF693" s="613"/>
      <c r="NXG693" s="613"/>
      <c r="NXH693" s="613"/>
      <c r="NXI693" s="613"/>
      <c r="NXJ693" s="613"/>
      <c r="NXK693" s="613"/>
      <c r="NXL693" s="613"/>
      <c r="NXM693" s="613"/>
      <c r="NXN693" s="613"/>
      <c r="NXO693" s="613"/>
      <c r="NXP693" s="613"/>
      <c r="NXQ693" s="613"/>
      <c r="NXR693" s="613"/>
      <c r="NXS693" s="613"/>
      <c r="NXT693" s="613"/>
      <c r="NXU693" s="613"/>
      <c r="NXV693" s="613"/>
      <c r="NXW693" s="613"/>
      <c r="NXX693" s="613"/>
      <c r="NXY693" s="613"/>
      <c r="NXZ693" s="613"/>
      <c r="NYA693" s="613"/>
      <c r="NYB693" s="613"/>
      <c r="NYC693" s="613"/>
      <c r="NYD693" s="613"/>
      <c r="NYE693" s="613"/>
      <c r="NYF693" s="613"/>
      <c r="NYG693" s="613"/>
      <c r="NYH693" s="613"/>
      <c r="NYI693" s="613"/>
      <c r="NYJ693" s="613"/>
      <c r="NYK693" s="613"/>
      <c r="NYL693" s="613"/>
      <c r="NYM693" s="613"/>
      <c r="NYN693" s="613"/>
      <c r="NYO693" s="613"/>
      <c r="NYP693" s="613"/>
      <c r="NYQ693" s="613"/>
      <c r="NYR693" s="613"/>
      <c r="NYS693" s="613"/>
      <c r="NYT693" s="613"/>
      <c r="NYU693" s="613"/>
      <c r="NYV693" s="613"/>
      <c r="NYW693" s="613"/>
      <c r="NYX693" s="613"/>
      <c r="NYY693" s="613"/>
      <c r="NYZ693" s="613"/>
      <c r="NZA693" s="613"/>
      <c r="NZB693" s="613"/>
      <c r="NZC693" s="613"/>
      <c r="NZD693" s="613"/>
      <c r="NZE693" s="613"/>
      <c r="NZF693" s="613"/>
      <c r="NZG693" s="613"/>
      <c r="NZH693" s="613"/>
      <c r="NZI693" s="613"/>
      <c r="NZJ693" s="613"/>
      <c r="NZK693" s="613"/>
      <c r="NZL693" s="613"/>
      <c r="NZM693" s="613"/>
      <c r="NZN693" s="613"/>
      <c r="NZO693" s="613"/>
      <c r="NZP693" s="613"/>
      <c r="NZQ693" s="613"/>
      <c r="NZR693" s="613"/>
      <c r="NZS693" s="613"/>
      <c r="NZT693" s="613"/>
      <c r="NZU693" s="613"/>
      <c r="NZV693" s="613"/>
      <c r="NZW693" s="613"/>
      <c r="NZX693" s="613"/>
      <c r="NZY693" s="613"/>
      <c r="NZZ693" s="613"/>
      <c r="OAA693" s="613"/>
      <c r="OAB693" s="613"/>
      <c r="OAC693" s="613"/>
      <c r="OAD693" s="613"/>
      <c r="OAE693" s="613"/>
      <c r="OAF693" s="613"/>
      <c r="OAG693" s="613"/>
      <c r="OAH693" s="613"/>
      <c r="OAI693" s="613"/>
      <c r="OAJ693" s="613"/>
      <c r="OAK693" s="613"/>
      <c r="OAL693" s="613"/>
      <c r="OAM693" s="613"/>
      <c r="OAN693" s="613"/>
      <c r="OAO693" s="613"/>
      <c r="OAP693" s="613"/>
      <c r="OAQ693" s="613"/>
      <c r="OAR693" s="613"/>
      <c r="OAS693" s="613"/>
      <c r="OAT693" s="613"/>
      <c r="OAU693" s="613"/>
      <c r="OAV693" s="613"/>
      <c r="OAW693" s="613"/>
      <c r="OAX693" s="613"/>
      <c r="OAY693" s="613"/>
      <c r="OAZ693" s="613"/>
      <c r="OBA693" s="613"/>
      <c r="OBB693" s="613"/>
      <c r="OBC693" s="613"/>
      <c r="OBD693" s="613"/>
      <c r="OBE693" s="613"/>
      <c r="OBF693" s="613"/>
      <c r="OBG693" s="613"/>
      <c r="OBH693" s="613"/>
      <c r="OBI693" s="613"/>
      <c r="OBJ693" s="613"/>
      <c r="OBK693" s="613"/>
      <c r="OBL693" s="613"/>
      <c r="OBM693" s="613"/>
      <c r="OBN693" s="613"/>
      <c r="OBO693" s="613"/>
      <c r="OBP693" s="613"/>
      <c r="OBQ693" s="613"/>
      <c r="OBR693" s="613"/>
      <c r="OBS693" s="613"/>
      <c r="OBT693" s="613"/>
      <c r="OBU693" s="613"/>
      <c r="OBV693" s="613"/>
      <c r="OBW693" s="613"/>
      <c r="OBX693" s="613"/>
      <c r="OBY693" s="613"/>
      <c r="OBZ693" s="613"/>
      <c r="OCA693" s="613"/>
      <c r="OCB693" s="613"/>
      <c r="OCC693" s="613"/>
      <c r="OCD693" s="613"/>
      <c r="OCE693" s="613"/>
      <c r="OCF693" s="613"/>
      <c r="OCG693" s="613"/>
      <c r="OCH693" s="613"/>
      <c r="OCI693" s="613"/>
      <c r="OCJ693" s="613"/>
      <c r="OCK693" s="613"/>
      <c r="OCL693" s="613"/>
      <c r="OCM693" s="613"/>
      <c r="OCN693" s="613"/>
      <c r="OCO693" s="613"/>
      <c r="OCP693" s="613"/>
      <c r="OCQ693" s="613"/>
      <c r="OCR693" s="613"/>
      <c r="OCS693" s="613"/>
      <c r="OCT693" s="613"/>
      <c r="OCU693" s="613"/>
      <c r="OCV693" s="613"/>
      <c r="OCW693" s="613"/>
      <c r="OCX693" s="613"/>
      <c r="OCY693" s="613"/>
      <c r="OCZ693" s="613"/>
      <c r="ODA693" s="613"/>
      <c r="ODB693" s="613"/>
      <c r="ODC693" s="613"/>
      <c r="ODD693" s="613"/>
      <c r="ODE693" s="613"/>
      <c r="ODF693" s="613"/>
      <c r="ODG693" s="613"/>
      <c r="ODH693" s="613"/>
      <c r="ODI693" s="613"/>
      <c r="ODJ693" s="613"/>
      <c r="ODK693" s="613"/>
      <c r="ODL693" s="613"/>
      <c r="ODM693" s="613"/>
      <c r="ODN693" s="613"/>
      <c r="ODO693" s="613"/>
      <c r="ODP693" s="613"/>
      <c r="ODQ693" s="613"/>
      <c r="ODR693" s="613"/>
      <c r="ODS693" s="613"/>
      <c r="ODT693" s="613"/>
      <c r="ODU693" s="613"/>
      <c r="ODV693" s="613"/>
      <c r="ODW693" s="613"/>
      <c r="ODX693" s="613"/>
      <c r="ODY693" s="613"/>
      <c r="ODZ693" s="613"/>
      <c r="OEA693" s="613"/>
      <c r="OEB693" s="613"/>
      <c r="OEC693" s="613"/>
      <c r="OED693" s="613"/>
      <c r="OEE693" s="613"/>
      <c r="OEF693" s="613"/>
      <c r="OEG693" s="613"/>
      <c r="OEH693" s="613"/>
      <c r="OEI693" s="613"/>
      <c r="OEJ693" s="613"/>
      <c r="OEK693" s="613"/>
      <c r="OEL693" s="613"/>
      <c r="OEM693" s="613"/>
      <c r="OEN693" s="613"/>
      <c r="OEO693" s="613"/>
      <c r="OEP693" s="613"/>
      <c r="OEQ693" s="613"/>
      <c r="OER693" s="613"/>
      <c r="OES693" s="613"/>
      <c r="OET693" s="613"/>
      <c r="OEU693" s="613"/>
      <c r="OEV693" s="613"/>
      <c r="OEW693" s="613"/>
      <c r="OEX693" s="613"/>
      <c r="OEY693" s="613"/>
      <c r="OEZ693" s="613"/>
      <c r="OFA693" s="613"/>
      <c r="OFB693" s="613"/>
      <c r="OFC693" s="613"/>
      <c r="OFD693" s="613"/>
      <c r="OFE693" s="613"/>
      <c r="OFF693" s="613"/>
      <c r="OFG693" s="613"/>
      <c r="OFH693" s="613"/>
      <c r="OFI693" s="613"/>
      <c r="OFJ693" s="613"/>
      <c r="OFK693" s="613"/>
      <c r="OFL693" s="613"/>
      <c r="OFM693" s="613"/>
      <c r="OFN693" s="613"/>
      <c r="OFO693" s="613"/>
      <c r="OFP693" s="613"/>
      <c r="OFQ693" s="613"/>
      <c r="OFR693" s="613"/>
      <c r="OFS693" s="613"/>
      <c r="OFT693" s="613"/>
      <c r="OFU693" s="613"/>
      <c r="OFV693" s="613"/>
      <c r="OFW693" s="613"/>
      <c r="OFX693" s="613"/>
      <c r="OFY693" s="613"/>
      <c r="OFZ693" s="613"/>
      <c r="OGA693" s="613"/>
      <c r="OGB693" s="613"/>
      <c r="OGC693" s="613"/>
      <c r="OGD693" s="613"/>
      <c r="OGE693" s="613"/>
      <c r="OGF693" s="613"/>
      <c r="OGG693" s="613"/>
      <c r="OGH693" s="613"/>
      <c r="OGI693" s="613"/>
      <c r="OGJ693" s="613"/>
      <c r="OGK693" s="613"/>
      <c r="OGL693" s="613"/>
      <c r="OGM693" s="613"/>
      <c r="OGN693" s="613"/>
      <c r="OGO693" s="613"/>
      <c r="OGP693" s="613"/>
      <c r="OGQ693" s="613"/>
      <c r="OGR693" s="613"/>
      <c r="OGS693" s="613"/>
      <c r="OGT693" s="613"/>
      <c r="OGU693" s="613"/>
      <c r="OGV693" s="613"/>
      <c r="OGW693" s="613"/>
      <c r="OGX693" s="613"/>
      <c r="OGY693" s="613"/>
      <c r="OGZ693" s="613"/>
      <c r="OHA693" s="613"/>
      <c r="OHB693" s="613"/>
      <c r="OHC693" s="613"/>
      <c r="OHD693" s="613"/>
      <c r="OHE693" s="613"/>
      <c r="OHF693" s="613"/>
      <c r="OHG693" s="613"/>
      <c r="OHH693" s="613"/>
      <c r="OHI693" s="613"/>
      <c r="OHJ693" s="613"/>
      <c r="OHK693" s="613"/>
      <c r="OHL693" s="613"/>
      <c r="OHM693" s="613"/>
      <c r="OHN693" s="613"/>
      <c r="OHO693" s="613"/>
      <c r="OHP693" s="613"/>
      <c r="OHQ693" s="613"/>
      <c r="OHR693" s="613"/>
      <c r="OHS693" s="613"/>
      <c r="OHT693" s="613"/>
      <c r="OHU693" s="613"/>
      <c r="OHV693" s="613"/>
      <c r="OHW693" s="613"/>
      <c r="OHX693" s="613"/>
      <c r="OHY693" s="613"/>
      <c r="OHZ693" s="613"/>
      <c r="OIA693" s="613"/>
      <c r="OIB693" s="613"/>
      <c r="OIC693" s="613"/>
      <c r="OID693" s="613"/>
      <c r="OIE693" s="613"/>
      <c r="OIF693" s="613"/>
      <c r="OIG693" s="613"/>
      <c r="OIH693" s="613"/>
      <c r="OII693" s="613"/>
      <c r="OIJ693" s="613"/>
      <c r="OIK693" s="613"/>
      <c r="OIL693" s="613"/>
      <c r="OIM693" s="613"/>
      <c r="OIN693" s="613"/>
      <c r="OIO693" s="613"/>
      <c r="OIP693" s="613"/>
      <c r="OIQ693" s="613"/>
      <c r="OIR693" s="613"/>
      <c r="OIS693" s="613"/>
      <c r="OIT693" s="613"/>
      <c r="OIU693" s="613"/>
      <c r="OIV693" s="613"/>
      <c r="OIW693" s="613"/>
      <c r="OIX693" s="613"/>
      <c r="OIY693" s="613"/>
      <c r="OIZ693" s="613"/>
      <c r="OJA693" s="613"/>
      <c r="OJB693" s="613"/>
      <c r="OJC693" s="613"/>
      <c r="OJD693" s="613"/>
      <c r="OJE693" s="613"/>
      <c r="OJF693" s="613"/>
      <c r="OJG693" s="613"/>
      <c r="OJH693" s="613"/>
      <c r="OJI693" s="613"/>
      <c r="OJJ693" s="613"/>
      <c r="OJK693" s="613"/>
      <c r="OJL693" s="613"/>
      <c r="OJM693" s="613"/>
      <c r="OJN693" s="613"/>
      <c r="OJO693" s="613"/>
      <c r="OJP693" s="613"/>
      <c r="OJQ693" s="613"/>
      <c r="OJR693" s="613"/>
      <c r="OJS693" s="613"/>
      <c r="OJT693" s="613"/>
      <c r="OJU693" s="613"/>
      <c r="OJV693" s="613"/>
      <c r="OJW693" s="613"/>
      <c r="OJX693" s="613"/>
      <c r="OJY693" s="613"/>
      <c r="OJZ693" s="613"/>
      <c r="OKA693" s="613"/>
      <c r="OKB693" s="613"/>
      <c r="OKC693" s="613"/>
      <c r="OKD693" s="613"/>
      <c r="OKE693" s="613"/>
      <c r="OKF693" s="613"/>
      <c r="OKG693" s="613"/>
      <c r="OKH693" s="613"/>
      <c r="OKI693" s="613"/>
      <c r="OKJ693" s="613"/>
      <c r="OKK693" s="613"/>
      <c r="OKL693" s="613"/>
      <c r="OKM693" s="613"/>
      <c r="OKN693" s="613"/>
      <c r="OKO693" s="613"/>
      <c r="OKP693" s="613"/>
      <c r="OKQ693" s="613"/>
      <c r="OKR693" s="613"/>
      <c r="OKS693" s="613"/>
      <c r="OKT693" s="613"/>
      <c r="OKU693" s="613"/>
      <c r="OKV693" s="613"/>
      <c r="OKW693" s="613"/>
      <c r="OKX693" s="613"/>
      <c r="OKY693" s="613"/>
      <c r="OKZ693" s="613"/>
      <c r="OLA693" s="613"/>
      <c r="OLB693" s="613"/>
      <c r="OLC693" s="613"/>
      <c r="OLD693" s="613"/>
      <c r="OLE693" s="613"/>
      <c r="OLF693" s="613"/>
      <c r="OLG693" s="613"/>
      <c r="OLH693" s="613"/>
      <c r="OLI693" s="613"/>
      <c r="OLJ693" s="613"/>
      <c r="OLK693" s="613"/>
      <c r="OLL693" s="613"/>
      <c r="OLM693" s="613"/>
      <c r="OLN693" s="613"/>
      <c r="OLO693" s="613"/>
      <c r="OLP693" s="613"/>
      <c r="OLQ693" s="613"/>
      <c r="OLR693" s="613"/>
      <c r="OLS693" s="613"/>
      <c r="OLT693" s="613"/>
      <c r="OLU693" s="613"/>
      <c r="OLV693" s="613"/>
      <c r="OLW693" s="613"/>
      <c r="OLX693" s="613"/>
      <c r="OLY693" s="613"/>
      <c r="OLZ693" s="613"/>
      <c r="OMA693" s="613"/>
      <c r="OMB693" s="613"/>
      <c r="OMC693" s="613"/>
      <c r="OMD693" s="613"/>
      <c r="OME693" s="613"/>
      <c r="OMF693" s="613"/>
      <c r="OMG693" s="613"/>
      <c r="OMH693" s="613"/>
      <c r="OMI693" s="613"/>
      <c r="OMJ693" s="613"/>
      <c r="OMK693" s="613"/>
      <c r="OML693" s="613"/>
      <c r="OMM693" s="613"/>
      <c r="OMN693" s="613"/>
      <c r="OMO693" s="613"/>
      <c r="OMP693" s="613"/>
      <c r="OMQ693" s="613"/>
      <c r="OMR693" s="613"/>
      <c r="OMS693" s="613"/>
      <c r="OMT693" s="613"/>
      <c r="OMU693" s="613"/>
      <c r="OMV693" s="613"/>
      <c r="OMW693" s="613"/>
      <c r="OMX693" s="613"/>
      <c r="OMY693" s="613"/>
      <c r="OMZ693" s="613"/>
      <c r="ONA693" s="613"/>
      <c r="ONB693" s="613"/>
      <c r="ONC693" s="613"/>
      <c r="OND693" s="613"/>
      <c r="ONE693" s="613"/>
      <c r="ONF693" s="613"/>
      <c r="ONG693" s="613"/>
      <c r="ONH693" s="613"/>
      <c r="ONI693" s="613"/>
      <c r="ONJ693" s="613"/>
      <c r="ONK693" s="613"/>
      <c r="ONL693" s="613"/>
      <c r="ONM693" s="613"/>
      <c r="ONN693" s="613"/>
      <c r="ONO693" s="613"/>
      <c r="ONP693" s="613"/>
      <c r="ONQ693" s="613"/>
      <c r="ONR693" s="613"/>
      <c r="ONS693" s="613"/>
      <c r="ONT693" s="613"/>
      <c r="ONU693" s="613"/>
      <c r="ONV693" s="613"/>
      <c r="ONW693" s="613"/>
      <c r="ONX693" s="613"/>
      <c r="ONY693" s="613"/>
      <c r="ONZ693" s="613"/>
      <c r="OOA693" s="613"/>
      <c r="OOB693" s="613"/>
      <c r="OOC693" s="613"/>
      <c r="OOD693" s="613"/>
      <c r="OOE693" s="613"/>
      <c r="OOF693" s="613"/>
      <c r="OOG693" s="613"/>
      <c r="OOH693" s="613"/>
      <c r="OOI693" s="613"/>
      <c r="OOJ693" s="613"/>
      <c r="OOK693" s="613"/>
      <c r="OOL693" s="613"/>
      <c r="OOM693" s="613"/>
      <c r="OON693" s="613"/>
      <c r="OOO693" s="613"/>
      <c r="OOP693" s="613"/>
      <c r="OOQ693" s="613"/>
      <c r="OOR693" s="613"/>
      <c r="OOS693" s="613"/>
      <c r="OOT693" s="613"/>
      <c r="OOU693" s="613"/>
      <c r="OOV693" s="613"/>
      <c r="OOW693" s="613"/>
      <c r="OOX693" s="613"/>
      <c r="OOY693" s="613"/>
      <c r="OOZ693" s="613"/>
      <c r="OPA693" s="613"/>
      <c r="OPB693" s="613"/>
      <c r="OPC693" s="613"/>
      <c r="OPD693" s="613"/>
      <c r="OPE693" s="613"/>
      <c r="OPF693" s="613"/>
      <c r="OPG693" s="613"/>
      <c r="OPH693" s="613"/>
      <c r="OPI693" s="613"/>
      <c r="OPJ693" s="613"/>
      <c r="OPK693" s="613"/>
      <c r="OPL693" s="613"/>
      <c r="OPM693" s="613"/>
      <c r="OPN693" s="613"/>
      <c r="OPO693" s="613"/>
      <c r="OPP693" s="613"/>
      <c r="OPQ693" s="613"/>
      <c r="OPR693" s="613"/>
      <c r="OPS693" s="613"/>
      <c r="OPT693" s="613"/>
      <c r="OPU693" s="613"/>
      <c r="OPV693" s="613"/>
      <c r="OPW693" s="613"/>
      <c r="OPX693" s="613"/>
      <c r="OPY693" s="613"/>
      <c r="OPZ693" s="613"/>
      <c r="OQA693" s="613"/>
      <c r="OQB693" s="613"/>
      <c r="OQC693" s="613"/>
      <c r="OQD693" s="613"/>
      <c r="OQE693" s="613"/>
      <c r="OQF693" s="613"/>
      <c r="OQG693" s="613"/>
      <c r="OQH693" s="613"/>
      <c r="OQI693" s="613"/>
      <c r="OQJ693" s="613"/>
      <c r="OQK693" s="613"/>
      <c r="OQL693" s="613"/>
      <c r="OQM693" s="613"/>
      <c r="OQN693" s="613"/>
      <c r="OQO693" s="613"/>
      <c r="OQP693" s="613"/>
      <c r="OQQ693" s="613"/>
      <c r="OQR693" s="613"/>
      <c r="OQS693" s="613"/>
      <c r="OQT693" s="613"/>
      <c r="OQU693" s="613"/>
      <c r="OQV693" s="613"/>
      <c r="OQW693" s="613"/>
      <c r="OQX693" s="613"/>
      <c r="OQY693" s="613"/>
      <c r="OQZ693" s="613"/>
      <c r="ORA693" s="613"/>
      <c r="ORB693" s="613"/>
      <c r="ORC693" s="613"/>
      <c r="ORD693" s="613"/>
      <c r="ORE693" s="613"/>
      <c r="ORF693" s="613"/>
      <c r="ORG693" s="613"/>
      <c r="ORH693" s="613"/>
      <c r="ORI693" s="613"/>
      <c r="ORJ693" s="613"/>
      <c r="ORK693" s="613"/>
      <c r="ORL693" s="613"/>
      <c r="ORM693" s="613"/>
      <c r="ORN693" s="613"/>
      <c r="ORO693" s="613"/>
      <c r="ORP693" s="613"/>
      <c r="ORQ693" s="613"/>
      <c r="ORR693" s="613"/>
      <c r="ORS693" s="613"/>
      <c r="ORT693" s="613"/>
      <c r="ORU693" s="613"/>
      <c r="ORV693" s="613"/>
      <c r="ORW693" s="613"/>
      <c r="ORX693" s="613"/>
      <c r="ORY693" s="613"/>
      <c r="ORZ693" s="613"/>
      <c r="OSA693" s="613"/>
      <c r="OSB693" s="613"/>
      <c r="OSC693" s="613"/>
      <c r="OSD693" s="613"/>
      <c r="OSE693" s="613"/>
      <c r="OSF693" s="613"/>
      <c r="OSG693" s="613"/>
      <c r="OSH693" s="613"/>
      <c r="OSI693" s="613"/>
      <c r="OSJ693" s="613"/>
      <c r="OSK693" s="613"/>
      <c r="OSL693" s="613"/>
      <c r="OSM693" s="613"/>
      <c r="OSN693" s="613"/>
      <c r="OSO693" s="613"/>
      <c r="OSP693" s="613"/>
      <c r="OSQ693" s="613"/>
      <c r="OSR693" s="613"/>
      <c r="OSS693" s="613"/>
      <c r="OST693" s="613"/>
      <c r="OSU693" s="613"/>
      <c r="OSV693" s="613"/>
      <c r="OSW693" s="613"/>
      <c r="OSX693" s="613"/>
      <c r="OSY693" s="613"/>
      <c r="OSZ693" s="613"/>
      <c r="OTA693" s="613"/>
      <c r="OTB693" s="613"/>
      <c r="OTC693" s="613"/>
      <c r="OTD693" s="613"/>
      <c r="OTE693" s="613"/>
      <c r="OTF693" s="613"/>
      <c r="OTG693" s="613"/>
      <c r="OTH693" s="613"/>
      <c r="OTI693" s="613"/>
      <c r="OTJ693" s="613"/>
      <c r="OTK693" s="613"/>
      <c r="OTL693" s="613"/>
      <c r="OTM693" s="613"/>
      <c r="OTN693" s="613"/>
      <c r="OTO693" s="613"/>
      <c r="OTP693" s="613"/>
      <c r="OTQ693" s="613"/>
      <c r="OTR693" s="613"/>
      <c r="OTS693" s="613"/>
      <c r="OTT693" s="613"/>
      <c r="OTU693" s="613"/>
      <c r="OTV693" s="613"/>
      <c r="OTW693" s="613"/>
      <c r="OTX693" s="613"/>
      <c r="OTY693" s="613"/>
      <c r="OTZ693" s="613"/>
      <c r="OUA693" s="613"/>
      <c r="OUB693" s="613"/>
      <c r="OUC693" s="613"/>
      <c r="OUD693" s="613"/>
      <c r="OUE693" s="613"/>
      <c r="OUF693" s="613"/>
      <c r="OUG693" s="613"/>
      <c r="OUH693" s="613"/>
      <c r="OUI693" s="613"/>
      <c r="OUJ693" s="613"/>
      <c r="OUK693" s="613"/>
      <c r="OUL693" s="613"/>
      <c r="OUM693" s="613"/>
      <c r="OUN693" s="613"/>
      <c r="OUO693" s="613"/>
      <c r="OUP693" s="613"/>
      <c r="OUQ693" s="613"/>
      <c r="OUR693" s="613"/>
      <c r="OUS693" s="613"/>
      <c r="OUT693" s="613"/>
      <c r="OUU693" s="613"/>
      <c r="OUV693" s="613"/>
      <c r="OUW693" s="613"/>
      <c r="OUX693" s="613"/>
      <c r="OUY693" s="613"/>
      <c r="OUZ693" s="613"/>
      <c r="OVA693" s="613"/>
      <c r="OVB693" s="613"/>
      <c r="OVC693" s="613"/>
      <c r="OVD693" s="613"/>
      <c r="OVE693" s="613"/>
      <c r="OVF693" s="613"/>
      <c r="OVG693" s="613"/>
      <c r="OVH693" s="613"/>
      <c r="OVI693" s="613"/>
      <c r="OVJ693" s="613"/>
      <c r="OVK693" s="613"/>
      <c r="OVL693" s="613"/>
      <c r="OVM693" s="613"/>
      <c r="OVN693" s="613"/>
      <c r="OVO693" s="613"/>
      <c r="OVP693" s="613"/>
      <c r="OVQ693" s="613"/>
      <c r="OVR693" s="613"/>
      <c r="OVS693" s="613"/>
      <c r="OVT693" s="613"/>
      <c r="OVU693" s="613"/>
      <c r="OVV693" s="613"/>
      <c r="OVW693" s="613"/>
      <c r="OVX693" s="613"/>
      <c r="OVY693" s="613"/>
      <c r="OVZ693" s="613"/>
      <c r="OWA693" s="613"/>
      <c r="OWB693" s="613"/>
      <c r="OWC693" s="613"/>
      <c r="OWD693" s="613"/>
      <c r="OWE693" s="613"/>
      <c r="OWF693" s="613"/>
      <c r="OWG693" s="613"/>
      <c r="OWH693" s="613"/>
      <c r="OWI693" s="613"/>
      <c r="OWJ693" s="613"/>
      <c r="OWK693" s="613"/>
      <c r="OWL693" s="613"/>
      <c r="OWM693" s="613"/>
      <c r="OWN693" s="613"/>
      <c r="OWO693" s="613"/>
      <c r="OWP693" s="613"/>
      <c r="OWQ693" s="613"/>
      <c r="OWR693" s="613"/>
      <c r="OWS693" s="613"/>
      <c r="OWT693" s="613"/>
      <c r="OWU693" s="613"/>
      <c r="OWV693" s="613"/>
      <c r="OWW693" s="613"/>
      <c r="OWX693" s="613"/>
      <c r="OWY693" s="613"/>
      <c r="OWZ693" s="613"/>
      <c r="OXA693" s="613"/>
      <c r="OXB693" s="613"/>
      <c r="OXC693" s="613"/>
      <c r="OXD693" s="613"/>
      <c r="OXE693" s="613"/>
      <c r="OXF693" s="613"/>
      <c r="OXG693" s="613"/>
      <c r="OXH693" s="613"/>
      <c r="OXI693" s="613"/>
      <c r="OXJ693" s="613"/>
      <c r="OXK693" s="613"/>
      <c r="OXL693" s="613"/>
      <c r="OXM693" s="613"/>
      <c r="OXN693" s="613"/>
      <c r="OXO693" s="613"/>
      <c r="OXP693" s="613"/>
      <c r="OXQ693" s="613"/>
      <c r="OXR693" s="613"/>
      <c r="OXS693" s="613"/>
      <c r="OXT693" s="613"/>
      <c r="OXU693" s="613"/>
      <c r="OXV693" s="613"/>
      <c r="OXW693" s="613"/>
      <c r="OXX693" s="613"/>
      <c r="OXY693" s="613"/>
      <c r="OXZ693" s="613"/>
      <c r="OYA693" s="613"/>
      <c r="OYB693" s="613"/>
      <c r="OYC693" s="613"/>
      <c r="OYD693" s="613"/>
      <c r="OYE693" s="613"/>
      <c r="OYF693" s="613"/>
      <c r="OYG693" s="613"/>
      <c r="OYH693" s="613"/>
      <c r="OYI693" s="613"/>
      <c r="OYJ693" s="613"/>
      <c r="OYK693" s="613"/>
      <c r="OYL693" s="613"/>
      <c r="OYM693" s="613"/>
      <c r="OYN693" s="613"/>
      <c r="OYO693" s="613"/>
      <c r="OYP693" s="613"/>
      <c r="OYQ693" s="613"/>
      <c r="OYR693" s="613"/>
      <c r="OYS693" s="613"/>
      <c r="OYT693" s="613"/>
      <c r="OYU693" s="613"/>
      <c r="OYV693" s="613"/>
      <c r="OYW693" s="613"/>
      <c r="OYX693" s="613"/>
      <c r="OYY693" s="613"/>
      <c r="OYZ693" s="613"/>
      <c r="OZA693" s="613"/>
      <c r="OZB693" s="613"/>
      <c r="OZC693" s="613"/>
      <c r="OZD693" s="613"/>
      <c r="OZE693" s="613"/>
      <c r="OZF693" s="613"/>
      <c r="OZG693" s="613"/>
      <c r="OZH693" s="613"/>
      <c r="OZI693" s="613"/>
      <c r="OZJ693" s="613"/>
      <c r="OZK693" s="613"/>
      <c r="OZL693" s="613"/>
      <c r="OZM693" s="613"/>
      <c r="OZN693" s="613"/>
      <c r="OZO693" s="613"/>
      <c r="OZP693" s="613"/>
      <c r="OZQ693" s="613"/>
      <c r="OZR693" s="613"/>
      <c r="OZS693" s="613"/>
      <c r="OZT693" s="613"/>
      <c r="OZU693" s="613"/>
      <c r="OZV693" s="613"/>
      <c r="OZW693" s="613"/>
      <c r="OZX693" s="613"/>
      <c r="OZY693" s="613"/>
      <c r="OZZ693" s="613"/>
      <c r="PAA693" s="613"/>
      <c r="PAB693" s="613"/>
      <c r="PAC693" s="613"/>
      <c r="PAD693" s="613"/>
      <c r="PAE693" s="613"/>
      <c r="PAF693" s="613"/>
      <c r="PAG693" s="613"/>
      <c r="PAH693" s="613"/>
      <c r="PAI693" s="613"/>
      <c r="PAJ693" s="613"/>
      <c r="PAK693" s="613"/>
      <c r="PAL693" s="613"/>
      <c r="PAM693" s="613"/>
      <c r="PAN693" s="613"/>
      <c r="PAO693" s="613"/>
      <c r="PAP693" s="613"/>
      <c r="PAQ693" s="613"/>
      <c r="PAR693" s="613"/>
      <c r="PAS693" s="613"/>
      <c r="PAT693" s="613"/>
      <c r="PAU693" s="613"/>
      <c r="PAV693" s="613"/>
      <c r="PAW693" s="613"/>
      <c r="PAX693" s="613"/>
      <c r="PAY693" s="613"/>
      <c r="PAZ693" s="613"/>
      <c r="PBA693" s="613"/>
      <c r="PBB693" s="613"/>
      <c r="PBC693" s="613"/>
      <c r="PBD693" s="613"/>
      <c r="PBE693" s="613"/>
      <c r="PBF693" s="613"/>
      <c r="PBG693" s="613"/>
      <c r="PBH693" s="613"/>
      <c r="PBI693" s="613"/>
      <c r="PBJ693" s="613"/>
      <c r="PBK693" s="613"/>
      <c r="PBL693" s="613"/>
      <c r="PBM693" s="613"/>
      <c r="PBN693" s="613"/>
      <c r="PBO693" s="613"/>
      <c r="PBP693" s="613"/>
      <c r="PBQ693" s="613"/>
      <c r="PBR693" s="613"/>
      <c r="PBS693" s="613"/>
      <c r="PBT693" s="613"/>
      <c r="PBU693" s="613"/>
      <c r="PBV693" s="613"/>
      <c r="PBW693" s="613"/>
      <c r="PBX693" s="613"/>
      <c r="PBY693" s="613"/>
      <c r="PBZ693" s="613"/>
      <c r="PCA693" s="613"/>
      <c r="PCB693" s="613"/>
      <c r="PCC693" s="613"/>
      <c r="PCD693" s="613"/>
      <c r="PCE693" s="613"/>
      <c r="PCF693" s="613"/>
      <c r="PCG693" s="613"/>
      <c r="PCH693" s="613"/>
      <c r="PCI693" s="613"/>
      <c r="PCJ693" s="613"/>
      <c r="PCK693" s="613"/>
      <c r="PCL693" s="613"/>
      <c r="PCM693" s="613"/>
      <c r="PCN693" s="613"/>
      <c r="PCO693" s="613"/>
      <c r="PCP693" s="613"/>
      <c r="PCQ693" s="613"/>
      <c r="PCR693" s="613"/>
      <c r="PCS693" s="613"/>
      <c r="PCT693" s="613"/>
      <c r="PCU693" s="613"/>
      <c r="PCV693" s="613"/>
      <c r="PCW693" s="613"/>
      <c r="PCX693" s="613"/>
      <c r="PCY693" s="613"/>
      <c r="PCZ693" s="613"/>
      <c r="PDA693" s="613"/>
      <c r="PDB693" s="613"/>
      <c r="PDC693" s="613"/>
      <c r="PDD693" s="613"/>
      <c r="PDE693" s="613"/>
      <c r="PDF693" s="613"/>
      <c r="PDG693" s="613"/>
      <c r="PDH693" s="613"/>
      <c r="PDI693" s="613"/>
      <c r="PDJ693" s="613"/>
      <c r="PDK693" s="613"/>
      <c r="PDL693" s="613"/>
      <c r="PDM693" s="613"/>
      <c r="PDN693" s="613"/>
      <c r="PDO693" s="613"/>
      <c r="PDP693" s="613"/>
      <c r="PDQ693" s="613"/>
      <c r="PDR693" s="613"/>
      <c r="PDS693" s="613"/>
      <c r="PDT693" s="613"/>
      <c r="PDU693" s="613"/>
      <c r="PDV693" s="613"/>
      <c r="PDW693" s="613"/>
      <c r="PDX693" s="613"/>
      <c r="PDY693" s="613"/>
      <c r="PDZ693" s="613"/>
      <c r="PEA693" s="613"/>
      <c r="PEB693" s="613"/>
      <c r="PEC693" s="613"/>
      <c r="PED693" s="613"/>
      <c r="PEE693" s="613"/>
      <c r="PEF693" s="613"/>
      <c r="PEG693" s="613"/>
      <c r="PEH693" s="613"/>
      <c r="PEI693" s="613"/>
      <c r="PEJ693" s="613"/>
      <c r="PEK693" s="613"/>
      <c r="PEL693" s="613"/>
      <c r="PEM693" s="613"/>
      <c r="PEN693" s="613"/>
      <c r="PEO693" s="613"/>
      <c r="PEP693" s="613"/>
      <c r="PEQ693" s="613"/>
      <c r="PER693" s="613"/>
      <c r="PES693" s="613"/>
      <c r="PET693" s="613"/>
      <c r="PEU693" s="613"/>
      <c r="PEV693" s="613"/>
      <c r="PEW693" s="613"/>
      <c r="PEX693" s="613"/>
      <c r="PEY693" s="613"/>
      <c r="PEZ693" s="613"/>
      <c r="PFA693" s="613"/>
      <c r="PFB693" s="613"/>
      <c r="PFC693" s="613"/>
      <c r="PFD693" s="613"/>
      <c r="PFE693" s="613"/>
      <c r="PFF693" s="613"/>
      <c r="PFG693" s="613"/>
      <c r="PFH693" s="613"/>
      <c r="PFI693" s="613"/>
      <c r="PFJ693" s="613"/>
      <c r="PFK693" s="613"/>
      <c r="PFL693" s="613"/>
      <c r="PFM693" s="613"/>
      <c r="PFN693" s="613"/>
      <c r="PFO693" s="613"/>
      <c r="PFP693" s="613"/>
      <c r="PFQ693" s="613"/>
      <c r="PFR693" s="613"/>
      <c r="PFS693" s="613"/>
      <c r="PFT693" s="613"/>
      <c r="PFU693" s="613"/>
      <c r="PFV693" s="613"/>
      <c r="PFW693" s="613"/>
      <c r="PFX693" s="613"/>
      <c r="PFY693" s="613"/>
      <c r="PFZ693" s="613"/>
      <c r="PGA693" s="613"/>
      <c r="PGB693" s="613"/>
      <c r="PGC693" s="613"/>
      <c r="PGD693" s="613"/>
      <c r="PGE693" s="613"/>
      <c r="PGF693" s="613"/>
      <c r="PGG693" s="613"/>
      <c r="PGH693" s="613"/>
      <c r="PGI693" s="613"/>
      <c r="PGJ693" s="613"/>
      <c r="PGK693" s="613"/>
      <c r="PGL693" s="613"/>
      <c r="PGM693" s="613"/>
      <c r="PGN693" s="613"/>
      <c r="PGO693" s="613"/>
      <c r="PGP693" s="613"/>
      <c r="PGQ693" s="613"/>
      <c r="PGR693" s="613"/>
      <c r="PGS693" s="613"/>
      <c r="PGT693" s="613"/>
      <c r="PGU693" s="613"/>
      <c r="PGV693" s="613"/>
      <c r="PGW693" s="613"/>
      <c r="PGX693" s="613"/>
      <c r="PGY693" s="613"/>
      <c r="PGZ693" s="613"/>
      <c r="PHA693" s="613"/>
      <c r="PHB693" s="613"/>
      <c r="PHC693" s="613"/>
      <c r="PHD693" s="613"/>
      <c r="PHE693" s="613"/>
      <c r="PHF693" s="613"/>
      <c r="PHG693" s="613"/>
      <c r="PHH693" s="613"/>
      <c r="PHI693" s="613"/>
      <c r="PHJ693" s="613"/>
      <c r="PHK693" s="613"/>
      <c r="PHL693" s="613"/>
      <c r="PHM693" s="613"/>
      <c r="PHN693" s="613"/>
      <c r="PHO693" s="613"/>
      <c r="PHP693" s="613"/>
      <c r="PHQ693" s="613"/>
      <c r="PHR693" s="613"/>
      <c r="PHS693" s="613"/>
      <c r="PHT693" s="613"/>
      <c r="PHU693" s="613"/>
      <c r="PHV693" s="613"/>
      <c r="PHW693" s="613"/>
      <c r="PHX693" s="613"/>
      <c r="PHY693" s="613"/>
      <c r="PHZ693" s="613"/>
      <c r="PIA693" s="613"/>
      <c r="PIB693" s="613"/>
      <c r="PIC693" s="613"/>
      <c r="PID693" s="613"/>
      <c r="PIE693" s="613"/>
      <c r="PIF693" s="613"/>
      <c r="PIG693" s="613"/>
      <c r="PIH693" s="613"/>
      <c r="PII693" s="613"/>
      <c r="PIJ693" s="613"/>
      <c r="PIK693" s="613"/>
      <c r="PIL693" s="613"/>
      <c r="PIM693" s="613"/>
      <c r="PIN693" s="613"/>
      <c r="PIO693" s="613"/>
      <c r="PIP693" s="613"/>
      <c r="PIQ693" s="613"/>
      <c r="PIR693" s="613"/>
      <c r="PIS693" s="613"/>
      <c r="PIT693" s="613"/>
      <c r="PIU693" s="613"/>
      <c r="PIV693" s="613"/>
      <c r="PIW693" s="613"/>
      <c r="PIX693" s="613"/>
      <c r="PIY693" s="613"/>
      <c r="PIZ693" s="613"/>
      <c r="PJA693" s="613"/>
      <c r="PJB693" s="613"/>
      <c r="PJC693" s="613"/>
      <c r="PJD693" s="613"/>
      <c r="PJE693" s="613"/>
      <c r="PJF693" s="613"/>
      <c r="PJG693" s="613"/>
      <c r="PJH693" s="613"/>
      <c r="PJI693" s="613"/>
      <c r="PJJ693" s="613"/>
      <c r="PJK693" s="613"/>
      <c r="PJL693" s="613"/>
      <c r="PJM693" s="613"/>
      <c r="PJN693" s="613"/>
      <c r="PJO693" s="613"/>
      <c r="PJP693" s="613"/>
      <c r="PJQ693" s="613"/>
      <c r="PJR693" s="613"/>
      <c r="PJS693" s="613"/>
      <c r="PJT693" s="613"/>
      <c r="PJU693" s="613"/>
      <c r="PJV693" s="613"/>
      <c r="PJW693" s="613"/>
      <c r="PJX693" s="613"/>
      <c r="PJY693" s="613"/>
      <c r="PJZ693" s="613"/>
      <c r="PKA693" s="613"/>
      <c r="PKB693" s="613"/>
      <c r="PKC693" s="613"/>
      <c r="PKD693" s="613"/>
      <c r="PKE693" s="613"/>
      <c r="PKF693" s="613"/>
      <c r="PKG693" s="613"/>
      <c r="PKH693" s="613"/>
      <c r="PKI693" s="613"/>
      <c r="PKJ693" s="613"/>
      <c r="PKK693" s="613"/>
      <c r="PKL693" s="613"/>
      <c r="PKM693" s="613"/>
      <c r="PKN693" s="613"/>
      <c r="PKO693" s="613"/>
      <c r="PKP693" s="613"/>
      <c r="PKQ693" s="613"/>
      <c r="PKR693" s="613"/>
      <c r="PKS693" s="613"/>
      <c r="PKT693" s="613"/>
      <c r="PKU693" s="613"/>
      <c r="PKV693" s="613"/>
      <c r="PKW693" s="613"/>
      <c r="PKX693" s="613"/>
      <c r="PKY693" s="613"/>
      <c r="PKZ693" s="613"/>
      <c r="PLA693" s="613"/>
      <c r="PLB693" s="613"/>
      <c r="PLC693" s="613"/>
      <c r="PLD693" s="613"/>
      <c r="PLE693" s="613"/>
      <c r="PLF693" s="613"/>
      <c r="PLG693" s="613"/>
      <c r="PLH693" s="613"/>
      <c r="PLI693" s="613"/>
      <c r="PLJ693" s="613"/>
      <c r="PLK693" s="613"/>
      <c r="PLL693" s="613"/>
      <c r="PLM693" s="613"/>
      <c r="PLN693" s="613"/>
      <c r="PLO693" s="613"/>
      <c r="PLP693" s="613"/>
      <c r="PLQ693" s="613"/>
      <c r="PLR693" s="613"/>
      <c r="PLS693" s="613"/>
      <c r="PLT693" s="613"/>
      <c r="PLU693" s="613"/>
      <c r="PLV693" s="613"/>
      <c r="PLW693" s="613"/>
      <c r="PLX693" s="613"/>
      <c r="PLY693" s="613"/>
      <c r="PLZ693" s="613"/>
      <c r="PMA693" s="613"/>
      <c r="PMB693" s="613"/>
      <c r="PMC693" s="613"/>
      <c r="PMD693" s="613"/>
      <c r="PME693" s="613"/>
      <c r="PMF693" s="613"/>
      <c r="PMG693" s="613"/>
      <c r="PMH693" s="613"/>
      <c r="PMI693" s="613"/>
      <c r="PMJ693" s="613"/>
      <c r="PMK693" s="613"/>
      <c r="PML693" s="613"/>
      <c r="PMM693" s="613"/>
      <c r="PMN693" s="613"/>
      <c r="PMO693" s="613"/>
      <c r="PMP693" s="613"/>
      <c r="PMQ693" s="613"/>
      <c r="PMR693" s="613"/>
      <c r="PMS693" s="613"/>
      <c r="PMT693" s="613"/>
      <c r="PMU693" s="613"/>
      <c r="PMV693" s="613"/>
      <c r="PMW693" s="613"/>
      <c r="PMX693" s="613"/>
      <c r="PMY693" s="613"/>
      <c r="PMZ693" s="613"/>
      <c r="PNA693" s="613"/>
      <c r="PNB693" s="613"/>
      <c r="PNC693" s="613"/>
      <c r="PND693" s="613"/>
      <c r="PNE693" s="613"/>
      <c r="PNF693" s="613"/>
      <c r="PNG693" s="613"/>
      <c r="PNH693" s="613"/>
      <c r="PNI693" s="613"/>
      <c r="PNJ693" s="613"/>
      <c r="PNK693" s="613"/>
      <c r="PNL693" s="613"/>
      <c r="PNM693" s="613"/>
      <c r="PNN693" s="613"/>
      <c r="PNO693" s="613"/>
      <c r="PNP693" s="613"/>
      <c r="PNQ693" s="613"/>
      <c r="PNR693" s="613"/>
      <c r="PNS693" s="613"/>
      <c r="PNT693" s="613"/>
      <c r="PNU693" s="613"/>
      <c r="PNV693" s="613"/>
      <c r="PNW693" s="613"/>
      <c r="PNX693" s="613"/>
      <c r="PNY693" s="613"/>
      <c r="PNZ693" s="613"/>
      <c r="POA693" s="613"/>
      <c r="POB693" s="613"/>
      <c r="POC693" s="613"/>
      <c r="POD693" s="613"/>
      <c r="POE693" s="613"/>
      <c r="POF693" s="613"/>
      <c r="POG693" s="613"/>
      <c r="POH693" s="613"/>
      <c r="POI693" s="613"/>
      <c r="POJ693" s="613"/>
      <c r="POK693" s="613"/>
      <c r="POL693" s="613"/>
      <c r="POM693" s="613"/>
      <c r="PON693" s="613"/>
      <c r="POO693" s="613"/>
      <c r="POP693" s="613"/>
      <c r="POQ693" s="613"/>
      <c r="POR693" s="613"/>
      <c r="POS693" s="613"/>
      <c r="POT693" s="613"/>
      <c r="POU693" s="613"/>
      <c r="POV693" s="613"/>
      <c r="POW693" s="613"/>
      <c r="POX693" s="613"/>
      <c r="POY693" s="613"/>
      <c r="POZ693" s="613"/>
      <c r="PPA693" s="613"/>
      <c r="PPB693" s="613"/>
      <c r="PPC693" s="613"/>
      <c r="PPD693" s="613"/>
      <c r="PPE693" s="613"/>
      <c r="PPF693" s="613"/>
      <c r="PPG693" s="613"/>
      <c r="PPH693" s="613"/>
      <c r="PPI693" s="613"/>
      <c r="PPJ693" s="613"/>
      <c r="PPK693" s="613"/>
      <c r="PPL693" s="613"/>
      <c r="PPM693" s="613"/>
      <c r="PPN693" s="613"/>
      <c r="PPO693" s="613"/>
      <c r="PPP693" s="613"/>
      <c r="PPQ693" s="613"/>
      <c r="PPR693" s="613"/>
      <c r="PPS693" s="613"/>
      <c r="PPT693" s="613"/>
      <c r="PPU693" s="613"/>
      <c r="PPV693" s="613"/>
      <c r="PPW693" s="613"/>
      <c r="PPX693" s="613"/>
      <c r="PPY693" s="613"/>
      <c r="PPZ693" s="613"/>
      <c r="PQA693" s="613"/>
      <c r="PQB693" s="613"/>
      <c r="PQC693" s="613"/>
      <c r="PQD693" s="613"/>
      <c r="PQE693" s="613"/>
      <c r="PQF693" s="613"/>
      <c r="PQG693" s="613"/>
      <c r="PQH693" s="613"/>
      <c r="PQI693" s="613"/>
      <c r="PQJ693" s="613"/>
      <c r="PQK693" s="613"/>
      <c r="PQL693" s="613"/>
      <c r="PQM693" s="613"/>
      <c r="PQN693" s="613"/>
      <c r="PQO693" s="613"/>
      <c r="PQP693" s="613"/>
      <c r="PQQ693" s="613"/>
      <c r="PQR693" s="613"/>
      <c r="PQS693" s="613"/>
      <c r="PQT693" s="613"/>
      <c r="PQU693" s="613"/>
      <c r="PQV693" s="613"/>
      <c r="PQW693" s="613"/>
      <c r="PQX693" s="613"/>
      <c r="PQY693" s="613"/>
      <c r="PQZ693" s="613"/>
      <c r="PRA693" s="613"/>
      <c r="PRB693" s="613"/>
      <c r="PRC693" s="613"/>
      <c r="PRD693" s="613"/>
      <c r="PRE693" s="613"/>
      <c r="PRF693" s="613"/>
      <c r="PRG693" s="613"/>
      <c r="PRH693" s="613"/>
      <c r="PRI693" s="613"/>
      <c r="PRJ693" s="613"/>
      <c r="PRK693" s="613"/>
      <c r="PRL693" s="613"/>
      <c r="PRM693" s="613"/>
      <c r="PRN693" s="613"/>
      <c r="PRO693" s="613"/>
      <c r="PRP693" s="613"/>
      <c r="PRQ693" s="613"/>
      <c r="PRR693" s="613"/>
      <c r="PRS693" s="613"/>
      <c r="PRT693" s="613"/>
      <c r="PRU693" s="613"/>
      <c r="PRV693" s="613"/>
      <c r="PRW693" s="613"/>
      <c r="PRX693" s="613"/>
      <c r="PRY693" s="613"/>
      <c r="PRZ693" s="613"/>
      <c r="PSA693" s="613"/>
      <c r="PSB693" s="613"/>
      <c r="PSC693" s="613"/>
      <c r="PSD693" s="613"/>
      <c r="PSE693" s="613"/>
      <c r="PSF693" s="613"/>
      <c r="PSG693" s="613"/>
      <c r="PSH693" s="613"/>
      <c r="PSI693" s="613"/>
      <c r="PSJ693" s="613"/>
      <c r="PSK693" s="613"/>
      <c r="PSL693" s="613"/>
      <c r="PSM693" s="613"/>
      <c r="PSN693" s="613"/>
      <c r="PSO693" s="613"/>
      <c r="PSP693" s="613"/>
      <c r="PSQ693" s="613"/>
      <c r="PSR693" s="613"/>
      <c r="PSS693" s="613"/>
      <c r="PST693" s="613"/>
      <c r="PSU693" s="613"/>
      <c r="PSV693" s="613"/>
      <c r="PSW693" s="613"/>
      <c r="PSX693" s="613"/>
      <c r="PSY693" s="613"/>
      <c r="PSZ693" s="613"/>
      <c r="PTA693" s="613"/>
      <c r="PTB693" s="613"/>
      <c r="PTC693" s="613"/>
      <c r="PTD693" s="613"/>
      <c r="PTE693" s="613"/>
      <c r="PTF693" s="613"/>
      <c r="PTG693" s="613"/>
      <c r="PTH693" s="613"/>
      <c r="PTI693" s="613"/>
      <c r="PTJ693" s="613"/>
      <c r="PTK693" s="613"/>
      <c r="PTL693" s="613"/>
      <c r="PTM693" s="613"/>
      <c r="PTN693" s="613"/>
      <c r="PTO693" s="613"/>
      <c r="PTP693" s="613"/>
      <c r="PTQ693" s="613"/>
      <c r="PTR693" s="613"/>
      <c r="PTS693" s="613"/>
      <c r="PTT693" s="613"/>
      <c r="PTU693" s="613"/>
      <c r="PTV693" s="613"/>
      <c r="PTW693" s="613"/>
      <c r="PTX693" s="613"/>
      <c r="PTY693" s="613"/>
      <c r="PTZ693" s="613"/>
      <c r="PUA693" s="613"/>
      <c r="PUB693" s="613"/>
      <c r="PUC693" s="613"/>
      <c r="PUD693" s="613"/>
      <c r="PUE693" s="613"/>
      <c r="PUF693" s="613"/>
      <c r="PUG693" s="613"/>
      <c r="PUH693" s="613"/>
      <c r="PUI693" s="613"/>
      <c r="PUJ693" s="613"/>
      <c r="PUK693" s="613"/>
      <c r="PUL693" s="613"/>
      <c r="PUM693" s="613"/>
      <c r="PUN693" s="613"/>
      <c r="PUO693" s="613"/>
      <c r="PUP693" s="613"/>
      <c r="PUQ693" s="613"/>
      <c r="PUR693" s="613"/>
      <c r="PUS693" s="613"/>
      <c r="PUT693" s="613"/>
      <c r="PUU693" s="613"/>
      <c r="PUV693" s="613"/>
      <c r="PUW693" s="613"/>
      <c r="PUX693" s="613"/>
      <c r="PUY693" s="613"/>
      <c r="PUZ693" s="613"/>
      <c r="PVA693" s="613"/>
      <c r="PVB693" s="613"/>
      <c r="PVC693" s="613"/>
      <c r="PVD693" s="613"/>
      <c r="PVE693" s="613"/>
      <c r="PVF693" s="613"/>
      <c r="PVG693" s="613"/>
      <c r="PVH693" s="613"/>
      <c r="PVI693" s="613"/>
      <c r="PVJ693" s="613"/>
      <c r="PVK693" s="613"/>
      <c r="PVL693" s="613"/>
      <c r="PVM693" s="613"/>
      <c r="PVN693" s="613"/>
      <c r="PVO693" s="613"/>
      <c r="PVP693" s="613"/>
      <c r="PVQ693" s="613"/>
      <c r="PVR693" s="613"/>
      <c r="PVS693" s="613"/>
      <c r="PVT693" s="613"/>
      <c r="PVU693" s="613"/>
      <c r="PVV693" s="613"/>
      <c r="PVW693" s="613"/>
      <c r="PVX693" s="613"/>
      <c r="PVY693" s="613"/>
      <c r="PVZ693" s="613"/>
      <c r="PWA693" s="613"/>
      <c r="PWB693" s="613"/>
      <c r="PWC693" s="613"/>
      <c r="PWD693" s="613"/>
      <c r="PWE693" s="613"/>
      <c r="PWF693" s="613"/>
      <c r="PWG693" s="613"/>
      <c r="PWH693" s="613"/>
      <c r="PWI693" s="613"/>
      <c r="PWJ693" s="613"/>
      <c r="PWK693" s="613"/>
      <c r="PWL693" s="613"/>
      <c r="PWM693" s="613"/>
      <c r="PWN693" s="613"/>
      <c r="PWO693" s="613"/>
      <c r="PWP693" s="613"/>
      <c r="PWQ693" s="613"/>
      <c r="PWR693" s="613"/>
      <c r="PWS693" s="613"/>
      <c r="PWT693" s="613"/>
      <c r="PWU693" s="613"/>
      <c r="PWV693" s="613"/>
      <c r="PWW693" s="613"/>
      <c r="PWX693" s="613"/>
      <c r="PWY693" s="613"/>
      <c r="PWZ693" s="613"/>
      <c r="PXA693" s="613"/>
      <c r="PXB693" s="613"/>
      <c r="PXC693" s="613"/>
      <c r="PXD693" s="613"/>
      <c r="PXE693" s="613"/>
      <c r="PXF693" s="613"/>
      <c r="PXG693" s="613"/>
      <c r="PXH693" s="613"/>
      <c r="PXI693" s="613"/>
      <c r="PXJ693" s="613"/>
      <c r="PXK693" s="613"/>
      <c r="PXL693" s="613"/>
      <c r="PXM693" s="613"/>
      <c r="PXN693" s="613"/>
      <c r="PXO693" s="613"/>
      <c r="PXP693" s="613"/>
      <c r="PXQ693" s="613"/>
      <c r="PXR693" s="613"/>
      <c r="PXS693" s="613"/>
      <c r="PXT693" s="613"/>
      <c r="PXU693" s="613"/>
      <c r="PXV693" s="613"/>
      <c r="PXW693" s="613"/>
      <c r="PXX693" s="613"/>
      <c r="PXY693" s="613"/>
      <c r="PXZ693" s="613"/>
      <c r="PYA693" s="613"/>
      <c r="PYB693" s="613"/>
      <c r="PYC693" s="613"/>
      <c r="PYD693" s="613"/>
      <c r="PYE693" s="613"/>
      <c r="PYF693" s="613"/>
      <c r="PYG693" s="613"/>
      <c r="PYH693" s="613"/>
      <c r="PYI693" s="613"/>
      <c r="PYJ693" s="613"/>
      <c r="PYK693" s="613"/>
      <c r="PYL693" s="613"/>
      <c r="PYM693" s="613"/>
      <c r="PYN693" s="613"/>
      <c r="PYO693" s="613"/>
      <c r="PYP693" s="613"/>
      <c r="PYQ693" s="613"/>
      <c r="PYR693" s="613"/>
      <c r="PYS693" s="613"/>
      <c r="PYT693" s="613"/>
      <c r="PYU693" s="613"/>
      <c r="PYV693" s="613"/>
      <c r="PYW693" s="613"/>
      <c r="PYX693" s="613"/>
      <c r="PYY693" s="613"/>
      <c r="PYZ693" s="613"/>
      <c r="PZA693" s="613"/>
      <c r="PZB693" s="613"/>
      <c r="PZC693" s="613"/>
      <c r="PZD693" s="613"/>
      <c r="PZE693" s="613"/>
      <c r="PZF693" s="613"/>
      <c r="PZG693" s="613"/>
      <c r="PZH693" s="613"/>
      <c r="PZI693" s="613"/>
      <c r="PZJ693" s="613"/>
      <c r="PZK693" s="613"/>
      <c r="PZL693" s="613"/>
      <c r="PZM693" s="613"/>
      <c r="PZN693" s="613"/>
      <c r="PZO693" s="613"/>
      <c r="PZP693" s="613"/>
      <c r="PZQ693" s="613"/>
      <c r="PZR693" s="613"/>
      <c r="PZS693" s="613"/>
      <c r="PZT693" s="613"/>
      <c r="PZU693" s="613"/>
      <c r="PZV693" s="613"/>
      <c r="PZW693" s="613"/>
      <c r="PZX693" s="613"/>
      <c r="PZY693" s="613"/>
      <c r="PZZ693" s="613"/>
      <c r="QAA693" s="613"/>
      <c r="QAB693" s="613"/>
      <c r="QAC693" s="613"/>
      <c r="QAD693" s="613"/>
      <c r="QAE693" s="613"/>
      <c r="QAF693" s="613"/>
      <c r="QAG693" s="613"/>
      <c r="QAH693" s="613"/>
      <c r="QAI693" s="613"/>
      <c r="QAJ693" s="613"/>
      <c r="QAK693" s="613"/>
      <c r="QAL693" s="613"/>
      <c r="QAM693" s="613"/>
      <c r="QAN693" s="613"/>
      <c r="QAO693" s="613"/>
      <c r="QAP693" s="613"/>
      <c r="QAQ693" s="613"/>
      <c r="QAR693" s="613"/>
      <c r="QAS693" s="613"/>
      <c r="QAT693" s="613"/>
      <c r="QAU693" s="613"/>
      <c r="QAV693" s="613"/>
      <c r="QAW693" s="613"/>
      <c r="QAX693" s="613"/>
      <c r="QAY693" s="613"/>
      <c r="QAZ693" s="613"/>
      <c r="QBA693" s="613"/>
      <c r="QBB693" s="613"/>
      <c r="QBC693" s="613"/>
      <c r="QBD693" s="613"/>
      <c r="QBE693" s="613"/>
      <c r="QBF693" s="613"/>
      <c r="QBG693" s="613"/>
      <c r="QBH693" s="613"/>
      <c r="QBI693" s="613"/>
      <c r="QBJ693" s="613"/>
      <c r="QBK693" s="613"/>
      <c r="QBL693" s="613"/>
      <c r="QBM693" s="613"/>
      <c r="QBN693" s="613"/>
      <c r="QBO693" s="613"/>
      <c r="QBP693" s="613"/>
      <c r="QBQ693" s="613"/>
      <c r="QBR693" s="613"/>
      <c r="QBS693" s="613"/>
      <c r="QBT693" s="613"/>
      <c r="QBU693" s="613"/>
      <c r="QBV693" s="613"/>
      <c r="QBW693" s="613"/>
      <c r="QBX693" s="613"/>
      <c r="QBY693" s="613"/>
      <c r="QBZ693" s="613"/>
      <c r="QCA693" s="613"/>
      <c r="QCB693" s="613"/>
      <c r="QCC693" s="613"/>
      <c r="QCD693" s="613"/>
      <c r="QCE693" s="613"/>
      <c r="QCF693" s="613"/>
      <c r="QCG693" s="613"/>
      <c r="QCH693" s="613"/>
      <c r="QCI693" s="613"/>
      <c r="QCJ693" s="613"/>
      <c r="QCK693" s="613"/>
      <c r="QCL693" s="613"/>
      <c r="QCM693" s="613"/>
      <c r="QCN693" s="613"/>
      <c r="QCO693" s="613"/>
      <c r="QCP693" s="613"/>
      <c r="QCQ693" s="613"/>
      <c r="QCR693" s="613"/>
      <c r="QCS693" s="613"/>
      <c r="QCT693" s="613"/>
      <c r="QCU693" s="613"/>
      <c r="QCV693" s="613"/>
      <c r="QCW693" s="613"/>
      <c r="QCX693" s="613"/>
      <c r="QCY693" s="613"/>
      <c r="QCZ693" s="613"/>
      <c r="QDA693" s="613"/>
      <c r="QDB693" s="613"/>
      <c r="QDC693" s="613"/>
      <c r="QDD693" s="613"/>
      <c r="QDE693" s="613"/>
      <c r="QDF693" s="613"/>
      <c r="QDG693" s="613"/>
      <c r="QDH693" s="613"/>
      <c r="QDI693" s="613"/>
      <c r="QDJ693" s="613"/>
      <c r="QDK693" s="613"/>
      <c r="QDL693" s="613"/>
      <c r="QDM693" s="613"/>
      <c r="QDN693" s="613"/>
      <c r="QDO693" s="613"/>
      <c r="QDP693" s="613"/>
      <c r="QDQ693" s="613"/>
      <c r="QDR693" s="613"/>
      <c r="QDS693" s="613"/>
      <c r="QDT693" s="613"/>
      <c r="QDU693" s="613"/>
      <c r="QDV693" s="613"/>
      <c r="QDW693" s="613"/>
      <c r="QDX693" s="613"/>
      <c r="QDY693" s="613"/>
      <c r="QDZ693" s="613"/>
      <c r="QEA693" s="613"/>
      <c r="QEB693" s="613"/>
      <c r="QEC693" s="613"/>
      <c r="QED693" s="613"/>
      <c r="QEE693" s="613"/>
      <c r="QEF693" s="613"/>
      <c r="QEG693" s="613"/>
      <c r="QEH693" s="613"/>
      <c r="QEI693" s="613"/>
      <c r="QEJ693" s="613"/>
      <c r="QEK693" s="613"/>
      <c r="QEL693" s="613"/>
      <c r="QEM693" s="613"/>
      <c r="QEN693" s="613"/>
      <c r="QEO693" s="613"/>
      <c r="QEP693" s="613"/>
      <c r="QEQ693" s="613"/>
      <c r="QER693" s="613"/>
      <c r="QES693" s="613"/>
      <c r="QET693" s="613"/>
      <c r="QEU693" s="613"/>
      <c r="QEV693" s="613"/>
      <c r="QEW693" s="613"/>
      <c r="QEX693" s="613"/>
      <c r="QEY693" s="613"/>
      <c r="QEZ693" s="613"/>
      <c r="QFA693" s="613"/>
      <c r="QFB693" s="613"/>
      <c r="QFC693" s="613"/>
      <c r="QFD693" s="613"/>
      <c r="QFE693" s="613"/>
      <c r="QFF693" s="613"/>
      <c r="QFG693" s="613"/>
      <c r="QFH693" s="613"/>
      <c r="QFI693" s="613"/>
      <c r="QFJ693" s="613"/>
      <c r="QFK693" s="613"/>
      <c r="QFL693" s="613"/>
      <c r="QFM693" s="613"/>
      <c r="QFN693" s="613"/>
      <c r="QFO693" s="613"/>
      <c r="QFP693" s="613"/>
      <c r="QFQ693" s="613"/>
      <c r="QFR693" s="613"/>
      <c r="QFS693" s="613"/>
      <c r="QFT693" s="613"/>
      <c r="QFU693" s="613"/>
      <c r="QFV693" s="613"/>
      <c r="QFW693" s="613"/>
      <c r="QFX693" s="613"/>
      <c r="QFY693" s="613"/>
      <c r="QFZ693" s="613"/>
      <c r="QGA693" s="613"/>
      <c r="QGB693" s="613"/>
      <c r="QGC693" s="613"/>
      <c r="QGD693" s="613"/>
      <c r="QGE693" s="613"/>
      <c r="QGF693" s="613"/>
      <c r="QGG693" s="613"/>
      <c r="QGH693" s="613"/>
      <c r="QGI693" s="613"/>
      <c r="QGJ693" s="613"/>
      <c r="QGK693" s="613"/>
      <c r="QGL693" s="613"/>
      <c r="QGM693" s="613"/>
      <c r="QGN693" s="613"/>
      <c r="QGO693" s="613"/>
      <c r="QGP693" s="613"/>
      <c r="QGQ693" s="613"/>
      <c r="QGR693" s="613"/>
      <c r="QGS693" s="613"/>
      <c r="QGT693" s="613"/>
      <c r="QGU693" s="613"/>
      <c r="QGV693" s="613"/>
      <c r="QGW693" s="613"/>
      <c r="QGX693" s="613"/>
      <c r="QGY693" s="613"/>
      <c r="QGZ693" s="613"/>
      <c r="QHA693" s="613"/>
      <c r="QHB693" s="613"/>
      <c r="QHC693" s="613"/>
      <c r="QHD693" s="613"/>
      <c r="QHE693" s="613"/>
      <c r="QHF693" s="613"/>
      <c r="QHG693" s="613"/>
      <c r="QHH693" s="613"/>
      <c r="QHI693" s="613"/>
      <c r="QHJ693" s="613"/>
      <c r="QHK693" s="613"/>
      <c r="QHL693" s="613"/>
      <c r="QHM693" s="613"/>
      <c r="QHN693" s="613"/>
      <c r="QHO693" s="613"/>
      <c r="QHP693" s="613"/>
      <c r="QHQ693" s="613"/>
      <c r="QHR693" s="613"/>
      <c r="QHS693" s="613"/>
      <c r="QHT693" s="613"/>
      <c r="QHU693" s="613"/>
      <c r="QHV693" s="613"/>
      <c r="QHW693" s="613"/>
      <c r="QHX693" s="613"/>
      <c r="QHY693" s="613"/>
      <c r="QHZ693" s="613"/>
      <c r="QIA693" s="613"/>
      <c r="QIB693" s="613"/>
      <c r="QIC693" s="613"/>
      <c r="QID693" s="613"/>
      <c r="QIE693" s="613"/>
      <c r="QIF693" s="613"/>
      <c r="QIG693" s="613"/>
      <c r="QIH693" s="613"/>
      <c r="QII693" s="613"/>
      <c r="QIJ693" s="613"/>
      <c r="QIK693" s="613"/>
      <c r="QIL693" s="613"/>
      <c r="QIM693" s="613"/>
      <c r="QIN693" s="613"/>
      <c r="QIO693" s="613"/>
      <c r="QIP693" s="613"/>
      <c r="QIQ693" s="613"/>
      <c r="QIR693" s="613"/>
      <c r="QIS693" s="613"/>
      <c r="QIT693" s="613"/>
      <c r="QIU693" s="613"/>
      <c r="QIV693" s="613"/>
      <c r="QIW693" s="613"/>
      <c r="QIX693" s="613"/>
      <c r="QIY693" s="613"/>
      <c r="QIZ693" s="613"/>
      <c r="QJA693" s="613"/>
      <c r="QJB693" s="613"/>
      <c r="QJC693" s="613"/>
      <c r="QJD693" s="613"/>
      <c r="QJE693" s="613"/>
      <c r="QJF693" s="613"/>
      <c r="QJG693" s="613"/>
      <c r="QJH693" s="613"/>
      <c r="QJI693" s="613"/>
      <c r="QJJ693" s="613"/>
      <c r="QJK693" s="613"/>
      <c r="QJL693" s="613"/>
      <c r="QJM693" s="613"/>
      <c r="QJN693" s="613"/>
      <c r="QJO693" s="613"/>
      <c r="QJP693" s="613"/>
      <c r="QJQ693" s="613"/>
      <c r="QJR693" s="613"/>
      <c r="QJS693" s="613"/>
      <c r="QJT693" s="613"/>
      <c r="QJU693" s="613"/>
      <c r="QJV693" s="613"/>
      <c r="QJW693" s="613"/>
      <c r="QJX693" s="613"/>
      <c r="QJY693" s="613"/>
      <c r="QJZ693" s="613"/>
      <c r="QKA693" s="613"/>
      <c r="QKB693" s="613"/>
      <c r="QKC693" s="613"/>
      <c r="QKD693" s="613"/>
      <c r="QKE693" s="613"/>
      <c r="QKF693" s="613"/>
      <c r="QKG693" s="613"/>
      <c r="QKH693" s="613"/>
      <c r="QKI693" s="613"/>
      <c r="QKJ693" s="613"/>
      <c r="QKK693" s="613"/>
      <c r="QKL693" s="613"/>
      <c r="QKM693" s="613"/>
      <c r="QKN693" s="613"/>
      <c r="QKO693" s="613"/>
      <c r="QKP693" s="613"/>
      <c r="QKQ693" s="613"/>
      <c r="QKR693" s="613"/>
      <c r="QKS693" s="613"/>
      <c r="QKT693" s="613"/>
      <c r="QKU693" s="613"/>
      <c r="QKV693" s="613"/>
      <c r="QKW693" s="613"/>
      <c r="QKX693" s="613"/>
      <c r="QKY693" s="613"/>
      <c r="QKZ693" s="613"/>
      <c r="QLA693" s="613"/>
      <c r="QLB693" s="613"/>
      <c r="QLC693" s="613"/>
      <c r="QLD693" s="613"/>
      <c r="QLE693" s="613"/>
      <c r="QLF693" s="613"/>
      <c r="QLG693" s="613"/>
      <c r="QLH693" s="613"/>
      <c r="QLI693" s="613"/>
      <c r="QLJ693" s="613"/>
      <c r="QLK693" s="613"/>
      <c r="QLL693" s="613"/>
      <c r="QLM693" s="613"/>
      <c r="QLN693" s="613"/>
      <c r="QLO693" s="613"/>
      <c r="QLP693" s="613"/>
      <c r="QLQ693" s="613"/>
      <c r="QLR693" s="613"/>
      <c r="QLS693" s="613"/>
      <c r="QLT693" s="613"/>
      <c r="QLU693" s="613"/>
      <c r="QLV693" s="613"/>
      <c r="QLW693" s="613"/>
      <c r="QLX693" s="613"/>
      <c r="QLY693" s="613"/>
      <c r="QLZ693" s="613"/>
      <c r="QMA693" s="613"/>
      <c r="QMB693" s="613"/>
      <c r="QMC693" s="613"/>
      <c r="QMD693" s="613"/>
      <c r="QME693" s="613"/>
      <c r="QMF693" s="613"/>
      <c r="QMG693" s="613"/>
      <c r="QMH693" s="613"/>
      <c r="QMI693" s="613"/>
      <c r="QMJ693" s="613"/>
      <c r="QMK693" s="613"/>
      <c r="QML693" s="613"/>
      <c r="QMM693" s="613"/>
      <c r="QMN693" s="613"/>
      <c r="QMO693" s="613"/>
      <c r="QMP693" s="613"/>
      <c r="QMQ693" s="613"/>
      <c r="QMR693" s="613"/>
      <c r="QMS693" s="613"/>
      <c r="QMT693" s="613"/>
      <c r="QMU693" s="613"/>
      <c r="QMV693" s="613"/>
      <c r="QMW693" s="613"/>
      <c r="QMX693" s="613"/>
      <c r="QMY693" s="613"/>
      <c r="QMZ693" s="613"/>
      <c r="QNA693" s="613"/>
      <c r="QNB693" s="613"/>
      <c r="QNC693" s="613"/>
      <c r="QND693" s="613"/>
      <c r="QNE693" s="613"/>
      <c r="QNF693" s="613"/>
      <c r="QNG693" s="613"/>
      <c r="QNH693" s="613"/>
      <c r="QNI693" s="613"/>
      <c r="QNJ693" s="613"/>
      <c r="QNK693" s="613"/>
      <c r="QNL693" s="613"/>
      <c r="QNM693" s="613"/>
      <c r="QNN693" s="613"/>
      <c r="QNO693" s="613"/>
      <c r="QNP693" s="613"/>
      <c r="QNQ693" s="613"/>
      <c r="QNR693" s="613"/>
      <c r="QNS693" s="613"/>
      <c r="QNT693" s="613"/>
      <c r="QNU693" s="613"/>
      <c r="QNV693" s="613"/>
      <c r="QNW693" s="613"/>
      <c r="QNX693" s="613"/>
      <c r="QNY693" s="613"/>
      <c r="QNZ693" s="613"/>
      <c r="QOA693" s="613"/>
      <c r="QOB693" s="613"/>
      <c r="QOC693" s="613"/>
      <c r="QOD693" s="613"/>
      <c r="QOE693" s="613"/>
      <c r="QOF693" s="613"/>
      <c r="QOG693" s="613"/>
      <c r="QOH693" s="613"/>
      <c r="QOI693" s="613"/>
      <c r="QOJ693" s="613"/>
      <c r="QOK693" s="613"/>
      <c r="QOL693" s="613"/>
      <c r="QOM693" s="613"/>
      <c r="QON693" s="613"/>
      <c r="QOO693" s="613"/>
      <c r="QOP693" s="613"/>
      <c r="QOQ693" s="613"/>
      <c r="QOR693" s="613"/>
      <c r="QOS693" s="613"/>
      <c r="QOT693" s="613"/>
      <c r="QOU693" s="613"/>
      <c r="QOV693" s="613"/>
      <c r="QOW693" s="613"/>
      <c r="QOX693" s="613"/>
      <c r="QOY693" s="613"/>
      <c r="QOZ693" s="613"/>
      <c r="QPA693" s="613"/>
      <c r="QPB693" s="613"/>
      <c r="QPC693" s="613"/>
      <c r="QPD693" s="613"/>
      <c r="QPE693" s="613"/>
      <c r="QPF693" s="613"/>
      <c r="QPG693" s="613"/>
      <c r="QPH693" s="613"/>
      <c r="QPI693" s="613"/>
      <c r="QPJ693" s="613"/>
      <c r="QPK693" s="613"/>
      <c r="QPL693" s="613"/>
      <c r="QPM693" s="613"/>
      <c r="QPN693" s="613"/>
      <c r="QPO693" s="613"/>
      <c r="QPP693" s="613"/>
      <c r="QPQ693" s="613"/>
      <c r="QPR693" s="613"/>
      <c r="QPS693" s="613"/>
      <c r="QPT693" s="613"/>
      <c r="QPU693" s="613"/>
      <c r="QPV693" s="613"/>
      <c r="QPW693" s="613"/>
      <c r="QPX693" s="613"/>
      <c r="QPY693" s="613"/>
      <c r="QPZ693" s="613"/>
      <c r="QQA693" s="613"/>
      <c r="QQB693" s="613"/>
      <c r="QQC693" s="613"/>
      <c r="QQD693" s="613"/>
      <c r="QQE693" s="613"/>
      <c r="QQF693" s="613"/>
      <c r="QQG693" s="613"/>
      <c r="QQH693" s="613"/>
      <c r="QQI693" s="613"/>
      <c r="QQJ693" s="613"/>
      <c r="QQK693" s="613"/>
      <c r="QQL693" s="613"/>
      <c r="QQM693" s="613"/>
      <c r="QQN693" s="613"/>
      <c r="QQO693" s="613"/>
      <c r="QQP693" s="613"/>
      <c r="QQQ693" s="613"/>
      <c r="QQR693" s="613"/>
      <c r="QQS693" s="613"/>
      <c r="QQT693" s="613"/>
      <c r="QQU693" s="613"/>
      <c r="QQV693" s="613"/>
      <c r="QQW693" s="613"/>
      <c r="QQX693" s="613"/>
      <c r="QQY693" s="613"/>
      <c r="QQZ693" s="613"/>
      <c r="QRA693" s="613"/>
      <c r="QRB693" s="613"/>
      <c r="QRC693" s="613"/>
      <c r="QRD693" s="613"/>
      <c r="QRE693" s="613"/>
      <c r="QRF693" s="613"/>
      <c r="QRG693" s="613"/>
      <c r="QRH693" s="613"/>
      <c r="QRI693" s="613"/>
      <c r="QRJ693" s="613"/>
      <c r="QRK693" s="613"/>
      <c r="QRL693" s="613"/>
      <c r="QRM693" s="613"/>
      <c r="QRN693" s="613"/>
      <c r="QRO693" s="613"/>
      <c r="QRP693" s="613"/>
      <c r="QRQ693" s="613"/>
      <c r="QRR693" s="613"/>
      <c r="QRS693" s="613"/>
      <c r="QRT693" s="613"/>
      <c r="QRU693" s="613"/>
      <c r="QRV693" s="613"/>
      <c r="QRW693" s="613"/>
      <c r="QRX693" s="613"/>
      <c r="QRY693" s="613"/>
      <c r="QRZ693" s="613"/>
      <c r="QSA693" s="613"/>
      <c r="QSB693" s="613"/>
      <c r="QSC693" s="613"/>
      <c r="QSD693" s="613"/>
      <c r="QSE693" s="613"/>
      <c r="QSF693" s="613"/>
      <c r="QSG693" s="613"/>
      <c r="QSH693" s="613"/>
      <c r="QSI693" s="613"/>
      <c r="QSJ693" s="613"/>
      <c r="QSK693" s="613"/>
      <c r="QSL693" s="613"/>
      <c r="QSM693" s="613"/>
      <c r="QSN693" s="613"/>
      <c r="QSO693" s="613"/>
      <c r="QSP693" s="613"/>
      <c r="QSQ693" s="613"/>
      <c r="QSR693" s="613"/>
      <c r="QSS693" s="613"/>
      <c r="QST693" s="613"/>
      <c r="QSU693" s="613"/>
      <c r="QSV693" s="613"/>
      <c r="QSW693" s="613"/>
      <c r="QSX693" s="613"/>
      <c r="QSY693" s="613"/>
      <c r="QSZ693" s="613"/>
      <c r="QTA693" s="613"/>
      <c r="QTB693" s="613"/>
      <c r="QTC693" s="613"/>
      <c r="QTD693" s="613"/>
      <c r="QTE693" s="613"/>
      <c r="QTF693" s="613"/>
      <c r="QTG693" s="613"/>
      <c r="QTH693" s="613"/>
      <c r="QTI693" s="613"/>
      <c r="QTJ693" s="613"/>
      <c r="QTK693" s="613"/>
      <c r="QTL693" s="613"/>
      <c r="QTM693" s="613"/>
      <c r="QTN693" s="613"/>
      <c r="QTO693" s="613"/>
      <c r="QTP693" s="613"/>
      <c r="QTQ693" s="613"/>
      <c r="QTR693" s="613"/>
      <c r="QTS693" s="613"/>
      <c r="QTT693" s="613"/>
      <c r="QTU693" s="613"/>
      <c r="QTV693" s="613"/>
      <c r="QTW693" s="613"/>
      <c r="QTX693" s="613"/>
      <c r="QTY693" s="613"/>
      <c r="QTZ693" s="613"/>
      <c r="QUA693" s="613"/>
      <c r="QUB693" s="613"/>
      <c r="QUC693" s="613"/>
      <c r="QUD693" s="613"/>
      <c r="QUE693" s="613"/>
      <c r="QUF693" s="613"/>
      <c r="QUG693" s="613"/>
      <c r="QUH693" s="613"/>
      <c r="QUI693" s="613"/>
      <c r="QUJ693" s="613"/>
      <c r="QUK693" s="613"/>
      <c r="QUL693" s="613"/>
      <c r="QUM693" s="613"/>
      <c r="QUN693" s="613"/>
      <c r="QUO693" s="613"/>
      <c r="QUP693" s="613"/>
      <c r="QUQ693" s="613"/>
      <c r="QUR693" s="613"/>
      <c r="QUS693" s="613"/>
      <c r="QUT693" s="613"/>
      <c r="QUU693" s="613"/>
      <c r="QUV693" s="613"/>
      <c r="QUW693" s="613"/>
      <c r="QUX693" s="613"/>
      <c r="QUY693" s="613"/>
      <c r="QUZ693" s="613"/>
      <c r="QVA693" s="613"/>
      <c r="QVB693" s="613"/>
      <c r="QVC693" s="613"/>
      <c r="QVD693" s="613"/>
      <c r="QVE693" s="613"/>
      <c r="QVF693" s="613"/>
      <c r="QVG693" s="613"/>
      <c r="QVH693" s="613"/>
      <c r="QVI693" s="613"/>
      <c r="QVJ693" s="613"/>
      <c r="QVK693" s="613"/>
      <c r="QVL693" s="613"/>
      <c r="QVM693" s="613"/>
      <c r="QVN693" s="613"/>
      <c r="QVO693" s="613"/>
      <c r="QVP693" s="613"/>
      <c r="QVQ693" s="613"/>
      <c r="QVR693" s="613"/>
      <c r="QVS693" s="613"/>
      <c r="QVT693" s="613"/>
      <c r="QVU693" s="613"/>
      <c r="QVV693" s="613"/>
      <c r="QVW693" s="613"/>
      <c r="QVX693" s="613"/>
      <c r="QVY693" s="613"/>
      <c r="QVZ693" s="613"/>
      <c r="QWA693" s="613"/>
      <c r="QWB693" s="613"/>
      <c r="QWC693" s="613"/>
      <c r="QWD693" s="613"/>
      <c r="QWE693" s="613"/>
      <c r="QWF693" s="613"/>
      <c r="QWG693" s="613"/>
      <c r="QWH693" s="613"/>
      <c r="QWI693" s="613"/>
      <c r="QWJ693" s="613"/>
      <c r="QWK693" s="613"/>
      <c r="QWL693" s="613"/>
      <c r="QWM693" s="613"/>
      <c r="QWN693" s="613"/>
      <c r="QWO693" s="613"/>
      <c r="QWP693" s="613"/>
      <c r="QWQ693" s="613"/>
      <c r="QWR693" s="613"/>
      <c r="QWS693" s="613"/>
      <c r="QWT693" s="613"/>
      <c r="QWU693" s="613"/>
      <c r="QWV693" s="613"/>
      <c r="QWW693" s="613"/>
      <c r="QWX693" s="613"/>
      <c r="QWY693" s="613"/>
      <c r="QWZ693" s="613"/>
      <c r="QXA693" s="613"/>
      <c r="QXB693" s="613"/>
      <c r="QXC693" s="613"/>
      <c r="QXD693" s="613"/>
      <c r="QXE693" s="613"/>
      <c r="QXF693" s="613"/>
      <c r="QXG693" s="613"/>
      <c r="QXH693" s="613"/>
      <c r="QXI693" s="613"/>
      <c r="QXJ693" s="613"/>
      <c r="QXK693" s="613"/>
      <c r="QXL693" s="613"/>
      <c r="QXM693" s="613"/>
      <c r="QXN693" s="613"/>
      <c r="QXO693" s="613"/>
      <c r="QXP693" s="613"/>
      <c r="QXQ693" s="613"/>
      <c r="QXR693" s="613"/>
      <c r="QXS693" s="613"/>
      <c r="QXT693" s="613"/>
      <c r="QXU693" s="613"/>
      <c r="QXV693" s="613"/>
      <c r="QXW693" s="613"/>
      <c r="QXX693" s="613"/>
      <c r="QXY693" s="613"/>
      <c r="QXZ693" s="613"/>
      <c r="QYA693" s="613"/>
      <c r="QYB693" s="613"/>
      <c r="QYC693" s="613"/>
      <c r="QYD693" s="613"/>
      <c r="QYE693" s="613"/>
      <c r="QYF693" s="613"/>
      <c r="QYG693" s="613"/>
      <c r="QYH693" s="613"/>
      <c r="QYI693" s="613"/>
      <c r="QYJ693" s="613"/>
      <c r="QYK693" s="613"/>
      <c r="QYL693" s="613"/>
      <c r="QYM693" s="613"/>
      <c r="QYN693" s="613"/>
      <c r="QYO693" s="613"/>
      <c r="QYP693" s="613"/>
      <c r="QYQ693" s="613"/>
      <c r="QYR693" s="613"/>
      <c r="QYS693" s="613"/>
      <c r="QYT693" s="613"/>
      <c r="QYU693" s="613"/>
      <c r="QYV693" s="613"/>
      <c r="QYW693" s="613"/>
      <c r="QYX693" s="613"/>
      <c r="QYY693" s="613"/>
      <c r="QYZ693" s="613"/>
      <c r="QZA693" s="613"/>
      <c r="QZB693" s="613"/>
      <c r="QZC693" s="613"/>
      <c r="QZD693" s="613"/>
      <c r="QZE693" s="613"/>
      <c r="QZF693" s="613"/>
      <c r="QZG693" s="613"/>
      <c r="QZH693" s="613"/>
      <c r="QZI693" s="613"/>
      <c r="QZJ693" s="613"/>
      <c r="QZK693" s="613"/>
      <c r="QZL693" s="613"/>
      <c r="QZM693" s="613"/>
      <c r="QZN693" s="613"/>
      <c r="QZO693" s="613"/>
      <c r="QZP693" s="613"/>
      <c r="QZQ693" s="613"/>
      <c r="QZR693" s="613"/>
      <c r="QZS693" s="613"/>
      <c r="QZT693" s="613"/>
      <c r="QZU693" s="613"/>
      <c r="QZV693" s="613"/>
      <c r="QZW693" s="613"/>
      <c r="QZX693" s="613"/>
      <c r="QZY693" s="613"/>
      <c r="QZZ693" s="613"/>
      <c r="RAA693" s="613"/>
      <c r="RAB693" s="613"/>
      <c r="RAC693" s="613"/>
      <c r="RAD693" s="613"/>
      <c r="RAE693" s="613"/>
      <c r="RAF693" s="613"/>
      <c r="RAG693" s="613"/>
      <c r="RAH693" s="613"/>
      <c r="RAI693" s="613"/>
      <c r="RAJ693" s="613"/>
      <c r="RAK693" s="613"/>
      <c r="RAL693" s="613"/>
      <c r="RAM693" s="613"/>
      <c r="RAN693" s="613"/>
      <c r="RAO693" s="613"/>
      <c r="RAP693" s="613"/>
      <c r="RAQ693" s="613"/>
      <c r="RAR693" s="613"/>
      <c r="RAS693" s="613"/>
      <c r="RAT693" s="613"/>
      <c r="RAU693" s="613"/>
      <c r="RAV693" s="613"/>
      <c r="RAW693" s="613"/>
      <c r="RAX693" s="613"/>
      <c r="RAY693" s="613"/>
      <c r="RAZ693" s="613"/>
      <c r="RBA693" s="613"/>
      <c r="RBB693" s="613"/>
      <c r="RBC693" s="613"/>
      <c r="RBD693" s="613"/>
      <c r="RBE693" s="613"/>
      <c r="RBF693" s="613"/>
      <c r="RBG693" s="613"/>
      <c r="RBH693" s="613"/>
      <c r="RBI693" s="613"/>
      <c r="RBJ693" s="613"/>
      <c r="RBK693" s="613"/>
      <c r="RBL693" s="613"/>
      <c r="RBM693" s="613"/>
      <c r="RBN693" s="613"/>
      <c r="RBO693" s="613"/>
      <c r="RBP693" s="613"/>
      <c r="RBQ693" s="613"/>
      <c r="RBR693" s="613"/>
      <c r="RBS693" s="613"/>
      <c r="RBT693" s="613"/>
      <c r="RBU693" s="613"/>
      <c r="RBV693" s="613"/>
      <c r="RBW693" s="613"/>
      <c r="RBX693" s="613"/>
      <c r="RBY693" s="613"/>
      <c r="RBZ693" s="613"/>
      <c r="RCA693" s="613"/>
      <c r="RCB693" s="613"/>
      <c r="RCC693" s="613"/>
      <c r="RCD693" s="613"/>
      <c r="RCE693" s="613"/>
      <c r="RCF693" s="613"/>
      <c r="RCG693" s="613"/>
      <c r="RCH693" s="613"/>
      <c r="RCI693" s="613"/>
      <c r="RCJ693" s="613"/>
      <c r="RCK693" s="613"/>
      <c r="RCL693" s="613"/>
      <c r="RCM693" s="613"/>
      <c r="RCN693" s="613"/>
      <c r="RCO693" s="613"/>
      <c r="RCP693" s="613"/>
      <c r="RCQ693" s="613"/>
      <c r="RCR693" s="613"/>
      <c r="RCS693" s="613"/>
      <c r="RCT693" s="613"/>
      <c r="RCU693" s="613"/>
      <c r="RCV693" s="613"/>
      <c r="RCW693" s="613"/>
      <c r="RCX693" s="613"/>
      <c r="RCY693" s="613"/>
      <c r="RCZ693" s="613"/>
      <c r="RDA693" s="613"/>
      <c r="RDB693" s="613"/>
      <c r="RDC693" s="613"/>
      <c r="RDD693" s="613"/>
      <c r="RDE693" s="613"/>
      <c r="RDF693" s="613"/>
      <c r="RDG693" s="613"/>
      <c r="RDH693" s="613"/>
      <c r="RDI693" s="613"/>
      <c r="RDJ693" s="613"/>
      <c r="RDK693" s="613"/>
      <c r="RDL693" s="613"/>
      <c r="RDM693" s="613"/>
      <c r="RDN693" s="613"/>
      <c r="RDO693" s="613"/>
      <c r="RDP693" s="613"/>
      <c r="RDQ693" s="613"/>
      <c r="RDR693" s="613"/>
      <c r="RDS693" s="613"/>
      <c r="RDT693" s="613"/>
      <c r="RDU693" s="613"/>
      <c r="RDV693" s="613"/>
      <c r="RDW693" s="613"/>
      <c r="RDX693" s="613"/>
      <c r="RDY693" s="613"/>
      <c r="RDZ693" s="613"/>
      <c r="REA693" s="613"/>
      <c r="REB693" s="613"/>
      <c r="REC693" s="613"/>
      <c r="RED693" s="613"/>
      <c r="REE693" s="613"/>
      <c r="REF693" s="613"/>
      <c r="REG693" s="613"/>
      <c r="REH693" s="613"/>
      <c r="REI693" s="613"/>
      <c r="REJ693" s="613"/>
      <c r="REK693" s="613"/>
      <c r="REL693" s="613"/>
      <c r="REM693" s="613"/>
      <c r="REN693" s="613"/>
      <c r="REO693" s="613"/>
      <c r="REP693" s="613"/>
      <c r="REQ693" s="613"/>
      <c r="RER693" s="613"/>
      <c r="RES693" s="613"/>
      <c r="RET693" s="613"/>
      <c r="REU693" s="613"/>
      <c r="REV693" s="613"/>
      <c r="REW693" s="613"/>
      <c r="REX693" s="613"/>
      <c r="REY693" s="613"/>
      <c r="REZ693" s="613"/>
      <c r="RFA693" s="613"/>
      <c r="RFB693" s="613"/>
      <c r="RFC693" s="613"/>
      <c r="RFD693" s="613"/>
      <c r="RFE693" s="613"/>
      <c r="RFF693" s="613"/>
      <c r="RFG693" s="613"/>
      <c r="RFH693" s="613"/>
      <c r="RFI693" s="613"/>
      <c r="RFJ693" s="613"/>
      <c r="RFK693" s="613"/>
      <c r="RFL693" s="613"/>
      <c r="RFM693" s="613"/>
      <c r="RFN693" s="613"/>
      <c r="RFO693" s="613"/>
      <c r="RFP693" s="613"/>
      <c r="RFQ693" s="613"/>
      <c r="RFR693" s="613"/>
      <c r="RFS693" s="613"/>
      <c r="RFT693" s="613"/>
      <c r="RFU693" s="613"/>
      <c r="RFV693" s="613"/>
      <c r="RFW693" s="613"/>
      <c r="RFX693" s="613"/>
      <c r="RFY693" s="613"/>
      <c r="RFZ693" s="613"/>
      <c r="RGA693" s="613"/>
      <c r="RGB693" s="613"/>
      <c r="RGC693" s="613"/>
      <c r="RGD693" s="613"/>
      <c r="RGE693" s="613"/>
      <c r="RGF693" s="613"/>
      <c r="RGG693" s="613"/>
      <c r="RGH693" s="613"/>
      <c r="RGI693" s="613"/>
      <c r="RGJ693" s="613"/>
      <c r="RGK693" s="613"/>
      <c r="RGL693" s="613"/>
      <c r="RGM693" s="613"/>
      <c r="RGN693" s="613"/>
      <c r="RGO693" s="613"/>
      <c r="RGP693" s="613"/>
      <c r="RGQ693" s="613"/>
      <c r="RGR693" s="613"/>
      <c r="RGS693" s="613"/>
      <c r="RGT693" s="613"/>
      <c r="RGU693" s="613"/>
      <c r="RGV693" s="613"/>
      <c r="RGW693" s="613"/>
      <c r="RGX693" s="613"/>
      <c r="RGY693" s="613"/>
      <c r="RGZ693" s="613"/>
      <c r="RHA693" s="613"/>
      <c r="RHB693" s="613"/>
      <c r="RHC693" s="613"/>
      <c r="RHD693" s="613"/>
      <c r="RHE693" s="613"/>
      <c r="RHF693" s="613"/>
      <c r="RHG693" s="613"/>
      <c r="RHH693" s="613"/>
      <c r="RHI693" s="613"/>
      <c r="RHJ693" s="613"/>
      <c r="RHK693" s="613"/>
      <c r="RHL693" s="613"/>
      <c r="RHM693" s="613"/>
      <c r="RHN693" s="613"/>
      <c r="RHO693" s="613"/>
      <c r="RHP693" s="613"/>
      <c r="RHQ693" s="613"/>
      <c r="RHR693" s="613"/>
      <c r="RHS693" s="613"/>
      <c r="RHT693" s="613"/>
      <c r="RHU693" s="613"/>
      <c r="RHV693" s="613"/>
      <c r="RHW693" s="613"/>
      <c r="RHX693" s="613"/>
      <c r="RHY693" s="613"/>
      <c r="RHZ693" s="613"/>
      <c r="RIA693" s="613"/>
      <c r="RIB693" s="613"/>
      <c r="RIC693" s="613"/>
      <c r="RID693" s="613"/>
      <c r="RIE693" s="613"/>
      <c r="RIF693" s="613"/>
      <c r="RIG693" s="613"/>
      <c r="RIH693" s="613"/>
      <c r="RII693" s="613"/>
      <c r="RIJ693" s="613"/>
      <c r="RIK693" s="613"/>
      <c r="RIL693" s="613"/>
      <c r="RIM693" s="613"/>
      <c r="RIN693" s="613"/>
      <c r="RIO693" s="613"/>
      <c r="RIP693" s="613"/>
      <c r="RIQ693" s="613"/>
      <c r="RIR693" s="613"/>
      <c r="RIS693" s="613"/>
      <c r="RIT693" s="613"/>
      <c r="RIU693" s="613"/>
      <c r="RIV693" s="613"/>
      <c r="RIW693" s="613"/>
      <c r="RIX693" s="613"/>
      <c r="RIY693" s="613"/>
      <c r="RIZ693" s="613"/>
      <c r="RJA693" s="613"/>
      <c r="RJB693" s="613"/>
      <c r="RJC693" s="613"/>
      <c r="RJD693" s="613"/>
      <c r="RJE693" s="613"/>
      <c r="RJF693" s="613"/>
      <c r="RJG693" s="613"/>
      <c r="RJH693" s="613"/>
      <c r="RJI693" s="613"/>
      <c r="RJJ693" s="613"/>
      <c r="RJK693" s="613"/>
      <c r="RJL693" s="613"/>
      <c r="RJM693" s="613"/>
      <c r="RJN693" s="613"/>
      <c r="RJO693" s="613"/>
      <c r="RJP693" s="613"/>
      <c r="RJQ693" s="613"/>
      <c r="RJR693" s="613"/>
      <c r="RJS693" s="613"/>
      <c r="RJT693" s="613"/>
      <c r="RJU693" s="613"/>
      <c r="RJV693" s="613"/>
      <c r="RJW693" s="613"/>
      <c r="RJX693" s="613"/>
      <c r="RJY693" s="613"/>
      <c r="RJZ693" s="613"/>
      <c r="RKA693" s="613"/>
      <c r="RKB693" s="613"/>
      <c r="RKC693" s="613"/>
      <c r="RKD693" s="613"/>
      <c r="RKE693" s="613"/>
      <c r="RKF693" s="613"/>
      <c r="RKG693" s="613"/>
      <c r="RKH693" s="613"/>
      <c r="RKI693" s="613"/>
      <c r="RKJ693" s="613"/>
      <c r="RKK693" s="613"/>
      <c r="RKL693" s="613"/>
      <c r="RKM693" s="613"/>
      <c r="RKN693" s="613"/>
      <c r="RKO693" s="613"/>
      <c r="RKP693" s="613"/>
      <c r="RKQ693" s="613"/>
      <c r="RKR693" s="613"/>
      <c r="RKS693" s="613"/>
      <c r="RKT693" s="613"/>
      <c r="RKU693" s="613"/>
      <c r="RKV693" s="613"/>
      <c r="RKW693" s="613"/>
      <c r="RKX693" s="613"/>
      <c r="RKY693" s="613"/>
      <c r="RKZ693" s="613"/>
      <c r="RLA693" s="613"/>
      <c r="RLB693" s="613"/>
      <c r="RLC693" s="613"/>
      <c r="RLD693" s="613"/>
      <c r="RLE693" s="613"/>
      <c r="RLF693" s="613"/>
      <c r="RLG693" s="613"/>
      <c r="RLH693" s="613"/>
      <c r="RLI693" s="613"/>
      <c r="RLJ693" s="613"/>
      <c r="RLK693" s="613"/>
      <c r="RLL693" s="613"/>
      <c r="RLM693" s="613"/>
      <c r="RLN693" s="613"/>
      <c r="RLO693" s="613"/>
      <c r="RLP693" s="613"/>
      <c r="RLQ693" s="613"/>
      <c r="RLR693" s="613"/>
      <c r="RLS693" s="613"/>
      <c r="RLT693" s="613"/>
      <c r="RLU693" s="613"/>
      <c r="RLV693" s="613"/>
      <c r="RLW693" s="613"/>
      <c r="RLX693" s="613"/>
      <c r="RLY693" s="613"/>
      <c r="RLZ693" s="613"/>
      <c r="RMA693" s="613"/>
      <c r="RMB693" s="613"/>
      <c r="RMC693" s="613"/>
      <c r="RMD693" s="613"/>
      <c r="RME693" s="613"/>
      <c r="RMF693" s="613"/>
      <c r="RMG693" s="613"/>
      <c r="RMH693" s="613"/>
      <c r="RMI693" s="613"/>
      <c r="RMJ693" s="613"/>
      <c r="RMK693" s="613"/>
      <c r="RML693" s="613"/>
      <c r="RMM693" s="613"/>
      <c r="RMN693" s="613"/>
      <c r="RMO693" s="613"/>
      <c r="RMP693" s="613"/>
      <c r="RMQ693" s="613"/>
      <c r="RMR693" s="613"/>
      <c r="RMS693" s="613"/>
      <c r="RMT693" s="613"/>
      <c r="RMU693" s="613"/>
      <c r="RMV693" s="613"/>
      <c r="RMW693" s="613"/>
      <c r="RMX693" s="613"/>
      <c r="RMY693" s="613"/>
      <c r="RMZ693" s="613"/>
      <c r="RNA693" s="613"/>
      <c r="RNB693" s="613"/>
      <c r="RNC693" s="613"/>
      <c r="RND693" s="613"/>
      <c r="RNE693" s="613"/>
      <c r="RNF693" s="613"/>
      <c r="RNG693" s="613"/>
      <c r="RNH693" s="613"/>
      <c r="RNI693" s="613"/>
      <c r="RNJ693" s="613"/>
      <c r="RNK693" s="613"/>
      <c r="RNL693" s="613"/>
      <c r="RNM693" s="613"/>
      <c r="RNN693" s="613"/>
      <c r="RNO693" s="613"/>
      <c r="RNP693" s="613"/>
      <c r="RNQ693" s="613"/>
      <c r="RNR693" s="613"/>
      <c r="RNS693" s="613"/>
      <c r="RNT693" s="613"/>
      <c r="RNU693" s="613"/>
      <c r="RNV693" s="613"/>
      <c r="RNW693" s="613"/>
      <c r="RNX693" s="613"/>
      <c r="RNY693" s="613"/>
      <c r="RNZ693" s="613"/>
      <c r="ROA693" s="613"/>
      <c r="ROB693" s="613"/>
      <c r="ROC693" s="613"/>
      <c r="ROD693" s="613"/>
      <c r="ROE693" s="613"/>
      <c r="ROF693" s="613"/>
      <c r="ROG693" s="613"/>
      <c r="ROH693" s="613"/>
      <c r="ROI693" s="613"/>
      <c r="ROJ693" s="613"/>
      <c r="ROK693" s="613"/>
      <c r="ROL693" s="613"/>
      <c r="ROM693" s="613"/>
      <c r="RON693" s="613"/>
      <c r="ROO693" s="613"/>
      <c r="ROP693" s="613"/>
      <c r="ROQ693" s="613"/>
      <c r="ROR693" s="613"/>
      <c r="ROS693" s="613"/>
      <c r="ROT693" s="613"/>
      <c r="ROU693" s="613"/>
      <c r="ROV693" s="613"/>
      <c r="ROW693" s="613"/>
      <c r="ROX693" s="613"/>
      <c r="ROY693" s="613"/>
      <c r="ROZ693" s="613"/>
      <c r="RPA693" s="613"/>
      <c r="RPB693" s="613"/>
      <c r="RPC693" s="613"/>
      <c r="RPD693" s="613"/>
      <c r="RPE693" s="613"/>
      <c r="RPF693" s="613"/>
      <c r="RPG693" s="613"/>
      <c r="RPH693" s="613"/>
      <c r="RPI693" s="613"/>
      <c r="RPJ693" s="613"/>
      <c r="RPK693" s="613"/>
      <c r="RPL693" s="613"/>
      <c r="RPM693" s="613"/>
      <c r="RPN693" s="613"/>
      <c r="RPO693" s="613"/>
      <c r="RPP693" s="613"/>
      <c r="RPQ693" s="613"/>
      <c r="RPR693" s="613"/>
      <c r="RPS693" s="613"/>
      <c r="RPT693" s="613"/>
      <c r="RPU693" s="613"/>
      <c r="RPV693" s="613"/>
      <c r="RPW693" s="613"/>
      <c r="RPX693" s="613"/>
      <c r="RPY693" s="613"/>
      <c r="RPZ693" s="613"/>
      <c r="RQA693" s="613"/>
      <c r="RQB693" s="613"/>
      <c r="RQC693" s="613"/>
      <c r="RQD693" s="613"/>
      <c r="RQE693" s="613"/>
      <c r="RQF693" s="613"/>
      <c r="RQG693" s="613"/>
      <c r="RQH693" s="613"/>
      <c r="RQI693" s="613"/>
      <c r="RQJ693" s="613"/>
      <c r="RQK693" s="613"/>
      <c r="RQL693" s="613"/>
      <c r="RQM693" s="613"/>
      <c r="RQN693" s="613"/>
      <c r="RQO693" s="613"/>
      <c r="RQP693" s="613"/>
      <c r="RQQ693" s="613"/>
      <c r="RQR693" s="613"/>
      <c r="RQS693" s="613"/>
      <c r="RQT693" s="613"/>
      <c r="RQU693" s="613"/>
      <c r="RQV693" s="613"/>
      <c r="RQW693" s="613"/>
      <c r="RQX693" s="613"/>
      <c r="RQY693" s="613"/>
      <c r="RQZ693" s="613"/>
      <c r="RRA693" s="613"/>
      <c r="RRB693" s="613"/>
      <c r="RRC693" s="613"/>
      <c r="RRD693" s="613"/>
      <c r="RRE693" s="613"/>
      <c r="RRF693" s="613"/>
      <c r="RRG693" s="613"/>
      <c r="RRH693" s="613"/>
      <c r="RRI693" s="613"/>
      <c r="RRJ693" s="613"/>
      <c r="RRK693" s="613"/>
      <c r="RRL693" s="613"/>
      <c r="RRM693" s="613"/>
      <c r="RRN693" s="613"/>
      <c r="RRO693" s="613"/>
      <c r="RRP693" s="613"/>
      <c r="RRQ693" s="613"/>
      <c r="RRR693" s="613"/>
      <c r="RRS693" s="613"/>
      <c r="RRT693" s="613"/>
      <c r="RRU693" s="613"/>
      <c r="RRV693" s="613"/>
      <c r="RRW693" s="613"/>
      <c r="RRX693" s="613"/>
      <c r="RRY693" s="613"/>
      <c r="RRZ693" s="613"/>
      <c r="RSA693" s="613"/>
      <c r="RSB693" s="613"/>
      <c r="RSC693" s="613"/>
      <c r="RSD693" s="613"/>
      <c r="RSE693" s="613"/>
      <c r="RSF693" s="613"/>
      <c r="RSG693" s="613"/>
      <c r="RSH693" s="613"/>
      <c r="RSI693" s="613"/>
      <c r="RSJ693" s="613"/>
      <c r="RSK693" s="613"/>
      <c r="RSL693" s="613"/>
      <c r="RSM693" s="613"/>
      <c r="RSN693" s="613"/>
      <c r="RSO693" s="613"/>
      <c r="RSP693" s="613"/>
      <c r="RSQ693" s="613"/>
      <c r="RSR693" s="613"/>
      <c r="RSS693" s="613"/>
      <c r="RST693" s="613"/>
      <c r="RSU693" s="613"/>
      <c r="RSV693" s="613"/>
      <c r="RSW693" s="613"/>
      <c r="RSX693" s="613"/>
      <c r="RSY693" s="613"/>
      <c r="RSZ693" s="613"/>
      <c r="RTA693" s="613"/>
      <c r="RTB693" s="613"/>
      <c r="RTC693" s="613"/>
      <c r="RTD693" s="613"/>
      <c r="RTE693" s="613"/>
      <c r="RTF693" s="613"/>
      <c r="RTG693" s="613"/>
      <c r="RTH693" s="613"/>
      <c r="RTI693" s="613"/>
      <c r="RTJ693" s="613"/>
      <c r="RTK693" s="613"/>
      <c r="RTL693" s="613"/>
      <c r="RTM693" s="613"/>
      <c r="RTN693" s="613"/>
      <c r="RTO693" s="613"/>
      <c r="RTP693" s="613"/>
      <c r="RTQ693" s="613"/>
      <c r="RTR693" s="613"/>
      <c r="RTS693" s="613"/>
      <c r="RTT693" s="613"/>
      <c r="RTU693" s="613"/>
      <c r="RTV693" s="613"/>
      <c r="RTW693" s="613"/>
      <c r="RTX693" s="613"/>
      <c r="RTY693" s="613"/>
      <c r="RTZ693" s="613"/>
      <c r="RUA693" s="613"/>
      <c r="RUB693" s="613"/>
      <c r="RUC693" s="613"/>
      <c r="RUD693" s="613"/>
      <c r="RUE693" s="613"/>
      <c r="RUF693" s="613"/>
      <c r="RUG693" s="613"/>
      <c r="RUH693" s="613"/>
      <c r="RUI693" s="613"/>
      <c r="RUJ693" s="613"/>
      <c r="RUK693" s="613"/>
      <c r="RUL693" s="613"/>
      <c r="RUM693" s="613"/>
      <c r="RUN693" s="613"/>
      <c r="RUO693" s="613"/>
      <c r="RUP693" s="613"/>
      <c r="RUQ693" s="613"/>
      <c r="RUR693" s="613"/>
      <c r="RUS693" s="613"/>
      <c r="RUT693" s="613"/>
      <c r="RUU693" s="613"/>
      <c r="RUV693" s="613"/>
      <c r="RUW693" s="613"/>
      <c r="RUX693" s="613"/>
      <c r="RUY693" s="613"/>
      <c r="RUZ693" s="613"/>
      <c r="RVA693" s="613"/>
      <c r="RVB693" s="613"/>
      <c r="RVC693" s="613"/>
      <c r="RVD693" s="613"/>
      <c r="RVE693" s="613"/>
      <c r="RVF693" s="613"/>
      <c r="RVG693" s="613"/>
      <c r="RVH693" s="613"/>
      <c r="RVI693" s="613"/>
      <c r="RVJ693" s="613"/>
      <c r="RVK693" s="613"/>
      <c r="RVL693" s="613"/>
      <c r="RVM693" s="613"/>
      <c r="RVN693" s="613"/>
      <c r="RVO693" s="613"/>
      <c r="RVP693" s="613"/>
      <c r="RVQ693" s="613"/>
      <c r="RVR693" s="613"/>
      <c r="RVS693" s="613"/>
      <c r="RVT693" s="613"/>
      <c r="RVU693" s="613"/>
      <c r="RVV693" s="613"/>
      <c r="RVW693" s="613"/>
      <c r="RVX693" s="613"/>
      <c r="RVY693" s="613"/>
      <c r="RVZ693" s="613"/>
      <c r="RWA693" s="613"/>
      <c r="RWB693" s="613"/>
      <c r="RWC693" s="613"/>
      <c r="RWD693" s="613"/>
      <c r="RWE693" s="613"/>
      <c r="RWF693" s="613"/>
      <c r="RWG693" s="613"/>
      <c r="RWH693" s="613"/>
      <c r="RWI693" s="613"/>
      <c r="RWJ693" s="613"/>
      <c r="RWK693" s="613"/>
      <c r="RWL693" s="613"/>
      <c r="RWM693" s="613"/>
      <c r="RWN693" s="613"/>
      <c r="RWO693" s="613"/>
      <c r="RWP693" s="613"/>
      <c r="RWQ693" s="613"/>
      <c r="RWR693" s="613"/>
      <c r="RWS693" s="613"/>
      <c r="RWT693" s="613"/>
      <c r="RWU693" s="613"/>
      <c r="RWV693" s="613"/>
      <c r="RWW693" s="613"/>
      <c r="RWX693" s="613"/>
      <c r="RWY693" s="613"/>
      <c r="RWZ693" s="613"/>
      <c r="RXA693" s="613"/>
      <c r="RXB693" s="613"/>
      <c r="RXC693" s="613"/>
      <c r="RXD693" s="613"/>
      <c r="RXE693" s="613"/>
      <c r="RXF693" s="613"/>
      <c r="RXG693" s="613"/>
      <c r="RXH693" s="613"/>
      <c r="RXI693" s="613"/>
      <c r="RXJ693" s="613"/>
      <c r="RXK693" s="613"/>
      <c r="RXL693" s="613"/>
      <c r="RXM693" s="613"/>
      <c r="RXN693" s="613"/>
      <c r="RXO693" s="613"/>
      <c r="RXP693" s="613"/>
      <c r="RXQ693" s="613"/>
      <c r="RXR693" s="613"/>
      <c r="RXS693" s="613"/>
      <c r="RXT693" s="613"/>
      <c r="RXU693" s="613"/>
      <c r="RXV693" s="613"/>
      <c r="RXW693" s="613"/>
      <c r="RXX693" s="613"/>
      <c r="RXY693" s="613"/>
      <c r="RXZ693" s="613"/>
      <c r="RYA693" s="613"/>
      <c r="RYB693" s="613"/>
      <c r="RYC693" s="613"/>
      <c r="RYD693" s="613"/>
      <c r="RYE693" s="613"/>
      <c r="RYF693" s="613"/>
      <c r="RYG693" s="613"/>
      <c r="RYH693" s="613"/>
      <c r="RYI693" s="613"/>
      <c r="RYJ693" s="613"/>
      <c r="RYK693" s="613"/>
      <c r="RYL693" s="613"/>
      <c r="RYM693" s="613"/>
      <c r="RYN693" s="613"/>
      <c r="RYO693" s="613"/>
      <c r="RYP693" s="613"/>
      <c r="RYQ693" s="613"/>
      <c r="RYR693" s="613"/>
      <c r="RYS693" s="613"/>
      <c r="RYT693" s="613"/>
      <c r="RYU693" s="613"/>
      <c r="RYV693" s="613"/>
      <c r="RYW693" s="613"/>
      <c r="RYX693" s="613"/>
      <c r="RYY693" s="613"/>
      <c r="RYZ693" s="613"/>
      <c r="RZA693" s="613"/>
      <c r="RZB693" s="613"/>
      <c r="RZC693" s="613"/>
      <c r="RZD693" s="613"/>
      <c r="RZE693" s="613"/>
      <c r="RZF693" s="613"/>
      <c r="RZG693" s="613"/>
      <c r="RZH693" s="613"/>
      <c r="RZI693" s="613"/>
      <c r="RZJ693" s="613"/>
      <c r="RZK693" s="613"/>
      <c r="RZL693" s="613"/>
      <c r="RZM693" s="613"/>
      <c r="RZN693" s="613"/>
      <c r="RZO693" s="613"/>
      <c r="RZP693" s="613"/>
      <c r="RZQ693" s="613"/>
      <c r="RZR693" s="613"/>
      <c r="RZS693" s="613"/>
      <c r="RZT693" s="613"/>
      <c r="RZU693" s="613"/>
      <c r="RZV693" s="613"/>
      <c r="RZW693" s="613"/>
      <c r="RZX693" s="613"/>
      <c r="RZY693" s="613"/>
      <c r="RZZ693" s="613"/>
      <c r="SAA693" s="613"/>
      <c r="SAB693" s="613"/>
      <c r="SAC693" s="613"/>
      <c r="SAD693" s="613"/>
      <c r="SAE693" s="613"/>
      <c r="SAF693" s="613"/>
      <c r="SAG693" s="613"/>
      <c r="SAH693" s="613"/>
      <c r="SAI693" s="613"/>
      <c r="SAJ693" s="613"/>
      <c r="SAK693" s="613"/>
      <c r="SAL693" s="613"/>
      <c r="SAM693" s="613"/>
      <c r="SAN693" s="613"/>
      <c r="SAO693" s="613"/>
      <c r="SAP693" s="613"/>
      <c r="SAQ693" s="613"/>
      <c r="SAR693" s="613"/>
      <c r="SAS693" s="613"/>
      <c r="SAT693" s="613"/>
      <c r="SAU693" s="613"/>
      <c r="SAV693" s="613"/>
      <c r="SAW693" s="613"/>
      <c r="SAX693" s="613"/>
      <c r="SAY693" s="613"/>
      <c r="SAZ693" s="613"/>
      <c r="SBA693" s="613"/>
      <c r="SBB693" s="613"/>
      <c r="SBC693" s="613"/>
      <c r="SBD693" s="613"/>
      <c r="SBE693" s="613"/>
      <c r="SBF693" s="613"/>
      <c r="SBG693" s="613"/>
      <c r="SBH693" s="613"/>
      <c r="SBI693" s="613"/>
      <c r="SBJ693" s="613"/>
      <c r="SBK693" s="613"/>
      <c r="SBL693" s="613"/>
      <c r="SBM693" s="613"/>
      <c r="SBN693" s="613"/>
      <c r="SBO693" s="613"/>
      <c r="SBP693" s="613"/>
      <c r="SBQ693" s="613"/>
      <c r="SBR693" s="613"/>
      <c r="SBS693" s="613"/>
      <c r="SBT693" s="613"/>
      <c r="SBU693" s="613"/>
      <c r="SBV693" s="613"/>
      <c r="SBW693" s="613"/>
      <c r="SBX693" s="613"/>
      <c r="SBY693" s="613"/>
      <c r="SBZ693" s="613"/>
      <c r="SCA693" s="613"/>
      <c r="SCB693" s="613"/>
      <c r="SCC693" s="613"/>
      <c r="SCD693" s="613"/>
      <c r="SCE693" s="613"/>
      <c r="SCF693" s="613"/>
      <c r="SCG693" s="613"/>
      <c r="SCH693" s="613"/>
      <c r="SCI693" s="613"/>
      <c r="SCJ693" s="613"/>
      <c r="SCK693" s="613"/>
      <c r="SCL693" s="613"/>
      <c r="SCM693" s="613"/>
      <c r="SCN693" s="613"/>
      <c r="SCO693" s="613"/>
      <c r="SCP693" s="613"/>
      <c r="SCQ693" s="613"/>
      <c r="SCR693" s="613"/>
      <c r="SCS693" s="613"/>
      <c r="SCT693" s="613"/>
      <c r="SCU693" s="613"/>
      <c r="SCV693" s="613"/>
      <c r="SCW693" s="613"/>
      <c r="SCX693" s="613"/>
      <c r="SCY693" s="613"/>
      <c r="SCZ693" s="613"/>
      <c r="SDA693" s="613"/>
      <c r="SDB693" s="613"/>
      <c r="SDC693" s="613"/>
      <c r="SDD693" s="613"/>
      <c r="SDE693" s="613"/>
      <c r="SDF693" s="613"/>
      <c r="SDG693" s="613"/>
      <c r="SDH693" s="613"/>
      <c r="SDI693" s="613"/>
      <c r="SDJ693" s="613"/>
      <c r="SDK693" s="613"/>
      <c r="SDL693" s="613"/>
      <c r="SDM693" s="613"/>
      <c r="SDN693" s="613"/>
      <c r="SDO693" s="613"/>
      <c r="SDP693" s="613"/>
      <c r="SDQ693" s="613"/>
      <c r="SDR693" s="613"/>
      <c r="SDS693" s="613"/>
      <c r="SDT693" s="613"/>
      <c r="SDU693" s="613"/>
      <c r="SDV693" s="613"/>
      <c r="SDW693" s="613"/>
      <c r="SDX693" s="613"/>
      <c r="SDY693" s="613"/>
      <c r="SDZ693" s="613"/>
      <c r="SEA693" s="613"/>
      <c r="SEB693" s="613"/>
      <c r="SEC693" s="613"/>
      <c r="SED693" s="613"/>
      <c r="SEE693" s="613"/>
      <c r="SEF693" s="613"/>
      <c r="SEG693" s="613"/>
      <c r="SEH693" s="613"/>
      <c r="SEI693" s="613"/>
      <c r="SEJ693" s="613"/>
      <c r="SEK693" s="613"/>
      <c r="SEL693" s="613"/>
      <c r="SEM693" s="613"/>
      <c r="SEN693" s="613"/>
      <c r="SEO693" s="613"/>
      <c r="SEP693" s="613"/>
      <c r="SEQ693" s="613"/>
      <c r="SER693" s="613"/>
      <c r="SES693" s="613"/>
      <c r="SET693" s="613"/>
      <c r="SEU693" s="613"/>
      <c r="SEV693" s="613"/>
      <c r="SEW693" s="613"/>
      <c r="SEX693" s="613"/>
      <c r="SEY693" s="613"/>
      <c r="SEZ693" s="613"/>
      <c r="SFA693" s="613"/>
      <c r="SFB693" s="613"/>
      <c r="SFC693" s="613"/>
      <c r="SFD693" s="613"/>
      <c r="SFE693" s="613"/>
      <c r="SFF693" s="613"/>
      <c r="SFG693" s="613"/>
      <c r="SFH693" s="613"/>
      <c r="SFI693" s="613"/>
      <c r="SFJ693" s="613"/>
      <c r="SFK693" s="613"/>
      <c r="SFL693" s="613"/>
      <c r="SFM693" s="613"/>
      <c r="SFN693" s="613"/>
      <c r="SFO693" s="613"/>
      <c r="SFP693" s="613"/>
      <c r="SFQ693" s="613"/>
      <c r="SFR693" s="613"/>
      <c r="SFS693" s="613"/>
      <c r="SFT693" s="613"/>
      <c r="SFU693" s="613"/>
      <c r="SFV693" s="613"/>
      <c r="SFW693" s="613"/>
      <c r="SFX693" s="613"/>
      <c r="SFY693" s="613"/>
      <c r="SFZ693" s="613"/>
      <c r="SGA693" s="613"/>
      <c r="SGB693" s="613"/>
      <c r="SGC693" s="613"/>
      <c r="SGD693" s="613"/>
      <c r="SGE693" s="613"/>
      <c r="SGF693" s="613"/>
      <c r="SGG693" s="613"/>
      <c r="SGH693" s="613"/>
      <c r="SGI693" s="613"/>
      <c r="SGJ693" s="613"/>
      <c r="SGK693" s="613"/>
      <c r="SGL693" s="613"/>
      <c r="SGM693" s="613"/>
      <c r="SGN693" s="613"/>
      <c r="SGO693" s="613"/>
      <c r="SGP693" s="613"/>
      <c r="SGQ693" s="613"/>
      <c r="SGR693" s="613"/>
      <c r="SGS693" s="613"/>
      <c r="SGT693" s="613"/>
      <c r="SGU693" s="613"/>
      <c r="SGV693" s="613"/>
      <c r="SGW693" s="613"/>
      <c r="SGX693" s="613"/>
      <c r="SGY693" s="613"/>
      <c r="SGZ693" s="613"/>
      <c r="SHA693" s="613"/>
      <c r="SHB693" s="613"/>
      <c r="SHC693" s="613"/>
      <c r="SHD693" s="613"/>
      <c r="SHE693" s="613"/>
      <c r="SHF693" s="613"/>
      <c r="SHG693" s="613"/>
      <c r="SHH693" s="613"/>
      <c r="SHI693" s="613"/>
      <c r="SHJ693" s="613"/>
      <c r="SHK693" s="613"/>
      <c r="SHL693" s="613"/>
      <c r="SHM693" s="613"/>
      <c r="SHN693" s="613"/>
      <c r="SHO693" s="613"/>
      <c r="SHP693" s="613"/>
      <c r="SHQ693" s="613"/>
      <c r="SHR693" s="613"/>
      <c r="SHS693" s="613"/>
      <c r="SHT693" s="613"/>
      <c r="SHU693" s="613"/>
      <c r="SHV693" s="613"/>
      <c r="SHW693" s="613"/>
      <c r="SHX693" s="613"/>
      <c r="SHY693" s="613"/>
      <c r="SHZ693" s="613"/>
      <c r="SIA693" s="613"/>
      <c r="SIB693" s="613"/>
      <c r="SIC693" s="613"/>
      <c r="SID693" s="613"/>
      <c r="SIE693" s="613"/>
      <c r="SIF693" s="613"/>
      <c r="SIG693" s="613"/>
      <c r="SIH693" s="613"/>
      <c r="SII693" s="613"/>
      <c r="SIJ693" s="613"/>
      <c r="SIK693" s="613"/>
      <c r="SIL693" s="613"/>
      <c r="SIM693" s="613"/>
      <c r="SIN693" s="613"/>
      <c r="SIO693" s="613"/>
      <c r="SIP693" s="613"/>
      <c r="SIQ693" s="613"/>
      <c r="SIR693" s="613"/>
      <c r="SIS693" s="613"/>
      <c r="SIT693" s="613"/>
      <c r="SIU693" s="613"/>
      <c r="SIV693" s="613"/>
      <c r="SIW693" s="613"/>
      <c r="SIX693" s="613"/>
      <c r="SIY693" s="613"/>
      <c r="SIZ693" s="613"/>
      <c r="SJA693" s="613"/>
      <c r="SJB693" s="613"/>
      <c r="SJC693" s="613"/>
      <c r="SJD693" s="613"/>
      <c r="SJE693" s="613"/>
      <c r="SJF693" s="613"/>
      <c r="SJG693" s="613"/>
      <c r="SJH693" s="613"/>
      <c r="SJI693" s="613"/>
      <c r="SJJ693" s="613"/>
      <c r="SJK693" s="613"/>
      <c r="SJL693" s="613"/>
      <c r="SJM693" s="613"/>
      <c r="SJN693" s="613"/>
      <c r="SJO693" s="613"/>
      <c r="SJP693" s="613"/>
      <c r="SJQ693" s="613"/>
      <c r="SJR693" s="613"/>
      <c r="SJS693" s="613"/>
      <c r="SJT693" s="613"/>
      <c r="SJU693" s="613"/>
      <c r="SJV693" s="613"/>
      <c r="SJW693" s="613"/>
      <c r="SJX693" s="613"/>
      <c r="SJY693" s="613"/>
      <c r="SJZ693" s="613"/>
      <c r="SKA693" s="613"/>
      <c r="SKB693" s="613"/>
      <c r="SKC693" s="613"/>
      <c r="SKD693" s="613"/>
      <c r="SKE693" s="613"/>
      <c r="SKF693" s="613"/>
      <c r="SKG693" s="613"/>
      <c r="SKH693" s="613"/>
      <c r="SKI693" s="613"/>
      <c r="SKJ693" s="613"/>
      <c r="SKK693" s="613"/>
      <c r="SKL693" s="613"/>
      <c r="SKM693" s="613"/>
      <c r="SKN693" s="613"/>
      <c r="SKO693" s="613"/>
      <c r="SKP693" s="613"/>
      <c r="SKQ693" s="613"/>
      <c r="SKR693" s="613"/>
      <c r="SKS693" s="613"/>
      <c r="SKT693" s="613"/>
      <c r="SKU693" s="613"/>
      <c r="SKV693" s="613"/>
      <c r="SKW693" s="613"/>
      <c r="SKX693" s="613"/>
      <c r="SKY693" s="613"/>
      <c r="SKZ693" s="613"/>
      <c r="SLA693" s="613"/>
      <c r="SLB693" s="613"/>
      <c r="SLC693" s="613"/>
      <c r="SLD693" s="613"/>
      <c r="SLE693" s="613"/>
      <c r="SLF693" s="613"/>
      <c r="SLG693" s="613"/>
      <c r="SLH693" s="613"/>
      <c r="SLI693" s="613"/>
      <c r="SLJ693" s="613"/>
      <c r="SLK693" s="613"/>
      <c r="SLL693" s="613"/>
      <c r="SLM693" s="613"/>
      <c r="SLN693" s="613"/>
      <c r="SLO693" s="613"/>
      <c r="SLP693" s="613"/>
      <c r="SLQ693" s="613"/>
      <c r="SLR693" s="613"/>
      <c r="SLS693" s="613"/>
      <c r="SLT693" s="613"/>
      <c r="SLU693" s="613"/>
      <c r="SLV693" s="613"/>
      <c r="SLW693" s="613"/>
      <c r="SLX693" s="613"/>
      <c r="SLY693" s="613"/>
      <c r="SLZ693" s="613"/>
      <c r="SMA693" s="613"/>
      <c r="SMB693" s="613"/>
      <c r="SMC693" s="613"/>
      <c r="SMD693" s="613"/>
      <c r="SME693" s="613"/>
      <c r="SMF693" s="613"/>
      <c r="SMG693" s="613"/>
      <c r="SMH693" s="613"/>
      <c r="SMI693" s="613"/>
      <c r="SMJ693" s="613"/>
      <c r="SMK693" s="613"/>
      <c r="SML693" s="613"/>
      <c r="SMM693" s="613"/>
      <c r="SMN693" s="613"/>
      <c r="SMO693" s="613"/>
      <c r="SMP693" s="613"/>
      <c r="SMQ693" s="613"/>
      <c r="SMR693" s="613"/>
      <c r="SMS693" s="613"/>
      <c r="SMT693" s="613"/>
      <c r="SMU693" s="613"/>
      <c r="SMV693" s="613"/>
      <c r="SMW693" s="613"/>
      <c r="SMX693" s="613"/>
      <c r="SMY693" s="613"/>
      <c r="SMZ693" s="613"/>
      <c r="SNA693" s="613"/>
      <c r="SNB693" s="613"/>
      <c r="SNC693" s="613"/>
      <c r="SND693" s="613"/>
      <c r="SNE693" s="613"/>
      <c r="SNF693" s="613"/>
      <c r="SNG693" s="613"/>
      <c r="SNH693" s="613"/>
      <c r="SNI693" s="613"/>
      <c r="SNJ693" s="613"/>
      <c r="SNK693" s="613"/>
      <c r="SNL693" s="613"/>
      <c r="SNM693" s="613"/>
      <c r="SNN693" s="613"/>
      <c r="SNO693" s="613"/>
      <c r="SNP693" s="613"/>
      <c r="SNQ693" s="613"/>
      <c r="SNR693" s="613"/>
      <c r="SNS693" s="613"/>
      <c r="SNT693" s="613"/>
      <c r="SNU693" s="613"/>
      <c r="SNV693" s="613"/>
      <c r="SNW693" s="613"/>
      <c r="SNX693" s="613"/>
      <c r="SNY693" s="613"/>
      <c r="SNZ693" s="613"/>
      <c r="SOA693" s="613"/>
      <c r="SOB693" s="613"/>
      <c r="SOC693" s="613"/>
      <c r="SOD693" s="613"/>
      <c r="SOE693" s="613"/>
      <c r="SOF693" s="613"/>
      <c r="SOG693" s="613"/>
      <c r="SOH693" s="613"/>
      <c r="SOI693" s="613"/>
      <c r="SOJ693" s="613"/>
      <c r="SOK693" s="613"/>
      <c r="SOL693" s="613"/>
      <c r="SOM693" s="613"/>
      <c r="SON693" s="613"/>
      <c r="SOO693" s="613"/>
      <c r="SOP693" s="613"/>
      <c r="SOQ693" s="613"/>
      <c r="SOR693" s="613"/>
      <c r="SOS693" s="613"/>
      <c r="SOT693" s="613"/>
      <c r="SOU693" s="613"/>
      <c r="SOV693" s="613"/>
      <c r="SOW693" s="613"/>
      <c r="SOX693" s="613"/>
      <c r="SOY693" s="613"/>
      <c r="SOZ693" s="613"/>
      <c r="SPA693" s="613"/>
      <c r="SPB693" s="613"/>
      <c r="SPC693" s="613"/>
      <c r="SPD693" s="613"/>
      <c r="SPE693" s="613"/>
      <c r="SPF693" s="613"/>
      <c r="SPG693" s="613"/>
      <c r="SPH693" s="613"/>
      <c r="SPI693" s="613"/>
      <c r="SPJ693" s="613"/>
      <c r="SPK693" s="613"/>
      <c r="SPL693" s="613"/>
      <c r="SPM693" s="613"/>
      <c r="SPN693" s="613"/>
      <c r="SPO693" s="613"/>
      <c r="SPP693" s="613"/>
      <c r="SPQ693" s="613"/>
      <c r="SPR693" s="613"/>
      <c r="SPS693" s="613"/>
      <c r="SPT693" s="613"/>
      <c r="SPU693" s="613"/>
      <c r="SPV693" s="613"/>
      <c r="SPW693" s="613"/>
      <c r="SPX693" s="613"/>
      <c r="SPY693" s="613"/>
      <c r="SPZ693" s="613"/>
      <c r="SQA693" s="613"/>
      <c r="SQB693" s="613"/>
      <c r="SQC693" s="613"/>
      <c r="SQD693" s="613"/>
      <c r="SQE693" s="613"/>
      <c r="SQF693" s="613"/>
      <c r="SQG693" s="613"/>
      <c r="SQH693" s="613"/>
      <c r="SQI693" s="613"/>
      <c r="SQJ693" s="613"/>
      <c r="SQK693" s="613"/>
      <c r="SQL693" s="613"/>
      <c r="SQM693" s="613"/>
      <c r="SQN693" s="613"/>
      <c r="SQO693" s="613"/>
      <c r="SQP693" s="613"/>
      <c r="SQQ693" s="613"/>
      <c r="SQR693" s="613"/>
      <c r="SQS693" s="613"/>
      <c r="SQT693" s="613"/>
      <c r="SQU693" s="613"/>
      <c r="SQV693" s="613"/>
      <c r="SQW693" s="613"/>
      <c r="SQX693" s="613"/>
      <c r="SQY693" s="613"/>
      <c r="SQZ693" s="613"/>
      <c r="SRA693" s="613"/>
      <c r="SRB693" s="613"/>
      <c r="SRC693" s="613"/>
      <c r="SRD693" s="613"/>
      <c r="SRE693" s="613"/>
      <c r="SRF693" s="613"/>
      <c r="SRG693" s="613"/>
      <c r="SRH693" s="613"/>
      <c r="SRI693" s="613"/>
      <c r="SRJ693" s="613"/>
      <c r="SRK693" s="613"/>
      <c r="SRL693" s="613"/>
      <c r="SRM693" s="613"/>
      <c r="SRN693" s="613"/>
      <c r="SRO693" s="613"/>
      <c r="SRP693" s="613"/>
      <c r="SRQ693" s="613"/>
      <c r="SRR693" s="613"/>
      <c r="SRS693" s="613"/>
      <c r="SRT693" s="613"/>
      <c r="SRU693" s="613"/>
      <c r="SRV693" s="613"/>
      <c r="SRW693" s="613"/>
      <c r="SRX693" s="613"/>
      <c r="SRY693" s="613"/>
      <c r="SRZ693" s="613"/>
      <c r="SSA693" s="613"/>
      <c r="SSB693" s="613"/>
      <c r="SSC693" s="613"/>
      <c r="SSD693" s="613"/>
      <c r="SSE693" s="613"/>
      <c r="SSF693" s="613"/>
      <c r="SSG693" s="613"/>
      <c r="SSH693" s="613"/>
      <c r="SSI693" s="613"/>
      <c r="SSJ693" s="613"/>
      <c r="SSK693" s="613"/>
      <c r="SSL693" s="613"/>
      <c r="SSM693" s="613"/>
      <c r="SSN693" s="613"/>
      <c r="SSO693" s="613"/>
      <c r="SSP693" s="613"/>
      <c r="SSQ693" s="613"/>
      <c r="SSR693" s="613"/>
      <c r="SSS693" s="613"/>
      <c r="SST693" s="613"/>
      <c r="SSU693" s="613"/>
      <c r="SSV693" s="613"/>
      <c r="SSW693" s="613"/>
      <c r="SSX693" s="613"/>
      <c r="SSY693" s="613"/>
      <c r="SSZ693" s="613"/>
      <c r="STA693" s="613"/>
      <c r="STB693" s="613"/>
      <c r="STC693" s="613"/>
      <c r="STD693" s="613"/>
      <c r="STE693" s="613"/>
      <c r="STF693" s="613"/>
      <c r="STG693" s="613"/>
      <c r="STH693" s="613"/>
      <c r="STI693" s="613"/>
      <c r="STJ693" s="613"/>
      <c r="STK693" s="613"/>
      <c r="STL693" s="613"/>
      <c r="STM693" s="613"/>
      <c r="STN693" s="613"/>
      <c r="STO693" s="613"/>
      <c r="STP693" s="613"/>
      <c r="STQ693" s="613"/>
      <c r="STR693" s="613"/>
      <c r="STS693" s="613"/>
      <c r="STT693" s="613"/>
      <c r="STU693" s="613"/>
      <c r="STV693" s="613"/>
      <c r="STW693" s="613"/>
      <c r="STX693" s="613"/>
      <c r="STY693" s="613"/>
      <c r="STZ693" s="613"/>
      <c r="SUA693" s="613"/>
      <c r="SUB693" s="613"/>
      <c r="SUC693" s="613"/>
      <c r="SUD693" s="613"/>
      <c r="SUE693" s="613"/>
      <c r="SUF693" s="613"/>
      <c r="SUG693" s="613"/>
      <c r="SUH693" s="613"/>
      <c r="SUI693" s="613"/>
      <c r="SUJ693" s="613"/>
      <c r="SUK693" s="613"/>
      <c r="SUL693" s="613"/>
      <c r="SUM693" s="613"/>
      <c r="SUN693" s="613"/>
      <c r="SUO693" s="613"/>
      <c r="SUP693" s="613"/>
      <c r="SUQ693" s="613"/>
      <c r="SUR693" s="613"/>
      <c r="SUS693" s="613"/>
      <c r="SUT693" s="613"/>
      <c r="SUU693" s="613"/>
      <c r="SUV693" s="613"/>
      <c r="SUW693" s="613"/>
      <c r="SUX693" s="613"/>
      <c r="SUY693" s="613"/>
      <c r="SUZ693" s="613"/>
      <c r="SVA693" s="613"/>
      <c r="SVB693" s="613"/>
      <c r="SVC693" s="613"/>
      <c r="SVD693" s="613"/>
      <c r="SVE693" s="613"/>
      <c r="SVF693" s="613"/>
      <c r="SVG693" s="613"/>
      <c r="SVH693" s="613"/>
      <c r="SVI693" s="613"/>
      <c r="SVJ693" s="613"/>
      <c r="SVK693" s="613"/>
      <c r="SVL693" s="613"/>
      <c r="SVM693" s="613"/>
      <c r="SVN693" s="613"/>
      <c r="SVO693" s="613"/>
      <c r="SVP693" s="613"/>
      <c r="SVQ693" s="613"/>
      <c r="SVR693" s="613"/>
      <c r="SVS693" s="613"/>
      <c r="SVT693" s="613"/>
      <c r="SVU693" s="613"/>
      <c r="SVV693" s="613"/>
      <c r="SVW693" s="613"/>
      <c r="SVX693" s="613"/>
      <c r="SVY693" s="613"/>
      <c r="SVZ693" s="613"/>
      <c r="SWA693" s="613"/>
      <c r="SWB693" s="613"/>
      <c r="SWC693" s="613"/>
      <c r="SWD693" s="613"/>
      <c r="SWE693" s="613"/>
      <c r="SWF693" s="613"/>
      <c r="SWG693" s="613"/>
      <c r="SWH693" s="613"/>
      <c r="SWI693" s="613"/>
      <c r="SWJ693" s="613"/>
      <c r="SWK693" s="613"/>
      <c r="SWL693" s="613"/>
      <c r="SWM693" s="613"/>
      <c r="SWN693" s="613"/>
      <c r="SWO693" s="613"/>
      <c r="SWP693" s="613"/>
      <c r="SWQ693" s="613"/>
      <c r="SWR693" s="613"/>
      <c r="SWS693" s="613"/>
      <c r="SWT693" s="613"/>
      <c r="SWU693" s="613"/>
      <c r="SWV693" s="613"/>
      <c r="SWW693" s="613"/>
      <c r="SWX693" s="613"/>
      <c r="SWY693" s="613"/>
      <c r="SWZ693" s="613"/>
      <c r="SXA693" s="613"/>
      <c r="SXB693" s="613"/>
      <c r="SXC693" s="613"/>
      <c r="SXD693" s="613"/>
      <c r="SXE693" s="613"/>
      <c r="SXF693" s="613"/>
      <c r="SXG693" s="613"/>
      <c r="SXH693" s="613"/>
      <c r="SXI693" s="613"/>
      <c r="SXJ693" s="613"/>
      <c r="SXK693" s="613"/>
      <c r="SXL693" s="613"/>
      <c r="SXM693" s="613"/>
      <c r="SXN693" s="613"/>
      <c r="SXO693" s="613"/>
      <c r="SXP693" s="613"/>
      <c r="SXQ693" s="613"/>
      <c r="SXR693" s="613"/>
      <c r="SXS693" s="613"/>
      <c r="SXT693" s="613"/>
      <c r="SXU693" s="613"/>
      <c r="SXV693" s="613"/>
      <c r="SXW693" s="613"/>
      <c r="SXX693" s="613"/>
      <c r="SXY693" s="613"/>
      <c r="SXZ693" s="613"/>
      <c r="SYA693" s="613"/>
      <c r="SYB693" s="613"/>
      <c r="SYC693" s="613"/>
      <c r="SYD693" s="613"/>
      <c r="SYE693" s="613"/>
      <c r="SYF693" s="613"/>
      <c r="SYG693" s="613"/>
      <c r="SYH693" s="613"/>
      <c r="SYI693" s="613"/>
      <c r="SYJ693" s="613"/>
      <c r="SYK693" s="613"/>
      <c r="SYL693" s="613"/>
      <c r="SYM693" s="613"/>
      <c r="SYN693" s="613"/>
      <c r="SYO693" s="613"/>
      <c r="SYP693" s="613"/>
      <c r="SYQ693" s="613"/>
      <c r="SYR693" s="613"/>
      <c r="SYS693" s="613"/>
      <c r="SYT693" s="613"/>
      <c r="SYU693" s="613"/>
      <c r="SYV693" s="613"/>
      <c r="SYW693" s="613"/>
      <c r="SYX693" s="613"/>
      <c r="SYY693" s="613"/>
      <c r="SYZ693" s="613"/>
      <c r="SZA693" s="613"/>
      <c r="SZB693" s="613"/>
      <c r="SZC693" s="613"/>
      <c r="SZD693" s="613"/>
      <c r="SZE693" s="613"/>
      <c r="SZF693" s="613"/>
      <c r="SZG693" s="613"/>
      <c r="SZH693" s="613"/>
      <c r="SZI693" s="613"/>
      <c r="SZJ693" s="613"/>
      <c r="SZK693" s="613"/>
      <c r="SZL693" s="613"/>
      <c r="SZM693" s="613"/>
      <c r="SZN693" s="613"/>
      <c r="SZO693" s="613"/>
      <c r="SZP693" s="613"/>
      <c r="SZQ693" s="613"/>
      <c r="SZR693" s="613"/>
      <c r="SZS693" s="613"/>
      <c r="SZT693" s="613"/>
      <c r="SZU693" s="613"/>
      <c r="SZV693" s="613"/>
      <c r="SZW693" s="613"/>
      <c r="SZX693" s="613"/>
      <c r="SZY693" s="613"/>
      <c r="SZZ693" s="613"/>
      <c r="TAA693" s="613"/>
      <c r="TAB693" s="613"/>
      <c r="TAC693" s="613"/>
      <c r="TAD693" s="613"/>
      <c r="TAE693" s="613"/>
      <c r="TAF693" s="613"/>
      <c r="TAG693" s="613"/>
      <c r="TAH693" s="613"/>
      <c r="TAI693" s="613"/>
      <c r="TAJ693" s="613"/>
      <c r="TAK693" s="613"/>
      <c r="TAL693" s="613"/>
      <c r="TAM693" s="613"/>
      <c r="TAN693" s="613"/>
      <c r="TAO693" s="613"/>
      <c r="TAP693" s="613"/>
      <c r="TAQ693" s="613"/>
      <c r="TAR693" s="613"/>
      <c r="TAS693" s="613"/>
      <c r="TAT693" s="613"/>
      <c r="TAU693" s="613"/>
      <c r="TAV693" s="613"/>
      <c r="TAW693" s="613"/>
      <c r="TAX693" s="613"/>
      <c r="TAY693" s="613"/>
      <c r="TAZ693" s="613"/>
      <c r="TBA693" s="613"/>
      <c r="TBB693" s="613"/>
      <c r="TBC693" s="613"/>
      <c r="TBD693" s="613"/>
      <c r="TBE693" s="613"/>
      <c r="TBF693" s="613"/>
      <c r="TBG693" s="613"/>
      <c r="TBH693" s="613"/>
      <c r="TBI693" s="613"/>
      <c r="TBJ693" s="613"/>
      <c r="TBK693" s="613"/>
      <c r="TBL693" s="613"/>
      <c r="TBM693" s="613"/>
      <c r="TBN693" s="613"/>
      <c r="TBO693" s="613"/>
      <c r="TBP693" s="613"/>
      <c r="TBQ693" s="613"/>
      <c r="TBR693" s="613"/>
      <c r="TBS693" s="613"/>
      <c r="TBT693" s="613"/>
      <c r="TBU693" s="613"/>
      <c r="TBV693" s="613"/>
      <c r="TBW693" s="613"/>
      <c r="TBX693" s="613"/>
      <c r="TBY693" s="613"/>
      <c r="TBZ693" s="613"/>
      <c r="TCA693" s="613"/>
      <c r="TCB693" s="613"/>
      <c r="TCC693" s="613"/>
      <c r="TCD693" s="613"/>
      <c r="TCE693" s="613"/>
      <c r="TCF693" s="613"/>
      <c r="TCG693" s="613"/>
      <c r="TCH693" s="613"/>
      <c r="TCI693" s="613"/>
      <c r="TCJ693" s="613"/>
      <c r="TCK693" s="613"/>
      <c r="TCL693" s="613"/>
      <c r="TCM693" s="613"/>
      <c r="TCN693" s="613"/>
      <c r="TCO693" s="613"/>
      <c r="TCP693" s="613"/>
      <c r="TCQ693" s="613"/>
      <c r="TCR693" s="613"/>
      <c r="TCS693" s="613"/>
      <c r="TCT693" s="613"/>
      <c r="TCU693" s="613"/>
      <c r="TCV693" s="613"/>
      <c r="TCW693" s="613"/>
      <c r="TCX693" s="613"/>
      <c r="TCY693" s="613"/>
      <c r="TCZ693" s="613"/>
      <c r="TDA693" s="613"/>
      <c r="TDB693" s="613"/>
      <c r="TDC693" s="613"/>
      <c r="TDD693" s="613"/>
      <c r="TDE693" s="613"/>
      <c r="TDF693" s="613"/>
      <c r="TDG693" s="613"/>
      <c r="TDH693" s="613"/>
      <c r="TDI693" s="613"/>
      <c r="TDJ693" s="613"/>
      <c r="TDK693" s="613"/>
      <c r="TDL693" s="613"/>
      <c r="TDM693" s="613"/>
      <c r="TDN693" s="613"/>
      <c r="TDO693" s="613"/>
      <c r="TDP693" s="613"/>
      <c r="TDQ693" s="613"/>
      <c r="TDR693" s="613"/>
      <c r="TDS693" s="613"/>
      <c r="TDT693" s="613"/>
      <c r="TDU693" s="613"/>
      <c r="TDV693" s="613"/>
      <c r="TDW693" s="613"/>
      <c r="TDX693" s="613"/>
      <c r="TDY693" s="613"/>
      <c r="TDZ693" s="613"/>
      <c r="TEA693" s="613"/>
      <c r="TEB693" s="613"/>
      <c r="TEC693" s="613"/>
      <c r="TED693" s="613"/>
      <c r="TEE693" s="613"/>
      <c r="TEF693" s="613"/>
      <c r="TEG693" s="613"/>
      <c r="TEH693" s="613"/>
      <c r="TEI693" s="613"/>
      <c r="TEJ693" s="613"/>
      <c r="TEK693" s="613"/>
      <c r="TEL693" s="613"/>
      <c r="TEM693" s="613"/>
      <c r="TEN693" s="613"/>
      <c r="TEO693" s="613"/>
      <c r="TEP693" s="613"/>
      <c r="TEQ693" s="613"/>
      <c r="TER693" s="613"/>
      <c r="TES693" s="613"/>
      <c r="TET693" s="613"/>
      <c r="TEU693" s="613"/>
      <c r="TEV693" s="613"/>
      <c r="TEW693" s="613"/>
      <c r="TEX693" s="613"/>
      <c r="TEY693" s="613"/>
      <c r="TEZ693" s="613"/>
      <c r="TFA693" s="613"/>
      <c r="TFB693" s="613"/>
      <c r="TFC693" s="613"/>
      <c r="TFD693" s="613"/>
      <c r="TFE693" s="613"/>
      <c r="TFF693" s="613"/>
      <c r="TFG693" s="613"/>
      <c r="TFH693" s="613"/>
      <c r="TFI693" s="613"/>
      <c r="TFJ693" s="613"/>
      <c r="TFK693" s="613"/>
      <c r="TFL693" s="613"/>
      <c r="TFM693" s="613"/>
      <c r="TFN693" s="613"/>
      <c r="TFO693" s="613"/>
      <c r="TFP693" s="613"/>
      <c r="TFQ693" s="613"/>
      <c r="TFR693" s="613"/>
      <c r="TFS693" s="613"/>
      <c r="TFT693" s="613"/>
      <c r="TFU693" s="613"/>
      <c r="TFV693" s="613"/>
      <c r="TFW693" s="613"/>
      <c r="TFX693" s="613"/>
      <c r="TFY693" s="613"/>
      <c r="TFZ693" s="613"/>
      <c r="TGA693" s="613"/>
      <c r="TGB693" s="613"/>
      <c r="TGC693" s="613"/>
      <c r="TGD693" s="613"/>
      <c r="TGE693" s="613"/>
      <c r="TGF693" s="613"/>
      <c r="TGG693" s="613"/>
      <c r="TGH693" s="613"/>
      <c r="TGI693" s="613"/>
      <c r="TGJ693" s="613"/>
      <c r="TGK693" s="613"/>
      <c r="TGL693" s="613"/>
      <c r="TGM693" s="613"/>
      <c r="TGN693" s="613"/>
      <c r="TGO693" s="613"/>
      <c r="TGP693" s="613"/>
      <c r="TGQ693" s="613"/>
      <c r="TGR693" s="613"/>
      <c r="TGS693" s="613"/>
      <c r="TGT693" s="613"/>
      <c r="TGU693" s="613"/>
      <c r="TGV693" s="613"/>
      <c r="TGW693" s="613"/>
      <c r="TGX693" s="613"/>
      <c r="TGY693" s="613"/>
      <c r="TGZ693" s="613"/>
      <c r="THA693" s="613"/>
      <c r="THB693" s="613"/>
      <c r="THC693" s="613"/>
      <c r="THD693" s="613"/>
      <c r="THE693" s="613"/>
      <c r="THF693" s="613"/>
      <c r="THG693" s="613"/>
      <c r="THH693" s="613"/>
      <c r="THI693" s="613"/>
      <c r="THJ693" s="613"/>
      <c r="THK693" s="613"/>
      <c r="THL693" s="613"/>
      <c r="THM693" s="613"/>
      <c r="THN693" s="613"/>
      <c r="THO693" s="613"/>
      <c r="THP693" s="613"/>
      <c r="THQ693" s="613"/>
      <c r="THR693" s="613"/>
      <c r="THS693" s="613"/>
      <c r="THT693" s="613"/>
      <c r="THU693" s="613"/>
      <c r="THV693" s="613"/>
      <c r="THW693" s="613"/>
      <c r="THX693" s="613"/>
      <c r="THY693" s="613"/>
      <c r="THZ693" s="613"/>
      <c r="TIA693" s="613"/>
      <c r="TIB693" s="613"/>
      <c r="TIC693" s="613"/>
      <c r="TID693" s="613"/>
      <c r="TIE693" s="613"/>
      <c r="TIF693" s="613"/>
      <c r="TIG693" s="613"/>
      <c r="TIH693" s="613"/>
      <c r="TII693" s="613"/>
      <c r="TIJ693" s="613"/>
      <c r="TIK693" s="613"/>
      <c r="TIL693" s="613"/>
      <c r="TIM693" s="613"/>
      <c r="TIN693" s="613"/>
      <c r="TIO693" s="613"/>
      <c r="TIP693" s="613"/>
      <c r="TIQ693" s="613"/>
      <c r="TIR693" s="613"/>
      <c r="TIS693" s="613"/>
      <c r="TIT693" s="613"/>
      <c r="TIU693" s="613"/>
      <c r="TIV693" s="613"/>
      <c r="TIW693" s="613"/>
      <c r="TIX693" s="613"/>
      <c r="TIY693" s="613"/>
      <c r="TIZ693" s="613"/>
      <c r="TJA693" s="613"/>
      <c r="TJB693" s="613"/>
      <c r="TJC693" s="613"/>
      <c r="TJD693" s="613"/>
      <c r="TJE693" s="613"/>
      <c r="TJF693" s="613"/>
      <c r="TJG693" s="613"/>
      <c r="TJH693" s="613"/>
      <c r="TJI693" s="613"/>
      <c r="TJJ693" s="613"/>
      <c r="TJK693" s="613"/>
      <c r="TJL693" s="613"/>
      <c r="TJM693" s="613"/>
      <c r="TJN693" s="613"/>
      <c r="TJO693" s="613"/>
      <c r="TJP693" s="613"/>
      <c r="TJQ693" s="613"/>
      <c r="TJR693" s="613"/>
      <c r="TJS693" s="613"/>
      <c r="TJT693" s="613"/>
      <c r="TJU693" s="613"/>
      <c r="TJV693" s="613"/>
      <c r="TJW693" s="613"/>
      <c r="TJX693" s="613"/>
      <c r="TJY693" s="613"/>
      <c r="TJZ693" s="613"/>
      <c r="TKA693" s="613"/>
      <c r="TKB693" s="613"/>
      <c r="TKC693" s="613"/>
      <c r="TKD693" s="613"/>
      <c r="TKE693" s="613"/>
      <c r="TKF693" s="613"/>
      <c r="TKG693" s="613"/>
      <c r="TKH693" s="613"/>
      <c r="TKI693" s="613"/>
      <c r="TKJ693" s="613"/>
      <c r="TKK693" s="613"/>
      <c r="TKL693" s="613"/>
      <c r="TKM693" s="613"/>
      <c r="TKN693" s="613"/>
      <c r="TKO693" s="613"/>
      <c r="TKP693" s="613"/>
      <c r="TKQ693" s="613"/>
      <c r="TKR693" s="613"/>
      <c r="TKS693" s="613"/>
      <c r="TKT693" s="613"/>
      <c r="TKU693" s="613"/>
      <c r="TKV693" s="613"/>
      <c r="TKW693" s="613"/>
      <c r="TKX693" s="613"/>
      <c r="TKY693" s="613"/>
      <c r="TKZ693" s="613"/>
      <c r="TLA693" s="613"/>
      <c r="TLB693" s="613"/>
      <c r="TLC693" s="613"/>
      <c r="TLD693" s="613"/>
      <c r="TLE693" s="613"/>
      <c r="TLF693" s="613"/>
      <c r="TLG693" s="613"/>
      <c r="TLH693" s="613"/>
      <c r="TLI693" s="613"/>
      <c r="TLJ693" s="613"/>
      <c r="TLK693" s="613"/>
      <c r="TLL693" s="613"/>
      <c r="TLM693" s="613"/>
      <c r="TLN693" s="613"/>
      <c r="TLO693" s="613"/>
      <c r="TLP693" s="613"/>
      <c r="TLQ693" s="613"/>
      <c r="TLR693" s="613"/>
      <c r="TLS693" s="613"/>
      <c r="TLT693" s="613"/>
      <c r="TLU693" s="613"/>
      <c r="TLV693" s="613"/>
      <c r="TLW693" s="613"/>
      <c r="TLX693" s="613"/>
      <c r="TLY693" s="613"/>
      <c r="TLZ693" s="613"/>
      <c r="TMA693" s="613"/>
      <c r="TMB693" s="613"/>
      <c r="TMC693" s="613"/>
      <c r="TMD693" s="613"/>
      <c r="TME693" s="613"/>
      <c r="TMF693" s="613"/>
      <c r="TMG693" s="613"/>
      <c r="TMH693" s="613"/>
      <c r="TMI693" s="613"/>
      <c r="TMJ693" s="613"/>
      <c r="TMK693" s="613"/>
      <c r="TML693" s="613"/>
      <c r="TMM693" s="613"/>
      <c r="TMN693" s="613"/>
      <c r="TMO693" s="613"/>
      <c r="TMP693" s="613"/>
      <c r="TMQ693" s="613"/>
      <c r="TMR693" s="613"/>
      <c r="TMS693" s="613"/>
      <c r="TMT693" s="613"/>
      <c r="TMU693" s="613"/>
      <c r="TMV693" s="613"/>
      <c r="TMW693" s="613"/>
      <c r="TMX693" s="613"/>
      <c r="TMY693" s="613"/>
      <c r="TMZ693" s="613"/>
      <c r="TNA693" s="613"/>
      <c r="TNB693" s="613"/>
      <c r="TNC693" s="613"/>
      <c r="TND693" s="613"/>
      <c r="TNE693" s="613"/>
      <c r="TNF693" s="613"/>
      <c r="TNG693" s="613"/>
      <c r="TNH693" s="613"/>
      <c r="TNI693" s="613"/>
      <c r="TNJ693" s="613"/>
      <c r="TNK693" s="613"/>
      <c r="TNL693" s="613"/>
      <c r="TNM693" s="613"/>
      <c r="TNN693" s="613"/>
      <c r="TNO693" s="613"/>
      <c r="TNP693" s="613"/>
      <c r="TNQ693" s="613"/>
      <c r="TNR693" s="613"/>
      <c r="TNS693" s="613"/>
      <c r="TNT693" s="613"/>
      <c r="TNU693" s="613"/>
      <c r="TNV693" s="613"/>
      <c r="TNW693" s="613"/>
      <c r="TNX693" s="613"/>
      <c r="TNY693" s="613"/>
      <c r="TNZ693" s="613"/>
      <c r="TOA693" s="613"/>
      <c r="TOB693" s="613"/>
      <c r="TOC693" s="613"/>
      <c r="TOD693" s="613"/>
      <c r="TOE693" s="613"/>
      <c r="TOF693" s="613"/>
      <c r="TOG693" s="613"/>
      <c r="TOH693" s="613"/>
      <c r="TOI693" s="613"/>
      <c r="TOJ693" s="613"/>
      <c r="TOK693" s="613"/>
      <c r="TOL693" s="613"/>
      <c r="TOM693" s="613"/>
      <c r="TON693" s="613"/>
      <c r="TOO693" s="613"/>
      <c r="TOP693" s="613"/>
      <c r="TOQ693" s="613"/>
      <c r="TOR693" s="613"/>
      <c r="TOS693" s="613"/>
      <c r="TOT693" s="613"/>
      <c r="TOU693" s="613"/>
      <c r="TOV693" s="613"/>
      <c r="TOW693" s="613"/>
      <c r="TOX693" s="613"/>
      <c r="TOY693" s="613"/>
      <c r="TOZ693" s="613"/>
      <c r="TPA693" s="613"/>
      <c r="TPB693" s="613"/>
      <c r="TPC693" s="613"/>
      <c r="TPD693" s="613"/>
      <c r="TPE693" s="613"/>
      <c r="TPF693" s="613"/>
      <c r="TPG693" s="613"/>
      <c r="TPH693" s="613"/>
      <c r="TPI693" s="613"/>
      <c r="TPJ693" s="613"/>
      <c r="TPK693" s="613"/>
      <c r="TPL693" s="613"/>
      <c r="TPM693" s="613"/>
      <c r="TPN693" s="613"/>
      <c r="TPO693" s="613"/>
      <c r="TPP693" s="613"/>
      <c r="TPQ693" s="613"/>
      <c r="TPR693" s="613"/>
      <c r="TPS693" s="613"/>
      <c r="TPT693" s="613"/>
      <c r="TPU693" s="613"/>
      <c r="TPV693" s="613"/>
      <c r="TPW693" s="613"/>
      <c r="TPX693" s="613"/>
      <c r="TPY693" s="613"/>
      <c r="TPZ693" s="613"/>
      <c r="TQA693" s="613"/>
      <c r="TQB693" s="613"/>
      <c r="TQC693" s="613"/>
      <c r="TQD693" s="613"/>
      <c r="TQE693" s="613"/>
      <c r="TQF693" s="613"/>
      <c r="TQG693" s="613"/>
      <c r="TQH693" s="613"/>
      <c r="TQI693" s="613"/>
      <c r="TQJ693" s="613"/>
      <c r="TQK693" s="613"/>
      <c r="TQL693" s="613"/>
      <c r="TQM693" s="613"/>
      <c r="TQN693" s="613"/>
      <c r="TQO693" s="613"/>
      <c r="TQP693" s="613"/>
      <c r="TQQ693" s="613"/>
      <c r="TQR693" s="613"/>
      <c r="TQS693" s="613"/>
      <c r="TQT693" s="613"/>
      <c r="TQU693" s="613"/>
      <c r="TQV693" s="613"/>
      <c r="TQW693" s="613"/>
      <c r="TQX693" s="613"/>
      <c r="TQY693" s="613"/>
      <c r="TQZ693" s="613"/>
      <c r="TRA693" s="613"/>
      <c r="TRB693" s="613"/>
      <c r="TRC693" s="613"/>
      <c r="TRD693" s="613"/>
      <c r="TRE693" s="613"/>
      <c r="TRF693" s="613"/>
      <c r="TRG693" s="613"/>
      <c r="TRH693" s="613"/>
      <c r="TRI693" s="613"/>
      <c r="TRJ693" s="613"/>
      <c r="TRK693" s="613"/>
      <c r="TRL693" s="613"/>
      <c r="TRM693" s="613"/>
      <c r="TRN693" s="613"/>
      <c r="TRO693" s="613"/>
      <c r="TRP693" s="613"/>
      <c r="TRQ693" s="613"/>
      <c r="TRR693" s="613"/>
      <c r="TRS693" s="613"/>
      <c r="TRT693" s="613"/>
      <c r="TRU693" s="613"/>
      <c r="TRV693" s="613"/>
      <c r="TRW693" s="613"/>
      <c r="TRX693" s="613"/>
      <c r="TRY693" s="613"/>
      <c r="TRZ693" s="613"/>
      <c r="TSA693" s="613"/>
      <c r="TSB693" s="613"/>
      <c r="TSC693" s="613"/>
      <c r="TSD693" s="613"/>
      <c r="TSE693" s="613"/>
      <c r="TSF693" s="613"/>
      <c r="TSG693" s="613"/>
      <c r="TSH693" s="613"/>
      <c r="TSI693" s="613"/>
      <c r="TSJ693" s="613"/>
      <c r="TSK693" s="613"/>
      <c r="TSL693" s="613"/>
      <c r="TSM693" s="613"/>
      <c r="TSN693" s="613"/>
      <c r="TSO693" s="613"/>
      <c r="TSP693" s="613"/>
      <c r="TSQ693" s="613"/>
      <c r="TSR693" s="613"/>
      <c r="TSS693" s="613"/>
      <c r="TST693" s="613"/>
      <c r="TSU693" s="613"/>
      <c r="TSV693" s="613"/>
      <c r="TSW693" s="613"/>
      <c r="TSX693" s="613"/>
      <c r="TSY693" s="613"/>
      <c r="TSZ693" s="613"/>
      <c r="TTA693" s="613"/>
      <c r="TTB693" s="613"/>
      <c r="TTC693" s="613"/>
      <c r="TTD693" s="613"/>
      <c r="TTE693" s="613"/>
      <c r="TTF693" s="613"/>
      <c r="TTG693" s="613"/>
      <c r="TTH693" s="613"/>
      <c r="TTI693" s="613"/>
      <c r="TTJ693" s="613"/>
      <c r="TTK693" s="613"/>
      <c r="TTL693" s="613"/>
      <c r="TTM693" s="613"/>
      <c r="TTN693" s="613"/>
      <c r="TTO693" s="613"/>
      <c r="TTP693" s="613"/>
      <c r="TTQ693" s="613"/>
      <c r="TTR693" s="613"/>
      <c r="TTS693" s="613"/>
      <c r="TTT693" s="613"/>
      <c r="TTU693" s="613"/>
      <c r="TTV693" s="613"/>
      <c r="TTW693" s="613"/>
      <c r="TTX693" s="613"/>
      <c r="TTY693" s="613"/>
      <c r="TTZ693" s="613"/>
      <c r="TUA693" s="613"/>
      <c r="TUB693" s="613"/>
      <c r="TUC693" s="613"/>
      <c r="TUD693" s="613"/>
      <c r="TUE693" s="613"/>
      <c r="TUF693" s="613"/>
      <c r="TUG693" s="613"/>
      <c r="TUH693" s="613"/>
      <c r="TUI693" s="613"/>
      <c r="TUJ693" s="613"/>
      <c r="TUK693" s="613"/>
      <c r="TUL693" s="613"/>
      <c r="TUM693" s="613"/>
      <c r="TUN693" s="613"/>
      <c r="TUO693" s="613"/>
      <c r="TUP693" s="613"/>
      <c r="TUQ693" s="613"/>
      <c r="TUR693" s="613"/>
      <c r="TUS693" s="613"/>
      <c r="TUT693" s="613"/>
      <c r="TUU693" s="613"/>
      <c r="TUV693" s="613"/>
      <c r="TUW693" s="613"/>
      <c r="TUX693" s="613"/>
      <c r="TUY693" s="613"/>
      <c r="TUZ693" s="613"/>
      <c r="TVA693" s="613"/>
      <c r="TVB693" s="613"/>
      <c r="TVC693" s="613"/>
      <c r="TVD693" s="613"/>
      <c r="TVE693" s="613"/>
      <c r="TVF693" s="613"/>
      <c r="TVG693" s="613"/>
      <c r="TVH693" s="613"/>
      <c r="TVI693" s="613"/>
      <c r="TVJ693" s="613"/>
      <c r="TVK693" s="613"/>
      <c r="TVL693" s="613"/>
      <c r="TVM693" s="613"/>
      <c r="TVN693" s="613"/>
      <c r="TVO693" s="613"/>
      <c r="TVP693" s="613"/>
      <c r="TVQ693" s="613"/>
      <c r="TVR693" s="613"/>
      <c r="TVS693" s="613"/>
      <c r="TVT693" s="613"/>
      <c r="TVU693" s="613"/>
      <c r="TVV693" s="613"/>
      <c r="TVW693" s="613"/>
      <c r="TVX693" s="613"/>
      <c r="TVY693" s="613"/>
      <c r="TVZ693" s="613"/>
      <c r="TWA693" s="613"/>
      <c r="TWB693" s="613"/>
      <c r="TWC693" s="613"/>
      <c r="TWD693" s="613"/>
      <c r="TWE693" s="613"/>
      <c r="TWF693" s="613"/>
      <c r="TWG693" s="613"/>
      <c r="TWH693" s="613"/>
      <c r="TWI693" s="613"/>
      <c r="TWJ693" s="613"/>
      <c r="TWK693" s="613"/>
      <c r="TWL693" s="613"/>
      <c r="TWM693" s="613"/>
      <c r="TWN693" s="613"/>
      <c r="TWO693" s="613"/>
      <c r="TWP693" s="613"/>
      <c r="TWQ693" s="613"/>
      <c r="TWR693" s="613"/>
      <c r="TWS693" s="613"/>
      <c r="TWT693" s="613"/>
      <c r="TWU693" s="613"/>
      <c r="TWV693" s="613"/>
      <c r="TWW693" s="613"/>
      <c r="TWX693" s="613"/>
      <c r="TWY693" s="613"/>
      <c r="TWZ693" s="613"/>
      <c r="TXA693" s="613"/>
      <c r="TXB693" s="613"/>
      <c r="TXC693" s="613"/>
      <c r="TXD693" s="613"/>
      <c r="TXE693" s="613"/>
      <c r="TXF693" s="613"/>
      <c r="TXG693" s="613"/>
      <c r="TXH693" s="613"/>
      <c r="TXI693" s="613"/>
      <c r="TXJ693" s="613"/>
      <c r="TXK693" s="613"/>
      <c r="TXL693" s="613"/>
      <c r="TXM693" s="613"/>
      <c r="TXN693" s="613"/>
      <c r="TXO693" s="613"/>
      <c r="TXP693" s="613"/>
      <c r="TXQ693" s="613"/>
      <c r="TXR693" s="613"/>
      <c r="TXS693" s="613"/>
      <c r="TXT693" s="613"/>
      <c r="TXU693" s="613"/>
      <c r="TXV693" s="613"/>
      <c r="TXW693" s="613"/>
      <c r="TXX693" s="613"/>
      <c r="TXY693" s="613"/>
      <c r="TXZ693" s="613"/>
      <c r="TYA693" s="613"/>
      <c r="TYB693" s="613"/>
      <c r="TYC693" s="613"/>
      <c r="TYD693" s="613"/>
      <c r="TYE693" s="613"/>
      <c r="TYF693" s="613"/>
      <c r="TYG693" s="613"/>
      <c r="TYH693" s="613"/>
      <c r="TYI693" s="613"/>
      <c r="TYJ693" s="613"/>
      <c r="TYK693" s="613"/>
      <c r="TYL693" s="613"/>
      <c r="TYM693" s="613"/>
      <c r="TYN693" s="613"/>
      <c r="TYO693" s="613"/>
      <c r="TYP693" s="613"/>
      <c r="TYQ693" s="613"/>
      <c r="TYR693" s="613"/>
      <c r="TYS693" s="613"/>
      <c r="TYT693" s="613"/>
      <c r="TYU693" s="613"/>
      <c r="TYV693" s="613"/>
      <c r="TYW693" s="613"/>
      <c r="TYX693" s="613"/>
      <c r="TYY693" s="613"/>
      <c r="TYZ693" s="613"/>
      <c r="TZA693" s="613"/>
      <c r="TZB693" s="613"/>
      <c r="TZC693" s="613"/>
      <c r="TZD693" s="613"/>
      <c r="TZE693" s="613"/>
      <c r="TZF693" s="613"/>
      <c r="TZG693" s="613"/>
      <c r="TZH693" s="613"/>
      <c r="TZI693" s="613"/>
      <c r="TZJ693" s="613"/>
      <c r="TZK693" s="613"/>
      <c r="TZL693" s="613"/>
      <c r="TZM693" s="613"/>
      <c r="TZN693" s="613"/>
      <c r="TZO693" s="613"/>
      <c r="TZP693" s="613"/>
      <c r="TZQ693" s="613"/>
      <c r="TZR693" s="613"/>
      <c r="TZS693" s="613"/>
      <c r="TZT693" s="613"/>
      <c r="TZU693" s="613"/>
      <c r="TZV693" s="613"/>
      <c r="TZW693" s="613"/>
      <c r="TZX693" s="613"/>
      <c r="TZY693" s="613"/>
      <c r="TZZ693" s="613"/>
      <c r="UAA693" s="613"/>
      <c r="UAB693" s="613"/>
      <c r="UAC693" s="613"/>
      <c r="UAD693" s="613"/>
      <c r="UAE693" s="613"/>
      <c r="UAF693" s="613"/>
      <c r="UAG693" s="613"/>
      <c r="UAH693" s="613"/>
      <c r="UAI693" s="613"/>
      <c r="UAJ693" s="613"/>
      <c r="UAK693" s="613"/>
      <c r="UAL693" s="613"/>
      <c r="UAM693" s="613"/>
      <c r="UAN693" s="613"/>
      <c r="UAO693" s="613"/>
      <c r="UAP693" s="613"/>
      <c r="UAQ693" s="613"/>
      <c r="UAR693" s="613"/>
      <c r="UAS693" s="613"/>
      <c r="UAT693" s="613"/>
      <c r="UAU693" s="613"/>
      <c r="UAV693" s="613"/>
      <c r="UAW693" s="613"/>
      <c r="UAX693" s="613"/>
      <c r="UAY693" s="613"/>
      <c r="UAZ693" s="613"/>
      <c r="UBA693" s="613"/>
      <c r="UBB693" s="613"/>
      <c r="UBC693" s="613"/>
      <c r="UBD693" s="613"/>
      <c r="UBE693" s="613"/>
      <c r="UBF693" s="613"/>
      <c r="UBG693" s="613"/>
      <c r="UBH693" s="613"/>
      <c r="UBI693" s="613"/>
      <c r="UBJ693" s="613"/>
      <c r="UBK693" s="613"/>
      <c r="UBL693" s="613"/>
      <c r="UBM693" s="613"/>
      <c r="UBN693" s="613"/>
      <c r="UBO693" s="613"/>
      <c r="UBP693" s="613"/>
      <c r="UBQ693" s="613"/>
      <c r="UBR693" s="613"/>
      <c r="UBS693" s="613"/>
      <c r="UBT693" s="613"/>
      <c r="UBU693" s="613"/>
      <c r="UBV693" s="613"/>
      <c r="UBW693" s="613"/>
      <c r="UBX693" s="613"/>
      <c r="UBY693" s="613"/>
      <c r="UBZ693" s="613"/>
      <c r="UCA693" s="613"/>
      <c r="UCB693" s="613"/>
      <c r="UCC693" s="613"/>
      <c r="UCD693" s="613"/>
      <c r="UCE693" s="613"/>
      <c r="UCF693" s="613"/>
      <c r="UCG693" s="613"/>
      <c r="UCH693" s="613"/>
      <c r="UCI693" s="613"/>
      <c r="UCJ693" s="613"/>
      <c r="UCK693" s="613"/>
      <c r="UCL693" s="613"/>
      <c r="UCM693" s="613"/>
      <c r="UCN693" s="613"/>
      <c r="UCO693" s="613"/>
      <c r="UCP693" s="613"/>
      <c r="UCQ693" s="613"/>
      <c r="UCR693" s="613"/>
      <c r="UCS693" s="613"/>
      <c r="UCT693" s="613"/>
      <c r="UCU693" s="613"/>
      <c r="UCV693" s="613"/>
      <c r="UCW693" s="613"/>
      <c r="UCX693" s="613"/>
      <c r="UCY693" s="613"/>
      <c r="UCZ693" s="613"/>
      <c r="UDA693" s="613"/>
      <c r="UDB693" s="613"/>
      <c r="UDC693" s="613"/>
      <c r="UDD693" s="613"/>
      <c r="UDE693" s="613"/>
      <c r="UDF693" s="613"/>
      <c r="UDG693" s="613"/>
      <c r="UDH693" s="613"/>
      <c r="UDI693" s="613"/>
      <c r="UDJ693" s="613"/>
      <c r="UDK693" s="613"/>
      <c r="UDL693" s="613"/>
      <c r="UDM693" s="613"/>
      <c r="UDN693" s="613"/>
      <c r="UDO693" s="613"/>
      <c r="UDP693" s="613"/>
      <c r="UDQ693" s="613"/>
      <c r="UDR693" s="613"/>
      <c r="UDS693" s="613"/>
      <c r="UDT693" s="613"/>
      <c r="UDU693" s="613"/>
      <c r="UDV693" s="613"/>
      <c r="UDW693" s="613"/>
      <c r="UDX693" s="613"/>
      <c r="UDY693" s="613"/>
      <c r="UDZ693" s="613"/>
      <c r="UEA693" s="613"/>
      <c r="UEB693" s="613"/>
      <c r="UEC693" s="613"/>
      <c r="UED693" s="613"/>
      <c r="UEE693" s="613"/>
      <c r="UEF693" s="613"/>
      <c r="UEG693" s="613"/>
      <c r="UEH693" s="613"/>
      <c r="UEI693" s="613"/>
      <c r="UEJ693" s="613"/>
      <c r="UEK693" s="613"/>
      <c r="UEL693" s="613"/>
      <c r="UEM693" s="613"/>
      <c r="UEN693" s="613"/>
      <c r="UEO693" s="613"/>
      <c r="UEP693" s="613"/>
      <c r="UEQ693" s="613"/>
      <c r="UER693" s="613"/>
      <c r="UES693" s="613"/>
      <c r="UET693" s="613"/>
      <c r="UEU693" s="613"/>
      <c r="UEV693" s="613"/>
      <c r="UEW693" s="613"/>
      <c r="UEX693" s="613"/>
      <c r="UEY693" s="613"/>
      <c r="UEZ693" s="613"/>
      <c r="UFA693" s="613"/>
      <c r="UFB693" s="613"/>
      <c r="UFC693" s="613"/>
      <c r="UFD693" s="613"/>
      <c r="UFE693" s="613"/>
      <c r="UFF693" s="613"/>
      <c r="UFG693" s="613"/>
      <c r="UFH693" s="613"/>
      <c r="UFI693" s="613"/>
      <c r="UFJ693" s="613"/>
      <c r="UFK693" s="613"/>
      <c r="UFL693" s="613"/>
      <c r="UFM693" s="613"/>
      <c r="UFN693" s="613"/>
      <c r="UFO693" s="613"/>
      <c r="UFP693" s="613"/>
      <c r="UFQ693" s="613"/>
      <c r="UFR693" s="613"/>
      <c r="UFS693" s="613"/>
      <c r="UFT693" s="613"/>
      <c r="UFU693" s="613"/>
      <c r="UFV693" s="613"/>
      <c r="UFW693" s="613"/>
      <c r="UFX693" s="613"/>
      <c r="UFY693" s="613"/>
      <c r="UFZ693" s="613"/>
      <c r="UGA693" s="613"/>
      <c r="UGB693" s="613"/>
      <c r="UGC693" s="613"/>
      <c r="UGD693" s="613"/>
      <c r="UGE693" s="613"/>
      <c r="UGF693" s="613"/>
      <c r="UGG693" s="613"/>
      <c r="UGH693" s="613"/>
      <c r="UGI693" s="613"/>
      <c r="UGJ693" s="613"/>
      <c r="UGK693" s="613"/>
      <c r="UGL693" s="613"/>
      <c r="UGM693" s="613"/>
      <c r="UGN693" s="613"/>
      <c r="UGO693" s="613"/>
      <c r="UGP693" s="613"/>
      <c r="UGQ693" s="613"/>
      <c r="UGR693" s="613"/>
      <c r="UGS693" s="613"/>
      <c r="UGT693" s="613"/>
      <c r="UGU693" s="613"/>
      <c r="UGV693" s="613"/>
      <c r="UGW693" s="613"/>
      <c r="UGX693" s="613"/>
      <c r="UGY693" s="613"/>
      <c r="UGZ693" s="613"/>
      <c r="UHA693" s="613"/>
      <c r="UHB693" s="613"/>
      <c r="UHC693" s="613"/>
      <c r="UHD693" s="613"/>
      <c r="UHE693" s="613"/>
      <c r="UHF693" s="613"/>
      <c r="UHG693" s="613"/>
      <c r="UHH693" s="613"/>
      <c r="UHI693" s="613"/>
      <c r="UHJ693" s="613"/>
      <c r="UHK693" s="613"/>
      <c r="UHL693" s="613"/>
      <c r="UHM693" s="613"/>
      <c r="UHN693" s="613"/>
      <c r="UHO693" s="613"/>
      <c r="UHP693" s="613"/>
      <c r="UHQ693" s="613"/>
      <c r="UHR693" s="613"/>
      <c r="UHS693" s="613"/>
      <c r="UHT693" s="613"/>
      <c r="UHU693" s="613"/>
      <c r="UHV693" s="613"/>
      <c r="UHW693" s="613"/>
      <c r="UHX693" s="613"/>
      <c r="UHY693" s="613"/>
      <c r="UHZ693" s="613"/>
      <c r="UIA693" s="613"/>
      <c r="UIB693" s="613"/>
      <c r="UIC693" s="613"/>
      <c r="UID693" s="613"/>
      <c r="UIE693" s="613"/>
      <c r="UIF693" s="613"/>
      <c r="UIG693" s="613"/>
      <c r="UIH693" s="613"/>
      <c r="UII693" s="613"/>
      <c r="UIJ693" s="613"/>
      <c r="UIK693" s="613"/>
      <c r="UIL693" s="613"/>
      <c r="UIM693" s="613"/>
      <c r="UIN693" s="613"/>
      <c r="UIO693" s="613"/>
      <c r="UIP693" s="613"/>
      <c r="UIQ693" s="613"/>
      <c r="UIR693" s="613"/>
      <c r="UIS693" s="613"/>
      <c r="UIT693" s="613"/>
      <c r="UIU693" s="613"/>
      <c r="UIV693" s="613"/>
      <c r="UIW693" s="613"/>
      <c r="UIX693" s="613"/>
      <c r="UIY693" s="613"/>
      <c r="UIZ693" s="613"/>
      <c r="UJA693" s="613"/>
      <c r="UJB693" s="613"/>
      <c r="UJC693" s="613"/>
      <c r="UJD693" s="613"/>
      <c r="UJE693" s="613"/>
      <c r="UJF693" s="613"/>
      <c r="UJG693" s="613"/>
      <c r="UJH693" s="613"/>
      <c r="UJI693" s="613"/>
      <c r="UJJ693" s="613"/>
      <c r="UJK693" s="613"/>
      <c r="UJL693" s="613"/>
      <c r="UJM693" s="613"/>
      <c r="UJN693" s="613"/>
      <c r="UJO693" s="613"/>
      <c r="UJP693" s="613"/>
      <c r="UJQ693" s="613"/>
      <c r="UJR693" s="613"/>
      <c r="UJS693" s="613"/>
      <c r="UJT693" s="613"/>
      <c r="UJU693" s="613"/>
      <c r="UJV693" s="613"/>
      <c r="UJW693" s="613"/>
      <c r="UJX693" s="613"/>
      <c r="UJY693" s="613"/>
      <c r="UJZ693" s="613"/>
      <c r="UKA693" s="613"/>
      <c r="UKB693" s="613"/>
      <c r="UKC693" s="613"/>
      <c r="UKD693" s="613"/>
      <c r="UKE693" s="613"/>
      <c r="UKF693" s="613"/>
      <c r="UKG693" s="613"/>
      <c r="UKH693" s="613"/>
      <c r="UKI693" s="613"/>
      <c r="UKJ693" s="613"/>
      <c r="UKK693" s="613"/>
      <c r="UKL693" s="613"/>
      <c r="UKM693" s="613"/>
      <c r="UKN693" s="613"/>
      <c r="UKO693" s="613"/>
      <c r="UKP693" s="613"/>
      <c r="UKQ693" s="613"/>
      <c r="UKR693" s="613"/>
      <c r="UKS693" s="613"/>
      <c r="UKT693" s="613"/>
      <c r="UKU693" s="613"/>
      <c r="UKV693" s="613"/>
      <c r="UKW693" s="613"/>
      <c r="UKX693" s="613"/>
      <c r="UKY693" s="613"/>
      <c r="UKZ693" s="613"/>
      <c r="ULA693" s="613"/>
      <c r="ULB693" s="613"/>
      <c r="ULC693" s="613"/>
      <c r="ULD693" s="613"/>
      <c r="ULE693" s="613"/>
      <c r="ULF693" s="613"/>
      <c r="ULG693" s="613"/>
      <c r="ULH693" s="613"/>
      <c r="ULI693" s="613"/>
      <c r="ULJ693" s="613"/>
      <c r="ULK693" s="613"/>
      <c r="ULL693" s="613"/>
      <c r="ULM693" s="613"/>
      <c r="ULN693" s="613"/>
      <c r="ULO693" s="613"/>
      <c r="ULP693" s="613"/>
      <c r="ULQ693" s="613"/>
      <c r="ULR693" s="613"/>
      <c r="ULS693" s="613"/>
      <c r="ULT693" s="613"/>
      <c r="ULU693" s="613"/>
      <c r="ULV693" s="613"/>
      <c r="ULW693" s="613"/>
      <c r="ULX693" s="613"/>
      <c r="ULY693" s="613"/>
      <c r="ULZ693" s="613"/>
      <c r="UMA693" s="613"/>
      <c r="UMB693" s="613"/>
      <c r="UMC693" s="613"/>
      <c r="UMD693" s="613"/>
      <c r="UME693" s="613"/>
      <c r="UMF693" s="613"/>
      <c r="UMG693" s="613"/>
      <c r="UMH693" s="613"/>
      <c r="UMI693" s="613"/>
      <c r="UMJ693" s="613"/>
      <c r="UMK693" s="613"/>
      <c r="UML693" s="613"/>
      <c r="UMM693" s="613"/>
      <c r="UMN693" s="613"/>
      <c r="UMO693" s="613"/>
      <c r="UMP693" s="613"/>
      <c r="UMQ693" s="613"/>
      <c r="UMR693" s="613"/>
      <c r="UMS693" s="613"/>
      <c r="UMT693" s="613"/>
      <c r="UMU693" s="613"/>
      <c r="UMV693" s="613"/>
      <c r="UMW693" s="613"/>
      <c r="UMX693" s="613"/>
      <c r="UMY693" s="613"/>
      <c r="UMZ693" s="613"/>
      <c r="UNA693" s="613"/>
      <c r="UNB693" s="613"/>
      <c r="UNC693" s="613"/>
      <c r="UND693" s="613"/>
      <c r="UNE693" s="613"/>
      <c r="UNF693" s="613"/>
      <c r="UNG693" s="613"/>
      <c r="UNH693" s="613"/>
      <c r="UNI693" s="613"/>
      <c r="UNJ693" s="613"/>
      <c r="UNK693" s="613"/>
      <c r="UNL693" s="613"/>
      <c r="UNM693" s="613"/>
      <c r="UNN693" s="613"/>
      <c r="UNO693" s="613"/>
      <c r="UNP693" s="613"/>
      <c r="UNQ693" s="613"/>
      <c r="UNR693" s="613"/>
      <c r="UNS693" s="613"/>
      <c r="UNT693" s="613"/>
      <c r="UNU693" s="613"/>
      <c r="UNV693" s="613"/>
      <c r="UNW693" s="613"/>
      <c r="UNX693" s="613"/>
      <c r="UNY693" s="613"/>
      <c r="UNZ693" s="613"/>
      <c r="UOA693" s="613"/>
      <c r="UOB693" s="613"/>
      <c r="UOC693" s="613"/>
      <c r="UOD693" s="613"/>
      <c r="UOE693" s="613"/>
      <c r="UOF693" s="613"/>
      <c r="UOG693" s="613"/>
      <c r="UOH693" s="613"/>
      <c r="UOI693" s="613"/>
      <c r="UOJ693" s="613"/>
      <c r="UOK693" s="613"/>
      <c r="UOL693" s="613"/>
      <c r="UOM693" s="613"/>
      <c r="UON693" s="613"/>
      <c r="UOO693" s="613"/>
      <c r="UOP693" s="613"/>
      <c r="UOQ693" s="613"/>
      <c r="UOR693" s="613"/>
      <c r="UOS693" s="613"/>
      <c r="UOT693" s="613"/>
      <c r="UOU693" s="613"/>
      <c r="UOV693" s="613"/>
      <c r="UOW693" s="613"/>
      <c r="UOX693" s="613"/>
      <c r="UOY693" s="613"/>
      <c r="UOZ693" s="613"/>
      <c r="UPA693" s="613"/>
      <c r="UPB693" s="613"/>
      <c r="UPC693" s="613"/>
      <c r="UPD693" s="613"/>
      <c r="UPE693" s="613"/>
      <c r="UPF693" s="613"/>
      <c r="UPG693" s="613"/>
      <c r="UPH693" s="613"/>
      <c r="UPI693" s="613"/>
      <c r="UPJ693" s="613"/>
      <c r="UPK693" s="613"/>
      <c r="UPL693" s="613"/>
      <c r="UPM693" s="613"/>
      <c r="UPN693" s="613"/>
      <c r="UPO693" s="613"/>
      <c r="UPP693" s="613"/>
      <c r="UPQ693" s="613"/>
      <c r="UPR693" s="613"/>
      <c r="UPS693" s="613"/>
      <c r="UPT693" s="613"/>
      <c r="UPU693" s="613"/>
      <c r="UPV693" s="613"/>
      <c r="UPW693" s="613"/>
      <c r="UPX693" s="613"/>
      <c r="UPY693" s="613"/>
      <c r="UPZ693" s="613"/>
      <c r="UQA693" s="613"/>
      <c r="UQB693" s="613"/>
      <c r="UQC693" s="613"/>
      <c r="UQD693" s="613"/>
      <c r="UQE693" s="613"/>
      <c r="UQF693" s="613"/>
      <c r="UQG693" s="613"/>
      <c r="UQH693" s="613"/>
      <c r="UQI693" s="613"/>
      <c r="UQJ693" s="613"/>
      <c r="UQK693" s="613"/>
      <c r="UQL693" s="613"/>
      <c r="UQM693" s="613"/>
      <c r="UQN693" s="613"/>
      <c r="UQO693" s="613"/>
      <c r="UQP693" s="613"/>
      <c r="UQQ693" s="613"/>
      <c r="UQR693" s="613"/>
      <c r="UQS693" s="613"/>
      <c r="UQT693" s="613"/>
      <c r="UQU693" s="613"/>
      <c r="UQV693" s="613"/>
      <c r="UQW693" s="613"/>
      <c r="UQX693" s="613"/>
      <c r="UQY693" s="613"/>
      <c r="UQZ693" s="613"/>
      <c r="URA693" s="613"/>
      <c r="URB693" s="613"/>
      <c r="URC693" s="613"/>
      <c r="URD693" s="613"/>
      <c r="URE693" s="613"/>
      <c r="URF693" s="613"/>
      <c r="URG693" s="613"/>
      <c r="URH693" s="613"/>
      <c r="URI693" s="613"/>
      <c r="URJ693" s="613"/>
      <c r="URK693" s="613"/>
      <c r="URL693" s="613"/>
      <c r="URM693" s="613"/>
      <c r="URN693" s="613"/>
      <c r="URO693" s="613"/>
      <c r="URP693" s="613"/>
      <c r="URQ693" s="613"/>
      <c r="URR693" s="613"/>
      <c r="URS693" s="613"/>
      <c r="URT693" s="613"/>
      <c r="URU693" s="613"/>
      <c r="URV693" s="613"/>
      <c r="URW693" s="613"/>
      <c r="URX693" s="613"/>
      <c r="URY693" s="613"/>
      <c r="URZ693" s="613"/>
      <c r="USA693" s="613"/>
      <c r="USB693" s="613"/>
      <c r="USC693" s="613"/>
      <c r="USD693" s="613"/>
      <c r="USE693" s="613"/>
      <c r="USF693" s="613"/>
      <c r="USG693" s="613"/>
      <c r="USH693" s="613"/>
      <c r="USI693" s="613"/>
      <c r="USJ693" s="613"/>
      <c r="USK693" s="613"/>
      <c r="USL693" s="613"/>
      <c r="USM693" s="613"/>
      <c r="USN693" s="613"/>
      <c r="USO693" s="613"/>
      <c r="USP693" s="613"/>
      <c r="USQ693" s="613"/>
      <c r="USR693" s="613"/>
      <c r="USS693" s="613"/>
      <c r="UST693" s="613"/>
      <c r="USU693" s="613"/>
      <c r="USV693" s="613"/>
      <c r="USW693" s="613"/>
      <c r="USX693" s="613"/>
      <c r="USY693" s="613"/>
      <c r="USZ693" s="613"/>
      <c r="UTA693" s="613"/>
      <c r="UTB693" s="613"/>
      <c r="UTC693" s="613"/>
      <c r="UTD693" s="613"/>
      <c r="UTE693" s="613"/>
      <c r="UTF693" s="613"/>
      <c r="UTG693" s="613"/>
      <c r="UTH693" s="613"/>
      <c r="UTI693" s="613"/>
      <c r="UTJ693" s="613"/>
      <c r="UTK693" s="613"/>
      <c r="UTL693" s="613"/>
      <c r="UTM693" s="613"/>
      <c r="UTN693" s="613"/>
      <c r="UTO693" s="613"/>
      <c r="UTP693" s="613"/>
      <c r="UTQ693" s="613"/>
      <c r="UTR693" s="613"/>
      <c r="UTS693" s="613"/>
      <c r="UTT693" s="613"/>
      <c r="UTU693" s="613"/>
      <c r="UTV693" s="613"/>
      <c r="UTW693" s="613"/>
      <c r="UTX693" s="613"/>
      <c r="UTY693" s="613"/>
      <c r="UTZ693" s="613"/>
      <c r="UUA693" s="613"/>
      <c r="UUB693" s="613"/>
      <c r="UUC693" s="613"/>
      <c r="UUD693" s="613"/>
      <c r="UUE693" s="613"/>
      <c r="UUF693" s="613"/>
      <c r="UUG693" s="613"/>
      <c r="UUH693" s="613"/>
      <c r="UUI693" s="613"/>
      <c r="UUJ693" s="613"/>
      <c r="UUK693" s="613"/>
      <c r="UUL693" s="613"/>
      <c r="UUM693" s="613"/>
      <c r="UUN693" s="613"/>
      <c r="UUO693" s="613"/>
      <c r="UUP693" s="613"/>
      <c r="UUQ693" s="613"/>
      <c r="UUR693" s="613"/>
      <c r="UUS693" s="613"/>
      <c r="UUT693" s="613"/>
      <c r="UUU693" s="613"/>
      <c r="UUV693" s="613"/>
      <c r="UUW693" s="613"/>
      <c r="UUX693" s="613"/>
      <c r="UUY693" s="613"/>
      <c r="UUZ693" s="613"/>
      <c r="UVA693" s="613"/>
      <c r="UVB693" s="613"/>
      <c r="UVC693" s="613"/>
      <c r="UVD693" s="613"/>
      <c r="UVE693" s="613"/>
      <c r="UVF693" s="613"/>
      <c r="UVG693" s="613"/>
      <c r="UVH693" s="613"/>
      <c r="UVI693" s="613"/>
      <c r="UVJ693" s="613"/>
      <c r="UVK693" s="613"/>
      <c r="UVL693" s="613"/>
      <c r="UVM693" s="613"/>
      <c r="UVN693" s="613"/>
      <c r="UVO693" s="613"/>
      <c r="UVP693" s="613"/>
      <c r="UVQ693" s="613"/>
      <c r="UVR693" s="613"/>
      <c r="UVS693" s="613"/>
      <c r="UVT693" s="613"/>
      <c r="UVU693" s="613"/>
      <c r="UVV693" s="613"/>
      <c r="UVW693" s="613"/>
      <c r="UVX693" s="613"/>
      <c r="UVY693" s="613"/>
      <c r="UVZ693" s="613"/>
      <c r="UWA693" s="613"/>
      <c r="UWB693" s="613"/>
      <c r="UWC693" s="613"/>
      <c r="UWD693" s="613"/>
      <c r="UWE693" s="613"/>
      <c r="UWF693" s="613"/>
      <c r="UWG693" s="613"/>
      <c r="UWH693" s="613"/>
      <c r="UWI693" s="613"/>
      <c r="UWJ693" s="613"/>
      <c r="UWK693" s="613"/>
      <c r="UWL693" s="613"/>
      <c r="UWM693" s="613"/>
      <c r="UWN693" s="613"/>
      <c r="UWO693" s="613"/>
      <c r="UWP693" s="613"/>
      <c r="UWQ693" s="613"/>
      <c r="UWR693" s="613"/>
      <c r="UWS693" s="613"/>
      <c r="UWT693" s="613"/>
      <c r="UWU693" s="613"/>
      <c r="UWV693" s="613"/>
      <c r="UWW693" s="613"/>
      <c r="UWX693" s="613"/>
      <c r="UWY693" s="613"/>
      <c r="UWZ693" s="613"/>
      <c r="UXA693" s="613"/>
      <c r="UXB693" s="613"/>
      <c r="UXC693" s="613"/>
      <c r="UXD693" s="613"/>
      <c r="UXE693" s="613"/>
      <c r="UXF693" s="613"/>
      <c r="UXG693" s="613"/>
      <c r="UXH693" s="613"/>
      <c r="UXI693" s="613"/>
      <c r="UXJ693" s="613"/>
      <c r="UXK693" s="613"/>
      <c r="UXL693" s="613"/>
      <c r="UXM693" s="613"/>
      <c r="UXN693" s="613"/>
      <c r="UXO693" s="613"/>
      <c r="UXP693" s="613"/>
      <c r="UXQ693" s="613"/>
      <c r="UXR693" s="613"/>
      <c r="UXS693" s="613"/>
      <c r="UXT693" s="613"/>
      <c r="UXU693" s="613"/>
      <c r="UXV693" s="613"/>
      <c r="UXW693" s="613"/>
      <c r="UXX693" s="613"/>
      <c r="UXY693" s="613"/>
      <c r="UXZ693" s="613"/>
      <c r="UYA693" s="613"/>
      <c r="UYB693" s="613"/>
      <c r="UYC693" s="613"/>
      <c r="UYD693" s="613"/>
      <c r="UYE693" s="613"/>
      <c r="UYF693" s="613"/>
      <c r="UYG693" s="613"/>
      <c r="UYH693" s="613"/>
      <c r="UYI693" s="613"/>
      <c r="UYJ693" s="613"/>
      <c r="UYK693" s="613"/>
      <c r="UYL693" s="613"/>
      <c r="UYM693" s="613"/>
      <c r="UYN693" s="613"/>
      <c r="UYO693" s="613"/>
      <c r="UYP693" s="613"/>
      <c r="UYQ693" s="613"/>
      <c r="UYR693" s="613"/>
      <c r="UYS693" s="613"/>
      <c r="UYT693" s="613"/>
      <c r="UYU693" s="613"/>
      <c r="UYV693" s="613"/>
      <c r="UYW693" s="613"/>
      <c r="UYX693" s="613"/>
      <c r="UYY693" s="613"/>
      <c r="UYZ693" s="613"/>
      <c r="UZA693" s="613"/>
      <c r="UZB693" s="613"/>
      <c r="UZC693" s="613"/>
      <c r="UZD693" s="613"/>
      <c r="UZE693" s="613"/>
      <c r="UZF693" s="613"/>
      <c r="UZG693" s="613"/>
      <c r="UZH693" s="613"/>
      <c r="UZI693" s="613"/>
      <c r="UZJ693" s="613"/>
      <c r="UZK693" s="613"/>
      <c r="UZL693" s="613"/>
      <c r="UZM693" s="613"/>
      <c r="UZN693" s="613"/>
      <c r="UZO693" s="613"/>
      <c r="UZP693" s="613"/>
      <c r="UZQ693" s="613"/>
      <c r="UZR693" s="613"/>
      <c r="UZS693" s="613"/>
      <c r="UZT693" s="613"/>
      <c r="UZU693" s="613"/>
      <c r="UZV693" s="613"/>
      <c r="UZW693" s="613"/>
      <c r="UZX693" s="613"/>
      <c r="UZY693" s="613"/>
      <c r="UZZ693" s="613"/>
      <c r="VAA693" s="613"/>
      <c r="VAB693" s="613"/>
      <c r="VAC693" s="613"/>
      <c r="VAD693" s="613"/>
      <c r="VAE693" s="613"/>
      <c r="VAF693" s="613"/>
      <c r="VAG693" s="613"/>
      <c r="VAH693" s="613"/>
      <c r="VAI693" s="613"/>
      <c r="VAJ693" s="613"/>
      <c r="VAK693" s="613"/>
      <c r="VAL693" s="613"/>
      <c r="VAM693" s="613"/>
      <c r="VAN693" s="613"/>
      <c r="VAO693" s="613"/>
      <c r="VAP693" s="613"/>
      <c r="VAQ693" s="613"/>
      <c r="VAR693" s="613"/>
      <c r="VAS693" s="613"/>
      <c r="VAT693" s="613"/>
      <c r="VAU693" s="613"/>
      <c r="VAV693" s="613"/>
      <c r="VAW693" s="613"/>
      <c r="VAX693" s="613"/>
      <c r="VAY693" s="613"/>
      <c r="VAZ693" s="613"/>
      <c r="VBA693" s="613"/>
      <c r="VBB693" s="613"/>
      <c r="VBC693" s="613"/>
      <c r="VBD693" s="613"/>
      <c r="VBE693" s="613"/>
      <c r="VBF693" s="613"/>
      <c r="VBG693" s="613"/>
      <c r="VBH693" s="613"/>
      <c r="VBI693" s="613"/>
      <c r="VBJ693" s="613"/>
      <c r="VBK693" s="613"/>
      <c r="VBL693" s="613"/>
      <c r="VBM693" s="613"/>
      <c r="VBN693" s="613"/>
      <c r="VBO693" s="613"/>
      <c r="VBP693" s="613"/>
      <c r="VBQ693" s="613"/>
      <c r="VBR693" s="613"/>
      <c r="VBS693" s="613"/>
      <c r="VBT693" s="613"/>
      <c r="VBU693" s="613"/>
      <c r="VBV693" s="613"/>
      <c r="VBW693" s="613"/>
      <c r="VBX693" s="613"/>
      <c r="VBY693" s="613"/>
      <c r="VBZ693" s="613"/>
      <c r="VCA693" s="613"/>
      <c r="VCB693" s="613"/>
      <c r="VCC693" s="613"/>
      <c r="VCD693" s="613"/>
      <c r="VCE693" s="613"/>
      <c r="VCF693" s="613"/>
      <c r="VCG693" s="613"/>
      <c r="VCH693" s="613"/>
      <c r="VCI693" s="613"/>
      <c r="VCJ693" s="613"/>
      <c r="VCK693" s="613"/>
      <c r="VCL693" s="613"/>
      <c r="VCM693" s="613"/>
      <c r="VCN693" s="613"/>
      <c r="VCO693" s="613"/>
      <c r="VCP693" s="613"/>
      <c r="VCQ693" s="613"/>
      <c r="VCR693" s="613"/>
      <c r="VCS693" s="613"/>
      <c r="VCT693" s="613"/>
      <c r="VCU693" s="613"/>
      <c r="VCV693" s="613"/>
      <c r="VCW693" s="613"/>
      <c r="VCX693" s="613"/>
      <c r="VCY693" s="613"/>
      <c r="VCZ693" s="613"/>
      <c r="VDA693" s="613"/>
      <c r="VDB693" s="613"/>
      <c r="VDC693" s="613"/>
      <c r="VDD693" s="613"/>
      <c r="VDE693" s="613"/>
      <c r="VDF693" s="613"/>
      <c r="VDG693" s="613"/>
      <c r="VDH693" s="613"/>
      <c r="VDI693" s="613"/>
      <c r="VDJ693" s="613"/>
      <c r="VDK693" s="613"/>
      <c r="VDL693" s="613"/>
      <c r="VDM693" s="613"/>
      <c r="VDN693" s="613"/>
      <c r="VDO693" s="613"/>
      <c r="VDP693" s="613"/>
      <c r="VDQ693" s="613"/>
      <c r="VDR693" s="613"/>
      <c r="VDS693" s="613"/>
      <c r="VDT693" s="613"/>
      <c r="VDU693" s="613"/>
      <c r="VDV693" s="613"/>
      <c r="VDW693" s="613"/>
      <c r="VDX693" s="613"/>
      <c r="VDY693" s="613"/>
      <c r="VDZ693" s="613"/>
      <c r="VEA693" s="613"/>
      <c r="VEB693" s="613"/>
      <c r="VEC693" s="613"/>
      <c r="VED693" s="613"/>
      <c r="VEE693" s="613"/>
      <c r="VEF693" s="613"/>
      <c r="VEG693" s="613"/>
      <c r="VEH693" s="613"/>
      <c r="VEI693" s="613"/>
      <c r="VEJ693" s="613"/>
      <c r="VEK693" s="613"/>
      <c r="VEL693" s="613"/>
      <c r="VEM693" s="613"/>
      <c r="VEN693" s="613"/>
      <c r="VEO693" s="613"/>
      <c r="VEP693" s="613"/>
      <c r="VEQ693" s="613"/>
      <c r="VER693" s="613"/>
      <c r="VES693" s="613"/>
      <c r="VET693" s="613"/>
      <c r="VEU693" s="613"/>
      <c r="VEV693" s="613"/>
      <c r="VEW693" s="613"/>
      <c r="VEX693" s="613"/>
      <c r="VEY693" s="613"/>
      <c r="VEZ693" s="613"/>
      <c r="VFA693" s="613"/>
      <c r="VFB693" s="613"/>
      <c r="VFC693" s="613"/>
      <c r="VFD693" s="613"/>
      <c r="VFE693" s="613"/>
      <c r="VFF693" s="613"/>
      <c r="VFG693" s="613"/>
      <c r="VFH693" s="613"/>
      <c r="VFI693" s="613"/>
      <c r="VFJ693" s="613"/>
      <c r="VFK693" s="613"/>
      <c r="VFL693" s="613"/>
      <c r="VFM693" s="613"/>
      <c r="VFN693" s="613"/>
      <c r="VFO693" s="613"/>
      <c r="VFP693" s="613"/>
      <c r="VFQ693" s="613"/>
      <c r="VFR693" s="613"/>
      <c r="VFS693" s="613"/>
      <c r="VFT693" s="613"/>
      <c r="VFU693" s="613"/>
      <c r="VFV693" s="613"/>
      <c r="VFW693" s="613"/>
      <c r="VFX693" s="613"/>
      <c r="VFY693" s="613"/>
      <c r="VFZ693" s="613"/>
      <c r="VGA693" s="613"/>
      <c r="VGB693" s="613"/>
      <c r="VGC693" s="613"/>
      <c r="VGD693" s="613"/>
      <c r="VGE693" s="613"/>
      <c r="VGF693" s="613"/>
      <c r="VGG693" s="613"/>
      <c r="VGH693" s="613"/>
      <c r="VGI693" s="613"/>
      <c r="VGJ693" s="613"/>
      <c r="VGK693" s="613"/>
      <c r="VGL693" s="613"/>
      <c r="VGM693" s="613"/>
      <c r="VGN693" s="613"/>
      <c r="VGO693" s="613"/>
      <c r="VGP693" s="613"/>
      <c r="VGQ693" s="613"/>
      <c r="VGR693" s="613"/>
      <c r="VGS693" s="613"/>
      <c r="VGT693" s="613"/>
      <c r="VGU693" s="613"/>
      <c r="VGV693" s="613"/>
      <c r="VGW693" s="613"/>
      <c r="VGX693" s="613"/>
      <c r="VGY693" s="613"/>
      <c r="VGZ693" s="613"/>
      <c r="VHA693" s="613"/>
      <c r="VHB693" s="613"/>
      <c r="VHC693" s="613"/>
      <c r="VHD693" s="613"/>
      <c r="VHE693" s="613"/>
      <c r="VHF693" s="613"/>
      <c r="VHG693" s="613"/>
      <c r="VHH693" s="613"/>
      <c r="VHI693" s="613"/>
      <c r="VHJ693" s="613"/>
      <c r="VHK693" s="613"/>
      <c r="VHL693" s="613"/>
      <c r="VHM693" s="613"/>
      <c r="VHN693" s="613"/>
      <c r="VHO693" s="613"/>
      <c r="VHP693" s="613"/>
      <c r="VHQ693" s="613"/>
      <c r="VHR693" s="613"/>
      <c r="VHS693" s="613"/>
      <c r="VHT693" s="613"/>
      <c r="VHU693" s="613"/>
      <c r="VHV693" s="613"/>
      <c r="VHW693" s="613"/>
      <c r="VHX693" s="613"/>
      <c r="VHY693" s="613"/>
      <c r="VHZ693" s="613"/>
      <c r="VIA693" s="613"/>
      <c r="VIB693" s="613"/>
      <c r="VIC693" s="613"/>
      <c r="VID693" s="613"/>
      <c r="VIE693" s="613"/>
      <c r="VIF693" s="613"/>
      <c r="VIG693" s="613"/>
      <c r="VIH693" s="613"/>
      <c r="VII693" s="613"/>
      <c r="VIJ693" s="613"/>
      <c r="VIK693" s="613"/>
      <c r="VIL693" s="613"/>
      <c r="VIM693" s="613"/>
      <c r="VIN693" s="613"/>
      <c r="VIO693" s="613"/>
      <c r="VIP693" s="613"/>
      <c r="VIQ693" s="613"/>
      <c r="VIR693" s="613"/>
      <c r="VIS693" s="613"/>
      <c r="VIT693" s="613"/>
      <c r="VIU693" s="613"/>
      <c r="VIV693" s="613"/>
      <c r="VIW693" s="613"/>
      <c r="VIX693" s="613"/>
      <c r="VIY693" s="613"/>
      <c r="VIZ693" s="613"/>
      <c r="VJA693" s="613"/>
      <c r="VJB693" s="613"/>
      <c r="VJC693" s="613"/>
      <c r="VJD693" s="613"/>
      <c r="VJE693" s="613"/>
      <c r="VJF693" s="613"/>
      <c r="VJG693" s="613"/>
      <c r="VJH693" s="613"/>
      <c r="VJI693" s="613"/>
      <c r="VJJ693" s="613"/>
      <c r="VJK693" s="613"/>
      <c r="VJL693" s="613"/>
      <c r="VJM693" s="613"/>
      <c r="VJN693" s="613"/>
      <c r="VJO693" s="613"/>
      <c r="VJP693" s="613"/>
      <c r="VJQ693" s="613"/>
      <c r="VJR693" s="613"/>
      <c r="VJS693" s="613"/>
      <c r="VJT693" s="613"/>
      <c r="VJU693" s="613"/>
      <c r="VJV693" s="613"/>
      <c r="VJW693" s="613"/>
      <c r="VJX693" s="613"/>
      <c r="VJY693" s="613"/>
      <c r="VJZ693" s="613"/>
      <c r="VKA693" s="613"/>
      <c r="VKB693" s="613"/>
      <c r="VKC693" s="613"/>
      <c r="VKD693" s="613"/>
      <c r="VKE693" s="613"/>
      <c r="VKF693" s="613"/>
      <c r="VKG693" s="613"/>
      <c r="VKH693" s="613"/>
      <c r="VKI693" s="613"/>
      <c r="VKJ693" s="613"/>
      <c r="VKK693" s="613"/>
      <c r="VKL693" s="613"/>
      <c r="VKM693" s="613"/>
      <c r="VKN693" s="613"/>
      <c r="VKO693" s="613"/>
      <c r="VKP693" s="613"/>
      <c r="VKQ693" s="613"/>
      <c r="VKR693" s="613"/>
      <c r="VKS693" s="613"/>
      <c r="VKT693" s="613"/>
      <c r="VKU693" s="613"/>
      <c r="VKV693" s="613"/>
      <c r="VKW693" s="613"/>
      <c r="VKX693" s="613"/>
      <c r="VKY693" s="613"/>
      <c r="VKZ693" s="613"/>
      <c r="VLA693" s="613"/>
      <c r="VLB693" s="613"/>
      <c r="VLC693" s="613"/>
      <c r="VLD693" s="613"/>
      <c r="VLE693" s="613"/>
      <c r="VLF693" s="613"/>
      <c r="VLG693" s="613"/>
      <c r="VLH693" s="613"/>
      <c r="VLI693" s="613"/>
      <c r="VLJ693" s="613"/>
      <c r="VLK693" s="613"/>
      <c r="VLL693" s="613"/>
      <c r="VLM693" s="613"/>
      <c r="VLN693" s="613"/>
      <c r="VLO693" s="613"/>
      <c r="VLP693" s="613"/>
      <c r="VLQ693" s="613"/>
      <c r="VLR693" s="613"/>
      <c r="VLS693" s="613"/>
      <c r="VLT693" s="613"/>
      <c r="VLU693" s="613"/>
      <c r="VLV693" s="613"/>
      <c r="VLW693" s="613"/>
      <c r="VLX693" s="613"/>
      <c r="VLY693" s="613"/>
      <c r="VLZ693" s="613"/>
      <c r="VMA693" s="613"/>
      <c r="VMB693" s="613"/>
      <c r="VMC693" s="613"/>
      <c r="VMD693" s="613"/>
      <c r="VME693" s="613"/>
      <c r="VMF693" s="613"/>
      <c r="VMG693" s="613"/>
      <c r="VMH693" s="613"/>
      <c r="VMI693" s="613"/>
      <c r="VMJ693" s="613"/>
      <c r="VMK693" s="613"/>
      <c r="VML693" s="613"/>
      <c r="VMM693" s="613"/>
      <c r="VMN693" s="613"/>
      <c r="VMO693" s="613"/>
      <c r="VMP693" s="613"/>
      <c r="VMQ693" s="613"/>
      <c r="VMR693" s="613"/>
      <c r="VMS693" s="613"/>
      <c r="VMT693" s="613"/>
      <c r="VMU693" s="613"/>
      <c r="VMV693" s="613"/>
      <c r="VMW693" s="613"/>
      <c r="VMX693" s="613"/>
      <c r="VMY693" s="613"/>
      <c r="VMZ693" s="613"/>
      <c r="VNA693" s="613"/>
      <c r="VNB693" s="613"/>
      <c r="VNC693" s="613"/>
      <c r="VND693" s="613"/>
      <c r="VNE693" s="613"/>
      <c r="VNF693" s="613"/>
      <c r="VNG693" s="613"/>
      <c r="VNH693" s="613"/>
      <c r="VNI693" s="613"/>
      <c r="VNJ693" s="613"/>
      <c r="VNK693" s="613"/>
      <c r="VNL693" s="613"/>
      <c r="VNM693" s="613"/>
      <c r="VNN693" s="613"/>
      <c r="VNO693" s="613"/>
      <c r="VNP693" s="613"/>
      <c r="VNQ693" s="613"/>
      <c r="VNR693" s="613"/>
      <c r="VNS693" s="613"/>
      <c r="VNT693" s="613"/>
      <c r="VNU693" s="613"/>
      <c r="VNV693" s="613"/>
      <c r="VNW693" s="613"/>
      <c r="VNX693" s="613"/>
      <c r="VNY693" s="613"/>
      <c r="VNZ693" s="613"/>
      <c r="VOA693" s="613"/>
      <c r="VOB693" s="613"/>
      <c r="VOC693" s="613"/>
      <c r="VOD693" s="613"/>
      <c r="VOE693" s="613"/>
      <c r="VOF693" s="613"/>
      <c r="VOG693" s="613"/>
      <c r="VOH693" s="613"/>
      <c r="VOI693" s="613"/>
      <c r="VOJ693" s="613"/>
      <c r="VOK693" s="613"/>
      <c r="VOL693" s="613"/>
      <c r="VOM693" s="613"/>
      <c r="VON693" s="613"/>
      <c r="VOO693" s="613"/>
      <c r="VOP693" s="613"/>
      <c r="VOQ693" s="613"/>
      <c r="VOR693" s="613"/>
      <c r="VOS693" s="613"/>
      <c r="VOT693" s="613"/>
      <c r="VOU693" s="613"/>
      <c r="VOV693" s="613"/>
      <c r="VOW693" s="613"/>
      <c r="VOX693" s="613"/>
      <c r="VOY693" s="613"/>
      <c r="VOZ693" s="613"/>
      <c r="VPA693" s="613"/>
      <c r="VPB693" s="613"/>
      <c r="VPC693" s="613"/>
      <c r="VPD693" s="613"/>
      <c r="VPE693" s="613"/>
      <c r="VPF693" s="613"/>
      <c r="VPG693" s="613"/>
      <c r="VPH693" s="613"/>
      <c r="VPI693" s="613"/>
      <c r="VPJ693" s="613"/>
      <c r="VPK693" s="613"/>
      <c r="VPL693" s="613"/>
      <c r="VPM693" s="613"/>
      <c r="VPN693" s="613"/>
      <c r="VPO693" s="613"/>
      <c r="VPP693" s="613"/>
      <c r="VPQ693" s="613"/>
      <c r="VPR693" s="613"/>
      <c r="VPS693" s="613"/>
      <c r="VPT693" s="613"/>
      <c r="VPU693" s="613"/>
      <c r="VPV693" s="613"/>
      <c r="VPW693" s="613"/>
      <c r="VPX693" s="613"/>
      <c r="VPY693" s="613"/>
      <c r="VPZ693" s="613"/>
      <c r="VQA693" s="613"/>
      <c r="VQB693" s="613"/>
      <c r="VQC693" s="613"/>
      <c r="VQD693" s="613"/>
      <c r="VQE693" s="613"/>
      <c r="VQF693" s="613"/>
      <c r="VQG693" s="613"/>
      <c r="VQH693" s="613"/>
      <c r="VQI693" s="613"/>
      <c r="VQJ693" s="613"/>
      <c r="VQK693" s="613"/>
      <c r="VQL693" s="613"/>
      <c r="VQM693" s="613"/>
      <c r="VQN693" s="613"/>
      <c r="VQO693" s="613"/>
      <c r="VQP693" s="613"/>
      <c r="VQQ693" s="613"/>
      <c r="VQR693" s="613"/>
      <c r="VQS693" s="613"/>
      <c r="VQT693" s="613"/>
      <c r="VQU693" s="613"/>
      <c r="VQV693" s="613"/>
      <c r="VQW693" s="613"/>
      <c r="VQX693" s="613"/>
      <c r="VQY693" s="613"/>
      <c r="VQZ693" s="613"/>
      <c r="VRA693" s="613"/>
      <c r="VRB693" s="613"/>
      <c r="VRC693" s="613"/>
      <c r="VRD693" s="613"/>
      <c r="VRE693" s="613"/>
      <c r="VRF693" s="613"/>
      <c r="VRG693" s="613"/>
      <c r="VRH693" s="613"/>
      <c r="VRI693" s="613"/>
      <c r="VRJ693" s="613"/>
      <c r="VRK693" s="613"/>
      <c r="VRL693" s="613"/>
      <c r="VRM693" s="613"/>
      <c r="VRN693" s="613"/>
      <c r="VRO693" s="613"/>
      <c r="VRP693" s="613"/>
      <c r="VRQ693" s="613"/>
      <c r="VRR693" s="613"/>
      <c r="VRS693" s="613"/>
      <c r="VRT693" s="613"/>
      <c r="VRU693" s="613"/>
      <c r="VRV693" s="613"/>
      <c r="VRW693" s="613"/>
      <c r="VRX693" s="613"/>
      <c r="VRY693" s="613"/>
      <c r="VRZ693" s="613"/>
      <c r="VSA693" s="613"/>
      <c r="VSB693" s="613"/>
      <c r="VSC693" s="613"/>
      <c r="VSD693" s="613"/>
      <c r="VSE693" s="613"/>
      <c r="VSF693" s="613"/>
      <c r="VSG693" s="613"/>
      <c r="VSH693" s="613"/>
      <c r="VSI693" s="613"/>
      <c r="VSJ693" s="613"/>
      <c r="VSK693" s="613"/>
      <c r="VSL693" s="613"/>
      <c r="VSM693" s="613"/>
      <c r="VSN693" s="613"/>
      <c r="VSO693" s="613"/>
      <c r="VSP693" s="613"/>
      <c r="VSQ693" s="613"/>
      <c r="VSR693" s="613"/>
      <c r="VSS693" s="613"/>
      <c r="VST693" s="613"/>
      <c r="VSU693" s="613"/>
      <c r="VSV693" s="613"/>
      <c r="VSW693" s="613"/>
      <c r="VSX693" s="613"/>
      <c r="VSY693" s="613"/>
      <c r="VSZ693" s="613"/>
      <c r="VTA693" s="613"/>
      <c r="VTB693" s="613"/>
      <c r="VTC693" s="613"/>
      <c r="VTD693" s="613"/>
      <c r="VTE693" s="613"/>
      <c r="VTF693" s="613"/>
      <c r="VTG693" s="613"/>
      <c r="VTH693" s="613"/>
      <c r="VTI693" s="613"/>
      <c r="VTJ693" s="613"/>
      <c r="VTK693" s="613"/>
      <c r="VTL693" s="613"/>
      <c r="VTM693" s="613"/>
      <c r="VTN693" s="613"/>
      <c r="VTO693" s="613"/>
      <c r="VTP693" s="613"/>
      <c r="VTQ693" s="613"/>
      <c r="VTR693" s="613"/>
      <c r="VTS693" s="613"/>
      <c r="VTT693" s="613"/>
      <c r="VTU693" s="613"/>
      <c r="VTV693" s="613"/>
      <c r="VTW693" s="613"/>
      <c r="VTX693" s="613"/>
      <c r="VTY693" s="613"/>
      <c r="VTZ693" s="613"/>
      <c r="VUA693" s="613"/>
      <c r="VUB693" s="613"/>
      <c r="VUC693" s="613"/>
      <c r="VUD693" s="613"/>
      <c r="VUE693" s="613"/>
      <c r="VUF693" s="613"/>
      <c r="VUG693" s="613"/>
      <c r="VUH693" s="613"/>
      <c r="VUI693" s="613"/>
      <c r="VUJ693" s="613"/>
      <c r="VUK693" s="613"/>
      <c r="VUL693" s="613"/>
      <c r="VUM693" s="613"/>
      <c r="VUN693" s="613"/>
      <c r="VUO693" s="613"/>
      <c r="VUP693" s="613"/>
      <c r="VUQ693" s="613"/>
      <c r="VUR693" s="613"/>
      <c r="VUS693" s="613"/>
      <c r="VUT693" s="613"/>
      <c r="VUU693" s="613"/>
      <c r="VUV693" s="613"/>
      <c r="VUW693" s="613"/>
      <c r="VUX693" s="613"/>
      <c r="VUY693" s="613"/>
      <c r="VUZ693" s="613"/>
      <c r="VVA693" s="613"/>
      <c r="VVB693" s="613"/>
      <c r="VVC693" s="613"/>
      <c r="VVD693" s="613"/>
      <c r="VVE693" s="613"/>
      <c r="VVF693" s="613"/>
      <c r="VVG693" s="613"/>
      <c r="VVH693" s="613"/>
      <c r="VVI693" s="613"/>
      <c r="VVJ693" s="613"/>
      <c r="VVK693" s="613"/>
      <c r="VVL693" s="613"/>
      <c r="VVM693" s="613"/>
      <c r="VVN693" s="613"/>
      <c r="VVO693" s="613"/>
      <c r="VVP693" s="613"/>
      <c r="VVQ693" s="613"/>
      <c r="VVR693" s="613"/>
      <c r="VVS693" s="613"/>
      <c r="VVT693" s="613"/>
      <c r="VVU693" s="613"/>
      <c r="VVV693" s="613"/>
      <c r="VVW693" s="613"/>
      <c r="VVX693" s="613"/>
      <c r="VVY693" s="613"/>
      <c r="VVZ693" s="613"/>
      <c r="VWA693" s="613"/>
      <c r="VWB693" s="613"/>
      <c r="VWC693" s="613"/>
      <c r="VWD693" s="613"/>
      <c r="VWE693" s="613"/>
      <c r="VWF693" s="613"/>
      <c r="VWG693" s="613"/>
      <c r="VWH693" s="613"/>
      <c r="VWI693" s="613"/>
      <c r="VWJ693" s="613"/>
      <c r="VWK693" s="613"/>
      <c r="VWL693" s="613"/>
      <c r="VWM693" s="613"/>
      <c r="VWN693" s="613"/>
      <c r="VWO693" s="613"/>
      <c r="VWP693" s="613"/>
      <c r="VWQ693" s="613"/>
      <c r="VWR693" s="613"/>
      <c r="VWS693" s="613"/>
      <c r="VWT693" s="613"/>
      <c r="VWU693" s="613"/>
      <c r="VWV693" s="613"/>
      <c r="VWW693" s="613"/>
      <c r="VWX693" s="613"/>
      <c r="VWY693" s="613"/>
      <c r="VWZ693" s="613"/>
      <c r="VXA693" s="613"/>
      <c r="VXB693" s="613"/>
      <c r="VXC693" s="613"/>
      <c r="VXD693" s="613"/>
      <c r="VXE693" s="613"/>
      <c r="VXF693" s="613"/>
      <c r="VXG693" s="613"/>
      <c r="VXH693" s="613"/>
      <c r="VXI693" s="613"/>
      <c r="VXJ693" s="613"/>
      <c r="VXK693" s="613"/>
      <c r="VXL693" s="613"/>
      <c r="VXM693" s="613"/>
      <c r="VXN693" s="613"/>
      <c r="VXO693" s="613"/>
      <c r="VXP693" s="613"/>
      <c r="VXQ693" s="613"/>
      <c r="VXR693" s="613"/>
      <c r="VXS693" s="613"/>
      <c r="VXT693" s="613"/>
      <c r="VXU693" s="613"/>
      <c r="VXV693" s="613"/>
      <c r="VXW693" s="613"/>
      <c r="VXX693" s="613"/>
      <c r="VXY693" s="613"/>
      <c r="VXZ693" s="613"/>
      <c r="VYA693" s="613"/>
      <c r="VYB693" s="613"/>
      <c r="VYC693" s="613"/>
      <c r="VYD693" s="613"/>
      <c r="VYE693" s="613"/>
      <c r="VYF693" s="613"/>
      <c r="VYG693" s="613"/>
      <c r="VYH693" s="613"/>
      <c r="VYI693" s="613"/>
      <c r="VYJ693" s="613"/>
      <c r="VYK693" s="613"/>
      <c r="VYL693" s="613"/>
      <c r="VYM693" s="613"/>
      <c r="VYN693" s="613"/>
      <c r="VYO693" s="613"/>
      <c r="VYP693" s="613"/>
      <c r="VYQ693" s="613"/>
      <c r="VYR693" s="613"/>
      <c r="VYS693" s="613"/>
      <c r="VYT693" s="613"/>
      <c r="VYU693" s="613"/>
      <c r="VYV693" s="613"/>
      <c r="VYW693" s="613"/>
      <c r="VYX693" s="613"/>
      <c r="VYY693" s="613"/>
      <c r="VYZ693" s="613"/>
      <c r="VZA693" s="613"/>
      <c r="VZB693" s="613"/>
      <c r="VZC693" s="613"/>
      <c r="VZD693" s="613"/>
      <c r="VZE693" s="613"/>
      <c r="VZF693" s="613"/>
      <c r="VZG693" s="613"/>
      <c r="VZH693" s="613"/>
      <c r="VZI693" s="613"/>
      <c r="VZJ693" s="613"/>
      <c r="VZK693" s="613"/>
      <c r="VZL693" s="613"/>
      <c r="VZM693" s="613"/>
      <c r="VZN693" s="613"/>
      <c r="VZO693" s="613"/>
      <c r="VZP693" s="613"/>
      <c r="VZQ693" s="613"/>
      <c r="VZR693" s="613"/>
      <c r="VZS693" s="613"/>
      <c r="VZT693" s="613"/>
      <c r="VZU693" s="613"/>
      <c r="VZV693" s="613"/>
      <c r="VZW693" s="613"/>
      <c r="VZX693" s="613"/>
      <c r="VZY693" s="613"/>
      <c r="VZZ693" s="613"/>
      <c r="WAA693" s="613"/>
      <c r="WAB693" s="613"/>
      <c r="WAC693" s="613"/>
      <c r="WAD693" s="613"/>
      <c r="WAE693" s="613"/>
      <c r="WAF693" s="613"/>
      <c r="WAG693" s="613"/>
      <c r="WAH693" s="613"/>
      <c r="WAI693" s="613"/>
      <c r="WAJ693" s="613"/>
      <c r="WAK693" s="613"/>
      <c r="WAL693" s="613"/>
      <c r="WAM693" s="613"/>
      <c r="WAN693" s="613"/>
      <c r="WAO693" s="613"/>
      <c r="WAP693" s="613"/>
      <c r="WAQ693" s="613"/>
      <c r="WAR693" s="613"/>
      <c r="WAS693" s="613"/>
      <c r="WAT693" s="613"/>
      <c r="WAU693" s="613"/>
      <c r="WAV693" s="613"/>
      <c r="WAW693" s="613"/>
      <c r="WAX693" s="613"/>
      <c r="WAY693" s="613"/>
      <c r="WAZ693" s="613"/>
      <c r="WBA693" s="613"/>
      <c r="WBB693" s="613"/>
      <c r="WBC693" s="613"/>
      <c r="WBD693" s="613"/>
      <c r="WBE693" s="613"/>
      <c r="WBF693" s="613"/>
      <c r="WBG693" s="613"/>
      <c r="WBH693" s="613"/>
      <c r="WBI693" s="613"/>
      <c r="WBJ693" s="613"/>
      <c r="WBK693" s="613"/>
      <c r="WBL693" s="613"/>
      <c r="WBM693" s="613"/>
      <c r="WBN693" s="613"/>
      <c r="WBO693" s="613"/>
      <c r="WBP693" s="613"/>
      <c r="WBQ693" s="613"/>
      <c r="WBR693" s="613"/>
      <c r="WBS693" s="613"/>
      <c r="WBT693" s="613"/>
      <c r="WBU693" s="613"/>
      <c r="WBV693" s="613"/>
      <c r="WBW693" s="613"/>
      <c r="WBX693" s="613"/>
      <c r="WBY693" s="613"/>
      <c r="WBZ693" s="613"/>
      <c r="WCA693" s="613"/>
      <c r="WCB693" s="613"/>
      <c r="WCC693" s="613"/>
      <c r="WCD693" s="613"/>
      <c r="WCE693" s="613"/>
      <c r="WCF693" s="613"/>
      <c r="WCG693" s="613"/>
      <c r="WCH693" s="613"/>
      <c r="WCI693" s="613"/>
      <c r="WCJ693" s="613"/>
      <c r="WCK693" s="613"/>
      <c r="WCL693" s="613"/>
      <c r="WCM693" s="613"/>
      <c r="WCN693" s="613"/>
      <c r="WCO693" s="613"/>
      <c r="WCP693" s="613"/>
      <c r="WCQ693" s="613"/>
      <c r="WCR693" s="613"/>
      <c r="WCS693" s="613"/>
      <c r="WCT693" s="613"/>
      <c r="WCU693" s="613"/>
      <c r="WCV693" s="613"/>
      <c r="WCW693" s="613"/>
      <c r="WCX693" s="613"/>
      <c r="WCY693" s="613"/>
      <c r="WCZ693" s="613"/>
      <c r="WDA693" s="613"/>
      <c r="WDB693" s="613"/>
      <c r="WDC693" s="613"/>
      <c r="WDD693" s="613"/>
      <c r="WDE693" s="613"/>
      <c r="WDF693" s="613"/>
      <c r="WDG693" s="613"/>
      <c r="WDH693" s="613"/>
      <c r="WDI693" s="613"/>
      <c r="WDJ693" s="613"/>
      <c r="WDK693" s="613"/>
      <c r="WDL693" s="613"/>
      <c r="WDM693" s="613"/>
      <c r="WDN693" s="613"/>
      <c r="WDO693" s="613"/>
      <c r="WDP693" s="613"/>
      <c r="WDQ693" s="613"/>
      <c r="WDR693" s="613"/>
      <c r="WDS693" s="613"/>
      <c r="WDT693" s="613"/>
      <c r="WDU693" s="613"/>
      <c r="WDV693" s="613"/>
      <c r="WDW693" s="613"/>
      <c r="WDX693" s="613"/>
      <c r="WDY693" s="613"/>
      <c r="WDZ693" s="613"/>
      <c r="WEA693" s="613"/>
      <c r="WEB693" s="613"/>
      <c r="WEC693" s="613"/>
      <c r="WED693" s="613"/>
      <c r="WEE693" s="613"/>
      <c r="WEF693" s="613"/>
      <c r="WEG693" s="613"/>
      <c r="WEH693" s="613"/>
      <c r="WEI693" s="613"/>
      <c r="WEJ693" s="613"/>
      <c r="WEK693" s="613"/>
      <c r="WEL693" s="613"/>
      <c r="WEM693" s="613"/>
      <c r="WEN693" s="613"/>
      <c r="WEO693" s="613"/>
      <c r="WEP693" s="613"/>
      <c r="WEQ693" s="613"/>
      <c r="WER693" s="613"/>
      <c r="WES693" s="613"/>
      <c r="WET693" s="613"/>
      <c r="WEU693" s="613"/>
      <c r="WEV693" s="613"/>
      <c r="WEW693" s="613"/>
      <c r="WEX693" s="613"/>
      <c r="WEY693" s="613"/>
      <c r="WEZ693" s="613"/>
      <c r="WFA693" s="613"/>
      <c r="WFB693" s="613"/>
      <c r="WFC693" s="613"/>
      <c r="WFD693" s="613"/>
      <c r="WFE693" s="613"/>
      <c r="WFF693" s="613"/>
      <c r="WFG693" s="613"/>
      <c r="WFH693" s="613"/>
      <c r="WFI693" s="613"/>
      <c r="WFJ693" s="613"/>
      <c r="WFK693" s="613"/>
      <c r="WFL693" s="613"/>
      <c r="WFM693" s="613"/>
      <c r="WFN693" s="613"/>
      <c r="WFO693" s="613"/>
      <c r="WFP693" s="613"/>
      <c r="WFQ693" s="613"/>
      <c r="WFR693" s="613"/>
      <c r="WFS693" s="613"/>
      <c r="WFT693" s="613"/>
      <c r="WFU693" s="613"/>
      <c r="WFV693" s="613"/>
      <c r="WFW693" s="613"/>
      <c r="WFX693" s="613"/>
      <c r="WFY693" s="613"/>
      <c r="WFZ693" s="613"/>
      <c r="WGA693" s="613"/>
      <c r="WGB693" s="613"/>
      <c r="WGC693" s="613"/>
      <c r="WGD693" s="613"/>
      <c r="WGE693" s="613"/>
      <c r="WGF693" s="613"/>
      <c r="WGG693" s="613"/>
      <c r="WGH693" s="613"/>
      <c r="WGI693" s="613"/>
      <c r="WGJ693" s="613"/>
      <c r="WGK693" s="613"/>
      <c r="WGL693" s="613"/>
      <c r="WGM693" s="613"/>
      <c r="WGN693" s="613"/>
      <c r="WGO693" s="613"/>
      <c r="WGP693" s="613"/>
      <c r="WGQ693" s="613"/>
      <c r="WGR693" s="613"/>
      <c r="WGS693" s="613"/>
      <c r="WGT693" s="613"/>
      <c r="WGU693" s="613"/>
      <c r="WGV693" s="613"/>
      <c r="WGW693" s="613"/>
      <c r="WGX693" s="613"/>
      <c r="WGY693" s="613"/>
      <c r="WGZ693" s="613"/>
      <c r="WHA693" s="613"/>
      <c r="WHB693" s="613"/>
      <c r="WHC693" s="613"/>
      <c r="WHD693" s="613"/>
      <c r="WHE693" s="613"/>
      <c r="WHF693" s="613"/>
      <c r="WHG693" s="613"/>
      <c r="WHH693" s="613"/>
      <c r="WHI693" s="613"/>
      <c r="WHJ693" s="613"/>
      <c r="WHK693" s="613"/>
      <c r="WHL693" s="613"/>
      <c r="WHM693" s="613"/>
      <c r="WHN693" s="613"/>
      <c r="WHO693" s="613"/>
      <c r="WHP693" s="613"/>
      <c r="WHQ693" s="613"/>
      <c r="WHR693" s="613"/>
      <c r="WHS693" s="613"/>
      <c r="WHT693" s="613"/>
      <c r="WHU693" s="613"/>
      <c r="WHV693" s="613"/>
      <c r="WHW693" s="613"/>
      <c r="WHX693" s="613"/>
      <c r="WHY693" s="613"/>
      <c r="WHZ693" s="613"/>
      <c r="WIA693" s="613"/>
      <c r="WIB693" s="613"/>
      <c r="WIC693" s="613"/>
      <c r="WID693" s="613"/>
      <c r="WIE693" s="613"/>
      <c r="WIF693" s="613"/>
      <c r="WIG693" s="613"/>
      <c r="WIH693" s="613"/>
      <c r="WII693" s="613"/>
      <c r="WIJ693" s="613"/>
      <c r="WIK693" s="613"/>
      <c r="WIL693" s="613"/>
      <c r="WIM693" s="613"/>
      <c r="WIN693" s="613"/>
      <c r="WIO693" s="613"/>
      <c r="WIP693" s="613"/>
      <c r="WIQ693" s="613"/>
      <c r="WIR693" s="613"/>
      <c r="WIS693" s="613"/>
      <c r="WIT693" s="613"/>
      <c r="WIU693" s="613"/>
      <c r="WIV693" s="613"/>
      <c r="WIW693" s="613"/>
      <c r="WIX693" s="613"/>
      <c r="WIY693" s="613"/>
      <c r="WIZ693" s="613"/>
      <c r="WJA693" s="613"/>
      <c r="WJB693" s="613"/>
      <c r="WJC693" s="613"/>
      <c r="WJD693" s="613"/>
      <c r="WJE693" s="613"/>
      <c r="WJF693" s="613"/>
      <c r="WJG693" s="613"/>
      <c r="WJH693" s="613"/>
      <c r="WJI693" s="613"/>
      <c r="WJJ693" s="613"/>
      <c r="WJK693" s="613"/>
      <c r="WJL693" s="613"/>
      <c r="WJM693" s="613"/>
      <c r="WJN693" s="613"/>
      <c r="WJO693" s="613"/>
      <c r="WJP693" s="613"/>
      <c r="WJQ693" s="613"/>
      <c r="WJR693" s="613"/>
      <c r="WJS693" s="613"/>
      <c r="WJT693" s="613"/>
      <c r="WJU693" s="613"/>
      <c r="WJV693" s="613"/>
      <c r="WJW693" s="613"/>
      <c r="WJX693" s="613"/>
      <c r="WJY693" s="613"/>
      <c r="WJZ693" s="613"/>
      <c r="WKA693" s="613"/>
      <c r="WKB693" s="613"/>
      <c r="WKC693" s="613"/>
      <c r="WKD693" s="613"/>
      <c r="WKE693" s="613"/>
      <c r="WKF693" s="613"/>
      <c r="WKG693" s="613"/>
      <c r="WKH693" s="613"/>
      <c r="WKI693" s="613"/>
      <c r="WKJ693" s="613"/>
      <c r="WKK693" s="613"/>
      <c r="WKL693" s="613"/>
      <c r="WKM693" s="613"/>
      <c r="WKN693" s="613"/>
      <c r="WKO693" s="613"/>
      <c r="WKP693" s="613"/>
      <c r="WKQ693" s="613"/>
      <c r="WKR693" s="613"/>
      <c r="WKS693" s="613"/>
      <c r="WKT693" s="613"/>
      <c r="WKU693" s="613"/>
      <c r="WKV693" s="613"/>
      <c r="WKW693" s="613"/>
      <c r="WKX693" s="613"/>
      <c r="WKY693" s="613"/>
      <c r="WKZ693" s="613"/>
      <c r="WLA693" s="613"/>
      <c r="WLB693" s="613"/>
      <c r="WLC693" s="613"/>
      <c r="WLD693" s="613"/>
      <c r="WLE693" s="613"/>
      <c r="WLF693" s="613"/>
      <c r="WLG693" s="613"/>
      <c r="WLH693" s="613"/>
      <c r="WLI693" s="613"/>
      <c r="WLJ693" s="613"/>
      <c r="WLK693" s="613"/>
      <c r="WLL693" s="613"/>
      <c r="WLM693" s="613"/>
      <c r="WLN693" s="613"/>
      <c r="WLO693" s="613"/>
      <c r="WLP693" s="613"/>
      <c r="WLQ693" s="613"/>
      <c r="WLR693" s="613"/>
      <c r="WLS693" s="613"/>
      <c r="WLT693" s="613"/>
      <c r="WLU693" s="613"/>
      <c r="WLV693" s="613"/>
      <c r="WLW693" s="613"/>
      <c r="WLX693" s="613"/>
      <c r="WLY693" s="613"/>
      <c r="WLZ693" s="613"/>
      <c r="WMA693" s="613"/>
      <c r="WMB693" s="613"/>
      <c r="WMC693" s="613"/>
      <c r="WMD693" s="613"/>
      <c r="WME693" s="613"/>
      <c r="WMF693" s="613"/>
      <c r="WMG693" s="613"/>
      <c r="WMH693" s="613"/>
      <c r="WMI693" s="613"/>
      <c r="WMJ693" s="613"/>
      <c r="WMK693" s="613"/>
      <c r="WML693" s="613"/>
      <c r="WMM693" s="613"/>
      <c r="WMN693" s="613"/>
      <c r="WMO693" s="613"/>
      <c r="WMP693" s="613"/>
      <c r="WMQ693" s="613"/>
      <c r="WMR693" s="613"/>
      <c r="WMS693" s="613"/>
      <c r="WMT693" s="613"/>
      <c r="WMU693" s="613"/>
      <c r="WMV693" s="613"/>
      <c r="WMW693" s="613"/>
      <c r="WMX693" s="613"/>
      <c r="WMY693" s="613"/>
      <c r="WMZ693" s="613"/>
      <c r="WNA693" s="613"/>
      <c r="WNB693" s="613"/>
      <c r="WNC693" s="613"/>
      <c r="WND693" s="613"/>
      <c r="WNE693" s="613"/>
      <c r="WNF693" s="613"/>
      <c r="WNG693" s="613"/>
      <c r="WNH693" s="613"/>
      <c r="WNI693" s="613"/>
      <c r="WNJ693" s="613"/>
      <c r="WNK693" s="613"/>
      <c r="WNL693" s="613"/>
      <c r="WNM693" s="613"/>
      <c r="WNN693" s="613"/>
      <c r="WNO693" s="613"/>
      <c r="WNP693" s="613"/>
      <c r="WNQ693" s="613"/>
      <c r="WNR693" s="613"/>
      <c r="WNS693" s="613"/>
      <c r="WNT693" s="613"/>
      <c r="WNU693" s="613"/>
      <c r="WNV693" s="613"/>
      <c r="WNW693" s="613"/>
      <c r="WNX693" s="613"/>
      <c r="WNY693" s="613"/>
      <c r="WNZ693" s="613"/>
      <c r="WOA693" s="613"/>
      <c r="WOB693" s="613"/>
      <c r="WOC693" s="613"/>
      <c r="WOD693" s="613"/>
      <c r="WOE693" s="613"/>
      <c r="WOF693" s="613"/>
      <c r="WOG693" s="613"/>
      <c r="WOH693" s="613"/>
      <c r="WOI693" s="613"/>
      <c r="WOJ693" s="613"/>
      <c r="WOK693" s="613"/>
      <c r="WOL693" s="613"/>
      <c r="WOM693" s="613"/>
      <c r="WON693" s="613"/>
      <c r="WOO693" s="613"/>
      <c r="WOP693" s="613"/>
      <c r="WOQ693" s="613"/>
      <c r="WOR693" s="613"/>
      <c r="WOS693" s="613"/>
      <c r="WOT693" s="613"/>
      <c r="WOU693" s="613"/>
      <c r="WOV693" s="613"/>
      <c r="WOW693" s="613"/>
      <c r="WOX693" s="613"/>
      <c r="WOY693" s="613"/>
      <c r="WOZ693" s="613"/>
      <c r="WPA693" s="613"/>
      <c r="WPB693" s="613"/>
      <c r="WPC693" s="613"/>
      <c r="WPD693" s="613"/>
      <c r="WPE693" s="613"/>
      <c r="WPF693" s="613"/>
      <c r="WPG693" s="613"/>
      <c r="WPH693" s="613"/>
      <c r="WPI693" s="613"/>
      <c r="WPJ693" s="613"/>
      <c r="WPK693" s="613"/>
      <c r="WPL693" s="613"/>
      <c r="WPM693" s="613"/>
      <c r="WPN693" s="613"/>
      <c r="WPO693" s="613"/>
      <c r="WPP693" s="613"/>
      <c r="WPQ693" s="613"/>
      <c r="WPR693" s="613"/>
      <c r="WPS693" s="613"/>
      <c r="WPT693" s="613"/>
      <c r="WPU693" s="613"/>
      <c r="WPV693" s="613"/>
      <c r="WPW693" s="613"/>
      <c r="WPX693" s="613"/>
      <c r="WPY693" s="613"/>
      <c r="WPZ693" s="613"/>
      <c r="WQA693" s="613"/>
      <c r="WQB693" s="613"/>
      <c r="WQC693" s="613"/>
      <c r="WQD693" s="613"/>
      <c r="WQE693" s="613"/>
      <c r="WQF693" s="613"/>
      <c r="WQG693" s="613"/>
      <c r="WQH693" s="613"/>
      <c r="WQI693" s="613"/>
      <c r="WQJ693" s="613"/>
      <c r="WQK693" s="613"/>
      <c r="WQL693" s="613"/>
      <c r="WQM693" s="613"/>
      <c r="WQN693" s="613"/>
      <c r="WQO693" s="613"/>
      <c r="WQP693" s="613"/>
      <c r="WQQ693" s="613"/>
      <c r="WQR693" s="613"/>
      <c r="WQS693" s="613"/>
      <c r="WQT693" s="613"/>
      <c r="WQU693" s="613"/>
      <c r="WQV693" s="613"/>
      <c r="WQW693" s="613"/>
      <c r="WQX693" s="613"/>
      <c r="WQY693" s="613"/>
      <c r="WQZ693" s="613"/>
      <c r="WRA693" s="613"/>
      <c r="WRB693" s="613"/>
      <c r="WRC693" s="613"/>
      <c r="WRD693" s="613"/>
      <c r="WRE693" s="613"/>
      <c r="WRF693" s="613"/>
      <c r="WRG693" s="613"/>
      <c r="WRH693" s="613"/>
      <c r="WRI693" s="613"/>
      <c r="WRJ693" s="613"/>
      <c r="WRK693" s="613"/>
      <c r="WRL693" s="613"/>
      <c r="WRM693" s="613"/>
      <c r="WRN693" s="613"/>
      <c r="WRO693" s="613"/>
      <c r="WRP693" s="613"/>
      <c r="WRQ693" s="613"/>
      <c r="WRR693" s="613"/>
      <c r="WRS693" s="613"/>
      <c r="WRT693" s="613"/>
      <c r="WRU693" s="613"/>
      <c r="WRV693" s="613"/>
      <c r="WRW693" s="613"/>
      <c r="WRX693" s="613"/>
      <c r="WRY693" s="613"/>
      <c r="WRZ693" s="613"/>
      <c r="WSA693" s="613"/>
      <c r="WSB693" s="613"/>
      <c r="WSC693" s="613"/>
      <c r="WSD693" s="613"/>
      <c r="WSE693" s="613"/>
      <c r="WSF693" s="613"/>
      <c r="WSG693" s="613"/>
      <c r="WSH693" s="613"/>
      <c r="WSI693" s="613"/>
      <c r="WSJ693" s="613"/>
      <c r="WSK693" s="613"/>
      <c r="WSL693" s="613"/>
      <c r="WSM693" s="613"/>
      <c r="WSN693" s="613"/>
      <c r="WSO693" s="613"/>
      <c r="WSP693" s="613"/>
      <c r="WSQ693" s="613"/>
      <c r="WSR693" s="613"/>
      <c r="WSS693" s="613"/>
      <c r="WST693" s="613"/>
      <c r="WSU693" s="613"/>
      <c r="WSV693" s="613"/>
      <c r="WSW693" s="613"/>
      <c r="WSX693" s="613"/>
      <c r="WSY693" s="613"/>
      <c r="WSZ693" s="613"/>
      <c r="WTA693" s="613"/>
      <c r="WTB693" s="613"/>
      <c r="WTC693" s="613"/>
      <c r="WTD693" s="613"/>
      <c r="WTE693" s="613"/>
      <c r="WTF693" s="613"/>
      <c r="WTG693" s="613"/>
      <c r="WTH693" s="613"/>
      <c r="WTI693" s="613"/>
      <c r="WTJ693" s="613"/>
      <c r="WTK693" s="613"/>
      <c r="WTL693" s="613"/>
      <c r="WTM693" s="613"/>
      <c r="WTN693" s="613"/>
      <c r="WTO693" s="613"/>
      <c r="WTP693" s="613"/>
      <c r="WTQ693" s="613"/>
      <c r="WTR693" s="613"/>
      <c r="WTS693" s="613"/>
      <c r="WTT693" s="613"/>
      <c r="WTU693" s="613"/>
      <c r="WTV693" s="613"/>
      <c r="WTW693" s="613"/>
      <c r="WTX693" s="613"/>
      <c r="WTY693" s="613"/>
      <c r="WTZ693" s="613"/>
      <c r="WUA693" s="613"/>
      <c r="WUB693" s="613"/>
      <c r="WUC693" s="613"/>
      <c r="WUD693" s="613"/>
      <c r="WUE693" s="613"/>
      <c r="WUF693" s="613"/>
      <c r="WUG693" s="613"/>
      <c r="WUH693" s="613"/>
      <c r="WUI693" s="613"/>
      <c r="WUJ693" s="613"/>
      <c r="WUK693" s="613"/>
      <c r="WUL693" s="613"/>
      <c r="WUM693" s="613"/>
      <c r="WUN693" s="613"/>
      <c r="WUO693" s="613"/>
      <c r="WUP693" s="613"/>
      <c r="WUQ693" s="613"/>
      <c r="WUR693" s="613"/>
      <c r="WUS693" s="613"/>
      <c r="WUT693" s="613"/>
      <c r="WUU693" s="613"/>
      <c r="WUV693" s="613"/>
      <c r="WUW693" s="613"/>
      <c r="WUX693" s="613"/>
      <c r="WUY693" s="613"/>
      <c r="WUZ693" s="613"/>
      <c r="WVA693" s="613"/>
      <c r="WVB693" s="613"/>
      <c r="WVC693" s="613"/>
      <c r="WVD693" s="613"/>
      <c r="WVE693" s="613"/>
      <c r="WVF693" s="613"/>
      <c r="WVG693" s="613"/>
      <c r="WVH693" s="613"/>
      <c r="WVI693" s="613"/>
      <c r="WVJ693" s="613"/>
      <c r="WVK693" s="613"/>
      <c r="WVL693" s="613"/>
      <c r="WVM693" s="613"/>
      <c r="WVN693" s="613"/>
      <c r="WVO693" s="613"/>
      <c r="WVP693" s="613"/>
      <c r="WVQ693" s="613"/>
      <c r="WVR693" s="613"/>
      <c r="WVS693" s="613"/>
      <c r="WVT693" s="613"/>
      <c r="WVU693" s="613"/>
      <c r="WVV693" s="613"/>
      <c r="WVW693" s="613"/>
      <c r="WVX693" s="613"/>
      <c r="WVY693" s="613"/>
      <c r="WVZ693" s="613"/>
      <c r="WWA693" s="613"/>
      <c r="WWB693" s="613"/>
      <c r="WWC693" s="613"/>
      <c r="WWD693" s="613"/>
      <c r="WWE693" s="613"/>
      <c r="WWF693" s="613"/>
      <c r="WWG693" s="613"/>
      <c r="WWH693" s="613"/>
      <c r="WWI693" s="613"/>
      <c r="WWJ693" s="613"/>
      <c r="WWK693" s="613"/>
      <c r="WWL693" s="613"/>
      <c r="WWM693" s="613"/>
      <c r="WWN693" s="613"/>
      <c r="WWO693" s="613"/>
      <c r="WWP693" s="613"/>
      <c r="WWQ693" s="613"/>
      <c r="WWR693" s="613"/>
      <c r="WWS693" s="613"/>
      <c r="WWT693" s="613"/>
      <c r="WWU693" s="613"/>
      <c r="WWV693" s="613"/>
      <c r="WWW693" s="613"/>
      <c r="WWX693" s="613"/>
      <c r="WWY693" s="613"/>
      <c r="WWZ693" s="613"/>
      <c r="WXA693" s="613"/>
      <c r="WXB693" s="613"/>
      <c r="WXC693" s="613"/>
      <c r="WXD693" s="613"/>
      <c r="WXE693" s="613"/>
      <c r="WXF693" s="613"/>
      <c r="WXG693" s="613"/>
      <c r="WXH693" s="613"/>
      <c r="WXI693" s="613"/>
      <c r="WXJ693" s="613"/>
      <c r="WXK693" s="613"/>
      <c r="WXL693" s="613"/>
      <c r="WXM693" s="613"/>
      <c r="WXN693" s="613"/>
      <c r="WXO693" s="613"/>
      <c r="WXP693" s="613"/>
      <c r="WXQ693" s="613"/>
      <c r="WXR693" s="613"/>
      <c r="WXS693" s="613"/>
      <c r="WXT693" s="613"/>
      <c r="WXU693" s="613"/>
      <c r="WXV693" s="613"/>
      <c r="WXW693" s="613"/>
      <c r="WXX693" s="613"/>
      <c r="WXY693" s="613"/>
      <c r="WXZ693" s="613"/>
      <c r="WYA693" s="613"/>
      <c r="WYB693" s="613"/>
      <c r="WYC693" s="613"/>
      <c r="WYD693" s="613"/>
      <c r="WYE693" s="613"/>
      <c r="WYF693" s="613"/>
      <c r="WYG693" s="613"/>
      <c r="WYH693" s="613"/>
      <c r="WYI693" s="613"/>
      <c r="WYJ693" s="613"/>
      <c r="WYK693" s="613"/>
      <c r="WYL693" s="613"/>
      <c r="WYM693" s="613"/>
      <c r="WYN693" s="613"/>
      <c r="WYO693" s="613"/>
      <c r="WYP693" s="613"/>
      <c r="WYQ693" s="613"/>
      <c r="WYR693" s="613"/>
      <c r="WYS693" s="613"/>
      <c r="WYT693" s="613"/>
      <c r="WYU693" s="613"/>
      <c r="WYV693" s="613"/>
      <c r="WYW693" s="613"/>
      <c r="WYX693" s="613"/>
      <c r="WYY693" s="613"/>
      <c r="WYZ693" s="613"/>
      <c r="WZA693" s="613"/>
      <c r="WZB693" s="613"/>
      <c r="WZC693" s="613"/>
      <c r="WZD693" s="613"/>
      <c r="WZE693" s="613"/>
      <c r="WZF693" s="613"/>
      <c r="WZG693" s="613"/>
      <c r="WZH693" s="613"/>
      <c r="WZI693" s="613"/>
      <c r="WZJ693" s="613"/>
      <c r="WZK693" s="613"/>
      <c r="WZL693" s="613"/>
      <c r="WZM693" s="613"/>
      <c r="WZN693" s="613"/>
      <c r="WZO693" s="613"/>
      <c r="WZP693" s="613"/>
      <c r="WZQ693" s="613"/>
      <c r="WZR693" s="613"/>
      <c r="WZS693" s="613"/>
      <c r="WZT693" s="613"/>
      <c r="WZU693" s="613"/>
      <c r="WZV693" s="613"/>
      <c r="WZW693" s="613"/>
      <c r="WZX693" s="613"/>
      <c r="WZY693" s="613"/>
      <c r="WZZ693" s="613"/>
      <c r="XAA693" s="613"/>
      <c r="XAB693" s="613"/>
      <c r="XAC693" s="613"/>
      <c r="XAD693" s="613"/>
      <c r="XAE693" s="613"/>
      <c r="XAF693" s="613"/>
      <c r="XAG693" s="613"/>
      <c r="XAH693" s="613"/>
      <c r="XAI693" s="613"/>
      <c r="XAJ693" s="613"/>
      <c r="XAK693" s="613"/>
      <c r="XAL693" s="613"/>
      <c r="XAM693" s="613"/>
      <c r="XAN693" s="613"/>
      <c r="XAO693" s="613"/>
      <c r="XAP693" s="613"/>
      <c r="XAQ693" s="613"/>
      <c r="XAR693" s="613"/>
      <c r="XAS693" s="613"/>
      <c r="XAT693" s="613"/>
      <c r="XAU693" s="613"/>
      <c r="XAV693" s="613"/>
      <c r="XAW693" s="613"/>
      <c r="XAX693" s="613"/>
      <c r="XAY693" s="613"/>
      <c r="XAZ693" s="613"/>
      <c r="XBA693" s="613"/>
      <c r="XBB693" s="613"/>
      <c r="XBC693" s="613"/>
      <c r="XBD693" s="613"/>
      <c r="XBE693" s="613"/>
      <c r="XBF693" s="613"/>
      <c r="XBG693" s="613"/>
      <c r="XBH693" s="613"/>
      <c r="XBI693" s="613"/>
      <c r="XBJ693" s="613"/>
      <c r="XBK693" s="613"/>
      <c r="XBL693" s="613"/>
      <c r="XBM693" s="613"/>
      <c r="XBN693" s="613"/>
      <c r="XBO693" s="613"/>
      <c r="XBP693" s="613"/>
      <c r="XBQ693" s="613"/>
      <c r="XBR693" s="613"/>
      <c r="XBS693" s="613"/>
      <c r="XBT693" s="613"/>
      <c r="XBU693" s="613"/>
      <c r="XBV693" s="613"/>
      <c r="XBW693" s="613"/>
      <c r="XBX693" s="613"/>
      <c r="XBY693" s="613"/>
      <c r="XBZ693" s="613"/>
      <c r="XCA693" s="613"/>
      <c r="XCB693" s="613"/>
      <c r="XCC693" s="613"/>
      <c r="XCD693" s="613"/>
      <c r="XCE693" s="613"/>
      <c r="XCF693" s="613"/>
      <c r="XCG693" s="613"/>
      <c r="XCH693" s="613"/>
      <c r="XCI693" s="613"/>
      <c r="XCJ693" s="613"/>
      <c r="XCK693" s="613"/>
      <c r="XCL693" s="613"/>
      <c r="XCM693" s="613"/>
      <c r="XCN693" s="613"/>
      <c r="XCO693" s="613"/>
      <c r="XCP693" s="613"/>
      <c r="XCQ693" s="613"/>
    </row>
    <row r="694" spans="1:16319" ht="56.1" customHeight="1" x14ac:dyDescent="0.2">
      <c r="A694" s="273" t="s">
        <v>3019</v>
      </c>
      <c r="B694" s="77"/>
      <c r="C694" s="77"/>
      <c r="D694" s="481">
        <v>252</v>
      </c>
      <c r="E694" s="481"/>
      <c r="F694" s="481" t="s">
        <v>2481</v>
      </c>
      <c r="G694" s="482" t="s">
        <v>53</v>
      </c>
      <c r="H694" s="765" t="s">
        <v>329</v>
      </c>
      <c r="I694" s="654" t="s">
        <v>482</v>
      </c>
      <c r="J694" s="654" t="s">
        <v>483</v>
      </c>
      <c r="K694" s="495" t="s">
        <v>486</v>
      </c>
      <c r="L694" s="621"/>
      <c r="M694" s="484" t="s">
        <v>58</v>
      </c>
      <c r="N694" s="329" t="s">
        <v>2606</v>
      </c>
      <c r="O694" s="484" t="s">
        <v>2996</v>
      </c>
      <c r="P694" s="484" t="s">
        <v>81</v>
      </c>
      <c r="Q694" s="667" t="s">
        <v>334</v>
      </c>
      <c r="R694" s="484" t="s">
        <v>334</v>
      </c>
      <c r="S694" s="484" t="s">
        <v>225</v>
      </c>
      <c r="T694" s="484"/>
      <c r="U694" s="620" t="s">
        <v>63</v>
      </c>
      <c r="V694" s="620" t="s">
        <v>63</v>
      </c>
      <c r="W694" s="723">
        <v>132035</v>
      </c>
      <c r="X694" s="723"/>
      <c r="Y694" s="654" t="s">
        <v>226</v>
      </c>
      <c r="Z694" s="654"/>
      <c r="AA694" s="723">
        <v>132035</v>
      </c>
      <c r="AB694" s="652" t="s">
        <v>82</v>
      </c>
      <c r="AC694" s="652"/>
      <c r="AD694" s="496"/>
      <c r="AE694" s="496"/>
      <c r="AF694" s="496"/>
      <c r="AG694" s="496"/>
      <c r="AH694" s="496"/>
      <c r="AI694" s="487"/>
      <c r="AJ694" s="496"/>
      <c r="AK694" s="496"/>
      <c r="AL694" s="496"/>
      <c r="AM694" s="496"/>
      <c r="AN694" s="496"/>
      <c r="AO694" s="496"/>
      <c r="AP694" s="496" t="s">
        <v>66</v>
      </c>
      <c r="AQ694" s="496"/>
      <c r="AR694" s="496"/>
      <c r="AS694" s="496"/>
      <c r="AT694" s="496"/>
      <c r="AU694" s="487"/>
      <c r="AV694" s="487"/>
      <c r="AW694" s="487"/>
      <c r="AX694" s="487"/>
      <c r="AY694" s="487"/>
      <c r="AZ694" s="487"/>
      <c r="BA694" s="484"/>
      <c r="BB694" s="484"/>
      <c r="BC694" s="484"/>
      <c r="BD694" s="494"/>
      <c r="BE694" s="494"/>
      <c r="BF694" s="613"/>
      <c r="BG694" s="613"/>
      <c r="BH694" s="613"/>
      <c r="BI694" s="613"/>
      <c r="BJ694" s="613"/>
      <c r="BK694" s="613"/>
      <c r="BL694" s="613"/>
      <c r="BM694" s="613"/>
      <c r="BN694" s="613"/>
      <c r="BO694" s="613"/>
      <c r="BP694" s="613"/>
      <c r="BQ694" s="613"/>
      <c r="BR694" s="613"/>
      <c r="BS694" s="613"/>
      <c r="BT694" s="613"/>
      <c r="BU694" s="613"/>
      <c r="BV694" s="613"/>
      <c r="BW694" s="613"/>
      <c r="BX694" s="613"/>
      <c r="BY694" s="613"/>
      <c r="BZ694" s="613"/>
      <c r="CA694" s="613"/>
      <c r="CB694" s="613"/>
      <c r="CC694" s="613"/>
      <c r="CD694" s="613"/>
      <c r="CE694" s="613"/>
      <c r="CF694" s="613"/>
      <c r="CG694" s="613"/>
      <c r="CH694" s="613"/>
      <c r="CI694" s="613"/>
      <c r="CJ694" s="613"/>
      <c r="CK694" s="613"/>
      <c r="CL694" s="613"/>
      <c r="CM694" s="613"/>
      <c r="CN694" s="613"/>
      <c r="CO694" s="613"/>
      <c r="CP694" s="613"/>
      <c r="CQ694" s="613"/>
      <c r="CR694" s="613"/>
      <c r="CS694" s="613"/>
      <c r="CT694" s="613"/>
      <c r="CU694" s="613"/>
      <c r="CV694" s="613"/>
      <c r="CW694" s="613"/>
      <c r="CX694" s="613"/>
      <c r="CY694" s="613"/>
      <c r="CZ694" s="613"/>
      <c r="DA694" s="613"/>
      <c r="DB694" s="613"/>
      <c r="DC694" s="613"/>
      <c r="DD694" s="613"/>
      <c r="DE694" s="613"/>
      <c r="DF694" s="613"/>
      <c r="DG694" s="613"/>
      <c r="DH694" s="613"/>
      <c r="DI694" s="613"/>
      <c r="DJ694" s="613"/>
      <c r="DK694" s="613"/>
      <c r="DL694" s="613"/>
      <c r="DM694" s="613"/>
      <c r="DN694" s="613"/>
      <c r="DO694" s="613"/>
      <c r="DP694" s="613"/>
      <c r="DQ694" s="613"/>
      <c r="DR694" s="613"/>
      <c r="DS694" s="613"/>
      <c r="DT694" s="613"/>
      <c r="DU694" s="613"/>
      <c r="DV694" s="613"/>
      <c r="DW694" s="613"/>
      <c r="DX694" s="613"/>
      <c r="DY694" s="613"/>
      <c r="DZ694" s="613"/>
      <c r="EA694" s="613"/>
      <c r="EB694" s="613"/>
      <c r="EC694" s="613"/>
      <c r="ED694" s="613"/>
      <c r="EE694" s="613"/>
      <c r="EF694" s="613"/>
      <c r="EG694" s="613"/>
      <c r="EH694" s="613"/>
      <c r="EI694" s="613"/>
      <c r="EJ694" s="613"/>
      <c r="EK694" s="613"/>
      <c r="EL694" s="613"/>
      <c r="EM694" s="613"/>
      <c r="EN694" s="613"/>
      <c r="EO694" s="613"/>
      <c r="EP694" s="613"/>
      <c r="EQ694" s="613"/>
      <c r="ER694" s="613"/>
      <c r="ES694" s="613"/>
      <c r="ET694" s="613"/>
      <c r="EU694" s="613"/>
      <c r="EV694" s="613"/>
      <c r="EW694" s="613"/>
      <c r="EX694" s="613"/>
      <c r="EY694" s="613"/>
      <c r="EZ694" s="613"/>
      <c r="FA694" s="613"/>
      <c r="FB694" s="613"/>
      <c r="FC694" s="613"/>
      <c r="FD694" s="613"/>
      <c r="FE694" s="613"/>
      <c r="FF694" s="613"/>
      <c r="FG694" s="613"/>
      <c r="FH694" s="613"/>
      <c r="FI694" s="613"/>
      <c r="FJ694" s="613"/>
      <c r="FK694" s="613"/>
      <c r="FL694" s="613"/>
      <c r="FM694" s="613"/>
      <c r="FN694" s="613"/>
      <c r="FO694" s="613"/>
      <c r="FP694" s="613"/>
      <c r="FQ694" s="613"/>
      <c r="FR694" s="613"/>
      <c r="FS694" s="613"/>
      <c r="FT694" s="613"/>
      <c r="FU694" s="613"/>
      <c r="FV694" s="613"/>
      <c r="FW694" s="613"/>
      <c r="FX694" s="613"/>
      <c r="FY694" s="613"/>
      <c r="FZ694" s="613"/>
      <c r="GA694" s="613"/>
      <c r="GB694" s="613"/>
      <c r="GC694" s="613"/>
      <c r="GD694" s="613"/>
      <c r="GE694" s="613"/>
      <c r="GF694" s="613"/>
      <c r="GG694" s="613"/>
      <c r="GH694" s="613"/>
      <c r="GI694" s="613"/>
      <c r="GJ694" s="613"/>
      <c r="GK694" s="613"/>
      <c r="GL694" s="613"/>
      <c r="GM694" s="613"/>
      <c r="GN694" s="613"/>
      <c r="GO694" s="613"/>
      <c r="GP694" s="613"/>
      <c r="GQ694" s="613"/>
      <c r="GR694" s="613"/>
      <c r="GS694" s="613"/>
      <c r="GT694" s="613"/>
      <c r="GU694" s="613"/>
      <c r="GV694" s="613"/>
      <c r="GW694" s="613"/>
      <c r="GX694" s="613"/>
      <c r="GY694" s="613"/>
      <c r="GZ694" s="613"/>
      <c r="HA694" s="613"/>
      <c r="HB694" s="613"/>
      <c r="HC694" s="613"/>
      <c r="HD694" s="613"/>
      <c r="HE694" s="613"/>
      <c r="HF694" s="613"/>
      <c r="HG694" s="613"/>
      <c r="HH694" s="613"/>
      <c r="HI694" s="613"/>
      <c r="HJ694" s="613"/>
      <c r="HK694" s="613"/>
      <c r="HL694" s="613"/>
      <c r="HM694" s="613"/>
      <c r="HN694" s="613"/>
      <c r="HO694" s="613"/>
      <c r="HP694" s="613"/>
      <c r="HQ694" s="613"/>
      <c r="HR694" s="613"/>
      <c r="HS694" s="613"/>
      <c r="HT694" s="613"/>
      <c r="HU694" s="613"/>
      <c r="HV694" s="613"/>
      <c r="HW694" s="613"/>
      <c r="HX694" s="613"/>
      <c r="HY694" s="613"/>
      <c r="HZ694" s="613"/>
      <c r="IA694" s="613"/>
      <c r="IB694" s="613"/>
      <c r="IC694" s="613"/>
      <c r="ID694" s="613"/>
      <c r="IE694" s="613"/>
      <c r="IF694" s="613"/>
      <c r="IG694" s="613"/>
      <c r="IH694" s="613"/>
      <c r="II694" s="613"/>
      <c r="IJ694" s="613"/>
      <c r="IK694" s="613"/>
      <c r="IL694" s="613"/>
      <c r="IM694" s="613"/>
      <c r="IN694" s="613"/>
      <c r="IO694" s="613"/>
      <c r="IP694" s="613"/>
      <c r="IQ694" s="613"/>
      <c r="IR694" s="613"/>
      <c r="IS694" s="613"/>
      <c r="IT694" s="613"/>
      <c r="IU694" s="613"/>
      <c r="IV694" s="613"/>
      <c r="IW694" s="613"/>
      <c r="IX694" s="613"/>
      <c r="IY694" s="613"/>
      <c r="IZ694" s="613"/>
      <c r="JA694" s="613"/>
      <c r="JB694" s="613"/>
      <c r="JC694" s="613"/>
      <c r="JD694" s="613"/>
      <c r="JE694" s="613"/>
      <c r="JF694" s="613"/>
      <c r="JG694" s="613"/>
      <c r="JH694" s="613"/>
      <c r="JI694" s="613"/>
      <c r="JJ694" s="613"/>
      <c r="JK694" s="613"/>
      <c r="JL694" s="613"/>
      <c r="JM694" s="613"/>
      <c r="JN694" s="613"/>
      <c r="JO694" s="613"/>
      <c r="JP694" s="613"/>
      <c r="JQ694" s="613"/>
      <c r="JR694" s="613"/>
      <c r="JS694" s="613"/>
      <c r="JT694" s="613"/>
      <c r="JU694" s="613"/>
      <c r="JV694" s="613"/>
      <c r="JW694" s="613"/>
      <c r="JX694" s="613"/>
      <c r="JY694" s="613"/>
      <c r="JZ694" s="613"/>
      <c r="KA694" s="613"/>
      <c r="KB694" s="613"/>
      <c r="KC694" s="613"/>
      <c r="KD694" s="613"/>
      <c r="KE694" s="613"/>
      <c r="KF694" s="613"/>
      <c r="KG694" s="613"/>
      <c r="KH694" s="613"/>
      <c r="KI694" s="613"/>
      <c r="KJ694" s="613"/>
      <c r="KK694" s="613"/>
      <c r="KL694" s="613"/>
      <c r="KM694" s="613"/>
      <c r="KN694" s="613"/>
      <c r="KO694" s="613"/>
      <c r="KP694" s="613"/>
      <c r="KQ694" s="613"/>
      <c r="KR694" s="613"/>
      <c r="KS694" s="613"/>
      <c r="KT694" s="613"/>
      <c r="KU694" s="613"/>
      <c r="KV694" s="613"/>
      <c r="KW694" s="613"/>
      <c r="KX694" s="613"/>
      <c r="KY694" s="613"/>
      <c r="KZ694" s="613"/>
      <c r="LA694" s="613"/>
      <c r="LB694" s="613"/>
      <c r="LC694" s="613"/>
      <c r="LD694" s="613"/>
      <c r="LE694" s="613"/>
      <c r="LF694" s="613"/>
      <c r="LG694" s="613"/>
      <c r="LH694" s="613"/>
      <c r="LI694" s="613"/>
      <c r="LJ694" s="613"/>
      <c r="LK694" s="613"/>
      <c r="LL694" s="613"/>
      <c r="LM694" s="613"/>
      <c r="LN694" s="613"/>
      <c r="LO694" s="613"/>
      <c r="LP694" s="613"/>
      <c r="LQ694" s="613"/>
      <c r="LR694" s="613"/>
      <c r="LS694" s="613"/>
      <c r="LT694" s="613"/>
      <c r="LU694" s="613"/>
      <c r="LV694" s="613"/>
      <c r="LW694" s="613"/>
      <c r="LX694" s="613"/>
      <c r="LY694" s="613"/>
      <c r="LZ694" s="613"/>
      <c r="MA694" s="613"/>
      <c r="MB694" s="613"/>
      <c r="MC694" s="613"/>
      <c r="MD694" s="613"/>
      <c r="ME694" s="613"/>
      <c r="MF694" s="613"/>
      <c r="MG694" s="613"/>
      <c r="MH694" s="613"/>
      <c r="MI694" s="613"/>
      <c r="MJ694" s="613"/>
      <c r="MK694" s="613"/>
      <c r="ML694" s="613"/>
      <c r="MM694" s="613"/>
      <c r="MN694" s="613"/>
      <c r="MO694" s="613"/>
      <c r="MP694" s="613"/>
      <c r="MQ694" s="613"/>
      <c r="MR694" s="613"/>
      <c r="MS694" s="613"/>
      <c r="MT694" s="613"/>
      <c r="MU694" s="613"/>
      <c r="MV694" s="613"/>
      <c r="MW694" s="613"/>
      <c r="MX694" s="613"/>
      <c r="MY694" s="613"/>
      <c r="MZ694" s="613"/>
      <c r="NA694" s="613"/>
      <c r="NB694" s="613"/>
      <c r="NC694" s="613"/>
      <c r="ND694" s="613"/>
      <c r="NE694" s="613"/>
      <c r="NF694" s="613"/>
      <c r="NG694" s="613"/>
      <c r="NH694" s="613"/>
      <c r="NI694" s="613"/>
      <c r="NJ694" s="613"/>
      <c r="NK694" s="613"/>
      <c r="NL694" s="613"/>
      <c r="NM694" s="613"/>
      <c r="NN694" s="613"/>
      <c r="NO694" s="613"/>
      <c r="NP694" s="613"/>
      <c r="NQ694" s="613"/>
      <c r="NR694" s="613"/>
      <c r="NS694" s="613"/>
      <c r="NT694" s="613"/>
      <c r="NU694" s="613"/>
      <c r="NV694" s="613"/>
      <c r="NW694" s="613"/>
      <c r="NX694" s="613"/>
      <c r="NY694" s="613"/>
      <c r="NZ694" s="613"/>
      <c r="OA694" s="613"/>
      <c r="OB694" s="613"/>
      <c r="OC694" s="613"/>
      <c r="OD694" s="613"/>
      <c r="OE694" s="613"/>
      <c r="OF694" s="613"/>
      <c r="OG694" s="613"/>
      <c r="OH694" s="613"/>
      <c r="OI694" s="613"/>
      <c r="OJ694" s="613"/>
      <c r="OK694" s="613"/>
      <c r="OL694" s="613"/>
      <c r="OM694" s="613"/>
      <c r="ON694" s="613"/>
      <c r="OO694" s="613"/>
      <c r="OP694" s="613"/>
      <c r="OQ694" s="613"/>
      <c r="OR694" s="613"/>
      <c r="OS694" s="613"/>
      <c r="OT694" s="613"/>
      <c r="OU694" s="613"/>
      <c r="OV694" s="613"/>
      <c r="OW694" s="613"/>
      <c r="OX694" s="613"/>
      <c r="OY694" s="613"/>
      <c r="OZ694" s="613"/>
      <c r="PA694" s="613"/>
      <c r="PB694" s="613"/>
      <c r="PC694" s="613"/>
      <c r="PD694" s="613"/>
      <c r="PE694" s="613"/>
      <c r="PF694" s="613"/>
      <c r="PG694" s="613"/>
      <c r="PH694" s="613"/>
      <c r="PI694" s="613"/>
      <c r="PJ694" s="613"/>
      <c r="PK694" s="613"/>
      <c r="PL694" s="613"/>
      <c r="PM694" s="613"/>
      <c r="PN694" s="613"/>
      <c r="PO694" s="613"/>
      <c r="PP694" s="613"/>
      <c r="PQ694" s="613"/>
      <c r="PR694" s="613"/>
      <c r="PS694" s="613"/>
      <c r="PT694" s="613"/>
      <c r="PU694" s="613"/>
      <c r="PV694" s="613"/>
      <c r="PW694" s="613"/>
      <c r="PX694" s="613"/>
      <c r="PY694" s="613"/>
      <c r="PZ694" s="613"/>
      <c r="QA694" s="613"/>
      <c r="QB694" s="613"/>
      <c r="QC694" s="613"/>
      <c r="QD694" s="613"/>
      <c r="QE694" s="613"/>
      <c r="QF694" s="613"/>
      <c r="QG694" s="613"/>
      <c r="QH694" s="613"/>
      <c r="QI694" s="613"/>
      <c r="QJ694" s="613"/>
      <c r="QK694" s="613"/>
      <c r="QL694" s="613"/>
      <c r="QM694" s="613"/>
      <c r="QN694" s="613"/>
      <c r="QO694" s="613"/>
      <c r="QP694" s="613"/>
      <c r="QQ694" s="613"/>
      <c r="QR694" s="613"/>
      <c r="QS694" s="613"/>
      <c r="QT694" s="613"/>
      <c r="QU694" s="613"/>
      <c r="QV694" s="613"/>
      <c r="QW694" s="613"/>
      <c r="QX694" s="613"/>
      <c r="QY694" s="613"/>
      <c r="QZ694" s="613"/>
      <c r="RA694" s="613"/>
      <c r="RB694" s="613"/>
      <c r="RC694" s="613"/>
      <c r="RD694" s="613"/>
      <c r="RE694" s="613"/>
      <c r="RF694" s="613"/>
      <c r="RG694" s="613"/>
      <c r="RH694" s="613"/>
      <c r="RI694" s="613"/>
      <c r="RJ694" s="613"/>
      <c r="RK694" s="613"/>
      <c r="RL694" s="613"/>
      <c r="RM694" s="613"/>
      <c r="RN694" s="613"/>
      <c r="RO694" s="613"/>
      <c r="RP694" s="613"/>
      <c r="RQ694" s="613"/>
      <c r="RR694" s="613"/>
      <c r="RS694" s="613"/>
      <c r="RT694" s="613"/>
      <c r="RU694" s="613"/>
      <c r="RV694" s="613"/>
      <c r="RW694" s="613"/>
      <c r="RX694" s="613"/>
      <c r="RY694" s="613"/>
      <c r="RZ694" s="613"/>
      <c r="SA694" s="613"/>
      <c r="SB694" s="613"/>
      <c r="SC694" s="613"/>
      <c r="SD694" s="613"/>
      <c r="SE694" s="613"/>
      <c r="SF694" s="613"/>
      <c r="SG694" s="613"/>
      <c r="SH694" s="613"/>
      <c r="SI694" s="613"/>
      <c r="SJ694" s="613"/>
      <c r="SK694" s="613"/>
      <c r="SL694" s="613"/>
      <c r="SM694" s="613"/>
      <c r="SN694" s="613"/>
      <c r="SO694" s="613"/>
      <c r="SP694" s="613"/>
      <c r="SQ694" s="613"/>
      <c r="SR694" s="613"/>
      <c r="SS694" s="613"/>
      <c r="ST694" s="613"/>
      <c r="SU694" s="613"/>
      <c r="SV694" s="613"/>
      <c r="SW694" s="613"/>
      <c r="SX694" s="613"/>
      <c r="SY694" s="613"/>
      <c r="SZ694" s="613"/>
      <c r="TA694" s="613"/>
      <c r="TB694" s="613"/>
      <c r="TC694" s="613"/>
      <c r="TD694" s="613"/>
      <c r="TE694" s="613"/>
      <c r="TF694" s="613"/>
      <c r="TG694" s="613"/>
      <c r="TH694" s="613"/>
      <c r="TI694" s="613"/>
      <c r="TJ694" s="613"/>
      <c r="TK694" s="613"/>
      <c r="TL694" s="613"/>
      <c r="TM694" s="613"/>
      <c r="TN694" s="613"/>
      <c r="TO694" s="613"/>
      <c r="TP694" s="613"/>
      <c r="TQ694" s="613"/>
      <c r="TR694" s="613"/>
      <c r="TS694" s="613"/>
      <c r="TT694" s="613"/>
      <c r="TU694" s="613"/>
      <c r="TV694" s="613"/>
      <c r="TW694" s="613"/>
      <c r="TX694" s="613"/>
      <c r="TY694" s="613"/>
      <c r="TZ694" s="613"/>
      <c r="UA694" s="613"/>
      <c r="UB694" s="613"/>
      <c r="UC694" s="613"/>
      <c r="UD694" s="613"/>
      <c r="UE694" s="613"/>
      <c r="UF694" s="613"/>
      <c r="UG694" s="613"/>
      <c r="UH694" s="613"/>
      <c r="UI694" s="613"/>
      <c r="UJ694" s="613"/>
      <c r="UK694" s="613"/>
      <c r="UL694" s="613"/>
      <c r="UM694" s="613"/>
      <c r="UN694" s="613"/>
      <c r="UO694" s="613"/>
      <c r="UP694" s="613"/>
      <c r="UQ694" s="613"/>
      <c r="UR694" s="613"/>
      <c r="US694" s="613"/>
      <c r="UT694" s="613"/>
      <c r="UU694" s="613"/>
      <c r="UV694" s="613"/>
      <c r="UW694" s="613"/>
      <c r="UX694" s="613"/>
      <c r="UY694" s="613"/>
      <c r="UZ694" s="613"/>
      <c r="VA694" s="613"/>
      <c r="VB694" s="613"/>
      <c r="VC694" s="613"/>
      <c r="VD694" s="613"/>
      <c r="VE694" s="613"/>
      <c r="VF694" s="613"/>
      <c r="VG694" s="613"/>
      <c r="VH694" s="613"/>
      <c r="VI694" s="613"/>
      <c r="VJ694" s="613"/>
      <c r="VK694" s="613"/>
      <c r="VL694" s="613"/>
      <c r="VM694" s="613"/>
      <c r="VN694" s="613"/>
      <c r="VO694" s="613"/>
      <c r="VP694" s="613"/>
      <c r="VQ694" s="613"/>
      <c r="VR694" s="613"/>
      <c r="VS694" s="613"/>
      <c r="VT694" s="613"/>
      <c r="VU694" s="613"/>
      <c r="VV694" s="613"/>
      <c r="VW694" s="613"/>
      <c r="VX694" s="613"/>
      <c r="VY694" s="613"/>
      <c r="VZ694" s="613"/>
      <c r="WA694" s="613"/>
      <c r="WB694" s="613"/>
      <c r="WC694" s="613"/>
      <c r="WD694" s="613"/>
      <c r="WE694" s="613"/>
      <c r="WF694" s="613"/>
      <c r="WG694" s="613"/>
      <c r="WH694" s="613"/>
      <c r="WI694" s="613"/>
      <c r="WJ694" s="613"/>
      <c r="WK694" s="613"/>
      <c r="WL694" s="613"/>
      <c r="WM694" s="613"/>
      <c r="WN694" s="613"/>
      <c r="WO694" s="613"/>
      <c r="WP694" s="613"/>
      <c r="WQ694" s="613"/>
      <c r="WR694" s="613"/>
      <c r="WS694" s="613"/>
      <c r="WT694" s="613"/>
      <c r="WU694" s="613"/>
      <c r="WV694" s="613"/>
      <c r="WW694" s="613"/>
      <c r="WX694" s="613"/>
      <c r="WY694" s="613"/>
      <c r="WZ694" s="613"/>
      <c r="XA694" s="613"/>
      <c r="XB694" s="613"/>
      <c r="XC694" s="613"/>
      <c r="XD694" s="613"/>
      <c r="XE694" s="613"/>
      <c r="XF694" s="613"/>
      <c r="XG694" s="613"/>
      <c r="XH694" s="613"/>
      <c r="XI694" s="613"/>
      <c r="XJ694" s="613"/>
      <c r="XK694" s="613"/>
      <c r="XL694" s="613"/>
      <c r="XM694" s="613"/>
      <c r="XN694" s="613"/>
      <c r="XO694" s="613"/>
      <c r="XP694" s="613"/>
      <c r="XQ694" s="613"/>
      <c r="XR694" s="613"/>
      <c r="XS694" s="613"/>
      <c r="XT694" s="613"/>
      <c r="XU694" s="613"/>
      <c r="XV694" s="613"/>
      <c r="XW694" s="613"/>
      <c r="XX694" s="613"/>
      <c r="XY694" s="613"/>
      <c r="XZ694" s="613"/>
      <c r="YA694" s="613"/>
      <c r="YB694" s="613"/>
      <c r="YC694" s="613"/>
      <c r="YD694" s="613"/>
      <c r="YE694" s="613"/>
      <c r="YF694" s="613"/>
      <c r="YG694" s="613"/>
      <c r="YH694" s="613"/>
      <c r="YI694" s="613"/>
      <c r="YJ694" s="613"/>
      <c r="YK694" s="613"/>
      <c r="YL694" s="613"/>
      <c r="YM694" s="613"/>
      <c r="YN694" s="613"/>
      <c r="YO694" s="613"/>
      <c r="YP694" s="613"/>
      <c r="YQ694" s="613"/>
      <c r="YR694" s="613"/>
      <c r="YS694" s="613"/>
      <c r="YT694" s="613"/>
      <c r="YU694" s="613"/>
      <c r="YV694" s="613"/>
      <c r="YW694" s="613"/>
      <c r="YX694" s="613"/>
      <c r="YY694" s="613"/>
      <c r="YZ694" s="613"/>
      <c r="ZA694" s="613"/>
      <c r="ZB694" s="613"/>
      <c r="ZC694" s="613"/>
      <c r="ZD694" s="613"/>
      <c r="ZE694" s="613"/>
      <c r="ZF694" s="613"/>
      <c r="ZG694" s="613"/>
      <c r="ZH694" s="613"/>
      <c r="ZI694" s="613"/>
      <c r="ZJ694" s="613"/>
      <c r="ZK694" s="613"/>
      <c r="ZL694" s="613"/>
      <c r="ZM694" s="613"/>
      <c r="ZN694" s="613"/>
      <c r="ZO694" s="613"/>
      <c r="ZP694" s="613"/>
      <c r="ZQ694" s="613"/>
      <c r="ZR694" s="613"/>
      <c r="ZS694" s="613"/>
      <c r="ZT694" s="613"/>
      <c r="ZU694" s="613"/>
      <c r="ZV694" s="613"/>
      <c r="ZW694" s="613"/>
      <c r="ZX694" s="613"/>
      <c r="ZY694" s="613"/>
      <c r="ZZ694" s="613"/>
      <c r="AAA694" s="613"/>
      <c r="AAB694" s="613"/>
      <c r="AAC694" s="613"/>
      <c r="AAD694" s="613"/>
      <c r="AAE694" s="613"/>
      <c r="AAF694" s="613"/>
      <c r="AAG694" s="613"/>
      <c r="AAH694" s="613"/>
      <c r="AAI694" s="613"/>
      <c r="AAJ694" s="613"/>
      <c r="AAK694" s="613"/>
      <c r="AAL694" s="613"/>
      <c r="AAM694" s="613"/>
      <c r="AAN694" s="613"/>
      <c r="AAO694" s="613"/>
      <c r="AAP694" s="613"/>
      <c r="AAQ694" s="613"/>
      <c r="AAR694" s="613"/>
      <c r="AAS694" s="613"/>
      <c r="AAT694" s="613"/>
      <c r="AAU694" s="613"/>
      <c r="AAV694" s="613"/>
      <c r="AAW694" s="613"/>
      <c r="AAX694" s="613"/>
      <c r="AAY694" s="613"/>
      <c r="AAZ694" s="613"/>
      <c r="ABA694" s="613"/>
      <c r="ABB694" s="613"/>
      <c r="ABC694" s="613"/>
      <c r="ABD694" s="613"/>
      <c r="ABE694" s="613"/>
      <c r="ABF694" s="613"/>
      <c r="ABG694" s="613"/>
      <c r="ABH694" s="613"/>
      <c r="ABI694" s="613"/>
      <c r="ABJ694" s="613"/>
      <c r="ABK694" s="613"/>
      <c r="ABL694" s="613"/>
      <c r="ABM694" s="613"/>
      <c r="ABN694" s="613"/>
      <c r="ABO694" s="613"/>
      <c r="ABP694" s="613"/>
      <c r="ABQ694" s="613"/>
      <c r="ABR694" s="613"/>
      <c r="ABS694" s="613"/>
      <c r="ABT694" s="613"/>
      <c r="ABU694" s="613"/>
      <c r="ABV694" s="613"/>
      <c r="ABW694" s="613"/>
      <c r="ABX694" s="613"/>
      <c r="ABY694" s="613"/>
      <c r="ABZ694" s="613"/>
      <c r="ACA694" s="613"/>
      <c r="ACB694" s="613"/>
      <c r="ACC694" s="613"/>
      <c r="ACD694" s="613"/>
      <c r="ACE694" s="613"/>
      <c r="ACF694" s="613"/>
      <c r="ACG694" s="613"/>
      <c r="ACH694" s="613"/>
      <c r="ACI694" s="613"/>
      <c r="ACJ694" s="613"/>
      <c r="ACK694" s="613"/>
      <c r="ACL694" s="613"/>
      <c r="ACM694" s="613"/>
      <c r="ACN694" s="613"/>
      <c r="ACO694" s="613"/>
      <c r="ACP694" s="613"/>
      <c r="ACQ694" s="613"/>
      <c r="ACR694" s="613"/>
      <c r="ACS694" s="613"/>
      <c r="ACT694" s="613"/>
      <c r="ACU694" s="613"/>
      <c r="ACV694" s="613"/>
      <c r="ACW694" s="613"/>
      <c r="ACX694" s="613"/>
      <c r="ACY694" s="613"/>
      <c r="ACZ694" s="613"/>
      <c r="ADA694" s="613"/>
      <c r="ADB694" s="613"/>
      <c r="ADC694" s="613"/>
      <c r="ADD694" s="613"/>
      <c r="ADE694" s="613"/>
      <c r="ADF694" s="613"/>
      <c r="ADG694" s="613"/>
      <c r="ADH694" s="613"/>
      <c r="ADI694" s="613"/>
      <c r="ADJ694" s="613"/>
      <c r="ADK694" s="613"/>
      <c r="ADL694" s="613"/>
      <c r="ADM694" s="613"/>
      <c r="ADN694" s="613"/>
      <c r="ADO694" s="613"/>
      <c r="ADP694" s="613"/>
      <c r="ADQ694" s="613"/>
      <c r="ADR694" s="613"/>
      <c r="ADS694" s="613"/>
      <c r="ADT694" s="613"/>
      <c r="ADU694" s="613"/>
      <c r="ADV694" s="613"/>
      <c r="ADW694" s="613"/>
      <c r="ADX694" s="613"/>
      <c r="ADY694" s="613"/>
      <c r="ADZ694" s="613"/>
      <c r="AEA694" s="613"/>
      <c r="AEB694" s="613"/>
      <c r="AEC694" s="613"/>
      <c r="AED694" s="613"/>
      <c r="AEE694" s="613"/>
      <c r="AEF694" s="613"/>
      <c r="AEG694" s="613"/>
      <c r="AEH694" s="613"/>
      <c r="AEI694" s="613"/>
      <c r="AEJ694" s="613"/>
      <c r="AEK694" s="613"/>
      <c r="AEL694" s="613"/>
      <c r="AEM694" s="613"/>
      <c r="AEN694" s="613"/>
      <c r="AEO694" s="613"/>
      <c r="AEP694" s="613"/>
      <c r="AEQ694" s="613"/>
      <c r="AER694" s="613"/>
      <c r="AES694" s="613"/>
      <c r="AET694" s="613"/>
      <c r="AEU694" s="613"/>
      <c r="AEV694" s="613"/>
      <c r="AEW694" s="613"/>
      <c r="AEX694" s="613"/>
      <c r="AEY694" s="613"/>
      <c r="AEZ694" s="613"/>
      <c r="AFA694" s="613"/>
      <c r="AFB694" s="613"/>
      <c r="AFC694" s="613"/>
      <c r="AFD694" s="613"/>
      <c r="AFE694" s="613"/>
      <c r="AFF694" s="613"/>
      <c r="AFG694" s="613"/>
      <c r="AFH694" s="613"/>
      <c r="AFI694" s="613"/>
      <c r="AFJ694" s="613"/>
      <c r="AFK694" s="613"/>
      <c r="AFL694" s="613"/>
      <c r="AFM694" s="613"/>
      <c r="AFN694" s="613"/>
      <c r="AFO694" s="613"/>
      <c r="AFP694" s="613"/>
      <c r="AFQ694" s="613"/>
      <c r="AFR694" s="613"/>
      <c r="AFS694" s="613"/>
      <c r="AFT694" s="613"/>
      <c r="AFU694" s="613"/>
      <c r="AFV694" s="613"/>
      <c r="AFW694" s="613"/>
      <c r="AFX694" s="613"/>
      <c r="AFY694" s="613"/>
      <c r="AFZ694" s="613"/>
      <c r="AGA694" s="613"/>
      <c r="AGB694" s="613"/>
      <c r="AGC694" s="613"/>
      <c r="AGD694" s="613"/>
      <c r="AGE694" s="613"/>
      <c r="AGF694" s="613"/>
      <c r="AGG694" s="613"/>
      <c r="AGH694" s="613"/>
      <c r="AGI694" s="613"/>
      <c r="AGJ694" s="613"/>
      <c r="AGK694" s="613"/>
      <c r="AGL694" s="613"/>
      <c r="AGM694" s="613"/>
      <c r="AGN694" s="613"/>
      <c r="AGO694" s="613"/>
      <c r="AGP694" s="613"/>
      <c r="AGQ694" s="613"/>
      <c r="AGR694" s="613"/>
      <c r="AGS694" s="613"/>
      <c r="AGT694" s="613"/>
      <c r="AGU694" s="613"/>
      <c r="AGV694" s="613"/>
      <c r="AGW694" s="613"/>
      <c r="AGX694" s="613"/>
      <c r="AGY694" s="613"/>
      <c r="AGZ694" s="613"/>
      <c r="AHA694" s="613"/>
      <c r="AHB694" s="613"/>
      <c r="AHC694" s="613"/>
      <c r="AHD694" s="613"/>
      <c r="AHE694" s="613"/>
      <c r="AHF694" s="613"/>
      <c r="AHG694" s="613"/>
      <c r="AHH694" s="613"/>
      <c r="AHI694" s="613"/>
      <c r="AHJ694" s="613"/>
      <c r="AHK694" s="613"/>
      <c r="AHL694" s="613"/>
      <c r="AHM694" s="613"/>
      <c r="AHN694" s="613"/>
      <c r="AHO694" s="613"/>
      <c r="AHP694" s="613"/>
      <c r="AHQ694" s="613"/>
      <c r="AHR694" s="613"/>
      <c r="AHS694" s="613"/>
      <c r="AHT694" s="613"/>
      <c r="AHU694" s="613"/>
      <c r="AHV694" s="613"/>
      <c r="AHW694" s="613"/>
      <c r="AHX694" s="613"/>
      <c r="AHY694" s="613"/>
      <c r="AHZ694" s="613"/>
      <c r="AIA694" s="613"/>
      <c r="AIB694" s="613"/>
      <c r="AIC694" s="613"/>
      <c r="AID694" s="613"/>
      <c r="AIE694" s="613"/>
      <c r="AIF694" s="613"/>
      <c r="AIG694" s="613"/>
      <c r="AIH694" s="613"/>
      <c r="AII694" s="613"/>
      <c r="AIJ694" s="613"/>
      <c r="AIK694" s="613"/>
      <c r="AIL694" s="613"/>
      <c r="AIM694" s="613"/>
      <c r="AIN694" s="613"/>
      <c r="AIO694" s="613"/>
      <c r="AIP694" s="613"/>
      <c r="AIQ694" s="613"/>
      <c r="AIR694" s="613"/>
      <c r="AIS694" s="613"/>
      <c r="AIT694" s="613"/>
      <c r="AIU694" s="613"/>
      <c r="AIV694" s="613"/>
      <c r="AIW694" s="613"/>
      <c r="AIX694" s="613"/>
      <c r="AIY694" s="613"/>
      <c r="AIZ694" s="613"/>
      <c r="AJA694" s="613"/>
      <c r="AJB694" s="613"/>
      <c r="AJC694" s="613"/>
      <c r="AJD694" s="613"/>
      <c r="AJE694" s="613"/>
      <c r="AJF694" s="613"/>
      <c r="AJG694" s="613"/>
      <c r="AJH694" s="613"/>
      <c r="AJI694" s="613"/>
      <c r="AJJ694" s="613"/>
      <c r="AJK694" s="613"/>
      <c r="AJL694" s="613"/>
      <c r="AJM694" s="613"/>
      <c r="AJN694" s="613"/>
      <c r="AJO694" s="613"/>
      <c r="AJP694" s="613"/>
      <c r="AJQ694" s="613"/>
      <c r="AJR694" s="613"/>
      <c r="AJS694" s="613"/>
      <c r="AJT694" s="613"/>
      <c r="AJU694" s="613"/>
      <c r="AJV694" s="613"/>
      <c r="AJW694" s="613"/>
      <c r="AJX694" s="613"/>
      <c r="AJY694" s="613"/>
      <c r="AJZ694" s="613"/>
      <c r="AKA694" s="613"/>
      <c r="AKB694" s="613"/>
      <c r="AKC694" s="613"/>
      <c r="AKD694" s="613"/>
      <c r="AKE694" s="613"/>
      <c r="AKF694" s="613"/>
      <c r="AKG694" s="613"/>
      <c r="AKH694" s="613"/>
      <c r="AKI694" s="613"/>
      <c r="AKJ694" s="613"/>
      <c r="AKK694" s="613"/>
      <c r="AKL694" s="613"/>
      <c r="AKM694" s="613"/>
      <c r="AKN694" s="613"/>
      <c r="AKO694" s="613"/>
      <c r="AKP694" s="613"/>
      <c r="AKQ694" s="613"/>
      <c r="AKR694" s="613"/>
      <c r="AKS694" s="613"/>
      <c r="AKT694" s="613"/>
      <c r="AKU694" s="613"/>
      <c r="AKV694" s="613"/>
      <c r="AKW694" s="613"/>
      <c r="AKX694" s="613"/>
      <c r="AKY694" s="613"/>
      <c r="AKZ694" s="613"/>
      <c r="ALA694" s="613"/>
      <c r="ALB694" s="613"/>
      <c r="ALC694" s="613"/>
      <c r="ALD694" s="613"/>
      <c r="ALE694" s="613"/>
      <c r="ALF694" s="613"/>
      <c r="ALG694" s="613"/>
      <c r="ALH694" s="613"/>
      <c r="ALI694" s="613"/>
      <c r="ALJ694" s="613"/>
      <c r="ALK694" s="613"/>
      <c r="ALL694" s="613"/>
      <c r="ALM694" s="613"/>
      <c r="ALN694" s="613"/>
      <c r="ALO694" s="613"/>
      <c r="ALP694" s="613"/>
      <c r="ALQ694" s="613"/>
      <c r="ALR694" s="613"/>
      <c r="ALS694" s="613"/>
      <c r="ALT694" s="613"/>
      <c r="ALU694" s="613"/>
      <c r="ALV694" s="613"/>
      <c r="ALW694" s="613"/>
      <c r="ALX694" s="613"/>
      <c r="ALY694" s="613"/>
      <c r="ALZ694" s="613"/>
      <c r="AMA694" s="613"/>
      <c r="AMB694" s="613"/>
      <c r="AMC694" s="613"/>
      <c r="AMD694" s="613"/>
      <c r="AME694" s="613"/>
      <c r="AMF694" s="613"/>
      <c r="AMG694" s="613"/>
      <c r="AMH694" s="613"/>
      <c r="AMI694" s="613"/>
      <c r="AMJ694" s="613"/>
      <c r="AMK694" s="613"/>
      <c r="AML694" s="613"/>
      <c r="AMM694" s="613"/>
      <c r="AMN694" s="613"/>
      <c r="AMO694" s="613"/>
      <c r="AMP694" s="613"/>
      <c r="AMQ694" s="613"/>
      <c r="AMR694" s="613"/>
      <c r="AMS694" s="613"/>
      <c r="AMT694" s="613"/>
      <c r="AMU694" s="613"/>
      <c r="AMV694" s="613"/>
      <c r="AMW694" s="613"/>
      <c r="AMX694" s="613"/>
      <c r="AMY694" s="613"/>
      <c r="AMZ694" s="613"/>
      <c r="ANA694" s="613"/>
      <c r="ANB694" s="613"/>
      <c r="ANC694" s="613"/>
      <c r="AND694" s="613"/>
      <c r="ANE694" s="613"/>
      <c r="ANF694" s="613"/>
      <c r="ANG694" s="613"/>
      <c r="ANH694" s="613"/>
      <c r="ANI694" s="613"/>
      <c r="ANJ694" s="613"/>
      <c r="ANK694" s="613"/>
      <c r="ANL694" s="613"/>
      <c r="ANM694" s="613"/>
      <c r="ANN694" s="613"/>
      <c r="ANO694" s="613"/>
      <c r="ANP694" s="613"/>
      <c r="ANQ694" s="613"/>
      <c r="ANR694" s="613"/>
      <c r="ANS694" s="613"/>
      <c r="ANT694" s="613"/>
      <c r="ANU694" s="613"/>
      <c r="ANV694" s="613"/>
      <c r="ANW694" s="613"/>
      <c r="ANX694" s="613"/>
      <c r="ANY694" s="613"/>
      <c r="ANZ694" s="613"/>
      <c r="AOA694" s="613"/>
      <c r="AOB694" s="613"/>
      <c r="AOC694" s="613"/>
      <c r="AOD694" s="613"/>
      <c r="AOE694" s="613"/>
      <c r="AOF694" s="613"/>
      <c r="AOG694" s="613"/>
      <c r="AOH694" s="613"/>
      <c r="AOI694" s="613"/>
      <c r="AOJ694" s="613"/>
      <c r="AOK694" s="613"/>
      <c r="AOL694" s="613"/>
      <c r="AOM694" s="613"/>
      <c r="AON694" s="613"/>
      <c r="AOO694" s="613"/>
      <c r="AOP694" s="613"/>
      <c r="AOQ694" s="613"/>
      <c r="AOR694" s="613"/>
      <c r="AOS694" s="613"/>
      <c r="AOT694" s="613"/>
      <c r="AOU694" s="613"/>
      <c r="AOV694" s="613"/>
      <c r="AOW694" s="613"/>
      <c r="AOX694" s="613"/>
      <c r="AOY694" s="613"/>
      <c r="AOZ694" s="613"/>
      <c r="APA694" s="613"/>
      <c r="APB694" s="613"/>
      <c r="APC694" s="613"/>
      <c r="APD694" s="613"/>
      <c r="APE694" s="613"/>
      <c r="APF694" s="613"/>
      <c r="APG694" s="613"/>
      <c r="APH694" s="613"/>
      <c r="API694" s="613"/>
      <c r="APJ694" s="613"/>
      <c r="APK694" s="613"/>
      <c r="APL694" s="613"/>
      <c r="APM694" s="613"/>
      <c r="APN694" s="613"/>
      <c r="APO694" s="613"/>
      <c r="APP694" s="613"/>
      <c r="APQ694" s="613"/>
      <c r="APR694" s="613"/>
      <c r="APS694" s="613"/>
      <c r="APT694" s="613"/>
      <c r="APU694" s="613"/>
      <c r="APV694" s="613"/>
      <c r="APW694" s="613"/>
      <c r="APX694" s="613"/>
      <c r="APY694" s="613"/>
      <c r="APZ694" s="613"/>
      <c r="AQA694" s="613"/>
      <c r="AQB694" s="613"/>
      <c r="AQC694" s="613"/>
      <c r="AQD694" s="613"/>
      <c r="AQE694" s="613"/>
      <c r="AQF694" s="613"/>
      <c r="AQG694" s="613"/>
      <c r="AQH694" s="613"/>
      <c r="AQI694" s="613"/>
      <c r="AQJ694" s="613"/>
      <c r="AQK694" s="613"/>
      <c r="AQL694" s="613"/>
      <c r="AQM694" s="613"/>
      <c r="AQN694" s="613"/>
      <c r="AQO694" s="613"/>
      <c r="AQP694" s="613"/>
      <c r="AQQ694" s="613"/>
      <c r="AQR694" s="613"/>
      <c r="AQS694" s="613"/>
      <c r="AQT694" s="613"/>
      <c r="AQU694" s="613"/>
      <c r="AQV694" s="613"/>
      <c r="AQW694" s="613"/>
      <c r="AQX694" s="613"/>
      <c r="AQY694" s="613"/>
      <c r="AQZ694" s="613"/>
      <c r="ARA694" s="613"/>
      <c r="ARB694" s="613"/>
      <c r="ARC694" s="613"/>
      <c r="ARD694" s="613"/>
      <c r="ARE694" s="613"/>
      <c r="ARF694" s="613"/>
      <c r="ARG694" s="613"/>
      <c r="ARH694" s="613"/>
      <c r="ARI694" s="613"/>
      <c r="ARJ694" s="613"/>
      <c r="ARK694" s="613"/>
      <c r="ARL694" s="613"/>
      <c r="ARM694" s="613"/>
      <c r="ARN694" s="613"/>
      <c r="ARO694" s="613"/>
      <c r="ARP694" s="613"/>
      <c r="ARQ694" s="613"/>
      <c r="ARR694" s="613"/>
      <c r="ARS694" s="613"/>
      <c r="ART694" s="613"/>
      <c r="ARU694" s="613"/>
      <c r="ARV694" s="613"/>
      <c r="ARW694" s="613"/>
      <c r="ARX694" s="613"/>
      <c r="ARY694" s="613"/>
      <c r="ARZ694" s="613"/>
      <c r="ASA694" s="613"/>
      <c r="ASB694" s="613"/>
      <c r="ASC694" s="613"/>
      <c r="ASD694" s="613"/>
      <c r="ASE694" s="613"/>
      <c r="ASF694" s="613"/>
      <c r="ASG694" s="613"/>
      <c r="ASH694" s="613"/>
      <c r="ASI694" s="613"/>
      <c r="ASJ694" s="613"/>
      <c r="ASK694" s="613"/>
      <c r="ASL694" s="613"/>
      <c r="ASM694" s="613"/>
      <c r="ASN694" s="613"/>
      <c r="ASO694" s="613"/>
      <c r="ASP694" s="613"/>
      <c r="ASQ694" s="613"/>
      <c r="ASR694" s="613"/>
      <c r="ASS694" s="613"/>
      <c r="AST694" s="613"/>
      <c r="ASU694" s="613"/>
      <c r="ASV694" s="613"/>
      <c r="ASW694" s="613"/>
      <c r="ASX694" s="613"/>
      <c r="ASY694" s="613"/>
      <c r="ASZ694" s="613"/>
      <c r="ATA694" s="613"/>
      <c r="ATB694" s="613"/>
      <c r="ATC694" s="613"/>
      <c r="ATD694" s="613"/>
      <c r="ATE694" s="613"/>
      <c r="ATF694" s="613"/>
      <c r="ATG694" s="613"/>
      <c r="ATH694" s="613"/>
      <c r="ATI694" s="613"/>
      <c r="ATJ694" s="613"/>
      <c r="ATK694" s="613"/>
      <c r="ATL694" s="613"/>
      <c r="ATM694" s="613"/>
      <c r="ATN694" s="613"/>
      <c r="ATO694" s="613"/>
      <c r="ATP694" s="613"/>
      <c r="ATQ694" s="613"/>
      <c r="ATR694" s="613"/>
      <c r="ATS694" s="613"/>
      <c r="ATT694" s="613"/>
      <c r="ATU694" s="613"/>
      <c r="ATV694" s="613"/>
      <c r="ATW694" s="613"/>
      <c r="ATX694" s="613"/>
      <c r="ATY694" s="613"/>
      <c r="ATZ694" s="613"/>
      <c r="AUA694" s="613"/>
      <c r="AUB694" s="613"/>
      <c r="AUC694" s="613"/>
      <c r="AUD694" s="613"/>
      <c r="AUE694" s="613"/>
      <c r="AUF694" s="613"/>
      <c r="AUG694" s="613"/>
      <c r="AUH694" s="613"/>
      <c r="AUI694" s="613"/>
      <c r="AUJ694" s="613"/>
      <c r="AUK694" s="613"/>
      <c r="AUL694" s="613"/>
      <c r="AUM694" s="613"/>
      <c r="AUN694" s="613"/>
      <c r="AUO694" s="613"/>
      <c r="AUP694" s="613"/>
      <c r="AUQ694" s="613"/>
      <c r="AUR694" s="613"/>
      <c r="AUS694" s="613"/>
      <c r="AUT694" s="613"/>
      <c r="AUU694" s="613"/>
      <c r="AUV694" s="613"/>
      <c r="AUW694" s="613"/>
      <c r="AUX694" s="613"/>
      <c r="AUY694" s="613"/>
      <c r="AUZ694" s="613"/>
      <c r="AVA694" s="613"/>
      <c r="AVB694" s="613"/>
      <c r="AVC694" s="613"/>
      <c r="AVD694" s="613"/>
      <c r="AVE694" s="613"/>
      <c r="AVF694" s="613"/>
      <c r="AVG694" s="613"/>
      <c r="AVH694" s="613"/>
      <c r="AVI694" s="613"/>
      <c r="AVJ694" s="613"/>
      <c r="AVK694" s="613"/>
      <c r="AVL694" s="613"/>
      <c r="AVM694" s="613"/>
      <c r="AVN694" s="613"/>
      <c r="AVO694" s="613"/>
      <c r="AVP694" s="613"/>
      <c r="AVQ694" s="613"/>
      <c r="AVR694" s="613"/>
      <c r="AVS694" s="613"/>
      <c r="AVT694" s="613"/>
      <c r="AVU694" s="613"/>
      <c r="AVV694" s="613"/>
      <c r="AVW694" s="613"/>
      <c r="AVX694" s="613"/>
      <c r="AVY694" s="613"/>
      <c r="AVZ694" s="613"/>
      <c r="AWA694" s="613"/>
      <c r="AWB694" s="613"/>
      <c r="AWC694" s="613"/>
      <c r="AWD694" s="613"/>
      <c r="AWE694" s="613"/>
      <c r="AWF694" s="613"/>
      <c r="AWG694" s="613"/>
      <c r="AWH694" s="613"/>
      <c r="AWI694" s="613"/>
      <c r="AWJ694" s="613"/>
      <c r="AWK694" s="613"/>
      <c r="AWL694" s="613"/>
      <c r="AWM694" s="613"/>
      <c r="AWN694" s="613"/>
      <c r="AWO694" s="613"/>
      <c r="AWP694" s="613"/>
      <c r="AWQ694" s="613"/>
      <c r="AWR694" s="613"/>
      <c r="AWS694" s="613"/>
      <c r="AWT694" s="613"/>
      <c r="AWU694" s="613"/>
      <c r="AWV694" s="613"/>
      <c r="AWW694" s="613"/>
      <c r="AWX694" s="613"/>
      <c r="AWY694" s="613"/>
      <c r="AWZ694" s="613"/>
      <c r="AXA694" s="613"/>
      <c r="AXB694" s="613"/>
      <c r="AXC694" s="613"/>
      <c r="AXD694" s="613"/>
      <c r="AXE694" s="613"/>
      <c r="AXF694" s="613"/>
      <c r="AXG694" s="613"/>
      <c r="AXH694" s="613"/>
      <c r="AXI694" s="613"/>
      <c r="AXJ694" s="613"/>
      <c r="AXK694" s="613"/>
      <c r="AXL694" s="613"/>
      <c r="AXM694" s="613"/>
      <c r="AXN694" s="613"/>
      <c r="AXO694" s="613"/>
      <c r="AXP694" s="613"/>
      <c r="AXQ694" s="613"/>
      <c r="AXR694" s="613"/>
      <c r="AXS694" s="613"/>
      <c r="AXT694" s="613"/>
      <c r="AXU694" s="613"/>
      <c r="AXV694" s="613"/>
      <c r="AXW694" s="613"/>
      <c r="AXX694" s="613"/>
      <c r="AXY694" s="613"/>
      <c r="AXZ694" s="613"/>
      <c r="AYA694" s="613"/>
      <c r="AYB694" s="613"/>
      <c r="AYC694" s="613"/>
      <c r="AYD694" s="613"/>
      <c r="AYE694" s="613"/>
      <c r="AYF694" s="613"/>
      <c r="AYG694" s="613"/>
      <c r="AYH694" s="613"/>
      <c r="AYI694" s="613"/>
      <c r="AYJ694" s="613"/>
      <c r="AYK694" s="613"/>
      <c r="AYL694" s="613"/>
      <c r="AYM694" s="613"/>
      <c r="AYN694" s="613"/>
      <c r="AYO694" s="613"/>
      <c r="AYP694" s="613"/>
      <c r="AYQ694" s="613"/>
      <c r="AYR694" s="613"/>
      <c r="AYS694" s="613"/>
      <c r="AYT694" s="613"/>
      <c r="AYU694" s="613"/>
      <c r="AYV694" s="613"/>
      <c r="AYW694" s="613"/>
      <c r="AYX694" s="613"/>
      <c r="AYY694" s="613"/>
      <c r="AYZ694" s="613"/>
      <c r="AZA694" s="613"/>
      <c r="AZB694" s="613"/>
      <c r="AZC694" s="613"/>
      <c r="AZD694" s="613"/>
      <c r="AZE694" s="613"/>
      <c r="AZF694" s="613"/>
      <c r="AZG694" s="613"/>
      <c r="AZH694" s="613"/>
      <c r="AZI694" s="613"/>
      <c r="AZJ694" s="613"/>
      <c r="AZK694" s="613"/>
      <c r="AZL694" s="613"/>
      <c r="AZM694" s="613"/>
      <c r="AZN694" s="613"/>
      <c r="AZO694" s="613"/>
      <c r="AZP694" s="613"/>
      <c r="AZQ694" s="613"/>
      <c r="AZR694" s="613"/>
      <c r="AZS694" s="613"/>
      <c r="AZT694" s="613"/>
      <c r="AZU694" s="613"/>
      <c r="AZV694" s="613"/>
      <c r="AZW694" s="613"/>
      <c r="AZX694" s="613"/>
      <c r="AZY694" s="613"/>
      <c r="AZZ694" s="613"/>
      <c r="BAA694" s="613"/>
      <c r="BAB694" s="613"/>
      <c r="BAC694" s="613"/>
      <c r="BAD694" s="613"/>
      <c r="BAE694" s="613"/>
      <c r="BAF694" s="613"/>
      <c r="BAG694" s="613"/>
      <c r="BAH694" s="613"/>
      <c r="BAI694" s="613"/>
      <c r="BAJ694" s="613"/>
      <c r="BAK694" s="613"/>
      <c r="BAL694" s="613"/>
      <c r="BAM694" s="613"/>
      <c r="BAN694" s="613"/>
      <c r="BAO694" s="613"/>
      <c r="BAP694" s="613"/>
      <c r="BAQ694" s="613"/>
      <c r="BAR694" s="613"/>
      <c r="BAS694" s="613"/>
      <c r="BAT694" s="613"/>
      <c r="BAU694" s="613"/>
      <c r="BAV694" s="613"/>
      <c r="BAW694" s="613"/>
      <c r="BAX694" s="613"/>
      <c r="BAY694" s="613"/>
      <c r="BAZ694" s="613"/>
      <c r="BBA694" s="613"/>
      <c r="BBB694" s="613"/>
      <c r="BBC694" s="613"/>
      <c r="BBD694" s="613"/>
      <c r="BBE694" s="613"/>
      <c r="BBF694" s="613"/>
      <c r="BBG694" s="613"/>
      <c r="BBH694" s="613"/>
      <c r="BBI694" s="613"/>
      <c r="BBJ694" s="613"/>
      <c r="BBK694" s="613"/>
      <c r="BBL694" s="613"/>
      <c r="BBM694" s="613"/>
      <c r="BBN694" s="613"/>
      <c r="BBO694" s="613"/>
      <c r="BBP694" s="613"/>
      <c r="BBQ694" s="613"/>
      <c r="BBR694" s="613"/>
      <c r="BBS694" s="613"/>
      <c r="BBT694" s="613"/>
      <c r="BBU694" s="613"/>
      <c r="BBV694" s="613"/>
      <c r="BBW694" s="613"/>
      <c r="BBX694" s="613"/>
      <c r="BBY694" s="613"/>
      <c r="BBZ694" s="613"/>
      <c r="BCA694" s="613"/>
      <c r="BCB694" s="613"/>
      <c r="BCC694" s="613"/>
      <c r="BCD694" s="613"/>
      <c r="BCE694" s="613"/>
      <c r="BCF694" s="613"/>
      <c r="BCG694" s="613"/>
      <c r="BCH694" s="613"/>
      <c r="BCI694" s="613"/>
      <c r="BCJ694" s="613"/>
      <c r="BCK694" s="613"/>
      <c r="BCL694" s="613"/>
      <c r="BCM694" s="613"/>
      <c r="BCN694" s="613"/>
      <c r="BCO694" s="613"/>
      <c r="BCP694" s="613"/>
      <c r="BCQ694" s="613"/>
      <c r="BCR694" s="613"/>
      <c r="BCS694" s="613"/>
      <c r="BCT694" s="613"/>
      <c r="BCU694" s="613"/>
      <c r="BCV694" s="613"/>
      <c r="BCW694" s="613"/>
      <c r="BCX694" s="613"/>
      <c r="BCY694" s="613"/>
      <c r="BCZ694" s="613"/>
      <c r="BDA694" s="613"/>
      <c r="BDB694" s="613"/>
      <c r="BDC694" s="613"/>
      <c r="BDD694" s="613"/>
      <c r="BDE694" s="613"/>
      <c r="BDF694" s="613"/>
      <c r="BDG694" s="613"/>
      <c r="BDH694" s="613"/>
      <c r="BDI694" s="613"/>
      <c r="BDJ694" s="613"/>
      <c r="BDK694" s="613"/>
      <c r="BDL694" s="613"/>
      <c r="BDM694" s="613"/>
      <c r="BDN694" s="613"/>
      <c r="BDO694" s="613"/>
      <c r="BDP694" s="613"/>
      <c r="BDQ694" s="613"/>
      <c r="BDR694" s="613"/>
      <c r="BDS694" s="613"/>
      <c r="BDT694" s="613"/>
      <c r="BDU694" s="613"/>
      <c r="BDV694" s="613"/>
      <c r="BDW694" s="613"/>
      <c r="BDX694" s="613"/>
      <c r="BDY694" s="613"/>
      <c r="BDZ694" s="613"/>
      <c r="BEA694" s="613"/>
      <c r="BEB694" s="613"/>
      <c r="BEC694" s="613"/>
      <c r="BED694" s="613"/>
      <c r="BEE694" s="613"/>
      <c r="BEF694" s="613"/>
      <c r="BEG694" s="613"/>
      <c r="BEH694" s="613"/>
      <c r="BEI694" s="613"/>
      <c r="BEJ694" s="613"/>
      <c r="BEK694" s="613"/>
      <c r="BEL694" s="613"/>
      <c r="BEM694" s="613"/>
      <c r="BEN694" s="613"/>
      <c r="BEO694" s="613"/>
      <c r="BEP694" s="613"/>
      <c r="BEQ694" s="613"/>
      <c r="BER694" s="613"/>
      <c r="BES694" s="613"/>
      <c r="BET694" s="613"/>
      <c r="BEU694" s="613"/>
      <c r="BEV694" s="613"/>
      <c r="BEW694" s="613"/>
      <c r="BEX694" s="613"/>
      <c r="BEY694" s="613"/>
      <c r="BEZ694" s="613"/>
      <c r="BFA694" s="613"/>
      <c r="BFB694" s="613"/>
      <c r="BFC694" s="613"/>
      <c r="BFD694" s="613"/>
      <c r="BFE694" s="613"/>
      <c r="BFF694" s="613"/>
      <c r="BFG694" s="613"/>
      <c r="BFH694" s="613"/>
      <c r="BFI694" s="613"/>
      <c r="BFJ694" s="613"/>
      <c r="BFK694" s="613"/>
      <c r="BFL694" s="613"/>
      <c r="BFM694" s="613"/>
      <c r="BFN694" s="613"/>
      <c r="BFO694" s="613"/>
      <c r="BFP694" s="613"/>
      <c r="BFQ694" s="613"/>
      <c r="BFR694" s="613"/>
      <c r="BFS694" s="613"/>
      <c r="BFT694" s="613"/>
      <c r="BFU694" s="613"/>
      <c r="BFV694" s="613"/>
      <c r="BFW694" s="613"/>
      <c r="BFX694" s="613"/>
      <c r="BFY694" s="613"/>
      <c r="BFZ694" s="613"/>
      <c r="BGA694" s="613"/>
      <c r="BGB694" s="613"/>
      <c r="BGC694" s="613"/>
      <c r="BGD694" s="613"/>
      <c r="BGE694" s="613"/>
      <c r="BGF694" s="613"/>
      <c r="BGG694" s="613"/>
      <c r="BGH694" s="613"/>
      <c r="BGI694" s="613"/>
      <c r="BGJ694" s="613"/>
      <c r="BGK694" s="613"/>
      <c r="BGL694" s="613"/>
      <c r="BGM694" s="613"/>
      <c r="BGN694" s="613"/>
      <c r="BGO694" s="613"/>
      <c r="BGP694" s="613"/>
      <c r="BGQ694" s="613"/>
      <c r="BGR694" s="613"/>
      <c r="BGS694" s="613"/>
      <c r="BGT694" s="613"/>
      <c r="BGU694" s="613"/>
      <c r="BGV694" s="613"/>
      <c r="BGW694" s="613"/>
      <c r="BGX694" s="613"/>
      <c r="BGY694" s="613"/>
      <c r="BGZ694" s="613"/>
      <c r="BHA694" s="613"/>
      <c r="BHB694" s="613"/>
      <c r="BHC694" s="613"/>
      <c r="BHD694" s="613"/>
      <c r="BHE694" s="613"/>
      <c r="BHF694" s="613"/>
      <c r="BHG694" s="613"/>
      <c r="BHH694" s="613"/>
      <c r="BHI694" s="613"/>
      <c r="BHJ694" s="613"/>
      <c r="BHK694" s="613"/>
      <c r="BHL694" s="613"/>
      <c r="BHM694" s="613"/>
      <c r="BHN694" s="613"/>
      <c r="BHO694" s="613"/>
      <c r="BHP694" s="613"/>
      <c r="BHQ694" s="613"/>
      <c r="BHR694" s="613"/>
      <c r="BHS694" s="613"/>
      <c r="BHT694" s="613"/>
      <c r="BHU694" s="613"/>
      <c r="BHV694" s="613"/>
      <c r="BHW694" s="613"/>
      <c r="BHX694" s="613"/>
      <c r="BHY694" s="613"/>
      <c r="BHZ694" s="613"/>
      <c r="BIA694" s="613"/>
      <c r="BIB694" s="613"/>
      <c r="BIC694" s="613"/>
      <c r="BID694" s="613"/>
      <c r="BIE694" s="613"/>
      <c r="BIF694" s="613"/>
      <c r="BIG694" s="613"/>
      <c r="BIH694" s="613"/>
      <c r="BII694" s="613"/>
      <c r="BIJ694" s="613"/>
      <c r="BIK694" s="613"/>
      <c r="BIL694" s="613"/>
      <c r="BIM694" s="613"/>
      <c r="BIN694" s="613"/>
      <c r="BIO694" s="613"/>
      <c r="BIP694" s="613"/>
      <c r="BIQ694" s="613"/>
      <c r="BIR694" s="613"/>
      <c r="BIS694" s="613"/>
      <c r="BIT694" s="613"/>
      <c r="BIU694" s="613"/>
      <c r="BIV694" s="613"/>
      <c r="BIW694" s="613"/>
      <c r="BIX694" s="613"/>
      <c r="BIY694" s="613"/>
      <c r="BIZ694" s="613"/>
      <c r="BJA694" s="613"/>
      <c r="BJB694" s="613"/>
      <c r="BJC694" s="613"/>
      <c r="BJD694" s="613"/>
      <c r="BJE694" s="613"/>
      <c r="BJF694" s="613"/>
      <c r="BJG694" s="613"/>
      <c r="BJH694" s="613"/>
      <c r="BJI694" s="613"/>
      <c r="BJJ694" s="613"/>
      <c r="BJK694" s="613"/>
      <c r="BJL694" s="613"/>
      <c r="BJM694" s="613"/>
      <c r="BJN694" s="613"/>
      <c r="BJO694" s="613"/>
      <c r="BJP694" s="613"/>
      <c r="BJQ694" s="613"/>
      <c r="BJR694" s="613"/>
      <c r="BJS694" s="613"/>
      <c r="BJT694" s="613"/>
      <c r="BJU694" s="613"/>
      <c r="BJV694" s="613"/>
      <c r="BJW694" s="613"/>
      <c r="BJX694" s="613"/>
      <c r="BJY694" s="613"/>
      <c r="BJZ694" s="613"/>
      <c r="BKA694" s="613"/>
      <c r="BKB694" s="613"/>
      <c r="BKC694" s="613"/>
      <c r="BKD694" s="613"/>
      <c r="BKE694" s="613"/>
      <c r="BKF694" s="613"/>
      <c r="BKG694" s="613"/>
      <c r="BKH694" s="613"/>
      <c r="BKI694" s="613"/>
      <c r="BKJ694" s="613"/>
      <c r="BKK694" s="613"/>
      <c r="BKL694" s="613"/>
      <c r="BKM694" s="613"/>
      <c r="BKN694" s="613"/>
      <c r="BKO694" s="613"/>
      <c r="BKP694" s="613"/>
      <c r="BKQ694" s="613"/>
      <c r="BKR694" s="613"/>
      <c r="BKS694" s="613"/>
      <c r="BKT694" s="613"/>
      <c r="BKU694" s="613"/>
      <c r="BKV694" s="613"/>
      <c r="BKW694" s="613"/>
      <c r="BKX694" s="613"/>
      <c r="BKY694" s="613"/>
      <c r="BKZ694" s="613"/>
      <c r="BLA694" s="613"/>
      <c r="BLB694" s="613"/>
      <c r="BLC694" s="613"/>
      <c r="BLD694" s="613"/>
      <c r="BLE694" s="613"/>
      <c r="BLF694" s="613"/>
      <c r="BLG694" s="613"/>
      <c r="BLH694" s="613"/>
      <c r="BLI694" s="613"/>
      <c r="BLJ694" s="613"/>
      <c r="BLK694" s="613"/>
      <c r="BLL694" s="613"/>
      <c r="BLM694" s="613"/>
      <c r="BLN694" s="613"/>
      <c r="BLO694" s="613"/>
      <c r="BLP694" s="613"/>
      <c r="BLQ694" s="613"/>
      <c r="BLR694" s="613"/>
      <c r="BLS694" s="613"/>
      <c r="BLT694" s="613"/>
      <c r="BLU694" s="613"/>
      <c r="BLV694" s="613"/>
      <c r="BLW694" s="613"/>
      <c r="BLX694" s="613"/>
      <c r="BLY694" s="613"/>
      <c r="BLZ694" s="613"/>
      <c r="BMA694" s="613"/>
      <c r="BMB694" s="613"/>
      <c r="BMC694" s="613"/>
      <c r="BMD694" s="613"/>
      <c r="BME694" s="613"/>
      <c r="BMF694" s="613"/>
      <c r="BMG694" s="613"/>
      <c r="BMH694" s="613"/>
      <c r="BMI694" s="613"/>
      <c r="BMJ694" s="613"/>
      <c r="BMK694" s="613"/>
      <c r="BML694" s="613"/>
      <c r="BMM694" s="613"/>
      <c r="BMN694" s="613"/>
      <c r="BMO694" s="613"/>
      <c r="BMP694" s="613"/>
      <c r="BMQ694" s="613"/>
      <c r="BMR694" s="613"/>
      <c r="BMS694" s="613"/>
      <c r="BMT694" s="613"/>
      <c r="BMU694" s="613"/>
      <c r="BMV694" s="613"/>
      <c r="BMW694" s="613"/>
      <c r="BMX694" s="613"/>
      <c r="BMY694" s="613"/>
      <c r="BMZ694" s="613"/>
      <c r="BNA694" s="613"/>
      <c r="BNB694" s="613"/>
      <c r="BNC694" s="613"/>
      <c r="BND694" s="613"/>
      <c r="BNE694" s="613"/>
      <c r="BNF694" s="613"/>
      <c r="BNG694" s="613"/>
      <c r="BNH694" s="613"/>
      <c r="BNI694" s="613"/>
      <c r="BNJ694" s="613"/>
      <c r="BNK694" s="613"/>
      <c r="BNL694" s="613"/>
      <c r="BNM694" s="613"/>
      <c r="BNN694" s="613"/>
      <c r="BNO694" s="613"/>
      <c r="BNP694" s="613"/>
      <c r="BNQ694" s="613"/>
      <c r="BNR694" s="613"/>
      <c r="BNS694" s="613"/>
      <c r="BNT694" s="613"/>
      <c r="BNU694" s="613"/>
      <c r="BNV694" s="613"/>
      <c r="BNW694" s="613"/>
      <c r="BNX694" s="613"/>
      <c r="BNY694" s="613"/>
      <c r="BNZ694" s="613"/>
      <c r="BOA694" s="613"/>
      <c r="BOB694" s="613"/>
      <c r="BOC694" s="613"/>
      <c r="BOD694" s="613"/>
      <c r="BOE694" s="613"/>
      <c r="BOF694" s="613"/>
      <c r="BOG694" s="613"/>
      <c r="BOH694" s="613"/>
      <c r="BOI694" s="613"/>
      <c r="BOJ694" s="613"/>
      <c r="BOK694" s="613"/>
      <c r="BOL694" s="613"/>
      <c r="BOM694" s="613"/>
      <c r="BON694" s="613"/>
      <c r="BOO694" s="613"/>
      <c r="BOP694" s="613"/>
      <c r="BOQ694" s="613"/>
      <c r="BOR694" s="613"/>
      <c r="BOS694" s="613"/>
      <c r="BOT694" s="613"/>
      <c r="BOU694" s="613"/>
      <c r="BOV694" s="613"/>
      <c r="BOW694" s="613"/>
      <c r="BOX694" s="613"/>
      <c r="BOY694" s="613"/>
      <c r="BOZ694" s="613"/>
      <c r="BPA694" s="613"/>
      <c r="BPB694" s="613"/>
      <c r="BPC694" s="613"/>
      <c r="BPD694" s="613"/>
      <c r="BPE694" s="613"/>
      <c r="BPF694" s="613"/>
      <c r="BPG694" s="613"/>
      <c r="BPH694" s="613"/>
      <c r="BPI694" s="613"/>
      <c r="BPJ694" s="613"/>
      <c r="BPK694" s="613"/>
      <c r="BPL694" s="613"/>
      <c r="BPM694" s="613"/>
      <c r="BPN694" s="613"/>
      <c r="BPO694" s="613"/>
      <c r="BPP694" s="613"/>
      <c r="BPQ694" s="613"/>
      <c r="BPR694" s="613"/>
      <c r="BPS694" s="613"/>
      <c r="BPT694" s="613"/>
      <c r="BPU694" s="613"/>
      <c r="BPV694" s="613"/>
      <c r="BPW694" s="613"/>
      <c r="BPX694" s="613"/>
      <c r="BPY694" s="613"/>
      <c r="BPZ694" s="613"/>
      <c r="BQA694" s="613"/>
      <c r="BQB694" s="613"/>
      <c r="BQC694" s="613"/>
      <c r="BQD694" s="613"/>
      <c r="BQE694" s="613"/>
      <c r="BQF694" s="613"/>
      <c r="BQG694" s="613"/>
      <c r="BQH694" s="613"/>
      <c r="BQI694" s="613"/>
      <c r="BQJ694" s="613"/>
      <c r="BQK694" s="613"/>
      <c r="BQL694" s="613"/>
      <c r="BQM694" s="613"/>
      <c r="BQN694" s="613"/>
      <c r="BQO694" s="613"/>
      <c r="BQP694" s="613"/>
      <c r="BQQ694" s="613"/>
      <c r="BQR694" s="613"/>
      <c r="BQS694" s="613"/>
      <c r="BQT694" s="613"/>
      <c r="BQU694" s="613"/>
      <c r="BQV694" s="613"/>
      <c r="BQW694" s="613"/>
      <c r="BQX694" s="613"/>
      <c r="BQY694" s="613"/>
      <c r="BQZ694" s="613"/>
      <c r="BRA694" s="613"/>
      <c r="BRB694" s="613"/>
      <c r="BRC694" s="613"/>
      <c r="BRD694" s="613"/>
      <c r="BRE694" s="613"/>
      <c r="BRF694" s="613"/>
      <c r="BRG694" s="613"/>
      <c r="BRH694" s="613"/>
      <c r="BRI694" s="613"/>
      <c r="BRJ694" s="613"/>
      <c r="BRK694" s="613"/>
      <c r="BRL694" s="613"/>
      <c r="BRM694" s="613"/>
      <c r="BRN694" s="613"/>
      <c r="BRO694" s="613"/>
      <c r="BRP694" s="613"/>
      <c r="BRQ694" s="613"/>
      <c r="BRR694" s="613"/>
      <c r="BRS694" s="613"/>
      <c r="BRT694" s="613"/>
      <c r="BRU694" s="613"/>
      <c r="BRV694" s="613"/>
      <c r="BRW694" s="613"/>
      <c r="BRX694" s="613"/>
      <c r="BRY694" s="613"/>
      <c r="BRZ694" s="613"/>
      <c r="BSA694" s="613"/>
      <c r="BSB694" s="613"/>
      <c r="BSC694" s="613"/>
      <c r="BSD694" s="613"/>
      <c r="BSE694" s="613"/>
      <c r="BSF694" s="613"/>
      <c r="BSG694" s="613"/>
      <c r="BSH694" s="613"/>
      <c r="BSI694" s="613"/>
      <c r="BSJ694" s="613"/>
      <c r="BSK694" s="613"/>
      <c r="BSL694" s="613"/>
      <c r="BSM694" s="613"/>
      <c r="BSN694" s="613"/>
      <c r="BSO694" s="613"/>
      <c r="BSP694" s="613"/>
      <c r="BSQ694" s="613"/>
      <c r="BSR694" s="613"/>
      <c r="BSS694" s="613"/>
      <c r="BST694" s="613"/>
      <c r="BSU694" s="613"/>
      <c r="BSV694" s="613"/>
      <c r="BSW694" s="613"/>
      <c r="BSX694" s="613"/>
      <c r="BSY694" s="613"/>
      <c r="BSZ694" s="613"/>
      <c r="BTA694" s="613"/>
      <c r="BTB694" s="613"/>
      <c r="BTC694" s="613"/>
      <c r="BTD694" s="613"/>
      <c r="BTE694" s="613"/>
      <c r="BTF694" s="613"/>
      <c r="BTG694" s="613"/>
      <c r="BTH694" s="613"/>
      <c r="BTI694" s="613"/>
      <c r="BTJ694" s="613"/>
      <c r="BTK694" s="613"/>
      <c r="BTL694" s="613"/>
      <c r="BTM694" s="613"/>
      <c r="BTN694" s="613"/>
      <c r="BTO694" s="613"/>
      <c r="BTP694" s="613"/>
      <c r="BTQ694" s="613"/>
      <c r="BTR694" s="613"/>
      <c r="BTS694" s="613"/>
      <c r="BTT694" s="613"/>
      <c r="BTU694" s="613"/>
      <c r="BTV694" s="613"/>
      <c r="BTW694" s="613"/>
      <c r="BTX694" s="613"/>
      <c r="BTY694" s="613"/>
      <c r="BTZ694" s="613"/>
      <c r="BUA694" s="613"/>
      <c r="BUB694" s="613"/>
      <c r="BUC694" s="613"/>
      <c r="BUD694" s="613"/>
      <c r="BUE694" s="613"/>
      <c r="BUF694" s="613"/>
      <c r="BUG694" s="613"/>
      <c r="BUH694" s="613"/>
      <c r="BUI694" s="613"/>
      <c r="BUJ694" s="613"/>
      <c r="BUK694" s="613"/>
      <c r="BUL694" s="613"/>
      <c r="BUM694" s="613"/>
      <c r="BUN694" s="613"/>
      <c r="BUO694" s="613"/>
      <c r="BUP694" s="613"/>
      <c r="BUQ694" s="613"/>
      <c r="BUR694" s="613"/>
      <c r="BUS694" s="613"/>
      <c r="BUT694" s="613"/>
      <c r="BUU694" s="613"/>
      <c r="BUV694" s="613"/>
      <c r="BUW694" s="613"/>
      <c r="BUX694" s="613"/>
      <c r="BUY694" s="613"/>
      <c r="BUZ694" s="613"/>
      <c r="BVA694" s="613"/>
      <c r="BVB694" s="613"/>
      <c r="BVC694" s="613"/>
      <c r="BVD694" s="613"/>
      <c r="BVE694" s="613"/>
      <c r="BVF694" s="613"/>
      <c r="BVG694" s="613"/>
      <c r="BVH694" s="613"/>
      <c r="BVI694" s="613"/>
      <c r="BVJ694" s="613"/>
      <c r="BVK694" s="613"/>
      <c r="BVL694" s="613"/>
      <c r="BVM694" s="613"/>
      <c r="BVN694" s="613"/>
      <c r="BVO694" s="613"/>
      <c r="BVP694" s="613"/>
      <c r="BVQ694" s="613"/>
      <c r="BVR694" s="613"/>
      <c r="BVS694" s="613"/>
      <c r="BVT694" s="613"/>
      <c r="BVU694" s="613"/>
      <c r="BVV694" s="613"/>
      <c r="BVW694" s="613"/>
      <c r="BVX694" s="613"/>
      <c r="BVY694" s="613"/>
      <c r="BVZ694" s="613"/>
      <c r="BWA694" s="613"/>
      <c r="BWB694" s="613"/>
      <c r="BWC694" s="613"/>
      <c r="BWD694" s="613"/>
      <c r="BWE694" s="613"/>
      <c r="BWF694" s="613"/>
      <c r="BWG694" s="613"/>
      <c r="BWH694" s="613"/>
      <c r="BWI694" s="613"/>
      <c r="BWJ694" s="613"/>
      <c r="BWK694" s="613"/>
      <c r="BWL694" s="613"/>
      <c r="BWM694" s="613"/>
      <c r="BWN694" s="613"/>
      <c r="BWO694" s="613"/>
      <c r="BWP694" s="613"/>
      <c r="BWQ694" s="613"/>
      <c r="BWR694" s="613"/>
      <c r="BWS694" s="613"/>
      <c r="BWT694" s="613"/>
      <c r="BWU694" s="613"/>
      <c r="BWV694" s="613"/>
      <c r="BWW694" s="613"/>
      <c r="BWX694" s="613"/>
      <c r="BWY694" s="613"/>
      <c r="BWZ694" s="613"/>
      <c r="BXA694" s="613"/>
      <c r="BXB694" s="613"/>
      <c r="BXC694" s="613"/>
      <c r="BXD694" s="613"/>
      <c r="BXE694" s="613"/>
      <c r="BXF694" s="613"/>
      <c r="BXG694" s="613"/>
      <c r="BXH694" s="613"/>
      <c r="BXI694" s="613"/>
      <c r="BXJ694" s="613"/>
      <c r="BXK694" s="613"/>
      <c r="BXL694" s="613"/>
      <c r="BXM694" s="613"/>
      <c r="BXN694" s="613"/>
      <c r="BXO694" s="613"/>
      <c r="BXP694" s="613"/>
      <c r="BXQ694" s="613"/>
      <c r="BXR694" s="613"/>
      <c r="BXS694" s="613"/>
      <c r="BXT694" s="613"/>
      <c r="BXU694" s="613"/>
      <c r="BXV694" s="613"/>
      <c r="BXW694" s="613"/>
      <c r="BXX694" s="613"/>
      <c r="BXY694" s="613"/>
      <c r="BXZ694" s="613"/>
      <c r="BYA694" s="613"/>
      <c r="BYB694" s="613"/>
      <c r="BYC694" s="613"/>
      <c r="BYD694" s="613"/>
      <c r="BYE694" s="613"/>
      <c r="BYF694" s="613"/>
      <c r="BYG694" s="613"/>
      <c r="BYH694" s="613"/>
      <c r="BYI694" s="613"/>
      <c r="BYJ694" s="613"/>
      <c r="BYK694" s="613"/>
      <c r="BYL694" s="613"/>
      <c r="BYM694" s="613"/>
      <c r="BYN694" s="613"/>
      <c r="BYO694" s="613"/>
      <c r="BYP694" s="613"/>
      <c r="BYQ694" s="613"/>
      <c r="BYR694" s="613"/>
      <c r="BYS694" s="613"/>
      <c r="BYT694" s="613"/>
      <c r="BYU694" s="613"/>
      <c r="BYV694" s="613"/>
      <c r="BYW694" s="613"/>
      <c r="BYX694" s="613"/>
      <c r="BYY694" s="613"/>
      <c r="BYZ694" s="613"/>
      <c r="BZA694" s="613"/>
      <c r="BZB694" s="613"/>
      <c r="BZC694" s="613"/>
      <c r="BZD694" s="613"/>
      <c r="BZE694" s="613"/>
      <c r="BZF694" s="613"/>
      <c r="BZG694" s="613"/>
      <c r="BZH694" s="613"/>
      <c r="BZI694" s="613"/>
      <c r="BZJ694" s="613"/>
      <c r="BZK694" s="613"/>
      <c r="BZL694" s="613"/>
      <c r="BZM694" s="613"/>
      <c r="BZN694" s="613"/>
      <c r="BZO694" s="613"/>
      <c r="BZP694" s="613"/>
      <c r="BZQ694" s="613"/>
      <c r="BZR694" s="613"/>
      <c r="BZS694" s="613"/>
      <c r="BZT694" s="613"/>
      <c r="BZU694" s="613"/>
      <c r="BZV694" s="613"/>
      <c r="BZW694" s="613"/>
      <c r="BZX694" s="613"/>
      <c r="BZY694" s="613"/>
      <c r="BZZ694" s="613"/>
      <c r="CAA694" s="613"/>
      <c r="CAB694" s="613"/>
      <c r="CAC694" s="613"/>
      <c r="CAD694" s="613"/>
      <c r="CAE694" s="613"/>
      <c r="CAF694" s="613"/>
      <c r="CAG694" s="613"/>
      <c r="CAH694" s="613"/>
      <c r="CAI694" s="613"/>
      <c r="CAJ694" s="613"/>
      <c r="CAK694" s="613"/>
      <c r="CAL694" s="613"/>
      <c r="CAM694" s="613"/>
      <c r="CAN694" s="613"/>
      <c r="CAO694" s="613"/>
      <c r="CAP694" s="613"/>
      <c r="CAQ694" s="613"/>
      <c r="CAR694" s="613"/>
      <c r="CAS694" s="613"/>
      <c r="CAT694" s="613"/>
      <c r="CAU694" s="613"/>
      <c r="CAV694" s="613"/>
      <c r="CAW694" s="613"/>
      <c r="CAX694" s="613"/>
      <c r="CAY694" s="613"/>
      <c r="CAZ694" s="613"/>
      <c r="CBA694" s="613"/>
      <c r="CBB694" s="613"/>
      <c r="CBC694" s="613"/>
      <c r="CBD694" s="613"/>
      <c r="CBE694" s="613"/>
      <c r="CBF694" s="613"/>
      <c r="CBG694" s="613"/>
      <c r="CBH694" s="613"/>
      <c r="CBI694" s="613"/>
      <c r="CBJ694" s="613"/>
      <c r="CBK694" s="613"/>
      <c r="CBL694" s="613"/>
      <c r="CBM694" s="613"/>
      <c r="CBN694" s="613"/>
      <c r="CBO694" s="613"/>
      <c r="CBP694" s="613"/>
      <c r="CBQ694" s="613"/>
      <c r="CBR694" s="613"/>
      <c r="CBS694" s="613"/>
      <c r="CBT694" s="613"/>
      <c r="CBU694" s="613"/>
      <c r="CBV694" s="613"/>
      <c r="CBW694" s="613"/>
      <c r="CBX694" s="613"/>
      <c r="CBY694" s="613"/>
      <c r="CBZ694" s="613"/>
      <c r="CCA694" s="613"/>
      <c r="CCB694" s="613"/>
      <c r="CCC694" s="613"/>
      <c r="CCD694" s="613"/>
      <c r="CCE694" s="613"/>
      <c r="CCF694" s="613"/>
      <c r="CCG694" s="613"/>
      <c r="CCH694" s="613"/>
      <c r="CCI694" s="613"/>
      <c r="CCJ694" s="613"/>
      <c r="CCK694" s="613"/>
      <c r="CCL694" s="613"/>
      <c r="CCM694" s="613"/>
      <c r="CCN694" s="613"/>
      <c r="CCO694" s="613"/>
      <c r="CCP694" s="613"/>
      <c r="CCQ694" s="613"/>
      <c r="CCR694" s="613"/>
      <c r="CCS694" s="613"/>
      <c r="CCT694" s="613"/>
      <c r="CCU694" s="613"/>
      <c r="CCV694" s="613"/>
      <c r="CCW694" s="613"/>
      <c r="CCX694" s="613"/>
      <c r="CCY694" s="613"/>
      <c r="CCZ694" s="613"/>
      <c r="CDA694" s="613"/>
      <c r="CDB694" s="613"/>
      <c r="CDC694" s="613"/>
      <c r="CDD694" s="613"/>
      <c r="CDE694" s="613"/>
      <c r="CDF694" s="613"/>
      <c r="CDG694" s="613"/>
      <c r="CDH694" s="613"/>
      <c r="CDI694" s="613"/>
      <c r="CDJ694" s="613"/>
      <c r="CDK694" s="613"/>
      <c r="CDL694" s="613"/>
      <c r="CDM694" s="613"/>
      <c r="CDN694" s="613"/>
      <c r="CDO694" s="613"/>
      <c r="CDP694" s="613"/>
      <c r="CDQ694" s="613"/>
      <c r="CDR694" s="613"/>
      <c r="CDS694" s="613"/>
      <c r="CDT694" s="613"/>
      <c r="CDU694" s="613"/>
      <c r="CDV694" s="613"/>
      <c r="CDW694" s="613"/>
      <c r="CDX694" s="613"/>
      <c r="CDY694" s="613"/>
      <c r="CDZ694" s="613"/>
      <c r="CEA694" s="613"/>
      <c r="CEB694" s="613"/>
      <c r="CEC694" s="613"/>
      <c r="CED694" s="613"/>
      <c r="CEE694" s="613"/>
      <c r="CEF694" s="613"/>
      <c r="CEG694" s="613"/>
      <c r="CEH694" s="613"/>
      <c r="CEI694" s="613"/>
      <c r="CEJ694" s="613"/>
      <c r="CEK694" s="613"/>
      <c r="CEL694" s="613"/>
      <c r="CEM694" s="613"/>
      <c r="CEN694" s="613"/>
      <c r="CEO694" s="613"/>
      <c r="CEP694" s="613"/>
      <c r="CEQ694" s="613"/>
      <c r="CER694" s="613"/>
      <c r="CES694" s="613"/>
      <c r="CET694" s="613"/>
      <c r="CEU694" s="613"/>
      <c r="CEV694" s="613"/>
      <c r="CEW694" s="613"/>
      <c r="CEX694" s="613"/>
      <c r="CEY694" s="613"/>
      <c r="CEZ694" s="613"/>
      <c r="CFA694" s="613"/>
      <c r="CFB694" s="613"/>
      <c r="CFC694" s="613"/>
      <c r="CFD694" s="613"/>
      <c r="CFE694" s="613"/>
      <c r="CFF694" s="613"/>
      <c r="CFG694" s="613"/>
      <c r="CFH694" s="613"/>
      <c r="CFI694" s="613"/>
      <c r="CFJ694" s="613"/>
      <c r="CFK694" s="613"/>
      <c r="CFL694" s="613"/>
      <c r="CFM694" s="613"/>
      <c r="CFN694" s="613"/>
      <c r="CFO694" s="613"/>
      <c r="CFP694" s="613"/>
      <c r="CFQ694" s="613"/>
      <c r="CFR694" s="613"/>
      <c r="CFS694" s="613"/>
      <c r="CFT694" s="613"/>
      <c r="CFU694" s="613"/>
      <c r="CFV694" s="613"/>
      <c r="CFW694" s="613"/>
      <c r="CFX694" s="613"/>
      <c r="CFY694" s="613"/>
      <c r="CFZ694" s="613"/>
      <c r="CGA694" s="613"/>
      <c r="CGB694" s="613"/>
      <c r="CGC694" s="613"/>
      <c r="CGD694" s="613"/>
      <c r="CGE694" s="613"/>
      <c r="CGF694" s="613"/>
      <c r="CGG694" s="613"/>
      <c r="CGH694" s="613"/>
      <c r="CGI694" s="613"/>
      <c r="CGJ694" s="613"/>
      <c r="CGK694" s="613"/>
      <c r="CGL694" s="613"/>
      <c r="CGM694" s="613"/>
      <c r="CGN694" s="613"/>
      <c r="CGO694" s="613"/>
      <c r="CGP694" s="613"/>
      <c r="CGQ694" s="613"/>
      <c r="CGR694" s="613"/>
      <c r="CGS694" s="613"/>
      <c r="CGT694" s="613"/>
      <c r="CGU694" s="613"/>
      <c r="CGV694" s="613"/>
      <c r="CGW694" s="613"/>
      <c r="CGX694" s="613"/>
      <c r="CGY694" s="613"/>
      <c r="CGZ694" s="613"/>
      <c r="CHA694" s="613"/>
      <c r="CHB694" s="613"/>
      <c r="CHC694" s="613"/>
      <c r="CHD694" s="613"/>
      <c r="CHE694" s="613"/>
      <c r="CHF694" s="613"/>
      <c r="CHG694" s="613"/>
      <c r="CHH694" s="613"/>
      <c r="CHI694" s="613"/>
      <c r="CHJ694" s="613"/>
      <c r="CHK694" s="613"/>
      <c r="CHL694" s="613"/>
      <c r="CHM694" s="613"/>
      <c r="CHN694" s="613"/>
      <c r="CHO694" s="613"/>
      <c r="CHP694" s="613"/>
      <c r="CHQ694" s="613"/>
      <c r="CHR694" s="613"/>
      <c r="CHS694" s="613"/>
      <c r="CHT694" s="613"/>
      <c r="CHU694" s="613"/>
      <c r="CHV694" s="613"/>
      <c r="CHW694" s="613"/>
      <c r="CHX694" s="613"/>
      <c r="CHY694" s="613"/>
      <c r="CHZ694" s="613"/>
      <c r="CIA694" s="613"/>
      <c r="CIB694" s="613"/>
      <c r="CIC694" s="613"/>
      <c r="CID694" s="613"/>
      <c r="CIE694" s="613"/>
      <c r="CIF694" s="613"/>
      <c r="CIG694" s="613"/>
      <c r="CIH694" s="613"/>
      <c r="CII694" s="613"/>
      <c r="CIJ694" s="613"/>
      <c r="CIK694" s="613"/>
      <c r="CIL694" s="613"/>
      <c r="CIM694" s="613"/>
      <c r="CIN694" s="613"/>
      <c r="CIO694" s="613"/>
      <c r="CIP694" s="613"/>
      <c r="CIQ694" s="613"/>
      <c r="CIR694" s="613"/>
      <c r="CIS694" s="613"/>
      <c r="CIT694" s="613"/>
      <c r="CIU694" s="613"/>
      <c r="CIV694" s="613"/>
      <c r="CIW694" s="613"/>
      <c r="CIX694" s="613"/>
      <c r="CIY694" s="613"/>
      <c r="CIZ694" s="613"/>
      <c r="CJA694" s="613"/>
      <c r="CJB694" s="613"/>
      <c r="CJC694" s="613"/>
      <c r="CJD694" s="613"/>
      <c r="CJE694" s="613"/>
      <c r="CJF694" s="613"/>
      <c r="CJG694" s="613"/>
      <c r="CJH694" s="613"/>
      <c r="CJI694" s="613"/>
      <c r="CJJ694" s="613"/>
      <c r="CJK694" s="613"/>
      <c r="CJL694" s="613"/>
      <c r="CJM694" s="613"/>
      <c r="CJN694" s="613"/>
      <c r="CJO694" s="613"/>
      <c r="CJP694" s="613"/>
      <c r="CJQ694" s="613"/>
      <c r="CJR694" s="613"/>
      <c r="CJS694" s="613"/>
      <c r="CJT694" s="613"/>
      <c r="CJU694" s="613"/>
      <c r="CJV694" s="613"/>
      <c r="CJW694" s="613"/>
      <c r="CJX694" s="613"/>
      <c r="CJY694" s="613"/>
      <c r="CJZ694" s="613"/>
      <c r="CKA694" s="613"/>
      <c r="CKB694" s="613"/>
      <c r="CKC694" s="613"/>
      <c r="CKD694" s="613"/>
      <c r="CKE694" s="613"/>
      <c r="CKF694" s="613"/>
      <c r="CKG694" s="613"/>
      <c r="CKH694" s="613"/>
      <c r="CKI694" s="613"/>
      <c r="CKJ694" s="613"/>
      <c r="CKK694" s="613"/>
      <c r="CKL694" s="613"/>
      <c r="CKM694" s="613"/>
      <c r="CKN694" s="613"/>
      <c r="CKO694" s="613"/>
      <c r="CKP694" s="613"/>
      <c r="CKQ694" s="613"/>
      <c r="CKR694" s="613"/>
      <c r="CKS694" s="613"/>
      <c r="CKT694" s="613"/>
      <c r="CKU694" s="613"/>
      <c r="CKV694" s="613"/>
      <c r="CKW694" s="613"/>
      <c r="CKX694" s="613"/>
      <c r="CKY694" s="613"/>
      <c r="CKZ694" s="613"/>
      <c r="CLA694" s="613"/>
      <c r="CLB694" s="613"/>
      <c r="CLC694" s="613"/>
      <c r="CLD694" s="613"/>
      <c r="CLE694" s="613"/>
      <c r="CLF694" s="613"/>
      <c r="CLG694" s="613"/>
      <c r="CLH694" s="613"/>
      <c r="CLI694" s="613"/>
      <c r="CLJ694" s="613"/>
      <c r="CLK694" s="613"/>
      <c r="CLL694" s="613"/>
      <c r="CLM694" s="613"/>
      <c r="CLN694" s="613"/>
      <c r="CLO694" s="613"/>
      <c r="CLP694" s="613"/>
      <c r="CLQ694" s="613"/>
      <c r="CLR694" s="613"/>
      <c r="CLS694" s="613"/>
      <c r="CLT694" s="613"/>
      <c r="CLU694" s="613"/>
      <c r="CLV694" s="613"/>
      <c r="CLW694" s="613"/>
      <c r="CLX694" s="613"/>
      <c r="CLY694" s="613"/>
      <c r="CLZ694" s="613"/>
      <c r="CMA694" s="613"/>
      <c r="CMB694" s="613"/>
      <c r="CMC694" s="613"/>
      <c r="CMD694" s="613"/>
      <c r="CME694" s="613"/>
      <c r="CMF694" s="613"/>
      <c r="CMG694" s="613"/>
      <c r="CMH694" s="613"/>
      <c r="CMI694" s="613"/>
      <c r="CMJ694" s="613"/>
      <c r="CMK694" s="613"/>
      <c r="CML694" s="613"/>
      <c r="CMM694" s="613"/>
      <c r="CMN694" s="613"/>
      <c r="CMO694" s="613"/>
      <c r="CMP694" s="613"/>
      <c r="CMQ694" s="613"/>
      <c r="CMR694" s="613"/>
      <c r="CMS694" s="613"/>
      <c r="CMT694" s="613"/>
      <c r="CMU694" s="613"/>
      <c r="CMV694" s="613"/>
      <c r="CMW694" s="613"/>
      <c r="CMX694" s="613"/>
      <c r="CMY694" s="613"/>
      <c r="CMZ694" s="613"/>
      <c r="CNA694" s="613"/>
      <c r="CNB694" s="613"/>
      <c r="CNC694" s="613"/>
      <c r="CND694" s="613"/>
      <c r="CNE694" s="613"/>
      <c r="CNF694" s="613"/>
      <c r="CNG694" s="613"/>
      <c r="CNH694" s="613"/>
      <c r="CNI694" s="613"/>
      <c r="CNJ694" s="613"/>
      <c r="CNK694" s="613"/>
      <c r="CNL694" s="613"/>
      <c r="CNM694" s="613"/>
      <c r="CNN694" s="613"/>
      <c r="CNO694" s="613"/>
      <c r="CNP694" s="613"/>
      <c r="CNQ694" s="613"/>
      <c r="CNR694" s="613"/>
      <c r="CNS694" s="613"/>
      <c r="CNT694" s="613"/>
      <c r="CNU694" s="613"/>
      <c r="CNV694" s="613"/>
      <c r="CNW694" s="613"/>
      <c r="CNX694" s="613"/>
      <c r="CNY694" s="613"/>
      <c r="CNZ694" s="613"/>
      <c r="COA694" s="613"/>
      <c r="COB694" s="613"/>
      <c r="COC694" s="613"/>
      <c r="COD694" s="613"/>
      <c r="COE694" s="613"/>
      <c r="COF694" s="613"/>
      <c r="COG694" s="613"/>
      <c r="COH694" s="613"/>
      <c r="COI694" s="613"/>
      <c r="COJ694" s="613"/>
      <c r="COK694" s="613"/>
      <c r="COL694" s="613"/>
      <c r="COM694" s="613"/>
      <c r="CON694" s="613"/>
      <c r="COO694" s="613"/>
      <c r="COP694" s="613"/>
      <c r="COQ694" s="613"/>
      <c r="COR694" s="613"/>
      <c r="COS694" s="613"/>
      <c r="COT694" s="613"/>
      <c r="COU694" s="613"/>
      <c r="COV694" s="613"/>
      <c r="COW694" s="613"/>
      <c r="COX694" s="613"/>
      <c r="COY694" s="613"/>
      <c r="COZ694" s="613"/>
      <c r="CPA694" s="613"/>
      <c r="CPB694" s="613"/>
      <c r="CPC694" s="613"/>
      <c r="CPD694" s="613"/>
      <c r="CPE694" s="613"/>
      <c r="CPF694" s="613"/>
      <c r="CPG694" s="613"/>
      <c r="CPH694" s="613"/>
      <c r="CPI694" s="613"/>
      <c r="CPJ694" s="613"/>
      <c r="CPK694" s="613"/>
      <c r="CPL694" s="613"/>
      <c r="CPM694" s="613"/>
      <c r="CPN694" s="613"/>
      <c r="CPO694" s="613"/>
      <c r="CPP694" s="613"/>
      <c r="CPQ694" s="613"/>
      <c r="CPR694" s="613"/>
      <c r="CPS694" s="613"/>
      <c r="CPT694" s="613"/>
      <c r="CPU694" s="613"/>
      <c r="CPV694" s="613"/>
      <c r="CPW694" s="613"/>
      <c r="CPX694" s="613"/>
      <c r="CPY694" s="613"/>
      <c r="CPZ694" s="613"/>
      <c r="CQA694" s="613"/>
      <c r="CQB694" s="613"/>
      <c r="CQC694" s="613"/>
      <c r="CQD694" s="613"/>
      <c r="CQE694" s="613"/>
      <c r="CQF694" s="613"/>
      <c r="CQG694" s="613"/>
      <c r="CQH694" s="613"/>
      <c r="CQI694" s="613"/>
      <c r="CQJ694" s="613"/>
      <c r="CQK694" s="613"/>
      <c r="CQL694" s="613"/>
      <c r="CQM694" s="613"/>
      <c r="CQN694" s="613"/>
      <c r="CQO694" s="613"/>
      <c r="CQP694" s="613"/>
      <c r="CQQ694" s="613"/>
      <c r="CQR694" s="613"/>
      <c r="CQS694" s="613"/>
      <c r="CQT694" s="613"/>
      <c r="CQU694" s="613"/>
      <c r="CQV694" s="613"/>
      <c r="CQW694" s="613"/>
      <c r="CQX694" s="613"/>
      <c r="CQY694" s="613"/>
      <c r="CQZ694" s="613"/>
      <c r="CRA694" s="613"/>
      <c r="CRB694" s="613"/>
      <c r="CRC694" s="613"/>
      <c r="CRD694" s="613"/>
      <c r="CRE694" s="613"/>
      <c r="CRF694" s="613"/>
      <c r="CRG694" s="613"/>
      <c r="CRH694" s="613"/>
      <c r="CRI694" s="613"/>
      <c r="CRJ694" s="613"/>
      <c r="CRK694" s="613"/>
      <c r="CRL694" s="613"/>
      <c r="CRM694" s="613"/>
      <c r="CRN694" s="613"/>
      <c r="CRO694" s="613"/>
      <c r="CRP694" s="613"/>
      <c r="CRQ694" s="613"/>
      <c r="CRR694" s="613"/>
      <c r="CRS694" s="613"/>
      <c r="CRT694" s="613"/>
      <c r="CRU694" s="613"/>
      <c r="CRV694" s="613"/>
      <c r="CRW694" s="613"/>
      <c r="CRX694" s="613"/>
      <c r="CRY694" s="613"/>
      <c r="CRZ694" s="613"/>
      <c r="CSA694" s="613"/>
      <c r="CSB694" s="613"/>
      <c r="CSC694" s="613"/>
      <c r="CSD694" s="613"/>
      <c r="CSE694" s="613"/>
      <c r="CSF694" s="613"/>
      <c r="CSG694" s="613"/>
      <c r="CSH694" s="613"/>
      <c r="CSI694" s="613"/>
      <c r="CSJ694" s="613"/>
      <c r="CSK694" s="613"/>
      <c r="CSL694" s="613"/>
      <c r="CSM694" s="613"/>
      <c r="CSN694" s="613"/>
      <c r="CSO694" s="613"/>
      <c r="CSP694" s="613"/>
      <c r="CSQ694" s="613"/>
      <c r="CSR694" s="613"/>
      <c r="CSS694" s="613"/>
      <c r="CST694" s="613"/>
      <c r="CSU694" s="613"/>
      <c r="CSV694" s="613"/>
      <c r="CSW694" s="613"/>
      <c r="CSX694" s="613"/>
      <c r="CSY694" s="613"/>
      <c r="CSZ694" s="613"/>
      <c r="CTA694" s="613"/>
      <c r="CTB694" s="613"/>
      <c r="CTC694" s="613"/>
      <c r="CTD694" s="613"/>
      <c r="CTE694" s="613"/>
      <c r="CTF694" s="613"/>
      <c r="CTG694" s="613"/>
      <c r="CTH694" s="613"/>
      <c r="CTI694" s="613"/>
      <c r="CTJ694" s="613"/>
      <c r="CTK694" s="613"/>
      <c r="CTL694" s="613"/>
      <c r="CTM694" s="613"/>
      <c r="CTN694" s="613"/>
      <c r="CTO694" s="613"/>
      <c r="CTP694" s="613"/>
      <c r="CTQ694" s="613"/>
      <c r="CTR694" s="613"/>
      <c r="CTS694" s="613"/>
      <c r="CTT694" s="613"/>
      <c r="CTU694" s="613"/>
      <c r="CTV694" s="613"/>
      <c r="CTW694" s="613"/>
      <c r="CTX694" s="613"/>
      <c r="CTY694" s="613"/>
      <c r="CTZ694" s="613"/>
      <c r="CUA694" s="613"/>
      <c r="CUB694" s="613"/>
      <c r="CUC694" s="613"/>
      <c r="CUD694" s="613"/>
      <c r="CUE694" s="613"/>
      <c r="CUF694" s="613"/>
      <c r="CUG694" s="613"/>
      <c r="CUH694" s="613"/>
      <c r="CUI694" s="613"/>
      <c r="CUJ694" s="613"/>
      <c r="CUK694" s="613"/>
      <c r="CUL694" s="613"/>
      <c r="CUM694" s="613"/>
      <c r="CUN694" s="613"/>
      <c r="CUO694" s="613"/>
      <c r="CUP694" s="613"/>
      <c r="CUQ694" s="613"/>
      <c r="CUR694" s="613"/>
      <c r="CUS694" s="613"/>
      <c r="CUT694" s="613"/>
      <c r="CUU694" s="613"/>
      <c r="CUV694" s="613"/>
      <c r="CUW694" s="613"/>
      <c r="CUX694" s="613"/>
      <c r="CUY694" s="613"/>
      <c r="CUZ694" s="613"/>
      <c r="CVA694" s="613"/>
      <c r="CVB694" s="613"/>
      <c r="CVC694" s="613"/>
      <c r="CVD694" s="613"/>
      <c r="CVE694" s="613"/>
      <c r="CVF694" s="613"/>
      <c r="CVG694" s="613"/>
      <c r="CVH694" s="613"/>
      <c r="CVI694" s="613"/>
      <c r="CVJ694" s="613"/>
      <c r="CVK694" s="613"/>
      <c r="CVL694" s="613"/>
      <c r="CVM694" s="613"/>
      <c r="CVN694" s="613"/>
      <c r="CVO694" s="613"/>
      <c r="CVP694" s="613"/>
      <c r="CVQ694" s="613"/>
      <c r="CVR694" s="613"/>
      <c r="CVS694" s="613"/>
      <c r="CVT694" s="613"/>
      <c r="CVU694" s="613"/>
      <c r="CVV694" s="613"/>
      <c r="CVW694" s="613"/>
      <c r="CVX694" s="613"/>
      <c r="CVY694" s="613"/>
      <c r="CVZ694" s="613"/>
      <c r="CWA694" s="613"/>
      <c r="CWB694" s="613"/>
      <c r="CWC694" s="613"/>
      <c r="CWD694" s="613"/>
      <c r="CWE694" s="613"/>
      <c r="CWF694" s="613"/>
      <c r="CWG694" s="613"/>
      <c r="CWH694" s="613"/>
      <c r="CWI694" s="613"/>
      <c r="CWJ694" s="613"/>
      <c r="CWK694" s="613"/>
      <c r="CWL694" s="613"/>
      <c r="CWM694" s="613"/>
      <c r="CWN694" s="613"/>
      <c r="CWO694" s="613"/>
      <c r="CWP694" s="613"/>
      <c r="CWQ694" s="613"/>
      <c r="CWR694" s="613"/>
      <c r="CWS694" s="613"/>
      <c r="CWT694" s="613"/>
      <c r="CWU694" s="613"/>
      <c r="CWV694" s="613"/>
      <c r="CWW694" s="613"/>
      <c r="CWX694" s="613"/>
      <c r="CWY694" s="613"/>
      <c r="CWZ694" s="613"/>
      <c r="CXA694" s="613"/>
      <c r="CXB694" s="613"/>
      <c r="CXC694" s="613"/>
      <c r="CXD694" s="613"/>
      <c r="CXE694" s="613"/>
      <c r="CXF694" s="613"/>
      <c r="CXG694" s="613"/>
      <c r="CXH694" s="613"/>
      <c r="CXI694" s="613"/>
      <c r="CXJ694" s="613"/>
      <c r="CXK694" s="613"/>
      <c r="CXL694" s="613"/>
      <c r="CXM694" s="613"/>
      <c r="CXN694" s="613"/>
      <c r="CXO694" s="613"/>
      <c r="CXP694" s="613"/>
      <c r="CXQ694" s="613"/>
      <c r="CXR694" s="613"/>
      <c r="CXS694" s="613"/>
      <c r="CXT694" s="613"/>
      <c r="CXU694" s="613"/>
      <c r="CXV694" s="613"/>
      <c r="CXW694" s="613"/>
      <c r="CXX694" s="613"/>
      <c r="CXY694" s="613"/>
      <c r="CXZ694" s="613"/>
      <c r="CYA694" s="613"/>
      <c r="CYB694" s="613"/>
      <c r="CYC694" s="613"/>
      <c r="CYD694" s="613"/>
      <c r="CYE694" s="613"/>
      <c r="CYF694" s="613"/>
      <c r="CYG694" s="613"/>
      <c r="CYH694" s="613"/>
      <c r="CYI694" s="613"/>
      <c r="CYJ694" s="613"/>
      <c r="CYK694" s="613"/>
      <c r="CYL694" s="613"/>
      <c r="CYM694" s="613"/>
      <c r="CYN694" s="613"/>
      <c r="CYO694" s="613"/>
      <c r="CYP694" s="613"/>
      <c r="CYQ694" s="613"/>
      <c r="CYR694" s="613"/>
      <c r="CYS694" s="613"/>
      <c r="CYT694" s="613"/>
      <c r="CYU694" s="613"/>
      <c r="CYV694" s="613"/>
      <c r="CYW694" s="613"/>
      <c r="CYX694" s="613"/>
      <c r="CYY694" s="613"/>
      <c r="CYZ694" s="613"/>
      <c r="CZA694" s="613"/>
      <c r="CZB694" s="613"/>
      <c r="CZC694" s="613"/>
      <c r="CZD694" s="613"/>
      <c r="CZE694" s="613"/>
      <c r="CZF694" s="613"/>
      <c r="CZG694" s="613"/>
      <c r="CZH694" s="613"/>
      <c r="CZI694" s="613"/>
      <c r="CZJ694" s="613"/>
      <c r="CZK694" s="613"/>
      <c r="CZL694" s="613"/>
      <c r="CZM694" s="613"/>
      <c r="CZN694" s="613"/>
      <c r="CZO694" s="613"/>
      <c r="CZP694" s="613"/>
      <c r="CZQ694" s="613"/>
      <c r="CZR694" s="613"/>
      <c r="CZS694" s="613"/>
      <c r="CZT694" s="613"/>
      <c r="CZU694" s="613"/>
      <c r="CZV694" s="613"/>
      <c r="CZW694" s="613"/>
      <c r="CZX694" s="613"/>
      <c r="CZY694" s="613"/>
      <c r="CZZ694" s="613"/>
      <c r="DAA694" s="613"/>
      <c r="DAB694" s="613"/>
      <c r="DAC694" s="613"/>
      <c r="DAD694" s="613"/>
      <c r="DAE694" s="613"/>
      <c r="DAF694" s="613"/>
      <c r="DAG694" s="613"/>
      <c r="DAH694" s="613"/>
      <c r="DAI694" s="613"/>
      <c r="DAJ694" s="613"/>
      <c r="DAK694" s="613"/>
      <c r="DAL694" s="613"/>
      <c r="DAM694" s="613"/>
      <c r="DAN694" s="613"/>
      <c r="DAO694" s="613"/>
      <c r="DAP694" s="613"/>
      <c r="DAQ694" s="613"/>
      <c r="DAR694" s="613"/>
      <c r="DAS694" s="613"/>
      <c r="DAT694" s="613"/>
      <c r="DAU694" s="613"/>
      <c r="DAV694" s="613"/>
      <c r="DAW694" s="613"/>
      <c r="DAX694" s="613"/>
      <c r="DAY694" s="613"/>
      <c r="DAZ694" s="613"/>
      <c r="DBA694" s="613"/>
      <c r="DBB694" s="613"/>
      <c r="DBC694" s="613"/>
      <c r="DBD694" s="613"/>
      <c r="DBE694" s="613"/>
      <c r="DBF694" s="613"/>
      <c r="DBG694" s="613"/>
      <c r="DBH694" s="613"/>
      <c r="DBI694" s="613"/>
      <c r="DBJ694" s="613"/>
      <c r="DBK694" s="613"/>
      <c r="DBL694" s="613"/>
      <c r="DBM694" s="613"/>
      <c r="DBN694" s="613"/>
      <c r="DBO694" s="613"/>
      <c r="DBP694" s="613"/>
      <c r="DBQ694" s="613"/>
      <c r="DBR694" s="613"/>
      <c r="DBS694" s="613"/>
      <c r="DBT694" s="613"/>
      <c r="DBU694" s="613"/>
      <c r="DBV694" s="613"/>
      <c r="DBW694" s="613"/>
      <c r="DBX694" s="613"/>
      <c r="DBY694" s="613"/>
      <c r="DBZ694" s="613"/>
      <c r="DCA694" s="613"/>
      <c r="DCB694" s="613"/>
      <c r="DCC694" s="613"/>
      <c r="DCD694" s="613"/>
      <c r="DCE694" s="613"/>
      <c r="DCF694" s="613"/>
      <c r="DCG694" s="613"/>
      <c r="DCH694" s="613"/>
      <c r="DCI694" s="613"/>
      <c r="DCJ694" s="613"/>
      <c r="DCK694" s="613"/>
      <c r="DCL694" s="613"/>
      <c r="DCM694" s="613"/>
      <c r="DCN694" s="613"/>
      <c r="DCO694" s="613"/>
      <c r="DCP694" s="613"/>
      <c r="DCQ694" s="613"/>
      <c r="DCR694" s="613"/>
      <c r="DCS694" s="613"/>
      <c r="DCT694" s="613"/>
      <c r="DCU694" s="613"/>
      <c r="DCV694" s="613"/>
      <c r="DCW694" s="613"/>
      <c r="DCX694" s="613"/>
      <c r="DCY694" s="613"/>
      <c r="DCZ694" s="613"/>
      <c r="DDA694" s="613"/>
      <c r="DDB694" s="613"/>
      <c r="DDC694" s="613"/>
      <c r="DDD694" s="613"/>
      <c r="DDE694" s="613"/>
      <c r="DDF694" s="613"/>
      <c r="DDG694" s="613"/>
      <c r="DDH694" s="613"/>
      <c r="DDI694" s="613"/>
      <c r="DDJ694" s="613"/>
      <c r="DDK694" s="613"/>
      <c r="DDL694" s="613"/>
      <c r="DDM694" s="613"/>
      <c r="DDN694" s="613"/>
      <c r="DDO694" s="613"/>
      <c r="DDP694" s="613"/>
      <c r="DDQ694" s="613"/>
      <c r="DDR694" s="613"/>
      <c r="DDS694" s="613"/>
      <c r="DDT694" s="613"/>
      <c r="DDU694" s="613"/>
      <c r="DDV694" s="613"/>
      <c r="DDW694" s="613"/>
      <c r="DDX694" s="613"/>
      <c r="DDY694" s="613"/>
      <c r="DDZ694" s="613"/>
      <c r="DEA694" s="613"/>
      <c r="DEB694" s="613"/>
      <c r="DEC694" s="613"/>
      <c r="DED694" s="613"/>
      <c r="DEE694" s="613"/>
      <c r="DEF694" s="613"/>
      <c r="DEG694" s="613"/>
      <c r="DEH694" s="613"/>
      <c r="DEI694" s="613"/>
      <c r="DEJ694" s="613"/>
      <c r="DEK694" s="613"/>
      <c r="DEL694" s="613"/>
      <c r="DEM694" s="613"/>
      <c r="DEN694" s="613"/>
      <c r="DEO694" s="613"/>
      <c r="DEP694" s="613"/>
      <c r="DEQ694" s="613"/>
      <c r="DER694" s="613"/>
      <c r="DES694" s="613"/>
      <c r="DET694" s="613"/>
      <c r="DEU694" s="613"/>
      <c r="DEV694" s="613"/>
      <c r="DEW694" s="613"/>
      <c r="DEX694" s="613"/>
      <c r="DEY694" s="613"/>
      <c r="DEZ694" s="613"/>
      <c r="DFA694" s="613"/>
      <c r="DFB694" s="613"/>
      <c r="DFC694" s="613"/>
      <c r="DFD694" s="613"/>
      <c r="DFE694" s="613"/>
      <c r="DFF694" s="613"/>
      <c r="DFG694" s="613"/>
      <c r="DFH694" s="613"/>
      <c r="DFI694" s="613"/>
      <c r="DFJ694" s="613"/>
      <c r="DFK694" s="613"/>
      <c r="DFL694" s="613"/>
      <c r="DFM694" s="613"/>
      <c r="DFN694" s="613"/>
      <c r="DFO694" s="613"/>
      <c r="DFP694" s="613"/>
      <c r="DFQ694" s="613"/>
      <c r="DFR694" s="613"/>
      <c r="DFS694" s="613"/>
      <c r="DFT694" s="613"/>
      <c r="DFU694" s="613"/>
      <c r="DFV694" s="613"/>
      <c r="DFW694" s="613"/>
      <c r="DFX694" s="613"/>
      <c r="DFY694" s="613"/>
      <c r="DFZ694" s="613"/>
      <c r="DGA694" s="613"/>
      <c r="DGB694" s="613"/>
      <c r="DGC694" s="613"/>
      <c r="DGD694" s="613"/>
      <c r="DGE694" s="613"/>
      <c r="DGF694" s="613"/>
      <c r="DGG694" s="613"/>
      <c r="DGH694" s="613"/>
      <c r="DGI694" s="613"/>
      <c r="DGJ694" s="613"/>
      <c r="DGK694" s="613"/>
      <c r="DGL694" s="613"/>
      <c r="DGM694" s="613"/>
      <c r="DGN694" s="613"/>
      <c r="DGO694" s="613"/>
      <c r="DGP694" s="613"/>
      <c r="DGQ694" s="613"/>
      <c r="DGR694" s="613"/>
      <c r="DGS694" s="613"/>
      <c r="DGT694" s="613"/>
      <c r="DGU694" s="613"/>
      <c r="DGV694" s="613"/>
      <c r="DGW694" s="613"/>
      <c r="DGX694" s="613"/>
      <c r="DGY694" s="613"/>
      <c r="DGZ694" s="613"/>
      <c r="DHA694" s="613"/>
      <c r="DHB694" s="613"/>
      <c r="DHC694" s="613"/>
      <c r="DHD694" s="613"/>
      <c r="DHE694" s="613"/>
      <c r="DHF694" s="613"/>
      <c r="DHG694" s="613"/>
      <c r="DHH694" s="613"/>
      <c r="DHI694" s="613"/>
      <c r="DHJ694" s="613"/>
      <c r="DHK694" s="613"/>
      <c r="DHL694" s="613"/>
      <c r="DHM694" s="613"/>
      <c r="DHN694" s="613"/>
      <c r="DHO694" s="613"/>
      <c r="DHP694" s="613"/>
      <c r="DHQ694" s="613"/>
      <c r="DHR694" s="613"/>
      <c r="DHS694" s="613"/>
      <c r="DHT694" s="613"/>
      <c r="DHU694" s="613"/>
      <c r="DHV694" s="613"/>
      <c r="DHW694" s="613"/>
      <c r="DHX694" s="613"/>
      <c r="DHY694" s="613"/>
      <c r="DHZ694" s="613"/>
      <c r="DIA694" s="613"/>
      <c r="DIB694" s="613"/>
      <c r="DIC694" s="613"/>
      <c r="DID694" s="613"/>
      <c r="DIE694" s="613"/>
      <c r="DIF694" s="613"/>
      <c r="DIG694" s="613"/>
      <c r="DIH694" s="613"/>
      <c r="DII694" s="613"/>
      <c r="DIJ694" s="613"/>
      <c r="DIK694" s="613"/>
      <c r="DIL694" s="613"/>
      <c r="DIM694" s="613"/>
      <c r="DIN694" s="613"/>
      <c r="DIO694" s="613"/>
      <c r="DIP694" s="613"/>
      <c r="DIQ694" s="613"/>
      <c r="DIR694" s="613"/>
      <c r="DIS694" s="613"/>
      <c r="DIT694" s="613"/>
      <c r="DIU694" s="613"/>
      <c r="DIV694" s="613"/>
      <c r="DIW694" s="613"/>
      <c r="DIX694" s="613"/>
      <c r="DIY694" s="613"/>
      <c r="DIZ694" s="613"/>
      <c r="DJA694" s="613"/>
      <c r="DJB694" s="613"/>
      <c r="DJC694" s="613"/>
      <c r="DJD694" s="613"/>
      <c r="DJE694" s="613"/>
      <c r="DJF694" s="613"/>
      <c r="DJG694" s="613"/>
      <c r="DJH694" s="613"/>
      <c r="DJI694" s="613"/>
      <c r="DJJ694" s="613"/>
      <c r="DJK694" s="613"/>
      <c r="DJL694" s="613"/>
      <c r="DJM694" s="613"/>
      <c r="DJN694" s="613"/>
      <c r="DJO694" s="613"/>
      <c r="DJP694" s="613"/>
      <c r="DJQ694" s="613"/>
      <c r="DJR694" s="613"/>
      <c r="DJS694" s="613"/>
      <c r="DJT694" s="613"/>
      <c r="DJU694" s="613"/>
      <c r="DJV694" s="613"/>
      <c r="DJW694" s="613"/>
      <c r="DJX694" s="613"/>
      <c r="DJY694" s="613"/>
      <c r="DJZ694" s="613"/>
      <c r="DKA694" s="613"/>
      <c r="DKB694" s="613"/>
      <c r="DKC694" s="613"/>
      <c r="DKD694" s="613"/>
      <c r="DKE694" s="613"/>
      <c r="DKF694" s="613"/>
      <c r="DKG694" s="613"/>
      <c r="DKH694" s="613"/>
      <c r="DKI694" s="613"/>
      <c r="DKJ694" s="613"/>
      <c r="DKK694" s="613"/>
      <c r="DKL694" s="613"/>
      <c r="DKM694" s="613"/>
      <c r="DKN694" s="613"/>
      <c r="DKO694" s="613"/>
      <c r="DKP694" s="613"/>
      <c r="DKQ694" s="613"/>
      <c r="DKR694" s="613"/>
      <c r="DKS694" s="613"/>
      <c r="DKT694" s="613"/>
      <c r="DKU694" s="613"/>
      <c r="DKV694" s="613"/>
      <c r="DKW694" s="613"/>
      <c r="DKX694" s="613"/>
      <c r="DKY694" s="613"/>
      <c r="DKZ694" s="613"/>
      <c r="DLA694" s="613"/>
      <c r="DLB694" s="613"/>
      <c r="DLC694" s="613"/>
      <c r="DLD694" s="613"/>
      <c r="DLE694" s="613"/>
      <c r="DLF694" s="613"/>
      <c r="DLG694" s="613"/>
      <c r="DLH694" s="613"/>
      <c r="DLI694" s="613"/>
      <c r="DLJ694" s="613"/>
      <c r="DLK694" s="613"/>
      <c r="DLL694" s="613"/>
      <c r="DLM694" s="613"/>
      <c r="DLN694" s="613"/>
      <c r="DLO694" s="613"/>
      <c r="DLP694" s="613"/>
      <c r="DLQ694" s="613"/>
      <c r="DLR694" s="613"/>
      <c r="DLS694" s="613"/>
      <c r="DLT694" s="613"/>
      <c r="DLU694" s="613"/>
      <c r="DLV694" s="613"/>
      <c r="DLW694" s="613"/>
      <c r="DLX694" s="613"/>
      <c r="DLY694" s="613"/>
      <c r="DLZ694" s="613"/>
      <c r="DMA694" s="613"/>
      <c r="DMB694" s="613"/>
      <c r="DMC694" s="613"/>
      <c r="DMD694" s="613"/>
      <c r="DME694" s="613"/>
      <c r="DMF694" s="613"/>
      <c r="DMG694" s="613"/>
      <c r="DMH694" s="613"/>
      <c r="DMI694" s="613"/>
      <c r="DMJ694" s="613"/>
      <c r="DMK694" s="613"/>
      <c r="DML694" s="613"/>
      <c r="DMM694" s="613"/>
      <c r="DMN694" s="613"/>
      <c r="DMO694" s="613"/>
      <c r="DMP694" s="613"/>
      <c r="DMQ694" s="613"/>
      <c r="DMR694" s="613"/>
      <c r="DMS694" s="613"/>
      <c r="DMT694" s="613"/>
      <c r="DMU694" s="613"/>
      <c r="DMV694" s="613"/>
      <c r="DMW694" s="613"/>
      <c r="DMX694" s="613"/>
      <c r="DMY694" s="613"/>
      <c r="DMZ694" s="613"/>
      <c r="DNA694" s="613"/>
      <c r="DNB694" s="613"/>
      <c r="DNC694" s="613"/>
      <c r="DND694" s="613"/>
      <c r="DNE694" s="613"/>
      <c r="DNF694" s="613"/>
      <c r="DNG694" s="613"/>
      <c r="DNH694" s="613"/>
      <c r="DNI694" s="613"/>
      <c r="DNJ694" s="613"/>
      <c r="DNK694" s="613"/>
      <c r="DNL694" s="613"/>
      <c r="DNM694" s="613"/>
      <c r="DNN694" s="613"/>
      <c r="DNO694" s="613"/>
      <c r="DNP694" s="613"/>
      <c r="DNQ694" s="613"/>
      <c r="DNR694" s="613"/>
      <c r="DNS694" s="613"/>
      <c r="DNT694" s="613"/>
      <c r="DNU694" s="613"/>
      <c r="DNV694" s="613"/>
      <c r="DNW694" s="613"/>
      <c r="DNX694" s="613"/>
      <c r="DNY694" s="613"/>
      <c r="DNZ694" s="613"/>
      <c r="DOA694" s="613"/>
      <c r="DOB694" s="613"/>
      <c r="DOC694" s="613"/>
      <c r="DOD694" s="613"/>
      <c r="DOE694" s="613"/>
      <c r="DOF694" s="613"/>
      <c r="DOG694" s="613"/>
      <c r="DOH694" s="613"/>
      <c r="DOI694" s="613"/>
      <c r="DOJ694" s="613"/>
      <c r="DOK694" s="613"/>
      <c r="DOL694" s="613"/>
      <c r="DOM694" s="613"/>
      <c r="DON694" s="613"/>
      <c r="DOO694" s="613"/>
      <c r="DOP694" s="613"/>
      <c r="DOQ694" s="613"/>
      <c r="DOR694" s="613"/>
      <c r="DOS694" s="613"/>
      <c r="DOT694" s="613"/>
      <c r="DOU694" s="613"/>
      <c r="DOV694" s="613"/>
      <c r="DOW694" s="613"/>
      <c r="DOX694" s="613"/>
      <c r="DOY694" s="613"/>
      <c r="DOZ694" s="613"/>
      <c r="DPA694" s="613"/>
      <c r="DPB694" s="613"/>
      <c r="DPC694" s="613"/>
      <c r="DPD694" s="613"/>
      <c r="DPE694" s="613"/>
      <c r="DPF694" s="613"/>
      <c r="DPG694" s="613"/>
      <c r="DPH694" s="613"/>
      <c r="DPI694" s="613"/>
      <c r="DPJ694" s="613"/>
      <c r="DPK694" s="613"/>
      <c r="DPL694" s="613"/>
      <c r="DPM694" s="613"/>
      <c r="DPN694" s="613"/>
      <c r="DPO694" s="613"/>
      <c r="DPP694" s="613"/>
      <c r="DPQ694" s="613"/>
      <c r="DPR694" s="613"/>
      <c r="DPS694" s="613"/>
      <c r="DPT694" s="613"/>
      <c r="DPU694" s="613"/>
      <c r="DPV694" s="613"/>
      <c r="DPW694" s="613"/>
      <c r="DPX694" s="613"/>
      <c r="DPY694" s="613"/>
      <c r="DPZ694" s="613"/>
      <c r="DQA694" s="613"/>
      <c r="DQB694" s="613"/>
      <c r="DQC694" s="613"/>
      <c r="DQD694" s="613"/>
      <c r="DQE694" s="613"/>
      <c r="DQF694" s="613"/>
      <c r="DQG694" s="613"/>
      <c r="DQH694" s="613"/>
      <c r="DQI694" s="613"/>
      <c r="DQJ694" s="613"/>
      <c r="DQK694" s="613"/>
      <c r="DQL694" s="613"/>
      <c r="DQM694" s="613"/>
      <c r="DQN694" s="613"/>
      <c r="DQO694" s="613"/>
      <c r="DQP694" s="613"/>
      <c r="DQQ694" s="613"/>
      <c r="DQR694" s="613"/>
      <c r="DQS694" s="613"/>
      <c r="DQT694" s="613"/>
      <c r="DQU694" s="613"/>
      <c r="DQV694" s="613"/>
      <c r="DQW694" s="613"/>
      <c r="DQX694" s="613"/>
      <c r="DQY694" s="613"/>
      <c r="DQZ694" s="613"/>
      <c r="DRA694" s="613"/>
      <c r="DRB694" s="613"/>
      <c r="DRC694" s="613"/>
      <c r="DRD694" s="613"/>
      <c r="DRE694" s="613"/>
      <c r="DRF694" s="613"/>
      <c r="DRG694" s="613"/>
      <c r="DRH694" s="613"/>
      <c r="DRI694" s="613"/>
      <c r="DRJ694" s="613"/>
      <c r="DRK694" s="613"/>
      <c r="DRL694" s="613"/>
      <c r="DRM694" s="613"/>
      <c r="DRN694" s="613"/>
      <c r="DRO694" s="613"/>
      <c r="DRP694" s="613"/>
      <c r="DRQ694" s="613"/>
      <c r="DRR694" s="613"/>
      <c r="DRS694" s="613"/>
      <c r="DRT694" s="613"/>
      <c r="DRU694" s="613"/>
      <c r="DRV694" s="613"/>
      <c r="DRW694" s="613"/>
      <c r="DRX694" s="613"/>
      <c r="DRY694" s="613"/>
      <c r="DRZ694" s="613"/>
      <c r="DSA694" s="613"/>
      <c r="DSB694" s="613"/>
      <c r="DSC694" s="613"/>
      <c r="DSD694" s="613"/>
      <c r="DSE694" s="613"/>
      <c r="DSF694" s="613"/>
      <c r="DSG694" s="613"/>
      <c r="DSH694" s="613"/>
      <c r="DSI694" s="613"/>
      <c r="DSJ694" s="613"/>
      <c r="DSK694" s="613"/>
      <c r="DSL694" s="613"/>
      <c r="DSM694" s="613"/>
      <c r="DSN694" s="613"/>
      <c r="DSO694" s="613"/>
      <c r="DSP694" s="613"/>
      <c r="DSQ694" s="613"/>
      <c r="DSR694" s="613"/>
      <c r="DSS694" s="613"/>
      <c r="DST694" s="613"/>
      <c r="DSU694" s="613"/>
      <c r="DSV694" s="613"/>
      <c r="DSW694" s="613"/>
      <c r="DSX694" s="613"/>
      <c r="DSY694" s="613"/>
      <c r="DSZ694" s="613"/>
      <c r="DTA694" s="613"/>
      <c r="DTB694" s="613"/>
      <c r="DTC694" s="613"/>
      <c r="DTD694" s="613"/>
      <c r="DTE694" s="613"/>
      <c r="DTF694" s="613"/>
      <c r="DTG694" s="613"/>
      <c r="DTH694" s="613"/>
      <c r="DTI694" s="613"/>
      <c r="DTJ694" s="613"/>
      <c r="DTK694" s="613"/>
      <c r="DTL694" s="613"/>
      <c r="DTM694" s="613"/>
      <c r="DTN694" s="613"/>
      <c r="DTO694" s="613"/>
      <c r="DTP694" s="613"/>
      <c r="DTQ694" s="613"/>
      <c r="DTR694" s="613"/>
      <c r="DTS694" s="613"/>
      <c r="DTT694" s="613"/>
      <c r="DTU694" s="613"/>
      <c r="DTV694" s="613"/>
      <c r="DTW694" s="613"/>
      <c r="DTX694" s="613"/>
      <c r="DTY694" s="613"/>
      <c r="DTZ694" s="613"/>
      <c r="DUA694" s="613"/>
      <c r="DUB694" s="613"/>
      <c r="DUC694" s="613"/>
      <c r="DUD694" s="613"/>
      <c r="DUE694" s="613"/>
      <c r="DUF694" s="613"/>
      <c r="DUG694" s="613"/>
      <c r="DUH694" s="613"/>
      <c r="DUI694" s="613"/>
      <c r="DUJ694" s="613"/>
      <c r="DUK694" s="613"/>
      <c r="DUL694" s="613"/>
      <c r="DUM694" s="613"/>
      <c r="DUN694" s="613"/>
      <c r="DUO694" s="613"/>
      <c r="DUP694" s="613"/>
      <c r="DUQ694" s="613"/>
      <c r="DUR694" s="613"/>
      <c r="DUS694" s="613"/>
      <c r="DUT694" s="613"/>
      <c r="DUU694" s="613"/>
      <c r="DUV694" s="613"/>
      <c r="DUW694" s="613"/>
      <c r="DUX694" s="613"/>
      <c r="DUY694" s="613"/>
      <c r="DUZ694" s="613"/>
      <c r="DVA694" s="613"/>
      <c r="DVB694" s="613"/>
      <c r="DVC694" s="613"/>
      <c r="DVD694" s="613"/>
      <c r="DVE694" s="613"/>
      <c r="DVF694" s="613"/>
      <c r="DVG694" s="613"/>
      <c r="DVH694" s="613"/>
      <c r="DVI694" s="613"/>
      <c r="DVJ694" s="613"/>
      <c r="DVK694" s="613"/>
      <c r="DVL694" s="613"/>
      <c r="DVM694" s="613"/>
      <c r="DVN694" s="613"/>
      <c r="DVO694" s="613"/>
      <c r="DVP694" s="613"/>
      <c r="DVQ694" s="613"/>
      <c r="DVR694" s="613"/>
      <c r="DVS694" s="613"/>
      <c r="DVT694" s="613"/>
      <c r="DVU694" s="613"/>
      <c r="DVV694" s="613"/>
      <c r="DVW694" s="613"/>
      <c r="DVX694" s="613"/>
      <c r="DVY694" s="613"/>
      <c r="DVZ694" s="613"/>
      <c r="DWA694" s="613"/>
      <c r="DWB694" s="613"/>
      <c r="DWC694" s="613"/>
      <c r="DWD694" s="613"/>
      <c r="DWE694" s="613"/>
      <c r="DWF694" s="613"/>
      <c r="DWG694" s="613"/>
      <c r="DWH694" s="613"/>
      <c r="DWI694" s="613"/>
      <c r="DWJ694" s="613"/>
      <c r="DWK694" s="613"/>
      <c r="DWL694" s="613"/>
      <c r="DWM694" s="613"/>
      <c r="DWN694" s="613"/>
      <c r="DWO694" s="613"/>
      <c r="DWP694" s="613"/>
      <c r="DWQ694" s="613"/>
      <c r="DWR694" s="613"/>
      <c r="DWS694" s="613"/>
      <c r="DWT694" s="613"/>
      <c r="DWU694" s="613"/>
      <c r="DWV694" s="613"/>
      <c r="DWW694" s="613"/>
      <c r="DWX694" s="613"/>
      <c r="DWY694" s="613"/>
      <c r="DWZ694" s="613"/>
      <c r="DXA694" s="613"/>
      <c r="DXB694" s="613"/>
      <c r="DXC694" s="613"/>
      <c r="DXD694" s="613"/>
      <c r="DXE694" s="613"/>
      <c r="DXF694" s="613"/>
      <c r="DXG694" s="613"/>
      <c r="DXH694" s="613"/>
      <c r="DXI694" s="613"/>
      <c r="DXJ694" s="613"/>
      <c r="DXK694" s="613"/>
      <c r="DXL694" s="613"/>
      <c r="DXM694" s="613"/>
      <c r="DXN694" s="613"/>
      <c r="DXO694" s="613"/>
      <c r="DXP694" s="613"/>
      <c r="DXQ694" s="613"/>
      <c r="DXR694" s="613"/>
      <c r="DXS694" s="613"/>
      <c r="DXT694" s="613"/>
      <c r="DXU694" s="613"/>
      <c r="DXV694" s="613"/>
      <c r="DXW694" s="613"/>
      <c r="DXX694" s="613"/>
      <c r="DXY694" s="613"/>
      <c r="DXZ694" s="613"/>
      <c r="DYA694" s="613"/>
      <c r="DYB694" s="613"/>
      <c r="DYC694" s="613"/>
      <c r="DYD694" s="613"/>
      <c r="DYE694" s="613"/>
      <c r="DYF694" s="613"/>
      <c r="DYG694" s="613"/>
      <c r="DYH694" s="613"/>
      <c r="DYI694" s="613"/>
      <c r="DYJ694" s="613"/>
      <c r="DYK694" s="613"/>
      <c r="DYL694" s="613"/>
      <c r="DYM694" s="613"/>
      <c r="DYN694" s="613"/>
      <c r="DYO694" s="613"/>
      <c r="DYP694" s="613"/>
      <c r="DYQ694" s="613"/>
      <c r="DYR694" s="613"/>
      <c r="DYS694" s="613"/>
      <c r="DYT694" s="613"/>
      <c r="DYU694" s="613"/>
      <c r="DYV694" s="613"/>
      <c r="DYW694" s="613"/>
      <c r="DYX694" s="613"/>
      <c r="DYY694" s="613"/>
      <c r="DYZ694" s="613"/>
      <c r="DZA694" s="613"/>
      <c r="DZB694" s="613"/>
      <c r="DZC694" s="613"/>
      <c r="DZD694" s="613"/>
      <c r="DZE694" s="613"/>
      <c r="DZF694" s="613"/>
      <c r="DZG694" s="613"/>
      <c r="DZH694" s="613"/>
      <c r="DZI694" s="613"/>
      <c r="DZJ694" s="613"/>
      <c r="DZK694" s="613"/>
      <c r="DZL694" s="613"/>
      <c r="DZM694" s="613"/>
      <c r="DZN694" s="613"/>
      <c r="DZO694" s="613"/>
      <c r="DZP694" s="613"/>
      <c r="DZQ694" s="613"/>
      <c r="DZR694" s="613"/>
      <c r="DZS694" s="613"/>
      <c r="DZT694" s="613"/>
      <c r="DZU694" s="613"/>
      <c r="DZV694" s="613"/>
      <c r="DZW694" s="613"/>
      <c r="DZX694" s="613"/>
      <c r="DZY694" s="613"/>
      <c r="DZZ694" s="613"/>
      <c r="EAA694" s="613"/>
      <c r="EAB694" s="613"/>
      <c r="EAC694" s="613"/>
      <c r="EAD694" s="613"/>
      <c r="EAE694" s="613"/>
      <c r="EAF694" s="613"/>
      <c r="EAG694" s="613"/>
      <c r="EAH694" s="613"/>
      <c r="EAI694" s="613"/>
      <c r="EAJ694" s="613"/>
      <c r="EAK694" s="613"/>
      <c r="EAL694" s="613"/>
      <c r="EAM694" s="613"/>
      <c r="EAN694" s="613"/>
      <c r="EAO694" s="613"/>
      <c r="EAP694" s="613"/>
      <c r="EAQ694" s="613"/>
      <c r="EAR694" s="613"/>
      <c r="EAS694" s="613"/>
      <c r="EAT694" s="613"/>
      <c r="EAU694" s="613"/>
      <c r="EAV694" s="613"/>
      <c r="EAW694" s="613"/>
      <c r="EAX694" s="613"/>
      <c r="EAY694" s="613"/>
      <c r="EAZ694" s="613"/>
      <c r="EBA694" s="613"/>
      <c r="EBB694" s="613"/>
      <c r="EBC694" s="613"/>
      <c r="EBD694" s="613"/>
      <c r="EBE694" s="613"/>
      <c r="EBF694" s="613"/>
      <c r="EBG694" s="613"/>
      <c r="EBH694" s="613"/>
      <c r="EBI694" s="613"/>
      <c r="EBJ694" s="613"/>
      <c r="EBK694" s="613"/>
      <c r="EBL694" s="613"/>
      <c r="EBM694" s="613"/>
      <c r="EBN694" s="613"/>
      <c r="EBO694" s="613"/>
      <c r="EBP694" s="613"/>
      <c r="EBQ694" s="613"/>
      <c r="EBR694" s="613"/>
      <c r="EBS694" s="613"/>
      <c r="EBT694" s="613"/>
      <c r="EBU694" s="613"/>
      <c r="EBV694" s="613"/>
      <c r="EBW694" s="613"/>
      <c r="EBX694" s="613"/>
      <c r="EBY694" s="613"/>
      <c r="EBZ694" s="613"/>
      <c r="ECA694" s="613"/>
      <c r="ECB694" s="613"/>
      <c r="ECC694" s="613"/>
      <c r="ECD694" s="613"/>
      <c r="ECE694" s="613"/>
      <c r="ECF694" s="613"/>
      <c r="ECG694" s="613"/>
      <c r="ECH694" s="613"/>
      <c r="ECI694" s="613"/>
      <c r="ECJ694" s="613"/>
      <c r="ECK694" s="613"/>
      <c r="ECL694" s="613"/>
      <c r="ECM694" s="613"/>
      <c r="ECN694" s="613"/>
      <c r="ECO694" s="613"/>
      <c r="ECP694" s="613"/>
      <c r="ECQ694" s="613"/>
      <c r="ECR694" s="613"/>
      <c r="ECS694" s="613"/>
      <c r="ECT694" s="613"/>
      <c r="ECU694" s="613"/>
      <c r="ECV694" s="613"/>
      <c r="ECW694" s="613"/>
      <c r="ECX694" s="613"/>
      <c r="ECY694" s="613"/>
      <c r="ECZ694" s="613"/>
      <c r="EDA694" s="613"/>
      <c r="EDB694" s="613"/>
      <c r="EDC694" s="613"/>
      <c r="EDD694" s="613"/>
      <c r="EDE694" s="613"/>
      <c r="EDF694" s="613"/>
      <c r="EDG694" s="613"/>
      <c r="EDH694" s="613"/>
      <c r="EDI694" s="613"/>
      <c r="EDJ694" s="613"/>
      <c r="EDK694" s="613"/>
      <c r="EDL694" s="613"/>
      <c r="EDM694" s="613"/>
      <c r="EDN694" s="613"/>
      <c r="EDO694" s="613"/>
      <c r="EDP694" s="613"/>
      <c r="EDQ694" s="613"/>
      <c r="EDR694" s="613"/>
      <c r="EDS694" s="613"/>
      <c r="EDT694" s="613"/>
      <c r="EDU694" s="613"/>
      <c r="EDV694" s="613"/>
      <c r="EDW694" s="613"/>
      <c r="EDX694" s="613"/>
      <c r="EDY694" s="613"/>
      <c r="EDZ694" s="613"/>
      <c r="EEA694" s="613"/>
      <c r="EEB694" s="613"/>
      <c r="EEC694" s="613"/>
      <c r="EED694" s="613"/>
      <c r="EEE694" s="613"/>
      <c r="EEF694" s="613"/>
      <c r="EEG694" s="613"/>
      <c r="EEH694" s="613"/>
      <c r="EEI694" s="613"/>
      <c r="EEJ694" s="613"/>
      <c r="EEK694" s="613"/>
      <c r="EEL694" s="613"/>
      <c r="EEM694" s="613"/>
      <c r="EEN694" s="613"/>
      <c r="EEO694" s="613"/>
      <c r="EEP694" s="613"/>
      <c r="EEQ694" s="613"/>
      <c r="EER694" s="613"/>
      <c r="EES694" s="613"/>
      <c r="EET694" s="613"/>
      <c r="EEU694" s="613"/>
      <c r="EEV694" s="613"/>
      <c r="EEW694" s="613"/>
      <c r="EEX694" s="613"/>
      <c r="EEY694" s="613"/>
      <c r="EEZ694" s="613"/>
      <c r="EFA694" s="613"/>
      <c r="EFB694" s="613"/>
      <c r="EFC694" s="613"/>
      <c r="EFD694" s="613"/>
      <c r="EFE694" s="613"/>
      <c r="EFF694" s="613"/>
      <c r="EFG694" s="613"/>
      <c r="EFH694" s="613"/>
      <c r="EFI694" s="613"/>
      <c r="EFJ694" s="613"/>
      <c r="EFK694" s="613"/>
      <c r="EFL694" s="613"/>
      <c r="EFM694" s="613"/>
      <c r="EFN694" s="613"/>
      <c r="EFO694" s="613"/>
      <c r="EFP694" s="613"/>
      <c r="EFQ694" s="613"/>
      <c r="EFR694" s="613"/>
      <c r="EFS694" s="613"/>
      <c r="EFT694" s="613"/>
      <c r="EFU694" s="613"/>
      <c r="EFV694" s="613"/>
      <c r="EFW694" s="613"/>
      <c r="EFX694" s="613"/>
      <c r="EFY694" s="613"/>
      <c r="EFZ694" s="613"/>
      <c r="EGA694" s="613"/>
      <c r="EGB694" s="613"/>
      <c r="EGC694" s="613"/>
      <c r="EGD694" s="613"/>
      <c r="EGE694" s="613"/>
      <c r="EGF694" s="613"/>
      <c r="EGG694" s="613"/>
      <c r="EGH694" s="613"/>
      <c r="EGI694" s="613"/>
      <c r="EGJ694" s="613"/>
      <c r="EGK694" s="613"/>
      <c r="EGL694" s="613"/>
      <c r="EGM694" s="613"/>
      <c r="EGN694" s="613"/>
      <c r="EGO694" s="613"/>
      <c r="EGP694" s="613"/>
      <c r="EGQ694" s="613"/>
      <c r="EGR694" s="613"/>
      <c r="EGS694" s="613"/>
      <c r="EGT694" s="613"/>
      <c r="EGU694" s="613"/>
      <c r="EGV694" s="613"/>
      <c r="EGW694" s="613"/>
      <c r="EGX694" s="613"/>
      <c r="EGY694" s="613"/>
      <c r="EGZ694" s="613"/>
      <c r="EHA694" s="613"/>
      <c r="EHB694" s="613"/>
      <c r="EHC694" s="613"/>
      <c r="EHD694" s="613"/>
      <c r="EHE694" s="613"/>
      <c r="EHF694" s="613"/>
      <c r="EHG694" s="613"/>
      <c r="EHH694" s="613"/>
      <c r="EHI694" s="613"/>
      <c r="EHJ694" s="613"/>
      <c r="EHK694" s="613"/>
      <c r="EHL694" s="613"/>
      <c r="EHM694" s="613"/>
      <c r="EHN694" s="613"/>
      <c r="EHO694" s="613"/>
      <c r="EHP694" s="613"/>
      <c r="EHQ694" s="613"/>
      <c r="EHR694" s="613"/>
      <c r="EHS694" s="613"/>
      <c r="EHT694" s="613"/>
      <c r="EHU694" s="613"/>
      <c r="EHV694" s="613"/>
      <c r="EHW694" s="613"/>
      <c r="EHX694" s="613"/>
      <c r="EHY694" s="613"/>
      <c r="EHZ694" s="613"/>
      <c r="EIA694" s="613"/>
      <c r="EIB694" s="613"/>
      <c r="EIC694" s="613"/>
      <c r="EID694" s="613"/>
      <c r="EIE694" s="613"/>
      <c r="EIF694" s="613"/>
      <c r="EIG694" s="613"/>
      <c r="EIH694" s="613"/>
      <c r="EII694" s="613"/>
      <c r="EIJ694" s="613"/>
      <c r="EIK694" s="613"/>
      <c r="EIL694" s="613"/>
      <c r="EIM694" s="613"/>
      <c r="EIN694" s="613"/>
      <c r="EIO694" s="613"/>
      <c r="EIP694" s="613"/>
      <c r="EIQ694" s="613"/>
      <c r="EIR694" s="613"/>
      <c r="EIS694" s="613"/>
      <c r="EIT694" s="613"/>
      <c r="EIU694" s="613"/>
      <c r="EIV694" s="613"/>
      <c r="EIW694" s="613"/>
      <c r="EIX694" s="613"/>
      <c r="EIY694" s="613"/>
      <c r="EIZ694" s="613"/>
      <c r="EJA694" s="613"/>
      <c r="EJB694" s="613"/>
      <c r="EJC694" s="613"/>
      <c r="EJD694" s="613"/>
      <c r="EJE694" s="613"/>
      <c r="EJF694" s="613"/>
      <c r="EJG694" s="613"/>
      <c r="EJH694" s="613"/>
      <c r="EJI694" s="613"/>
      <c r="EJJ694" s="613"/>
      <c r="EJK694" s="613"/>
      <c r="EJL694" s="613"/>
      <c r="EJM694" s="613"/>
      <c r="EJN694" s="613"/>
      <c r="EJO694" s="613"/>
      <c r="EJP694" s="613"/>
      <c r="EJQ694" s="613"/>
      <c r="EJR694" s="613"/>
      <c r="EJS694" s="613"/>
      <c r="EJT694" s="613"/>
      <c r="EJU694" s="613"/>
      <c r="EJV694" s="613"/>
      <c r="EJW694" s="613"/>
      <c r="EJX694" s="613"/>
      <c r="EJY694" s="613"/>
      <c r="EJZ694" s="613"/>
      <c r="EKA694" s="613"/>
      <c r="EKB694" s="613"/>
      <c r="EKC694" s="613"/>
      <c r="EKD694" s="613"/>
      <c r="EKE694" s="613"/>
      <c r="EKF694" s="613"/>
      <c r="EKG694" s="613"/>
      <c r="EKH694" s="613"/>
      <c r="EKI694" s="613"/>
      <c r="EKJ694" s="613"/>
      <c r="EKK694" s="613"/>
      <c r="EKL694" s="613"/>
      <c r="EKM694" s="613"/>
      <c r="EKN694" s="613"/>
      <c r="EKO694" s="613"/>
      <c r="EKP694" s="613"/>
      <c r="EKQ694" s="613"/>
      <c r="EKR694" s="613"/>
      <c r="EKS694" s="613"/>
      <c r="EKT694" s="613"/>
      <c r="EKU694" s="613"/>
      <c r="EKV694" s="613"/>
      <c r="EKW694" s="613"/>
      <c r="EKX694" s="613"/>
      <c r="EKY694" s="613"/>
      <c r="EKZ694" s="613"/>
      <c r="ELA694" s="613"/>
      <c r="ELB694" s="613"/>
      <c r="ELC694" s="613"/>
      <c r="ELD694" s="613"/>
      <c r="ELE694" s="613"/>
      <c r="ELF694" s="613"/>
      <c r="ELG694" s="613"/>
      <c r="ELH694" s="613"/>
      <c r="ELI694" s="613"/>
      <c r="ELJ694" s="613"/>
      <c r="ELK694" s="613"/>
      <c r="ELL694" s="613"/>
      <c r="ELM694" s="613"/>
      <c r="ELN694" s="613"/>
      <c r="ELO694" s="613"/>
      <c r="ELP694" s="613"/>
      <c r="ELQ694" s="613"/>
      <c r="ELR694" s="613"/>
      <c r="ELS694" s="613"/>
      <c r="ELT694" s="613"/>
      <c r="ELU694" s="613"/>
      <c r="ELV694" s="613"/>
      <c r="ELW694" s="613"/>
      <c r="ELX694" s="613"/>
      <c r="ELY694" s="613"/>
      <c r="ELZ694" s="613"/>
      <c r="EMA694" s="613"/>
      <c r="EMB694" s="613"/>
      <c r="EMC694" s="613"/>
      <c r="EMD694" s="613"/>
      <c r="EME694" s="613"/>
      <c r="EMF694" s="613"/>
      <c r="EMG694" s="613"/>
      <c r="EMH694" s="613"/>
      <c r="EMI694" s="613"/>
      <c r="EMJ694" s="613"/>
      <c r="EMK694" s="613"/>
      <c r="EML694" s="613"/>
      <c r="EMM694" s="613"/>
      <c r="EMN694" s="613"/>
      <c r="EMO694" s="613"/>
      <c r="EMP694" s="613"/>
      <c r="EMQ694" s="613"/>
      <c r="EMR694" s="613"/>
      <c r="EMS694" s="613"/>
      <c r="EMT694" s="613"/>
      <c r="EMU694" s="613"/>
      <c r="EMV694" s="613"/>
      <c r="EMW694" s="613"/>
      <c r="EMX694" s="613"/>
      <c r="EMY694" s="613"/>
      <c r="EMZ694" s="613"/>
      <c r="ENA694" s="613"/>
      <c r="ENB694" s="613"/>
      <c r="ENC694" s="613"/>
      <c r="END694" s="613"/>
      <c r="ENE694" s="613"/>
      <c r="ENF694" s="613"/>
      <c r="ENG694" s="613"/>
      <c r="ENH694" s="613"/>
      <c r="ENI694" s="613"/>
      <c r="ENJ694" s="613"/>
      <c r="ENK694" s="613"/>
      <c r="ENL694" s="613"/>
      <c r="ENM694" s="613"/>
      <c r="ENN694" s="613"/>
      <c r="ENO694" s="613"/>
      <c r="ENP694" s="613"/>
      <c r="ENQ694" s="613"/>
      <c r="ENR694" s="613"/>
      <c r="ENS694" s="613"/>
      <c r="ENT694" s="613"/>
      <c r="ENU694" s="613"/>
      <c r="ENV694" s="613"/>
      <c r="ENW694" s="613"/>
      <c r="ENX694" s="613"/>
      <c r="ENY694" s="613"/>
      <c r="ENZ694" s="613"/>
      <c r="EOA694" s="613"/>
      <c r="EOB694" s="613"/>
      <c r="EOC694" s="613"/>
      <c r="EOD694" s="613"/>
      <c r="EOE694" s="613"/>
      <c r="EOF694" s="613"/>
      <c r="EOG694" s="613"/>
      <c r="EOH694" s="613"/>
      <c r="EOI694" s="613"/>
      <c r="EOJ694" s="613"/>
      <c r="EOK694" s="613"/>
      <c r="EOL694" s="613"/>
      <c r="EOM694" s="613"/>
      <c r="EON694" s="613"/>
      <c r="EOO694" s="613"/>
      <c r="EOP694" s="613"/>
      <c r="EOQ694" s="613"/>
      <c r="EOR694" s="613"/>
      <c r="EOS694" s="613"/>
      <c r="EOT694" s="613"/>
      <c r="EOU694" s="613"/>
      <c r="EOV694" s="613"/>
      <c r="EOW694" s="613"/>
      <c r="EOX694" s="613"/>
      <c r="EOY694" s="613"/>
      <c r="EOZ694" s="613"/>
      <c r="EPA694" s="613"/>
      <c r="EPB694" s="613"/>
      <c r="EPC694" s="613"/>
      <c r="EPD694" s="613"/>
      <c r="EPE694" s="613"/>
      <c r="EPF694" s="613"/>
      <c r="EPG694" s="613"/>
      <c r="EPH694" s="613"/>
      <c r="EPI694" s="613"/>
      <c r="EPJ694" s="613"/>
      <c r="EPK694" s="613"/>
      <c r="EPL694" s="613"/>
      <c r="EPM694" s="613"/>
      <c r="EPN694" s="613"/>
      <c r="EPO694" s="613"/>
      <c r="EPP694" s="613"/>
      <c r="EPQ694" s="613"/>
      <c r="EPR694" s="613"/>
      <c r="EPS694" s="613"/>
      <c r="EPT694" s="613"/>
      <c r="EPU694" s="613"/>
      <c r="EPV694" s="613"/>
      <c r="EPW694" s="613"/>
      <c r="EPX694" s="613"/>
      <c r="EPY694" s="613"/>
      <c r="EPZ694" s="613"/>
      <c r="EQA694" s="613"/>
      <c r="EQB694" s="613"/>
      <c r="EQC694" s="613"/>
      <c r="EQD694" s="613"/>
      <c r="EQE694" s="613"/>
      <c r="EQF694" s="613"/>
      <c r="EQG694" s="613"/>
      <c r="EQH694" s="613"/>
      <c r="EQI694" s="613"/>
      <c r="EQJ694" s="613"/>
      <c r="EQK694" s="613"/>
      <c r="EQL694" s="613"/>
      <c r="EQM694" s="613"/>
      <c r="EQN694" s="613"/>
      <c r="EQO694" s="613"/>
      <c r="EQP694" s="613"/>
      <c r="EQQ694" s="613"/>
      <c r="EQR694" s="613"/>
      <c r="EQS694" s="613"/>
      <c r="EQT694" s="613"/>
      <c r="EQU694" s="613"/>
      <c r="EQV694" s="613"/>
      <c r="EQW694" s="613"/>
      <c r="EQX694" s="613"/>
      <c r="EQY694" s="613"/>
      <c r="EQZ694" s="613"/>
      <c r="ERA694" s="613"/>
      <c r="ERB694" s="613"/>
      <c r="ERC694" s="613"/>
      <c r="ERD694" s="613"/>
      <c r="ERE694" s="613"/>
      <c r="ERF694" s="613"/>
      <c r="ERG694" s="613"/>
      <c r="ERH694" s="613"/>
      <c r="ERI694" s="613"/>
      <c r="ERJ694" s="613"/>
      <c r="ERK694" s="613"/>
      <c r="ERL694" s="613"/>
      <c r="ERM694" s="613"/>
      <c r="ERN694" s="613"/>
      <c r="ERO694" s="613"/>
      <c r="ERP694" s="613"/>
      <c r="ERQ694" s="613"/>
      <c r="ERR694" s="613"/>
      <c r="ERS694" s="613"/>
      <c r="ERT694" s="613"/>
      <c r="ERU694" s="613"/>
      <c r="ERV694" s="613"/>
      <c r="ERW694" s="613"/>
      <c r="ERX694" s="613"/>
      <c r="ERY694" s="613"/>
      <c r="ERZ694" s="613"/>
      <c r="ESA694" s="613"/>
      <c r="ESB694" s="613"/>
      <c r="ESC694" s="613"/>
      <c r="ESD694" s="613"/>
      <c r="ESE694" s="613"/>
      <c r="ESF694" s="613"/>
      <c r="ESG694" s="613"/>
      <c r="ESH694" s="613"/>
      <c r="ESI694" s="613"/>
      <c r="ESJ694" s="613"/>
      <c r="ESK694" s="613"/>
      <c r="ESL694" s="613"/>
      <c r="ESM694" s="613"/>
      <c r="ESN694" s="613"/>
      <c r="ESO694" s="613"/>
      <c r="ESP694" s="613"/>
      <c r="ESQ694" s="613"/>
      <c r="ESR694" s="613"/>
      <c r="ESS694" s="613"/>
      <c r="EST694" s="613"/>
      <c r="ESU694" s="613"/>
      <c r="ESV694" s="613"/>
      <c r="ESW694" s="613"/>
      <c r="ESX694" s="613"/>
      <c r="ESY694" s="613"/>
      <c r="ESZ694" s="613"/>
      <c r="ETA694" s="613"/>
      <c r="ETB694" s="613"/>
      <c r="ETC694" s="613"/>
      <c r="ETD694" s="613"/>
      <c r="ETE694" s="613"/>
      <c r="ETF694" s="613"/>
      <c r="ETG694" s="613"/>
      <c r="ETH694" s="613"/>
      <c r="ETI694" s="613"/>
      <c r="ETJ694" s="613"/>
      <c r="ETK694" s="613"/>
      <c r="ETL694" s="613"/>
      <c r="ETM694" s="613"/>
      <c r="ETN694" s="613"/>
      <c r="ETO694" s="613"/>
      <c r="ETP694" s="613"/>
      <c r="ETQ694" s="613"/>
      <c r="ETR694" s="613"/>
      <c r="ETS694" s="613"/>
      <c r="ETT694" s="613"/>
      <c r="ETU694" s="613"/>
      <c r="ETV694" s="613"/>
      <c r="ETW694" s="613"/>
      <c r="ETX694" s="613"/>
      <c r="ETY694" s="613"/>
      <c r="ETZ694" s="613"/>
      <c r="EUA694" s="613"/>
      <c r="EUB694" s="613"/>
      <c r="EUC694" s="613"/>
      <c r="EUD694" s="613"/>
      <c r="EUE694" s="613"/>
      <c r="EUF694" s="613"/>
      <c r="EUG694" s="613"/>
      <c r="EUH694" s="613"/>
      <c r="EUI694" s="613"/>
      <c r="EUJ694" s="613"/>
      <c r="EUK694" s="613"/>
      <c r="EUL694" s="613"/>
      <c r="EUM694" s="613"/>
      <c r="EUN694" s="613"/>
      <c r="EUO694" s="613"/>
      <c r="EUP694" s="613"/>
      <c r="EUQ694" s="613"/>
      <c r="EUR694" s="613"/>
      <c r="EUS694" s="613"/>
      <c r="EUT694" s="613"/>
      <c r="EUU694" s="613"/>
      <c r="EUV694" s="613"/>
      <c r="EUW694" s="613"/>
      <c r="EUX694" s="613"/>
      <c r="EUY694" s="613"/>
      <c r="EUZ694" s="613"/>
      <c r="EVA694" s="613"/>
      <c r="EVB694" s="613"/>
      <c r="EVC694" s="613"/>
      <c r="EVD694" s="613"/>
      <c r="EVE694" s="613"/>
      <c r="EVF694" s="613"/>
      <c r="EVG694" s="613"/>
      <c r="EVH694" s="613"/>
      <c r="EVI694" s="613"/>
      <c r="EVJ694" s="613"/>
      <c r="EVK694" s="613"/>
      <c r="EVL694" s="613"/>
      <c r="EVM694" s="613"/>
      <c r="EVN694" s="613"/>
      <c r="EVO694" s="613"/>
      <c r="EVP694" s="613"/>
      <c r="EVQ694" s="613"/>
      <c r="EVR694" s="613"/>
      <c r="EVS694" s="613"/>
      <c r="EVT694" s="613"/>
      <c r="EVU694" s="613"/>
      <c r="EVV694" s="613"/>
      <c r="EVW694" s="613"/>
      <c r="EVX694" s="613"/>
      <c r="EVY694" s="613"/>
      <c r="EVZ694" s="613"/>
      <c r="EWA694" s="613"/>
      <c r="EWB694" s="613"/>
      <c r="EWC694" s="613"/>
      <c r="EWD694" s="613"/>
      <c r="EWE694" s="613"/>
      <c r="EWF694" s="613"/>
      <c r="EWG694" s="613"/>
      <c r="EWH694" s="613"/>
      <c r="EWI694" s="613"/>
      <c r="EWJ694" s="613"/>
      <c r="EWK694" s="613"/>
      <c r="EWL694" s="613"/>
      <c r="EWM694" s="613"/>
      <c r="EWN694" s="613"/>
      <c r="EWO694" s="613"/>
      <c r="EWP694" s="613"/>
      <c r="EWQ694" s="613"/>
      <c r="EWR694" s="613"/>
      <c r="EWS694" s="613"/>
      <c r="EWT694" s="613"/>
      <c r="EWU694" s="613"/>
      <c r="EWV694" s="613"/>
      <c r="EWW694" s="613"/>
      <c r="EWX694" s="613"/>
      <c r="EWY694" s="613"/>
      <c r="EWZ694" s="613"/>
      <c r="EXA694" s="613"/>
      <c r="EXB694" s="613"/>
      <c r="EXC694" s="613"/>
      <c r="EXD694" s="613"/>
      <c r="EXE694" s="613"/>
      <c r="EXF694" s="613"/>
      <c r="EXG694" s="613"/>
      <c r="EXH694" s="613"/>
      <c r="EXI694" s="613"/>
      <c r="EXJ694" s="613"/>
      <c r="EXK694" s="613"/>
      <c r="EXL694" s="613"/>
      <c r="EXM694" s="613"/>
      <c r="EXN694" s="613"/>
      <c r="EXO694" s="613"/>
      <c r="EXP694" s="613"/>
      <c r="EXQ694" s="613"/>
      <c r="EXR694" s="613"/>
      <c r="EXS694" s="613"/>
      <c r="EXT694" s="613"/>
      <c r="EXU694" s="613"/>
      <c r="EXV694" s="613"/>
      <c r="EXW694" s="613"/>
      <c r="EXX694" s="613"/>
      <c r="EXY694" s="613"/>
      <c r="EXZ694" s="613"/>
      <c r="EYA694" s="613"/>
      <c r="EYB694" s="613"/>
      <c r="EYC694" s="613"/>
      <c r="EYD694" s="613"/>
      <c r="EYE694" s="613"/>
      <c r="EYF694" s="613"/>
      <c r="EYG694" s="613"/>
      <c r="EYH694" s="613"/>
      <c r="EYI694" s="613"/>
      <c r="EYJ694" s="613"/>
      <c r="EYK694" s="613"/>
      <c r="EYL694" s="613"/>
      <c r="EYM694" s="613"/>
      <c r="EYN694" s="613"/>
      <c r="EYO694" s="613"/>
      <c r="EYP694" s="613"/>
      <c r="EYQ694" s="613"/>
      <c r="EYR694" s="613"/>
      <c r="EYS694" s="613"/>
      <c r="EYT694" s="613"/>
      <c r="EYU694" s="613"/>
      <c r="EYV694" s="613"/>
      <c r="EYW694" s="613"/>
      <c r="EYX694" s="613"/>
      <c r="EYY694" s="613"/>
      <c r="EYZ694" s="613"/>
      <c r="EZA694" s="613"/>
      <c r="EZB694" s="613"/>
      <c r="EZC694" s="613"/>
      <c r="EZD694" s="613"/>
      <c r="EZE694" s="613"/>
      <c r="EZF694" s="613"/>
      <c r="EZG694" s="613"/>
      <c r="EZH694" s="613"/>
      <c r="EZI694" s="613"/>
      <c r="EZJ694" s="613"/>
      <c r="EZK694" s="613"/>
      <c r="EZL694" s="613"/>
      <c r="EZM694" s="613"/>
      <c r="EZN694" s="613"/>
      <c r="EZO694" s="613"/>
      <c r="EZP694" s="613"/>
      <c r="EZQ694" s="613"/>
      <c r="EZR694" s="613"/>
      <c r="EZS694" s="613"/>
      <c r="EZT694" s="613"/>
      <c r="EZU694" s="613"/>
      <c r="EZV694" s="613"/>
      <c r="EZW694" s="613"/>
      <c r="EZX694" s="613"/>
      <c r="EZY694" s="613"/>
      <c r="EZZ694" s="613"/>
      <c r="FAA694" s="613"/>
      <c r="FAB694" s="613"/>
      <c r="FAC694" s="613"/>
      <c r="FAD694" s="613"/>
      <c r="FAE694" s="613"/>
      <c r="FAF694" s="613"/>
      <c r="FAG694" s="613"/>
      <c r="FAH694" s="613"/>
      <c r="FAI694" s="613"/>
      <c r="FAJ694" s="613"/>
      <c r="FAK694" s="613"/>
      <c r="FAL694" s="613"/>
      <c r="FAM694" s="613"/>
      <c r="FAN694" s="613"/>
      <c r="FAO694" s="613"/>
      <c r="FAP694" s="613"/>
      <c r="FAQ694" s="613"/>
      <c r="FAR694" s="613"/>
      <c r="FAS694" s="613"/>
      <c r="FAT694" s="613"/>
      <c r="FAU694" s="613"/>
      <c r="FAV694" s="613"/>
      <c r="FAW694" s="613"/>
      <c r="FAX694" s="613"/>
      <c r="FAY694" s="613"/>
      <c r="FAZ694" s="613"/>
      <c r="FBA694" s="613"/>
      <c r="FBB694" s="613"/>
      <c r="FBC694" s="613"/>
      <c r="FBD694" s="613"/>
      <c r="FBE694" s="613"/>
      <c r="FBF694" s="613"/>
      <c r="FBG694" s="613"/>
      <c r="FBH694" s="613"/>
      <c r="FBI694" s="613"/>
      <c r="FBJ694" s="613"/>
      <c r="FBK694" s="613"/>
      <c r="FBL694" s="613"/>
      <c r="FBM694" s="613"/>
      <c r="FBN694" s="613"/>
      <c r="FBO694" s="613"/>
      <c r="FBP694" s="613"/>
      <c r="FBQ694" s="613"/>
      <c r="FBR694" s="613"/>
      <c r="FBS694" s="613"/>
      <c r="FBT694" s="613"/>
      <c r="FBU694" s="613"/>
      <c r="FBV694" s="613"/>
      <c r="FBW694" s="613"/>
      <c r="FBX694" s="613"/>
      <c r="FBY694" s="613"/>
      <c r="FBZ694" s="613"/>
      <c r="FCA694" s="613"/>
      <c r="FCB694" s="613"/>
      <c r="FCC694" s="613"/>
      <c r="FCD694" s="613"/>
      <c r="FCE694" s="613"/>
      <c r="FCF694" s="613"/>
      <c r="FCG694" s="613"/>
      <c r="FCH694" s="613"/>
      <c r="FCI694" s="613"/>
      <c r="FCJ694" s="613"/>
      <c r="FCK694" s="613"/>
      <c r="FCL694" s="613"/>
      <c r="FCM694" s="613"/>
      <c r="FCN694" s="613"/>
      <c r="FCO694" s="613"/>
      <c r="FCP694" s="613"/>
      <c r="FCQ694" s="613"/>
      <c r="FCR694" s="613"/>
      <c r="FCS694" s="613"/>
      <c r="FCT694" s="613"/>
      <c r="FCU694" s="613"/>
      <c r="FCV694" s="613"/>
      <c r="FCW694" s="613"/>
      <c r="FCX694" s="613"/>
      <c r="FCY694" s="613"/>
      <c r="FCZ694" s="613"/>
      <c r="FDA694" s="613"/>
      <c r="FDB694" s="613"/>
      <c r="FDC694" s="613"/>
      <c r="FDD694" s="613"/>
      <c r="FDE694" s="613"/>
      <c r="FDF694" s="613"/>
      <c r="FDG694" s="613"/>
      <c r="FDH694" s="613"/>
      <c r="FDI694" s="613"/>
      <c r="FDJ694" s="613"/>
      <c r="FDK694" s="613"/>
      <c r="FDL694" s="613"/>
      <c r="FDM694" s="613"/>
      <c r="FDN694" s="613"/>
      <c r="FDO694" s="613"/>
      <c r="FDP694" s="613"/>
      <c r="FDQ694" s="613"/>
      <c r="FDR694" s="613"/>
      <c r="FDS694" s="613"/>
      <c r="FDT694" s="613"/>
      <c r="FDU694" s="613"/>
      <c r="FDV694" s="613"/>
      <c r="FDW694" s="613"/>
      <c r="FDX694" s="613"/>
      <c r="FDY694" s="613"/>
      <c r="FDZ694" s="613"/>
      <c r="FEA694" s="613"/>
      <c r="FEB694" s="613"/>
      <c r="FEC694" s="613"/>
      <c r="FED694" s="613"/>
      <c r="FEE694" s="613"/>
      <c r="FEF694" s="613"/>
      <c r="FEG694" s="613"/>
      <c r="FEH694" s="613"/>
      <c r="FEI694" s="613"/>
      <c r="FEJ694" s="613"/>
      <c r="FEK694" s="613"/>
      <c r="FEL694" s="613"/>
      <c r="FEM694" s="613"/>
      <c r="FEN694" s="613"/>
      <c r="FEO694" s="613"/>
      <c r="FEP694" s="613"/>
      <c r="FEQ694" s="613"/>
      <c r="FER694" s="613"/>
      <c r="FES694" s="613"/>
      <c r="FET694" s="613"/>
      <c r="FEU694" s="613"/>
      <c r="FEV694" s="613"/>
      <c r="FEW694" s="613"/>
      <c r="FEX694" s="613"/>
      <c r="FEY694" s="613"/>
      <c r="FEZ694" s="613"/>
      <c r="FFA694" s="613"/>
      <c r="FFB694" s="613"/>
      <c r="FFC694" s="613"/>
      <c r="FFD694" s="613"/>
      <c r="FFE694" s="613"/>
      <c r="FFF694" s="613"/>
      <c r="FFG694" s="613"/>
      <c r="FFH694" s="613"/>
      <c r="FFI694" s="613"/>
      <c r="FFJ694" s="613"/>
      <c r="FFK694" s="613"/>
      <c r="FFL694" s="613"/>
      <c r="FFM694" s="613"/>
      <c r="FFN694" s="613"/>
      <c r="FFO694" s="613"/>
      <c r="FFP694" s="613"/>
      <c r="FFQ694" s="613"/>
      <c r="FFR694" s="613"/>
      <c r="FFS694" s="613"/>
      <c r="FFT694" s="613"/>
      <c r="FFU694" s="613"/>
      <c r="FFV694" s="613"/>
      <c r="FFW694" s="613"/>
      <c r="FFX694" s="613"/>
      <c r="FFY694" s="613"/>
      <c r="FFZ694" s="613"/>
      <c r="FGA694" s="613"/>
      <c r="FGB694" s="613"/>
      <c r="FGC694" s="613"/>
      <c r="FGD694" s="613"/>
      <c r="FGE694" s="613"/>
      <c r="FGF694" s="613"/>
      <c r="FGG694" s="613"/>
      <c r="FGH694" s="613"/>
      <c r="FGI694" s="613"/>
      <c r="FGJ694" s="613"/>
      <c r="FGK694" s="613"/>
      <c r="FGL694" s="613"/>
      <c r="FGM694" s="613"/>
      <c r="FGN694" s="613"/>
      <c r="FGO694" s="613"/>
      <c r="FGP694" s="613"/>
      <c r="FGQ694" s="613"/>
      <c r="FGR694" s="613"/>
      <c r="FGS694" s="613"/>
      <c r="FGT694" s="613"/>
      <c r="FGU694" s="613"/>
      <c r="FGV694" s="613"/>
      <c r="FGW694" s="613"/>
      <c r="FGX694" s="613"/>
      <c r="FGY694" s="613"/>
      <c r="FGZ694" s="613"/>
      <c r="FHA694" s="613"/>
      <c r="FHB694" s="613"/>
      <c r="FHC694" s="613"/>
      <c r="FHD694" s="613"/>
      <c r="FHE694" s="613"/>
      <c r="FHF694" s="613"/>
      <c r="FHG694" s="613"/>
      <c r="FHH694" s="613"/>
      <c r="FHI694" s="613"/>
      <c r="FHJ694" s="613"/>
      <c r="FHK694" s="613"/>
      <c r="FHL694" s="613"/>
      <c r="FHM694" s="613"/>
      <c r="FHN694" s="613"/>
      <c r="FHO694" s="613"/>
      <c r="FHP694" s="613"/>
      <c r="FHQ694" s="613"/>
      <c r="FHR694" s="613"/>
      <c r="FHS694" s="613"/>
      <c r="FHT694" s="613"/>
      <c r="FHU694" s="613"/>
      <c r="FHV694" s="613"/>
      <c r="FHW694" s="613"/>
      <c r="FHX694" s="613"/>
      <c r="FHY694" s="613"/>
      <c r="FHZ694" s="613"/>
      <c r="FIA694" s="613"/>
      <c r="FIB694" s="613"/>
      <c r="FIC694" s="613"/>
      <c r="FID694" s="613"/>
      <c r="FIE694" s="613"/>
      <c r="FIF694" s="613"/>
      <c r="FIG694" s="613"/>
      <c r="FIH694" s="613"/>
      <c r="FII694" s="613"/>
      <c r="FIJ694" s="613"/>
      <c r="FIK694" s="613"/>
      <c r="FIL694" s="613"/>
      <c r="FIM694" s="613"/>
      <c r="FIN694" s="613"/>
      <c r="FIO694" s="613"/>
      <c r="FIP694" s="613"/>
      <c r="FIQ694" s="613"/>
      <c r="FIR694" s="613"/>
      <c r="FIS694" s="613"/>
      <c r="FIT694" s="613"/>
      <c r="FIU694" s="613"/>
      <c r="FIV694" s="613"/>
      <c r="FIW694" s="613"/>
      <c r="FIX694" s="613"/>
      <c r="FIY694" s="613"/>
      <c r="FIZ694" s="613"/>
      <c r="FJA694" s="613"/>
      <c r="FJB694" s="613"/>
      <c r="FJC694" s="613"/>
      <c r="FJD694" s="613"/>
      <c r="FJE694" s="613"/>
      <c r="FJF694" s="613"/>
      <c r="FJG694" s="613"/>
      <c r="FJH694" s="613"/>
      <c r="FJI694" s="613"/>
      <c r="FJJ694" s="613"/>
      <c r="FJK694" s="613"/>
      <c r="FJL694" s="613"/>
      <c r="FJM694" s="613"/>
      <c r="FJN694" s="613"/>
      <c r="FJO694" s="613"/>
      <c r="FJP694" s="613"/>
      <c r="FJQ694" s="613"/>
      <c r="FJR694" s="613"/>
      <c r="FJS694" s="613"/>
      <c r="FJT694" s="613"/>
      <c r="FJU694" s="613"/>
      <c r="FJV694" s="613"/>
      <c r="FJW694" s="613"/>
      <c r="FJX694" s="613"/>
      <c r="FJY694" s="613"/>
      <c r="FJZ694" s="613"/>
      <c r="FKA694" s="613"/>
      <c r="FKB694" s="613"/>
      <c r="FKC694" s="613"/>
      <c r="FKD694" s="613"/>
      <c r="FKE694" s="613"/>
      <c r="FKF694" s="613"/>
      <c r="FKG694" s="613"/>
      <c r="FKH694" s="613"/>
      <c r="FKI694" s="613"/>
      <c r="FKJ694" s="613"/>
      <c r="FKK694" s="613"/>
      <c r="FKL694" s="613"/>
      <c r="FKM694" s="613"/>
      <c r="FKN694" s="613"/>
      <c r="FKO694" s="613"/>
      <c r="FKP694" s="613"/>
      <c r="FKQ694" s="613"/>
      <c r="FKR694" s="613"/>
      <c r="FKS694" s="613"/>
      <c r="FKT694" s="613"/>
      <c r="FKU694" s="613"/>
      <c r="FKV694" s="613"/>
      <c r="FKW694" s="613"/>
      <c r="FKX694" s="613"/>
      <c r="FKY694" s="613"/>
      <c r="FKZ694" s="613"/>
      <c r="FLA694" s="613"/>
      <c r="FLB694" s="613"/>
      <c r="FLC694" s="613"/>
      <c r="FLD694" s="613"/>
      <c r="FLE694" s="613"/>
      <c r="FLF694" s="613"/>
      <c r="FLG694" s="613"/>
      <c r="FLH694" s="613"/>
      <c r="FLI694" s="613"/>
      <c r="FLJ694" s="613"/>
      <c r="FLK694" s="613"/>
      <c r="FLL694" s="613"/>
      <c r="FLM694" s="613"/>
      <c r="FLN694" s="613"/>
      <c r="FLO694" s="613"/>
      <c r="FLP694" s="613"/>
      <c r="FLQ694" s="613"/>
      <c r="FLR694" s="613"/>
      <c r="FLS694" s="613"/>
      <c r="FLT694" s="613"/>
      <c r="FLU694" s="613"/>
      <c r="FLV694" s="613"/>
      <c r="FLW694" s="613"/>
      <c r="FLX694" s="613"/>
      <c r="FLY694" s="613"/>
      <c r="FLZ694" s="613"/>
      <c r="FMA694" s="613"/>
      <c r="FMB694" s="613"/>
      <c r="FMC694" s="613"/>
      <c r="FMD694" s="613"/>
      <c r="FME694" s="613"/>
      <c r="FMF694" s="613"/>
      <c r="FMG694" s="613"/>
      <c r="FMH694" s="613"/>
      <c r="FMI694" s="613"/>
      <c r="FMJ694" s="613"/>
      <c r="FMK694" s="613"/>
      <c r="FML694" s="613"/>
      <c r="FMM694" s="613"/>
      <c r="FMN694" s="613"/>
      <c r="FMO694" s="613"/>
      <c r="FMP694" s="613"/>
      <c r="FMQ694" s="613"/>
      <c r="FMR694" s="613"/>
      <c r="FMS694" s="613"/>
      <c r="FMT694" s="613"/>
      <c r="FMU694" s="613"/>
      <c r="FMV694" s="613"/>
      <c r="FMW694" s="613"/>
      <c r="FMX694" s="613"/>
      <c r="FMY694" s="613"/>
      <c r="FMZ694" s="613"/>
      <c r="FNA694" s="613"/>
      <c r="FNB694" s="613"/>
      <c r="FNC694" s="613"/>
      <c r="FND694" s="613"/>
      <c r="FNE694" s="613"/>
      <c r="FNF694" s="613"/>
      <c r="FNG694" s="613"/>
      <c r="FNH694" s="613"/>
      <c r="FNI694" s="613"/>
      <c r="FNJ694" s="613"/>
      <c r="FNK694" s="613"/>
      <c r="FNL694" s="613"/>
      <c r="FNM694" s="613"/>
      <c r="FNN694" s="613"/>
      <c r="FNO694" s="613"/>
      <c r="FNP694" s="613"/>
      <c r="FNQ694" s="613"/>
      <c r="FNR694" s="613"/>
      <c r="FNS694" s="613"/>
      <c r="FNT694" s="613"/>
      <c r="FNU694" s="613"/>
      <c r="FNV694" s="613"/>
      <c r="FNW694" s="613"/>
      <c r="FNX694" s="613"/>
      <c r="FNY694" s="613"/>
      <c r="FNZ694" s="613"/>
      <c r="FOA694" s="613"/>
      <c r="FOB694" s="613"/>
      <c r="FOC694" s="613"/>
      <c r="FOD694" s="613"/>
      <c r="FOE694" s="613"/>
      <c r="FOF694" s="613"/>
      <c r="FOG694" s="613"/>
      <c r="FOH694" s="613"/>
      <c r="FOI694" s="613"/>
      <c r="FOJ694" s="613"/>
      <c r="FOK694" s="613"/>
      <c r="FOL694" s="613"/>
      <c r="FOM694" s="613"/>
      <c r="FON694" s="613"/>
      <c r="FOO694" s="613"/>
      <c r="FOP694" s="613"/>
      <c r="FOQ694" s="613"/>
      <c r="FOR694" s="613"/>
      <c r="FOS694" s="613"/>
      <c r="FOT694" s="613"/>
      <c r="FOU694" s="613"/>
      <c r="FOV694" s="613"/>
      <c r="FOW694" s="613"/>
      <c r="FOX694" s="613"/>
      <c r="FOY694" s="613"/>
      <c r="FOZ694" s="613"/>
      <c r="FPA694" s="613"/>
      <c r="FPB694" s="613"/>
      <c r="FPC694" s="613"/>
      <c r="FPD694" s="613"/>
      <c r="FPE694" s="613"/>
      <c r="FPF694" s="613"/>
      <c r="FPG694" s="613"/>
      <c r="FPH694" s="613"/>
      <c r="FPI694" s="613"/>
      <c r="FPJ694" s="613"/>
      <c r="FPK694" s="613"/>
      <c r="FPL694" s="613"/>
      <c r="FPM694" s="613"/>
      <c r="FPN694" s="613"/>
      <c r="FPO694" s="613"/>
      <c r="FPP694" s="613"/>
      <c r="FPQ694" s="613"/>
      <c r="FPR694" s="613"/>
      <c r="FPS694" s="613"/>
      <c r="FPT694" s="613"/>
      <c r="FPU694" s="613"/>
      <c r="FPV694" s="613"/>
      <c r="FPW694" s="613"/>
      <c r="FPX694" s="613"/>
      <c r="FPY694" s="613"/>
      <c r="FPZ694" s="613"/>
      <c r="FQA694" s="613"/>
      <c r="FQB694" s="613"/>
      <c r="FQC694" s="613"/>
      <c r="FQD694" s="613"/>
      <c r="FQE694" s="613"/>
      <c r="FQF694" s="613"/>
      <c r="FQG694" s="613"/>
      <c r="FQH694" s="613"/>
      <c r="FQI694" s="613"/>
      <c r="FQJ694" s="613"/>
      <c r="FQK694" s="613"/>
      <c r="FQL694" s="613"/>
      <c r="FQM694" s="613"/>
      <c r="FQN694" s="613"/>
      <c r="FQO694" s="613"/>
      <c r="FQP694" s="613"/>
      <c r="FQQ694" s="613"/>
      <c r="FQR694" s="613"/>
      <c r="FQS694" s="613"/>
      <c r="FQT694" s="613"/>
      <c r="FQU694" s="613"/>
      <c r="FQV694" s="613"/>
      <c r="FQW694" s="613"/>
      <c r="FQX694" s="613"/>
      <c r="FQY694" s="613"/>
      <c r="FQZ694" s="613"/>
      <c r="FRA694" s="613"/>
      <c r="FRB694" s="613"/>
      <c r="FRC694" s="613"/>
      <c r="FRD694" s="613"/>
      <c r="FRE694" s="613"/>
      <c r="FRF694" s="613"/>
      <c r="FRG694" s="613"/>
      <c r="FRH694" s="613"/>
      <c r="FRI694" s="613"/>
      <c r="FRJ694" s="613"/>
      <c r="FRK694" s="613"/>
      <c r="FRL694" s="613"/>
      <c r="FRM694" s="613"/>
      <c r="FRN694" s="613"/>
      <c r="FRO694" s="613"/>
      <c r="FRP694" s="613"/>
      <c r="FRQ694" s="613"/>
      <c r="FRR694" s="613"/>
      <c r="FRS694" s="613"/>
      <c r="FRT694" s="613"/>
      <c r="FRU694" s="613"/>
      <c r="FRV694" s="613"/>
      <c r="FRW694" s="613"/>
      <c r="FRX694" s="613"/>
      <c r="FRY694" s="613"/>
      <c r="FRZ694" s="613"/>
      <c r="FSA694" s="613"/>
      <c r="FSB694" s="613"/>
      <c r="FSC694" s="613"/>
      <c r="FSD694" s="613"/>
      <c r="FSE694" s="613"/>
      <c r="FSF694" s="613"/>
      <c r="FSG694" s="613"/>
      <c r="FSH694" s="613"/>
      <c r="FSI694" s="613"/>
      <c r="FSJ694" s="613"/>
      <c r="FSK694" s="613"/>
      <c r="FSL694" s="613"/>
      <c r="FSM694" s="613"/>
      <c r="FSN694" s="613"/>
      <c r="FSO694" s="613"/>
      <c r="FSP694" s="613"/>
      <c r="FSQ694" s="613"/>
      <c r="FSR694" s="613"/>
      <c r="FSS694" s="613"/>
      <c r="FST694" s="613"/>
      <c r="FSU694" s="613"/>
      <c r="FSV694" s="613"/>
      <c r="FSW694" s="613"/>
      <c r="FSX694" s="613"/>
      <c r="FSY694" s="613"/>
      <c r="FSZ694" s="613"/>
      <c r="FTA694" s="613"/>
      <c r="FTB694" s="613"/>
      <c r="FTC694" s="613"/>
      <c r="FTD694" s="613"/>
      <c r="FTE694" s="613"/>
      <c r="FTF694" s="613"/>
      <c r="FTG694" s="613"/>
      <c r="FTH694" s="613"/>
      <c r="FTI694" s="613"/>
      <c r="FTJ694" s="613"/>
      <c r="FTK694" s="613"/>
      <c r="FTL694" s="613"/>
      <c r="FTM694" s="613"/>
      <c r="FTN694" s="613"/>
      <c r="FTO694" s="613"/>
      <c r="FTP694" s="613"/>
      <c r="FTQ694" s="613"/>
      <c r="FTR694" s="613"/>
      <c r="FTS694" s="613"/>
      <c r="FTT694" s="613"/>
      <c r="FTU694" s="613"/>
      <c r="FTV694" s="613"/>
      <c r="FTW694" s="613"/>
      <c r="FTX694" s="613"/>
      <c r="FTY694" s="613"/>
      <c r="FTZ694" s="613"/>
      <c r="FUA694" s="613"/>
      <c r="FUB694" s="613"/>
      <c r="FUC694" s="613"/>
      <c r="FUD694" s="613"/>
      <c r="FUE694" s="613"/>
      <c r="FUF694" s="613"/>
      <c r="FUG694" s="613"/>
      <c r="FUH694" s="613"/>
      <c r="FUI694" s="613"/>
      <c r="FUJ694" s="613"/>
      <c r="FUK694" s="613"/>
      <c r="FUL694" s="613"/>
      <c r="FUM694" s="613"/>
      <c r="FUN694" s="613"/>
      <c r="FUO694" s="613"/>
      <c r="FUP694" s="613"/>
      <c r="FUQ694" s="613"/>
      <c r="FUR694" s="613"/>
      <c r="FUS694" s="613"/>
      <c r="FUT694" s="613"/>
      <c r="FUU694" s="613"/>
      <c r="FUV694" s="613"/>
      <c r="FUW694" s="613"/>
      <c r="FUX694" s="613"/>
      <c r="FUY694" s="613"/>
      <c r="FUZ694" s="613"/>
      <c r="FVA694" s="613"/>
      <c r="FVB694" s="613"/>
      <c r="FVC694" s="613"/>
      <c r="FVD694" s="613"/>
      <c r="FVE694" s="613"/>
      <c r="FVF694" s="613"/>
      <c r="FVG694" s="613"/>
      <c r="FVH694" s="613"/>
      <c r="FVI694" s="613"/>
      <c r="FVJ694" s="613"/>
      <c r="FVK694" s="613"/>
      <c r="FVL694" s="613"/>
      <c r="FVM694" s="613"/>
      <c r="FVN694" s="613"/>
      <c r="FVO694" s="613"/>
      <c r="FVP694" s="613"/>
      <c r="FVQ694" s="613"/>
      <c r="FVR694" s="613"/>
      <c r="FVS694" s="613"/>
      <c r="FVT694" s="613"/>
      <c r="FVU694" s="613"/>
      <c r="FVV694" s="613"/>
      <c r="FVW694" s="613"/>
      <c r="FVX694" s="613"/>
      <c r="FVY694" s="613"/>
      <c r="FVZ694" s="613"/>
      <c r="FWA694" s="613"/>
      <c r="FWB694" s="613"/>
      <c r="FWC694" s="613"/>
      <c r="FWD694" s="613"/>
      <c r="FWE694" s="613"/>
      <c r="FWF694" s="613"/>
      <c r="FWG694" s="613"/>
      <c r="FWH694" s="613"/>
      <c r="FWI694" s="613"/>
      <c r="FWJ694" s="613"/>
      <c r="FWK694" s="613"/>
      <c r="FWL694" s="613"/>
      <c r="FWM694" s="613"/>
      <c r="FWN694" s="613"/>
      <c r="FWO694" s="613"/>
      <c r="FWP694" s="613"/>
      <c r="FWQ694" s="613"/>
      <c r="FWR694" s="613"/>
      <c r="FWS694" s="613"/>
      <c r="FWT694" s="613"/>
      <c r="FWU694" s="613"/>
      <c r="FWV694" s="613"/>
      <c r="FWW694" s="613"/>
      <c r="FWX694" s="613"/>
      <c r="FWY694" s="613"/>
      <c r="FWZ694" s="613"/>
      <c r="FXA694" s="613"/>
      <c r="FXB694" s="613"/>
      <c r="FXC694" s="613"/>
      <c r="FXD694" s="613"/>
      <c r="FXE694" s="613"/>
      <c r="FXF694" s="613"/>
      <c r="FXG694" s="613"/>
      <c r="FXH694" s="613"/>
      <c r="FXI694" s="613"/>
      <c r="FXJ694" s="613"/>
      <c r="FXK694" s="613"/>
      <c r="FXL694" s="613"/>
      <c r="FXM694" s="613"/>
      <c r="FXN694" s="613"/>
      <c r="FXO694" s="613"/>
      <c r="FXP694" s="613"/>
      <c r="FXQ694" s="613"/>
      <c r="FXR694" s="613"/>
      <c r="FXS694" s="613"/>
      <c r="FXT694" s="613"/>
      <c r="FXU694" s="613"/>
      <c r="FXV694" s="613"/>
      <c r="FXW694" s="613"/>
      <c r="FXX694" s="613"/>
      <c r="FXY694" s="613"/>
      <c r="FXZ694" s="613"/>
      <c r="FYA694" s="613"/>
      <c r="FYB694" s="613"/>
      <c r="FYC694" s="613"/>
      <c r="FYD694" s="613"/>
      <c r="FYE694" s="613"/>
      <c r="FYF694" s="613"/>
      <c r="FYG694" s="613"/>
      <c r="FYH694" s="613"/>
      <c r="FYI694" s="613"/>
      <c r="FYJ694" s="613"/>
      <c r="FYK694" s="613"/>
      <c r="FYL694" s="613"/>
      <c r="FYM694" s="613"/>
      <c r="FYN694" s="613"/>
      <c r="FYO694" s="613"/>
      <c r="FYP694" s="613"/>
      <c r="FYQ694" s="613"/>
      <c r="FYR694" s="613"/>
      <c r="FYS694" s="613"/>
      <c r="FYT694" s="613"/>
      <c r="FYU694" s="613"/>
      <c r="FYV694" s="613"/>
      <c r="FYW694" s="613"/>
      <c r="FYX694" s="613"/>
      <c r="FYY694" s="613"/>
      <c r="FYZ694" s="613"/>
      <c r="FZA694" s="613"/>
      <c r="FZB694" s="613"/>
      <c r="FZC694" s="613"/>
      <c r="FZD694" s="613"/>
      <c r="FZE694" s="613"/>
      <c r="FZF694" s="613"/>
      <c r="FZG694" s="613"/>
      <c r="FZH694" s="613"/>
      <c r="FZI694" s="613"/>
      <c r="FZJ694" s="613"/>
      <c r="FZK694" s="613"/>
      <c r="FZL694" s="613"/>
      <c r="FZM694" s="613"/>
      <c r="FZN694" s="613"/>
      <c r="FZO694" s="613"/>
      <c r="FZP694" s="613"/>
      <c r="FZQ694" s="613"/>
      <c r="FZR694" s="613"/>
      <c r="FZS694" s="613"/>
      <c r="FZT694" s="613"/>
      <c r="FZU694" s="613"/>
      <c r="FZV694" s="613"/>
      <c r="FZW694" s="613"/>
      <c r="FZX694" s="613"/>
      <c r="FZY694" s="613"/>
      <c r="FZZ694" s="613"/>
      <c r="GAA694" s="613"/>
      <c r="GAB694" s="613"/>
      <c r="GAC694" s="613"/>
      <c r="GAD694" s="613"/>
      <c r="GAE694" s="613"/>
      <c r="GAF694" s="613"/>
      <c r="GAG694" s="613"/>
      <c r="GAH694" s="613"/>
      <c r="GAI694" s="613"/>
      <c r="GAJ694" s="613"/>
      <c r="GAK694" s="613"/>
      <c r="GAL694" s="613"/>
      <c r="GAM694" s="613"/>
      <c r="GAN694" s="613"/>
      <c r="GAO694" s="613"/>
      <c r="GAP694" s="613"/>
      <c r="GAQ694" s="613"/>
      <c r="GAR694" s="613"/>
      <c r="GAS694" s="613"/>
      <c r="GAT694" s="613"/>
      <c r="GAU694" s="613"/>
      <c r="GAV694" s="613"/>
      <c r="GAW694" s="613"/>
      <c r="GAX694" s="613"/>
      <c r="GAY694" s="613"/>
      <c r="GAZ694" s="613"/>
      <c r="GBA694" s="613"/>
      <c r="GBB694" s="613"/>
      <c r="GBC694" s="613"/>
      <c r="GBD694" s="613"/>
      <c r="GBE694" s="613"/>
      <c r="GBF694" s="613"/>
      <c r="GBG694" s="613"/>
      <c r="GBH694" s="613"/>
      <c r="GBI694" s="613"/>
      <c r="GBJ694" s="613"/>
      <c r="GBK694" s="613"/>
      <c r="GBL694" s="613"/>
      <c r="GBM694" s="613"/>
      <c r="GBN694" s="613"/>
      <c r="GBO694" s="613"/>
      <c r="GBP694" s="613"/>
      <c r="GBQ694" s="613"/>
      <c r="GBR694" s="613"/>
      <c r="GBS694" s="613"/>
      <c r="GBT694" s="613"/>
      <c r="GBU694" s="613"/>
      <c r="GBV694" s="613"/>
      <c r="GBW694" s="613"/>
      <c r="GBX694" s="613"/>
      <c r="GBY694" s="613"/>
      <c r="GBZ694" s="613"/>
      <c r="GCA694" s="613"/>
      <c r="GCB694" s="613"/>
      <c r="GCC694" s="613"/>
      <c r="GCD694" s="613"/>
      <c r="GCE694" s="613"/>
      <c r="GCF694" s="613"/>
      <c r="GCG694" s="613"/>
      <c r="GCH694" s="613"/>
      <c r="GCI694" s="613"/>
      <c r="GCJ694" s="613"/>
      <c r="GCK694" s="613"/>
      <c r="GCL694" s="613"/>
      <c r="GCM694" s="613"/>
      <c r="GCN694" s="613"/>
      <c r="GCO694" s="613"/>
      <c r="GCP694" s="613"/>
      <c r="GCQ694" s="613"/>
      <c r="GCR694" s="613"/>
      <c r="GCS694" s="613"/>
      <c r="GCT694" s="613"/>
      <c r="GCU694" s="613"/>
      <c r="GCV694" s="613"/>
      <c r="GCW694" s="613"/>
      <c r="GCX694" s="613"/>
      <c r="GCY694" s="613"/>
      <c r="GCZ694" s="613"/>
      <c r="GDA694" s="613"/>
      <c r="GDB694" s="613"/>
      <c r="GDC694" s="613"/>
      <c r="GDD694" s="613"/>
      <c r="GDE694" s="613"/>
      <c r="GDF694" s="613"/>
      <c r="GDG694" s="613"/>
      <c r="GDH694" s="613"/>
      <c r="GDI694" s="613"/>
      <c r="GDJ694" s="613"/>
      <c r="GDK694" s="613"/>
      <c r="GDL694" s="613"/>
      <c r="GDM694" s="613"/>
      <c r="GDN694" s="613"/>
      <c r="GDO694" s="613"/>
      <c r="GDP694" s="613"/>
      <c r="GDQ694" s="613"/>
      <c r="GDR694" s="613"/>
      <c r="GDS694" s="613"/>
      <c r="GDT694" s="613"/>
      <c r="GDU694" s="613"/>
      <c r="GDV694" s="613"/>
      <c r="GDW694" s="613"/>
      <c r="GDX694" s="613"/>
      <c r="GDY694" s="613"/>
      <c r="GDZ694" s="613"/>
      <c r="GEA694" s="613"/>
      <c r="GEB694" s="613"/>
      <c r="GEC694" s="613"/>
      <c r="GED694" s="613"/>
      <c r="GEE694" s="613"/>
      <c r="GEF694" s="613"/>
      <c r="GEG694" s="613"/>
      <c r="GEH694" s="613"/>
      <c r="GEI694" s="613"/>
      <c r="GEJ694" s="613"/>
      <c r="GEK694" s="613"/>
      <c r="GEL694" s="613"/>
      <c r="GEM694" s="613"/>
      <c r="GEN694" s="613"/>
      <c r="GEO694" s="613"/>
      <c r="GEP694" s="613"/>
      <c r="GEQ694" s="613"/>
      <c r="GER694" s="613"/>
      <c r="GES694" s="613"/>
      <c r="GET694" s="613"/>
      <c r="GEU694" s="613"/>
      <c r="GEV694" s="613"/>
      <c r="GEW694" s="613"/>
      <c r="GEX694" s="613"/>
      <c r="GEY694" s="613"/>
      <c r="GEZ694" s="613"/>
      <c r="GFA694" s="613"/>
      <c r="GFB694" s="613"/>
      <c r="GFC694" s="613"/>
      <c r="GFD694" s="613"/>
      <c r="GFE694" s="613"/>
      <c r="GFF694" s="613"/>
      <c r="GFG694" s="613"/>
      <c r="GFH694" s="613"/>
      <c r="GFI694" s="613"/>
      <c r="GFJ694" s="613"/>
      <c r="GFK694" s="613"/>
      <c r="GFL694" s="613"/>
      <c r="GFM694" s="613"/>
      <c r="GFN694" s="613"/>
      <c r="GFO694" s="613"/>
      <c r="GFP694" s="613"/>
      <c r="GFQ694" s="613"/>
      <c r="GFR694" s="613"/>
      <c r="GFS694" s="613"/>
      <c r="GFT694" s="613"/>
      <c r="GFU694" s="613"/>
      <c r="GFV694" s="613"/>
      <c r="GFW694" s="613"/>
      <c r="GFX694" s="613"/>
      <c r="GFY694" s="613"/>
      <c r="GFZ694" s="613"/>
      <c r="GGA694" s="613"/>
      <c r="GGB694" s="613"/>
      <c r="GGC694" s="613"/>
      <c r="GGD694" s="613"/>
      <c r="GGE694" s="613"/>
      <c r="GGF694" s="613"/>
      <c r="GGG694" s="613"/>
      <c r="GGH694" s="613"/>
      <c r="GGI694" s="613"/>
      <c r="GGJ694" s="613"/>
      <c r="GGK694" s="613"/>
      <c r="GGL694" s="613"/>
      <c r="GGM694" s="613"/>
      <c r="GGN694" s="613"/>
      <c r="GGO694" s="613"/>
      <c r="GGP694" s="613"/>
      <c r="GGQ694" s="613"/>
      <c r="GGR694" s="613"/>
      <c r="GGS694" s="613"/>
      <c r="GGT694" s="613"/>
      <c r="GGU694" s="613"/>
      <c r="GGV694" s="613"/>
      <c r="GGW694" s="613"/>
      <c r="GGX694" s="613"/>
      <c r="GGY694" s="613"/>
      <c r="GGZ694" s="613"/>
      <c r="GHA694" s="613"/>
      <c r="GHB694" s="613"/>
      <c r="GHC694" s="613"/>
      <c r="GHD694" s="613"/>
      <c r="GHE694" s="613"/>
      <c r="GHF694" s="613"/>
      <c r="GHG694" s="613"/>
      <c r="GHH694" s="613"/>
      <c r="GHI694" s="613"/>
      <c r="GHJ694" s="613"/>
      <c r="GHK694" s="613"/>
      <c r="GHL694" s="613"/>
      <c r="GHM694" s="613"/>
      <c r="GHN694" s="613"/>
      <c r="GHO694" s="613"/>
      <c r="GHP694" s="613"/>
      <c r="GHQ694" s="613"/>
      <c r="GHR694" s="613"/>
      <c r="GHS694" s="613"/>
      <c r="GHT694" s="613"/>
      <c r="GHU694" s="613"/>
      <c r="GHV694" s="613"/>
      <c r="GHW694" s="613"/>
      <c r="GHX694" s="613"/>
      <c r="GHY694" s="613"/>
      <c r="GHZ694" s="613"/>
      <c r="GIA694" s="613"/>
      <c r="GIB694" s="613"/>
      <c r="GIC694" s="613"/>
      <c r="GID694" s="613"/>
      <c r="GIE694" s="613"/>
      <c r="GIF694" s="613"/>
      <c r="GIG694" s="613"/>
      <c r="GIH694" s="613"/>
      <c r="GII694" s="613"/>
      <c r="GIJ694" s="613"/>
      <c r="GIK694" s="613"/>
      <c r="GIL694" s="613"/>
      <c r="GIM694" s="613"/>
      <c r="GIN694" s="613"/>
      <c r="GIO694" s="613"/>
      <c r="GIP694" s="613"/>
      <c r="GIQ694" s="613"/>
      <c r="GIR694" s="613"/>
      <c r="GIS694" s="613"/>
      <c r="GIT694" s="613"/>
      <c r="GIU694" s="613"/>
      <c r="GIV694" s="613"/>
      <c r="GIW694" s="613"/>
      <c r="GIX694" s="613"/>
      <c r="GIY694" s="613"/>
      <c r="GIZ694" s="613"/>
      <c r="GJA694" s="613"/>
      <c r="GJB694" s="613"/>
      <c r="GJC694" s="613"/>
      <c r="GJD694" s="613"/>
      <c r="GJE694" s="613"/>
      <c r="GJF694" s="613"/>
      <c r="GJG694" s="613"/>
      <c r="GJH694" s="613"/>
      <c r="GJI694" s="613"/>
      <c r="GJJ694" s="613"/>
      <c r="GJK694" s="613"/>
      <c r="GJL694" s="613"/>
      <c r="GJM694" s="613"/>
      <c r="GJN694" s="613"/>
      <c r="GJO694" s="613"/>
      <c r="GJP694" s="613"/>
      <c r="GJQ694" s="613"/>
      <c r="GJR694" s="613"/>
      <c r="GJS694" s="613"/>
      <c r="GJT694" s="613"/>
      <c r="GJU694" s="613"/>
      <c r="GJV694" s="613"/>
      <c r="GJW694" s="613"/>
      <c r="GJX694" s="613"/>
      <c r="GJY694" s="613"/>
      <c r="GJZ694" s="613"/>
      <c r="GKA694" s="613"/>
      <c r="GKB694" s="613"/>
      <c r="GKC694" s="613"/>
      <c r="GKD694" s="613"/>
      <c r="GKE694" s="613"/>
      <c r="GKF694" s="613"/>
      <c r="GKG694" s="613"/>
      <c r="GKH694" s="613"/>
      <c r="GKI694" s="613"/>
      <c r="GKJ694" s="613"/>
      <c r="GKK694" s="613"/>
      <c r="GKL694" s="613"/>
      <c r="GKM694" s="613"/>
      <c r="GKN694" s="613"/>
      <c r="GKO694" s="613"/>
      <c r="GKP694" s="613"/>
      <c r="GKQ694" s="613"/>
      <c r="GKR694" s="613"/>
      <c r="GKS694" s="613"/>
      <c r="GKT694" s="613"/>
      <c r="GKU694" s="613"/>
      <c r="GKV694" s="613"/>
      <c r="GKW694" s="613"/>
      <c r="GKX694" s="613"/>
      <c r="GKY694" s="613"/>
      <c r="GKZ694" s="613"/>
      <c r="GLA694" s="613"/>
      <c r="GLB694" s="613"/>
      <c r="GLC694" s="613"/>
      <c r="GLD694" s="613"/>
      <c r="GLE694" s="613"/>
      <c r="GLF694" s="613"/>
      <c r="GLG694" s="613"/>
      <c r="GLH694" s="613"/>
      <c r="GLI694" s="613"/>
      <c r="GLJ694" s="613"/>
      <c r="GLK694" s="613"/>
      <c r="GLL694" s="613"/>
      <c r="GLM694" s="613"/>
      <c r="GLN694" s="613"/>
      <c r="GLO694" s="613"/>
      <c r="GLP694" s="613"/>
      <c r="GLQ694" s="613"/>
      <c r="GLR694" s="613"/>
      <c r="GLS694" s="613"/>
      <c r="GLT694" s="613"/>
      <c r="GLU694" s="613"/>
      <c r="GLV694" s="613"/>
      <c r="GLW694" s="613"/>
      <c r="GLX694" s="613"/>
      <c r="GLY694" s="613"/>
      <c r="GLZ694" s="613"/>
      <c r="GMA694" s="613"/>
      <c r="GMB694" s="613"/>
      <c r="GMC694" s="613"/>
      <c r="GMD694" s="613"/>
      <c r="GME694" s="613"/>
      <c r="GMF694" s="613"/>
      <c r="GMG694" s="613"/>
      <c r="GMH694" s="613"/>
      <c r="GMI694" s="613"/>
      <c r="GMJ694" s="613"/>
      <c r="GMK694" s="613"/>
      <c r="GML694" s="613"/>
      <c r="GMM694" s="613"/>
      <c r="GMN694" s="613"/>
      <c r="GMO694" s="613"/>
      <c r="GMP694" s="613"/>
      <c r="GMQ694" s="613"/>
      <c r="GMR694" s="613"/>
      <c r="GMS694" s="613"/>
      <c r="GMT694" s="613"/>
      <c r="GMU694" s="613"/>
      <c r="GMV694" s="613"/>
      <c r="GMW694" s="613"/>
      <c r="GMX694" s="613"/>
      <c r="GMY694" s="613"/>
      <c r="GMZ694" s="613"/>
      <c r="GNA694" s="613"/>
      <c r="GNB694" s="613"/>
      <c r="GNC694" s="613"/>
      <c r="GND694" s="613"/>
      <c r="GNE694" s="613"/>
      <c r="GNF694" s="613"/>
      <c r="GNG694" s="613"/>
      <c r="GNH694" s="613"/>
      <c r="GNI694" s="613"/>
      <c r="GNJ694" s="613"/>
      <c r="GNK694" s="613"/>
      <c r="GNL694" s="613"/>
      <c r="GNM694" s="613"/>
      <c r="GNN694" s="613"/>
      <c r="GNO694" s="613"/>
      <c r="GNP694" s="613"/>
      <c r="GNQ694" s="613"/>
      <c r="GNR694" s="613"/>
      <c r="GNS694" s="613"/>
      <c r="GNT694" s="613"/>
      <c r="GNU694" s="613"/>
      <c r="GNV694" s="613"/>
      <c r="GNW694" s="613"/>
      <c r="GNX694" s="613"/>
      <c r="GNY694" s="613"/>
      <c r="GNZ694" s="613"/>
      <c r="GOA694" s="613"/>
      <c r="GOB694" s="613"/>
      <c r="GOC694" s="613"/>
      <c r="GOD694" s="613"/>
      <c r="GOE694" s="613"/>
      <c r="GOF694" s="613"/>
      <c r="GOG694" s="613"/>
      <c r="GOH694" s="613"/>
      <c r="GOI694" s="613"/>
      <c r="GOJ694" s="613"/>
      <c r="GOK694" s="613"/>
      <c r="GOL694" s="613"/>
      <c r="GOM694" s="613"/>
      <c r="GON694" s="613"/>
      <c r="GOO694" s="613"/>
      <c r="GOP694" s="613"/>
      <c r="GOQ694" s="613"/>
      <c r="GOR694" s="613"/>
      <c r="GOS694" s="613"/>
      <c r="GOT694" s="613"/>
      <c r="GOU694" s="613"/>
      <c r="GOV694" s="613"/>
      <c r="GOW694" s="613"/>
      <c r="GOX694" s="613"/>
      <c r="GOY694" s="613"/>
      <c r="GOZ694" s="613"/>
      <c r="GPA694" s="613"/>
      <c r="GPB694" s="613"/>
      <c r="GPC694" s="613"/>
      <c r="GPD694" s="613"/>
      <c r="GPE694" s="613"/>
      <c r="GPF694" s="613"/>
      <c r="GPG694" s="613"/>
      <c r="GPH694" s="613"/>
      <c r="GPI694" s="613"/>
      <c r="GPJ694" s="613"/>
      <c r="GPK694" s="613"/>
      <c r="GPL694" s="613"/>
      <c r="GPM694" s="613"/>
      <c r="GPN694" s="613"/>
      <c r="GPO694" s="613"/>
      <c r="GPP694" s="613"/>
      <c r="GPQ694" s="613"/>
      <c r="GPR694" s="613"/>
      <c r="GPS694" s="613"/>
      <c r="GPT694" s="613"/>
      <c r="GPU694" s="613"/>
      <c r="GPV694" s="613"/>
      <c r="GPW694" s="613"/>
      <c r="GPX694" s="613"/>
      <c r="GPY694" s="613"/>
      <c r="GPZ694" s="613"/>
      <c r="GQA694" s="613"/>
      <c r="GQB694" s="613"/>
      <c r="GQC694" s="613"/>
      <c r="GQD694" s="613"/>
      <c r="GQE694" s="613"/>
      <c r="GQF694" s="613"/>
      <c r="GQG694" s="613"/>
      <c r="GQH694" s="613"/>
      <c r="GQI694" s="613"/>
      <c r="GQJ694" s="613"/>
      <c r="GQK694" s="613"/>
      <c r="GQL694" s="613"/>
      <c r="GQM694" s="613"/>
      <c r="GQN694" s="613"/>
      <c r="GQO694" s="613"/>
      <c r="GQP694" s="613"/>
      <c r="GQQ694" s="613"/>
      <c r="GQR694" s="613"/>
      <c r="GQS694" s="613"/>
      <c r="GQT694" s="613"/>
      <c r="GQU694" s="613"/>
      <c r="GQV694" s="613"/>
      <c r="GQW694" s="613"/>
      <c r="GQX694" s="613"/>
      <c r="GQY694" s="613"/>
      <c r="GQZ694" s="613"/>
      <c r="GRA694" s="613"/>
      <c r="GRB694" s="613"/>
      <c r="GRC694" s="613"/>
      <c r="GRD694" s="613"/>
      <c r="GRE694" s="613"/>
      <c r="GRF694" s="613"/>
      <c r="GRG694" s="613"/>
      <c r="GRH694" s="613"/>
      <c r="GRI694" s="613"/>
      <c r="GRJ694" s="613"/>
      <c r="GRK694" s="613"/>
      <c r="GRL694" s="613"/>
      <c r="GRM694" s="613"/>
      <c r="GRN694" s="613"/>
      <c r="GRO694" s="613"/>
      <c r="GRP694" s="613"/>
      <c r="GRQ694" s="613"/>
      <c r="GRR694" s="613"/>
      <c r="GRS694" s="613"/>
      <c r="GRT694" s="613"/>
      <c r="GRU694" s="613"/>
      <c r="GRV694" s="613"/>
      <c r="GRW694" s="613"/>
      <c r="GRX694" s="613"/>
      <c r="GRY694" s="613"/>
      <c r="GRZ694" s="613"/>
      <c r="GSA694" s="613"/>
      <c r="GSB694" s="613"/>
      <c r="GSC694" s="613"/>
      <c r="GSD694" s="613"/>
      <c r="GSE694" s="613"/>
      <c r="GSF694" s="613"/>
      <c r="GSG694" s="613"/>
      <c r="GSH694" s="613"/>
      <c r="GSI694" s="613"/>
      <c r="GSJ694" s="613"/>
      <c r="GSK694" s="613"/>
      <c r="GSL694" s="613"/>
      <c r="GSM694" s="613"/>
      <c r="GSN694" s="613"/>
      <c r="GSO694" s="613"/>
      <c r="GSP694" s="613"/>
      <c r="GSQ694" s="613"/>
      <c r="GSR694" s="613"/>
      <c r="GSS694" s="613"/>
      <c r="GST694" s="613"/>
      <c r="GSU694" s="613"/>
      <c r="GSV694" s="613"/>
      <c r="GSW694" s="613"/>
      <c r="GSX694" s="613"/>
      <c r="GSY694" s="613"/>
      <c r="GSZ694" s="613"/>
      <c r="GTA694" s="613"/>
      <c r="GTB694" s="613"/>
      <c r="GTC694" s="613"/>
      <c r="GTD694" s="613"/>
      <c r="GTE694" s="613"/>
      <c r="GTF694" s="613"/>
      <c r="GTG694" s="613"/>
      <c r="GTH694" s="613"/>
      <c r="GTI694" s="613"/>
      <c r="GTJ694" s="613"/>
      <c r="GTK694" s="613"/>
      <c r="GTL694" s="613"/>
      <c r="GTM694" s="613"/>
      <c r="GTN694" s="613"/>
      <c r="GTO694" s="613"/>
      <c r="GTP694" s="613"/>
      <c r="GTQ694" s="613"/>
      <c r="GTR694" s="613"/>
      <c r="GTS694" s="613"/>
      <c r="GTT694" s="613"/>
      <c r="GTU694" s="613"/>
      <c r="GTV694" s="613"/>
      <c r="GTW694" s="613"/>
      <c r="GTX694" s="613"/>
      <c r="GTY694" s="613"/>
      <c r="GTZ694" s="613"/>
      <c r="GUA694" s="613"/>
      <c r="GUB694" s="613"/>
      <c r="GUC694" s="613"/>
      <c r="GUD694" s="613"/>
      <c r="GUE694" s="613"/>
      <c r="GUF694" s="613"/>
      <c r="GUG694" s="613"/>
      <c r="GUH694" s="613"/>
      <c r="GUI694" s="613"/>
      <c r="GUJ694" s="613"/>
      <c r="GUK694" s="613"/>
      <c r="GUL694" s="613"/>
      <c r="GUM694" s="613"/>
      <c r="GUN694" s="613"/>
      <c r="GUO694" s="613"/>
      <c r="GUP694" s="613"/>
      <c r="GUQ694" s="613"/>
      <c r="GUR694" s="613"/>
      <c r="GUS694" s="613"/>
      <c r="GUT694" s="613"/>
      <c r="GUU694" s="613"/>
      <c r="GUV694" s="613"/>
      <c r="GUW694" s="613"/>
      <c r="GUX694" s="613"/>
      <c r="GUY694" s="613"/>
      <c r="GUZ694" s="613"/>
      <c r="GVA694" s="613"/>
      <c r="GVB694" s="613"/>
      <c r="GVC694" s="613"/>
      <c r="GVD694" s="613"/>
      <c r="GVE694" s="613"/>
      <c r="GVF694" s="613"/>
      <c r="GVG694" s="613"/>
      <c r="GVH694" s="613"/>
      <c r="GVI694" s="613"/>
      <c r="GVJ694" s="613"/>
      <c r="GVK694" s="613"/>
      <c r="GVL694" s="613"/>
      <c r="GVM694" s="613"/>
      <c r="GVN694" s="613"/>
      <c r="GVO694" s="613"/>
      <c r="GVP694" s="613"/>
      <c r="GVQ694" s="613"/>
      <c r="GVR694" s="613"/>
      <c r="GVS694" s="613"/>
      <c r="GVT694" s="613"/>
      <c r="GVU694" s="613"/>
      <c r="GVV694" s="613"/>
      <c r="GVW694" s="613"/>
      <c r="GVX694" s="613"/>
      <c r="GVY694" s="613"/>
      <c r="GVZ694" s="613"/>
      <c r="GWA694" s="613"/>
      <c r="GWB694" s="613"/>
      <c r="GWC694" s="613"/>
      <c r="GWD694" s="613"/>
      <c r="GWE694" s="613"/>
      <c r="GWF694" s="613"/>
      <c r="GWG694" s="613"/>
      <c r="GWH694" s="613"/>
      <c r="GWI694" s="613"/>
      <c r="GWJ694" s="613"/>
      <c r="GWK694" s="613"/>
      <c r="GWL694" s="613"/>
      <c r="GWM694" s="613"/>
      <c r="GWN694" s="613"/>
      <c r="GWO694" s="613"/>
      <c r="GWP694" s="613"/>
      <c r="GWQ694" s="613"/>
      <c r="GWR694" s="613"/>
      <c r="GWS694" s="613"/>
      <c r="GWT694" s="613"/>
      <c r="GWU694" s="613"/>
      <c r="GWV694" s="613"/>
      <c r="GWW694" s="613"/>
      <c r="GWX694" s="613"/>
      <c r="GWY694" s="613"/>
      <c r="GWZ694" s="613"/>
      <c r="GXA694" s="613"/>
      <c r="GXB694" s="613"/>
      <c r="GXC694" s="613"/>
      <c r="GXD694" s="613"/>
      <c r="GXE694" s="613"/>
      <c r="GXF694" s="613"/>
      <c r="GXG694" s="613"/>
      <c r="GXH694" s="613"/>
      <c r="GXI694" s="613"/>
      <c r="GXJ694" s="613"/>
      <c r="GXK694" s="613"/>
      <c r="GXL694" s="613"/>
      <c r="GXM694" s="613"/>
      <c r="GXN694" s="613"/>
      <c r="GXO694" s="613"/>
      <c r="GXP694" s="613"/>
      <c r="GXQ694" s="613"/>
      <c r="GXR694" s="613"/>
      <c r="GXS694" s="613"/>
      <c r="GXT694" s="613"/>
      <c r="GXU694" s="613"/>
      <c r="GXV694" s="613"/>
      <c r="GXW694" s="613"/>
      <c r="GXX694" s="613"/>
      <c r="GXY694" s="613"/>
      <c r="GXZ694" s="613"/>
      <c r="GYA694" s="613"/>
      <c r="GYB694" s="613"/>
      <c r="GYC694" s="613"/>
      <c r="GYD694" s="613"/>
      <c r="GYE694" s="613"/>
      <c r="GYF694" s="613"/>
      <c r="GYG694" s="613"/>
      <c r="GYH694" s="613"/>
      <c r="GYI694" s="613"/>
      <c r="GYJ694" s="613"/>
      <c r="GYK694" s="613"/>
      <c r="GYL694" s="613"/>
      <c r="GYM694" s="613"/>
      <c r="GYN694" s="613"/>
      <c r="GYO694" s="613"/>
      <c r="GYP694" s="613"/>
      <c r="GYQ694" s="613"/>
      <c r="GYR694" s="613"/>
      <c r="GYS694" s="613"/>
      <c r="GYT694" s="613"/>
      <c r="GYU694" s="613"/>
      <c r="GYV694" s="613"/>
      <c r="GYW694" s="613"/>
      <c r="GYX694" s="613"/>
      <c r="GYY694" s="613"/>
      <c r="GYZ694" s="613"/>
      <c r="GZA694" s="613"/>
      <c r="GZB694" s="613"/>
      <c r="GZC694" s="613"/>
      <c r="GZD694" s="613"/>
      <c r="GZE694" s="613"/>
      <c r="GZF694" s="613"/>
      <c r="GZG694" s="613"/>
      <c r="GZH694" s="613"/>
      <c r="GZI694" s="613"/>
      <c r="GZJ694" s="613"/>
      <c r="GZK694" s="613"/>
      <c r="GZL694" s="613"/>
      <c r="GZM694" s="613"/>
      <c r="GZN694" s="613"/>
      <c r="GZO694" s="613"/>
      <c r="GZP694" s="613"/>
      <c r="GZQ694" s="613"/>
      <c r="GZR694" s="613"/>
      <c r="GZS694" s="613"/>
      <c r="GZT694" s="613"/>
      <c r="GZU694" s="613"/>
      <c r="GZV694" s="613"/>
      <c r="GZW694" s="613"/>
      <c r="GZX694" s="613"/>
      <c r="GZY694" s="613"/>
      <c r="GZZ694" s="613"/>
      <c r="HAA694" s="613"/>
      <c r="HAB694" s="613"/>
      <c r="HAC694" s="613"/>
      <c r="HAD694" s="613"/>
      <c r="HAE694" s="613"/>
      <c r="HAF694" s="613"/>
      <c r="HAG694" s="613"/>
      <c r="HAH694" s="613"/>
      <c r="HAI694" s="613"/>
      <c r="HAJ694" s="613"/>
      <c r="HAK694" s="613"/>
      <c r="HAL694" s="613"/>
      <c r="HAM694" s="613"/>
      <c r="HAN694" s="613"/>
      <c r="HAO694" s="613"/>
      <c r="HAP694" s="613"/>
      <c r="HAQ694" s="613"/>
      <c r="HAR694" s="613"/>
      <c r="HAS694" s="613"/>
      <c r="HAT694" s="613"/>
      <c r="HAU694" s="613"/>
      <c r="HAV694" s="613"/>
      <c r="HAW694" s="613"/>
      <c r="HAX694" s="613"/>
      <c r="HAY694" s="613"/>
      <c r="HAZ694" s="613"/>
      <c r="HBA694" s="613"/>
      <c r="HBB694" s="613"/>
      <c r="HBC694" s="613"/>
      <c r="HBD694" s="613"/>
      <c r="HBE694" s="613"/>
      <c r="HBF694" s="613"/>
      <c r="HBG694" s="613"/>
      <c r="HBH694" s="613"/>
      <c r="HBI694" s="613"/>
      <c r="HBJ694" s="613"/>
      <c r="HBK694" s="613"/>
      <c r="HBL694" s="613"/>
      <c r="HBM694" s="613"/>
      <c r="HBN694" s="613"/>
      <c r="HBO694" s="613"/>
      <c r="HBP694" s="613"/>
      <c r="HBQ694" s="613"/>
      <c r="HBR694" s="613"/>
      <c r="HBS694" s="613"/>
      <c r="HBT694" s="613"/>
      <c r="HBU694" s="613"/>
      <c r="HBV694" s="613"/>
      <c r="HBW694" s="613"/>
      <c r="HBX694" s="613"/>
      <c r="HBY694" s="613"/>
      <c r="HBZ694" s="613"/>
      <c r="HCA694" s="613"/>
      <c r="HCB694" s="613"/>
      <c r="HCC694" s="613"/>
      <c r="HCD694" s="613"/>
      <c r="HCE694" s="613"/>
      <c r="HCF694" s="613"/>
      <c r="HCG694" s="613"/>
      <c r="HCH694" s="613"/>
      <c r="HCI694" s="613"/>
      <c r="HCJ694" s="613"/>
      <c r="HCK694" s="613"/>
      <c r="HCL694" s="613"/>
      <c r="HCM694" s="613"/>
      <c r="HCN694" s="613"/>
      <c r="HCO694" s="613"/>
      <c r="HCP694" s="613"/>
      <c r="HCQ694" s="613"/>
      <c r="HCR694" s="613"/>
      <c r="HCS694" s="613"/>
      <c r="HCT694" s="613"/>
      <c r="HCU694" s="613"/>
      <c r="HCV694" s="613"/>
      <c r="HCW694" s="613"/>
      <c r="HCX694" s="613"/>
      <c r="HCY694" s="613"/>
      <c r="HCZ694" s="613"/>
      <c r="HDA694" s="613"/>
      <c r="HDB694" s="613"/>
      <c r="HDC694" s="613"/>
      <c r="HDD694" s="613"/>
      <c r="HDE694" s="613"/>
      <c r="HDF694" s="613"/>
      <c r="HDG694" s="613"/>
      <c r="HDH694" s="613"/>
      <c r="HDI694" s="613"/>
      <c r="HDJ694" s="613"/>
      <c r="HDK694" s="613"/>
      <c r="HDL694" s="613"/>
      <c r="HDM694" s="613"/>
      <c r="HDN694" s="613"/>
      <c r="HDO694" s="613"/>
      <c r="HDP694" s="613"/>
      <c r="HDQ694" s="613"/>
      <c r="HDR694" s="613"/>
      <c r="HDS694" s="613"/>
      <c r="HDT694" s="613"/>
      <c r="HDU694" s="613"/>
      <c r="HDV694" s="613"/>
      <c r="HDW694" s="613"/>
      <c r="HDX694" s="613"/>
      <c r="HDY694" s="613"/>
      <c r="HDZ694" s="613"/>
      <c r="HEA694" s="613"/>
      <c r="HEB694" s="613"/>
      <c r="HEC694" s="613"/>
      <c r="HED694" s="613"/>
      <c r="HEE694" s="613"/>
      <c r="HEF694" s="613"/>
      <c r="HEG694" s="613"/>
      <c r="HEH694" s="613"/>
      <c r="HEI694" s="613"/>
      <c r="HEJ694" s="613"/>
      <c r="HEK694" s="613"/>
      <c r="HEL694" s="613"/>
      <c r="HEM694" s="613"/>
      <c r="HEN694" s="613"/>
      <c r="HEO694" s="613"/>
      <c r="HEP694" s="613"/>
      <c r="HEQ694" s="613"/>
      <c r="HER694" s="613"/>
      <c r="HES694" s="613"/>
      <c r="HET694" s="613"/>
      <c r="HEU694" s="613"/>
      <c r="HEV694" s="613"/>
      <c r="HEW694" s="613"/>
      <c r="HEX694" s="613"/>
      <c r="HEY694" s="613"/>
      <c r="HEZ694" s="613"/>
      <c r="HFA694" s="613"/>
      <c r="HFB694" s="613"/>
      <c r="HFC694" s="613"/>
      <c r="HFD694" s="613"/>
      <c r="HFE694" s="613"/>
      <c r="HFF694" s="613"/>
      <c r="HFG694" s="613"/>
      <c r="HFH694" s="613"/>
      <c r="HFI694" s="613"/>
      <c r="HFJ694" s="613"/>
      <c r="HFK694" s="613"/>
      <c r="HFL694" s="613"/>
      <c r="HFM694" s="613"/>
      <c r="HFN694" s="613"/>
      <c r="HFO694" s="613"/>
      <c r="HFP694" s="613"/>
      <c r="HFQ694" s="613"/>
      <c r="HFR694" s="613"/>
      <c r="HFS694" s="613"/>
      <c r="HFT694" s="613"/>
      <c r="HFU694" s="613"/>
      <c r="HFV694" s="613"/>
      <c r="HFW694" s="613"/>
      <c r="HFX694" s="613"/>
      <c r="HFY694" s="613"/>
      <c r="HFZ694" s="613"/>
      <c r="HGA694" s="613"/>
      <c r="HGB694" s="613"/>
      <c r="HGC694" s="613"/>
      <c r="HGD694" s="613"/>
      <c r="HGE694" s="613"/>
      <c r="HGF694" s="613"/>
      <c r="HGG694" s="613"/>
      <c r="HGH694" s="613"/>
      <c r="HGI694" s="613"/>
      <c r="HGJ694" s="613"/>
      <c r="HGK694" s="613"/>
      <c r="HGL694" s="613"/>
      <c r="HGM694" s="613"/>
      <c r="HGN694" s="613"/>
      <c r="HGO694" s="613"/>
      <c r="HGP694" s="613"/>
      <c r="HGQ694" s="613"/>
      <c r="HGR694" s="613"/>
      <c r="HGS694" s="613"/>
      <c r="HGT694" s="613"/>
      <c r="HGU694" s="613"/>
      <c r="HGV694" s="613"/>
      <c r="HGW694" s="613"/>
      <c r="HGX694" s="613"/>
      <c r="HGY694" s="613"/>
      <c r="HGZ694" s="613"/>
      <c r="HHA694" s="613"/>
      <c r="HHB694" s="613"/>
      <c r="HHC694" s="613"/>
      <c r="HHD694" s="613"/>
      <c r="HHE694" s="613"/>
      <c r="HHF694" s="613"/>
      <c r="HHG694" s="613"/>
      <c r="HHH694" s="613"/>
      <c r="HHI694" s="613"/>
      <c r="HHJ694" s="613"/>
      <c r="HHK694" s="613"/>
      <c r="HHL694" s="613"/>
      <c r="HHM694" s="613"/>
      <c r="HHN694" s="613"/>
      <c r="HHO694" s="613"/>
      <c r="HHP694" s="613"/>
      <c r="HHQ694" s="613"/>
      <c r="HHR694" s="613"/>
      <c r="HHS694" s="613"/>
      <c r="HHT694" s="613"/>
      <c r="HHU694" s="613"/>
      <c r="HHV694" s="613"/>
      <c r="HHW694" s="613"/>
      <c r="HHX694" s="613"/>
      <c r="HHY694" s="613"/>
      <c r="HHZ694" s="613"/>
      <c r="HIA694" s="613"/>
      <c r="HIB694" s="613"/>
      <c r="HIC694" s="613"/>
      <c r="HID694" s="613"/>
      <c r="HIE694" s="613"/>
      <c r="HIF694" s="613"/>
      <c r="HIG694" s="613"/>
      <c r="HIH694" s="613"/>
      <c r="HII694" s="613"/>
      <c r="HIJ694" s="613"/>
      <c r="HIK694" s="613"/>
      <c r="HIL694" s="613"/>
      <c r="HIM694" s="613"/>
      <c r="HIN694" s="613"/>
      <c r="HIO694" s="613"/>
      <c r="HIP694" s="613"/>
      <c r="HIQ694" s="613"/>
      <c r="HIR694" s="613"/>
      <c r="HIS694" s="613"/>
      <c r="HIT694" s="613"/>
      <c r="HIU694" s="613"/>
      <c r="HIV694" s="613"/>
      <c r="HIW694" s="613"/>
      <c r="HIX694" s="613"/>
      <c r="HIY694" s="613"/>
      <c r="HIZ694" s="613"/>
      <c r="HJA694" s="613"/>
      <c r="HJB694" s="613"/>
      <c r="HJC694" s="613"/>
      <c r="HJD694" s="613"/>
      <c r="HJE694" s="613"/>
      <c r="HJF694" s="613"/>
      <c r="HJG694" s="613"/>
      <c r="HJH694" s="613"/>
      <c r="HJI694" s="613"/>
      <c r="HJJ694" s="613"/>
      <c r="HJK694" s="613"/>
      <c r="HJL694" s="613"/>
      <c r="HJM694" s="613"/>
      <c r="HJN694" s="613"/>
      <c r="HJO694" s="613"/>
      <c r="HJP694" s="613"/>
      <c r="HJQ694" s="613"/>
      <c r="HJR694" s="613"/>
      <c r="HJS694" s="613"/>
      <c r="HJT694" s="613"/>
      <c r="HJU694" s="613"/>
      <c r="HJV694" s="613"/>
      <c r="HJW694" s="613"/>
      <c r="HJX694" s="613"/>
      <c r="HJY694" s="613"/>
      <c r="HJZ694" s="613"/>
      <c r="HKA694" s="613"/>
      <c r="HKB694" s="613"/>
      <c r="HKC694" s="613"/>
      <c r="HKD694" s="613"/>
      <c r="HKE694" s="613"/>
      <c r="HKF694" s="613"/>
      <c r="HKG694" s="613"/>
      <c r="HKH694" s="613"/>
      <c r="HKI694" s="613"/>
      <c r="HKJ694" s="613"/>
      <c r="HKK694" s="613"/>
      <c r="HKL694" s="613"/>
      <c r="HKM694" s="613"/>
      <c r="HKN694" s="613"/>
      <c r="HKO694" s="613"/>
      <c r="HKP694" s="613"/>
      <c r="HKQ694" s="613"/>
      <c r="HKR694" s="613"/>
      <c r="HKS694" s="613"/>
      <c r="HKT694" s="613"/>
      <c r="HKU694" s="613"/>
      <c r="HKV694" s="613"/>
      <c r="HKW694" s="613"/>
      <c r="HKX694" s="613"/>
      <c r="HKY694" s="613"/>
      <c r="HKZ694" s="613"/>
      <c r="HLA694" s="613"/>
      <c r="HLB694" s="613"/>
      <c r="HLC694" s="613"/>
      <c r="HLD694" s="613"/>
      <c r="HLE694" s="613"/>
      <c r="HLF694" s="613"/>
      <c r="HLG694" s="613"/>
      <c r="HLH694" s="613"/>
      <c r="HLI694" s="613"/>
      <c r="HLJ694" s="613"/>
      <c r="HLK694" s="613"/>
      <c r="HLL694" s="613"/>
      <c r="HLM694" s="613"/>
      <c r="HLN694" s="613"/>
      <c r="HLO694" s="613"/>
      <c r="HLP694" s="613"/>
      <c r="HLQ694" s="613"/>
      <c r="HLR694" s="613"/>
      <c r="HLS694" s="613"/>
      <c r="HLT694" s="613"/>
      <c r="HLU694" s="613"/>
      <c r="HLV694" s="613"/>
      <c r="HLW694" s="613"/>
      <c r="HLX694" s="613"/>
      <c r="HLY694" s="613"/>
      <c r="HLZ694" s="613"/>
      <c r="HMA694" s="613"/>
      <c r="HMB694" s="613"/>
      <c r="HMC694" s="613"/>
      <c r="HMD694" s="613"/>
      <c r="HME694" s="613"/>
      <c r="HMF694" s="613"/>
      <c r="HMG694" s="613"/>
      <c r="HMH694" s="613"/>
      <c r="HMI694" s="613"/>
      <c r="HMJ694" s="613"/>
      <c r="HMK694" s="613"/>
      <c r="HML694" s="613"/>
      <c r="HMM694" s="613"/>
      <c r="HMN694" s="613"/>
      <c r="HMO694" s="613"/>
      <c r="HMP694" s="613"/>
      <c r="HMQ694" s="613"/>
      <c r="HMR694" s="613"/>
      <c r="HMS694" s="613"/>
      <c r="HMT694" s="613"/>
      <c r="HMU694" s="613"/>
      <c r="HMV694" s="613"/>
      <c r="HMW694" s="613"/>
      <c r="HMX694" s="613"/>
      <c r="HMY694" s="613"/>
      <c r="HMZ694" s="613"/>
      <c r="HNA694" s="613"/>
      <c r="HNB694" s="613"/>
      <c r="HNC694" s="613"/>
      <c r="HND694" s="613"/>
      <c r="HNE694" s="613"/>
      <c r="HNF694" s="613"/>
      <c r="HNG694" s="613"/>
      <c r="HNH694" s="613"/>
      <c r="HNI694" s="613"/>
      <c r="HNJ694" s="613"/>
      <c r="HNK694" s="613"/>
      <c r="HNL694" s="613"/>
      <c r="HNM694" s="613"/>
      <c r="HNN694" s="613"/>
      <c r="HNO694" s="613"/>
      <c r="HNP694" s="613"/>
      <c r="HNQ694" s="613"/>
      <c r="HNR694" s="613"/>
      <c r="HNS694" s="613"/>
      <c r="HNT694" s="613"/>
      <c r="HNU694" s="613"/>
      <c r="HNV694" s="613"/>
      <c r="HNW694" s="613"/>
      <c r="HNX694" s="613"/>
      <c r="HNY694" s="613"/>
      <c r="HNZ694" s="613"/>
      <c r="HOA694" s="613"/>
      <c r="HOB694" s="613"/>
      <c r="HOC694" s="613"/>
      <c r="HOD694" s="613"/>
      <c r="HOE694" s="613"/>
      <c r="HOF694" s="613"/>
      <c r="HOG694" s="613"/>
      <c r="HOH694" s="613"/>
      <c r="HOI694" s="613"/>
      <c r="HOJ694" s="613"/>
      <c r="HOK694" s="613"/>
      <c r="HOL694" s="613"/>
      <c r="HOM694" s="613"/>
      <c r="HON694" s="613"/>
      <c r="HOO694" s="613"/>
      <c r="HOP694" s="613"/>
      <c r="HOQ694" s="613"/>
      <c r="HOR694" s="613"/>
      <c r="HOS694" s="613"/>
      <c r="HOT694" s="613"/>
      <c r="HOU694" s="613"/>
      <c r="HOV694" s="613"/>
      <c r="HOW694" s="613"/>
      <c r="HOX694" s="613"/>
      <c r="HOY694" s="613"/>
      <c r="HOZ694" s="613"/>
      <c r="HPA694" s="613"/>
      <c r="HPB694" s="613"/>
      <c r="HPC694" s="613"/>
      <c r="HPD694" s="613"/>
      <c r="HPE694" s="613"/>
      <c r="HPF694" s="613"/>
      <c r="HPG694" s="613"/>
      <c r="HPH694" s="613"/>
      <c r="HPI694" s="613"/>
      <c r="HPJ694" s="613"/>
      <c r="HPK694" s="613"/>
      <c r="HPL694" s="613"/>
      <c r="HPM694" s="613"/>
      <c r="HPN694" s="613"/>
      <c r="HPO694" s="613"/>
      <c r="HPP694" s="613"/>
      <c r="HPQ694" s="613"/>
      <c r="HPR694" s="613"/>
      <c r="HPS694" s="613"/>
      <c r="HPT694" s="613"/>
      <c r="HPU694" s="613"/>
      <c r="HPV694" s="613"/>
      <c r="HPW694" s="613"/>
      <c r="HPX694" s="613"/>
      <c r="HPY694" s="613"/>
      <c r="HPZ694" s="613"/>
      <c r="HQA694" s="613"/>
      <c r="HQB694" s="613"/>
      <c r="HQC694" s="613"/>
      <c r="HQD694" s="613"/>
      <c r="HQE694" s="613"/>
      <c r="HQF694" s="613"/>
      <c r="HQG694" s="613"/>
      <c r="HQH694" s="613"/>
      <c r="HQI694" s="613"/>
      <c r="HQJ694" s="613"/>
      <c r="HQK694" s="613"/>
      <c r="HQL694" s="613"/>
      <c r="HQM694" s="613"/>
      <c r="HQN694" s="613"/>
      <c r="HQO694" s="613"/>
      <c r="HQP694" s="613"/>
      <c r="HQQ694" s="613"/>
      <c r="HQR694" s="613"/>
      <c r="HQS694" s="613"/>
      <c r="HQT694" s="613"/>
      <c r="HQU694" s="613"/>
      <c r="HQV694" s="613"/>
      <c r="HQW694" s="613"/>
      <c r="HQX694" s="613"/>
      <c r="HQY694" s="613"/>
      <c r="HQZ694" s="613"/>
      <c r="HRA694" s="613"/>
      <c r="HRB694" s="613"/>
      <c r="HRC694" s="613"/>
      <c r="HRD694" s="613"/>
      <c r="HRE694" s="613"/>
      <c r="HRF694" s="613"/>
      <c r="HRG694" s="613"/>
      <c r="HRH694" s="613"/>
      <c r="HRI694" s="613"/>
      <c r="HRJ694" s="613"/>
      <c r="HRK694" s="613"/>
      <c r="HRL694" s="613"/>
      <c r="HRM694" s="613"/>
      <c r="HRN694" s="613"/>
      <c r="HRO694" s="613"/>
      <c r="HRP694" s="613"/>
      <c r="HRQ694" s="613"/>
      <c r="HRR694" s="613"/>
      <c r="HRS694" s="613"/>
      <c r="HRT694" s="613"/>
      <c r="HRU694" s="613"/>
      <c r="HRV694" s="613"/>
      <c r="HRW694" s="613"/>
      <c r="HRX694" s="613"/>
      <c r="HRY694" s="613"/>
      <c r="HRZ694" s="613"/>
      <c r="HSA694" s="613"/>
      <c r="HSB694" s="613"/>
      <c r="HSC694" s="613"/>
      <c r="HSD694" s="613"/>
      <c r="HSE694" s="613"/>
      <c r="HSF694" s="613"/>
      <c r="HSG694" s="613"/>
      <c r="HSH694" s="613"/>
      <c r="HSI694" s="613"/>
      <c r="HSJ694" s="613"/>
      <c r="HSK694" s="613"/>
      <c r="HSL694" s="613"/>
      <c r="HSM694" s="613"/>
      <c r="HSN694" s="613"/>
      <c r="HSO694" s="613"/>
      <c r="HSP694" s="613"/>
      <c r="HSQ694" s="613"/>
      <c r="HSR694" s="613"/>
      <c r="HSS694" s="613"/>
      <c r="HST694" s="613"/>
      <c r="HSU694" s="613"/>
      <c r="HSV694" s="613"/>
      <c r="HSW694" s="613"/>
      <c r="HSX694" s="613"/>
      <c r="HSY694" s="613"/>
      <c r="HSZ694" s="613"/>
      <c r="HTA694" s="613"/>
      <c r="HTB694" s="613"/>
      <c r="HTC694" s="613"/>
      <c r="HTD694" s="613"/>
      <c r="HTE694" s="613"/>
      <c r="HTF694" s="613"/>
      <c r="HTG694" s="613"/>
      <c r="HTH694" s="613"/>
      <c r="HTI694" s="613"/>
      <c r="HTJ694" s="613"/>
      <c r="HTK694" s="613"/>
      <c r="HTL694" s="613"/>
      <c r="HTM694" s="613"/>
      <c r="HTN694" s="613"/>
      <c r="HTO694" s="613"/>
      <c r="HTP694" s="613"/>
      <c r="HTQ694" s="613"/>
      <c r="HTR694" s="613"/>
      <c r="HTS694" s="613"/>
      <c r="HTT694" s="613"/>
      <c r="HTU694" s="613"/>
      <c r="HTV694" s="613"/>
      <c r="HTW694" s="613"/>
      <c r="HTX694" s="613"/>
      <c r="HTY694" s="613"/>
      <c r="HTZ694" s="613"/>
      <c r="HUA694" s="613"/>
      <c r="HUB694" s="613"/>
      <c r="HUC694" s="613"/>
      <c r="HUD694" s="613"/>
      <c r="HUE694" s="613"/>
      <c r="HUF694" s="613"/>
      <c r="HUG694" s="613"/>
      <c r="HUH694" s="613"/>
      <c r="HUI694" s="613"/>
      <c r="HUJ694" s="613"/>
      <c r="HUK694" s="613"/>
      <c r="HUL694" s="613"/>
      <c r="HUM694" s="613"/>
      <c r="HUN694" s="613"/>
      <c r="HUO694" s="613"/>
      <c r="HUP694" s="613"/>
      <c r="HUQ694" s="613"/>
      <c r="HUR694" s="613"/>
      <c r="HUS694" s="613"/>
      <c r="HUT694" s="613"/>
      <c r="HUU694" s="613"/>
      <c r="HUV694" s="613"/>
      <c r="HUW694" s="613"/>
      <c r="HUX694" s="613"/>
      <c r="HUY694" s="613"/>
      <c r="HUZ694" s="613"/>
      <c r="HVA694" s="613"/>
      <c r="HVB694" s="613"/>
      <c r="HVC694" s="613"/>
      <c r="HVD694" s="613"/>
      <c r="HVE694" s="613"/>
      <c r="HVF694" s="613"/>
      <c r="HVG694" s="613"/>
      <c r="HVH694" s="613"/>
      <c r="HVI694" s="613"/>
      <c r="HVJ694" s="613"/>
      <c r="HVK694" s="613"/>
      <c r="HVL694" s="613"/>
      <c r="HVM694" s="613"/>
      <c r="HVN694" s="613"/>
      <c r="HVO694" s="613"/>
      <c r="HVP694" s="613"/>
      <c r="HVQ694" s="613"/>
      <c r="HVR694" s="613"/>
      <c r="HVS694" s="613"/>
      <c r="HVT694" s="613"/>
      <c r="HVU694" s="613"/>
      <c r="HVV694" s="613"/>
      <c r="HVW694" s="613"/>
      <c r="HVX694" s="613"/>
      <c r="HVY694" s="613"/>
      <c r="HVZ694" s="613"/>
      <c r="HWA694" s="613"/>
      <c r="HWB694" s="613"/>
      <c r="HWC694" s="613"/>
      <c r="HWD694" s="613"/>
      <c r="HWE694" s="613"/>
      <c r="HWF694" s="613"/>
      <c r="HWG694" s="613"/>
      <c r="HWH694" s="613"/>
      <c r="HWI694" s="613"/>
      <c r="HWJ694" s="613"/>
      <c r="HWK694" s="613"/>
      <c r="HWL694" s="613"/>
      <c r="HWM694" s="613"/>
      <c r="HWN694" s="613"/>
      <c r="HWO694" s="613"/>
      <c r="HWP694" s="613"/>
      <c r="HWQ694" s="613"/>
      <c r="HWR694" s="613"/>
      <c r="HWS694" s="613"/>
      <c r="HWT694" s="613"/>
      <c r="HWU694" s="613"/>
      <c r="HWV694" s="613"/>
      <c r="HWW694" s="613"/>
      <c r="HWX694" s="613"/>
      <c r="HWY694" s="613"/>
      <c r="HWZ694" s="613"/>
      <c r="HXA694" s="613"/>
      <c r="HXB694" s="613"/>
      <c r="HXC694" s="613"/>
      <c r="HXD694" s="613"/>
      <c r="HXE694" s="613"/>
      <c r="HXF694" s="613"/>
      <c r="HXG694" s="613"/>
      <c r="HXH694" s="613"/>
      <c r="HXI694" s="613"/>
      <c r="HXJ694" s="613"/>
      <c r="HXK694" s="613"/>
      <c r="HXL694" s="613"/>
      <c r="HXM694" s="613"/>
      <c r="HXN694" s="613"/>
      <c r="HXO694" s="613"/>
      <c r="HXP694" s="613"/>
      <c r="HXQ694" s="613"/>
      <c r="HXR694" s="613"/>
      <c r="HXS694" s="613"/>
      <c r="HXT694" s="613"/>
      <c r="HXU694" s="613"/>
      <c r="HXV694" s="613"/>
      <c r="HXW694" s="613"/>
      <c r="HXX694" s="613"/>
      <c r="HXY694" s="613"/>
      <c r="HXZ694" s="613"/>
      <c r="HYA694" s="613"/>
      <c r="HYB694" s="613"/>
      <c r="HYC694" s="613"/>
      <c r="HYD694" s="613"/>
      <c r="HYE694" s="613"/>
      <c r="HYF694" s="613"/>
      <c r="HYG694" s="613"/>
      <c r="HYH694" s="613"/>
      <c r="HYI694" s="613"/>
      <c r="HYJ694" s="613"/>
      <c r="HYK694" s="613"/>
      <c r="HYL694" s="613"/>
      <c r="HYM694" s="613"/>
      <c r="HYN694" s="613"/>
      <c r="HYO694" s="613"/>
      <c r="HYP694" s="613"/>
      <c r="HYQ694" s="613"/>
      <c r="HYR694" s="613"/>
      <c r="HYS694" s="613"/>
      <c r="HYT694" s="613"/>
      <c r="HYU694" s="613"/>
      <c r="HYV694" s="613"/>
      <c r="HYW694" s="613"/>
      <c r="HYX694" s="613"/>
      <c r="HYY694" s="613"/>
      <c r="HYZ694" s="613"/>
      <c r="HZA694" s="613"/>
      <c r="HZB694" s="613"/>
      <c r="HZC694" s="613"/>
      <c r="HZD694" s="613"/>
      <c r="HZE694" s="613"/>
      <c r="HZF694" s="613"/>
      <c r="HZG694" s="613"/>
      <c r="HZH694" s="613"/>
      <c r="HZI694" s="613"/>
      <c r="HZJ694" s="613"/>
      <c r="HZK694" s="613"/>
      <c r="HZL694" s="613"/>
      <c r="HZM694" s="613"/>
      <c r="HZN694" s="613"/>
      <c r="HZO694" s="613"/>
      <c r="HZP694" s="613"/>
      <c r="HZQ694" s="613"/>
      <c r="HZR694" s="613"/>
      <c r="HZS694" s="613"/>
      <c r="HZT694" s="613"/>
      <c r="HZU694" s="613"/>
      <c r="HZV694" s="613"/>
      <c r="HZW694" s="613"/>
      <c r="HZX694" s="613"/>
      <c r="HZY694" s="613"/>
      <c r="HZZ694" s="613"/>
      <c r="IAA694" s="613"/>
      <c r="IAB694" s="613"/>
      <c r="IAC694" s="613"/>
      <c r="IAD694" s="613"/>
      <c r="IAE694" s="613"/>
      <c r="IAF694" s="613"/>
      <c r="IAG694" s="613"/>
      <c r="IAH694" s="613"/>
      <c r="IAI694" s="613"/>
      <c r="IAJ694" s="613"/>
      <c r="IAK694" s="613"/>
      <c r="IAL694" s="613"/>
      <c r="IAM694" s="613"/>
      <c r="IAN694" s="613"/>
      <c r="IAO694" s="613"/>
      <c r="IAP694" s="613"/>
      <c r="IAQ694" s="613"/>
      <c r="IAR694" s="613"/>
      <c r="IAS694" s="613"/>
      <c r="IAT694" s="613"/>
      <c r="IAU694" s="613"/>
      <c r="IAV694" s="613"/>
      <c r="IAW694" s="613"/>
      <c r="IAX694" s="613"/>
      <c r="IAY694" s="613"/>
      <c r="IAZ694" s="613"/>
      <c r="IBA694" s="613"/>
      <c r="IBB694" s="613"/>
      <c r="IBC694" s="613"/>
      <c r="IBD694" s="613"/>
      <c r="IBE694" s="613"/>
      <c r="IBF694" s="613"/>
      <c r="IBG694" s="613"/>
      <c r="IBH694" s="613"/>
      <c r="IBI694" s="613"/>
      <c r="IBJ694" s="613"/>
      <c r="IBK694" s="613"/>
      <c r="IBL694" s="613"/>
      <c r="IBM694" s="613"/>
      <c r="IBN694" s="613"/>
      <c r="IBO694" s="613"/>
      <c r="IBP694" s="613"/>
      <c r="IBQ694" s="613"/>
      <c r="IBR694" s="613"/>
      <c r="IBS694" s="613"/>
      <c r="IBT694" s="613"/>
      <c r="IBU694" s="613"/>
      <c r="IBV694" s="613"/>
      <c r="IBW694" s="613"/>
      <c r="IBX694" s="613"/>
      <c r="IBY694" s="613"/>
      <c r="IBZ694" s="613"/>
      <c r="ICA694" s="613"/>
      <c r="ICB694" s="613"/>
      <c r="ICC694" s="613"/>
      <c r="ICD694" s="613"/>
      <c r="ICE694" s="613"/>
      <c r="ICF694" s="613"/>
      <c r="ICG694" s="613"/>
      <c r="ICH694" s="613"/>
      <c r="ICI694" s="613"/>
      <c r="ICJ694" s="613"/>
      <c r="ICK694" s="613"/>
      <c r="ICL694" s="613"/>
      <c r="ICM694" s="613"/>
      <c r="ICN694" s="613"/>
      <c r="ICO694" s="613"/>
      <c r="ICP694" s="613"/>
      <c r="ICQ694" s="613"/>
      <c r="ICR694" s="613"/>
      <c r="ICS694" s="613"/>
      <c r="ICT694" s="613"/>
      <c r="ICU694" s="613"/>
      <c r="ICV694" s="613"/>
      <c r="ICW694" s="613"/>
      <c r="ICX694" s="613"/>
      <c r="ICY694" s="613"/>
      <c r="ICZ694" s="613"/>
      <c r="IDA694" s="613"/>
      <c r="IDB694" s="613"/>
      <c r="IDC694" s="613"/>
      <c r="IDD694" s="613"/>
      <c r="IDE694" s="613"/>
      <c r="IDF694" s="613"/>
      <c r="IDG694" s="613"/>
      <c r="IDH694" s="613"/>
      <c r="IDI694" s="613"/>
      <c r="IDJ694" s="613"/>
      <c r="IDK694" s="613"/>
      <c r="IDL694" s="613"/>
      <c r="IDM694" s="613"/>
      <c r="IDN694" s="613"/>
      <c r="IDO694" s="613"/>
      <c r="IDP694" s="613"/>
      <c r="IDQ694" s="613"/>
      <c r="IDR694" s="613"/>
      <c r="IDS694" s="613"/>
      <c r="IDT694" s="613"/>
      <c r="IDU694" s="613"/>
      <c r="IDV694" s="613"/>
      <c r="IDW694" s="613"/>
      <c r="IDX694" s="613"/>
      <c r="IDY694" s="613"/>
      <c r="IDZ694" s="613"/>
      <c r="IEA694" s="613"/>
      <c r="IEB694" s="613"/>
      <c r="IEC694" s="613"/>
      <c r="IED694" s="613"/>
      <c r="IEE694" s="613"/>
      <c r="IEF694" s="613"/>
      <c r="IEG694" s="613"/>
      <c r="IEH694" s="613"/>
      <c r="IEI694" s="613"/>
      <c r="IEJ694" s="613"/>
      <c r="IEK694" s="613"/>
      <c r="IEL694" s="613"/>
      <c r="IEM694" s="613"/>
      <c r="IEN694" s="613"/>
      <c r="IEO694" s="613"/>
      <c r="IEP694" s="613"/>
      <c r="IEQ694" s="613"/>
      <c r="IER694" s="613"/>
      <c r="IES694" s="613"/>
      <c r="IET694" s="613"/>
      <c r="IEU694" s="613"/>
      <c r="IEV694" s="613"/>
      <c r="IEW694" s="613"/>
      <c r="IEX694" s="613"/>
      <c r="IEY694" s="613"/>
      <c r="IEZ694" s="613"/>
      <c r="IFA694" s="613"/>
      <c r="IFB694" s="613"/>
      <c r="IFC694" s="613"/>
      <c r="IFD694" s="613"/>
      <c r="IFE694" s="613"/>
      <c r="IFF694" s="613"/>
      <c r="IFG694" s="613"/>
      <c r="IFH694" s="613"/>
      <c r="IFI694" s="613"/>
      <c r="IFJ694" s="613"/>
      <c r="IFK694" s="613"/>
      <c r="IFL694" s="613"/>
      <c r="IFM694" s="613"/>
      <c r="IFN694" s="613"/>
      <c r="IFO694" s="613"/>
      <c r="IFP694" s="613"/>
      <c r="IFQ694" s="613"/>
      <c r="IFR694" s="613"/>
      <c r="IFS694" s="613"/>
      <c r="IFT694" s="613"/>
      <c r="IFU694" s="613"/>
      <c r="IFV694" s="613"/>
      <c r="IFW694" s="613"/>
      <c r="IFX694" s="613"/>
      <c r="IFY694" s="613"/>
      <c r="IFZ694" s="613"/>
      <c r="IGA694" s="613"/>
      <c r="IGB694" s="613"/>
      <c r="IGC694" s="613"/>
      <c r="IGD694" s="613"/>
      <c r="IGE694" s="613"/>
      <c r="IGF694" s="613"/>
      <c r="IGG694" s="613"/>
      <c r="IGH694" s="613"/>
      <c r="IGI694" s="613"/>
      <c r="IGJ694" s="613"/>
      <c r="IGK694" s="613"/>
      <c r="IGL694" s="613"/>
      <c r="IGM694" s="613"/>
      <c r="IGN694" s="613"/>
      <c r="IGO694" s="613"/>
      <c r="IGP694" s="613"/>
      <c r="IGQ694" s="613"/>
      <c r="IGR694" s="613"/>
      <c r="IGS694" s="613"/>
      <c r="IGT694" s="613"/>
      <c r="IGU694" s="613"/>
      <c r="IGV694" s="613"/>
      <c r="IGW694" s="613"/>
      <c r="IGX694" s="613"/>
      <c r="IGY694" s="613"/>
      <c r="IGZ694" s="613"/>
      <c r="IHA694" s="613"/>
      <c r="IHB694" s="613"/>
      <c r="IHC694" s="613"/>
      <c r="IHD694" s="613"/>
      <c r="IHE694" s="613"/>
      <c r="IHF694" s="613"/>
      <c r="IHG694" s="613"/>
      <c r="IHH694" s="613"/>
      <c r="IHI694" s="613"/>
      <c r="IHJ694" s="613"/>
      <c r="IHK694" s="613"/>
      <c r="IHL694" s="613"/>
      <c r="IHM694" s="613"/>
      <c r="IHN694" s="613"/>
      <c r="IHO694" s="613"/>
      <c r="IHP694" s="613"/>
      <c r="IHQ694" s="613"/>
      <c r="IHR694" s="613"/>
      <c r="IHS694" s="613"/>
      <c r="IHT694" s="613"/>
      <c r="IHU694" s="613"/>
      <c r="IHV694" s="613"/>
      <c r="IHW694" s="613"/>
      <c r="IHX694" s="613"/>
      <c r="IHY694" s="613"/>
      <c r="IHZ694" s="613"/>
      <c r="IIA694" s="613"/>
      <c r="IIB694" s="613"/>
      <c r="IIC694" s="613"/>
      <c r="IID694" s="613"/>
      <c r="IIE694" s="613"/>
      <c r="IIF694" s="613"/>
      <c r="IIG694" s="613"/>
      <c r="IIH694" s="613"/>
      <c r="III694" s="613"/>
      <c r="IIJ694" s="613"/>
      <c r="IIK694" s="613"/>
      <c r="IIL694" s="613"/>
      <c r="IIM694" s="613"/>
      <c r="IIN694" s="613"/>
      <c r="IIO694" s="613"/>
      <c r="IIP694" s="613"/>
      <c r="IIQ694" s="613"/>
      <c r="IIR694" s="613"/>
      <c r="IIS694" s="613"/>
      <c r="IIT694" s="613"/>
      <c r="IIU694" s="613"/>
      <c r="IIV694" s="613"/>
      <c r="IIW694" s="613"/>
      <c r="IIX694" s="613"/>
      <c r="IIY694" s="613"/>
      <c r="IIZ694" s="613"/>
      <c r="IJA694" s="613"/>
      <c r="IJB694" s="613"/>
      <c r="IJC694" s="613"/>
      <c r="IJD694" s="613"/>
      <c r="IJE694" s="613"/>
      <c r="IJF694" s="613"/>
      <c r="IJG694" s="613"/>
      <c r="IJH694" s="613"/>
      <c r="IJI694" s="613"/>
      <c r="IJJ694" s="613"/>
      <c r="IJK694" s="613"/>
      <c r="IJL694" s="613"/>
      <c r="IJM694" s="613"/>
      <c r="IJN694" s="613"/>
      <c r="IJO694" s="613"/>
      <c r="IJP694" s="613"/>
      <c r="IJQ694" s="613"/>
      <c r="IJR694" s="613"/>
      <c r="IJS694" s="613"/>
      <c r="IJT694" s="613"/>
      <c r="IJU694" s="613"/>
      <c r="IJV694" s="613"/>
      <c r="IJW694" s="613"/>
      <c r="IJX694" s="613"/>
      <c r="IJY694" s="613"/>
      <c r="IJZ694" s="613"/>
      <c r="IKA694" s="613"/>
      <c r="IKB694" s="613"/>
      <c r="IKC694" s="613"/>
      <c r="IKD694" s="613"/>
      <c r="IKE694" s="613"/>
      <c r="IKF694" s="613"/>
      <c r="IKG694" s="613"/>
      <c r="IKH694" s="613"/>
      <c r="IKI694" s="613"/>
      <c r="IKJ694" s="613"/>
      <c r="IKK694" s="613"/>
      <c r="IKL694" s="613"/>
      <c r="IKM694" s="613"/>
      <c r="IKN694" s="613"/>
      <c r="IKO694" s="613"/>
      <c r="IKP694" s="613"/>
      <c r="IKQ694" s="613"/>
      <c r="IKR694" s="613"/>
      <c r="IKS694" s="613"/>
      <c r="IKT694" s="613"/>
      <c r="IKU694" s="613"/>
      <c r="IKV694" s="613"/>
      <c r="IKW694" s="613"/>
      <c r="IKX694" s="613"/>
      <c r="IKY694" s="613"/>
      <c r="IKZ694" s="613"/>
      <c r="ILA694" s="613"/>
      <c r="ILB694" s="613"/>
      <c r="ILC694" s="613"/>
      <c r="ILD694" s="613"/>
      <c r="ILE694" s="613"/>
      <c r="ILF694" s="613"/>
      <c r="ILG694" s="613"/>
      <c r="ILH694" s="613"/>
      <c r="ILI694" s="613"/>
      <c r="ILJ694" s="613"/>
      <c r="ILK694" s="613"/>
      <c r="ILL694" s="613"/>
      <c r="ILM694" s="613"/>
      <c r="ILN694" s="613"/>
      <c r="ILO694" s="613"/>
      <c r="ILP694" s="613"/>
      <c r="ILQ694" s="613"/>
      <c r="ILR694" s="613"/>
      <c r="ILS694" s="613"/>
      <c r="ILT694" s="613"/>
      <c r="ILU694" s="613"/>
      <c r="ILV694" s="613"/>
      <c r="ILW694" s="613"/>
      <c r="ILX694" s="613"/>
      <c r="ILY694" s="613"/>
      <c r="ILZ694" s="613"/>
      <c r="IMA694" s="613"/>
      <c r="IMB694" s="613"/>
      <c r="IMC694" s="613"/>
      <c r="IMD694" s="613"/>
      <c r="IME694" s="613"/>
      <c r="IMF694" s="613"/>
      <c r="IMG694" s="613"/>
      <c r="IMH694" s="613"/>
      <c r="IMI694" s="613"/>
      <c r="IMJ694" s="613"/>
      <c r="IMK694" s="613"/>
      <c r="IML694" s="613"/>
      <c r="IMM694" s="613"/>
      <c r="IMN694" s="613"/>
      <c r="IMO694" s="613"/>
      <c r="IMP694" s="613"/>
      <c r="IMQ694" s="613"/>
      <c r="IMR694" s="613"/>
      <c r="IMS694" s="613"/>
      <c r="IMT694" s="613"/>
      <c r="IMU694" s="613"/>
      <c r="IMV694" s="613"/>
      <c r="IMW694" s="613"/>
      <c r="IMX694" s="613"/>
      <c r="IMY694" s="613"/>
      <c r="IMZ694" s="613"/>
      <c r="INA694" s="613"/>
      <c r="INB694" s="613"/>
      <c r="INC694" s="613"/>
      <c r="IND694" s="613"/>
      <c r="INE694" s="613"/>
      <c r="INF694" s="613"/>
      <c r="ING694" s="613"/>
      <c r="INH694" s="613"/>
      <c r="INI694" s="613"/>
      <c r="INJ694" s="613"/>
      <c r="INK694" s="613"/>
      <c r="INL694" s="613"/>
      <c r="INM694" s="613"/>
      <c r="INN694" s="613"/>
      <c r="INO694" s="613"/>
      <c r="INP694" s="613"/>
      <c r="INQ694" s="613"/>
      <c r="INR694" s="613"/>
      <c r="INS694" s="613"/>
      <c r="INT694" s="613"/>
      <c r="INU694" s="613"/>
      <c r="INV694" s="613"/>
      <c r="INW694" s="613"/>
      <c r="INX694" s="613"/>
      <c r="INY694" s="613"/>
      <c r="INZ694" s="613"/>
      <c r="IOA694" s="613"/>
      <c r="IOB694" s="613"/>
      <c r="IOC694" s="613"/>
      <c r="IOD694" s="613"/>
      <c r="IOE694" s="613"/>
      <c r="IOF694" s="613"/>
      <c r="IOG694" s="613"/>
      <c r="IOH694" s="613"/>
      <c r="IOI694" s="613"/>
      <c r="IOJ694" s="613"/>
      <c r="IOK694" s="613"/>
      <c r="IOL694" s="613"/>
      <c r="IOM694" s="613"/>
      <c r="ION694" s="613"/>
      <c r="IOO694" s="613"/>
      <c r="IOP694" s="613"/>
      <c r="IOQ694" s="613"/>
      <c r="IOR694" s="613"/>
      <c r="IOS694" s="613"/>
      <c r="IOT694" s="613"/>
      <c r="IOU694" s="613"/>
      <c r="IOV694" s="613"/>
      <c r="IOW694" s="613"/>
      <c r="IOX694" s="613"/>
      <c r="IOY694" s="613"/>
      <c r="IOZ694" s="613"/>
      <c r="IPA694" s="613"/>
      <c r="IPB694" s="613"/>
      <c r="IPC694" s="613"/>
      <c r="IPD694" s="613"/>
      <c r="IPE694" s="613"/>
      <c r="IPF694" s="613"/>
      <c r="IPG694" s="613"/>
      <c r="IPH694" s="613"/>
      <c r="IPI694" s="613"/>
      <c r="IPJ694" s="613"/>
      <c r="IPK694" s="613"/>
      <c r="IPL694" s="613"/>
      <c r="IPM694" s="613"/>
      <c r="IPN694" s="613"/>
      <c r="IPO694" s="613"/>
      <c r="IPP694" s="613"/>
      <c r="IPQ694" s="613"/>
      <c r="IPR694" s="613"/>
      <c r="IPS694" s="613"/>
      <c r="IPT694" s="613"/>
      <c r="IPU694" s="613"/>
      <c r="IPV694" s="613"/>
      <c r="IPW694" s="613"/>
      <c r="IPX694" s="613"/>
      <c r="IPY694" s="613"/>
      <c r="IPZ694" s="613"/>
      <c r="IQA694" s="613"/>
      <c r="IQB694" s="613"/>
      <c r="IQC694" s="613"/>
      <c r="IQD694" s="613"/>
      <c r="IQE694" s="613"/>
      <c r="IQF694" s="613"/>
      <c r="IQG694" s="613"/>
      <c r="IQH694" s="613"/>
      <c r="IQI694" s="613"/>
      <c r="IQJ694" s="613"/>
      <c r="IQK694" s="613"/>
      <c r="IQL694" s="613"/>
      <c r="IQM694" s="613"/>
      <c r="IQN694" s="613"/>
      <c r="IQO694" s="613"/>
      <c r="IQP694" s="613"/>
      <c r="IQQ694" s="613"/>
      <c r="IQR694" s="613"/>
      <c r="IQS694" s="613"/>
      <c r="IQT694" s="613"/>
      <c r="IQU694" s="613"/>
      <c r="IQV694" s="613"/>
      <c r="IQW694" s="613"/>
      <c r="IQX694" s="613"/>
      <c r="IQY694" s="613"/>
      <c r="IQZ694" s="613"/>
      <c r="IRA694" s="613"/>
      <c r="IRB694" s="613"/>
      <c r="IRC694" s="613"/>
      <c r="IRD694" s="613"/>
      <c r="IRE694" s="613"/>
      <c r="IRF694" s="613"/>
      <c r="IRG694" s="613"/>
      <c r="IRH694" s="613"/>
      <c r="IRI694" s="613"/>
      <c r="IRJ694" s="613"/>
      <c r="IRK694" s="613"/>
      <c r="IRL694" s="613"/>
      <c r="IRM694" s="613"/>
      <c r="IRN694" s="613"/>
      <c r="IRO694" s="613"/>
      <c r="IRP694" s="613"/>
      <c r="IRQ694" s="613"/>
      <c r="IRR694" s="613"/>
      <c r="IRS694" s="613"/>
      <c r="IRT694" s="613"/>
      <c r="IRU694" s="613"/>
      <c r="IRV694" s="613"/>
      <c r="IRW694" s="613"/>
      <c r="IRX694" s="613"/>
      <c r="IRY694" s="613"/>
      <c r="IRZ694" s="613"/>
      <c r="ISA694" s="613"/>
      <c r="ISB694" s="613"/>
      <c r="ISC694" s="613"/>
      <c r="ISD694" s="613"/>
      <c r="ISE694" s="613"/>
      <c r="ISF694" s="613"/>
      <c r="ISG694" s="613"/>
      <c r="ISH694" s="613"/>
      <c r="ISI694" s="613"/>
      <c r="ISJ694" s="613"/>
      <c r="ISK694" s="613"/>
      <c r="ISL694" s="613"/>
      <c r="ISM694" s="613"/>
      <c r="ISN694" s="613"/>
      <c r="ISO694" s="613"/>
      <c r="ISP694" s="613"/>
      <c r="ISQ694" s="613"/>
      <c r="ISR694" s="613"/>
      <c r="ISS694" s="613"/>
      <c r="IST694" s="613"/>
      <c r="ISU694" s="613"/>
      <c r="ISV694" s="613"/>
      <c r="ISW694" s="613"/>
      <c r="ISX694" s="613"/>
      <c r="ISY694" s="613"/>
      <c r="ISZ694" s="613"/>
      <c r="ITA694" s="613"/>
      <c r="ITB694" s="613"/>
      <c r="ITC694" s="613"/>
      <c r="ITD694" s="613"/>
      <c r="ITE694" s="613"/>
      <c r="ITF694" s="613"/>
      <c r="ITG694" s="613"/>
      <c r="ITH694" s="613"/>
      <c r="ITI694" s="613"/>
      <c r="ITJ694" s="613"/>
      <c r="ITK694" s="613"/>
      <c r="ITL694" s="613"/>
      <c r="ITM694" s="613"/>
      <c r="ITN694" s="613"/>
      <c r="ITO694" s="613"/>
      <c r="ITP694" s="613"/>
      <c r="ITQ694" s="613"/>
      <c r="ITR694" s="613"/>
      <c r="ITS694" s="613"/>
      <c r="ITT694" s="613"/>
      <c r="ITU694" s="613"/>
      <c r="ITV694" s="613"/>
      <c r="ITW694" s="613"/>
      <c r="ITX694" s="613"/>
      <c r="ITY694" s="613"/>
      <c r="ITZ694" s="613"/>
      <c r="IUA694" s="613"/>
      <c r="IUB694" s="613"/>
      <c r="IUC694" s="613"/>
      <c r="IUD694" s="613"/>
      <c r="IUE694" s="613"/>
      <c r="IUF694" s="613"/>
      <c r="IUG694" s="613"/>
      <c r="IUH694" s="613"/>
      <c r="IUI694" s="613"/>
      <c r="IUJ694" s="613"/>
      <c r="IUK694" s="613"/>
      <c r="IUL694" s="613"/>
      <c r="IUM694" s="613"/>
      <c r="IUN694" s="613"/>
      <c r="IUO694" s="613"/>
      <c r="IUP694" s="613"/>
      <c r="IUQ694" s="613"/>
      <c r="IUR694" s="613"/>
      <c r="IUS694" s="613"/>
      <c r="IUT694" s="613"/>
      <c r="IUU694" s="613"/>
      <c r="IUV694" s="613"/>
      <c r="IUW694" s="613"/>
      <c r="IUX694" s="613"/>
      <c r="IUY694" s="613"/>
      <c r="IUZ694" s="613"/>
      <c r="IVA694" s="613"/>
      <c r="IVB694" s="613"/>
      <c r="IVC694" s="613"/>
      <c r="IVD694" s="613"/>
      <c r="IVE694" s="613"/>
      <c r="IVF694" s="613"/>
      <c r="IVG694" s="613"/>
      <c r="IVH694" s="613"/>
      <c r="IVI694" s="613"/>
      <c r="IVJ694" s="613"/>
      <c r="IVK694" s="613"/>
      <c r="IVL694" s="613"/>
      <c r="IVM694" s="613"/>
      <c r="IVN694" s="613"/>
      <c r="IVO694" s="613"/>
      <c r="IVP694" s="613"/>
      <c r="IVQ694" s="613"/>
      <c r="IVR694" s="613"/>
      <c r="IVS694" s="613"/>
      <c r="IVT694" s="613"/>
      <c r="IVU694" s="613"/>
      <c r="IVV694" s="613"/>
      <c r="IVW694" s="613"/>
      <c r="IVX694" s="613"/>
      <c r="IVY694" s="613"/>
      <c r="IVZ694" s="613"/>
      <c r="IWA694" s="613"/>
      <c r="IWB694" s="613"/>
      <c r="IWC694" s="613"/>
      <c r="IWD694" s="613"/>
      <c r="IWE694" s="613"/>
      <c r="IWF694" s="613"/>
      <c r="IWG694" s="613"/>
      <c r="IWH694" s="613"/>
      <c r="IWI694" s="613"/>
      <c r="IWJ694" s="613"/>
      <c r="IWK694" s="613"/>
      <c r="IWL694" s="613"/>
      <c r="IWM694" s="613"/>
      <c r="IWN694" s="613"/>
      <c r="IWO694" s="613"/>
      <c r="IWP694" s="613"/>
      <c r="IWQ694" s="613"/>
      <c r="IWR694" s="613"/>
      <c r="IWS694" s="613"/>
      <c r="IWT694" s="613"/>
      <c r="IWU694" s="613"/>
      <c r="IWV694" s="613"/>
      <c r="IWW694" s="613"/>
      <c r="IWX694" s="613"/>
      <c r="IWY694" s="613"/>
      <c r="IWZ694" s="613"/>
      <c r="IXA694" s="613"/>
      <c r="IXB694" s="613"/>
      <c r="IXC694" s="613"/>
      <c r="IXD694" s="613"/>
      <c r="IXE694" s="613"/>
      <c r="IXF694" s="613"/>
      <c r="IXG694" s="613"/>
      <c r="IXH694" s="613"/>
      <c r="IXI694" s="613"/>
      <c r="IXJ694" s="613"/>
      <c r="IXK694" s="613"/>
      <c r="IXL694" s="613"/>
      <c r="IXM694" s="613"/>
      <c r="IXN694" s="613"/>
      <c r="IXO694" s="613"/>
      <c r="IXP694" s="613"/>
      <c r="IXQ694" s="613"/>
      <c r="IXR694" s="613"/>
      <c r="IXS694" s="613"/>
      <c r="IXT694" s="613"/>
      <c r="IXU694" s="613"/>
      <c r="IXV694" s="613"/>
      <c r="IXW694" s="613"/>
      <c r="IXX694" s="613"/>
      <c r="IXY694" s="613"/>
      <c r="IXZ694" s="613"/>
      <c r="IYA694" s="613"/>
      <c r="IYB694" s="613"/>
      <c r="IYC694" s="613"/>
      <c r="IYD694" s="613"/>
      <c r="IYE694" s="613"/>
      <c r="IYF694" s="613"/>
      <c r="IYG694" s="613"/>
      <c r="IYH694" s="613"/>
      <c r="IYI694" s="613"/>
      <c r="IYJ694" s="613"/>
      <c r="IYK694" s="613"/>
      <c r="IYL694" s="613"/>
      <c r="IYM694" s="613"/>
      <c r="IYN694" s="613"/>
      <c r="IYO694" s="613"/>
      <c r="IYP694" s="613"/>
      <c r="IYQ694" s="613"/>
      <c r="IYR694" s="613"/>
      <c r="IYS694" s="613"/>
      <c r="IYT694" s="613"/>
      <c r="IYU694" s="613"/>
      <c r="IYV694" s="613"/>
      <c r="IYW694" s="613"/>
      <c r="IYX694" s="613"/>
      <c r="IYY694" s="613"/>
      <c r="IYZ694" s="613"/>
      <c r="IZA694" s="613"/>
      <c r="IZB694" s="613"/>
      <c r="IZC694" s="613"/>
      <c r="IZD694" s="613"/>
      <c r="IZE694" s="613"/>
      <c r="IZF694" s="613"/>
      <c r="IZG694" s="613"/>
      <c r="IZH694" s="613"/>
      <c r="IZI694" s="613"/>
      <c r="IZJ694" s="613"/>
      <c r="IZK694" s="613"/>
      <c r="IZL694" s="613"/>
      <c r="IZM694" s="613"/>
      <c r="IZN694" s="613"/>
      <c r="IZO694" s="613"/>
      <c r="IZP694" s="613"/>
      <c r="IZQ694" s="613"/>
      <c r="IZR694" s="613"/>
      <c r="IZS694" s="613"/>
      <c r="IZT694" s="613"/>
      <c r="IZU694" s="613"/>
      <c r="IZV694" s="613"/>
      <c r="IZW694" s="613"/>
      <c r="IZX694" s="613"/>
      <c r="IZY694" s="613"/>
      <c r="IZZ694" s="613"/>
      <c r="JAA694" s="613"/>
      <c r="JAB694" s="613"/>
      <c r="JAC694" s="613"/>
      <c r="JAD694" s="613"/>
      <c r="JAE694" s="613"/>
      <c r="JAF694" s="613"/>
      <c r="JAG694" s="613"/>
      <c r="JAH694" s="613"/>
      <c r="JAI694" s="613"/>
      <c r="JAJ694" s="613"/>
      <c r="JAK694" s="613"/>
      <c r="JAL694" s="613"/>
      <c r="JAM694" s="613"/>
      <c r="JAN694" s="613"/>
      <c r="JAO694" s="613"/>
      <c r="JAP694" s="613"/>
      <c r="JAQ694" s="613"/>
      <c r="JAR694" s="613"/>
      <c r="JAS694" s="613"/>
      <c r="JAT694" s="613"/>
      <c r="JAU694" s="613"/>
      <c r="JAV694" s="613"/>
      <c r="JAW694" s="613"/>
      <c r="JAX694" s="613"/>
      <c r="JAY694" s="613"/>
      <c r="JAZ694" s="613"/>
      <c r="JBA694" s="613"/>
      <c r="JBB694" s="613"/>
      <c r="JBC694" s="613"/>
      <c r="JBD694" s="613"/>
      <c r="JBE694" s="613"/>
      <c r="JBF694" s="613"/>
      <c r="JBG694" s="613"/>
      <c r="JBH694" s="613"/>
      <c r="JBI694" s="613"/>
      <c r="JBJ694" s="613"/>
      <c r="JBK694" s="613"/>
      <c r="JBL694" s="613"/>
      <c r="JBM694" s="613"/>
      <c r="JBN694" s="613"/>
      <c r="JBO694" s="613"/>
      <c r="JBP694" s="613"/>
      <c r="JBQ694" s="613"/>
      <c r="JBR694" s="613"/>
      <c r="JBS694" s="613"/>
      <c r="JBT694" s="613"/>
      <c r="JBU694" s="613"/>
      <c r="JBV694" s="613"/>
      <c r="JBW694" s="613"/>
      <c r="JBX694" s="613"/>
      <c r="JBY694" s="613"/>
      <c r="JBZ694" s="613"/>
      <c r="JCA694" s="613"/>
      <c r="JCB694" s="613"/>
      <c r="JCC694" s="613"/>
      <c r="JCD694" s="613"/>
      <c r="JCE694" s="613"/>
      <c r="JCF694" s="613"/>
      <c r="JCG694" s="613"/>
      <c r="JCH694" s="613"/>
      <c r="JCI694" s="613"/>
      <c r="JCJ694" s="613"/>
      <c r="JCK694" s="613"/>
      <c r="JCL694" s="613"/>
      <c r="JCM694" s="613"/>
      <c r="JCN694" s="613"/>
      <c r="JCO694" s="613"/>
      <c r="JCP694" s="613"/>
      <c r="JCQ694" s="613"/>
      <c r="JCR694" s="613"/>
      <c r="JCS694" s="613"/>
      <c r="JCT694" s="613"/>
      <c r="JCU694" s="613"/>
      <c r="JCV694" s="613"/>
      <c r="JCW694" s="613"/>
      <c r="JCX694" s="613"/>
      <c r="JCY694" s="613"/>
      <c r="JCZ694" s="613"/>
      <c r="JDA694" s="613"/>
      <c r="JDB694" s="613"/>
      <c r="JDC694" s="613"/>
      <c r="JDD694" s="613"/>
      <c r="JDE694" s="613"/>
      <c r="JDF694" s="613"/>
      <c r="JDG694" s="613"/>
      <c r="JDH694" s="613"/>
      <c r="JDI694" s="613"/>
      <c r="JDJ694" s="613"/>
      <c r="JDK694" s="613"/>
      <c r="JDL694" s="613"/>
      <c r="JDM694" s="613"/>
      <c r="JDN694" s="613"/>
      <c r="JDO694" s="613"/>
      <c r="JDP694" s="613"/>
      <c r="JDQ694" s="613"/>
      <c r="JDR694" s="613"/>
      <c r="JDS694" s="613"/>
      <c r="JDT694" s="613"/>
      <c r="JDU694" s="613"/>
      <c r="JDV694" s="613"/>
      <c r="JDW694" s="613"/>
      <c r="JDX694" s="613"/>
      <c r="JDY694" s="613"/>
      <c r="JDZ694" s="613"/>
      <c r="JEA694" s="613"/>
      <c r="JEB694" s="613"/>
      <c r="JEC694" s="613"/>
      <c r="JED694" s="613"/>
      <c r="JEE694" s="613"/>
      <c r="JEF694" s="613"/>
      <c r="JEG694" s="613"/>
      <c r="JEH694" s="613"/>
      <c r="JEI694" s="613"/>
      <c r="JEJ694" s="613"/>
      <c r="JEK694" s="613"/>
      <c r="JEL694" s="613"/>
      <c r="JEM694" s="613"/>
      <c r="JEN694" s="613"/>
      <c r="JEO694" s="613"/>
      <c r="JEP694" s="613"/>
      <c r="JEQ694" s="613"/>
      <c r="JER694" s="613"/>
      <c r="JES694" s="613"/>
      <c r="JET694" s="613"/>
      <c r="JEU694" s="613"/>
      <c r="JEV694" s="613"/>
      <c r="JEW694" s="613"/>
      <c r="JEX694" s="613"/>
      <c r="JEY694" s="613"/>
      <c r="JEZ694" s="613"/>
      <c r="JFA694" s="613"/>
      <c r="JFB694" s="613"/>
      <c r="JFC694" s="613"/>
      <c r="JFD694" s="613"/>
      <c r="JFE694" s="613"/>
      <c r="JFF694" s="613"/>
      <c r="JFG694" s="613"/>
      <c r="JFH694" s="613"/>
      <c r="JFI694" s="613"/>
      <c r="JFJ694" s="613"/>
      <c r="JFK694" s="613"/>
      <c r="JFL694" s="613"/>
      <c r="JFM694" s="613"/>
      <c r="JFN694" s="613"/>
      <c r="JFO694" s="613"/>
      <c r="JFP694" s="613"/>
      <c r="JFQ694" s="613"/>
      <c r="JFR694" s="613"/>
      <c r="JFS694" s="613"/>
      <c r="JFT694" s="613"/>
      <c r="JFU694" s="613"/>
      <c r="JFV694" s="613"/>
      <c r="JFW694" s="613"/>
      <c r="JFX694" s="613"/>
      <c r="JFY694" s="613"/>
      <c r="JFZ694" s="613"/>
      <c r="JGA694" s="613"/>
      <c r="JGB694" s="613"/>
      <c r="JGC694" s="613"/>
      <c r="JGD694" s="613"/>
      <c r="JGE694" s="613"/>
      <c r="JGF694" s="613"/>
      <c r="JGG694" s="613"/>
      <c r="JGH694" s="613"/>
      <c r="JGI694" s="613"/>
      <c r="JGJ694" s="613"/>
      <c r="JGK694" s="613"/>
      <c r="JGL694" s="613"/>
      <c r="JGM694" s="613"/>
      <c r="JGN694" s="613"/>
      <c r="JGO694" s="613"/>
      <c r="JGP694" s="613"/>
      <c r="JGQ694" s="613"/>
      <c r="JGR694" s="613"/>
      <c r="JGS694" s="613"/>
      <c r="JGT694" s="613"/>
      <c r="JGU694" s="613"/>
      <c r="JGV694" s="613"/>
      <c r="JGW694" s="613"/>
      <c r="JGX694" s="613"/>
      <c r="JGY694" s="613"/>
      <c r="JGZ694" s="613"/>
      <c r="JHA694" s="613"/>
      <c r="JHB694" s="613"/>
      <c r="JHC694" s="613"/>
      <c r="JHD694" s="613"/>
      <c r="JHE694" s="613"/>
      <c r="JHF694" s="613"/>
      <c r="JHG694" s="613"/>
      <c r="JHH694" s="613"/>
      <c r="JHI694" s="613"/>
      <c r="JHJ694" s="613"/>
      <c r="JHK694" s="613"/>
      <c r="JHL694" s="613"/>
      <c r="JHM694" s="613"/>
      <c r="JHN694" s="613"/>
      <c r="JHO694" s="613"/>
      <c r="JHP694" s="613"/>
      <c r="JHQ694" s="613"/>
      <c r="JHR694" s="613"/>
      <c r="JHS694" s="613"/>
      <c r="JHT694" s="613"/>
      <c r="JHU694" s="613"/>
      <c r="JHV694" s="613"/>
      <c r="JHW694" s="613"/>
      <c r="JHX694" s="613"/>
      <c r="JHY694" s="613"/>
      <c r="JHZ694" s="613"/>
      <c r="JIA694" s="613"/>
      <c r="JIB694" s="613"/>
      <c r="JIC694" s="613"/>
      <c r="JID694" s="613"/>
      <c r="JIE694" s="613"/>
      <c r="JIF694" s="613"/>
      <c r="JIG694" s="613"/>
      <c r="JIH694" s="613"/>
      <c r="JII694" s="613"/>
      <c r="JIJ694" s="613"/>
      <c r="JIK694" s="613"/>
      <c r="JIL694" s="613"/>
      <c r="JIM694" s="613"/>
      <c r="JIN694" s="613"/>
      <c r="JIO694" s="613"/>
      <c r="JIP694" s="613"/>
      <c r="JIQ694" s="613"/>
      <c r="JIR694" s="613"/>
      <c r="JIS694" s="613"/>
      <c r="JIT694" s="613"/>
      <c r="JIU694" s="613"/>
      <c r="JIV694" s="613"/>
      <c r="JIW694" s="613"/>
      <c r="JIX694" s="613"/>
      <c r="JIY694" s="613"/>
      <c r="JIZ694" s="613"/>
      <c r="JJA694" s="613"/>
      <c r="JJB694" s="613"/>
      <c r="JJC694" s="613"/>
      <c r="JJD694" s="613"/>
      <c r="JJE694" s="613"/>
      <c r="JJF694" s="613"/>
      <c r="JJG694" s="613"/>
      <c r="JJH694" s="613"/>
      <c r="JJI694" s="613"/>
      <c r="JJJ694" s="613"/>
      <c r="JJK694" s="613"/>
      <c r="JJL694" s="613"/>
      <c r="JJM694" s="613"/>
      <c r="JJN694" s="613"/>
      <c r="JJO694" s="613"/>
      <c r="JJP694" s="613"/>
      <c r="JJQ694" s="613"/>
      <c r="JJR694" s="613"/>
      <c r="JJS694" s="613"/>
      <c r="JJT694" s="613"/>
      <c r="JJU694" s="613"/>
      <c r="JJV694" s="613"/>
      <c r="JJW694" s="613"/>
      <c r="JJX694" s="613"/>
      <c r="JJY694" s="613"/>
      <c r="JJZ694" s="613"/>
      <c r="JKA694" s="613"/>
      <c r="JKB694" s="613"/>
      <c r="JKC694" s="613"/>
      <c r="JKD694" s="613"/>
      <c r="JKE694" s="613"/>
      <c r="JKF694" s="613"/>
      <c r="JKG694" s="613"/>
      <c r="JKH694" s="613"/>
      <c r="JKI694" s="613"/>
      <c r="JKJ694" s="613"/>
      <c r="JKK694" s="613"/>
      <c r="JKL694" s="613"/>
      <c r="JKM694" s="613"/>
      <c r="JKN694" s="613"/>
      <c r="JKO694" s="613"/>
      <c r="JKP694" s="613"/>
      <c r="JKQ694" s="613"/>
      <c r="JKR694" s="613"/>
      <c r="JKS694" s="613"/>
      <c r="JKT694" s="613"/>
      <c r="JKU694" s="613"/>
      <c r="JKV694" s="613"/>
      <c r="JKW694" s="613"/>
      <c r="JKX694" s="613"/>
      <c r="JKY694" s="613"/>
      <c r="JKZ694" s="613"/>
      <c r="JLA694" s="613"/>
      <c r="JLB694" s="613"/>
      <c r="JLC694" s="613"/>
      <c r="JLD694" s="613"/>
      <c r="JLE694" s="613"/>
      <c r="JLF694" s="613"/>
      <c r="JLG694" s="613"/>
      <c r="JLH694" s="613"/>
      <c r="JLI694" s="613"/>
      <c r="JLJ694" s="613"/>
      <c r="JLK694" s="613"/>
      <c r="JLL694" s="613"/>
      <c r="JLM694" s="613"/>
      <c r="JLN694" s="613"/>
      <c r="JLO694" s="613"/>
      <c r="JLP694" s="613"/>
      <c r="JLQ694" s="613"/>
      <c r="JLR694" s="613"/>
      <c r="JLS694" s="613"/>
      <c r="JLT694" s="613"/>
      <c r="JLU694" s="613"/>
      <c r="JLV694" s="613"/>
      <c r="JLW694" s="613"/>
      <c r="JLX694" s="613"/>
      <c r="JLY694" s="613"/>
      <c r="JLZ694" s="613"/>
      <c r="JMA694" s="613"/>
      <c r="JMB694" s="613"/>
      <c r="JMC694" s="613"/>
      <c r="JMD694" s="613"/>
      <c r="JME694" s="613"/>
      <c r="JMF694" s="613"/>
      <c r="JMG694" s="613"/>
      <c r="JMH694" s="613"/>
      <c r="JMI694" s="613"/>
      <c r="JMJ694" s="613"/>
      <c r="JMK694" s="613"/>
      <c r="JML694" s="613"/>
      <c r="JMM694" s="613"/>
      <c r="JMN694" s="613"/>
      <c r="JMO694" s="613"/>
      <c r="JMP694" s="613"/>
      <c r="JMQ694" s="613"/>
      <c r="JMR694" s="613"/>
      <c r="JMS694" s="613"/>
      <c r="JMT694" s="613"/>
      <c r="JMU694" s="613"/>
      <c r="JMV694" s="613"/>
      <c r="JMW694" s="613"/>
      <c r="JMX694" s="613"/>
      <c r="JMY694" s="613"/>
      <c r="JMZ694" s="613"/>
      <c r="JNA694" s="613"/>
      <c r="JNB694" s="613"/>
      <c r="JNC694" s="613"/>
      <c r="JND694" s="613"/>
      <c r="JNE694" s="613"/>
      <c r="JNF694" s="613"/>
      <c r="JNG694" s="613"/>
      <c r="JNH694" s="613"/>
      <c r="JNI694" s="613"/>
      <c r="JNJ694" s="613"/>
      <c r="JNK694" s="613"/>
      <c r="JNL694" s="613"/>
      <c r="JNM694" s="613"/>
      <c r="JNN694" s="613"/>
      <c r="JNO694" s="613"/>
      <c r="JNP694" s="613"/>
      <c r="JNQ694" s="613"/>
      <c r="JNR694" s="613"/>
      <c r="JNS694" s="613"/>
      <c r="JNT694" s="613"/>
      <c r="JNU694" s="613"/>
      <c r="JNV694" s="613"/>
      <c r="JNW694" s="613"/>
      <c r="JNX694" s="613"/>
      <c r="JNY694" s="613"/>
      <c r="JNZ694" s="613"/>
      <c r="JOA694" s="613"/>
      <c r="JOB694" s="613"/>
      <c r="JOC694" s="613"/>
      <c r="JOD694" s="613"/>
      <c r="JOE694" s="613"/>
      <c r="JOF694" s="613"/>
      <c r="JOG694" s="613"/>
      <c r="JOH694" s="613"/>
      <c r="JOI694" s="613"/>
      <c r="JOJ694" s="613"/>
      <c r="JOK694" s="613"/>
      <c r="JOL694" s="613"/>
      <c r="JOM694" s="613"/>
      <c r="JON694" s="613"/>
      <c r="JOO694" s="613"/>
      <c r="JOP694" s="613"/>
      <c r="JOQ694" s="613"/>
      <c r="JOR694" s="613"/>
      <c r="JOS694" s="613"/>
      <c r="JOT694" s="613"/>
      <c r="JOU694" s="613"/>
      <c r="JOV694" s="613"/>
      <c r="JOW694" s="613"/>
      <c r="JOX694" s="613"/>
      <c r="JOY694" s="613"/>
      <c r="JOZ694" s="613"/>
      <c r="JPA694" s="613"/>
      <c r="JPB694" s="613"/>
      <c r="JPC694" s="613"/>
      <c r="JPD694" s="613"/>
      <c r="JPE694" s="613"/>
      <c r="JPF694" s="613"/>
      <c r="JPG694" s="613"/>
      <c r="JPH694" s="613"/>
      <c r="JPI694" s="613"/>
      <c r="JPJ694" s="613"/>
      <c r="JPK694" s="613"/>
      <c r="JPL694" s="613"/>
      <c r="JPM694" s="613"/>
      <c r="JPN694" s="613"/>
      <c r="JPO694" s="613"/>
      <c r="JPP694" s="613"/>
      <c r="JPQ694" s="613"/>
      <c r="JPR694" s="613"/>
      <c r="JPS694" s="613"/>
      <c r="JPT694" s="613"/>
      <c r="JPU694" s="613"/>
      <c r="JPV694" s="613"/>
      <c r="JPW694" s="613"/>
      <c r="JPX694" s="613"/>
      <c r="JPY694" s="613"/>
      <c r="JPZ694" s="613"/>
      <c r="JQA694" s="613"/>
      <c r="JQB694" s="613"/>
      <c r="JQC694" s="613"/>
      <c r="JQD694" s="613"/>
      <c r="JQE694" s="613"/>
      <c r="JQF694" s="613"/>
      <c r="JQG694" s="613"/>
      <c r="JQH694" s="613"/>
      <c r="JQI694" s="613"/>
      <c r="JQJ694" s="613"/>
      <c r="JQK694" s="613"/>
      <c r="JQL694" s="613"/>
      <c r="JQM694" s="613"/>
      <c r="JQN694" s="613"/>
      <c r="JQO694" s="613"/>
      <c r="JQP694" s="613"/>
      <c r="JQQ694" s="613"/>
      <c r="JQR694" s="613"/>
      <c r="JQS694" s="613"/>
      <c r="JQT694" s="613"/>
      <c r="JQU694" s="613"/>
      <c r="JQV694" s="613"/>
      <c r="JQW694" s="613"/>
      <c r="JQX694" s="613"/>
      <c r="JQY694" s="613"/>
      <c r="JQZ694" s="613"/>
      <c r="JRA694" s="613"/>
      <c r="JRB694" s="613"/>
      <c r="JRC694" s="613"/>
      <c r="JRD694" s="613"/>
      <c r="JRE694" s="613"/>
      <c r="JRF694" s="613"/>
      <c r="JRG694" s="613"/>
      <c r="JRH694" s="613"/>
      <c r="JRI694" s="613"/>
      <c r="JRJ694" s="613"/>
      <c r="JRK694" s="613"/>
      <c r="JRL694" s="613"/>
      <c r="JRM694" s="613"/>
      <c r="JRN694" s="613"/>
      <c r="JRO694" s="613"/>
      <c r="JRP694" s="613"/>
      <c r="JRQ694" s="613"/>
      <c r="JRR694" s="613"/>
      <c r="JRS694" s="613"/>
      <c r="JRT694" s="613"/>
      <c r="JRU694" s="613"/>
      <c r="JRV694" s="613"/>
      <c r="JRW694" s="613"/>
      <c r="JRX694" s="613"/>
      <c r="JRY694" s="613"/>
      <c r="JRZ694" s="613"/>
      <c r="JSA694" s="613"/>
      <c r="JSB694" s="613"/>
      <c r="JSC694" s="613"/>
      <c r="JSD694" s="613"/>
      <c r="JSE694" s="613"/>
      <c r="JSF694" s="613"/>
      <c r="JSG694" s="613"/>
      <c r="JSH694" s="613"/>
      <c r="JSI694" s="613"/>
      <c r="JSJ694" s="613"/>
      <c r="JSK694" s="613"/>
      <c r="JSL694" s="613"/>
      <c r="JSM694" s="613"/>
      <c r="JSN694" s="613"/>
      <c r="JSO694" s="613"/>
      <c r="JSP694" s="613"/>
      <c r="JSQ694" s="613"/>
      <c r="JSR694" s="613"/>
      <c r="JSS694" s="613"/>
      <c r="JST694" s="613"/>
      <c r="JSU694" s="613"/>
      <c r="JSV694" s="613"/>
      <c r="JSW694" s="613"/>
      <c r="JSX694" s="613"/>
      <c r="JSY694" s="613"/>
      <c r="JSZ694" s="613"/>
      <c r="JTA694" s="613"/>
      <c r="JTB694" s="613"/>
      <c r="JTC694" s="613"/>
      <c r="JTD694" s="613"/>
      <c r="JTE694" s="613"/>
      <c r="JTF694" s="613"/>
      <c r="JTG694" s="613"/>
      <c r="JTH694" s="613"/>
      <c r="JTI694" s="613"/>
      <c r="JTJ694" s="613"/>
      <c r="JTK694" s="613"/>
      <c r="JTL694" s="613"/>
      <c r="JTM694" s="613"/>
      <c r="JTN694" s="613"/>
      <c r="JTO694" s="613"/>
      <c r="JTP694" s="613"/>
      <c r="JTQ694" s="613"/>
      <c r="JTR694" s="613"/>
      <c r="JTS694" s="613"/>
      <c r="JTT694" s="613"/>
      <c r="JTU694" s="613"/>
      <c r="JTV694" s="613"/>
      <c r="JTW694" s="613"/>
      <c r="JTX694" s="613"/>
      <c r="JTY694" s="613"/>
      <c r="JTZ694" s="613"/>
      <c r="JUA694" s="613"/>
      <c r="JUB694" s="613"/>
      <c r="JUC694" s="613"/>
      <c r="JUD694" s="613"/>
      <c r="JUE694" s="613"/>
      <c r="JUF694" s="613"/>
      <c r="JUG694" s="613"/>
      <c r="JUH694" s="613"/>
      <c r="JUI694" s="613"/>
      <c r="JUJ694" s="613"/>
      <c r="JUK694" s="613"/>
      <c r="JUL694" s="613"/>
      <c r="JUM694" s="613"/>
      <c r="JUN694" s="613"/>
      <c r="JUO694" s="613"/>
      <c r="JUP694" s="613"/>
      <c r="JUQ694" s="613"/>
      <c r="JUR694" s="613"/>
      <c r="JUS694" s="613"/>
      <c r="JUT694" s="613"/>
      <c r="JUU694" s="613"/>
      <c r="JUV694" s="613"/>
      <c r="JUW694" s="613"/>
      <c r="JUX694" s="613"/>
      <c r="JUY694" s="613"/>
      <c r="JUZ694" s="613"/>
      <c r="JVA694" s="613"/>
      <c r="JVB694" s="613"/>
      <c r="JVC694" s="613"/>
      <c r="JVD694" s="613"/>
      <c r="JVE694" s="613"/>
      <c r="JVF694" s="613"/>
      <c r="JVG694" s="613"/>
      <c r="JVH694" s="613"/>
      <c r="JVI694" s="613"/>
      <c r="JVJ694" s="613"/>
      <c r="JVK694" s="613"/>
      <c r="JVL694" s="613"/>
      <c r="JVM694" s="613"/>
      <c r="JVN694" s="613"/>
      <c r="JVO694" s="613"/>
      <c r="JVP694" s="613"/>
      <c r="JVQ694" s="613"/>
      <c r="JVR694" s="613"/>
      <c r="JVS694" s="613"/>
      <c r="JVT694" s="613"/>
      <c r="JVU694" s="613"/>
      <c r="JVV694" s="613"/>
      <c r="JVW694" s="613"/>
      <c r="JVX694" s="613"/>
      <c r="JVY694" s="613"/>
      <c r="JVZ694" s="613"/>
      <c r="JWA694" s="613"/>
      <c r="JWB694" s="613"/>
      <c r="JWC694" s="613"/>
      <c r="JWD694" s="613"/>
      <c r="JWE694" s="613"/>
      <c r="JWF694" s="613"/>
      <c r="JWG694" s="613"/>
      <c r="JWH694" s="613"/>
      <c r="JWI694" s="613"/>
      <c r="JWJ694" s="613"/>
      <c r="JWK694" s="613"/>
      <c r="JWL694" s="613"/>
      <c r="JWM694" s="613"/>
      <c r="JWN694" s="613"/>
      <c r="JWO694" s="613"/>
      <c r="JWP694" s="613"/>
      <c r="JWQ694" s="613"/>
      <c r="JWR694" s="613"/>
      <c r="JWS694" s="613"/>
      <c r="JWT694" s="613"/>
      <c r="JWU694" s="613"/>
      <c r="JWV694" s="613"/>
      <c r="JWW694" s="613"/>
      <c r="JWX694" s="613"/>
      <c r="JWY694" s="613"/>
      <c r="JWZ694" s="613"/>
      <c r="JXA694" s="613"/>
      <c r="JXB694" s="613"/>
      <c r="JXC694" s="613"/>
      <c r="JXD694" s="613"/>
      <c r="JXE694" s="613"/>
      <c r="JXF694" s="613"/>
      <c r="JXG694" s="613"/>
      <c r="JXH694" s="613"/>
      <c r="JXI694" s="613"/>
      <c r="JXJ694" s="613"/>
      <c r="JXK694" s="613"/>
      <c r="JXL694" s="613"/>
      <c r="JXM694" s="613"/>
      <c r="JXN694" s="613"/>
      <c r="JXO694" s="613"/>
      <c r="JXP694" s="613"/>
      <c r="JXQ694" s="613"/>
      <c r="JXR694" s="613"/>
      <c r="JXS694" s="613"/>
      <c r="JXT694" s="613"/>
      <c r="JXU694" s="613"/>
      <c r="JXV694" s="613"/>
      <c r="JXW694" s="613"/>
      <c r="JXX694" s="613"/>
      <c r="JXY694" s="613"/>
      <c r="JXZ694" s="613"/>
      <c r="JYA694" s="613"/>
      <c r="JYB694" s="613"/>
      <c r="JYC694" s="613"/>
      <c r="JYD694" s="613"/>
      <c r="JYE694" s="613"/>
      <c r="JYF694" s="613"/>
      <c r="JYG694" s="613"/>
      <c r="JYH694" s="613"/>
      <c r="JYI694" s="613"/>
      <c r="JYJ694" s="613"/>
      <c r="JYK694" s="613"/>
      <c r="JYL694" s="613"/>
      <c r="JYM694" s="613"/>
      <c r="JYN694" s="613"/>
      <c r="JYO694" s="613"/>
      <c r="JYP694" s="613"/>
      <c r="JYQ694" s="613"/>
      <c r="JYR694" s="613"/>
      <c r="JYS694" s="613"/>
      <c r="JYT694" s="613"/>
      <c r="JYU694" s="613"/>
      <c r="JYV694" s="613"/>
      <c r="JYW694" s="613"/>
      <c r="JYX694" s="613"/>
      <c r="JYY694" s="613"/>
      <c r="JYZ694" s="613"/>
      <c r="JZA694" s="613"/>
      <c r="JZB694" s="613"/>
      <c r="JZC694" s="613"/>
      <c r="JZD694" s="613"/>
      <c r="JZE694" s="613"/>
      <c r="JZF694" s="613"/>
      <c r="JZG694" s="613"/>
      <c r="JZH694" s="613"/>
      <c r="JZI694" s="613"/>
      <c r="JZJ694" s="613"/>
      <c r="JZK694" s="613"/>
      <c r="JZL694" s="613"/>
      <c r="JZM694" s="613"/>
      <c r="JZN694" s="613"/>
      <c r="JZO694" s="613"/>
      <c r="JZP694" s="613"/>
      <c r="JZQ694" s="613"/>
      <c r="JZR694" s="613"/>
      <c r="JZS694" s="613"/>
      <c r="JZT694" s="613"/>
      <c r="JZU694" s="613"/>
      <c r="JZV694" s="613"/>
      <c r="JZW694" s="613"/>
      <c r="JZX694" s="613"/>
      <c r="JZY694" s="613"/>
      <c r="JZZ694" s="613"/>
      <c r="KAA694" s="613"/>
      <c r="KAB694" s="613"/>
      <c r="KAC694" s="613"/>
      <c r="KAD694" s="613"/>
      <c r="KAE694" s="613"/>
      <c r="KAF694" s="613"/>
      <c r="KAG694" s="613"/>
      <c r="KAH694" s="613"/>
      <c r="KAI694" s="613"/>
      <c r="KAJ694" s="613"/>
      <c r="KAK694" s="613"/>
      <c r="KAL694" s="613"/>
      <c r="KAM694" s="613"/>
      <c r="KAN694" s="613"/>
      <c r="KAO694" s="613"/>
      <c r="KAP694" s="613"/>
      <c r="KAQ694" s="613"/>
      <c r="KAR694" s="613"/>
      <c r="KAS694" s="613"/>
      <c r="KAT694" s="613"/>
      <c r="KAU694" s="613"/>
      <c r="KAV694" s="613"/>
      <c r="KAW694" s="613"/>
      <c r="KAX694" s="613"/>
      <c r="KAY694" s="613"/>
      <c r="KAZ694" s="613"/>
      <c r="KBA694" s="613"/>
      <c r="KBB694" s="613"/>
      <c r="KBC694" s="613"/>
      <c r="KBD694" s="613"/>
      <c r="KBE694" s="613"/>
      <c r="KBF694" s="613"/>
      <c r="KBG694" s="613"/>
      <c r="KBH694" s="613"/>
      <c r="KBI694" s="613"/>
      <c r="KBJ694" s="613"/>
      <c r="KBK694" s="613"/>
      <c r="KBL694" s="613"/>
      <c r="KBM694" s="613"/>
      <c r="KBN694" s="613"/>
      <c r="KBO694" s="613"/>
      <c r="KBP694" s="613"/>
      <c r="KBQ694" s="613"/>
      <c r="KBR694" s="613"/>
      <c r="KBS694" s="613"/>
      <c r="KBT694" s="613"/>
      <c r="KBU694" s="613"/>
      <c r="KBV694" s="613"/>
      <c r="KBW694" s="613"/>
      <c r="KBX694" s="613"/>
      <c r="KBY694" s="613"/>
      <c r="KBZ694" s="613"/>
      <c r="KCA694" s="613"/>
      <c r="KCB694" s="613"/>
      <c r="KCC694" s="613"/>
      <c r="KCD694" s="613"/>
      <c r="KCE694" s="613"/>
      <c r="KCF694" s="613"/>
      <c r="KCG694" s="613"/>
      <c r="KCH694" s="613"/>
      <c r="KCI694" s="613"/>
      <c r="KCJ694" s="613"/>
      <c r="KCK694" s="613"/>
      <c r="KCL694" s="613"/>
      <c r="KCM694" s="613"/>
      <c r="KCN694" s="613"/>
      <c r="KCO694" s="613"/>
      <c r="KCP694" s="613"/>
      <c r="KCQ694" s="613"/>
      <c r="KCR694" s="613"/>
      <c r="KCS694" s="613"/>
      <c r="KCT694" s="613"/>
      <c r="KCU694" s="613"/>
      <c r="KCV694" s="613"/>
      <c r="KCW694" s="613"/>
      <c r="KCX694" s="613"/>
      <c r="KCY694" s="613"/>
      <c r="KCZ694" s="613"/>
      <c r="KDA694" s="613"/>
      <c r="KDB694" s="613"/>
      <c r="KDC694" s="613"/>
      <c r="KDD694" s="613"/>
      <c r="KDE694" s="613"/>
      <c r="KDF694" s="613"/>
      <c r="KDG694" s="613"/>
      <c r="KDH694" s="613"/>
      <c r="KDI694" s="613"/>
      <c r="KDJ694" s="613"/>
      <c r="KDK694" s="613"/>
      <c r="KDL694" s="613"/>
      <c r="KDM694" s="613"/>
      <c r="KDN694" s="613"/>
      <c r="KDO694" s="613"/>
      <c r="KDP694" s="613"/>
      <c r="KDQ694" s="613"/>
      <c r="KDR694" s="613"/>
      <c r="KDS694" s="613"/>
      <c r="KDT694" s="613"/>
      <c r="KDU694" s="613"/>
      <c r="KDV694" s="613"/>
      <c r="KDW694" s="613"/>
      <c r="KDX694" s="613"/>
      <c r="KDY694" s="613"/>
      <c r="KDZ694" s="613"/>
      <c r="KEA694" s="613"/>
      <c r="KEB694" s="613"/>
      <c r="KEC694" s="613"/>
      <c r="KED694" s="613"/>
      <c r="KEE694" s="613"/>
      <c r="KEF694" s="613"/>
      <c r="KEG694" s="613"/>
      <c r="KEH694" s="613"/>
      <c r="KEI694" s="613"/>
      <c r="KEJ694" s="613"/>
      <c r="KEK694" s="613"/>
      <c r="KEL694" s="613"/>
      <c r="KEM694" s="613"/>
      <c r="KEN694" s="613"/>
      <c r="KEO694" s="613"/>
      <c r="KEP694" s="613"/>
      <c r="KEQ694" s="613"/>
      <c r="KER694" s="613"/>
      <c r="KES694" s="613"/>
      <c r="KET694" s="613"/>
      <c r="KEU694" s="613"/>
      <c r="KEV694" s="613"/>
      <c r="KEW694" s="613"/>
      <c r="KEX694" s="613"/>
      <c r="KEY694" s="613"/>
      <c r="KEZ694" s="613"/>
      <c r="KFA694" s="613"/>
      <c r="KFB694" s="613"/>
      <c r="KFC694" s="613"/>
      <c r="KFD694" s="613"/>
      <c r="KFE694" s="613"/>
      <c r="KFF694" s="613"/>
      <c r="KFG694" s="613"/>
      <c r="KFH694" s="613"/>
      <c r="KFI694" s="613"/>
      <c r="KFJ694" s="613"/>
      <c r="KFK694" s="613"/>
      <c r="KFL694" s="613"/>
      <c r="KFM694" s="613"/>
      <c r="KFN694" s="613"/>
      <c r="KFO694" s="613"/>
      <c r="KFP694" s="613"/>
      <c r="KFQ694" s="613"/>
      <c r="KFR694" s="613"/>
      <c r="KFS694" s="613"/>
      <c r="KFT694" s="613"/>
      <c r="KFU694" s="613"/>
      <c r="KFV694" s="613"/>
      <c r="KFW694" s="613"/>
      <c r="KFX694" s="613"/>
      <c r="KFY694" s="613"/>
      <c r="KFZ694" s="613"/>
      <c r="KGA694" s="613"/>
      <c r="KGB694" s="613"/>
      <c r="KGC694" s="613"/>
      <c r="KGD694" s="613"/>
      <c r="KGE694" s="613"/>
      <c r="KGF694" s="613"/>
      <c r="KGG694" s="613"/>
      <c r="KGH694" s="613"/>
      <c r="KGI694" s="613"/>
      <c r="KGJ694" s="613"/>
      <c r="KGK694" s="613"/>
      <c r="KGL694" s="613"/>
      <c r="KGM694" s="613"/>
      <c r="KGN694" s="613"/>
      <c r="KGO694" s="613"/>
      <c r="KGP694" s="613"/>
      <c r="KGQ694" s="613"/>
      <c r="KGR694" s="613"/>
      <c r="KGS694" s="613"/>
      <c r="KGT694" s="613"/>
      <c r="KGU694" s="613"/>
      <c r="KGV694" s="613"/>
      <c r="KGW694" s="613"/>
      <c r="KGX694" s="613"/>
      <c r="KGY694" s="613"/>
      <c r="KGZ694" s="613"/>
      <c r="KHA694" s="613"/>
      <c r="KHB694" s="613"/>
      <c r="KHC694" s="613"/>
      <c r="KHD694" s="613"/>
      <c r="KHE694" s="613"/>
      <c r="KHF694" s="613"/>
      <c r="KHG694" s="613"/>
      <c r="KHH694" s="613"/>
      <c r="KHI694" s="613"/>
      <c r="KHJ694" s="613"/>
      <c r="KHK694" s="613"/>
      <c r="KHL694" s="613"/>
      <c r="KHM694" s="613"/>
      <c r="KHN694" s="613"/>
      <c r="KHO694" s="613"/>
      <c r="KHP694" s="613"/>
      <c r="KHQ694" s="613"/>
      <c r="KHR694" s="613"/>
      <c r="KHS694" s="613"/>
      <c r="KHT694" s="613"/>
      <c r="KHU694" s="613"/>
      <c r="KHV694" s="613"/>
      <c r="KHW694" s="613"/>
      <c r="KHX694" s="613"/>
      <c r="KHY694" s="613"/>
      <c r="KHZ694" s="613"/>
      <c r="KIA694" s="613"/>
      <c r="KIB694" s="613"/>
      <c r="KIC694" s="613"/>
      <c r="KID694" s="613"/>
      <c r="KIE694" s="613"/>
      <c r="KIF694" s="613"/>
      <c r="KIG694" s="613"/>
      <c r="KIH694" s="613"/>
      <c r="KII694" s="613"/>
      <c r="KIJ694" s="613"/>
      <c r="KIK694" s="613"/>
      <c r="KIL694" s="613"/>
      <c r="KIM694" s="613"/>
      <c r="KIN694" s="613"/>
      <c r="KIO694" s="613"/>
      <c r="KIP694" s="613"/>
      <c r="KIQ694" s="613"/>
      <c r="KIR694" s="613"/>
      <c r="KIS694" s="613"/>
      <c r="KIT694" s="613"/>
      <c r="KIU694" s="613"/>
      <c r="KIV694" s="613"/>
      <c r="KIW694" s="613"/>
      <c r="KIX694" s="613"/>
      <c r="KIY694" s="613"/>
      <c r="KIZ694" s="613"/>
      <c r="KJA694" s="613"/>
      <c r="KJB694" s="613"/>
      <c r="KJC694" s="613"/>
      <c r="KJD694" s="613"/>
      <c r="KJE694" s="613"/>
      <c r="KJF694" s="613"/>
      <c r="KJG694" s="613"/>
      <c r="KJH694" s="613"/>
      <c r="KJI694" s="613"/>
      <c r="KJJ694" s="613"/>
      <c r="KJK694" s="613"/>
      <c r="KJL694" s="613"/>
      <c r="KJM694" s="613"/>
      <c r="KJN694" s="613"/>
      <c r="KJO694" s="613"/>
      <c r="KJP694" s="613"/>
      <c r="KJQ694" s="613"/>
      <c r="KJR694" s="613"/>
      <c r="KJS694" s="613"/>
      <c r="KJT694" s="613"/>
      <c r="KJU694" s="613"/>
      <c r="KJV694" s="613"/>
      <c r="KJW694" s="613"/>
      <c r="KJX694" s="613"/>
      <c r="KJY694" s="613"/>
      <c r="KJZ694" s="613"/>
      <c r="KKA694" s="613"/>
      <c r="KKB694" s="613"/>
      <c r="KKC694" s="613"/>
      <c r="KKD694" s="613"/>
      <c r="KKE694" s="613"/>
      <c r="KKF694" s="613"/>
      <c r="KKG694" s="613"/>
      <c r="KKH694" s="613"/>
      <c r="KKI694" s="613"/>
      <c r="KKJ694" s="613"/>
      <c r="KKK694" s="613"/>
      <c r="KKL694" s="613"/>
      <c r="KKM694" s="613"/>
      <c r="KKN694" s="613"/>
      <c r="KKO694" s="613"/>
      <c r="KKP694" s="613"/>
      <c r="KKQ694" s="613"/>
      <c r="KKR694" s="613"/>
      <c r="KKS694" s="613"/>
      <c r="KKT694" s="613"/>
      <c r="KKU694" s="613"/>
      <c r="KKV694" s="613"/>
      <c r="KKW694" s="613"/>
      <c r="KKX694" s="613"/>
      <c r="KKY694" s="613"/>
      <c r="KKZ694" s="613"/>
      <c r="KLA694" s="613"/>
      <c r="KLB694" s="613"/>
      <c r="KLC694" s="613"/>
      <c r="KLD694" s="613"/>
      <c r="KLE694" s="613"/>
      <c r="KLF694" s="613"/>
      <c r="KLG694" s="613"/>
      <c r="KLH694" s="613"/>
      <c r="KLI694" s="613"/>
      <c r="KLJ694" s="613"/>
      <c r="KLK694" s="613"/>
      <c r="KLL694" s="613"/>
      <c r="KLM694" s="613"/>
      <c r="KLN694" s="613"/>
      <c r="KLO694" s="613"/>
      <c r="KLP694" s="613"/>
      <c r="KLQ694" s="613"/>
      <c r="KLR694" s="613"/>
      <c r="KLS694" s="613"/>
      <c r="KLT694" s="613"/>
      <c r="KLU694" s="613"/>
      <c r="KLV694" s="613"/>
      <c r="KLW694" s="613"/>
      <c r="KLX694" s="613"/>
      <c r="KLY694" s="613"/>
      <c r="KLZ694" s="613"/>
      <c r="KMA694" s="613"/>
      <c r="KMB694" s="613"/>
      <c r="KMC694" s="613"/>
      <c r="KMD694" s="613"/>
      <c r="KME694" s="613"/>
      <c r="KMF694" s="613"/>
      <c r="KMG694" s="613"/>
      <c r="KMH694" s="613"/>
      <c r="KMI694" s="613"/>
      <c r="KMJ694" s="613"/>
      <c r="KMK694" s="613"/>
      <c r="KML694" s="613"/>
      <c r="KMM694" s="613"/>
      <c r="KMN694" s="613"/>
      <c r="KMO694" s="613"/>
      <c r="KMP694" s="613"/>
      <c r="KMQ694" s="613"/>
      <c r="KMR694" s="613"/>
      <c r="KMS694" s="613"/>
      <c r="KMT694" s="613"/>
      <c r="KMU694" s="613"/>
      <c r="KMV694" s="613"/>
      <c r="KMW694" s="613"/>
      <c r="KMX694" s="613"/>
      <c r="KMY694" s="613"/>
      <c r="KMZ694" s="613"/>
      <c r="KNA694" s="613"/>
      <c r="KNB694" s="613"/>
      <c r="KNC694" s="613"/>
      <c r="KND694" s="613"/>
      <c r="KNE694" s="613"/>
      <c r="KNF694" s="613"/>
      <c r="KNG694" s="613"/>
      <c r="KNH694" s="613"/>
      <c r="KNI694" s="613"/>
      <c r="KNJ694" s="613"/>
      <c r="KNK694" s="613"/>
      <c r="KNL694" s="613"/>
      <c r="KNM694" s="613"/>
      <c r="KNN694" s="613"/>
      <c r="KNO694" s="613"/>
      <c r="KNP694" s="613"/>
      <c r="KNQ694" s="613"/>
      <c r="KNR694" s="613"/>
      <c r="KNS694" s="613"/>
      <c r="KNT694" s="613"/>
      <c r="KNU694" s="613"/>
      <c r="KNV694" s="613"/>
      <c r="KNW694" s="613"/>
      <c r="KNX694" s="613"/>
      <c r="KNY694" s="613"/>
      <c r="KNZ694" s="613"/>
      <c r="KOA694" s="613"/>
      <c r="KOB694" s="613"/>
      <c r="KOC694" s="613"/>
      <c r="KOD694" s="613"/>
      <c r="KOE694" s="613"/>
      <c r="KOF694" s="613"/>
      <c r="KOG694" s="613"/>
      <c r="KOH694" s="613"/>
      <c r="KOI694" s="613"/>
      <c r="KOJ694" s="613"/>
      <c r="KOK694" s="613"/>
      <c r="KOL694" s="613"/>
      <c r="KOM694" s="613"/>
      <c r="KON694" s="613"/>
      <c r="KOO694" s="613"/>
      <c r="KOP694" s="613"/>
      <c r="KOQ694" s="613"/>
      <c r="KOR694" s="613"/>
      <c r="KOS694" s="613"/>
      <c r="KOT694" s="613"/>
      <c r="KOU694" s="613"/>
      <c r="KOV694" s="613"/>
      <c r="KOW694" s="613"/>
      <c r="KOX694" s="613"/>
      <c r="KOY694" s="613"/>
      <c r="KOZ694" s="613"/>
      <c r="KPA694" s="613"/>
      <c r="KPB694" s="613"/>
      <c r="KPC694" s="613"/>
      <c r="KPD694" s="613"/>
      <c r="KPE694" s="613"/>
      <c r="KPF694" s="613"/>
      <c r="KPG694" s="613"/>
      <c r="KPH694" s="613"/>
      <c r="KPI694" s="613"/>
      <c r="KPJ694" s="613"/>
      <c r="KPK694" s="613"/>
      <c r="KPL694" s="613"/>
      <c r="KPM694" s="613"/>
      <c r="KPN694" s="613"/>
      <c r="KPO694" s="613"/>
      <c r="KPP694" s="613"/>
      <c r="KPQ694" s="613"/>
      <c r="KPR694" s="613"/>
      <c r="KPS694" s="613"/>
      <c r="KPT694" s="613"/>
      <c r="KPU694" s="613"/>
      <c r="KPV694" s="613"/>
      <c r="KPW694" s="613"/>
      <c r="KPX694" s="613"/>
      <c r="KPY694" s="613"/>
      <c r="KPZ694" s="613"/>
      <c r="KQA694" s="613"/>
      <c r="KQB694" s="613"/>
      <c r="KQC694" s="613"/>
      <c r="KQD694" s="613"/>
      <c r="KQE694" s="613"/>
      <c r="KQF694" s="613"/>
      <c r="KQG694" s="613"/>
      <c r="KQH694" s="613"/>
      <c r="KQI694" s="613"/>
      <c r="KQJ694" s="613"/>
      <c r="KQK694" s="613"/>
      <c r="KQL694" s="613"/>
      <c r="KQM694" s="613"/>
      <c r="KQN694" s="613"/>
      <c r="KQO694" s="613"/>
      <c r="KQP694" s="613"/>
      <c r="KQQ694" s="613"/>
      <c r="KQR694" s="613"/>
      <c r="KQS694" s="613"/>
      <c r="KQT694" s="613"/>
      <c r="KQU694" s="613"/>
      <c r="KQV694" s="613"/>
      <c r="KQW694" s="613"/>
      <c r="KQX694" s="613"/>
      <c r="KQY694" s="613"/>
      <c r="KQZ694" s="613"/>
      <c r="KRA694" s="613"/>
      <c r="KRB694" s="613"/>
      <c r="KRC694" s="613"/>
      <c r="KRD694" s="613"/>
      <c r="KRE694" s="613"/>
      <c r="KRF694" s="613"/>
      <c r="KRG694" s="613"/>
      <c r="KRH694" s="613"/>
      <c r="KRI694" s="613"/>
      <c r="KRJ694" s="613"/>
      <c r="KRK694" s="613"/>
      <c r="KRL694" s="613"/>
      <c r="KRM694" s="613"/>
      <c r="KRN694" s="613"/>
      <c r="KRO694" s="613"/>
      <c r="KRP694" s="613"/>
      <c r="KRQ694" s="613"/>
      <c r="KRR694" s="613"/>
      <c r="KRS694" s="613"/>
      <c r="KRT694" s="613"/>
      <c r="KRU694" s="613"/>
      <c r="KRV694" s="613"/>
      <c r="KRW694" s="613"/>
      <c r="KRX694" s="613"/>
      <c r="KRY694" s="613"/>
      <c r="KRZ694" s="613"/>
      <c r="KSA694" s="613"/>
      <c r="KSB694" s="613"/>
      <c r="KSC694" s="613"/>
      <c r="KSD694" s="613"/>
      <c r="KSE694" s="613"/>
      <c r="KSF694" s="613"/>
      <c r="KSG694" s="613"/>
      <c r="KSH694" s="613"/>
      <c r="KSI694" s="613"/>
      <c r="KSJ694" s="613"/>
      <c r="KSK694" s="613"/>
      <c r="KSL694" s="613"/>
      <c r="KSM694" s="613"/>
      <c r="KSN694" s="613"/>
      <c r="KSO694" s="613"/>
      <c r="KSP694" s="613"/>
      <c r="KSQ694" s="613"/>
      <c r="KSR694" s="613"/>
      <c r="KSS694" s="613"/>
      <c r="KST694" s="613"/>
      <c r="KSU694" s="613"/>
      <c r="KSV694" s="613"/>
      <c r="KSW694" s="613"/>
      <c r="KSX694" s="613"/>
      <c r="KSY694" s="613"/>
      <c r="KSZ694" s="613"/>
      <c r="KTA694" s="613"/>
      <c r="KTB694" s="613"/>
      <c r="KTC694" s="613"/>
      <c r="KTD694" s="613"/>
      <c r="KTE694" s="613"/>
      <c r="KTF694" s="613"/>
      <c r="KTG694" s="613"/>
      <c r="KTH694" s="613"/>
      <c r="KTI694" s="613"/>
      <c r="KTJ694" s="613"/>
      <c r="KTK694" s="613"/>
      <c r="KTL694" s="613"/>
      <c r="KTM694" s="613"/>
      <c r="KTN694" s="613"/>
      <c r="KTO694" s="613"/>
      <c r="KTP694" s="613"/>
      <c r="KTQ694" s="613"/>
      <c r="KTR694" s="613"/>
      <c r="KTS694" s="613"/>
      <c r="KTT694" s="613"/>
      <c r="KTU694" s="613"/>
      <c r="KTV694" s="613"/>
      <c r="KTW694" s="613"/>
      <c r="KTX694" s="613"/>
      <c r="KTY694" s="613"/>
      <c r="KTZ694" s="613"/>
      <c r="KUA694" s="613"/>
      <c r="KUB694" s="613"/>
      <c r="KUC694" s="613"/>
      <c r="KUD694" s="613"/>
      <c r="KUE694" s="613"/>
      <c r="KUF694" s="613"/>
      <c r="KUG694" s="613"/>
      <c r="KUH694" s="613"/>
      <c r="KUI694" s="613"/>
      <c r="KUJ694" s="613"/>
      <c r="KUK694" s="613"/>
      <c r="KUL694" s="613"/>
      <c r="KUM694" s="613"/>
      <c r="KUN694" s="613"/>
      <c r="KUO694" s="613"/>
      <c r="KUP694" s="613"/>
      <c r="KUQ694" s="613"/>
      <c r="KUR694" s="613"/>
      <c r="KUS694" s="613"/>
      <c r="KUT694" s="613"/>
      <c r="KUU694" s="613"/>
      <c r="KUV694" s="613"/>
      <c r="KUW694" s="613"/>
      <c r="KUX694" s="613"/>
      <c r="KUY694" s="613"/>
      <c r="KUZ694" s="613"/>
      <c r="KVA694" s="613"/>
      <c r="KVB694" s="613"/>
      <c r="KVC694" s="613"/>
      <c r="KVD694" s="613"/>
      <c r="KVE694" s="613"/>
      <c r="KVF694" s="613"/>
      <c r="KVG694" s="613"/>
      <c r="KVH694" s="613"/>
      <c r="KVI694" s="613"/>
      <c r="KVJ694" s="613"/>
      <c r="KVK694" s="613"/>
      <c r="KVL694" s="613"/>
      <c r="KVM694" s="613"/>
      <c r="KVN694" s="613"/>
      <c r="KVO694" s="613"/>
      <c r="KVP694" s="613"/>
      <c r="KVQ694" s="613"/>
      <c r="KVR694" s="613"/>
      <c r="KVS694" s="613"/>
      <c r="KVT694" s="613"/>
      <c r="KVU694" s="613"/>
      <c r="KVV694" s="613"/>
      <c r="KVW694" s="613"/>
      <c r="KVX694" s="613"/>
      <c r="KVY694" s="613"/>
      <c r="KVZ694" s="613"/>
      <c r="KWA694" s="613"/>
      <c r="KWB694" s="613"/>
      <c r="KWC694" s="613"/>
      <c r="KWD694" s="613"/>
      <c r="KWE694" s="613"/>
      <c r="KWF694" s="613"/>
      <c r="KWG694" s="613"/>
      <c r="KWH694" s="613"/>
      <c r="KWI694" s="613"/>
      <c r="KWJ694" s="613"/>
      <c r="KWK694" s="613"/>
      <c r="KWL694" s="613"/>
      <c r="KWM694" s="613"/>
      <c r="KWN694" s="613"/>
      <c r="KWO694" s="613"/>
      <c r="KWP694" s="613"/>
      <c r="KWQ694" s="613"/>
      <c r="KWR694" s="613"/>
      <c r="KWS694" s="613"/>
      <c r="KWT694" s="613"/>
      <c r="KWU694" s="613"/>
      <c r="KWV694" s="613"/>
      <c r="KWW694" s="613"/>
      <c r="KWX694" s="613"/>
      <c r="KWY694" s="613"/>
      <c r="KWZ694" s="613"/>
      <c r="KXA694" s="613"/>
      <c r="KXB694" s="613"/>
      <c r="KXC694" s="613"/>
      <c r="KXD694" s="613"/>
      <c r="KXE694" s="613"/>
      <c r="KXF694" s="613"/>
      <c r="KXG694" s="613"/>
      <c r="KXH694" s="613"/>
      <c r="KXI694" s="613"/>
      <c r="KXJ694" s="613"/>
      <c r="KXK694" s="613"/>
      <c r="KXL694" s="613"/>
      <c r="KXM694" s="613"/>
      <c r="KXN694" s="613"/>
      <c r="KXO694" s="613"/>
      <c r="KXP694" s="613"/>
      <c r="KXQ694" s="613"/>
      <c r="KXR694" s="613"/>
      <c r="KXS694" s="613"/>
      <c r="KXT694" s="613"/>
      <c r="KXU694" s="613"/>
      <c r="KXV694" s="613"/>
      <c r="KXW694" s="613"/>
      <c r="KXX694" s="613"/>
      <c r="KXY694" s="613"/>
      <c r="KXZ694" s="613"/>
      <c r="KYA694" s="613"/>
      <c r="KYB694" s="613"/>
      <c r="KYC694" s="613"/>
      <c r="KYD694" s="613"/>
      <c r="KYE694" s="613"/>
      <c r="KYF694" s="613"/>
      <c r="KYG694" s="613"/>
      <c r="KYH694" s="613"/>
      <c r="KYI694" s="613"/>
      <c r="KYJ694" s="613"/>
      <c r="KYK694" s="613"/>
      <c r="KYL694" s="613"/>
      <c r="KYM694" s="613"/>
      <c r="KYN694" s="613"/>
      <c r="KYO694" s="613"/>
      <c r="KYP694" s="613"/>
      <c r="KYQ694" s="613"/>
      <c r="KYR694" s="613"/>
      <c r="KYS694" s="613"/>
      <c r="KYT694" s="613"/>
      <c r="KYU694" s="613"/>
      <c r="KYV694" s="613"/>
      <c r="KYW694" s="613"/>
      <c r="KYX694" s="613"/>
      <c r="KYY694" s="613"/>
      <c r="KYZ694" s="613"/>
      <c r="KZA694" s="613"/>
      <c r="KZB694" s="613"/>
      <c r="KZC694" s="613"/>
      <c r="KZD694" s="613"/>
      <c r="KZE694" s="613"/>
      <c r="KZF694" s="613"/>
      <c r="KZG694" s="613"/>
      <c r="KZH694" s="613"/>
      <c r="KZI694" s="613"/>
      <c r="KZJ694" s="613"/>
      <c r="KZK694" s="613"/>
      <c r="KZL694" s="613"/>
      <c r="KZM694" s="613"/>
      <c r="KZN694" s="613"/>
      <c r="KZO694" s="613"/>
      <c r="KZP694" s="613"/>
      <c r="KZQ694" s="613"/>
      <c r="KZR694" s="613"/>
      <c r="KZS694" s="613"/>
      <c r="KZT694" s="613"/>
      <c r="KZU694" s="613"/>
      <c r="KZV694" s="613"/>
      <c r="KZW694" s="613"/>
      <c r="KZX694" s="613"/>
      <c r="KZY694" s="613"/>
      <c r="KZZ694" s="613"/>
      <c r="LAA694" s="613"/>
      <c r="LAB694" s="613"/>
      <c r="LAC694" s="613"/>
      <c r="LAD694" s="613"/>
      <c r="LAE694" s="613"/>
      <c r="LAF694" s="613"/>
      <c r="LAG694" s="613"/>
      <c r="LAH694" s="613"/>
      <c r="LAI694" s="613"/>
      <c r="LAJ694" s="613"/>
      <c r="LAK694" s="613"/>
      <c r="LAL694" s="613"/>
      <c r="LAM694" s="613"/>
      <c r="LAN694" s="613"/>
      <c r="LAO694" s="613"/>
      <c r="LAP694" s="613"/>
      <c r="LAQ694" s="613"/>
      <c r="LAR694" s="613"/>
      <c r="LAS694" s="613"/>
      <c r="LAT694" s="613"/>
      <c r="LAU694" s="613"/>
      <c r="LAV694" s="613"/>
      <c r="LAW694" s="613"/>
      <c r="LAX694" s="613"/>
      <c r="LAY694" s="613"/>
      <c r="LAZ694" s="613"/>
      <c r="LBA694" s="613"/>
      <c r="LBB694" s="613"/>
      <c r="LBC694" s="613"/>
      <c r="LBD694" s="613"/>
      <c r="LBE694" s="613"/>
      <c r="LBF694" s="613"/>
      <c r="LBG694" s="613"/>
      <c r="LBH694" s="613"/>
      <c r="LBI694" s="613"/>
      <c r="LBJ694" s="613"/>
      <c r="LBK694" s="613"/>
      <c r="LBL694" s="613"/>
      <c r="LBM694" s="613"/>
      <c r="LBN694" s="613"/>
      <c r="LBO694" s="613"/>
      <c r="LBP694" s="613"/>
      <c r="LBQ694" s="613"/>
      <c r="LBR694" s="613"/>
      <c r="LBS694" s="613"/>
      <c r="LBT694" s="613"/>
      <c r="LBU694" s="613"/>
      <c r="LBV694" s="613"/>
      <c r="LBW694" s="613"/>
      <c r="LBX694" s="613"/>
      <c r="LBY694" s="613"/>
      <c r="LBZ694" s="613"/>
      <c r="LCA694" s="613"/>
      <c r="LCB694" s="613"/>
      <c r="LCC694" s="613"/>
      <c r="LCD694" s="613"/>
      <c r="LCE694" s="613"/>
      <c r="LCF694" s="613"/>
      <c r="LCG694" s="613"/>
      <c r="LCH694" s="613"/>
      <c r="LCI694" s="613"/>
      <c r="LCJ694" s="613"/>
      <c r="LCK694" s="613"/>
      <c r="LCL694" s="613"/>
      <c r="LCM694" s="613"/>
      <c r="LCN694" s="613"/>
      <c r="LCO694" s="613"/>
      <c r="LCP694" s="613"/>
      <c r="LCQ694" s="613"/>
      <c r="LCR694" s="613"/>
      <c r="LCS694" s="613"/>
      <c r="LCT694" s="613"/>
      <c r="LCU694" s="613"/>
      <c r="LCV694" s="613"/>
      <c r="LCW694" s="613"/>
      <c r="LCX694" s="613"/>
      <c r="LCY694" s="613"/>
      <c r="LCZ694" s="613"/>
      <c r="LDA694" s="613"/>
      <c r="LDB694" s="613"/>
      <c r="LDC694" s="613"/>
      <c r="LDD694" s="613"/>
      <c r="LDE694" s="613"/>
      <c r="LDF694" s="613"/>
      <c r="LDG694" s="613"/>
      <c r="LDH694" s="613"/>
      <c r="LDI694" s="613"/>
      <c r="LDJ694" s="613"/>
      <c r="LDK694" s="613"/>
      <c r="LDL694" s="613"/>
      <c r="LDM694" s="613"/>
      <c r="LDN694" s="613"/>
      <c r="LDO694" s="613"/>
      <c r="LDP694" s="613"/>
      <c r="LDQ694" s="613"/>
      <c r="LDR694" s="613"/>
      <c r="LDS694" s="613"/>
      <c r="LDT694" s="613"/>
      <c r="LDU694" s="613"/>
      <c r="LDV694" s="613"/>
      <c r="LDW694" s="613"/>
      <c r="LDX694" s="613"/>
      <c r="LDY694" s="613"/>
      <c r="LDZ694" s="613"/>
      <c r="LEA694" s="613"/>
      <c r="LEB694" s="613"/>
      <c r="LEC694" s="613"/>
      <c r="LED694" s="613"/>
      <c r="LEE694" s="613"/>
      <c r="LEF694" s="613"/>
      <c r="LEG694" s="613"/>
      <c r="LEH694" s="613"/>
      <c r="LEI694" s="613"/>
      <c r="LEJ694" s="613"/>
      <c r="LEK694" s="613"/>
      <c r="LEL694" s="613"/>
      <c r="LEM694" s="613"/>
      <c r="LEN694" s="613"/>
      <c r="LEO694" s="613"/>
      <c r="LEP694" s="613"/>
      <c r="LEQ694" s="613"/>
      <c r="LER694" s="613"/>
      <c r="LES694" s="613"/>
      <c r="LET694" s="613"/>
      <c r="LEU694" s="613"/>
      <c r="LEV694" s="613"/>
      <c r="LEW694" s="613"/>
      <c r="LEX694" s="613"/>
      <c r="LEY694" s="613"/>
      <c r="LEZ694" s="613"/>
      <c r="LFA694" s="613"/>
      <c r="LFB694" s="613"/>
      <c r="LFC694" s="613"/>
      <c r="LFD694" s="613"/>
      <c r="LFE694" s="613"/>
      <c r="LFF694" s="613"/>
      <c r="LFG694" s="613"/>
      <c r="LFH694" s="613"/>
      <c r="LFI694" s="613"/>
      <c r="LFJ694" s="613"/>
      <c r="LFK694" s="613"/>
      <c r="LFL694" s="613"/>
      <c r="LFM694" s="613"/>
      <c r="LFN694" s="613"/>
      <c r="LFO694" s="613"/>
      <c r="LFP694" s="613"/>
      <c r="LFQ694" s="613"/>
      <c r="LFR694" s="613"/>
      <c r="LFS694" s="613"/>
      <c r="LFT694" s="613"/>
      <c r="LFU694" s="613"/>
      <c r="LFV694" s="613"/>
      <c r="LFW694" s="613"/>
      <c r="LFX694" s="613"/>
      <c r="LFY694" s="613"/>
      <c r="LFZ694" s="613"/>
      <c r="LGA694" s="613"/>
      <c r="LGB694" s="613"/>
      <c r="LGC694" s="613"/>
      <c r="LGD694" s="613"/>
      <c r="LGE694" s="613"/>
      <c r="LGF694" s="613"/>
      <c r="LGG694" s="613"/>
      <c r="LGH694" s="613"/>
      <c r="LGI694" s="613"/>
      <c r="LGJ694" s="613"/>
      <c r="LGK694" s="613"/>
      <c r="LGL694" s="613"/>
      <c r="LGM694" s="613"/>
      <c r="LGN694" s="613"/>
      <c r="LGO694" s="613"/>
      <c r="LGP694" s="613"/>
      <c r="LGQ694" s="613"/>
      <c r="LGR694" s="613"/>
      <c r="LGS694" s="613"/>
      <c r="LGT694" s="613"/>
      <c r="LGU694" s="613"/>
      <c r="LGV694" s="613"/>
      <c r="LGW694" s="613"/>
      <c r="LGX694" s="613"/>
      <c r="LGY694" s="613"/>
      <c r="LGZ694" s="613"/>
      <c r="LHA694" s="613"/>
      <c r="LHB694" s="613"/>
      <c r="LHC694" s="613"/>
      <c r="LHD694" s="613"/>
      <c r="LHE694" s="613"/>
      <c r="LHF694" s="613"/>
      <c r="LHG694" s="613"/>
      <c r="LHH694" s="613"/>
      <c r="LHI694" s="613"/>
      <c r="LHJ694" s="613"/>
      <c r="LHK694" s="613"/>
      <c r="LHL694" s="613"/>
      <c r="LHM694" s="613"/>
      <c r="LHN694" s="613"/>
      <c r="LHO694" s="613"/>
      <c r="LHP694" s="613"/>
      <c r="LHQ694" s="613"/>
      <c r="LHR694" s="613"/>
      <c r="LHS694" s="613"/>
      <c r="LHT694" s="613"/>
      <c r="LHU694" s="613"/>
      <c r="LHV694" s="613"/>
      <c r="LHW694" s="613"/>
      <c r="LHX694" s="613"/>
      <c r="LHY694" s="613"/>
      <c r="LHZ694" s="613"/>
      <c r="LIA694" s="613"/>
      <c r="LIB694" s="613"/>
      <c r="LIC694" s="613"/>
      <c r="LID694" s="613"/>
      <c r="LIE694" s="613"/>
      <c r="LIF694" s="613"/>
      <c r="LIG694" s="613"/>
      <c r="LIH694" s="613"/>
      <c r="LII694" s="613"/>
      <c r="LIJ694" s="613"/>
      <c r="LIK694" s="613"/>
      <c r="LIL694" s="613"/>
      <c r="LIM694" s="613"/>
      <c r="LIN694" s="613"/>
      <c r="LIO694" s="613"/>
      <c r="LIP694" s="613"/>
      <c r="LIQ694" s="613"/>
      <c r="LIR694" s="613"/>
      <c r="LIS694" s="613"/>
      <c r="LIT694" s="613"/>
      <c r="LIU694" s="613"/>
      <c r="LIV694" s="613"/>
      <c r="LIW694" s="613"/>
      <c r="LIX694" s="613"/>
      <c r="LIY694" s="613"/>
      <c r="LIZ694" s="613"/>
      <c r="LJA694" s="613"/>
      <c r="LJB694" s="613"/>
      <c r="LJC694" s="613"/>
      <c r="LJD694" s="613"/>
      <c r="LJE694" s="613"/>
      <c r="LJF694" s="613"/>
      <c r="LJG694" s="613"/>
      <c r="LJH694" s="613"/>
      <c r="LJI694" s="613"/>
      <c r="LJJ694" s="613"/>
      <c r="LJK694" s="613"/>
      <c r="LJL694" s="613"/>
      <c r="LJM694" s="613"/>
      <c r="LJN694" s="613"/>
      <c r="LJO694" s="613"/>
      <c r="LJP694" s="613"/>
      <c r="LJQ694" s="613"/>
      <c r="LJR694" s="613"/>
      <c r="LJS694" s="613"/>
      <c r="LJT694" s="613"/>
      <c r="LJU694" s="613"/>
      <c r="LJV694" s="613"/>
      <c r="LJW694" s="613"/>
      <c r="LJX694" s="613"/>
      <c r="LJY694" s="613"/>
      <c r="LJZ694" s="613"/>
      <c r="LKA694" s="613"/>
      <c r="LKB694" s="613"/>
      <c r="LKC694" s="613"/>
      <c r="LKD694" s="613"/>
      <c r="LKE694" s="613"/>
      <c r="LKF694" s="613"/>
      <c r="LKG694" s="613"/>
      <c r="LKH694" s="613"/>
      <c r="LKI694" s="613"/>
      <c r="LKJ694" s="613"/>
      <c r="LKK694" s="613"/>
      <c r="LKL694" s="613"/>
      <c r="LKM694" s="613"/>
      <c r="LKN694" s="613"/>
      <c r="LKO694" s="613"/>
      <c r="LKP694" s="613"/>
      <c r="LKQ694" s="613"/>
      <c r="LKR694" s="613"/>
      <c r="LKS694" s="613"/>
      <c r="LKT694" s="613"/>
      <c r="LKU694" s="613"/>
      <c r="LKV694" s="613"/>
      <c r="LKW694" s="613"/>
      <c r="LKX694" s="613"/>
      <c r="LKY694" s="613"/>
      <c r="LKZ694" s="613"/>
      <c r="LLA694" s="613"/>
      <c r="LLB694" s="613"/>
      <c r="LLC694" s="613"/>
      <c r="LLD694" s="613"/>
      <c r="LLE694" s="613"/>
      <c r="LLF694" s="613"/>
      <c r="LLG694" s="613"/>
      <c r="LLH694" s="613"/>
      <c r="LLI694" s="613"/>
      <c r="LLJ694" s="613"/>
      <c r="LLK694" s="613"/>
      <c r="LLL694" s="613"/>
      <c r="LLM694" s="613"/>
      <c r="LLN694" s="613"/>
      <c r="LLO694" s="613"/>
      <c r="LLP694" s="613"/>
      <c r="LLQ694" s="613"/>
      <c r="LLR694" s="613"/>
      <c r="LLS694" s="613"/>
      <c r="LLT694" s="613"/>
      <c r="LLU694" s="613"/>
      <c r="LLV694" s="613"/>
      <c r="LLW694" s="613"/>
      <c r="LLX694" s="613"/>
      <c r="LLY694" s="613"/>
      <c r="LLZ694" s="613"/>
      <c r="LMA694" s="613"/>
      <c r="LMB694" s="613"/>
      <c r="LMC694" s="613"/>
      <c r="LMD694" s="613"/>
      <c r="LME694" s="613"/>
      <c r="LMF694" s="613"/>
      <c r="LMG694" s="613"/>
      <c r="LMH694" s="613"/>
      <c r="LMI694" s="613"/>
      <c r="LMJ694" s="613"/>
      <c r="LMK694" s="613"/>
      <c r="LML694" s="613"/>
      <c r="LMM694" s="613"/>
      <c r="LMN694" s="613"/>
      <c r="LMO694" s="613"/>
      <c r="LMP694" s="613"/>
      <c r="LMQ694" s="613"/>
      <c r="LMR694" s="613"/>
      <c r="LMS694" s="613"/>
      <c r="LMT694" s="613"/>
      <c r="LMU694" s="613"/>
      <c r="LMV694" s="613"/>
      <c r="LMW694" s="613"/>
      <c r="LMX694" s="613"/>
      <c r="LMY694" s="613"/>
      <c r="LMZ694" s="613"/>
      <c r="LNA694" s="613"/>
      <c r="LNB694" s="613"/>
      <c r="LNC694" s="613"/>
      <c r="LND694" s="613"/>
      <c r="LNE694" s="613"/>
      <c r="LNF694" s="613"/>
      <c r="LNG694" s="613"/>
      <c r="LNH694" s="613"/>
      <c r="LNI694" s="613"/>
      <c r="LNJ694" s="613"/>
      <c r="LNK694" s="613"/>
      <c r="LNL694" s="613"/>
      <c r="LNM694" s="613"/>
      <c r="LNN694" s="613"/>
      <c r="LNO694" s="613"/>
      <c r="LNP694" s="613"/>
      <c r="LNQ694" s="613"/>
      <c r="LNR694" s="613"/>
      <c r="LNS694" s="613"/>
      <c r="LNT694" s="613"/>
      <c r="LNU694" s="613"/>
      <c r="LNV694" s="613"/>
      <c r="LNW694" s="613"/>
      <c r="LNX694" s="613"/>
      <c r="LNY694" s="613"/>
      <c r="LNZ694" s="613"/>
      <c r="LOA694" s="613"/>
      <c r="LOB694" s="613"/>
      <c r="LOC694" s="613"/>
      <c r="LOD694" s="613"/>
      <c r="LOE694" s="613"/>
      <c r="LOF694" s="613"/>
      <c r="LOG694" s="613"/>
      <c r="LOH694" s="613"/>
      <c r="LOI694" s="613"/>
      <c r="LOJ694" s="613"/>
      <c r="LOK694" s="613"/>
      <c r="LOL694" s="613"/>
      <c r="LOM694" s="613"/>
      <c r="LON694" s="613"/>
      <c r="LOO694" s="613"/>
      <c r="LOP694" s="613"/>
      <c r="LOQ694" s="613"/>
      <c r="LOR694" s="613"/>
      <c r="LOS694" s="613"/>
      <c r="LOT694" s="613"/>
      <c r="LOU694" s="613"/>
      <c r="LOV694" s="613"/>
      <c r="LOW694" s="613"/>
      <c r="LOX694" s="613"/>
      <c r="LOY694" s="613"/>
      <c r="LOZ694" s="613"/>
      <c r="LPA694" s="613"/>
      <c r="LPB694" s="613"/>
      <c r="LPC694" s="613"/>
      <c r="LPD694" s="613"/>
      <c r="LPE694" s="613"/>
      <c r="LPF694" s="613"/>
      <c r="LPG694" s="613"/>
      <c r="LPH694" s="613"/>
      <c r="LPI694" s="613"/>
      <c r="LPJ694" s="613"/>
      <c r="LPK694" s="613"/>
      <c r="LPL694" s="613"/>
      <c r="LPM694" s="613"/>
      <c r="LPN694" s="613"/>
      <c r="LPO694" s="613"/>
      <c r="LPP694" s="613"/>
      <c r="LPQ694" s="613"/>
      <c r="LPR694" s="613"/>
      <c r="LPS694" s="613"/>
      <c r="LPT694" s="613"/>
      <c r="LPU694" s="613"/>
      <c r="LPV694" s="613"/>
      <c r="LPW694" s="613"/>
      <c r="LPX694" s="613"/>
      <c r="LPY694" s="613"/>
      <c r="LPZ694" s="613"/>
      <c r="LQA694" s="613"/>
      <c r="LQB694" s="613"/>
      <c r="LQC694" s="613"/>
      <c r="LQD694" s="613"/>
      <c r="LQE694" s="613"/>
      <c r="LQF694" s="613"/>
      <c r="LQG694" s="613"/>
      <c r="LQH694" s="613"/>
      <c r="LQI694" s="613"/>
      <c r="LQJ694" s="613"/>
      <c r="LQK694" s="613"/>
      <c r="LQL694" s="613"/>
      <c r="LQM694" s="613"/>
      <c r="LQN694" s="613"/>
      <c r="LQO694" s="613"/>
      <c r="LQP694" s="613"/>
      <c r="LQQ694" s="613"/>
      <c r="LQR694" s="613"/>
      <c r="LQS694" s="613"/>
      <c r="LQT694" s="613"/>
      <c r="LQU694" s="613"/>
      <c r="LQV694" s="613"/>
      <c r="LQW694" s="613"/>
      <c r="LQX694" s="613"/>
      <c r="LQY694" s="613"/>
      <c r="LQZ694" s="613"/>
      <c r="LRA694" s="613"/>
      <c r="LRB694" s="613"/>
      <c r="LRC694" s="613"/>
      <c r="LRD694" s="613"/>
      <c r="LRE694" s="613"/>
      <c r="LRF694" s="613"/>
      <c r="LRG694" s="613"/>
      <c r="LRH694" s="613"/>
      <c r="LRI694" s="613"/>
      <c r="LRJ694" s="613"/>
      <c r="LRK694" s="613"/>
      <c r="LRL694" s="613"/>
      <c r="LRM694" s="613"/>
      <c r="LRN694" s="613"/>
      <c r="LRO694" s="613"/>
      <c r="LRP694" s="613"/>
      <c r="LRQ694" s="613"/>
      <c r="LRR694" s="613"/>
      <c r="LRS694" s="613"/>
      <c r="LRT694" s="613"/>
      <c r="LRU694" s="613"/>
      <c r="LRV694" s="613"/>
      <c r="LRW694" s="613"/>
      <c r="LRX694" s="613"/>
      <c r="LRY694" s="613"/>
      <c r="LRZ694" s="613"/>
      <c r="LSA694" s="613"/>
      <c r="LSB694" s="613"/>
      <c r="LSC694" s="613"/>
      <c r="LSD694" s="613"/>
      <c r="LSE694" s="613"/>
      <c r="LSF694" s="613"/>
      <c r="LSG694" s="613"/>
      <c r="LSH694" s="613"/>
      <c r="LSI694" s="613"/>
      <c r="LSJ694" s="613"/>
      <c r="LSK694" s="613"/>
      <c r="LSL694" s="613"/>
      <c r="LSM694" s="613"/>
      <c r="LSN694" s="613"/>
      <c r="LSO694" s="613"/>
      <c r="LSP694" s="613"/>
      <c r="LSQ694" s="613"/>
      <c r="LSR694" s="613"/>
      <c r="LSS694" s="613"/>
      <c r="LST694" s="613"/>
      <c r="LSU694" s="613"/>
      <c r="LSV694" s="613"/>
      <c r="LSW694" s="613"/>
      <c r="LSX694" s="613"/>
      <c r="LSY694" s="613"/>
      <c r="LSZ694" s="613"/>
      <c r="LTA694" s="613"/>
      <c r="LTB694" s="613"/>
      <c r="LTC694" s="613"/>
      <c r="LTD694" s="613"/>
      <c r="LTE694" s="613"/>
      <c r="LTF694" s="613"/>
      <c r="LTG694" s="613"/>
      <c r="LTH694" s="613"/>
      <c r="LTI694" s="613"/>
      <c r="LTJ694" s="613"/>
      <c r="LTK694" s="613"/>
      <c r="LTL694" s="613"/>
      <c r="LTM694" s="613"/>
      <c r="LTN694" s="613"/>
      <c r="LTO694" s="613"/>
      <c r="LTP694" s="613"/>
      <c r="LTQ694" s="613"/>
      <c r="LTR694" s="613"/>
      <c r="LTS694" s="613"/>
      <c r="LTT694" s="613"/>
      <c r="LTU694" s="613"/>
      <c r="LTV694" s="613"/>
      <c r="LTW694" s="613"/>
      <c r="LTX694" s="613"/>
      <c r="LTY694" s="613"/>
      <c r="LTZ694" s="613"/>
      <c r="LUA694" s="613"/>
      <c r="LUB694" s="613"/>
      <c r="LUC694" s="613"/>
      <c r="LUD694" s="613"/>
      <c r="LUE694" s="613"/>
      <c r="LUF694" s="613"/>
      <c r="LUG694" s="613"/>
      <c r="LUH694" s="613"/>
      <c r="LUI694" s="613"/>
      <c r="LUJ694" s="613"/>
      <c r="LUK694" s="613"/>
      <c r="LUL694" s="613"/>
      <c r="LUM694" s="613"/>
      <c r="LUN694" s="613"/>
      <c r="LUO694" s="613"/>
      <c r="LUP694" s="613"/>
      <c r="LUQ694" s="613"/>
      <c r="LUR694" s="613"/>
      <c r="LUS694" s="613"/>
      <c r="LUT694" s="613"/>
      <c r="LUU694" s="613"/>
      <c r="LUV694" s="613"/>
      <c r="LUW694" s="613"/>
      <c r="LUX694" s="613"/>
      <c r="LUY694" s="613"/>
      <c r="LUZ694" s="613"/>
      <c r="LVA694" s="613"/>
      <c r="LVB694" s="613"/>
      <c r="LVC694" s="613"/>
      <c r="LVD694" s="613"/>
      <c r="LVE694" s="613"/>
      <c r="LVF694" s="613"/>
      <c r="LVG694" s="613"/>
      <c r="LVH694" s="613"/>
      <c r="LVI694" s="613"/>
      <c r="LVJ694" s="613"/>
      <c r="LVK694" s="613"/>
      <c r="LVL694" s="613"/>
      <c r="LVM694" s="613"/>
      <c r="LVN694" s="613"/>
      <c r="LVO694" s="613"/>
      <c r="LVP694" s="613"/>
      <c r="LVQ694" s="613"/>
      <c r="LVR694" s="613"/>
      <c r="LVS694" s="613"/>
      <c r="LVT694" s="613"/>
      <c r="LVU694" s="613"/>
      <c r="LVV694" s="613"/>
      <c r="LVW694" s="613"/>
      <c r="LVX694" s="613"/>
      <c r="LVY694" s="613"/>
      <c r="LVZ694" s="613"/>
      <c r="LWA694" s="613"/>
      <c r="LWB694" s="613"/>
      <c r="LWC694" s="613"/>
      <c r="LWD694" s="613"/>
      <c r="LWE694" s="613"/>
      <c r="LWF694" s="613"/>
      <c r="LWG694" s="613"/>
      <c r="LWH694" s="613"/>
      <c r="LWI694" s="613"/>
      <c r="LWJ694" s="613"/>
      <c r="LWK694" s="613"/>
      <c r="LWL694" s="613"/>
      <c r="LWM694" s="613"/>
      <c r="LWN694" s="613"/>
      <c r="LWO694" s="613"/>
      <c r="LWP694" s="613"/>
      <c r="LWQ694" s="613"/>
      <c r="LWR694" s="613"/>
      <c r="LWS694" s="613"/>
      <c r="LWT694" s="613"/>
      <c r="LWU694" s="613"/>
      <c r="LWV694" s="613"/>
      <c r="LWW694" s="613"/>
      <c r="LWX694" s="613"/>
      <c r="LWY694" s="613"/>
      <c r="LWZ694" s="613"/>
      <c r="LXA694" s="613"/>
      <c r="LXB694" s="613"/>
      <c r="LXC694" s="613"/>
      <c r="LXD694" s="613"/>
      <c r="LXE694" s="613"/>
      <c r="LXF694" s="613"/>
      <c r="LXG694" s="613"/>
      <c r="LXH694" s="613"/>
      <c r="LXI694" s="613"/>
      <c r="LXJ694" s="613"/>
      <c r="LXK694" s="613"/>
      <c r="LXL694" s="613"/>
      <c r="LXM694" s="613"/>
      <c r="LXN694" s="613"/>
      <c r="LXO694" s="613"/>
      <c r="LXP694" s="613"/>
      <c r="LXQ694" s="613"/>
      <c r="LXR694" s="613"/>
      <c r="LXS694" s="613"/>
      <c r="LXT694" s="613"/>
      <c r="LXU694" s="613"/>
      <c r="LXV694" s="613"/>
      <c r="LXW694" s="613"/>
      <c r="LXX694" s="613"/>
      <c r="LXY694" s="613"/>
      <c r="LXZ694" s="613"/>
      <c r="LYA694" s="613"/>
      <c r="LYB694" s="613"/>
      <c r="LYC694" s="613"/>
      <c r="LYD694" s="613"/>
      <c r="LYE694" s="613"/>
      <c r="LYF694" s="613"/>
      <c r="LYG694" s="613"/>
      <c r="LYH694" s="613"/>
      <c r="LYI694" s="613"/>
      <c r="LYJ694" s="613"/>
      <c r="LYK694" s="613"/>
      <c r="LYL694" s="613"/>
      <c r="LYM694" s="613"/>
      <c r="LYN694" s="613"/>
      <c r="LYO694" s="613"/>
      <c r="LYP694" s="613"/>
      <c r="LYQ694" s="613"/>
      <c r="LYR694" s="613"/>
      <c r="LYS694" s="613"/>
      <c r="LYT694" s="613"/>
      <c r="LYU694" s="613"/>
      <c r="LYV694" s="613"/>
      <c r="LYW694" s="613"/>
      <c r="LYX694" s="613"/>
      <c r="LYY694" s="613"/>
      <c r="LYZ694" s="613"/>
      <c r="LZA694" s="613"/>
      <c r="LZB694" s="613"/>
      <c r="LZC694" s="613"/>
      <c r="LZD694" s="613"/>
      <c r="LZE694" s="613"/>
      <c r="LZF694" s="613"/>
      <c r="LZG694" s="613"/>
      <c r="LZH694" s="613"/>
      <c r="LZI694" s="613"/>
      <c r="LZJ694" s="613"/>
      <c r="LZK694" s="613"/>
      <c r="LZL694" s="613"/>
      <c r="LZM694" s="613"/>
      <c r="LZN694" s="613"/>
      <c r="LZO694" s="613"/>
      <c r="LZP694" s="613"/>
      <c r="LZQ694" s="613"/>
      <c r="LZR694" s="613"/>
      <c r="LZS694" s="613"/>
      <c r="LZT694" s="613"/>
      <c r="LZU694" s="613"/>
      <c r="LZV694" s="613"/>
      <c r="LZW694" s="613"/>
      <c r="LZX694" s="613"/>
      <c r="LZY694" s="613"/>
      <c r="LZZ694" s="613"/>
      <c r="MAA694" s="613"/>
      <c r="MAB694" s="613"/>
      <c r="MAC694" s="613"/>
      <c r="MAD694" s="613"/>
      <c r="MAE694" s="613"/>
      <c r="MAF694" s="613"/>
      <c r="MAG694" s="613"/>
      <c r="MAH694" s="613"/>
      <c r="MAI694" s="613"/>
      <c r="MAJ694" s="613"/>
      <c r="MAK694" s="613"/>
      <c r="MAL694" s="613"/>
      <c r="MAM694" s="613"/>
      <c r="MAN694" s="613"/>
      <c r="MAO694" s="613"/>
      <c r="MAP694" s="613"/>
      <c r="MAQ694" s="613"/>
      <c r="MAR694" s="613"/>
      <c r="MAS694" s="613"/>
      <c r="MAT694" s="613"/>
      <c r="MAU694" s="613"/>
      <c r="MAV694" s="613"/>
      <c r="MAW694" s="613"/>
      <c r="MAX694" s="613"/>
      <c r="MAY694" s="613"/>
      <c r="MAZ694" s="613"/>
      <c r="MBA694" s="613"/>
      <c r="MBB694" s="613"/>
      <c r="MBC694" s="613"/>
      <c r="MBD694" s="613"/>
      <c r="MBE694" s="613"/>
      <c r="MBF694" s="613"/>
      <c r="MBG694" s="613"/>
      <c r="MBH694" s="613"/>
      <c r="MBI694" s="613"/>
      <c r="MBJ694" s="613"/>
      <c r="MBK694" s="613"/>
      <c r="MBL694" s="613"/>
      <c r="MBM694" s="613"/>
      <c r="MBN694" s="613"/>
      <c r="MBO694" s="613"/>
      <c r="MBP694" s="613"/>
      <c r="MBQ694" s="613"/>
      <c r="MBR694" s="613"/>
      <c r="MBS694" s="613"/>
      <c r="MBT694" s="613"/>
      <c r="MBU694" s="613"/>
      <c r="MBV694" s="613"/>
      <c r="MBW694" s="613"/>
      <c r="MBX694" s="613"/>
      <c r="MBY694" s="613"/>
      <c r="MBZ694" s="613"/>
      <c r="MCA694" s="613"/>
      <c r="MCB694" s="613"/>
      <c r="MCC694" s="613"/>
      <c r="MCD694" s="613"/>
      <c r="MCE694" s="613"/>
      <c r="MCF694" s="613"/>
      <c r="MCG694" s="613"/>
      <c r="MCH694" s="613"/>
      <c r="MCI694" s="613"/>
      <c r="MCJ694" s="613"/>
      <c r="MCK694" s="613"/>
      <c r="MCL694" s="613"/>
      <c r="MCM694" s="613"/>
      <c r="MCN694" s="613"/>
      <c r="MCO694" s="613"/>
      <c r="MCP694" s="613"/>
      <c r="MCQ694" s="613"/>
      <c r="MCR694" s="613"/>
      <c r="MCS694" s="613"/>
      <c r="MCT694" s="613"/>
      <c r="MCU694" s="613"/>
      <c r="MCV694" s="613"/>
      <c r="MCW694" s="613"/>
      <c r="MCX694" s="613"/>
      <c r="MCY694" s="613"/>
      <c r="MCZ694" s="613"/>
      <c r="MDA694" s="613"/>
      <c r="MDB694" s="613"/>
      <c r="MDC694" s="613"/>
      <c r="MDD694" s="613"/>
      <c r="MDE694" s="613"/>
      <c r="MDF694" s="613"/>
      <c r="MDG694" s="613"/>
      <c r="MDH694" s="613"/>
      <c r="MDI694" s="613"/>
      <c r="MDJ694" s="613"/>
      <c r="MDK694" s="613"/>
      <c r="MDL694" s="613"/>
      <c r="MDM694" s="613"/>
      <c r="MDN694" s="613"/>
      <c r="MDO694" s="613"/>
      <c r="MDP694" s="613"/>
      <c r="MDQ694" s="613"/>
      <c r="MDR694" s="613"/>
      <c r="MDS694" s="613"/>
      <c r="MDT694" s="613"/>
      <c r="MDU694" s="613"/>
      <c r="MDV694" s="613"/>
      <c r="MDW694" s="613"/>
      <c r="MDX694" s="613"/>
      <c r="MDY694" s="613"/>
      <c r="MDZ694" s="613"/>
      <c r="MEA694" s="613"/>
      <c r="MEB694" s="613"/>
      <c r="MEC694" s="613"/>
      <c r="MED694" s="613"/>
      <c r="MEE694" s="613"/>
      <c r="MEF694" s="613"/>
      <c r="MEG694" s="613"/>
      <c r="MEH694" s="613"/>
      <c r="MEI694" s="613"/>
      <c r="MEJ694" s="613"/>
      <c r="MEK694" s="613"/>
      <c r="MEL694" s="613"/>
      <c r="MEM694" s="613"/>
      <c r="MEN694" s="613"/>
      <c r="MEO694" s="613"/>
      <c r="MEP694" s="613"/>
      <c r="MEQ694" s="613"/>
      <c r="MER694" s="613"/>
      <c r="MES694" s="613"/>
      <c r="MET694" s="613"/>
      <c r="MEU694" s="613"/>
      <c r="MEV694" s="613"/>
      <c r="MEW694" s="613"/>
      <c r="MEX694" s="613"/>
      <c r="MEY694" s="613"/>
      <c r="MEZ694" s="613"/>
      <c r="MFA694" s="613"/>
      <c r="MFB694" s="613"/>
      <c r="MFC694" s="613"/>
      <c r="MFD694" s="613"/>
      <c r="MFE694" s="613"/>
      <c r="MFF694" s="613"/>
      <c r="MFG694" s="613"/>
      <c r="MFH694" s="613"/>
      <c r="MFI694" s="613"/>
      <c r="MFJ694" s="613"/>
      <c r="MFK694" s="613"/>
      <c r="MFL694" s="613"/>
      <c r="MFM694" s="613"/>
      <c r="MFN694" s="613"/>
      <c r="MFO694" s="613"/>
      <c r="MFP694" s="613"/>
      <c r="MFQ694" s="613"/>
      <c r="MFR694" s="613"/>
      <c r="MFS694" s="613"/>
      <c r="MFT694" s="613"/>
      <c r="MFU694" s="613"/>
      <c r="MFV694" s="613"/>
      <c r="MFW694" s="613"/>
      <c r="MFX694" s="613"/>
      <c r="MFY694" s="613"/>
      <c r="MFZ694" s="613"/>
      <c r="MGA694" s="613"/>
      <c r="MGB694" s="613"/>
      <c r="MGC694" s="613"/>
      <c r="MGD694" s="613"/>
      <c r="MGE694" s="613"/>
      <c r="MGF694" s="613"/>
      <c r="MGG694" s="613"/>
      <c r="MGH694" s="613"/>
      <c r="MGI694" s="613"/>
      <c r="MGJ694" s="613"/>
      <c r="MGK694" s="613"/>
      <c r="MGL694" s="613"/>
      <c r="MGM694" s="613"/>
      <c r="MGN694" s="613"/>
      <c r="MGO694" s="613"/>
      <c r="MGP694" s="613"/>
      <c r="MGQ694" s="613"/>
      <c r="MGR694" s="613"/>
      <c r="MGS694" s="613"/>
      <c r="MGT694" s="613"/>
      <c r="MGU694" s="613"/>
      <c r="MGV694" s="613"/>
      <c r="MGW694" s="613"/>
      <c r="MGX694" s="613"/>
      <c r="MGY694" s="613"/>
      <c r="MGZ694" s="613"/>
      <c r="MHA694" s="613"/>
      <c r="MHB694" s="613"/>
      <c r="MHC694" s="613"/>
      <c r="MHD694" s="613"/>
      <c r="MHE694" s="613"/>
      <c r="MHF694" s="613"/>
      <c r="MHG694" s="613"/>
      <c r="MHH694" s="613"/>
      <c r="MHI694" s="613"/>
      <c r="MHJ694" s="613"/>
      <c r="MHK694" s="613"/>
      <c r="MHL694" s="613"/>
      <c r="MHM694" s="613"/>
      <c r="MHN694" s="613"/>
      <c r="MHO694" s="613"/>
      <c r="MHP694" s="613"/>
      <c r="MHQ694" s="613"/>
      <c r="MHR694" s="613"/>
      <c r="MHS694" s="613"/>
      <c r="MHT694" s="613"/>
      <c r="MHU694" s="613"/>
      <c r="MHV694" s="613"/>
      <c r="MHW694" s="613"/>
      <c r="MHX694" s="613"/>
      <c r="MHY694" s="613"/>
      <c r="MHZ694" s="613"/>
      <c r="MIA694" s="613"/>
      <c r="MIB694" s="613"/>
      <c r="MIC694" s="613"/>
      <c r="MID694" s="613"/>
      <c r="MIE694" s="613"/>
      <c r="MIF694" s="613"/>
      <c r="MIG694" s="613"/>
      <c r="MIH694" s="613"/>
      <c r="MII694" s="613"/>
      <c r="MIJ694" s="613"/>
      <c r="MIK694" s="613"/>
      <c r="MIL694" s="613"/>
      <c r="MIM694" s="613"/>
      <c r="MIN694" s="613"/>
      <c r="MIO694" s="613"/>
      <c r="MIP694" s="613"/>
      <c r="MIQ694" s="613"/>
      <c r="MIR694" s="613"/>
      <c r="MIS694" s="613"/>
      <c r="MIT694" s="613"/>
      <c r="MIU694" s="613"/>
      <c r="MIV694" s="613"/>
      <c r="MIW694" s="613"/>
      <c r="MIX694" s="613"/>
      <c r="MIY694" s="613"/>
      <c r="MIZ694" s="613"/>
      <c r="MJA694" s="613"/>
      <c r="MJB694" s="613"/>
      <c r="MJC694" s="613"/>
      <c r="MJD694" s="613"/>
      <c r="MJE694" s="613"/>
      <c r="MJF694" s="613"/>
      <c r="MJG694" s="613"/>
      <c r="MJH694" s="613"/>
      <c r="MJI694" s="613"/>
      <c r="MJJ694" s="613"/>
      <c r="MJK694" s="613"/>
      <c r="MJL694" s="613"/>
      <c r="MJM694" s="613"/>
      <c r="MJN694" s="613"/>
      <c r="MJO694" s="613"/>
      <c r="MJP694" s="613"/>
      <c r="MJQ694" s="613"/>
      <c r="MJR694" s="613"/>
      <c r="MJS694" s="613"/>
      <c r="MJT694" s="613"/>
      <c r="MJU694" s="613"/>
      <c r="MJV694" s="613"/>
      <c r="MJW694" s="613"/>
      <c r="MJX694" s="613"/>
      <c r="MJY694" s="613"/>
      <c r="MJZ694" s="613"/>
      <c r="MKA694" s="613"/>
      <c r="MKB694" s="613"/>
      <c r="MKC694" s="613"/>
      <c r="MKD694" s="613"/>
      <c r="MKE694" s="613"/>
      <c r="MKF694" s="613"/>
      <c r="MKG694" s="613"/>
      <c r="MKH694" s="613"/>
      <c r="MKI694" s="613"/>
      <c r="MKJ694" s="613"/>
      <c r="MKK694" s="613"/>
      <c r="MKL694" s="613"/>
      <c r="MKM694" s="613"/>
      <c r="MKN694" s="613"/>
      <c r="MKO694" s="613"/>
      <c r="MKP694" s="613"/>
      <c r="MKQ694" s="613"/>
      <c r="MKR694" s="613"/>
      <c r="MKS694" s="613"/>
      <c r="MKT694" s="613"/>
      <c r="MKU694" s="613"/>
      <c r="MKV694" s="613"/>
      <c r="MKW694" s="613"/>
      <c r="MKX694" s="613"/>
      <c r="MKY694" s="613"/>
      <c r="MKZ694" s="613"/>
      <c r="MLA694" s="613"/>
      <c r="MLB694" s="613"/>
      <c r="MLC694" s="613"/>
      <c r="MLD694" s="613"/>
      <c r="MLE694" s="613"/>
      <c r="MLF694" s="613"/>
      <c r="MLG694" s="613"/>
      <c r="MLH694" s="613"/>
      <c r="MLI694" s="613"/>
      <c r="MLJ694" s="613"/>
      <c r="MLK694" s="613"/>
      <c r="MLL694" s="613"/>
      <c r="MLM694" s="613"/>
      <c r="MLN694" s="613"/>
      <c r="MLO694" s="613"/>
      <c r="MLP694" s="613"/>
      <c r="MLQ694" s="613"/>
      <c r="MLR694" s="613"/>
      <c r="MLS694" s="613"/>
      <c r="MLT694" s="613"/>
      <c r="MLU694" s="613"/>
      <c r="MLV694" s="613"/>
      <c r="MLW694" s="613"/>
      <c r="MLX694" s="613"/>
      <c r="MLY694" s="613"/>
      <c r="MLZ694" s="613"/>
      <c r="MMA694" s="613"/>
      <c r="MMB694" s="613"/>
      <c r="MMC694" s="613"/>
      <c r="MMD694" s="613"/>
      <c r="MME694" s="613"/>
      <c r="MMF694" s="613"/>
      <c r="MMG694" s="613"/>
      <c r="MMH694" s="613"/>
      <c r="MMI694" s="613"/>
      <c r="MMJ694" s="613"/>
      <c r="MMK694" s="613"/>
      <c r="MML694" s="613"/>
      <c r="MMM694" s="613"/>
      <c r="MMN694" s="613"/>
      <c r="MMO694" s="613"/>
      <c r="MMP694" s="613"/>
      <c r="MMQ694" s="613"/>
      <c r="MMR694" s="613"/>
      <c r="MMS694" s="613"/>
      <c r="MMT694" s="613"/>
      <c r="MMU694" s="613"/>
      <c r="MMV694" s="613"/>
      <c r="MMW694" s="613"/>
      <c r="MMX694" s="613"/>
      <c r="MMY694" s="613"/>
      <c r="MMZ694" s="613"/>
      <c r="MNA694" s="613"/>
      <c r="MNB694" s="613"/>
      <c r="MNC694" s="613"/>
      <c r="MND694" s="613"/>
      <c r="MNE694" s="613"/>
      <c r="MNF694" s="613"/>
      <c r="MNG694" s="613"/>
      <c r="MNH694" s="613"/>
      <c r="MNI694" s="613"/>
      <c r="MNJ694" s="613"/>
      <c r="MNK694" s="613"/>
      <c r="MNL694" s="613"/>
      <c r="MNM694" s="613"/>
      <c r="MNN694" s="613"/>
      <c r="MNO694" s="613"/>
      <c r="MNP694" s="613"/>
      <c r="MNQ694" s="613"/>
      <c r="MNR694" s="613"/>
      <c r="MNS694" s="613"/>
      <c r="MNT694" s="613"/>
      <c r="MNU694" s="613"/>
      <c r="MNV694" s="613"/>
      <c r="MNW694" s="613"/>
      <c r="MNX694" s="613"/>
      <c r="MNY694" s="613"/>
      <c r="MNZ694" s="613"/>
      <c r="MOA694" s="613"/>
      <c r="MOB694" s="613"/>
      <c r="MOC694" s="613"/>
      <c r="MOD694" s="613"/>
      <c r="MOE694" s="613"/>
      <c r="MOF694" s="613"/>
      <c r="MOG694" s="613"/>
      <c r="MOH694" s="613"/>
      <c r="MOI694" s="613"/>
      <c r="MOJ694" s="613"/>
      <c r="MOK694" s="613"/>
      <c r="MOL694" s="613"/>
      <c r="MOM694" s="613"/>
      <c r="MON694" s="613"/>
      <c r="MOO694" s="613"/>
      <c r="MOP694" s="613"/>
      <c r="MOQ694" s="613"/>
      <c r="MOR694" s="613"/>
      <c r="MOS694" s="613"/>
      <c r="MOT694" s="613"/>
      <c r="MOU694" s="613"/>
      <c r="MOV694" s="613"/>
      <c r="MOW694" s="613"/>
      <c r="MOX694" s="613"/>
      <c r="MOY694" s="613"/>
      <c r="MOZ694" s="613"/>
      <c r="MPA694" s="613"/>
      <c r="MPB694" s="613"/>
      <c r="MPC694" s="613"/>
      <c r="MPD694" s="613"/>
      <c r="MPE694" s="613"/>
      <c r="MPF694" s="613"/>
      <c r="MPG694" s="613"/>
      <c r="MPH694" s="613"/>
      <c r="MPI694" s="613"/>
      <c r="MPJ694" s="613"/>
      <c r="MPK694" s="613"/>
      <c r="MPL694" s="613"/>
      <c r="MPM694" s="613"/>
      <c r="MPN694" s="613"/>
      <c r="MPO694" s="613"/>
      <c r="MPP694" s="613"/>
      <c r="MPQ694" s="613"/>
      <c r="MPR694" s="613"/>
      <c r="MPS694" s="613"/>
      <c r="MPT694" s="613"/>
      <c r="MPU694" s="613"/>
      <c r="MPV694" s="613"/>
      <c r="MPW694" s="613"/>
      <c r="MPX694" s="613"/>
      <c r="MPY694" s="613"/>
      <c r="MPZ694" s="613"/>
      <c r="MQA694" s="613"/>
      <c r="MQB694" s="613"/>
      <c r="MQC694" s="613"/>
      <c r="MQD694" s="613"/>
      <c r="MQE694" s="613"/>
      <c r="MQF694" s="613"/>
      <c r="MQG694" s="613"/>
      <c r="MQH694" s="613"/>
      <c r="MQI694" s="613"/>
      <c r="MQJ694" s="613"/>
      <c r="MQK694" s="613"/>
      <c r="MQL694" s="613"/>
      <c r="MQM694" s="613"/>
      <c r="MQN694" s="613"/>
      <c r="MQO694" s="613"/>
      <c r="MQP694" s="613"/>
      <c r="MQQ694" s="613"/>
      <c r="MQR694" s="613"/>
      <c r="MQS694" s="613"/>
      <c r="MQT694" s="613"/>
      <c r="MQU694" s="613"/>
      <c r="MQV694" s="613"/>
      <c r="MQW694" s="613"/>
      <c r="MQX694" s="613"/>
      <c r="MQY694" s="613"/>
      <c r="MQZ694" s="613"/>
      <c r="MRA694" s="613"/>
      <c r="MRB694" s="613"/>
      <c r="MRC694" s="613"/>
      <c r="MRD694" s="613"/>
      <c r="MRE694" s="613"/>
      <c r="MRF694" s="613"/>
      <c r="MRG694" s="613"/>
      <c r="MRH694" s="613"/>
      <c r="MRI694" s="613"/>
      <c r="MRJ694" s="613"/>
      <c r="MRK694" s="613"/>
      <c r="MRL694" s="613"/>
      <c r="MRM694" s="613"/>
      <c r="MRN694" s="613"/>
      <c r="MRO694" s="613"/>
      <c r="MRP694" s="613"/>
      <c r="MRQ694" s="613"/>
      <c r="MRR694" s="613"/>
      <c r="MRS694" s="613"/>
      <c r="MRT694" s="613"/>
      <c r="MRU694" s="613"/>
      <c r="MRV694" s="613"/>
      <c r="MRW694" s="613"/>
      <c r="MRX694" s="613"/>
      <c r="MRY694" s="613"/>
      <c r="MRZ694" s="613"/>
      <c r="MSA694" s="613"/>
      <c r="MSB694" s="613"/>
      <c r="MSC694" s="613"/>
      <c r="MSD694" s="613"/>
      <c r="MSE694" s="613"/>
      <c r="MSF694" s="613"/>
      <c r="MSG694" s="613"/>
      <c r="MSH694" s="613"/>
      <c r="MSI694" s="613"/>
      <c r="MSJ694" s="613"/>
      <c r="MSK694" s="613"/>
      <c r="MSL694" s="613"/>
      <c r="MSM694" s="613"/>
      <c r="MSN694" s="613"/>
      <c r="MSO694" s="613"/>
      <c r="MSP694" s="613"/>
      <c r="MSQ694" s="613"/>
      <c r="MSR694" s="613"/>
      <c r="MSS694" s="613"/>
      <c r="MST694" s="613"/>
      <c r="MSU694" s="613"/>
      <c r="MSV694" s="613"/>
      <c r="MSW694" s="613"/>
      <c r="MSX694" s="613"/>
      <c r="MSY694" s="613"/>
      <c r="MSZ694" s="613"/>
      <c r="MTA694" s="613"/>
      <c r="MTB694" s="613"/>
      <c r="MTC694" s="613"/>
      <c r="MTD694" s="613"/>
      <c r="MTE694" s="613"/>
      <c r="MTF694" s="613"/>
      <c r="MTG694" s="613"/>
      <c r="MTH694" s="613"/>
      <c r="MTI694" s="613"/>
      <c r="MTJ694" s="613"/>
      <c r="MTK694" s="613"/>
      <c r="MTL694" s="613"/>
      <c r="MTM694" s="613"/>
      <c r="MTN694" s="613"/>
      <c r="MTO694" s="613"/>
      <c r="MTP694" s="613"/>
      <c r="MTQ694" s="613"/>
      <c r="MTR694" s="613"/>
      <c r="MTS694" s="613"/>
      <c r="MTT694" s="613"/>
      <c r="MTU694" s="613"/>
      <c r="MTV694" s="613"/>
      <c r="MTW694" s="613"/>
      <c r="MTX694" s="613"/>
      <c r="MTY694" s="613"/>
      <c r="MTZ694" s="613"/>
      <c r="MUA694" s="613"/>
      <c r="MUB694" s="613"/>
      <c r="MUC694" s="613"/>
      <c r="MUD694" s="613"/>
      <c r="MUE694" s="613"/>
      <c r="MUF694" s="613"/>
      <c r="MUG694" s="613"/>
      <c r="MUH694" s="613"/>
      <c r="MUI694" s="613"/>
      <c r="MUJ694" s="613"/>
      <c r="MUK694" s="613"/>
      <c r="MUL694" s="613"/>
      <c r="MUM694" s="613"/>
      <c r="MUN694" s="613"/>
      <c r="MUO694" s="613"/>
      <c r="MUP694" s="613"/>
      <c r="MUQ694" s="613"/>
      <c r="MUR694" s="613"/>
      <c r="MUS694" s="613"/>
      <c r="MUT694" s="613"/>
      <c r="MUU694" s="613"/>
      <c r="MUV694" s="613"/>
      <c r="MUW694" s="613"/>
      <c r="MUX694" s="613"/>
      <c r="MUY694" s="613"/>
      <c r="MUZ694" s="613"/>
      <c r="MVA694" s="613"/>
      <c r="MVB694" s="613"/>
      <c r="MVC694" s="613"/>
      <c r="MVD694" s="613"/>
      <c r="MVE694" s="613"/>
      <c r="MVF694" s="613"/>
      <c r="MVG694" s="613"/>
      <c r="MVH694" s="613"/>
      <c r="MVI694" s="613"/>
      <c r="MVJ694" s="613"/>
      <c r="MVK694" s="613"/>
      <c r="MVL694" s="613"/>
      <c r="MVM694" s="613"/>
      <c r="MVN694" s="613"/>
      <c r="MVO694" s="613"/>
      <c r="MVP694" s="613"/>
      <c r="MVQ694" s="613"/>
      <c r="MVR694" s="613"/>
      <c r="MVS694" s="613"/>
      <c r="MVT694" s="613"/>
      <c r="MVU694" s="613"/>
      <c r="MVV694" s="613"/>
      <c r="MVW694" s="613"/>
      <c r="MVX694" s="613"/>
      <c r="MVY694" s="613"/>
      <c r="MVZ694" s="613"/>
      <c r="MWA694" s="613"/>
      <c r="MWB694" s="613"/>
      <c r="MWC694" s="613"/>
      <c r="MWD694" s="613"/>
      <c r="MWE694" s="613"/>
      <c r="MWF694" s="613"/>
      <c r="MWG694" s="613"/>
      <c r="MWH694" s="613"/>
      <c r="MWI694" s="613"/>
      <c r="MWJ694" s="613"/>
      <c r="MWK694" s="613"/>
      <c r="MWL694" s="613"/>
      <c r="MWM694" s="613"/>
      <c r="MWN694" s="613"/>
      <c r="MWO694" s="613"/>
      <c r="MWP694" s="613"/>
      <c r="MWQ694" s="613"/>
      <c r="MWR694" s="613"/>
      <c r="MWS694" s="613"/>
      <c r="MWT694" s="613"/>
      <c r="MWU694" s="613"/>
      <c r="MWV694" s="613"/>
      <c r="MWW694" s="613"/>
      <c r="MWX694" s="613"/>
      <c r="MWY694" s="613"/>
      <c r="MWZ694" s="613"/>
      <c r="MXA694" s="613"/>
      <c r="MXB694" s="613"/>
      <c r="MXC694" s="613"/>
      <c r="MXD694" s="613"/>
      <c r="MXE694" s="613"/>
      <c r="MXF694" s="613"/>
      <c r="MXG694" s="613"/>
      <c r="MXH694" s="613"/>
      <c r="MXI694" s="613"/>
      <c r="MXJ694" s="613"/>
      <c r="MXK694" s="613"/>
      <c r="MXL694" s="613"/>
      <c r="MXM694" s="613"/>
      <c r="MXN694" s="613"/>
      <c r="MXO694" s="613"/>
      <c r="MXP694" s="613"/>
      <c r="MXQ694" s="613"/>
      <c r="MXR694" s="613"/>
      <c r="MXS694" s="613"/>
      <c r="MXT694" s="613"/>
      <c r="MXU694" s="613"/>
      <c r="MXV694" s="613"/>
      <c r="MXW694" s="613"/>
      <c r="MXX694" s="613"/>
      <c r="MXY694" s="613"/>
      <c r="MXZ694" s="613"/>
      <c r="MYA694" s="613"/>
      <c r="MYB694" s="613"/>
      <c r="MYC694" s="613"/>
      <c r="MYD694" s="613"/>
      <c r="MYE694" s="613"/>
      <c r="MYF694" s="613"/>
      <c r="MYG694" s="613"/>
      <c r="MYH694" s="613"/>
      <c r="MYI694" s="613"/>
      <c r="MYJ694" s="613"/>
      <c r="MYK694" s="613"/>
      <c r="MYL694" s="613"/>
      <c r="MYM694" s="613"/>
      <c r="MYN694" s="613"/>
      <c r="MYO694" s="613"/>
      <c r="MYP694" s="613"/>
      <c r="MYQ694" s="613"/>
      <c r="MYR694" s="613"/>
      <c r="MYS694" s="613"/>
      <c r="MYT694" s="613"/>
      <c r="MYU694" s="613"/>
      <c r="MYV694" s="613"/>
      <c r="MYW694" s="613"/>
      <c r="MYX694" s="613"/>
      <c r="MYY694" s="613"/>
      <c r="MYZ694" s="613"/>
      <c r="MZA694" s="613"/>
      <c r="MZB694" s="613"/>
      <c r="MZC694" s="613"/>
      <c r="MZD694" s="613"/>
      <c r="MZE694" s="613"/>
      <c r="MZF694" s="613"/>
      <c r="MZG694" s="613"/>
      <c r="MZH694" s="613"/>
      <c r="MZI694" s="613"/>
      <c r="MZJ694" s="613"/>
      <c r="MZK694" s="613"/>
      <c r="MZL694" s="613"/>
      <c r="MZM694" s="613"/>
      <c r="MZN694" s="613"/>
      <c r="MZO694" s="613"/>
      <c r="MZP694" s="613"/>
      <c r="MZQ694" s="613"/>
      <c r="MZR694" s="613"/>
      <c r="MZS694" s="613"/>
      <c r="MZT694" s="613"/>
      <c r="MZU694" s="613"/>
      <c r="MZV694" s="613"/>
      <c r="MZW694" s="613"/>
      <c r="MZX694" s="613"/>
      <c r="MZY694" s="613"/>
      <c r="MZZ694" s="613"/>
      <c r="NAA694" s="613"/>
      <c r="NAB694" s="613"/>
      <c r="NAC694" s="613"/>
      <c r="NAD694" s="613"/>
      <c r="NAE694" s="613"/>
      <c r="NAF694" s="613"/>
      <c r="NAG694" s="613"/>
      <c r="NAH694" s="613"/>
      <c r="NAI694" s="613"/>
      <c r="NAJ694" s="613"/>
      <c r="NAK694" s="613"/>
      <c r="NAL694" s="613"/>
      <c r="NAM694" s="613"/>
      <c r="NAN694" s="613"/>
      <c r="NAO694" s="613"/>
      <c r="NAP694" s="613"/>
      <c r="NAQ694" s="613"/>
      <c r="NAR694" s="613"/>
      <c r="NAS694" s="613"/>
      <c r="NAT694" s="613"/>
      <c r="NAU694" s="613"/>
      <c r="NAV694" s="613"/>
      <c r="NAW694" s="613"/>
      <c r="NAX694" s="613"/>
      <c r="NAY694" s="613"/>
      <c r="NAZ694" s="613"/>
      <c r="NBA694" s="613"/>
      <c r="NBB694" s="613"/>
      <c r="NBC694" s="613"/>
      <c r="NBD694" s="613"/>
      <c r="NBE694" s="613"/>
      <c r="NBF694" s="613"/>
      <c r="NBG694" s="613"/>
      <c r="NBH694" s="613"/>
      <c r="NBI694" s="613"/>
      <c r="NBJ694" s="613"/>
      <c r="NBK694" s="613"/>
      <c r="NBL694" s="613"/>
      <c r="NBM694" s="613"/>
      <c r="NBN694" s="613"/>
      <c r="NBO694" s="613"/>
      <c r="NBP694" s="613"/>
      <c r="NBQ694" s="613"/>
      <c r="NBR694" s="613"/>
      <c r="NBS694" s="613"/>
      <c r="NBT694" s="613"/>
      <c r="NBU694" s="613"/>
      <c r="NBV694" s="613"/>
      <c r="NBW694" s="613"/>
      <c r="NBX694" s="613"/>
      <c r="NBY694" s="613"/>
      <c r="NBZ694" s="613"/>
      <c r="NCA694" s="613"/>
      <c r="NCB694" s="613"/>
      <c r="NCC694" s="613"/>
      <c r="NCD694" s="613"/>
      <c r="NCE694" s="613"/>
      <c r="NCF694" s="613"/>
      <c r="NCG694" s="613"/>
      <c r="NCH694" s="613"/>
      <c r="NCI694" s="613"/>
      <c r="NCJ694" s="613"/>
      <c r="NCK694" s="613"/>
      <c r="NCL694" s="613"/>
      <c r="NCM694" s="613"/>
      <c r="NCN694" s="613"/>
      <c r="NCO694" s="613"/>
      <c r="NCP694" s="613"/>
      <c r="NCQ694" s="613"/>
      <c r="NCR694" s="613"/>
      <c r="NCS694" s="613"/>
      <c r="NCT694" s="613"/>
      <c r="NCU694" s="613"/>
      <c r="NCV694" s="613"/>
      <c r="NCW694" s="613"/>
      <c r="NCX694" s="613"/>
      <c r="NCY694" s="613"/>
      <c r="NCZ694" s="613"/>
      <c r="NDA694" s="613"/>
      <c r="NDB694" s="613"/>
      <c r="NDC694" s="613"/>
      <c r="NDD694" s="613"/>
      <c r="NDE694" s="613"/>
      <c r="NDF694" s="613"/>
      <c r="NDG694" s="613"/>
      <c r="NDH694" s="613"/>
      <c r="NDI694" s="613"/>
      <c r="NDJ694" s="613"/>
      <c r="NDK694" s="613"/>
      <c r="NDL694" s="613"/>
      <c r="NDM694" s="613"/>
      <c r="NDN694" s="613"/>
      <c r="NDO694" s="613"/>
      <c r="NDP694" s="613"/>
      <c r="NDQ694" s="613"/>
      <c r="NDR694" s="613"/>
      <c r="NDS694" s="613"/>
      <c r="NDT694" s="613"/>
      <c r="NDU694" s="613"/>
      <c r="NDV694" s="613"/>
      <c r="NDW694" s="613"/>
      <c r="NDX694" s="613"/>
      <c r="NDY694" s="613"/>
      <c r="NDZ694" s="613"/>
      <c r="NEA694" s="613"/>
      <c r="NEB694" s="613"/>
      <c r="NEC694" s="613"/>
      <c r="NED694" s="613"/>
      <c r="NEE694" s="613"/>
      <c r="NEF694" s="613"/>
      <c r="NEG694" s="613"/>
      <c r="NEH694" s="613"/>
      <c r="NEI694" s="613"/>
      <c r="NEJ694" s="613"/>
      <c r="NEK694" s="613"/>
      <c r="NEL694" s="613"/>
      <c r="NEM694" s="613"/>
      <c r="NEN694" s="613"/>
      <c r="NEO694" s="613"/>
      <c r="NEP694" s="613"/>
      <c r="NEQ694" s="613"/>
      <c r="NER694" s="613"/>
      <c r="NES694" s="613"/>
      <c r="NET694" s="613"/>
      <c r="NEU694" s="613"/>
      <c r="NEV694" s="613"/>
      <c r="NEW694" s="613"/>
      <c r="NEX694" s="613"/>
      <c r="NEY694" s="613"/>
      <c r="NEZ694" s="613"/>
      <c r="NFA694" s="613"/>
      <c r="NFB694" s="613"/>
      <c r="NFC694" s="613"/>
      <c r="NFD694" s="613"/>
      <c r="NFE694" s="613"/>
      <c r="NFF694" s="613"/>
      <c r="NFG694" s="613"/>
      <c r="NFH694" s="613"/>
      <c r="NFI694" s="613"/>
      <c r="NFJ694" s="613"/>
      <c r="NFK694" s="613"/>
      <c r="NFL694" s="613"/>
      <c r="NFM694" s="613"/>
      <c r="NFN694" s="613"/>
      <c r="NFO694" s="613"/>
      <c r="NFP694" s="613"/>
      <c r="NFQ694" s="613"/>
      <c r="NFR694" s="613"/>
      <c r="NFS694" s="613"/>
      <c r="NFT694" s="613"/>
      <c r="NFU694" s="613"/>
      <c r="NFV694" s="613"/>
      <c r="NFW694" s="613"/>
      <c r="NFX694" s="613"/>
      <c r="NFY694" s="613"/>
      <c r="NFZ694" s="613"/>
      <c r="NGA694" s="613"/>
      <c r="NGB694" s="613"/>
      <c r="NGC694" s="613"/>
      <c r="NGD694" s="613"/>
      <c r="NGE694" s="613"/>
      <c r="NGF694" s="613"/>
      <c r="NGG694" s="613"/>
      <c r="NGH694" s="613"/>
      <c r="NGI694" s="613"/>
      <c r="NGJ694" s="613"/>
      <c r="NGK694" s="613"/>
      <c r="NGL694" s="613"/>
      <c r="NGM694" s="613"/>
      <c r="NGN694" s="613"/>
      <c r="NGO694" s="613"/>
      <c r="NGP694" s="613"/>
      <c r="NGQ694" s="613"/>
      <c r="NGR694" s="613"/>
      <c r="NGS694" s="613"/>
      <c r="NGT694" s="613"/>
      <c r="NGU694" s="613"/>
      <c r="NGV694" s="613"/>
      <c r="NGW694" s="613"/>
      <c r="NGX694" s="613"/>
      <c r="NGY694" s="613"/>
      <c r="NGZ694" s="613"/>
      <c r="NHA694" s="613"/>
      <c r="NHB694" s="613"/>
      <c r="NHC694" s="613"/>
      <c r="NHD694" s="613"/>
      <c r="NHE694" s="613"/>
      <c r="NHF694" s="613"/>
      <c r="NHG694" s="613"/>
      <c r="NHH694" s="613"/>
      <c r="NHI694" s="613"/>
      <c r="NHJ694" s="613"/>
      <c r="NHK694" s="613"/>
      <c r="NHL694" s="613"/>
      <c r="NHM694" s="613"/>
      <c r="NHN694" s="613"/>
      <c r="NHO694" s="613"/>
      <c r="NHP694" s="613"/>
      <c r="NHQ694" s="613"/>
      <c r="NHR694" s="613"/>
      <c r="NHS694" s="613"/>
      <c r="NHT694" s="613"/>
      <c r="NHU694" s="613"/>
      <c r="NHV694" s="613"/>
      <c r="NHW694" s="613"/>
      <c r="NHX694" s="613"/>
      <c r="NHY694" s="613"/>
      <c r="NHZ694" s="613"/>
      <c r="NIA694" s="613"/>
      <c r="NIB694" s="613"/>
      <c r="NIC694" s="613"/>
      <c r="NID694" s="613"/>
      <c r="NIE694" s="613"/>
      <c r="NIF694" s="613"/>
      <c r="NIG694" s="613"/>
      <c r="NIH694" s="613"/>
      <c r="NII694" s="613"/>
      <c r="NIJ694" s="613"/>
      <c r="NIK694" s="613"/>
      <c r="NIL694" s="613"/>
      <c r="NIM694" s="613"/>
      <c r="NIN694" s="613"/>
      <c r="NIO694" s="613"/>
      <c r="NIP694" s="613"/>
      <c r="NIQ694" s="613"/>
      <c r="NIR694" s="613"/>
      <c r="NIS694" s="613"/>
      <c r="NIT694" s="613"/>
      <c r="NIU694" s="613"/>
      <c r="NIV694" s="613"/>
      <c r="NIW694" s="613"/>
      <c r="NIX694" s="613"/>
      <c r="NIY694" s="613"/>
      <c r="NIZ694" s="613"/>
      <c r="NJA694" s="613"/>
      <c r="NJB694" s="613"/>
      <c r="NJC694" s="613"/>
      <c r="NJD694" s="613"/>
      <c r="NJE694" s="613"/>
      <c r="NJF694" s="613"/>
      <c r="NJG694" s="613"/>
      <c r="NJH694" s="613"/>
      <c r="NJI694" s="613"/>
      <c r="NJJ694" s="613"/>
      <c r="NJK694" s="613"/>
      <c r="NJL694" s="613"/>
      <c r="NJM694" s="613"/>
      <c r="NJN694" s="613"/>
      <c r="NJO694" s="613"/>
      <c r="NJP694" s="613"/>
      <c r="NJQ694" s="613"/>
      <c r="NJR694" s="613"/>
      <c r="NJS694" s="613"/>
      <c r="NJT694" s="613"/>
      <c r="NJU694" s="613"/>
      <c r="NJV694" s="613"/>
      <c r="NJW694" s="613"/>
      <c r="NJX694" s="613"/>
      <c r="NJY694" s="613"/>
      <c r="NJZ694" s="613"/>
      <c r="NKA694" s="613"/>
      <c r="NKB694" s="613"/>
      <c r="NKC694" s="613"/>
      <c r="NKD694" s="613"/>
      <c r="NKE694" s="613"/>
      <c r="NKF694" s="613"/>
      <c r="NKG694" s="613"/>
      <c r="NKH694" s="613"/>
      <c r="NKI694" s="613"/>
      <c r="NKJ694" s="613"/>
      <c r="NKK694" s="613"/>
      <c r="NKL694" s="613"/>
      <c r="NKM694" s="613"/>
      <c r="NKN694" s="613"/>
      <c r="NKO694" s="613"/>
      <c r="NKP694" s="613"/>
      <c r="NKQ694" s="613"/>
      <c r="NKR694" s="613"/>
      <c r="NKS694" s="613"/>
      <c r="NKT694" s="613"/>
      <c r="NKU694" s="613"/>
      <c r="NKV694" s="613"/>
      <c r="NKW694" s="613"/>
      <c r="NKX694" s="613"/>
      <c r="NKY694" s="613"/>
      <c r="NKZ694" s="613"/>
      <c r="NLA694" s="613"/>
      <c r="NLB694" s="613"/>
      <c r="NLC694" s="613"/>
      <c r="NLD694" s="613"/>
      <c r="NLE694" s="613"/>
      <c r="NLF694" s="613"/>
      <c r="NLG694" s="613"/>
      <c r="NLH694" s="613"/>
      <c r="NLI694" s="613"/>
      <c r="NLJ694" s="613"/>
      <c r="NLK694" s="613"/>
      <c r="NLL694" s="613"/>
      <c r="NLM694" s="613"/>
      <c r="NLN694" s="613"/>
      <c r="NLO694" s="613"/>
      <c r="NLP694" s="613"/>
      <c r="NLQ694" s="613"/>
      <c r="NLR694" s="613"/>
      <c r="NLS694" s="613"/>
      <c r="NLT694" s="613"/>
      <c r="NLU694" s="613"/>
      <c r="NLV694" s="613"/>
      <c r="NLW694" s="613"/>
      <c r="NLX694" s="613"/>
      <c r="NLY694" s="613"/>
      <c r="NLZ694" s="613"/>
      <c r="NMA694" s="613"/>
      <c r="NMB694" s="613"/>
      <c r="NMC694" s="613"/>
      <c r="NMD694" s="613"/>
      <c r="NME694" s="613"/>
      <c r="NMF694" s="613"/>
      <c r="NMG694" s="613"/>
      <c r="NMH694" s="613"/>
      <c r="NMI694" s="613"/>
      <c r="NMJ694" s="613"/>
      <c r="NMK694" s="613"/>
      <c r="NML694" s="613"/>
      <c r="NMM694" s="613"/>
      <c r="NMN694" s="613"/>
      <c r="NMO694" s="613"/>
      <c r="NMP694" s="613"/>
      <c r="NMQ694" s="613"/>
      <c r="NMR694" s="613"/>
      <c r="NMS694" s="613"/>
      <c r="NMT694" s="613"/>
      <c r="NMU694" s="613"/>
      <c r="NMV694" s="613"/>
      <c r="NMW694" s="613"/>
      <c r="NMX694" s="613"/>
      <c r="NMY694" s="613"/>
      <c r="NMZ694" s="613"/>
      <c r="NNA694" s="613"/>
      <c r="NNB694" s="613"/>
      <c r="NNC694" s="613"/>
      <c r="NND694" s="613"/>
      <c r="NNE694" s="613"/>
      <c r="NNF694" s="613"/>
      <c r="NNG694" s="613"/>
      <c r="NNH694" s="613"/>
      <c r="NNI694" s="613"/>
      <c r="NNJ694" s="613"/>
      <c r="NNK694" s="613"/>
      <c r="NNL694" s="613"/>
      <c r="NNM694" s="613"/>
      <c r="NNN694" s="613"/>
      <c r="NNO694" s="613"/>
      <c r="NNP694" s="613"/>
      <c r="NNQ694" s="613"/>
      <c r="NNR694" s="613"/>
      <c r="NNS694" s="613"/>
      <c r="NNT694" s="613"/>
      <c r="NNU694" s="613"/>
      <c r="NNV694" s="613"/>
      <c r="NNW694" s="613"/>
      <c r="NNX694" s="613"/>
      <c r="NNY694" s="613"/>
      <c r="NNZ694" s="613"/>
      <c r="NOA694" s="613"/>
      <c r="NOB694" s="613"/>
      <c r="NOC694" s="613"/>
      <c r="NOD694" s="613"/>
      <c r="NOE694" s="613"/>
      <c r="NOF694" s="613"/>
      <c r="NOG694" s="613"/>
      <c r="NOH694" s="613"/>
      <c r="NOI694" s="613"/>
      <c r="NOJ694" s="613"/>
      <c r="NOK694" s="613"/>
      <c r="NOL694" s="613"/>
      <c r="NOM694" s="613"/>
      <c r="NON694" s="613"/>
      <c r="NOO694" s="613"/>
      <c r="NOP694" s="613"/>
      <c r="NOQ694" s="613"/>
      <c r="NOR694" s="613"/>
      <c r="NOS694" s="613"/>
      <c r="NOT694" s="613"/>
      <c r="NOU694" s="613"/>
      <c r="NOV694" s="613"/>
      <c r="NOW694" s="613"/>
      <c r="NOX694" s="613"/>
      <c r="NOY694" s="613"/>
      <c r="NOZ694" s="613"/>
      <c r="NPA694" s="613"/>
      <c r="NPB694" s="613"/>
      <c r="NPC694" s="613"/>
      <c r="NPD694" s="613"/>
      <c r="NPE694" s="613"/>
      <c r="NPF694" s="613"/>
      <c r="NPG694" s="613"/>
      <c r="NPH694" s="613"/>
      <c r="NPI694" s="613"/>
      <c r="NPJ694" s="613"/>
      <c r="NPK694" s="613"/>
      <c r="NPL694" s="613"/>
      <c r="NPM694" s="613"/>
      <c r="NPN694" s="613"/>
      <c r="NPO694" s="613"/>
      <c r="NPP694" s="613"/>
      <c r="NPQ694" s="613"/>
      <c r="NPR694" s="613"/>
      <c r="NPS694" s="613"/>
      <c r="NPT694" s="613"/>
      <c r="NPU694" s="613"/>
      <c r="NPV694" s="613"/>
      <c r="NPW694" s="613"/>
      <c r="NPX694" s="613"/>
      <c r="NPY694" s="613"/>
      <c r="NPZ694" s="613"/>
      <c r="NQA694" s="613"/>
      <c r="NQB694" s="613"/>
      <c r="NQC694" s="613"/>
      <c r="NQD694" s="613"/>
      <c r="NQE694" s="613"/>
      <c r="NQF694" s="613"/>
      <c r="NQG694" s="613"/>
      <c r="NQH694" s="613"/>
      <c r="NQI694" s="613"/>
      <c r="NQJ694" s="613"/>
      <c r="NQK694" s="613"/>
      <c r="NQL694" s="613"/>
      <c r="NQM694" s="613"/>
      <c r="NQN694" s="613"/>
      <c r="NQO694" s="613"/>
      <c r="NQP694" s="613"/>
      <c r="NQQ694" s="613"/>
      <c r="NQR694" s="613"/>
      <c r="NQS694" s="613"/>
      <c r="NQT694" s="613"/>
      <c r="NQU694" s="613"/>
      <c r="NQV694" s="613"/>
      <c r="NQW694" s="613"/>
      <c r="NQX694" s="613"/>
      <c r="NQY694" s="613"/>
      <c r="NQZ694" s="613"/>
      <c r="NRA694" s="613"/>
      <c r="NRB694" s="613"/>
      <c r="NRC694" s="613"/>
      <c r="NRD694" s="613"/>
      <c r="NRE694" s="613"/>
      <c r="NRF694" s="613"/>
      <c r="NRG694" s="613"/>
      <c r="NRH694" s="613"/>
      <c r="NRI694" s="613"/>
      <c r="NRJ694" s="613"/>
      <c r="NRK694" s="613"/>
      <c r="NRL694" s="613"/>
      <c r="NRM694" s="613"/>
      <c r="NRN694" s="613"/>
      <c r="NRO694" s="613"/>
      <c r="NRP694" s="613"/>
      <c r="NRQ694" s="613"/>
      <c r="NRR694" s="613"/>
      <c r="NRS694" s="613"/>
      <c r="NRT694" s="613"/>
      <c r="NRU694" s="613"/>
      <c r="NRV694" s="613"/>
      <c r="NRW694" s="613"/>
      <c r="NRX694" s="613"/>
      <c r="NRY694" s="613"/>
      <c r="NRZ694" s="613"/>
      <c r="NSA694" s="613"/>
      <c r="NSB694" s="613"/>
      <c r="NSC694" s="613"/>
      <c r="NSD694" s="613"/>
      <c r="NSE694" s="613"/>
      <c r="NSF694" s="613"/>
      <c r="NSG694" s="613"/>
      <c r="NSH694" s="613"/>
      <c r="NSI694" s="613"/>
      <c r="NSJ694" s="613"/>
      <c r="NSK694" s="613"/>
      <c r="NSL694" s="613"/>
      <c r="NSM694" s="613"/>
      <c r="NSN694" s="613"/>
      <c r="NSO694" s="613"/>
      <c r="NSP694" s="613"/>
      <c r="NSQ694" s="613"/>
      <c r="NSR694" s="613"/>
      <c r="NSS694" s="613"/>
      <c r="NST694" s="613"/>
      <c r="NSU694" s="613"/>
      <c r="NSV694" s="613"/>
      <c r="NSW694" s="613"/>
      <c r="NSX694" s="613"/>
      <c r="NSY694" s="613"/>
      <c r="NSZ694" s="613"/>
      <c r="NTA694" s="613"/>
      <c r="NTB694" s="613"/>
      <c r="NTC694" s="613"/>
      <c r="NTD694" s="613"/>
      <c r="NTE694" s="613"/>
      <c r="NTF694" s="613"/>
      <c r="NTG694" s="613"/>
      <c r="NTH694" s="613"/>
      <c r="NTI694" s="613"/>
      <c r="NTJ694" s="613"/>
      <c r="NTK694" s="613"/>
      <c r="NTL694" s="613"/>
      <c r="NTM694" s="613"/>
      <c r="NTN694" s="613"/>
      <c r="NTO694" s="613"/>
      <c r="NTP694" s="613"/>
      <c r="NTQ694" s="613"/>
      <c r="NTR694" s="613"/>
      <c r="NTS694" s="613"/>
      <c r="NTT694" s="613"/>
      <c r="NTU694" s="613"/>
      <c r="NTV694" s="613"/>
      <c r="NTW694" s="613"/>
      <c r="NTX694" s="613"/>
      <c r="NTY694" s="613"/>
      <c r="NTZ694" s="613"/>
      <c r="NUA694" s="613"/>
      <c r="NUB694" s="613"/>
      <c r="NUC694" s="613"/>
      <c r="NUD694" s="613"/>
      <c r="NUE694" s="613"/>
      <c r="NUF694" s="613"/>
      <c r="NUG694" s="613"/>
      <c r="NUH694" s="613"/>
      <c r="NUI694" s="613"/>
      <c r="NUJ694" s="613"/>
      <c r="NUK694" s="613"/>
      <c r="NUL694" s="613"/>
      <c r="NUM694" s="613"/>
      <c r="NUN694" s="613"/>
      <c r="NUO694" s="613"/>
      <c r="NUP694" s="613"/>
      <c r="NUQ694" s="613"/>
      <c r="NUR694" s="613"/>
      <c r="NUS694" s="613"/>
      <c r="NUT694" s="613"/>
      <c r="NUU694" s="613"/>
      <c r="NUV694" s="613"/>
      <c r="NUW694" s="613"/>
      <c r="NUX694" s="613"/>
      <c r="NUY694" s="613"/>
      <c r="NUZ694" s="613"/>
      <c r="NVA694" s="613"/>
      <c r="NVB694" s="613"/>
      <c r="NVC694" s="613"/>
      <c r="NVD694" s="613"/>
      <c r="NVE694" s="613"/>
      <c r="NVF694" s="613"/>
      <c r="NVG694" s="613"/>
      <c r="NVH694" s="613"/>
      <c r="NVI694" s="613"/>
      <c r="NVJ694" s="613"/>
      <c r="NVK694" s="613"/>
      <c r="NVL694" s="613"/>
      <c r="NVM694" s="613"/>
      <c r="NVN694" s="613"/>
      <c r="NVO694" s="613"/>
      <c r="NVP694" s="613"/>
      <c r="NVQ694" s="613"/>
      <c r="NVR694" s="613"/>
      <c r="NVS694" s="613"/>
      <c r="NVT694" s="613"/>
      <c r="NVU694" s="613"/>
      <c r="NVV694" s="613"/>
      <c r="NVW694" s="613"/>
      <c r="NVX694" s="613"/>
      <c r="NVY694" s="613"/>
      <c r="NVZ694" s="613"/>
      <c r="NWA694" s="613"/>
      <c r="NWB694" s="613"/>
      <c r="NWC694" s="613"/>
      <c r="NWD694" s="613"/>
      <c r="NWE694" s="613"/>
      <c r="NWF694" s="613"/>
      <c r="NWG694" s="613"/>
      <c r="NWH694" s="613"/>
      <c r="NWI694" s="613"/>
      <c r="NWJ694" s="613"/>
      <c r="NWK694" s="613"/>
      <c r="NWL694" s="613"/>
      <c r="NWM694" s="613"/>
      <c r="NWN694" s="613"/>
      <c r="NWO694" s="613"/>
      <c r="NWP694" s="613"/>
      <c r="NWQ694" s="613"/>
      <c r="NWR694" s="613"/>
      <c r="NWS694" s="613"/>
      <c r="NWT694" s="613"/>
      <c r="NWU694" s="613"/>
      <c r="NWV694" s="613"/>
      <c r="NWW694" s="613"/>
      <c r="NWX694" s="613"/>
      <c r="NWY694" s="613"/>
      <c r="NWZ694" s="613"/>
      <c r="NXA694" s="613"/>
      <c r="NXB694" s="613"/>
      <c r="NXC694" s="613"/>
      <c r="NXD694" s="613"/>
      <c r="NXE694" s="613"/>
      <c r="NXF694" s="613"/>
      <c r="NXG694" s="613"/>
      <c r="NXH694" s="613"/>
      <c r="NXI694" s="613"/>
      <c r="NXJ694" s="613"/>
      <c r="NXK694" s="613"/>
      <c r="NXL694" s="613"/>
      <c r="NXM694" s="613"/>
      <c r="NXN694" s="613"/>
      <c r="NXO694" s="613"/>
      <c r="NXP694" s="613"/>
      <c r="NXQ694" s="613"/>
      <c r="NXR694" s="613"/>
      <c r="NXS694" s="613"/>
      <c r="NXT694" s="613"/>
      <c r="NXU694" s="613"/>
      <c r="NXV694" s="613"/>
      <c r="NXW694" s="613"/>
      <c r="NXX694" s="613"/>
      <c r="NXY694" s="613"/>
      <c r="NXZ694" s="613"/>
      <c r="NYA694" s="613"/>
      <c r="NYB694" s="613"/>
      <c r="NYC694" s="613"/>
      <c r="NYD694" s="613"/>
      <c r="NYE694" s="613"/>
      <c r="NYF694" s="613"/>
      <c r="NYG694" s="613"/>
      <c r="NYH694" s="613"/>
      <c r="NYI694" s="613"/>
      <c r="NYJ694" s="613"/>
      <c r="NYK694" s="613"/>
      <c r="NYL694" s="613"/>
      <c r="NYM694" s="613"/>
      <c r="NYN694" s="613"/>
      <c r="NYO694" s="613"/>
      <c r="NYP694" s="613"/>
      <c r="NYQ694" s="613"/>
      <c r="NYR694" s="613"/>
      <c r="NYS694" s="613"/>
      <c r="NYT694" s="613"/>
      <c r="NYU694" s="613"/>
      <c r="NYV694" s="613"/>
      <c r="NYW694" s="613"/>
      <c r="NYX694" s="613"/>
      <c r="NYY694" s="613"/>
      <c r="NYZ694" s="613"/>
      <c r="NZA694" s="613"/>
      <c r="NZB694" s="613"/>
      <c r="NZC694" s="613"/>
      <c r="NZD694" s="613"/>
      <c r="NZE694" s="613"/>
      <c r="NZF694" s="613"/>
      <c r="NZG694" s="613"/>
      <c r="NZH694" s="613"/>
      <c r="NZI694" s="613"/>
      <c r="NZJ694" s="613"/>
      <c r="NZK694" s="613"/>
      <c r="NZL694" s="613"/>
      <c r="NZM694" s="613"/>
      <c r="NZN694" s="613"/>
      <c r="NZO694" s="613"/>
      <c r="NZP694" s="613"/>
      <c r="NZQ694" s="613"/>
      <c r="NZR694" s="613"/>
      <c r="NZS694" s="613"/>
      <c r="NZT694" s="613"/>
      <c r="NZU694" s="613"/>
      <c r="NZV694" s="613"/>
      <c r="NZW694" s="613"/>
      <c r="NZX694" s="613"/>
      <c r="NZY694" s="613"/>
      <c r="NZZ694" s="613"/>
      <c r="OAA694" s="613"/>
      <c r="OAB694" s="613"/>
      <c r="OAC694" s="613"/>
      <c r="OAD694" s="613"/>
      <c r="OAE694" s="613"/>
      <c r="OAF694" s="613"/>
      <c r="OAG694" s="613"/>
      <c r="OAH694" s="613"/>
      <c r="OAI694" s="613"/>
      <c r="OAJ694" s="613"/>
      <c r="OAK694" s="613"/>
      <c r="OAL694" s="613"/>
      <c r="OAM694" s="613"/>
      <c r="OAN694" s="613"/>
      <c r="OAO694" s="613"/>
      <c r="OAP694" s="613"/>
      <c r="OAQ694" s="613"/>
      <c r="OAR694" s="613"/>
      <c r="OAS694" s="613"/>
      <c r="OAT694" s="613"/>
      <c r="OAU694" s="613"/>
      <c r="OAV694" s="613"/>
      <c r="OAW694" s="613"/>
      <c r="OAX694" s="613"/>
      <c r="OAY694" s="613"/>
      <c r="OAZ694" s="613"/>
      <c r="OBA694" s="613"/>
      <c r="OBB694" s="613"/>
      <c r="OBC694" s="613"/>
      <c r="OBD694" s="613"/>
      <c r="OBE694" s="613"/>
      <c r="OBF694" s="613"/>
      <c r="OBG694" s="613"/>
      <c r="OBH694" s="613"/>
      <c r="OBI694" s="613"/>
      <c r="OBJ694" s="613"/>
      <c r="OBK694" s="613"/>
      <c r="OBL694" s="613"/>
      <c r="OBM694" s="613"/>
      <c r="OBN694" s="613"/>
      <c r="OBO694" s="613"/>
      <c r="OBP694" s="613"/>
      <c r="OBQ694" s="613"/>
      <c r="OBR694" s="613"/>
      <c r="OBS694" s="613"/>
      <c r="OBT694" s="613"/>
      <c r="OBU694" s="613"/>
      <c r="OBV694" s="613"/>
      <c r="OBW694" s="613"/>
      <c r="OBX694" s="613"/>
      <c r="OBY694" s="613"/>
      <c r="OBZ694" s="613"/>
      <c r="OCA694" s="613"/>
      <c r="OCB694" s="613"/>
      <c r="OCC694" s="613"/>
      <c r="OCD694" s="613"/>
      <c r="OCE694" s="613"/>
      <c r="OCF694" s="613"/>
      <c r="OCG694" s="613"/>
      <c r="OCH694" s="613"/>
      <c r="OCI694" s="613"/>
      <c r="OCJ694" s="613"/>
      <c r="OCK694" s="613"/>
      <c r="OCL694" s="613"/>
      <c r="OCM694" s="613"/>
      <c r="OCN694" s="613"/>
      <c r="OCO694" s="613"/>
      <c r="OCP694" s="613"/>
      <c r="OCQ694" s="613"/>
      <c r="OCR694" s="613"/>
      <c r="OCS694" s="613"/>
      <c r="OCT694" s="613"/>
      <c r="OCU694" s="613"/>
      <c r="OCV694" s="613"/>
      <c r="OCW694" s="613"/>
      <c r="OCX694" s="613"/>
      <c r="OCY694" s="613"/>
      <c r="OCZ694" s="613"/>
      <c r="ODA694" s="613"/>
      <c r="ODB694" s="613"/>
      <c r="ODC694" s="613"/>
      <c r="ODD694" s="613"/>
      <c r="ODE694" s="613"/>
      <c r="ODF694" s="613"/>
      <c r="ODG694" s="613"/>
      <c r="ODH694" s="613"/>
      <c r="ODI694" s="613"/>
      <c r="ODJ694" s="613"/>
      <c r="ODK694" s="613"/>
      <c r="ODL694" s="613"/>
      <c r="ODM694" s="613"/>
      <c r="ODN694" s="613"/>
      <c r="ODO694" s="613"/>
      <c r="ODP694" s="613"/>
      <c r="ODQ694" s="613"/>
      <c r="ODR694" s="613"/>
      <c r="ODS694" s="613"/>
      <c r="ODT694" s="613"/>
      <c r="ODU694" s="613"/>
      <c r="ODV694" s="613"/>
      <c r="ODW694" s="613"/>
      <c r="ODX694" s="613"/>
      <c r="ODY694" s="613"/>
      <c r="ODZ694" s="613"/>
      <c r="OEA694" s="613"/>
      <c r="OEB694" s="613"/>
      <c r="OEC694" s="613"/>
      <c r="OED694" s="613"/>
      <c r="OEE694" s="613"/>
      <c r="OEF694" s="613"/>
      <c r="OEG694" s="613"/>
      <c r="OEH694" s="613"/>
      <c r="OEI694" s="613"/>
      <c r="OEJ694" s="613"/>
      <c r="OEK694" s="613"/>
      <c r="OEL694" s="613"/>
      <c r="OEM694" s="613"/>
      <c r="OEN694" s="613"/>
      <c r="OEO694" s="613"/>
      <c r="OEP694" s="613"/>
      <c r="OEQ694" s="613"/>
      <c r="OER694" s="613"/>
      <c r="OES694" s="613"/>
      <c r="OET694" s="613"/>
      <c r="OEU694" s="613"/>
      <c r="OEV694" s="613"/>
      <c r="OEW694" s="613"/>
      <c r="OEX694" s="613"/>
      <c r="OEY694" s="613"/>
      <c r="OEZ694" s="613"/>
      <c r="OFA694" s="613"/>
      <c r="OFB694" s="613"/>
      <c r="OFC694" s="613"/>
      <c r="OFD694" s="613"/>
      <c r="OFE694" s="613"/>
      <c r="OFF694" s="613"/>
      <c r="OFG694" s="613"/>
      <c r="OFH694" s="613"/>
      <c r="OFI694" s="613"/>
      <c r="OFJ694" s="613"/>
      <c r="OFK694" s="613"/>
      <c r="OFL694" s="613"/>
      <c r="OFM694" s="613"/>
      <c r="OFN694" s="613"/>
      <c r="OFO694" s="613"/>
      <c r="OFP694" s="613"/>
      <c r="OFQ694" s="613"/>
      <c r="OFR694" s="613"/>
      <c r="OFS694" s="613"/>
      <c r="OFT694" s="613"/>
      <c r="OFU694" s="613"/>
      <c r="OFV694" s="613"/>
      <c r="OFW694" s="613"/>
      <c r="OFX694" s="613"/>
      <c r="OFY694" s="613"/>
      <c r="OFZ694" s="613"/>
      <c r="OGA694" s="613"/>
      <c r="OGB694" s="613"/>
      <c r="OGC694" s="613"/>
      <c r="OGD694" s="613"/>
      <c r="OGE694" s="613"/>
      <c r="OGF694" s="613"/>
      <c r="OGG694" s="613"/>
      <c r="OGH694" s="613"/>
      <c r="OGI694" s="613"/>
      <c r="OGJ694" s="613"/>
      <c r="OGK694" s="613"/>
      <c r="OGL694" s="613"/>
      <c r="OGM694" s="613"/>
      <c r="OGN694" s="613"/>
      <c r="OGO694" s="613"/>
      <c r="OGP694" s="613"/>
      <c r="OGQ694" s="613"/>
      <c r="OGR694" s="613"/>
      <c r="OGS694" s="613"/>
      <c r="OGT694" s="613"/>
      <c r="OGU694" s="613"/>
      <c r="OGV694" s="613"/>
      <c r="OGW694" s="613"/>
      <c r="OGX694" s="613"/>
      <c r="OGY694" s="613"/>
      <c r="OGZ694" s="613"/>
      <c r="OHA694" s="613"/>
      <c r="OHB694" s="613"/>
      <c r="OHC694" s="613"/>
      <c r="OHD694" s="613"/>
      <c r="OHE694" s="613"/>
      <c r="OHF694" s="613"/>
      <c r="OHG694" s="613"/>
      <c r="OHH694" s="613"/>
      <c r="OHI694" s="613"/>
      <c r="OHJ694" s="613"/>
      <c r="OHK694" s="613"/>
      <c r="OHL694" s="613"/>
      <c r="OHM694" s="613"/>
      <c r="OHN694" s="613"/>
      <c r="OHO694" s="613"/>
      <c r="OHP694" s="613"/>
      <c r="OHQ694" s="613"/>
      <c r="OHR694" s="613"/>
      <c r="OHS694" s="613"/>
      <c r="OHT694" s="613"/>
      <c r="OHU694" s="613"/>
      <c r="OHV694" s="613"/>
      <c r="OHW694" s="613"/>
      <c r="OHX694" s="613"/>
      <c r="OHY694" s="613"/>
      <c r="OHZ694" s="613"/>
      <c r="OIA694" s="613"/>
      <c r="OIB694" s="613"/>
      <c r="OIC694" s="613"/>
      <c r="OID694" s="613"/>
      <c r="OIE694" s="613"/>
      <c r="OIF694" s="613"/>
      <c r="OIG694" s="613"/>
      <c r="OIH694" s="613"/>
      <c r="OII694" s="613"/>
      <c r="OIJ694" s="613"/>
      <c r="OIK694" s="613"/>
      <c r="OIL694" s="613"/>
      <c r="OIM694" s="613"/>
      <c r="OIN694" s="613"/>
      <c r="OIO694" s="613"/>
      <c r="OIP694" s="613"/>
      <c r="OIQ694" s="613"/>
      <c r="OIR694" s="613"/>
      <c r="OIS694" s="613"/>
      <c r="OIT694" s="613"/>
      <c r="OIU694" s="613"/>
      <c r="OIV694" s="613"/>
      <c r="OIW694" s="613"/>
      <c r="OIX694" s="613"/>
      <c r="OIY694" s="613"/>
      <c r="OIZ694" s="613"/>
      <c r="OJA694" s="613"/>
      <c r="OJB694" s="613"/>
      <c r="OJC694" s="613"/>
      <c r="OJD694" s="613"/>
      <c r="OJE694" s="613"/>
      <c r="OJF694" s="613"/>
      <c r="OJG694" s="613"/>
      <c r="OJH694" s="613"/>
      <c r="OJI694" s="613"/>
      <c r="OJJ694" s="613"/>
      <c r="OJK694" s="613"/>
      <c r="OJL694" s="613"/>
      <c r="OJM694" s="613"/>
      <c r="OJN694" s="613"/>
      <c r="OJO694" s="613"/>
      <c r="OJP694" s="613"/>
      <c r="OJQ694" s="613"/>
      <c r="OJR694" s="613"/>
      <c r="OJS694" s="613"/>
      <c r="OJT694" s="613"/>
      <c r="OJU694" s="613"/>
      <c r="OJV694" s="613"/>
      <c r="OJW694" s="613"/>
      <c r="OJX694" s="613"/>
      <c r="OJY694" s="613"/>
      <c r="OJZ694" s="613"/>
      <c r="OKA694" s="613"/>
      <c r="OKB694" s="613"/>
      <c r="OKC694" s="613"/>
      <c r="OKD694" s="613"/>
      <c r="OKE694" s="613"/>
      <c r="OKF694" s="613"/>
      <c r="OKG694" s="613"/>
      <c r="OKH694" s="613"/>
      <c r="OKI694" s="613"/>
      <c r="OKJ694" s="613"/>
      <c r="OKK694" s="613"/>
      <c r="OKL694" s="613"/>
      <c r="OKM694" s="613"/>
      <c r="OKN694" s="613"/>
      <c r="OKO694" s="613"/>
      <c r="OKP694" s="613"/>
      <c r="OKQ694" s="613"/>
      <c r="OKR694" s="613"/>
      <c r="OKS694" s="613"/>
      <c r="OKT694" s="613"/>
      <c r="OKU694" s="613"/>
      <c r="OKV694" s="613"/>
      <c r="OKW694" s="613"/>
      <c r="OKX694" s="613"/>
      <c r="OKY694" s="613"/>
      <c r="OKZ694" s="613"/>
      <c r="OLA694" s="613"/>
      <c r="OLB694" s="613"/>
      <c r="OLC694" s="613"/>
      <c r="OLD694" s="613"/>
      <c r="OLE694" s="613"/>
      <c r="OLF694" s="613"/>
      <c r="OLG694" s="613"/>
      <c r="OLH694" s="613"/>
      <c r="OLI694" s="613"/>
      <c r="OLJ694" s="613"/>
      <c r="OLK694" s="613"/>
      <c r="OLL694" s="613"/>
      <c r="OLM694" s="613"/>
      <c r="OLN694" s="613"/>
      <c r="OLO694" s="613"/>
      <c r="OLP694" s="613"/>
      <c r="OLQ694" s="613"/>
      <c r="OLR694" s="613"/>
      <c r="OLS694" s="613"/>
      <c r="OLT694" s="613"/>
      <c r="OLU694" s="613"/>
      <c r="OLV694" s="613"/>
      <c r="OLW694" s="613"/>
      <c r="OLX694" s="613"/>
      <c r="OLY694" s="613"/>
      <c r="OLZ694" s="613"/>
      <c r="OMA694" s="613"/>
      <c r="OMB694" s="613"/>
      <c r="OMC694" s="613"/>
      <c r="OMD694" s="613"/>
      <c r="OME694" s="613"/>
      <c r="OMF694" s="613"/>
      <c r="OMG694" s="613"/>
      <c r="OMH694" s="613"/>
      <c r="OMI694" s="613"/>
      <c r="OMJ694" s="613"/>
      <c r="OMK694" s="613"/>
      <c r="OML694" s="613"/>
      <c r="OMM694" s="613"/>
      <c r="OMN694" s="613"/>
      <c r="OMO694" s="613"/>
      <c r="OMP694" s="613"/>
      <c r="OMQ694" s="613"/>
      <c r="OMR694" s="613"/>
      <c r="OMS694" s="613"/>
      <c r="OMT694" s="613"/>
      <c r="OMU694" s="613"/>
      <c r="OMV694" s="613"/>
      <c r="OMW694" s="613"/>
      <c r="OMX694" s="613"/>
      <c r="OMY694" s="613"/>
      <c r="OMZ694" s="613"/>
      <c r="ONA694" s="613"/>
      <c r="ONB694" s="613"/>
      <c r="ONC694" s="613"/>
      <c r="OND694" s="613"/>
      <c r="ONE694" s="613"/>
      <c r="ONF694" s="613"/>
      <c r="ONG694" s="613"/>
      <c r="ONH694" s="613"/>
      <c r="ONI694" s="613"/>
      <c r="ONJ694" s="613"/>
      <c r="ONK694" s="613"/>
      <c r="ONL694" s="613"/>
      <c r="ONM694" s="613"/>
      <c r="ONN694" s="613"/>
      <c r="ONO694" s="613"/>
      <c r="ONP694" s="613"/>
      <c r="ONQ694" s="613"/>
      <c r="ONR694" s="613"/>
      <c r="ONS694" s="613"/>
      <c r="ONT694" s="613"/>
      <c r="ONU694" s="613"/>
      <c r="ONV694" s="613"/>
      <c r="ONW694" s="613"/>
      <c r="ONX694" s="613"/>
      <c r="ONY694" s="613"/>
      <c r="ONZ694" s="613"/>
      <c r="OOA694" s="613"/>
      <c r="OOB694" s="613"/>
      <c r="OOC694" s="613"/>
      <c r="OOD694" s="613"/>
      <c r="OOE694" s="613"/>
      <c r="OOF694" s="613"/>
      <c r="OOG694" s="613"/>
      <c r="OOH694" s="613"/>
      <c r="OOI694" s="613"/>
      <c r="OOJ694" s="613"/>
      <c r="OOK694" s="613"/>
      <c r="OOL694" s="613"/>
      <c r="OOM694" s="613"/>
      <c r="OON694" s="613"/>
      <c r="OOO694" s="613"/>
      <c r="OOP694" s="613"/>
      <c r="OOQ694" s="613"/>
      <c r="OOR694" s="613"/>
      <c r="OOS694" s="613"/>
      <c r="OOT694" s="613"/>
      <c r="OOU694" s="613"/>
      <c r="OOV694" s="613"/>
      <c r="OOW694" s="613"/>
      <c r="OOX694" s="613"/>
      <c r="OOY694" s="613"/>
      <c r="OOZ694" s="613"/>
      <c r="OPA694" s="613"/>
      <c r="OPB694" s="613"/>
      <c r="OPC694" s="613"/>
      <c r="OPD694" s="613"/>
      <c r="OPE694" s="613"/>
      <c r="OPF694" s="613"/>
      <c r="OPG694" s="613"/>
      <c r="OPH694" s="613"/>
      <c r="OPI694" s="613"/>
      <c r="OPJ694" s="613"/>
      <c r="OPK694" s="613"/>
      <c r="OPL694" s="613"/>
      <c r="OPM694" s="613"/>
      <c r="OPN694" s="613"/>
      <c r="OPO694" s="613"/>
      <c r="OPP694" s="613"/>
      <c r="OPQ694" s="613"/>
      <c r="OPR694" s="613"/>
      <c r="OPS694" s="613"/>
      <c r="OPT694" s="613"/>
      <c r="OPU694" s="613"/>
      <c r="OPV694" s="613"/>
      <c r="OPW694" s="613"/>
      <c r="OPX694" s="613"/>
      <c r="OPY694" s="613"/>
      <c r="OPZ694" s="613"/>
      <c r="OQA694" s="613"/>
      <c r="OQB694" s="613"/>
      <c r="OQC694" s="613"/>
      <c r="OQD694" s="613"/>
      <c r="OQE694" s="613"/>
      <c r="OQF694" s="613"/>
      <c r="OQG694" s="613"/>
      <c r="OQH694" s="613"/>
      <c r="OQI694" s="613"/>
      <c r="OQJ694" s="613"/>
      <c r="OQK694" s="613"/>
      <c r="OQL694" s="613"/>
      <c r="OQM694" s="613"/>
      <c r="OQN694" s="613"/>
      <c r="OQO694" s="613"/>
      <c r="OQP694" s="613"/>
      <c r="OQQ694" s="613"/>
      <c r="OQR694" s="613"/>
      <c r="OQS694" s="613"/>
      <c r="OQT694" s="613"/>
      <c r="OQU694" s="613"/>
      <c r="OQV694" s="613"/>
      <c r="OQW694" s="613"/>
      <c r="OQX694" s="613"/>
      <c r="OQY694" s="613"/>
      <c r="OQZ694" s="613"/>
      <c r="ORA694" s="613"/>
      <c r="ORB694" s="613"/>
      <c r="ORC694" s="613"/>
      <c r="ORD694" s="613"/>
      <c r="ORE694" s="613"/>
      <c r="ORF694" s="613"/>
      <c r="ORG694" s="613"/>
      <c r="ORH694" s="613"/>
      <c r="ORI694" s="613"/>
      <c r="ORJ694" s="613"/>
      <c r="ORK694" s="613"/>
      <c r="ORL694" s="613"/>
      <c r="ORM694" s="613"/>
      <c r="ORN694" s="613"/>
      <c r="ORO694" s="613"/>
      <c r="ORP694" s="613"/>
      <c r="ORQ694" s="613"/>
      <c r="ORR694" s="613"/>
      <c r="ORS694" s="613"/>
      <c r="ORT694" s="613"/>
      <c r="ORU694" s="613"/>
      <c r="ORV694" s="613"/>
      <c r="ORW694" s="613"/>
      <c r="ORX694" s="613"/>
      <c r="ORY694" s="613"/>
      <c r="ORZ694" s="613"/>
      <c r="OSA694" s="613"/>
      <c r="OSB694" s="613"/>
      <c r="OSC694" s="613"/>
      <c r="OSD694" s="613"/>
      <c r="OSE694" s="613"/>
      <c r="OSF694" s="613"/>
      <c r="OSG694" s="613"/>
      <c r="OSH694" s="613"/>
      <c r="OSI694" s="613"/>
      <c r="OSJ694" s="613"/>
      <c r="OSK694" s="613"/>
      <c r="OSL694" s="613"/>
      <c r="OSM694" s="613"/>
      <c r="OSN694" s="613"/>
      <c r="OSO694" s="613"/>
      <c r="OSP694" s="613"/>
      <c r="OSQ694" s="613"/>
      <c r="OSR694" s="613"/>
      <c r="OSS694" s="613"/>
      <c r="OST694" s="613"/>
      <c r="OSU694" s="613"/>
      <c r="OSV694" s="613"/>
      <c r="OSW694" s="613"/>
      <c r="OSX694" s="613"/>
      <c r="OSY694" s="613"/>
      <c r="OSZ694" s="613"/>
      <c r="OTA694" s="613"/>
      <c r="OTB694" s="613"/>
      <c r="OTC694" s="613"/>
      <c r="OTD694" s="613"/>
      <c r="OTE694" s="613"/>
      <c r="OTF694" s="613"/>
      <c r="OTG694" s="613"/>
      <c r="OTH694" s="613"/>
      <c r="OTI694" s="613"/>
      <c r="OTJ694" s="613"/>
      <c r="OTK694" s="613"/>
      <c r="OTL694" s="613"/>
      <c r="OTM694" s="613"/>
      <c r="OTN694" s="613"/>
      <c r="OTO694" s="613"/>
      <c r="OTP694" s="613"/>
      <c r="OTQ694" s="613"/>
      <c r="OTR694" s="613"/>
      <c r="OTS694" s="613"/>
      <c r="OTT694" s="613"/>
      <c r="OTU694" s="613"/>
      <c r="OTV694" s="613"/>
      <c r="OTW694" s="613"/>
      <c r="OTX694" s="613"/>
      <c r="OTY694" s="613"/>
      <c r="OTZ694" s="613"/>
      <c r="OUA694" s="613"/>
      <c r="OUB694" s="613"/>
      <c r="OUC694" s="613"/>
      <c r="OUD694" s="613"/>
      <c r="OUE694" s="613"/>
      <c r="OUF694" s="613"/>
      <c r="OUG694" s="613"/>
      <c r="OUH694" s="613"/>
      <c r="OUI694" s="613"/>
      <c r="OUJ694" s="613"/>
      <c r="OUK694" s="613"/>
      <c r="OUL694" s="613"/>
      <c r="OUM694" s="613"/>
      <c r="OUN694" s="613"/>
      <c r="OUO694" s="613"/>
      <c r="OUP694" s="613"/>
      <c r="OUQ694" s="613"/>
      <c r="OUR694" s="613"/>
      <c r="OUS694" s="613"/>
      <c r="OUT694" s="613"/>
      <c r="OUU694" s="613"/>
      <c r="OUV694" s="613"/>
      <c r="OUW694" s="613"/>
      <c r="OUX694" s="613"/>
      <c r="OUY694" s="613"/>
      <c r="OUZ694" s="613"/>
      <c r="OVA694" s="613"/>
      <c r="OVB694" s="613"/>
      <c r="OVC694" s="613"/>
      <c r="OVD694" s="613"/>
      <c r="OVE694" s="613"/>
      <c r="OVF694" s="613"/>
      <c r="OVG694" s="613"/>
      <c r="OVH694" s="613"/>
      <c r="OVI694" s="613"/>
      <c r="OVJ694" s="613"/>
      <c r="OVK694" s="613"/>
      <c r="OVL694" s="613"/>
      <c r="OVM694" s="613"/>
      <c r="OVN694" s="613"/>
      <c r="OVO694" s="613"/>
      <c r="OVP694" s="613"/>
      <c r="OVQ694" s="613"/>
      <c r="OVR694" s="613"/>
      <c r="OVS694" s="613"/>
      <c r="OVT694" s="613"/>
      <c r="OVU694" s="613"/>
      <c r="OVV694" s="613"/>
      <c r="OVW694" s="613"/>
      <c r="OVX694" s="613"/>
      <c r="OVY694" s="613"/>
      <c r="OVZ694" s="613"/>
      <c r="OWA694" s="613"/>
      <c r="OWB694" s="613"/>
      <c r="OWC694" s="613"/>
      <c r="OWD694" s="613"/>
      <c r="OWE694" s="613"/>
      <c r="OWF694" s="613"/>
      <c r="OWG694" s="613"/>
      <c r="OWH694" s="613"/>
      <c r="OWI694" s="613"/>
      <c r="OWJ694" s="613"/>
      <c r="OWK694" s="613"/>
      <c r="OWL694" s="613"/>
      <c r="OWM694" s="613"/>
      <c r="OWN694" s="613"/>
      <c r="OWO694" s="613"/>
      <c r="OWP694" s="613"/>
      <c r="OWQ694" s="613"/>
      <c r="OWR694" s="613"/>
      <c r="OWS694" s="613"/>
      <c r="OWT694" s="613"/>
      <c r="OWU694" s="613"/>
      <c r="OWV694" s="613"/>
      <c r="OWW694" s="613"/>
      <c r="OWX694" s="613"/>
      <c r="OWY694" s="613"/>
      <c r="OWZ694" s="613"/>
      <c r="OXA694" s="613"/>
      <c r="OXB694" s="613"/>
      <c r="OXC694" s="613"/>
      <c r="OXD694" s="613"/>
      <c r="OXE694" s="613"/>
      <c r="OXF694" s="613"/>
      <c r="OXG694" s="613"/>
      <c r="OXH694" s="613"/>
      <c r="OXI694" s="613"/>
      <c r="OXJ694" s="613"/>
      <c r="OXK694" s="613"/>
      <c r="OXL694" s="613"/>
      <c r="OXM694" s="613"/>
      <c r="OXN694" s="613"/>
      <c r="OXO694" s="613"/>
      <c r="OXP694" s="613"/>
      <c r="OXQ694" s="613"/>
      <c r="OXR694" s="613"/>
      <c r="OXS694" s="613"/>
      <c r="OXT694" s="613"/>
      <c r="OXU694" s="613"/>
      <c r="OXV694" s="613"/>
      <c r="OXW694" s="613"/>
      <c r="OXX694" s="613"/>
      <c r="OXY694" s="613"/>
      <c r="OXZ694" s="613"/>
      <c r="OYA694" s="613"/>
      <c r="OYB694" s="613"/>
      <c r="OYC694" s="613"/>
      <c r="OYD694" s="613"/>
      <c r="OYE694" s="613"/>
      <c r="OYF694" s="613"/>
      <c r="OYG694" s="613"/>
      <c r="OYH694" s="613"/>
      <c r="OYI694" s="613"/>
      <c r="OYJ694" s="613"/>
      <c r="OYK694" s="613"/>
      <c r="OYL694" s="613"/>
      <c r="OYM694" s="613"/>
      <c r="OYN694" s="613"/>
      <c r="OYO694" s="613"/>
      <c r="OYP694" s="613"/>
      <c r="OYQ694" s="613"/>
      <c r="OYR694" s="613"/>
      <c r="OYS694" s="613"/>
      <c r="OYT694" s="613"/>
      <c r="OYU694" s="613"/>
      <c r="OYV694" s="613"/>
      <c r="OYW694" s="613"/>
      <c r="OYX694" s="613"/>
      <c r="OYY694" s="613"/>
      <c r="OYZ694" s="613"/>
      <c r="OZA694" s="613"/>
      <c r="OZB694" s="613"/>
      <c r="OZC694" s="613"/>
      <c r="OZD694" s="613"/>
      <c r="OZE694" s="613"/>
      <c r="OZF694" s="613"/>
      <c r="OZG694" s="613"/>
      <c r="OZH694" s="613"/>
      <c r="OZI694" s="613"/>
      <c r="OZJ694" s="613"/>
      <c r="OZK694" s="613"/>
      <c r="OZL694" s="613"/>
      <c r="OZM694" s="613"/>
      <c r="OZN694" s="613"/>
      <c r="OZO694" s="613"/>
      <c r="OZP694" s="613"/>
      <c r="OZQ694" s="613"/>
      <c r="OZR694" s="613"/>
      <c r="OZS694" s="613"/>
      <c r="OZT694" s="613"/>
      <c r="OZU694" s="613"/>
      <c r="OZV694" s="613"/>
      <c r="OZW694" s="613"/>
      <c r="OZX694" s="613"/>
      <c r="OZY694" s="613"/>
      <c r="OZZ694" s="613"/>
      <c r="PAA694" s="613"/>
      <c r="PAB694" s="613"/>
      <c r="PAC694" s="613"/>
      <c r="PAD694" s="613"/>
      <c r="PAE694" s="613"/>
      <c r="PAF694" s="613"/>
      <c r="PAG694" s="613"/>
      <c r="PAH694" s="613"/>
      <c r="PAI694" s="613"/>
      <c r="PAJ694" s="613"/>
      <c r="PAK694" s="613"/>
      <c r="PAL694" s="613"/>
      <c r="PAM694" s="613"/>
      <c r="PAN694" s="613"/>
      <c r="PAO694" s="613"/>
      <c r="PAP694" s="613"/>
      <c r="PAQ694" s="613"/>
      <c r="PAR694" s="613"/>
      <c r="PAS694" s="613"/>
      <c r="PAT694" s="613"/>
      <c r="PAU694" s="613"/>
      <c r="PAV694" s="613"/>
      <c r="PAW694" s="613"/>
      <c r="PAX694" s="613"/>
      <c r="PAY694" s="613"/>
      <c r="PAZ694" s="613"/>
      <c r="PBA694" s="613"/>
      <c r="PBB694" s="613"/>
      <c r="PBC694" s="613"/>
      <c r="PBD694" s="613"/>
      <c r="PBE694" s="613"/>
      <c r="PBF694" s="613"/>
      <c r="PBG694" s="613"/>
      <c r="PBH694" s="613"/>
      <c r="PBI694" s="613"/>
      <c r="PBJ694" s="613"/>
      <c r="PBK694" s="613"/>
      <c r="PBL694" s="613"/>
      <c r="PBM694" s="613"/>
      <c r="PBN694" s="613"/>
      <c r="PBO694" s="613"/>
      <c r="PBP694" s="613"/>
      <c r="PBQ694" s="613"/>
      <c r="PBR694" s="613"/>
      <c r="PBS694" s="613"/>
      <c r="PBT694" s="613"/>
      <c r="PBU694" s="613"/>
      <c r="PBV694" s="613"/>
      <c r="PBW694" s="613"/>
      <c r="PBX694" s="613"/>
      <c r="PBY694" s="613"/>
      <c r="PBZ694" s="613"/>
      <c r="PCA694" s="613"/>
      <c r="PCB694" s="613"/>
      <c r="PCC694" s="613"/>
      <c r="PCD694" s="613"/>
      <c r="PCE694" s="613"/>
      <c r="PCF694" s="613"/>
      <c r="PCG694" s="613"/>
      <c r="PCH694" s="613"/>
      <c r="PCI694" s="613"/>
      <c r="PCJ694" s="613"/>
      <c r="PCK694" s="613"/>
      <c r="PCL694" s="613"/>
      <c r="PCM694" s="613"/>
      <c r="PCN694" s="613"/>
      <c r="PCO694" s="613"/>
      <c r="PCP694" s="613"/>
      <c r="PCQ694" s="613"/>
      <c r="PCR694" s="613"/>
      <c r="PCS694" s="613"/>
      <c r="PCT694" s="613"/>
      <c r="PCU694" s="613"/>
      <c r="PCV694" s="613"/>
      <c r="PCW694" s="613"/>
      <c r="PCX694" s="613"/>
      <c r="PCY694" s="613"/>
      <c r="PCZ694" s="613"/>
      <c r="PDA694" s="613"/>
      <c r="PDB694" s="613"/>
      <c r="PDC694" s="613"/>
      <c r="PDD694" s="613"/>
      <c r="PDE694" s="613"/>
      <c r="PDF694" s="613"/>
      <c r="PDG694" s="613"/>
      <c r="PDH694" s="613"/>
      <c r="PDI694" s="613"/>
      <c r="PDJ694" s="613"/>
      <c r="PDK694" s="613"/>
      <c r="PDL694" s="613"/>
      <c r="PDM694" s="613"/>
      <c r="PDN694" s="613"/>
      <c r="PDO694" s="613"/>
      <c r="PDP694" s="613"/>
      <c r="PDQ694" s="613"/>
      <c r="PDR694" s="613"/>
      <c r="PDS694" s="613"/>
      <c r="PDT694" s="613"/>
      <c r="PDU694" s="613"/>
      <c r="PDV694" s="613"/>
      <c r="PDW694" s="613"/>
      <c r="PDX694" s="613"/>
      <c r="PDY694" s="613"/>
      <c r="PDZ694" s="613"/>
      <c r="PEA694" s="613"/>
      <c r="PEB694" s="613"/>
      <c r="PEC694" s="613"/>
      <c r="PED694" s="613"/>
      <c r="PEE694" s="613"/>
      <c r="PEF694" s="613"/>
      <c r="PEG694" s="613"/>
      <c r="PEH694" s="613"/>
      <c r="PEI694" s="613"/>
      <c r="PEJ694" s="613"/>
      <c r="PEK694" s="613"/>
      <c r="PEL694" s="613"/>
      <c r="PEM694" s="613"/>
      <c r="PEN694" s="613"/>
      <c r="PEO694" s="613"/>
      <c r="PEP694" s="613"/>
      <c r="PEQ694" s="613"/>
      <c r="PER694" s="613"/>
      <c r="PES694" s="613"/>
      <c r="PET694" s="613"/>
      <c r="PEU694" s="613"/>
      <c r="PEV694" s="613"/>
      <c r="PEW694" s="613"/>
      <c r="PEX694" s="613"/>
      <c r="PEY694" s="613"/>
      <c r="PEZ694" s="613"/>
      <c r="PFA694" s="613"/>
      <c r="PFB694" s="613"/>
      <c r="PFC694" s="613"/>
      <c r="PFD694" s="613"/>
      <c r="PFE694" s="613"/>
      <c r="PFF694" s="613"/>
      <c r="PFG694" s="613"/>
      <c r="PFH694" s="613"/>
      <c r="PFI694" s="613"/>
      <c r="PFJ694" s="613"/>
      <c r="PFK694" s="613"/>
      <c r="PFL694" s="613"/>
      <c r="PFM694" s="613"/>
      <c r="PFN694" s="613"/>
      <c r="PFO694" s="613"/>
      <c r="PFP694" s="613"/>
      <c r="PFQ694" s="613"/>
      <c r="PFR694" s="613"/>
      <c r="PFS694" s="613"/>
      <c r="PFT694" s="613"/>
      <c r="PFU694" s="613"/>
      <c r="PFV694" s="613"/>
      <c r="PFW694" s="613"/>
      <c r="PFX694" s="613"/>
      <c r="PFY694" s="613"/>
      <c r="PFZ694" s="613"/>
      <c r="PGA694" s="613"/>
      <c r="PGB694" s="613"/>
      <c r="PGC694" s="613"/>
      <c r="PGD694" s="613"/>
      <c r="PGE694" s="613"/>
      <c r="PGF694" s="613"/>
      <c r="PGG694" s="613"/>
      <c r="PGH694" s="613"/>
      <c r="PGI694" s="613"/>
      <c r="PGJ694" s="613"/>
      <c r="PGK694" s="613"/>
      <c r="PGL694" s="613"/>
      <c r="PGM694" s="613"/>
      <c r="PGN694" s="613"/>
      <c r="PGO694" s="613"/>
      <c r="PGP694" s="613"/>
      <c r="PGQ694" s="613"/>
      <c r="PGR694" s="613"/>
      <c r="PGS694" s="613"/>
      <c r="PGT694" s="613"/>
      <c r="PGU694" s="613"/>
      <c r="PGV694" s="613"/>
      <c r="PGW694" s="613"/>
      <c r="PGX694" s="613"/>
      <c r="PGY694" s="613"/>
      <c r="PGZ694" s="613"/>
      <c r="PHA694" s="613"/>
      <c r="PHB694" s="613"/>
      <c r="PHC694" s="613"/>
      <c r="PHD694" s="613"/>
      <c r="PHE694" s="613"/>
      <c r="PHF694" s="613"/>
      <c r="PHG694" s="613"/>
      <c r="PHH694" s="613"/>
      <c r="PHI694" s="613"/>
      <c r="PHJ694" s="613"/>
      <c r="PHK694" s="613"/>
      <c r="PHL694" s="613"/>
      <c r="PHM694" s="613"/>
      <c r="PHN694" s="613"/>
      <c r="PHO694" s="613"/>
      <c r="PHP694" s="613"/>
      <c r="PHQ694" s="613"/>
      <c r="PHR694" s="613"/>
      <c r="PHS694" s="613"/>
      <c r="PHT694" s="613"/>
      <c r="PHU694" s="613"/>
      <c r="PHV694" s="613"/>
      <c r="PHW694" s="613"/>
      <c r="PHX694" s="613"/>
      <c r="PHY694" s="613"/>
      <c r="PHZ694" s="613"/>
      <c r="PIA694" s="613"/>
      <c r="PIB694" s="613"/>
      <c r="PIC694" s="613"/>
      <c r="PID694" s="613"/>
      <c r="PIE694" s="613"/>
      <c r="PIF694" s="613"/>
      <c r="PIG694" s="613"/>
      <c r="PIH694" s="613"/>
      <c r="PII694" s="613"/>
      <c r="PIJ694" s="613"/>
      <c r="PIK694" s="613"/>
      <c r="PIL694" s="613"/>
      <c r="PIM694" s="613"/>
      <c r="PIN694" s="613"/>
      <c r="PIO694" s="613"/>
      <c r="PIP694" s="613"/>
      <c r="PIQ694" s="613"/>
      <c r="PIR694" s="613"/>
      <c r="PIS694" s="613"/>
      <c r="PIT694" s="613"/>
      <c r="PIU694" s="613"/>
      <c r="PIV694" s="613"/>
      <c r="PIW694" s="613"/>
      <c r="PIX694" s="613"/>
      <c r="PIY694" s="613"/>
      <c r="PIZ694" s="613"/>
      <c r="PJA694" s="613"/>
      <c r="PJB694" s="613"/>
      <c r="PJC694" s="613"/>
      <c r="PJD694" s="613"/>
      <c r="PJE694" s="613"/>
      <c r="PJF694" s="613"/>
      <c r="PJG694" s="613"/>
      <c r="PJH694" s="613"/>
      <c r="PJI694" s="613"/>
      <c r="PJJ694" s="613"/>
      <c r="PJK694" s="613"/>
      <c r="PJL694" s="613"/>
      <c r="PJM694" s="613"/>
      <c r="PJN694" s="613"/>
      <c r="PJO694" s="613"/>
      <c r="PJP694" s="613"/>
      <c r="PJQ694" s="613"/>
      <c r="PJR694" s="613"/>
      <c r="PJS694" s="613"/>
      <c r="PJT694" s="613"/>
      <c r="PJU694" s="613"/>
      <c r="PJV694" s="613"/>
      <c r="PJW694" s="613"/>
      <c r="PJX694" s="613"/>
      <c r="PJY694" s="613"/>
      <c r="PJZ694" s="613"/>
      <c r="PKA694" s="613"/>
      <c r="PKB694" s="613"/>
      <c r="PKC694" s="613"/>
      <c r="PKD694" s="613"/>
      <c r="PKE694" s="613"/>
      <c r="PKF694" s="613"/>
      <c r="PKG694" s="613"/>
      <c r="PKH694" s="613"/>
      <c r="PKI694" s="613"/>
      <c r="PKJ694" s="613"/>
      <c r="PKK694" s="613"/>
      <c r="PKL694" s="613"/>
      <c r="PKM694" s="613"/>
      <c r="PKN694" s="613"/>
      <c r="PKO694" s="613"/>
      <c r="PKP694" s="613"/>
      <c r="PKQ694" s="613"/>
      <c r="PKR694" s="613"/>
      <c r="PKS694" s="613"/>
      <c r="PKT694" s="613"/>
      <c r="PKU694" s="613"/>
      <c r="PKV694" s="613"/>
      <c r="PKW694" s="613"/>
      <c r="PKX694" s="613"/>
      <c r="PKY694" s="613"/>
      <c r="PKZ694" s="613"/>
      <c r="PLA694" s="613"/>
      <c r="PLB694" s="613"/>
      <c r="PLC694" s="613"/>
      <c r="PLD694" s="613"/>
      <c r="PLE694" s="613"/>
      <c r="PLF694" s="613"/>
      <c r="PLG694" s="613"/>
      <c r="PLH694" s="613"/>
      <c r="PLI694" s="613"/>
      <c r="PLJ694" s="613"/>
      <c r="PLK694" s="613"/>
      <c r="PLL694" s="613"/>
      <c r="PLM694" s="613"/>
      <c r="PLN694" s="613"/>
      <c r="PLO694" s="613"/>
      <c r="PLP694" s="613"/>
      <c r="PLQ694" s="613"/>
      <c r="PLR694" s="613"/>
      <c r="PLS694" s="613"/>
      <c r="PLT694" s="613"/>
      <c r="PLU694" s="613"/>
      <c r="PLV694" s="613"/>
      <c r="PLW694" s="613"/>
      <c r="PLX694" s="613"/>
      <c r="PLY694" s="613"/>
      <c r="PLZ694" s="613"/>
      <c r="PMA694" s="613"/>
      <c r="PMB694" s="613"/>
      <c r="PMC694" s="613"/>
      <c r="PMD694" s="613"/>
      <c r="PME694" s="613"/>
      <c r="PMF694" s="613"/>
      <c r="PMG694" s="613"/>
      <c r="PMH694" s="613"/>
      <c r="PMI694" s="613"/>
      <c r="PMJ694" s="613"/>
      <c r="PMK694" s="613"/>
      <c r="PML694" s="613"/>
      <c r="PMM694" s="613"/>
      <c r="PMN694" s="613"/>
      <c r="PMO694" s="613"/>
      <c r="PMP694" s="613"/>
      <c r="PMQ694" s="613"/>
      <c r="PMR694" s="613"/>
      <c r="PMS694" s="613"/>
      <c r="PMT694" s="613"/>
      <c r="PMU694" s="613"/>
      <c r="PMV694" s="613"/>
      <c r="PMW694" s="613"/>
      <c r="PMX694" s="613"/>
      <c r="PMY694" s="613"/>
      <c r="PMZ694" s="613"/>
      <c r="PNA694" s="613"/>
      <c r="PNB694" s="613"/>
      <c r="PNC694" s="613"/>
      <c r="PND694" s="613"/>
      <c r="PNE694" s="613"/>
      <c r="PNF694" s="613"/>
      <c r="PNG694" s="613"/>
      <c r="PNH694" s="613"/>
      <c r="PNI694" s="613"/>
      <c r="PNJ694" s="613"/>
      <c r="PNK694" s="613"/>
      <c r="PNL694" s="613"/>
      <c r="PNM694" s="613"/>
      <c r="PNN694" s="613"/>
      <c r="PNO694" s="613"/>
      <c r="PNP694" s="613"/>
      <c r="PNQ694" s="613"/>
      <c r="PNR694" s="613"/>
      <c r="PNS694" s="613"/>
      <c r="PNT694" s="613"/>
      <c r="PNU694" s="613"/>
      <c r="PNV694" s="613"/>
      <c r="PNW694" s="613"/>
      <c r="PNX694" s="613"/>
      <c r="PNY694" s="613"/>
      <c r="PNZ694" s="613"/>
      <c r="POA694" s="613"/>
      <c r="POB694" s="613"/>
      <c r="POC694" s="613"/>
      <c r="POD694" s="613"/>
      <c r="POE694" s="613"/>
      <c r="POF694" s="613"/>
      <c r="POG694" s="613"/>
      <c r="POH694" s="613"/>
      <c r="POI694" s="613"/>
      <c r="POJ694" s="613"/>
      <c r="POK694" s="613"/>
      <c r="POL694" s="613"/>
      <c r="POM694" s="613"/>
      <c r="PON694" s="613"/>
      <c r="POO694" s="613"/>
      <c r="POP694" s="613"/>
      <c r="POQ694" s="613"/>
      <c r="POR694" s="613"/>
      <c r="POS694" s="613"/>
      <c r="POT694" s="613"/>
      <c r="POU694" s="613"/>
      <c r="POV694" s="613"/>
      <c r="POW694" s="613"/>
      <c r="POX694" s="613"/>
      <c r="POY694" s="613"/>
      <c r="POZ694" s="613"/>
      <c r="PPA694" s="613"/>
      <c r="PPB694" s="613"/>
      <c r="PPC694" s="613"/>
      <c r="PPD694" s="613"/>
      <c r="PPE694" s="613"/>
      <c r="PPF694" s="613"/>
      <c r="PPG694" s="613"/>
      <c r="PPH694" s="613"/>
      <c r="PPI694" s="613"/>
      <c r="PPJ694" s="613"/>
      <c r="PPK694" s="613"/>
      <c r="PPL694" s="613"/>
      <c r="PPM694" s="613"/>
      <c r="PPN694" s="613"/>
      <c r="PPO694" s="613"/>
      <c r="PPP694" s="613"/>
      <c r="PPQ694" s="613"/>
      <c r="PPR694" s="613"/>
      <c r="PPS694" s="613"/>
      <c r="PPT694" s="613"/>
      <c r="PPU694" s="613"/>
      <c r="PPV694" s="613"/>
      <c r="PPW694" s="613"/>
      <c r="PPX694" s="613"/>
      <c r="PPY694" s="613"/>
      <c r="PPZ694" s="613"/>
      <c r="PQA694" s="613"/>
      <c r="PQB694" s="613"/>
      <c r="PQC694" s="613"/>
      <c r="PQD694" s="613"/>
      <c r="PQE694" s="613"/>
      <c r="PQF694" s="613"/>
      <c r="PQG694" s="613"/>
      <c r="PQH694" s="613"/>
      <c r="PQI694" s="613"/>
      <c r="PQJ694" s="613"/>
      <c r="PQK694" s="613"/>
      <c r="PQL694" s="613"/>
      <c r="PQM694" s="613"/>
      <c r="PQN694" s="613"/>
      <c r="PQO694" s="613"/>
      <c r="PQP694" s="613"/>
      <c r="PQQ694" s="613"/>
      <c r="PQR694" s="613"/>
      <c r="PQS694" s="613"/>
      <c r="PQT694" s="613"/>
      <c r="PQU694" s="613"/>
      <c r="PQV694" s="613"/>
      <c r="PQW694" s="613"/>
      <c r="PQX694" s="613"/>
      <c r="PQY694" s="613"/>
      <c r="PQZ694" s="613"/>
      <c r="PRA694" s="613"/>
      <c r="PRB694" s="613"/>
      <c r="PRC694" s="613"/>
      <c r="PRD694" s="613"/>
      <c r="PRE694" s="613"/>
      <c r="PRF694" s="613"/>
      <c r="PRG694" s="613"/>
      <c r="PRH694" s="613"/>
      <c r="PRI694" s="613"/>
      <c r="PRJ694" s="613"/>
      <c r="PRK694" s="613"/>
      <c r="PRL694" s="613"/>
      <c r="PRM694" s="613"/>
      <c r="PRN694" s="613"/>
      <c r="PRO694" s="613"/>
      <c r="PRP694" s="613"/>
      <c r="PRQ694" s="613"/>
      <c r="PRR694" s="613"/>
      <c r="PRS694" s="613"/>
      <c r="PRT694" s="613"/>
      <c r="PRU694" s="613"/>
      <c r="PRV694" s="613"/>
      <c r="PRW694" s="613"/>
      <c r="PRX694" s="613"/>
      <c r="PRY694" s="613"/>
      <c r="PRZ694" s="613"/>
      <c r="PSA694" s="613"/>
      <c r="PSB694" s="613"/>
      <c r="PSC694" s="613"/>
      <c r="PSD694" s="613"/>
      <c r="PSE694" s="613"/>
      <c r="PSF694" s="613"/>
      <c r="PSG694" s="613"/>
      <c r="PSH694" s="613"/>
      <c r="PSI694" s="613"/>
      <c r="PSJ694" s="613"/>
      <c r="PSK694" s="613"/>
      <c r="PSL694" s="613"/>
      <c r="PSM694" s="613"/>
      <c r="PSN694" s="613"/>
      <c r="PSO694" s="613"/>
      <c r="PSP694" s="613"/>
      <c r="PSQ694" s="613"/>
      <c r="PSR694" s="613"/>
      <c r="PSS694" s="613"/>
      <c r="PST694" s="613"/>
      <c r="PSU694" s="613"/>
      <c r="PSV694" s="613"/>
      <c r="PSW694" s="613"/>
      <c r="PSX694" s="613"/>
      <c r="PSY694" s="613"/>
      <c r="PSZ694" s="613"/>
      <c r="PTA694" s="613"/>
      <c r="PTB694" s="613"/>
      <c r="PTC694" s="613"/>
      <c r="PTD694" s="613"/>
      <c r="PTE694" s="613"/>
      <c r="PTF694" s="613"/>
      <c r="PTG694" s="613"/>
      <c r="PTH694" s="613"/>
      <c r="PTI694" s="613"/>
      <c r="PTJ694" s="613"/>
      <c r="PTK694" s="613"/>
      <c r="PTL694" s="613"/>
      <c r="PTM694" s="613"/>
      <c r="PTN694" s="613"/>
      <c r="PTO694" s="613"/>
      <c r="PTP694" s="613"/>
      <c r="PTQ694" s="613"/>
      <c r="PTR694" s="613"/>
      <c r="PTS694" s="613"/>
      <c r="PTT694" s="613"/>
      <c r="PTU694" s="613"/>
      <c r="PTV694" s="613"/>
      <c r="PTW694" s="613"/>
      <c r="PTX694" s="613"/>
      <c r="PTY694" s="613"/>
      <c r="PTZ694" s="613"/>
      <c r="PUA694" s="613"/>
      <c r="PUB694" s="613"/>
      <c r="PUC694" s="613"/>
      <c r="PUD694" s="613"/>
      <c r="PUE694" s="613"/>
      <c r="PUF694" s="613"/>
      <c r="PUG694" s="613"/>
      <c r="PUH694" s="613"/>
      <c r="PUI694" s="613"/>
      <c r="PUJ694" s="613"/>
      <c r="PUK694" s="613"/>
      <c r="PUL694" s="613"/>
      <c r="PUM694" s="613"/>
      <c r="PUN694" s="613"/>
      <c r="PUO694" s="613"/>
      <c r="PUP694" s="613"/>
      <c r="PUQ694" s="613"/>
      <c r="PUR694" s="613"/>
      <c r="PUS694" s="613"/>
      <c r="PUT694" s="613"/>
      <c r="PUU694" s="613"/>
      <c r="PUV694" s="613"/>
      <c r="PUW694" s="613"/>
      <c r="PUX694" s="613"/>
      <c r="PUY694" s="613"/>
      <c r="PUZ694" s="613"/>
      <c r="PVA694" s="613"/>
      <c r="PVB694" s="613"/>
      <c r="PVC694" s="613"/>
      <c r="PVD694" s="613"/>
      <c r="PVE694" s="613"/>
      <c r="PVF694" s="613"/>
      <c r="PVG694" s="613"/>
      <c r="PVH694" s="613"/>
      <c r="PVI694" s="613"/>
      <c r="PVJ694" s="613"/>
      <c r="PVK694" s="613"/>
      <c r="PVL694" s="613"/>
      <c r="PVM694" s="613"/>
      <c r="PVN694" s="613"/>
      <c r="PVO694" s="613"/>
      <c r="PVP694" s="613"/>
      <c r="PVQ694" s="613"/>
      <c r="PVR694" s="613"/>
      <c r="PVS694" s="613"/>
      <c r="PVT694" s="613"/>
      <c r="PVU694" s="613"/>
      <c r="PVV694" s="613"/>
      <c r="PVW694" s="613"/>
      <c r="PVX694" s="613"/>
      <c r="PVY694" s="613"/>
      <c r="PVZ694" s="613"/>
      <c r="PWA694" s="613"/>
      <c r="PWB694" s="613"/>
      <c r="PWC694" s="613"/>
      <c r="PWD694" s="613"/>
      <c r="PWE694" s="613"/>
      <c r="PWF694" s="613"/>
      <c r="PWG694" s="613"/>
      <c r="PWH694" s="613"/>
      <c r="PWI694" s="613"/>
      <c r="PWJ694" s="613"/>
      <c r="PWK694" s="613"/>
      <c r="PWL694" s="613"/>
      <c r="PWM694" s="613"/>
      <c r="PWN694" s="613"/>
      <c r="PWO694" s="613"/>
      <c r="PWP694" s="613"/>
      <c r="PWQ694" s="613"/>
      <c r="PWR694" s="613"/>
      <c r="PWS694" s="613"/>
      <c r="PWT694" s="613"/>
      <c r="PWU694" s="613"/>
      <c r="PWV694" s="613"/>
      <c r="PWW694" s="613"/>
      <c r="PWX694" s="613"/>
      <c r="PWY694" s="613"/>
      <c r="PWZ694" s="613"/>
      <c r="PXA694" s="613"/>
      <c r="PXB694" s="613"/>
      <c r="PXC694" s="613"/>
      <c r="PXD694" s="613"/>
      <c r="PXE694" s="613"/>
      <c r="PXF694" s="613"/>
      <c r="PXG694" s="613"/>
      <c r="PXH694" s="613"/>
      <c r="PXI694" s="613"/>
      <c r="PXJ694" s="613"/>
      <c r="PXK694" s="613"/>
      <c r="PXL694" s="613"/>
      <c r="PXM694" s="613"/>
      <c r="PXN694" s="613"/>
      <c r="PXO694" s="613"/>
      <c r="PXP694" s="613"/>
      <c r="PXQ694" s="613"/>
      <c r="PXR694" s="613"/>
      <c r="PXS694" s="613"/>
      <c r="PXT694" s="613"/>
      <c r="PXU694" s="613"/>
      <c r="PXV694" s="613"/>
      <c r="PXW694" s="613"/>
      <c r="PXX694" s="613"/>
      <c r="PXY694" s="613"/>
      <c r="PXZ694" s="613"/>
      <c r="PYA694" s="613"/>
      <c r="PYB694" s="613"/>
      <c r="PYC694" s="613"/>
      <c r="PYD694" s="613"/>
      <c r="PYE694" s="613"/>
      <c r="PYF694" s="613"/>
      <c r="PYG694" s="613"/>
      <c r="PYH694" s="613"/>
      <c r="PYI694" s="613"/>
      <c r="PYJ694" s="613"/>
      <c r="PYK694" s="613"/>
      <c r="PYL694" s="613"/>
      <c r="PYM694" s="613"/>
      <c r="PYN694" s="613"/>
      <c r="PYO694" s="613"/>
      <c r="PYP694" s="613"/>
      <c r="PYQ694" s="613"/>
      <c r="PYR694" s="613"/>
      <c r="PYS694" s="613"/>
      <c r="PYT694" s="613"/>
      <c r="PYU694" s="613"/>
      <c r="PYV694" s="613"/>
      <c r="PYW694" s="613"/>
      <c r="PYX694" s="613"/>
      <c r="PYY694" s="613"/>
      <c r="PYZ694" s="613"/>
      <c r="PZA694" s="613"/>
      <c r="PZB694" s="613"/>
      <c r="PZC694" s="613"/>
      <c r="PZD694" s="613"/>
      <c r="PZE694" s="613"/>
      <c r="PZF694" s="613"/>
      <c r="PZG694" s="613"/>
      <c r="PZH694" s="613"/>
      <c r="PZI694" s="613"/>
      <c r="PZJ694" s="613"/>
      <c r="PZK694" s="613"/>
      <c r="PZL694" s="613"/>
      <c r="PZM694" s="613"/>
      <c r="PZN694" s="613"/>
      <c r="PZO694" s="613"/>
      <c r="PZP694" s="613"/>
      <c r="PZQ694" s="613"/>
      <c r="PZR694" s="613"/>
      <c r="PZS694" s="613"/>
      <c r="PZT694" s="613"/>
      <c r="PZU694" s="613"/>
      <c r="PZV694" s="613"/>
      <c r="PZW694" s="613"/>
      <c r="PZX694" s="613"/>
      <c r="PZY694" s="613"/>
      <c r="PZZ694" s="613"/>
      <c r="QAA694" s="613"/>
      <c r="QAB694" s="613"/>
      <c r="QAC694" s="613"/>
      <c r="QAD694" s="613"/>
      <c r="QAE694" s="613"/>
      <c r="QAF694" s="613"/>
      <c r="QAG694" s="613"/>
      <c r="QAH694" s="613"/>
      <c r="QAI694" s="613"/>
      <c r="QAJ694" s="613"/>
      <c r="QAK694" s="613"/>
      <c r="QAL694" s="613"/>
      <c r="QAM694" s="613"/>
      <c r="QAN694" s="613"/>
      <c r="QAO694" s="613"/>
      <c r="QAP694" s="613"/>
      <c r="QAQ694" s="613"/>
      <c r="QAR694" s="613"/>
      <c r="QAS694" s="613"/>
      <c r="QAT694" s="613"/>
      <c r="QAU694" s="613"/>
      <c r="QAV694" s="613"/>
      <c r="QAW694" s="613"/>
      <c r="QAX694" s="613"/>
      <c r="QAY694" s="613"/>
      <c r="QAZ694" s="613"/>
      <c r="QBA694" s="613"/>
      <c r="QBB694" s="613"/>
      <c r="QBC694" s="613"/>
      <c r="QBD694" s="613"/>
      <c r="QBE694" s="613"/>
      <c r="QBF694" s="613"/>
      <c r="QBG694" s="613"/>
      <c r="QBH694" s="613"/>
      <c r="QBI694" s="613"/>
      <c r="QBJ694" s="613"/>
      <c r="QBK694" s="613"/>
      <c r="QBL694" s="613"/>
      <c r="QBM694" s="613"/>
      <c r="QBN694" s="613"/>
      <c r="QBO694" s="613"/>
      <c r="QBP694" s="613"/>
      <c r="QBQ694" s="613"/>
      <c r="QBR694" s="613"/>
      <c r="QBS694" s="613"/>
      <c r="QBT694" s="613"/>
      <c r="QBU694" s="613"/>
      <c r="QBV694" s="613"/>
      <c r="QBW694" s="613"/>
      <c r="QBX694" s="613"/>
      <c r="QBY694" s="613"/>
      <c r="QBZ694" s="613"/>
      <c r="QCA694" s="613"/>
      <c r="QCB694" s="613"/>
      <c r="QCC694" s="613"/>
      <c r="QCD694" s="613"/>
      <c r="QCE694" s="613"/>
      <c r="QCF694" s="613"/>
      <c r="QCG694" s="613"/>
      <c r="QCH694" s="613"/>
      <c r="QCI694" s="613"/>
      <c r="QCJ694" s="613"/>
      <c r="QCK694" s="613"/>
      <c r="QCL694" s="613"/>
      <c r="QCM694" s="613"/>
      <c r="QCN694" s="613"/>
      <c r="QCO694" s="613"/>
      <c r="QCP694" s="613"/>
      <c r="QCQ694" s="613"/>
      <c r="QCR694" s="613"/>
      <c r="QCS694" s="613"/>
      <c r="QCT694" s="613"/>
      <c r="QCU694" s="613"/>
      <c r="QCV694" s="613"/>
      <c r="QCW694" s="613"/>
      <c r="QCX694" s="613"/>
      <c r="QCY694" s="613"/>
      <c r="QCZ694" s="613"/>
      <c r="QDA694" s="613"/>
      <c r="QDB694" s="613"/>
      <c r="QDC694" s="613"/>
      <c r="QDD694" s="613"/>
      <c r="QDE694" s="613"/>
      <c r="QDF694" s="613"/>
      <c r="QDG694" s="613"/>
      <c r="QDH694" s="613"/>
      <c r="QDI694" s="613"/>
      <c r="QDJ694" s="613"/>
      <c r="QDK694" s="613"/>
      <c r="QDL694" s="613"/>
      <c r="QDM694" s="613"/>
      <c r="QDN694" s="613"/>
      <c r="QDO694" s="613"/>
      <c r="QDP694" s="613"/>
      <c r="QDQ694" s="613"/>
      <c r="QDR694" s="613"/>
      <c r="QDS694" s="613"/>
      <c r="QDT694" s="613"/>
      <c r="QDU694" s="613"/>
      <c r="QDV694" s="613"/>
      <c r="QDW694" s="613"/>
      <c r="QDX694" s="613"/>
      <c r="QDY694" s="613"/>
      <c r="QDZ694" s="613"/>
      <c r="QEA694" s="613"/>
      <c r="QEB694" s="613"/>
      <c r="QEC694" s="613"/>
      <c r="QED694" s="613"/>
      <c r="QEE694" s="613"/>
      <c r="QEF694" s="613"/>
      <c r="QEG694" s="613"/>
      <c r="QEH694" s="613"/>
      <c r="QEI694" s="613"/>
      <c r="QEJ694" s="613"/>
      <c r="QEK694" s="613"/>
      <c r="QEL694" s="613"/>
      <c r="QEM694" s="613"/>
      <c r="QEN694" s="613"/>
      <c r="QEO694" s="613"/>
      <c r="QEP694" s="613"/>
      <c r="QEQ694" s="613"/>
      <c r="QER694" s="613"/>
      <c r="QES694" s="613"/>
      <c r="QET694" s="613"/>
      <c r="QEU694" s="613"/>
      <c r="QEV694" s="613"/>
      <c r="QEW694" s="613"/>
      <c r="QEX694" s="613"/>
      <c r="QEY694" s="613"/>
      <c r="QEZ694" s="613"/>
      <c r="QFA694" s="613"/>
      <c r="QFB694" s="613"/>
      <c r="QFC694" s="613"/>
      <c r="QFD694" s="613"/>
      <c r="QFE694" s="613"/>
      <c r="QFF694" s="613"/>
      <c r="QFG694" s="613"/>
      <c r="QFH694" s="613"/>
      <c r="QFI694" s="613"/>
      <c r="QFJ694" s="613"/>
      <c r="QFK694" s="613"/>
      <c r="QFL694" s="613"/>
      <c r="QFM694" s="613"/>
      <c r="QFN694" s="613"/>
      <c r="QFO694" s="613"/>
      <c r="QFP694" s="613"/>
      <c r="QFQ694" s="613"/>
      <c r="QFR694" s="613"/>
      <c r="QFS694" s="613"/>
      <c r="QFT694" s="613"/>
      <c r="QFU694" s="613"/>
      <c r="QFV694" s="613"/>
      <c r="QFW694" s="613"/>
      <c r="QFX694" s="613"/>
      <c r="QFY694" s="613"/>
      <c r="QFZ694" s="613"/>
      <c r="QGA694" s="613"/>
      <c r="QGB694" s="613"/>
      <c r="QGC694" s="613"/>
      <c r="QGD694" s="613"/>
      <c r="QGE694" s="613"/>
      <c r="QGF694" s="613"/>
      <c r="QGG694" s="613"/>
      <c r="QGH694" s="613"/>
      <c r="QGI694" s="613"/>
      <c r="QGJ694" s="613"/>
      <c r="QGK694" s="613"/>
      <c r="QGL694" s="613"/>
      <c r="QGM694" s="613"/>
      <c r="QGN694" s="613"/>
      <c r="QGO694" s="613"/>
      <c r="QGP694" s="613"/>
      <c r="QGQ694" s="613"/>
      <c r="QGR694" s="613"/>
      <c r="QGS694" s="613"/>
      <c r="QGT694" s="613"/>
      <c r="QGU694" s="613"/>
      <c r="QGV694" s="613"/>
      <c r="QGW694" s="613"/>
      <c r="QGX694" s="613"/>
      <c r="QGY694" s="613"/>
      <c r="QGZ694" s="613"/>
      <c r="QHA694" s="613"/>
      <c r="QHB694" s="613"/>
      <c r="QHC694" s="613"/>
      <c r="QHD694" s="613"/>
      <c r="QHE694" s="613"/>
      <c r="QHF694" s="613"/>
      <c r="QHG694" s="613"/>
      <c r="QHH694" s="613"/>
      <c r="QHI694" s="613"/>
      <c r="QHJ694" s="613"/>
      <c r="QHK694" s="613"/>
      <c r="QHL694" s="613"/>
      <c r="QHM694" s="613"/>
      <c r="QHN694" s="613"/>
      <c r="QHO694" s="613"/>
      <c r="QHP694" s="613"/>
      <c r="QHQ694" s="613"/>
      <c r="QHR694" s="613"/>
      <c r="QHS694" s="613"/>
      <c r="QHT694" s="613"/>
      <c r="QHU694" s="613"/>
      <c r="QHV694" s="613"/>
      <c r="QHW694" s="613"/>
      <c r="QHX694" s="613"/>
      <c r="QHY694" s="613"/>
      <c r="QHZ694" s="613"/>
      <c r="QIA694" s="613"/>
      <c r="QIB694" s="613"/>
      <c r="QIC694" s="613"/>
      <c r="QID694" s="613"/>
      <c r="QIE694" s="613"/>
      <c r="QIF694" s="613"/>
      <c r="QIG694" s="613"/>
      <c r="QIH694" s="613"/>
      <c r="QII694" s="613"/>
      <c r="QIJ694" s="613"/>
      <c r="QIK694" s="613"/>
      <c r="QIL694" s="613"/>
      <c r="QIM694" s="613"/>
      <c r="QIN694" s="613"/>
      <c r="QIO694" s="613"/>
      <c r="QIP694" s="613"/>
      <c r="QIQ694" s="613"/>
      <c r="QIR694" s="613"/>
      <c r="QIS694" s="613"/>
      <c r="QIT694" s="613"/>
      <c r="QIU694" s="613"/>
      <c r="QIV694" s="613"/>
      <c r="QIW694" s="613"/>
      <c r="QIX694" s="613"/>
      <c r="QIY694" s="613"/>
      <c r="QIZ694" s="613"/>
      <c r="QJA694" s="613"/>
      <c r="QJB694" s="613"/>
      <c r="QJC694" s="613"/>
      <c r="QJD694" s="613"/>
      <c r="QJE694" s="613"/>
      <c r="QJF694" s="613"/>
      <c r="QJG694" s="613"/>
      <c r="QJH694" s="613"/>
      <c r="QJI694" s="613"/>
      <c r="QJJ694" s="613"/>
      <c r="QJK694" s="613"/>
      <c r="QJL694" s="613"/>
      <c r="QJM694" s="613"/>
      <c r="QJN694" s="613"/>
      <c r="QJO694" s="613"/>
      <c r="QJP694" s="613"/>
      <c r="QJQ694" s="613"/>
      <c r="QJR694" s="613"/>
      <c r="QJS694" s="613"/>
      <c r="QJT694" s="613"/>
      <c r="QJU694" s="613"/>
      <c r="QJV694" s="613"/>
      <c r="QJW694" s="613"/>
      <c r="QJX694" s="613"/>
      <c r="QJY694" s="613"/>
      <c r="QJZ694" s="613"/>
      <c r="QKA694" s="613"/>
      <c r="QKB694" s="613"/>
      <c r="QKC694" s="613"/>
      <c r="QKD694" s="613"/>
      <c r="QKE694" s="613"/>
      <c r="QKF694" s="613"/>
      <c r="QKG694" s="613"/>
      <c r="QKH694" s="613"/>
      <c r="QKI694" s="613"/>
      <c r="QKJ694" s="613"/>
      <c r="QKK694" s="613"/>
      <c r="QKL694" s="613"/>
      <c r="QKM694" s="613"/>
      <c r="QKN694" s="613"/>
      <c r="QKO694" s="613"/>
      <c r="QKP694" s="613"/>
      <c r="QKQ694" s="613"/>
      <c r="QKR694" s="613"/>
      <c r="QKS694" s="613"/>
      <c r="QKT694" s="613"/>
      <c r="QKU694" s="613"/>
      <c r="QKV694" s="613"/>
      <c r="QKW694" s="613"/>
      <c r="QKX694" s="613"/>
      <c r="QKY694" s="613"/>
      <c r="QKZ694" s="613"/>
      <c r="QLA694" s="613"/>
      <c r="QLB694" s="613"/>
      <c r="QLC694" s="613"/>
      <c r="QLD694" s="613"/>
      <c r="QLE694" s="613"/>
      <c r="QLF694" s="613"/>
      <c r="QLG694" s="613"/>
      <c r="QLH694" s="613"/>
      <c r="QLI694" s="613"/>
      <c r="QLJ694" s="613"/>
      <c r="QLK694" s="613"/>
      <c r="QLL694" s="613"/>
      <c r="QLM694" s="613"/>
      <c r="QLN694" s="613"/>
      <c r="QLO694" s="613"/>
      <c r="QLP694" s="613"/>
      <c r="QLQ694" s="613"/>
      <c r="QLR694" s="613"/>
      <c r="QLS694" s="613"/>
      <c r="QLT694" s="613"/>
      <c r="QLU694" s="613"/>
      <c r="QLV694" s="613"/>
      <c r="QLW694" s="613"/>
      <c r="QLX694" s="613"/>
      <c r="QLY694" s="613"/>
      <c r="QLZ694" s="613"/>
      <c r="QMA694" s="613"/>
      <c r="QMB694" s="613"/>
      <c r="QMC694" s="613"/>
      <c r="QMD694" s="613"/>
      <c r="QME694" s="613"/>
      <c r="QMF694" s="613"/>
      <c r="QMG694" s="613"/>
      <c r="QMH694" s="613"/>
      <c r="QMI694" s="613"/>
      <c r="QMJ694" s="613"/>
      <c r="QMK694" s="613"/>
      <c r="QML694" s="613"/>
      <c r="QMM694" s="613"/>
      <c r="QMN694" s="613"/>
      <c r="QMO694" s="613"/>
      <c r="QMP694" s="613"/>
      <c r="QMQ694" s="613"/>
      <c r="QMR694" s="613"/>
      <c r="QMS694" s="613"/>
      <c r="QMT694" s="613"/>
      <c r="QMU694" s="613"/>
      <c r="QMV694" s="613"/>
      <c r="QMW694" s="613"/>
      <c r="QMX694" s="613"/>
      <c r="QMY694" s="613"/>
      <c r="QMZ694" s="613"/>
      <c r="QNA694" s="613"/>
      <c r="QNB694" s="613"/>
      <c r="QNC694" s="613"/>
      <c r="QND694" s="613"/>
      <c r="QNE694" s="613"/>
      <c r="QNF694" s="613"/>
      <c r="QNG694" s="613"/>
      <c r="QNH694" s="613"/>
      <c r="QNI694" s="613"/>
      <c r="QNJ694" s="613"/>
      <c r="QNK694" s="613"/>
      <c r="QNL694" s="613"/>
      <c r="QNM694" s="613"/>
      <c r="QNN694" s="613"/>
      <c r="QNO694" s="613"/>
      <c r="QNP694" s="613"/>
      <c r="QNQ694" s="613"/>
      <c r="QNR694" s="613"/>
      <c r="QNS694" s="613"/>
      <c r="QNT694" s="613"/>
      <c r="QNU694" s="613"/>
      <c r="QNV694" s="613"/>
      <c r="QNW694" s="613"/>
      <c r="QNX694" s="613"/>
      <c r="QNY694" s="613"/>
      <c r="QNZ694" s="613"/>
      <c r="QOA694" s="613"/>
      <c r="QOB694" s="613"/>
      <c r="QOC694" s="613"/>
      <c r="QOD694" s="613"/>
      <c r="QOE694" s="613"/>
      <c r="QOF694" s="613"/>
      <c r="QOG694" s="613"/>
      <c r="QOH694" s="613"/>
      <c r="QOI694" s="613"/>
      <c r="QOJ694" s="613"/>
      <c r="QOK694" s="613"/>
      <c r="QOL694" s="613"/>
      <c r="QOM694" s="613"/>
      <c r="QON694" s="613"/>
      <c r="QOO694" s="613"/>
      <c r="QOP694" s="613"/>
      <c r="QOQ694" s="613"/>
      <c r="QOR694" s="613"/>
      <c r="QOS694" s="613"/>
      <c r="QOT694" s="613"/>
      <c r="QOU694" s="613"/>
      <c r="QOV694" s="613"/>
      <c r="QOW694" s="613"/>
      <c r="QOX694" s="613"/>
      <c r="QOY694" s="613"/>
      <c r="QOZ694" s="613"/>
      <c r="QPA694" s="613"/>
      <c r="QPB694" s="613"/>
      <c r="QPC694" s="613"/>
      <c r="QPD694" s="613"/>
      <c r="QPE694" s="613"/>
      <c r="QPF694" s="613"/>
      <c r="QPG694" s="613"/>
      <c r="QPH694" s="613"/>
      <c r="QPI694" s="613"/>
      <c r="QPJ694" s="613"/>
      <c r="QPK694" s="613"/>
      <c r="QPL694" s="613"/>
      <c r="QPM694" s="613"/>
      <c r="QPN694" s="613"/>
      <c r="QPO694" s="613"/>
      <c r="QPP694" s="613"/>
      <c r="QPQ694" s="613"/>
      <c r="QPR694" s="613"/>
      <c r="QPS694" s="613"/>
      <c r="QPT694" s="613"/>
      <c r="QPU694" s="613"/>
      <c r="QPV694" s="613"/>
      <c r="QPW694" s="613"/>
      <c r="QPX694" s="613"/>
      <c r="QPY694" s="613"/>
      <c r="QPZ694" s="613"/>
      <c r="QQA694" s="613"/>
      <c r="QQB694" s="613"/>
      <c r="QQC694" s="613"/>
      <c r="QQD694" s="613"/>
      <c r="QQE694" s="613"/>
      <c r="QQF694" s="613"/>
      <c r="QQG694" s="613"/>
      <c r="QQH694" s="613"/>
      <c r="QQI694" s="613"/>
      <c r="QQJ694" s="613"/>
      <c r="QQK694" s="613"/>
      <c r="QQL694" s="613"/>
      <c r="QQM694" s="613"/>
      <c r="QQN694" s="613"/>
      <c r="QQO694" s="613"/>
      <c r="QQP694" s="613"/>
      <c r="QQQ694" s="613"/>
      <c r="QQR694" s="613"/>
      <c r="QQS694" s="613"/>
      <c r="QQT694" s="613"/>
      <c r="QQU694" s="613"/>
      <c r="QQV694" s="613"/>
      <c r="QQW694" s="613"/>
      <c r="QQX694" s="613"/>
      <c r="QQY694" s="613"/>
      <c r="QQZ694" s="613"/>
      <c r="QRA694" s="613"/>
      <c r="QRB694" s="613"/>
      <c r="QRC694" s="613"/>
      <c r="QRD694" s="613"/>
      <c r="QRE694" s="613"/>
      <c r="QRF694" s="613"/>
      <c r="QRG694" s="613"/>
      <c r="QRH694" s="613"/>
      <c r="QRI694" s="613"/>
      <c r="QRJ694" s="613"/>
      <c r="QRK694" s="613"/>
      <c r="QRL694" s="613"/>
      <c r="QRM694" s="613"/>
      <c r="QRN694" s="613"/>
      <c r="QRO694" s="613"/>
      <c r="QRP694" s="613"/>
      <c r="QRQ694" s="613"/>
      <c r="QRR694" s="613"/>
      <c r="QRS694" s="613"/>
      <c r="QRT694" s="613"/>
      <c r="QRU694" s="613"/>
      <c r="QRV694" s="613"/>
      <c r="QRW694" s="613"/>
      <c r="QRX694" s="613"/>
      <c r="QRY694" s="613"/>
      <c r="QRZ694" s="613"/>
      <c r="QSA694" s="613"/>
      <c r="QSB694" s="613"/>
      <c r="QSC694" s="613"/>
      <c r="QSD694" s="613"/>
      <c r="QSE694" s="613"/>
      <c r="QSF694" s="613"/>
      <c r="QSG694" s="613"/>
      <c r="QSH694" s="613"/>
      <c r="QSI694" s="613"/>
      <c r="QSJ694" s="613"/>
      <c r="QSK694" s="613"/>
      <c r="QSL694" s="613"/>
      <c r="QSM694" s="613"/>
      <c r="QSN694" s="613"/>
      <c r="QSO694" s="613"/>
      <c r="QSP694" s="613"/>
      <c r="QSQ694" s="613"/>
      <c r="QSR694" s="613"/>
      <c r="QSS694" s="613"/>
      <c r="QST694" s="613"/>
      <c r="QSU694" s="613"/>
      <c r="QSV694" s="613"/>
      <c r="QSW694" s="613"/>
      <c r="QSX694" s="613"/>
      <c r="QSY694" s="613"/>
      <c r="QSZ694" s="613"/>
      <c r="QTA694" s="613"/>
      <c r="QTB694" s="613"/>
      <c r="QTC694" s="613"/>
      <c r="QTD694" s="613"/>
      <c r="QTE694" s="613"/>
      <c r="QTF694" s="613"/>
      <c r="QTG694" s="613"/>
      <c r="QTH694" s="613"/>
      <c r="QTI694" s="613"/>
      <c r="QTJ694" s="613"/>
      <c r="QTK694" s="613"/>
      <c r="QTL694" s="613"/>
      <c r="QTM694" s="613"/>
      <c r="QTN694" s="613"/>
      <c r="QTO694" s="613"/>
      <c r="QTP694" s="613"/>
      <c r="QTQ694" s="613"/>
      <c r="QTR694" s="613"/>
      <c r="QTS694" s="613"/>
      <c r="QTT694" s="613"/>
      <c r="QTU694" s="613"/>
      <c r="QTV694" s="613"/>
      <c r="QTW694" s="613"/>
      <c r="QTX694" s="613"/>
      <c r="QTY694" s="613"/>
      <c r="QTZ694" s="613"/>
      <c r="QUA694" s="613"/>
      <c r="QUB694" s="613"/>
      <c r="QUC694" s="613"/>
      <c r="QUD694" s="613"/>
      <c r="QUE694" s="613"/>
      <c r="QUF694" s="613"/>
      <c r="QUG694" s="613"/>
      <c r="QUH694" s="613"/>
      <c r="QUI694" s="613"/>
      <c r="QUJ694" s="613"/>
      <c r="QUK694" s="613"/>
      <c r="QUL694" s="613"/>
      <c r="QUM694" s="613"/>
      <c r="QUN694" s="613"/>
      <c r="QUO694" s="613"/>
      <c r="QUP694" s="613"/>
      <c r="QUQ694" s="613"/>
      <c r="QUR694" s="613"/>
      <c r="QUS694" s="613"/>
      <c r="QUT694" s="613"/>
      <c r="QUU694" s="613"/>
      <c r="QUV694" s="613"/>
      <c r="QUW694" s="613"/>
      <c r="QUX694" s="613"/>
      <c r="QUY694" s="613"/>
      <c r="QUZ694" s="613"/>
      <c r="QVA694" s="613"/>
      <c r="QVB694" s="613"/>
      <c r="QVC694" s="613"/>
      <c r="QVD694" s="613"/>
      <c r="QVE694" s="613"/>
      <c r="QVF694" s="613"/>
      <c r="QVG694" s="613"/>
      <c r="QVH694" s="613"/>
      <c r="QVI694" s="613"/>
      <c r="QVJ694" s="613"/>
      <c r="QVK694" s="613"/>
      <c r="QVL694" s="613"/>
      <c r="QVM694" s="613"/>
      <c r="QVN694" s="613"/>
      <c r="QVO694" s="613"/>
      <c r="QVP694" s="613"/>
      <c r="QVQ694" s="613"/>
      <c r="QVR694" s="613"/>
      <c r="QVS694" s="613"/>
      <c r="QVT694" s="613"/>
      <c r="QVU694" s="613"/>
      <c r="QVV694" s="613"/>
      <c r="QVW694" s="613"/>
      <c r="QVX694" s="613"/>
      <c r="QVY694" s="613"/>
      <c r="QVZ694" s="613"/>
      <c r="QWA694" s="613"/>
      <c r="QWB694" s="613"/>
      <c r="QWC694" s="613"/>
      <c r="QWD694" s="613"/>
      <c r="QWE694" s="613"/>
      <c r="QWF694" s="613"/>
      <c r="QWG694" s="613"/>
      <c r="QWH694" s="613"/>
      <c r="QWI694" s="613"/>
      <c r="QWJ694" s="613"/>
      <c r="QWK694" s="613"/>
      <c r="QWL694" s="613"/>
      <c r="QWM694" s="613"/>
      <c r="QWN694" s="613"/>
      <c r="QWO694" s="613"/>
      <c r="QWP694" s="613"/>
      <c r="QWQ694" s="613"/>
      <c r="QWR694" s="613"/>
      <c r="QWS694" s="613"/>
      <c r="QWT694" s="613"/>
      <c r="QWU694" s="613"/>
      <c r="QWV694" s="613"/>
      <c r="QWW694" s="613"/>
      <c r="QWX694" s="613"/>
      <c r="QWY694" s="613"/>
      <c r="QWZ694" s="613"/>
      <c r="QXA694" s="613"/>
      <c r="QXB694" s="613"/>
      <c r="QXC694" s="613"/>
      <c r="QXD694" s="613"/>
      <c r="QXE694" s="613"/>
      <c r="QXF694" s="613"/>
      <c r="QXG694" s="613"/>
      <c r="QXH694" s="613"/>
      <c r="QXI694" s="613"/>
      <c r="QXJ694" s="613"/>
      <c r="QXK694" s="613"/>
      <c r="QXL694" s="613"/>
      <c r="QXM694" s="613"/>
      <c r="QXN694" s="613"/>
      <c r="QXO694" s="613"/>
      <c r="QXP694" s="613"/>
      <c r="QXQ694" s="613"/>
      <c r="QXR694" s="613"/>
      <c r="QXS694" s="613"/>
      <c r="QXT694" s="613"/>
      <c r="QXU694" s="613"/>
      <c r="QXV694" s="613"/>
      <c r="QXW694" s="613"/>
      <c r="QXX694" s="613"/>
      <c r="QXY694" s="613"/>
      <c r="QXZ694" s="613"/>
      <c r="QYA694" s="613"/>
      <c r="QYB694" s="613"/>
      <c r="QYC694" s="613"/>
      <c r="QYD694" s="613"/>
      <c r="QYE694" s="613"/>
      <c r="QYF694" s="613"/>
      <c r="QYG694" s="613"/>
      <c r="QYH694" s="613"/>
      <c r="QYI694" s="613"/>
      <c r="QYJ694" s="613"/>
      <c r="QYK694" s="613"/>
      <c r="QYL694" s="613"/>
      <c r="QYM694" s="613"/>
      <c r="QYN694" s="613"/>
      <c r="QYO694" s="613"/>
      <c r="QYP694" s="613"/>
      <c r="QYQ694" s="613"/>
      <c r="QYR694" s="613"/>
      <c r="QYS694" s="613"/>
      <c r="QYT694" s="613"/>
      <c r="QYU694" s="613"/>
      <c r="QYV694" s="613"/>
      <c r="QYW694" s="613"/>
      <c r="QYX694" s="613"/>
      <c r="QYY694" s="613"/>
      <c r="QYZ694" s="613"/>
      <c r="QZA694" s="613"/>
      <c r="QZB694" s="613"/>
      <c r="QZC694" s="613"/>
      <c r="QZD694" s="613"/>
      <c r="QZE694" s="613"/>
      <c r="QZF694" s="613"/>
      <c r="QZG694" s="613"/>
      <c r="QZH694" s="613"/>
      <c r="QZI694" s="613"/>
      <c r="QZJ694" s="613"/>
      <c r="QZK694" s="613"/>
      <c r="QZL694" s="613"/>
      <c r="QZM694" s="613"/>
      <c r="QZN694" s="613"/>
      <c r="QZO694" s="613"/>
      <c r="QZP694" s="613"/>
      <c r="QZQ694" s="613"/>
      <c r="QZR694" s="613"/>
      <c r="QZS694" s="613"/>
      <c r="QZT694" s="613"/>
      <c r="QZU694" s="613"/>
      <c r="QZV694" s="613"/>
      <c r="QZW694" s="613"/>
      <c r="QZX694" s="613"/>
      <c r="QZY694" s="613"/>
      <c r="QZZ694" s="613"/>
      <c r="RAA694" s="613"/>
      <c r="RAB694" s="613"/>
      <c r="RAC694" s="613"/>
      <c r="RAD694" s="613"/>
      <c r="RAE694" s="613"/>
      <c r="RAF694" s="613"/>
      <c r="RAG694" s="613"/>
      <c r="RAH694" s="613"/>
      <c r="RAI694" s="613"/>
      <c r="RAJ694" s="613"/>
      <c r="RAK694" s="613"/>
      <c r="RAL694" s="613"/>
      <c r="RAM694" s="613"/>
      <c r="RAN694" s="613"/>
      <c r="RAO694" s="613"/>
      <c r="RAP694" s="613"/>
      <c r="RAQ694" s="613"/>
      <c r="RAR694" s="613"/>
      <c r="RAS694" s="613"/>
      <c r="RAT694" s="613"/>
      <c r="RAU694" s="613"/>
      <c r="RAV694" s="613"/>
      <c r="RAW694" s="613"/>
      <c r="RAX694" s="613"/>
      <c r="RAY694" s="613"/>
      <c r="RAZ694" s="613"/>
      <c r="RBA694" s="613"/>
      <c r="RBB694" s="613"/>
      <c r="RBC694" s="613"/>
      <c r="RBD694" s="613"/>
      <c r="RBE694" s="613"/>
      <c r="RBF694" s="613"/>
      <c r="RBG694" s="613"/>
      <c r="RBH694" s="613"/>
      <c r="RBI694" s="613"/>
      <c r="RBJ694" s="613"/>
      <c r="RBK694" s="613"/>
      <c r="RBL694" s="613"/>
      <c r="RBM694" s="613"/>
      <c r="RBN694" s="613"/>
      <c r="RBO694" s="613"/>
      <c r="RBP694" s="613"/>
      <c r="RBQ694" s="613"/>
      <c r="RBR694" s="613"/>
      <c r="RBS694" s="613"/>
      <c r="RBT694" s="613"/>
      <c r="RBU694" s="613"/>
      <c r="RBV694" s="613"/>
      <c r="RBW694" s="613"/>
      <c r="RBX694" s="613"/>
      <c r="RBY694" s="613"/>
      <c r="RBZ694" s="613"/>
      <c r="RCA694" s="613"/>
      <c r="RCB694" s="613"/>
      <c r="RCC694" s="613"/>
      <c r="RCD694" s="613"/>
      <c r="RCE694" s="613"/>
      <c r="RCF694" s="613"/>
      <c r="RCG694" s="613"/>
      <c r="RCH694" s="613"/>
      <c r="RCI694" s="613"/>
      <c r="RCJ694" s="613"/>
      <c r="RCK694" s="613"/>
      <c r="RCL694" s="613"/>
      <c r="RCM694" s="613"/>
      <c r="RCN694" s="613"/>
      <c r="RCO694" s="613"/>
      <c r="RCP694" s="613"/>
      <c r="RCQ694" s="613"/>
      <c r="RCR694" s="613"/>
      <c r="RCS694" s="613"/>
      <c r="RCT694" s="613"/>
      <c r="RCU694" s="613"/>
      <c r="RCV694" s="613"/>
      <c r="RCW694" s="613"/>
      <c r="RCX694" s="613"/>
      <c r="RCY694" s="613"/>
      <c r="RCZ694" s="613"/>
      <c r="RDA694" s="613"/>
      <c r="RDB694" s="613"/>
      <c r="RDC694" s="613"/>
      <c r="RDD694" s="613"/>
      <c r="RDE694" s="613"/>
      <c r="RDF694" s="613"/>
      <c r="RDG694" s="613"/>
      <c r="RDH694" s="613"/>
      <c r="RDI694" s="613"/>
      <c r="RDJ694" s="613"/>
      <c r="RDK694" s="613"/>
      <c r="RDL694" s="613"/>
      <c r="RDM694" s="613"/>
      <c r="RDN694" s="613"/>
      <c r="RDO694" s="613"/>
      <c r="RDP694" s="613"/>
      <c r="RDQ694" s="613"/>
      <c r="RDR694" s="613"/>
      <c r="RDS694" s="613"/>
      <c r="RDT694" s="613"/>
      <c r="RDU694" s="613"/>
      <c r="RDV694" s="613"/>
      <c r="RDW694" s="613"/>
      <c r="RDX694" s="613"/>
      <c r="RDY694" s="613"/>
      <c r="RDZ694" s="613"/>
      <c r="REA694" s="613"/>
      <c r="REB694" s="613"/>
      <c r="REC694" s="613"/>
      <c r="RED694" s="613"/>
      <c r="REE694" s="613"/>
      <c r="REF694" s="613"/>
      <c r="REG694" s="613"/>
      <c r="REH694" s="613"/>
      <c r="REI694" s="613"/>
      <c r="REJ694" s="613"/>
      <c r="REK694" s="613"/>
      <c r="REL694" s="613"/>
      <c r="REM694" s="613"/>
      <c r="REN694" s="613"/>
      <c r="REO694" s="613"/>
      <c r="REP694" s="613"/>
      <c r="REQ694" s="613"/>
      <c r="RER694" s="613"/>
      <c r="RES694" s="613"/>
      <c r="RET694" s="613"/>
      <c r="REU694" s="613"/>
      <c r="REV694" s="613"/>
      <c r="REW694" s="613"/>
      <c r="REX694" s="613"/>
      <c r="REY694" s="613"/>
      <c r="REZ694" s="613"/>
      <c r="RFA694" s="613"/>
      <c r="RFB694" s="613"/>
      <c r="RFC694" s="613"/>
      <c r="RFD694" s="613"/>
      <c r="RFE694" s="613"/>
      <c r="RFF694" s="613"/>
      <c r="RFG694" s="613"/>
      <c r="RFH694" s="613"/>
      <c r="RFI694" s="613"/>
      <c r="RFJ694" s="613"/>
      <c r="RFK694" s="613"/>
      <c r="RFL694" s="613"/>
      <c r="RFM694" s="613"/>
      <c r="RFN694" s="613"/>
      <c r="RFO694" s="613"/>
      <c r="RFP694" s="613"/>
      <c r="RFQ694" s="613"/>
      <c r="RFR694" s="613"/>
      <c r="RFS694" s="613"/>
      <c r="RFT694" s="613"/>
      <c r="RFU694" s="613"/>
      <c r="RFV694" s="613"/>
      <c r="RFW694" s="613"/>
      <c r="RFX694" s="613"/>
      <c r="RFY694" s="613"/>
      <c r="RFZ694" s="613"/>
      <c r="RGA694" s="613"/>
      <c r="RGB694" s="613"/>
      <c r="RGC694" s="613"/>
      <c r="RGD694" s="613"/>
      <c r="RGE694" s="613"/>
      <c r="RGF694" s="613"/>
      <c r="RGG694" s="613"/>
      <c r="RGH694" s="613"/>
      <c r="RGI694" s="613"/>
      <c r="RGJ694" s="613"/>
      <c r="RGK694" s="613"/>
      <c r="RGL694" s="613"/>
      <c r="RGM694" s="613"/>
      <c r="RGN694" s="613"/>
      <c r="RGO694" s="613"/>
      <c r="RGP694" s="613"/>
      <c r="RGQ694" s="613"/>
      <c r="RGR694" s="613"/>
      <c r="RGS694" s="613"/>
      <c r="RGT694" s="613"/>
      <c r="RGU694" s="613"/>
      <c r="RGV694" s="613"/>
      <c r="RGW694" s="613"/>
      <c r="RGX694" s="613"/>
      <c r="RGY694" s="613"/>
      <c r="RGZ694" s="613"/>
      <c r="RHA694" s="613"/>
      <c r="RHB694" s="613"/>
      <c r="RHC694" s="613"/>
      <c r="RHD694" s="613"/>
      <c r="RHE694" s="613"/>
      <c r="RHF694" s="613"/>
      <c r="RHG694" s="613"/>
      <c r="RHH694" s="613"/>
      <c r="RHI694" s="613"/>
      <c r="RHJ694" s="613"/>
      <c r="RHK694" s="613"/>
      <c r="RHL694" s="613"/>
      <c r="RHM694" s="613"/>
      <c r="RHN694" s="613"/>
      <c r="RHO694" s="613"/>
      <c r="RHP694" s="613"/>
      <c r="RHQ694" s="613"/>
      <c r="RHR694" s="613"/>
      <c r="RHS694" s="613"/>
      <c r="RHT694" s="613"/>
      <c r="RHU694" s="613"/>
      <c r="RHV694" s="613"/>
      <c r="RHW694" s="613"/>
      <c r="RHX694" s="613"/>
      <c r="RHY694" s="613"/>
      <c r="RHZ694" s="613"/>
      <c r="RIA694" s="613"/>
      <c r="RIB694" s="613"/>
      <c r="RIC694" s="613"/>
      <c r="RID694" s="613"/>
      <c r="RIE694" s="613"/>
      <c r="RIF694" s="613"/>
      <c r="RIG694" s="613"/>
      <c r="RIH694" s="613"/>
      <c r="RII694" s="613"/>
      <c r="RIJ694" s="613"/>
      <c r="RIK694" s="613"/>
      <c r="RIL694" s="613"/>
      <c r="RIM694" s="613"/>
      <c r="RIN694" s="613"/>
      <c r="RIO694" s="613"/>
      <c r="RIP694" s="613"/>
      <c r="RIQ694" s="613"/>
      <c r="RIR694" s="613"/>
      <c r="RIS694" s="613"/>
      <c r="RIT694" s="613"/>
      <c r="RIU694" s="613"/>
      <c r="RIV694" s="613"/>
      <c r="RIW694" s="613"/>
      <c r="RIX694" s="613"/>
      <c r="RIY694" s="613"/>
      <c r="RIZ694" s="613"/>
      <c r="RJA694" s="613"/>
      <c r="RJB694" s="613"/>
      <c r="RJC694" s="613"/>
      <c r="RJD694" s="613"/>
      <c r="RJE694" s="613"/>
      <c r="RJF694" s="613"/>
      <c r="RJG694" s="613"/>
      <c r="RJH694" s="613"/>
      <c r="RJI694" s="613"/>
      <c r="RJJ694" s="613"/>
      <c r="RJK694" s="613"/>
      <c r="RJL694" s="613"/>
      <c r="RJM694" s="613"/>
      <c r="RJN694" s="613"/>
      <c r="RJO694" s="613"/>
      <c r="RJP694" s="613"/>
      <c r="RJQ694" s="613"/>
      <c r="RJR694" s="613"/>
      <c r="RJS694" s="613"/>
      <c r="RJT694" s="613"/>
      <c r="RJU694" s="613"/>
      <c r="RJV694" s="613"/>
      <c r="RJW694" s="613"/>
      <c r="RJX694" s="613"/>
      <c r="RJY694" s="613"/>
      <c r="RJZ694" s="613"/>
      <c r="RKA694" s="613"/>
      <c r="RKB694" s="613"/>
      <c r="RKC694" s="613"/>
      <c r="RKD694" s="613"/>
      <c r="RKE694" s="613"/>
      <c r="RKF694" s="613"/>
      <c r="RKG694" s="613"/>
      <c r="RKH694" s="613"/>
      <c r="RKI694" s="613"/>
      <c r="RKJ694" s="613"/>
      <c r="RKK694" s="613"/>
      <c r="RKL694" s="613"/>
      <c r="RKM694" s="613"/>
      <c r="RKN694" s="613"/>
      <c r="RKO694" s="613"/>
      <c r="RKP694" s="613"/>
      <c r="RKQ694" s="613"/>
      <c r="RKR694" s="613"/>
      <c r="RKS694" s="613"/>
      <c r="RKT694" s="613"/>
      <c r="RKU694" s="613"/>
      <c r="RKV694" s="613"/>
      <c r="RKW694" s="613"/>
      <c r="RKX694" s="613"/>
      <c r="RKY694" s="613"/>
      <c r="RKZ694" s="613"/>
      <c r="RLA694" s="613"/>
      <c r="RLB694" s="613"/>
      <c r="RLC694" s="613"/>
      <c r="RLD694" s="613"/>
      <c r="RLE694" s="613"/>
      <c r="RLF694" s="613"/>
      <c r="RLG694" s="613"/>
      <c r="RLH694" s="613"/>
      <c r="RLI694" s="613"/>
      <c r="RLJ694" s="613"/>
      <c r="RLK694" s="613"/>
      <c r="RLL694" s="613"/>
      <c r="RLM694" s="613"/>
      <c r="RLN694" s="613"/>
      <c r="RLO694" s="613"/>
      <c r="RLP694" s="613"/>
      <c r="RLQ694" s="613"/>
      <c r="RLR694" s="613"/>
      <c r="RLS694" s="613"/>
      <c r="RLT694" s="613"/>
      <c r="RLU694" s="613"/>
      <c r="RLV694" s="613"/>
      <c r="RLW694" s="613"/>
      <c r="RLX694" s="613"/>
      <c r="RLY694" s="613"/>
      <c r="RLZ694" s="613"/>
      <c r="RMA694" s="613"/>
      <c r="RMB694" s="613"/>
      <c r="RMC694" s="613"/>
      <c r="RMD694" s="613"/>
      <c r="RME694" s="613"/>
      <c r="RMF694" s="613"/>
      <c r="RMG694" s="613"/>
      <c r="RMH694" s="613"/>
      <c r="RMI694" s="613"/>
      <c r="RMJ694" s="613"/>
      <c r="RMK694" s="613"/>
      <c r="RML694" s="613"/>
      <c r="RMM694" s="613"/>
      <c r="RMN694" s="613"/>
      <c r="RMO694" s="613"/>
      <c r="RMP694" s="613"/>
      <c r="RMQ694" s="613"/>
      <c r="RMR694" s="613"/>
      <c r="RMS694" s="613"/>
      <c r="RMT694" s="613"/>
      <c r="RMU694" s="613"/>
      <c r="RMV694" s="613"/>
      <c r="RMW694" s="613"/>
      <c r="RMX694" s="613"/>
      <c r="RMY694" s="613"/>
      <c r="RMZ694" s="613"/>
      <c r="RNA694" s="613"/>
      <c r="RNB694" s="613"/>
      <c r="RNC694" s="613"/>
      <c r="RND694" s="613"/>
      <c r="RNE694" s="613"/>
      <c r="RNF694" s="613"/>
      <c r="RNG694" s="613"/>
      <c r="RNH694" s="613"/>
      <c r="RNI694" s="613"/>
      <c r="RNJ694" s="613"/>
      <c r="RNK694" s="613"/>
      <c r="RNL694" s="613"/>
      <c r="RNM694" s="613"/>
      <c r="RNN694" s="613"/>
      <c r="RNO694" s="613"/>
      <c r="RNP694" s="613"/>
      <c r="RNQ694" s="613"/>
      <c r="RNR694" s="613"/>
      <c r="RNS694" s="613"/>
      <c r="RNT694" s="613"/>
      <c r="RNU694" s="613"/>
      <c r="RNV694" s="613"/>
      <c r="RNW694" s="613"/>
      <c r="RNX694" s="613"/>
      <c r="RNY694" s="613"/>
      <c r="RNZ694" s="613"/>
      <c r="ROA694" s="613"/>
      <c r="ROB694" s="613"/>
      <c r="ROC694" s="613"/>
      <c r="ROD694" s="613"/>
      <c r="ROE694" s="613"/>
      <c r="ROF694" s="613"/>
      <c r="ROG694" s="613"/>
      <c r="ROH694" s="613"/>
      <c r="ROI694" s="613"/>
      <c r="ROJ694" s="613"/>
      <c r="ROK694" s="613"/>
      <c r="ROL694" s="613"/>
      <c r="ROM694" s="613"/>
      <c r="RON694" s="613"/>
      <c r="ROO694" s="613"/>
      <c r="ROP694" s="613"/>
      <c r="ROQ694" s="613"/>
      <c r="ROR694" s="613"/>
      <c r="ROS694" s="613"/>
      <c r="ROT694" s="613"/>
      <c r="ROU694" s="613"/>
      <c r="ROV694" s="613"/>
      <c r="ROW694" s="613"/>
      <c r="ROX694" s="613"/>
      <c r="ROY694" s="613"/>
      <c r="ROZ694" s="613"/>
      <c r="RPA694" s="613"/>
      <c r="RPB694" s="613"/>
      <c r="RPC694" s="613"/>
      <c r="RPD694" s="613"/>
      <c r="RPE694" s="613"/>
      <c r="RPF694" s="613"/>
      <c r="RPG694" s="613"/>
      <c r="RPH694" s="613"/>
      <c r="RPI694" s="613"/>
      <c r="RPJ694" s="613"/>
      <c r="RPK694" s="613"/>
      <c r="RPL694" s="613"/>
      <c r="RPM694" s="613"/>
      <c r="RPN694" s="613"/>
      <c r="RPO694" s="613"/>
      <c r="RPP694" s="613"/>
      <c r="RPQ694" s="613"/>
      <c r="RPR694" s="613"/>
      <c r="RPS694" s="613"/>
      <c r="RPT694" s="613"/>
      <c r="RPU694" s="613"/>
      <c r="RPV694" s="613"/>
      <c r="RPW694" s="613"/>
      <c r="RPX694" s="613"/>
      <c r="RPY694" s="613"/>
      <c r="RPZ694" s="613"/>
      <c r="RQA694" s="613"/>
      <c r="RQB694" s="613"/>
      <c r="RQC694" s="613"/>
      <c r="RQD694" s="613"/>
      <c r="RQE694" s="613"/>
      <c r="RQF694" s="613"/>
      <c r="RQG694" s="613"/>
      <c r="RQH694" s="613"/>
      <c r="RQI694" s="613"/>
      <c r="RQJ694" s="613"/>
      <c r="RQK694" s="613"/>
      <c r="RQL694" s="613"/>
      <c r="RQM694" s="613"/>
      <c r="RQN694" s="613"/>
      <c r="RQO694" s="613"/>
      <c r="RQP694" s="613"/>
      <c r="RQQ694" s="613"/>
      <c r="RQR694" s="613"/>
      <c r="RQS694" s="613"/>
      <c r="RQT694" s="613"/>
      <c r="RQU694" s="613"/>
      <c r="RQV694" s="613"/>
      <c r="RQW694" s="613"/>
      <c r="RQX694" s="613"/>
      <c r="RQY694" s="613"/>
      <c r="RQZ694" s="613"/>
      <c r="RRA694" s="613"/>
      <c r="RRB694" s="613"/>
      <c r="RRC694" s="613"/>
      <c r="RRD694" s="613"/>
      <c r="RRE694" s="613"/>
      <c r="RRF694" s="613"/>
      <c r="RRG694" s="613"/>
      <c r="RRH694" s="613"/>
      <c r="RRI694" s="613"/>
      <c r="RRJ694" s="613"/>
      <c r="RRK694" s="613"/>
      <c r="RRL694" s="613"/>
      <c r="RRM694" s="613"/>
      <c r="RRN694" s="613"/>
      <c r="RRO694" s="613"/>
      <c r="RRP694" s="613"/>
      <c r="RRQ694" s="613"/>
      <c r="RRR694" s="613"/>
      <c r="RRS694" s="613"/>
      <c r="RRT694" s="613"/>
      <c r="RRU694" s="613"/>
      <c r="RRV694" s="613"/>
      <c r="RRW694" s="613"/>
      <c r="RRX694" s="613"/>
      <c r="RRY694" s="613"/>
      <c r="RRZ694" s="613"/>
      <c r="RSA694" s="613"/>
      <c r="RSB694" s="613"/>
      <c r="RSC694" s="613"/>
      <c r="RSD694" s="613"/>
      <c r="RSE694" s="613"/>
      <c r="RSF694" s="613"/>
      <c r="RSG694" s="613"/>
      <c r="RSH694" s="613"/>
      <c r="RSI694" s="613"/>
      <c r="RSJ694" s="613"/>
      <c r="RSK694" s="613"/>
      <c r="RSL694" s="613"/>
      <c r="RSM694" s="613"/>
      <c r="RSN694" s="613"/>
      <c r="RSO694" s="613"/>
      <c r="RSP694" s="613"/>
      <c r="RSQ694" s="613"/>
      <c r="RSR694" s="613"/>
      <c r="RSS694" s="613"/>
      <c r="RST694" s="613"/>
      <c r="RSU694" s="613"/>
      <c r="RSV694" s="613"/>
      <c r="RSW694" s="613"/>
      <c r="RSX694" s="613"/>
      <c r="RSY694" s="613"/>
      <c r="RSZ694" s="613"/>
      <c r="RTA694" s="613"/>
      <c r="RTB694" s="613"/>
      <c r="RTC694" s="613"/>
      <c r="RTD694" s="613"/>
      <c r="RTE694" s="613"/>
      <c r="RTF694" s="613"/>
      <c r="RTG694" s="613"/>
      <c r="RTH694" s="613"/>
      <c r="RTI694" s="613"/>
      <c r="RTJ694" s="613"/>
      <c r="RTK694" s="613"/>
      <c r="RTL694" s="613"/>
      <c r="RTM694" s="613"/>
      <c r="RTN694" s="613"/>
      <c r="RTO694" s="613"/>
      <c r="RTP694" s="613"/>
      <c r="RTQ694" s="613"/>
      <c r="RTR694" s="613"/>
      <c r="RTS694" s="613"/>
      <c r="RTT694" s="613"/>
      <c r="RTU694" s="613"/>
      <c r="RTV694" s="613"/>
      <c r="RTW694" s="613"/>
      <c r="RTX694" s="613"/>
      <c r="RTY694" s="613"/>
      <c r="RTZ694" s="613"/>
      <c r="RUA694" s="613"/>
      <c r="RUB694" s="613"/>
      <c r="RUC694" s="613"/>
      <c r="RUD694" s="613"/>
      <c r="RUE694" s="613"/>
      <c r="RUF694" s="613"/>
      <c r="RUG694" s="613"/>
      <c r="RUH694" s="613"/>
      <c r="RUI694" s="613"/>
      <c r="RUJ694" s="613"/>
      <c r="RUK694" s="613"/>
      <c r="RUL694" s="613"/>
      <c r="RUM694" s="613"/>
      <c r="RUN694" s="613"/>
      <c r="RUO694" s="613"/>
      <c r="RUP694" s="613"/>
      <c r="RUQ694" s="613"/>
      <c r="RUR694" s="613"/>
      <c r="RUS694" s="613"/>
      <c r="RUT694" s="613"/>
      <c r="RUU694" s="613"/>
      <c r="RUV694" s="613"/>
      <c r="RUW694" s="613"/>
      <c r="RUX694" s="613"/>
      <c r="RUY694" s="613"/>
      <c r="RUZ694" s="613"/>
      <c r="RVA694" s="613"/>
      <c r="RVB694" s="613"/>
      <c r="RVC694" s="613"/>
      <c r="RVD694" s="613"/>
      <c r="RVE694" s="613"/>
      <c r="RVF694" s="613"/>
      <c r="RVG694" s="613"/>
      <c r="RVH694" s="613"/>
      <c r="RVI694" s="613"/>
      <c r="RVJ694" s="613"/>
      <c r="RVK694" s="613"/>
      <c r="RVL694" s="613"/>
      <c r="RVM694" s="613"/>
      <c r="RVN694" s="613"/>
      <c r="RVO694" s="613"/>
      <c r="RVP694" s="613"/>
      <c r="RVQ694" s="613"/>
      <c r="RVR694" s="613"/>
      <c r="RVS694" s="613"/>
      <c r="RVT694" s="613"/>
      <c r="RVU694" s="613"/>
      <c r="RVV694" s="613"/>
      <c r="RVW694" s="613"/>
      <c r="RVX694" s="613"/>
      <c r="RVY694" s="613"/>
      <c r="RVZ694" s="613"/>
      <c r="RWA694" s="613"/>
      <c r="RWB694" s="613"/>
      <c r="RWC694" s="613"/>
      <c r="RWD694" s="613"/>
      <c r="RWE694" s="613"/>
      <c r="RWF694" s="613"/>
      <c r="RWG694" s="613"/>
      <c r="RWH694" s="613"/>
      <c r="RWI694" s="613"/>
      <c r="RWJ694" s="613"/>
      <c r="RWK694" s="613"/>
      <c r="RWL694" s="613"/>
      <c r="RWM694" s="613"/>
      <c r="RWN694" s="613"/>
      <c r="RWO694" s="613"/>
      <c r="RWP694" s="613"/>
      <c r="RWQ694" s="613"/>
      <c r="RWR694" s="613"/>
      <c r="RWS694" s="613"/>
      <c r="RWT694" s="613"/>
      <c r="RWU694" s="613"/>
      <c r="RWV694" s="613"/>
      <c r="RWW694" s="613"/>
      <c r="RWX694" s="613"/>
      <c r="RWY694" s="613"/>
      <c r="RWZ694" s="613"/>
      <c r="RXA694" s="613"/>
      <c r="RXB694" s="613"/>
      <c r="RXC694" s="613"/>
      <c r="RXD694" s="613"/>
      <c r="RXE694" s="613"/>
      <c r="RXF694" s="613"/>
      <c r="RXG694" s="613"/>
      <c r="RXH694" s="613"/>
      <c r="RXI694" s="613"/>
      <c r="RXJ694" s="613"/>
      <c r="RXK694" s="613"/>
      <c r="RXL694" s="613"/>
      <c r="RXM694" s="613"/>
      <c r="RXN694" s="613"/>
      <c r="RXO694" s="613"/>
      <c r="RXP694" s="613"/>
      <c r="RXQ694" s="613"/>
      <c r="RXR694" s="613"/>
      <c r="RXS694" s="613"/>
      <c r="RXT694" s="613"/>
      <c r="RXU694" s="613"/>
      <c r="RXV694" s="613"/>
      <c r="RXW694" s="613"/>
      <c r="RXX694" s="613"/>
      <c r="RXY694" s="613"/>
      <c r="RXZ694" s="613"/>
      <c r="RYA694" s="613"/>
      <c r="RYB694" s="613"/>
      <c r="RYC694" s="613"/>
      <c r="RYD694" s="613"/>
      <c r="RYE694" s="613"/>
      <c r="RYF694" s="613"/>
      <c r="RYG694" s="613"/>
      <c r="RYH694" s="613"/>
      <c r="RYI694" s="613"/>
      <c r="RYJ694" s="613"/>
      <c r="RYK694" s="613"/>
      <c r="RYL694" s="613"/>
      <c r="RYM694" s="613"/>
      <c r="RYN694" s="613"/>
      <c r="RYO694" s="613"/>
      <c r="RYP694" s="613"/>
      <c r="RYQ694" s="613"/>
      <c r="RYR694" s="613"/>
      <c r="RYS694" s="613"/>
      <c r="RYT694" s="613"/>
      <c r="RYU694" s="613"/>
      <c r="RYV694" s="613"/>
      <c r="RYW694" s="613"/>
      <c r="RYX694" s="613"/>
      <c r="RYY694" s="613"/>
      <c r="RYZ694" s="613"/>
      <c r="RZA694" s="613"/>
      <c r="RZB694" s="613"/>
      <c r="RZC694" s="613"/>
      <c r="RZD694" s="613"/>
      <c r="RZE694" s="613"/>
      <c r="RZF694" s="613"/>
      <c r="RZG694" s="613"/>
      <c r="RZH694" s="613"/>
      <c r="RZI694" s="613"/>
      <c r="RZJ694" s="613"/>
      <c r="RZK694" s="613"/>
      <c r="RZL694" s="613"/>
      <c r="RZM694" s="613"/>
      <c r="RZN694" s="613"/>
      <c r="RZO694" s="613"/>
      <c r="RZP694" s="613"/>
      <c r="RZQ694" s="613"/>
      <c r="RZR694" s="613"/>
      <c r="RZS694" s="613"/>
      <c r="RZT694" s="613"/>
      <c r="RZU694" s="613"/>
      <c r="RZV694" s="613"/>
      <c r="RZW694" s="613"/>
      <c r="RZX694" s="613"/>
      <c r="RZY694" s="613"/>
      <c r="RZZ694" s="613"/>
      <c r="SAA694" s="613"/>
      <c r="SAB694" s="613"/>
      <c r="SAC694" s="613"/>
      <c r="SAD694" s="613"/>
      <c r="SAE694" s="613"/>
      <c r="SAF694" s="613"/>
      <c r="SAG694" s="613"/>
      <c r="SAH694" s="613"/>
      <c r="SAI694" s="613"/>
      <c r="SAJ694" s="613"/>
      <c r="SAK694" s="613"/>
      <c r="SAL694" s="613"/>
      <c r="SAM694" s="613"/>
      <c r="SAN694" s="613"/>
      <c r="SAO694" s="613"/>
      <c r="SAP694" s="613"/>
      <c r="SAQ694" s="613"/>
      <c r="SAR694" s="613"/>
      <c r="SAS694" s="613"/>
      <c r="SAT694" s="613"/>
      <c r="SAU694" s="613"/>
      <c r="SAV694" s="613"/>
      <c r="SAW694" s="613"/>
      <c r="SAX694" s="613"/>
      <c r="SAY694" s="613"/>
      <c r="SAZ694" s="613"/>
      <c r="SBA694" s="613"/>
      <c r="SBB694" s="613"/>
      <c r="SBC694" s="613"/>
      <c r="SBD694" s="613"/>
      <c r="SBE694" s="613"/>
      <c r="SBF694" s="613"/>
      <c r="SBG694" s="613"/>
      <c r="SBH694" s="613"/>
      <c r="SBI694" s="613"/>
      <c r="SBJ694" s="613"/>
      <c r="SBK694" s="613"/>
      <c r="SBL694" s="613"/>
      <c r="SBM694" s="613"/>
      <c r="SBN694" s="613"/>
      <c r="SBO694" s="613"/>
      <c r="SBP694" s="613"/>
      <c r="SBQ694" s="613"/>
      <c r="SBR694" s="613"/>
      <c r="SBS694" s="613"/>
      <c r="SBT694" s="613"/>
      <c r="SBU694" s="613"/>
      <c r="SBV694" s="613"/>
      <c r="SBW694" s="613"/>
      <c r="SBX694" s="613"/>
      <c r="SBY694" s="613"/>
      <c r="SBZ694" s="613"/>
      <c r="SCA694" s="613"/>
      <c r="SCB694" s="613"/>
      <c r="SCC694" s="613"/>
      <c r="SCD694" s="613"/>
      <c r="SCE694" s="613"/>
      <c r="SCF694" s="613"/>
      <c r="SCG694" s="613"/>
      <c r="SCH694" s="613"/>
      <c r="SCI694" s="613"/>
      <c r="SCJ694" s="613"/>
      <c r="SCK694" s="613"/>
      <c r="SCL694" s="613"/>
      <c r="SCM694" s="613"/>
      <c r="SCN694" s="613"/>
      <c r="SCO694" s="613"/>
      <c r="SCP694" s="613"/>
      <c r="SCQ694" s="613"/>
      <c r="SCR694" s="613"/>
      <c r="SCS694" s="613"/>
      <c r="SCT694" s="613"/>
      <c r="SCU694" s="613"/>
      <c r="SCV694" s="613"/>
      <c r="SCW694" s="613"/>
      <c r="SCX694" s="613"/>
      <c r="SCY694" s="613"/>
      <c r="SCZ694" s="613"/>
      <c r="SDA694" s="613"/>
      <c r="SDB694" s="613"/>
      <c r="SDC694" s="613"/>
      <c r="SDD694" s="613"/>
      <c r="SDE694" s="613"/>
      <c r="SDF694" s="613"/>
      <c r="SDG694" s="613"/>
      <c r="SDH694" s="613"/>
      <c r="SDI694" s="613"/>
      <c r="SDJ694" s="613"/>
      <c r="SDK694" s="613"/>
      <c r="SDL694" s="613"/>
      <c r="SDM694" s="613"/>
      <c r="SDN694" s="613"/>
      <c r="SDO694" s="613"/>
      <c r="SDP694" s="613"/>
      <c r="SDQ694" s="613"/>
      <c r="SDR694" s="613"/>
      <c r="SDS694" s="613"/>
      <c r="SDT694" s="613"/>
      <c r="SDU694" s="613"/>
      <c r="SDV694" s="613"/>
      <c r="SDW694" s="613"/>
      <c r="SDX694" s="613"/>
      <c r="SDY694" s="613"/>
      <c r="SDZ694" s="613"/>
      <c r="SEA694" s="613"/>
      <c r="SEB694" s="613"/>
      <c r="SEC694" s="613"/>
      <c r="SED694" s="613"/>
      <c r="SEE694" s="613"/>
      <c r="SEF694" s="613"/>
      <c r="SEG694" s="613"/>
      <c r="SEH694" s="613"/>
      <c r="SEI694" s="613"/>
      <c r="SEJ694" s="613"/>
      <c r="SEK694" s="613"/>
      <c r="SEL694" s="613"/>
      <c r="SEM694" s="613"/>
      <c r="SEN694" s="613"/>
      <c r="SEO694" s="613"/>
      <c r="SEP694" s="613"/>
      <c r="SEQ694" s="613"/>
      <c r="SER694" s="613"/>
      <c r="SES694" s="613"/>
      <c r="SET694" s="613"/>
      <c r="SEU694" s="613"/>
      <c r="SEV694" s="613"/>
      <c r="SEW694" s="613"/>
      <c r="SEX694" s="613"/>
      <c r="SEY694" s="613"/>
      <c r="SEZ694" s="613"/>
      <c r="SFA694" s="613"/>
      <c r="SFB694" s="613"/>
      <c r="SFC694" s="613"/>
      <c r="SFD694" s="613"/>
      <c r="SFE694" s="613"/>
      <c r="SFF694" s="613"/>
      <c r="SFG694" s="613"/>
      <c r="SFH694" s="613"/>
      <c r="SFI694" s="613"/>
      <c r="SFJ694" s="613"/>
      <c r="SFK694" s="613"/>
      <c r="SFL694" s="613"/>
      <c r="SFM694" s="613"/>
      <c r="SFN694" s="613"/>
      <c r="SFO694" s="613"/>
      <c r="SFP694" s="613"/>
      <c r="SFQ694" s="613"/>
      <c r="SFR694" s="613"/>
      <c r="SFS694" s="613"/>
      <c r="SFT694" s="613"/>
      <c r="SFU694" s="613"/>
      <c r="SFV694" s="613"/>
      <c r="SFW694" s="613"/>
      <c r="SFX694" s="613"/>
      <c r="SFY694" s="613"/>
      <c r="SFZ694" s="613"/>
      <c r="SGA694" s="613"/>
      <c r="SGB694" s="613"/>
      <c r="SGC694" s="613"/>
      <c r="SGD694" s="613"/>
      <c r="SGE694" s="613"/>
      <c r="SGF694" s="613"/>
      <c r="SGG694" s="613"/>
      <c r="SGH694" s="613"/>
      <c r="SGI694" s="613"/>
      <c r="SGJ694" s="613"/>
      <c r="SGK694" s="613"/>
      <c r="SGL694" s="613"/>
      <c r="SGM694" s="613"/>
      <c r="SGN694" s="613"/>
      <c r="SGO694" s="613"/>
      <c r="SGP694" s="613"/>
      <c r="SGQ694" s="613"/>
      <c r="SGR694" s="613"/>
      <c r="SGS694" s="613"/>
      <c r="SGT694" s="613"/>
      <c r="SGU694" s="613"/>
      <c r="SGV694" s="613"/>
      <c r="SGW694" s="613"/>
      <c r="SGX694" s="613"/>
      <c r="SGY694" s="613"/>
      <c r="SGZ694" s="613"/>
      <c r="SHA694" s="613"/>
      <c r="SHB694" s="613"/>
      <c r="SHC694" s="613"/>
      <c r="SHD694" s="613"/>
      <c r="SHE694" s="613"/>
      <c r="SHF694" s="613"/>
      <c r="SHG694" s="613"/>
      <c r="SHH694" s="613"/>
      <c r="SHI694" s="613"/>
      <c r="SHJ694" s="613"/>
      <c r="SHK694" s="613"/>
      <c r="SHL694" s="613"/>
      <c r="SHM694" s="613"/>
      <c r="SHN694" s="613"/>
      <c r="SHO694" s="613"/>
      <c r="SHP694" s="613"/>
      <c r="SHQ694" s="613"/>
      <c r="SHR694" s="613"/>
      <c r="SHS694" s="613"/>
      <c r="SHT694" s="613"/>
      <c r="SHU694" s="613"/>
      <c r="SHV694" s="613"/>
      <c r="SHW694" s="613"/>
      <c r="SHX694" s="613"/>
      <c r="SHY694" s="613"/>
      <c r="SHZ694" s="613"/>
      <c r="SIA694" s="613"/>
      <c r="SIB694" s="613"/>
      <c r="SIC694" s="613"/>
      <c r="SID694" s="613"/>
      <c r="SIE694" s="613"/>
      <c r="SIF694" s="613"/>
      <c r="SIG694" s="613"/>
      <c r="SIH694" s="613"/>
      <c r="SII694" s="613"/>
      <c r="SIJ694" s="613"/>
      <c r="SIK694" s="613"/>
      <c r="SIL694" s="613"/>
      <c r="SIM694" s="613"/>
      <c r="SIN694" s="613"/>
      <c r="SIO694" s="613"/>
      <c r="SIP694" s="613"/>
      <c r="SIQ694" s="613"/>
      <c r="SIR694" s="613"/>
      <c r="SIS694" s="613"/>
      <c r="SIT694" s="613"/>
      <c r="SIU694" s="613"/>
      <c r="SIV694" s="613"/>
      <c r="SIW694" s="613"/>
      <c r="SIX694" s="613"/>
      <c r="SIY694" s="613"/>
      <c r="SIZ694" s="613"/>
      <c r="SJA694" s="613"/>
      <c r="SJB694" s="613"/>
      <c r="SJC694" s="613"/>
      <c r="SJD694" s="613"/>
      <c r="SJE694" s="613"/>
      <c r="SJF694" s="613"/>
      <c r="SJG694" s="613"/>
      <c r="SJH694" s="613"/>
      <c r="SJI694" s="613"/>
      <c r="SJJ694" s="613"/>
      <c r="SJK694" s="613"/>
      <c r="SJL694" s="613"/>
      <c r="SJM694" s="613"/>
      <c r="SJN694" s="613"/>
      <c r="SJO694" s="613"/>
      <c r="SJP694" s="613"/>
      <c r="SJQ694" s="613"/>
      <c r="SJR694" s="613"/>
      <c r="SJS694" s="613"/>
      <c r="SJT694" s="613"/>
      <c r="SJU694" s="613"/>
      <c r="SJV694" s="613"/>
      <c r="SJW694" s="613"/>
      <c r="SJX694" s="613"/>
      <c r="SJY694" s="613"/>
      <c r="SJZ694" s="613"/>
      <c r="SKA694" s="613"/>
      <c r="SKB694" s="613"/>
      <c r="SKC694" s="613"/>
      <c r="SKD694" s="613"/>
      <c r="SKE694" s="613"/>
      <c r="SKF694" s="613"/>
      <c r="SKG694" s="613"/>
      <c r="SKH694" s="613"/>
      <c r="SKI694" s="613"/>
      <c r="SKJ694" s="613"/>
      <c r="SKK694" s="613"/>
      <c r="SKL694" s="613"/>
      <c r="SKM694" s="613"/>
      <c r="SKN694" s="613"/>
      <c r="SKO694" s="613"/>
      <c r="SKP694" s="613"/>
      <c r="SKQ694" s="613"/>
      <c r="SKR694" s="613"/>
      <c r="SKS694" s="613"/>
      <c r="SKT694" s="613"/>
      <c r="SKU694" s="613"/>
      <c r="SKV694" s="613"/>
      <c r="SKW694" s="613"/>
      <c r="SKX694" s="613"/>
      <c r="SKY694" s="613"/>
      <c r="SKZ694" s="613"/>
      <c r="SLA694" s="613"/>
      <c r="SLB694" s="613"/>
      <c r="SLC694" s="613"/>
      <c r="SLD694" s="613"/>
      <c r="SLE694" s="613"/>
      <c r="SLF694" s="613"/>
      <c r="SLG694" s="613"/>
      <c r="SLH694" s="613"/>
      <c r="SLI694" s="613"/>
      <c r="SLJ694" s="613"/>
      <c r="SLK694" s="613"/>
      <c r="SLL694" s="613"/>
      <c r="SLM694" s="613"/>
      <c r="SLN694" s="613"/>
      <c r="SLO694" s="613"/>
      <c r="SLP694" s="613"/>
      <c r="SLQ694" s="613"/>
      <c r="SLR694" s="613"/>
      <c r="SLS694" s="613"/>
      <c r="SLT694" s="613"/>
      <c r="SLU694" s="613"/>
      <c r="SLV694" s="613"/>
      <c r="SLW694" s="613"/>
      <c r="SLX694" s="613"/>
      <c r="SLY694" s="613"/>
      <c r="SLZ694" s="613"/>
      <c r="SMA694" s="613"/>
      <c r="SMB694" s="613"/>
      <c r="SMC694" s="613"/>
      <c r="SMD694" s="613"/>
      <c r="SME694" s="613"/>
      <c r="SMF694" s="613"/>
      <c r="SMG694" s="613"/>
      <c r="SMH694" s="613"/>
      <c r="SMI694" s="613"/>
      <c r="SMJ694" s="613"/>
      <c r="SMK694" s="613"/>
      <c r="SML694" s="613"/>
      <c r="SMM694" s="613"/>
      <c r="SMN694" s="613"/>
      <c r="SMO694" s="613"/>
      <c r="SMP694" s="613"/>
      <c r="SMQ694" s="613"/>
      <c r="SMR694" s="613"/>
      <c r="SMS694" s="613"/>
      <c r="SMT694" s="613"/>
      <c r="SMU694" s="613"/>
      <c r="SMV694" s="613"/>
      <c r="SMW694" s="613"/>
      <c r="SMX694" s="613"/>
      <c r="SMY694" s="613"/>
      <c r="SMZ694" s="613"/>
      <c r="SNA694" s="613"/>
      <c r="SNB694" s="613"/>
      <c r="SNC694" s="613"/>
      <c r="SND694" s="613"/>
      <c r="SNE694" s="613"/>
      <c r="SNF694" s="613"/>
      <c r="SNG694" s="613"/>
      <c r="SNH694" s="613"/>
      <c r="SNI694" s="613"/>
      <c r="SNJ694" s="613"/>
      <c r="SNK694" s="613"/>
      <c r="SNL694" s="613"/>
      <c r="SNM694" s="613"/>
      <c r="SNN694" s="613"/>
      <c r="SNO694" s="613"/>
      <c r="SNP694" s="613"/>
      <c r="SNQ694" s="613"/>
      <c r="SNR694" s="613"/>
      <c r="SNS694" s="613"/>
      <c r="SNT694" s="613"/>
      <c r="SNU694" s="613"/>
      <c r="SNV694" s="613"/>
      <c r="SNW694" s="613"/>
      <c r="SNX694" s="613"/>
      <c r="SNY694" s="613"/>
      <c r="SNZ694" s="613"/>
      <c r="SOA694" s="613"/>
      <c r="SOB694" s="613"/>
      <c r="SOC694" s="613"/>
      <c r="SOD694" s="613"/>
      <c r="SOE694" s="613"/>
      <c r="SOF694" s="613"/>
      <c r="SOG694" s="613"/>
      <c r="SOH694" s="613"/>
      <c r="SOI694" s="613"/>
      <c r="SOJ694" s="613"/>
      <c r="SOK694" s="613"/>
      <c r="SOL694" s="613"/>
      <c r="SOM694" s="613"/>
      <c r="SON694" s="613"/>
      <c r="SOO694" s="613"/>
      <c r="SOP694" s="613"/>
      <c r="SOQ694" s="613"/>
      <c r="SOR694" s="613"/>
      <c r="SOS694" s="613"/>
      <c r="SOT694" s="613"/>
      <c r="SOU694" s="613"/>
      <c r="SOV694" s="613"/>
      <c r="SOW694" s="613"/>
      <c r="SOX694" s="613"/>
      <c r="SOY694" s="613"/>
      <c r="SOZ694" s="613"/>
      <c r="SPA694" s="613"/>
      <c r="SPB694" s="613"/>
      <c r="SPC694" s="613"/>
      <c r="SPD694" s="613"/>
      <c r="SPE694" s="613"/>
      <c r="SPF694" s="613"/>
      <c r="SPG694" s="613"/>
      <c r="SPH694" s="613"/>
      <c r="SPI694" s="613"/>
      <c r="SPJ694" s="613"/>
      <c r="SPK694" s="613"/>
      <c r="SPL694" s="613"/>
      <c r="SPM694" s="613"/>
      <c r="SPN694" s="613"/>
      <c r="SPO694" s="613"/>
      <c r="SPP694" s="613"/>
      <c r="SPQ694" s="613"/>
      <c r="SPR694" s="613"/>
      <c r="SPS694" s="613"/>
      <c r="SPT694" s="613"/>
      <c r="SPU694" s="613"/>
      <c r="SPV694" s="613"/>
      <c r="SPW694" s="613"/>
      <c r="SPX694" s="613"/>
      <c r="SPY694" s="613"/>
      <c r="SPZ694" s="613"/>
      <c r="SQA694" s="613"/>
      <c r="SQB694" s="613"/>
      <c r="SQC694" s="613"/>
      <c r="SQD694" s="613"/>
      <c r="SQE694" s="613"/>
      <c r="SQF694" s="613"/>
      <c r="SQG694" s="613"/>
      <c r="SQH694" s="613"/>
      <c r="SQI694" s="613"/>
      <c r="SQJ694" s="613"/>
      <c r="SQK694" s="613"/>
      <c r="SQL694" s="613"/>
      <c r="SQM694" s="613"/>
      <c r="SQN694" s="613"/>
      <c r="SQO694" s="613"/>
      <c r="SQP694" s="613"/>
      <c r="SQQ694" s="613"/>
      <c r="SQR694" s="613"/>
      <c r="SQS694" s="613"/>
      <c r="SQT694" s="613"/>
      <c r="SQU694" s="613"/>
      <c r="SQV694" s="613"/>
      <c r="SQW694" s="613"/>
      <c r="SQX694" s="613"/>
      <c r="SQY694" s="613"/>
      <c r="SQZ694" s="613"/>
      <c r="SRA694" s="613"/>
      <c r="SRB694" s="613"/>
      <c r="SRC694" s="613"/>
      <c r="SRD694" s="613"/>
      <c r="SRE694" s="613"/>
      <c r="SRF694" s="613"/>
      <c r="SRG694" s="613"/>
      <c r="SRH694" s="613"/>
      <c r="SRI694" s="613"/>
      <c r="SRJ694" s="613"/>
      <c r="SRK694" s="613"/>
      <c r="SRL694" s="613"/>
      <c r="SRM694" s="613"/>
      <c r="SRN694" s="613"/>
      <c r="SRO694" s="613"/>
      <c r="SRP694" s="613"/>
      <c r="SRQ694" s="613"/>
      <c r="SRR694" s="613"/>
      <c r="SRS694" s="613"/>
      <c r="SRT694" s="613"/>
      <c r="SRU694" s="613"/>
      <c r="SRV694" s="613"/>
      <c r="SRW694" s="613"/>
      <c r="SRX694" s="613"/>
      <c r="SRY694" s="613"/>
      <c r="SRZ694" s="613"/>
      <c r="SSA694" s="613"/>
      <c r="SSB694" s="613"/>
      <c r="SSC694" s="613"/>
      <c r="SSD694" s="613"/>
      <c r="SSE694" s="613"/>
      <c r="SSF694" s="613"/>
      <c r="SSG694" s="613"/>
      <c r="SSH694" s="613"/>
      <c r="SSI694" s="613"/>
      <c r="SSJ694" s="613"/>
      <c r="SSK694" s="613"/>
      <c r="SSL694" s="613"/>
      <c r="SSM694" s="613"/>
      <c r="SSN694" s="613"/>
      <c r="SSO694" s="613"/>
      <c r="SSP694" s="613"/>
      <c r="SSQ694" s="613"/>
      <c r="SSR694" s="613"/>
      <c r="SSS694" s="613"/>
      <c r="SST694" s="613"/>
      <c r="SSU694" s="613"/>
      <c r="SSV694" s="613"/>
      <c r="SSW694" s="613"/>
      <c r="SSX694" s="613"/>
      <c r="SSY694" s="613"/>
      <c r="SSZ694" s="613"/>
      <c r="STA694" s="613"/>
      <c r="STB694" s="613"/>
      <c r="STC694" s="613"/>
      <c r="STD694" s="613"/>
      <c r="STE694" s="613"/>
      <c r="STF694" s="613"/>
      <c r="STG694" s="613"/>
      <c r="STH694" s="613"/>
      <c r="STI694" s="613"/>
      <c r="STJ694" s="613"/>
      <c r="STK694" s="613"/>
      <c r="STL694" s="613"/>
      <c r="STM694" s="613"/>
      <c r="STN694" s="613"/>
      <c r="STO694" s="613"/>
      <c r="STP694" s="613"/>
      <c r="STQ694" s="613"/>
      <c r="STR694" s="613"/>
      <c r="STS694" s="613"/>
      <c r="STT694" s="613"/>
      <c r="STU694" s="613"/>
      <c r="STV694" s="613"/>
      <c r="STW694" s="613"/>
      <c r="STX694" s="613"/>
      <c r="STY694" s="613"/>
      <c r="STZ694" s="613"/>
      <c r="SUA694" s="613"/>
      <c r="SUB694" s="613"/>
      <c r="SUC694" s="613"/>
      <c r="SUD694" s="613"/>
      <c r="SUE694" s="613"/>
      <c r="SUF694" s="613"/>
      <c r="SUG694" s="613"/>
      <c r="SUH694" s="613"/>
      <c r="SUI694" s="613"/>
      <c r="SUJ694" s="613"/>
      <c r="SUK694" s="613"/>
      <c r="SUL694" s="613"/>
      <c r="SUM694" s="613"/>
      <c r="SUN694" s="613"/>
      <c r="SUO694" s="613"/>
      <c r="SUP694" s="613"/>
      <c r="SUQ694" s="613"/>
      <c r="SUR694" s="613"/>
      <c r="SUS694" s="613"/>
      <c r="SUT694" s="613"/>
      <c r="SUU694" s="613"/>
      <c r="SUV694" s="613"/>
      <c r="SUW694" s="613"/>
      <c r="SUX694" s="613"/>
      <c r="SUY694" s="613"/>
      <c r="SUZ694" s="613"/>
      <c r="SVA694" s="613"/>
      <c r="SVB694" s="613"/>
      <c r="SVC694" s="613"/>
      <c r="SVD694" s="613"/>
      <c r="SVE694" s="613"/>
      <c r="SVF694" s="613"/>
      <c r="SVG694" s="613"/>
      <c r="SVH694" s="613"/>
      <c r="SVI694" s="613"/>
      <c r="SVJ694" s="613"/>
      <c r="SVK694" s="613"/>
      <c r="SVL694" s="613"/>
      <c r="SVM694" s="613"/>
      <c r="SVN694" s="613"/>
      <c r="SVO694" s="613"/>
      <c r="SVP694" s="613"/>
      <c r="SVQ694" s="613"/>
      <c r="SVR694" s="613"/>
      <c r="SVS694" s="613"/>
      <c r="SVT694" s="613"/>
      <c r="SVU694" s="613"/>
      <c r="SVV694" s="613"/>
      <c r="SVW694" s="613"/>
      <c r="SVX694" s="613"/>
      <c r="SVY694" s="613"/>
      <c r="SVZ694" s="613"/>
      <c r="SWA694" s="613"/>
      <c r="SWB694" s="613"/>
      <c r="SWC694" s="613"/>
      <c r="SWD694" s="613"/>
      <c r="SWE694" s="613"/>
      <c r="SWF694" s="613"/>
      <c r="SWG694" s="613"/>
      <c r="SWH694" s="613"/>
      <c r="SWI694" s="613"/>
      <c r="SWJ694" s="613"/>
      <c r="SWK694" s="613"/>
      <c r="SWL694" s="613"/>
      <c r="SWM694" s="613"/>
      <c r="SWN694" s="613"/>
      <c r="SWO694" s="613"/>
      <c r="SWP694" s="613"/>
      <c r="SWQ694" s="613"/>
      <c r="SWR694" s="613"/>
      <c r="SWS694" s="613"/>
      <c r="SWT694" s="613"/>
      <c r="SWU694" s="613"/>
      <c r="SWV694" s="613"/>
      <c r="SWW694" s="613"/>
      <c r="SWX694" s="613"/>
      <c r="SWY694" s="613"/>
      <c r="SWZ694" s="613"/>
      <c r="SXA694" s="613"/>
      <c r="SXB694" s="613"/>
      <c r="SXC694" s="613"/>
      <c r="SXD694" s="613"/>
      <c r="SXE694" s="613"/>
      <c r="SXF694" s="613"/>
      <c r="SXG694" s="613"/>
      <c r="SXH694" s="613"/>
      <c r="SXI694" s="613"/>
      <c r="SXJ694" s="613"/>
      <c r="SXK694" s="613"/>
      <c r="SXL694" s="613"/>
      <c r="SXM694" s="613"/>
      <c r="SXN694" s="613"/>
      <c r="SXO694" s="613"/>
      <c r="SXP694" s="613"/>
      <c r="SXQ694" s="613"/>
      <c r="SXR694" s="613"/>
      <c r="SXS694" s="613"/>
      <c r="SXT694" s="613"/>
      <c r="SXU694" s="613"/>
      <c r="SXV694" s="613"/>
      <c r="SXW694" s="613"/>
      <c r="SXX694" s="613"/>
      <c r="SXY694" s="613"/>
      <c r="SXZ694" s="613"/>
      <c r="SYA694" s="613"/>
      <c r="SYB694" s="613"/>
      <c r="SYC694" s="613"/>
      <c r="SYD694" s="613"/>
      <c r="SYE694" s="613"/>
      <c r="SYF694" s="613"/>
      <c r="SYG694" s="613"/>
      <c r="SYH694" s="613"/>
      <c r="SYI694" s="613"/>
      <c r="SYJ694" s="613"/>
      <c r="SYK694" s="613"/>
      <c r="SYL694" s="613"/>
      <c r="SYM694" s="613"/>
      <c r="SYN694" s="613"/>
      <c r="SYO694" s="613"/>
      <c r="SYP694" s="613"/>
      <c r="SYQ694" s="613"/>
      <c r="SYR694" s="613"/>
      <c r="SYS694" s="613"/>
      <c r="SYT694" s="613"/>
      <c r="SYU694" s="613"/>
      <c r="SYV694" s="613"/>
      <c r="SYW694" s="613"/>
      <c r="SYX694" s="613"/>
      <c r="SYY694" s="613"/>
      <c r="SYZ694" s="613"/>
      <c r="SZA694" s="613"/>
      <c r="SZB694" s="613"/>
      <c r="SZC694" s="613"/>
      <c r="SZD694" s="613"/>
      <c r="SZE694" s="613"/>
      <c r="SZF694" s="613"/>
      <c r="SZG694" s="613"/>
      <c r="SZH694" s="613"/>
      <c r="SZI694" s="613"/>
      <c r="SZJ694" s="613"/>
      <c r="SZK694" s="613"/>
      <c r="SZL694" s="613"/>
      <c r="SZM694" s="613"/>
      <c r="SZN694" s="613"/>
      <c r="SZO694" s="613"/>
      <c r="SZP694" s="613"/>
      <c r="SZQ694" s="613"/>
      <c r="SZR694" s="613"/>
      <c r="SZS694" s="613"/>
      <c r="SZT694" s="613"/>
      <c r="SZU694" s="613"/>
      <c r="SZV694" s="613"/>
      <c r="SZW694" s="613"/>
      <c r="SZX694" s="613"/>
      <c r="SZY694" s="613"/>
      <c r="SZZ694" s="613"/>
      <c r="TAA694" s="613"/>
      <c r="TAB694" s="613"/>
      <c r="TAC694" s="613"/>
      <c r="TAD694" s="613"/>
      <c r="TAE694" s="613"/>
      <c r="TAF694" s="613"/>
      <c r="TAG694" s="613"/>
      <c r="TAH694" s="613"/>
      <c r="TAI694" s="613"/>
      <c r="TAJ694" s="613"/>
      <c r="TAK694" s="613"/>
      <c r="TAL694" s="613"/>
      <c r="TAM694" s="613"/>
      <c r="TAN694" s="613"/>
      <c r="TAO694" s="613"/>
      <c r="TAP694" s="613"/>
      <c r="TAQ694" s="613"/>
      <c r="TAR694" s="613"/>
      <c r="TAS694" s="613"/>
      <c r="TAT694" s="613"/>
      <c r="TAU694" s="613"/>
      <c r="TAV694" s="613"/>
      <c r="TAW694" s="613"/>
      <c r="TAX694" s="613"/>
      <c r="TAY694" s="613"/>
      <c r="TAZ694" s="613"/>
      <c r="TBA694" s="613"/>
      <c r="TBB694" s="613"/>
      <c r="TBC694" s="613"/>
      <c r="TBD694" s="613"/>
      <c r="TBE694" s="613"/>
      <c r="TBF694" s="613"/>
      <c r="TBG694" s="613"/>
      <c r="TBH694" s="613"/>
      <c r="TBI694" s="613"/>
      <c r="TBJ694" s="613"/>
      <c r="TBK694" s="613"/>
      <c r="TBL694" s="613"/>
      <c r="TBM694" s="613"/>
      <c r="TBN694" s="613"/>
      <c r="TBO694" s="613"/>
      <c r="TBP694" s="613"/>
      <c r="TBQ694" s="613"/>
      <c r="TBR694" s="613"/>
      <c r="TBS694" s="613"/>
      <c r="TBT694" s="613"/>
      <c r="TBU694" s="613"/>
      <c r="TBV694" s="613"/>
      <c r="TBW694" s="613"/>
      <c r="TBX694" s="613"/>
      <c r="TBY694" s="613"/>
      <c r="TBZ694" s="613"/>
      <c r="TCA694" s="613"/>
      <c r="TCB694" s="613"/>
      <c r="TCC694" s="613"/>
      <c r="TCD694" s="613"/>
      <c r="TCE694" s="613"/>
      <c r="TCF694" s="613"/>
      <c r="TCG694" s="613"/>
      <c r="TCH694" s="613"/>
      <c r="TCI694" s="613"/>
      <c r="TCJ694" s="613"/>
      <c r="TCK694" s="613"/>
      <c r="TCL694" s="613"/>
      <c r="TCM694" s="613"/>
      <c r="TCN694" s="613"/>
      <c r="TCO694" s="613"/>
      <c r="TCP694" s="613"/>
      <c r="TCQ694" s="613"/>
      <c r="TCR694" s="613"/>
      <c r="TCS694" s="613"/>
      <c r="TCT694" s="613"/>
      <c r="TCU694" s="613"/>
      <c r="TCV694" s="613"/>
      <c r="TCW694" s="613"/>
      <c r="TCX694" s="613"/>
      <c r="TCY694" s="613"/>
      <c r="TCZ694" s="613"/>
      <c r="TDA694" s="613"/>
      <c r="TDB694" s="613"/>
      <c r="TDC694" s="613"/>
      <c r="TDD694" s="613"/>
      <c r="TDE694" s="613"/>
      <c r="TDF694" s="613"/>
      <c r="TDG694" s="613"/>
      <c r="TDH694" s="613"/>
      <c r="TDI694" s="613"/>
      <c r="TDJ694" s="613"/>
      <c r="TDK694" s="613"/>
      <c r="TDL694" s="613"/>
      <c r="TDM694" s="613"/>
      <c r="TDN694" s="613"/>
      <c r="TDO694" s="613"/>
      <c r="TDP694" s="613"/>
      <c r="TDQ694" s="613"/>
      <c r="TDR694" s="613"/>
      <c r="TDS694" s="613"/>
      <c r="TDT694" s="613"/>
      <c r="TDU694" s="613"/>
      <c r="TDV694" s="613"/>
      <c r="TDW694" s="613"/>
      <c r="TDX694" s="613"/>
      <c r="TDY694" s="613"/>
      <c r="TDZ694" s="613"/>
      <c r="TEA694" s="613"/>
      <c r="TEB694" s="613"/>
      <c r="TEC694" s="613"/>
      <c r="TED694" s="613"/>
      <c r="TEE694" s="613"/>
      <c r="TEF694" s="613"/>
      <c r="TEG694" s="613"/>
      <c r="TEH694" s="613"/>
      <c r="TEI694" s="613"/>
      <c r="TEJ694" s="613"/>
      <c r="TEK694" s="613"/>
      <c r="TEL694" s="613"/>
      <c r="TEM694" s="613"/>
      <c r="TEN694" s="613"/>
      <c r="TEO694" s="613"/>
      <c r="TEP694" s="613"/>
      <c r="TEQ694" s="613"/>
      <c r="TER694" s="613"/>
      <c r="TES694" s="613"/>
      <c r="TET694" s="613"/>
      <c r="TEU694" s="613"/>
      <c r="TEV694" s="613"/>
      <c r="TEW694" s="613"/>
      <c r="TEX694" s="613"/>
      <c r="TEY694" s="613"/>
      <c r="TEZ694" s="613"/>
      <c r="TFA694" s="613"/>
      <c r="TFB694" s="613"/>
      <c r="TFC694" s="613"/>
      <c r="TFD694" s="613"/>
      <c r="TFE694" s="613"/>
      <c r="TFF694" s="613"/>
      <c r="TFG694" s="613"/>
      <c r="TFH694" s="613"/>
      <c r="TFI694" s="613"/>
      <c r="TFJ694" s="613"/>
      <c r="TFK694" s="613"/>
      <c r="TFL694" s="613"/>
      <c r="TFM694" s="613"/>
      <c r="TFN694" s="613"/>
      <c r="TFO694" s="613"/>
      <c r="TFP694" s="613"/>
      <c r="TFQ694" s="613"/>
      <c r="TFR694" s="613"/>
      <c r="TFS694" s="613"/>
      <c r="TFT694" s="613"/>
      <c r="TFU694" s="613"/>
      <c r="TFV694" s="613"/>
      <c r="TFW694" s="613"/>
      <c r="TFX694" s="613"/>
      <c r="TFY694" s="613"/>
      <c r="TFZ694" s="613"/>
      <c r="TGA694" s="613"/>
      <c r="TGB694" s="613"/>
      <c r="TGC694" s="613"/>
      <c r="TGD694" s="613"/>
      <c r="TGE694" s="613"/>
      <c r="TGF694" s="613"/>
      <c r="TGG694" s="613"/>
      <c r="TGH694" s="613"/>
      <c r="TGI694" s="613"/>
      <c r="TGJ694" s="613"/>
      <c r="TGK694" s="613"/>
      <c r="TGL694" s="613"/>
      <c r="TGM694" s="613"/>
      <c r="TGN694" s="613"/>
      <c r="TGO694" s="613"/>
      <c r="TGP694" s="613"/>
      <c r="TGQ694" s="613"/>
      <c r="TGR694" s="613"/>
      <c r="TGS694" s="613"/>
      <c r="TGT694" s="613"/>
      <c r="TGU694" s="613"/>
      <c r="TGV694" s="613"/>
      <c r="TGW694" s="613"/>
      <c r="TGX694" s="613"/>
      <c r="TGY694" s="613"/>
      <c r="TGZ694" s="613"/>
      <c r="THA694" s="613"/>
      <c r="THB694" s="613"/>
      <c r="THC694" s="613"/>
      <c r="THD694" s="613"/>
      <c r="THE694" s="613"/>
      <c r="THF694" s="613"/>
      <c r="THG694" s="613"/>
      <c r="THH694" s="613"/>
      <c r="THI694" s="613"/>
      <c r="THJ694" s="613"/>
      <c r="THK694" s="613"/>
      <c r="THL694" s="613"/>
      <c r="THM694" s="613"/>
      <c r="THN694" s="613"/>
      <c r="THO694" s="613"/>
      <c r="THP694" s="613"/>
      <c r="THQ694" s="613"/>
      <c r="THR694" s="613"/>
      <c r="THS694" s="613"/>
      <c r="THT694" s="613"/>
      <c r="THU694" s="613"/>
      <c r="THV694" s="613"/>
      <c r="THW694" s="613"/>
      <c r="THX694" s="613"/>
      <c r="THY694" s="613"/>
      <c r="THZ694" s="613"/>
      <c r="TIA694" s="613"/>
      <c r="TIB694" s="613"/>
      <c r="TIC694" s="613"/>
      <c r="TID694" s="613"/>
      <c r="TIE694" s="613"/>
      <c r="TIF694" s="613"/>
      <c r="TIG694" s="613"/>
      <c r="TIH694" s="613"/>
      <c r="TII694" s="613"/>
      <c r="TIJ694" s="613"/>
      <c r="TIK694" s="613"/>
      <c r="TIL694" s="613"/>
      <c r="TIM694" s="613"/>
      <c r="TIN694" s="613"/>
      <c r="TIO694" s="613"/>
      <c r="TIP694" s="613"/>
      <c r="TIQ694" s="613"/>
      <c r="TIR694" s="613"/>
      <c r="TIS694" s="613"/>
      <c r="TIT694" s="613"/>
      <c r="TIU694" s="613"/>
      <c r="TIV694" s="613"/>
      <c r="TIW694" s="613"/>
      <c r="TIX694" s="613"/>
      <c r="TIY694" s="613"/>
      <c r="TIZ694" s="613"/>
      <c r="TJA694" s="613"/>
      <c r="TJB694" s="613"/>
      <c r="TJC694" s="613"/>
      <c r="TJD694" s="613"/>
      <c r="TJE694" s="613"/>
      <c r="TJF694" s="613"/>
      <c r="TJG694" s="613"/>
      <c r="TJH694" s="613"/>
      <c r="TJI694" s="613"/>
      <c r="TJJ694" s="613"/>
      <c r="TJK694" s="613"/>
      <c r="TJL694" s="613"/>
      <c r="TJM694" s="613"/>
      <c r="TJN694" s="613"/>
      <c r="TJO694" s="613"/>
      <c r="TJP694" s="613"/>
      <c r="TJQ694" s="613"/>
      <c r="TJR694" s="613"/>
      <c r="TJS694" s="613"/>
      <c r="TJT694" s="613"/>
      <c r="TJU694" s="613"/>
      <c r="TJV694" s="613"/>
      <c r="TJW694" s="613"/>
      <c r="TJX694" s="613"/>
      <c r="TJY694" s="613"/>
      <c r="TJZ694" s="613"/>
      <c r="TKA694" s="613"/>
      <c r="TKB694" s="613"/>
      <c r="TKC694" s="613"/>
      <c r="TKD694" s="613"/>
      <c r="TKE694" s="613"/>
      <c r="TKF694" s="613"/>
      <c r="TKG694" s="613"/>
      <c r="TKH694" s="613"/>
      <c r="TKI694" s="613"/>
      <c r="TKJ694" s="613"/>
      <c r="TKK694" s="613"/>
      <c r="TKL694" s="613"/>
      <c r="TKM694" s="613"/>
      <c r="TKN694" s="613"/>
      <c r="TKO694" s="613"/>
      <c r="TKP694" s="613"/>
      <c r="TKQ694" s="613"/>
      <c r="TKR694" s="613"/>
      <c r="TKS694" s="613"/>
      <c r="TKT694" s="613"/>
      <c r="TKU694" s="613"/>
      <c r="TKV694" s="613"/>
      <c r="TKW694" s="613"/>
      <c r="TKX694" s="613"/>
      <c r="TKY694" s="613"/>
      <c r="TKZ694" s="613"/>
      <c r="TLA694" s="613"/>
      <c r="TLB694" s="613"/>
      <c r="TLC694" s="613"/>
      <c r="TLD694" s="613"/>
      <c r="TLE694" s="613"/>
      <c r="TLF694" s="613"/>
      <c r="TLG694" s="613"/>
      <c r="TLH694" s="613"/>
      <c r="TLI694" s="613"/>
      <c r="TLJ694" s="613"/>
      <c r="TLK694" s="613"/>
      <c r="TLL694" s="613"/>
      <c r="TLM694" s="613"/>
      <c r="TLN694" s="613"/>
      <c r="TLO694" s="613"/>
      <c r="TLP694" s="613"/>
      <c r="TLQ694" s="613"/>
      <c r="TLR694" s="613"/>
      <c r="TLS694" s="613"/>
      <c r="TLT694" s="613"/>
      <c r="TLU694" s="613"/>
      <c r="TLV694" s="613"/>
      <c r="TLW694" s="613"/>
      <c r="TLX694" s="613"/>
      <c r="TLY694" s="613"/>
      <c r="TLZ694" s="613"/>
      <c r="TMA694" s="613"/>
      <c r="TMB694" s="613"/>
      <c r="TMC694" s="613"/>
      <c r="TMD694" s="613"/>
      <c r="TME694" s="613"/>
      <c r="TMF694" s="613"/>
      <c r="TMG694" s="613"/>
      <c r="TMH694" s="613"/>
      <c r="TMI694" s="613"/>
      <c r="TMJ694" s="613"/>
      <c r="TMK694" s="613"/>
      <c r="TML694" s="613"/>
      <c r="TMM694" s="613"/>
      <c r="TMN694" s="613"/>
      <c r="TMO694" s="613"/>
      <c r="TMP694" s="613"/>
      <c r="TMQ694" s="613"/>
      <c r="TMR694" s="613"/>
      <c r="TMS694" s="613"/>
      <c r="TMT694" s="613"/>
      <c r="TMU694" s="613"/>
      <c r="TMV694" s="613"/>
      <c r="TMW694" s="613"/>
      <c r="TMX694" s="613"/>
      <c r="TMY694" s="613"/>
      <c r="TMZ694" s="613"/>
      <c r="TNA694" s="613"/>
      <c r="TNB694" s="613"/>
      <c r="TNC694" s="613"/>
      <c r="TND694" s="613"/>
      <c r="TNE694" s="613"/>
      <c r="TNF694" s="613"/>
      <c r="TNG694" s="613"/>
      <c r="TNH694" s="613"/>
      <c r="TNI694" s="613"/>
      <c r="TNJ694" s="613"/>
      <c r="TNK694" s="613"/>
      <c r="TNL694" s="613"/>
      <c r="TNM694" s="613"/>
      <c r="TNN694" s="613"/>
      <c r="TNO694" s="613"/>
      <c r="TNP694" s="613"/>
      <c r="TNQ694" s="613"/>
      <c r="TNR694" s="613"/>
      <c r="TNS694" s="613"/>
      <c r="TNT694" s="613"/>
      <c r="TNU694" s="613"/>
      <c r="TNV694" s="613"/>
      <c r="TNW694" s="613"/>
      <c r="TNX694" s="613"/>
      <c r="TNY694" s="613"/>
      <c r="TNZ694" s="613"/>
      <c r="TOA694" s="613"/>
      <c r="TOB694" s="613"/>
      <c r="TOC694" s="613"/>
      <c r="TOD694" s="613"/>
      <c r="TOE694" s="613"/>
      <c r="TOF694" s="613"/>
      <c r="TOG694" s="613"/>
      <c r="TOH694" s="613"/>
      <c r="TOI694" s="613"/>
      <c r="TOJ694" s="613"/>
      <c r="TOK694" s="613"/>
      <c r="TOL694" s="613"/>
      <c r="TOM694" s="613"/>
      <c r="TON694" s="613"/>
      <c r="TOO694" s="613"/>
      <c r="TOP694" s="613"/>
      <c r="TOQ694" s="613"/>
      <c r="TOR694" s="613"/>
      <c r="TOS694" s="613"/>
      <c r="TOT694" s="613"/>
      <c r="TOU694" s="613"/>
      <c r="TOV694" s="613"/>
      <c r="TOW694" s="613"/>
      <c r="TOX694" s="613"/>
      <c r="TOY694" s="613"/>
      <c r="TOZ694" s="613"/>
      <c r="TPA694" s="613"/>
      <c r="TPB694" s="613"/>
      <c r="TPC694" s="613"/>
      <c r="TPD694" s="613"/>
      <c r="TPE694" s="613"/>
      <c r="TPF694" s="613"/>
      <c r="TPG694" s="613"/>
      <c r="TPH694" s="613"/>
      <c r="TPI694" s="613"/>
      <c r="TPJ694" s="613"/>
      <c r="TPK694" s="613"/>
      <c r="TPL694" s="613"/>
      <c r="TPM694" s="613"/>
      <c r="TPN694" s="613"/>
      <c r="TPO694" s="613"/>
      <c r="TPP694" s="613"/>
      <c r="TPQ694" s="613"/>
      <c r="TPR694" s="613"/>
      <c r="TPS694" s="613"/>
      <c r="TPT694" s="613"/>
      <c r="TPU694" s="613"/>
      <c r="TPV694" s="613"/>
      <c r="TPW694" s="613"/>
      <c r="TPX694" s="613"/>
      <c r="TPY694" s="613"/>
      <c r="TPZ694" s="613"/>
      <c r="TQA694" s="613"/>
      <c r="TQB694" s="613"/>
      <c r="TQC694" s="613"/>
      <c r="TQD694" s="613"/>
      <c r="TQE694" s="613"/>
      <c r="TQF694" s="613"/>
      <c r="TQG694" s="613"/>
      <c r="TQH694" s="613"/>
      <c r="TQI694" s="613"/>
      <c r="TQJ694" s="613"/>
      <c r="TQK694" s="613"/>
      <c r="TQL694" s="613"/>
      <c r="TQM694" s="613"/>
      <c r="TQN694" s="613"/>
      <c r="TQO694" s="613"/>
      <c r="TQP694" s="613"/>
      <c r="TQQ694" s="613"/>
      <c r="TQR694" s="613"/>
      <c r="TQS694" s="613"/>
      <c r="TQT694" s="613"/>
      <c r="TQU694" s="613"/>
      <c r="TQV694" s="613"/>
      <c r="TQW694" s="613"/>
      <c r="TQX694" s="613"/>
      <c r="TQY694" s="613"/>
      <c r="TQZ694" s="613"/>
      <c r="TRA694" s="613"/>
      <c r="TRB694" s="613"/>
      <c r="TRC694" s="613"/>
      <c r="TRD694" s="613"/>
      <c r="TRE694" s="613"/>
      <c r="TRF694" s="613"/>
      <c r="TRG694" s="613"/>
      <c r="TRH694" s="613"/>
      <c r="TRI694" s="613"/>
      <c r="TRJ694" s="613"/>
      <c r="TRK694" s="613"/>
      <c r="TRL694" s="613"/>
      <c r="TRM694" s="613"/>
      <c r="TRN694" s="613"/>
      <c r="TRO694" s="613"/>
      <c r="TRP694" s="613"/>
      <c r="TRQ694" s="613"/>
      <c r="TRR694" s="613"/>
      <c r="TRS694" s="613"/>
      <c r="TRT694" s="613"/>
      <c r="TRU694" s="613"/>
      <c r="TRV694" s="613"/>
      <c r="TRW694" s="613"/>
      <c r="TRX694" s="613"/>
      <c r="TRY694" s="613"/>
      <c r="TRZ694" s="613"/>
      <c r="TSA694" s="613"/>
      <c r="TSB694" s="613"/>
      <c r="TSC694" s="613"/>
      <c r="TSD694" s="613"/>
      <c r="TSE694" s="613"/>
      <c r="TSF694" s="613"/>
      <c r="TSG694" s="613"/>
      <c r="TSH694" s="613"/>
      <c r="TSI694" s="613"/>
      <c r="TSJ694" s="613"/>
      <c r="TSK694" s="613"/>
      <c r="TSL694" s="613"/>
      <c r="TSM694" s="613"/>
      <c r="TSN694" s="613"/>
      <c r="TSO694" s="613"/>
      <c r="TSP694" s="613"/>
      <c r="TSQ694" s="613"/>
      <c r="TSR694" s="613"/>
      <c r="TSS694" s="613"/>
      <c r="TST694" s="613"/>
      <c r="TSU694" s="613"/>
      <c r="TSV694" s="613"/>
      <c r="TSW694" s="613"/>
      <c r="TSX694" s="613"/>
      <c r="TSY694" s="613"/>
      <c r="TSZ694" s="613"/>
      <c r="TTA694" s="613"/>
      <c r="TTB694" s="613"/>
      <c r="TTC694" s="613"/>
      <c r="TTD694" s="613"/>
      <c r="TTE694" s="613"/>
      <c r="TTF694" s="613"/>
      <c r="TTG694" s="613"/>
      <c r="TTH694" s="613"/>
      <c r="TTI694" s="613"/>
      <c r="TTJ694" s="613"/>
      <c r="TTK694" s="613"/>
      <c r="TTL694" s="613"/>
      <c r="TTM694" s="613"/>
      <c r="TTN694" s="613"/>
      <c r="TTO694" s="613"/>
      <c r="TTP694" s="613"/>
      <c r="TTQ694" s="613"/>
      <c r="TTR694" s="613"/>
      <c r="TTS694" s="613"/>
      <c r="TTT694" s="613"/>
      <c r="TTU694" s="613"/>
      <c r="TTV694" s="613"/>
      <c r="TTW694" s="613"/>
      <c r="TTX694" s="613"/>
      <c r="TTY694" s="613"/>
      <c r="TTZ694" s="613"/>
      <c r="TUA694" s="613"/>
      <c r="TUB694" s="613"/>
      <c r="TUC694" s="613"/>
      <c r="TUD694" s="613"/>
      <c r="TUE694" s="613"/>
      <c r="TUF694" s="613"/>
      <c r="TUG694" s="613"/>
      <c r="TUH694" s="613"/>
      <c r="TUI694" s="613"/>
      <c r="TUJ694" s="613"/>
      <c r="TUK694" s="613"/>
      <c r="TUL694" s="613"/>
      <c r="TUM694" s="613"/>
      <c r="TUN694" s="613"/>
      <c r="TUO694" s="613"/>
      <c r="TUP694" s="613"/>
      <c r="TUQ694" s="613"/>
      <c r="TUR694" s="613"/>
      <c r="TUS694" s="613"/>
      <c r="TUT694" s="613"/>
      <c r="TUU694" s="613"/>
      <c r="TUV694" s="613"/>
      <c r="TUW694" s="613"/>
      <c r="TUX694" s="613"/>
      <c r="TUY694" s="613"/>
      <c r="TUZ694" s="613"/>
      <c r="TVA694" s="613"/>
      <c r="TVB694" s="613"/>
      <c r="TVC694" s="613"/>
      <c r="TVD694" s="613"/>
      <c r="TVE694" s="613"/>
      <c r="TVF694" s="613"/>
      <c r="TVG694" s="613"/>
      <c r="TVH694" s="613"/>
      <c r="TVI694" s="613"/>
      <c r="TVJ694" s="613"/>
      <c r="TVK694" s="613"/>
      <c r="TVL694" s="613"/>
      <c r="TVM694" s="613"/>
      <c r="TVN694" s="613"/>
      <c r="TVO694" s="613"/>
      <c r="TVP694" s="613"/>
      <c r="TVQ694" s="613"/>
      <c r="TVR694" s="613"/>
      <c r="TVS694" s="613"/>
      <c r="TVT694" s="613"/>
      <c r="TVU694" s="613"/>
      <c r="TVV694" s="613"/>
      <c r="TVW694" s="613"/>
      <c r="TVX694" s="613"/>
      <c r="TVY694" s="613"/>
      <c r="TVZ694" s="613"/>
      <c r="TWA694" s="613"/>
      <c r="TWB694" s="613"/>
      <c r="TWC694" s="613"/>
      <c r="TWD694" s="613"/>
      <c r="TWE694" s="613"/>
      <c r="TWF694" s="613"/>
      <c r="TWG694" s="613"/>
      <c r="TWH694" s="613"/>
      <c r="TWI694" s="613"/>
      <c r="TWJ694" s="613"/>
      <c r="TWK694" s="613"/>
      <c r="TWL694" s="613"/>
      <c r="TWM694" s="613"/>
      <c r="TWN694" s="613"/>
      <c r="TWO694" s="613"/>
      <c r="TWP694" s="613"/>
      <c r="TWQ694" s="613"/>
      <c r="TWR694" s="613"/>
      <c r="TWS694" s="613"/>
      <c r="TWT694" s="613"/>
      <c r="TWU694" s="613"/>
      <c r="TWV694" s="613"/>
      <c r="TWW694" s="613"/>
      <c r="TWX694" s="613"/>
      <c r="TWY694" s="613"/>
      <c r="TWZ694" s="613"/>
      <c r="TXA694" s="613"/>
      <c r="TXB694" s="613"/>
      <c r="TXC694" s="613"/>
      <c r="TXD694" s="613"/>
      <c r="TXE694" s="613"/>
      <c r="TXF694" s="613"/>
      <c r="TXG694" s="613"/>
      <c r="TXH694" s="613"/>
      <c r="TXI694" s="613"/>
      <c r="TXJ694" s="613"/>
      <c r="TXK694" s="613"/>
      <c r="TXL694" s="613"/>
      <c r="TXM694" s="613"/>
      <c r="TXN694" s="613"/>
      <c r="TXO694" s="613"/>
      <c r="TXP694" s="613"/>
      <c r="TXQ694" s="613"/>
      <c r="TXR694" s="613"/>
      <c r="TXS694" s="613"/>
      <c r="TXT694" s="613"/>
      <c r="TXU694" s="613"/>
      <c r="TXV694" s="613"/>
      <c r="TXW694" s="613"/>
      <c r="TXX694" s="613"/>
      <c r="TXY694" s="613"/>
      <c r="TXZ694" s="613"/>
      <c r="TYA694" s="613"/>
      <c r="TYB694" s="613"/>
      <c r="TYC694" s="613"/>
      <c r="TYD694" s="613"/>
      <c r="TYE694" s="613"/>
      <c r="TYF694" s="613"/>
      <c r="TYG694" s="613"/>
      <c r="TYH694" s="613"/>
      <c r="TYI694" s="613"/>
      <c r="TYJ694" s="613"/>
      <c r="TYK694" s="613"/>
      <c r="TYL694" s="613"/>
      <c r="TYM694" s="613"/>
      <c r="TYN694" s="613"/>
      <c r="TYO694" s="613"/>
      <c r="TYP694" s="613"/>
      <c r="TYQ694" s="613"/>
      <c r="TYR694" s="613"/>
      <c r="TYS694" s="613"/>
      <c r="TYT694" s="613"/>
      <c r="TYU694" s="613"/>
      <c r="TYV694" s="613"/>
      <c r="TYW694" s="613"/>
      <c r="TYX694" s="613"/>
      <c r="TYY694" s="613"/>
      <c r="TYZ694" s="613"/>
      <c r="TZA694" s="613"/>
      <c r="TZB694" s="613"/>
      <c r="TZC694" s="613"/>
      <c r="TZD694" s="613"/>
      <c r="TZE694" s="613"/>
      <c r="TZF694" s="613"/>
      <c r="TZG694" s="613"/>
      <c r="TZH694" s="613"/>
      <c r="TZI694" s="613"/>
      <c r="TZJ694" s="613"/>
      <c r="TZK694" s="613"/>
      <c r="TZL694" s="613"/>
      <c r="TZM694" s="613"/>
      <c r="TZN694" s="613"/>
      <c r="TZO694" s="613"/>
      <c r="TZP694" s="613"/>
      <c r="TZQ694" s="613"/>
      <c r="TZR694" s="613"/>
      <c r="TZS694" s="613"/>
      <c r="TZT694" s="613"/>
      <c r="TZU694" s="613"/>
      <c r="TZV694" s="613"/>
      <c r="TZW694" s="613"/>
      <c r="TZX694" s="613"/>
      <c r="TZY694" s="613"/>
      <c r="TZZ694" s="613"/>
      <c r="UAA694" s="613"/>
      <c r="UAB694" s="613"/>
      <c r="UAC694" s="613"/>
      <c r="UAD694" s="613"/>
      <c r="UAE694" s="613"/>
      <c r="UAF694" s="613"/>
      <c r="UAG694" s="613"/>
      <c r="UAH694" s="613"/>
      <c r="UAI694" s="613"/>
      <c r="UAJ694" s="613"/>
      <c r="UAK694" s="613"/>
      <c r="UAL694" s="613"/>
      <c r="UAM694" s="613"/>
      <c r="UAN694" s="613"/>
      <c r="UAO694" s="613"/>
      <c r="UAP694" s="613"/>
      <c r="UAQ694" s="613"/>
      <c r="UAR694" s="613"/>
      <c r="UAS694" s="613"/>
      <c r="UAT694" s="613"/>
      <c r="UAU694" s="613"/>
      <c r="UAV694" s="613"/>
      <c r="UAW694" s="613"/>
      <c r="UAX694" s="613"/>
      <c r="UAY694" s="613"/>
      <c r="UAZ694" s="613"/>
      <c r="UBA694" s="613"/>
      <c r="UBB694" s="613"/>
      <c r="UBC694" s="613"/>
      <c r="UBD694" s="613"/>
      <c r="UBE694" s="613"/>
      <c r="UBF694" s="613"/>
      <c r="UBG694" s="613"/>
      <c r="UBH694" s="613"/>
      <c r="UBI694" s="613"/>
      <c r="UBJ694" s="613"/>
      <c r="UBK694" s="613"/>
      <c r="UBL694" s="613"/>
      <c r="UBM694" s="613"/>
      <c r="UBN694" s="613"/>
      <c r="UBO694" s="613"/>
      <c r="UBP694" s="613"/>
      <c r="UBQ694" s="613"/>
      <c r="UBR694" s="613"/>
      <c r="UBS694" s="613"/>
      <c r="UBT694" s="613"/>
      <c r="UBU694" s="613"/>
      <c r="UBV694" s="613"/>
      <c r="UBW694" s="613"/>
      <c r="UBX694" s="613"/>
      <c r="UBY694" s="613"/>
      <c r="UBZ694" s="613"/>
      <c r="UCA694" s="613"/>
      <c r="UCB694" s="613"/>
      <c r="UCC694" s="613"/>
      <c r="UCD694" s="613"/>
      <c r="UCE694" s="613"/>
      <c r="UCF694" s="613"/>
      <c r="UCG694" s="613"/>
      <c r="UCH694" s="613"/>
      <c r="UCI694" s="613"/>
      <c r="UCJ694" s="613"/>
      <c r="UCK694" s="613"/>
      <c r="UCL694" s="613"/>
      <c r="UCM694" s="613"/>
      <c r="UCN694" s="613"/>
      <c r="UCO694" s="613"/>
      <c r="UCP694" s="613"/>
      <c r="UCQ694" s="613"/>
      <c r="UCR694" s="613"/>
      <c r="UCS694" s="613"/>
      <c r="UCT694" s="613"/>
      <c r="UCU694" s="613"/>
      <c r="UCV694" s="613"/>
      <c r="UCW694" s="613"/>
      <c r="UCX694" s="613"/>
      <c r="UCY694" s="613"/>
      <c r="UCZ694" s="613"/>
      <c r="UDA694" s="613"/>
      <c r="UDB694" s="613"/>
      <c r="UDC694" s="613"/>
      <c r="UDD694" s="613"/>
      <c r="UDE694" s="613"/>
      <c r="UDF694" s="613"/>
      <c r="UDG694" s="613"/>
      <c r="UDH694" s="613"/>
      <c r="UDI694" s="613"/>
      <c r="UDJ694" s="613"/>
      <c r="UDK694" s="613"/>
      <c r="UDL694" s="613"/>
      <c r="UDM694" s="613"/>
      <c r="UDN694" s="613"/>
      <c r="UDO694" s="613"/>
      <c r="UDP694" s="613"/>
      <c r="UDQ694" s="613"/>
      <c r="UDR694" s="613"/>
      <c r="UDS694" s="613"/>
      <c r="UDT694" s="613"/>
      <c r="UDU694" s="613"/>
      <c r="UDV694" s="613"/>
      <c r="UDW694" s="613"/>
      <c r="UDX694" s="613"/>
      <c r="UDY694" s="613"/>
      <c r="UDZ694" s="613"/>
      <c r="UEA694" s="613"/>
      <c r="UEB694" s="613"/>
      <c r="UEC694" s="613"/>
      <c r="UED694" s="613"/>
      <c r="UEE694" s="613"/>
      <c r="UEF694" s="613"/>
      <c r="UEG694" s="613"/>
      <c r="UEH694" s="613"/>
      <c r="UEI694" s="613"/>
      <c r="UEJ694" s="613"/>
      <c r="UEK694" s="613"/>
      <c r="UEL694" s="613"/>
      <c r="UEM694" s="613"/>
      <c r="UEN694" s="613"/>
      <c r="UEO694" s="613"/>
      <c r="UEP694" s="613"/>
      <c r="UEQ694" s="613"/>
      <c r="UER694" s="613"/>
      <c r="UES694" s="613"/>
      <c r="UET694" s="613"/>
      <c r="UEU694" s="613"/>
      <c r="UEV694" s="613"/>
      <c r="UEW694" s="613"/>
      <c r="UEX694" s="613"/>
      <c r="UEY694" s="613"/>
      <c r="UEZ694" s="613"/>
      <c r="UFA694" s="613"/>
      <c r="UFB694" s="613"/>
      <c r="UFC694" s="613"/>
      <c r="UFD694" s="613"/>
      <c r="UFE694" s="613"/>
      <c r="UFF694" s="613"/>
      <c r="UFG694" s="613"/>
      <c r="UFH694" s="613"/>
      <c r="UFI694" s="613"/>
      <c r="UFJ694" s="613"/>
      <c r="UFK694" s="613"/>
      <c r="UFL694" s="613"/>
      <c r="UFM694" s="613"/>
      <c r="UFN694" s="613"/>
      <c r="UFO694" s="613"/>
      <c r="UFP694" s="613"/>
      <c r="UFQ694" s="613"/>
      <c r="UFR694" s="613"/>
      <c r="UFS694" s="613"/>
      <c r="UFT694" s="613"/>
      <c r="UFU694" s="613"/>
      <c r="UFV694" s="613"/>
      <c r="UFW694" s="613"/>
      <c r="UFX694" s="613"/>
      <c r="UFY694" s="613"/>
      <c r="UFZ694" s="613"/>
      <c r="UGA694" s="613"/>
      <c r="UGB694" s="613"/>
      <c r="UGC694" s="613"/>
      <c r="UGD694" s="613"/>
      <c r="UGE694" s="613"/>
      <c r="UGF694" s="613"/>
      <c r="UGG694" s="613"/>
      <c r="UGH694" s="613"/>
      <c r="UGI694" s="613"/>
      <c r="UGJ694" s="613"/>
      <c r="UGK694" s="613"/>
      <c r="UGL694" s="613"/>
      <c r="UGM694" s="613"/>
      <c r="UGN694" s="613"/>
      <c r="UGO694" s="613"/>
      <c r="UGP694" s="613"/>
      <c r="UGQ694" s="613"/>
      <c r="UGR694" s="613"/>
      <c r="UGS694" s="613"/>
      <c r="UGT694" s="613"/>
      <c r="UGU694" s="613"/>
      <c r="UGV694" s="613"/>
      <c r="UGW694" s="613"/>
      <c r="UGX694" s="613"/>
      <c r="UGY694" s="613"/>
      <c r="UGZ694" s="613"/>
      <c r="UHA694" s="613"/>
      <c r="UHB694" s="613"/>
      <c r="UHC694" s="613"/>
      <c r="UHD694" s="613"/>
      <c r="UHE694" s="613"/>
      <c r="UHF694" s="613"/>
      <c r="UHG694" s="613"/>
      <c r="UHH694" s="613"/>
      <c r="UHI694" s="613"/>
      <c r="UHJ694" s="613"/>
      <c r="UHK694" s="613"/>
      <c r="UHL694" s="613"/>
      <c r="UHM694" s="613"/>
      <c r="UHN694" s="613"/>
      <c r="UHO694" s="613"/>
      <c r="UHP694" s="613"/>
      <c r="UHQ694" s="613"/>
      <c r="UHR694" s="613"/>
      <c r="UHS694" s="613"/>
      <c r="UHT694" s="613"/>
      <c r="UHU694" s="613"/>
      <c r="UHV694" s="613"/>
      <c r="UHW694" s="613"/>
      <c r="UHX694" s="613"/>
      <c r="UHY694" s="613"/>
      <c r="UHZ694" s="613"/>
      <c r="UIA694" s="613"/>
      <c r="UIB694" s="613"/>
      <c r="UIC694" s="613"/>
      <c r="UID694" s="613"/>
      <c r="UIE694" s="613"/>
      <c r="UIF694" s="613"/>
      <c r="UIG694" s="613"/>
      <c r="UIH694" s="613"/>
      <c r="UII694" s="613"/>
      <c r="UIJ694" s="613"/>
      <c r="UIK694" s="613"/>
      <c r="UIL694" s="613"/>
      <c r="UIM694" s="613"/>
      <c r="UIN694" s="613"/>
      <c r="UIO694" s="613"/>
      <c r="UIP694" s="613"/>
      <c r="UIQ694" s="613"/>
      <c r="UIR694" s="613"/>
      <c r="UIS694" s="613"/>
      <c r="UIT694" s="613"/>
      <c r="UIU694" s="613"/>
      <c r="UIV694" s="613"/>
      <c r="UIW694" s="613"/>
      <c r="UIX694" s="613"/>
      <c r="UIY694" s="613"/>
      <c r="UIZ694" s="613"/>
      <c r="UJA694" s="613"/>
      <c r="UJB694" s="613"/>
      <c r="UJC694" s="613"/>
      <c r="UJD694" s="613"/>
      <c r="UJE694" s="613"/>
      <c r="UJF694" s="613"/>
      <c r="UJG694" s="613"/>
      <c r="UJH694" s="613"/>
      <c r="UJI694" s="613"/>
      <c r="UJJ694" s="613"/>
      <c r="UJK694" s="613"/>
      <c r="UJL694" s="613"/>
      <c r="UJM694" s="613"/>
      <c r="UJN694" s="613"/>
      <c r="UJO694" s="613"/>
      <c r="UJP694" s="613"/>
      <c r="UJQ694" s="613"/>
      <c r="UJR694" s="613"/>
      <c r="UJS694" s="613"/>
      <c r="UJT694" s="613"/>
      <c r="UJU694" s="613"/>
      <c r="UJV694" s="613"/>
      <c r="UJW694" s="613"/>
      <c r="UJX694" s="613"/>
      <c r="UJY694" s="613"/>
      <c r="UJZ694" s="613"/>
      <c r="UKA694" s="613"/>
      <c r="UKB694" s="613"/>
      <c r="UKC694" s="613"/>
      <c r="UKD694" s="613"/>
      <c r="UKE694" s="613"/>
      <c r="UKF694" s="613"/>
      <c r="UKG694" s="613"/>
      <c r="UKH694" s="613"/>
      <c r="UKI694" s="613"/>
      <c r="UKJ694" s="613"/>
      <c r="UKK694" s="613"/>
      <c r="UKL694" s="613"/>
      <c r="UKM694" s="613"/>
      <c r="UKN694" s="613"/>
      <c r="UKO694" s="613"/>
      <c r="UKP694" s="613"/>
      <c r="UKQ694" s="613"/>
      <c r="UKR694" s="613"/>
      <c r="UKS694" s="613"/>
      <c r="UKT694" s="613"/>
      <c r="UKU694" s="613"/>
      <c r="UKV694" s="613"/>
      <c r="UKW694" s="613"/>
      <c r="UKX694" s="613"/>
      <c r="UKY694" s="613"/>
      <c r="UKZ694" s="613"/>
      <c r="ULA694" s="613"/>
      <c r="ULB694" s="613"/>
      <c r="ULC694" s="613"/>
      <c r="ULD694" s="613"/>
      <c r="ULE694" s="613"/>
      <c r="ULF694" s="613"/>
      <c r="ULG694" s="613"/>
      <c r="ULH694" s="613"/>
      <c r="ULI694" s="613"/>
      <c r="ULJ694" s="613"/>
      <c r="ULK694" s="613"/>
      <c r="ULL694" s="613"/>
      <c r="ULM694" s="613"/>
      <c r="ULN694" s="613"/>
      <c r="ULO694" s="613"/>
      <c r="ULP694" s="613"/>
      <c r="ULQ694" s="613"/>
      <c r="ULR694" s="613"/>
      <c r="ULS694" s="613"/>
      <c r="ULT694" s="613"/>
      <c r="ULU694" s="613"/>
      <c r="ULV694" s="613"/>
      <c r="ULW694" s="613"/>
      <c r="ULX694" s="613"/>
      <c r="ULY694" s="613"/>
      <c r="ULZ694" s="613"/>
      <c r="UMA694" s="613"/>
      <c r="UMB694" s="613"/>
      <c r="UMC694" s="613"/>
      <c r="UMD694" s="613"/>
      <c r="UME694" s="613"/>
      <c r="UMF694" s="613"/>
      <c r="UMG694" s="613"/>
      <c r="UMH694" s="613"/>
      <c r="UMI694" s="613"/>
      <c r="UMJ694" s="613"/>
      <c r="UMK694" s="613"/>
      <c r="UML694" s="613"/>
      <c r="UMM694" s="613"/>
      <c r="UMN694" s="613"/>
      <c r="UMO694" s="613"/>
      <c r="UMP694" s="613"/>
      <c r="UMQ694" s="613"/>
      <c r="UMR694" s="613"/>
      <c r="UMS694" s="613"/>
      <c r="UMT694" s="613"/>
      <c r="UMU694" s="613"/>
      <c r="UMV694" s="613"/>
      <c r="UMW694" s="613"/>
      <c r="UMX694" s="613"/>
      <c r="UMY694" s="613"/>
      <c r="UMZ694" s="613"/>
      <c r="UNA694" s="613"/>
      <c r="UNB694" s="613"/>
      <c r="UNC694" s="613"/>
      <c r="UND694" s="613"/>
      <c r="UNE694" s="613"/>
      <c r="UNF694" s="613"/>
      <c r="UNG694" s="613"/>
      <c r="UNH694" s="613"/>
      <c r="UNI694" s="613"/>
      <c r="UNJ694" s="613"/>
      <c r="UNK694" s="613"/>
      <c r="UNL694" s="613"/>
      <c r="UNM694" s="613"/>
      <c r="UNN694" s="613"/>
      <c r="UNO694" s="613"/>
      <c r="UNP694" s="613"/>
      <c r="UNQ694" s="613"/>
      <c r="UNR694" s="613"/>
      <c r="UNS694" s="613"/>
      <c r="UNT694" s="613"/>
      <c r="UNU694" s="613"/>
      <c r="UNV694" s="613"/>
      <c r="UNW694" s="613"/>
      <c r="UNX694" s="613"/>
      <c r="UNY694" s="613"/>
      <c r="UNZ694" s="613"/>
      <c r="UOA694" s="613"/>
      <c r="UOB694" s="613"/>
      <c r="UOC694" s="613"/>
      <c r="UOD694" s="613"/>
      <c r="UOE694" s="613"/>
      <c r="UOF694" s="613"/>
      <c r="UOG694" s="613"/>
      <c r="UOH694" s="613"/>
      <c r="UOI694" s="613"/>
      <c r="UOJ694" s="613"/>
      <c r="UOK694" s="613"/>
      <c r="UOL694" s="613"/>
      <c r="UOM694" s="613"/>
      <c r="UON694" s="613"/>
      <c r="UOO694" s="613"/>
      <c r="UOP694" s="613"/>
      <c r="UOQ694" s="613"/>
      <c r="UOR694" s="613"/>
      <c r="UOS694" s="613"/>
      <c r="UOT694" s="613"/>
      <c r="UOU694" s="613"/>
      <c r="UOV694" s="613"/>
      <c r="UOW694" s="613"/>
      <c r="UOX694" s="613"/>
      <c r="UOY694" s="613"/>
      <c r="UOZ694" s="613"/>
      <c r="UPA694" s="613"/>
      <c r="UPB694" s="613"/>
      <c r="UPC694" s="613"/>
      <c r="UPD694" s="613"/>
      <c r="UPE694" s="613"/>
      <c r="UPF694" s="613"/>
      <c r="UPG694" s="613"/>
      <c r="UPH694" s="613"/>
      <c r="UPI694" s="613"/>
      <c r="UPJ694" s="613"/>
      <c r="UPK694" s="613"/>
      <c r="UPL694" s="613"/>
      <c r="UPM694" s="613"/>
      <c r="UPN694" s="613"/>
      <c r="UPO694" s="613"/>
      <c r="UPP694" s="613"/>
      <c r="UPQ694" s="613"/>
      <c r="UPR694" s="613"/>
      <c r="UPS694" s="613"/>
      <c r="UPT694" s="613"/>
      <c r="UPU694" s="613"/>
      <c r="UPV694" s="613"/>
      <c r="UPW694" s="613"/>
      <c r="UPX694" s="613"/>
      <c r="UPY694" s="613"/>
      <c r="UPZ694" s="613"/>
      <c r="UQA694" s="613"/>
      <c r="UQB694" s="613"/>
      <c r="UQC694" s="613"/>
      <c r="UQD694" s="613"/>
      <c r="UQE694" s="613"/>
      <c r="UQF694" s="613"/>
      <c r="UQG694" s="613"/>
      <c r="UQH694" s="613"/>
      <c r="UQI694" s="613"/>
      <c r="UQJ694" s="613"/>
      <c r="UQK694" s="613"/>
      <c r="UQL694" s="613"/>
      <c r="UQM694" s="613"/>
      <c r="UQN694" s="613"/>
      <c r="UQO694" s="613"/>
      <c r="UQP694" s="613"/>
      <c r="UQQ694" s="613"/>
      <c r="UQR694" s="613"/>
      <c r="UQS694" s="613"/>
      <c r="UQT694" s="613"/>
      <c r="UQU694" s="613"/>
      <c r="UQV694" s="613"/>
      <c r="UQW694" s="613"/>
      <c r="UQX694" s="613"/>
      <c r="UQY694" s="613"/>
      <c r="UQZ694" s="613"/>
      <c r="URA694" s="613"/>
      <c r="URB694" s="613"/>
      <c r="URC694" s="613"/>
      <c r="URD694" s="613"/>
      <c r="URE694" s="613"/>
      <c r="URF694" s="613"/>
      <c r="URG694" s="613"/>
      <c r="URH694" s="613"/>
      <c r="URI694" s="613"/>
      <c r="URJ694" s="613"/>
      <c r="URK694" s="613"/>
      <c r="URL694" s="613"/>
      <c r="URM694" s="613"/>
      <c r="URN694" s="613"/>
      <c r="URO694" s="613"/>
      <c r="URP694" s="613"/>
      <c r="URQ694" s="613"/>
      <c r="URR694" s="613"/>
      <c r="URS694" s="613"/>
      <c r="URT694" s="613"/>
      <c r="URU694" s="613"/>
      <c r="URV694" s="613"/>
      <c r="URW694" s="613"/>
      <c r="URX694" s="613"/>
      <c r="URY694" s="613"/>
      <c r="URZ694" s="613"/>
      <c r="USA694" s="613"/>
      <c r="USB694" s="613"/>
      <c r="USC694" s="613"/>
      <c r="USD694" s="613"/>
      <c r="USE694" s="613"/>
      <c r="USF694" s="613"/>
      <c r="USG694" s="613"/>
      <c r="USH694" s="613"/>
      <c r="USI694" s="613"/>
      <c r="USJ694" s="613"/>
      <c r="USK694" s="613"/>
      <c r="USL694" s="613"/>
      <c r="USM694" s="613"/>
      <c r="USN694" s="613"/>
      <c r="USO694" s="613"/>
      <c r="USP694" s="613"/>
      <c r="USQ694" s="613"/>
      <c r="USR694" s="613"/>
      <c r="USS694" s="613"/>
      <c r="UST694" s="613"/>
      <c r="USU694" s="613"/>
      <c r="USV694" s="613"/>
      <c r="USW694" s="613"/>
      <c r="USX694" s="613"/>
      <c r="USY694" s="613"/>
      <c r="USZ694" s="613"/>
      <c r="UTA694" s="613"/>
      <c r="UTB694" s="613"/>
      <c r="UTC694" s="613"/>
      <c r="UTD694" s="613"/>
      <c r="UTE694" s="613"/>
      <c r="UTF694" s="613"/>
      <c r="UTG694" s="613"/>
      <c r="UTH694" s="613"/>
      <c r="UTI694" s="613"/>
      <c r="UTJ694" s="613"/>
      <c r="UTK694" s="613"/>
      <c r="UTL694" s="613"/>
      <c r="UTM694" s="613"/>
      <c r="UTN694" s="613"/>
      <c r="UTO694" s="613"/>
      <c r="UTP694" s="613"/>
      <c r="UTQ694" s="613"/>
      <c r="UTR694" s="613"/>
      <c r="UTS694" s="613"/>
      <c r="UTT694" s="613"/>
      <c r="UTU694" s="613"/>
      <c r="UTV694" s="613"/>
      <c r="UTW694" s="613"/>
      <c r="UTX694" s="613"/>
      <c r="UTY694" s="613"/>
      <c r="UTZ694" s="613"/>
      <c r="UUA694" s="613"/>
      <c r="UUB694" s="613"/>
      <c r="UUC694" s="613"/>
      <c r="UUD694" s="613"/>
      <c r="UUE694" s="613"/>
      <c r="UUF694" s="613"/>
      <c r="UUG694" s="613"/>
      <c r="UUH694" s="613"/>
      <c r="UUI694" s="613"/>
      <c r="UUJ694" s="613"/>
      <c r="UUK694" s="613"/>
      <c r="UUL694" s="613"/>
      <c r="UUM694" s="613"/>
      <c r="UUN694" s="613"/>
      <c r="UUO694" s="613"/>
      <c r="UUP694" s="613"/>
      <c r="UUQ694" s="613"/>
      <c r="UUR694" s="613"/>
      <c r="UUS694" s="613"/>
      <c r="UUT694" s="613"/>
      <c r="UUU694" s="613"/>
      <c r="UUV694" s="613"/>
      <c r="UUW694" s="613"/>
      <c r="UUX694" s="613"/>
      <c r="UUY694" s="613"/>
      <c r="UUZ694" s="613"/>
      <c r="UVA694" s="613"/>
      <c r="UVB694" s="613"/>
      <c r="UVC694" s="613"/>
      <c r="UVD694" s="613"/>
      <c r="UVE694" s="613"/>
      <c r="UVF694" s="613"/>
      <c r="UVG694" s="613"/>
      <c r="UVH694" s="613"/>
      <c r="UVI694" s="613"/>
      <c r="UVJ694" s="613"/>
      <c r="UVK694" s="613"/>
      <c r="UVL694" s="613"/>
      <c r="UVM694" s="613"/>
      <c r="UVN694" s="613"/>
      <c r="UVO694" s="613"/>
      <c r="UVP694" s="613"/>
      <c r="UVQ694" s="613"/>
      <c r="UVR694" s="613"/>
      <c r="UVS694" s="613"/>
      <c r="UVT694" s="613"/>
      <c r="UVU694" s="613"/>
      <c r="UVV694" s="613"/>
      <c r="UVW694" s="613"/>
      <c r="UVX694" s="613"/>
      <c r="UVY694" s="613"/>
      <c r="UVZ694" s="613"/>
      <c r="UWA694" s="613"/>
      <c r="UWB694" s="613"/>
      <c r="UWC694" s="613"/>
      <c r="UWD694" s="613"/>
      <c r="UWE694" s="613"/>
      <c r="UWF694" s="613"/>
      <c r="UWG694" s="613"/>
      <c r="UWH694" s="613"/>
      <c r="UWI694" s="613"/>
      <c r="UWJ694" s="613"/>
      <c r="UWK694" s="613"/>
      <c r="UWL694" s="613"/>
      <c r="UWM694" s="613"/>
      <c r="UWN694" s="613"/>
      <c r="UWO694" s="613"/>
      <c r="UWP694" s="613"/>
      <c r="UWQ694" s="613"/>
      <c r="UWR694" s="613"/>
      <c r="UWS694" s="613"/>
      <c r="UWT694" s="613"/>
      <c r="UWU694" s="613"/>
      <c r="UWV694" s="613"/>
      <c r="UWW694" s="613"/>
      <c r="UWX694" s="613"/>
      <c r="UWY694" s="613"/>
      <c r="UWZ694" s="613"/>
      <c r="UXA694" s="613"/>
      <c r="UXB694" s="613"/>
      <c r="UXC694" s="613"/>
      <c r="UXD694" s="613"/>
      <c r="UXE694" s="613"/>
      <c r="UXF694" s="613"/>
      <c r="UXG694" s="613"/>
      <c r="UXH694" s="613"/>
      <c r="UXI694" s="613"/>
      <c r="UXJ694" s="613"/>
      <c r="UXK694" s="613"/>
      <c r="UXL694" s="613"/>
      <c r="UXM694" s="613"/>
      <c r="UXN694" s="613"/>
      <c r="UXO694" s="613"/>
      <c r="UXP694" s="613"/>
      <c r="UXQ694" s="613"/>
      <c r="UXR694" s="613"/>
      <c r="UXS694" s="613"/>
      <c r="UXT694" s="613"/>
      <c r="UXU694" s="613"/>
      <c r="UXV694" s="613"/>
      <c r="UXW694" s="613"/>
      <c r="UXX694" s="613"/>
      <c r="UXY694" s="613"/>
      <c r="UXZ694" s="613"/>
      <c r="UYA694" s="613"/>
      <c r="UYB694" s="613"/>
      <c r="UYC694" s="613"/>
      <c r="UYD694" s="613"/>
      <c r="UYE694" s="613"/>
      <c r="UYF694" s="613"/>
      <c r="UYG694" s="613"/>
      <c r="UYH694" s="613"/>
      <c r="UYI694" s="613"/>
      <c r="UYJ694" s="613"/>
      <c r="UYK694" s="613"/>
      <c r="UYL694" s="613"/>
      <c r="UYM694" s="613"/>
      <c r="UYN694" s="613"/>
      <c r="UYO694" s="613"/>
      <c r="UYP694" s="613"/>
      <c r="UYQ694" s="613"/>
      <c r="UYR694" s="613"/>
      <c r="UYS694" s="613"/>
      <c r="UYT694" s="613"/>
      <c r="UYU694" s="613"/>
      <c r="UYV694" s="613"/>
      <c r="UYW694" s="613"/>
      <c r="UYX694" s="613"/>
      <c r="UYY694" s="613"/>
      <c r="UYZ694" s="613"/>
      <c r="UZA694" s="613"/>
      <c r="UZB694" s="613"/>
      <c r="UZC694" s="613"/>
      <c r="UZD694" s="613"/>
      <c r="UZE694" s="613"/>
      <c r="UZF694" s="613"/>
      <c r="UZG694" s="613"/>
      <c r="UZH694" s="613"/>
      <c r="UZI694" s="613"/>
      <c r="UZJ694" s="613"/>
      <c r="UZK694" s="613"/>
      <c r="UZL694" s="613"/>
      <c r="UZM694" s="613"/>
      <c r="UZN694" s="613"/>
      <c r="UZO694" s="613"/>
      <c r="UZP694" s="613"/>
      <c r="UZQ694" s="613"/>
      <c r="UZR694" s="613"/>
      <c r="UZS694" s="613"/>
      <c r="UZT694" s="613"/>
      <c r="UZU694" s="613"/>
      <c r="UZV694" s="613"/>
      <c r="UZW694" s="613"/>
      <c r="UZX694" s="613"/>
      <c r="UZY694" s="613"/>
      <c r="UZZ694" s="613"/>
      <c r="VAA694" s="613"/>
      <c r="VAB694" s="613"/>
      <c r="VAC694" s="613"/>
      <c r="VAD694" s="613"/>
      <c r="VAE694" s="613"/>
      <c r="VAF694" s="613"/>
      <c r="VAG694" s="613"/>
      <c r="VAH694" s="613"/>
      <c r="VAI694" s="613"/>
      <c r="VAJ694" s="613"/>
      <c r="VAK694" s="613"/>
      <c r="VAL694" s="613"/>
      <c r="VAM694" s="613"/>
      <c r="VAN694" s="613"/>
      <c r="VAO694" s="613"/>
      <c r="VAP694" s="613"/>
      <c r="VAQ694" s="613"/>
      <c r="VAR694" s="613"/>
      <c r="VAS694" s="613"/>
      <c r="VAT694" s="613"/>
      <c r="VAU694" s="613"/>
      <c r="VAV694" s="613"/>
      <c r="VAW694" s="613"/>
      <c r="VAX694" s="613"/>
      <c r="VAY694" s="613"/>
      <c r="VAZ694" s="613"/>
      <c r="VBA694" s="613"/>
      <c r="VBB694" s="613"/>
      <c r="VBC694" s="613"/>
      <c r="VBD694" s="613"/>
      <c r="VBE694" s="613"/>
      <c r="VBF694" s="613"/>
      <c r="VBG694" s="613"/>
      <c r="VBH694" s="613"/>
      <c r="VBI694" s="613"/>
      <c r="VBJ694" s="613"/>
      <c r="VBK694" s="613"/>
      <c r="VBL694" s="613"/>
      <c r="VBM694" s="613"/>
      <c r="VBN694" s="613"/>
      <c r="VBO694" s="613"/>
      <c r="VBP694" s="613"/>
      <c r="VBQ694" s="613"/>
      <c r="VBR694" s="613"/>
      <c r="VBS694" s="613"/>
      <c r="VBT694" s="613"/>
      <c r="VBU694" s="613"/>
      <c r="VBV694" s="613"/>
      <c r="VBW694" s="613"/>
      <c r="VBX694" s="613"/>
      <c r="VBY694" s="613"/>
      <c r="VBZ694" s="613"/>
      <c r="VCA694" s="613"/>
      <c r="VCB694" s="613"/>
      <c r="VCC694" s="613"/>
      <c r="VCD694" s="613"/>
      <c r="VCE694" s="613"/>
      <c r="VCF694" s="613"/>
      <c r="VCG694" s="613"/>
      <c r="VCH694" s="613"/>
      <c r="VCI694" s="613"/>
      <c r="VCJ694" s="613"/>
      <c r="VCK694" s="613"/>
      <c r="VCL694" s="613"/>
      <c r="VCM694" s="613"/>
      <c r="VCN694" s="613"/>
      <c r="VCO694" s="613"/>
      <c r="VCP694" s="613"/>
      <c r="VCQ694" s="613"/>
      <c r="VCR694" s="613"/>
      <c r="VCS694" s="613"/>
      <c r="VCT694" s="613"/>
      <c r="VCU694" s="613"/>
      <c r="VCV694" s="613"/>
      <c r="VCW694" s="613"/>
      <c r="VCX694" s="613"/>
      <c r="VCY694" s="613"/>
      <c r="VCZ694" s="613"/>
      <c r="VDA694" s="613"/>
      <c r="VDB694" s="613"/>
      <c r="VDC694" s="613"/>
      <c r="VDD694" s="613"/>
      <c r="VDE694" s="613"/>
      <c r="VDF694" s="613"/>
      <c r="VDG694" s="613"/>
      <c r="VDH694" s="613"/>
      <c r="VDI694" s="613"/>
      <c r="VDJ694" s="613"/>
      <c r="VDK694" s="613"/>
      <c r="VDL694" s="613"/>
      <c r="VDM694" s="613"/>
      <c r="VDN694" s="613"/>
      <c r="VDO694" s="613"/>
      <c r="VDP694" s="613"/>
      <c r="VDQ694" s="613"/>
      <c r="VDR694" s="613"/>
      <c r="VDS694" s="613"/>
      <c r="VDT694" s="613"/>
      <c r="VDU694" s="613"/>
      <c r="VDV694" s="613"/>
      <c r="VDW694" s="613"/>
      <c r="VDX694" s="613"/>
      <c r="VDY694" s="613"/>
      <c r="VDZ694" s="613"/>
      <c r="VEA694" s="613"/>
      <c r="VEB694" s="613"/>
      <c r="VEC694" s="613"/>
      <c r="VED694" s="613"/>
      <c r="VEE694" s="613"/>
      <c r="VEF694" s="613"/>
      <c r="VEG694" s="613"/>
      <c r="VEH694" s="613"/>
      <c r="VEI694" s="613"/>
      <c r="VEJ694" s="613"/>
      <c r="VEK694" s="613"/>
      <c r="VEL694" s="613"/>
      <c r="VEM694" s="613"/>
      <c r="VEN694" s="613"/>
      <c r="VEO694" s="613"/>
      <c r="VEP694" s="613"/>
      <c r="VEQ694" s="613"/>
      <c r="VER694" s="613"/>
      <c r="VES694" s="613"/>
      <c r="VET694" s="613"/>
      <c r="VEU694" s="613"/>
      <c r="VEV694" s="613"/>
      <c r="VEW694" s="613"/>
      <c r="VEX694" s="613"/>
      <c r="VEY694" s="613"/>
      <c r="VEZ694" s="613"/>
      <c r="VFA694" s="613"/>
      <c r="VFB694" s="613"/>
      <c r="VFC694" s="613"/>
      <c r="VFD694" s="613"/>
      <c r="VFE694" s="613"/>
      <c r="VFF694" s="613"/>
      <c r="VFG694" s="613"/>
      <c r="VFH694" s="613"/>
      <c r="VFI694" s="613"/>
      <c r="VFJ694" s="613"/>
      <c r="VFK694" s="613"/>
      <c r="VFL694" s="613"/>
      <c r="VFM694" s="613"/>
      <c r="VFN694" s="613"/>
      <c r="VFO694" s="613"/>
      <c r="VFP694" s="613"/>
      <c r="VFQ694" s="613"/>
      <c r="VFR694" s="613"/>
      <c r="VFS694" s="613"/>
      <c r="VFT694" s="613"/>
      <c r="VFU694" s="613"/>
      <c r="VFV694" s="613"/>
      <c r="VFW694" s="613"/>
      <c r="VFX694" s="613"/>
      <c r="VFY694" s="613"/>
      <c r="VFZ694" s="613"/>
      <c r="VGA694" s="613"/>
      <c r="VGB694" s="613"/>
      <c r="VGC694" s="613"/>
      <c r="VGD694" s="613"/>
      <c r="VGE694" s="613"/>
      <c r="VGF694" s="613"/>
      <c r="VGG694" s="613"/>
      <c r="VGH694" s="613"/>
      <c r="VGI694" s="613"/>
      <c r="VGJ694" s="613"/>
      <c r="VGK694" s="613"/>
      <c r="VGL694" s="613"/>
      <c r="VGM694" s="613"/>
      <c r="VGN694" s="613"/>
      <c r="VGO694" s="613"/>
      <c r="VGP694" s="613"/>
      <c r="VGQ694" s="613"/>
      <c r="VGR694" s="613"/>
      <c r="VGS694" s="613"/>
      <c r="VGT694" s="613"/>
      <c r="VGU694" s="613"/>
      <c r="VGV694" s="613"/>
      <c r="VGW694" s="613"/>
      <c r="VGX694" s="613"/>
      <c r="VGY694" s="613"/>
      <c r="VGZ694" s="613"/>
      <c r="VHA694" s="613"/>
      <c r="VHB694" s="613"/>
      <c r="VHC694" s="613"/>
      <c r="VHD694" s="613"/>
      <c r="VHE694" s="613"/>
      <c r="VHF694" s="613"/>
      <c r="VHG694" s="613"/>
      <c r="VHH694" s="613"/>
      <c r="VHI694" s="613"/>
      <c r="VHJ694" s="613"/>
      <c r="VHK694" s="613"/>
      <c r="VHL694" s="613"/>
      <c r="VHM694" s="613"/>
      <c r="VHN694" s="613"/>
      <c r="VHO694" s="613"/>
      <c r="VHP694" s="613"/>
      <c r="VHQ694" s="613"/>
      <c r="VHR694" s="613"/>
      <c r="VHS694" s="613"/>
      <c r="VHT694" s="613"/>
      <c r="VHU694" s="613"/>
      <c r="VHV694" s="613"/>
      <c r="VHW694" s="613"/>
      <c r="VHX694" s="613"/>
      <c r="VHY694" s="613"/>
      <c r="VHZ694" s="613"/>
      <c r="VIA694" s="613"/>
      <c r="VIB694" s="613"/>
      <c r="VIC694" s="613"/>
      <c r="VID694" s="613"/>
      <c r="VIE694" s="613"/>
      <c r="VIF694" s="613"/>
      <c r="VIG694" s="613"/>
      <c r="VIH694" s="613"/>
      <c r="VII694" s="613"/>
      <c r="VIJ694" s="613"/>
      <c r="VIK694" s="613"/>
      <c r="VIL694" s="613"/>
      <c r="VIM694" s="613"/>
      <c r="VIN694" s="613"/>
      <c r="VIO694" s="613"/>
      <c r="VIP694" s="613"/>
      <c r="VIQ694" s="613"/>
      <c r="VIR694" s="613"/>
      <c r="VIS694" s="613"/>
      <c r="VIT694" s="613"/>
      <c r="VIU694" s="613"/>
      <c r="VIV694" s="613"/>
      <c r="VIW694" s="613"/>
      <c r="VIX694" s="613"/>
      <c r="VIY694" s="613"/>
      <c r="VIZ694" s="613"/>
      <c r="VJA694" s="613"/>
      <c r="VJB694" s="613"/>
      <c r="VJC694" s="613"/>
      <c r="VJD694" s="613"/>
      <c r="VJE694" s="613"/>
      <c r="VJF694" s="613"/>
      <c r="VJG694" s="613"/>
      <c r="VJH694" s="613"/>
      <c r="VJI694" s="613"/>
      <c r="VJJ694" s="613"/>
      <c r="VJK694" s="613"/>
      <c r="VJL694" s="613"/>
      <c r="VJM694" s="613"/>
      <c r="VJN694" s="613"/>
      <c r="VJO694" s="613"/>
      <c r="VJP694" s="613"/>
      <c r="VJQ694" s="613"/>
      <c r="VJR694" s="613"/>
      <c r="VJS694" s="613"/>
      <c r="VJT694" s="613"/>
      <c r="VJU694" s="613"/>
      <c r="VJV694" s="613"/>
      <c r="VJW694" s="613"/>
      <c r="VJX694" s="613"/>
      <c r="VJY694" s="613"/>
      <c r="VJZ694" s="613"/>
      <c r="VKA694" s="613"/>
      <c r="VKB694" s="613"/>
      <c r="VKC694" s="613"/>
      <c r="VKD694" s="613"/>
      <c r="VKE694" s="613"/>
      <c r="VKF694" s="613"/>
      <c r="VKG694" s="613"/>
      <c r="VKH694" s="613"/>
      <c r="VKI694" s="613"/>
      <c r="VKJ694" s="613"/>
      <c r="VKK694" s="613"/>
      <c r="VKL694" s="613"/>
      <c r="VKM694" s="613"/>
      <c r="VKN694" s="613"/>
      <c r="VKO694" s="613"/>
      <c r="VKP694" s="613"/>
      <c r="VKQ694" s="613"/>
      <c r="VKR694" s="613"/>
      <c r="VKS694" s="613"/>
      <c r="VKT694" s="613"/>
      <c r="VKU694" s="613"/>
      <c r="VKV694" s="613"/>
      <c r="VKW694" s="613"/>
      <c r="VKX694" s="613"/>
      <c r="VKY694" s="613"/>
      <c r="VKZ694" s="613"/>
      <c r="VLA694" s="613"/>
      <c r="VLB694" s="613"/>
      <c r="VLC694" s="613"/>
      <c r="VLD694" s="613"/>
      <c r="VLE694" s="613"/>
      <c r="VLF694" s="613"/>
      <c r="VLG694" s="613"/>
      <c r="VLH694" s="613"/>
      <c r="VLI694" s="613"/>
      <c r="VLJ694" s="613"/>
      <c r="VLK694" s="613"/>
      <c r="VLL694" s="613"/>
      <c r="VLM694" s="613"/>
      <c r="VLN694" s="613"/>
      <c r="VLO694" s="613"/>
      <c r="VLP694" s="613"/>
      <c r="VLQ694" s="613"/>
      <c r="VLR694" s="613"/>
      <c r="VLS694" s="613"/>
      <c r="VLT694" s="613"/>
      <c r="VLU694" s="613"/>
      <c r="VLV694" s="613"/>
      <c r="VLW694" s="613"/>
      <c r="VLX694" s="613"/>
      <c r="VLY694" s="613"/>
      <c r="VLZ694" s="613"/>
      <c r="VMA694" s="613"/>
      <c r="VMB694" s="613"/>
      <c r="VMC694" s="613"/>
      <c r="VMD694" s="613"/>
      <c r="VME694" s="613"/>
      <c r="VMF694" s="613"/>
      <c r="VMG694" s="613"/>
      <c r="VMH694" s="613"/>
      <c r="VMI694" s="613"/>
      <c r="VMJ694" s="613"/>
      <c r="VMK694" s="613"/>
      <c r="VML694" s="613"/>
      <c r="VMM694" s="613"/>
      <c r="VMN694" s="613"/>
      <c r="VMO694" s="613"/>
      <c r="VMP694" s="613"/>
      <c r="VMQ694" s="613"/>
      <c r="VMR694" s="613"/>
      <c r="VMS694" s="613"/>
      <c r="VMT694" s="613"/>
      <c r="VMU694" s="613"/>
      <c r="VMV694" s="613"/>
      <c r="VMW694" s="613"/>
      <c r="VMX694" s="613"/>
      <c r="VMY694" s="613"/>
      <c r="VMZ694" s="613"/>
      <c r="VNA694" s="613"/>
      <c r="VNB694" s="613"/>
      <c r="VNC694" s="613"/>
      <c r="VND694" s="613"/>
      <c r="VNE694" s="613"/>
      <c r="VNF694" s="613"/>
      <c r="VNG694" s="613"/>
      <c r="VNH694" s="613"/>
      <c r="VNI694" s="613"/>
      <c r="VNJ694" s="613"/>
      <c r="VNK694" s="613"/>
      <c r="VNL694" s="613"/>
      <c r="VNM694" s="613"/>
      <c r="VNN694" s="613"/>
      <c r="VNO694" s="613"/>
      <c r="VNP694" s="613"/>
      <c r="VNQ694" s="613"/>
      <c r="VNR694" s="613"/>
      <c r="VNS694" s="613"/>
      <c r="VNT694" s="613"/>
      <c r="VNU694" s="613"/>
      <c r="VNV694" s="613"/>
      <c r="VNW694" s="613"/>
      <c r="VNX694" s="613"/>
      <c r="VNY694" s="613"/>
      <c r="VNZ694" s="613"/>
      <c r="VOA694" s="613"/>
      <c r="VOB694" s="613"/>
      <c r="VOC694" s="613"/>
      <c r="VOD694" s="613"/>
      <c r="VOE694" s="613"/>
      <c r="VOF694" s="613"/>
      <c r="VOG694" s="613"/>
      <c r="VOH694" s="613"/>
      <c r="VOI694" s="613"/>
      <c r="VOJ694" s="613"/>
      <c r="VOK694" s="613"/>
      <c r="VOL694" s="613"/>
      <c r="VOM694" s="613"/>
      <c r="VON694" s="613"/>
      <c r="VOO694" s="613"/>
      <c r="VOP694" s="613"/>
      <c r="VOQ694" s="613"/>
      <c r="VOR694" s="613"/>
      <c r="VOS694" s="613"/>
      <c r="VOT694" s="613"/>
      <c r="VOU694" s="613"/>
      <c r="VOV694" s="613"/>
      <c r="VOW694" s="613"/>
      <c r="VOX694" s="613"/>
      <c r="VOY694" s="613"/>
      <c r="VOZ694" s="613"/>
      <c r="VPA694" s="613"/>
      <c r="VPB694" s="613"/>
      <c r="VPC694" s="613"/>
      <c r="VPD694" s="613"/>
      <c r="VPE694" s="613"/>
      <c r="VPF694" s="613"/>
      <c r="VPG694" s="613"/>
      <c r="VPH694" s="613"/>
      <c r="VPI694" s="613"/>
      <c r="VPJ694" s="613"/>
      <c r="VPK694" s="613"/>
      <c r="VPL694" s="613"/>
      <c r="VPM694" s="613"/>
      <c r="VPN694" s="613"/>
      <c r="VPO694" s="613"/>
      <c r="VPP694" s="613"/>
      <c r="VPQ694" s="613"/>
      <c r="VPR694" s="613"/>
      <c r="VPS694" s="613"/>
      <c r="VPT694" s="613"/>
      <c r="VPU694" s="613"/>
      <c r="VPV694" s="613"/>
      <c r="VPW694" s="613"/>
      <c r="VPX694" s="613"/>
      <c r="VPY694" s="613"/>
      <c r="VPZ694" s="613"/>
      <c r="VQA694" s="613"/>
      <c r="VQB694" s="613"/>
      <c r="VQC694" s="613"/>
      <c r="VQD694" s="613"/>
      <c r="VQE694" s="613"/>
      <c r="VQF694" s="613"/>
      <c r="VQG694" s="613"/>
      <c r="VQH694" s="613"/>
      <c r="VQI694" s="613"/>
      <c r="VQJ694" s="613"/>
      <c r="VQK694" s="613"/>
      <c r="VQL694" s="613"/>
      <c r="VQM694" s="613"/>
      <c r="VQN694" s="613"/>
      <c r="VQO694" s="613"/>
      <c r="VQP694" s="613"/>
      <c r="VQQ694" s="613"/>
      <c r="VQR694" s="613"/>
      <c r="VQS694" s="613"/>
      <c r="VQT694" s="613"/>
      <c r="VQU694" s="613"/>
      <c r="VQV694" s="613"/>
      <c r="VQW694" s="613"/>
      <c r="VQX694" s="613"/>
      <c r="VQY694" s="613"/>
      <c r="VQZ694" s="613"/>
      <c r="VRA694" s="613"/>
      <c r="VRB694" s="613"/>
      <c r="VRC694" s="613"/>
      <c r="VRD694" s="613"/>
      <c r="VRE694" s="613"/>
      <c r="VRF694" s="613"/>
      <c r="VRG694" s="613"/>
      <c r="VRH694" s="613"/>
      <c r="VRI694" s="613"/>
      <c r="VRJ694" s="613"/>
      <c r="VRK694" s="613"/>
      <c r="VRL694" s="613"/>
      <c r="VRM694" s="613"/>
      <c r="VRN694" s="613"/>
      <c r="VRO694" s="613"/>
      <c r="VRP694" s="613"/>
      <c r="VRQ694" s="613"/>
      <c r="VRR694" s="613"/>
      <c r="VRS694" s="613"/>
      <c r="VRT694" s="613"/>
      <c r="VRU694" s="613"/>
      <c r="VRV694" s="613"/>
      <c r="VRW694" s="613"/>
      <c r="VRX694" s="613"/>
      <c r="VRY694" s="613"/>
      <c r="VRZ694" s="613"/>
      <c r="VSA694" s="613"/>
      <c r="VSB694" s="613"/>
      <c r="VSC694" s="613"/>
      <c r="VSD694" s="613"/>
      <c r="VSE694" s="613"/>
      <c r="VSF694" s="613"/>
      <c r="VSG694" s="613"/>
      <c r="VSH694" s="613"/>
      <c r="VSI694" s="613"/>
      <c r="VSJ694" s="613"/>
      <c r="VSK694" s="613"/>
      <c r="VSL694" s="613"/>
      <c r="VSM694" s="613"/>
      <c r="VSN694" s="613"/>
      <c r="VSO694" s="613"/>
      <c r="VSP694" s="613"/>
      <c r="VSQ694" s="613"/>
      <c r="VSR694" s="613"/>
      <c r="VSS694" s="613"/>
      <c r="VST694" s="613"/>
      <c r="VSU694" s="613"/>
      <c r="VSV694" s="613"/>
      <c r="VSW694" s="613"/>
      <c r="VSX694" s="613"/>
      <c r="VSY694" s="613"/>
      <c r="VSZ694" s="613"/>
      <c r="VTA694" s="613"/>
      <c r="VTB694" s="613"/>
      <c r="VTC694" s="613"/>
      <c r="VTD694" s="613"/>
      <c r="VTE694" s="613"/>
      <c r="VTF694" s="613"/>
      <c r="VTG694" s="613"/>
      <c r="VTH694" s="613"/>
      <c r="VTI694" s="613"/>
      <c r="VTJ694" s="613"/>
      <c r="VTK694" s="613"/>
      <c r="VTL694" s="613"/>
      <c r="VTM694" s="613"/>
      <c r="VTN694" s="613"/>
      <c r="VTO694" s="613"/>
      <c r="VTP694" s="613"/>
      <c r="VTQ694" s="613"/>
      <c r="VTR694" s="613"/>
      <c r="VTS694" s="613"/>
      <c r="VTT694" s="613"/>
      <c r="VTU694" s="613"/>
      <c r="VTV694" s="613"/>
      <c r="VTW694" s="613"/>
      <c r="VTX694" s="613"/>
      <c r="VTY694" s="613"/>
      <c r="VTZ694" s="613"/>
      <c r="VUA694" s="613"/>
      <c r="VUB694" s="613"/>
      <c r="VUC694" s="613"/>
      <c r="VUD694" s="613"/>
      <c r="VUE694" s="613"/>
      <c r="VUF694" s="613"/>
      <c r="VUG694" s="613"/>
      <c r="VUH694" s="613"/>
      <c r="VUI694" s="613"/>
      <c r="VUJ694" s="613"/>
      <c r="VUK694" s="613"/>
      <c r="VUL694" s="613"/>
      <c r="VUM694" s="613"/>
      <c r="VUN694" s="613"/>
      <c r="VUO694" s="613"/>
      <c r="VUP694" s="613"/>
      <c r="VUQ694" s="613"/>
      <c r="VUR694" s="613"/>
      <c r="VUS694" s="613"/>
      <c r="VUT694" s="613"/>
      <c r="VUU694" s="613"/>
      <c r="VUV694" s="613"/>
      <c r="VUW694" s="613"/>
      <c r="VUX694" s="613"/>
      <c r="VUY694" s="613"/>
      <c r="VUZ694" s="613"/>
      <c r="VVA694" s="613"/>
      <c r="VVB694" s="613"/>
      <c r="VVC694" s="613"/>
      <c r="VVD694" s="613"/>
      <c r="VVE694" s="613"/>
      <c r="VVF694" s="613"/>
      <c r="VVG694" s="613"/>
      <c r="VVH694" s="613"/>
      <c r="VVI694" s="613"/>
      <c r="VVJ694" s="613"/>
      <c r="VVK694" s="613"/>
      <c r="VVL694" s="613"/>
      <c r="VVM694" s="613"/>
      <c r="VVN694" s="613"/>
      <c r="VVO694" s="613"/>
      <c r="VVP694" s="613"/>
      <c r="VVQ694" s="613"/>
      <c r="VVR694" s="613"/>
      <c r="VVS694" s="613"/>
      <c r="VVT694" s="613"/>
      <c r="VVU694" s="613"/>
      <c r="VVV694" s="613"/>
      <c r="VVW694" s="613"/>
      <c r="VVX694" s="613"/>
      <c r="VVY694" s="613"/>
      <c r="VVZ694" s="613"/>
      <c r="VWA694" s="613"/>
      <c r="VWB694" s="613"/>
      <c r="VWC694" s="613"/>
      <c r="VWD694" s="613"/>
      <c r="VWE694" s="613"/>
      <c r="VWF694" s="613"/>
      <c r="VWG694" s="613"/>
      <c r="VWH694" s="613"/>
      <c r="VWI694" s="613"/>
      <c r="VWJ694" s="613"/>
      <c r="VWK694" s="613"/>
      <c r="VWL694" s="613"/>
      <c r="VWM694" s="613"/>
      <c r="VWN694" s="613"/>
      <c r="VWO694" s="613"/>
      <c r="VWP694" s="613"/>
      <c r="VWQ694" s="613"/>
      <c r="VWR694" s="613"/>
      <c r="VWS694" s="613"/>
      <c r="VWT694" s="613"/>
      <c r="VWU694" s="613"/>
      <c r="VWV694" s="613"/>
      <c r="VWW694" s="613"/>
      <c r="VWX694" s="613"/>
      <c r="VWY694" s="613"/>
      <c r="VWZ694" s="613"/>
      <c r="VXA694" s="613"/>
      <c r="VXB694" s="613"/>
      <c r="VXC694" s="613"/>
      <c r="VXD694" s="613"/>
      <c r="VXE694" s="613"/>
      <c r="VXF694" s="613"/>
      <c r="VXG694" s="613"/>
      <c r="VXH694" s="613"/>
      <c r="VXI694" s="613"/>
      <c r="VXJ694" s="613"/>
      <c r="VXK694" s="613"/>
      <c r="VXL694" s="613"/>
      <c r="VXM694" s="613"/>
      <c r="VXN694" s="613"/>
      <c r="VXO694" s="613"/>
      <c r="VXP694" s="613"/>
      <c r="VXQ694" s="613"/>
      <c r="VXR694" s="613"/>
      <c r="VXS694" s="613"/>
      <c r="VXT694" s="613"/>
      <c r="VXU694" s="613"/>
      <c r="VXV694" s="613"/>
      <c r="VXW694" s="613"/>
      <c r="VXX694" s="613"/>
      <c r="VXY694" s="613"/>
      <c r="VXZ694" s="613"/>
      <c r="VYA694" s="613"/>
      <c r="VYB694" s="613"/>
      <c r="VYC694" s="613"/>
      <c r="VYD694" s="613"/>
      <c r="VYE694" s="613"/>
      <c r="VYF694" s="613"/>
      <c r="VYG694" s="613"/>
      <c r="VYH694" s="613"/>
      <c r="VYI694" s="613"/>
      <c r="VYJ694" s="613"/>
      <c r="VYK694" s="613"/>
      <c r="VYL694" s="613"/>
      <c r="VYM694" s="613"/>
      <c r="VYN694" s="613"/>
      <c r="VYO694" s="613"/>
      <c r="VYP694" s="613"/>
      <c r="VYQ694" s="613"/>
      <c r="VYR694" s="613"/>
      <c r="VYS694" s="613"/>
      <c r="VYT694" s="613"/>
      <c r="VYU694" s="613"/>
      <c r="VYV694" s="613"/>
      <c r="VYW694" s="613"/>
      <c r="VYX694" s="613"/>
      <c r="VYY694" s="613"/>
      <c r="VYZ694" s="613"/>
      <c r="VZA694" s="613"/>
      <c r="VZB694" s="613"/>
      <c r="VZC694" s="613"/>
      <c r="VZD694" s="613"/>
      <c r="VZE694" s="613"/>
      <c r="VZF694" s="613"/>
      <c r="VZG694" s="613"/>
      <c r="VZH694" s="613"/>
      <c r="VZI694" s="613"/>
      <c r="VZJ694" s="613"/>
      <c r="VZK694" s="613"/>
      <c r="VZL694" s="613"/>
      <c r="VZM694" s="613"/>
      <c r="VZN694" s="613"/>
      <c r="VZO694" s="613"/>
      <c r="VZP694" s="613"/>
      <c r="VZQ694" s="613"/>
      <c r="VZR694" s="613"/>
      <c r="VZS694" s="613"/>
      <c r="VZT694" s="613"/>
      <c r="VZU694" s="613"/>
      <c r="VZV694" s="613"/>
      <c r="VZW694" s="613"/>
      <c r="VZX694" s="613"/>
      <c r="VZY694" s="613"/>
      <c r="VZZ694" s="613"/>
      <c r="WAA694" s="613"/>
      <c r="WAB694" s="613"/>
      <c r="WAC694" s="613"/>
      <c r="WAD694" s="613"/>
      <c r="WAE694" s="613"/>
      <c r="WAF694" s="613"/>
      <c r="WAG694" s="613"/>
      <c r="WAH694" s="613"/>
      <c r="WAI694" s="613"/>
      <c r="WAJ694" s="613"/>
      <c r="WAK694" s="613"/>
      <c r="WAL694" s="613"/>
      <c r="WAM694" s="613"/>
      <c r="WAN694" s="613"/>
      <c r="WAO694" s="613"/>
      <c r="WAP694" s="613"/>
      <c r="WAQ694" s="613"/>
      <c r="WAR694" s="613"/>
      <c r="WAS694" s="613"/>
      <c r="WAT694" s="613"/>
      <c r="WAU694" s="613"/>
      <c r="WAV694" s="613"/>
      <c r="WAW694" s="613"/>
      <c r="WAX694" s="613"/>
      <c r="WAY694" s="613"/>
      <c r="WAZ694" s="613"/>
      <c r="WBA694" s="613"/>
      <c r="WBB694" s="613"/>
      <c r="WBC694" s="613"/>
      <c r="WBD694" s="613"/>
      <c r="WBE694" s="613"/>
      <c r="WBF694" s="613"/>
      <c r="WBG694" s="613"/>
      <c r="WBH694" s="613"/>
      <c r="WBI694" s="613"/>
      <c r="WBJ694" s="613"/>
      <c r="WBK694" s="613"/>
      <c r="WBL694" s="613"/>
      <c r="WBM694" s="613"/>
      <c r="WBN694" s="613"/>
      <c r="WBO694" s="613"/>
      <c r="WBP694" s="613"/>
      <c r="WBQ694" s="613"/>
      <c r="WBR694" s="613"/>
      <c r="WBS694" s="613"/>
      <c r="WBT694" s="613"/>
      <c r="WBU694" s="613"/>
      <c r="WBV694" s="613"/>
      <c r="WBW694" s="613"/>
      <c r="WBX694" s="613"/>
      <c r="WBY694" s="613"/>
      <c r="WBZ694" s="613"/>
      <c r="WCA694" s="613"/>
      <c r="WCB694" s="613"/>
      <c r="WCC694" s="613"/>
      <c r="WCD694" s="613"/>
      <c r="WCE694" s="613"/>
      <c r="WCF694" s="613"/>
      <c r="WCG694" s="613"/>
      <c r="WCH694" s="613"/>
      <c r="WCI694" s="613"/>
      <c r="WCJ694" s="613"/>
      <c r="WCK694" s="613"/>
      <c r="WCL694" s="613"/>
      <c r="WCM694" s="613"/>
      <c r="WCN694" s="613"/>
      <c r="WCO694" s="613"/>
      <c r="WCP694" s="613"/>
      <c r="WCQ694" s="613"/>
      <c r="WCR694" s="613"/>
      <c r="WCS694" s="613"/>
      <c r="WCT694" s="613"/>
      <c r="WCU694" s="613"/>
      <c r="WCV694" s="613"/>
      <c r="WCW694" s="613"/>
      <c r="WCX694" s="613"/>
      <c r="WCY694" s="613"/>
      <c r="WCZ694" s="613"/>
      <c r="WDA694" s="613"/>
      <c r="WDB694" s="613"/>
      <c r="WDC694" s="613"/>
      <c r="WDD694" s="613"/>
      <c r="WDE694" s="613"/>
      <c r="WDF694" s="613"/>
      <c r="WDG694" s="613"/>
      <c r="WDH694" s="613"/>
      <c r="WDI694" s="613"/>
      <c r="WDJ694" s="613"/>
      <c r="WDK694" s="613"/>
      <c r="WDL694" s="613"/>
      <c r="WDM694" s="613"/>
      <c r="WDN694" s="613"/>
      <c r="WDO694" s="613"/>
      <c r="WDP694" s="613"/>
      <c r="WDQ694" s="613"/>
      <c r="WDR694" s="613"/>
      <c r="WDS694" s="613"/>
      <c r="WDT694" s="613"/>
      <c r="WDU694" s="613"/>
      <c r="WDV694" s="613"/>
      <c r="WDW694" s="613"/>
      <c r="WDX694" s="613"/>
      <c r="WDY694" s="613"/>
      <c r="WDZ694" s="613"/>
      <c r="WEA694" s="613"/>
      <c r="WEB694" s="613"/>
      <c r="WEC694" s="613"/>
      <c r="WED694" s="613"/>
      <c r="WEE694" s="613"/>
      <c r="WEF694" s="613"/>
      <c r="WEG694" s="613"/>
      <c r="WEH694" s="613"/>
      <c r="WEI694" s="613"/>
      <c r="WEJ694" s="613"/>
      <c r="WEK694" s="613"/>
      <c r="WEL694" s="613"/>
      <c r="WEM694" s="613"/>
      <c r="WEN694" s="613"/>
      <c r="WEO694" s="613"/>
      <c r="WEP694" s="613"/>
      <c r="WEQ694" s="613"/>
      <c r="WER694" s="613"/>
      <c r="WES694" s="613"/>
      <c r="WET694" s="613"/>
      <c r="WEU694" s="613"/>
      <c r="WEV694" s="613"/>
      <c r="WEW694" s="613"/>
      <c r="WEX694" s="613"/>
      <c r="WEY694" s="613"/>
      <c r="WEZ694" s="613"/>
      <c r="WFA694" s="613"/>
      <c r="WFB694" s="613"/>
      <c r="WFC694" s="613"/>
      <c r="WFD694" s="613"/>
      <c r="WFE694" s="613"/>
      <c r="WFF694" s="613"/>
      <c r="WFG694" s="613"/>
      <c r="WFH694" s="613"/>
      <c r="WFI694" s="613"/>
      <c r="WFJ694" s="613"/>
      <c r="WFK694" s="613"/>
      <c r="WFL694" s="613"/>
      <c r="WFM694" s="613"/>
      <c r="WFN694" s="613"/>
      <c r="WFO694" s="613"/>
      <c r="WFP694" s="613"/>
      <c r="WFQ694" s="613"/>
      <c r="WFR694" s="613"/>
      <c r="WFS694" s="613"/>
      <c r="WFT694" s="613"/>
      <c r="WFU694" s="613"/>
      <c r="WFV694" s="613"/>
      <c r="WFW694" s="613"/>
      <c r="WFX694" s="613"/>
      <c r="WFY694" s="613"/>
      <c r="WFZ694" s="613"/>
      <c r="WGA694" s="613"/>
      <c r="WGB694" s="613"/>
      <c r="WGC694" s="613"/>
      <c r="WGD694" s="613"/>
      <c r="WGE694" s="613"/>
      <c r="WGF694" s="613"/>
      <c r="WGG694" s="613"/>
      <c r="WGH694" s="613"/>
      <c r="WGI694" s="613"/>
      <c r="WGJ694" s="613"/>
      <c r="WGK694" s="613"/>
      <c r="WGL694" s="613"/>
      <c r="WGM694" s="613"/>
      <c r="WGN694" s="613"/>
      <c r="WGO694" s="613"/>
      <c r="WGP694" s="613"/>
      <c r="WGQ694" s="613"/>
      <c r="WGR694" s="613"/>
      <c r="WGS694" s="613"/>
      <c r="WGT694" s="613"/>
      <c r="WGU694" s="613"/>
      <c r="WGV694" s="613"/>
      <c r="WGW694" s="613"/>
      <c r="WGX694" s="613"/>
      <c r="WGY694" s="613"/>
      <c r="WGZ694" s="613"/>
      <c r="WHA694" s="613"/>
      <c r="WHB694" s="613"/>
      <c r="WHC694" s="613"/>
      <c r="WHD694" s="613"/>
      <c r="WHE694" s="613"/>
      <c r="WHF694" s="613"/>
      <c r="WHG694" s="613"/>
      <c r="WHH694" s="613"/>
      <c r="WHI694" s="613"/>
      <c r="WHJ694" s="613"/>
      <c r="WHK694" s="613"/>
      <c r="WHL694" s="613"/>
      <c r="WHM694" s="613"/>
      <c r="WHN694" s="613"/>
      <c r="WHO694" s="613"/>
      <c r="WHP694" s="613"/>
      <c r="WHQ694" s="613"/>
      <c r="WHR694" s="613"/>
      <c r="WHS694" s="613"/>
      <c r="WHT694" s="613"/>
      <c r="WHU694" s="613"/>
      <c r="WHV694" s="613"/>
      <c r="WHW694" s="613"/>
      <c r="WHX694" s="613"/>
      <c r="WHY694" s="613"/>
      <c r="WHZ694" s="613"/>
      <c r="WIA694" s="613"/>
      <c r="WIB694" s="613"/>
      <c r="WIC694" s="613"/>
      <c r="WID694" s="613"/>
      <c r="WIE694" s="613"/>
      <c r="WIF694" s="613"/>
      <c r="WIG694" s="613"/>
      <c r="WIH694" s="613"/>
      <c r="WII694" s="613"/>
      <c r="WIJ694" s="613"/>
      <c r="WIK694" s="613"/>
      <c r="WIL694" s="613"/>
      <c r="WIM694" s="613"/>
      <c r="WIN694" s="613"/>
      <c r="WIO694" s="613"/>
      <c r="WIP694" s="613"/>
      <c r="WIQ694" s="613"/>
      <c r="WIR694" s="613"/>
      <c r="WIS694" s="613"/>
      <c r="WIT694" s="613"/>
      <c r="WIU694" s="613"/>
      <c r="WIV694" s="613"/>
      <c r="WIW694" s="613"/>
      <c r="WIX694" s="613"/>
      <c r="WIY694" s="613"/>
      <c r="WIZ694" s="613"/>
      <c r="WJA694" s="613"/>
      <c r="WJB694" s="613"/>
      <c r="WJC694" s="613"/>
      <c r="WJD694" s="613"/>
      <c r="WJE694" s="613"/>
      <c r="WJF694" s="613"/>
      <c r="WJG694" s="613"/>
      <c r="WJH694" s="613"/>
      <c r="WJI694" s="613"/>
      <c r="WJJ694" s="613"/>
      <c r="WJK694" s="613"/>
      <c r="WJL694" s="613"/>
      <c r="WJM694" s="613"/>
      <c r="WJN694" s="613"/>
      <c r="WJO694" s="613"/>
      <c r="WJP694" s="613"/>
      <c r="WJQ694" s="613"/>
      <c r="WJR694" s="613"/>
      <c r="WJS694" s="613"/>
      <c r="WJT694" s="613"/>
      <c r="WJU694" s="613"/>
      <c r="WJV694" s="613"/>
      <c r="WJW694" s="613"/>
      <c r="WJX694" s="613"/>
      <c r="WJY694" s="613"/>
      <c r="WJZ694" s="613"/>
      <c r="WKA694" s="613"/>
      <c r="WKB694" s="613"/>
      <c r="WKC694" s="613"/>
      <c r="WKD694" s="613"/>
      <c r="WKE694" s="613"/>
      <c r="WKF694" s="613"/>
      <c r="WKG694" s="613"/>
      <c r="WKH694" s="613"/>
      <c r="WKI694" s="613"/>
      <c r="WKJ694" s="613"/>
      <c r="WKK694" s="613"/>
      <c r="WKL694" s="613"/>
      <c r="WKM694" s="613"/>
      <c r="WKN694" s="613"/>
      <c r="WKO694" s="613"/>
      <c r="WKP694" s="613"/>
      <c r="WKQ694" s="613"/>
      <c r="WKR694" s="613"/>
      <c r="WKS694" s="613"/>
      <c r="WKT694" s="613"/>
      <c r="WKU694" s="613"/>
      <c r="WKV694" s="613"/>
      <c r="WKW694" s="613"/>
      <c r="WKX694" s="613"/>
      <c r="WKY694" s="613"/>
      <c r="WKZ694" s="613"/>
      <c r="WLA694" s="613"/>
      <c r="WLB694" s="613"/>
      <c r="WLC694" s="613"/>
      <c r="WLD694" s="613"/>
      <c r="WLE694" s="613"/>
      <c r="WLF694" s="613"/>
      <c r="WLG694" s="613"/>
      <c r="WLH694" s="613"/>
      <c r="WLI694" s="613"/>
      <c r="WLJ694" s="613"/>
      <c r="WLK694" s="613"/>
      <c r="WLL694" s="613"/>
      <c r="WLM694" s="613"/>
      <c r="WLN694" s="613"/>
      <c r="WLO694" s="613"/>
      <c r="WLP694" s="613"/>
      <c r="WLQ694" s="613"/>
      <c r="WLR694" s="613"/>
      <c r="WLS694" s="613"/>
      <c r="WLT694" s="613"/>
      <c r="WLU694" s="613"/>
      <c r="WLV694" s="613"/>
      <c r="WLW694" s="613"/>
      <c r="WLX694" s="613"/>
      <c r="WLY694" s="613"/>
      <c r="WLZ694" s="613"/>
      <c r="WMA694" s="613"/>
      <c r="WMB694" s="613"/>
      <c r="WMC694" s="613"/>
      <c r="WMD694" s="613"/>
      <c r="WME694" s="613"/>
      <c r="WMF694" s="613"/>
      <c r="WMG694" s="613"/>
      <c r="WMH694" s="613"/>
      <c r="WMI694" s="613"/>
      <c r="WMJ694" s="613"/>
      <c r="WMK694" s="613"/>
      <c r="WML694" s="613"/>
      <c r="WMM694" s="613"/>
      <c r="WMN694" s="613"/>
      <c r="WMO694" s="613"/>
      <c r="WMP694" s="613"/>
      <c r="WMQ694" s="613"/>
      <c r="WMR694" s="613"/>
      <c r="WMS694" s="613"/>
      <c r="WMT694" s="613"/>
      <c r="WMU694" s="613"/>
      <c r="WMV694" s="613"/>
      <c r="WMW694" s="613"/>
      <c r="WMX694" s="613"/>
      <c r="WMY694" s="613"/>
      <c r="WMZ694" s="613"/>
      <c r="WNA694" s="613"/>
      <c r="WNB694" s="613"/>
      <c r="WNC694" s="613"/>
      <c r="WND694" s="613"/>
      <c r="WNE694" s="613"/>
      <c r="WNF694" s="613"/>
      <c r="WNG694" s="613"/>
      <c r="WNH694" s="613"/>
      <c r="WNI694" s="613"/>
      <c r="WNJ694" s="613"/>
      <c r="WNK694" s="613"/>
      <c r="WNL694" s="613"/>
      <c r="WNM694" s="613"/>
      <c r="WNN694" s="613"/>
      <c r="WNO694" s="613"/>
      <c r="WNP694" s="613"/>
      <c r="WNQ694" s="613"/>
      <c r="WNR694" s="613"/>
      <c r="WNS694" s="613"/>
      <c r="WNT694" s="613"/>
      <c r="WNU694" s="613"/>
      <c r="WNV694" s="613"/>
      <c r="WNW694" s="613"/>
      <c r="WNX694" s="613"/>
      <c r="WNY694" s="613"/>
      <c r="WNZ694" s="613"/>
      <c r="WOA694" s="613"/>
      <c r="WOB694" s="613"/>
      <c r="WOC694" s="613"/>
      <c r="WOD694" s="613"/>
      <c r="WOE694" s="613"/>
      <c r="WOF694" s="613"/>
      <c r="WOG694" s="613"/>
      <c r="WOH694" s="613"/>
      <c r="WOI694" s="613"/>
      <c r="WOJ694" s="613"/>
      <c r="WOK694" s="613"/>
      <c r="WOL694" s="613"/>
      <c r="WOM694" s="613"/>
      <c r="WON694" s="613"/>
      <c r="WOO694" s="613"/>
      <c r="WOP694" s="613"/>
      <c r="WOQ694" s="613"/>
      <c r="WOR694" s="613"/>
      <c r="WOS694" s="613"/>
      <c r="WOT694" s="613"/>
      <c r="WOU694" s="613"/>
      <c r="WOV694" s="613"/>
      <c r="WOW694" s="613"/>
      <c r="WOX694" s="613"/>
      <c r="WOY694" s="613"/>
      <c r="WOZ694" s="613"/>
      <c r="WPA694" s="613"/>
      <c r="WPB694" s="613"/>
      <c r="WPC694" s="613"/>
      <c r="WPD694" s="613"/>
      <c r="WPE694" s="613"/>
      <c r="WPF694" s="613"/>
      <c r="WPG694" s="613"/>
      <c r="WPH694" s="613"/>
      <c r="WPI694" s="613"/>
      <c r="WPJ694" s="613"/>
      <c r="WPK694" s="613"/>
      <c r="WPL694" s="613"/>
      <c r="WPM694" s="613"/>
      <c r="WPN694" s="613"/>
      <c r="WPO694" s="613"/>
      <c r="WPP694" s="613"/>
      <c r="WPQ694" s="613"/>
      <c r="WPR694" s="613"/>
      <c r="WPS694" s="613"/>
      <c r="WPT694" s="613"/>
      <c r="WPU694" s="613"/>
      <c r="WPV694" s="613"/>
      <c r="WPW694" s="613"/>
      <c r="WPX694" s="613"/>
      <c r="WPY694" s="613"/>
      <c r="WPZ694" s="613"/>
      <c r="WQA694" s="613"/>
      <c r="WQB694" s="613"/>
      <c r="WQC694" s="613"/>
      <c r="WQD694" s="613"/>
      <c r="WQE694" s="613"/>
      <c r="WQF694" s="613"/>
      <c r="WQG694" s="613"/>
      <c r="WQH694" s="613"/>
      <c r="WQI694" s="613"/>
      <c r="WQJ694" s="613"/>
      <c r="WQK694" s="613"/>
      <c r="WQL694" s="613"/>
      <c r="WQM694" s="613"/>
      <c r="WQN694" s="613"/>
      <c r="WQO694" s="613"/>
      <c r="WQP694" s="613"/>
      <c r="WQQ694" s="613"/>
      <c r="WQR694" s="613"/>
      <c r="WQS694" s="613"/>
      <c r="WQT694" s="613"/>
      <c r="WQU694" s="613"/>
      <c r="WQV694" s="613"/>
      <c r="WQW694" s="613"/>
      <c r="WQX694" s="613"/>
      <c r="WQY694" s="613"/>
      <c r="WQZ694" s="613"/>
      <c r="WRA694" s="613"/>
      <c r="WRB694" s="613"/>
      <c r="WRC694" s="613"/>
      <c r="WRD694" s="613"/>
      <c r="WRE694" s="613"/>
      <c r="WRF694" s="613"/>
      <c r="WRG694" s="613"/>
      <c r="WRH694" s="613"/>
      <c r="WRI694" s="613"/>
      <c r="WRJ694" s="613"/>
      <c r="WRK694" s="613"/>
      <c r="WRL694" s="613"/>
      <c r="WRM694" s="613"/>
      <c r="WRN694" s="613"/>
      <c r="WRO694" s="613"/>
      <c r="WRP694" s="613"/>
      <c r="WRQ694" s="613"/>
      <c r="WRR694" s="613"/>
      <c r="WRS694" s="613"/>
      <c r="WRT694" s="613"/>
      <c r="WRU694" s="613"/>
      <c r="WRV694" s="613"/>
      <c r="WRW694" s="613"/>
      <c r="WRX694" s="613"/>
      <c r="WRY694" s="613"/>
      <c r="WRZ694" s="613"/>
      <c r="WSA694" s="613"/>
      <c r="WSB694" s="613"/>
      <c r="WSC694" s="613"/>
      <c r="WSD694" s="613"/>
      <c r="WSE694" s="613"/>
      <c r="WSF694" s="613"/>
      <c r="WSG694" s="613"/>
      <c r="WSH694" s="613"/>
      <c r="WSI694" s="613"/>
      <c r="WSJ694" s="613"/>
      <c r="WSK694" s="613"/>
      <c r="WSL694" s="613"/>
      <c r="WSM694" s="613"/>
      <c r="WSN694" s="613"/>
      <c r="WSO694" s="613"/>
      <c r="WSP694" s="613"/>
      <c r="WSQ694" s="613"/>
      <c r="WSR694" s="613"/>
      <c r="WSS694" s="613"/>
      <c r="WST694" s="613"/>
      <c r="WSU694" s="613"/>
      <c r="WSV694" s="613"/>
      <c r="WSW694" s="613"/>
      <c r="WSX694" s="613"/>
      <c r="WSY694" s="613"/>
      <c r="WSZ694" s="613"/>
      <c r="WTA694" s="613"/>
      <c r="WTB694" s="613"/>
      <c r="WTC694" s="613"/>
      <c r="WTD694" s="613"/>
      <c r="WTE694" s="613"/>
      <c r="WTF694" s="613"/>
      <c r="WTG694" s="613"/>
      <c r="WTH694" s="613"/>
      <c r="WTI694" s="613"/>
      <c r="WTJ694" s="613"/>
      <c r="WTK694" s="613"/>
      <c r="WTL694" s="613"/>
      <c r="WTM694" s="613"/>
      <c r="WTN694" s="613"/>
      <c r="WTO694" s="613"/>
      <c r="WTP694" s="613"/>
      <c r="WTQ694" s="613"/>
      <c r="WTR694" s="613"/>
      <c r="WTS694" s="613"/>
      <c r="WTT694" s="613"/>
      <c r="WTU694" s="613"/>
      <c r="WTV694" s="613"/>
      <c r="WTW694" s="613"/>
      <c r="WTX694" s="613"/>
      <c r="WTY694" s="613"/>
      <c r="WTZ694" s="613"/>
      <c r="WUA694" s="613"/>
      <c r="WUB694" s="613"/>
      <c r="WUC694" s="613"/>
      <c r="WUD694" s="613"/>
      <c r="WUE694" s="613"/>
      <c r="WUF694" s="613"/>
      <c r="WUG694" s="613"/>
      <c r="WUH694" s="613"/>
      <c r="WUI694" s="613"/>
      <c r="WUJ694" s="613"/>
      <c r="WUK694" s="613"/>
      <c r="WUL694" s="613"/>
      <c r="WUM694" s="613"/>
      <c r="WUN694" s="613"/>
      <c r="WUO694" s="613"/>
      <c r="WUP694" s="613"/>
      <c r="WUQ694" s="613"/>
      <c r="WUR694" s="613"/>
      <c r="WUS694" s="613"/>
      <c r="WUT694" s="613"/>
      <c r="WUU694" s="613"/>
      <c r="WUV694" s="613"/>
      <c r="WUW694" s="613"/>
      <c r="WUX694" s="613"/>
      <c r="WUY694" s="613"/>
      <c r="WUZ694" s="613"/>
      <c r="WVA694" s="613"/>
      <c r="WVB694" s="613"/>
      <c r="WVC694" s="613"/>
      <c r="WVD694" s="613"/>
      <c r="WVE694" s="613"/>
      <c r="WVF694" s="613"/>
      <c r="WVG694" s="613"/>
      <c r="WVH694" s="613"/>
      <c r="WVI694" s="613"/>
      <c r="WVJ694" s="613"/>
      <c r="WVK694" s="613"/>
      <c r="WVL694" s="613"/>
      <c r="WVM694" s="613"/>
      <c r="WVN694" s="613"/>
      <c r="WVO694" s="613"/>
      <c r="WVP694" s="613"/>
      <c r="WVQ694" s="613"/>
      <c r="WVR694" s="613"/>
      <c r="WVS694" s="613"/>
      <c r="WVT694" s="613"/>
      <c r="WVU694" s="613"/>
      <c r="WVV694" s="613"/>
      <c r="WVW694" s="613"/>
      <c r="WVX694" s="613"/>
      <c r="WVY694" s="613"/>
      <c r="WVZ694" s="613"/>
      <c r="WWA694" s="613"/>
      <c r="WWB694" s="613"/>
      <c r="WWC694" s="613"/>
      <c r="WWD694" s="613"/>
      <c r="WWE694" s="613"/>
      <c r="WWF694" s="613"/>
      <c r="WWG694" s="613"/>
      <c r="WWH694" s="613"/>
      <c r="WWI694" s="613"/>
      <c r="WWJ694" s="613"/>
      <c r="WWK694" s="613"/>
      <c r="WWL694" s="613"/>
      <c r="WWM694" s="613"/>
      <c r="WWN694" s="613"/>
      <c r="WWO694" s="613"/>
      <c r="WWP694" s="613"/>
      <c r="WWQ694" s="613"/>
      <c r="WWR694" s="613"/>
      <c r="WWS694" s="613"/>
      <c r="WWT694" s="613"/>
      <c r="WWU694" s="613"/>
      <c r="WWV694" s="613"/>
      <c r="WWW694" s="613"/>
      <c r="WWX694" s="613"/>
      <c r="WWY694" s="613"/>
      <c r="WWZ694" s="613"/>
      <c r="WXA694" s="613"/>
      <c r="WXB694" s="613"/>
      <c r="WXC694" s="613"/>
      <c r="WXD694" s="613"/>
      <c r="WXE694" s="613"/>
      <c r="WXF694" s="613"/>
      <c r="WXG694" s="613"/>
      <c r="WXH694" s="613"/>
      <c r="WXI694" s="613"/>
      <c r="WXJ694" s="613"/>
      <c r="WXK694" s="613"/>
      <c r="WXL694" s="613"/>
      <c r="WXM694" s="613"/>
      <c r="WXN694" s="613"/>
      <c r="WXO694" s="613"/>
      <c r="WXP694" s="613"/>
      <c r="WXQ694" s="613"/>
      <c r="WXR694" s="613"/>
      <c r="WXS694" s="613"/>
      <c r="WXT694" s="613"/>
      <c r="WXU694" s="613"/>
      <c r="WXV694" s="613"/>
      <c r="WXW694" s="613"/>
      <c r="WXX694" s="613"/>
      <c r="WXY694" s="613"/>
      <c r="WXZ694" s="613"/>
      <c r="WYA694" s="613"/>
      <c r="WYB694" s="613"/>
      <c r="WYC694" s="613"/>
      <c r="WYD694" s="613"/>
      <c r="WYE694" s="613"/>
      <c r="WYF694" s="613"/>
      <c r="WYG694" s="613"/>
      <c r="WYH694" s="613"/>
      <c r="WYI694" s="613"/>
      <c r="WYJ694" s="613"/>
      <c r="WYK694" s="613"/>
      <c r="WYL694" s="613"/>
      <c r="WYM694" s="613"/>
      <c r="WYN694" s="613"/>
      <c r="WYO694" s="613"/>
      <c r="WYP694" s="613"/>
      <c r="WYQ694" s="613"/>
      <c r="WYR694" s="613"/>
      <c r="WYS694" s="613"/>
      <c r="WYT694" s="613"/>
      <c r="WYU694" s="613"/>
      <c r="WYV694" s="613"/>
      <c r="WYW694" s="613"/>
      <c r="WYX694" s="613"/>
      <c r="WYY694" s="613"/>
      <c r="WYZ694" s="613"/>
      <c r="WZA694" s="613"/>
      <c r="WZB694" s="613"/>
      <c r="WZC694" s="613"/>
      <c r="WZD694" s="613"/>
      <c r="WZE694" s="613"/>
      <c r="WZF694" s="613"/>
      <c r="WZG694" s="613"/>
      <c r="WZH694" s="613"/>
      <c r="WZI694" s="613"/>
      <c r="WZJ694" s="613"/>
      <c r="WZK694" s="613"/>
      <c r="WZL694" s="613"/>
      <c r="WZM694" s="613"/>
      <c r="WZN694" s="613"/>
      <c r="WZO694" s="613"/>
      <c r="WZP694" s="613"/>
      <c r="WZQ694" s="613"/>
      <c r="WZR694" s="613"/>
      <c r="WZS694" s="613"/>
      <c r="WZT694" s="613"/>
      <c r="WZU694" s="613"/>
      <c r="WZV694" s="613"/>
      <c r="WZW694" s="613"/>
      <c r="WZX694" s="613"/>
      <c r="WZY694" s="613"/>
      <c r="WZZ694" s="613"/>
      <c r="XAA694" s="613"/>
      <c r="XAB694" s="613"/>
      <c r="XAC694" s="613"/>
      <c r="XAD694" s="613"/>
      <c r="XAE694" s="613"/>
      <c r="XAF694" s="613"/>
      <c r="XAG694" s="613"/>
      <c r="XAH694" s="613"/>
      <c r="XAI694" s="613"/>
      <c r="XAJ694" s="613"/>
      <c r="XAK694" s="613"/>
      <c r="XAL694" s="613"/>
      <c r="XAM694" s="613"/>
      <c r="XAN694" s="613"/>
      <c r="XAO694" s="613"/>
      <c r="XAP694" s="613"/>
      <c r="XAQ694" s="613"/>
      <c r="XAR694" s="613"/>
      <c r="XAS694" s="613"/>
      <c r="XAT694" s="613"/>
      <c r="XAU694" s="613"/>
      <c r="XAV694" s="613"/>
      <c r="XAW694" s="613"/>
      <c r="XAX694" s="613"/>
      <c r="XAY694" s="613"/>
      <c r="XAZ694" s="613"/>
      <c r="XBA694" s="613"/>
      <c r="XBB694" s="613"/>
      <c r="XBC694" s="613"/>
      <c r="XBD694" s="613"/>
      <c r="XBE694" s="613"/>
      <c r="XBF694" s="613"/>
      <c r="XBG694" s="613"/>
      <c r="XBH694" s="613"/>
      <c r="XBI694" s="613"/>
      <c r="XBJ694" s="613"/>
      <c r="XBK694" s="613"/>
      <c r="XBL694" s="613"/>
      <c r="XBM694" s="613"/>
      <c r="XBN694" s="613"/>
      <c r="XBO694" s="613"/>
      <c r="XBP694" s="613"/>
      <c r="XBQ694" s="613"/>
      <c r="XBR694" s="613"/>
      <c r="XBS694" s="613"/>
      <c r="XBT694" s="613"/>
      <c r="XBU694" s="613"/>
      <c r="XBV694" s="613"/>
      <c r="XBW694" s="613"/>
      <c r="XBX694" s="613"/>
      <c r="XBY694" s="613"/>
      <c r="XBZ694" s="613"/>
      <c r="XCA694" s="613"/>
      <c r="XCB694" s="613"/>
      <c r="XCC694" s="613"/>
      <c r="XCD694" s="613"/>
      <c r="XCE694" s="613"/>
      <c r="XCF694" s="613"/>
      <c r="XCG694" s="613"/>
      <c r="XCH694" s="613"/>
      <c r="XCI694" s="613"/>
      <c r="XCJ694" s="613"/>
      <c r="XCK694" s="613"/>
      <c r="XCL694" s="613"/>
      <c r="XCM694" s="613"/>
      <c r="XCN694" s="613"/>
      <c r="XCO694" s="613"/>
      <c r="XCP694" s="613"/>
      <c r="XCQ694" s="613"/>
    </row>
    <row r="695" spans="1:16319" ht="56.1" customHeight="1" x14ac:dyDescent="0.2">
      <c r="A695" s="494"/>
      <c r="B695" s="494"/>
      <c r="C695" s="494"/>
      <c r="D695" s="481">
        <v>254</v>
      </c>
      <c r="E695" s="481"/>
      <c r="F695" s="481" t="s">
        <v>2481</v>
      </c>
      <c r="G695" s="482" t="s">
        <v>53</v>
      </c>
      <c r="H695" s="765" t="s">
        <v>329</v>
      </c>
      <c r="I695" s="654" t="s">
        <v>482</v>
      </c>
      <c r="J695" s="654" t="s">
        <v>483</v>
      </c>
      <c r="K695" s="495" t="s">
        <v>499</v>
      </c>
      <c r="L695" s="621"/>
      <c r="M695" s="484" t="s">
        <v>58</v>
      </c>
      <c r="N695" s="327" t="s">
        <v>1370</v>
      </c>
      <c r="O695" s="484" t="s">
        <v>2996</v>
      </c>
      <c r="P695" s="484" t="s">
        <v>81</v>
      </c>
      <c r="Q695" s="667" t="s">
        <v>334</v>
      </c>
      <c r="R695" s="484" t="s">
        <v>334</v>
      </c>
      <c r="S695" s="484" t="s">
        <v>225</v>
      </c>
      <c r="T695" s="484"/>
      <c r="U695" s="620" t="s">
        <v>63</v>
      </c>
      <c r="V695" s="620" t="s">
        <v>63</v>
      </c>
      <c r="W695" s="723">
        <v>422889</v>
      </c>
      <c r="X695" s="723"/>
      <c r="Y695" s="654" t="s">
        <v>226</v>
      </c>
      <c r="Z695" s="654"/>
      <c r="AA695" s="723">
        <v>422889</v>
      </c>
      <c r="AB695" s="652" t="s">
        <v>82</v>
      </c>
      <c r="AC695" s="652"/>
      <c r="AD695" s="496"/>
      <c r="AE695" s="496"/>
      <c r="AF695" s="496"/>
      <c r="AG695" s="496"/>
      <c r="AH695" s="496"/>
      <c r="AI695" s="487"/>
      <c r="AJ695" s="496"/>
      <c r="AK695" s="496"/>
      <c r="AL695" s="496"/>
      <c r="AM695" s="496"/>
      <c r="AN695" s="496" t="s">
        <v>66</v>
      </c>
      <c r="AO695" s="496"/>
      <c r="AP695" s="496"/>
      <c r="AQ695" s="496"/>
      <c r="AR695" s="496"/>
      <c r="AS695" s="496"/>
      <c r="AT695" s="496"/>
      <c r="AU695" s="487"/>
      <c r="AV695" s="487"/>
      <c r="AW695" s="487"/>
      <c r="AX695" s="487"/>
      <c r="AY695" s="487"/>
      <c r="AZ695" s="487"/>
      <c r="BA695" s="484"/>
      <c r="BB695" s="484"/>
      <c r="BC695" s="484"/>
      <c r="BD695" s="494"/>
      <c r="BE695" s="494"/>
      <c r="BF695" s="613"/>
      <c r="BG695" s="613"/>
      <c r="BH695" s="613"/>
      <c r="BI695" s="613"/>
      <c r="BJ695" s="613"/>
      <c r="BK695" s="613"/>
      <c r="BL695" s="613"/>
      <c r="BM695" s="613"/>
      <c r="BN695" s="613"/>
      <c r="BO695" s="613"/>
      <c r="BP695" s="613"/>
      <c r="BQ695" s="613"/>
      <c r="BR695" s="613"/>
      <c r="BS695" s="613"/>
      <c r="BT695" s="613"/>
      <c r="BU695" s="613"/>
      <c r="BV695" s="613"/>
      <c r="BW695" s="613"/>
      <c r="BX695" s="613"/>
      <c r="BY695" s="613"/>
      <c r="BZ695" s="613"/>
      <c r="CA695" s="613"/>
      <c r="CB695" s="613"/>
      <c r="CC695" s="613"/>
      <c r="CD695" s="613"/>
      <c r="CE695" s="613"/>
      <c r="CF695" s="613"/>
      <c r="CG695" s="613"/>
      <c r="CH695" s="613"/>
      <c r="CI695" s="613"/>
      <c r="CJ695" s="613"/>
      <c r="CK695" s="613"/>
      <c r="CL695" s="613"/>
      <c r="CM695" s="613"/>
      <c r="CN695" s="613"/>
      <c r="CO695" s="613"/>
      <c r="CP695" s="613"/>
      <c r="CQ695" s="613"/>
      <c r="CR695" s="613"/>
      <c r="CS695" s="613"/>
      <c r="CT695" s="613"/>
      <c r="CU695" s="613"/>
      <c r="CV695" s="613"/>
      <c r="CW695" s="613"/>
      <c r="CX695" s="613"/>
      <c r="CY695" s="613"/>
      <c r="CZ695" s="613"/>
      <c r="DA695" s="613"/>
      <c r="DB695" s="613"/>
      <c r="DC695" s="613"/>
      <c r="DD695" s="613"/>
      <c r="DE695" s="613"/>
      <c r="DF695" s="613"/>
      <c r="DG695" s="613"/>
      <c r="DH695" s="613"/>
      <c r="DI695" s="613"/>
      <c r="DJ695" s="613"/>
      <c r="DK695" s="613"/>
      <c r="DL695" s="613"/>
      <c r="DM695" s="613"/>
      <c r="DN695" s="613"/>
      <c r="DO695" s="613"/>
      <c r="DP695" s="613"/>
      <c r="DQ695" s="613"/>
      <c r="DR695" s="613"/>
      <c r="DS695" s="613"/>
      <c r="DT695" s="613"/>
      <c r="DU695" s="613"/>
      <c r="DV695" s="613"/>
      <c r="DW695" s="613"/>
      <c r="DX695" s="613"/>
      <c r="DY695" s="613"/>
      <c r="DZ695" s="613"/>
      <c r="EA695" s="613"/>
      <c r="EB695" s="613"/>
      <c r="EC695" s="613"/>
      <c r="ED695" s="613"/>
      <c r="EE695" s="613"/>
      <c r="EF695" s="613"/>
      <c r="EG695" s="613"/>
      <c r="EH695" s="613"/>
      <c r="EI695" s="613"/>
      <c r="EJ695" s="613"/>
      <c r="EK695" s="613"/>
      <c r="EL695" s="613"/>
      <c r="EM695" s="613"/>
      <c r="EN695" s="613"/>
      <c r="EO695" s="613"/>
      <c r="EP695" s="613"/>
      <c r="EQ695" s="613"/>
      <c r="ER695" s="613"/>
      <c r="ES695" s="613"/>
      <c r="ET695" s="613"/>
      <c r="EU695" s="613"/>
      <c r="EV695" s="613"/>
      <c r="EW695" s="613"/>
      <c r="EX695" s="613"/>
      <c r="EY695" s="613"/>
      <c r="EZ695" s="613"/>
      <c r="FA695" s="613"/>
      <c r="FB695" s="613"/>
      <c r="FC695" s="613"/>
      <c r="FD695" s="613"/>
      <c r="FE695" s="613"/>
      <c r="FF695" s="613"/>
      <c r="FG695" s="613"/>
      <c r="FH695" s="613"/>
      <c r="FI695" s="613"/>
      <c r="FJ695" s="613"/>
      <c r="FK695" s="613"/>
      <c r="FL695" s="613"/>
      <c r="FM695" s="613"/>
      <c r="FN695" s="613"/>
      <c r="FO695" s="613"/>
      <c r="FP695" s="613"/>
      <c r="FQ695" s="613"/>
      <c r="FR695" s="613"/>
      <c r="FS695" s="613"/>
      <c r="FT695" s="613"/>
      <c r="FU695" s="613"/>
      <c r="FV695" s="613"/>
      <c r="FW695" s="613"/>
      <c r="FX695" s="613"/>
      <c r="FY695" s="613"/>
      <c r="FZ695" s="613"/>
      <c r="GA695" s="613"/>
      <c r="GB695" s="613"/>
      <c r="GC695" s="613"/>
      <c r="GD695" s="613"/>
      <c r="GE695" s="613"/>
      <c r="GF695" s="613"/>
      <c r="GG695" s="613"/>
      <c r="GH695" s="613"/>
      <c r="GI695" s="613"/>
      <c r="GJ695" s="613"/>
      <c r="GK695" s="613"/>
      <c r="GL695" s="613"/>
      <c r="GM695" s="613"/>
      <c r="GN695" s="613"/>
      <c r="GO695" s="613"/>
      <c r="GP695" s="613"/>
      <c r="GQ695" s="613"/>
      <c r="GR695" s="613"/>
      <c r="GS695" s="613"/>
      <c r="GT695" s="613"/>
      <c r="GU695" s="613"/>
      <c r="GV695" s="613"/>
      <c r="GW695" s="613"/>
      <c r="GX695" s="613"/>
      <c r="GY695" s="613"/>
      <c r="GZ695" s="613"/>
      <c r="HA695" s="613"/>
      <c r="HB695" s="613"/>
      <c r="HC695" s="613"/>
      <c r="HD695" s="613"/>
      <c r="HE695" s="613"/>
      <c r="HF695" s="613"/>
      <c r="HG695" s="613"/>
      <c r="HH695" s="613"/>
      <c r="HI695" s="613"/>
      <c r="HJ695" s="613"/>
      <c r="HK695" s="613"/>
      <c r="HL695" s="613"/>
      <c r="HM695" s="613"/>
      <c r="HN695" s="613"/>
      <c r="HO695" s="613"/>
      <c r="HP695" s="613"/>
      <c r="HQ695" s="613"/>
      <c r="HR695" s="613"/>
      <c r="HS695" s="613"/>
      <c r="HT695" s="613"/>
      <c r="HU695" s="613"/>
      <c r="HV695" s="613"/>
      <c r="HW695" s="613"/>
      <c r="HX695" s="613"/>
      <c r="HY695" s="613"/>
      <c r="HZ695" s="613"/>
      <c r="IA695" s="613"/>
      <c r="IB695" s="613"/>
      <c r="IC695" s="613"/>
      <c r="ID695" s="613"/>
      <c r="IE695" s="613"/>
      <c r="IF695" s="613"/>
      <c r="IG695" s="613"/>
      <c r="IH695" s="613"/>
      <c r="II695" s="613"/>
      <c r="IJ695" s="613"/>
      <c r="IK695" s="613"/>
      <c r="IL695" s="613"/>
      <c r="IM695" s="613"/>
      <c r="IN695" s="613"/>
      <c r="IO695" s="613"/>
      <c r="IP695" s="613"/>
      <c r="IQ695" s="613"/>
      <c r="IR695" s="613"/>
      <c r="IS695" s="613"/>
      <c r="IT695" s="613"/>
      <c r="IU695" s="613"/>
      <c r="IV695" s="613"/>
      <c r="IW695" s="613"/>
      <c r="IX695" s="613"/>
      <c r="IY695" s="613"/>
      <c r="IZ695" s="613"/>
      <c r="JA695" s="613"/>
      <c r="JB695" s="613"/>
      <c r="JC695" s="613"/>
      <c r="JD695" s="613"/>
      <c r="JE695" s="613"/>
      <c r="JF695" s="613"/>
      <c r="JG695" s="613"/>
      <c r="JH695" s="613"/>
      <c r="JI695" s="613"/>
      <c r="JJ695" s="613"/>
      <c r="JK695" s="613"/>
      <c r="JL695" s="613"/>
      <c r="JM695" s="613"/>
      <c r="JN695" s="613"/>
      <c r="JO695" s="613"/>
      <c r="JP695" s="613"/>
      <c r="JQ695" s="613"/>
      <c r="JR695" s="613"/>
      <c r="JS695" s="613"/>
      <c r="JT695" s="613"/>
      <c r="JU695" s="613"/>
      <c r="JV695" s="613"/>
      <c r="JW695" s="613"/>
      <c r="JX695" s="613"/>
      <c r="JY695" s="613"/>
      <c r="JZ695" s="613"/>
      <c r="KA695" s="613"/>
      <c r="KB695" s="613"/>
      <c r="KC695" s="613"/>
      <c r="KD695" s="613"/>
      <c r="KE695" s="613"/>
      <c r="KF695" s="613"/>
      <c r="KG695" s="613"/>
      <c r="KH695" s="613"/>
      <c r="KI695" s="613"/>
      <c r="KJ695" s="613"/>
      <c r="KK695" s="613"/>
      <c r="KL695" s="613"/>
      <c r="KM695" s="613"/>
      <c r="KN695" s="613"/>
      <c r="KO695" s="613"/>
      <c r="KP695" s="613"/>
      <c r="KQ695" s="613"/>
      <c r="KR695" s="613"/>
      <c r="KS695" s="613"/>
      <c r="KT695" s="613"/>
      <c r="KU695" s="613"/>
      <c r="KV695" s="613"/>
      <c r="KW695" s="613"/>
      <c r="KX695" s="613"/>
      <c r="KY695" s="613"/>
      <c r="KZ695" s="613"/>
      <c r="LA695" s="613"/>
      <c r="LB695" s="613"/>
      <c r="LC695" s="613"/>
      <c r="LD695" s="613"/>
      <c r="LE695" s="613"/>
      <c r="LF695" s="613"/>
      <c r="LG695" s="613"/>
      <c r="LH695" s="613"/>
      <c r="LI695" s="613"/>
      <c r="LJ695" s="613"/>
      <c r="LK695" s="613"/>
      <c r="LL695" s="613"/>
      <c r="LM695" s="613"/>
      <c r="LN695" s="613"/>
      <c r="LO695" s="613"/>
      <c r="LP695" s="613"/>
      <c r="LQ695" s="613"/>
      <c r="LR695" s="613"/>
      <c r="LS695" s="613"/>
      <c r="LT695" s="613"/>
      <c r="LU695" s="613"/>
      <c r="LV695" s="613"/>
      <c r="LW695" s="613"/>
      <c r="LX695" s="613"/>
      <c r="LY695" s="613"/>
      <c r="LZ695" s="613"/>
      <c r="MA695" s="613"/>
      <c r="MB695" s="613"/>
      <c r="MC695" s="613"/>
      <c r="MD695" s="613"/>
      <c r="ME695" s="613"/>
      <c r="MF695" s="613"/>
      <c r="MG695" s="613"/>
      <c r="MH695" s="613"/>
      <c r="MI695" s="613"/>
      <c r="MJ695" s="613"/>
      <c r="MK695" s="613"/>
      <c r="ML695" s="613"/>
      <c r="MM695" s="613"/>
      <c r="MN695" s="613"/>
      <c r="MO695" s="613"/>
      <c r="MP695" s="613"/>
      <c r="MQ695" s="613"/>
      <c r="MR695" s="613"/>
      <c r="MS695" s="613"/>
      <c r="MT695" s="613"/>
      <c r="MU695" s="613"/>
      <c r="MV695" s="613"/>
      <c r="MW695" s="613"/>
      <c r="MX695" s="613"/>
      <c r="MY695" s="613"/>
      <c r="MZ695" s="613"/>
      <c r="NA695" s="613"/>
      <c r="NB695" s="613"/>
      <c r="NC695" s="613"/>
      <c r="ND695" s="613"/>
      <c r="NE695" s="613"/>
      <c r="NF695" s="613"/>
      <c r="NG695" s="613"/>
      <c r="NH695" s="613"/>
      <c r="NI695" s="613"/>
      <c r="NJ695" s="613"/>
      <c r="NK695" s="613"/>
      <c r="NL695" s="613"/>
      <c r="NM695" s="613"/>
      <c r="NN695" s="613"/>
      <c r="NO695" s="613"/>
      <c r="NP695" s="613"/>
      <c r="NQ695" s="613"/>
      <c r="NR695" s="613"/>
      <c r="NS695" s="613"/>
      <c r="NT695" s="613"/>
      <c r="NU695" s="613"/>
      <c r="NV695" s="613"/>
      <c r="NW695" s="613"/>
      <c r="NX695" s="613"/>
      <c r="NY695" s="613"/>
      <c r="NZ695" s="613"/>
      <c r="OA695" s="613"/>
      <c r="OB695" s="613"/>
      <c r="OC695" s="613"/>
      <c r="OD695" s="613"/>
      <c r="OE695" s="613"/>
      <c r="OF695" s="613"/>
      <c r="OG695" s="613"/>
      <c r="OH695" s="613"/>
      <c r="OI695" s="613"/>
      <c r="OJ695" s="613"/>
      <c r="OK695" s="613"/>
      <c r="OL695" s="613"/>
      <c r="OM695" s="613"/>
      <c r="ON695" s="613"/>
      <c r="OO695" s="613"/>
      <c r="OP695" s="613"/>
      <c r="OQ695" s="613"/>
      <c r="OR695" s="613"/>
      <c r="OS695" s="613"/>
      <c r="OT695" s="613"/>
      <c r="OU695" s="613"/>
      <c r="OV695" s="613"/>
      <c r="OW695" s="613"/>
      <c r="OX695" s="613"/>
      <c r="OY695" s="613"/>
      <c r="OZ695" s="613"/>
      <c r="PA695" s="613"/>
      <c r="PB695" s="613"/>
      <c r="PC695" s="613"/>
      <c r="PD695" s="613"/>
      <c r="PE695" s="613"/>
      <c r="PF695" s="613"/>
      <c r="PG695" s="613"/>
      <c r="PH695" s="613"/>
      <c r="PI695" s="613"/>
      <c r="PJ695" s="613"/>
      <c r="PK695" s="613"/>
      <c r="PL695" s="613"/>
      <c r="PM695" s="613"/>
      <c r="PN695" s="613"/>
      <c r="PO695" s="613"/>
      <c r="PP695" s="613"/>
      <c r="PQ695" s="613"/>
      <c r="PR695" s="613"/>
      <c r="PS695" s="613"/>
      <c r="PT695" s="613"/>
      <c r="PU695" s="613"/>
      <c r="PV695" s="613"/>
      <c r="PW695" s="613"/>
      <c r="PX695" s="613"/>
      <c r="PY695" s="613"/>
      <c r="PZ695" s="613"/>
      <c r="QA695" s="613"/>
      <c r="QB695" s="613"/>
      <c r="QC695" s="613"/>
      <c r="QD695" s="613"/>
      <c r="QE695" s="613"/>
      <c r="QF695" s="613"/>
      <c r="QG695" s="613"/>
      <c r="QH695" s="613"/>
      <c r="QI695" s="613"/>
      <c r="QJ695" s="613"/>
      <c r="QK695" s="613"/>
      <c r="QL695" s="613"/>
      <c r="QM695" s="613"/>
      <c r="QN695" s="613"/>
      <c r="QO695" s="613"/>
      <c r="QP695" s="613"/>
      <c r="QQ695" s="613"/>
      <c r="QR695" s="613"/>
      <c r="QS695" s="613"/>
      <c r="QT695" s="613"/>
      <c r="QU695" s="613"/>
      <c r="QV695" s="613"/>
      <c r="QW695" s="613"/>
      <c r="QX695" s="613"/>
      <c r="QY695" s="613"/>
      <c r="QZ695" s="613"/>
      <c r="RA695" s="613"/>
      <c r="RB695" s="613"/>
      <c r="RC695" s="613"/>
      <c r="RD695" s="613"/>
      <c r="RE695" s="613"/>
      <c r="RF695" s="613"/>
      <c r="RG695" s="613"/>
      <c r="RH695" s="613"/>
      <c r="RI695" s="613"/>
      <c r="RJ695" s="613"/>
      <c r="RK695" s="613"/>
      <c r="RL695" s="613"/>
      <c r="RM695" s="613"/>
      <c r="RN695" s="613"/>
      <c r="RO695" s="613"/>
      <c r="RP695" s="613"/>
      <c r="RQ695" s="613"/>
      <c r="RR695" s="613"/>
      <c r="RS695" s="613"/>
      <c r="RT695" s="613"/>
      <c r="RU695" s="613"/>
      <c r="RV695" s="613"/>
      <c r="RW695" s="613"/>
      <c r="RX695" s="613"/>
      <c r="RY695" s="613"/>
      <c r="RZ695" s="613"/>
      <c r="SA695" s="613"/>
      <c r="SB695" s="613"/>
      <c r="SC695" s="613"/>
      <c r="SD695" s="613"/>
      <c r="SE695" s="613"/>
      <c r="SF695" s="613"/>
      <c r="SG695" s="613"/>
      <c r="SH695" s="613"/>
      <c r="SI695" s="613"/>
      <c r="SJ695" s="613"/>
      <c r="SK695" s="613"/>
      <c r="SL695" s="613"/>
      <c r="SM695" s="613"/>
      <c r="SN695" s="613"/>
      <c r="SO695" s="613"/>
      <c r="SP695" s="613"/>
      <c r="SQ695" s="613"/>
      <c r="SR695" s="613"/>
      <c r="SS695" s="613"/>
      <c r="ST695" s="613"/>
      <c r="SU695" s="613"/>
      <c r="SV695" s="613"/>
      <c r="SW695" s="613"/>
      <c r="SX695" s="613"/>
      <c r="SY695" s="613"/>
      <c r="SZ695" s="613"/>
      <c r="TA695" s="613"/>
      <c r="TB695" s="613"/>
      <c r="TC695" s="613"/>
      <c r="TD695" s="613"/>
      <c r="TE695" s="613"/>
      <c r="TF695" s="613"/>
      <c r="TG695" s="613"/>
      <c r="TH695" s="613"/>
      <c r="TI695" s="613"/>
      <c r="TJ695" s="613"/>
      <c r="TK695" s="613"/>
      <c r="TL695" s="613"/>
      <c r="TM695" s="613"/>
      <c r="TN695" s="613"/>
      <c r="TO695" s="613"/>
      <c r="TP695" s="613"/>
      <c r="TQ695" s="613"/>
      <c r="TR695" s="613"/>
      <c r="TS695" s="613"/>
      <c r="TT695" s="613"/>
      <c r="TU695" s="613"/>
      <c r="TV695" s="613"/>
      <c r="TW695" s="613"/>
      <c r="TX695" s="613"/>
      <c r="TY695" s="613"/>
      <c r="TZ695" s="613"/>
      <c r="UA695" s="613"/>
      <c r="UB695" s="613"/>
      <c r="UC695" s="613"/>
      <c r="UD695" s="613"/>
      <c r="UE695" s="613"/>
      <c r="UF695" s="613"/>
      <c r="UG695" s="613"/>
      <c r="UH695" s="613"/>
      <c r="UI695" s="613"/>
      <c r="UJ695" s="613"/>
      <c r="UK695" s="613"/>
      <c r="UL695" s="613"/>
      <c r="UM695" s="613"/>
      <c r="UN695" s="613"/>
      <c r="UO695" s="613"/>
      <c r="UP695" s="613"/>
      <c r="UQ695" s="613"/>
      <c r="UR695" s="613"/>
      <c r="US695" s="613"/>
      <c r="UT695" s="613"/>
      <c r="UU695" s="613"/>
      <c r="UV695" s="613"/>
      <c r="UW695" s="613"/>
      <c r="UX695" s="613"/>
      <c r="UY695" s="613"/>
      <c r="UZ695" s="613"/>
      <c r="VA695" s="613"/>
      <c r="VB695" s="613"/>
      <c r="VC695" s="613"/>
      <c r="VD695" s="613"/>
      <c r="VE695" s="613"/>
      <c r="VF695" s="613"/>
      <c r="VG695" s="613"/>
      <c r="VH695" s="613"/>
      <c r="VI695" s="613"/>
      <c r="VJ695" s="613"/>
      <c r="VK695" s="613"/>
      <c r="VL695" s="613"/>
      <c r="VM695" s="613"/>
      <c r="VN695" s="613"/>
      <c r="VO695" s="613"/>
      <c r="VP695" s="613"/>
      <c r="VQ695" s="613"/>
      <c r="VR695" s="613"/>
      <c r="VS695" s="613"/>
      <c r="VT695" s="613"/>
      <c r="VU695" s="613"/>
      <c r="VV695" s="613"/>
      <c r="VW695" s="613"/>
      <c r="VX695" s="613"/>
      <c r="VY695" s="613"/>
      <c r="VZ695" s="613"/>
      <c r="WA695" s="613"/>
      <c r="WB695" s="613"/>
      <c r="WC695" s="613"/>
      <c r="WD695" s="613"/>
      <c r="WE695" s="613"/>
      <c r="WF695" s="613"/>
      <c r="WG695" s="613"/>
      <c r="WH695" s="613"/>
      <c r="WI695" s="613"/>
      <c r="WJ695" s="613"/>
      <c r="WK695" s="613"/>
      <c r="WL695" s="613"/>
      <c r="WM695" s="613"/>
      <c r="WN695" s="613"/>
      <c r="WO695" s="613"/>
      <c r="WP695" s="613"/>
      <c r="WQ695" s="613"/>
      <c r="WR695" s="613"/>
      <c r="WS695" s="613"/>
      <c r="WT695" s="613"/>
      <c r="WU695" s="613"/>
      <c r="WV695" s="613"/>
      <c r="WW695" s="613"/>
      <c r="WX695" s="613"/>
      <c r="WY695" s="613"/>
      <c r="WZ695" s="613"/>
      <c r="XA695" s="613"/>
      <c r="XB695" s="613"/>
      <c r="XC695" s="613"/>
      <c r="XD695" s="613"/>
      <c r="XE695" s="613"/>
      <c r="XF695" s="613"/>
      <c r="XG695" s="613"/>
      <c r="XH695" s="613"/>
      <c r="XI695" s="613"/>
      <c r="XJ695" s="613"/>
      <c r="XK695" s="613"/>
      <c r="XL695" s="613"/>
      <c r="XM695" s="613"/>
      <c r="XN695" s="613"/>
      <c r="XO695" s="613"/>
      <c r="XP695" s="613"/>
      <c r="XQ695" s="613"/>
      <c r="XR695" s="613"/>
      <c r="XS695" s="613"/>
      <c r="XT695" s="613"/>
      <c r="XU695" s="613"/>
      <c r="XV695" s="613"/>
      <c r="XW695" s="613"/>
      <c r="XX695" s="613"/>
      <c r="XY695" s="613"/>
      <c r="XZ695" s="613"/>
      <c r="YA695" s="613"/>
      <c r="YB695" s="613"/>
      <c r="YC695" s="613"/>
      <c r="YD695" s="613"/>
      <c r="YE695" s="613"/>
      <c r="YF695" s="613"/>
      <c r="YG695" s="613"/>
      <c r="YH695" s="613"/>
      <c r="YI695" s="613"/>
      <c r="YJ695" s="613"/>
      <c r="YK695" s="613"/>
      <c r="YL695" s="613"/>
      <c r="YM695" s="613"/>
      <c r="YN695" s="613"/>
      <c r="YO695" s="613"/>
      <c r="YP695" s="613"/>
      <c r="YQ695" s="613"/>
      <c r="YR695" s="613"/>
      <c r="YS695" s="613"/>
      <c r="YT695" s="613"/>
      <c r="YU695" s="613"/>
      <c r="YV695" s="613"/>
      <c r="YW695" s="613"/>
      <c r="YX695" s="613"/>
      <c r="YY695" s="613"/>
      <c r="YZ695" s="613"/>
      <c r="ZA695" s="613"/>
      <c r="ZB695" s="613"/>
      <c r="ZC695" s="613"/>
      <c r="ZD695" s="613"/>
      <c r="ZE695" s="613"/>
      <c r="ZF695" s="613"/>
      <c r="ZG695" s="613"/>
      <c r="ZH695" s="613"/>
      <c r="ZI695" s="613"/>
      <c r="ZJ695" s="613"/>
      <c r="ZK695" s="613"/>
      <c r="ZL695" s="613"/>
      <c r="ZM695" s="613"/>
      <c r="ZN695" s="613"/>
      <c r="ZO695" s="613"/>
      <c r="ZP695" s="613"/>
      <c r="ZQ695" s="613"/>
      <c r="ZR695" s="613"/>
      <c r="ZS695" s="613"/>
      <c r="ZT695" s="613"/>
      <c r="ZU695" s="613"/>
      <c r="ZV695" s="613"/>
      <c r="ZW695" s="613"/>
      <c r="ZX695" s="613"/>
      <c r="ZY695" s="613"/>
      <c r="ZZ695" s="613"/>
      <c r="AAA695" s="613"/>
      <c r="AAB695" s="613"/>
      <c r="AAC695" s="613"/>
      <c r="AAD695" s="613"/>
      <c r="AAE695" s="613"/>
      <c r="AAF695" s="613"/>
      <c r="AAG695" s="613"/>
      <c r="AAH695" s="613"/>
      <c r="AAI695" s="613"/>
      <c r="AAJ695" s="613"/>
      <c r="AAK695" s="613"/>
      <c r="AAL695" s="613"/>
      <c r="AAM695" s="613"/>
      <c r="AAN695" s="613"/>
      <c r="AAO695" s="613"/>
      <c r="AAP695" s="613"/>
      <c r="AAQ695" s="613"/>
      <c r="AAR695" s="613"/>
      <c r="AAS695" s="613"/>
      <c r="AAT695" s="613"/>
      <c r="AAU695" s="613"/>
      <c r="AAV695" s="613"/>
      <c r="AAW695" s="613"/>
      <c r="AAX695" s="613"/>
      <c r="AAY695" s="613"/>
      <c r="AAZ695" s="613"/>
      <c r="ABA695" s="613"/>
      <c r="ABB695" s="613"/>
      <c r="ABC695" s="613"/>
      <c r="ABD695" s="613"/>
      <c r="ABE695" s="613"/>
      <c r="ABF695" s="613"/>
      <c r="ABG695" s="613"/>
      <c r="ABH695" s="613"/>
      <c r="ABI695" s="613"/>
      <c r="ABJ695" s="613"/>
      <c r="ABK695" s="613"/>
      <c r="ABL695" s="613"/>
      <c r="ABM695" s="613"/>
      <c r="ABN695" s="613"/>
      <c r="ABO695" s="613"/>
      <c r="ABP695" s="613"/>
      <c r="ABQ695" s="613"/>
      <c r="ABR695" s="613"/>
      <c r="ABS695" s="613"/>
      <c r="ABT695" s="613"/>
      <c r="ABU695" s="613"/>
      <c r="ABV695" s="613"/>
      <c r="ABW695" s="613"/>
      <c r="ABX695" s="613"/>
      <c r="ABY695" s="613"/>
      <c r="ABZ695" s="613"/>
      <c r="ACA695" s="613"/>
      <c r="ACB695" s="613"/>
      <c r="ACC695" s="613"/>
      <c r="ACD695" s="613"/>
      <c r="ACE695" s="613"/>
      <c r="ACF695" s="613"/>
      <c r="ACG695" s="613"/>
      <c r="ACH695" s="613"/>
      <c r="ACI695" s="613"/>
      <c r="ACJ695" s="613"/>
      <c r="ACK695" s="613"/>
      <c r="ACL695" s="613"/>
      <c r="ACM695" s="613"/>
      <c r="ACN695" s="613"/>
      <c r="ACO695" s="613"/>
      <c r="ACP695" s="613"/>
      <c r="ACQ695" s="613"/>
      <c r="ACR695" s="613"/>
      <c r="ACS695" s="613"/>
      <c r="ACT695" s="613"/>
      <c r="ACU695" s="613"/>
      <c r="ACV695" s="613"/>
      <c r="ACW695" s="613"/>
      <c r="ACX695" s="613"/>
      <c r="ACY695" s="613"/>
      <c r="ACZ695" s="613"/>
      <c r="ADA695" s="613"/>
      <c r="ADB695" s="613"/>
      <c r="ADC695" s="613"/>
      <c r="ADD695" s="613"/>
      <c r="ADE695" s="613"/>
      <c r="ADF695" s="613"/>
      <c r="ADG695" s="613"/>
      <c r="ADH695" s="613"/>
      <c r="ADI695" s="613"/>
      <c r="ADJ695" s="613"/>
      <c r="ADK695" s="613"/>
      <c r="ADL695" s="613"/>
      <c r="ADM695" s="613"/>
      <c r="ADN695" s="613"/>
      <c r="ADO695" s="613"/>
      <c r="ADP695" s="613"/>
      <c r="ADQ695" s="613"/>
      <c r="ADR695" s="613"/>
      <c r="ADS695" s="613"/>
      <c r="ADT695" s="613"/>
      <c r="ADU695" s="613"/>
      <c r="ADV695" s="613"/>
      <c r="ADW695" s="613"/>
      <c r="ADX695" s="613"/>
      <c r="ADY695" s="613"/>
      <c r="ADZ695" s="613"/>
      <c r="AEA695" s="613"/>
      <c r="AEB695" s="613"/>
      <c r="AEC695" s="613"/>
      <c r="AED695" s="613"/>
      <c r="AEE695" s="613"/>
      <c r="AEF695" s="613"/>
      <c r="AEG695" s="613"/>
      <c r="AEH695" s="613"/>
      <c r="AEI695" s="613"/>
      <c r="AEJ695" s="613"/>
      <c r="AEK695" s="613"/>
      <c r="AEL695" s="613"/>
      <c r="AEM695" s="613"/>
      <c r="AEN695" s="613"/>
      <c r="AEO695" s="613"/>
      <c r="AEP695" s="613"/>
      <c r="AEQ695" s="613"/>
      <c r="AER695" s="613"/>
      <c r="AES695" s="613"/>
      <c r="AET695" s="613"/>
      <c r="AEU695" s="613"/>
      <c r="AEV695" s="613"/>
      <c r="AEW695" s="613"/>
      <c r="AEX695" s="613"/>
      <c r="AEY695" s="613"/>
      <c r="AEZ695" s="613"/>
      <c r="AFA695" s="613"/>
      <c r="AFB695" s="613"/>
      <c r="AFC695" s="613"/>
      <c r="AFD695" s="613"/>
      <c r="AFE695" s="613"/>
      <c r="AFF695" s="613"/>
      <c r="AFG695" s="613"/>
      <c r="AFH695" s="613"/>
      <c r="AFI695" s="613"/>
      <c r="AFJ695" s="613"/>
      <c r="AFK695" s="613"/>
      <c r="AFL695" s="613"/>
      <c r="AFM695" s="613"/>
      <c r="AFN695" s="613"/>
      <c r="AFO695" s="613"/>
      <c r="AFP695" s="613"/>
      <c r="AFQ695" s="613"/>
      <c r="AFR695" s="613"/>
      <c r="AFS695" s="613"/>
      <c r="AFT695" s="613"/>
      <c r="AFU695" s="613"/>
      <c r="AFV695" s="613"/>
      <c r="AFW695" s="613"/>
      <c r="AFX695" s="613"/>
      <c r="AFY695" s="613"/>
      <c r="AFZ695" s="613"/>
      <c r="AGA695" s="613"/>
      <c r="AGB695" s="613"/>
      <c r="AGC695" s="613"/>
      <c r="AGD695" s="613"/>
      <c r="AGE695" s="613"/>
      <c r="AGF695" s="613"/>
      <c r="AGG695" s="613"/>
      <c r="AGH695" s="613"/>
      <c r="AGI695" s="613"/>
      <c r="AGJ695" s="613"/>
      <c r="AGK695" s="613"/>
      <c r="AGL695" s="613"/>
      <c r="AGM695" s="613"/>
      <c r="AGN695" s="613"/>
      <c r="AGO695" s="613"/>
      <c r="AGP695" s="613"/>
      <c r="AGQ695" s="613"/>
      <c r="AGR695" s="613"/>
      <c r="AGS695" s="613"/>
      <c r="AGT695" s="613"/>
      <c r="AGU695" s="613"/>
      <c r="AGV695" s="613"/>
      <c r="AGW695" s="613"/>
      <c r="AGX695" s="613"/>
      <c r="AGY695" s="613"/>
      <c r="AGZ695" s="613"/>
      <c r="AHA695" s="613"/>
      <c r="AHB695" s="613"/>
      <c r="AHC695" s="613"/>
      <c r="AHD695" s="613"/>
      <c r="AHE695" s="613"/>
      <c r="AHF695" s="613"/>
      <c r="AHG695" s="613"/>
      <c r="AHH695" s="613"/>
      <c r="AHI695" s="613"/>
      <c r="AHJ695" s="613"/>
      <c r="AHK695" s="613"/>
      <c r="AHL695" s="613"/>
      <c r="AHM695" s="613"/>
      <c r="AHN695" s="613"/>
      <c r="AHO695" s="613"/>
      <c r="AHP695" s="613"/>
      <c r="AHQ695" s="613"/>
      <c r="AHR695" s="613"/>
      <c r="AHS695" s="613"/>
      <c r="AHT695" s="613"/>
      <c r="AHU695" s="613"/>
      <c r="AHV695" s="613"/>
      <c r="AHW695" s="613"/>
      <c r="AHX695" s="613"/>
      <c r="AHY695" s="613"/>
      <c r="AHZ695" s="613"/>
      <c r="AIA695" s="613"/>
      <c r="AIB695" s="613"/>
      <c r="AIC695" s="613"/>
      <c r="AID695" s="613"/>
      <c r="AIE695" s="613"/>
      <c r="AIF695" s="613"/>
      <c r="AIG695" s="613"/>
      <c r="AIH695" s="613"/>
      <c r="AII695" s="613"/>
      <c r="AIJ695" s="613"/>
      <c r="AIK695" s="613"/>
      <c r="AIL695" s="613"/>
      <c r="AIM695" s="613"/>
      <c r="AIN695" s="613"/>
      <c r="AIO695" s="613"/>
      <c r="AIP695" s="613"/>
      <c r="AIQ695" s="613"/>
      <c r="AIR695" s="613"/>
      <c r="AIS695" s="613"/>
      <c r="AIT695" s="613"/>
      <c r="AIU695" s="613"/>
      <c r="AIV695" s="613"/>
      <c r="AIW695" s="613"/>
      <c r="AIX695" s="613"/>
      <c r="AIY695" s="613"/>
      <c r="AIZ695" s="613"/>
      <c r="AJA695" s="613"/>
      <c r="AJB695" s="613"/>
      <c r="AJC695" s="613"/>
      <c r="AJD695" s="613"/>
      <c r="AJE695" s="613"/>
      <c r="AJF695" s="613"/>
      <c r="AJG695" s="613"/>
      <c r="AJH695" s="613"/>
      <c r="AJI695" s="613"/>
      <c r="AJJ695" s="613"/>
      <c r="AJK695" s="613"/>
      <c r="AJL695" s="613"/>
      <c r="AJM695" s="613"/>
      <c r="AJN695" s="613"/>
      <c r="AJO695" s="613"/>
      <c r="AJP695" s="613"/>
      <c r="AJQ695" s="613"/>
      <c r="AJR695" s="613"/>
      <c r="AJS695" s="613"/>
      <c r="AJT695" s="613"/>
      <c r="AJU695" s="613"/>
      <c r="AJV695" s="613"/>
      <c r="AJW695" s="613"/>
      <c r="AJX695" s="613"/>
      <c r="AJY695" s="613"/>
      <c r="AJZ695" s="613"/>
      <c r="AKA695" s="613"/>
      <c r="AKB695" s="613"/>
      <c r="AKC695" s="613"/>
      <c r="AKD695" s="613"/>
      <c r="AKE695" s="613"/>
      <c r="AKF695" s="613"/>
      <c r="AKG695" s="613"/>
      <c r="AKH695" s="613"/>
      <c r="AKI695" s="613"/>
      <c r="AKJ695" s="613"/>
      <c r="AKK695" s="613"/>
      <c r="AKL695" s="613"/>
      <c r="AKM695" s="613"/>
      <c r="AKN695" s="613"/>
      <c r="AKO695" s="613"/>
      <c r="AKP695" s="613"/>
      <c r="AKQ695" s="613"/>
      <c r="AKR695" s="613"/>
      <c r="AKS695" s="613"/>
      <c r="AKT695" s="613"/>
      <c r="AKU695" s="613"/>
      <c r="AKV695" s="613"/>
      <c r="AKW695" s="613"/>
      <c r="AKX695" s="613"/>
      <c r="AKY695" s="613"/>
      <c r="AKZ695" s="613"/>
      <c r="ALA695" s="613"/>
      <c r="ALB695" s="613"/>
      <c r="ALC695" s="613"/>
      <c r="ALD695" s="613"/>
      <c r="ALE695" s="613"/>
      <c r="ALF695" s="613"/>
      <c r="ALG695" s="613"/>
      <c r="ALH695" s="613"/>
      <c r="ALI695" s="613"/>
      <c r="ALJ695" s="613"/>
      <c r="ALK695" s="613"/>
      <c r="ALL695" s="613"/>
      <c r="ALM695" s="613"/>
      <c r="ALN695" s="613"/>
      <c r="ALO695" s="613"/>
      <c r="ALP695" s="613"/>
      <c r="ALQ695" s="613"/>
      <c r="ALR695" s="613"/>
      <c r="ALS695" s="613"/>
      <c r="ALT695" s="613"/>
      <c r="ALU695" s="613"/>
      <c r="ALV695" s="613"/>
      <c r="ALW695" s="613"/>
      <c r="ALX695" s="613"/>
      <c r="ALY695" s="613"/>
      <c r="ALZ695" s="613"/>
      <c r="AMA695" s="613"/>
      <c r="AMB695" s="613"/>
      <c r="AMC695" s="613"/>
      <c r="AMD695" s="613"/>
      <c r="AME695" s="613"/>
      <c r="AMF695" s="613"/>
      <c r="AMG695" s="613"/>
      <c r="AMH695" s="613"/>
      <c r="AMI695" s="613"/>
      <c r="AMJ695" s="613"/>
      <c r="AMK695" s="613"/>
      <c r="AML695" s="613"/>
      <c r="AMM695" s="613"/>
      <c r="AMN695" s="613"/>
      <c r="AMO695" s="613"/>
      <c r="AMP695" s="613"/>
      <c r="AMQ695" s="613"/>
      <c r="AMR695" s="613"/>
      <c r="AMS695" s="613"/>
      <c r="AMT695" s="613"/>
      <c r="AMU695" s="613"/>
      <c r="AMV695" s="613"/>
      <c r="AMW695" s="613"/>
      <c r="AMX695" s="613"/>
      <c r="AMY695" s="613"/>
      <c r="AMZ695" s="613"/>
      <c r="ANA695" s="613"/>
      <c r="ANB695" s="613"/>
      <c r="ANC695" s="613"/>
      <c r="AND695" s="613"/>
      <c r="ANE695" s="613"/>
      <c r="ANF695" s="613"/>
      <c r="ANG695" s="613"/>
      <c r="ANH695" s="613"/>
      <c r="ANI695" s="613"/>
      <c r="ANJ695" s="613"/>
      <c r="ANK695" s="613"/>
      <c r="ANL695" s="613"/>
      <c r="ANM695" s="613"/>
      <c r="ANN695" s="613"/>
      <c r="ANO695" s="613"/>
      <c r="ANP695" s="613"/>
      <c r="ANQ695" s="613"/>
      <c r="ANR695" s="613"/>
      <c r="ANS695" s="613"/>
      <c r="ANT695" s="613"/>
      <c r="ANU695" s="613"/>
      <c r="ANV695" s="613"/>
      <c r="ANW695" s="613"/>
      <c r="ANX695" s="613"/>
      <c r="ANY695" s="613"/>
      <c r="ANZ695" s="613"/>
      <c r="AOA695" s="613"/>
      <c r="AOB695" s="613"/>
      <c r="AOC695" s="613"/>
      <c r="AOD695" s="613"/>
      <c r="AOE695" s="613"/>
      <c r="AOF695" s="613"/>
      <c r="AOG695" s="613"/>
      <c r="AOH695" s="613"/>
      <c r="AOI695" s="613"/>
      <c r="AOJ695" s="613"/>
      <c r="AOK695" s="613"/>
      <c r="AOL695" s="613"/>
      <c r="AOM695" s="613"/>
      <c r="AON695" s="613"/>
      <c r="AOO695" s="613"/>
      <c r="AOP695" s="613"/>
      <c r="AOQ695" s="613"/>
      <c r="AOR695" s="613"/>
      <c r="AOS695" s="613"/>
      <c r="AOT695" s="613"/>
      <c r="AOU695" s="613"/>
      <c r="AOV695" s="613"/>
      <c r="AOW695" s="613"/>
      <c r="AOX695" s="613"/>
      <c r="AOY695" s="613"/>
      <c r="AOZ695" s="613"/>
      <c r="APA695" s="613"/>
      <c r="APB695" s="613"/>
      <c r="APC695" s="613"/>
      <c r="APD695" s="613"/>
      <c r="APE695" s="613"/>
      <c r="APF695" s="613"/>
      <c r="APG695" s="613"/>
      <c r="APH695" s="613"/>
      <c r="API695" s="613"/>
      <c r="APJ695" s="613"/>
      <c r="APK695" s="613"/>
      <c r="APL695" s="613"/>
      <c r="APM695" s="613"/>
      <c r="APN695" s="613"/>
      <c r="APO695" s="613"/>
      <c r="APP695" s="613"/>
      <c r="APQ695" s="613"/>
      <c r="APR695" s="613"/>
      <c r="APS695" s="613"/>
      <c r="APT695" s="613"/>
      <c r="APU695" s="613"/>
      <c r="APV695" s="613"/>
      <c r="APW695" s="613"/>
      <c r="APX695" s="613"/>
      <c r="APY695" s="613"/>
      <c r="APZ695" s="613"/>
      <c r="AQA695" s="613"/>
      <c r="AQB695" s="613"/>
      <c r="AQC695" s="613"/>
      <c r="AQD695" s="613"/>
      <c r="AQE695" s="613"/>
      <c r="AQF695" s="613"/>
      <c r="AQG695" s="613"/>
      <c r="AQH695" s="613"/>
      <c r="AQI695" s="613"/>
      <c r="AQJ695" s="613"/>
      <c r="AQK695" s="613"/>
      <c r="AQL695" s="613"/>
      <c r="AQM695" s="613"/>
      <c r="AQN695" s="613"/>
      <c r="AQO695" s="613"/>
      <c r="AQP695" s="613"/>
      <c r="AQQ695" s="613"/>
      <c r="AQR695" s="613"/>
      <c r="AQS695" s="613"/>
      <c r="AQT695" s="613"/>
      <c r="AQU695" s="613"/>
      <c r="AQV695" s="613"/>
      <c r="AQW695" s="613"/>
      <c r="AQX695" s="613"/>
      <c r="AQY695" s="613"/>
      <c r="AQZ695" s="613"/>
      <c r="ARA695" s="613"/>
      <c r="ARB695" s="613"/>
      <c r="ARC695" s="613"/>
      <c r="ARD695" s="613"/>
      <c r="ARE695" s="613"/>
      <c r="ARF695" s="613"/>
      <c r="ARG695" s="613"/>
      <c r="ARH695" s="613"/>
      <c r="ARI695" s="613"/>
      <c r="ARJ695" s="613"/>
      <c r="ARK695" s="613"/>
      <c r="ARL695" s="613"/>
      <c r="ARM695" s="613"/>
      <c r="ARN695" s="613"/>
      <c r="ARO695" s="613"/>
      <c r="ARP695" s="613"/>
      <c r="ARQ695" s="613"/>
      <c r="ARR695" s="613"/>
      <c r="ARS695" s="613"/>
      <c r="ART695" s="613"/>
      <c r="ARU695" s="613"/>
      <c r="ARV695" s="613"/>
      <c r="ARW695" s="613"/>
      <c r="ARX695" s="613"/>
      <c r="ARY695" s="613"/>
      <c r="ARZ695" s="613"/>
      <c r="ASA695" s="613"/>
      <c r="ASB695" s="613"/>
      <c r="ASC695" s="613"/>
      <c r="ASD695" s="613"/>
      <c r="ASE695" s="613"/>
      <c r="ASF695" s="613"/>
      <c r="ASG695" s="613"/>
      <c r="ASH695" s="613"/>
      <c r="ASI695" s="613"/>
      <c r="ASJ695" s="613"/>
      <c r="ASK695" s="613"/>
      <c r="ASL695" s="613"/>
      <c r="ASM695" s="613"/>
      <c r="ASN695" s="613"/>
      <c r="ASO695" s="613"/>
      <c r="ASP695" s="613"/>
      <c r="ASQ695" s="613"/>
      <c r="ASR695" s="613"/>
      <c r="ASS695" s="613"/>
      <c r="AST695" s="613"/>
      <c r="ASU695" s="613"/>
      <c r="ASV695" s="613"/>
      <c r="ASW695" s="613"/>
      <c r="ASX695" s="613"/>
      <c r="ASY695" s="613"/>
      <c r="ASZ695" s="613"/>
      <c r="ATA695" s="613"/>
      <c r="ATB695" s="613"/>
      <c r="ATC695" s="613"/>
      <c r="ATD695" s="613"/>
      <c r="ATE695" s="613"/>
      <c r="ATF695" s="613"/>
      <c r="ATG695" s="613"/>
      <c r="ATH695" s="613"/>
      <c r="ATI695" s="613"/>
      <c r="ATJ695" s="613"/>
      <c r="ATK695" s="613"/>
      <c r="ATL695" s="613"/>
      <c r="ATM695" s="613"/>
      <c r="ATN695" s="613"/>
      <c r="ATO695" s="613"/>
      <c r="ATP695" s="613"/>
      <c r="ATQ695" s="613"/>
      <c r="ATR695" s="613"/>
      <c r="ATS695" s="613"/>
      <c r="ATT695" s="613"/>
      <c r="ATU695" s="613"/>
      <c r="ATV695" s="613"/>
      <c r="ATW695" s="613"/>
      <c r="ATX695" s="613"/>
      <c r="ATY695" s="613"/>
      <c r="ATZ695" s="613"/>
      <c r="AUA695" s="613"/>
      <c r="AUB695" s="613"/>
      <c r="AUC695" s="613"/>
      <c r="AUD695" s="613"/>
      <c r="AUE695" s="613"/>
      <c r="AUF695" s="613"/>
      <c r="AUG695" s="613"/>
      <c r="AUH695" s="613"/>
      <c r="AUI695" s="613"/>
      <c r="AUJ695" s="613"/>
      <c r="AUK695" s="613"/>
      <c r="AUL695" s="613"/>
      <c r="AUM695" s="613"/>
      <c r="AUN695" s="613"/>
      <c r="AUO695" s="613"/>
      <c r="AUP695" s="613"/>
      <c r="AUQ695" s="613"/>
      <c r="AUR695" s="613"/>
      <c r="AUS695" s="613"/>
      <c r="AUT695" s="613"/>
      <c r="AUU695" s="613"/>
      <c r="AUV695" s="613"/>
      <c r="AUW695" s="613"/>
      <c r="AUX695" s="613"/>
      <c r="AUY695" s="613"/>
      <c r="AUZ695" s="613"/>
      <c r="AVA695" s="613"/>
      <c r="AVB695" s="613"/>
      <c r="AVC695" s="613"/>
      <c r="AVD695" s="613"/>
      <c r="AVE695" s="613"/>
      <c r="AVF695" s="613"/>
      <c r="AVG695" s="613"/>
      <c r="AVH695" s="613"/>
      <c r="AVI695" s="613"/>
      <c r="AVJ695" s="613"/>
      <c r="AVK695" s="613"/>
      <c r="AVL695" s="613"/>
      <c r="AVM695" s="613"/>
      <c r="AVN695" s="613"/>
      <c r="AVO695" s="613"/>
      <c r="AVP695" s="613"/>
      <c r="AVQ695" s="613"/>
      <c r="AVR695" s="613"/>
      <c r="AVS695" s="613"/>
      <c r="AVT695" s="613"/>
      <c r="AVU695" s="613"/>
      <c r="AVV695" s="613"/>
      <c r="AVW695" s="613"/>
      <c r="AVX695" s="613"/>
      <c r="AVY695" s="613"/>
      <c r="AVZ695" s="613"/>
      <c r="AWA695" s="613"/>
      <c r="AWB695" s="613"/>
      <c r="AWC695" s="613"/>
      <c r="AWD695" s="613"/>
      <c r="AWE695" s="613"/>
      <c r="AWF695" s="613"/>
      <c r="AWG695" s="613"/>
      <c r="AWH695" s="613"/>
      <c r="AWI695" s="613"/>
      <c r="AWJ695" s="613"/>
      <c r="AWK695" s="613"/>
      <c r="AWL695" s="613"/>
      <c r="AWM695" s="613"/>
      <c r="AWN695" s="613"/>
      <c r="AWO695" s="613"/>
      <c r="AWP695" s="613"/>
      <c r="AWQ695" s="613"/>
      <c r="AWR695" s="613"/>
      <c r="AWS695" s="613"/>
      <c r="AWT695" s="613"/>
      <c r="AWU695" s="613"/>
      <c r="AWV695" s="613"/>
      <c r="AWW695" s="613"/>
      <c r="AWX695" s="613"/>
      <c r="AWY695" s="613"/>
      <c r="AWZ695" s="613"/>
      <c r="AXA695" s="613"/>
      <c r="AXB695" s="613"/>
      <c r="AXC695" s="613"/>
      <c r="AXD695" s="613"/>
      <c r="AXE695" s="613"/>
      <c r="AXF695" s="613"/>
      <c r="AXG695" s="613"/>
      <c r="AXH695" s="613"/>
      <c r="AXI695" s="613"/>
      <c r="AXJ695" s="613"/>
      <c r="AXK695" s="613"/>
      <c r="AXL695" s="613"/>
      <c r="AXM695" s="613"/>
      <c r="AXN695" s="613"/>
      <c r="AXO695" s="613"/>
      <c r="AXP695" s="613"/>
      <c r="AXQ695" s="613"/>
      <c r="AXR695" s="613"/>
      <c r="AXS695" s="613"/>
      <c r="AXT695" s="613"/>
      <c r="AXU695" s="613"/>
      <c r="AXV695" s="613"/>
      <c r="AXW695" s="613"/>
      <c r="AXX695" s="613"/>
      <c r="AXY695" s="613"/>
      <c r="AXZ695" s="613"/>
      <c r="AYA695" s="613"/>
      <c r="AYB695" s="613"/>
      <c r="AYC695" s="613"/>
      <c r="AYD695" s="613"/>
      <c r="AYE695" s="613"/>
      <c r="AYF695" s="613"/>
      <c r="AYG695" s="613"/>
      <c r="AYH695" s="613"/>
      <c r="AYI695" s="613"/>
      <c r="AYJ695" s="613"/>
      <c r="AYK695" s="613"/>
      <c r="AYL695" s="613"/>
      <c r="AYM695" s="613"/>
      <c r="AYN695" s="613"/>
      <c r="AYO695" s="613"/>
      <c r="AYP695" s="613"/>
      <c r="AYQ695" s="613"/>
      <c r="AYR695" s="613"/>
      <c r="AYS695" s="613"/>
      <c r="AYT695" s="613"/>
      <c r="AYU695" s="613"/>
      <c r="AYV695" s="613"/>
      <c r="AYW695" s="613"/>
      <c r="AYX695" s="613"/>
      <c r="AYY695" s="613"/>
      <c r="AYZ695" s="613"/>
      <c r="AZA695" s="613"/>
      <c r="AZB695" s="613"/>
      <c r="AZC695" s="613"/>
      <c r="AZD695" s="613"/>
      <c r="AZE695" s="613"/>
      <c r="AZF695" s="613"/>
      <c r="AZG695" s="613"/>
      <c r="AZH695" s="613"/>
      <c r="AZI695" s="613"/>
      <c r="AZJ695" s="613"/>
      <c r="AZK695" s="613"/>
      <c r="AZL695" s="613"/>
      <c r="AZM695" s="613"/>
      <c r="AZN695" s="613"/>
      <c r="AZO695" s="613"/>
      <c r="AZP695" s="613"/>
      <c r="AZQ695" s="613"/>
      <c r="AZR695" s="613"/>
      <c r="AZS695" s="613"/>
      <c r="AZT695" s="613"/>
      <c r="AZU695" s="613"/>
      <c r="AZV695" s="613"/>
      <c r="AZW695" s="613"/>
      <c r="AZX695" s="613"/>
      <c r="AZY695" s="613"/>
      <c r="AZZ695" s="613"/>
      <c r="BAA695" s="613"/>
      <c r="BAB695" s="613"/>
      <c r="BAC695" s="613"/>
      <c r="BAD695" s="613"/>
      <c r="BAE695" s="613"/>
      <c r="BAF695" s="613"/>
      <c r="BAG695" s="613"/>
      <c r="BAH695" s="613"/>
      <c r="BAI695" s="613"/>
      <c r="BAJ695" s="613"/>
      <c r="BAK695" s="613"/>
      <c r="BAL695" s="613"/>
      <c r="BAM695" s="613"/>
      <c r="BAN695" s="613"/>
      <c r="BAO695" s="613"/>
      <c r="BAP695" s="613"/>
      <c r="BAQ695" s="613"/>
      <c r="BAR695" s="613"/>
      <c r="BAS695" s="613"/>
      <c r="BAT695" s="613"/>
      <c r="BAU695" s="613"/>
      <c r="BAV695" s="613"/>
      <c r="BAW695" s="613"/>
      <c r="BAX695" s="613"/>
      <c r="BAY695" s="613"/>
      <c r="BAZ695" s="613"/>
      <c r="BBA695" s="613"/>
      <c r="BBB695" s="613"/>
      <c r="BBC695" s="613"/>
      <c r="BBD695" s="613"/>
      <c r="BBE695" s="613"/>
      <c r="BBF695" s="613"/>
      <c r="BBG695" s="613"/>
      <c r="BBH695" s="613"/>
      <c r="BBI695" s="613"/>
      <c r="BBJ695" s="613"/>
      <c r="BBK695" s="613"/>
      <c r="BBL695" s="613"/>
      <c r="BBM695" s="613"/>
      <c r="BBN695" s="613"/>
      <c r="BBO695" s="613"/>
      <c r="BBP695" s="613"/>
      <c r="BBQ695" s="613"/>
      <c r="BBR695" s="613"/>
      <c r="BBS695" s="613"/>
      <c r="BBT695" s="613"/>
      <c r="BBU695" s="613"/>
      <c r="BBV695" s="613"/>
      <c r="BBW695" s="613"/>
      <c r="BBX695" s="613"/>
      <c r="BBY695" s="613"/>
      <c r="BBZ695" s="613"/>
      <c r="BCA695" s="613"/>
      <c r="BCB695" s="613"/>
      <c r="BCC695" s="613"/>
      <c r="BCD695" s="613"/>
      <c r="BCE695" s="613"/>
      <c r="BCF695" s="613"/>
      <c r="BCG695" s="613"/>
      <c r="BCH695" s="613"/>
      <c r="BCI695" s="613"/>
      <c r="BCJ695" s="613"/>
      <c r="BCK695" s="613"/>
      <c r="BCL695" s="613"/>
      <c r="BCM695" s="613"/>
      <c r="BCN695" s="613"/>
      <c r="BCO695" s="613"/>
      <c r="BCP695" s="613"/>
      <c r="BCQ695" s="613"/>
      <c r="BCR695" s="613"/>
      <c r="BCS695" s="613"/>
      <c r="BCT695" s="613"/>
      <c r="BCU695" s="613"/>
      <c r="BCV695" s="613"/>
      <c r="BCW695" s="613"/>
      <c r="BCX695" s="613"/>
      <c r="BCY695" s="613"/>
      <c r="BCZ695" s="613"/>
      <c r="BDA695" s="613"/>
      <c r="BDB695" s="613"/>
      <c r="BDC695" s="613"/>
      <c r="BDD695" s="613"/>
      <c r="BDE695" s="613"/>
      <c r="BDF695" s="613"/>
      <c r="BDG695" s="613"/>
      <c r="BDH695" s="613"/>
      <c r="BDI695" s="613"/>
      <c r="BDJ695" s="613"/>
      <c r="BDK695" s="613"/>
      <c r="BDL695" s="613"/>
      <c r="BDM695" s="613"/>
      <c r="BDN695" s="613"/>
      <c r="BDO695" s="613"/>
      <c r="BDP695" s="613"/>
      <c r="BDQ695" s="613"/>
      <c r="BDR695" s="613"/>
      <c r="BDS695" s="613"/>
      <c r="BDT695" s="613"/>
      <c r="BDU695" s="613"/>
      <c r="BDV695" s="613"/>
      <c r="BDW695" s="613"/>
      <c r="BDX695" s="613"/>
      <c r="BDY695" s="613"/>
      <c r="BDZ695" s="613"/>
      <c r="BEA695" s="613"/>
      <c r="BEB695" s="613"/>
      <c r="BEC695" s="613"/>
      <c r="BED695" s="613"/>
      <c r="BEE695" s="613"/>
      <c r="BEF695" s="613"/>
      <c r="BEG695" s="613"/>
      <c r="BEH695" s="613"/>
      <c r="BEI695" s="613"/>
      <c r="BEJ695" s="613"/>
      <c r="BEK695" s="613"/>
      <c r="BEL695" s="613"/>
      <c r="BEM695" s="613"/>
      <c r="BEN695" s="613"/>
      <c r="BEO695" s="613"/>
      <c r="BEP695" s="613"/>
      <c r="BEQ695" s="613"/>
      <c r="BER695" s="613"/>
      <c r="BES695" s="613"/>
      <c r="BET695" s="613"/>
      <c r="BEU695" s="613"/>
      <c r="BEV695" s="613"/>
      <c r="BEW695" s="613"/>
      <c r="BEX695" s="613"/>
      <c r="BEY695" s="613"/>
      <c r="BEZ695" s="613"/>
      <c r="BFA695" s="613"/>
      <c r="BFB695" s="613"/>
      <c r="BFC695" s="613"/>
      <c r="BFD695" s="613"/>
      <c r="BFE695" s="613"/>
      <c r="BFF695" s="613"/>
      <c r="BFG695" s="613"/>
      <c r="BFH695" s="613"/>
      <c r="BFI695" s="613"/>
      <c r="BFJ695" s="613"/>
      <c r="BFK695" s="613"/>
      <c r="BFL695" s="613"/>
      <c r="BFM695" s="613"/>
      <c r="BFN695" s="613"/>
      <c r="BFO695" s="613"/>
      <c r="BFP695" s="613"/>
      <c r="BFQ695" s="613"/>
      <c r="BFR695" s="613"/>
      <c r="BFS695" s="613"/>
      <c r="BFT695" s="613"/>
      <c r="BFU695" s="613"/>
      <c r="BFV695" s="613"/>
      <c r="BFW695" s="613"/>
      <c r="BFX695" s="613"/>
      <c r="BFY695" s="613"/>
      <c r="BFZ695" s="613"/>
      <c r="BGA695" s="613"/>
      <c r="BGB695" s="613"/>
      <c r="BGC695" s="613"/>
      <c r="BGD695" s="613"/>
      <c r="BGE695" s="613"/>
      <c r="BGF695" s="613"/>
      <c r="BGG695" s="613"/>
      <c r="BGH695" s="613"/>
      <c r="BGI695" s="613"/>
      <c r="BGJ695" s="613"/>
      <c r="BGK695" s="613"/>
      <c r="BGL695" s="613"/>
      <c r="BGM695" s="613"/>
      <c r="BGN695" s="613"/>
      <c r="BGO695" s="613"/>
      <c r="BGP695" s="613"/>
      <c r="BGQ695" s="613"/>
      <c r="BGR695" s="613"/>
      <c r="BGS695" s="613"/>
      <c r="BGT695" s="613"/>
      <c r="BGU695" s="613"/>
      <c r="BGV695" s="613"/>
      <c r="BGW695" s="613"/>
      <c r="BGX695" s="613"/>
      <c r="BGY695" s="613"/>
      <c r="BGZ695" s="613"/>
      <c r="BHA695" s="613"/>
      <c r="BHB695" s="613"/>
      <c r="BHC695" s="613"/>
      <c r="BHD695" s="613"/>
      <c r="BHE695" s="613"/>
      <c r="BHF695" s="613"/>
      <c r="BHG695" s="613"/>
      <c r="BHH695" s="613"/>
      <c r="BHI695" s="613"/>
      <c r="BHJ695" s="613"/>
      <c r="BHK695" s="613"/>
      <c r="BHL695" s="613"/>
      <c r="BHM695" s="613"/>
      <c r="BHN695" s="613"/>
      <c r="BHO695" s="613"/>
      <c r="BHP695" s="613"/>
      <c r="BHQ695" s="613"/>
      <c r="BHR695" s="613"/>
      <c r="BHS695" s="613"/>
      <c r="BHT695" s="613"/>
      <c r="BHU695" s="613"/>
      <c r="BHV695" s="613"/>
      <c r="BHW695" s="613"/>
      <c r="BHX695" s="613"/>
      <c r="BHY695" s="613"/>
      <c r="BHZ695" s="613"/>
      <c r="BIA695" s="613"/>
      <c r="BIB695" s="613"/>
      <c r="BIC695" s="613"/>
      <c r="BID695" s="613"/>
      <c r="BIE695" s="613"/>
      <c r="BIF695" s="613"/>
      <c r="BIG695" s="613"/>
      <c r="BIH695" s="613"/>
      <c r="BII695" s="613"/>
      <c r="BIJ695" s="613"/>
      <c r="BIK695" s="613"/>
      <c r="BIL695" s="613"/>
      <c r="BIM695" s="613"/>
      <c r="BIN695" s="613"/>
      <c r="BIO695" s="613"/>
      <c r="BIP695" s="613"/>
      <c r="BIQ695" s="613"/>
      <c r="BIR695" s="613"/>
      <c r="BIS695" s="613"/>
      <c r="BIT695" s="613"/>
      <c r="BIU695" s="613"/>
      <c r="BIV695" s="613"/>
      <c r="BIW695" s="613"/>
      <c r="BIX695" s="613"/>
      <c r="BIY695" s="613"/>
      <c r="BIZ695" s="613"/>
      <c r="BJA695" s="613"/>
      <c r="BJB695" s="613"/>
      <c r="BJC695" s="613"/>
      <c r="BJD695" s="613"/>
      <c r="BJE695" s="613"/>
      <c r="BJF695" s="613"/>
      <c r="BJG695" s="613"/>
      <c r="BJH695" s="613"/>
      <c r="BJI695" s="613"/>
      <c r="BJJ695" s="613"/>
      <c r="BJK695" s="613"/>
      <c r="BJL695" s="613"/>
      <c r="BJM695" s="613"/>
      <c r="BJN695" s="613"/>
      <c r="BJO695" s="613"/>
      <c r="BJP695" s="613"/>
      <c r="BJQ695" s="613"/>
      <c r="BJR695" s="613"/>
      <c r="BJS695" s="613"/>
      <c r="BJT695" s="613"/>
      <c r="BJU695" s="613"/>
      <c r="BJV695" s="613"/>
      <c r="BJW695" s="613"/>
      <c r="BJX695" s="613"/>
      <c r="BJY695" s="613"/>
      <c r="BJZ695" s="613"/>
      <c r="BKA695" s="613"/>
      <c r="BKB695" s="613"/>
      <c r="BKC695" s="613"/>
      <c r="BKD695" s="613"/>
      <c r="BKE695" s="613"/>
      <c r="BKF695" s="613"/>
      <c r="BKG695" s="613"/>
      <c r="BKH695" s="613"/>
      <c r="BKI695" s="613"/>
      <c r="BKJ695" s="613"/>
      <c r="BKK695" s="613"/>
      <c r="BKL695" s="613"/>
      <c r="BKM695" s="613"/>
      <c r="BKN695" s="613"/>
      <c r="BKO695" s="613"/>
      <c r="BKP695" s="613"/>
      <c r="BKQ695" s="613"/>
      <c r="BKR695" s="613"/>
      <c r="BKS695" s="613"/>
      <c r="BKT695" s="613"/>
      <c r="BKU695" s="613"/>
      <c r="BKV695" s="613"/>
      <c r="BKW695" s="613"/>
      <c r="BKX695" s="613"/>
      <c r="BKY695" s="613"/>
      <c r="BKZ695" s="613"/>
      <c r="BLA695" s="613"/>
      <c r="BLB695" s="613"/>
      <c r="BLC695" s="613"/>
      <c r="BLD695" s="613"/>
      <c r="BLE695" s="613"/>
      <c r="BLF695" s="613"/>
      <c r="BLG695" s="613"/>
      <c r="BLH695" s="613"/>
      <c r="BLI695" s="613"/>
      <c r="BLJ695" s="613"/>
      <c r="BLK695" s="613"/>
      <c r="BLL695" s="613"/>
      <c r="BLM695" s="613"/>
      <c r="BLN695" s="613"/>
      <c r="BLO695" s="613"/>
      <c r="BLP695" s="613"/>
      <c r="BLQ695" s="613"/>
      <c r="BLR695" s="613"/>
      <c r="BLS695" s="613"/>
      <c r="BLT695" s="613"/>
      <c r="BLU695" s="613"/>
      <c r="BLV695" s="613"/>
      <c r="BLW695" s="613"/>
      <c r="BLX695" s="613"/>
      <c r="BLY695" s="613"/>
      <c r="BLZ695" s="613"/>
      <c r="BMA695" s="613"/>
      <c r="BMB695" s="613"/>
      <c r="BMC695" s="613"/>
      <c r="BMD695" s="613"/>
      <c r="BME695" s="613"/>
      <c r="BMF695" s="613"/>
      <c r="BMG695" s="613"/>
      <c r="BMH695" s="613"/>
      <c r="BMI695" s="613"/>
      <c r="BMJ695" s="613"/>
      <c r="BMK695" s="613"/>
      <c r="BML695" s="613"/>
      <c r="BMM695" s="613"/>
      <c r="BMN695" s="613"/>
      <c r="BMO695" s="613"/>
      <c r="BMP695" s="613"/>
      <c r="BMQ695" s="613"/>
      <c r="BMR695" s="613"/>
      <c r="BMS695" s="613"/>
      <c r="BMT695" s="613"/>
      <c r="BMU695" s="613"/>
      <c r="BMV695" s="613"/>
      <c r="BMW695" s="613"/>
      <c r="BMX695" s="613"/>
      <c r="BMY695" s="613"/>
      <c r="BMZ695" s="613"/>
      <c r="BNA695" s="613"/>
      <c r="BNB695" s="613"/>
      <c r="BNC695" s="613"/>
      <c r="BND695" s="613"/>
      <c r="BNE695" s="613"/>
      <c r="BNF695" s="613"/>
      <c r="BNG695" s="613"/>
      <c r="BNH695" s="613"/>
      <c r="BNI695" s="613"/>
      <c r="BNJ695" s="613"/>
      <c r="BNK695" s="613"/>
      <c r="BNL695" s="613"/>
      <c r="BNM695" s="613"/>
      <c r="BNN695" s="613"/>
      <c r="BNO695" s="613"/>
      <c r="BNP695" s="613"/>
      <c r="BNQ695" s="613"/>
      <c r="BNR695" s="613"/>
      <c r="BNS695" s="613"/>
      <c r="BNT695" s="613"/>
      <c r="BNU695" s="613"/>
      <c r="BNV695" s="613"/>
      <c r="BNW695" s="613"/>
      <c r="BNX695" s="613"/>
      <c r="BNY695" s="613"/>
      <c r="BNZ695" s="613"/>
      <c r="BOA695" s="613"/>
      <c r="BOB695" s="613"/>
      <c r="BOC695" s="613"/>
      <c r="BOD695" s="613"/>
      <c r="BOE695" s="613"/>
      <c r="BOF695" s="613"/>
      <c r="BOG695" s="613"/>
      <c r="BOH695" s="613"/>
      <c r="BOI695" s="613"/>
      <c r="BOJ695" s="613"/>
      <c r="BOK695" s="613"/>
      <c r="BOL695" s="613"/>
      <c r="BOM695" s="613"/>
      <c r="BON695" s="613"/>
      <c r="BOO695" s="613"/>
      <c r="BOP695" s="613"/>
      <c r="BOQ695" s="613"/>
      <c r="BOR695" s="613"/>
      <c r="BOS695" s="613"/>
      <c r="BOT695" s="613"/>
      <c r="BOU695" s="613"/>
      <c r="BOV695" s="613"/>
      <c r="BOW695" s="613"/>
      <c r="BOX695" s="613"/>
      <c r="BOY695" s="613"/>
      <c r="BOZ695" s="613"/>
      <c r="BPA695" s="613"/>
      <c r="BPB695" s="613"/>
      <c r="BPC695" s="613"/>
      <c r="BPD695" s="613"/>
      <c r="BPE695" s="613"/>
      <c r="BPF695" s="613"/>
      <c r="BPG695" s="613"/>
      <c r="BPH695" s="613"/>
      <c r="BPI695" s="613"/>
      <c r="BPJ695" s="613"/>
      <c r="BPK695" s="613"/>
      <c r="BPL695" s="613"/>
      <c r="BPM695" s="613"/>
      <c r="BPN695" s="613"/>
      <c r="BPO695" s="613"/>
      <c r="BPP695" s="613"/>
      <c r="BPQ695" s="613"/>
      <c r="BPR695" s="613"/>
      <c r="BPS695" s="613"/>
      <c r="BPT695" s="613"/>
      <c r="BPU695" s="613"/>
      <c r="BPV695" s="613"/>
      <c r="BPW695" s="613"/>
      <c r="BPX695" s="613"/>
      <c r="BPY695" s="613"/>
      <c r="BPZ695" s="613"/>
      <c r="BQA695" s="613"/>
      <c r="BQB695" s="613"/>
      <c r="BQC695" s="613"/>
      <c r="BQD695" s="613"/>
      <c r="BQE695" s="613"/>
      <c r="BQF695" s="613"/>
      <c r="BQG695" s="613"/>
      <c r="BQH695" s="613"/>
      <c r="BQI695" s="613"/>
      <c r="BQJ695" s="613"/>
      <c r="BQK695" s="613"/>
      <c r="BQL695" s="613"/>
      <c r="BQM695" s="613"/>
      <c r="BQN695" s="613"/>
      <c r="BQO695" s="613"/>
      <c r="BQP695" s="613"/>
      <c r="BQQ695" s="613"/>
      <c r="BQR695" s="613"/>
      <c r="BQS695" s="613"/>
      <c r="BQT695" s="613"/>
      <c r="BQU695" s="613"/>
      <c r="BQV695" s="613"/>
      <c r="BQW695" s="613"/>
      <c r="BQX695" s="613"/>
      <c r="BQY695" s="613"/>
      <c r="BQZ695" s="613"/>
      <c r="BRA695" s="613"/>
      <c r="BRB695" s="613"/>
      <c r="BRC695" s="613"/>
      <c r="BRD695" s="613"/>
      <c r="BRE695" s="613"/>
      <c r="BRF695" s="613"/>
      <c r="BRG695" s="613"/>
      <c r="BRH695" s="613"/>
      <c r="BRI695" s="613"/>
      <c r="BRJ695" s="613"/>
      <c r="BRK695" s="613"/>
      <c r="BRL695" s="613"/>
      <c r="BRM695" s="613"/>
      <c r="BRN695" s="613"/>
      <c r="BRO695" s="613"/>
      <c r="BRP695" s="613"/>
      <c r="BRQ695" s="613"/>
      <c r="BRR695" s="613"/>
      <c r="BRS695" s="613"/>
      <c r="BRT695" s="613"/>
      <c r="BRU695" s="613"/>
      <c r="BRV695" s="613"/>
      <c r="BRW695" s="613"/>
      <c r="BRX695" s="613"/>
      <c r="BRY695" s="613"/>
      <c r="BRZ695" s="613"/>
      <c r="BSA695" s="613"/>
      <c r="BSB695" s="613"/>
      <c r="BSC695" s="613"/>
      <c r="BSD695" s="613"/>
      <c r="BSE695" s="613"/>
      <c r="BSF695" s="613"/>
      <c r="BSG695" s="613"/>
      <c r="BSH695" s="613"/>
      <c r="BSI695" s="613"/>
      <c r="BSJ695" s="613"/>
      <c r="BSK695" s="613"/>
      <c r="BSL695" s="613"/>
      <c r="BSM695" s="613"/>
      <c r="BSN695" s="613"/>
      <c r="BSO695" s="613"/>
      <c r="BSP695" s="613"/>
      <c r="BSQ695" s="613"/>
      <c r="BSR695" s="613"/>
      <c r="BSS695" s="613"/>
      <c r="BST695" s="613"/>
      <c r="BSU695" s="613"/>
      <c r="BSV695" s="613"/>
      <c r="BSW695" s="613"/>
      <c r="BSX695" s="613"/>
      <c r="BSY695" s="613"/>
      <c r="BSZ695" s="613"/>
      <c r="BTA695" s="613"/>
      <c r="BTB695" s="613"/>
      <c r="BTC695" s="613"/>
      <c r="BTD695" s="613"/>
      <c r="BTE695" s="613"/>
      <c r="BTF695" s="613"/>
      <c r="BTG695" s="613"/>
      <c r="BTH695" s="613"/>
      <c r="BTI695" s="613"/>
      <c r="BTJ695" s="613"/>
      <c r="BTK695" s="613"/>
      <c r="BTL695" s="613"/>
      <c r="BTM695" s="613"/>
      <c r="BTN695" s="613"/>
      <c r="BTO695" s="613"/>
      <c r="BTP695" s="613"/>
      <c r="BTQ695" s="613"/>
      <c r="BTR695" s="613"/>
      <c r="BTS695" s="613"/>
      <c r="BTT695" s="613"/>
      <c r="BTU695" s="613"/>
      <c r="BTV695" s="613"/>
      <c r="BTW695" s="613"/>
      <c r="BTX695" s="613"/>
      <c r="BTY695" s="613"/>
      <c r="BTZ695" s="613"/>
      <c r="BUA695" s="613"/>
      <c r="BUB695" s="613"/>
      <c r="BUC695" s="613"/>
      <c r="BUD695" s="613"/>
      <c r="BUE695" s="613"/>
      <c r="BUF695" s="613"/>
      <c r="BUG695" s="613"/>
      <c r="BUH695" s="613"/>
      <c r="BUI695" s="613"/>
      <c r="BUJ695" s="613"/>
      <c r="BUK695" s="613"/>
      <c r="BUL695" s="613"/>
      <c r="BUM695" s="613"/>
      <c r="BUN695" s="613"/>
      <c r="BUO695" s="613"/>
      <c r="BUP695" s="613"/>
      <c r="BUQ695" s="613"/>
      <c r="BUR695" s="613"/>
      <c r="BUS695" s="613"/>
      <c r="BUT695" s="613"/>
      <c r="BUU695" s="613"/>
      <c r="BUV695" s="613"/>
      <c r="BUW695" s="613"/>
      <c r="BUX695" s="613"/>
      <c r="BUY695" s="613"/>
      <c r="BUZ695" s="613"/>
      <c r="BVA695" s="613"/>
      <c r="BVB695" s="613"/>
      <c r="BVC695" s="613"/>
      <c r="BVD695" s="613"/>
      <c r="BVE695" s="613"/>
      <c r="BVF695" s="613"/>
      <c r="BVG695" s="613"/>
      <c r="BVH695" s="613"/>
      <c r="BVI695" s="613"/>
      <c r="BVJ695" s="613"/>
      <c r="BVK695" s="613"/>
      <c r="BVL695" s="613"/>
      <c r="BVM695" s="613"/>
      <c r="BVN695" s="613"/>
      <c r="BVO695" s="613"/>
      <c r="BVP695" s="613"/>
      <c r="BVQ695" s="613"/>
      <c r="BVR695" s="613"/>
      <c r="BVS695" s="613"/>
      <c r="BVT695" s="613"/>
      <c r="BVU695" s="613"/>
      <c r="BVV695" s="613"/>
      <c r="BVW695" s="613"/>
      <c r="BVX695" s="613"/>
      <c r="BVY695" s="613"/>
      <c r="BVZ695" s="613"/>
      <c r="BWA695" s="613"/>
      <c r="BWB695" s="613"/>
      <c r="BWC695" s="613"/>
      <c r="BWD695" s="613"/>
      <c r="BWE695" s="613"/>
      <c r="BWF695" s="613"/>
      <c r="BWG695" s="613"/>
      <c r="BWH695" s="613"/>
      <c r="BWI695" s="613"/>
      <c r="BWJ695" s="613"/>
      <c r="BWK695" s="613"/>
      <c r="BWL695" s="613"/>
      <c r="BWM695" s="613"/>
      <c r="BWN695" s="613"/>
      <c r="BWO695" s="613"/>
      <c r="BWP695" s="613"/>
      <c r="BWQ695" s="613"/>
      <c r="BWR695" s="613"/>
      <c r="BWS695" s="613"/>
      <c r="BWT695" s="613"/>
      <c r="BWU695" s="613"/>
      <c r="BWV695" s="613"/>
      <c r="BWW695" s="613"/>
      <c r="BWX695" s="613"/>
      <c r="BWY695" s="613"/>
      <c r="BWZ695" s="613"/>
      <c r="BXA695" s="613"/>
      <c r="BXB695" s="613"/>
      <c r="BXC695" s="613"/>
      <c r="BXD695" s="613"/>
      <c r="BXE695" s="613"/>
      <c r="BXF695" s="613"/>
      <c r="BXG695" s="613"/>
      <c r="BXH695" s="613"/>
      <c r="BXI695" s="613"/>
      <c r="BXJ695" s="613"/>
      <c r="BXK695" s="613"/>
      <c r="BXL695" s="613"/>
      <c r="BXM695" s="613"/>
      <c r="BXN695" s="613"/>
      <c r="BXO695" s="613"/>
      <c r="BXP695" s="613"/>
      <c r="BXQ695" s="613"/>
      <c r="BXR695" s="613"/>
      <c r="BXS695" s="613"/>
      <c r="BXT695" s="613"/>
      <c r="BXU695" s="613"/>
      <c r="BXV695" s="613"/>
      <c r="BXW695" s="613"/>
      <c r="BXX695" s="613"/>
      <c r="BXY695" s="613"/>
      <c r="BXZ695" s="613"/>
      <c r="BYA695" s="613"/>
      <c r="BYB695" s="613"/>
      <c r="BYC695" s="613"/>
      <c r="BYD695" s="613"/>
      <c r="BYE695" s="613"/>
      <c r="BYF695" s="613"/>
      <c r="BYG695" s="613"/>
      <c r="BYH695" s="613"/>
      <c r="BYI695" s="613"/>
      <c r="BYJ695" s="613"/>
      <c r="BYK695" s="613"/>
      <c r="BYL695" s="613"/>
      <c r="BYM695" s="613"/>
      <c r="BYN695" s="613"/>
      <c r="BYO695" s="613"/>
      <c r="BYP695" s="613"/>
      <c r="BYQ695" s="613"/>
      <c r="BYR695" s="613"/>
      <c r="BYS695" s="613"/>
      <c r="BYT695" s="613"/>
      <c r="BYU695" s="613"/>
      <c r="BYV695" s="613"/>
      <c r="BYW695" s="613"/>
      <c r="BYX695" s="613"/>
      <c r="BYY695" s="613"/>
      <c r="BYZ695" s="613"/>
      <c r="BZA695" s="613"/>
      <c r="BZB695" s="613"/>
      <c r="BZC695" s="613"/>
      <c r="BZD695" s="613"/>
      <c r="BZE695" s="613"/>
      <c r="BZF695" s="613"/>
      <c r="BZG695" s="613"/>
      <c r="BZH695" s="613"/>
      <c r="BZI695" s="613"/>
      <c r="BZJ695" s="613"/>
      <c r="BZK695" s="613"/>
      <c r="BZL695" s="613"/>
      <c r="BZM695" s="613"/>
      <c r="BZN695" s="613"/>
      <c r="BZO695" s="613"/>
      <c r="BZP695" s="613"/>
      <c r="BZQ695" s="613"/>
      <c r="BZR695" s="613"/>
      <c r="BZS695" s="613"/>
      <c r="BZT695" s="613"/>
      <c r="BZU695" s="613"/>
      <c r="BZV695" s="613"/>
      <c r="BZW695" s="613"/>
      <c r="BZX695" s="613"/>
      <c r="BZY695" s="613"/>
      <c r="BZZ695" s="613"/>
      <c r="CAA695" s="613"/>
      <c r="CAB695" s="613"/>
      <c r="CAC695" s="613"/>
      <c r="CAD695" s="613"/>
      <c r="CAE695" s="613"/>
      <c r="CAF695" s="613"/>
      <c r="CAG695" s="613"/>
      <c r="CAH695" s="613"/>
      <c r="CAI695" s="613"/>
      <c r="CAJ695" s="613"/>
      <c r="CAK695" s="613"/>
      <c r="CAL695" s="613"/>
      <c r="CAM695" s="613"/>
      <c r="CAN695" s="613"/>
      <c r="CAO695" s="613"/>
      <c r="CAP695" s="613"/>
      <c r="CAQ695" s="613"/>
      <c r="CAR695" s="613"/>
      <c r="CAS695" s="613"/>
      <c r="CAT695" s="613"/>
      <c r="CAU695" s="613"/>
      <c r="CAV695" s="613"/>
      <c r="CAW695" s="613"/>
      <c r="CAX695" s="613"/>
      <c r="CAY695" s="613"/>
      <c r="CAZ695" s="613"/>
      <c r="CBA695" s="613"/>
      <c r="CBB695" s="613"/>
      <c r="CBC695" s="613"/>
      <c r="CBD695" s="613"/>
      <c r="CBE695" s="613"/>
      <c r="CBF695" s="613"/>
      <c r="CBG695" s="613"/>
      <c r="CBH695" s="613"/>
      <c r="CBI695" s="613"/>
      <c r="CBJ695" s="613"/>
      <c r="CBK695" s="613"/>
      <c r="CBL695" s="613"/>
      <c r="CBM695" s="613"/>
      <c r="CBN695" s="613"/>
      <c r="CBO695" s="613"/>
      <c r="CBP695" s="613"/>
      <c r="CBQ695" s="613"/>
      <c r="CBR695" s="613"/>
      <c r="CBS695" s="613"/>
      <c r="CBT695" s="613"/>
      <c r="CBU695" s="613"/>
      <c r="CBV695" s="613"/>
      <c r="CBW695" s="613"/>
      <c r="CBX695" s="613"/>
      <c r="CBY695" s="613"/>
      <c r="CBZ695" s="613"/>
      <c r="CCA695" s="613"/>
      <c r="CCB695" s="613"/>
      <c r="CCC695" s="613"/>
      <c r="CCD695" s="613"/>
      <c r="CCE695" s="613"/>
      <c r="CCF695" s="613"/>
      <c r="CCG695" s="613"/>
      <c r="CCH695" s="613"/>
      <c r="CCI695" s="613"/>
      <c r="CCJ695" s="613"/>
      <c r="CCK695" s="613"/>
      <c r="CCL695" s="613"/>
      <c r="CCM695" s="613"/>
      <c r="CCN695" s="613"/>
      <c r="CCO695" s="613"/>
      <c r="CCP695" s="613"/>
      <c r="CCQ695" s="613"/>
      <c r="CCR695" s="613"/>
      <c r="CCS695" s="613"/>
      <c r="CCT695" s="613"/>
      <c r="CCU695" s="613"/>
      <c r="CCV695" s="613"/>
      <c r="CCW695" s="613"/>
      <c r="CCX695" s="613"/>
      <c r="CCY695" s="613"/>
      <c r="CCZ695" s="613"/>
      <c r="CDA695" s="613"/>
      <c r="CDB695" s="613"/>
      <c r="CDC695" s="613"/>
      <c r="CDD695" s="613"/>
      <c r="CDE695" s="613"/>
      <c r="CDF695" s="613"/>
      <c r="CDG695" s="613"/>
      <c r="CDH695" s="613"/>
      <c r="CDI695" s="613"/>
      <c r="CDJ695" s="613"/>
      <c r="CDK695" s="613"/>
      <c r="CDL695" s="613"/>
      <c r="CDM695" s="613"/>
      <c r="CDN695" s="613"/>
      <c r="CDO695" s="613"/>
      <c r="CDP695" s="613"/>
      <c r="CDQ695" s="613"/>
      <c r="CDR695" s="613"/>
      <c r="CDS695" s="613"/>
      <c r="CDT695" s="613"/>
      <c r="CDU695" s="613"/>
      <c r="CDV695" s="613"/>
      <c r="CDW695" s="613"/>
      <c r="CDX695" s="613"/>
      <c r="CDY695" s="613"/>
      <c r="CDZ695" s="613"/>
      <c r="CEA695" s="613"/>
      <c r="CEB695" s="613"/>
      <c r="CEC695" s="613"/>
      <c r="CED695" s="613"/>
      <c r="CEE695" s="613"/>
      <c r="CEF695" s="613"/>
      <c r="CEG695" s="613"/>
      <c r="CEH695" s="613"/>
      <c r="CEI695" s="613"/>
      <c r="CEJ695" s="613"/>
      <c r="CEK695" s="613"/>
      <c r="CEL695" s="613"/>
      <c r="CEM695" s="613"/>
      <c r="CEN695" s="613"/>
      <c r="CEO695" s="613"/>
      <c r="CEP695" s="613"/>
      <c r="CEQ695" s="613"/>
      <c r="CER695" s="613"/>
      <c r="CES695" s="613"/>
      <c r="CET695" s="613"/>
      <c r="CEU695" s="613"/>
      <c r="CEV695" s="613"/>
      <c r="CEW695" s="613"/>
      <c r="CEX695" s="613"/>
      <c r="CEY695" s="613"/>
      <c r="CEZ695" s="613"/>
      <c r="CFA695" s="613"/>
      <c r="CFB695" s="613"/>
      <c r="CFC695" s="613"/>
      <c r="CFD695" s="613"/>
      <c r="CFE695" s="613"/>
      <c r="CFF695" s="613"/>
      <c r="CFG695" s="613"/>
      <c r="CFH695" s="613"/>
      <c r="CFI695" s="613"/>
      <c r="CFJ695" s="613"/>
      <c r="CFK695" s="613"/>
      <c r="CFL695" s="613"/>
      <c r="CFM695" s="613"/>
      <c r="CFN695" s="613"/>
      <c r="CFO695" s="613"/>
      <c r="CFP695" s="613"/>
      <c r="CFQ695" s="613"/>
      <c r="CFR695" s="613"/>
      <c r="CFS695" s="613"/>
      <c r="CFT695" s="613"/>
      <c r="CFU695" s="613"/>
      <c r="CFV695" s="613"/>
      <c r="CFW695" s="613"/>
      <c r="CFX695" s="613"/>
      <c r="CFY695" s="613"/>
      <c r="CFZ695" s="613"/>
      <c r="CGA695" s="613"/>
      <c r="CGB695" s="613"/>
      <c r="CGC695" s="613"/>
      <c r="CGD695" s="613"/>
      <c r="CGE695" s="613"/>
      <c r="CGF695" s="613"/>
      <c r="CGG695" s="613"/>
      <c r="CGH695" s="613"/>
      <c r="CGI695" s="613"/>
      <c r="CGJ695" s="613"/>
      <c r="CGK695" s="613"/>
      <c r="CGL695" s="613"/>
      <c r="CGM695" s="613"/>
      <c r="CGN695" s="613"/>
      <c r="CGO695" s="613"/>
      <c r="CGP695" s="613"/>
      <c r="CGQ695" s="613"/>
      <c r="CGR695" s="613"/>
      <c r="CGS695" s="613"/>
      <c r="CGT695" s="613"/>
      <c r="CGU695" s="613"/>
      <c r="CGV695" s="613"/>
      <c r="CGW695" s="613"/>
      <c r="CGX695" s="613"/>
      <c r="CGY695" s="613"/>
      <c r="CGZ695" s="613"/>
      <c r="CHA695" s="613"/>
      <c r="CHB695" s="613"/>
      <c r="CHC695" s="613"/>
      <c r="CHD695" s="613"/>
      <c r="CHE695" s="613"/>
      <c r="CHF695" s="613"/>
      <c r="CHG695" s="613"/>
      <c r="CHH695" s="613"/>
      <c r="CHI695" s="613"/>
      <c r="CHJ695" s="613"/>
      <c r="CHK695" s="613"/>
      <c r="CHL695" s="613"/>
      <c r="CHM695" s="613"/>
      <c r="CHN695" s="613"/>
      <c r="CHO695" s="613"/>
      <c r="CHP695" s="613"/>
      <c r="CHQ695" s="613"/>
      <c r="CHR695" s="613"/>
      <c r="CHS695" s="613"/>
      <c r="CHT695" s="613"/>
      <c r="CHU695" s="613"/>
      <c r="CHV695" s="613"/>
      <c r="CHW695" s="613"/>
      <c r="CHX695" s="613"/>
      <c r="CHY695" s="613"/>
      <c r="CHZ695" s="613"/>
      <c r="CIA695" s="613"/>
      <c r="CIB695" s="613"/>
      <c r="CIC695" s="613"/>
      <c r="CID695" s="613"/>
      <c r="CIE695" s="613"/>
      <c r="CIF695" s="613"/>
      <c r="CIG695" s="613"/>
      <c r="CIH695" s="613"/>
      <c r="CII695" s="613"/>
      <c r="CIJ695" s="613"/>
      <c r="CIK695" s="613"/>
      <c r="CIL695" s="613"/>
      <c r="CIM695" s="613"/>
      <c r="CIN695" s="613"/>
      <c r="CIO695" s="613"/>
      <c r="CIP695" s="613"/>
      <c r="CIQ695" s="613"/>
      <c r="CIR695" s="613"/>
      <c r="CIS695" s="613"/>
      <c r="CIT695" s="613"/>
      <c r="CIU695" s="613"/>
      <c r="CIV695" s="613"/>
      <c r="CIW695" s="613"/>
      <c r="CIX695" s="613"/>
      <c r="CIY695" s="613"/>
      <c r="CIZ695" s="613"/>
      <c r="CJA695" s="613"/>
      <c r="CJB695" s="613"/>
      <c r="CJC695" s="613"/>
      <c r="CJD695" s="613"/>
      <c r="CJE695" s="613"/>
      <c r="CJF695" s="613"/>
      <c r="CJG695" s="613"/>
      <c r="CJH695" s="613"/>
      <c r="CJI695" s="613"/>
      <c r="CJJ695" s="613"/>
      <c r="CJK695" s="613"/>
      <c r="CJL695" s="613"/>
      <c r="CJM695" s="613"/>
      <c r="CJN695" s="613"/>
      <c r="CJO695" s="613"/>
      <c r="CJP695" s="613"/>
      <c r="CJQ695" s="613"/>
      <c r="CJR695" s="613"/>
      <c r="CJS695" s="613"/>
      <c r="CJT695" s="613"/>
      <c r="CJU695" s="613"/>
      <c r="CJV695" s="613"/>
      <c r="CJW695" s="613"/>
      <c r="CJX695" s="613"/>
      <c r="CJY695" s="613"/>
      <c r="CJZ695" s="613"/>
      <c r="CKA695" s="613"/>
      <c r="CKB695" s="613"/>
      <c r="CKC695" s="613"/>
      <c r="CKD695" s="613"/>
      <c r="CKE695" s="613"/>
      <c r="CKF695" s="613"/>
      <c r="CKG695" s="613"/>
      <c r="CKH695" s="613"/>
      <c r="CKI695" s="613"/>
      <c r="CKJ695" s="613"/>
      <c r="CKK695" s="613"/>
      <c r="CKL695" s="613"/>
      <c r="CKM695" s="613"/>
      <c r="CKN695" s="613"/>
      <c r="CKO695" s="613"/>
      <c r="CKP695" s="613"/>
      <c r="CKQ695" s="613"/>
      <c r="CKR695" s="613"/>
      <c r="CKS695" s="613"/>
      <c r="CKT695" s="613"/>
      <c r="CKU695" s="613"/>
      <c r="CKV695" s="613"/>
      <c r="CKW695" s="613"/>
      <c r="CKX695" s="613"/>
      <c r="CKY695" s="613"/>
      <c r="CKZ695" s="613"/>
      <c r="CLA695" s="613"/>
      <c r="CLB695" s="613"/>
      <c r="CLC695" s="613"/>
      <c r="CLD695" s="613"/>
      <c r="CLE695" s="613"/>
      <c r="CLF695" s="613"/>
      <c r="CLG695" s="613"/>
      <c r="CLH695" s="613"/>
      <c r="CLI695" s="613"/>
      <c r="CLJ695" s="613"/>
      <c r="CLK695" s="613"/>
      <c r="CLL695" s="613"/>
      <c r="CLM695" s="613"/>
      <c r="CLN695" s="613"/>
      <c r="CLO695" s="613"/>
      <c r="CLP695" s="613"/>
      <c r="CLQ695" s="613"/>
      <c r="CLR695" s="613"/>
      <c r="CLS695" s="613"/>
      <c r="CLT695" s="613"/>
      <c r="CLU695" s="613"/>
      <c r="CLV695" s="613"/>
      <c r="CLW695" s="613"/>
      <c r="CLX695" s="613"/>
      <c r="CLY695" s="613"/>
      <c r="CLZ695" s="613"/>
      <c r="CMA695" s="613"/>
      <c r="CMB695" s="613"/>
      <c r="CMC695" s="613"/>
      <c r="CMD695" s="613"/>
      <c r="CME695" s="613"/>
      <c r="CMF695" s="613"/>
      <c r="CMG695" s="613"/>
      <c r="CMH695" s="613"/>
      <c r="CMI695" s="613"/>
      <c r="CMJ695" s="613"/>
      <c r="CMK695" s="613"/>
      <c r="CML695" s="613"/>
      <c r="CMM695" s="613"/>
      <c r="CMN695" s="613"/>
      <c r="CMO695" s="613"/>
      <c r="CMP695" s="613"/>
      <c r="CMQ695" s="613"/>
      <c r="CMR695" s="613"/>
      <c r="CMS695" s="613"/>
      <c r="CMT695" s="613"/>
      <c r="CMU695" s="613"/>
      <c r="CMV695" s="613"/>
      <c r="CMW695" s="613"/>
      <c r="CMX695" s="613"/>
      <c r="CMY695" s="613"/>
      <c r="CMZ695" s="613"/>
      <c r="CNA695" s="613"/>
      <c r="CNB695" s="613"/>
      <c r="CNC695" s="613"/>
      <c r="CND695" s="613"/>
      <c r="CNE695" s="613"/>
      <c r="CNF695" s="613"/>
      <c r="CNG695" s="613"/>
      <c r="CNH695" s="613"/>
      <c r="CNI695" s="613"/>
      <c r="CNJ695" s="613"/>
      <c r="CNK695" s="613"/>
      <c r="CNL695" s="613"/>
      <c r="CNM695" s="613"/>
      <c r="CNN695" s="613"/>
      <c r="CNO695" s="613"/>
      <c r="CNP695" s="613"/>
      <c r="CNQ695" s="613"/>
      <c r="CNR695" s="613"/>
      <c r="CNS695" s="613"/>
      <c r="CNT695" s="613"/>
      <c r="CNU695" s="613"/>
      <c r="CNV695" s="613"/>
      <c r="CNW695" s="613"/>
      <c r="CNX695" s="613"/>
      <c r="CNY695" s="613"/>
      <c r="CNZ695" s="613"/>
      <c r="COA695" s="613"/>
      <c r="COB695" s="613"/>
      <c r="COC695" s="613"/>
      <c r="COD695" s="613"/>
      <c r="COE695" s="613"/>
      <c r="COF695" s="613"/>
      <c r="COG695" s="613"/>
      <c r="COH695" s="613"/>
      <c r="COI695" s="613"/>
      <c r="COJ695" s="613"/>
      <c r="COK695" s="613"/>
      <c r="COL695" s="613"/>
      <c r="COM695" s="613"/>
      <c r="CON695" s="613"/>
      <c r="COO695" s="613"/>
      <c r="COP695" s="613"/>
      <c r="COQ695" s="613"/>
      <c r="COR695" s="613"/>
      <c r="COS695" s="613"/>
      <c r="COT695" s="613"/>
      <c r="COU695" s="613"/>
      <c r="COV695" s="613"/>
      <c r="COW695" s="613"/>
      <c r="COX695" s="613"/>
      <c r="COY695" s="613"/>
      <c r="COZ695" s="613"/>
      <c r="CPA695" s="613"/>
      <c r="CPB695" s="613"/>
      <c r="CPC695" s="613"/>
      <c r="CPD695" s="613"/>
      <c r="CPE695" s="613"/>
      <c r="CPF695" s="613"/>
      <c r="CPG695" s="613"/>
      <c r="CPH695" s="613"/>
      <c r="CPI695" s="613"/>
      <c r="CPJ695" s="613"/>
      <c r="CPK695" s="613"/>
      <c r="CPL695" s="613"/>
      <c r="CPM695" s="613"/>
      <c r="CPN695" s="613"/>
      <c r="CPO695" s="613"/>
      <c r="CPP695" s="613"/>
      <c r="CPQ695" s="613"/>
      <c r="CPR695" s="613"/>
      <c r="CPS695" s="613"/>
      <c r="CPT695" s="613"/>
      <c r="CPU695" s="613"/>
      <c r="CPV695" s="613"/>
      <c r="CPW695" s="613"/>
      <c r="CPX695" s="613"/>
      <c r="CPY695" s="613"/>
      <c r="CPZ695" s="613"/>
      <c r="CQA695" s="613"/>
      <c r="CQB695" s="613"/>
      <c r="CQC695" s="613"/>
      <c r="CQD695" s="613"/>
      <c r="CQE695" s="613"/>
      <c r="CQF695" s="613"/>
      <c r="CQG695" s="613"/>
      <c r="CQH695" s="613"/>
      <c r="CQI695" s="613"/>
      <c r="CQJ695" s="613"/>
      <c r="CQK695" s="613"/>
      <c r="CQL695" s="613"/>
      <c r="CQM695" s="613"/>
      <c r="CQN695" s="613"/>
      <c r="CQO695" s="613"/>
      <c r="CQP695" s="613"/>
      <c r="CQQ695" s="613"/>
      <c r="CQR695" s="613"/>
      <c r="CQS695" s="613"/>
      <c r="CQT695" s="613"/>
      <c r="CQU695" s="613"/>
      <c r="CQV695" s="613"/>
      <c r="CQW695" s="613"/>
      <c r="CQX695" s="613"/>
      <c r="CQY695" s="613"/>
      <c r="CQZ695" s="613"/>
      <c r="CRA695" s="613"/>
      <c r="CRB695" s="613"/>
      <c r="CRC695" s="613"/>
      <c r="CRD695" s="613"/>
      <c r="CRE695" s="613"/>
      <c r="CRF695" s="613"/>
      <c r="CRG695" s="613"/>
      <c r="CRH695" s="613"/>
      <c r="CRI695" s="613"/>
      <c r="CRJ695" s="613"/>
      <c r="CRK695" s="613"/>
      <c r="CRL695" s="613"/>
      <c r="CRM695" s="613"/>
      <c r="CRN695" s="613"/>
      <c r="CRO695" s="613"/>
      <c r="CRP695" s="613"/>
      <c r="CRQ695" s="613"/>
      <c r="CRR695" s="613"/>
      <c r="CRS695" s="613"/>
      <c r="CRT695" s="613"/>
      <c r="CRU695" s="613"/>
      <c r="CRV695" s="613"/>
      <c r="CRW695" s="613"/>
      <c r="CRX695" s="613"/>
      <c r="CRY695" s="613"/>
      <c r="CRZ695" s="613"/>
      <c r="CSA695" s="613"/>
      <c r="CSB695" s="613"/>
      <c r="CSC695" s="613"/>
      <c r="CSD695" s="613"/>
      <c r="CSE695" s="613"/>
      <c r="CSF695" s="613"/>
      <c r="CSG695" s="613"/>
      <c r="CSH695" s="613"/>
      <c r="CSI695" s="613"/>
      <c r="CSJ695" s="613"/>
      <c r="CSK695" s="613"/>
      <c r="CSL695" s="613"/>
      <c r="CSM695" s="613"/>
      <c r="CSN695" s="613"/>
      <c r="CSO695" s="613"/>
      <c r="CSP695" s="613"/>
      <c r="CSQ695" s="613"/>
      <c r="CSR695" s="613"/>
      <c r="CSS695" s="613"/>
      <c r="CST695" s="613"/>
      <c r="CSU695" s="613"/>
      <c r="CSV695" s="613"/>
      <c r="CSW695" s="613"/>
      <c r="CSX695" s="613"/>
      <c r="CSY695" s="613"/>
      <c r="CSZ695" s="613"/>
      <c r="CTA695" s="613"/>
      <c r="CTB695" s="613"/>
      <c r="CTC695" s="613"/>
      <c r="CTD695" s="613"/>
      <c r="CTE695" s="613"/>
      <c r="CTF695" s="613"/>
      <c r="CTG695" s="613"/>
      <c r="CTH695" s="613"/>
      <c r="CTI695" s="613"/>
      <c r="CTJ695" s="613"/>
      <c r="CTK695" s="613"/>
      <c r="CTL695" s="613"/>
      <c r="CTM695" s="613"/>
      <c r="CTN695" s="613"/>
      <c r="CTO695" s="613"/>
      <c r="CTP695" s="613"/>
      <c r="CTQ695" s="613"/>
      <c r="CTR695" s="613"/>
      <c r="CTS695" s="613"/>
      <c r="CTT695" s="613"/>
      <c r="CTU695" s="613"/>
      <c r="CTV695" s="613"/>
      <c r="CTW695" s="613"/>
      <c r="CTX695" s="613"/>
      <c r="CTY695" s="613"/>
      <c r="CTZ695" s="613"/>
      <c r="CUA695" s="613"/>
      <c r="CUB695" s="613"/>
      <c r="CUC695" s="613"/>
      <c r="CUD695" s="613"/>
      <c r="CUE695" s="613"/>
      <c r="CUF695" s="613"/>
      <c r="CUG695" s="613"/>
      <c r="CUH695" s="613"/>
      <c r="CUI695" s="613"/>
      <c r="CUJ695" s="613"/>
      <c r="CUK695" s="613"/>
      <c r="CUL695" s="613"/>
      <c r="CUM695" s="613"/>
      <c r="CUN695" s="613"/>
      <c r="CUO695" s="613"/>
      <c r="CUP695" s="613"/>
      <c r="CUQ695" s="613"/>
      <c r="CUR695" s="613"/>
      <c r="CUS695" s="613"/>
      <c r="CUT695" s="613"/>
      <c r="CUU695" s="613"/>
      <c r="CUV695" s="613"/>
      <c r="CUW695" s="613"/>
      <c r="CUX695" s="613"/>
      <c r="CUY695" s="613"/>
      <c r="CUZ695" s="613"/>
      <c r="CVA695" s="613"/>
      <c r="CVB695" s="613"/>
      <c r="CVC695" s="613"/>
      <c r="CVD695" s="613"/>
      <c r="CVE695" s="613"/>
      <c r="CVF695" s="613"/>
      <c r="CVG695" s="613"/>
      <c r="CVH695" s="613"/>
      <c r="CVI695" s="613"/>
      <c r="CVJ695" s="613"/>
      <c r="CVK695" s="613"/>
      <c r="CVL695" s="613"/>
      <c r="CVM695" s="613"/>
      <c r="CVN695" s="613"/>
      <c r="CVO695" s="613"/>
      <c r="CVP695" s="613"/>
      <c r="CVQ695" s="613"/>
      <c r="CVR695" s="613"/>
      <c r="CVS695" s="613"/>
      <c r="CVT695" s="613"/>
      <c r="CVU695" s="613"/>
      <c r="CVV695" s="613"/>
      <c r="CVW695" s="613"/>
      <c r="CVX695" s="613"/>
      <c r="CVY695" s="613"/>
      <c r="CVZ695" s="613"/>
      <c r="CWA695" s="613"/>
      <c r="CWB695" s="613"/>
      <c r="CWC695" s="613"/>
      <c r="CWD695" s="613"/>
      <c r="CWE695" s="613"/>
      <c r="CWF695" s="613"/>
      <c r="CWG695" s="613"/>
      <c r="CWH695" s="613"/>
      <c r="CWI695" s="613"/>
      <c r="CWJ695" s="613"/>
      <c r="CWK695" s="613"/>
      <c r="CWL695" s="613"/>
      <c r="CWM695" s="613"/>
      <c r="CWN695" s="613"/>
      <c r="CWO695" s="613"/>
      <c r="CWP695" s="613"/>
      <c r="CWQ695" s="613"/>
      <c r="CWR695" s="613"/>
      <c r="CWS695" s="613"/>
      <c r="CWT695" s="613"/>
      <c r="CWU695" s="613"/>
      <c r="CWV695" s="613"/>
      <c r="CWW695" s="613"/>
      <c r="CWX695" s="613"/>
      <c r="CWY695" s="613"/>
      <c r="CWZ695" s="613"/>
      <c r="CXA695" s="613"/>
      <c r="CXB695" s="613"/>
      <c r="CXC695" s="613"/>
      <c r="CXD695" s="613"/>
      <c r="CXE695" s="613"/>
      <c r="CXF695" s="613"/>
      <c r="CXG695" s="613"/>
      <c r="CXH695" s="613"/>
      <c r="CXI695" s="613"/>
      <c r="CXJ695" s="613"/>
      <c r="CXK695" s="613"/>
      <c r="CXL695" s="613"/>
      <c r="CXM695" s="613"/>
      <c r="CXN695" s="613"/>
      <c r="CXO695" s="613"/>
      <c r="CXP695" s="613"/>
      <c r="CXQ695" s="613"/>
      <c r="CXR695" s="613"/>
      <c r="CXS695" s="613"/>
      <c r="CXT695" s="613"/>
      <c r="CXU695" s="613"/>
      <c r="CXV695" s="613"/>
      <c r="CXW695" s="613"/>
      <c r="CXX695" s="613"/>
      <c r="CXY695" s="613"/>
      <c r="CXZ695" s="613"/>
      <c r="CYA695" s="613"/>
      <c r="CYB695" s="613"/>
      <c r="CYC695" s="613"/>
      <c r="CYD695" s="613"/>
      <c r="CYE695" s="613"/>
      <c r="CYF695" s="613"/>
      <c r="CYG695" s="613"/>
      <c r="CYH695" s="613"/>
      <c r="CYI695" s="613"/>
      <c r="CYJ695" s="613"/>
      <c r="CYK695" s="613"/>
      <c r="CYL695" s="613"/>
      <c r="CYM695" s="613"/>
      <c r="CYN695" s="613"/>
      <c r="CYO695" s="613"/>
      <c r="CYP695" s="613"/>
      <c r="CYQ695" s="613"/>
      <c r="CYR695" s="613"/>
      <c r="CYS695" s="613"/>
      <c r="CYT695" s="613"/>
      <c r="CYU695" s="613"/>
      <c r="CYV695" s="613"/>
      <c r="CYW695" s="613"/>
      <c r="CYX695" s="613"/>
      <c r="CYY695" s="613"/>
      <c r="CYZ695" s="613"/>
      <c r="CZA695" s="613"/>
      <c r="CZB695" s="613"/>
      <c r="CZC695" s="613"/>
      <c r="CZD695" s="613"/>
      <c r="CZE695" s="613"/>
      <c r="CZF695" s="613"/>
      <c r="CZG695" s="613"/>
      <c r="CZH695" s="613"/>
      <c r="CZI695" s="613"/>
      <c r="CZJ695" s="613"/>
      <c r="CZK695" s="613"/>
      <c r="CZL695" s="613"/>
      <c r="CZM695" s="613"/>
      <c r="CZN695" s="613"/>
      <c r="CZO695" s="613"/>
      <c r="CZP695" s="613"/>
      <c r="CZQ695" s="613"/>
      <c r="CZR695" s="613"/>
      <c r="CZS695" s="613"/>
      <c r="CZT695" s="613"/>
      <c r="CZU695" s="613"/>
      <c r="CZV695" s="613"/>
      <c r="CZW695" s="613"/>
      <c r="CZX695" s="613"/>
      <c r="CZY695" s="613"/>
      <c r="CZZ695" s="613"/>
      <c r="DAA695" s="613"/>
      <c r="DAB695" s="613"/>
      <c r="DAC695" s="613"/>
      <c r="DAD695" s="613"/>
      <c r="DAE695" s="613"/>
      <c r="DAF695" s="613"/>
      <c r="DAG695" s="613"/>
      <c r="DAH695" s="613"/>
      <c r="DAI695" s="613"/>
      <c r="DAJ695" s="613"/>
      <c r="DAK695" s="613"/>
      <c r="DAL695" s="613"/>
      <c r="DAM695" s="613"/>
      <c r="DAN695" s="613"/>
      <c r="DAO695" s="613"/>
      <c r="DAP695" s="613"/>
      <c r="DAQ695" s="613"/>
      <c r="DAR695" s="613"/>
      <c r="DAS695" s="613"/>
      <c r="DAT695" s="613"/>
      <c r="DAU695" s="613"/>
      <c r="DAV695" s="613"/>
      <c r="DAW695" s="613"/>
      <c r="DAX695" s="613"/>
      <c r="DAY695" s="613"/>
      <c r="DAZ695" s="613"/>
      <c r="DBA695" s="613"/>
      <c r="DBB695" s="613"/>
      <c r="DBC695" s="613"/>
      <c r="DBD695" s="613"/>
      <c r="DBE695" s="613"/>
      <c r="DBF695" s="613"/>
      <c r="DBG695" s="613"/>
      <c r="DBH695" s="613"/>
      <c r="DBI695" s="613"/>
      <c r="DBJ695" s="613"/>
      <c r="DBK695" s="613"/>
      <c r="DBL695" s="613"/>
      <c r="DBM695" s="613"/>
      <c r="DBN695" s="613"/>
      <c r="DBO695" s="613"/>
      <c r="DBP695" s="613"/>
      <c r="DBQ695" s="613"/>
      <c r="DBR695" s="613"/>
      <c r="DBS695" s="613"/>
      <c r="DBT695" s="613"/>
      <c r="DBU695" s="613"/>
      <c r="DBV695" s="613"/>
      <c r="DBW695" s="613"/>
      <c r="DBX695" s="613"/>
      <c r="DBY695" s="613"/>
      <c r="DBZ695" s="613"/>
      <c r="DCA695" s="613"/>
      <c r="DCB695" s="613"/>
      <c r="DCC695" s="613"/>
      <c r="DCD695" s="613"/>
      <c r="DCE695" s="613"/>
      <c r="DCF695" s="613"/>
      <c r="DCG695" s="613"/>
      <c r="DCH695" s="613"/>
      <c r="DCI695" s="613"/>
      <c r="DCJ695" s="613"/>
      <c r="DCK695" s="613"/>
      <c r="DCL695" s="613"/>
      <c r="DCM695" s="613"/>
      <c r="DCN695" s="613"/>
      <c r="DCO695" s="613"/>
      <c r="DCP695" s="613"/>
      <c r="DCQ695" s="613"/>
      <c r="DCR695" s="613"/>
      <c r="DCS695" s="613"/>
      <c r="DCT695" s="613"/>
      <c r="DCU695" s="613"/>
      <c r="DCV695" s="613"/>
      <c r="DCW695" s="613"/>
      <c r="DCX695" s="613"/>
      <c r="DCY695" s="613"/>
      <c r="DCZ695" s="613"/>
      <c r="DDA695" s="613"/>
      <c r="DDB695" s="613"/>
      <c r="DDC695" s="613"/>
      <c r="DDD695" s="613"/>
      <c r="DDE695" s="613"/>
      <c r="DDF695" s="613"/>
      <c r="DDG695" s="613"/>
      <c r="DDH695" s="613"/>
      <c r="DDI695" s="613"/>
      <c r="DDJ695" s="613"/>
      <c r="DDK695" s="613"/>
      <c r="DDL695" s="613"/>
      <c r="DDM695" s="613"/>
      <c r="DDN695" s="613"/>
      <c r="DDO695" s="613"/>
      <c r="DDP695" s="613"/>
      <c r="DDQ695" s="613"/>
      <c r="DDR695" s="613"/>
      <c r="DDS695" s="613"/>
      <c r="DDT695" s="613"/>
      <c r="DDU695" s="613"/>
      <c r="DDV695" s="613"/>
      <c r="DDW695" s="613"/>
      <c r="DDX695" s="613"/>
      <c r="DDY695" s="613"/>
      <c r="DDZ695" s="613"/>
      <c r="DEA695" s="613"/>
      <c r="DEB695" s="613"/>
      <c r="DEC695" s="613"/>
      <c r="DED695" s="613"/>
      <c r="DEE695" s="613"/>
      <c r="DEF695" s="613"/>
      <c r="DEG695" s="613"/>
      <c r="DEH695" s="613"/>
      <c r="DEI695" s="613"/>
      <c r="DEJ695" s="613"/>
      <c r="DEK695" s="613"/>
      <c r="DEL695" s="613"/>
      <c r="DEM695" s="613"/>
      <c r="DEN695" s="613"/>
      <c r="DEO695" s="613"/>
      <c r="DEP695" s="613"/>
      <c r="DEQ695" s="613"/>
      <c r="DER695" s="613"/>
      <c r="DES695" s="613"/>
      <c r="DET695" s="613"/>
      <c r="DEU695" s="613"/>
      <c r="DEV695" s="613"/>
      <c r="DEW695" s="613"/>
      <c r="DEX695" s="613"/>
      <c r="DEY695" s="613"/>
      <c r="DEZ695" s="613"/>
      <c r="DFA695" s="613"/>
      <c r="DFB695" s="613"/>
      <c r="DFC695" s="613"/>
      <c r="DFD695" s="613"/>
      <c r="DFE695" s="613"/>
      <c r="DFF695" s="613"/>
      <c r="DFG695" s="613"/>
      <c r="DFH695" s="613"/>
      <c r="DFI695" s="613"/>
      <c r="DFJ695" s="613"/>
      <c r="DFK695" s="613"/>
      <c r="DFL695" s="613"/>
      <c r="DFM695" s="613"/>
      <c r="DFN695" s="613"/>
      <c r="DFO695" s="613"/>
      <c r="DFP695" s="613"/>
      <c r="DFQ695" s="613"/>
      <c r="DFR695" s="613"/>
      <c r="DFS695" s="613"/>
      <c r="DFT695" s="613"/>
      <c r="DFU695" s="613"/>
      <c r="DFV695" s="613"/>
      <c r="DFW695" s="613"/>
      <c r="DFX695" s="613"/>
      <c r="DFY695" s="613"/>
      <c r="DFZ695" s="613"/>
      <c r="DGA695" s="613"/>
      <c r="DGB695" s="613"/>
      <c r="DGC695" s="613"/>
      <c r="DGD695" s="613"/>
      <c r="DGE695" s="613"/>
      <c r="DGF695" s="613"/>
      <c r="DGG695" s="613"/>
      <c r="DGH695" s="613"/>
      <c r="DGI695" s="613"/>
      <c r="DGJ695" s="613"/>
      <c r="DGK695" s="613"/>
      <c r="DGL695" s="613"/>
      <c r="DGM695" s="613"/>
      <c r="DGN695" s="613"/>
      <c r="DGO695" s="613"/>
      <c r="DGP695" s="613"/>
      <c r="DGQ695" s="613"/>
      <c r="DGR695" s="613"/>
      <c r="DGS695" s="613"/>
      <c r="DGT695" s="613"/>
      <c r="DGU695" s="613"/>
      <c r="DGV695" s="613"/>
      <c r="DGW695" s="613"/>
      <c r="DGX695" s="613"/>
      <c r="DGY695" s="613"/>
      <c r="DGZ695" s="613"/>
      <c r="DHA695" s="613"/>
      <c r="DHB695" s="613"/>
      <c r="DHC695" s="613"/>
      <c r="DHD695" s="613"/>
      <c r="DHE695" s="613"/>
      <c r="DHF695" s="613"/>
      <c r="DHG695" s="613"/>
      <c r="DHH695" s="613"/>
      <c r="DHI695" s="613"/>
      <c r="DHJ695" s="613"/>
      <c r="DHK695" s="613"/>
      <c r="DHL695" s="613"/>
      <c r="DHM695" s="613"/>
      <c r="DHN695" s="613"/>
      <c r="DHO695" s="613"/>
      <c r="DHP695" s="613"/>
      <c r="DHQ695" s="613"/>
      <c r="DHR695" s="613"/>
      <c r="DHS695" s="613"/>
      <c r="DHT695" s="613"/>
      <c r="DHU695" s="613"/>
      <c r="DHV695" s="613"/>
      <c r="DHW695" s="613"/>
      <c r="DHX695" s="613"/>
      <c r="DHY695" s="613"/>
      <c r="DHZ695" s="613"/>
      <c r="DIA695" s="613"/>
      <c r="DIB695" s="613"/>
      <c r="DIC695" s="613"/>
      <c r="DID695" s="613"/>
      <c r="DIE695" s="613"/>
      <c r="DIF695" s="613"/>
      <c r="DIG695" s="613"/>
      <c r="DIH695" s="613"/>
      <c r="DII695" s="613"/>
      <c r="DIJ695" s="613"/>
      <c r="DIK695" s="613"/>
      <c r="DIL695" s="613"/>
      <c r="DIM695" s="613"/>
      <c r="DIN695" s="613"/>
      <c r="DIO695" s="613"/>
      <c r="DIP695" s="613"/>
      <c r="DIQ695" s="613"/>
      <c r="DIR695" s="613"/>
      <c r="DIS695" s="613"/>
      <c r="DIT695" s="613"/>
      <c r="DIU695" s="613"/>
      <c r="DIV695" s="613"/>
      <c r="DIW695" s="613"/>
      <c r="DIX695" s="613"/>
      <c r="DIY695" s="613"/>
      <c r="DIZ695" s="613"/>
      <c r="DJA695" s="613"/>
      <c r="DJB695" s="613"/>
      <c r="DJC695" s="613"/>
      <c r="DJD695" s="613"/>
      <c r="DJE695" s="613"/>
      <c r="DJF695" s="613"/>
      <c r="DJG695" s="613"/>
      <c r="DJH695" s="613"/>
      <c r="DJI695" s="613"/>
      <c r="DJJ695" s="613"/>
      <c r="DJK695" s="613"/>
      <c r="DJL695" s="613"/>
      <c r="DJM695" s="613"/>
      <c r="DJN695" s="613"/>
      <c r="DJO695" s="613"/>
      <c r="DJP695" s="613"/>
      <c r="DJQ695" s="613"/>
      <c r="DJR695" s="613"/>
      <c r="DJS695" s="613"/>
      <c r="DJT695" s="613"/>
      <c r="DJU695" s="613"/>
      <c r="DJV695" s="613"/>
      <c r="DJW695" s="613"/>
      <c r="DJX695" s="613"/>
      <c r="DJY695" s="613"/>
      <c r="DJZ695" s="613"/>
      <c r="DKA695" s="613"/>
      <c r="DKB695" s="613"/>
      <c r="DKC695" s="613"/>
      <c r="DKD695" s="613"/>
      <c r="DKE695" s="613"/>
      <c r="DKF695" s="613"/>
      <c r="DKG695" s="613"/>
      <c r="DKH695" s="613"/>
      <c r="DKI695" s="613"/>
      <c r="DKJ695" s="613"/>
      <c r="DKK695" s="613"/>
      <c r="DKL695" s="613"/>
      <c r="DKM695" s="613"/>
      <c r="DKN695" s="613"/>
      <c r="DKO695" s="613"/>
      <c r="DKP695" s="613"/>
      <c r="DKQ695" s="613"/>
      <c r="DKR695" s="613"/>
      <c r="DKS695" s="613"/>
      <c r="DKT695" s="613"/>
      <c r="DKU695" s="613"/>
      <c r="DKV695" s="613"/>
      <c r="DKW695" s="613"/>
      <c r="DKX695" s="613"/>
      <c r="DKY695" s="613"/>
      <c r="DKZ695" s="613"/>
      <c r="DLA695" s="613"/>
      <c r="DLB695" s="613"/>
      <c r="DLC695" s="613"/>
      <c r="DLD695" s="613"/>
      <c r="DLE695" s="613"/>
      <c r="DLF695" s="613"/>
      <c r="DLG695" s="613"/>
      <c r="DLH695" s="613"/>
      <c r="DLI695" s="613"/>
      <c r="DLJ695" s="613"/>
      <c r="DLK695" s="613"/>
      <c r="DLL695" s="613"/>
      <c r="DLM695" s="613"/>
      <c r="DLN695" s="613"/>
      <c r="DLO695" s="613"/>
      <c r="DLP695" s="613"/>
      <c r="DLQ695" s="613"/>
      <c r="DLR695" s="613"/>
      <c r="DLS695" s="613"/>
      <c r="DLT695" s="613"/>
      <c r="DLU695" s="613"/>
      <c r="DLV695" s="613"/>
      <c r="DLW695" s="613"/>
      <c r="DLX695" s="613"/>
      <c r="DLY695" s="613"/>
      <c r="DLZ695" s="613"/>
      <c r="DMA695" s="613"/>
      <c r="DMB695" s="613"/>
      <c r="DMC695" s="613"/>
      <c r="DMD695" s="613"/>
      <c r="DME695" s="613"/>
      <c r="DMF695" s="613"/>
      <c r="DMG695" s="613"/>
      <c r="DMH695" s="613"/>
      <c r="DMI695" s="613"/>
      <c r="DMJ695" s="613"/>
      <c r="DMK695" s="613"/>
      <c r="DML695" s="613"/>
      <c r="DMM695" s="613"/>
      <c r="DMN695" s="613"/>
      <c r="DMO695" s="613"/>
      <c r="DMP695" s="613"/>
      <c r="DMQ695" s="613"/>
      <c r="DMR695" s="613"/>
      <c r="DMS695" s="613"/>
      <c r="DMT695" s="613"/>
      <c r="DMU695" s="613"/>
      <c r="DMV695" s="613"/>
      <c r="DMW695" s="613"/>
      <c r="DMX695" s="613"/>
      <c r="DMY695" s="613"/>
      <c r="DMZ695" s="613"/>
      <c r="DNA695" s="613"/>
      <c r="DNB695" s="613"/>
      <c r="DNC695" s="613"/>
      <c r="DND695" s="613"/>
      <c r="DNE695" s="613"/>
      <c r="DNF695" s="613"/>
      <c r="DNG695" s="613"/>
      <c r="DNH695" s="613"/>
      <c r="DNI695" s="613"/>
      <c r="DNJ695" s="613"/>
      <c r="DNK695" s="613"/>
      <c r="DNL695" s="613"/>
      <c r="DNM695" s="613"/>
      <c r="DNN695" s="613"/>
      <c r="DNO695" s="613"/>
      <c r="DNP695" s="613"/>
      <c r="DNQ695" s="613"/>
      <c r="DNR695" s="613"/>
      <c r="DNS695" s="613"/>
      <c r="DNT695" s="613"/>
      <c r="DNU695" s="613"/>
      <c r="DNV695" s="613"/>
      <c r="DNW695" s="613"/>
      <c r="DNX695" s="613"/>
      <c r="DNY695" s="613"/>
      <c r="DNZ695" s="613"/>
      <c r="DOA695" s="613"/>
      <c r="DOB695" s="613"/>
      <c r="DOC695" s="613"/>
      <c r="DOD695" s="613"/>
      <c r="DOE695" s="613"/>
      <c r="DOF695" s="613"/>
      <c r="DOG695" s="613"/>
      <c r="DOH695" s="613"/>
      <c r="DOI695" s="613"/>
      <c r="DOJ695" s="613"/>
      <c r="DOK695" s="613"/>
      <c r="DOL695" s="613"/>
      <c r="DOM695" s="613"/>
      <c r="DON695" s="613"/>
      <c r="DOO695" s="613"/>
      <c r="DOP695" s="613"/>
      <c r="DOQ695" s="613"/>
      <c r="DOR695" s="613"/>
      <c r="DOS695" s="613"/>
      <c r="DOT695" s="613"/>
      <c r="DOU695" s="613"/>
      <c r="DOV695" s="613"/>
      <c r="DOW695" s="613"/>
      <c r="DOX695" s="613"/>
      <c r="DOY695" s="613"/>
      <c r="DOZ695" s="613"/>
      <c r="DPA695" s="613"/>
      <c r="DPB695" s="613"/>
      <c r="DPC695" s="613"/>
      <c r="DPD695" s="613"/>
      <c r="DPE695" s="613"/>
      <c r="DPF695" s="613"/>
      <c r="DPG695" s="613"/>
      <c r="DPH695" s="613"/>
      <c r="DPI695" s="613"/>
      <c r="DPJ695" s="613"/>
      <c r="DPK695" s="613"/>
      <c r="DPL695" s="613"/>
      <c r="DPM695" s="613"/>
      <c r="DPN695" s="613"/>
      <c r="DPO695" s="613"/>
      <c r="DPP695" s="613"/>
      <c r="DPQ695" s="613"/>
      <c r="DPR695" s="613"/>
      <c r="DPS695" s="613"/>
      <c r="DPT695" s="613"/>
      <c r="DPU695" s="613"/>
      <c r="DPV695" s="613"/>
      <c r="DPW695" s="613"/>
      <c r="DPX695" s="613"/>
      <c r="DPY695" s="613"/>
      <c r="DPZ695" s="613"/>
      <c r="DQA695" s="613"/>
      <c r="DQB695" s="613"/>
      <c r="DQC695" s="613"/>
      <c r="DQD695" s="613"/>
      <c r="DQE695" s="613"/>
      <c r="DQF695" s="613"/>
      <c r="DQG695" s="613"/>
      <c r="DQH695" s="613"/>
      <c r="DQI695" s="613"/>
      <c r="DQJ695" s="613"/>
      <c r="DQK695" s="613"/>
      <c r="DQL695" s="613"/>
      <c r="DQM695" s="613"/>
      <c r="DQN695" s="613"/>
      <c r="DQO695" s="613"/>
      <c r="DQP695" s="613"/>
      <c r="DQQ695" s="613"/>
      <c r="DQR695" s="613"/>
      <c r="DQS695" s="613"/>
      <c r="DQT695" s="613"/>
      <c r="DQU695" s="613"/>
      <c r="DQV695" s="613"/>
      <c r="DQW695" s="613"/>
      <c r="DQX695" s="613"/>
      <c r="DQY695" s="613"/>
      <c r="DQZ695" s="613"/>
      <c r="DRA695" s="613"/>
      <c r="DRB695" s="613"/>
      <c r="DRC695" s="613"/>
      <c r="DRD695" s="613"/>
      <c r="DRE695" s="613"/>
      <c r="DRF695" s="613"/>
      <c r="DRG695" s="613"/>
      <c r="DRH695" s="613"/>
      <c r="DRI695" s="613"/>
      <c r="DRJ695" s="613"/>
      <c r="DRK695" s="613"/>
      <c r="DRL695" s="613"/>
      <c r="DRM695" s="613"/>
      <c r="DRN695" s="613"/>
      <c r="DRO695" s="613"/>
      <c r="DRP695" s="613"/>
      <c r="DRQ695" s="613"/>
      <c r="DRR695" s="613"/>
      <c r="DRS695" s="613"/>
      <c r="DRT695" s="613"/>
      <c r="DRU695" s="613"/>
      <c r="DRV695" s="613"/>
      <c r="DRW695" s="613"/>
      <c r="DRX695" s="613"/>
      <c r="DRY695" s="613"/>
      <c r="DRZ695" s="613"/>
      <c r="DSA695" s="613"/>
      <c r="DSB695" s="613"/>
      <c r="DSC695" s="613"/>
      <c r="DSD695" s="613"/>
      <c r="DSE695" s="613"/>
      <c r="DSF695" s="613"/>
      <c r="DSG695" s="613"/>
      <c r="DSH695" s="613"/>
      <c r="DSI695" s="613"/>
      <c r="DSJ695" s="613"/>
      <c r="DSK695" s="613"/>
      <c r="DSL695" s="613"/>
      <c r="DSM695" s="613"/>
      <c r="DSN695" s="613"/>
      <c r="DSO695" s="613"/>
      <c r="DSP695" s="613"/>
      <c r="DSQ695" s="613"/>
      <c r="DSR695" s="613"/>
      <c r="DSS695" s="613"/>
      <c r="DST695" s="613"/>
      <c r="DSU695" s="613"/>
      <c r="DSV695" s="613"/>
      <c r="DSW695" s="613"/>
      <c r="DSX695" s="613"/>
      <c r="DSY695" s="613"/>
      <c r="DSZ695" s="613"/>
      <c r="DTA695" s="613"/>
      <c r="DTB695" s="613"/>
      <c r="DTC695" s="613"/>
      <c r="DTD695" s="613"/>
      <c r="DTE695" s="613"/>
      <c r="DTF695" s="613"/>
      <c r="DTG695" s="613"/>
      <c r="DTH695" s="613"/>
      <c r="DTI695" s="613"/>
      <c r="DTJ695" s="613"/>
      <c r="DTK695" s="613"/>
      <c r="DTL695" s="613"/>
      <c r="DTM695" s="613"/>
      <c r="DTN695" s="613"/>
      <c r="DTO695" s="613"/>
      <c r="DTP695" s="613"/>
      <c r="DTQ695" s="613"/>
      <c r="DTR695" s="613"/>
      <c r="DTS695" s="613"/>
      <c r="DTT695" s="613"/>
      <c r="DTU695" s="613"/>
      <c r="DTV695" s="613"/>
      <c r="DTW695" s="613"/>
      <c r="DTX695" s="613"/>
      <c r="DTY695" s="613"/>
      <c r="DTZ695" s="613"/>
      <c r="DUA695" s="613"/>
      <c r="DUB695" s="613"/>
      <c r="DUC695" s="613"/>
      <c r="DUD695" s="613"/>
      <c r="DUE695" s="613"/>
      <c r="DUF695" s="613"/>
      <c r="DUG695" s="613"/>
      <c r="DUH695" s="613"/>
      <c r="DUI695" s="613"/>
      <c r="DUJ695" s="613"/>
      <c r="DUK695" s="613"/>
      <c r="DUL695" s="613"/>
      <c r="DUM695" s="613"/>
      <c r="DUN695" s="613"/>
      <c r="DUO695" s="613"/>
      <c r="DUP695" s="613"/>
      <c r="DUQ695" s="613"/>
      <c r="DUR695" s="613"/>
      <c r="DUS695" s="613"/>
      <c r="DUT695" s="613"/>
      <c r="DUU695" s="613"/>
      <c r="DUV695" s="613"/>
      <c r="DUW695" s="613"/>
      <c r="DUX695" s="613"/>
      <c r="DUY695" s="613"/>
      <c r="DUZ695" s="613"/>
      <c r="DVA695" s="613"/>
      <c r="DVB695" s="613"/>
      <c r="DVC695" s="613"/>
      <c r="DVD695" s="613"/>
      <c r="DVE695" s="613"/>
      <c r="DVF695" s="613"/>
      <c r="DVG695" s="613"/>
      <c r="DVH695" s="613"/>
      <c r="DVI695" s="613"/>
      <c r="DVJ695" s="613"/>
      <c r="DVK695" s="613"/>
      <c r="DVL695" s="613"/>
      <c r="DVM695" s="613"/>
      <c r="DVN695" s="613"/>
      <c r="DVO695" s="613"/>
      <c r="DVP695" s="613"/>
      <c r="DVQ695" s="613"/>
      <c r="DVR695" s="613"/>
      <c r="DVS695" s="613"/>
      <c r="DVT695" s="613"/>
      <c r="DVU695" s="613"/>
      <c r="DVV695" s="613"/>
      <c r="DVW695" s="613"/>
      <c r="DVX695" s="613"/>
      <c r="DVY695" s="613"/>
      <c r="DVZ695" s="613"/>
      <c r="DWA695" s="613"/>
      <c r="DWB695" s="613"/>
      <c r="DWC695" s="613"/>
      <c r="DWD695" s="613"/>
      <c r="DWE695" s="613"/>
      <c r="DWF695" s="613"/>
      <c r="DWG695" s="613"/>
      <c r="DWH695" s="613"/>
      <c r="DWI695" s="613"/>
      <c r="DWJ695" s="613"/>
      <c r="DWK695" s="613"/>
      <c r="DWL695" s="613"/>
      <c r="DWM695" s="613"/>
      <c r="DWN695" s="613"/>
      <c r="DWO695" s="613"/>
      <c r="DWP695" s="613"/>
      <c r="DWQ695" s="613"/>
      <c r="DWR695" s="613"/>
      <c r="DWS695" s="613"/>
      <c r="DWT695" s="613"/>
      <c r="DWU695" s="613"/>
      <c r="DWV695" s="613"/>
      <c r="DWW695" s="613"/>
      <c r="DWX695" s="613"/>
      <c r="DWY695" s="613"/>
      <c r="DWZ695" s="613"/>
      <c r="DXA695" s="613"/>
      <c r="DXB695" s="613"/>
      <c r="DXC695" s="613"/>
      <c r="DXD695" s="613"/>
      <c r="DXE695" s="613"/>
      <c r="DXF695" s="613"/>
      <c r="DXG695" s="613"/>
      <c r="DXH695" s="613"/>
      <c r="DXI695" s="613"/>
      <c r="DXJ695" s="613"/>
      <c r="DXK695" s="613"/>
      <c r="DXL695" s="613"/>
      <c r="DXM695" s="613"/>
      <c r="DXN695" s="613"/>
      <c r="DXO695" s="613"/>
      <c r="DXP695" s="613"/>
      <c r="DXQ695" s="613"/>
      <c r="DXR695" s="613"/>
      <c r="DXS695" s="613"/>
      <c r="DXT695" s="613"/>
      <c r="DXU695" s="613"/>
      <c r="DXV695" s="613"/>
      <c r="DXW695" s="613"/>
      <c r="DXX695" s="613"/>
      <c r="DXY695" s="613"/>
      <c r="DXZ695" s="613"/>
      <c r="DYA695" s="613"/>
      <c r="DYB695" s="613"/>
      <c r="DYC695" s="613"/>
      <c r="DYD695" s="613"/>
      <c r="DYE695" s="613"/>
      <c r="DYF695" s="613"/>
      <c r="DYG695" s="613"/>
      <c r="DYH695" s="613"/>
      <c r="DYI695" s="613"/>
      <c r="DYJ695" s="613"/>
      <c r="DYK695" s="613"/>
      <c r="DYL695" s="613"/>
      <c r="DYM695" s="613"/>
      <c r="DYN695" s="613"/>
      <c r="DYO695" s="613"/>
      <c r="DYP695" s="613"/>
      <c r="DYQ695" s="613"/>
      <c r="DYR695" s="613"/>
      <c r="DYS695" s="613"/>
      <c r="DYT695" s="613"/>
      <c r="DYU695" s="613"/>
      <c r="DYV695" s="613"/>
      <c r="DYW695" s="613"/>
      <c r="DYX695" s="613"/>
      <c r="DYY695" s="613"/>
      <c r="DYZ695" s="613"/>
      <c r="DZA695" s="613"/>
      <c r="DZB695" s="613"/>
      <c r="DZC695" s="613"/>
      <c r="DZD695" s="613"/>
      <c r="DZE695" s="613"/>
      <c r="DZF695" s="613"/>
      <c r="DZG695" s="613"/>
      <c r="DZH695" s="613"/>
      <c r="DZI695" s="613"/>
      <c r="DZJ695" s="613"/>
      <c r="DZK695" s="613"/>
      <c r="DZL695" s="613"/>
      <c r="DZM695" s="613"/>
      <c r="DZN695" s="613"/>
      <c r="DZO695" s="613"/>
      <c r="DZP695" s="613"/>
      <c r="DZQ695" s="613"/>
      <c r="DZR695" s="613"/>
      <c r="DZS695" s="613"/>
      <c r="DZT695" s="613"/>
      <c r="DZU695" s="613"/>
      <c r="DZV695" s="613"/>
      <c r="DZW695" s="613"/>
      <c r="DZX695" s="613"/>
      <c r="DZY695" s="613"/>
      <c r="DZZ695" s="613"/>
      <c r="EAA695" s="613"/>
      <c r="EAB695" s="613"/>
      <c r="EAC695" s="613"/>
      <c r="EAD695" s="613"/>
      <c r="EAE695" s="613"/>
      <c r="EAF695" s="613"/>
      <c r="EAG695" s="613"/>
      <c r="EAH695" s="613"/>
      <c r="EAI695" s="613"/>
      <c r="EAJ695" s="613"/>
      <c r="EAK695" s="613"/>
      <c r="EAL695" s="613"/>
      <c r="EAM695" s="613"/>
      <c r="EAN695" s="613"/>
      <c r="EAO695" s="613"/>
      <c r="EAP695" s="613"/>
      <c r="EAQ695" s="613"/>
      <c r="EAR695" s="613"/>
      <c r="EAS695" s="613"/>
      <c r="EAT695" s="613"/>
      <c r="EAU695" s="613"/>
      <c r="EAV695" s="613"/>
      <c r="EAW695" s="613"/>
      <c r="EAX695" s="613"/>
      <c r="EAY695" s="613"/>
      <c r="EAZ695" s="613"/>
      <c r="EBA695" s="613"/>
      <c r="EBB695" s="613"/>
      <c r="EBC695" s="613"/>
      <c r="EBD695" s="613"/>
      <c r="EBE695" s="613"/>
      <c r="EBF695" s="613"/>
      <c r="EBG695" s="613"/>
      <c r="EBH695" s="613"/>
      <c r="EBI695" s="613"/>
      <c r="EBJ695" s="613"/>
      <c r="EBK695" s="613"/>
      <c r="EBL695" s="613"/>
      <c r="EBM695" s="613"/>
      <c r="EBN695" s="613"/>
      <c r="EBO695" s="613"/>
      <c r="EBP695" s="613"/>
      <c r="EBQ695" s="613"/>
      <c r="EBR695" s="613"/>
      <c r="EBS695" s="613"/>
      <c r="EBT695" s="613"/>
      <c r="EBU695" s="613"/>
      <c r="EBV695" s="613"/>
      <c r="EBW695" s="613"/>
      <c r="EBX695" s="613"/>
      <c r="EBY695" s="613"/>
      <c r="EBZ695" s="613"/>
      <c r="ECA695" s="613"/>
      <c r="ECB695" s="613"/>
      <c r="ECC695" s="613"/>
      <c r="ECD695" s="613"/>
      <c r="ECE695" s="613"/>
      <c r="ECF695" s="613"/>
      <c r="ECG695" s="613"/>
      <c r="ECH695" s="613"/>
      <c r="ECI695" s="613"/>
      <c r="ECJ695" s="613"/>
      <c r="ECK695" s="613"/>
      <c r="ECL695" s="613"/>
      <c r="ECM695" s="613"/>
      <c r="ECN695" s="613"/>
      <c r="ECO695" s="613"/>
      <c r="ECP695" s="613"/>
      <c r="ECQ695" s="613"/>
      <c r="ECR695" s="613"/>
      <c r="ECS695" s="613"/>
      <c r="ECT695" s="613"/>
      <c r="ECU695" s="613"/>
      <c r="ECV695" s="613"/>
      <c r="ECW695" s="613"/>
      <c r="ECX695" s="613"/>
      <c r="ECY695" s="613"/>
      <c r="ECZ695" s="613"/>
      <c r="EDA695" s="613"/>
      <c r="EDB695" s="613"/>
      <c r="EDC695" s="613"/>
      <c r="EDD695" s="613"/>
      <c r="EDE695" s="613"/>
      <c r="EDF695" s="613"/>
      <c r="EDG695" s="613"/>
      <c r="EDH695" s="613"/>
      <c r="EDI695" s="613"/>
      <c r="EDJ695" s="613"/>
      <c r="EDK695" s="613"/>
      <c r="EDL695" s="613"/>
      <c r="EDM695" s="613"/>
      <c r="EDN695" s="613"/>
      <c r="EDO695" s="613"/>
      <c r="EDP695" s="613"/>
      <c r="EDQ695" s="613"/>
      <c r="EDR695" s="613"/>
      <c r="EDS695" s="613"/>
      <c r="EDT695" s="613"/>
      <c r="EDU695" s="613"/>
      <c r="EDV695" s="613"/>
      <c r="EDW695" s="613"/>
      <c r="EDX695" s="613"/>
      <c r="EDY695" s="613"/>
      <c r="EDZ695" s="613"/>
      <c r="EEA695" s="613"/>
      <c r="EEB695" s="613"/>
      <c r="EEC695" s="613"/>
      <c r="EED695" s="613"/>
      <c r="EEE695" s="613"/>
      <c r="EEF695" s="613"/>
      <c r="EEG695" s="613"/>
      <c r="EEH695" s="613"/>
      <c r="EEI695" s="613"/>
      <c r="EEJ695" s="613"/>
      <c r="EEK695" s="613"/>
      <c r="EEL695" s="613"/>
      <c r="EEM695" s="613"/>
      <c r="EEN695" s="613"/>
      <c r="EEO695" s="613"/>
      <c r="EEP695" s="613"/>
      <c r="EEQ695" s="613"/>
      <c r="EER695" s="613"/>
      <c r="EES695" s="613"/>
      <c r="EET695" s="613"/>
      <c r="EEU695" s="613"/>
      <c r="EEV695" s="613"/>
      <c r="EEW695" s="613"/>
      <c r="EEX695" s="613"/>
      <c r="EEY695" s="613"/>
      <c r="EEZ695" s="613"/>
      <c r="EFA695" s="613"/>
      <c r="EFB695" s="613"/>
      <c r="EFC695" s="613"/>
      <c r="EFD695" s="613"/>
      <c r="EFE695" s="613"/>
      <c r="EFF695" s="613"/>
      <c r="EFG695" s="613"/>
      <c r="EFH695" s="613"/>
      <c r="EFI695" s="613"/>
      <c r="EFJ695" s="613"/>
      <c r="EFK695" s="613"/>
      <c r="EFL695" s="613"/>
      <c r="EFM695" s="613"/>
      <c r="EFN695" s="613"/>
      <c r="EFO695" s="613"/>
      <c r="EFP695" s="613"/>
      <c r="EFQ695" s="613"/>
      <c r="EFR695" s="613"/>
      <c r="EFS695" s="613"/>
      <c r="EFT695" s="613"/>
      <c r="EFU695" s="613"/>
      <c r="EFV695" s="613"/>
      <c r="EFW695" s="613"/>
      <c r="EFX695" s="613"/>
      <c r="EFY695" s="613"/>
      <c r="EFZ695" s="613"/>
      <c r="EGA695" s="613"/>
      <c r="EGB695" s="613"/>
      <c r="EGC695" s="613"/>
      <c r="EGD695" s="613"/>
      <c r="EGE695" s="613"/>
      <c r="EGF695" s="613"/>
      <c r="EGG695" s="613"/>
      <c r="EGH695" s="613"/>
      <c r="EGI695" s="613"/>
      <c r="EGJ695" s="613"/>
      <c r="EGK695" s="613"/>
      <c r="EGL695" s="613"/>
      <c r="EGM695" s="613"/>
      <c r="EGN695" s="613"/>
      <c r="EGO695" s="613"/>
      <c r="EGP695" s="613"/>
      <c r="EGQ695" s="613"/>
      <c r="EGR695" s="613"/>
      <c r="EGS695" s="613"/>
      <c r="EGT695" s="613"/>
      <c r="EGU695" s="613"/>
      <c r="EGV695" s="613"/>
      <c r="EGW695" s="613"/>
      <c r="EGX695" s="613"/>
      <c r="EGY695" s="613"/>
      <c r="EGZ695" s="613"/>
      <c r="EHA695" s="613"/>
      <c r="EHB695" s="613"/>
      <c r="EHC695" s="613"/>
      <c r="EHD695" s="613"/>
      <c r="EHE695" s="613"/>
      <c r="EHF695" s="613"/>
      <c r="EHG695" s="613"/>
      <c r="EHH695" s="613"/>
      <c r="EHI695" s="613"/>
      <c r="EHJ695" s="613"/>
      <c r="EHK695" s="613"/>
      <c r="EHL695" s="613"/>
      <c r="EHM695" s="613"/>
      <c r="EHN695" s="613"/>
      <c r="EHO695" s="613"/>
      <c r="EHP695" s="613"/>
      <c r="EHQ695" s="613"/>
      <c r="EHR695" s="613"/>
      <c r="EHS695" s="613"/>
      <c r="EHT695" s="613"/>
      <c r="EHU695" s="613"/>
      <c r="EHV695" s="613"/>
      <c r="EHW695" s="613"/>
      <c r="EHX695" s="613"/>
      <c r="EHY695" s="613"/>
      <c r="EHZ695" s="613"/>
      <c r="EIA695" s="613"/>
      <c r="EIB695" s="613"/>
      <c r="EIC695" s="613"/>
      <c r="EID695" s="613"/>
      <c r="EIE695" s="613"/>
      <c r="EIF695" s="613"/>
      <c r="EIG695" s="613"/>
      <c r="EIH695" s="613"/>
      <c r="EII695" s="613"/>
      <c r="EIJ695" s="613"/>
      <c r="EIK695" s="613"/>
      <c r="EIL695" s="613"/>
      <c r="EIM695" s="613"/>
      <c r="EIN695" s="613"/>
      <c r="EIO695" s="613"/>
      <c r="EIP695" s="613"/>
      <c r="EIQ695" s="613"/>
      <c r="EIR695" s="613"/>
      <c r="EIS695" s="613"/>
      <c r="EIT695" s="613"/>
      <c r="EIU695" s="613"/>
      <c r="EIV695" s="613"/>
      <c r="EIW695" s="613"/>
      <c r="EIX695" s="613"/>
      <c r="EIY695" s="613"/>
      <c r="EIZ695" s="613"/>
      <c r="EJA695" s="613"/>
      <c r="EJB695" s="613"/>
      <c r="EJC695" s="613"/>
      <c r="EJD695" s="613"/>
      <c r="EJE695" s="613"/>
      <c r="EJF695" s="613"/>
      <c r="EJG695" s="613"/>
      <c r="EJH695" s="613"/>
      <c r="EJI695" s="613"/>
      <c r="EJJ695" s="613"/>
      <c r="EJK695" s="613"/>
      <c r="EJL695" s="613"/>
      <c r="EJM695" s="613"/>
      <c r="EJN695" s="613"/>
      <c r="EJO695" s="613"/>
      <c r="EJP695" s="613"/>
      <c r="EJQ695" s="613"/>
      <c r="EJR695" s="613"/>
      <c r="EJS695" s="613"/>
      <c r="EJT695" s="613"/>
      <c r="EJU695" s="613"/>
      <c r="EJV695" s="613"/>
      <c r="EJW695" s="613"/>
      <c r="EJX695" s="613"/>
      <c r="EJY695" s="613"/>
      <c r="EJZ695" s="613"/>
      <c r="EKA695" s="613"/>
      <c r="EKB695" s="613"/>
      <c r="EKC695" s="613"/>
      <c r="EKD695" s="613"/>
      <c r="EKE695" s="613"/>
      <c r="EKF695" s="613"/>
      <c r="EKG695" s="613"/>
      <c r="EKH695" s="613"/>
      <c r="EKI695" s="613"/>
      <c r="EKJ695" s="613"/>
      <c r="EKK695" s="613"/>
      <c r="EKL695" s="613"/>
      <c r="EKM695" s="613"/>
      <c r="EKN695" s="613"/>
      <c r="EKO695" s="613"/>
      <c r="EKP695" s="613"/>
      <c r="EKQ695" s="613"/>
      <c r="EKR695" s="613"/>
      <c r="EKS695" s="613"/>
      <c r="EKT695" s="613"/>
      <c r="EKU695" s="613"/>
      <c r="EKV695" s="613"/>
      <c r="EKW695" s="613"/>
      <c r="EKX695" s="613"/>
      <c r="EKY695" s="613"/>
      <c r="EKZ695" s="613"/>
      <c r="ELA695" s="613"/>
      <c r="ELB695" s="613"/>
      <c r="ELC695" s="613"/>
      <c r="ELD695" s="613"/>
      <c r="ELE695" s="613"/>
      <c r="ELF695" s="613"/>
      <c r="ELG695" s="613"/>
      <c r="ELH695" s="613"/>
      <c r="ELI695" s="613"/>
      <c r="ELJ695" s="613"/>
      <c r="ELK695" s="613"/>
      <c r="ELL695" s="613"/>
      <c r="ELM695" s="613"/>
      <c r="ELN695" s="613"/>
      <c r="ELO695" s="613"/>
      <c r="ELP695" s="613"/>
      <c r="ELQ695" s="613"/>
      <c r="ELR695" s="613"/>
      <c r="ELS695" s="613"/>
      <c r="ELT695" s="613"/>
      <c r="ELU695" s="613"/>
      <c r="ELV695" s="613"/>
      <c r="ELW695" s="613"/>
      <c r="ELX695" s="613"/>
      <c r="ELY695" s="613"/>
      <c r="ELZ695" s="613"/>
      <c r="EMA695" s="613"/>
      <c r="EMB695" s="613"/>
      <c r="EMC695" s="613"/>
      <c r="EMD695" s="613"/>
      <c r="EME695" s="613"/>
      <c r="EMF695" s="613"/>
      <c r="EMG695" s="613"/>
      <c r="EMH695" s="613"/>
      <c r="EMI695" s="613"/>
      <c r="EMJ695" s="613"/>
      <c r="EMK695" s="613"/>
      <c r="EML695" s="613"/>
      <c r="EMM695" s="613"/>
      <c r="EMN695" s="613"/>
      <c r="EMO695" s="613"/>
      <c r="EMP695" s="613"/>
      <c r="EMQ695" s="613"/>
      <c r="EMR695" s="613"/>
      <c r="EMS695" s="613"/>
      <c r="EMT695" s="613"/>
      <c r="EMU695" s="613"/>
      <c r="EMV695" s="613"/>
      <c r="EMW695" s="613"/>
      <c r="EMX695" s="613"/>
      <c r="EMY695" s="613"/>
      <c r="EMZ695" s="613"/>
      <c r="ENA695" s="613"/>
      <c r="ENB695" s="613"/>
      <c r="ENC695" s="613"/>
      <c r="END695" s="613"/>
      <c r="ENE695" s="613"/>
      <c r="ENF695" s="613"/>
      <c r="ENG695" s="613"/>
      <c r="ENH695" s="613"/>
      <c r="ENI695" s="613"/>
      <c r="ENJ695" s="613"/>
      <c r="ENK695" s="613"/>
      <c r="ENL695" s="613"/>
      <c r="ENM695" s="613"/>
      <c r="ENN695" s="613"/>
      <c r="ENO695" s="613"/>
      <c r="ENP695" s="613"/>
      <c r="ENQ695" s="613"/>
      <c r="ENR695" s="613"/>
      <c r="ENS695" s="613"/>
      <c r="ENT695" s="613"/>
      <c r="ENU695" s="613"/>
      <c r="ENV695" s="613"/>
      <c r="ENW695" s="613"/>
      <c r="ENX695" s="613"/>
      <c r="ENY695" s="613"/>
      <c r="ENZ695" s="613"/>
      <c r="EOA695" s="613"/>
      <c r="EOB695" s="613"/>
      <c r="EOC695" s="613"/>
      <c r="EOD695" s="613"/>
      <c r="EOE695" s="613"/>
      <c r="EOF695" s="613"/>
      <c r="EOG695" s="613"/>
      <c r="EOH695" s="613"/>
      <c r="EOI695" s="613"/>
      <c r="EOJ695" s="613"/>
      <c r="EOK695" s="613"/>
      <c r="EOL695" s="613"/>
      <c r="EOM695" s="613"/>
      <c r="EON695" s="613"/>
      <c r="EOO695" s="613"/>
      <c r="EOP695" s="613"/>
      <c r="EOQ695" s="613"/>
      <c r="EOR695" s="613"/>
      <c r="EOS695" s="613"/>
      <c r="EOT695" s="613"/>
      <c r="EOU695" s="613"/>
      <c r="EOV695" s="613"/>
      <c r="EOW695" s="613"/>
      <c r="EOX695" s="613"/>
      <c r="EOY695" s="613"/>
      <c r="EOZ695" s="613"/>
      <c r="EPA695" s="613"/>
      <c r="EPB695" s="613"/>
      <c r="EPC695" s="613"/>
      <c r="EPD695" s="613"/>
      <c r="EPE695" s="613"/>
      <c r="EPF695" s="613"/>
      <c r="EPG695" s="613"/>
      <c r="EPH695" s="613"/>
      <c r="EPI695" s="613"/>
      <c r="EPJ695" s="613"/>
      <c r="EPK695" s="613"/>
      <c r="EPL695" s="613"/>
      <c r="EPM695" s="613"/>
      <c r="EPN695" s="613"/>
      <c r="EPO695" s="613"/>
      <c r="EPP695" s="613"/>
      <c r="EPQ695" s="613"/>
      <c r="EPR695" s="613"/>
      <c r="EPS695" s="613"/>
      <c r="EPT695" s="613"/>
      <c r="EPU695" s="613"/>
      <c r="EPV695" s="613"/>
      <c r="EPW695" s="613"/>
      <c r="EPX695" s="613"/>
      <c r="EPY695" s="613"/>
      <c r="EPZ695" s="613"/>
      <c r="EQA695" s="613"/>
      <c r="EQB695" s="613"/>
      <c r="EQC695" s="613"/>
      <c r="EQD695" s="613"/>
      <c r="EQE695" s="613"/>
      <c r="EQF695" s="613"/>
      <c r="EQG695" s="613"/>
      <c r="EQH695" s="613"/>
      <c r="EQI695" s="613"/>
      <c r="EQJ695" s="613"/>
      <c r="EQK695" s="613"/>
      <c r="EQL695" s="613"/>
      <c r="EQM695" s="613"/>
      <c r="EQN695" s="613"/>
      <c r="EQO695" s="613"/>
      <c r="EQP695" s="613"/>
      <c r="EQQ695" s="613"/>
      <c r="EQR695" s="613"/>
      <c r="EQS695" s="613"/>
      <c r="EQT695" s="613"/>
      <c r="EQU695" s="613"/>
      <c r="EQV695" s="613"/>
      <c r="EQW695" s="613"/>
      <c r="EQX695" s="613"/>
      <c r="EQY695" s="613"/>
      <c r="EQZ695" s="613"/>
      <c r="ERA695" s="613"/>
      <c r="ERB695" s="613"/>
      <c r="ERC695" s="613"/>
      <c r="ERD695" s="613"/>
      <c r="ERE695" s="613"/>
      <c r="ERF695" s="613"/>
      <c r="ERG695" s="613"/>
      <c r="ERH695" s="613"/>
      <c r="ERI695" s="613"/>
      <c r="ERJ695" s="613"/>
      <c r="ERK695" s="613"/>
      <c r="ERL695" s="613"/>
      <c r="ERM695" s="613"/>
      <c r="ERN695" s="613"/>
      <c r="ERO695" s="613"/>
      <c r="ERP695" s="613"/>
      <c r="ERQ695" s="613"/>
      <c r="ERR695" s="613"/>
      <c r="ERS695" s="613"/>
      <c r="ERT695" s="613"/>
      <c r="ERU695" s="613"/>
      <c r="ERV695" s="613"/>
      <c r="ERW695" s="613"/>
      <c r="ERX695" s="613"/>
      <c r="ERY695" s="613"/>
      <c r="ERZ695" s="613"/>
      <c r="ESA695" s="613"/>
      <c r="ESB695" s="613"/>
      <c r="ESC695" s="613"/>
      <c r="ESD695" s="613"/>
      <c r="ESE695" s="613"/>
      <c r="ESF695" s="613"/>
      <c r="ESG695" s="613"/>
      <c r="ESH695" s="613"/>
      <c r="ESI695" s="613"/>
      <c r="ESJ695" s="613"/>
      <c r="ESK695" s="613"/>
      <c r="ESL695" s="613"/>
      <c r="ESM695" s="613"/>
      <c r="ESN695" s="613"/>
      <c r="ESO695" s="613"/>
      <c r="ESP695" s="613"/>
      <c r="ESQ695" s="613"/>
      <c r="ESR695" s="613"/>
      <c r="ESS695" s="613"/>
      <c r="EST695" s="613"/>
      <c r="ESU695" s="613"/>
      <c r="ESV695" s="613"/>
      <c r="ESW695" s="613"/>
      <c r="ESX695" s="613"/>
      <c r="ESY695" s="613"/>
      <c r="ESZ695" s="613"/>
      <c r="ETA695" s="613"/>
      <c r="ETB695" s="613"/>
      <c r="ETC695" s="613"/>
      <c r="ETD695" s="613"/>
      <c r="ETE695" s="613"/>
      <c r="ETF695" s="613"/>
      <c r="ETG695" s="613"/>
      <c r="ETH695" s="613"/>
      <c r="ETI695" s="613"/>
      <c r="ETJ695" s="613"/>
      <c r="ETK695" s="613"/>
      <c r="ETL695" s="613"/>
      <c r="ETM695" s="613"/>
      <c r="ETN695" s="613"/>
      <c r="ETO695" s="613"/>
      <c r="ETP695" s="613"/>
      <c r="ETQ695" s="613"/>
      <c r="ETR695" s="613"/>
      <c r="ETS695" s="613"/>
      <c r="ETT695" s="613"/>
      <c r="ETU695" s="613"/>
      <c r="ETV695" s="613"/>
      <c r="ETW695" s="613"/>
      <c r="ETX695" s="613"/>
      <c r="ETY695" s="613"/>
      <c r="ETZ695" s="613"/>
      <c r="EUA695" s="613"/>
      <c r="EUB695" s="613"/>
      <c r="EUC695" s="613"/>
      <c r="EUD695" s="613"/>
      <c r="EUE695" s="613"/>
      <c r="EUF695" s="613"/>
      <c r="EUG695" s="613"/>
      <c r="EUH695" s="613"/>
      <c r="EUI695" s="613"/>
      <c r="EUJ695" s="613"/>
      <c r="EUK695" s="613"/>
      <c r="EUL695" s="613"/>
      <c r="EUM695" s="613"/>
      <c r="EUN695" s="613"/>
      <c r="EUO695" s="613"/>
      <c r="EUP695" s="613"/>
      <c r="EUQ695" s="613"/>
      <c r="EUR695" s="613"/>
      <c r="EUS695" s="613"/>
      <c r="EUT695" s="613"/>
      <c r="EUU695" s="613"/>
      <c r="EUV695" s="613"/>
      <c r="EUW695" s="613"/>
      <c r="EUX695" s="613"/>
      <c r="EUY695" s="613"/>
      <c r="EUZ695" s="613"/>
      <c r="EVA695" s="613"/>
      <c r="EVB695" s="613"/>
      <c r="EVC695" s="613"/>
      <c r="EVD695" s="613"/>
      <c r="EVE695" s="613"/>
      <c r="EVF695" s="613"/>
      <c r="EVG695" s="613"/>
      <c r="EVH695" s="613"/>
      <c r="EVI695" s="613"/>
      <c r="EVJ695" s="613"/>
      <c r="EVK695" s="613"/>
      <c r="EVL695" s="613"/>
      <c r="EVM695" s="613"/>
      <c r="EVN695" s="613"/>
      <c r="EVO695" s="613"/>
      <c r="EVP695" s="613"/>
      <c r="EVQ695" s="613"/>
      <c r="EVR695" s="613"/>
      <c r="EVS695" s="613"/>
      <c r="EVT695" s="613"/>
      <c r="EVU695" s="613"/>
      <c r="EVV695" s="613"/>
      <c r="EVW695" s="613"/>
      <c r="EVX695" s="613"/>
      <c r="EVY695" s="613"/>
      <c r="EVZ695" s="613"/>
      <c r="EWA695" s="613"/>
      <c r="EWB695" s="613"/>
      <c r="EWC695" s="613"/>
      <c r="EWD695" s="613"/>
      <c r="EWE695" s="613"/>
      <c r="EWF695" s="613"/>
      <c r="EWG695" s="613"/>
      <c r="EWH695" s="613"/>
      <c r="EWI695" s="613"/>
      <c r="EWJ695" s="613"/>
      <c r="EWK695" s="613"/>
      <c r="EWL695" s="613"/>
      <c r="EWM695" s="613"/>
      <c r="EWN695" s="613"/>
      <c r="EWO695" s="613"/>
      <c r="EWP695" s="613"/>
      <c r="EWQ695" s="613"/>
      <c r="EWR695" s="613"/>
      <c r="EWS695" s="613"/>
      <c r="EWT695" s="613"/>
      <c r="EWU695" s="613"/>
      <c r="EWV695" s="613"/>
      <c r="EWW695" s="613"/>
      <c r="EWX695" s="613"/>
      <c r="EWY695" s="613"/>
      <c r="EWZ695" s="613"/>
      <c r="EXA695" s="613"/>
      <c r="EXB695" s="613"/>
      <c r="EXC695" s="613"/>
      <c r="EXD695" s="613"/>
      <c r="EXE695" s="613"/>
      <c r="EXF695" s="613"/>
      <c r="EXG695" s="613"/>
      <c r="EXH695" s="613"/>
      <c r="EXI695" s="613"/>
      <c r="EXJ695" s="613"/>
      <c r="EXK695" s="613"/>
      <c r="EXL695" s="613"/>
      <c r="EXM695" s="613"/>
      <c r="EXN695" s="613"/>
      <c r="EXO695" s="613"/>
      <c r="EXP695" s="613"/>
      <c r="EXQ695" s="613"/>
      <c r="EXR695" s="613"/>
      <c r="EXS695" s="613"/>
      <c r="EXT695" s="613"/>
      <c r="EXU695" s="613"/>
      <c r="EXV695" s="613"/>
      <c r="EXW695" s="613"/>
      <c r="EXX695" s="613"/>
      <c r="EXY695" s="613"/>
      <c r="EXZ695" s="613"/>
      <c r="EYA695" s="613"/>
      <c r="EYB695" s="613"/>
      <c r="EYC695" s="613"/>
      <c r="EYD695" s="613"/>
      <c r="EYE695" s="613"/>
      <c r="EYF695" s="613"/>
      <c r="EYG695" s="613"/>
      <c r="EYH695" s="613"/>
      <c r="EYI695" s="613"/>
      <c r="EYJ695" s="613"/>
      <c r="EYK695" s="613"/>
      <c r="EYL695" s="613"/>
      <c r="EYM695" s="613"/>
      <c r="EYN695" s="613"/>
      <c r="EYO695" s="613"/>
      <c r="EYP695" s="613"/>
      <c r="EYQ695" s="613"/>
      <c r="EYR695" s="613"/>
      <c r="EYS695" s="613"/>
      <c r="EYT695" s="613"/>
      <c r="EYU695" s="613"/>
      <c r="EYV695" s="613"/>
      <c r="EYW695" s="613"/>
      <c r="EYX695" s="613"/>
      <c r="EYY695" s="613"/>
      <c r="EYZ695" s="613"/>
      <c r="EZA695" s="613"/>
      <c r="EZB695" s="613"/>
      <c r="EZC695" s="613"/>
      <c r="EZD695" s="613"/>
      <c r="EZE695" s="613"/>
      <c r="EZF695" s="613"/>
      <c r="EZG695" s="613"/>
      <c r="EZH695" s="613"/>
      <c r="EZI695" s="613"/>
      <c r="EZJ695" s="613"/>
      <c r="EZK695" s="613"/>
      <c r="EZL695" s="613"/>
      <c r="EZM695" s="613"/>
      <c r="EZN695" s="613"/>
      <c r="EZO695" s="613"/>
      <c r="EZP695" s="613"/>
      <c r="EZQ695" s="613"/>
      <c r="EZR695" s="613"/>
      <c r="EZS695" s="613"/>
      <c r="EZT695" s="613"/>
      <c r="EZU695" s="613"/>
      <c r="EZV695" s="613"/>
      <c r="EZW695" s="613"/>
      <c r="EZX695" s="613"/>
      <c r="EZY695" s="613"/>
      <c r="EZZ695" s="613"/>
      <c r="FAA695" s="613"/>
      <c r="FAB695" s="613"/>
      <c r="FAC695" s="613"/>
      <c r="FAD695" s="613"/>
      <c r="FAE695" s="613"/>
      <c r="FAF695" s="613"/>
      <c r="FAG695" s="613"/>
      <c r="FAH695" s="613"/>
      <c r="FAI695" s="613"/>
      <c r="FAJ695" s="613"/>
      <c r="FAK695" s="613"/>
      <c r="FAL695" s="613"/>
      <c r="FAM695" s="613"/>
      <c r="FAN695" s="613"/>
      <c r="FAO695" s="613"/>
      <c r="FAP695" s="613"/>
      <c r="FAQ695" s="613"/>
      <c r="FAR695" s="613"/>
      <c r="FAS695" s="613"/>
      <c r="FAT695" s="613"/>
      <c r="FAU695" s="613"/>
      <c r="FAV695" s="613"/>
      <c r="FAW695" s="613"/>
      <c r="FAX695" s="613"/>
      <c r="FAY695" s="613"/>
      <c r="FAZ695" s="613"/>
      <c r="FBA695" s="613"/>
      <c r="FBB695" s="613"/>
      <c r="FBC695" s="613"/>
      <c r="FBD695" s="613"/>
      <c r="FBE695" s="613"/>
      <c r="FBF695" s="613"/>
      <c r="FBG695" s="613"/>
      <c r="FBH695" s="613"/>
      <c r="FBI695" s="613"/>
      <c r="FBJ695" s="613"/>
      <c r="FBK695" s="613"/>
      <c r="FBL695" s="613"/>
      <c r="FBM695" s="613"/>
      <c r="FBN695" s="613"/>
      <c r="FBO695" s="613"/>
      <c r="FBP695" s="613"/>
      <c r="FBQ695" s="613"/>
      <c r="FBR695" s="613"/>
      <c r="FBS695" s="613"/>
      <c r="FBT695" s="613"/>
      <c r="FBU695" s="613"/>
      <c r="FBV695" s="613"/>
      <c r="FBW695" s="613"/>
      <c r="FBX695" s="613"/>
      <c r="FBY695" s="613"/>
      <c r="FBZ695" s="613"/>
      <c r="FCA695" s="613"/>
      <c r="FCB695" s="613"/>
      <c r="FCC695" s="613"/>
      <c r="FCD695" s="613"/>
      <c r="FCE695" s="613"/>
      <c r="FCF695" s="613"/>
      <c r="FCG695" s="613"/>
      <c r="FCH695" s="613"/>
      <c r="FCI695" s="613"/>
      <c r="FCJ695" s="613"/>
      <c r="FCK695" s="613"/>
      <c r="FCL695" s="613"/>
      <c r="FCM695" s="613"/>
      <c r="FCN695" s="613"/>
      <c r="FCO695" s="613"/>
      <c r="FCP695" s="613"/>
      <c r="FCQ695" s="613"/>
      <c r="FCR695" s="613"/>
      <c r="FCS695" s="613"/>
      <c r="FCT695" s="613"/>
      <c r="FCU695" s="613"/>
      <c r="FCV695" s="613"/>
      <c r="FCW695" s="613"/>
      <c r="FCX695" s="613"/>
      <c r="FCY695" s="613"/>
      <c r="FCZ695" s="613"/>
      <c r="FDA695" s="613"/>
      <c r="FDB695" s="613"/>
      <c r="FDC695" s="613"/>
      <c r="FDD695" s="613"/>
      <c r="FDE695" s="613"/>
      <c r="FDF695" s="613"/>
      <c r="FDG695" s="613"/>
      <c r="FDH695" s="613"/>
      <c r="FDI695" s="613"/>
      <c r="FDJ695" s="613"/>
      <c r="FDK695" s="613"/>
      <c r="FDL695" s="613"/>
      <c r="FDM695" s="613"/>
      <c r="FDN695" s="613"/>
      <c r="FDO695" s="613"/>
      <c r="FDP695" s="613"/>
      <c r="FDQ695" s="613"/>
      <c r="FDR695" s="613"/>
      <c r="FDS695" s="613"/>
      <c r="FDT695" s="613"/>
      <c r="FDU695" s="613"/>
      <c r="FDV695" s="613"/>
      <c r="FDW695" s="613"/>
      <c r="FDX695" s="613"/>
      <c r="FDY695" s="613"/>
      <c r="FDZ695" s="613"/>
      <c r="FEA695" s="613"/>
      <c r="FEB695" s="613"/>
      <c r="FEC695" s="613"/>
      <c r="FED695" s="613"/>
      <c r="FEE695" s="613"/>
      <c r="FEF695" s="613"/>
      <c r="FEG695" s="613"/>
      <c r="FEH695" s="613"/>
      <c r="FEI695" s="613"/>
      <c r="FEJ695" s="613"/>
      <c r="FEK695" s="613"/>
      <c r="FEL695" s="613"/>
      <c r="FEM695" s="613"/>
      <c r="FEN695" s="613"/>
      <c r="FEO695" s="613"/>
      <c r="FEP695" s="613"/>
      <c r="FEQ695" s="613"/>
      <c r="FER695" s="613"/>
      <c r="FES695" s="613"/>
      <c r="FET695" s="613"/>
      <c r="FEU695" s="613"/>
      <c r="FEV695" s="613"/>
      <c r="FEW695" s="613"/>
      <c r="FEX695" s="613"/>
      <c r="FEY695" s="613"/>
      <c r="FEZ695" s="613"/>
      <c r="FFA695" s="613"/>
      <c r="FFB695" s="613"/>
      <c r="FFC695" s="613"/>
      <c r="FFD695" s="613"/>
      <c r="FFE695" s="613"/>
      <c r="FFF695" s="613"/>
      <c r="FFG695" s="613"/>
      <c r="FFH695" s="613"/>
      <c r="FFI695" s="613"/>
      <c r="FFJ695" s="613"/>
      <c r="FFK695" s="613"/>
      <c r="FFL695" s="613"/>
      <c r="FFM695" s="613"/>
      <c r="FFN695" s="613"/>
      <c r="FFO695" s="613"/>
      <c r="FFP695" s="613"/>
      <c r="FFQ695" s="613"/>
      <c r="FFR695" s="613"/>
      <c r="FFS695" s="613"/>
      <c r="FFT695" s="613"/>
      <c r="FFU695" s="613"/>
      <c r="FFV695" s="613"/>
      <c r="FFW695" s="613"/>
      <c r="FFX695" s="613"/>
      <c r="FFY695" s="613"/>
      <c r="FFZ695" s="613"/>
      <c r="FGA695" s="613"/>
      <c r="FGB695" s="613"/>
      <c r="FGC695" s="613"/>
      <c r="FGD695" s="613"/>
      <c r="FGE695" s="613"/>
      <c r="FGF695" s="613"/>
      <c r="FGG695" s="613"/>
      <c r="FGH695" s="613"/>
      <c r="FGI695" s="613"/>
      <c r="FGJ695" s="613"/>
      <c r="FGK695" s="613"/>
      <c r="FGL695" s="613"/>
      <c r="FGM695" s="613"/>
      <c r="FGN695" s="613"/>
      <c r="FGO695" s="613"/>
      <c r="FGP695" s="613"/>
      <c r="FGQ695" s="613"/>
      <c r="FGR695" s="613"/>
      <c r="FGS695" s="613"/>
      <c r="FGT695" s="613"/>
      <c r="FGU695" s="613"/>
      <c r="FGV695" s="613"/>
      <c r="FGW695" s="613"/>
      <c r="FGX695" s="613"/>
      <c r="FGY695" s="613"/>
      <c r="FGZ695" s="613"/>
      <c r="FHA695" s="613"/>
      <c r="FHB695" s="613"/>
      <c r="FHC695" s="613"/>
      <c r="FHD695" s="613"/>
      <c r="FHE695" s="613"/>
      <c r="FHF695" s="613"/>
      <c r="FHG695" s="613"/>
      <c r="FHH695" s="613"/>
      <c r="FHI695" s="613"/>
      <c r="FHJ695" s="613"/>
      <c r="FHK695" s="613"/>
      <c r="FHL695" s="613"/>
      <c r="FHM695" s="613"/>
      <c r="FHN695" s="613"/>
      <c r="FHO695" s="613"/>
      <c r="FHP695" s="613"/>
      <c r="FHQ695" s="613"/>
      <c r="FHR695" s="613"/>
      <c r="FHS695" s="613"/>
      <c r="FHT695" s="613"/>
      <c r="FHU695" s="613"/>
      <c r="FHV695" s="613"/>
      <c r="FHW695" s="613"/>
      <c r="FHX695" s="613"/>
      <c r="FHY695" s="613"/>
      <c r="FHZ695" s="613"/>
      <c r="FIA695" s="613"/>
      <c r="FIB695" s="613"/>
      <c r="FIC695" s="613"/>
      <c r="FID695" s="613"/>
      <c r="FIE695" s="613"/>
      <c r="FIF695" s="613"/>
      <c r="FIG695" s="613"/>
      <c r="FIH695" s="613"/>
      <c r="FII695" s="613"/>
      <c r="FIJ695" s="613"/>
      <c r="FIK695" s="613"/>
      <c r="FIL695" s="613"/>
      <c r="FIM695" s="613"/>
      <c r="FIN695" s="613"/>
      <c r="FIO695" s="613"/>
      <c r="FIP695" s="613"/>
      <c r="FIQ695" s="613"/>
      <c r="FIR695" s="613"/>
      <c r="FIS695" s="613"/>
      <c r="FIT695" s="613"/>
      <c r="FIU695" s="613"/>
      <c r="FIV695" s="613"/>
      <c r="FIW695" s="613"/>
      <c r="FIX695" s="613"/>
      <c r="FIY695" s="613"/>
      <c r="FIZ695" s="613"/>
      <c r="FJA695" s="613"/>
      <c r="FJB695" s="613"/>
      <c r="FJC695" s="613"/>
      <c r="FJD695" s="613"/>
      <c r="FJE695" s="613"/>
      <c r="FJF695" s="613"/>
      <c r="FJG695" s="613"/>
      <c r="FJH695" s="613"/>
      <c r="FJI695" s="613"/>
      <c r="FJJ695" s="613"/>
      <c r="FJK695" s="613"/>
      <c r="FJL695" s="613"/>
      <c r="FJM695" s="613"/>
      <c r="FJN695" s="613"/>
      <c r="FJO695" s="613"/>
      <c r="FJP695" s="613"/>
      <c r="FJQ695" s="613"/>
      <c r="FJR695" s="613"/>
      <c r="FJS695" s="613"/>
      <c r="FJT695" s="613"/>
      <c r="FJU695" s="613"/>
      <c r="FJV695" s="613"/>
      <c r="FJW695" s="613"/>
      <c r="FJX695" s="613"/>
      <c r="FJY695" s="613"/>
      <c r="FJZ695" s="613"/>
      <c r="FKA695" s="613"/>
      <c r="FKB695" s="613"/>
      <c r="FKC695" s="613"/>
      <c r="FKD695" s="613"/>
      <c r="FKE695" s="613"/>
      <c r="FKF695" s="613"/>
      <c r="FKG695" s="613"/>
      <c r="FKH695" s="613"/>
      <c r="FKI695" s="613"/>
      <c r="FKJ695" s="613"/>
      <c r="FKK695" s="613"/>
      <c r="FKL695" s="613"/>
      <c r="FKM695" s="613"/>
      <c r="FKN695" s="613"/>
      <c r="FKO695" s="613"/>
      <c r="FKP695" s="613"/>
      <c r="FKQ695" s="613"/>
      <c r="FKR695" s="613"/>
      <c r="FKS695" s="613"/>
      <c r="FKT695" s="613"/>
      <c r="FKU695" s="613"/>
      <c r="FKV695" s="613"/>
      <c r="FKW695" s="613"/>
      <c r="FKX695" s="613"/>
      <c r="FKY695" s="613"/>
      <c r="FKZ695" s="613"/>
      <c r="FLA695" s="613"/>
      <c r="FLB695" s="613"/>
      <c r="FLC695" s="613"/>
      <c r="FLD695" s="613"/>
      <c r="FLE695" s="613"/>
      <c r="FLF695" s="613"/>
      <c r="FLG695" s="613"/>
      <c r="FLH695" s="613"/>
      <c r="FLI695" s="613"/>
      <c r="FLJ695" s="613"/>
      <c r="FLK695" s="613"/>
      <c r="FLL695" s="613"/>
      <c r="FLM695" s="613"/>
      <c r="FLN695" s="613"/>
      <c r="FLO695" s="613"/>
      <c r="FLP695" s="613"/>
      <c r="FLQ695" s="613"/>
      <c r="FLR695" s="613"/>
      <c r="FLS695" s="613"/>
      <c r="FLT695" s="613"/>
      <c r="FLU695" s="613"/>
      <c r="FLV695" s="613"/>
      <c r="FLW695" s="613"/>
      <c r="FLX695" s="613"/>
      <c r="FLY695" s="613"/>
      <c r="FLZ695" s="613"/>
      <c r="FMA695" s="613"/>
      <c r="FMB695" s="613"/>
      <c r="FMC695" s="613"/>
      <c r="FMD695" s="613"/>
      <c r="FME695" s="613"/>
      <c r="FMF695" s="613"/>
      <c r="FMG695" s="613"/>
      <c r="FMH695" s="613"/>
      <c r="FMI695" s="613"/>
      <c r="FMJ695" s="613"/>
      <c r="FMK695" s="613"/>
      <c r="FML695" s="613"/>
      <c r="FMM695" s="613"/>
      <c r="FMN695" s="613"/>
      <c r="FMO695" s="613"/>
      <c r="FMP695" s="613"/>
      <c r="FMQ695" s="613"/>
      <c r="FMR695" s="613"/>
      <c r="FMS695" s="613"/>
      <c r="FMT695" s="613"/>
      <c r="FMU695" s="613"/>
      <c r="FMV695" s="613"/>
      <c r="FMW695" s="613"/>
      <c r="FMX695" s="613"/>
      <c r="FMY695" s="613"/>
      <c r="FMZ695" s="613"/>
      <c r="FNA695" s="613"/>
      <c r="FNB695" s="613"/>
      <c r="FNC695" s="613"/>
      <c r="FND695" s="613"/>
      <c r="FNE695" s="613"/>
      <c r="FNF695" s="613"/>
      <c r="FNG695" s="613"/>
      <c r="FNH695" s="613"/>
      <c r="FNI695" s="613"/>
      <c r="FNJ695" s="613"/>
      <c r="FNK695" s="613"/>
      <c r="FNL695" s="613"/>
      <c r="FNM695" s="613"/>
      <c r="FNN695" s="613"/>
      <c r="FNO695" s="613"/>
      <c r="FNP695" s="613"/>
      <c r="FNQ695" s="613"/>
      <c r="FNR695" s="613"/>
      <c r="FNS695" s="613"/>
      <c r="FNT695" s="613"/>
      <c r="FNU695" s="613"/>
      <c r="FNV695" s="613"/>
      <c r="FNW695" s="613"/>
      <c r="FNX695" s="613"/>
      <c r="FNY695" s="613"/>
      <c r="FNZ695" s="613"/>
      <c r="FOA695" s="613"/>
      <c r="FOB695" s="613"/>
      <c r="FOC695" s="613"/>
      <c r="FOD695" s="613"/>
      <c r="FOE695" s="613"/>
      <c r="FOF695" s="613"/>
      <c r="FOG695" s="613"/>
      <c r="FOH695" s="613"/>
      <c r="FOI695" s="613"/>
      <c r="FOJ695" s="613"/>
      <c r="FOK695" s="613"/>
      <c r="FOL695" s="613"/>
      <c r="FOM695" s="613"/>
      <c r="FON695" s="613"/>
      <c r="FOO695" s="613"/>
      <c r="FOP695" s="613"/>
      <c r="FOQ695" s="613"/>
      <c r="FOR695" s="613"/>
      <c r="FOS695" s="613"/>
      <c r="FOT695" s="613"/>
      <c r="FOU695" s="613"/>
      <c r="FOV695" s="613"/>
      <c r="FOW695" s="613"/>
      <c r="FOX695" s="613"/>
      <c r="FOY695" s="613"/>
      <c r="FOZ695" s="613"/>
      <c r="FPA695" s="613"/>
      <c r="FPB695" s="613"/>
      <c r="FPC695" s="613"/>
      <c r="FPD695" s="613"/>
      <c r="FPE695" s="613"/>
      <c r="FPF695" s="613"/>
      <c r="FPG695" s="613"/>
      <c r="FPH695" s="613"/>
      <c r="FPI695" s="613"/>
      <c r="FPJ695" s="613"/>
      <c r="FPK695" s="613"/>
      <c r="FPL695" s="613"/>
      <c r="FPM695" s="613"/>
      <c r="FPN695" s="613"/>
      <c r="FPO695" s="613"/>
      <c r="FPP695" s="613"/>
      <c r="FPQ695" s="613"/>
      <c r="FPR695" s="613"/>
      <c r="FPS695" s="613"/>
      <c r="FPT695" s="613"/>
      <c r="FPU695" s="613"/>
      <c r="FPV695" s="613"/>
      <c r="FPW695" s="613"/>
      <c r="FPX695" s="613"/>
      <c r="FPY695" s="613"/>
      <c r="FPZ695" s="613"/>
      <c r="FQA695" s="613"/>
      <c r="FQB695" s="613"/>
      <c r="FQC695" s="613"/>
      <c r="FQD695" s="613"/>
      <c r="FQE695" s="613"/>
      <c r="FQF695" s="613"/>
      <c r="FQG695" s="613"/>
      <c r="FQH695" s="613"/>
      <c r="FQI695" s="613"/>
      <c r="FQJ695" s="613"/>
      <c r="FQK695" s="613"/>
      <c r="FQL695" s="613"/>
      <c r="FQM695" s="613"/>
      <c r="FQN695" s="613"/>
      <c r="FQO695" s="613"/>
      <c r="FQP695" s="613"/>
      <c r="FQQ695" s="613"/>
      <c r="FQR695" s="613"/>
      <c r="FQS695" s="613"/>
      <c r="FQT695" s="613"/>
      <c r="FQU695" s="613"/>
      <c r="FQV695" s="613"/>
      <c r="FQW695" s="613"/>
      <c r="FQX695" s="613"/>
      <c r="FQY695" s="613"/>
      <c r="FQZ695" s="613"/>
      <c r="FRA695" s="613"/>
      <c r="FRB695" s="613"/>
      <c r="FRC695" s="613"/>
      <c r="FRD695" s="613"/>
      <c r="FRE695" s="613"/>
      <c r="FRF695" s="613"/>
      <c r="FRG695" s="613"/>
      <c r="FRH695" s="613"/>
      <c r="FRI695" s="613"/>
      <c r="FRJ695" s="613"/>
      <c r="FRK695" s="613"/>
      <c r="FRL695" s="613"/>
      <c r="FRM695" s="613"/>
      <c r="FRN695" s="613"/>
      <c r="FRO695" s="613"/>
      <c r="FRP695" s="613"/>
      <c r="FRQ695" s="613"/>
      <c r="FRR695" s="613"/>
      <c r="FRS695" s="613"/>
      <c r="FRT695" s="613"/>
      <c r="FRU695" s="613"/>
      <c r="FRV695" s="613"/>
      <c r="FRW695" s="613"/>
      <c r="FRX695" s="613"/>
      <c r="FRY695" s="613"/>
      <c r="FRZ695" s="613"/>
      <c r="FSA695" s="613"/>
      <c r="FSB695" s="613"/>
      <c r="FSC695" s="613"/>
      <c r="FSD695" s="613"/>
      <c r="FSE695" s="613"/>
      <c r="FSF695" s="613"/>
      <c r="FSG695" s="613"/>
      <c r="FSH695" s="613"/>
      <c r="FSI695" s="613"/>
      <c r="FSJ695" s="613"/>
      <c r="FSK695" s="613"/>
      <c r="FSL695" s="613"/>
      <c r="FSM695" s="613"/>
      <c r="FSN695" s="613"/>
      <c r="FSO695" s="613"/>
      <c r="FSP695" s="613"/>
      <c r="FSQ695" s="613"/>
      <c r="FSR695" s="613"/>
      <c r="FSS695" s="613"/>
      <c r="FST695" s="613"/>
      <c r="FSU695" s="613"/>
      <c r="FSV695" s="613"/>
      <c r="FSW695" s="613"/>
      <c r="FSX695" s="613"/>
      <c r="FSY695" s="613"/>
      <c r="FSZ695" s="613"/>
      <c r="FTA695" s="613"/>
      <c r="FTB695" s="613"/>
      <c r="FTC695" s="613"/>
      <c r="FTD695" s="613"/>
      <c r="FTE695" s="613"/>
      <c r="FTF695" s="613"/>
      <c r="FTG695" s="613"/>
      <c r="FTH695" s="613"/>
      <c r="FTI695" s="613"/>
      <c r="FTJ695" s="613"/>
      <c r="FTK695" s="613"/>
      <c r="FTL695" s="613"/>
      <c r="FTM695" s="613"/>
      <c r="FTN695" s="613"/>
      <c r="FTO695" s="613"/>
      <c r="FTP695" s="613"/>
      <c r="FTQ695" s="613"/>
      <c r="FTR695" s="613"/>
      <c r="FTS695" s="613"/>
      <c r="FTT695" s="613"/>
      <c r="FTU695" s="613"/>
      <c r="FTV695" s="613"/>
      <c r="FTW695" s="613"/>
      <c r="FTX695" s="613"/>
      <c r="FTY695" s="613"/>
      <c r="FTZ695" s="613"/>
      <c r="FUA695" s="613"/>
      <c r="FUB695" s="613"/>
      <c r="FUC695" s="613"/>
      <c r="FUD695" s="613"/>
      <c r="FUE695" s="613"/>
      <c r="FUF695" s="613"/>
      <c r="FUG695" s="613"/>
      <c r="FUH695" s="613"/>
      <c r="FUI695" s="613"/>
      <c r="FUJ695" s="613"/>
      <c r="FUK695" s="613"/>
      <c r="FUL695" s="613"/>
      <c r="FUM695" s="613"/>
      <c r="FUN695" s="613"/>
      <c r="FUO695" s="613"/>
      <c r="FUP695" s="613"/>
      <c r="FUQ695" s="613"/>
      <c r="FUR695" s="613"/>
      <c r="FUS695" s="613"/>
      <c r="FUT695" s="613"/>
      <c r="FUU695" s="613"/>
      <c r="FUV695" s="613"/>
      <c r="FUW695" s="613"/>
      <c r="FUX695" s="613"/>
      <c r="FUY695" s="613"/>
      <c r="FUZ695" s="613"/>
      <c r="FVA695" s="613"/>
      <c r="FVB695" s="613"/>
      <c r="FVC695" s="613"/>
      <c r="FVD695" s="613"/>
      <c r="FVE695" s="613"/>
      <c r="FVF695" s="613"/>
      <c r="FVG695" s="613"/>
      <c r="FVH695" s="613"/>
      <c r="FVI695" s="613"/>
      <c r="FVJ695" s="613"/>
      <c r="FVK695" s="613"/>
      <c r="FVL695" s="613"/>
      <c r="FVM695" s="613"/>
      <c r="FVN695" s="613"/>
      <c r="FVO695" s="613"/>
      <c r="FVP695" s="613"/>
      <c r="FVQ695" s="613"/>
      <c r="FVR695" s="613"/>
      <c r="FVS695" s="613"/>
      <c r="FVT695" s="613"/>
      <c r="FVU695" s="613"/>
      <c r="FVV695" s="613"/>
      <c r="FVW695" s="613"/>
      <c r="FVX695" s="613"/>
      <c r="FVY695" s="613"/>
      <c r="FVZ695" s="613"/>
      <c r="FWA695" s="613"/>
      <c r="FWB695" s="613"/>
      <c r="FWC695" s="613"/>
      <c r="FWD695" s="613"/>
      <c r="FWE695" s="613"/>
      <c r="FWF695" s="613"/>
      <c r="FWG695" s="613"/>
      <c r="FWH695" s="613"/>
      <c r="FWI695" s="613"/>
      <c r="FWJ695" s="613"/>
      <c r="FWK695" s="613"/>
      <c r="FWL695" s="613"/>
      <c r="FWM695" s="613"/>
      <c r="FWN695" s="613"/>
      <c r="FWO695" s="613"/>
      <c r="FWP695" s="613"/>
      <c r="FWQ695" s="613"/>
      <c r="FWR695" s="613"/>
      <c r="FWS695" s="613"/>
      <c r="FWT695" s="613"/>
      <c r="FWU695" s="613"/>
      <c r="FWV695" s="613"/>
      <c r="FWW695" s="613"/>
      <c r="FWX695" s="613"/>
      <c r="FWY695" s="613"/>
      <c r="FWZ695" s="613"/>
      <c r="FXA695" s="613"/>
      <c r="FXB695" s="613"/>
      <c r="FXC695" s="613"/>
      <c r="FXD695" s="613"/>
      <c r="FXE695" s="613"/>
      <c r="FXF695" s="613"/>
      <c r="FXG695" s="613"/>
      <c r="FXH695" s="613"/>
      <c r="FXI695" s="613"/>
      <c r="FXJ695" s="613"/>
      <c r="FXK695" s="613"/>
      <c r="FXL695" s="613"/>
      <c r="FXM695" s="613"/>
      <c r="FXN695" s="613"/>
      <c r="FXO695" s="613"/>
      <c r="FXP695" s="613"/>
      <c r="FXQ695" s="613"/>
      <c r="FXR695" s="613"/>
      <c r="FXS695" s="613"/>
      <c r="FXT695" s="613"/>
      <c r="FXU695" s="613"/>
      <c r="FXV695" s="613"/>
      <c r="FXW695" s="613"/>
      <c r="FXX695" s="613"/>
      <c r="FXY695" s="613"/>
      <c r="FXZ695" s="613"/>
      <c r="FYA695" s="613"/>
      <c r="FYB695" s="613"/>
      <c r="FYC695" s="613"/>
      <c r="FYD695" s="613"/>
      <c r="FYE695" s="613"/>
      <c r="FYF695" s="613"/>
      <c r="FYG695" s="613"/>
      <c r="FYH695" s="613"/>
      <c r="FYI695" s="613"/>
      <c r="FYJ695" s="613"/>
      <c r="FYK695" s="613"/>
      <c r="FYL695" s="613"/>
      <c r="FYM695" s="613"/>
      <c r="FYN695" s="613"/>
      <c r="FYO695" s="613"/>
      <c r="FYP695" s="613"/>
      <c r="FYQ695" s="613"/>
      <c r="FYR695" s="613"/>
      <c r="FYS695" s="613"/>
      <c r="FYT695" s="613"/>
      <c r="FYU695" s="613"/>
      <c r="FYV695" s="613"/>
      <c r="FYW695" s="613"/>
      <c r="FYX695" s="613"/>
      <c r="FYY695" s="613"/>
      <c r="FYZ695" s="613"/>
      <c r="FZA695" s="613"/>
      <c r="FZB695" s="613"/>
      <c r="FZC695" s="613"/>
      <c r="FZD695" s="613"/>
      <c r="FZE695" s="613"/>
      <c r="FZF695" s="613"/>
      <c r="FZG695" s="613"/>
      <c r="FZH695" s="613"/>
      <c r="FZI695" s="613"/>
      <c r="FZJ695" s="613"/>
      <c r="FZK695" s="613"/>
      <c r="FZL695" s="613"/>
      <c r="FZM695" s="613"/>
      <c r="FZN695" s="613"/>
      <c r="FZO695" s="613"/>
      <c r="FZP695" s="613"/>
      <c r="FZQ695" s="613"/>
      <c r="FZR695" s="613"/>
      <c r="FZS695" s="613"/>
      <c r="FZT695" s="613"/>
      <c r="FZU695" s="613"/>
      <c r="FZV695" s="613"/>
      <c r="FZW695" s="613"/>
      <c r="FZX695" s="613"/>
      <c r="FZY695" s="613"/>
      <c r="FZZ695" s="613"/>
      <c r="GAA695" s="613"/>
      <c r="GAB695" s="613"/>
      <c r="GAC695" s="613"/>
      <c r="GAD695" s="613"/>
      <c r="GAE695" s="613"/>
      <c r="GAF695" s="613"/>
      <c r="GAG695" s="613"/>
      <c r="GAH695" s="613"/>
      <c r="GAI695" s="613"/>
      <c r="GAJ695" s="613"/>
      <c r="GAK695" s="613"/>
      <c r="GAL695" s="613"/>
      <c r="GAM695" s="613"/>
      <c r="GAN695" s="613"/>
      <c r="GAO695" s="613"/>
      <c r="GAP695" s="613"/>
      <c r="GAQ695" s="613"/>
      <c r="GAR695" s="613"/>
      <c r="GAS695" s="613"/>
      <c r="GAT695" s="613"/>
      <c r="GAU695" s="613"/>
      <c r="GAV695" s="613"/>
      <c r="GAW695" s="613"/>
      <c r="GAX695" s="613"/>
      <c r="GAY695" s="613"/>
      <c r="GAZ695" s="613"/>
      <c r="GBA695" s="613"/>
      <c r="GBB695" s="613"/>
      <c r="GBC695" s="613"/>
      <c r="GBD695" s="613"/>
      <c r="GBE695" s="613"/>
      <c r="GBF695" s="613"/>
      <c r="GBG695" s="613"/>
      <c r="GBH695" s="613"/>
      <c r="GBI695" s="613"/>
      <c r="GBJ695" s="613"/>
      <c r="GBK695" s="613"/>
      <c r="GBL695" s="613"/>
      <c r="GBM695" s="613"/>
      <c r="GBN695" s="613"/>
      <c r="GBO695" s="613"/>
      <c r="GBP695" s="613"/>
      <c r="GBQ695" s="613"/>
      <c r="GBR695" s="613"/>
      <c r="GBS695" s="613"/>
      <c r="GBT695" s="613"/>
      <c r="GBU695" s="613"/>
      <c r="GBV695" s="613"/>
      <c r="GBW695" s="613"/>
      <c r="GBX695" s="613"/>
      <c r="GBY695" s="613"/>
      <c r="GBZ695" s="613"/>
      <c r="GCA695" s="613"/>
      <c r="GCB695" s="613"/>
      <c r="GCC695" s="613"/>
      <c r="GCD695" s="613"/>
      <c r="GCE695" s="613"/>
      <c r="GCF695" s="613"/>
      <c r="GCG695" s="613"/>
      <c r="GCH695" s="613"/>
      <c r="GCI695" s="613"/>
      <c r="GCJ695" s="613"/>
      <c r="GCK695" s="613"/>
      <c r="GCL695" s="613"/>
      <c r="GCM695" s="613"/>
      <c r="GCN695" s="613"/>
      <c r="GCO695" s="613"/>
      <c r="GCP695" s="613"/>
      <c r="GCQ695" s="613"/>
      <c r="GCR695" s="613"/>
      <c r="GCS695" s="613"/>
      <c r="GCT695" s="613"/>
      <c r="GCU695" s="613"/>
      <c r="GCV695" s="613"/>
      <c r="GCW695" s="613"/>
      <c r="GCX695" s="613"/>
      <c r="GCY695" s="613"/>
      <c r="GCZ695" s="613"/>
      <c r="GDA695" s="613"/>
      <c r="GDB695" s="613"/>
      <c r="GDC695" s="613"/>
      <c r="GDD695" s="613"/>
      <c r="GDE695" s="613"/>
      <c r="GDF695" s="613"/>
      <c r="GDG695" s="613"/>
      <c r="GDH695" s="613"/>
      <c r="GDI695" s="613"/>
      <c r="GDJ695" s="613"/>
      <c r="GDK695" s="613"/>
      <c r="GDL695" s="613"/>
      <c r="GDM695" s="613"/>
      <c r="GDN695" s="613"/>
      <c r="GDO695" s="613"/>
      <c r="GDP695" s="613"/>
      <c r="GDQ695" s="613"/>
      <c r="GDR695" s="613"/>
      <c r="GDS695" s="613"/>
      <c r="GDT695" s="613"/>
      <c r="GDU695" s="613"/>
      <c r="GDV695" s="613"/>
      <c r="GDW695" s="613"/>
      <c r="GDX695" s="613"/>
      <c r="GDY695" s="613"/>
      <c r="GDZ695" s="613"/>
      <c r="GEA695" s="613"/>
      <c r="GEB695" s="613"/>
      <c r="GEC695" s="613"/>
      <c r="GED695" s="613"/>
      <c r="GEE695" s="613"/>
      <c r="GEF695" s="613"/>
      <c r="GEG695" s="613"/>
      <c r="GEH695" s="613"/>
      <c r="GEI695" s="613"/>
      <c r="GEJ695" s="613"/>
      <c r="GEK695" s="613"/>
      <c r="GEL695" s="613"/>
      <c r="GEM695" s="613"/>
      <c r="GEN695" s="613"/>
      <c r="GEO695" s="613"/>
      <c r="GEP695" s="613"/>
      <c r="GEQ695" s="613"/>
      <c r="GER695" s="613"/>
      <c r="GES695" s="613"/>
      <c r="GET695" s="613"/>
      <c r="GEU695" s="613"/>
      <c r="GEV695" s="613"/>
      <c r="GEW695" s="613"/>
      <c r="GEX695" s="613"/>
      <c r="GEY695" s="613"/>
      <c r="GEZ695" s="613"/>
      <c r="GFA695" s="613"/>
      <c r="GFB695" s="613"/>
      <c r="GFC695" s="613"/>
      <c r="GFD695" s="613"/>
      <c r="GFE695" s="613"/>
      <c r="GFF695" s="613"/>
      <c r="GFG695" s="613"/>
      <c r="GFH695" s="613"/>
      <c r="GFI695" s="613"/>
      <c r="GFJ695" s="613"/>
      <c r="GFK695" s="613"/>
      <c r="GFL695" s="613"/>
      <c r="GFM695" s="613"/>
      <c r="GFN695" s="613"/>
      <c r="GFO695" s="613"/>
      <c r="GFP695" s="613"/>
      <c r="GFQ695" s="613"/>
      <c r="GFR695" s="613"/>
      <c r="GFS695" s="613"/>
      <c r="GFT695" s="613"/>
      <c r="GFU695" s="613"/>
      <c r="GFV695" s="613"/>
      <c r="GFW695" s="613"/>
      <c r="GFX695" s="613"/>
      <c r="GFY695" s="613"/>
      <c r="GFZ695" s="613"/>
      <c r="GGA695" s="613"/>
      <c r="GGB695" s="613"/>
      <c r="GGC695" s="613"/>
      <c r="GGD695" s="613"/>
      <c r="GGE695" s="613"/>
      <c r="GGF695" s="613"/>
      <c r="GGG695" s="613"/>
      <c r="GGH695" s="613"/>
      <c r="GGI695" s="613"/>
      <c r="GGJ695" s="613"/>
      <c r="GGK695" s="613"/>
      <c r="GGL695" s="613"/>
      <c r="GGM695" s="613"/>
      <c r="GGN695" s="613"/>
      <c r="GGO695" s="613"/>
      <c r="GGP695" s="613"/>
      <c r="GGQ695" s="613"/>
      <c r="GGR695" s="613"/>
      <c r="GGS695" s="613"/>
      <c r="GGT695" s="613"/>
      <c r="GGU695" s="613"/>
      <c r="GGV695" s="613"/>
      <c r="GGW695" s="613"/>
      <c r="GGX695" s="613"/>
      <c r="GGY695" s="613"/>
      <c r="GGZ695" s="613"/>
      <c r="GHA695" s="613"/>
      <c r="GHB695" s="613"/>
      <c r="GHC695" s="613"/>
      <c r="GHD695" s="613"/>
      <c r="GHE695" s="613"/>
      <c r="GHF695" s="613"/>
      <c r="GHG695" s="613"/>
      <c r="GHH695" s="613"/>
      <c r="GHI695" s="613"/>
      <c r="GHJ695" s="613"/>
      <c r="GHK695" s="613"/>
      <c r="GHL695" s="613"/>
      <c r="GHM695" s="613"/>
      <c r="GHN695" s="613"/>
      <c r="GHO695" s="613"/>
      <c r="GHP695" s="613"/>
      <c r="GHQ695" s="613"/>
      <c r="GHR695" s="613"/>
      <c r="GHS695" s="613"/>
      <c r="GHT695" s="613"/>
      <c r="GHU695" s="613"/>
      <c r="GHV695" s="613"/>
      <c r="GHW695" s="613"/>
      <c r="GHX695" s="613"/>
      <c r="GHY695" s="613"/>
      <c r="GHZ695" s="613"/>
      <c r="GIA695" s="613"/>
      <c r="GIB695" s="613"/>
      <c r="GIC695" s="613"/>
      <c r="GID695" s="613"/>
      <c r="GIE695" s="613"/>
      <c r="GIF695" s="613"/>
      <c r="GIG695" s="613"/>
      <c r="GIH695" s="613"/>
      <c r="GII695" s="613"/>
      <c r="GIJ695" s="613"/>
      <c r="GIK695" s="613"/>
      <c r="GIL695" s="613"/>
      <c r="GIM695" s="613"/>
      <c r="GIN695" s="613"/>
      <c r="GIO695" s="613"/>
      <c r="GIP695" s="613"/>
      <c r="GIQ695" s="613"/>
      <c r="GIR695" s="613"/>
      <c r="GIS695" s="613"/>
      <c r="GIT695" s="613"/>
      <c r="GIU695" s="613"/>
      <c r="GIV695" s="613"/>
      <c r="GIW695" s="613"/>
      <c r="GIX695" s="613"/>
      <c r="GIY695" s="613"/>
      <c r="GIZ695" s="613"/>
      <c r="GJA695" s="613"/>
      <c r="GJB695" s="613"/>
      <c r="GJC695" s="613"/>
      <c r="GJD695" s="613"/>
      <c r="GJE695" s="613"/>
      <c r="GJF695" s="613"/>
      <c r="GJG695" s="613"/>
      <c r="GJH695" s="613"/>
      <c r="GJI695" s="613"/>
      <c r="GJJ695" s="613"/>
      <c r="GJK695" s="613"/>
      <c r="GJL695" s="613"/>
      <c r="GJM695" s="613"/>
      <c r="GJN695" s="613"/>
      <c r="GJO695" s="613"/>
      <c r="GJP695" s="613"/>
      <c r="GJQ695" s="613"/>
      <c r="GJR695" s="613"/>
      <c r="GJS695" s="613"/>
      <c r="GJT695" s="613"/>
      <c r="GJU695" s="613"/>
      <c r="GJV695" s="613"/>
      <c r="GJW695" s="613"/>
      <c r="GJX695" s="613"/>
      <c r="GJY695" s="613"/>
      <c r="GJZ695" s="613"/>
      <c r="GKA695" s="613"/>
      <c r="GKB695" s="613"/>
      <c r="GKC695" s="613"/>
      <c r="GKD695" s="613"/>
      <c r="GKE695" s="613"/>
      <c r="GKF695" s="613"/>
      <c r="GKG695" s="613"/>
      <c r="GKH695" s="613"/>
      <c r="GKI695" s="613"/>
      <c r="GKJ695" s="613"/>
      <c r="GKK695" s="613"/>
      <c r="GKL695" s="613"/>
      <c r="GKM695" s="613"/>
      <c r="GKN695" s="613"/>
      <c r="GKO695" s="613"/>
      <c r="GKP695" s="613"/>
      <c r="GKQ695" s="613"/>
      <c r="GKR695" s="613"/>
      <c r="GKS695" s="613"/>
      <c r="GKT695" s="613"/>
      <c r="GKU695" s="613"/>
      <c r="GKV695" s="613"/>
      <c r="GKW695" s="613"/>
      <c r="GKX695" s="613"/>
      <c r="GKY695" s="613"/>
      <c r="GKZ695" s="613"/>
      <c r="GLA695" s="613"/>
      <c r="GLB695" s="613"/>
      <c r="GLC695" s="613"/>
      <c r="GLD695" s="613"/>
      <c r="GLE695" s="613"/>
      <c r="GLF695" s="613"/>
      <c r="GLG695" s="613"/>
      <c r="GLH695" s="613"/>
      <c r="GLI695" s="613"/>
      <c r="GLJ695" s="613"/>
      <c r="GLK695" s="613"/>
      <c r="GLL695" s="613"/>
      <c r="GLM695" s="613"/>
      <c r="GLN695" s="613"/>
      <c r="GLO695" s="613"/>
      <c r="GLP695" s="613"/>
      <c r="GLQ695" s="613"/>
      <c r="GLR695" s="613"/>
      <c r="GLS695" s="613"/>
      <c r="GLT695" s="613"/>
      <c r="GLU695" s="613"/>
      <c r="GLV695" s="613"/>
      <c r="GLW695" s="613"/>
      <c r="GLX695" s="613"/>
      <c r="GLY695" s="613"/>
      <c r="GLZ695" s="613"/>
      <c r="GMA695" s="613"/>
      <c r="GMB695" s="613"/>
      <c r="GMC695" s="613"/>
      <c r="GMD695" s="613"/>
      <c r="GME695" s="613"/>
      <c r="GMF695" s="613"/>
      <c r="GMG695" s="613"/>
      <c r="GMH695" s="613"/>
      <c r="GMI695" s="613"/>
      <c r="GMJ695" s="613"/>
      <c r="GMK695" s="613"/>
      <c r="GML695" s="613"/>
      <c r="GMM695" s="613"/>
      <c r="GMN695" s="613"/>
      <c r="GMO695" s="613"/>
      <c r="GMP695" s="613"/>
      <c r="GMQ695" s="613"/>
      <c r="GMR695" s="613"/>
      <c r="GMS695" s="613"/>
      <c r="GMT695" s="613"/>
      <c r="GMU695" s="613"/>
      <c r="GMV695" s="613"/>
      <c r="GMW695" s="613"/>
      <c r="GMX695" s="613"/>
      <c r="GMY695" s="613"/>
      <c r="GMZ695" s="613"/>
      <c r="GNA695" s="613"/>
      <c r="GNB695" s="613"/>
      <c r="GNC695" s="613"/>
      <c r="GND695" s="613"/>
      <c r="GNE695" s="613"/>
      <c r="GNF695" s="613"/>
      <c r="GNG695" s="613"/>
      <c r="GNH695" s="613"/>
      <c r="GNI695" s="613"/>
      <c r="GNJ695" s="613"/>
      <c r="GNK695" s="613"/>
      <c r="GNL695" s="613"/>
      <c r="GNM695" s="613"/>
      <c r="GNN695" s="613"/>
      <c r="GNO695" s="613"/>
      <c r="GNP695" s="613"/>
      <c r="GNQ695" s="613"/>
      <c r="GNR695" s="613"/>
      <c r="GNS695" s="613"/>
      <c r="GNT695" s="613"/>
      <c r="GNU695" s="613"/>
      <c r="GNV695" s="613"/>
      <c r="GNW695" s="613"/>
      <c r="GNX695" s="613"/>
      <c r="GNY695" s="613"/>
      <c r="GNZ695" s="613"/>
      <c r="GOA695" s="613"/>
      <c r="GOB695" s="613"/>
      <c r="GOC695" s="613"/>
      <c r="GOD695" s="613"/>
      <c r="GOE695" s="613"/>
      <c r="GOF695" s="613"/>
      <c r="GOG695" s="613"/>
      <c r="GOH695" s="613"/>
      <c r="GOI695" s="613"/>
      <c r="GOJ695" s="613"/>
      <c r="GOK695" s="613"/>
      <c r="GOL695" s="613"/>
      <c r="GOM695" s="613"/>
      <c r="GON695" s="613"/>
      <c r="GOO695" s="613"/>
      <c r="GOP695" s="613"/>
      <c r="GOQ695" s="613"/>
      <c r="GOR695" s="613"/>
      <c r="GOS695" s="613"/>
      <c r="GOT695" s="613"/>
      <c r="GOU695" s="613"/>
      <c r="GOV695" s="613"/>
      <c r="GOW695" s="613"/>
      <c r="GOX695" s="613"/>
      <c r="GOY695" s="613"/>
      <c r="GOZ695" s="613"/>
      <c r="GPA695" s="613"/>
      <c r="GPB695" s="613"/>
      <c r="GPC695" s="613"/>
      <c r="GPD695" s="613"/>
      <c r="GPE695" s="613"/>
      <c r="GPF695" s="613"/>
      <c r="GPG695" s="613"/>
      <c r="GPH695" s="613"/>
      <c r="GPI695" s="613"/>
      <c r="GPJ695" s="613"/>
      <c r="GPK695" s="613"/>
      <c r="GPL695" s="613"/>
      <c r="GPM695" s="613"/>
      <c r="GPN695" s="613"/>
      <c r="GPO695" s="613"/>
      <c r="GPP695" s="613"/>
      <c r="GPQ695" s="613"/>
      <c r="GPR695" s="613"/>
      <c r="GPS695" s="613"/>
      <c r="GPT695" s="613"/>
      <c r="GPU695" s="613"/>
      <c r="GPV695" s="613"/>
      <c r="GPW695" s="613"/>
      <c r="GPX695" s="613"/>
      <c r="GPY695" s="613"/>
      <c r="GPZ695" s="613"/>
      <c r="GQA695" s="613"/>
      <c r="GQB695" s="613"/>
      <c r="GQC695" s="613"/>
      <c r="GQD695" s="613"/>
      <c r="GQE695" s="613"/>
      <c r="GQF695" s="613"/>
      <c r="GQG695" s="613"/>
      <c r="GQH695" s="613"/>
      <c r="GQI695" s="613"/>
      <c r="GQJ695" s="613"/>
      <c r="GQK695" s="613"/>
      <c r="GQL695" s="613"/>
      <c r="GQM695" s="613"/>
      <c r="GQN695" s="613"/>
      <c r="GQO695" s="613"/>
      <c r="GQP695" s="613"/>
      <c r="GQQ695" s="613"/>
      <c r="GQR695" s="613"/>
      <c r="GQS695" s="613"/>
      <c r="GQT695" s="613"/>
      <c r="GQU695" s="613"/>
      <c r="GQV695" s="613"/>
      <c r="GQW695" s="613"/>
      <c r="GQX695" s="613"/>
      <c r="GQY695" s="613"/>
      <c r="GQZ695" s="613"/>
      <c r="GRA695" s="613"/>
      <c r="GRB695" s="613"/>
      <c r="GRC695" s="613"/>
      <c r="GRD695" s="613"/>
      <c r="GRE695" s="613"/>
      <c r="GRF695" s="613"/>
      <c r="GRG695" s="613"/>
      <c r="GRH695" s="613"/>
      <c r="GRI695" s="613"/>
      <c r="GRJ695" s="613"/>
      <c r="GRK695" s="613"/>
      <c r="GRL695" s="613"/>
      <c r="GRM695" s="613"/>
      <c r="GRN695" s="613"/>
      <c r="GRO695" s="613"/>
      <c r="GRP695" s="613"/>
      <c r="GRQ695" s="613"/>
      <c r="GRR695" s="613"/>
      <c r="GRS695" s="613"/>
      <c r="GRT695" s="613"/>
      <c r="GRU695" s="613"/>
      <c r="GRV695" s="613"/>
      <c r="GRW695" s="613"/>
      <c r="GRX695" s="613"/>
      <c r="GRY695" s="613"/>
      <c r="GRZ695" s="613"/>
      <c r="GSA695" s="613"/>
      <c r="GSB695" s="613"/>
      <c r="GSC695" s="613"/>
      <c r="GSD695" s="613"/>
      <c r="GSE695" s="613"/>
      <c r="GSF695" s="613"/>
      <c r="GSG695" s="613"/>
      <c r="GSH695" s="613"/>
      <c r="GSI695" s="613"/>
      <c r="GSJ695" s="613"/>
      <c r="GSK695" s="613"/>
      <c r="GSL695" s="613"/>
      <c r="GSM695" s="613"/>
      <c r="GSN695" s="613"/>
      <c r="GSO695" s="613"/>
      <c r="GSP695" s="613"/>
      <c r="GSQ695" s="613"/>
      <c r="GSR695" s="613"/>
      <c r="GSS695" s="613"/>
      <c r="GST695" s="613"/>
      <c r="GSU695" s="613"/>
      <c r="GSV695" s="613"/>
      <c r="GSW695" s="613"/>
      <c r="GSX695" s="613"/>
      <c r="GSY695" s="613"/>
      <c r="GSZ695" s="613"/>
      <c r="GTA695" s="613"/>
      <c r="GTB695" s="613"/>
      <c r="GTC695" s="613"/>
      <c r="GTD695" s="613"/>
      <c r="GTE695" s="613"/>
      <c r="GTF695" s="613"/>
      <c r="GTG695" s="613"/>
      <c r="GTH695" s="613"/>
      <c r="GTI695" s="613"/>
      <c r="GTJ695" s="613"/>
      <c r="GTK695" s="613"/>
      <c r="GTL695" s="613"/>
      <c r="GTM695" s="613"/>
      <c r="GTN695" s="613"/>
      <c r="GTO695" s="613"/>
      <c r="GTP695" s="613"/>
      <c r="GTQ695" s="613"/>
      <c r="GTR695" s="613"/>
      <c r="GTS695" s="613"/>
      <c r="GTT695" s="613"/>
      <c r="GTU695" s="613"/>
      <c r="GTV695" s="613"/>
      <c r="GTW695" s="613"/>
      <c r="GTX695" s="613"/>
      <c r="GTY695" s="613"/>
      <c r="GTZ695" s="613"/>
      <c r="GUA695" s="613"/>
      <c r="GUB695" s="613"/>
      <c r="GUC695" s="613"/>
      <c r="GUD695" s="613"/>
      <c r="GUE695" s="613"/>
      <c r="GUF695" s="613"/>
      <c r="GUG695" s="613"/>
      <c r="GUH695" s="613"/>
      <c r="GUI695" s="613"/>
      <c r="GUJ695" s="613"/>
      <c r="GUK695" s="613"/>
      <c r="GUL695" s="613"/>
      <c r="GUM695" s="613"/>
      <c r="GUN695" s="613"/>
      <c r="GUO695" s="613"/>
      <c r="GUP695" s="613"/>
      <c r="GUQ695" s="613"/>
      <c r="GUR695" s="613"/>
      <c r="GUS695" s="613"/>
      <c r="GUT695" s="613"/>
      <c r="GUU695" s="613"/>
      <c r="GUV695" s="613"/>
      <c r="GUW695" s="613"/>
      <c r="GUX695" s="613"/>
      <c r="GUY695" s="613"/>
      <c r="GUZ695" s="613"/>
      <c r="GVA695" s="613"/>
      <c r="GVB695" s="613"/>
      <c r="GVC695" s="613"/>
      <c r="GVD695" s="613"/>
      <c r="GVE695" s="613"/>
      <c r="GVF695" s="613"/>
      <c r="GVG695" s="613"/>
      <c r="GVH695" s="613"/>
      <c r="GVI695" s="613"/>
      <c r="GVJ695" s="613"/>
      <c r="GVK695" s="613"/>
      <c r="GVL695" s="613"/>
      <c r="GVM695" s="613"/>
      <c r="GVN695" s="613"/>
      <c r="GVO695" s="613"/>
      <c r="GVP695" s="613"/>
      <c r="GVQ695" s="613"/>
      <c r="GVR695" s="613"/>
      <c r="GVS695" s="613"/>
      <c r="GVT695" s="613"/>
      <c r="GVU695" s="613"/>
      <c r="GVV695" s="613"/>
      <c r="GVW695" s="613"/>
      <c r="GVX695" s="613"/>
      <c r="GVY695" s="613"/>
      <c r="GVZ695" s="613"/>
      <c r="GWA695" s="613"/>
      <c r="GWB695" s="613"/>
      <c r="GWC695" s="613"/>
      <c r="GWD695" s="613"/>
      <c r="GWE695" s="613"/>
      <c r="GWF695" s="613"/>
      <c r="GWG695" s="613"/>
      <c r="GWH695" s="613"/>
      <c r="GWI695" s="613"/>
      <c r="GWJ695" s="613"/>
      <c r="GWK695" s="613"/>
      <c r="GWL695" s="613"/>
      <c r="GWM695" s="613"/>
      <c r="GWN695" s="613"/>
      <c r="GWO695" s="613"/>
      <c r="GWP695" s="613"/>
      <c r="GWQ695" s="613"/>
      <c r="GWR695" s="613"/>
      <c r="GWS695" s="613"/>
      <c r="GWT695" s="613"/>
      <c r="GWU695" s="613"/>
      <c r="GWV695" s="613"/>
      <c r="GWW695" s="613"/>
      <c r="GWX695" s="613"/>
      <c r="GWY695" s="613"/>
      <c r="GWZ695" s="613"/>
      <c r="GXA695" s="613"/>
      <c r="GXB695" s="613"/>
      <c r="GXC695" s="613"/>
      <c r="GXD695" s="613"/>
      <c r="GXE695" s="613"/>
      <c r="GXF695" s="613"/>
      <c r="GXG695" s="613"/>
      <c r="GXH695" s="613"/>
      <c r="GXI695" s="613"/>
      <c r="GXJ695" s="613"/>
      <c r="GXK695" s="613"/>
      <c r="GXL695" s="613"/>
      <c r="GXM695" s="613"/>
      <c r="GXN695" s="613"/>
      <c r="GXO695" s="613"/>
      <c r="GXP695" s="613"/>
      <c r="GXQ695" s="613"/>
      <c r="GXR695" s="613"/>
      <c r="GXS695" s="613"/>
      <c r="GXT695" s="613"/>
      <c r="GXU695" s="613"/>
      <c r="GXV695" s="613"/>
      <c r="GXW695" s="613"/>
      <c r="GXX695" s="613"/>
      <c r="GXY695" s="613"/>
      <c r="GXZ695" s="613"/>
      <c r="GYA695" s="613"/>
      <c r="GYB695" s="613"/>
      <c r="GYC695" s="613"/>
      <c r="GYD695" s="613"/>
      <c r="GYE695" s="613"/>
      <c r="GYF695" s="613"/>
      <c r="GYG695" s="613"/>
      <c r="GYH695" s="613"/>
      <c r="GYI695" s="613"/>
      <c r="GYJ695" s="613"/>
      <c r="GYK695" s="613"/>
      <c r="GYL695" s="613"/>
      <c r="GYM695" s="613"/>
      <c r="GYN695" s="613"/>
      <c r="GYO695" s="613"/>
      <c r="GYP695" s="613"/>
      <c r="GYQ695" s="613"/>
      <c r="GYR695" s="613"/>
      <c r="GYS695" s="613"/>
      <c r="GYT695" s="613"/>
      <c r="GYU695" s="613"/>
      <c r="GYV695" s="613"/>
      <c r="GYW695" s="613"/>
      <c r="GYX695" s="613"/>
      <c r="GYY695" s="613"/>
      <c r="GYZ695" s="613"/>
      <c r="GZA695" s="613"/>
      <c r="GZB695" s="613"/>
      <c r="GZC695" s="613"/>
      <c r="GZD695" s="613"/>
      <c r="GZE695" s="613"/>
      <c r="GZF695" s="613"/>
      <c r="GZG695" s="613"/>
      <c r="GZH695" s="613"/>
      <c r="GZI695" s="613"/>
      <c r="GZJ695" s="613"/>
      <c r="GZK695" s="613"/>
      <c r="GZL695" s="613"/>
      <c r="GZM695" s="613"/>
      <c r="GZN695" s="613"/>
      <c r="GZO695" s="613"/>
      <c r="GZP695" s="613"/>
      <c r="GZQ695" s="613"/>
      <c r="GZR695" s="613"/>
      <c r="GZS695" s="613"/>
      <c r="GZT695" s="613"/>
      <c r="GZU695" s="613"/>
      <c r="GZV695" s="613"/>
      <c r="GZW695" s="613"/>
      <c r="GZX695" s="613"/>
      <c r="GZY695" s="613"/>
      <c r="GZZ695" s="613"/>
      <c r="HAA695" s="613"/>
      <c r="HAB695" s="613"/>
      <c r="HAC695" s="613"/>
      <c r="HAD695" s="613"/>
      <c r="HAE695" s="613"/>
      <c r="HAF695" s="613"/>
      <c r="HAG695" s="613"/>
      <c r="HAH695" s="613"/>
      <c r="HAI695" s="613"/>
      <c r="HAJ695" s="613"/>
      <c r="HAK695" s="613"/>
      <c r="HAL695" s="613"/>
      <c r="HAM695" s="613"/>
      <c r="HAN695" s="613"/>
      <c r="HAO695" s="613"/>
      <c r="HAP695" s="613"/>
      <c r="HAQ695" s="613"/>
      <c r="HAR695" s="613"/>
      <c r="HAS695" s="613"/>
      <c r="HAT695" s="613"/>
      <c r="HAU695" s="613"/>
      <c r="HAV695" s="613"/>
      <c r="HAW695" s="613"/>
      <c r="HAX695" s="613"/>
      <c r="HAY695" s="613"/>
      <c r="HAZ695" s="613"/>
      <c r="HBA695" s="613"/>
      <c r="HBB695" s="613"/>
      <c r="HBC695" s="613"/>
      <c r="HBD695" s="613"/>
      <c r="HBE695" s="613"/>
      <c r="HBF695" s="613"/>
      <c r="HBG695" s="613"/>
      <c r="HBH695" s="613"/>
      <c r="HBI695" s="613"/>
      <c r="HBJ695" s="613"/>
      <c r="HBK695" s="613"/>
      <c r="HBL695" s="613"/>
      <c r="HBM695" s="613"/>
      <c r="HBN695" s="613"/>
      <c r="HBO695" s="613"/>
      <c r="HBP695" s="613"/>
      <c r="HBQ695" s="613"/>
      <c r="HBR695" s="613"/>
      <c r="HBS695" s="613"/>
      <c r="HBT695" s="613"/>
      <c r="HBU695" s="613"/>
      <c r="HBV695" s="613"/>
      <c r="HBW695" s="613"/>
      <c r="HBX695" s="613"/>
      <c r="HBY695" s="613"/>
      <c r="HBZ695" s="613"/>
      <c r="HCA695" s="613"/>
      <c r="HCB695" s="613"/>
      <c r="HCC695" s="613"/>
      <c r="HCD695" s="613"/>
      <c r="HCE695" s="613"/>
      <c r="HCF695" s="613"/>
      <c r="HCG695" s="613"/>
      <c r="HCH695" s="613"/>
      <c r="HCI695" s="613"/>
      <c r="HCJ695" s="613"/>
      <c r="HCK695" s="613"/>
      <c r="HCL695" s="613"/>
      <c r="HCM695" s="613"/>
      <c r="HCN695" s="613"/>
      <c r="HCO695" s="613"/>
      <c r="HCP695" s="613"/>
      <c r="HCQ695" s="613"/>
      <c r="HCR695" s="613"/>
      <c r="HCS695" s="613"/>
      <c r="HCT695" s="613"/>
      <c r="HCU695" s="613"/>
      <c r="HCV695" s="613"/>
      <c r="HCW695" s="613"/>
      <c r="HCX695" s="613"/>
      <c r="HCY695" s="613"/>
      <c r="HCZ695" s="613"/>
      <c r="HDA695" s="613"/>
      <c r="HDB695" s="613"/>
      <c r="HDC695" s="613"/>
      <c r="HDD695" s="613"/>
      <c r="HDE695" s="613"/>
      <c r="HDF695" s="613"/>
      <c r="HDG695" s="613"/>
      <c r="HDH695" s="613"/>
      <c r="HDI695" s="613"/>
      <c r="HDJ695" s="613"/>
      <c r="HDK695" s="613"/>
      <c r="HDL695" s="613"/>
      <c r="HDM695" s="613"/>
      <c r="HDN695" s="613"/>
      <c r="HDO695" s="613"/>
      <c r="HDP695" s="613"/>
      <c r="HDQ695" s="613"/>
      <c r="HDR695" s="613"/>
      <c r="HDS695" s="613"/>
      <c r="HDT695" s="613"/>
      <c r="HDU695" s="613"/>
      <c r="HDV695" s="613"/>
      <c r="HDW695" s="613"/>
      <c r="HDX695" s="613"/>
      <c r="HDY695" s="613"/>
      <c r="HDZ695" s="613"/>
      <c r="HEA695" s="613"/>
      <c r="HEB695" s="613"/>
      <c r="HEC695" s="613"/>
      <c r="HED695" s="613"/>
      <c r="HEE695" s="613"/>
      <c r="HEF695" s="613"/>
      <c r="HEG695" s="613"/>
      <c r="HEH695" s="613"/>
      <c r="HEI695" s="613"/>
      <c r="HEJ695" s="613"/>
      <c r="HEK695" s="613"/>
      <c r="HEL695" s="613"/>
      <c r="HEM695" s="613"/>
      <c r="HEN695" s="613"/>
      <c r="HEO695" s="613"/>
      <c r="HEP695" s="613"/>
      <c r="HEQ695" s="613"/>
      <c r="HER695" s="613"/>
      <c r="HES695" s="613"/>
      <c r="HET695" s="613"/>
      <c r="HEU695" s="613"/>
      <c r="HEV695" s="613"/>
      <c r="HEW695" s="613"/>
      <c r="HEX695" s="613"/>
      <c r="HEY695" s="613"/>
      <c r="HEZ695" s="613"/>
      <c r="HFA695" s="613"/>
      <c r="HFB695" s="613"/>
      <c r="HFC695" s="613"/>
      <c r="HFD695" s="613"/>
      <c r="HFE695" s="613"/>
      <c r="HFF695" s="613"/>
      <c r="HFG695" s="613"/>
      <c r="HFH695" s="613"/>
      <c r="HFI695" s="613"/>
      <c r="HFJ695" s="613"/>
      <c r="HFK695" s="613"/>
      <c r="HFL695" s="613"/>
      <c r="HFM695" s="613"/>
      <c r="HFN695" s="613"/>
      <c r="HFO695" s="613"/>
      <c r="HFP695" s="613"/>
      <c r="HFQ695" s="613"/>
      <c r="HFR695" s="613"/>
      <c r="HFS695" s="613"/>
      <c r="HFT695" s="613"/>
      <c r="HFU695" s="613"/>
      <c r="HFV695" s="613"/>
      <c r="HFW695" s="613"/>
      <c r="HFX695" s="613"/>
      <c r="HFY695" s="613"/>
      <c r="HFZ695" s="613"/>
      <c r="HGA695" s="613"/>
      <c r="HGB695" s="613"/>
      <c r="HGC695" s="613"/>
      <c r="HGD695" s="613"/>
      <c r="HGE695" s="613"/>
      <c r="HGF695" s="613"/>
      <c r="HGG695" s="613"/>
      <c r="HGH695" s="613"/>
      <c r="HGI695" s="613"/>
      <c r="HGJ695" s="613"/>
      <c r="HGK695" s="613"/>
      <c r="HGL695" s="613"/>
      <c r="HGM695" s="613"/>
      <c r="HGN695" s="613"/>
      <c r="HGO695" s="613"/>
      <c r="HGP695" s="613"/>
      <c r="HGQ695" s="613"/>
      <c r="HGR695" s="613"/>
      <c r="HGS695" s="613"/>
      <c r="HGT695" s="613"/>
      <c r="HGU695" s="613"/>
      <c r="HGV695" s="613"/>
      <c r="HGW695" s="613"/>
      <c r="HGX695" s="613"/>
      <c r="HGY695" s="613"/>
      <c r="HGZ695" s="613"/>
      <c r="HHA695" s="613"/>
      <c r="HHB695" s="613"/>
      <c r="HHC695" s="613"/>
      <c r="HHD695" s="613"/>
      <c r="HHE695" s="613"/>
      <c r="HHF695" s="613"/>
      <c r="HHG695" s="613"/>
      <c r="HHH695" s="613"/>
      <c r="HHI695" s="613"/>
      <c r="HHJ695" s="613"/>
      <c r="HHK695" s="613"/>
      <c r="HHL695" s="613"/>
      <c r="HHM695" s="613"/>
      <c r="HHN695" s="613"/>
      <c r="HHO695" s="613"/>
      <c r="HHP695" s="613"/>
      <c r="HHQ695" s="613"/>
      <c r="HHR695" s="613"/>
      <c r="HHS695" s="613"/>
      <c r="HHT695" s="613"/>
      <c r="HHU695" s="613"/>
      <c r="HHV695" s="613"/>
      <c r="HHW695" s="613"/>
      <c r="HHX695" s="613"/>
      <c r="HHY695" s="613"/>
      <c r="HHZ695" s="613"/>
      <c r="HIA695" s="613"/>
      <c r="HIB695" s="613"/>
      <c r="HIC695" s="613"/>
      <c r="HID695" s="613"/>
      <c r="HIE695" s="613"/>
      <c r="HIF695" s="613"/>
      <c r="HIG695" s="613"/>
      <c r="HIH695" s="613"/>
      <c r="HII695" s="613"/>
      <c r="HIJ695" s="613"/>
      <c r="HIK695" s="613"/>
      <c r="HIL695" s="613"/>
      <c r="HIM695" s="613"/>
      <c r="HIN695" s="613"/>
      <c r="HIO695" s="613"/>
      <c r="HIP695" s="613"/>
      <c r="HIQ695" s="613"/>
      <c r="HIR695" s="613"/>
      <c r="HIS695" s="613"/>
      <c r="HIT695" s="613"/>
      <c r="HIU695" s="613"/>
      <c r="HIV695" s="613"/>
      <c r="HIW695" s="613"/>
      <c r="HIX695" s="613"/>
      <c r="HIY695" s="613"/>
      <c r="HIZ695" s="613"/>
      <c r="HJA695" s="613"/>
      <c r="HJB695" s="613"/>
      <c r="HJC695" s="613"/>
      <c r="HJD695" s="613"/>
      <c r="HJE695" s="613"/>
      <c r="HJF695" s="613"/>
      <c r="HJG695" s="613"/>
      <c r="HJH695" s="613"/>
      <c r="HJI695" s="613"/>
      <c r="HJJ695" s="613"/>
      <c r="HJK695" s="613"/>
      <c r="HJL695" s="613"/>
      <c r="HJM695" s="613"/>
      <c r="HJN695" s="613"/>
      <c r="HJO695" s="613"/>
      <c r="HJP695" s="613"/>
      <c r="HJQ695" s="613"/>
      <c r="HJR695" s="613"/>
      <c r="HJS695" s="613"/>
      <c r="HJT695" s="613"/>
      <c r="HJU695" s="613"/>
      <c r="HJV695" s="613"/>
      <c r="HJW695" s="613"/>
      <c r="HJX695" s="613"/>
      <c r="HJY695" s="613"/>
      <c r="HJZ695" s="613"/>
      <c r="HKA695" s="613"/>
      <c r="HKB695" s="613"/>
      <c r="HKC695" s="613"/>
      <c r="HKD695" s="613"/>
      <c r="HKE695" s="613"/>
      <c r="HKF695" s="613"/>
      <c r="HKG695" s="613"/>
      <c r="HKH695" s="613"/>
      <c r="HKI695" s="613"/>
      <c r="HKJ695" s="613"/>
      <c r="HKK695" s="613"/>
      <c r="HKL695" s="613"/>
      <c r="HKM695" s="613"/>
      <c r="HKN695" s="613"/>
      <c r="HKO695" s="613"/>
      <c r="HKP695" s="613"/>
      <c r="HKQ695" s="613"/>
      <c r="HKR695" s="613"/>
      <c r="HKS695" s="613"/>
      <c r="HKT695" s="613"/>
      <c r="HKU695" s="613"/>
      <c r="HKV695" s="613"/>
      <c r="HKW695" s="613"/>
      <c r="HKX695" s="613"/>
      <c r="HKY695" s="613"/>
      <c r="HKZ695" s="613"/>
      <c r="HLA695" s="613"/>
      <c r="HLB695" s="613"/>
      <c r="HLC695" s="613"/>
      <c r="HLD695" s="613"/>
      <c r="HLE695" s="613"/>
      <c r="HLF695" s="613"/>
      <c r="HLG695" s="613"/>
      <c r="HLH695" s="613"/>
      <c r="HLI695" s="613"/>
      <c r="HLJ695" s="613"/>
      <c r="HLK695" s="613"/>
      <c r="HLL695" s="613"/>
      <c r="HLM695" s="613"/>
      <c r="HLN695" s="613"/>
      <c r="HLO695" s="613"/>
      <c r="HLP695" s="613"/>
      <c r="HLQ695" s="613"/>
      <c r="HLR695" s="613"/>
      <c r="HLS695" s="613"/>
      <c r="HLT695" s="613"/>
      <c r="HLU695" s="613"/>
      <c r="HLV695" s="613"/>
      <c r="HLW695" s="613"/>
      <c r="HLX695" s="613"/>
      <c r="HLY695" s="613"/>
      <c r="HLZ695" s="613"/>
      <c r="HMA695" s="613"/>
      <c r="HMB695" s="613"/>
      <c r="HMC695" s="613"/>
      <c r="HMD695" s="613"/>
      <c r="HME695" s="613"/>
      <c r="HMF695" s="613"/>
      <c r="HMG695" s="613"/>
      <c r="HMH695" s="613"/>
      <c r="HMI695" s="613"/>
      <c r="HMJ695" s="613"/>
      <c r="HMK695" s="613"/>
      <c r="HML695" s="613"/>
      <c r="HMM695" s="613"/>
      <c r="HMN695" s="613"/>
      <c r="HMO695" s="613"/>
      <c r="HMP695" s="613"/>
      <c r="HMQ695" s="613"/>
      <c r="HMR695" s="613"/>
      <c r="HMS695" s="613"/>
      <c r="HMT695" s="613"/>
      <c r="HMU695" s="613"/>
      <c r="HMV695" s="613"/>
      <c r="HMW695" s="613"/>
      <c r="HMX695" s="613"/>
      <c r="HMY695" s="613"/>
      <c r="HMZ695" s="613"/>
      <c r="HNA695" s="613"/>
      <c r="HNB695" s="613"/>
      <c r="HNC695" s="613"/>
      <c r="HND695" s="613"/>
      <c r="HNE695" s="613"/>
      <c r="HNF695" s="613"/>
      <c r="HNG695" s="613"/>
      <c r="HNH695" s="613"/>
      <c r="HNI695" s="613"/>
      <c r="HNJ695" s="613"/>
      <c r="HNK695" s="613"/>
      <c r="HNL695" s="613"/>
      <c r="HNM695" s="613"/>
      <c r="HNN695" s="613"/>
      <c r="HNO695" s="613"/>
      <c r="HNP695" s="613"/>
      <c r="HNQ695" s="613"/>
      <c r="HNR695" s="613"/>
      <c r="HNS695" s="613"/>
      <c r="HNT695" s="613"/>
      <c r="HNU695" s="613"/>
      <c r="HNV695" s="613"/>
      <c r="HNW695" s="613"/>
      <c r="HNX695" s="613"/>
      <c r="HNY695" s="613"/>
      <c r="HNZ695" s="613"/>
      <c r="HOA695" s="613"/>
      <c r="HOB695" s="613"/>
      <c r="HOC695" s="613"/>
      <c r="HOD695" s="613"/>
      <c r="HOE695" s="613"/>
      <c r="HOF695" s="613"/>
      <c r="HOG695" s="613"/>
      <c r="HOH695" s="613"/>
      <c r="HOI695" s="613"/>
      <c r="HOJ695" s="613"/>
      <c r="HOK695" s="613"/>
      <c r="HOL695" s="613"/>
      <c r="HOM695" s="613"/>
      <c r="HON695" s="613"/>
      <c r="HOO695" s="613"/>
      <c r="HOP695" s="613"/>
      <c r="HOQ695" s="613"/>
      <c r="HOR695" s="613"/>
      <c r="HOS695" s="613"/>
      <c r="HOT695" s="613"/>
      <c r="HOU695" s="613"/>
      <c r="HOV695" s="613"/>
      <c r="HOW695" s="613"/>
      <c r="HOX695" s="613"/>
      <c r="HOY695" s="613"/>
      <c r="HOZ695" s="613"/>
      <c r="HPA695" s="613"/>
      <c r="HPB695" s="613"/>
      <c r="HPC695" s="613"/>
      <c r="HPD695" s="613"/>
      <c r="HPE695" s="613"/>
      <c r="HPF695" s="613"/>
      <c r="HPG695" s="613"/>
      <c r="HPH695" s="613"/>
      <c r="HPI695" s="613"/>
      <c r="HPJ695" s="613"/>
      <c r="HPK695" s="613"/>
      <c r="HPL695" s="613"/>
      <c r="HPM695" s="613"/>
      <c r="HPN695" s="613"/>
      <c r="HPO695" s="613"/>
      <c r="HPP695" s="613"/>
      <c r="HPQ695" s="613"/>
      <c r="HPR695" s="613"/>
      <c r="HPS695" s="613"/>
      <c r="HPT695" s="613"/>
      <c r="HPU695" s="613"/>
      <c r="HPV695" s="613"/>
      <c r="HPW695" s="613"/>
      <c r="HPX695" s="613"/>
      <c r="HPY695" s="613"/>
      <c r="HPZ695" s="613"/>
      <c r="HQA695" s="613"/>
      <c r="HQB695" s="613"/>
      <c r="HQC695" s="613"/>
      <c r="HQD695" s="613"/>
      <c r="HQE695" s="613"/>
      <c r="HQF695" s="613"/>
      <c r="HQG695" s="613"/>
      <c r="HQH695" s="613"/>
      <c r="HQI695" s="613"/>
      <c r="HQJ695" s="613"/>
      <c r="HQK695" s="613"/>
      <c r="HQL695" s="613"/>
      <c r="HQM695" s="613"/>
      <c r="HQN695" s="613"/>
      <c r="HQO695" s="613"/>
      <c r="HQP695" s="613"/>
      <c r="HQQ695" s="613"/>
      <c r="HQR695" s="613"/>
      <c r="HQS695" s="613"/>
      <c r="HQT695" s="613"/>
      <c r="HQU695" s="613"/>
      <c r="HQV695" s="613"/>
      <c r="HQW695" s="613"/>
      <c r="HQX695" s="613"/>
      <c r="HQY695" s="613"/>
      <c r="HQZ695" s="613"/>
      <c r="HRA695" s="613"/>
      <c r="HRB695" s="613"/>
      <c r="HRC695" s="613"/>
      <c r="HRD695" s="613"/>
      <c r="HRE695" s="613"/>
      <c r="HRF695" s="613"/>
      <c r="HRG695" s="613"/>
      <c r="HRH695" s="613"/>
      <c r="HRI695" s="613"/>
      <c r="HRJ695" s="613"/>
      <c r="HRK695" s="613"/>
      <c r="HRL695" s="613"/>
      <c r="HRM695" s="613"/>
      <c r="HRN695" s="613"/>
      <c r="HRO695" s="613"/>
      <c r="HRP695" s="613"/>
      <c r="HRQ695" s="613"/>
      <c r="HRR695" s="613"/>
      <c r="HRS695" s="613"/>
      <c r="HRT695" s="613"/>
      <c r="HRU695" s="613"/>
      <c r="HRV695" s="613"/>
      <c r="HRW695" s="613"/>
      <c r="HRX695" s="613"/>
      <c r="HRY695" s="613"/>
      <c r="HRZ695" s="613"/>
      <c r="HSA695" s="613"/>
      <c r="HSB695" s="613"/>
      <c r="HSC695" s="613"/>
      <c r="HSD695" s="613"/>
      <c r="HSE695" s="613"/>
      <c r="HSF695" s="613"/>
      <c r="HSG695" s="613"/>
      <c r="HSH695" s="613"/>
      <c r="HSI695" s="613"/>
      <c r="HSJ695" s="613"/>
      <c r="HSK695" s="613"/>
      <c r="HSL695" s="613"/>
      <c r="HSM695" s="613"/>
      <c r="HSN695" s="613"/>
      <c r="HSO695" s="613"/>
      <c r="HSP695" s="613"/>
      <c r="HSQ695" s="613"/>
      <c r="HSR695" s="613"/>
      <c r="HSS695" s="613"/>
      <c r="HST695" s="613"/>
      <c r="HSU695" s="613"/>
      <c r="HSV695" s="613"/>
      <c r="HSW695" s="613"/>
      <c r="HSX695" s="613"/>
      <c r="HSY695" s="613"/>
      <c r="HSZ695" s="613"/>
      <c r="HTA695" s="613"/>
      <c r="HTB695" s="613"/>
      <c r="HTC695" s="613"/>
      <c r="HTD695" s="613"/>
      <c r="HTE695" s="613"/>
      <c r="HTF695" s="613"/>
      <c r="HTG695" s="613"/>
      <c r="HTH695" s="613"/>
      <c r="HTI695" s="613"/>
      <c r="HTJ695" s="613"/>
      <c r="HTK695" s="613"/>
      <c r="HTL695" s="613"/>
      <c r="HTM695" s="613"/>
      <c r="HTN695" s="613"/>
      <c r="HTO695" s="613"/>
      <c r="HTP695" s="613"/>
      <c r="HTQ695" s="613"/>
      <c r="HTR695" s="613"/>
      <c r="HTS695" s="613"/>
      <c r="HTT695" s="613"/>
      <c r="HTU695" s="613"/>
      <c r="HTV695" s="613"/>
      <c r="HTW695" s="613"/>
      <c r="HTX695" s="613"/>
      <c r="HTY695" s="613"/>
      <c r="HTZ695" s="613"/>
      <c r="HUA695" s="613"/>
      <c r="HUB695" s="613"/>
      <c r="HUC695" s="613"/>
      <c r="HUD695" s="613"/>
      <c r="HUE695" s="613"/>
      <c r="HUF695" s="613"/>
      <c r="HUG695" s="613"/>
      <c r="HUH695" s="613"/>
      <c r="HUI695" s="613"/>
      <c r="HUJ695" s="613"/>
      <c r="HUK695" s="613"/>
      <c r="HUL695" s="613"/>
      <c r="HUM695" s="613"/>
      <c r="HUN695" s="613"/>
      <c r="HUO695" s="613"/>
      <c r="HUP695" s="613"/>
      <c r="HUQ695" s="613"/>
      <c r="HUR695" s="613"/>
      <c r="HUS695" s="613"/>
      <c r="HUT695" s="613"/>
      <c r="HUU695" s="613"/>
      <c r="HUV695" s="613"/>
      <c r="HUW695" s="613"/>
      <c r="HUX695" s="613"/>
      <c r="HUY695" s="613"/>
      <c r="HUZ695" s="613"/>
      <c r="HVA695" s="613"/>
      <c r="HVB695" s="613"/>
      <c r="HVC695" s="613"/>
      <c r="HVD695" s="613"/>
      <c r="HVE695" s="613"/>
      <c r="HVF695" s="613"/>
      <c r="HVG695" s="613"/>
      <c r="HVH695" s="613"/>
      <c r="HVI695" s="613"/>
      <c r="HVJ695" s="613"/>
      <c r="HVK695" s="613"/>
      <c r="HVL695" s="613"/>
      <c r="HVM695" s="613"/>
      <c r="HVN695" s="613"/>
      <c r="HVO695" s="613"/>
      <c r="HVP695" s="613"/>
      <c r="HVQ695" s="613"/>
      <c r="HVR695" s="613"/>
      <c r="HVS695" s="613"/>
      <c r="HVT695" s="613"/>
      <c r="HVU695" s="613"/>
      <c r="HVV695" s="613"/>
      <c r="HVW695" s="613"/>
      <c r="HVX695" s="613"/>
      <c r="HVY695" s="613"/>
      <c r="HVZ695" s="613"/>
      <c r="HWA695" s="613"/>
      <c r="HWB695" s="613"/>
      <c r="HWC695" s="613"/>
      <c r="HWD695" s="613"/>
      <c r="HWE695" s="613"/>
      <c r="HWF695" s="613"/>
      <c r="HWG695" s="613"/>
      <c r="HWH695" s="613"/>
      <c r="HWI695" s="613"/>
      <c r="HWJ695" s="613"/>
      <c r="HWK695" s="613"/>
      <c r="HWL695" s="613"/>
      <c r="HWM695" s="613"/>
      <c r="HWN695" s="613"/>
      <c r="HWO695" s="613"/>
      <c r="HWP695" s="613"/>
      <c r="HWQ695" s="613"/>
      <c r="HWR695" s="613"/>
      <c r="HWS695" s="613"/>
      <c r="HWT695" s="613"/>
      <c r="HWU695" s="613"/>
      <c r="HWV695" s="613"/>
      <c r="HWW695" s="613"/>
      <c r="HWX695" s="613"/>
      <c r="HWY695" s="613"/>
      <c r="HWZ695" s="613"/>
      <c r="HXA695" s="613"/>
      <c r="HXB695" s="613"/>
      <c r="HXC695" s="613"/>
      <c r="HXD695" s="613"/>
      <c r="HXE695" s="613"/>
      <c r="HXF695" s="613"/>
      <c r="HXG695" s="613"/>
      <c r="HXH695" s="613"/>
      <c r="HXI695" s="613"/>
      <c r="HXJ695" s="613"/>
      <c r="HXK695" s="613"/>
      <c r="HXL695" s="613"/>
      <c r="HXM695" s="613"/>
      <c r="HXN695" s="613"/>
      <c r="HXO695" s="613"/>
      <c r="HXP695" s="613"/>
      <c r="HXQ695" s="613"/>
      <c r="HXR695" s="613"/>
      <c r="HXS695" s="613"/>
      <c r="HXT695" s="613"/>
      <c r="HXU695" s="613"/>
      <c r="HXV695" s="613"/>
      <c r="HXW695" s="613"/>
      <c r="HXX695" s="613"/>
      <c r="HXY695" s="613"/>
      <c r="HXZ695" s="613"/>
      <c r="HYA695" s="613"/>
      <c r="HYB695" s="613"/>
      <c r="HYC695" s="613"/>
      <c r="HYD695" s="613"/>
      <c r="HYE695" s="613"/>
      <c r="HYF695" s="613"/>
      <c r="HYG695" s="613"/>
      <c r="HYH695" s="613"/>
      <c r="HYI695" s="613"/>
      <c r="HYJ695" s="613"/>
      <c r="HYK695" s="613"/>
      <c r="HYL695" s="613"/>
      <c r="HYM695" s="613"/>
      <c r="HYN695" s="613"/>
      <c r="HYO695" s="613"/>
      <c r="HYP695" s="613"/>
      <c r="HYQ695" s="613"/>
      <c r="HYR695" s="613"/>
      <c r="HYS695" s="613"/>
      <c r="HYT695" s="613"/>
      <c r="HYU695" s="613"/>
      <c r="HYV695" s="613"/>
      <c r="HYW695" s="613"/>
      <c r="HYX695" s="613"/>
      <c r="HYY695" s="613"/>
      <c r="HYZ695" s="613"/>
      <c r="HZA695" s="613"/>
      <c r="HZB695" s="613"/>
      <c r="HZC695" s="613"/>
      <c r="HZD695" s="613"/>
      <c r="HZE695" s="613"/>
      <c r="HZF695" s="613"/>
      <c r="HZG695" s="613"/>
      <c r="HZH695" s="613"/>
      <c r="HZI695" s="613"/>
      <c r="HZJ695" s="613"/>
      <c r="HZK695" s="613"/>
      <c r="HZL695" s="613"/>
      <c r="HZM695" s="613"/>
      <c r="HZN695" s="613"/>
      <c r="HZO695" s="613"/>
      <c r="HZP695" s="613"/>
      <c r="HZQ695" s="613"/>
      <c r="HZR695" s="613"/>
      <c r="HZS695" s="613"/>
      <c r="HZT695" s="613"/>
      <c r="HZU695" s="613"/>
      <c r="HZV695" s="613"/>
      <c r="HZW695" s="613"/>
      <c r="HZX695" s="613"/>
      <c r="HZY695" s="613"/>
      <c r="HZZ695" s="613"/>
      <c r="IAA695" s="613"/>
      <c r="IAB695" s="613"/>
      <c r="IAC695" s="613"/>
      <c r="IAD695" s="613"/>
      <c r="IAE695" s="613"/>
      <c r="IAF695" s="613"/>
      <c r="IAG695" s="613"/>
      <c r="IAH695" s="613"/>
      <c r="IAI695" s="613"/>
      <c r="IAJ695" s="613"/>
      <c r="IAK695" s="613"/>
      <c r="IAL695" s="613"/>
      <c r="IAM695" s="613"/>
      <c r="IAN695" s="613"/>
      <c r="IAO695" s="613"/>
      <c r="IAP695" s="613"/>
      <c r="IAQ695" s="613"/>
      <c r="IAR695" s="613"/>
      <c r="IAS695" s="613"/>
      <c r="IAT695" s="613"/>
      <c r="IAU695" s="613"/>
      <c r="IAV695" s="613"/>
      <c r="IAW695" s="613"/>
      <c r="IAX695" s="613"/>
      <c r="IAY695" s="613"/>
      <c r="IAZ695" s="613"/>
      <c r="IBA695" s="613"/>
      <c r="IBB695" s="613"/>
      <c r="IBC695" s="613"/>
      <c r="IBD695" s="613"/>
      <c r="IBE695" s="613"/>
      <c r="IBF695" s="613"/>
      <c r="IBG695" s="613"/>
      <c r="IBH695" s="613"/>
      <c r="IBI695" s="613"/>
      <c r="IBJ695" s="613"/>
      <c r="IBK695" s="613"/>
      <c r="IBL695" s="613"/>
      <c r="IBM695" s="613"/>
      <c r="IBN695" s="613"/>
      <c r="IBO695" s="613"/>
      <c r="IBP695" s="613"/>
      <c r="IBQ695" s="613"/>
      <c r="IBR695" s="613"/>
      <c r="IBS695" s="613"/>
      <c r="IBT695" s="613"/>
      <c r="IBU695" s="613"/>
      <c r="IBV695" s="613"/>
      <c r="IBW695" s="613"/>
      <c r="IBX695" s="613"/>
      <c r="IBY695" s="613"/>
      <c r="IBZ695" s="613"/>
      <c r="ICA695" s="613"/>
      <c r="ICB695" s="613"/>
      <c r="ICC695" s="613"/>
      <c r="ICD695" s="613"/>
      <c r="ICE695" s="613"/>
      <c r="ICF695" s="613"/>
      <c r="ICG695" s="613"/>
      <c r="ICH695" s="613"/>
      <c r="ICI695" s="613"/>
      <c r="ICJ695" s="613"/>
      <c r="ICK695" s="613"/>
      <c r="ICL695" s="613"/>
      <c r="ICM695" s="613"/>
      <c r="ICN695" s="613"/>
      <c r="ICO695" s="613"/>
      <c r="ICP695" s="613"/>
      <c r="ICQ695" s="613"/>
      <c r="ICR695" s="613"/>
      <c r="ICS695" s="613"/>
      <c r="ICT695" s="613"/>
      <c r="ICU695" s="613"/>
      <c r="ICV695" s="613"/>
      <c r="ICW695" s="613"/>
      <c r="ICX695" s="613"/>
      <c r="ICY695" s="613"/>
      <c r="ICZ695" s="613"/>
      <c r="IDA695" s="613"/>
      <c r="IDB695" s="613"/>
      <c r="IDC695" s="613"/>
      <c r="IDD695" s="613"/>
      <c r="IDE695" s="613"/>
      <c r="IDF695" s="613"/>
      <c r="IDG695" s="613"/>
      <c r="IDH695" s="613"/>
      <c r="IDI695" s="613"/>
      <c r="IDJ695" s="613"/>
      <c r="IDK695" s="613"/>
      <c r="IDL695" s="613"/>
      <c r="IDM695" s="613"/>
      <c r="IDN695" s="613"/>
      <c r="IDO695" s="613"/>
      <c r="IDP695" s="613"/>
      <c r="IDQ695" s="613"/>
      <c r="IDR695" s="613"/>
      <c r="IDS695" s="613"/>
      <c r="IDT695" s="613"/>
      <c r="IDU695" s="613"/>
      <c r="IDV695" s="613"/>
      <c r="IDW695" s="613"/>
      <c r="IDX695" s="613"/>
      <c r="IDY695" s="613"/>
      <c r="IDZ695" s="613"/>
      <c r="IEA695" s="613"/>
      <c r="IEB695" s="613"/>
      <c r="IEC695" s="613"/>
      <c r="IED695" s="613"/>
      <c r="IEE695" s="613"/>
      <c r="IEF695" s="613"/>
      <c r="IEG695" s="613"/>
      <c r="IEH695" s="613"/>
      <c r="IEI695" s="613"/>
      <c r="IEJ695" s="613"/>
      <c r="IEK695" s="613"/>
      <c r="IEL695" s="613"/>
      <c r="IEM695" s="613"/>
      <c r="IEN695" s="613"/>
      <c r="IEO695" s="613"/>
      <c r="IEP695" s="613"/>
      <c r="IEQ695" s="613"/>
      <c r="IER695" s="613"/>
      <c r="IES695" s="613"/>
      <c r="IET695" s="613"/>
      <c r="IEU695" s="613"/>
      <c r="IEV695" s="613"/>
      <c r="IEW695" s="613"/>
      <c r="IEX695" s="613"/>
      <c r="IEY695" s="613"/>
      <c r="IEZ695" s="613"/>
      <c r="IFA695" s="613"/>
      <c r="IFB695" s="613"/>
      <c r="IFC695" s="613"/>
      <c r="IFD695" s="613"/>
      <c r="IFE695" s="613"/>
      <c r="IFF695" s="613"/>
      <c r="IFG695" s="613"/>
      <c r="IFH695" s="613"/>
      <c r="IFI695" s="613"/>
      <c r="IFJ695" s="613"/>
      <c r="IFK695" s="613"/>
      <c r="IFL695" s="613"/>
      <c r="IFM695" s="613"/>
      <c r="IFN695" s="613"/>
      <c r="IFO695" s="613"/>
      <c r="IFP695" s="613"/>
      <c r="IFQ695" s="613"/>
      <c r="IFR695" s="613"/>
      <c r="IFS695" s="613"/>
      <c r="IFT695" s="613"/>
      <c r="IFU695" s="613"/>
      <c r="IFV695" s="613"/>
      <c r="IFW695" s="613"/>
      <c r="IFX695" s="613"/>
      <c r="IFY695" s="613"/>
      <c r="IFZ695" s="613"/>
      <c r="IGA695" s="613"/>
      <c r="IGB695" s="613"/>
      <c r="IGC695" s="613"/>
      <c r="IGD695" s="613"/>
      <c r="IGE695" s="613"/>
      <c r="IGF695" s="613"/>
      <c r="IGG695" s="613"/>
      <c r="IGH695" s="613"/>
      <c r="IGI695" s="613"/>
      <c r="IGJ695" s="613"/>
      <c r="IGK695" s="613"/>
      <c r="IGL695" s="613"/>
      <c r="IGM695" s="613"/>
      <c r="IGN695" s="613"/>
      <c r="IGO695" s="613"/>
      <c r="IGP695" s="613"/>
      <c r="IGQ695" s="613"/>
      <c r="IGR695" s="613"/>
      <c r="IGS695" s="613"/>
      <c r="IGT695" s="613"/>
      <c r="IGU695" s="613"/>
      <c r="IGV695" s="613"/>
      <c r="IGW695" s="613"/>
      <c r="IGX695" s="613"/>
      <c r="IGY695" s="613"/>
      <c r="IGZ695" s="613"/>
      <c r="IHA695" s="613"/>
      <c r="IHB695" s="613"/>
      <c r="IHC695" s="613"/>
      <c r="IHD695" s="613"/>
      <c r="IHE695" s="613"/>
      <c r="IHF695" s="613"/>
      <c r="IHG695" s="613"/>
      <c r="IHH695" s="613"/>
      <c r="IHI695" s="613"/>
      <c r="IHJ695" s="613"/>
      <c r="IHK695" s="613"/>
      <c r="IHL695" s="613"/>
      <c r="IHM695" s="613"/>
      <c r="IHN695" s="613"/>
      <c r="IHO695" s="613"/>
      <c r="IHP695" s="613"/>
      <c r="IHQ695" s="613"/>
      <c r="IHR695" s="613"/>
      <c r="IHS695" s="613"/>
      <c r="IHT695" s="613"/>
      <c r="IHU695" s="613"/>
      <c r="IHV695" s="613"/>
      <c r="IHW695" s="613"/>
      <c r="IHX695" s="613"/>
      <c r="IHY695" s="613"/>
      <c r="IHZ695" s="613"/>
      <c r="IIA695" s="613"/>
      <c r="IIB695" s="613"/>
      <c r="IIC695" s="613"/>
      <c r="IID695" s="613"/>
      <c r="IIE695" s="613"/>
      <c r="IIF695" s="613"/>
      <c r="IIG695" s="613"/>
      <c r="IIH695" s="613"/>
      <c r="III695" s="613"/>
      <c r="IIJ695" s="613"/>
      <c r="IIK695" s="613"/>
      <c r="IIL695" s="613"/>
      <c r="IIM695" s="613"/>
      <c r="IIN695" s="613"/>
      <c r="IIO695" s="613"/>
      <c r="IIP695" s="613"/>
      <c r="IIQ695" s="613"/>
      <c r="IIR695" s="613"/>
      <c r="IIS695" s="613"/>
      <c r="IIT695" s="613"/>
      <c r="IIU695" s="613"/>
      <c r="IIV695" s="613"/>
      <c r="IIW695" s="613"/>
      <c r="IIX695" s="613"/>
      <c r="IIY695" s="613"/>
      <c r="IIZ695" s="613"/>
      <c r="IJA695" s="613"/>
      <c r="IJB695" s="613"/>
      <c r="IJC695" s="613"/>
      <c r="IJD695" s="613"/>
      <c r="IJE695" s="613"/>
      <c r="IJF695" s="613"/>
      <c r="IJG695" s="613"/>
      <c r="IJH695" s="613"/>
      <c r="IJI695" s="613"/>
      <c r="IJJ695" s="613"/>
      <c r="IJK695" s="613"/>
      <c r="IJL695" s="613"/>
      <c r="IJM695" s="613"/>
      <c r="IJN695" s="613"/>
      <c r="IJO695" s="613"/>
      <c r="IJP695" s="613"/>
      <c r="IJQ695" s="613"/>
      <c r="IJR695" s="613"/>
      <c r="IJS695" s="613"/>
      <c r="IJT695" s="613"/>
      <c r="IJU695" s="613"/>
      <c r="IJV695" s="613"/>
      <c r="IJW695" s="613"/>
      <c r="IJX695" s="613"/>
      <c r="IJY695" s="613"/>
      <c r="IJZ695" s="613"/>
      <c r="IKA695" s="613"/>
      <c r="IKB695" s="613"/>
      <c r="IKC695" s="613"/>
      <c r="IKD695" s="613"/>
      <c r="IKE695" s="613"/>
      <c r="IKF695" s="613"/>
      <c r="IKG695" s="613"/>
      <c r="IKH695" s="613"/>
      <c r="IKI695" s="613"/>
      <c r="IKJ695" s="613"/>
      <c r="IKK695" s="613"/>
      <c r="IKL695" s="613"/>
      <c r="IKM695" s="613"/>
      <c r="IKN695" s="613"/>
      <c r="IKO695" s="613"/>
      <c r="IKP695" s="613"/>
      <c r="IKQ695" s="613"/>
      <c r="IKR695" s="613"/>
      <c r="IKS695" s="613"/>
      <c r="IKT695" s="613"/>
      <c r="IKU695" s="613"/>
      <c r="IKV695" s="613"/>
      <c r="IKW695" s="613"/>
      <c r="IKX695" s="613"/>
      <c r="IKY695" s="613"/>
      <c r="IKZ695" s="613"/>
      <c r="ILA695" s="613"/>
      <c r="ILB695" s="613"/>
      <c r="ILC695" s="613"/>
      <c r="ILD695" s="613"/>
      <c r="ILE695" s="613"/>
      <c r="ILF695" s="613"/>
      <c r="ILG695" s="613"/>
      <c r="ILH695" s="613"/>
      <c r="ILI695" s="613"/>
      <c r="ILJ695" s="613"/>
      <c r="ILK695" s="613"/>
      <c r="ILL695" s="613"/>
      <c r="ILM695" s="613"/>
      <c r="ILN695" s="613"/>
      <c r="ILO695" s="613"/>
      <c r="ILP695" s="613"/>
      <c r="ILQ695" s="613"/>
      <c r="ILR695" s="613"/>
      <c r="ILS695" s="613"/>
      <c r="ILT695" s="613"/>
      <c r="ILU695" s="613"/>
      <c r="ILV695" s="613"/>
      <c r="ILW695" s="613"/>
      <c r="ILX695" s="613"/>
      <c r="ILY695" s="613"/>
      <c r="ILZ695" s="613"/>
      <c r="IMA695" s="613"/>
      <c r="IMB695" s="613"/>
      <c r="IMC695" s="613"/>
      <c r="IMD695" s="613"/>
      <c r="IME695" s="613"/>
      <c r="IMF695" s="613"/>
      <c r="IMG695" s="613"/>
      <c r="IMH695" s="613"/>
      <c r="IMI695" s="613"/>
      <c r="IMJ695" s="613"/>
      <c r="IMK695" s="613"/>
      <c r="IML695" s="613"/>
      <c r="IMM695" s="613"/>
      <c r="IMN695" s="613"/>
      <c r="IMO695" s="613"/>
      <c r="IMP695" s="613"/>
      <c r="IMQ695" s="613"/>
      <c r="IMR695" s="613"/>
      <c r="IMS695" s="613"/>
      <c r="IMT695" s="613"/>
      <c r="IMU695" s="613"/>
      <c r="IMV695" s="613"/>
      <c r="IMW695" s="613"/>
      <c r="IMX695" s="613"/>
      <c r="IMY695" s="613"/>
      <c r="IMZ695" s="613"/>
      <c r="INA695" s="613"/>
      <c r="INB695" s="613"/>
      <c r="INC695" s="613"/>
      <c r="IND695" s="613"/>
      <c r="INE695" s="613"/>
      <c r="INF695" s="613"/>
      <c r="ING695" s="613"/>
      <c r="INH695" s="613"/>
      <c r="INI695" s="613"/>
      <c r="INJ695" s="613"/>
      <c r="INK695" s="613"/>
      <c r="INL695" s="613"/>
      <c r="INM695" s="613"/>
      <c r="INN695" s="613"/>
      <c r="INO695" s="613"/>
      <c r="INP695" s="613"/>
      <c r="INQ695" s="613"/>
      <c r="INR695" s="613"/>
      <c r="INS695" s="613"/>
      <c r="INT695" s="613"/>
      <c r="INU695" s="613"/>
      <c r="INV695" s="613"/>
      <c r="INW695" s="613"/>
      <c r="INX695" s="613"/>
      <c r="INY695" s="613"/>
      <c r="INZ695" s="613"/>
      <c r="IOA695" s="613"/>
      <c r="IOB695" s="613"/>
      <c r="IOC695" s="613"/>
      <c r="IOD695" s="613"/>
      <c r="IOE695" s="613"/>
      <c r="IOF695" s="613"/>
      <c r="IOG695" s="613"/>
      <c r="IOH695" s="613"/>
      <c r="IOI695" s="613"/>
      <c r="IOJ695" s="613"/>
      <c r="IOK695" s="613"/>
      <c r="IOL695" s="613"/>
      <c r="IOM695" s="613"/>
      <c r="ION695" s="613"/>
      <c r="IOO695" s="613"/>
      <c r="IOP695" s="613"/>
      <c r="IOQ695" s="613"/>
      <c r="IOR695" s="613"/>
      <c r="IOS695" s="613"/>
      <c r="IOT695" s="613"/>
      <c r="IOU695" s="613"/>
      <c r="IOV695" s="613"/>
      <c r="IOW695" s="613"/>
      <c r="IOX695" s="613"/>
      <c r="IOY695" s="613"/>
      <c r="IOZ695" s="613"/>
      <c r="IPA695" s="613"/>
      <c r="IPB695" s="613"/>
      <c r="IPC695" s="613"/>
      <c r="IPD695" s="613"/>
      <c r="IPE695" s="613"/>
      <c r="IPF695" s="613"/>
      <c r="IPG695" s="613"/>
      <c r="IPH695" s="613"/>
      <c r="IPI695" s="613"/>
      <c r="IPJ695" s="613"/>
      <c r="IPK695" s="613"/>
      <c r="IPL695" s="613"/>
      <c r="IPM695" s="613"/>
      <c r="IPN695" s="613"/>
      <c r="IPO695" s="613"/>
      <c r="IPP695" s="613"/>
      <c r="IPQ695" s="613"/>
      <c r="IPR695" s="613"/>
      <c r="IPS695" s="613"/>
      <c r="IPT695" s="613"/>
      <c r="IPU695" s="613"/>
      <c r="IPV695" s="613"/>
      <c r="IPW695" s="613"/>
      <c r="IPX695" s="613"/>
      <c r="IPY695" s="613"/>
      <c r="IPZ695" s="613"/>
      <c r="IQA695" s="613"/>
      <c r="IQB695" s="613"/>
      <c r="IQC695" s="613"/>
      <c r="IQD695" s="613"/>
      <c r="IQE695" s="613"/>
      <c r="IQF695" s="613"/>
      <c r="IQG695" s="613"/>
      <c r="IQH695" s="613"/>
      <c r="IQI695" s="613"/>
      <c r="IQJ695" s="613"/>
      <c r="IQK695" s="613"/>
      <c r="IQL695" s="613"/>
      <c r="IQM695" s="613"/>
      <c r="IQN695" s="613"/>
      <c r="IQO695" s="613"/>
      <c r="IQP695" s="613"/>
      <c r="IQQ695" s="613"/>
      <c r="IQR695" s="613"/>
      <c r="IQS695" s="613"/>
      <c r="IQT695" s="613"/>
      <c r="IQU695" s="613"/>
      <c r="IQV695" s="613"/>
      <c r="IQW695" s="613"/>
      <c r="IQX695" s="613"/>
      <c r="IQY695" s="613"/>
      <c r="IQZ695" s="613"/>
      <c r="IRA695" s="613"/>
      <c r="IRB695" s="613"/>
      <c r="IRC695" s="613"/>
      <c r="IRD695" s="613"/>
      <c r="IRE695" s="613"/>
      <c r="IRF695" s="613"/>
      <c r="IRG695" s="613"/>
      <c r="IRH695" s="613"/>
      <c r="IRI695" s="613"/>
      <c r="IRJ695" s="613"/>
      <c r="IRK695" s="613"/>
      <c r="IRL695" s="613"/>
      <c r="IRM695" s="613"/>
      <c r="IRN695" s="613"/>
      <c r="IRO695" s="613"/>
      <c r="IRP695" s="613"/>
      <c r="IRQ695" s="613"/>
      <c r="IRR695" s="613"/>
      <c r="IRS695" s="613"/>
      <c r="IRT695" s="613"/>
      <c r="IRU695" s="613"/>
      <c r="IRV695" s="613"/>
      <c r="IRW695" s="613"/>
      <c r="IRX695" s="613"/>
      <c r="IRY695" s="613"/>
      <c r="IRZ695" s="613"/>
      <c r="ISA695" s="613"/>
      <c r="ISB695" s="613"/>
      <c r="ISC695" s="613"/>
      <c r="ISD695" s="613"/>
      <c r="ISE695" s="613"/>
      <c r="ISF695" s="613"/>
      <c r="ISG695" s="613"/>
      <c r="ISH695" s="613"/>
      <c r="ISI695" s="613"/>
      <c r="ISJ695" s="613"/>
      <c r="ISK695" s="613"/>
      <c r="ISL695" s="613"/>
      <c r="ISM695" s="613"/>
      <c r="ISN695" s="613"/>
      <c r="ISO695" s="613"/>
      <c r="ISP695" s="613"/>
      <c r="ISQ695" s="613"/>
      <c r="ISR695" s="613"/>
      <c r="ISS695" s="613"/>
      <c r="IST695" s="613"/>
      <c r="ISU695" s="613"/>
      <c r="ISV695" s="613"/>
      <c r="ISW695" s="613"/>
      <c r="ISX695" s="613"/>
      <c r="ISY695" s="613"/>
      <c r="ISZ695" s="613"/>
      <c r="ITA695" s="613"/>
      <c r="ITB695" s="613"/>
      <c r="ITC695" s="613"/>
      <c r="ITD695" s="613"/>
      <c r="ITE695" s="613"/>
      <c r="ITF695" s="613"/>
      <c r="ITG695" s="613"/>
      <c r="ITH695" s="613"/>
      <c r="ITI695" s="613"/>
      <c r="ITJ695" s="613"/>
      <c r="ITK695" s="613"/>
      <c r="ITL695" s="613"/>
      <c r="ITM695" s="613"/>
      <c r="ITN695" s="613"/>
      <c r="ITO695" s="613"/>
      <c r="ITP695" s="613"/>
      <c r="ITQ695" s="613"/>
      <c r="ITR695" s="613"/>
      <c r="ITS695" s="613"/>
      <c r="ITT695" s="613"/>
      <c r="ITU695" s="613"/>
      <c r="ITV695" s="613"/>
      <c r="ITW695" s="613"/>
      <c r="ITX695" s="613"/>
      <c r="ITY695" s="613"/>
      <c r="ITZ695" s="613"/>
      <c r="IUA695" s="613"/>
      <c r="IUB695" s="613"/>
      <c r="IUC695" s="613"/>
      <c r="IUD695" s="613"/>
      <c r="IUE695" s="613"/>
      <c r="IUF695" s="613"/>
      <c r="IUG695" s="613"/>
      <c r="IUH695" s="613"/>
      <c r="IUI695" s="613"/>
      <c r="IUJ695" s="613"/>
      <c r="IUK695" s="613"/>
      <c r="IUL695" s="613"/>
      <c r="IUM695" s="613"/>
      <c r="IUN695" s="613"/>
      <c r="IUO695" s="613"/>
      <c r="IUP695" s="613"/>
      <c r="IUQ695" s="613"/>
      <c r="IUR695" s="613"/>
      <c r="IUS695" s="613"/>
      <c r="IUT695" s="613"/>
      <c r="IUU695" s="613"/>
      <c r="IUV695" s="613"/>
      <c r="IUW695" s="613"/>
      <c r="IUX695" s="613"/>
      <c r="IUY695" s="613"/>
      <c r="IUZ695" s="613"/>
      <c r="IVA695" s="613"/>
      <c r="IVB695" s="613"/>
      <c r="IVC695" s="613"/>
      <c r="IVD695" s="613"/>
      <c r="IVE695" s="613"/>
      <c r="IVF695" s="613"/>
      <c r="IVG695" s="613"/>
      <c r="IVH695" s="613"/>
      <c r="IVI695" s="613"/>
      <c r="IVJ695" s="613"/>
      <c r="IVK695" s="613"/>
      <c r="IVL695" s="613"/>
      <c r="IVM695" s="613"/>
      <c r="IVN695" s="613"/>
      <c r="IVO695" s="613"/>
      <c r="IVP695" s="613"/>
      <c r="IVQ695" s="613"/>
      <c r="IVR695" s="613"/>
      <c r="IVS695" s="613"/>
      <c r="IVT695" s="613"/>
      <c r="IVU695" s="613"/>
      <c r="IVV695" s="613"/>
      <c r="IVW695" s="613"/>
      <c r="IVX695" s="613"/>
      <c r="IVY695" s="613"/>
      <c r="IVZ695" s="613"/>
      <c r="IWA695" s="613"/>
      <c r="IWB695" s="613"/>
      <c r="IWC695" s="613"/>
      <c r="IWD695" s="613"/>
      <c r="IWE695" s="613"/>
      <c r="IWF695" s="613"/>
      <c r="IWG695" s="613"/>
      <c r="IWH695" s="613"/>
      <c r="IWI695" s="613"/>
      <c r="IWJ695" s="613"/>
      <c r="IWK695" s="613"/>
      <c r="IWL695" s="613"/>
      <c r="IWM695" s="613"/>
      <c r="IWN695" s="613"/>
      <c r="IWO695" s="613"/>
      <c r="IWP695" s="613"/>
      <c r="IWQ695" s="613"/>
      <c r="IWR695" s="613"/>
      <c r="IWS695" s="613"/>
      <c r="IWT695" s="613"/>
      <c r="IWU695" s="613"/>
      <c r="IWV695" s="613"/>
      <c r="IWW695" s="613"/>
      <c r="IWX695" s="613"/>
      <c r="IWY695" s="613"/>
      <c r="IWZ695" s="613"/>
      <c r="IXA695" s="613"/>
      <c r="IXB695" s="613"/>
      <c r="IXC695" s="613"/>
      <c r="IXD695" s="613"/>
      <c r="IXE695" s="613"/>
      <c r="IXF695" s="613"/>
      <c r="IXG695" s="613"/>
      <c r="IXH695" s="613"/>
      <c r="IXI695" s="613"/>
      <c r="IXJ695" s="613"/>
      <c r="IXK695" s="613"/>
      <c r="IXL695" s="613"/>
      <c r="IXM695" s="613"/>
      <c r="IXN695" s="613"/>
      <c r="IXO695" s="613"/>
      <c r="IXP695" s="613"/>
      <c r="IXQ695" s="613"/>
      <c r="IXR695" s="613"/>
      <c r="IXS695" s="613"/>
      <c r="IXT695" s="613"/>
      <c r="IXU695" s="613"/>
      <c r="IXV695" s="613"/>
      <c r="IXW695" s="613"/>
      <c r="IXX695" s="613"/>
      <c r="IXY695" s="613"/>
      <c r="IXZ695" s="613"/>
      <c r="IYA695" s="613"/>
      <c r="IYB695" s="613"/>
      <c r="IYC695" s="613"/>
      <c r="IYD695" s="613"/>
      <c r="IYE695" s="613"/>
      <c r="IYF695" s="613"/>
      <c r="IYG695" s="613"/>
      <c r="IYH695" s="613"/>
      <c r="IYI695" s="613"/>
      <c r="IYJ695" s="613"/>
      <c r="IYK695" s="613"/>
      <c r="IYL695" s="613"/>
      <c r="IYM695" s="613"/>
      <c r="IYN695" s="613"/>
      <c r="IYO695" s="613"/>
      <c r="IYP695" s="613"/>
      <c r="IYQ695" s="613"/>
      <c r="IYR695" s="613"/>
      <c r="IYS695" s="613"/>
      <c r="IYT695" s="613"/>
      <c r="IYU695" s="613"/>
      <c r="IYV695" s="613"/>
      <c r="IYW695" s="613"/>
      <c r="IYX695" s="613"/>
      <c r="IYY695" s="613"/>
      <c r="IYZ695" s="613"/>
      <c r="IZA695" s="613"/>
      <c r="IZB695" s="613"/>
      <c r="IZC695" s="613"/>
      <c r="IZD695" s="613"/>
      <c r="IZE695" s="613"/>
      <c r="IZF695" s="613"/>
      <c r="IZG695" s="613"/>
      <c r="IZH695" s="613"/>
      <c r="IZI695" s="613"/>
      <c r="IZJ695" s="613"/>
      <c r="IZK695" s="613"/>
      <c r="IZL695" s="613"/>
      <c r="IZM695" s="613"/>
      <c r="IZN695" s="613"/>
      <c r="IZO695" s="613"/>
      <c r="IZP695" s="613"/>
      <c r="IZQ695" s="613"/>
      <c r="IZR695" s="613"/>
      <c r="IZS695" s="613"/>
      <c r="IZT695" s="613"/>
      <c r="IZU695" s="613"/>
      <c r="IZV695" s="613"/>
      <c r="IZW695" s="613"/>
      <c r="IZX695" s="613"/>
      <c r="IZY695" s="613"/>
      <c r="IZZ695" s="613"/>
      <c r="JAA695" s="613"/>
      <c r="JAB695" s="613"/>
      <c r="JAC695" s="613"/>
      <c r="JAD695" s="613"/>
      <c r="JAE695" s="613"/>
      <c r="JAF695" s="613"/>
      <c r="JAG695" s="613"/>
      <c r="JAH695" s="613"/>
      <c r="JAI695" s="613"/>
      <c r="JAJ695" s="613"/>
      <c r="JAK695" s="613"/>
      <c r="JAL695" s="613"/>
      <c r="JAM695" s="613"/>
      <c r="JAN695" s="613"/>
      <c r="JAO695" s="613"/>
      <c r="JAP695" s="613"/>
      <c r="JAQ695" s="613"/>
      <c r="JAR695" s="613"/>
      <c r="JAS695" s="613"/>
      <c r="JAT695" s="613"/>
      <c r="JAU695" s="613"/>
      <c r="JAV695" s="613"/>
      <c r="JAW695" s="613"/>
      <c r="JAX695" s="613"/>
      <c r="JAY695" s="613"/>
      <c r="JAZ695" s="613"/>
      <c r="JBA695" s="613"/>
      <c r="JBB695" s="613"/>
      <c r="JBC695" s="613"/>
      <c r="JBD695" s="613"/>
      <c r="JBE695" s="613"/>
      <c r="JBF695" s="613"/>
      <c r="JBG695" s="613"/>
      <c r="JBH695" s="613"/>
      <c r="JBI695" s="613"/>
      <c r="JBJ695" s="613"/>
      <c r="JBK695" s="613"/>
      <c r="JBL695" s="613"/>
      <c r="JBM695" s="613"/>
      <c r="JBN695" s="613"/>
      <c r="JBO695" s="613"/>
      <c r="JBP695" s="613"/>
      <c r="JBQ695" s="613"/>
      <c r="JBR695" s="613"/>
      <c r="JBS695" s="613"/>
      <c r="JBT695" s="613"/>
      <c r="JBU695" s="613"/>
      <c r="JBV695" s="613"/>
      <c r="JBW695" s="613"/>
      <c r="JBX695" s="613"/>
      <c r="JBY695" s="613"/>
      <c r="JBZ695" s="613"/>
      <c r="JCA695" s="613"/>
      <c r="JCB695" s="613"/>
      <c r="JCC695" s="613"/>
      <c r="JCD695" s="613"/>
      <c r="JCE695" s="613"/>
      <c r="JCF695" s="613"/>
      <c r="JCG695" s="613"/>
      <c r="JCH695" s="613"/>
      <c r="JCI695" s="613"/>
      <c r="JCJ695" s="613"/>
      <c r="JCK695" s="613"/>
      <c r="JCL695" s="613"/>
      <c r="JCM695" s="613"/>
      <c r="JCN695" s="613"/>
      <c r="JCO695" s="613"/>
      <c r="JCP695" s="613"/>
      <c r="JCQ695" s="613"/>
      <c r="JCR695" s="613"/>
      <c r="JCS695" s="613"/>
      <c r="JCT695" s="613"/>
      <c r="JCU695" s="613"/>
      <c r="JCV695" s="613"/>
      <c r="JCW695" s="613"/>
      <c r="JCX695" s="613"/>
      <c r="JCY695" s="613"/>
      <c r="JCZ695" s="613"/>
      <c r="JDA695" s="613"/>
      <c r="JDB695" s="613"/>
      <c r="JDC695" s="613"/>
      <c r="JDD695" s="613"/>
      <c r="JDE695" s="613"/>
      <c r="JDF695" s="613"/>
      <c r="JDG695" s="613"/>
      <c r="JDH695" s="613"/>
      <c r="JDI695" s="613"/>
      <c r="JDJ695" s="613"/>
      <c r="JDK695" s="613"/>
      <c r="JDL695" s="613"/>
      <c r="JDM695" s="613"/>
      <c r="JDN695" s="613"/>
      <c r="JDO695" s="613"/>
      <c r="JDP695" s="613"/>
      <c r="JDQ695" s="613"/>
      <c r="JDR695" s="613"/>
      <c r="JDS695" s="613"/>
      <c r="JDT695" s="613"/>
      <c r="JDU695" s="613"/>
      <c r="JDV695" s="613"/>
      <c r="JDW695" s="613"/>
      <c r="JDX695" s="613"/>
      <c r="JDY695" s="613"/>
      <c r="JDZ695" s="613"/>
      <c r="JEA695" s="613"/>
      <c r="JEB695" s="613"/>
      <c r="JEC695" s="613"/>
      <c r="JED695" s="613"/>
      <c r="JEE695" s="613"/>
      <c r="JEF695" s="613"/>
      <c r="JEG695" s="613"/>
      <c r="JEH695" s="613"/>
      <c r="JEI695" s="613"/>
      <c r="JEJ695" s="613"/>
      <c r="JEK695" s="613"/>
      <c r="JEL695" s="613"/>
      <c r="JEM695" s="613"/>
      <c r="JEN695" s="613"/>
      <c r="JEO695" s="613"/>
      <c r="JEP695" s="613"/>
      <c r="JEQ695" s="613"/>
      <c r="JER695" s="613"/>
      <c r="JES695" s="613"/>
      <c r="JET695" s="613"/>
      <c r="JEU695" s="613"/>
      <c r="JEV695" s="613"/>
      <c r="JEW695" s="613"/>
      <c r="JEX695" s="613"/>
      <c r="JEY695" s="613"/>
      <c r="JEZ695" s="613"/>
      <c r="JFA695" s="613"/>
      <c r="JFB695" s="613"/>
      <c r="JFC695" s="613"/>
      <c r="JFD695" s="613"/>
      <c r="JFE695" s="613"/>
      <c r="JFF695" s="613"/>
      <c r="JFG695" s="613"/>
      <c r="JFH695" s="613"/>
      <c r="JFI695" s="613"/>
      <c r="JFJ695" s="613"/>
      <c r="JFK695" s="613"/>
      <c r="JFL695" s="613"/>
      <c r="JFM695" s="613"/>
      <c r="JFN695" s="613"/>
      <c r="JFO695" s="613"/>
      <c r="JFP695" s="613"/>
      <c r="JFQ695" s="613"/>
      <c r="JFR695" s="613"/>
      <c r="JFS695" s="613"/>
      <c r="JFT695" s="613"/>
      <c r="JFU695" s="613"/>
      <c r="JFV695" s="613"/>
      <c r="JFW695" s="613"/>
      <c r="JFX695" s="613"/>
      <c r="JFY695" s="613"/>
      <c r="JFZ695" s="613"/>
      <c r="JGA695" s="613"/>
      <c r="JGB695" s="613"/>
      <c r="JGC695" s="613"/>
      <c r="JGD695" s="613"/>
      <c r="JGE695" s="613"/>
      <c r="JGF695" s="613"/>
      <c r="JGG695" s="613"/>
      <c r="JGH695" s="613"/>
      <c r="JGI695" s="613"/>
      <c r="JGJ695" s="613"/>
      <c r="JGK695" s="613"/>
      <c r="JGL695" s="613"/>
      <c r="JGM695" s="613"/>
      <c r="JGN695" s="613"/>
      <c r="JGO695" s="613"/>
      <c r="JGP695" s="613"/>
      <c r="JGQ695" s="613"/>
      <c r="JGR695" s="613"/>
      <c r="JGS695" s="613"/>
      <c r="JGT695" s="613"/>
      <c r="JGU695" s="613"/>
      <c r="JGV695" s="613"/>
      <c r="JGW695" s="613"/>
      <c r="JGX695" s="613"/>
      <c r="JGY695" s="613"/>
      <c r="JGZ695" s="613"/>
      <c r="JHA695" s="613"/>
      <c r="JHB695" s="613"/>
      <c r="JHC695" s="613"/>
      <c r="JHD695" s="613"/>
      <c r="JHE695" s="613"/>
      <c r="JHF695" s="613"/>
      <c r="JHG695" s="613"/>
      <c r="JHH695" s="613"/>
      <c r="JHI695" s="613"/>
      <c r="JHJ695" s="613"/>
      <c r="JHK695" s="613"/>
      <c r="JHL695" s="613"/>
      <c r="JHM695" s="613"/>
      <c r="JHN695" s="613"/>
      <c r="JHO695" s="613"/>
      <c r="JHP695" s="613"/>
      <c r="JHQ695" s="613"/>
      <c r="JHR695" s="613"/>
      <c r="JHS695" s="613"/>
      <c r="JHT695" s="613"/>
      <c r="JHU695" s="613"/>
      <c r="JHV695" s="613"/>
      <c r="JHW695" s="613"/>
      <c r="JHX695" s="613"/>
      <c r="JHY695" s="613"/>
      <c r="JHZ695" s="613"/>
      <c r="JIA695" s="613"/>
      <c r="JIB695" s="613"/>
      <c r="JIC695" s="613"/>
      <c r="JID695" s="613"/>
      <c r="JIE695" s="613"/>
      <c r="JIF695" s="613"/>
      <c r="JIG695" s="613"/>
      <c r="JIH695" s="613"/>
      <c r="JII695" s="613"/>
      <c r="JIJ695" s="613"/>
      <c r="JIK695" s="613"/>
      <c r="JIL695" s="613"/>
      <c r="JIM695" s="613"/>
      <c r="JIN695" s="613"/>
      <c r="JIO695" s="613"/>
      <c r="JIP695" s="613"/>
      <c r="JIQ695" s="613"/>
      <c r="JIR695" s="613"/>
      <c r="JIS695" s="613"/>
      <c r="JIT695" s="613"/>
      <c r="JIU695" s="613"/>
      <c r="JIV695" s="613"/>
      <c r="JIW695" s="613"/>
      <c r="JIX695" s="613"/>
      <c r="JIY695" s="613"/>
      <c r="JIZ695" s="613"/>
      <c r="JJA695" s="613"/>
      <c r="JJB695" s="613"/>
      <c r="JJC695" s="613"/>
      <c r="JJD695" s="613"/>
      <c r="JJE695" s="613"/>
      <c r="JJF695" s="613"/>
      <c r="JJG695" s="613"/>
      <c r="JJH695" s="613"/>
      <c r="JJI695" s="613"/>
      <c r="JJJ695" s="613"/>
      <c r="JJK695" s="613"/>
      <c r="JJL695" s="613"/>
      <c r="JJM695" s="613"/>
      <c r="JJN695" s="613"/>
      <c r="JJO695" s="613"/>
      <c r="JJP695" s="613"/>
      <c r="JJQ695" s="613"/>
      <c r="JJR695" s="613"/>
      <c r="JJS695" s="613"/>
      <c r="JJT695" s="613"/>
      <c r="JJU695" s="613"/>
      <c r="JJV695" s="613"/>
      <c r="JJW695" s="613"/>
      <c r="JJX695" s="613"/>
      <c r="JJY695" s="613"/>
      <c r="JJZ695" s="613"/>
      <c r="JKA695" s="613"/>
      <c r="JKB695" s="613"/>
      <c r="JKC695" s="613"/>
      <c r="JKD695" s="613"/>
      <c r="JKE695" s="613"/>
      <c r="JKF695" s="613"/>
      <c r="JKG695" s="613"/>
      <c r="JKH695" s="613"/>
      <c r="JKI695" s="613"/>
      <c r="JKJ695" s="613"/>
      <c r="JKK695" s="613"/>
      <c r="JKL695" s="613"/>
      <c r="JKM695" s="613"/>
      <c r="JKN695" s="613"/>
      <c r="JKO695" s="613"/>
      <c r="JKP695" s="613"/>
      <c r="JKQ695" s="613"/>
      <c r="JKR695" s="613"/>
      <c r="JKS695" s="613"/>
      <c r="JKT695" s="613"/>
      <c r="JKU695" s="613"/>
      <c r="JKV695" s="613"/>
      <c r="JKW695" s="613"/>
      <c r="JKX695" s="613"/>
      <c r="JKY695" s="613"/>
      <c r="JKZ695" s="613"/>
      <c r="JLA695" s="613"/>
      <c r="JLB695" s="613"/>
      <c r="JLC695" s="613"/>
      <c r="JLD695" s="613"/>
      <c r="JLE695" s="613"/>
      <c r="JLF695" s="613"/>
      <c r="JLG695" s="613"/>
      <c r="JLH695" s="613"/>
      <c r="JLI695" s="613"/>
      <c r="JLJ695" s="613"/>
      <c r="JLK695" s="613"/>
      <c r="JLL695" s="613"/>
      <c r="JLM695" s="613"/>
      <c r="JLN695" s="613"/>
      <c r="JLO695" s="613"/>
      <c r="JLP695" s="613"/>
      <c r="JLQ695" s="613"/>
      <c r="JLR695" s="613"/>
      <c r="JLS695" s="613"/>
      <c r="JLT695" s="613"/>
      <c r="JLU695" s="613"/>
      <c r="JLV695" s="613"/>
      <c r="JLW695" s="613"/>
      <c r="JLX695" s="613"/>
      <c r="JLY695" s="613"/>
      <c r="JLZ695" s="613"/>
      <c r="JMA695" s="613"/>
      <c r="JMB695" s="613"/>
      <c r="JMC695" s="613"/>
      <c r="JMD695" s="613"/>
      <c r="JME695" s="613"/>
      <c r="JMF695" s="613"/>
      <c r="JMG695" s="613"/>
      <c r="JMH695" s="613"/>
      <c r="JMI695" s="613"/>
      <c r="JMJ695" s="613"/>
      <c r="JMK695" s="613"/>
      <c r="JML695" s="613"/>
      <c r="JMM695" s="613"/>
      <c r="JMN695" s="613"/>
      <c r="JMO695" s="613"/>
      <c r="JMP695" s="613"/>
      <c r="JMQ695" s="613"/>
      <c r="JMR695" s="613"/>
      <c r="JMS695" s="613"/>
      <c r="JMT695" s="613"/>
      <c r="JMU695" s="613"/>
      <c r="JMV695" s="613"/>
      <c r="JMW695" s="613"/>
      <c r="JMX695" s="613"/>
      <c r="JMY695" s="613"/>
      <c r="JMZ695" s="613"/>
      <c r="JNA695" s="613"/>
      <c r="JNB695" s="613"/>
      <c r="JNC695" s="613"/>
      <c r="JND695" s="613"/>
      <c r="JNE695" s="613"/>
      <c r="JNF695" s="613"/>
      <c r="JNG695" s="613"/>
      <c r="JNH695" s="613"/>
      <c r="JNI695" s="613"/>
      <c r="JNJ695" s="613"/>
      <c r="JNK695" s="613"/>
      <c r="JNL695" s="613"/>
      <c r="JNM695" s="613"/>
      <c r="JNN695" s="613"/>
      <c r="JNO695" s="613"/>
      <c r="JNP695" s="613"/>
      <c r="JNQ695" s="613"/>
      <c r="JNR695" s="613"/>
      <c r="JNS695" s="613"/>
      <c r="JNT695" s="613"/>
      <c r="JNU695" s="613"/>
      <c r="JNV695" s="613"/>
      <c r="JNW695" s="613"/>
      <c r="JNX695" s="613"/>
      <c r="JNY695" s="613"/>
      <c r="JNZ695" s="613"/>
      <c r="JOA695" s="613"/>
      <c r="JOB695" s="613"/>
      <c r="JOC695" s="613"/>
      <c r="JOD695" s="613"/>
      <c r="JOE695" s="613"/>
      <c r="JOF695" s="613"/>
      <c r="JOG695" s="613"/>
      <c r="JOH695" s="613"/>
      <c r="JOI695" s="613"/>
      <c r="JOJ695" s="613"/>
      <c r="JOK695" s="613"/>
      <c r="JOL695" s="613"/>
      <c r="JOM695" s="613"/>
      <c r="JON695" s="613"/>
      <c r="JOO695" s="613"/>
      <c r="JOP695" s="613"/>
      <c r="JOQ695" s="613"/>
      <c r="JOR695" s="613"/>
      <c r="JOS695" s="613"/>
      <c r="JOT695" s="613"/>
      <c r="JOU695" s="613"/>
      <c r="JOV695" s="613"/>
      <c r="JOW695" s="613"/>
      <c r="JOX695" s="613"/>
      <c r="JOY695" s="613"/>
      <c r="JOZ695" s="613"/>
      <c r="JPA695" s="613"/>
      <c r="JPB695" s="613"/>
      <c r="JPC695" s="613"/>
      <c r="JPD695" s="613"/>
      <c r="JPE695" s="613"/>
      <c r="JPF695" s="613"/>
      <c r="JPG695" s="613"/>
      <c r="JPH695" s="613"/>
      <c r="JPI695" s="613"/>
      <c r="JPJ695" s="613"/>
      <c r="JPK695" s="613"/>
      <c r="JPL695" s="613"/>
      <c r="JPM695" s="613"/>
      <c r="JPN695" s="613"/>
      <c r="JPO695" s="613"/>
      <c r="JPP695" s="613"/>
      <c r="JPQ695" s="613"/>
      <c r="JPR695" s="613"/>
      <c r="JPS695" s="613"/>
      <c r="JPT695" s="613"/>
      <c r="JPU695" s="613"/>
      <c r="JPV695" s="613"/>
      <c r="JPW695" s="613"/>
      <c r="JPX695" s="613"/>
      <c r="JPY695" s="613"/>
      <c r="JPZ695" s="613"/>
      <c r="JQA695" s="613"/>
      <c r="JQB695" s="613"/>
      <c r="JQC695" s="613"/>
      <c r="JQD695" s="613"/>
      <c r="JQE695" s="613"/>
      <c r="JQF695" s="613"/>
      <c r="JQG695" s="613"/>
      <c r="JQH695" s="613"/>
      <c r="JQI695" s="613"/>
      <c r="JQJ695" s="613"/>
      <c r="JQK695" s="613"/>
      <c r="JQL695" s="613"/>
      <c r="JQM695" s="613"/>
      <c r="JQN695" s="613"/>
      <c r="JQO695" s="613"/>
      <c r="JQP695" s="613"/>
      <c r="JQQ695" s="613"/>
      <c r="JQR695" s="613"/>
      <c r="JQS695" s="613"/>
      <c r="JQT695" s="613"/>
      <c r="JQU695" s="613"/>
      <c r="JQV695" s="613"/>
      <c r="JQW695" s="613"/>
      <c r="JQX695" s="613"/>
      <c r="JQY695" s="613"/>
      <c r="JQZ695" s="613"/>
      <c r="JRA695" s="613"/>
      <c r="JRB695" s="613"/>
      <c r="JRC695" s="613"/>
      <c r="JRD695" s="613"/>
      <c r="JRE695" s="613"/>
      <c r="JRF695" s="613"/>
      <c r="JRG695" s="613"/>
      <c r="JRH695" s="613"/>
      <c r="JRI695" s="613"/>
      <c r="JRJ695" s="613"/>
      <c r="JRK695" s="613"/>
      <c r="JRL695" s="613"/>
      <c r="JRM695" s="613"/>
      <c r="JRN695" s="613"/>
      <c r="JRO695" s="613"/>
      <c r="JRP695" s="613"/>
      <c r="JRQ695" s="613"/>
      <c r="JRR695" s="613"/>
      <c r="JRS695" s="613"/>
      <c r="JRT695" s="613"/>
      <c r="JRU695" s="613"/>
      <c r="JRV695" s="613"/>
      <c r="JRW695" s="613"/>
      <c r="JRX695" s="613"/>
      <c r="JRY695" s="613"/>
      <c r="JRZ695" s="613"/>
      <c r="JSA695" s="613"/>
      <c r="JSB695" s="613"/>
      <c r="JSC695" s="613"/>
      <c r="JSD695" s="613"/>
      <c r="JSE695" s="613"/>
      <c r="JSF695" s="613"/>
      <c r="JSG695" s="613"/>
      <c r="JSH695" s="613"/>
      <c r="JSI695" s="613"/>
      <c r="JSJ695" s="613"/>
      <c r="JSK695" s="613"/>
      <c r="JSL695" s="613"/>
      <c r="JSM695" s="613"/>
      <c r="JSN695" s="613"/>
      <c r="JSO695" s="613"/>
      <c r="JSP695" s="613"/>
      <c r="JSQ695" s="613"/>
      <c r="JSR695" s="613"/>
      <c r="JSS695" s="613"/>
      <c r="JST695" s="613"/>
      <c r="JSU695" s="613"/>
      <c r="JSV695" s="613"/>
      <c r="JSW695" s="613"/>
      <c r="JSX695" s="613"/>
      <c r="JSY695" s="613"/>
      <c r="JSZ695" s="613"/>
      <c r="JTA695" s="613"/>
      <c r="JTB695" s="613"/>
      <c r="JTC695" s="613"/>
      <c r="JTD695" s="613"/>
      <c r="JTE695" s="613"/>
      <c r="JTF695" s="613"/>
      <c r="JTG695" s="613"/>
      <c r="JTH695" s="613"/>
      <c r="JTI695" s="613"/>
      <c r="JTJ695" s="613"/>
      <c r="JTK695" s="613"/>
      <c r="JTL695" s="613"/>
      <c r="JTM695" s="613"/>
      <c r="JTN695" s="613"/>
      <c r="JTO695" s="613"/>
      <c r="JTP695" s="613"/>
      <c r="JTQ695" s="613"/>
      <c r="JTR695" s="613"/>
      <c r="JTS695" s="613"/>
      <c r="JTT695" s="613"/>
      <c r="JTU695" s="613"/>
      <c r="JTV695" s="613"/>
      <c r="JTW695" s="613"/>
      <c r="JTX695" s="613"/>
      <c r="JTY695" s="613"/>
      <c r="JTZ695" s="613"/>
      <c r="JUA695" s="613"/>
      <c r="JUB695" s="613"/>
      <c r="JUC695" s="613"/>
      <c r="JUD695" s="613"/>
      <c r="JUE695" s="613"/>
      <c r="JUF695" s="613"/>
      <c r="JUG695" s="613"/>
      <c r="JUH695" s="613"/>
      <c r="JUI695" s="613"/>
      <c r="JUJ695" s="613"/>
      <c r="JUK695" s="613"/>
      <c r="JUL695" s="613"/>
      <c r="JUM695" s="613"/>
      <c r="JUN695" s="613"/>
      <c r="JUO695" s="613"/>
      <c r="JUP695" s="613"/>
      <c r="JUQ695" s="613"/>
      <c r="JUR695" s="613"/>
      <c r="JUS695" s="613"/>
      <c r="JUT695" s="613"/>
      <c r="JUU695" s="613"/>
      <c r="JUV695" s="613"/>
      <c r="JUW695" s="613"/>
      <c r="JUX695" s="613"/>
      <c r="JUY695" s="613"/>
      <c r="JUZ695" s="613"/>
      <c r="JVA695" s="613"/>
      <c r="JVB695" s="613"/>
      <c r="JVC695" s="613"/>
      <c r="JVD695" s="613"/>
      <c r="JVE695" s="613"/>
      <c r="JVF695" s="613"/>
      <c r="JVG695" s="613"/>
      <c r="JVH695" s="613"/>
      <c r="JVI695" s="613"/>
      <c r="JVJ695" s="613"/>
      <c r="JVK695" s="613"/>
      <c r="JVL695" s="613"/>
      <c r="JVM695" s="613"/>
      <c r="JVN695" s="613"/>
      <c r="JVO695" s="613"/>
      <c r="JVP695" s="613"/>
      <c r="JVQ695" s="613"/>
      <c r="JVR695" s="613"/>
      <c r="JVS695" s="613"/>
      <c r="JVT695" s="613"/>
      <c r="JVU695" s="613"/>
      <c r="JVV695" s="613"/>
      <c r="JVW695" s="613"/>
      <c r="JVX695" s="613"/>
      <c r="JVY695" s="613"/>
      <c r="JVZ695" s="613"/>
      <c r="JWA695" s="613"/>
      <c r="JWB695" s="613"/>
      <c r="JWC695" s="613"/>
      <c r="JWD695" s="613"/>
      <c r="JWE695" s="613"/>
      <c r="JWF695" s="613"/>
      <c r="JWG695" s="613"/>
      <c r="JWH695" s="613"/>
      <c r="JWI695" s="613"/>
      <c r="JWJ695" s="613"/>
      <c r="JWK695" s="613"/>
      <c r="JWL695" s="613"/>
      <c r="JWM695" s="613"/>
      <c r="JWN695" s="613"/>
      <c r="JWO695" s="613"/>
      <c r="JWP695" s="613"/>
      <c r="JWQ695" s="613"/>
      <c r="JWR695" s="613"/>
      <c r="JWS695" s="613"/>
      <c r="JWT695" s="613"/>
      <c r="JWU695" s="613"/>
      <c r="JWV695" s="613"/>
      <c r="JWW695" s="613"/>
      <c r="JWX695" s="613"/>
      <c r="JWY695" s="613"/>
      <c r="JWZ695" s="613"/>
      <c r="JXA695" s="613"/>
      <c r="JXB695" s="613"/>
      <c r="JXC695" s="613"/>
      <c r="JXD695" s="613"/>
      <c r="JXE695" s="613"/>
      <c r="JXF695" s="613"/>
      <c r="JXG695" s="613"/>
      <c r="JXH695" s="613"/>
      <c r="JXI695" s="613"/>
      <c r="JXJ695" s="613"/>
      <c r="JXK695" s="613"/>
      <c r="JXL695" s="613"/>
      <c r="JXM695" s="613"/>
      <c r="JXN695" s="613"/>
      <c r="JXO695" s="613"/>
      <c r="JXP695" s="613"/>
      <c r="JXQ695" s="613"/>
      <c r="JXR695" s="613"/>
      <c r="JXS695" s="613"/>
      <c r="JXT695" s="613"/>
      <c r="JXU695" s="613"/>
      <c r="JXV695" s="613"/>
      <c r="JXW695" s="613"/>
      <c r="JXX695" s="613"/>
      <c r="JXY695" s="613"/>
      <c r="JXZ695" s="613"/>
      <c r="JYA695" s="613"/>
      <c r="JYB695" s="613"/>
      <c r="JYC695" s="613"/>
      <c r="JYD695" s="613"/>
      <c r="JYE695" s="613"/>
      <c r="JYF695" s="613"/>
      <c r="JYG695" s="613"/>
      <c r="JYH695" s="613"/>
      <c r="JYI695" s="613"/>
      <c r="JYJ695" s="613"/>
      <c r="JYK695" s="613"/>
      <c r="JYL695" s="613"/>
      <c r="JYM695" s="613"/>
      <c r="JYN695" s="613"/>
      <c r="JYO695" s="613"/>
      <c r="JYP695" s="613"/>
      <c r="JYQ695" s="613"/>
      <c r="JYR695" s="613"/>
      <c r="JYS695" s="613"/>
      <c r="JYT695" s="613"/>
      <c r="JYU695" s="613"/>
      <c r="JYV695" s="613"/>
      <c r="JYW695" s="613"/>
      <c r="JYX695" s="613"/>
      <c r="JYY695" s="613"/>
      <c r="JYZ695" s="613"/>
      <c r="JZA695" s="613"/>
      <c r="JZB695" s="613"/>
      <c r="JZC695" s="613"/>
      <c r="JZD695" s="613"/>
      <c r="JZE695" s="613"/>
      <c r="JZF695" s="613"/>
      <c r="JZG695" s="613"/>
      <c r="JZH695" s="613"/>
      <c r="JZI695" s="613"/>
      <c r="JZJ695" s="613"/>
      <c r="JZK695" s="613"/>
      <c r="JZL695" s="613"/>
      <c r="JZM695" s="613"/>
      <c r="JZN695" s="613"/>
      <c r="JZO695" s="613"/>
      <c r="JZP695" s="613"/>
      <c r="JZQ695" s="613"/>
      <c r="JZR695" s="613"/>
      <c r="JZS695" s="613"/>
      <c r="JZT695" s="613"/>
      <c r="JZU695" s="613"/>
      <c r="JZV695" s="613"/>
      <c r="JZW695" s="613"/>
      <c r="JZX695" s="613"/>
      <c r="JZY695" s="613"/>
      <c r="JZZ695" s="613"/>
      <c r="KAA695" s="613"/>
      <c r="KAB695" s="613"/>
      <c r="KAC695" s="613"/>
      <c r="KAD695" s="613"/>
      <c r="KAE695" s="613"/>
      <c r="KAF695" s="613"/>
      <c r="KAG695" s="613"/>
      <c r="KAH695" s="613"/>
      <c r="KAI695" s="613"/>
      <c r="KAJ695" s="613"/>
      <c r="KAK695" s="613"/>
      <c r="KAL695" s="613"/>
      <c r="KAM695" s="613"/>
      <c r="KAN695" s="613"/>
      <c r="KAO695" s="613"/>
      <c r="KAP695" s="613"/>
      <c r="KAQ695" s="613"/>
      <c r="KAR695" s="613"/>
      <c r="KAS695" s="613"/>
      <c r="KAT695" s="613"/>
      <c r="KAU695" s="613"/>
      <c r="KAV695" s="613"/>
      <c r="KAW695" s="613"/>
      <c r="KAX695" s="613"/>
      <c r="KAY695" s="613"/>
      <c r="KAZ695" s="613"/>
      <c r="KBA695" s="613"/>
      <c r="KBB695" s="613"/>
      <c r="KBC695" s="613"/>
      <c r="KBD695" s="613"/>
      <c r="KBE695" s="613"/>
      <c r="KBF695" s="613"/>
      <c r="KBG695" s="613"/>
      <c r="KBH695" s="613"/>
      <c r="KBI695" s="613"/>
      <c r="KBJ695" s="613"/>
      <c r="KBK695" s="613"/>
      <c r="KBL695" s="613"/>
      <c r="KBM695" s="613"/>
      <c r="KBN695" s="613"/>
      <c r="KBO695" s="613"/>
      <c r="KBP695" s="613"/>
      <c r="KBQ695" s="613"/>
      <c r="KBR695" s="613"/>
      <c r="KBS695" s="613"/>
      <c r="KBT695" s="613"/>
      <c r="KBU695" s="613"/>
      <c r="KBV695" s="613"/>
      <c r="KBW695" s="613"/>
      <c r="KBX695" s="613"/>
      <c r="KBY695" s="613"/>
      <c r="KBZ695" s="613"/>
      <c r="KCA695" s="613"/>
      <c r="KCB695" s="613"/>
      <c r="KCC695" s="613"/>
      <c r="KCD695" s="613"/>
      <c r="KCE695" s="613"/>
      <c r="KCF695" s="613"/>
      <c r="KCG695" s="613"/>
      <c r="KCH695" s="613"/>
      <c r="KCI695" s="613"/>
      <c r="KCJ695" s="613"/>
      <c r="KCK695" s="613"/>
      <c r="KCL695" s="613"/>
      <c r="KCM695" s="613"/>
      <c r="KCN695" s="613"/>
      <c r="KCO695" s="613"/>
      <c r="KCP695" s="613"/>
      <c r="KCQ695" s="613"/>
      <c r="KCR695" s="613"/>
      <c r="KCS695" s="613"/>
      <c r="KCT695" s="613"/>
      <c r="KCU695" s="613"/>
      <c r="KCV695" s="613"/>
      <c r="KCW695" s="613"/>
      <c r="KCX695" s="613"/>
      <c r="KCY695" s="613"/>
      <c r="KCZ695" s="613"/>
      <c r="KDA695" s="613"/>
      <c r="KDB695" s="613"/>
      <c r="KDC695" s="613"/>
      <c r="KDD695" s="613"/>
      <c r="KDE695" s="613"/>
      <c r="KDF695" s="613"/>
      <c r="KDG695" s="613"/>
      <c r="KDH695" s="613"/>
      <c r="KDI695" s="613"/>
      <c r="KDJ695" s="613"/>
      <c r="KDK695" s="613"/>
      <c r="KDL695" s="613"/>
      <c r="KDM695" s="613"/>
      <c r="KDN695" s="613"/>
      <c r="KDO695" s="613"/>
      <c r="KDP695" s="613"/>
      <c r="KDQ695" s="613"/>
      <c r="KDR695" s="613"/>
      <c r="KDS695" s="613"/>
      <c r="KDT695" s="613"/>
      <c r="KDU695" s="613"/>
      <c r="KDV695" s="613"/>
      <c r="KDW695" s="613"/>
      <c r="KDX695" s="613"/>
      <c r="KDY695" s="613"/>
      <c r="KDZ695" s="613"/>
      <c r="KEA695" s="613"/>
      <c r="KEB695" s="613"/>
      <c r="KEC695" s="613"/>
      <c r="KED695" s="613"/>
      <c r="KEE695" s="613"/>
      <c r="KEF695" s="613"/>
      <c r="KEG695" s="613"/>
      <c r="KEH695" s="613"/>
      <c r="KEI695" s="613"/>
      <c r="KEJ695" s="613"/>
      <c r="KEK695" s="613"/>
      <c r="KEL695" s="613"/>
      <c r="KEM695" s="613"/>
      <c r="KEN695" s="613"/>
      <c r="KEO695" s="613"/>
      <c r="KEP695" s="613"/>
      <c r="KEQ695" s="613"/>
      <c r="KER695" s="613"/>
      <c r="KES695" s="613"/>
      <c r="KET695" s="613"/>
      <c r="KEU695" s="613"/>
      <c r="KEV695" s="613"/>
      <c r="KEW695" s="613"/>
      <c r="KEX695" s="613"/>
      <c r="KEY695" s="613"/>
      <c r="KEZ695" s="613"/>
      <c r="KFA695" s="613"/>
      <c r="KFB695" s="613"/>
      <c r="KFC695" s="613"/>
      <c r="KFD695" s="613"/>
      <c r="KFE695" s="613"/>
      <c r="KFF695" s="613"/>
      <c r="KFG695" s="613"/>
      <c r="KFH695" s="613"/>
      <c r="KFI695" s="613"/>
      <c r="KFJ695" s="613"/>
      <c r="KFK695" s="613"/>
      <c r="KFL695" s="613"/>
      <c r="KFM695" s="613"/>
      <c r="KFN695" s="613"/>
      <c r="KFO695" s="613"/>
      <c r="KFP695" s="613"/>
      <c r="KFQ695" s="613"/>
      <c r="KFR695" s="613"/>
      <c r="KFS695" s="613"/>
      <c r="KFT695" s="613"/>
      <c r="KFU695" s="613"/>
      <c r="KFV695" s="613"/>
      <c r="KFW695" s="613"/>
      <c r="KFX695" s="613"/>
      <c r="KFY695" s="613"/>
      <c r="KFZ695" s="613"/>
      <c r="KGA695" s="613"/>
      <c r="KGB695" s="613"/>
      <c r="KGC695" s="613"/>
      <c r="KGD695" s="613"/>
      <c r="KGE695" s="613"/>
      <c r="KGF695" s="613"/>
      <c r="KGG695" s="613"/>
      <c r="KGH695" s="613"/>
      <c r="KGI695" s="613"/>
      <c r="KGJ695" s="613"/>
      <c r="KGK695" s="613"/>
      <c r="KGL695" s="613"/>
      <c r="KGM695" s="613"/>
      <c r="KGN695" s="613"/>
      <c r="KGO695" s="613"/>
      <c r="KGP695" s="613"/>
      <c r="KGQ695" s="613"/>
      <c r="KGR695" s="613"/>
      <c r="KGS695" s="613"/>
      <c r="KGT695" s="613"/>
      <c r="KGU695" s="613"/>
      <c r="KGV695" s="613"/>
      <c r="KGW695" s="613"/>
      <c r="KGX695" s="613"/>
      <c r="KGY695" s="613"/>
      <c r="KGZ695" s="613"/>
      <c r="KHA695" s="613"/>
      <c r="KHB695" s="613"/>
      <c r="KHC695" s="613"/>
      <c r="KHD695" s="613"/>
      <c r="KHE695" s="613"/>
      <c r="KHF695" s="613"/>
      <c r="KHG695" s="613"/>
      <c r="KHH695" s="613"/>
      <c r="KHI695" s="613"/>
      <c r="KHJ695" s="613"/>
      <c r="KHK695" s="613"/>
      <c r="KHL695" s="613"/>
      <c r="KHM695" s="613"/>
      <c r="KHN695" s="613"/>
      <c r="KHO695" s="613"/>
      <c r="KHP695" s="613"/>
      <c r="KHQ695" s="613"/>
      <c r="KHR695" s="613"/>
      <c r="KHS695" s="613"/>
      <c r="KHT695" s="613"/>
      <c r="KHU695" s="613"/>
      <c r="KHV695" s="613"/>
      <c r="KHW695" s="613"/>
      <c r="KHX695" s="613"/>
      <c r="KHY695" s="613"/>
      <c r="KHZ695" s="613"/>
      <c r="KIA695" s="613"/>
      <c r="KIB695" s="613"/>
      <c r="KIC695" s="613"/>
      <c r="KID695" s="613"/>
      <c r="KIE695" s="613"/>
      <c r="KIF695" s="613"/>
      <c r="KIG695" s="613"/>
      <c r="KIH695" s="613"/>
      <c r="KII695" s="613"/>
      <c r="KIJ695" s="613"/>
      <c r="KIK695" s="613"/>
      <c r="KIL695" s="613"/>
      <c r="KIM695" s="613"/>
      <c r="KIN695" s="613"/>
      <c r="KIO695" s="613"/>
      <c r="KIP695" s="613"/>
      <c r="KIQ695" s="613"/>
      <c r="KIR695" s="613"/>
      <c r="KIS695" s="613"/>
      <c r="KIT695" s="613"/>
      <c r="KIU695" s="613"/>
      <c r="KIV695" s="613"/>
      <c r="KIW695" s="613"/>
      <c r="KIX695" s="613"/>
      <c r="KIY695" s="613"/>
      <c r="KIZ695" s="613"/>
      <c r="KJA695" s="613"/>
      <c r="KJB695" s="613"/>
      <c r="KJC695" s="613"/>
      <c r="KJD695" s="613"/>
      <c r="KJE695" s="613"/>
      <c r="KJF695" s="613"/>
      <c r="KJG695" s="613"/>
      <c r="KJH695" s="613"/>
      <c r="KJI695" s="613"/>
      <c r="KJJ695" s="613"/>
      <c r="KJK695" s="613"/>
      <c r="KJL695" s="613"/>
      <c r="KJM695" s="613"/>
      <c r="KJN695" s="613"/>
      <c r="KJO695" s="613"/>
      <c r="KJP695" s="613"/>
      <c r="KJQ695" s="613"/>
      <c r="KJR695" s="613"/>
      <c r="KJS695" s="613"/>
      <c r="KJT695" s="613"/>
      <c r="KJU695" s="613"/>
      <c r="KJV695" s="613"/>
      <c r="KJW695" s="613"/>
      <c r="KJX695" s="613"/>
      <c r="KJY695" s="613"/>
      <c r="KJZ695" s="613"/>
      <c r="KKA695" s="613"/>
      <c r="KKB695" s="613"/>
      <c r="KKC695" s="613"/>
      <c r="KKD695" s="613"/>
      <c r="KKE695" s="613"/>
      <c r="KKF695" s="613"/>
      <c r="KKG695" s="613"/>
      <c r="KKH695" s="613"/>
      <c r="KKI695" s="613"/>
      <c r="KKJ695" s="613"/>
      <c r="KKK695" s="613"/>
      <c r="KKL695" s="613"/>
      <c r="KKM695" s="613"/>
      <c r="KKN695" s="613"/>
      <c r="KKO695" s="613"/>
      <c r="KKP695" s="613"/>
      <c r="KKQ695" s="613"/>
      <c r="KKR695" s="613"/>
      <c r="KKS695" s="613"/>
      <c r="KKT695" s="613"/>
      <c r="KKU695" s="613"/>
      <c r="KKV695" s="613"/>
      <c r="KKW695" s="613"/>
      <c r="KKX695" s="613"/>
      <c r="KKY695" s="613"/>
      <c r="KKZ695" s="613"/>
      <c r="KLA695" s="613"/>
      <c r="KLB695" s="613"/>
      <c r="KLC695" s="613"/>
      <c r="KLD695" s="613"/>
      <c r="KLE695" s="613"/>
      <c r="KLF695" s="613"/>
      <c r="KLG695" s="613"/>
      <c r="KLH695" s="613"/>
      <c r="KLI695" s="613"/>
      <c r="KLJ695" s="613"/>
      <c r="KLK695" s="613"/>
      <c r="KLL695" s="613"/>
      <c r="KLM695" s="613"/>
      <c r="KLN695" s="613"/>
      <c r="KLO695" s="613"/>
      <c r="KLP695" s="613"/>
      <c r="KLQ695" s="613"/>
      <c r="KLR695" s="613"/>
      <c r="KLS695" s="613"/>
      <c r="KLT695" s="613"/>
      <c r="KLU695" s="613"/>
      <c r="KLV695" s="613"/>
      <c r="KLW695" s="613"/>
      <c r="KLX695" s="613"/>
      <c r="KLY695" s="613"/>
      <c r="KLZ695" s="613"/>
      <c r="KMA695" s="613"/>
      <c r="KMB695" s="613"/>
      <c r="KMC695" s="613"/>
      <c r="KMD695" s="613"/>
      <c r="KME695" s="613"/>
      <c r="KMF695" s="613"/>
      <c r="KMG695" s="613"/>
      <c r="KMH695" s="613"/>
      <c r="KMI695" s="613"/>
      <c r="KMJ695" s="613"/>
      <c r="KMK695" s="613"/>
      <c r="KML695" s="613"/>
      <c r="KMM695" s="613"/>
      <c r="KMN695" s="613"/>
      <c r="KMO695" s="613"/>
      <c r="KMP695" s="613"/>
      <c r="KMQ695" s="613"/>
      <c r="KMR695" s="613"/>
      <c r="KMS695" s="613"/>
      <c r="KMT695" s="613"/>
      <c r="KMU695" s="613"/>
      <c r="KMV695" s="613"/>
      <c r="KMW695" s="613"/>
      <c r="KMX695" s="613"/>
      <c r="KMY695" s="613"/>
      <c r="KMZ695" s="613"/>
      <c r="KNA695" s="613"/>
      <c r="KNB695" s="613"/>
      <c r="KNC695" s="613"/>
      <c r="KND695" s="613"/>
      <c r="KNE695" s="613"/>
      <c r="KNF695" s="613"/>
      <c r="KNG695" s="613"/>
      <c r="KNH695" s="613"/>
      <c r="KNI695" s="613"/>
      <c r="KNJ695" s="613"/>
      <c r="KNK695" s="613"/>
      <c r="KNL695" s="613"/>
      <c r="KNM695" s="613"/>
      <c r="KNN695" s="613"/>
      <c r="KNO695" s="613"/>
      <c r="KNP695" s="613"/>
      <c r="KNQ695" s="613"/>
      <c r="KNR695" s="613"/>
      <c r="KNS695" s="613"/>
      <c r="KNT695" s="613"/>
      <c r="KNU695" s="613"/>
      <c r="KNV695" s="613"/>
      <c r="KNW695" s="613"/>
      <c r="KNX695" s="613"/>
      <c r="KNY695" s="613"/>
      <c r="KNZ695" s="613"/>
      <c r="KOA695" s="613"/>
      <c r="KOB695" s="613"/>
      <c r="KOC695" s="613"/>
      <c r="KOD695" s="613"/>
      <c r="KOE695" s="613"/>
      <c r="KOF695" s="613"/>
      <c r="KOG695" s="613"/>
      <c r="KOH695" s="613"/>
      <c r="KOI695" s="613"/>
      <c r="KOJ695" s="613"/>
      <c r="KOK695" s="613"/>
      <c r="KOL695" s="613"/>
      <c r="KOM695" s="613"/>
      <c r="KON695" s="613"/>
      <c r="KOO695" s="613"/>
      <c r="KOP695" s="613"/>
      <c r="KOQ695" s="613"/>
      <c r="KOR695" s="613"/>
      <c r="KOS695" s="613"/>
      <c r="KOT695" s="613"/>
      <c r="KOU695" s="613"/>
      <c r="KOV695" s="613"/>
      <c r="KOW695" s="613"/>
      <c r="KOX695" s="613"/>
      <c r="KOY695" s="613"/>
      <c r="KOZ695" s="613"/>
      <c r="KPA695" s="613"/>
      <c r="KPB695" s="613"/>
      <c r="KPC695" s="613"/>
      <c r="KPD695" s="613"/>
      <c r="KPE695" s="613"/>
      <c r="KPF695" s="613"/>
      <c r="KPG695" s="613"/>
      <c r="KPH695" s="613"/>
      <c r="KPI695" s="613"/>
      <c r="KPJ695" s="613"/>
      <c r="KPK695" s="613"/>
      <c r="KPL695" s="613"/>
      <c r="KPM695" s="613"/>
      <c r="KPN695" s="613"/>
      <c r="KPO695" s="613"/>
      <c r="KPP695" s="613"/>
      <c r="KPQ695" s="613"/>
      <c r="KPR695" s="613"/>
      <c r="KPS695" s="613"/>
      <c r="KPT695" s="613"/>
      <c r="KPU695" s="613"/>
      <c r="KPV695" s="613"/>
      <c r="KPW695" s="613"/>
      <c r="KPX695" s="613"/>
      <c r="KPY695" s="613"/>
      <c r="KPZ695" s="613"/>
      <c r="KQA695" s="613"/>
      <c r="KQB695" s="613"/>
      <c r="KQC695" s="613"/>
      <c r="KQD695" s="613"/>
      <c r="KQE695" s="613"/>
      <c r="KQF695" s="613"/>
      <c r="KQG695" s="613"/>
      <c r="KQH695" s="613"/>
      <c r="KQI695" s="613"/>
      <c r="KQJ695" s="613"/>
      <c r="KQK695" s="613"/>
      <c r="KQL695" s="613"/>
      <c r="KQM695" s="613"/>
      <c r="KQN695" s="613"/>
      <c r="KQO695" s="613"/>
      <c r="KQP695" s="613"/>
      <c r="KQQ695" s="613"/>
      <c r="KQR695" s="613"/>
      <c r="KQS695" s="613"/>
      <c r="KQT695" s="613"/>
      <c r="KQU695" s="613"/>
      <c r="KQV695" s="613"/>
      <c r="KQW695" s="613"/>
      <c r="KQX695" s="613"/>
      <c r="KQY695" s="613"/>
      <c r="KQZ695" s="613"/>
      <c r="KRA695" s="613"/>
      <c r="KRB695" s="613"/>
      <c r="KRC695" s="613"/>
      <c r="KRD695" s="613"/>
      <c r="KRE695" s="613"/>
      <c r="KRF695" s="613"/>
      <c r="KRG695" s="613"/>
      <c r="KRH695" s="613"/>
      <c r="KRI695" s="613"/>
      <c r="KRJ695" s="613"/>
      <c r="KRK695" s="613"/>
      <c r="KRL695" s="613"/>
      <c r="KRM695" s="613"/>
      <c r="KRN695" s="613"/>
      <c r="KRO695" s="613"/>
      <c r="KRP695" s="613"/>
      <c r="KRQ695" s="613"/>
      <c r="KRR695" s="613"/>
      <c r="KRS695" s="613"/>
      <c r="KRT695" s="613"/>
      <c r="KRU695" s="613"/>
      <c r="KRV695" s="613"/>
      <c r="KRW695" s="613"/>
      <c r="KRX695" s="613"/>
      <c r="KRY695" s="613"/>
      <c r="KRZ695" s="613"/>
      <c r="KSA695" s="613"/>
      <c r="KSB695" s="613"/>
      <c r="KSC695" s="613"/>
      <c r="KSD695" s="613"/>
      <c r="KSE695" s="613"/>
      <c r="KSF695" s="613"/>
      <c r="KSG695" s="613"/>
      <c r="KSH695" s="613"/>
      <c r="KSI695" s="613"/>
      <c r="KSJ695" s="613"/>
      <c r="KSK695" s="613"/>
      <c r="KSL695" s="613"/>
      <c r="KSM695" s="613"/>
      <c r="KSN695" s="613"/>
      <c r="KSO695" s="613"/>
      <c r="KSP695" s="613"/>
      <c r="KSQ695" s="613"/>
      <c r="KSR695" s="613"/>
      <c r="KSS695" s="613"/>
      <c r="KST695" s="613"/>
      <c r="KSU695" s="613"/>
      <c r="KSV695" s="613"/>
      <c r="KSW695" s="613"/>
      <c r="KSX695" s="613"/>
      <c r="KSY695" s="613"/>
      <c r="KSZ695" s="613"/>
      <c r="KTA695" s="613"/>
      <c r="KTB695" s="613"/>
      <c r="KTC695" s="613"/>
      <c r="KTD695" s="613"/>
      <c r="KTE695" s="613"/>
      <c r="KTF695" s="613"/>
      <c r="KTG695" s="613"/>
      <c r="KTH695" s="613"/>
      <c r="KTI695" s="613"/>
      <c r="KTJ695" s="613"/>
      <c r="KTK695" s="613"/>
      <c r="KTL695" s="613"/>
      <c r="KTM695" s="613"/>
      <c r="KTN695" s="613"/>
      <c r="KTO695" s="613"/>
      <c r="KTP695" s="613"/>
      <c r="KTQ695" s="613"/>
      <c r="KTR695" s="613"/>
      <c r="KTS695" s="613"/>
      <c r="KTT695" s="613"/>
      <c r="KTU695" s="613"/>
      <c r="KTV695" s="613"/>
      <c r="KTW695" s="613"/>
      <c r="KTX695" s="613"/>
      <c r="KTY695" s="613"/>
      <c r="KTZ695" s="613"/>
      <c r="KUA695" s="613"/>
      <c r="KUB695" s="613"/>
      <c r="KUC695" s="613"/>
      <c r="KUD695" s="613"/>
      <c r="KUE695" s="613"/>
      <c r="KUF695" s="613"/>
      <c r="KUG695" s="613"/>
      <c r="KUH695" s="613"/>
      <c r="KUI695" s="613"/>
      <c r="KUJ695" s="613"/>
      <c r="KUK695" s="613"/>
      <c r="KUL695" s="613"/>
      <c r="KUM695" s="613"/>
      <c r="KUN695" s="613"/>
      <c r="KUO695" s="613"/>
      <c r="KUP695" s="613"/>
      <c r="KUQ695" s="613"/>
      <c r="KUR695" s="613"/>
      <c r="KUS695" s="613"/>
      <c r="KUT695" s="613"/>
      <c r="KUU695" s="613"/>
      <c r="KUV695" s="613"/>
      <c r="KUW695" s="613"/>
      <c r="KUX695" s="613"/>
      <c r="KUY695" s="613"/>
      <c r="KUZ695" s="613"/>
      <c r="KVA695" s="613"/>
      <c r="KVB695" s="613"/>
      <c r="KVC695" s="613"/>
      <c r="KVD695" s="613"/>
      <c r="KVE695" s="613"/>
      <c r="KVF695" s="613"/>
      <c r="KVG695" s="613"/>
      <c r="KVH695" s="613"/>
      <c r="KVI695" s="613"/>
      <c r="KVJ695" s="613"/>
      <c r="KVK695" s="613"/>
      <c r="KVL695" s="613"/>
      <c r="KVM695" s="613"/>
      <c r="KVN695" s="613"/>
      <c r="KVO695" s="613"/>
      <c r="KVP695" s="613"/>
      <c r="KVQ695" s="613"/>
      <c r="KVR695" s="613"/>
      <c r="KVS695" s="613"/>
      <c r="KVT695" s="613"/>
      <c r="KVU695" s="613"/>
      <c r="KVV695" s="613"/>
      <c r="KVW695" s="613"/>
      <c r="KVX695" s="613"/>
      <c r="KVY695" s="613"/>
      <c r="KVZ695" s="613"/>
      <c r="KWA695" s="613"/>
      <c r="KWB695" s="613"/>
      <c r="KWC695" s="613"/>
      <c r="KWD695" s="613"/>
      <c r="KWE695" s="613"/>
      <c r="KWF695" s="613"/>
      <c r="KWG695" s="613"/>
      <c r="KWH695" s="613"/>
      <c r="KWI695" s="613"/>
      <c r="KWJ695" s="613"/>
      <c r="KWK695" s="613"/>
      <c r="KWL695" s="613"/>
      <c r="KWM695" s="613"/>
      <c r="KWN695" s="613"/>
      <c r="KWO695" s="613"/>
      <c r="KWP695" s="613"/>
      <c r="KWQ695" s="613"/>
      <c r="KWR695" s="613"/>
      <c r="KWS695" s="613"/>
      <c r="KWT695" s="613"/>
      <c r="KWU695" s="613"/>
      <c r="KWV695" s="613"/>
      <c r="KWW695" s="613"/>
      <c r="KWX695" s="613"/>
      <c r="KWY695" s="613"/>
      <c r="KWZ695" s="613"/>
      <c r="KXA695" s="613"/>
      <c r="KXB695" s="613"/>
      <c r="KXC695" s="613"/>
      <c r="KXD695" s="613"/>
      <c r="KXE695" s="613"/>
      <c r="KXF695" s="613"/>
      <c r="KXG695" s="613"/>
      <c r="KXH695" s="613"/>
      <c r="KXI695" s="613"/>
      <c r="KXJ695" s="613"/>
      <c r="KXK695" s="613"/>
      <c r="KXL695" s="613"/>
      <c r="KXM695" s="613"/>
      <c r="KXN695" s="613"/>
      <c r="KXO695" s="613"/>
      <c r="KXP695" s="613"/>
      <c r="KXQ695" s="613"/>
      <c r="KXR695" s="613"/>
      <c r="KXS695" s="613"/>
      <c r="KXT695" s="613"/>
      <c r="KXU695" s="613"/>
      <c r="KXV695" s="613"/>
      <c r="KXW695" s="613"/>
      <c r="KXX695" s="613"/>
      <c r="KXY695" s="613"/>
      <c r="KXZ695" s="613"/>
      <c r="KYA695" s="613"/>
      <c r="KYB695" s="613"/>
      <c r="KYC695" s="613"/>
      <c r="KYD695" s="613"/>
      <c r="KYE695" s="613"/>
      <c r="KYF695" s="613"/>
      <c r="KYG695" s="613"/>
      <c r="KYH695" s="613"/>
      <c r="KYI695" s="613"/>
      <c r="KYJ695" s="613"/>
      <c r="KYK695" s="613"/>
      <c r="KYL695" s="613"/>
      <c r="KYM695" s="613"/>
      <c r="KYN695" s="613"/>
      <c r="KYO695" s="613"/>
      <c r="KYP695" s="613"/>
      <c r="KYQ695" s="613"/>
      <c r="KYR695" s="613"/>
      <c r="KYS695" s="613"/>
      <c r="KYT695" s="613"/>
      <c r="KYU695" s="613"/>
      <c r="KYV695" s="613"/>
      <c r="KYW695" s="613"/>
      <c r="KYX695" s="613"/>
      <c r="KYY695" s="613"/>
      <c r="KYZ695" s="613"/>
      <c r="KZA695" s="613"/>
      <c r="KZB695" s="613"/>
      <c r="KZC695" s="613"/>
      <c r="KZD695" s="613"/>
      <c r="KZE695" s="613"/>
      <c r="KZF695" s="613"/>
      <c r="KZG695" s="613"/>
      <c r="KZH695" s="613"/>
      <c r="KZI695" s="613"/>
      <c r="KZJ695" s="613"/>
      <c r="KZK695" s="613"/>
      <c r="KZL695" s="613"/>
      <c r="KZM695" s="613"/>
      <c r="KZN695" s="613"/>
      <c r="KZO695" s="613"/>
      <c r="KZP695" s="613"/>
      <c r="KZQ695" s="613"/>
      <c r="KZR695" s="613"/>
      <c r="KZS695" s="613"/>
      <c r="KZT695" s="613"/>
      <c r="KZU695" s="613"/>
      <c r="KZV695" s="613"/>
      <c r="KZW695" s="613"/>
      <c r="KZX695" s="613"/>
      <c r="KZY695" s="613"/>
      <c r="KZZ695" s="613"/>
      <c r="LAA695" s="613"/>
      <c r="LAB695" s="613"/>
      <c r="LAC695" s="613"/>
      <c r="LAD695" s="613"/>
      <c r="LAE695" s="613"/>
      <c r="LAF695" s="613"/>
      <c r="LAG695" s="613"/>
      <c r="LAH695" s="613"/>
      <c r="LAI695" s="613"/>
      <c r="LAJ695" s="613"/>
      <c r="LAK695" s="613"/>
      <c r="LAL695" s="613"/>
      <c r="LAM695" s="613"/>
      <c r="LAN695" s="613"/>
      <c r="LAO695" s="613"/>
      <c r="LAP695" s="613"/>
      <c r="LAQ695" s="613"/>
      <c r="LAR695" s="613"/>
      <c r="LAS695" s="613"/>
      <c r="LAT695" s="613"/>
      <c r="LAU695" s="613"/>
      <c r="LAV695" s="613"/>
      <c r="LAW695" s="613"/>
      <c r="LAX695" s="613"/>
      <c r="LAY695" s="613"/>
      <c r="LAZ695" s="613"/>
      <c r="LBA695" s="613"/>
      <c r="LBB695" s="613"/>
      <c r="LBC695" s="613"/>
      <c r="LBD695" s="613"/>
      <c r="LBE695" s="613"/>
      <c r="LBF695" s="613"/>
      <c r="LBG695" s="613"/>
      <c r="LBH695" s="613"/>
      <c r="LBI695" s="613"/>
      <c r="LBJ695" s="613"/>
      <c r="LBK695" s="613"/>
      <c r="LBL695" s="613"/>
      <c r="LBM695" s="613"/>
      <c r="LBN695" s="613"/>
      <c r="LBO695" s="613"/>
      <c r="LBP695" s="613"/>
      <c r="LBQ695" s="613"/>
      <c r="LBR695" s="613"/>
      <c r="LBS695" s="613"/>
      <c r="LBT695" s="613"/>
      <c r="LBU695" s="613"/>
      <c r="LBV695" s="613"/>
      <c r="LBW695" s="613"/>
      <c r="LBX695" s="613"/>
      <c r="LBY695" s="613"/>
      <c r="LBZ695" s="613"/>
      <c r="LCA695" s="613"/>
      <c r="LCB695" s="613"/>
      <c r="LCC695" s="613"/>
      <c r="LCD695" s="613"/>
      <c r="LCE695" s="613"/>
      <c r="LCF695" s="613"/>
      <c r="LCG695" s="613"/>
      <c r="LCH695" s="613"/>
      <c r="LCI695" s="613"/>
      <c r="LCJ695" s="613"/>
      <c r="LCK695" s="613"/>
      <c r="LCL695" s="613"/>
      <c r="LCM695" s="613"/>
      <c r="LCN695" s="613"/>
      <c r="LCO695" s="613"/>
      <c r="LCP695" s="613"/>
      <c r="LCQ695" s="613"/>
      <c r="LCR695" s="613"/>
      <c r="LCS695" s="613"/>
      <c r="LCT695" s="613"/>
      <c r="LCU695" s="613"/>
      <c r="LCV695" s="613"/>
      <c r="LCW695" s="613"/>
      <c r="LCX695" s="613"/>
      <c r="LCY695" s="613"/>
      <c r="LCZ695" s="613"/>
      <c r="LDA695" s="613"/>
      <c r="LDB695" s="613"/>
      <c r="LDC695" s="613"/>
      <c r="LDD695" s="613"/>
      <c r="LDE695" s="613"/>
      <c r="LDF695" s="613"/>
      <c r="LDG695" s="613"/>
      <c r="LDH695" s="613"/>
      <c r="LDI695" s="613"/>
      <c r="LDJ695" s="613"/>
      <c r="LDK695" s="613"/>
      <c r="LDL695" s="613"/>
      <c r="LDM695" s="613"/>
      <c r="LDN695" s="613"/>
      <c r="LDO695" s="613"/>
      <c r="LDP695" s="613"/>
      <c r="LDQ695" s="613"/>
      <c r="LDR695" s="613"/>
      <c r="LDS695" s="613"/>
      <c r="LDT695" s="613"/>
      <c r="LDU695" s="613"/>
      <c r="LDV695" s="613"/>
      <c r="LDW695" s="613"/>
      <c r="LDX695" s="613"/>
      <c r="LDY695" s="613"/>
      <c r="LDZ695" s="613"/>
      <c r="LEA695" s="613"/>
      <c r="LEB695" s="613"/>
      <c r="LEC695" s="613"/>
      <c r="LED695" s="613"/>
      <c r="LEE695" s="613"/>
      <c r="LEF695" s="613"/>
      <c r="LEG695" s="613"/>
      <c r="LEH695" s="613"/>
      <c r="LEI695" s="613"/>
      <c r="LEJ695" s="613"/>
      <c r="LEK695" s="613"/>
      <c r="LEL695" s="613"/>
      <c r="LEM695" s="613"/>
      <c r="LEN695" s="613"/>
      <c r="LEO695" s="613"/>
      <c r="LEP695" s="613"/>
      <c r="LEQ695" s="613"/>
      <c r="LER695" s="613"/>
      <c r="LES695" s="613"/>
      <c r="LET695" s="613"/>
      <c r="LEU695" s="613"/>
      <c r="LEV695" s="613"/>
      <c r="LEW695" s="613"/>
      <c r="LEX695" s="613"/>
      <c r="LEY695" s="613"/>
      <c r="LEZ695" s="613"/>
      <c r="LFA695" s="613"/>
      <c r="LFB695" s="613"/>
      <c r="LFC695" s="613"/>
      <c r="LFD695" s="613"/>
      <c r="LFE695" s="613"/>
      <c r="LFF695" s="613"/>
      <c r="LFG695" s="613"/>
      <c r="LFH695" s="613"/>
      <c r="LFI695" s="613"/>
      <c r="LFJ695" s="613"/>
      <c r="LFK695" s="613"/>
      <c r="LFL695" s="613"/>
      <c r="LFM695" s="613"/>
      <c r="LFN695" s="613"/>
      <c r="LFO695" s="613"/>
      <c r="LFP695" s="613"/>
      <c r="LFQ695" s="613"/>
      <c r="LFR695" s="613"/>
      <c r="LFS695" s="613"/>
      <c r="LFT695" s="613"/>
      <c r="LFU695" s="613"/>
      <c r="LFV695" s="613"/>
      <c r="LFW695" s="613"/>
      <c r="LFX695" s="613"/>
      <c r="LFY695" s="613"/>
      <c r="LFZ695" s="613"/>
      <c r="LGA695" s="613"/>
      <c r="LGB695" s="613"/>
      <c r="LGC695" s="613"/>
      <c r="LGD695" s="613"/>
      <c r="LGE695" s="613"/>
      <c r="LGF695" s="613"/>
      <c r="LGG695" s="613"/>
      <c r="LGH695" s="613"/>
      <c r="LGI695" s="613"/>
      <c r="LGJ695" s="613"/>
      <c r="LGK695" s="613"/>
      <c r="LGL695" s="613"/>
      <c r="LGM695" s="613"/>
      <c r="LGN695" s="613"/>
      <c r="LGO695" s="613"/>
      <c r="LGP695" s="613"/>
      <c r="LGQ695" s="613"/>
      <c r="LGR695" s="613"/>
      <c r="LGS695" s="613"/>
      <c r="LGT695" s="613"/>
      <c r="LGU695" s="613"/>
      <c r="LGV695" s="613"/>
      <c r="LGW695" s="613"/>
      <c r="LGX695" s="613"/>
      <c r="LGY695" s="613"/>
      <c r="LGZ695" s="613"/>
      <c r="LHA695" s="613"/>
      <c r="LHB695" s="613"/>
      <c r="LHC695" s="613"/>
      <c r="LHD695" s="613"/>
      <c r="LHE695" s="613"/>
      <c r="LHF695" s="613"/>
      <c r="LHG695" s="613"/>
      <c r="LHH695" s="613"/>
      <c r="LHI695" s="613"/>
      <c r="LHJ695" s="613"/>
      <c r="LHK695" s="613"/>
      <c r="LHL695" s="613"/>
      <c r="LHM695" s="613"/>
      <c r="LHN695" s="613"/>
      <c r="LHO695" s="613"/>
      <c r="LHP695" s="613"/>
      <c r="LHQ695" s="613"/>
      <c r="LHR695" s="613"/>
      <c r="LHS695" s="613"/>
      <c r="LHT695" s="613"/>
      <c r="LHU695" s="613"/>
      <c r="LHV695" s="613"/>
      <c r="LHW695" s="613"/>
      <c r="LHX695" s="613"/>
      <c r="LHY695" s="613"/>
      <c r="LHZ695" s="613"/>
      <c r="LIA695" s="613"/>
      <c r="LIB695" s="613"/>
      <c r="LIC695" s="613"/>
      <c r="LID695" s="613"/>
      <c r="LIE695" s="613"/>
      <c r="LIF695" s="613"/>
      <c r="LIG695" s="613"/>
      <c r="LIH695" s="613"/>
      <c r="LII695" s="613"/>
      <c r="LIJ695" s="613"/>
      <c r="LIK695" s="613"/>
      <c r="LIL695" s="613"/>
      <c r="LIM695" s="613"/>
      <c r="LIN695" s="613"/>
      <c r="LIO695" s="613"/>
      <c r="LIP695" s="613"/>
      <c r="LIQ695" s="613"/>
      <c r="LIR695" s="613"/>
      <c r="LIS695" s="613"/>
      <c r="LIT695" s="613"/>
      <c r="LIU695" s="613"/>
      <c r="LIV695" s="613"/>
      <c r="LIW695" s="613"/>
      <c r="LIX695" s="613"/>
      <c r="LIY695" s="613"/>
      <c r="LIZ695" s="613"/>
      <c r="LJA695" s="613"/>
      <c r="LJB695" s="613"/>
      <c r="LJC695" s="613"/>
      <c r="LJD695" s="613"/>
      <c r="LJE695" s="613"/>
      <c r="LJF695" s="613"/>
      <c r="LJG695" s="613"/>
      <c r="LJH695" s="613"/>
      <c r="LJI695" s="613"/>
      <c r="LJJ695" s="613"/>
      <c r="LJK695" s="613"/>
      <c r="LJL695" s="613"/>
      <c r="LJM695" s="613"/>
      <c r="LJN695" s="613"/>
      <c r="LJO695" s="613"/>
      <c r="LJP695" s="613"/>
      <c r="LJQ695" s="613"/>
      <c r="LJR695" s="613"/>
      <c r="LJS695" s="613"/>
      <c r="LJT695" s="613"/>
      <c r="LJU695" s="613"/>
      <c r="LJV695" s="613"/>
      <c r="LJW695" s="613"/>
      <c r="LJX695" s="613"/>
      <c r="LJY695" s="613"/>
      <c r="LJZ695" s="613"/>
      <c r="LKA695" s="613"/>
      <c r="LKB695" s="613"/>
      <c r="LKC695" s="613"/>
      <c r="LKD695" s="613"/>
      <c r="LKE695" s="613"/>
      <c r="LKF695" s="613"/>
      <c r="LKG695" s="613"/>
      <c r="LKH695" s="613"/>
      <c r="LKI695" s="613"/>
      <c r="LKJ695" s="613"/>
      <c r="LKK695" s="613"/>
      <c r="LKL695" s="613"/>
      <c r="LKM695" s="613"/>
      <c r="LKN695" s="613"/>
      <c r="LKO695" s="613"/>
      <c r="LKP695" s="613"/>
      <c r="LKQ695" s="613"/>
      <c r="LKR695" s="613"/>
      <c r="LKS695" s="613"/>
      <c r="LKT695" s="613"/>
      <c r="LKU695" s="613"/>
      <c r="LKV695" s="613"/>
      <c r="LKW695" s="613"/>
      <c r="LKX695" s="613"/>
      <c r="LKY695" s="613"/>
      <c r="LKZ695" s="613"/>
      <c r="LLA695" s="613"/>
      <c r="LLB695" s="613"/>
      <c r="LLC695" s="613"/>
      <c r="LLD695" s="613"/>
      <c r="LLE695" s="613"/>
      <c r="LLF695" s="613"/>
      <c r="LLG695" s="613"/>
      <c r="LLH695" s="613"/>
      <c r="LLI695" s="613"/>
      <c r="LLJ695" s="613"/>
      <c r="LLK695" s="613"/>
      <c r="LLL695" s="613"/>
      <c r="LLM695" s="613"/>
      <c r="LLN695" s="613"/>
      <c r="LLO695" s="613"/>
      <c r="LLP695" s="613"/>
      <c r="LLQ695" s="613"/>
      <c r="LLR695" s="613"/>
      <c r="LLS695" s="613"/>
      <c r="LLT695" s="613"/>
      <c r="LLU695" s="613"/>
      <c r="LLV695" s="613"/>
      <c r="LLW695" s="613"/>
      <c r="LLX695" s="613"/>
      <c r="LLY695" s="613"/>
      <c r="LLZ695" s="613"/>
      <c r="LMA695" s="613"/>
      <c r="LMB695" s="613"/>
      <c r="LMC695" s="613"/>
      <c r="LMD695" s="613"/>
      <c r="LME695" s="613"/>
      <c r="LMF695" s="613"/>
      <c r="LMG695" s="613"/>
      <c r="LMH695" s="613"/>
      <c r="LMI695" s="613"/>
      <c r="LMJ695" s="613"/>
      <c r="LMK695" s="613"/>
      <c r="LML695" s="613"/>
      <c r="LMM695" s="613"/>
      <c r="LMN695" s="613"/>
      <c r="LMO695" s="613"/>
      <c r="LMP695" s="613"/>
      <c r="LMQ695" s="613"/>
      <c r="LMR695" s="613"/>
      <c r="LMS695" s="613"/>
      <c r="LMT695" s="613"/>
      <c r="LMU695" s="613"/>
      <c r="LMV695" s="613"/>
      <c r="LMW695" s="613"/>
      <c r="LMX695" s="613"/>
      <c r="LMY695" s="613"/>
      <c r="LMZ695" s="613"/>
      <c r="LNA695" s="613"/>
      <c r="LNB695" s="613"/>
      <c r="LNC695" s="613"/>
      <c r="LND695" s="613"/>
      <c r="LNE695" s="613"/>
      <c r="LNF695" s="613"/>
      <c r="LNG695" s="613"/>
      <c r="LNH695" s="613"/>
      <c r="LNI695" s="613"/>
      <c r="LNJ695" s="613"/>
      <c r="LNK695" s="613"/>
      <c r="LNL695" s="613"/>
      <c r="LNM695" s="613"/>
      <c r="LNN695" s="613"/>
      <c r="LNO695" s="613"/>
      <c r="LNP695" s="613"/>
      <c r="LNQ695" s="613"/>
      <c r="LNR695" s="613"/>
      <c r="LNS695" s="613"/>
      <c r="LNT695" s="613"/>
      <c r="LNU695" s="613"/>
      <c r="LNV695" s="613"/>
      <c r="LNW695" s="613"/>
      <c r="LNX695" s="613"/>
      <c r="LNY695" s="613"/>
      <c r="LNZ695" s="613"/>
      <c r="LOA695" s="613"/>
      <c r="LOB695" s="613"/>
      <c r="LOC695" s="613"/>
      <c r="LOD695" s="613"/>
      <c r="LOE695" s="613"/>
      <c r="LOF695" s="613"/>
      <c r="LOG695" s="613"/>
      <c r="LOH695" s="613"/>
      <c r="LOI695" s="613"/>
      <c r="LOJ695" s="613"/>
      <c r="LOK695" s="613"/>
      <c r="LOL695" s="613"/>
      <c r="LOM695" s="613"/>
      <c r="LON695" s="613"/>
      <c r="LOO695" s="613"/>
      <c r="LOP695" s="613"/>
      <c r="LOQ695" s="613"/>
      <c r="LOR695" s="613"/>
      <c r="LOS695" s="613"/>
      <c r="LOT695" s="613"/>
      <c r="LOU695" s="613"/>
      <c r="LOV695" s="613"/>
      <c r="LOW695" s="613"/>
      <c r="LOX695" s="613"/>
      <c r="LOY695" s="613"/>
      <c r="LOZ695" s="613"/>
      <c r="LPA695" s="613"/>
      <c r="LPB695" s="613"/>
      <c r="LPC695" s="613"/>
      <c r="LPD695" s="613"/>
      <c r="LPE695" s="613"/>
      <c r="LPF695" s="613"/>
      <c r="LPG695" s="613"/>
      <c r="LPH695" s="613"/>
      <c r="LPI695" s="613"/>
      <c r="LPJ695" s="613"/>
      <c r="LPK695" s="613"/>
      <c r="LPL695" s="613"/>
      <c r="LPM695" s="613"/>
      <c r="LPN695" s="613"/>
      <c r="LPO695" s="613"/>
      <c r="LPP695" s="613"/>
      <c r="LPQ695" s="613"/>
      <c r="LPR695" s="613"/>
      <c r="LPS695" s="613"/>
      <c r="LPT695" s="613"/>
      <c r="LPU695" s="613"/>
      <c r="LPV695" s="613"/>
      <c r="LPW695" s="613"/>
      <c r="LPX695" s="613"/>
      <c r="LPY695" s="613"/>
      <c r="LPZ695" s="613"/>
      <c r="LQA695" s="613"/>
      <c r="LQB695" s="613"/>
      <c r="LQC695" s="613"/>
      <c r="LQD695" s="613"/>
      <c r="LQE695" s="613"/>
      <c r="LQF695" s="613"/>
      <c r="LQG695" s="613"/>
      <c r="LQH695" s="613"/>
      <c r="LQI695" s="613"/>
      <c r="LQJ695" s="613"/>
      <c r="LQK695" s="613"/>
      <c r="LQL695" s="613"/>
      <c r="LQM695" s="613"/>
      <c r="LQN695" s="613"/>
      <c r="LQO695" s="613"/>
      <c r="LQP695" s="613"/>
      <c r="LQQ695" s="613"/>
      <c r="LQR695" s="613"/>
      <c r="LQS695" s="613"/>
      <c r="LQT695" s="613"/>
      <c r="LQU695" s="613"/>
      <c r="LQV695" s="613"/>
      <c r="LQW695" s="613"/>
      <c r="LQX695" s="613"/>
      <c r="LQY695" s="613"/>
      <c r="LQZ695" s="613"/>
      <c r="LRA695" s="613"/>
      <c r="LRB695" s="613"/>
      <c r="LRC695" s="613"/>
      <c r="LRD695" s="613"/>
      <c r="LRE695" s="613"/>
      <c r="LRF695" s="613"/>
      <c r="LRG695" s="613"/>
      <c r="LRH695" s="613"/>
      <c r="LRI695" s="613"/>
      <c r="LRJ695" s="613"/>
      <c r="LRK695" s="613"/>
      <c r="LRL695" s="613"/>
      <c r="LRM695" s="613"/>
      <c r="LRN695" s="613"/>
      <c r="LRO695" s="613"/>
      <c r="LRP695" s="613"/>
      <c r="LRQ695" s="613"/>
      <c r="LRR695" s="613"/>
      <c r="LRS695" s="613"/>
      <c r="LRT695" s="613"/>
      <c r="LRU695" s="613"/>
      <c r="LRV695" s="613"/>
      <c r="LRW695" s="613"/>
      <c r="LRX695" s="613"/>
      <c r="LRY695" s="613"/>
      <c r="LRZ695" s="613"/>
      <c r="LSA695" s="613"/>
      <c r="LSB695" s="613"/>
      <c r="LSC695" s="613"/>
      <c r="LSD695" s="613"/>
      <c r="LSE695" s="613"/>
      <c r="LSF695" s="613"/>
      <c r="LSG695" s="613"/>
      <c r="LSH695" s="613"/>
      <c r="LSI695" s="613"/>
      <c r="LSJ695" s="613"/>
      <c r="LSK695" s="613"/>
      <c r="LSL695" s="613"/>
      <c r="LSM695" s="613"/>
      <c r="LSN695" s="613"/>
      <c r="LSO695" s="613"/>
      <c r="LSP695" s="613"/>
      <c r="LSQ695" s="613"/>
      <c r="LSR695" s="613"/>
      <c r="LSS695" s="613"/>
      <c r="LST695" s="613"/>
      <c r="LSU695" s="613"/>
      <c r="LSV695" s="613"/>
      <c r="LSW695" s="613"/>
      <c r="LSX695" s="613"/>
      <c r="LSY695" s="613"/>
      <c r="LSZ695" s="613"/>
      <c r="LTA695" s="613"/>
      <c r="LTB695" s="613"/>
      <c r="LTC695" s="613"/>
      <c r="LTD695" s="613"/>
      <c r="LTE695" s="613"/>
      <c r="LTF695" s="613"/>
      <c r="LTG695" s="613"/>
      <c r="LTH695" s="613"/>
      <c r="LTI695" s="613"/>
      <c r="LTJ695" s="613"/>
      <c r="LTK695" s="613"/>
      <c r="LTL695" s="613"/>
      <c r="LTM695" s="613"/>
      <c r="LTN695" s="613"/>
      <c r="LTO695" s="613"/>
      <c r="LTP695" s="613"/>
      <c r="LTQ695" s="613"/>
      <c r="LTR695" s="613"/>
      <c r="LTS695" s="613"/>
      <c r="LTT695" s="613"/>
      <c r="LTU695" s="613"/>
      <c r="LTV695" s="613"/>
      <c r="LTW695" s="613"/>
      <c r="LTX695" s="613"/>
      <c r="LTY695" s="613"/>
      <c r="LTZ695" s="613"/>
      <c r="LUA695" s="613"/>
      <c r="LUB695" s="613"/>
      <c r="LUC695" s="613"/>
      <c r="LUD695" s="613"/>
      <c r="LUE695" s="613"/>
      <c r="LUF695" s="613"/>
      <c r="LUG695" s="613"/>
      <c r="LUH695" s="613"/>
      <c r="LUI695" s="613"/>
      <c r="LUJ695" s="613"/>
      <c r="LUK695" s="613"/>
      <c r="LUL695" s="613"/>
      <c r="LUM695" s="613"/>
      <c r="LUN695" s="613"/>
      <c r="LUO695" s="613"/>
      <c r="LUP695" s="613"/>
      <c r="LUQ695" s="613"/>
      <c r="LUR695" s="613"/>
      <c r="LUS695" s="613"/>
      <c r="LUT695" s="613"/>
      <c r="LUU695" s="613"/>
      <c r="LUV695" s="613"/>
      <c r="LUW695" s="613"/>
      <c r="LUX695" s="613"/>
      <c r="LUY695" s="613"/>
      <c r="LUZ695" s="613"/>
      <c r="LVA695" s="613"/>
      <c r="LVB695" s="613"/>
      <c r="LVC695" s="613"/>
      <c r="LVD695" s="613"/>
      <c r="LVE695" s="613"/>
      <c r="LVF695" s="613"/>
      <c r="LVG695" s="613"/>
      <c r="LVH695" s="613"/>
      <c r="LVI695" s="613"/>
      <c r="LVJ695" s="613"/>
      <c r="LVK695" s="613"/>
      <c r="LVL695" s="613"/>
      <c r="LVM695" s="613"/>
      <c r="LVN695" s="613"/>
      <c r="LVO695" s="613"/>
      <c r="LVP695" s="613"/>
      <c r="LVQ695" s="613"/>
      <c r="LVR695" s="613"/>
      <c r="LVS695" s="613"/>
      <c r="LVT695" s="613"/>
      <c r="LVU695" s="613"/>
      <c r="LVV695" s="613"/>
      <c r="LVW695" s="613"/>
      <c r="LVX695" s="613"/>
      <c r="LVY695" s="613"/>
      <c r="LVZ695" s="613"/>
      <c r="LWA695" s="613"/>
      <c r="LWB695" s="613"/>
      <c r="LWC695" s="613"/>
      <c r="LWD695" s="613"/>
      <c r="LWE695" s="613"/>
      <c r="LWF695" s="613"/>
      <c r="LWG695" s="613"/>
      <c r="LWH695" s="613"/>
      <c r="LWI695" s="613"/>
      <c r="LWJ695" s="613"/>
      <c r="LWK695" s="613"/>
      <c r="LWL695" s="613"/>
      <c r="LWM695" s="613"/>
      <c r="LWN695" s="613"/>
      <c r="LWO695" s="613"/>
      <c r="LWP695" s="613"/>
      <c r="LWQ695" s="613"/>
      <c r="LWR695" s="613"/>
      <c r="LWS695" s="613"/>
      <c r="LWT695" s="613"/>
      <c r="LWU695" s="613"/>
      <c r="LWV695" s="613"/>
      <c r="LWW695" s="613"/>
      <c r="LWX695" s="613"/>
      <c r="LWY695" s="613"/>
      <c r="LWZ695" s="613"/>
      <c r="LXA695" s="613"/>
      <c r="LXB695" s="613"/>
      <c r="LXC695" s="613"/>
      <c r="LXD695" s="613"/>
      <c r="LXE695" s="613"/>
      <c r="LXF695" s="613"/>
      <c r="LXG695" s="613"/>
      <c r="LXH695" s="613"/>
      <c r="LXI695" s="613"/>
      <c r="LXJ695" s="613"/>
      <c r="LXK695" s="613"/>
      <c r="LXL695" s="613"/>
      <c r="LXM695" s="613"/>
      <c r="LXN695" s="613"/>
      <c r="LXO695" s="613"/>
      <c r="LXP695" s="613"/>
      <c r="LXQ695" s="613"/>
      <c r="LXR695" s="613"/>
      <c r="LXS695" s="613"/>
      <c r="LXT695" s="613"/>
      <c r="LXU695" s="613"/>
      <c r="LXV695" s="613"/>
      <c r="LXW695" s="613"/>
      <c r="LXX695" s="613"/>
      <c r="LXY695" s="613"/>
      <c r="LXZ695" s="613"/>
      <c r="LYA695" s="613"/>
      <c r="LYB695" s="613"/>
      <c r="LYC695" s="613"/>
      <c r="LYD695" s="613"/>
      <c r="LYE695" s="613"/>
      <c r="LYF695" s="613"/>
      <c r="LYG695" s="613"/>
      <c r="LYH695" s="613"/>
      <c r="LYI695" s="613"/>
      <c r="LYJ695" s="613"/>
      <c r="LYK695" s="613"/>
      <c r="LYL695" s="613"/>
      <c r="LYM695" s="613"/>
      <c r="LYN695" s="613"/>
      <c r="LYO695" s="613"/>
      <c r="LYP695" s="613"/>
      <c r="LYQ695" s="613"/>
      <c r="LYR695" s="613"/>
      <c r="LYS695" s="613"/>
      <c r="LYT695" s="613"/>
      <c r="LYU695" s="613"/>
      <c r="LYV695" s="613"/>
      <c r="LYW695" s="613"/>
      <c r="LYX695" s="613"/>
      <c r="LYY695" s="613"/>
      <c r="LYZ695" s="613"/>
      <c r="LZA695" s="613"/>
      <c r="LZB695" s="613"/>
      <c r="LZC695" s="613"/>
      <c r="LZD695" s="613"/>
      <c r="LZE695" s="613"/>
      <c r="LZF695" s="613"/>
      <c r="LZG695" s="613"/>
      <c r="LZH695" s="613"/>
      <c r="LZI695" s="613"/>
      <c r="LZJ695" s="613"/>
      <c r="LZK695" s="613"/>
      <c r="LZL695" s="613"/>
      <c r="LZM695" s="613"/>
      <c r="LZN695" s="613"/>
      <c r="LZO695" s="613"/>
      <c r="LZP695" s="613"/>
      <c r="LZQ695" s="613"/>
      <c r="LZR695" s="613"/>
      <c r="LZS695" s="613"/>
      <c r="LZT695" s="613"/>
      <c r="LZU695" s="613"/>
      <c r="LZV695" s="613"/>
      <c r="LZW695" s="613"/>
      <c r="LZX695" s="613"/>
      <c r="LZY695" s="613"/>
      <c r="LZZ695" s="613"/>
      <c r="MAA695" s="613"/>
      <c r="MAB695" s="613"/>
      <c r="MAC695" s="613"/>
      <c r="MAD695" s="613"/>
      <c r="MAE695" s="613"/>
      <c r="MAF695" s="613"/>
      <c r="MAG695" s="613"/>
      <c r="MAH695" s="613"/>
      <c r="MAI695" s="613"/>
      <c r="MAJ695" s="613"/>
      <c r="MAK695" s="613"/>
      <c r="MAL695" s="613"/>
      <c r="MAM695" s="613"/>
      <c r="MAN695" s="613"/>
      <c r="MAO695" s="613"/>
      <c r="MAP695" s="613"/>
      <c r="MAQ695" s="613"/>
      <c r="MAR695" s="613"/>
      <c r="MAS695" s="613"/>
      <c r="MAT695" s="613"/>
      <c r="MAU695" s="613"/>
      <c r="MAV695" s="613"/>
      <c r="MAW695" s="613"/>
      <c r="MAX695" s="613"/>
      <c r="MAY695" s="613"/>
      <c r="MAZ695" s="613"/>
      <c r="MBA695" s="613"/>
      <c r="MBB695" s="613"/>
      <c r="MBC695" s="613"/>
      <c r="MBD695" s="613"/>
      <c r="MBE695" s="613"/>
      <c r="MBF695" s="613"/>
      <c r="MBG695" s="613"/>
      <c r="MBH695" s="613"/>
      <c r="MBI695" s="613"/>
      <c r="MBJ695" s="613"/>
      <c r="MBK695" s="613"/>
      <c r="MBL695" s="613"/>
      <c r="MBM695" s="613"/>
      <c r="MBN695" s="613"/>
      <c r="MBO695" s="613"/>
      <c r="MBP695" s="613"/>
      <c r="MBQ695" s="613"/>
      <c r="MBR695" s="613"/>
      <c r="MBS695" s="613"/>
      <c r="MBT695" s="613"/>
      <c r="MBU695" s="613"/>
      <c r="MBV695" s="613"/>
      <c r="MBW695" s="613"/>
      <c r="MBX695" s="613"/>
      <c r="MBY695" s="613"/>
      <c r="MBZ695" s="613"/>
      <c r="MCA695" s="613"/>
      <c r="MCB695" s="613"/>
      <c r="MCC695" s="613"/>
      <c r="MCD695" s="613"/>
      <c r="MCE695" s="613"/>
      <c r="MCF695" s="613"/>
      <c r="MCG695" s="613"/>
      <c r="MCH695" s="613"/>
      <c r="MCI695" s="613"/>
      <c r="MCJ695" s="613"/>
      <c r="MCK695" s="613"/>
      <c r="MCL695" s="613"/>
      <c r="MCM695" s="613"/>
      <c r="MCN695" s="613"/>
      <c r="MCO695" s="613"/>
      <c r="MCP695" s="613"/>
      <c r="MCQ695" s="613"/>
      <c r="MCR695" s="613"/>
      <c r="MCS695" s="613"/>
      <c r="MCT695" s="613"/>
      <c r="MCU695" s="613"/>
      <c r="MCV695" s="613"/>
      <c r="MCW695" s="613"/>
      <c r="MCX695" s="613"/>
      <c r="MCY695" s="613"/>
      <c r="MCZ695" s="613"/>
      <c r="MDA695" s="613"/>
      <c r="MDB695" s="613"/>
      <c r="MDC695" s="613"/>
      <c r="MDD695" s="613"/>
      <c r="MDE695" s="613"/>
      <c r="MDF695" s="613"/>
      <c r="MDG695" s="613"/>
      <c r="MDH695" s="613"/>
      <c r="MDI695" s="613"/>
      <c r="MDJ695" s="613"/>
      <c r="MDK695" s="613"/>
      <c r="MDL695" s="613"/>
      <c r="MDM695" s="613"/>
      <c r="MDN695" s="613"/>
      <c r="MDO695" s="613"/>
      <c r="MDP695" s="613"/>
      <c r="MDQ695" s="613"/>
      <c r="MDR695" s="613"/>
      <c r="MDS695" s="613"/>
      <c r="MDT695" s="613"/>
      <c r="MDU695" s="613"/>
      <c r="MDV695" s="613"/>
      <c r="MDW695" s="613"/>
      <c r="MDX695" s="613"/>
      <c r="MDY695" s="613"/>
      <c r="MDZ695" s="613"/>
      <c r="MEA695" s="613"/>
      <c r="MEB695" s="613"/>
      <c r="MEC695" s="613"/>
      <c r="MED695" s="613"/>
      <c r="MEE695" s="613"/>
      <c r="MEF695" s="613"/>
      <c r="MEG695" s="613"/>
      <c r="MEH695" s="613"/>
      <c r="MEI695" s="613"/>
      <c r="MEJ695" s="613"/>
      <c r="MEK695" s="613"/>
      <c r="MEL695" s="613"/>
      <c r="MEM695" s="613"/>
      <c r="MEN695" s="613"/>
      <c r="MEO695" s="613"/>
      <c r="MEP695" s="613"/>
      <c r="MEQ695" s="613"/>
      <c r="MER695" s="613"/>
      <c r="MES695" s="613"/>
      <c r="MET695" s="613"/>
      <c r="MEU695" s="613"/>
      <c r="MEV695" s="613"/>
      <c r="MEW695" s="613"/>
      <c r="MEX695" s="613"/>
      <c r="MEY695" s="613"/>
      <c r="MEZ695" s="613"/>
      <c r="MFA695" s="613"/>
      <c r="MFB695" s="613"/>
      <c r="MFC695" s="613"/>
      <c r="MFD695" s="613"/>
      <c r="MFE695" s="613"/>
      <c r="MFF695" s="613"/>
      <c r="MFG695" s="613"/>
      <c r="MFH695" s="613"/>
      <c r="MFI695" s="613"/>
      <c r="MFJ695" s="613"/>
      <c r="MFK695" s="613"/>
      <c r="MFL695" s="613"/>
      <c r="MFM695" s="613"/>
      <c r="MFN695" s="613"/>
      <c r="MFO695" s="613"/>
      <c r="MFP695" s="613"/>
      <c r="MFQ695" s="613"/>
      <c r="MFR695" s="613"/>
      <c r="MFS695" s="613"/>
      <c r="MFT695" s="613"/>
      <c r="MFU695" s="613"/>
      <c r="MFV695" s="613"/>
      <c r="MFW695" s="613"/>
      <c r="MFX695" s="613"/>
      <c r="MFY695" s="613"/>
      <c r="MFZ695" s="613"/>
      <c r="MGA695" s="613"/>
      <c r="MGB695" s="613"/>
      <c r="MGC695" s="613"/>
      <c r="MGD695" s="613"/>
      <c r="MGE695" s="613"/>
      <c r="MGF695" s="613"/>
      <c r="MGG695" s="613"/>
      <c r="MGH695" s="613"/>
      <c r="MGI695" s="613"/>
      <c r="MGJ695" s="613"/>
      <c r="MGK695" s="613"/>
      <c r="MGL695" s="613"/>
      <c r="MGM695" s="613"/>
      <c r="MGN695" s="613"/>
      <c r="MGO695" s="613"/>
      <c r="MGP695" s="613"/>
      <c r="MGQ695" s="613"/>
      <c r="MGR695" s="613"/>
      <c r="MGS695" s="613"/>
      <c r="MGT695" s="613"/>
      <c r="MGU695" s="613"/>
      <c r="MGV695" s="613"/>
      <c r="MGW695" s="613"/>
      <c r="MGX695" s="613"/>
      <c r="MGY695" s="613"/>
      <c r="MGZ695" s="613"/>
      <c r="MHA695" s="613"/>
      <c r="MHB695" s="613"/>
      <c r="MHC695" s="613"/>
      <c r="MHD695" s="613"/>
      <c r="MHE695" s="613"/>
      <c r="MHF695" s="613"/>
      <c r="MHG695" s="613"/>
      <c r="MHH695" s="613"/>
      <c r="MHI695" s="613"/>
      <c r="MHJ695" s="613"/>
      <c r="MHK695" s="613"/>
      <c r="MHL695" s="613"/>
      <c r="MHM695" s="613"/>
      <c r="MHN695" s="613"/>
      <c r="MHO695" s="613"/>
      <c r="MHP695" s="613"/>
      <c r="MHQ695" s="613"/>
      <c r="MHR695" s="613"/>
      <c r="MHS695" s="613"/>
      <c r="MHT695" s="613"/>
      <c r="MHU695" s="613"/>
      <c r="MHV695" s="613"/>
      <c r="MHW695" s="613"/>
      <c r="MHX695" s="613"/>
      <c r="MHY695" s="613"/>
      <c r="MHZ695" s="613"/>
      <c r="MIA695" s="613"/>
      <c r="MIB695" s="613"/>
      <c r="MIC695" s="613"/>
      <c r="MID695" s="613"/>
      <c r="MIE695" s="613"/>
      <c r="MIF695" s="613"/>
      <c r="MIG695" s="613"/>
      <c r="MIH695" s="613"/>
      <c r="MII695" s="613"/>
      <c r="MIJ695" s="613"/>
      <c r="MIK695" s="613"/>
      <c r="MIL695" s="613"/>
      <c r="MIM695" s="613"/>
      <c r="MIN695" s="613"/>
      <c r="MIO695" s="613"/>
      <c r="MIP695" s="613"/>
      <c r="MIQ695" s="613"/>
      <c r="MIR695" s="613"/>
      <c r="MIS695" s="613"/>
      <c r="MIT695" s="613"/>
      <c r="MIU695" s="613"/>
      <c r="MIV695" s="613"/>
      <c r="MIW695" s="613"/>
      <c r="MIX695" s="613"/>
      <c r="MIY695" s="613"/>
      <c r="MIZ695" s="613"/>
      <c r="MJA695" s="613"/>
      <c r="MJB695" s="613"/>
      <c r="MJC695" s="613"/>
      <c r="MJD695" s="613"/>
      <c r="MJE695" s="613"/>
      <c r="MJF695" s="613"/>
      <c r="MJG695" s="613"/>
      <c r="MJH695" s="613"/>
      <c r="MJI695" s="613"/>
      <c r="MJJ695" s="613"/>
      <c r="MJK695" s="613"/>
      <c r="MJL695" s="613"/>
      <c r="MJM695" s="613"/>
      <c r="MJN695" s="613"/>
      <c r="MJO695" s="613"/>
      <c r="MJP695" s="613"/>
      <c r="MJQ695" s="613"/>
      <c r="MJR695" s="613"/>
      <c r="MJS695" s="613"/>
      <c r="MJT695" s="613"/>
      <c r="MJU695" s="613"/>
      <c r="MJV695" s="613"/>
      <c r="MJW695" s="613"/>
      <c r="MJX695" s="613"/>
      <c r="MJY695" s="613"/>
      <c r="MJZ695" s="613"/>
      <c r="MKA695" s="613"/>
      <c r="MKB695" s="613"/>
      <c r="MKC695" s="613"/>
      <c r="MKD695" s="613"/>
      <c r="MKE695" s="613"/>
      <c r="MKF695" s="613"/>
      <c r="MKG695" s="613"/>
      <c r="MKH695" s="613"/>
      <c r="MKI695" s="613"/>
      <c r="MKJ695" s="613"/>
      <c r="MKK695" s="613"/>
      <c r="MKL695" s="613"/>
      <c r="MKM695" s="613"/>
      <c r="MKN695" s="613"/>
      <c r="MKO695" s="613"/>
      <c r="MKP695" s="613"/>
      <c r="MKQ695" s="613"/>
      <c r="MKR695" s="613"/>
      <c r="MKS695" s="613"/>
      <c r="MKT695" s="613"/>
      <c r="MKU695" s="613"/>
      <c r="MKV695" s="613"/>
      <c r="MKW695" s="613"/>
      <c r="MKX695" s="613"/>
      <c r="MKY695" s="613"/>
      <c r="MKZ695" s="613"/>
      <c r="MLA695" s="613"/>
      <c r="MLB695" s="613"/>
      <c r="MLC695" s="613"/>
      <c r="MLD695" s="613"/>
      <c r="MLE695" s="613"/>
      <c r="MLF695" s="613"/>
      <c r="MLG695" s="613"/>
      <c r="MLH695" s="613"/>
      <c r="MLI695" s="613"/>
      <c r="MLJ695" s="613"/>
      <c r="MLK695" s="613"/>
      <c r="MLL695" s="613"/>
      <c r="MLM695" s="613"/>
      <c r="MLN695" s="613"/>
      <c r="MLO695" s="613"/>
      <c r="MLP695" s="613"/>
      <c r="MLQ695" s="613"/>
      <c r="MLR695" s="613"/>
      <c r="MLS695" s="613"/>
      <c r="MLT695" s="613"/>
      <c r="MLU695" s="613"/>
      <c r="MLV695" s="613"/>
      <c r="MLW695" s="613"/>
      <c r="MLX695" s="613"/>
      <c r="MLY695" s="613"/>
      <c r="MLZ695" s="613"/>
      <c r="MMA695" s="613"/>
      <c r="MMB695" s="613"/>
      <c r="MMC695" s="613"/>
      <c r="MMD695" s="613"/>
      <c r="MME695" s="613"/>
      <c r="MMF695" s="613"/>
      <c r="MMG695" s="613"/>
      <c r="MMH695" s="613"/>
      <c r="MMI695" s="613"/>
      <c r="MMJ695" s="613"/>
      <c r="MMK695" s="613"/>
      <c r="MML695" s="613"/>
      <c r="MMM695" s="613"/>
      <c r="MMN695" s="613"/>
      <c r="MMO695" s="613"/>
      <c r="MMP695" s="613"/>
      <c r="MMQ695" s="613"/>
      <c r="MMR695" s="613"/>
      <c r="MMS695" s="613"/>
      <c r="MMT695" s="613"/>
      <c r="MMU695" s="613"/>
      <c r="MMV695" s="613"/>
      <c r="MMW695" s="613"/>
      <c r="MMX695" s="613"/>
      <c r="MMY695" s="613"/>
      <c r="MMZ695" s="613"/>
      <c r="MNA695" s="613"/>
      <c r="MNB695" s="613"/>
      <c r="MNC695" s="613"/>
      <c r="MND695" s="613"/>
      <c r="MNE695" s="613"/>
      <c r="MNF695" s="613"/>
      <c r="MNG695" s="613"/>
      <c r="MNH695" s="613"/>
      <c r="MNI695" s="613"/>
      <c r="MNJ695" s="613"/>
      <c r="MNK695" s="613"/>
      <c r="MNL695" s="613"/>
      <c r="MNM695" s="613"/>
      <c r="MNN695" s="613"/>
      <c r="MNO695" s="613"/>
      <c r="MNP695" s="613"/>
      <c r="MNQ695" s="613"/>
      <c r="MNR695" s="613"/>
      <c r="MNS695" s="613"/>
      <c r="MNT695" s="613"/>
      <c r="MNU695" s="613"/>
      <c r="MNV695" s="613"/>
      <c r="MNW695" s="613"/>
      <c r="MNX695" s="613"/>
      <c r="MNY695" s="613"/>
      <c r="MNZ695" s="613"/>
      <c r="MOA695" s="613"/>
      <c r="MOB695" s="613"/>
      <c r="MOC695" s="613"/>
      <c r="MOD695" s="613"/>
      <c r="MOE695" s="613"/>
      <c r="MOF695" s="613"/>
      <c r="MOG695" s="613"/>
      <c r="MOH695" s="613"/>
      <c r="MOI695" s="613"/>
      <c r="MOJ695" s="613"/>
      <c r="MOK695" s="613"/>
      <c r="MOL695" s="613"/>
      <c r="MOM695" s="613"/>
      <c r="MON695" s="613"/>
      <c r="MOO695" s="613"/>
      <c r="MOP695" s="613"/>
      <c r="MOQ695" s="613"/>
      <c r="MOR695" s="613"/>
      <c r="MOS695" s="613"/>
      <c r="MOT695" s="613"/>
      <c r="MOU695" s="613"/>
      <c r="MOV695" s="613"/>
      <c r="MOW695" s="613"/>
      <c r="MOX695" s="613"/>
      <c r="MOY695" s="613"/>
      <c r="MOZ695" s="613"/>
      <c r="MPA695" s="613"/>
      <c r="MPB695" s="613"/>
      <c r="MPC695" s="613"/>
      <c r="MPD695" s="613"/>
      <c r="MPE695" s="613"/>
      <c r="MPF695" s="613"/>
      <c r="MPG695" s="613"/>
      <c r="MPH695" s="613"/>
      <c r="MPI695" s="613"/>
      <c r="MPJ695" s="613"/>
      <c r="MPK695" s="613"/>
      <c r="MPL695" s="613"/>
      <c r="MPM695" s="613"/>
      <c r="MPN695" s="613"/>
      <c r="MPO695" s="613"/>
      <c r="MPP695" s="613"/>
      <c r="MPQ695" s="613"/>
      <c r="MPR695" s="613"/>
      <c r="MPS695" s="613"/>
      <c r="MPT695" s="613"/>
      <c r="MPU695" s="613"/>
      <c r="MPV695" s="613"/>
      <c r="MPW695" s="613"/>
      <c r="MPX695" s="613"/>
      <c r="MPY695" s="613"/>
      <c r="MPZ695" s="613"/>
      <c r="MQA695" s="613"/>
      <c r="MQB695" s="613"/>
      <c r="MQC695" s="613"/>
      <c r="MQD695" s="613"/>
      <c r="MQE695" s="613"/>
      <c r="MQF695" s="613"/>
      <c r="MQG695" s="613"/>
      <c r="MQH695" s="613"/>
      <c r="MQI695" s="613"/>
      <c r="MQJ695" s="613"/>
      <c r="MQK695" s="613"/>
      <c r="MQL695" s="613"/>
      <c r="MQM695" s="613"/>
      <c r="MQN695" s="613"/>
      <c r="MQO695" s="613"/>
      <c r="MQP695" s="613"/>
      <c r="MQQ695" s="613"/>
      <c r="MQR695" s="613"/>
      <c r="MQS695" s="613"/>
      <c r="MQT695" s="613"/>
      <c r="MQU695" s="613"/>
      <c r="MQV695" s="613"/>
      <c r="MQW695" s="613"/>
      <c r="MQX695" s="613"/>
      <c r="MQY695" s="613"/>
      <c r="MQZ695" s="613"/>
      <c r="MRA695" s="613"/>
      <c r="MRB695" s="613"/>
      <c r="MRC695" s="613"/>
      <c r="MRD695" s="613"/>
      <c r="MRE695" s="613"/>
      <c r="MRF695" s="613"/>
      <c r="MRG695" s="613"/>
      <c r="MRH695" s="613"/>
      <c r="MRI695" s="613"/>
      <c r="MRJ695" s="613"/>
      <c r="MRK695" s="613"/>
      <c r="MRL695" s="613"/>
      <c r="MRM695" s="613"/>
      <c r="MRN695" s="613"/>
      <c r="MRO695" s="613"/>
      <c r="MRP695" s="613"/>
      <c r="MRQ695" s="613"/>
      <c r="MRR695" s="613"/>
      <c r="MRS695" s="613"/>
      <c r="MRT695" s="613"/>
      <c r="MRU695" s="613"/>
      <c r="MRV695" s="613"/>
      <c r="MRW695" s="613"/>
      <c r="MRX695" s="613"/>
      <c r="MRY695" s="613"/>
      <c r="MRZ695" s="613"/>
      <c r="MSA695" s="613"/>
      <c r="MSB695" s="613"/>
      <c r="MSC695" s="613"/>
      <c r="MSD695" s="613"/>
      <c r="MSE695" s="613"/>
      <c r="MSF695" s="613"/>
      <c r="MSG695" s="613"/>
      <c r="MSH695" s="613"/>
      <c r="MSI695" s="613"/>
      <c r="MSJ695" s="613"/>
      <c r="MSK695" s="613"/>
      <c r="MSL695" s="613"/>
      <c r="MSM695" s="613"/>
      <c r="MSN695" s="613"/>
      <c r="MSO695" s="613"/>
      <c r="MSP695" s="613"/>
      <c r="MSQ695" s="613"/>
      <c r="MSR695" s="613"/>
      <c r="MSS695" s="613"/>
      <c r="MST695" s="613"/>
      <c r="MSU695" s="613"/>
      <c r="MSV695" s="613"/>
      <c r="MSW695" s="613"/>
      <c r="MSX695" s="613"/>
      <c r="MSY695" s="613"/>
      <c r="MSZ695" s="613"/>
      <c r="MTA695" s="613"/>
      <c r="MTB695" s="613"/>
      <c r="MTC695" s="613"/>
      <c r="MTD695" s="613"/>
      <c r="MTE695" s="613"/>
      <c r="MTF695" s="613"/>
      <c r="MTG695" s="613"/>
      <c r="MTH695" s="613"/>
      <c r="MTI695" s="613"/>
      <c r="MTJ695" s="613"/>
      <c r="MTK695" s="613"/>
      <c r="MTL695" s="613"/>
      <c r="MTM695" s="613"/>
      <c r="MTN695" s="613"/>
      <c r="MTO695" s="613"/>
      <c r="MTP695" s="613"/>
      <c r="MTQ695" s="613"/>
      <c r="MTR695" s="613"/>
      <c r="MTS695" s="613"/>
      <c r="MTT695" s="613"/>
      <c r="MTU695" s="613"/>
      <c r="MTV695" s="613"/>
      <c r="MTW695" s="613"/>
      <c r="MTX695" s="613"/>
      <c r="MTY695" s="613"/>
      <c r="MTZ695" s="613"/>
      <c r="MUA695" s="613"/>
      <c r="MUB695" s="613"/>
      <c r="MUC695" s="613"/>
      <c r="MUD695" s="613"/>
      <c r="MUE695" s="613"/>
      <c r="MUF695" s="613"/>
      <c r="MUG695" s="613"/>
      <c r="MUH695" s="613"/>
      <c r="MUI695" s="613"/>
      <c r="MUJ695" s="613"/>
      <c r="MUK695" s="613"/>
      <c r="MUL695" s="613"/>
      <c r="MUM695" s="613"/>
      <c r="MUN695" s="613"/>
      <c r="MUO695" s="613"/>
      <c r="MUP695" s="613"/>
      <c r="MUQ695" s="613"/>
      <c r="MUR695" s="613"/>
      <c r="MUS695" s="613"/>
      <c r="MUT695" s="613"/>
      <c r="MUU695" s="613"/>
      <c r="MUV695" s="613"/>
      <c r="MUW695" s="613"/>
      <c r="MUX695" s="613"/>
      <c r="MUY695" s="613"/>
      <c r="MUZ695" s="613"/>
      <c r="MVA695" s="613"/>
      <c r="MVB695" s="613"/>
      <c r="MVC695" s="613"/>
      <c r="MVD695" s="613"/>
      <c r="MVE695" s="613"/>
      <c r="MVF695" s="613"/>
      <c r="MVG695" s="613"/>
      <c r="MVH695" s="613"/>
      <c r="MVI695" s="613"/>
      <c r="MVJ695" s="613"/>
      <c r="MVK695" s="613"/>
      <c r="MVL695" s="613"/>
      <c r="MVM695" s="613"/>
      <c r="MVN695" s="613"/>
      <c r="MVO695" s="613"/>
      <c r="MVP695" s="613"/>
      <c r="MVQ695" s="613"/>
      <c r="MVR695" s="613"/>
      <c r="MVS695" s="613"/>
      <c r="MVT695" s="613"/>
      <c r="MVU695" s="613"/>
      <c r="MVV695" s="613"/>
      <c r="MVW695" s="613"/>
      <c r="MVX695" s="613"/>
      <c r="MVY695" s="613"/>
      <c r="MVZ695" s="613"/>
      <c r="MWA695" s="613"/>
      <c r="MWB695" s="613"/>
      <c r="MWC695" s="613"/>
      <c r="MWD695" s="613"/>
      <c r="MWE695" s="613"/>
      <c r="MWF695" s="613"/>
      <c r="MWG695" s="613"/>
      <c r="MWH695" s="613"/>
      <c r="MWI695" s="613"/>
      <c r="MWJ695" s="613"/>
      <c r="MWK695" s="613"/>
      <c r="MWL695" s="613"/>
      <c r="MWM695" s="613"/>
      <c r="MWN695" s="613"/>
      <c r="MWO695" s="613"/>
      <c r="MWP695" s="613"/>
      <c r="MWQ695" s="613"/>
      <c r="MWR695" s="613"/>
      <c r="MWS695" s="613"/>
      <c r="MWT695" s="613"/>
      <c r="MWU695" s="613"/>
      <c r="MWV695" s="613"/>
      <c r="MWW695" s="613"/>
      <c r="MWX695" s="613"/>
      <c r="MWY695" s="613"/>
      <c r="MWZ695" s="613"/>
      <c r="MXA695" s="613"/>
      <c r="MXB695" s="613"/>
      <c r="MXC695" s="613"/>
      <c r="MXD695" s="613"/>
      <c r="MXE695" s="613"/>
      <c r="MXF695" s="613"/>
      <c r="MXG695" s="613"/>
      <c r="MXH695" s="613"/>
      <c r="MXI695" s="613"/>
      <c r="MXJ695" s="613"/>
      <c r="MXK695" s="613"/>
      <c r="MXL695" s="613"/>
      <c r="MXM695" s="613"/>
      <c r="MXN695" s="613"/>
      <c r="MXO695" s="613"/>
      <c r="MXP695" s="613"/>
      <c r="MXQ695" s="613"/>
      <c r="MXR695" s="613"/>
      <c r="MXS695" s="613"/>
      <c r="MXT695" s="613"/>
      <c r="MXU695" s="613"/>
      <c r="MXV695" s="613"/>
      <c r="MXW695" s="613"/>
      <c r="MXX695" s="613"/>
      <c r="MXY695" s="613"/>
      <c r="MXZ695" s="613"/>
      <c r="MYA695" s="613"/>
      <c r="MYB695" s="613"/>
      <c r="MYC695" s="613"/>
      <c r="MYD695" s="613"/>
      <c r="MYE695" s="613"/>
      <c r="MYF695" s="613"/>
      <c r="MYG695" s="613"/>
      <c r="MYH695" s="613"/>
      <c r="MYI695" s="613"/>
      <c r="MYJ695" s="613"/>
      <c r="MYK695" s="613"/>
      <c r="MYL695" s="613"/>
      <c r="MYM695" s="613"/>
      <c r="MYN695" s="613"/>
      <c r="MYO695" s="613"/>
      <c r="MYP695" s="613"/>
      <c r="MYQ695" s="613"/>
      <c r="MYR695" s="613"/>
      <c r="MYS695" s="613"/>
      <c r="MYT695" s="613"/>
      <c r="MYU695" s="613"/>
      <c r="MYV695" s="613"/>
      <c r="MYW695" s="613"/>
      <c r="MYX695" s="613"/>
      <c r="MYY695" s="613"/>
      <c r="MYZ695" s="613"/>
      <c r="MZA695" s="613"/>
      <c r="MZB695" s="613"/>
      <c r="MZC695" s="613"/>
      <c r="MZD695" s="613"/>
      <c r="MZE695" s="613"/>
      <c r="MZF695" s="613"/>
      <c r="MZG695" s="613"/>
      <c r="MZH695" s="613"/>
      <c r="MZI695" s="613"/>
      <c r="MZJ695" s="613"/>
      <c r="MZK695" s="613"/>
      <c r="MZL695" s="613"/>
      <c r="MZM695" s="613"/>
      <c r="MZN695" s="613"/>
      <c r="MZO695" s="613"/>
      <c r="MZP695" s="613"/>
      <c r="MZQ695" s="613"/>
      <c r="MZR695" s="613"/>
      <c r="MZS695" s="613"/>
      <c r="MZT695" s="613"/>
      <c r="MZU695" s="613"/>
      <c r="MZV695" s="613"/>
      <c r="MZW695" s="613"/>
      <c r="MZX695" s="613"/>
      <c r="MZY695" s="613"/>
      <c r="MZZ695" s="613"/>
      <c r="NAA695" s="613"/>
      <c r="NAB695" s="613"/>
      <c r="NAC695" s="613"/>
      <c r="NAD695" s="613"/>
      <c r="NAE695" s="613"/>
      <c r="NAF695" s="613"/>
      <c r="NAG695" s="613"/>
      <c r="NAH695" s="613"/>
      <c r="NAI695" s="613"/>
      <c r="NAJ695" s="613"/>
      <c r="NAK695" s="613"/>
      <c r="NAL695" s="613"/>
      <c r="NAM695" s="613"/>
      <c r="NAN695" s="613"/>
      <c r="NAO695" s="613"/>
      <c r="NAP695" s="613"/>
      <c r="NAQ695" s="613"/>
      <c r="NAR695" s="613"/>
      <c r="NAS695" s="613"/>
      <c r="NAT695" s="613"/>
      <c r="NAU695" s="613"/>
      <c r="NAV695" s="613"/>
      <c r="NAW695" s="613"/>
      <c r="NAX695" s="613"/>
      <c r="NAY695" s="613"/>
      <c r="NAZ695" s="613"/>
      <c r="NBA695" s="613"/>
      <c r="NBB695" s="613"/>
      <c r="NBC695" s="613"/>
      <c r="NBD695" s="613"/>
      <c r="NBE695" s="613"/>
      <c r="NBF695" s="613"/>
      <c r="NBG695" s="613"/>
      <c r="NBH695" s="613"/>
      <c r="NBI695" s="613"/>
      <c r="NBJ695" s="613"/>
      <c r="NBK695" s="613"/>
      <c r="NBL695" s="613"/>
      <c r="NBM695" s="613"/>
      <c r="NBN695" s="613"/>
      <c r="NBO695" s="613"/>
      <c r="NBP695" s="613"/>
      <c r="NBQ695" s="613"/>
      <c r="NBR695" s="613"/>
      <c r="NBS695" s="613"/>
      <c r="NBT695" s="613"/>
      <c r="NBU695" s="613"/>
      <c r="NBV695" s="613"/>
      <c r="NBW695" s="613"/>
      <c r="NBX695" s="613"/>
      <c r="NBY695" s="613"/>
      <c r="NBZ695" s="613"/>
      <c r="NCA695" s="613"/>
      <c r="NCB695" s="613"/>
      <c r="NCC695" s="613"/>
      <c r="NCD695" s="613"/>
      <c r="NCE695" s="613"/>
      <c r="NCF695" s="613"/>
      <c r="NCG695" s="613"/>
      <c r="NCH695" s="613"/>
      <c r="NCI695" s="613"/>
      <c r="NCJ695" s="613"/>
      <c r="NCK695" s="613"/>
      <c r="NCL695" s="613"/>
      <c r="NCM695" s="613"/>
      <c r="NCN695" s="613"/>
      <c r="NCO695" s="613"/>
      <c r="NCP695" s="613"/>
      <c r="NCQ695" s="613"/>
      <c r="NCR695" s="613"/>
      <c r="NCS695" s="613"/>
      <c r="NCT695" s="613"/>
      <c r="NCU695" s="613"/>
      <c r="NCV695" s="613"/>
      <c r="NCW695" s="613"/>
      <c r="NCX695" s="613"/>
      <c r="NCY695" s="613"/>
      <c r="NCZ695" s="613"/>
      <c r="NDA695" s="613"/>
      <c r="NDB695" s="613"/>
      <c r="NDC695" s="613"/>
      <c r="NDD695" s="613"/>
      <c r="NDE695" s="613"/>
      <c r="NDF695" s="613"/>
      <c r="NDG695" s="613"/>
      <c r="NDH695" s="613"/>
      <c r="NDI695" s="613"/>
      <c r="NDJ695" s="613"/>
      <c r="NDK695" s="613"/>
      <c r="NDL695" s="613"/>
      <c r="NDM695" s="613"/>
      <c r="NDN695" s="613"/>
      <c r="NDO695" s="613"/>
      <c r="NDP695" s="613"/>
      <c r="NDQ695" s="613"/>
      <c r="NDR695" s="613"/>
      <c r="NDS695" s="613"/>
      <c r="NDT695" s="613"/>
      <c r="NDU695" s="613"/>
      <c r="NDV695" s="613"/>
      <c r="NDW695" s="613"/>
      <c r="NDX695" s="613"/>
      <c r="NDY695" s="613"/>
      <c r="NDZ695" s="613"/>
      <c r="NEA695" s="613"/>
      <c r="NEB695" s="613"/>
      <c r="NEC695" s="613"/>
      <c r="NED695" s="613"/>
      <c r="NEE695" s="613"/>
      <c r="NEF695" s="613"/>
      <c r="NEG695" s="613"/>
      <c r="NEH695" s="613"/>
      <c r="NEI695" s="613"/>
      <c r="NEJ695" s="613"/>
      <c r="NEK695" s="613"/>
      <c r="NEL695" s="613"/>
      <c r="NEM695" s="613"/>
      <c r="NEN695" s="613"/>
      <c r="NEO695" s="613"/>
      <c r="NEP695" s="613"/>
      <c r="NEQ695" s="613"/>
      <c r="NER695" s="613"/>
      <c r="NES695" s="613"/>
      <c r="NET695" s="613"/>
      <c r="NEU695" s="613"/>
      <c r="NEV695" s="613"/>
      <c r="NEW695" s="613"/>
      <c r="NEX695" s="613"/>
      <c r="NEY695" s="613"/>
      <c r="NEZ695" s="613"/>
      <c r="NFA695" s="613"/>
      <c r="NFB695" s="613"/>
      <c r="NFC695" s="613"/>
      <c r="NFD695" s="613"/>
      <c r="NFE695" s="613"/>
      <c r="NFF695" s="613"/>
      <c r="NFG695" s="613"/>
      <c r="NFH695" s="613"/>
      <c r="NFI695" s="613"/>
      <c r="NFJ695" s="613"/>
      <c r="NFK695" s="613"/>
      <c r="NFL695" s="613"/>
      <c r="NFM695" s="613"/>
      <c r="NFN695" s="613"/>
      <c r="NFO695" s="613"/>
      <c r="NFP695" s="613"/>
      <c r="NFQ695" s="613"/>
      <c r="NFR695" s="613"/>
      <c r="NFS695" s="613"/>
      <c r="NFT695" s="613"/>
      <c r="NFU695" s="613"/>
      <c r="NFV695" s="613"/>
      <c r="NFW695" s="613"/>
      <c r="NFX695" s="613"/>
      <c r="NFY695" s="613"/>
      <c r="NFZ695" s="613"/>
      <c r="NGA695" s="613"/>
      <c r="NGB695" s="613"/>
      <c r="NGC695" s="613"/>
      <c r="NGD695" s="613"/>
      <c r="NGE695" s="613"/>
      <c r="NGF695" s="613"/>
      <c r="NGG695" s="613"/>
      <c r="NGH695" s="613"/>
      <c r="NGI695" s="613"/>
      <c r="NGJ695" s="613"/>
      <c r="NGK695" s="613"/>
      <c r="NGL695" s="613"/>
      <c r="NGM695" s="613"/>
      <c r="NGN695" s="613"/>
      <c r="NGO695" s="613"/>
      <c r="NGP695" s="613"/>
      <c r="NGQ695" s="613"/>
      <c r="NGR695" s="613"/>
      <c r="NGS695" s="613"/>
      <c r="NGT695" s="613"/>
      <c r="NGU695" s="613"/>
      <c r="NGV695" s="613"/>
      <c r="NGW695" s="613"/>
      <c r="NGX695" s="613"/>
      <c r="NGY695" s="613"/>
      <c r="NGZ695" s="613"/>
      <c r="NHA695" s="613"/>
      <c r="NHB695" s="613"/>
      <c r="NHC695" s="613"/>
      <c r="NHD695" s="613"/>
      <c r="NHE695" s="613"/>
      <c r="NHF695" s="613"/>
      <c r="NHG695" s="613"/>
      <c r="NHH695" s="613"/>
      <c r="NHI695" s="613"/>
      <c r="NHJ695" s="613"/>
      <c r="NHK695" s="613"/>
      <c r="NHL695" s="613"/>
      <c r="NHM695" s="613"/>
      <c r="NHN695" s="613"/>
      <c r="NHO695" s="613"/>
      <c r="NHP695" s="613"/>
      <c r="NHQ695" s="613"/>
      <c r="NHR695" s="613"/>
      <c r="NHS695" s="613"/>
      <c r="NHT695" s="613"/>
      <c r="NHU695" s="613"/>
      <c r="NHV695" s="613"/>
      <c r="NHW695" s="613"/>
      <c r="NHX695" s="613"/>
      <c r="NHY695" s="613"/>
      <c r="NHZ695" s="613"/>
      <c r="NIA695" s="613"/>
      <c r="NIB695" s="613"/>
      <c r="NIC695" s="613"/>
      <c r="NID695" s="613"/>
      <c r="NIE695" s="613"/>
      <c r="NIF695" s="613"/>
      <c r="NIG695" s="613"/>
      <c r="NIH695" s="613"/>
      <c r="NII695" s="613"/>
      <c r="NIJ695" s="613"/>
      <c r="NIK695" s="613"/>
      <c r="NIL695" s="613"/>
      <c r="NIM695" s="613"/>
      <c r="NIN695" s="613"/>
      <c r="NIO695" s="613"/>
      <c r="NIP695" s="613"/>
      <c r="NIQ695" s="613"/>
      <c r="NIR695" s="613"/>
      <c r="NIS695" s="613"/>
      <c r="NIT695" s="613"/>
      <c r="NIU695" s="613"/>
      <c r="NIV695" s="613"/>
      <c r="NIW695" s="613"/>
      <c r="NIX695" s="613"/>
      <c r="NIY695" s="613"/>
      <c r="NIZ695" s="613"/>
      <c r="NJA695" s="613"/>
      <c r="NJB695" s="613"/>
      <c r="NJC695" s="613"/>
      <c r="NJD695" s="613"/>
      <c r="NJE695" s="613"/>
      <c r="NJF695" s="613"/>
      <c r="NJG695" s="613"/>
      <c r="NJH695" s="613"/>
      <c r="NJI695" s="613"/>
      <c r="NJJ695" s="613"/>
      <c r="NJK695" s="613"/>
      <c r="NJL695" s="613"/>
      <c r="NJM695" s="613"/>
      <c r="NJN695" s="613"/>
      <c r="NJO695" s="613"/>
      <c r="NJP695" s="613"/>
      <c r="NJQ695" s="613"/>
      <c r="NJR695" s="613"/>
      <c r="NJS695" s="613"/>
      <c r="NJT695" s="613"/>
      <c r="NJU695" s="613"/>
      <c r="NJV695" s="613"/>
      <c r="NJW695" s="613"/>
      <c r="NJX695" s="613"/>
      <c r="NJY695" s="613"/>
      <c r="NJZ695" s="613"/>
      <c r="NKA695" s="613"/>
      <c r="NKB695" s="613"/>
      <c r="NKC695" s="613"/>
      <c r="NKD695" s="613"/>
      <c r="NKE695" s="613"/>
      <c r="NKF695" s="613"/>
      <c r="NKG695" s="613"/>
      <c r="NKH695" s="613"/>
      <c r="NKI695" s="613"/>
      <c r="NKJ695" s="613"/>
      <c r="NKK695" s="613"/>
      <c r="NKL695" s="613"/>
      <c r="NKM695" s="613"/>
      <c r="NKN695" s="613"/>
      <c r="NKO695" s="613"/>
      <c r="NKP695" s="613"/>
      <c r="NKQ695" s="613"/>
      <c r="NKR695" s="613"/>
      <c r="NKS695" s="613"/>
      <c r="NKT695" s="613"/>
      <c r="NKU695" s="613"/>
      <c r="NKV695" s="613"/>
      <c r="NKW695" s="613"/>
      <c r="NKX695" s="613"/>
      <c r="NKY695" s="613"/>
      <c r="NKZ695" s="613"/>
      <c r="NLA695" s="613"/>
      <c r="NLB695" s="613"/>
      <c r="NLC695" s="613"/>
      <c r="NLD695" s="613"/>
      <c r="NLE695" s="613"/>
      <c r="NLF695" s="613"/>
      <c r="NLG695" s="613"/>
      <c r="NLH695" s="613"/>
      <c r="NLI695" s="613"/>
      <c r="NLJ695" s="613"/>
      <c r="NLK695" s="613"/>
      <c r="NLL695" s="613"/>
      <c r="NLM695" s="613"/>
      <c r="NLN695" s="613"/>
      <c r="NLO695" s="613"/>
      <c r="NLP695" s="613"/>
      <c r="NLQ695" s="613"/>
      <c r="NLR695" s="613"/>
      <c r="NLS695" s="613"/>
      <c r="NLT695" s="613"/>
      <c r="NLU695" s="613"/>
      <c r="NLV695" s="613"/>
      <c r="NLW695" s="613"/>
      <c r="NLX695" s="613"/>
      <c r="NLY695" s="613"/>
      <c r="NLZ695" s="613"/>
      <c r="NMA695" s="613"/>
      <c r="NMB695" s="613"/>
      <c r="NMC695" s="613"/>
      <c r="NMD695" s="613"/>
      <c r="NME695" s="613"/>
      <c r="NMF695" s="613"/>
      <c r="NMG695" s="613"/>
      <c r="NMH695" s="613"/>
      <c r="NMI695" s="613"/>
      <c r="NMJ695" s="613"/>
      <c r="NMK695" s="613"/>
      <c r="NML695" s="613"/>
      <c r="NMM695" s="613"/>
      <c r="NMN695" s="613"/>
      <c r="NMO695" s="613"/>
      <c r="NMP695" s="613"/>
      <c r="NMQ695" s="613"/>
      <c r="NMR695" s="613"/>
      <c r="NMS695" s="613"/>
      <c r="NMT695" s="613"/>
      <c r="NMU695" s="613"/>
      <c r="NMV695" s="613"/>
      <c r="NMW695" s="613"/>
      <c r="NMX695" s="613"/>
      <c r="NMY695" s="613"/>
      <c r="NMZ695" s="613"/>
      <c r="NNA695" s="613"/>
      <c r="NNB695" s="613"/>
      <c r="NNC695" s="613"/>
      <c r="NND695" s="613"/>
      <c r="NNE695" s="613"/>
      <c r="NNF695" s="613"/>
      <c r="NNG695" s="613"/>
      <c r="NNH695" s="613"/>
      <c r="NNI695" s="613"/>
      <c r="NNJ695" s="613"/>
      <c r="NNK695" s="613"/>
      <c r="NNL695" s="613"/>
      <c r="NNM695" s="613"/>
      <c r="NNN695" s="613"/>
      <c r="NNO695" s="613"/>
      <c r="NNP695" s="613"/>
      <c r="NNQ695" s="613"/>
      <c r="NNR695" s="613"/>
      <c r="NNS695" s="613"/>
      <c r="NNT695" s="613"/>
      <c r="NNU695" s="613"/>
      <c r="NNV695" s="613"/>
      <c r="NNW695" s="613"/>
      <c r="NNX695" s="613"/>
      <c r="NNY695" s="613"/>
      <c r="NNZ695" s="613"/>
      <c r="NOA695" s="613"/>
      <c r="NOB695" s="613"/>
      <c r="NOC695" s="613"/>
      <c r="NOD695" s="613"/>
      <c r="NOE695" s="613"/>
      <c r="NOF695" s="613"/>
      <c r="NOG695" s="613"/>
      <c r="NOH695" s="613"/>
      <c r="NOI695" s="613"/>
      <c r="NOJ695" s="613"/>
      <c r="NOK695" s="613"/>
      <c r="NOL695" s="613"/>
      <c r="NOM695" s="613"/>
      <c r="NON695" s="613"/>
      <c r="NOO695" s="613"/>
      <c r="NOP695" s="613"/>
      <c r="NOQ695" s="613"/>
      <c r="NOR695" s="613"/>
      <c r="NOS695" s="613"/>
      <c r="NOT695" s="613"/>
      <c r="NOU695" s="613"/>
      <c r="NOV695" s="613"/>
      <c r="NOW695" s="613"/>
      <c r="NOX695" s="613"/>
      <c r="NOY695" s="613"/>
      <c r="NOZ695" s="613"/>
      <c r="NPA695" s="613"/>
      <c r="NPB695" s="613"/>
      <c r="NPC695" s="613"/>
      <c r="NPD695" s="613"/>
      <c r="NPE695" s="613"/>
      <c r="NPF695" s="613"/>
      <c r="NPG695" s="613"/>
      <c r="NPH695" s="613"/>
      <c r="NPI695" s="613"/>
      <c r="NPJ695" s="613"/>
      <c r="NPK695" s="613"/>
      <c r="NPL695" s="613"/>
      <c r="NPM695" s="613"/>
      <c r="NPN695" s="613"/>
      <c r="NPO695" s="613"/>
      <c r="NPP695" s="613"/>
      <c r="NPQ695" s="613"/>
      <c r="NPR695" s="613"/>
      <c r="NPS695" s="613"/>
      <c r="NPT695" s="613"/>
      <c r="NPU695" s="613"/>
      <c r="NPV695" s="613"/>
      <c r="NPW695" s="613"/>
      <c r="NPX695" s="613"/>
      <c r="NPY695" s="613"/>
      <c r="NPZ695" s="613"/>
      <c r="NQA695" s="613"/>
      <c r="NQB695" s="613"/>
      <c r="NQC695" s="613"/>
      <c r="NQD695" s="613"/>
      <c r="NQE695" s="613"/>
      <c r="NQF695" s="613"/>
      <c r="NQG695" s="613"/>
      <c r="NQH695" s="613"/>
      <c r="NQI695" s="613"/>
      <c r="NQJ695" s="613"/>
      <c r="NQK695" s="613"/>
      <c r="NQL695" s="613"/>
      <c r="NQM695" s="613"/>
      <c r="NQN695" s="613"/>
      <c r="NQO695" s="613"/>
      <c r="NQP695" s="613"/>
      <c r="NQQ695" s="613"/>
      <c r="NQR695" s="613"/>
      <c r="NQS695" s="613"/>
      <c r="NQT695" s="613"/>
      <c r="NQU695" s="613"/>
      <c r="NQV695" s="613"/>
      <c r="NQW695" s="613"/>
      <c r="NQX695" s="613"/>
      <c r="NQY695" s="613"/>
      <c r="NQZ695" s="613"/>
      <c r="NRA695" s="613"/>
      <c r="NRB695" s="613"/>
      <c r="NRC695" s="613"/>
      <c r="NRD695" s="613"/>
      <c r="NRE695" s="613"/>
      <c r="NRF695" s="613"/>
      <c r="NRG695" s="613"/>
      <c r="NRH695" s="613"/>
      <c r="NRI695" s="613"/>
      <c r="NRJ695" s="613"/>
      <c r="NRK695" s="613"/>
      <c r="NRL695" s="613"/>
      <c r="NRM695" s="613"/>
      <c r="NRN695" s="613"/>
      <c r="NRO695" s="613"/>
      <c r="NRP695" s="613"/>
      <c r="NRQ695" s="613"/>
      <c r="NRR695" s="613"/>
      <c r="NRS695" s="613"/>
      <c r="NRT695" s="613"/>
      <c r="NRU695" s="613"/>
      <c r="NRV695" s="613"/>
      <c r="NRW695" s="613"/>
      <c r="NRX695" s="613"/>
      <c r="NRY695" s="613"/>
      <c r="NRZ695" s="613"/>
      <c r="NSA695" s="613"/>
      <c r="NSB695" s="613"/>
      <c r="NSC695" s="613"/>
      <c r="NSD695" s="613"/>
      <c r="NSE695" s="613"/>
      <c r="NSF695" s="613"/>
      <c r="NSG695" s="613"/>
      <c r="NSH695" s="613"/>
      <c r="NSI695" s="613"/>
      <c r="NSJ695" s="613"/>
      <c r="NSK695" s="613"/>
      <c r="NSL695" s="613"/>
      <c r="NSM695" s="613"/>
      <c r="NSN695" s="613"/>
      <c r="NSO695" s="613"/>
      <c r="NSP695" s="613"/>
      <c r="NSQ695" s="613"/>
      <c r="NSR695" s="613"/>
      <c r="NSS695" s="613"/>
      <c r="NST695" s="613"/>
      <c r="NSU695" s="613"/>
      <c r="NSV695" s="613"/>
      <c r="NSW695" s="613"/>
      <c r="NSX695" s="613"/>
      <c r="NSY695" s="613"/>
      <c r="NSZ695" s="613"/>
      <c r="NTA695" s="613"/>
      <c r="NTB695" s="613"/>
      <c r="NTC695" s="613"/>
      <c r="NTD695" s="613"/>
      <c r="NTE695" s="613"/>
      <c r="NTF695" s="613"/>
      <c r="NTG695" s="613"/>
      <c r="NTH695" s="613"/>
      <c r="NTI695" s="613"/>
      <c r="NTJ695" s="613"/>
      <c r="NTK695" s="613"/>
      <c r="NTL695" s="613"/>
      <c r="NTM695" s="613"/>
      <c r="NTN695" s="613"/>
      <c r="NTO695" s="613"/>
      <c r="NTP695" s="613"/>
      <c r="NTQ695" s="613"/>
      <c r="NTR695" s="613"/>
      <c r="NTS695" s="613"/>
      <c r="NTT695" s="613"/>
      <c r="NTU695" s="613"/>
      <c r="NTV695" s="613"/>
      <c r="NTW695" s="613"/>
      <c r="NTX695" s="613"/>
      <c r="NTY695" s="613"/>
      <c r="NTZ695" s="613"/>
      <c r="NUA695" s="613"/>
      <c r="NUB695" s="613"/>
      <c r="NUC695" s="613"/>
      <c r="NUD695" s="613"/>
      <c r="NUE695" s="613"/>
      <c r="NUF695" s="613"/>
      <c r="NUG695" s="613"/>
      <c r="NUH695" s="613"/>
      <c r="NUI695" s="613"/>
      <c r="NUJ695" s="613"/>
      <c r="NUK695" s="613"/>
      <c r="NUL695" s="613"/>
      <c r="NUM695" s="613"/>
      <c r="NUN695" s="613"/>
      <c r="NUO695" s="613"/>
      <c r="NUP695" s="613"/>
      <c r="NUQ695" s="613"/>
      <c r="NUR695" s="613"/>
      <c r="NUS695" s="613"/>
      <c r="NUT695" s="613"/>
      <c r="NUU695" s="613"/>
      <c r="NUV695" s="613"/>
      <c r="NUW695" s="613"/>
      <c r="NUX695" s="613"/>
      <c r="NUY695" s="613"/>
      <c r="NUZ695" s="613"/>
      <c r="NVA695" s="613"/>
      <c r="NVB695" s="613"/>
      <c r="NVC695" s="613"/>
      <c r="NVD695" s="613"/>
      <c r="NVE695" s="613"/>
      <c r="NVF695" s="613"/>
      <c r="NVG695" s="613"/>
      <c r="NVH695" s="613"/>
      <c r="NVI695" s="613"/>
      <c r="NVJ695" s="613"/>
      <c r="NVK695" s="613"/>
      <c r="NVL695" s="613"/>
      <c r="NVM695" s="613"/>
      <c r="NVN695" s="613"/>
      <c r="NVO695" s="613"/>
      <c r="NVP695" s="613"/>
      <c r="NVQ695" s="613"/>
      <c r="NVR695" s="613"/>
      <c r="NVS695" s="613"/>
      <c r="NVT695" s="613"/>
      <c r="NVU695" s="613"/>
      <c r="NVV695" s="613"/>
      <c r="NVW695" s="613"/>
      <c r="NVX695" s="613"/>
      <c r="NVY695" s="613"/>
      <c r="NVZ695" s="613"/>
      <c r="NWA695" s="613"/>
      <c r="NWB695" s="613"/>
      <c r="NWC695" s="613"/>
      <c r="NWD695" s="613"/>
      <c r="NWE695" s="613"/>
      <c r="NWF695" s="613"/>
      <c r="NWG695" s="613"/>
      <c r="NWH695" s="613"/>
      <c r="NWI695" s="613"/>
      <c r="NWJ695" s="613"/>
      <c r="NWK695" s="613"/>
      <c r="NWL695" s="613"/>
      <c r="NWM695" s="613"/>
      <c r="NWN695" s="613"/>
      <c r="NWO695" s="613"/>
      <c r="NWP695" s="613"/>
      <c r="NWQ695" s="613"/>
      <c r="NWR695" s="613"/>
      <c r="NWS695" s="613"/>
      <c r="NWT695" s="613"/>
      <c r="NWU695" s="613"/>
      <c r="NWV695" s="613"/>
      <c r="NWW695" s="613"/>
      <c r="NWX695" s="613"/>
      <c r="NWY695" s="613"/>
      <c r="NWZ695" s="613"/>
      <c r="NXA695" s="613"/>
      <c r="NXB695" s="613"/>
      <c r="NXC695" s="613"/>
      <c r="NXD695" s="613"/>
      <c r="NXE695" s="613"/>
      <c r="NXF695" s="613"/>
      <c r="NXG695" s="613"/>
      <c r="NXH695" s="613"/>
      <c r="NXI695" s="613"/>
      <c r="NXJ695" s="613"/>
      <c r="NXK695" s="613"/>
      <c r="NXL695" s="613"/>
      <c r="NXM695" s="613"/>
      <c r="NXN695" s="613"/>
      <c r="NXO695" s="613"/>
      <c r="NXP695" s="613"/>
      <c r="NXQ695" s="613"/>
      <c r="NXR695" s="613"/>
      <c r="NXS695" s="613"/>
      <c r="NXT695" s="613"/>
      <c r="NXU695" s="613"/>
      <c r="NXV695" s="613"/>
      <c r="NXW695" s="613"/>
      <c r="NXX695" s="613"/>
      <c r="NXY695" s="613"/>
      <c r="NXZ695" s="613"/>
      <c r="NYA695" s="613"/>
      <c r="NYB695" s="613"/>
      <c r="NYC695" s="613"/>
      <c r="NYD695" s="613"/>
      <c r="NYE695" s="613"/>
      <c r="NYF695" s="613"/>
      <c r="NYG695" s="613"/>
      <c r="NYH695" s="613"/>
      <c r="NYI695" s="613"/>
      <c r="NYJ695" s="613"/>
      <c r="NYK695" s="613"/>
      <c r="NYL695" s="613"/>
      <c r="NYM695" s="613"/>
      <c r="NYN695" s="613"/>
      <c r="NYO695" s="613"/>
      <c r="NYP695" s="613"/>
      <c r="NYQ695" s="613"/>
      <c r="NYR695" s="613"/>
      <c r="NYS695" s="613"/>
      <c r="NYT695" s="613"/>
      <c r="NYU695" s="613"/>
      <c r="NYV695" s="613"/>
      <c r="NYW695" s="613"/>
      <c r="NYX695" s="613"/>
      <c r="NYY695" s="613"/>
      <c r="NYZ695" s="613"/>
      <c r="NZA695" s="613"/>
      <c r="NZB695" s="613"/>
      <c r="NZC695" s="613"/>
      <c r="NZD695" s="613"/>
      <c r="NZE695" s="613"/>
      <c r="NZF695" s="613"/>
      <c r="NZG695" s="613"/>
      <c r="NZH695" s="613"/>
      <c r="NZI695" s="613"/>
      <c r="NZJ695" s="613"/>
      <c r="NZK695" s="613"/>
      <c r="NZL695" s="613"/>
      <c r="NZM695" s="613"/>
      <c r="NZN695" s="613"/>
      <c r="NZO695" s="613"/>
      <c r="NZP695" s="613"/>
      <c r="NZQ695" s="613"/>
      <c r="NZR695" s="613"/>
      <c r="NZS695" s="613"/>
      <c r="NZT695" s="613"/>
      <c r="NZU695" s="613"/>
      <c r="NZV695" s="613"/>
      <c r="NZW695" s="613"/>
      <c r="NZX695" s="613"/>
      <c r="NZY695" s="613"/>
      <c r="NZZ695" s="613"/>
      <c r="OAA695" s="613"/>
      <c r="OAB695" s="613"/>
      <c r="OAC695" s="613"/>
      <c r="OAD695" s="613"/>
      <c r="OAE695" s="613"/>
      <c r="OAF695" s="613"/>
      <c r="OAG695" s="613"/>
      <c r="OAH695" s="613"/>
      <c r="OAI695" s="613"/>
      <c r="OAJ695" s="613"/>
      <c r="OAK695" s="613"/>
      <c r="OAL695" s="613"/>
      <c r="OAM695" s="613"/>
      <c r="OAN695" s="613"/>
      <c r="OAO695" s="613"/>
      <c r="OAP695" s="613"/>
      <c r="OAQ695" s="613"/>
      <c r="OAR695" s="613"/>
      <c r="OAS695" s="613"/>
      <c r="OAT695" s="613"/>
      <c r="OAU695" s="613"/>
      <c r="OAV695" s="613"/>
      <c r="OAW695" s="613"/>
      <c r="OAX695" s="613"/>
      <c r="OAY695" s="613"/>
      <c r="OAZ695" s="613"/>
      <c r="OBA695" s="613"/>
      <c r="OBB695" s="613"/>
      <c r="OBC695" s="613"/>
      <c r="OBD695" s="613"/>
      <c r="OBE695" s="613"/>
      <c r="OBF695" s="613"/>
      <c r="OBG695" s="613"/>
      <c r="OBH695" s="613"/>
      <c r="OBI695" s="613"/>
      <c r="OBJ695" s="613"/>
      <c r="OBK695" s="613"/>
      <c r="OBL695" s="613"/>
      <c r="OBM695" s="613"/>
      <c r="OBN695" s="613"/>
      <c r="OBO695" s="613"/>
      <c r="OBP695" s="613"/>
      <c r="OBQ695" s="613"/>
      <c r="OBR695" s="613"/>
      <c r="OBS695" s="613"/>
      <c r="OBT695" s="613"/>
      <c r="OBU695" s="613"/>
      <c r="OBV695" s="613"/>
      <c r="OBW695" s="613"/>
      <c r="OBX695" s="613"/>
      <c r="OBY695" s="613"/>
      <c r="OBZ695" s="613"/>
      <c r="OCA695" s="613"/>
      <c r="OCB695" s="613"/>
      <c r="OCC695" s="613"/>
      <c r="OCD695" s="613"/>
      <c r="OCE695" s="613"/>
      <c r="OCF695" s="613"/>
      <c r="OCG695" s="613"/>
      <c r="OCH695" s="613"/>
      <c r="OCI695" s="613"/>
      <c r="OCJ695" s="613"/>
      <c r="OCK695" s="613"/>
      <c r="OCL695" s="613"/>
      <c r="OCM695" s="613"/>
      <c r="OCN695" s="613"/>
      <c r="OCO695" s="613"/>
      <c r="OCP695" s="613"/>
      <c r="OCQ695" s="613"/>
      <c r="OCR695" s="613"/>
      <c r="OCS695" s="613"/>
      <c r="OCT695" s="613"/>
      <c r="OCU695" s="613"/>
      <c r="OCV695" s="613"/>
      <c r="OCW695" s="613"/>
      <c r="OCX695" s="613"/>
      <c r="OCY695" s="613"/>
      <c r="OCZ695" s="613"/>
      <c r="ODA695" s="613"/>
      <c r="ODB695" s="613"/>
      <c r="ODC695" s="613"/>
      <c r="ODD695" s="613"/>
      <c r="ODE695" s="613"/>
      <c r="ODF695" s="613"/>
      <c r="ODG695" s="613"/>
      <c r="ODH695" s="613"/>
      <c r="ODI695" s="613"/>
      <c r="ODJ695" s="613"/>
      <c r="ODK695" s="613"/>
      <c r="ODL695" s="613"/>
      <c r="ODM695" s="613"/>
      <c r="ODN695" s="613"/>
      <c r="ODO695" s="613"/>
      <c r="ODP695" s="613"/>
      <c r="ODQ695" s="613"/>
      <c r="ODR695" s="613"/>
      <c r="ODS695" s="613"/>
      <c r="ODT695" s="613"/>
      <c r="ODU695" s="613"/>
      <c r="ODV695" s="613"/>
      <c r="ODW695" s="613"/>
      <c r="ODX695" s="613"/>
      <c r="ODY695" s="613"/>
      <c r="ODZ695" s="613"/>
      <c r="OEA695" s="613"/>
      <c r="OEB695" s="613"/>
      <c r="OEC695" s="613"/>
      <c r="OED695" s="613"/>
      <c r="OEE695" s="613"/>
      <c r="OEF695" s="613"/>
      <c r="OEG695" s="613"/>
      <c r="OEH695" s="613"/>
      <c r="OEI695" s="613"/>
      <c r="OEJ695" s="613"/>
      <c r="OEK695" s="613"/>
      <c r="OEL695" s="613"/>
      <c r="OEM695" s="613"/>
      <c r="OEN695" s="613"/>
      <c r="OEO695" s="613"/>
      <c r="OEP695" s="613"/>
      <c r="OEQ695" s="613"/>
      <c r="OER695" s="613"/>
      <c r="OES695" s="613"/>
      <c r="OET695" s="613"/>
      <c r="OEU695" s="613"/>
      <c r="OEV695" s="613"/>
      <c r="OEW695" s="613"/>
      <c r="OEX695" s="613"/>
      <c r="OEY695" s="613"/>
      <c r="OEZ695" s="613"/>
      <c r="OFA695" s="613"/>
      <c r="OFB695" s="613"/>
      <c r="OFC695" s="613"/>
      <c r="OFD695" s="613"/>
      <c r="OFE695" s="613"/>
      <c r="OFF695" s="613"/>
      <c r="OFG695" s="613"/>
      <c r="OFH695" s="613"/>
      <c r="OFI695" s="613"/>
      <c r="OFJ695" s="613"/>
      <c r="OFK695" s="613"/>
      <c r="OFL695" s="613"/>
      <c r="OFM695" s="613"/>
      <c r="OFN695" s="613"/>
      <c r="OFO695" s="613"/>
      <c r="OFP695" s="613"/>
      <c r="OFQ695" s="613"/>
      <c r="OFR695" s="613"/>
      <c r="OFS695" s="613"/>
      <c r="OFT695" s="613"/>
      <c r="OFU695" s="613"/>
      <c r="OFV695" s="613"/>
      <c r="OFW695" s="613"/>
      <c r="OFX695" s="613"/>
      <c r="OFY695" s="613"/>
      <c r="OFZ695" s="613"/>
      <c r="OGA695" s="613"/>
      <c r="OGB695" s="613"/>
      <c r="OGC695" s="613"/>
      <c r="OGD695" s="613"/>
      <c r="OGE695" s="613"/>
      <c r="OGF695" s="613"/>
      <c r="OGG695" s="613"/>
      <c r="OGH695" s="613"/>
      <c r="OGI695" s="613"/>
      <c r="OGJ695" s="613"/>
      <c r="OGK695" s="613"/>
      <c r="OGL695" s="613"/>
      <c r="OGM695" s="613"/>
      <c r="OGN695" s="613"/>
      <c r="OGO695" s="613"/>
      <c r="OGP695" s="613"/>
      <c r="OGQ695" s="613"/>
      <c r="OGR695" s="613"/>
      <c r="OGS695" s="613"/>
      <c r="OGT695" s="613"/>
      <c r="OGU695" s="613"/>
      <c r="OGV695" s="613"/>
      <c r="OGW695" s="613"/>
      <c r="OGX695" s="613"/>
      <c r="OGY695" s="613"/>
      <c r="OGZ695" s="613"/>
      <c r="OHA695" s="613"/>
      <c r="OHB695" s="613"/>
      <c r="OHC695" s="613"/>
      <c r="OHD695" s="613"/>
      <c r="OHE695" s="613"/>
      <c r="OHF695" s="613"/>
      <c r="OHG695" s="613"/>
      <c r="OHH695" s="613"/>
      <c r="OHI695" s="613"/>
      <c r="OHJ695" s="613"/>
      <c r="OHK695" s="613"/>
      <c r="OHL695" s="613"/>
      <c r="OHM695" s="613"/>
      <c r="OHN695" s="613"/>
      <c r="OHO695" s="613"/>
      <c r="OHP695" s="613"/>
      <c r="OHQ695" s="613"/>
      <c r="OHR695" s="613"/>
      <c r="OHS695" s="613"/>
      <c r="OHT695" s="613"/>
      <c r="OHU695" s="613"/>
      <c r="OHV695" s="613"/>
      <c r="OHW695" s="613"/>
      <c r="OHX695" s="613"/>
      <c r="OHY695" s="613"/>
      <c r="OHZ695" s="613"/>
      <c r="OIA695" s="613"/>
      <c r="OIB695" s="613"/>
      <c r="OIC695" s="613"/>
      <c r="OID695" s="613"/>
      <c r="OIE695" s="613"/>
      <c r="OIF695" s="613"/>
      <c r="OIG695" s="613"/>
      <c r="OIH695" s="613"/>
      <c r="OII695" s="613"/>
      <c r="OIJ695" s="613"/>
      <c r="OIK695" s="613"/>
      <c r="OIL695" s="613"/>
      <c r="OIM695" s="613"/>
      <c r="OIN695" s="613"/>
      <c r="OIO695" s="613"/>
      <c r="OIP695" s="613"/>
      <c r="OIQ695" s="613"/>
      <c r="OIR695" s="613"/>
      <c r="OIS695" s="613"/>
      <c r="OIT695" s="613"/>
      <c r="OIU695" s="613"/>
      <c r="OIV695" s="613"/>
      <c r="OIW695" s="613"/>
      <c r="OIX695" s="613"/>
      <c r="OIY695" s="613"/>
      <c r="OIZ695" s="613"/>
      <c r="OJA695" s="613"/>
      <c r="OJB695" s="613"/>
      <c r="OJC695" s="613"/>
      <c r="OJD695" s="613"/>
      <c r="OJE695" s="613"/>
      <c r="OJF695" s="613"/>
      <c r="OJG695" s="613"/>
      <c r="OJH695" s="613"/>
      <c r="OJI695" s="613"/>
      <c r="OJJ695" s="613"/>
      <c r="OJK695" s="613"/>
      <c r="OJL695" s="613"/>
      <c r="OJM695" s="613"/>
      <c r="OJN695" s="613"/>
      <c r="OJO695" s="613"/>
      <c r="OJP695" s="613"/>
      <c r="OJQ695" s="613"/>
      <c r="OJR695" s="613"/>
      <c r="OJS695" s="613"/>
      <c r="OJT695" s="613"/>
      <c r="OJU695" s="613"/>
      <c r="OJV695" s="613"/>
      <c r="OJW695" s="613"/>
      <c r="OJX695" s="613"/>
      <c r="OJY695" s="613"/>
      <c r="OJZ695" s="613"/>
      <c r="OKA695" s="613"/>
      <c r="OKB695" s="613"/>
      <c r="OKC695" s="613"/>
      <c r="OKD695" s="613"/>
      <c r="OKE695" s="613"/>
      <c r="OKF695" s="613"/>
      <c r="OKG695" s="613"/>
      <c r="OKH695" s="613"/>
      <c r="OKI695" s="613"/>
      <c r="OKJ695" s="613"/>
      <c r="OKK695" s="613"/>
      <c r="OKL695" s="613"/>
      <c r="OKM695" s="613"/>
      <c r="OKN695" s="613"/>
      <c r="OKO695" s="613"/>
      <c r="OKP695" s="613"/>
      <c r="OKQ695" s="613"/>
      <c r="OKR695" s="613"/>
      <c r="OKS695" s="613"/>
      <c r="OKT695" s="613"/>
      <c r="OKU695" s="613"/>
      <c r="OKV695" s="613"/>
      <c r="OKW695" s="613"/>
      <c r="OKX695" s="613"/>
      <c r="OKY695" s="613"/>
      <c r="OKZ695" s="613"/>
      <c r="OLA695" s="613"/>
      <c r="OLB695" s="613"/>
      <c r="OLC695" s="613"/>
      <c r="OLD695" s="613"/>
      <c r="OLE695" s="613"/>
      <c r="OLF695" s="613"/>
      <c r="OLG695" s="613"/>
      <c r="OLH695" s="613"/>
      <c r="OLI695" s="613"/>
      <c r="OLJ695" s="613"/>
      <c r="OLK695" s="613"/>
      <c r="OLL695" s="613"/>
      <c r="OLM695" s="613"/>
      <c r="OLN695" s="613"/>
      <c r="OLO695" s="613"/>
      <c r="OLP695" s="613"/>
      <c r="OLQ695" s="613"/>
      <c r="OLR695" s="613"/>
      <c r="OLS695" s="613"/>
      <c r="OLT695" s="613"/>
      <c r="OLU695" s="613"/>
      <c r="OLV695" s="613"/>
      <c r="OLW695" s="613"/>
      <c r="OLX695" s="613"/>
      <c r="OLY695" s="613"/>
      <c r="OLZ695" s="613"/>
      <c r="OMA695" s="613"/>
      <c r="OMB695" s="613"/>
      <c r="OMC695" s="613"/>
      <c r="OMD695" s="613"/>
      <c r="OME695" s="613"/>
      <c r="OMF695" s="613"/>
      <c r="OMG695" s="613"/>
      <c r="OMH695" s="613"/>
      <c r="OMI695" s="613"/>
      <c r="OMJ695" s="613"/>
      <c r="OMK695" s="613"/>
      <c r="OML695" s="613"/>
      <c r="OMM695" s="613"/>
      <c r="OMN695" s="613"/>
      <c r="OMO695" s="613"/>
      <c r="OMP695" s="613"/>
      <c r="OMQ695" s="613"/>
      <c r="OMR695" s="613"/>
      <c r="OMS695" s="613"/>
      <c r="OMT695" s="613"/>
      <c r="OMU695" s="613"/>
      <c r="OMV695" s="613"/>
      <c r="OMW695" s="613"/>
      <c r="OMX695" s="613"/>
      <c r="OMY695" s="613"/>
      <c r="OMZ695" s="613"/>
      <c r="ONA695" s="613"/>
      <c r="ONB695" s="613"/>
      <c r="ONC695" s="613"/>
      <c r="OND695" s="613"/>
      <c r="ONE695" s="613"/>
      <c r="ONF695" s="613"/>
      <c r="ONG695" s="613"/>
      <c r="ONH695" s="613"/>
      <c r="ONI695" s="613"/>
      <c r="ONJ695" s="613"/>
      <c r="ONK695" s="613"/>
      <c r="ONL695" s="613"/>
      <c r="ONM695" s="613"/>
      <c r="ONN695" s="613"/>
      <c r="ONO695" s="613"/>
      <c r="ONP695" s="613"/>
      <c r="ONQ695" s="613"/>
      <c r="ONR695" s="613"/>
      <c r="ONS695" s="613"/>
      <c r="ONT695" s="613"/>
      <c r="ONU695" s="613"/>
      <c r="ONV695" s="613"/>
      <c r="ONW695" s="613"/>
      <c r="ONX695" s="613"/>
      <c r="ONY695" s="613"/>
      <c r="ONZ695" s="613"/>
      <c r="OOA695" s="613"/>
      <c r="OOB695" s="613"/>
      <c r="OOC695" s="613"/>
      <c r="OOD695" s="613"/>
      <c r="OOE695" s="613"/>
      <c r="OOF695" s="613"/>
      <c r="OOG695" s="613"/>
      <c r="OOH695" s="613"/>
      <c r="OOI695" s="613"/>
      <c r="OOJ695" s="613"/>
      <c r="OOK695" s="613"/>
      <c r="OOL695" s="613"/>
      <c r="OOM695" s="613"/>
      <c r="OON695" s="613"/>
      <c r="OOO695" s="613"/>
      <c r="OOP695" s="613"/>
      <c r="OOQ695" s="613"/>
      <c r="OOR695" s="613"/>
      <c r="OOS695" s="613"/>
      <c r="OOT695" s="613"/>
      <c r="OOU695" s="613"/>
      <c r="OOV695" s="613"/>
      <c r="OOW695" s="613"/>
      <c r="OOX695" s="613"/>
      <c r="OOY695" s="613"/>
      <c r="OOZ695" s="613"/>
      <c r="OPA695" s="613"/>
      <c r="OPB695" s="613"/>
      <c r="OPC695" s="613"/>
      <c r="OPD695" s="613"/>
      <c r="OPE695" s="613"/>
      <c r="OPF695" s="613"/>
      <c r="OPG695" s="613"/>
      <c r="OPH695" s="613"/>
      <c r="OPI695" s="613"/>
      <c r="OPJ695" s="613"/>
      <c r="OPK695" s="613"/>
      <c r="OPL695" s="613"/>
      <c r="OPM695" s="613"/>
      <c r="OPN695" s="613"/>
      <c r="OPO695" s="613"/>
      <c r="OPP695" s="613"/>
      <c r="OPQ695" s="613"/>
      <c r="OPR695" s="613"/>
      <c r="OPS695" s="613"/>
      <c r="OPT695" s="613"/>
      <c r="OPU695" s="613"/>
      <c r="OPV695" s="613"/>
      <c r="OPW695" s="613"/>
      <c r="OPX695" s="613"/>
      <c r="OPY695" s="613"/>
      <c r="OPZ695" s="613"/>
      <c r="OQA695" s="613"/>
      <c r="OQB695" s="613"/>
      <c r="OQC695" s="613"/>
      <c r="OQD695" s="613"/>
      <c r="OQE695" s="613"/>
      <c r="OQF695" s="613"/>
      <c r="OQG695" s="613"/>
      <c r="OQH695" s="613"/>
      <c r="OQI695" s="613"/>
      <c r="OQJ695" s="613"/>
      <c r="OQK695" s="613"/>
      <c r="OQL695" s="613"/>
      <c r="OQM695" s="613"/>
      <c r="OQN695" s="613"/>
      <c r="OQO695" s="613"/>
      <c r="OQP695" s="613"/>
      <c r="OQQ695" s="613"/>
      <c r="OQR695" s="613"/>
      <c r="OQS695" s="613"/>
      <c r="OQT695" s="613"/>
      <c r="OQU695" s="613"/>
      <c r="OQV695" s="613"/>
      <c r="OQW695" s="613"/>
      <c r="OQX695" s="613"/>
      <c r="OQY695" s="613"/>
      <c r="OQZ695" s="613"/>
      <c r="ORA695" s="613"/>
      <c r="ORB695" s="613"/>
      <c r="ORC695" s="613"/>
      <c r="ORD695" s="613"/>
      <c r="ORE695" s="613"/>
      <c r="ORF695" s="613"/>
      <c r="ORG695" s="613"/>
      <c r="ORH695" s="613"/>
      <c r="ORI695" s="613"/>
      <c r="ORJ695" s="613"/>
      <c r="ORK695" s="613"/>
      <c r="ORL695" s="613"/>
      <c r="ORM695" s="613"/>
      <c r="ORN695" s="613"/>
      <c r="ORO695" s="613"/>
      <c r="ORP695" s="613"/>
      <c r="ORQ695" s="613"/>
      <c r="ORR695" s="613"/>
      <c r="ORS695" s="613"/>
      <c r="ORT695" s="613"/>
      <c r="ORU695" s="613"/>
      <c r="ORV695" s="613"/>
      <c r="ORW695" s="613"/>
      <c r="ORX695" s="613"/>
      <c r="ORY695" s="613"/>
      <c r="ORZ695" s="613"/>
      <c r="OSA695" s="613"/>
      <c r="OSB695" s="613"/>
      <c r="OSC695" s="613"/>
      <c r="OSD695" s="613"/>
      <c r="OSE695" s="613"/>
      <c r="OSF695" s="613"/>
      <c r="OSG695" s="613"/>
      <c r="OSH695" s="613"/>
      <c r="OSI695" s="613"/>
      <c r="OSJ695" s="613"/>
      <c r="OSK695" s="613"/>
      <c r="OSL695" s="613"/>
      <c r="OSM695" s="613"/>
      <c r="OSN695" s="613"/>
      <c r="OSO695" s="613"/>
      <c r="OSP695" s="613"/>
      <c r="OSQ695" s="613"/>
      <c r="OSR695" s="613"/>
      <c r="OSS695" s="613"/>
      <c r="OST695" s="613"/>
      <c r="OSU695" s="613"/>
      <c r="OSV695" s="613"/>
      <c r="OSW695" s="613"/>
      <c r="OSX695" s="613"/>
      <c r="OSY695" s="613"/>
      <c r="OSZ695" s="613"/>
      <c r="OTA695" s="613"/>
      <c r="OTB695" s="613"/>
      <c r="OTC695" s="613"/>
      <c r="OTD695" s="613"/>
      <c r="OTE695" s="613"/>
      <c r="OTF695" s="613"/>
      <c r="OTG695" s="613"/>
      <c r="OTH695" s="613"/>
      <c r="OTI695" s="613"/>
      <c r="OTJ695" s="613"/>
      <c r="OTK695" s="613"/>
      <c r="OTL695" s="613"/>
      <c r="OTM695" s="613"/>
      <c r="OTN695" s="613"/>
      <c r="OTO695" s="613"/>
      <c r="OTP695" s="613"/>
      <c r="OTQ695" s="613"/>
      <c r="OTR695" s="613"/>
      <c r="OTS695" s="613"/>
      <c r="OTT695" s="613"/>
      <c r="OTU695" s="613"/>
      <c r="OTV695" s="613"/>
      <c r="OTW695" s="613"/>
      <c r="OTX695" s="613"/>
      <c r="OTY695" s="613"/>
      <c r="OTZ695" s="613"/>
      <c r="OUA695" s="613"/>
      <c r="OUB695" s="613"/>
      <c r="OUC695" s="613"/>
      <c r="OUD695" s="613"/>
      <c r="OUE695" s="613"/>
      <c r="OUF695" s="613"/>
      <c r="OUG695" s="613"/>
      <c r="OUH695" s="613"/>
      <c r="OUI695" s="613"/>
      <c r="OUJ695" s="613"/>
      <c r="OUK695" s="613"/>
      <c r="OUL695" s="613"/>
      <c r="OUM695" s="613"/>
      <c r="OUN695" s="613"/>
      <c r="OUO695" s="613"/>
      <c r="OUP695" s="613"/>
      <c r="OUQ695" s="613"/>
      <c r="OUR695" s="613"/>
      <c r="OUS695" s="613"/>
      <c r="OUT695" s="613"/>
      <c r="OUU695" s="613"/>
      <c r="OUV695" s="613"/>
      <c r="OUW695" s="613"/>
      <c r="OUX695" s="613"/>
      <c r="OUY695" s="613"/>
      <c r="OUZ695" s="613"/>
      <c r="OVA695" s="613"/>
      <c r="OVB695" s="613"/>
      <c r="OVC695" s="613"/>
      <c r="OVD695" s="613"/>
      <c r="OVE695" s="613"/>
      <c r="OVF695" s="613"/>
      <c r="OVG695" s="613"/>
      <c r="OVH695" s="613"/>
      <c r="OVI695" s="613"/>
      <c r="OVJ695" s="613"/>
      <c r="OVK695" s="613"/>
      <c r="OVL695" s="613"/>
      <c r="OVM695" s="613"/>
      <c r="OVN695" s="613"/>
      <c r="OVO695" s="613"/>
      <c r="OVP695" s="613"/>
      <c r="OVQ695" s="613"/>
      <c r="OVR695" s="613"/>
      <c r="OVS695" s="613"/>
      <c r="OVT695" s="613"/>
      <c r="OVU695" s="613"/>
      <c r="OVV695" s="613"/>
      <c r="OVW695" s="613"/>
      <c r="OVX695" s="613"/>
      <c r="OVY695" s="613"/>
      <c r="OVZ695" s="613"/>
      <c r="OWA695" s="613"/>
      <c r="OWB695" s="613"/>
      <c r="OWC695" s="613"/>
      <c r="OWD695" s="613"/>
      <c r="OWE695" s="613"/>
      <c r="OWF695" s="613"/>
      <c r="OWG695" s="613"/>
      <c r="OWH695" s="613"/>
      <c r="OWI695" s="613"/>
      <c r="OWJ695" s="613"/>
      <c r="OWK695" s="613"/>
      <c r="OWL695" s="613"/>
      <c r="OWM695" s="613"/>
      <c r="OWN695" s="613"/>
      <c r="OWO695" s="613"/>
      <c r="OWP695" s="613"/>
      <c r="OWQ695" s="613"/>
      <c r="OWR695" s="613"/>
      <c r="OWS695" s="613"/>
      <c r="OWT695" s="613"/>
      <c r="OWU695" s="613"/>
      <c r="OWV695" s="613"/>
      <c r="OWW695" s="613"/>
      <c r="OWX695" s="613"/>
      <c r="OWY695" s="613"/>
      <c r="OWZ695" s="613"/>
      <c r="OXA695" s="613"/>
      <c r="OXB695" s="613"/>
      <c r="OXC695" s="613"/>
      <c r="OXD695" s="613"/>
      <c r="OXE695" s="613"/>
      <c r="OXF695" s="613"/>
      <c r="OXG695" s="613"/>
      <c r="OXH695" s="613"/>
      <c r="OXI695" s="613"/>
      <c r="OXJ695" s="613"/>
      <c r="OXK695" s="613"/>
      <c r="OXL695" s="613"/>
      <c r="OXM695" s="613"/>
      <c r="OXN695" s="613"/>
      <c r="OXO695" s="613"/>
      <c r="OXP695" s="613"/>
      <c r="OXQ695" s="613"/>
      <c r="OXR695" s="613"/>
      <c r="OXS695" s="613"/>
      <c r="OXT695" s="613"/>
      <c r="OXU695" s="613"/>
      <c r="OXV695" s="613"/>
      <c r="OXW695" s="613"/>
      <c r="OXX695" s="613"/>
      <c r="OXY695" s="613"/>
      <c r="OXZ695" s="613"/>
      <c r="OYA695" s="613"/>
      <c r="OYB695" s="613"/>
      <c r="OYC695" s="613"/>
      <c r="OYD695" s="613"/>
      <c r="OYE695" s="613"/>
      <c r="OYF695" s="613"/>
      <c r="OYG695" s="613"/>
      <c r="OYH695" s="613"/>
      <c r="OYI695" s="613"/>
      <c r="OYJ695" s="613"/>
      <c r="OYK695" s="613"/>
      <c r="OYL695" s="613"/>
      <c r="OYM695" s="613"/>
      <c r="OYN695" s="613"/>
      <c r="OYO695" s="613"/>
      <c r="OYP695" s="613"/>
      <c r="OYQ695" s="613"/>
      <c r="OYR695" s="613"/>
      <c r="OYS695" s="613"/>
      <c r="OYT695" s="613"/>
      <c r="OYU695" s="613"/>
      <c r="OYV695" s="613"/>
      <c r="OYW695" s="613"/>
      <c r="OYX695" s="613"/>
      <c r="OYY695" s="613"/>
      <c r="OYZ695" s="613"/>
      <c r="OZA695" s="613"/>
      <c r="OZB695" s="613"/>
      <c r="OZC695" s="613"/>
      <c r="OZD695" s="613"/>
      <c r="OZE695" s="613"/>
      <c r="OZF695" s="613"/>
      <c r="OZG695" s="613"/>
      <c r="OZH695" s="613"/>
      <c r="OZI695" s="613"/>
      <c r="OZJ695" s="613"/>
      <c r="OZK695" s="613"/>
      <c r="OZL695" s="613"/>
      <c r="OZM695" s="613"/>
      <c r="OZN695" s="613"/>
      <c r="OZO695" s="613"/>
      <c r="OZP695" s="613"/>
      <c r="OZQ695" s="613"/>
      <c r="OZR695" s="613"/>
      <c r="OZS695" s="613"/>
      <c r="OZT695" s="613"/>
      <c r="OZU695" s="613"/>
      <c r="OZV695" s="613"/>
      <c r="OZW695" s="613"/>
      <c r="OZX695" s="613"/>
      <c r="OZY695" s="613"/>
      <c r="OZZ695" s="613"/>
      <c r="PAA695" s="613"/>
      <c r="PAB695" s="613"/>
      <c r="PAC695" s="613"/>
      <c r="PAD695" s="613"/>
      <c r="PAE695" s="613"/>
      <c r="PAF695" s="613"/>
      <c r="PAG695" s="613"/>
      <c r="PAH695" s="613"/>
      <c r="PAI695" s="613"/>
      <c r="PAJ695" s="613"/>
      <c r="PAK695" s="613"/>
      <c r="PAL695" s="613"/>
      <c r="PAM695" s="613"/>
      <c r="PAN695" s="613"/>
      <c r="PAO695" s="613"/>
      <c r="PAP695" s="613"/>
      <c r="PAQ695" s="613"/>
      <c r="PAR695" s="613"/>
      <c r="PAS695" s="613"/>
      <c r="PAT695" s="613"/>
      <c r="PAU695" s="613"/>
      <c r="PAV695" s="613"/>
      <c r="PAW695" s="613"/>
      <c r="PAX695" s="613"/>
      <c r="PAY695" s="613"/>
      <c r="PAZ695" s="613"/>
      <c r="PBA695" s="613"/>
      <c r="PBB695" s="613"/>
      <c r="PBC695" s="613"/>
      <c r="PBD695" s="613"/>
      <c r="PBE695" s="613"/>
      <c r="PBF695" s="613"/>
      <c r="PBG695" s="613"/>
      <c r="PBH695" s="613"/>
      <c r="PBI695" s="613"/>
      <c r="PBJ695" s="613"/>
      <c r="PBK695" s="613"/>
      <c r="PBL695" s="613"/>
      <c r="PBM695" s="613"/>
      <c r="PBN695" s="613"/>
      <c r="PBO695" s="613"/>
      <c r="PBP695" s="613"/>
      <c r="PBQ695" s="613"/>
      <c r="PBR695" s="613"/>
      <c r="PBS695" s="613"/>
      <c r="PBT695" s="613"/>
      <c r="PBU695" s="613"/>
      <c r="PBV695" s="613"/>
      <c r="PBW695" s="613"/>
      <c r="PBX695" s="613"/>
      <c r="PBY695" s="613"/>
      <c r="PBZ695" s="613"/>
      <c r="PCA695" s="613"/>
      <c r="PCB695" s="613"/>
      <c r="PCC695" s="613"/>
      <c r="PCD695" s="613"/>
      <c r="PCE695" s="613"/>
      <c r="PCF695" s="613"/>
      <c r="PCG695" s="613"/>
      <c r="PCH695" s="613"/>
      <c r="PCI695" s="613"/>
      <c r="PCJ695" s="613"/>
      <c r="PCK695" s="613"/>
      <c r="PCL695" s="613"/>
      <c r="PCM695" s="613"/>
      <c r="PCN695" s="613"/>
      <c r="PCO695" s="613"/>
      <c r="PCP695" s="613"/>
      <c r="PCQ695" s="613"/>
      <c r="PCR695" s="613"/>
      <c r="PCS695" s="613"/>
      <c r="PCT695" s="613"/>
      <c r="PCU695" s="613"/>
      <c r="PCV695" s="613"/>
      <c r="PCW695" s="613"/>
      <c r="PCX695" s="613"/>
      <c r="PCY695" s="613"/>
      <c r="PCZ695" s="613"/>
      <c r="PDA695" s="613"/>
      <c r="PDB695" s="613"/>
      <c r="PDC695" s="613"/>
      <c r="PDD695" s="613"/>
      <c r="PDE695" s="613"/>
      <c r="PDF695" s="613"/>
      <c r="PDG695" s="613"/>
      <c r="PDH695" s="613"/>
      <c r="PDI695" s="613"/>
      <c r="PDJ695" s="613"/>
      <c r="PDK695" s="613"/>
      <c r="PDL695" s="613"/>
      <c r="PDM695" s="613"/>
      <c r="PDN695" s="613"/>
      <c r="PDO695" s="613"/>
      <c r="PDP695" s="613"/>
      <c r="PDQ695" s="613"/>
      <c r="PDR695" s="613"/>
      <c r="PDS695" s="613"/>
      <c r="PDT695" s="613"/>
      <c r="PDU695" s="613"/>
      <c r="PDV695" s="613"/>
      <c r="PDW695" s="613"/>
      <c r="PDX695" s="613"/>
      <c r="PDY695" s="613"/>
      <c r="PDZ695" s="613"/>
      <c r="PEA695" s="613"/>
      <c r="PEB695" s="613"/>
      <c r="PEC695" s="613"/>
      <c r="PED695" s="613"/>
      <c r="PEE695" s="613"/>
      <c r="PEF695" s="613"/>
      <c r="PEG695" s="613"/>
      <c r="PEH695" s="613"/>
      <c r="PEI695" s="613"/>
      <c r="PEJ695" s="613"/>
      <c r="PEK695" s="613"/>
      <c r="PEL695" s="613"/>
      <c r="PEM695" s="613"/>
      <c r="PEN695" s="613"/>
      <c r="PEO695" s="613"/>
      <c r="PEP695" s="613"/>
      <c r="PEQ695" s="613"/>
      <c r="PER695" s="613"/>
      <c r="PES695" s="613"/>
      <c r="PET695" s="613"/>
      <c r="PEU695" s="613"/>
      <c r="PEV695" s="613"/>
      <c r="PEW695" s="613"/>
      <c r="PEX695" s="613"/>
      <c r="PEY695" s="613"/>
      <c r="PEZ695" s="613"/>
      <c r="PFA695" s="613"/>
      <c r="PFB695" s="613"/>
      <c r="PFC695" s="613"/>
      <c r="PFD695" s="613"/>
      <c r="PFE695" s="613"/>
      <c r="PFF695" s="613"/>
      <c r="PFG695" s="613"/>
      <c r="PFH695" s="613"/>
      <c r="PFI695" s="613"/>
      <c r="PFJ695" s="613"/>
      <c r="PFK695" s="613"/>
      <c r="PFL695" s="613"/>
      <c r="PFM695" s="613"/>
      <c r="PFN695" s="613"/>
      <c r="PFO695" s="613"/>
      <c r="PFP695" s="613"/>
      <c r="PFQ695" s="613"/>
      <c r="PFR695" s="613"/>
      <c r="PFS695" s="613"/>
      <c r="PFT695" s="613"/>
      <c r="PFU695" s="613"/>
      <c r="PFV695" s="613"/>
      <c r="PFW695" s="613"/>
      <c r="PFX695" s="613"/>
      <c r="PFY695" s="613"/>
      <c r="PFZ695" s="613"/>
      <c r="PGA695" s="613"/>
      <c r="PGB695" s="613"/>
      <c r="PGC695" s="613"/>
      <c r="PGD695" s="613"/>
      <c r="PGE695" s="613"/>
      <c r="PGF695" s="613"/>
      <c r="PGG695" s="613"/>
      <c r="PGH695" s="613"/>
      <c r="PGI695" s="613"/>
      <c r="PGJ695" s="613"/>
      <c r="PGK695" s="613"/>
      <c r="PGL695" s="613"/>
      <c r="PGM695" s="613"/>
      <c r="PGN695" s="613"/>
      <c r="PGO695" s="613"/>
      <c r="PGP695" s="613"/>
      <c r="PGQ695" s="613"/>
      <c r="PGR695" s="613"/>
      <c r="PGS695" s="613"/>
      <c r="PGT695" s="613"/>
      <c r="PGU695" s="613"/>
      <c r="PGV695" s="613"/>
      <c r="PGW695" s="613"/>
      <c r="PGX695" s="613"/>
      <c r="PGY695" s="613"/>
      <c r="PGZ695" s="613"/>
      <c r="PHA695" s="613"/>
      <c r="PHB695" s="613"/>
      <c r="PHC695" s="613"/>
      <c r="PHD695" s="613"/>
      <c r="PHE695" s="613"/>
      <c r="PHF695" s="613"/>
      <c r="PHG695" s="613"/>
      <c r="PHH695" s="613"/>
      <c r="PHI695" s="613"/>
      <c r="PHJ695" s="613"/>
      <c r="PHK695" s="613"/>
      <c r="PHL695" s="613"/>
      <c r="PHM695" s="613"/>
      <c r="PHN695" s="613"/>
      <c r="PHO695" s="613"/>
      <c r="PHP695" s="613"/>
      <c r="PHQ695" s="613"/>
      <c r="PHR695" s="613"/>
      <c r="PHS695" s="613"/>
      <c r="PHT695" s="613"/>
      <c r="PHU695" s="613"/>
      <c r="PHV695" s="613"/>
      <c r="PHW695" s="613"/>
      <c r="PHX695" s="613"/>
      <c r="PHY695" s="613"/>
      <c r="PHZ695" s="613"/>
      <c r="PIA695" s="613"/>
      <c r="PIB695" s="613"/>
      <c r="PIC695" s="613"/>
      <c r="PID695" s="613"/>
      <c r="PIE695" s="613"/>
      <c r="PIF695" s="613"/>
      <c r="PIG695" s="613"/>
      <c r="PIH695" s="613"/>
      <c r="PII695" s="613"/>
      <c r="PIJ695" s="613"/>
      <c r="PIK695" s="613"/>
      <c r="PIL695" s="613"/>
      <c r="PIM695" s="613"/>
      <c r="PIN695" s="613"/>
      <c r="PIO695" s="613"/>
      <c r="PIP695" s="613"/>
      <c r="PIQ695" s="613"/>
      <c r="PIR695" s="613"/>
      <c r="PIS695" s="613"/>
      <c r="PIT695" s="613"/>
      <c r="PIU695" s="613"/>
      <c r="PIV695" s="613"/>
      <c r="PIW695" s="613"/>
      <c r="PIX695" s="613"/>
      <c r="PIY695" s="613"/>
      <c r="PIZ695" s="613"/>
      <c r="PJA695" s="613"/>
      <c r="PJB695" s="613"/>
      <c r="PJC695" s="613"/>
      <c r="PJD695" s="613"/>
      <c r="PJE695" s="613"/>
      <c r="PJF695" s="613"/>
      <c r="PJG695" s="613"/>
      <c r="PJH695" s="613"/>
      <c r="PJI695" s="613"/>
      <c r="PJJ695" s="613"/>
      <c r="PJK695" s="613"/>
      <c r="PJL695" s="613"/>
      <c r="PJM695" s="613"/>
      <c r="PJN695" s="613"/>
      <c r="PJO695" s="613"/>
      <c r="PJP695" s="613"/>
      <c r="PJQ695" s="613"/>
      <c r="PJR695" s="613"/>
      <c r="PJS695" s="613"/>
      <c r="PJT695" s="613"/>
      <c r="PJU695" s="613"/>
      <c r="PJV695" s="613"/>
      <c r="PJW695" s="613"/>
      <c r="PJX695" s="613"/>
      <c r="PJY695" s="613"/>
      <c r="PJZ695" s="613"/>
      <c r="PKA695" s="613"/>
      <c r="PKB695" s="613"/>
      <c r="PKC695" s="613"/>
      <c r="PKD695" s="613"/>
      <c r="PKE695" s="613"/>
      <c r="PKF695" s="613"/>
      <c r="PKG695" s="613"/>
      <c r="PKH695" s="613"/>
      <c r="PKI695" s="613"/>
      <c r="PKJ695" s="613"/>
      <c r="PKK695" s="613"/>
      <c r="PKL695" s="613"/>
      <c r="PKM695" s="613"/>
      <c r="PKN695" s="613"/>
      <c r="PKO695" s="613"/>
      <c r="PKP695" s="613"/>
      <c r="PKQ695" s="613"/>
      <c r="PKR695" s="613"/>
      <c r="PKS695" s="613"/>
      <c r="PKT695" s="613"/>
      <c r="PKU695" s="613"/>
      <c r="PKV695" s="613"/>
      <c r="PKW695" s="613"/>
      <c r="PKX695" s="613"/>
      <c r="PKY695" s="613"/>
      <c r="PKZ695" s="613"/>
      <c r="PLA695" s="613"/>
      <c r="PLB695" s="613"/>
      <c r="PLC695" s="613"/>
      <c r="PLD695" s="613"/>
      <c r="PLE695" s="613"/>
      <c r="PLF695" s="613"/>
      <c r="PLG695" s="613"/>
      <c r="PLH695" s="613"/>
      <c r="PLI695" s="613"/>
      <c r="PLJ695" s="613"/>
      <c r="PLK695" s="613"/>
      <c r="PLL695" s="613"/>
      <c r="PLM695" s="613"/>
      <c r="PLN695" s="613"/>
      <c r="PLO695" s="613"/>
      <c r="PLP695" s="613"/>
      <c r="PLQ695" s="613"/>
      <c r="PLR695" s="613"/>
      <c r="PLS695" s="613"/>
      <c r="PLT695" s="613"/>
      <c r="PLU695" s="613"/>
      <c r="PLV695" s="613"/>
      <c r="PLW695" s="613"/>
      <c r="PLX695" s="613"/>
      <c r="PLY695" s="613"/>
      <c r="PLZ695" s="613"/>
      <c r="PMA695" s="613"/>
      <c r="PMB695" s="613"/>
      <c r="PMC695" s="613"/>
      <c r="PMD695" s="613"/>
      <c r="PME695" s="613"/>
      <c r="PMF695" s="613"/>
      <c r="PMG695" s="613"/>
      <c r="PMH695" s="613"/>
      <c r="PMI695" s="613"/>
      <c r="PMJ695" s="613"/>
      <c r="PMK695" s="613"/>
      <c r="PML695" s="613"/>
      <c r="PMM695" s="613"/>
      <c r="PMN695" s="613"/>
      <c r="PMO695" s="613"/>
      <c r="PMP695" s="613"/>
      <c r="PMQ695" s="613"/>
      <c r="PMR695" s="613"/>
      <c r="PMS695" s="613"/>
      <c r="PMT695" s="613"/>
      <c r="PMU695" s="613"/>
      <c r="PMV695" s="613"/>
      <c r="PMW695" s="613"/>
      <c r="PMX695" s="613"/>
      <c r="PMY695" s="613"/>
      <c r="PMZ695" s="613"/>
      <c r="PNA695" s="613"/>
      <c r="PNB695" s="613"/>
      <c r="PNC695" s="613"/>
      <c r="PND695" s="613"/>
      <c r="PNE695" s="613"/>
      <c r="PNF695" s="613"/>
      <c r="PNG695" s="613"/>
      <c r="PNH695" s="613"/>
      <c r="PNI695" s="613"/>
      <c r="PNJ695" s="613"/>
      <c r="PNK695" s="613"/>
      <c r="PNL695" s="613"/>
      <c r="PNM695" s="613"/>
      <c r="PNN695" s="613"/>
      <c r="PNO695" s="613"/>
      <c r="PNP695" s="613"/>
      <c r="PNQ695" s="613"/>
      <c r="PNR695" s="613"/>
      <c r="PNS695" s="613"/>
      <c r="PNT695" s="613"/>
      <c r="PNU695" s="613"/>
      <c r="PNV695" s="613"/>
      <c r="PNW695" s="613"/>
      <c r="PNX695" s="613"/>
      <c r="PNY695" s="613"/>
      <c r="PNZ695" s="613"/>
      <c r="POA695" s="613"/>
      <c r="POB695" s="613"/>
      <c r="POC695" s="613"/>
      <c r="POD695" s="613"/>
      <c r="POE695" s="613"/>
      <c r="POF695" s="613"/>
      <c r="POG695" s="613"/>
      <c r="POH695" s="613"/>
      <c r="POI695" s="613"/>
      <c r="POJ695" s="613"/>
      <c r="POK695" s="613"/>
      <c r="POL695" s="613"/>
      <c r="POM695" s="613"/>
      <c r="PON695" s="613"/>
      <c r="POO695" s="613"/>
      <c r="POP695" s="613"/>
      <c r="POQ695" s="613"/>
      <c r="POR695" s="613"/>
      <c r="POS695" s="613"/>
      <c r="POT695" s="613"/>
      <c r="POU695" s="613"/>
      <c r="POV695" s="613"/>
      <c r="POW695" s="613"/>
      <c r="POX695" s="613"/>
      <c r="POY695" s="613"/>
      <c r="POZ695" s="613"/>
      <c r="PPA695" s="613"/>
      <c r="PPB695" s="613"/>
      <c r="PPC695" s="613"/>
      <c r="PPD695" s="613"/>
      <c r="PPE695" s="613"/>
      <c r="PPF695" s="613"/>
      <c r="PPG695" s="613"/>
      <c r="PPH695" s="613"/>
      <c r="PPI695" s="613"/>
      <c r="PPJ695" s="613"/>
      <c r="PPK695" s="613"/>
      <c r="PPL695" s="613"/>
      <c r="PPM695" s="613"/>
      <c r="PPN695" s="613"/>
      <c r="PPO695" s="613"/>
      <c r="PPP695" s="613"/>
      <c r="PPQ695" s="613"/>
      <c r="PPR695" s="613"/>
      <c r="PPS695" s="613"/>
      <c r="PPT695" s="613"/>
      <c r="PPU695" s="613"/>
      <c r="PPV695" s="613"/>
      <c r="PPW695" s="613"/>
      <c r="PPX695" s="613"/>
      <c r="PPY695" s="613"/>
      <c r="PPZ695" s="613"/>
      <c r="PQA695" s="613"/>
      <c r="PQB695" s="613"/>
      <c r="PQC695" s="613"/>
      <c r="PQD695" s="613"/>
      <c r="PQE695" s="613"/>
      <c r="PQF695" s="613"/>
      <c r="PQG695" s="613"/>
      <c r="PQH695" s="613"/>
      <c r="PQI695" s="613"/>
      <c r="PQJ695" s="613"/>
      <c r="PQK695" s="613"/>
      <c r="PQL695" s="613"/>
      <c r="PQM695" s="613"/>
      <c r="PQN695" s="613"/>
      <c r="PQO695" s="613"/>
      <c r="PQP695" s="613"/>
      <c r="PQQ695" s="613"/>
      <c r="PQR695" s="613"/>
      <c r="PQS695" s="613"/>
      <c r="PQT695" s="613"/>
      <c r="PQU695" s="613"/>
      <c r="PQV695" s="613"/>
      <c r="PQW695" s="613"/>
      <c r="PQX695" s="613"/>
      <c r="PQY695" s="613"/>
      <c r="PQZ695" s="613"/>
      <c r="PRA695" s="613"/>
      <c r="PRB695" s="613"/>
      <c r="PRC695" s="613"/>
      <c r="PRD695" s="613"/>
      <c r="PRE695" s="613"/>
      <c r="PRF695" s="613"/>
      <c r="PRG695" s="613"/>
      <c r="PRH695" s="613"/>
      <c r="PRI695" s="613"/>
      <c r="PRJ695" s="613"/>
      <c r="PRK695" s="613"/>
      <c r="PRL695" s="613"/>
      <c r="PRM695" s="613"/>
      <c r="PRN695" s="613"/>
      <c r="PRO695" s="613"/>
      <c r="PRP695" s="613"/>
      <c r="PRQ695" s="613"/>
      <c r="PRR695" s="613"/>
      <c r="PRS695" s="613"/>
      <c r="PRT695" s="613"/>
      <c r="PRU695" s="613"/>
      <c r="PRV695" s="613"/>
      <c r="PRW695" s="613"/>
      <c r="PRX695" s="613"/>
      <c r="PRY695" s="613"/>
      <c r="PRZ695" s="613"/>
      <c r="PSA695" s="613"/>
      <c r="PSB695" s="613"/>
      <c r="PSC695" s="613"/>
      <c r="PSD695" s="613"/>
      <c r="PSE695" s="613"/>
      <c r="PSF695" s="613"/>
      <c r="PSG695" s="613"/>
      <c r="PSH695" s="613"/>
      <c r="PSI695" s="613"/>
      <c r="PSJ695" s="613"/>
      <c r="PSK695" s="613"/>
      <c r="PSL695" s="613"/>
      <c r="PSM695" s="613"/>
      <c r="PSN695" s="613"/>
      <c r="PSO695" s="613"/>
      <c r="PSP695" s="613"/>
      <c r="PSQ695" s="613"/>
      <c r="PSR695" s="613"/>
      <c r="PSS695" s="613"/>
      <c r="PST695" s="613"/>
      <c r="PSU695" s="613"/>
      <c r="PSV695" s="613"/>
      <c r="PSW695" s="613"/>
      <c r="PSX695" s="613"/>
      <c r="PSY695" s="613"/>
      <c r="PSZ695" s="613"/>
      <c r="PTA695" s="613"/>
      <c r="PTB695" s="613"/>
      <c r="PTC695" s="613"/>
      <c r="PTD695" s="613"/>
      <c r="PTE695" s="613"/>
      <c r="PTF695" s="613"/>
      <c r="PTG695" s="613"/>
      <c r="PTH695" s="613"/>
      <c r="PTI695" s="613"/>
      <c r="PTJ695" s="613"/>
      <c r="PTK695" s="613"/>
      <c r="PTL695" s="613"/>
      <c r="PTM695" s="613"/>
      <c r="PTN695" s="613"/>
      <c r="PTO695" s="613"/>
      <c r="PTP695" s="613"/>
      <c r="PTQ695" s="613"/>
      <c r="PTR695" s="613"/>
      <c r="PTS695" s="613"/>
      <c r="PTT695" s="613"/>
      <c r="PTU695" s="613"/>
      <c r="PTV695" s="613"/>
      <c r="PTW695" s="613"/>
      <c r="PTX695" s="613"/>
      <c r="PTY695" s="613"/>
      <c r="PTZ695" s="613"/>
      <c r="PUA695" s="613"/>
      <c r="PUB695" s="613"/>
      <c r="PUC695" s="613"/>
      <c r="PUD695" s="613"/>
      <c r="PUE695" s="613"/>
      <c r="PUF695" s="613"/>
      <c r="PUG695" s="613"/>
      <c r="PUH695" s="613"/>
      <c r="PUI695" s="613"/>
      <c r="PUJ695" s="613"/>
      <c r="PUK695" s="613"/>
      <c r="PUL695" s="613"/>
      <c r="PUM695" s="613"/>
      <c r="PUN695" s="613"/>
      <c r="PUO695" s="613"/>
      <c r="PUP695" s="613"/>
      <c r="PUQ695" s="613"/>
      <c r="PUR695" s="613"/>
      <c r="PUS695" s="613"/>
      <c r="PUT695" s="613"/>
      <c r="PUU695" s="613"/>
      <c r="PUV695" s="613"/>
      <c r="PUW695" s="613"/>
      <c r="PUX695" s="613"/>
      <c r="PUY695" s="613"/>
      <c r="PUZ695" s="613"/>
      <c r="PVA695" s="613"/>
      <c r="PVB695" s="613"/>
      <c r="PVC695" s="613"/>
      <c r="PVD695" s="613"/>
      <c r="PVE695" s="613"/>
      <c r="PVF695" s="613"/>
      <c r="PVG695" s="613"/>
      <c r="PVH695" s="613"/>
      <c r="PVI695" s="613"/>
      <c r="PVJ695" s="613"/>
      <c r="PVK695" s="613"/>
      <c r="PVL695" s="613"/>
      <c r="PVM695" s="613"/>
      <c r="PVN695" s="613"/>
      <c r="PVO695" s="613"/>
      <c r="PVP695" s="613"/>
      <c r="PVQ695" s="613"/>
      <c r="PVR695" s="613"/>
      <c r="PVS695" s="613"/>
      <c r="PVT695" s="613"/>
      <c r="PVU695" s="613"/>
      <c r="PVV695" s="613"/>
      <c r="PVW695" s="613"/>
      <c r="PVX695" s="613"/>
      <c r="PVY695" s="613"/>
      <c r="PVZ695" s="613"/>
      <c r="PWA695" s="613"/>
      <c r="PWB695" s="613"/>
      <c r="PWC695" s="613"/>
      <c r="PWD695" s="613"/>
      <c r="PWE695" s="613"/>
      <c r="PWF695" s="613"/>
      <c r="PWG695" s="613"/>
      <c r="PWH695" s="613"/>
      <c r="PWI695" s="613"/>
      <c r="PWJ695" s="613"/>
      <c r="PWK695" s="613"/>
      <c r="PWL695" s="613"/>
      <c r="PWM695" s="613"/>
      <c r="PWN695" s="613"/>
      <c r="PWO695" s="613"/>
      <c r="PWP695" s="613"/>
      <c r="PWQ695" s="613"/>
      <c r="PWR695" s="613"/>
      <c r="PWS695" s="613"/>
      <c r="PWT695" s="613"/>
      <c r="PWU695" s="613"/>
      <c r="PWV695" s="613"/>
      <c r="PWW695" s="613"/>
      <c r="PWX695" s="613"/>
      <c r="PWY695" s="613"/>
      <c r="PWZ695" s="613"/>
      <c r="PXA695" s="613"/>
      <c r="PXB695" s="613"/>
      <c r="PXC695" s="613"/>
      <c r="PXD695" s="613"/>
      <c r="PXE695" s="613"/>
      <c r="PXF695" s="613"/>
      <c r="PXG695" s="613"/>
      <c r="PXH695" s="613"/>
      <c r="PXI695" s="613"/>
      <c r="PXJ695" s="613"/>
      <c r="PXK695" s="613"/>
      <c r="PXL695" s="613"/>
      <c r="PXM695" s="613"/>
      <c r="PXN695" s="613"/>
      <c r="PXO695" s="613"/>
      <c r="PXP695" s="613"/>
      <c r="PXQ695" s="613"/>
      <c r="PXR695" s="613"/>
      <c r="PXS695" s="613"/>
      <c r="PXT695" s="613"/>
      <c r="PXU695" s="613"/>
      <c r="PXV695" s="613"/>
      <c r="PXW695" s="613"/>
      <c r="PXX695" s="613"/>
      <c r="PXY695" s="613"/>
      <c r="PXZ695" s="613"/>
      <c r="PYA695" s="613"/>
      <c r="PYB695" s="613"/>
      <c r="PYC695" s="613"/>
      <c r="PYD695" s="613"/>
      <c r="PYE695" s="613"/>
      <c r="PYF695" s="613"/>
      <c r="PYG695" s="613"/>
      <c r="PYH695" s="613"/>
      <c r="PYI695" s="613"/>
      <c r="PYJ695" s="613"/>
      <c r="PYK695" s="613"/>
      <c r="PYL695" s="613"/>
      <c r="PYM695" s="613"/>
      <c r="PYN695" s="613"/>
      <c r="PYO695" s="613"/>
      <c r="PYP695" s="613"/>
      <c r="PYQ695" s="613"/>
      <c r="PYR695" s="613"/>
      <c r="PYS695" s="613"/>
      <c r="PYT695" s="613"/>
      <c r="PYU695" s="613"/>
      <c r="PYV695" s="613"/>
      <c r="PYW695" s="613"/>
      <c r="PYX695" s="613"/>
      <c r="PYY695" s="613"/>
      <c r="PYZ695" s="613"/>
      <c r="PZA695" s="613"/>
      <c r="PZB695" s="613"/>
      <c r="PZC695" s="613"/>
      <c r="PZD695" s="613"/>
      <c r="PZE695" s="613"/>
      <c r="PZF695" s="613"/>
      <c r="PZG695" s="613"/>
      <c r="PZH695" s="613"/>
      <c r="PZI695" s="613"/>
      <c r="PZJ695" s="613"/>
      <c r="PZK695" s="613"/>
      <c r="PZL695" s="613"/>
      <c r="PZM695" s="613"/>
      <c r="PZN695" s="613"/>
      <c r="PZO695" s="613"/>
      <c r="PZP695" s="613"/>
      <c r="PZQ695" s="613"/>
      <c r="PZR695" s="613"/>
      <c r="PZS695" s="613"/>
      <c r="PZT695" s="613"/>
      <c r="PZU695" s="613"/>
      <c r="PZV695" s="613"/>
      <c r="PZW695" s="613"/>
      <c r="PZX695" s="613"/>
      <c r="PZY695" s="613"/>
      <c r="PZZ695" s="613"/>
      <c r="QAA695" s="613"/>
      <c r="QAB695" s="613"/>
      <c r="QAC695" s="613"/>
      <c r="QAD695" s="613"/>
      <c r="QAE695" s="613"/>
      <c r="QAF695" s="613"/>
      <c r="QAG695" s="613"/>
      <c r="QAH695" s="613"/>
      <c r="QAI695" s="613"/>
      <c r="QAJ695" s="613"/>
      <c r="QAK695" s="613"/>
      <c r="QAL695" s="613"/>
      <c r="QAM695" s="613"/>
      <c r="QAN695" s="613"/>
      <c r="QAO695" s="613"/>
      <c r="QAP695" s="613"/>
      <c r="QAQ695" s="613"/>
      <c r="QAR695" s="613"/>
      <c r="QAS695" s="613"/>
      <c r="QAT695" s="613"/>
      <c r="QAU695" s="613"/>
      <c r="QAV695" s="613"/>
      <c r="QAW695" s="613"/>
      <c r="QAX695" s="613"/>
      <c r="QAY695" s="613"/>
      <c r="QAZ695" s="613"/>
      <c r="QBA695" s="613"/>
      <c r="QBB695" s="613"/>
      <c r="QBC695" s="613"/>
      <c r="QBD695" s="613"/>
      <c r="QBE695" s="613"/>
      <c r="QBF695" s="613"/>
      <c r="QBG695" s="613"/>
      <c r="QBH695" s="613"/>
      <c r="QBI695" s="613"/>
      <c r="QBJ695" s="613"/>
      <c r="QBK695" s="613"/>
      <c r="QBL695" s="613"/>
      <c r="QBM695" s="613"/>
      <c r="QBN695" s="613"/>
      <c r="QBO695" s="613"/>
      <c r="QBP695" s="613"/>
      <c r="QBQ695" s="613"/>
      <c r="QBR695" s="613"/>
      <c r="QBS695" s="613"/>
      <c r="QBT695" s="613"/>
      <c r="QBU695" s="613"/>
      <c r="QBV695" s="613"/>
      <c r="QBW695" s="613"/>
      <c r="QBX695" s="613"/>
      <c r="QBY695" s="613"/>
      <c r="QBZ695" s="613"/>
      <c r="QCA695" s="613"/>
      <c r="QCB695" s="613"/>
      <c r="QCC695" s="613"/>
      <c r="QCD695" s="613"/>
      <c r="QCE695" s="613"/>
      <c r="QCF695" s="613"/>
      <c r="QCG695" s="613"/>
      <c r="QCH695" s="613"/>
      <c r="QCI695" s="613"/>
      <c r="QCJ695" s="613"/>
      <c r="QCK695" s="613"/>
      <c r="QCL695" s="613"/>
      <c r="QCM695" s="613"/>
      <c r="QCN695" s="613"/>
      <c r="QCO695" s="613"/>
      <c r="QCP695" s="613"/>
      <c r="QCQ695" s="613"/>
      <c r="QCR695" s="613"/>
      <c r="QCS695" s="613"/>
      <c r="QCT695" s="613"/>
      <c r="QCU695" s="613"/>
      <c r="QCV695" s="613"/>
      <c r="QCW695" s="613"/>
      <c r="QCX695" s="613"/>
      <c r="QCY695" s="613"/>
      <c r="QCZ695" s="613"/>
      <c r="QDA695" s="613"/>
      <c r="QDB695" s="613"/>
      <c r="QDC695" s="613"/>
      <c r="QDD695" s="613"/>
      <c r="QDE695" s="613"/>
      <c r="QDF695" s="613"/>
      <c r="QDG695" s="613"/>
      <c r="QDH695" s="613"/>
      <c r="QDI695" s="613"/>
      <c r="QDJ695" s="613"/>
      <c r="QDK695" s="613"/>
      <c r="QDL695" s="613"/>
      <c r="QDM695" s="613"/>
      <c r="QDN695" s="613"/>
      <c r="QDO695" s="613"/>
      <c r="QDP695" s="613"/>
      <c r="QDQ695" s="613"/>
      <c r="QDR695" s="613"/>
      <c r="QDS695" s="613"/>
      <c r="QDT695" s="613"/>
      <c r="QDU695" s="613"/>
      <c r="QDV695" s="613"/>
      <c r="QDW695" s="613"/>
      <c r="QDX695" s="613"/>
      <c r="QDY695" s="613"/>
      <c r="QDZ695" s="613"/>
      <c r="QEA695" s="613"/>
      <c r="QEB695" s="613"/>
      <c r="QEC695" s="613"/>
      <c r="QED695" s="613"/>
      <c r="QEE695" s="613"/>
      <c r="QEF695" s="613"/>
      <c r="QEG695" s="613"/>
      <c r="QEH695" s="613"/>
      <c r="QEI695" s="613"/>
      <c r="QEJ695" s="613"/>
      <c r="QEK695" s="613"/>
      <c r="QEL695" s="613"/>
      <c r="QEM695" s="613"/>
      <c r="QEN695" s="613"/>
      <c r="QEO695" s="613"/>
      <c r="QEP695" s="613"/>
      <c r="QEQ695" s="613"/>
      <c r="QER695" s="613"/>
      <c r="QES695" s="613"/>
      <c r="QET695" s="613"/>
      <c r="QEU695" s="613"/>
      <c r="QEV695" s="613"/>
      <c r="QEW695" s="613"/>
      <c r="QEX695" s="613"/>
      <c r="QEY695" s="613"/>
      <c r="QEZ695" s="613"/>
      <c r="QFA695" s="613"/>
      <c r="QFB695" s="613"/>
      <c r="QFC695" s="613"/>
      <c r="QFD695" s="613"/>
      <c r="QFE695" s="613"/>
      <c r="QFF695" s="613"/>
      <c r="QFG695" s="613"/>
      <c r="QFH695" s="613"/>
      <c r="QFI695" s="613"/>
      <c r="QFJ695" s="613"/>
      <c r="QFK695" s="613"/>
      <c r="QFL695" s="613"/>
      <c r="QFM695" s="613"/>
      <c r="QFN695" s="613"/>
      <c r="QFO695" s="613"/>
      <c r="QFP695" s="613"/>
      <c r="QFQ695" s="613"/>
      <c r="QFR695" s="613"/>
      <c r="QFS695" s="613"/>
      <c r="QFT695" s="613"/>
      <c r="QFU695" s="613"/>
      <c r="QFV695" s="613"/>
      <c r="QFW695" s="613"/>
      <c r="QFX695" s="613"/>
      <c r="QFY695" s="613"/>
      <c r="QFZ695" s="613"/>
      <c r="QGA695" s="613"/>
      <c r="QGB695" s="613"/>
      <c r="QGC695" s="613"/>
      <c r="QGD695" s="613"/>
      <c r="QGE695" s="613"/>
      <c r="QGF695" s="613"/>
      <c r="QGG695" s="613"/>
      <c r="QGH695" s="613"/>
      <c r="QGI695" s="613"/>
      <c r="QGJ695" s="613"/>
      <c r="QGK695" s="613"/>
      <c r="QGL695" s="613"/>
      <c r="QGM695" s="613"/>
      <c r="QGN695" s="613"/>
      <c r="QGO695" s="613"/>
      <c r="QGP695" s="613"/>
      <c r="QGQ695" s="613"/>
      <c r="QGR695" s="613"/>
      <c r="QGS695" s="613"/>
      <c r="QGT695" s="613"/>
      <c r="QGU695" s="613"/>
      <c r="QGV695" s="613"/>
      <c r="QGW695" s="613"/>
      <c r="QGX695" s="613"/>
      <c r="QGY695" s="613"/>
      <c r="QGZ695" s="613"/>
      <c r="QHA695" s="613"/>
      <c r="QHB695" s="613"/>
      <c r="QHC695" s="613"/>
      <c r="QHD695" s="613"/>
      <c r="QHE695" s="613"/>
      <c r="QHF695" s="613"/>
      <c r="QHG695" s="613"/>
      <c r="QHH695" s="613"/>
      <c r="QHI695" s="613"/>
      <c r="QHJ695" s="613"/>
      <c r="QHK695" s="613"/>
      <c r="QHL695" s="613"/>
      <c r="QHM695" s="613"/>
      <c r="QHN695" s="613"/>
      <c r="QHO695" s="613"/>
      <c r="QHP695" s="613"/>
      <c r="QHQ695" s="613"/>
      <c r="QHR695" s="613"/>
      <c r="QHS695" s="613"/>
      <c r="QHT695" s="613"/>
      <c r="QHU695" s="613"/>
      <c r="QHV695" s="613"/>
      <c r="QHW695" s="613"/>
      <c r="QHX695" s="613"/>
      <c r="QHY695" s="613"/>
      <c r="QHZ695" s="613"/>
      <c r="QIA695" s="613"/>
      <c r="QIB695" s="613"/>
      <c r="QIC695" s="613"/>
      <c r="QID695" s="613"/>
      <c r="QIE695" s="613"/>
      <c r="QIF695" s="613"/>
      <c r="QIG695" s="613"/>
      <c r="QIH695" s="613"/>
      <c r="QII695" s="613"/>
      <c r="QIJ695" s="613"/>
      <c r="QIK695" s="613"/>
      <c r="QIL695" s="613"/>
      <c r="QIM695" s="613"/>
      <c r="QIN695" s="613"/>
      <c r="QIO695" s="613"/>
      <c r="QIP695" s="613"/>
      <c r="QIQ695" s="613"/>
      <c r="QIR695" s="613"/>
      <c r="QIS695" s="613"/>
      <c r="QIT695" s="613"/>
      <c r="QIU695" s="613"/>
      <c r="QIV695" s="613"/>
      <c r="QIW695" s="613"/>
      <c r="QIX695" s="613"/>
      <c r="QIY695" s="613"/>
      <c r="QIZ695" s="613"/>
      <c r="QJA695" s="613"/>
      <c r="QJB695" s="613"/>
      <c r="QJC695" s="613"/>
      <c r="QJD695" s="613"/>
      <c r="QJE695" s="613"/>
      <c r="QJF695" s="613"/>
      <c r="QJG695" s="613"/>
      <c r="QJH695" s="613"/>
      <c r="QJI695" s="613"/>
      <c r="QJJ695" s="613"/>
      <c r="QJK695" s="613"/>
      <c r="QJL695" s="613"/>
      <c r="QJM695" s="613"/>
      <c r="QJN695" s="613"/>
      <c r="QJO695" s="613"/>
      <c r="QJP695" s="613"/>
      <c r="QJQ695" s="613"/>
      <c r="QJR695" s="613"/>
      <c r="QJS695" s="613"/>
      <c r="QJT695" s="613"/>
      <c r="QJU695" s="613"/>
      <c r="QJV695" s="613"/>
      <c r="QJW695" s="613"/>
      <c r="QJX695" s="613"/>
      <c r="QJY695" s="613"/>
      <c r="QJZ695" s="613"/>
      <c r="QKA695" s="613"/>
      <c r="QKB695" s="613"/>
      <c r="QKC695" s="613"/>
      <c r="QKD695" s="613"/>
      <c r="QKE695" s="613"/>
      <c r="QKF695" s="613"/>
      <c r="QKG695" s="613"/>
      <c r="QKH695" s="613"/>
      <c r="QKI695" s="613"/>
      <c r="QKJ695" s="613"/>
      <c r="QKK695" s="613"/>
      <c r="QKL695" s="613"/>
      <c r="QKM695" s="613"/>
      <c r="QKN695" s="613"/>
      <c r="QKO695" s="613"/>
      <c r="QKP695" s="613"/>
      <c r="QKQ695" s="613"/>
      <c r="QKR695" s="613"/>
      <c r="QKS695" s="613"/>
      <c r="QKT695" s="613"/>
      <c r="QKU695" s="613"/>
      <c r="QKV695" s="613"/>
      <c r="QKW695" s="613"/>
      <c r="QKX695" s="613"/>
      <c r="QKY695" s="613"/>
      <c r="QKZ695" s="613"/>
      <c r="QLA695" s="613"/>
      <c r="QLB695" s="613"/>
      <c r="QLC695" s="613"/>
      <c r="QLD695" s="613"/>
      <c r="QLE695" s="613"/>
      <c r="QLF695" s="613"/>
      <c r="QLG695" s="613"/>
      <c r="QLH695" s="613"/>
      <c r="QLI695" s="613"/>
      <c r="QLJ695" s="613"/>
      <c r="QLK695" s="613"/>
      <c r="QLL695" s="613"/>
      <c r="QLM695" s="613"/>
      <c r="QLN695" s="613"/>
      <c r="QLO695" s="613"/>
      <c r="QLP695" s="613"/>
      <c r="QLQ695" s="613"/>
      <c r="QLR695" s="613"/>
      <c r="QLS695" s="613"/>
      <c r="QLT695" s="613"/>
      <c r="QLU695" s="613"/>
      <c r="QLV695" s="613"/>
      <c r="QLW695" s="613"/>
      <c r="QLX695" s="613"/>
      <c r="QLY695" s="613"/>
      <c r="QLZ695" s="613"/>
      <c r="QMA695" s="613"/>
      <c r="QMB695" s="613"/>
      <c r="QMC695" s="613"/>
      <c r="QMD695" s="613"/>
      <c r="QME695" s="613"/>
      <c r="QMF695" s="613"/>
      <c r="QMG695" s="613"/>
      <c r="QMH695" s="613"/>
      <c r="QMI695" s="613"/>
      <c r="QMJ695" s="613"/>
      <c r="QMK695" s="613"/>
      <c r="QML695" s="613"/>
      <c r="QMM695" s="613"/>
      <c r="QMN695" s="613"/>
      <c r="QMO695" s="613"/>
      <c r="QMP695" s="613"/>
      <c r="QMQ695" s="613"/>
      <c r="QMR695" s="613"/>
      <c r="QMS695" s="613"/>
      <c r="QMT695" s="613"/>
      <c r="QMU695" s="613"/>
      <c r="QMV695" s="613"/>
      <c r="QMW695" s="613"/>
      <c r="QMX695" s="613"/>
      <c r="QMY695" s="613"/>
      <c r="QMZ695" s="613"/>
      <c r="QNA695" s="613"/>
      <c r="QNB695" s="613"/>
      <c r="QNC695" s="613"/>
      <c r="QND695" s="613"/>
      <c r="QNE695" s="613"/>
      <c r="QNF695" s="613"/>
      <c r="QNG695" s="613"/>
      <c r="QNH695" s="613"/>
      <c r="QNI695" s="613"/>
      <c r="QNJ695" s="613"/>
      <c r="QNK695" s="613"/>
      <c r="QNL695" s="613"/>
      <c r="QNM695" s="613"/>
      <c r="QNN695" s="613"/>
      <c r="QNO695" s="613"/>
      <c r="QNP695" s="613"/>
      <c r="QNQ695" s="613"/>
      <c r="QNR695" s="613"/>
      <c r="QNS695" s="613"/>
      <c r="QNT695" s="613"/>
      <c r="QNU695" s="613"/>
      <c r="QNV695" s="613"/>
      <c r="QNW695" s="613"/>
      <c r="QNX695" s="613"/>
      <c r="QNY695" s="613"/>
      <c r="QNZ695" s="613"/>
      <c r="QOA695" s="613"/>
      <c r="QOB695" s="613"/>
      <c r="QOC695" s="613"/>
      <c r="QOD695" s="613"/>
      <c r="QOE695" s="613"/>
      <c r="QOF695" s="613"/>
      <c r="QOG695" s="613"/>
      <c r="QOH695" s="613"/>
      <c r="QOI695" s="613"/>
      <c r="QOJ695" s="613"/>
      <c r="QOK695" s="613"/>
      <c r="QOL695" s="613"/>
      <c r="QOM695" s="613"/>
      <c r="QON695" s="613"/>
      <c r="QOO695" s="613"/>
      <c r="QOP695" s="613"/>
      <c r="QOQ695" s="613"/>
      <c r="QOR695" s="613"/>
      <c r="QOS695" s="613"/>
      <c r="QOT695" s="613"/>
      <c r="QOU695" s="613"/>
      <c r="QOV695" s="613"/>
      <c r="QOW695" s="613"/>
      <c r="QOX695" s="613"/>
      <c r="QOY695" s="613"/>
      <c r="QOZ695" s="613"/>
      <c r="QPA695" s="613"/>
      <c r="QPB695" s="613"/>
      <c r="QPC695" s="613"/>
      <c r="QPD695" s="613"/>
      <c r="QPE695" s="613"/>
      <c r="QPF695" s="613"/>
      <c r="QPG695" s="613"/>
      <c r="QPH695" s="613"/>
      <c r="QPI695" s="613"/>
      <c r="QPJ695" s="613"/>
      <c r="QPK695" s="613"/>
      <c r="QPL695" s="613"/>
      <c r="QPM695" s="613"/>
      <c r="QPN695" s="613"/>
      <c r="QPO695" s="613"/>
      <c r="QPP695" s="613"/>
      <c r="QPQ695" s="613"/>
      <c r="QPR695" s="613"/>
      <c r="QPS695" s="613"/>
      <c r="QPT695" s="613"/>
      <c r="QPU695" s="613"/>
      <c r="QPV695" s="613"/>
      <c r="QPW695" s="613"/>
      <c r="QPX695" s="613"/>
      <c r="QPY695" s="613"/>
      <c r="QPZ695" s="613"/>
      <c r="QQA695" s="613"/>
      <c r="QQB695" s="613"/>
      <c r="QQC695" s="613"/>
      <c r="QQD695" s="613"/>
      <c r="QQE695" s="613"/>
      <c r="QQF695" s="613"/>
      <c r="QQG695" s="613"/>
      <c r="QQH695" s="613"/>
      <c r="QQI695" s="613"/>
      <c r="QQJ695" s="613"/>
      <c r="QQK695" s="613"/>
      <c r="QQL695" s="613"/>
      <c r="QQM695" s="613"/>
      <c r="QQN695" s="613"/>
      <c r="QQO695" s="613"/>
      <c r="QQP695" s="613"/>
      <c r="QQQ695" s="613"/>
      <c r="QQR695" s="613"/>
      <c r="QQS695" s="613"/>
      <c r="QQT695" s="613"/>
      <c r="QQU695" s="613"/>
      <c r="QQV695" s="613"/>
      <c r="QQW695" s="613"/>
      <c r="QQX695" s="613"/>
      <c r="QQY695" s="613"/>
      <c r="QQZ695" s="613"/>
      <c r="QRA695" s="613"/>
      <c r="QRB695" s="613"/>
      <c r="QRC695" s="613"/>
      <c r="QRD695" s="613"/>
      <c r="QRE695" s="613"/>
      <c r="QRF695" s="613"/>
      <c r="QRG695" s="613"/>
      <c r="QRH695" s="613"/>
      <c r="QRI695" s="613"/>
      <c r="QRJ695" s="613"/>
      <c r="QRK695" s="613"/>
      <c r="QRL695" s="613"/>
      <c r="QRM695" s="613"/>
      <c r="QRN695" s="613"/>
      <c r="QRO695" s="613"/>
      <c r="QRP695" s="613"/>
      <c r="QRQ695" s="613"/>
      <c r="QRR695" s="613"/>
      <c r="QRS695" s="613"/>
      <c r="QRT695" s="613"/>
      <c r="QRU695" s="613"/>
      <c r="QRV695" s="613"/>
      <c r="QRW695" s="613"/>
      <c r="QRX695" s="613"/>
      <c r="QRY695" s="613"/>
      <c r="QRZ695" s="613"/>
      <c r="QSA695" s="613"/>
      <c r="QSB695" s="613"/>
      <c r="QSC695" s="613"/>
      <c r="QSD695" s="613"/>
      <c r="QSE695" s="613"/>
      <c r="QSF695" s="613"/>
      <c r="QSG695" s="613"/>
      <c r="QSH695" s="613"/>
      <c r="QSI695" s="613"/>
      <c r="QSJ695" s="613"/>
      <c r="QSK695" s="613"/>
      <c r="QSL695" s="613"/>
      <c r="QSM695" s="613"/>
      <c r="QSN695" s="613"/>
      <c r="QSO695" s="613"/>
      <c r="QSP695" s="613"/>
      <c r="QSQ695" s="613"/>
      <c r="QSR695" s="613"/>
      <c r="QSS695" s="613"/>
      <c r="QST695" s="613"/>
      <c r="QSU695" s="613"/>
      <c r="QSV695" s="613"/>
      <c r="QSW695" s="613"/>
      <c r="QSX695" s="613"/>
      <c r="QSY695" s="613"/>
      <c r="QSZ695" s="613"/>
      <c r="QTA695" s="613"/>
      <c r="QTB695" s="613"/>
      <c r="QTC695" s="613"/>
      <c r="QTD695" s="613"/>
      <c r="QTE695" s="613"/>
      <c r="QTF695" s="613"/>
      <c r="QTG695" s="613"/>
      <c r="QTH695" s="613"/>
      <c r="QTI695" s="613"/>
      <c r="QTJ695" s="613"/>
      <c r="QTK695" s="613"/>
      <c r="QTL695" s="613"/>
      <c r="QTM695" s="613"/>
      <c r="QTN695" s="613"/>
      <c r="QTO695" s="613"/>
      <c r="QTP695" s="613"/>
      <c r="QTQ695" s="613"/>
      <c r="QTR695" s="613"/>
      <c r="QTS695" s="613"/>
      <c r="QTT695" s="613"/>
      <c r="QTU695" s="613"/>
      <c r="QTV695" s="613"/>
      <c r="QTW695" s="613"/>
      <c r="QTX695" s="613"/>
      <c r="QTY695" s="613"/>
      <c r="QTZ695" s="613"/>
      <c r="QUA695" s="613"/>
      <c r="QUB695" s="613"/>
      <c r="QUC695" s="613"/>
      <c r="QUD695" s="613"/>
      <c r="QUE695" s="613"/>
      <c r="QUF695" s="613"/>
      <c r="QUG695" s="613"/>
      <c r="QUH695" s="613"/>
      <c r="QUI695" s="613"/>
      <c r="QUJ695" s="613"/>
      <c r="QUK695" s="613"/>
      <c r="QUL695" s="613"/>
      <c r="QUM695" s="613"/>
      <c r="QUN695" s="613"/>
      <c r="QUO695" s="613"/>
      <c r="QUP695" s="613"/>
      <c r="QUQ695" s="613"/>
      <c r="QUR695" s="613"/>
      <c r="QUS695" s="613"/>
      <c r="QUT695" s="613"/>
      <c r="QUU695" s="613"/>
      <c r="QUV695" s="613"/>
      <c r="QUW695" s="613"/>
      <c r="QUX695" s="613"/>
      <c r="QUY695" s="613"/>
      <c r="QUZ695" s="613"/>
      <c r="QVA695" s="613"/>
      <c r="QVB695" s="613"/>
      <c r="QVC695" s="613"/>
      <c r="QVD695" s="613"/>
      <c r="QVE695" s="613"/>
      <c r="QVF695" s="613"/>
      <c r="QVG695" s="613"/>
      <c r="QVH695" s="613"/>
      <c r="QVI695" s="613"/>
      <c r="QVJ695" s="613"/>
      <c r="QVK695" s="613"/>
      <c r="QVL695" s="613"/>
      <c r="QVM695" s="613"/>
      <c r="QVN695" s="613"/>
      <c r="QVO695" s="613"/>
      <c r="QVP695" s="613"/>
      <c r="QVQ695" s="613"/>
      <c r="QVR695" s="613"/>
      <c r="QVS695" s="613"/>
      <c r="QVT695" s="613"/>
      <c r="QVU695" s="613"/>
      <c r="QVV695" s="613"/>
      <c r="QVW695" s="613"/>
      <c r="QVX695" s="613"/>
      <c r="QVY695" s="613"/>
      <c r="QVZ695" s="613"/>
      <c r="QWA695" s="613"/>
      <c r="QWB695" s="613"/>
      <c r="QWC695" s="613"/>
      <c r="QWD695" s="613"/>
      <c r="QWE695" s="613"/>
      <c r="QWF695" s="613"/>
      <c r="QWG695" s="613"/>
      <c r="QWH695" s="613"/>
      <c r="QWI695" s="613"/>
      <c r="QWJ695" s="613"/>
      <c r="QWK695" s="613"/>
      <c r="QWL695" s="613"/>
      <c r="QWM695" s="613"/>
      <c r="QWN695" s="613"/>
      <c r="QWO695" s="613"/>
      <c r="QWP695" s="613"/>
      <c r="QWQ695" s="613"/>
      <c r="QWR695" s="613"/>
      <c r="QWS695" s="613"/>
      <c r="QWT695" s="613"/>
      <c r="QWU695" s="613"/>
      <c r="QWV695" s="613"/>
      <c r="QWW695" s="613"/>
      <c r="QWX695" s="613"/>
      <c r="QWY695" s="613"/>
      <c r="QWZ695" s="613"/>
      <c r="QXA695" s="613"/>
      <c r="QXB695" s="613"/>
      <c r="QXC695" s="613"/>
      <c r="QXD695" s="613"/>
      <c r="QXE695" s="613"/>
      <c r="QXF695" s="613"/>
      <c r="QXG695" s="613"/>
      <c r="QXH695" s="613"/>
      <c r="QXI695" s="613"/>
      <c r="QXJ695" s="613"/>
      <c r="QXK695" s="613"/>
      <c r="QXL695" s="613"/>
      <c r="QXM695" s="613"/>
      <c r="QXN695" s="613"/>
      <c r="QXO695" s="613"/>
      <c r="QXP695" s="613"/>
      <c r="QXQ695" s="613"/>
      <c r="QXR695" s="613"/>
      <c r="QXS695" s="613"/>
      <c r="QXT695" s="613"/>
      <c r="QXU695" s="613"/>
      <c r="QXV695" s="613"/>
      <c r="QXW695" s="613"/>
      <c r="QXX695" s="613"/>
      <c r="QXY695" s="613"/>
      <c r="QXZ695" s="613"/>
      <c r="QYA695" s="613"/>
      <c r="QYB695" s="613"/>
      <c r="QYC695" s="613"/>
      <c r="QYD695" s="613"/>
      <c r="QYE695" s="613"/>
      <c r="QYF695" s="613"/>
      <c r="QYG695" s="613"/>
      <c r="QYH695" s="613"/>
      <c r="QYI695" s="613"/>
      <c r="QYJ695" s="613"/>
      <c r="QYK695" s="613"/>
      <c r="QYL695" s="613"/>
      <c r="QYM695" s="613"/>
      <c r="QYN695" s="613"/>
      <c r="QYO695" s="613"/>
      <c r="QYP695" s="613"/>
      <c r="QYQ695" s="613"/>
      <c r="QYR695" s="613"/>
      <c r="QYS695" s="613"/>
      <c r="QYT695" s="613"/>
      <c r="QYU695" s="613"/>
      <c r="QYV695" s="613"/>
      <c r="QYW695" s="613"/>
      <c r="QYX695" s="613"/>
      <c r="QYY695" s="613"/>
      <c r="QYZ695" s="613"/>
      <c r="QZA695" s="613"/>
      <c r="QZB695" s="613"/>
      <c r="QZC695" s="613"/>
      <c r="QZD695" s="613"/>
      <c r="QZE695" s="613"/>
      <c r="QZF695" s="613"/>
      <c r="QZG695" s="613"/>
      <c r="QZH695" s="613"/>
      <c r="QZI695" s="613"/>
      <c r="QZJ695" s="613"/>
      <c r="QZK695" s="613"/>
      <c r="QZL695" s="613"/>
      <c r="QZM695" s="613"/>
      <c r="QZN695" s="613"/>
      <c r="QZO695" s="613"/>
      <c r="QZP695" s="613"/>
      <c r="QZQ695" s="613"/>
      <c r="QZR695" s="613"/>
      <c r="QZS695" s="613"/>
      <c r="QZT695" s="613"/>
      <c r="QZU695" s="613"/>
      <c r="QZV695" s="613"/>
      <c r="QZW695" s="613"/>
      <c r="QZX695" s="613"/>
      <c r="QZY695" s="613"/>
      <c r="QZZ695" s="613"/>
      <c r="RAA695" s="613"/>
      <c r="RAB695" s="613"/>
      <c r="RAC695" s="613"/>
      <c r="RAD695" s="613"/>
      <c r="RAE695" s="613"/>
      <c r="RAF695" s="613"/>
      <c r="RAG695" s="613"/>
      <c r="RAH695" s="613"/>
      <c r="RAI695" s="613"/>
      <c r="RAJ695" s="613"/>
      <c r="RAK695" s="613"/>
      <c r="RAL695" s="613"/>
      <c r="RAM695" s="613"/>
      <c r="RAN695" s="613"/>
      <c r="RAO695" s="613"/>
      <c r="RAP695" s="613"/>
      <c r="RAQ695" s="613"/>
      <c r="RAR695" s="613"/>
      <c r="RAS695" s="613"/>
      <c r="RAT695" s="613"/>
      <c r="RAU695" s="613"/>
      <c r="RAV695" s="613"/>
      <c r="RAW695" s="613"/>
      <c r="RAX695" s="613"/>
      <c r="RAY695" s="613"/>
      <c r="RAZ695" s="613"/>
      <c r="RBA695" s="613"/>
      <c r="RBB695" s="613"/>
      <c r="RBC695" s="613"/>
      <c r="RBD695" s="613"/>
      <c r="RBE695" s="613"/>
      <c r="RBF695" s="613"/>
      <c r="RBG695" s="613"/>
      <c r="RBH695" s="613"/>
      <c r="RBI695" s="613"/>
      <c r="RBJ695" s="613"/>
      <c r="RBK695" s="613"/>
      <c r="RBL695" s="613"/>
      <c r="RBM695" s="613"/>
      <c r="RBN695" s="613"/>
      <c r="RBO695" s="613"/>
      <c r="RBP695" s="613"/>
      <c r="RBQ695" s="613"/>
      <c r="RBR695" s="613"/>
      <c r="RBS695" s="613"/>
      <c r="RBT695" s="613"/>
      <c r="RBU695" s="613"/>
      <c r="RBV695" s="613"/>
      <c r="RBW695" s="613"/>
      <c r="RBX695" s="613"/>
      <c r="RBY695" s="613"/>
      <c r="RBZ695" s="613"/>
      <c r="RCA695" s="613"/>
      <c r="RCB695" s="613"/>
      <c r="RCC695" s="613"/>
      <c r="RCD695" s="613"/>
      <c r="RCE695" s="613"/>
      <c r="RCF695" s="613"/>
      <c r="RCG695" s="613"/>
      <c r="RCH695" s="613"/>
      <c r="RCI695" s="613"/>
      <c r="RCJ695" s="613"/>
      <c r="RCK695" s="613"/>
      <c r="RCL695" s="613"/>
      <c r="RCM695" s="613"/>
      <c r="RCN695" s="613"/>
      <c r="RCO695" s="613"/>
      <c r="RCP695" s="613"/>
      <c r="RCQ695" s="613"/>
      <c r="RCR695" s="613"/>
      <c r="RCS695" s="613"/>
      <c r="RCT695" s="613"/>
      <c r="RCU695" s="613"/>
      <c r="RCV695" s="613"/>
      <c r="RCW695" s="613"/>
      <c r="RCX695" s="613"/>
      <c r="RCY695" s="613"/>
      <c r="RCZ695" s="613"/>
      <c r="RDA695" s="613"/>
      <c r="RDB695" s="613"/>
      <c r="RDC695" s="613"/>
      <c r="RDD695" s="613"/>
      <c r="RDE695" s="613"/>
      <c r="RDF695" s="613"/>
      <c r="RDG695" s="613"/>
      <c r="RDH695" s="613"/>
      <c r="RDI695" s="613"/>
      <c r="RDJ695" s="613"/>
      <c r="RDK695" s="613"/>
      <c r="RDL695" s="613"/>
      <c r="RDM695" s="613"/>
      <c r="RDN695" s="613"/>
      <c r="RDO695" s="613"/>
      <c r="RDP695" s="613"/>
      <c r="RDQ695" s="613"/>
      <c r="RDR695" s="613"/>
      <c r="RDS695" s="613"/>
      <c r="RDT695" s="613"/>
      <c r="RDU695" s="613"/>
      <c r="RDV695" s="613"/>
      <c r="RDW695" s="613"/>
      <c r="RDX695" s="613"/>
      <c r="RDY695" s="613"/>
      <c r="RDZ695" s="613"/>
      <c r="REA695" s="613"/>
      <c r="REB695" s="613"/>
      <c r="REC695" s="613"/>
      <c r="RED695" s="613"/>
      <c r="REE695" s="613"/>
      <c r="REF695" s="613"/>
      <c r="REG695" s="613"/>
      <c r="REH695" s="613"/>
      <c r="REI695" s="613"/>
      <c r="REJ695" s="613"/>
      <c r="REK695" s="613"/>
      <c r="REL695" s="613"/>
      <c r="REM695" s="613"/>
      <c r="REN695" s="613"/>
      <c r="REO695" s="613"/>
      <c r="REP695" s="613"/>
      <c r="REQ695" s="613"/>
      <c r="RER695" s="613"/>
      <c r="RES695" s="613"/>
      <c r="RET695" s="613"/>
      <c r="REU695" s="613"/>
      <c r="REV695" s="613"/>
      <c r="REW695" s="613"/>
      <c r="REX695" s="613"/>
      <c r="REY695" s="613"/>
      <c r="REZ695" s="613"/>
      <c r="RFA695" s="613"/>
      <c r="RFB695" s="613"/>
      <c r="RFC695" s="613"/>
      <c r="RFD695" s="613"/>
      <c r="RFE695" s="613"/>
      <c r="RFF695" s="613"/>
      <c r="RFG695" s="613"/>
      <c r="RFH695" s="613"/>
      <c r="RFI695" s="613"/>
      <c r="RFJ695" s="613"/>
      <c r="RFK695" s="613"/>
      <c r="RFL695" s="613"/>
      <c r="RFM695" s="613"/>
      <c r="RFN695" s="613"/>
      <c r="RFO695" s="613"/>
      <c r="RFP695" s="613"/>
      <c r="RFQ695" s="613"/>
      <c r="RFR695" s="613"/>
      <c r="RFS695" s="613"/>
      <c r="RFT695" s="613"/>
      <c r="RFU695" s="613"/>
      <c r="RFV695" s="613"/>
      <c r="RFW695" s="613"/>
      <c r="RFX695" s="613"/>
      <c r="RFY695" s="613"/>
      <c r="RFZ695" s="613"/>
      <c r="RGA695" s="613"/>
      <c r="RGB695" s="613"/>
      <c r="RGC695" s="613"/>
      <c r="RGD695" s="613"/>
      <c r="RGE695" s="613"/>
      <c r="RGF695" s="613"/>
      <c r="RGG695" s="613"/>
      <c r="RGH695" s="613"/>
      <c r="RGI695" s="613"/>
      <c r="RGJ695" s="613"/>
      <c r="RGK695" s="613"/>
      <c r="RGL695" s="613"/>
      <c r="RGM695" s="613"/>
      <c r="RGN695" s="613"/>
      <c r="RGO695" s="613"/>
      <c r="RGP695" s="613"/>
      <c r="RGQ695" s="613"/>
      <c r="RGR695" s="613"/>
      <c r="RGS695" s="613"/>
      <c r="RGT695" s="613"/>
      <c r="RGU695" s="613"/>
      <c r="RGV695" s="613"/>
      <c r="RGW695" s="613"/>
      <c r="RGX695" s="613"/>
      <c r="RGY695" s="613"/>
      <c r="RGZ695" s="613"/>
      <c r="RHA695" s="613"/>
      <c r="RHB695" s="613"/>
      <c r="RHC695" s="613"/>
      <c r="RHD695" s="613"/>
      <c r="RHE695" s="613"/>
      <c r="RHF695" s="613"/>
      <c r="RHG695" s="613"/>
      <c r="RHH695" s="613"/>
      <c r="RHI695" s="613"/>
      <c r="RHJ695" s="613"/>
      <c r="RHK695" s="613"/>
      <c r="RHL695" s="613"/>
      <c r="RHM695" s="613"/>
      <c r="RHN695" s="613"/>
      <c r="RHO695" s="613"/>
      <c r="RHP695" s="613"/>
      <c r="RHQ695" s="613"/>
      <c r="RHR695" s="613"/>
      <c r="RHS695" s="613"/>
      <c r="RHT695" s="613"/>
      <c r="RHU695" s="613"/>
      <c r="RHV695" s="613"/>
      <c r="RHW695" s="613"/>
      <c r="RHX695" s="613"/>
      <c r="RHY695" s="613"/>
      <c r="RHZ695" s="613"/>
      <c r="RIA695" s="613"/>
      <c r="RIB695" s="613"/>
      <c r="RIC695" s="613"/>
      <c r="RID695" s="613"/>
      <c r="RIE695" s="613"/>
      <c r="RIF695" s="613"/>
      <c r="RIG695" s="613"/>
      <c r="RIH695" s="613"/>
      <c r="RII695" s="613"/>
      <c r="RIJ695" s="613"/>
      <c r="RIK695" s="613"/>
      <c r="RIL695" s="613"/>
      <c r="RIM695" s="613"/>
      <c r="RIN695" s="613"/>
      <c r="RIO695" s="613"/>
      <c r="RIP695" s="613"/>
      <c r="RIQ695" s="613"/>
      <c r="RIR695" s="613"/>
      <c r="RIS695" s="613"/>
      <c r="RIT695" s="613"/>
      <c r="RIU695" s="613"/>
      <c r="RIV695" s="613"/>
      <c r="RIW695" s="613"/>
      <c r="RIX695" s="613"/>
      <c r="RIY695" s="613"/>
      <c r="RIZ695" s="613"/>
      <c r="RJA695" s="613"/>
      <c r="RJB695" s="613"/>
      <c r="RJC695" s="613"/>
      <c r="RJD695" s="613"/>
      <c r="RJE695" s="613"/>
      <c r="RJF695" s="613"/>
      <c r="RJG695" s="613"/>
      <c r="RJH695" s="613"/>
      <c r="RJI695" s="613"/>
      <c r="RJJ695" s="613"/>
      <c r="RJK695" s="613"/>
      <c r="RJL695" s="613"/>
      <c r="RJM695" s="613"/>
      <c r="RJN695" s="613"/>
      <c r="RJO695" s="613"/>
      <c r="RJP695" s="613"/>
      <c r="RJQ695" s="613"/>
      <c r="RJR695" s="613"/>
      <c r="RJS695" s="613"/>
      <c r="RJT695" s="613"/>
      <c r="RJU695" s="613"/>
      <c r="RJV695" s="613"/>
      <c r="RJW695" s="613"/>
      <c r="RJX695" s="613"/>
      <c r="RJY695" s="613"/>
      <c r="RJZ695" s="613"/>
      <c r="RKA695" s="613"/>
      <c r="RKB695" s="613"/>
      <c r="RKC695" s="613"/>
      <c r="RKD695" s="613"/>
      <c r="RKE695" s="613"/>
      <c r="RKF695" s="613"/>
      <c r="RKG695" s="613"/>
      <c r="RKH695" s="613"/>
      <c r="RKI695" s="613"/>
      <c r="RKJ695" s="613"/>
      <c r="RKK695" s="613"/>
      <c r="RKL695" s="613"/>
      <c r="RKM695" s="613"/>
      <c r="RKN695" s="613"/>
      <c r="RKO695" s="613"/>
      <c r="RKP695" s="613"/>
      <c r="RKQ695" s="613"/>
      <c r="RKR695" s="613"/>
      <c r="RKS695" s="613"/>
      <c r="RKT695" s="613"/>
      <c r="RKU695" s="613"/>
      <c r="RKV695" s="613"/>
      <c r="RKW695" s="613"/>
      <c r="RKX695" s="613"/>
      <c r="RKY695" s="613"/>
      <c r="RKZ695" s="613"/>
      <c r="RLA695" s="613"/>
      <c r="RLB695" s="613"/>
      <c r="RLC695" s="613"/>
      <c r="RLD695" s="613"/>
      <c r="RLE695" s="613"/>
      <c r="RLF695" s="613"/>
      <c r="RLG695" s="613"/>
      <c r="RLH695" s="613"/>
      <c r="RLI695" s="613"/>
      <c r="RLJ695" s="613"/>
      <c r="RLK695" s="613"/>
      <c r="RLL695" s="613"/>
      <c r="RLM695" s="613"/>
      <c r="RLN695" s="613"/>
      <c r="RLO695" s="613"/>
      <c r="RLP695" s="613"/>
      <c r="RLQ695" s="613"/>
      <c r="RLR695" s="613"/>
      <c r="RLS695" s="613"/>
      <c r="RLT695" s="613"/>
      <c r="RLU695" s="613"/>
      <c r="RLV695" s="613"/>
      <c r="RLW695" s="613"/>
      <c r="RLX695" s="613"/>
      <c r="RLY695" s="613"/>
      <c r="RLZ695" s="613"/>
      <c r="RMA695" s="613"/>
      <c r="RMB695" s="613"/>
      <c r="RMC695" s="613"/>
      <c r="RMD695" s="613"/>
      <c r="RME695" s="613"/>
      <c r="RMF695" s="613"/>
      <c r="RMG695" s="613"/>
      <c r="RMH695" s="613"/>
      <c r="RMI695" s="613"/>
      <c r="RMJ695" s="613"/>
      <c r="RMK695" s="613"/>
      <c r="RML695" s="613"/>
      <c r="RMM695" s="613"/>
      <c r="RMN695" s="613"/>
      <c r="RMO695" s="613"/>
      <c r="RMP695" s="613"/>
      <c r="RMQ695" s="613"/>
      <c r="RMR695" s="613"/>
      <c r="RMS695" s="613"/>
      <c r="RMT695" s="613"/>
      <c r="RMU695" s="613"/>
      <c r="RMV695" s="613"/>
      <c r="RMW695" s="613"/>
      <c r="RMX695" s="613"/>
      <c r="RMY695" s="613"/>
      <c r="RMZ695" s="613"/>
      <c r="RNA695" s="613"/>
      <c r="RNB695" s="613"/>
      <c r="RNC695" s="613"/>
      <c r="RND695" s="613"/>
      <c r="RNE695" s="613"/>
      <c r="RNF695" s="613"/>
      <c r="RNG695" s="613"/>
      <c r="RNH695" s="613"/>
      <c r="RNI695" s="613"/>
      <c r="RNJ695" s="613"/>
      <c r="RNK695" s="613"/>
      <c r="RNL695" s="613"/>
      <c r="RNM695" s="613"/>
      <c r="RNN695" s="613"/>
      <c r="RNO695" s="613"/>
      <c r="RNP695" s="613"/>
      <c r="RNQ695" s="613"/>
      <c r="RNR695" s="613"/>
      <c r="RNS695" s="613"/>
      <c r="RNT695" s="613"/>
      <c r="RNU695" s="613"/>
      <c r="RNV695" s="613"/>
      <c r="RNW695" s="613"/>
      <c r="RNX695" s="613"/>
      <c r="RNY695" s="613"/>
      <c r="RNZ695" s="613"/>
      <c r="ROA695" s="613"/>
      <c r="ROB695" s="613"/>
      <c r="ROC695" s="613"/>
      <c r="ROD695" s="613"/>
      <c r="ROE695" s="613"/>
      <c r="ROF695" s="613"/>
      <c r="ROG695" s="613"/>
      <c r="ROH695" s="613"/>
      <c r="ROI695" s="613"/>
      <c r="ROJ695" s="613"/>
      <c r="ROK695" s="613"/>
      <c r="ROL695" s="613"/>
      <c r="ROM695" s="613"/>
      <c r="RON695" s="613"/>
      <c r="ROO695" s="613"/>
      <c r="ROP695" s="613"/>
      <c r="ROQ695" s="613"/>
      <c r="ROR695" s="613"/>
      <c r="ROS695" s="613"/>
      <c r="ROT695" s="613"/>
      <c r="ROU695" s="613"/>
      <c r="ROV695" s="613"/>
      <c r="ROW695" s="613"/>
      <c r="ROX695" s="613"/>
      <c r="ROY695" s="613"/>
      <c r="ROZ695" s="613"/>
      <c r="RPA695" s="613"/>
      <c r="RPB695" s="613"/>
      <c r="RPC695" s="613"/>
      <c r="RPD695" s="613"/>
      <c r="RPE695" s="613"/>
      <c r="RPF695" s="613"/>
      <c r="RPG695" s="613"/>
      <c r="RPH695" s="613"/>
      <c r="RPI695" s="613"/>
      <c r="RPJ695" s="613"/>
      <c r="RPK695" s="613"/>
      <c r="RPL695" s="613"/>
      <c r="RPM695" s="613"/>
      <c r="RPN695" s="613"/>
      <c r="RPO695" s="613"/>
      <c r="RPP695" s="613"/>
      <c r="RPQ695" s="613"/>
      <c r="RPR695" s="613"/>
      <c r="RPS695" s="613"/>
      <c r="RPT695" s="613"/>
      <c r="RPU695" s="613"/>
      <c r="RPV695" s="613"/>
      <c r="RPW695" s="613"/>
      <c r="RPX695" s="613"/>
      <c r="RPY695" s="613"/>
      <c r="RPZ695" s="613"/>
      <c r="RQA695" s="613"/>
      <c r="RQB695" s="613"/>
      <c r="RQC695" s="613"/>
      <c r="RQD695" s="613"/>
      <c r="RQE695" s="613"/>
      <c r="RQF695" s="613"/>
      <c r="RQG695" s="613"/>
      <c r="RQH695" s="613"/>
      <c r="RQI695" s="613"/>
      <c r="RQJ695" s="613"/>
      <c r="RQK695" s="613"/>
      <c r="RQL695" s="613"/>
      <c r="RQM695" s="613"/>
      <c r="RQN695" s="613"/>
      <c r="RQO695" s="613"/>
      <c r="RQP695" s="613"/>
      <c r="RQQ695" s="613"/>
      <c r="RQR695" s="613"/>
      <c r="RQS695" s="613"/>
      <c r="RQT695" s="613"/>
      <c r="RQU695" s="613"/>
      <c r="RQV695" s="613"/>
      <c r="RQW695" s="613"/>
      <c r="RQX695" s="613"/>
      <c r="RQY695" s="613"/>
      <c r="RQZ695" s="613"/>
      <c r="RRA695" s="613"/>
      <c r="RRB695" s="613"/>
      <c r="RRC695" s="613"/>
      <c r="RRD695" s="613"/>
      <c r="RRE695" s="613"/>
      <c r="RRF695" s="613"/>
      <c r="RRG695" s="613"/>
      <c r="RRH695" s="613"/>
      <c r="RRI695" s="613"/>
      <c r="RRJ695" s="613"/>
      <c r="RRK695" s="613"/>
      <c r="RRL695" s="613"/>
      <c r="RRM695" s="613"/>
      <c r="RRN695" s="613"/>
      <c r="RRO695" s="613"/>
      <c r="RRP695" s="613"/>
      <c r="RRQ695" s="613"/>
      <c r="RRR695" s="613"/>
      <c r="RRS695" s="613"/>
      <c r="RRT695" s="613"/>
      <c r="RRU695" s="613"/>
      <c r="RRV695" s="613"/>
      <c r="RRW695" s="613"/>
      <c r="RRX695" s="613"/>
      <c r="RRY695" s="613"/>
      <c r="RRZ695" s="613"/>
      <c r="RSA695" s="613"/>
      <c r="RSB695" s="613"/>
      <c r="RSC695" s="613"/>
      <c r="RSD695" s="613"/>
      <c r="RSE695" s="613"/>
      <c r="RSF695" s="613"/>
      <c r="RSG695" s="613"/>
      <c r="RSH695" s="613"/>
      <c r="RSI695" s="613"/>
      <c r="RSJ695" s="613"/>
      <c r="RSK695" s="613"/>
      <c r="RSL695" s="613"/>
      <c r="RSM695" s="613"/>
      <c r="RSN695" s="613"/>
      <c r="RSO695" s="613"/>
      <c r="RSP695" s="613"/>
      <c r="RSQ695" s="613"/>
      <c r="RSR695" s="613"/>
      <c r="RSS695" s="613"/>
      <c r="RST695" s="613"/>
      <c r="RSU695" s="613"/>
      <c r="RSV695" s="613"/>
      <c r="RSW695" s="613"/>
      <c r="RSX695" s="613"/>
      <c r="RSY695" s="613"/>
      <c r="RSZ695" s="613"/>
      <c r="RTA695" s="613"/>
      <c r="RTB695" s="613"/>
      <c r="RTC695" s="613"/>
      <c r="RTD695" s="613"/>
      <c r="RTE695" s="613"/>
      <c r="RTF695" s="613"/>
      <c r="RTG695" s="613"/>
      <c r="RTH695" s="613"/>
      <c r="RTI695" s="613"/>
      <c r="RTJ695" s="613"/>
      <c r="RTK695" s="613"/>
      <c r="RTL695" s="613"/>
      <c r="RTM695" s="613"/>
      <c r="RTN695" s="613"/>
      <c r="RTO695" s="613"/>
      <c r="RTP695" s="613"/>
      <c r="RTQ695" s="613"/>
      <c r="RTR695" s="613"/>
      <c r="RTS695" s="613"/>
      <c r="RTT695" s="613"/>
      <c r="RTU695" s="613"/>
      <c r="RTV695" s="613"/>
      <c r="RTW695" s="613"/>
      <c r="RTX695" s="613"/>
      <c r="RTY695" s="613"/>
      <c r="RTZ695" s="613"/>
      <c r="RUA695" s="613"/>
      <c r="RUB695" s="613"/>
      <c r="RUC695" s="613"/>
      <c r="RUD695" s="613"/>
      <c r="RUE695" s="613"/>
      <c r="RUF695" s="613"/>
      <c r="RUG695" s="613"/>
      <c r="RUH695" s="613"/>
      <c r="RUI695" s="613"/>
      <c r="RUJ695" s="613"/>
      <c r="RUK695" s="613"/>
      <c r="RUL695" s="613"/>
      <c r="RUM695" s="613"/>
      <c r="RUN695" s="613"/>
      <c r="RUO695" s="613"/>
      <c r="RUP695" s="613"/>
      <c r="RUQ695" s="613"/>
      <c r="RUR695" s="613"/>
      <c r="RUS695" s="613"/>
      <c r="RUT695" s="613"/>
      <c r="RUU695" s="613"/>
      <c r="RUV695" s="613"/>
      <c r="RUW695" s="613"/>
      <c r="RUX695" s="613"/>
      <c r="RUY695" s="613"/>
      <c r="RUZ695" s="613"/>
      <c r="RVA695" s="613"/>
      <c r="RVB695" s="613"/>
      <c r="RVC695" s="613"/>
      <c r="RVD695" s="613"/>
      <c r="RVE695" s="613"/>
      <c r="RVF695" s="613"/>
      <c r="RVG695" s="613"/>
      <c r="RVH695" s="613"/>
      <c r="RVI695" s="613"/>
      <c r="RVJ695" s="613"/>
      <c r="RVK695" s="613"/>
      <c r="RVL695" s="613"/>
      <c r="RVM695" s="613"/>
      <c r="RVN695" s="613"/>
      <c r="RVO695" s="613"/>
      <c r="RVP695" s="613"/>
      <c r="RVQ695" s="613"/>
      <c r="RVR695" s="613"/>
      <c r="RVS695" s="613"/>
      <c r="RVT695" s="613"/>
      <c r="RVU695" s="613"/>
      <c r="RVV695" s="613"/>
      <c r="RVW695" s="613"/>
      <c r="RVX695" s="613"/>
      <c r="RVY695" s="613"/>
      <c r="RVZ695" s="613"/>
      <c r="RWA695" s="613"/>
      <c r="RWB695" s="613"/>
      <c r="RWC695" s="613"/>
      <c r="RWD695" s="613"/>
      <c r="RWE695" s="613"/>
      <c r="RWF695" s="613"/>
      <c r="RWG695" s="613"/>
      <c r="RWH695" s="613"/>
      <c r="RWI695" s="613"/>
      <c r="RWJ695" s="613"/>
      <c r="RWK695" s="613"/>
      <c r="RWL695" s="613"/>
      <c r="RWM695" s="613"/>
      <c r="RWN695" s="613"/>
      <c r="RWO695" s="613"/>
      <c r="RWP695" s="613"/>
      <c r="RWQ695" s="613"/>
      <c r="RWR695" s="613"/>
      <c r="RWS695" s="613"/>
      <c r="RWT695" s="613"/>
      <c r="RWU695" s="613"/>
      <c r="RWV695" s="613"/>
      <c r="RWW695" s="613"/>
      <c r="RWX695" s="613"/>
      <c r="RWY695" s="613"/>
      <c r="RWZ695" s="613"/>
      <c r="RXA695" s="613"/>
      <c r="RXB695" s="613"/>
      <c r="RXC695" s="613"/>
      <c r="RXD695" s="613"/>
      <c r="RXE695" s="613"/>
      <c r="RXF695" s="613"/>
      <c r="RXG695" s="613"/>
      <c r="RXH695" s="613"/>
      <c r="RXI695" s="613"/>
      <c r="RXJ695" s="613"/>
      <c r="RXK695" s="613"/>
      <c r="RXL695" s="613"/>
      <c r="RXM695" s="613"/>
      <c r="RXN695" s="613"/>
      <c r="RXO695" s="613"/>
      <c r="RXP695" s="613"/>
      <c r="RXQ695" s="613"/>
      <c r="RXR695" s="613"/>
      <c r="RXS695" s="613"/>
      <c r="RXT695" s="613"/>
      <c r="RXU695" s="613"/>
      <c r="RXV695" s="613"/>
      <c r="RXW695" s="613"/>
      <c r="RXX695" s="613"/>
      <c r="RXY695" s="613"/>
      <c r="RXZ695" s="613"/>
      <c r="RYA695" s="613"/>
      <c r="RYB695" s="613"/>
      <c r="RYC695" s="613"/>
      <c r="RYD695" s="613"/>
      <c r="RYE695" s="613"/>
      <c r="RYF695" s="613"/>
      <c r="RYG695" s="613"/>
      <c r="RYH695" s="613"/>
      <c r="RYI695" s="613"/>
      <c r="RYJ695" s="613"/>
      <c r="RYK695" s="613"/>
      <c r="RYL695" s="613"/>
      <c r="RYM695" s="613"/>
      <c r="RYN695" s="613"/>
      <c r="RYO695" s="613"/>
      <c r="RYP695" s="613"/>
      <c r="RYQ695" s="613"/>
      <c r="RYR695" s="613"/>
      <c r="RYS695" s="613"/>
      <c r="RYT695" s="613"/>
      <c r="RYU695" s="613"/>
      <c r="RYV695" s="613"/>
      <c r="RYW695" s="613"/>
      <c r="RYX695" s="613"/>
      <c r="RYY695" s="613"/>
      <c r="RYZ695" s="613"/>
      <c r="RZA695" s="613"/>
      <c r="RZB695" s="613"/>
      <c r="RZC695" s="613"/>
      <c r="RZD695" s="613"/>
      <c r="RZE695" s="613"/>
      <c r="RZF695" s="613"/>
      <c r="RZG695" s="613"/>
      <c r="RZH695" s="613"/>
      <c r="RZI695" s="613"/>
      <c r="RZJ695" s="613"/>
      <c r="RZK695" s="613"/>
      <c r="RZL695" s="613"/>
      <c r="RZM695" s="613"/>
      <c r="RZN695" s="613"/>
      <c r="RZO695" s="613"/>
      <c r="RZP695" s="613"/>
      <c r="RZQ695" s="613"/>
      <c r="RZR695" s="613"/>
      <c r="RZS695" s="613"/>
      <c r="RZT695" s="613"/>
      <c r="RZU695" s="613"/>
      <c r="RZV695" s="613"/>
      <c r="RZW695" s="613"/>
      <c r="RZX695" s="613"/>
      <c r="RZY695" s="613"/>
      <c r="RZZ695" s="613"/>
      <c r="SAA695" s="613"/>
      <c r="SAB695" s="613"/>
      <c r="SAC695" s="613"/>
      <c r="SAD695" s="613"/>
      <c r="SAE695" s="613"/>
      <c r="SAF695" s="613"/>
      <c r="SAG695" s="613"/>
      <c r="SAH695" s="613"/>
      <c r="SAI695" s="613"/>
      <c r="SAJ695" s="613"/>
      <c r="SAK695" s="613"/>
      <c r="SAL695" s="613"/>
      <c r="SAM695" s="613"/>
      <c r="SAN695" s="613"/>
      <c r="SAO695" s="613"/>
      <c r="SAP695" s="613"/>
      <c r="SAQ695" s="613"/>
      <c r="SAR695" s="613"/>
      <c r="SAS695" s="613"/>
      <c r="SAT695" s="613"/>
      <c r="SAU695" s="613"/>
      <c r="SAV695" s="613"/>
      <c r="SAW695" s="613"/>
      <c r="SAX695" s="613"/>
      <c r="SAY695" s="613"/>
      <c r="SAZ695" s="613"/>
      <c r="SBA695" s="613"/>
      <c r="SBB695" s="613"/>
      <c r="SBC695" s="613"/>
      <c r="SBD695" s="613"/>
      <c r="SBE695" s="613"/>
      <c r="SBF695" s="613"/>
      <c r="SBG695" s="613"/>
      <c r="SBH695" s="613"/>
      <c r="SBI695" s="613"/>
      <c r="SBJ695" s="613"/>
      <c r="SBK695" s="613"/>
      <c r="SBL695" s="613"/>
      <c r="SBM695" s="613"/>
      <c r="SBN695" s="613"/>
      <c r="SBO695" s="613"/>
      <c r="SBP695" s="613"/>
      <c r="SBQ695" s="613"/>
      <c r="SBR695" s="613"/>
      <c r="SBS695" s="613"/>
      <c r="SBT695" s="613"/>
      <c r="SBU695" s="613"/>
      <c r="SBV695" s="613"/>
      <c r="SBW695" s="613"/>
      <c r="SBX695" s="613"/>
      <c r="SBY695" s="613"/>
      <c r="SBZ695" s="613"/>
      <c r="SCA695" s="613"/>
      <c r="SCB695" s="613"/>
      <c r="SCC695" s="613"/>
      <c r="SCD695" s="613"/>
      <c r="SCE695" s="613"/>
      <c r="SCF695" s="613"/>
      <c r="SCG695" s="613"/>
      <c r="SCH695" s="613"/>
      <c r="SCI695" s="613"/>
      <c r="SCJ695" s="613"/>
      <c r="SCK695" s="613"/>
      <c r="SCL695" s="613"/>
      <c r="SCM695" s="613"/>
      <c r="SCN695" s="613"/>
      <c r="SCO695" s="613"/>
      <c r="SCP695" s="613"/>
      <c r="SCQ695" s="613"/>
      <c r="SCR695" s="613"/>
      <c r="SCS695" s="613"/>
      <c r="SCT695" s="613"/>
      <c r="SCU695" s="613"/>
      <c r="SCV695" s="613"/>
      <c r="SCW695" s="613"/>
      <c r="SCX695" s="613"/>
      <c r="SCY695" s="613"/>
      <c r="SCZ695" s="613"/>
      <c r="SDA695" s="613"/>
      <c r="SDB695" s="613"/>
      <c r="SDC695" s="613"/>
      <c r="SDD695" s="613"/>
      <c r="SDE695" s="613"/>
      <c r="SDF695" s="613"/>
      <c r="SDG695" s="613"/>
      <c r="SDH695" s="613"/>
      <c r="SDI695" s="613"/>
      <c r="SDJ695" s="613"/>
      <c r="SDK695" s="613"/>
      <c r="SDL695" s="613"/>
      <c r="SDM695" s="613"/>
      <c r="SDN695" s="613"/>
      <c r="SDO695" s="613"/>
      <c r="SDP695" s="613"/>
      <c r="SDQ695" s="613"/>
      <c r="SDR695" s="613"/>
      <c r="SDS695" s="613"/>
      <c r="SDT695" s="613"/>
      <c r="SDU695" s="613"/>
      <c r="SDV695" s="613"/>
      <c r="SDW695" s="613"/>
      <c r="SDX695" s="613"/>
      <c r="SDY695" s="613"/>
      <c r="SDZ695" s="613"/>
      <c r="SEA695" s="613"/>
      <c r="SEB695" s="613"/>
      <c r="SEC695" s="613"/>
      <c r="SED695" s="613"/>
      <c r="SEE695" s="613"/>
      <c r="SEF695" s="613"/>
      <c r="SEG695" s="613"/>
      <c r="SEH695" s="613"/>
      <c r="SEI695" s="613"/>
      <c r="SEJ695" s="613"/>
      <c r="SEK695" s="613"/>
      <c r="SEL695" s="613"/>
      <c r="SEM695" s="613"/>
      <c r="SEN695" s="613"/>
      <c r="SEO695" s="613"/>
      <c r="SEP695" s="613"/>
      <c r="SEQ695" s="613"/>
      <c r="SER695" s="613"/>
      <c r="SES695" s="613"/>
      <c r="SET695" s="613"/>
      <c r="SEU695" s="613"/>
      <c r="SEV695" s="613"/>
      <c r="SEW695" s="613"/>
      <c r="SEX695" s="613"/>
      <c r="SEY695" s="613"/>
      <c r="SEZ695" s="613"/>
      <c r="SFA695" s="613"/>
      <c r="SFB695" s="613"/>
      <c r="SFC695" s="613"/>
      <c r="SFD695" s="613"/>
      <c r="SFE695" s="613"/>
      <c r="SFF695" s="613"/>
      <c r="SFG695" s="613"/>
      <c r="SFH695" s="613"/>
      <c r="SFI695" s="613"/>
      <c r="SFJ695" s="613"/>
      <c r="SFK695" s="613"/>
      <c r="SFL695" s="613"/>
      <c r="SFM695" s="613"/>
      <c r="SFN695" s="613"/>
      <c r="SFO695" s="613"/>
      <c r="SFP695" s="613"/>
      <c r="SFQ695" s="613"/>
      <c r="SFR695" s="613"/>
      <c r="SFS695" s="613"/>
      <c r="SFT695" s="613"/>
      <c r="SFU695" s="613"/>
      <c r="SFV695" s="613"/>
      <c r="SFW695" s="613"/>
      <c r="SFX695" s="613"/>
      <c r="SFY695" s="613"/>
      <c r="SFZ695" s="613"/>
      <c r="SGA695" s="613"/>
      <c r="SGB695" s="613"/>
      <c r="SGC695" s="613"/>
      <c r="SGD695" s="613"/>
      <c r="SGE695" s="613"/>
      <c r="SGF695" s="613"/>
      <c r="SGG695" s="613"/>
      <c r="SGH695" s="613"/>
      <c r="SGI695" s="613"/>
      <c r="SGJ695" s="613"/>
      <c r="SGK695" s="613"/>
      <c r="SGL695" s="613"/>
      <c r="SGM695" s="613"/>
      <c r="SGN695" s="613"/>
      <c r="SGO695" s="613"/>
      <c r="SGP695" s="613"/>
      <c r="SGQ695" s="613"/>
      <c r="SGR695" s="613"/>
      <c r="SGS695" s="613"/>
      <c r="SGT695" s="613"/>
      <c r="SGU695" s="613"/>
      <c r="SGV695" s="613"/>
      <c r="SGW695" s="613"/>
      <c r="SGX695" s="613"/>
      <c r="SGY695" s="613"/>
      <c r="SGZ695" s="613"/>
      <c r="SHA695" s="613"/>
      <c r="SHB695" s="613"/>
      <c r="SHC695" s="613"/>
      <c r="SHD695" s="613"/>
      <c r="SHE695" s="613"/>
      <c r="SHF695" s="613"/>
      <c r="SHG695" s="613"/>
      <c r="SHH695" s="613"/>
      <c r="SHI695" s="613"/>
      <c r="SHJ695" s="613"/>
      <c r="SHK695" s="613"/>
      <c r="SHL695" s="613"/>
      <c r="SHM695" s="613"/>
      <c r="SHN695" s="613"/>
      <c r="SHO695" s="613"/>
      <c r="SHP695" s="613"/>
      <c r="SHQ695" s="613"/>
      <c r="SHR695" s="613"/>
      <c r="SHS695" s="613"/>
      <c r="SHT695" s="613"/>
      <c r="SHU695" s="613"/>
      <c r="SHV695" s="613"/>
      <c r="SHW695" s="613"/>
      <c r="SHX695" s="613"/>
      <c r="SHY695" s="613"/>
      <c r="SHZ695" s="613"/>
      <c r="SIA695" s="613"/>
      <c r="SIB695" s="613"/>
      <c r="SIC695" s="613"/>
      <c r="SID695" s="613"/>
      <c r="SIE695" s="613"/>
      <c r="SIF695" s="613"/>
      <c r="SIG695" s="613"/>
      <c r="SIH695" s="613"/>
      <c r="SII695" s="613"/>
      <c r="SIJ695" s="613"/>
      <c r="SIK695" s="613"/>
      <c r="SIL695" s="613"/>
      <c r="SIM695" s="613"/>
      <c r="SIN695" s="613"/>
      <c r="SIO695" s="613"/>
      <c r="SIP695" s="613"/>
      <c r="SIQ695" s="613"/>
      <c r="SIR695" s="613"/>
      <c r="SIS695" s="613"/>
      <c r="SIT695" s="613"/>
      <c r="SIU695" s="613"/>
      <c r="SIV695" s="613"/>
      <c r="SIW695" s="613"/>
      <c r="SIX695" s="613"/>
      <c r="SIY695" s="613"/>
      <c r="SIZ695" s="613"/>
      <c r="SJA695" s="613"/>
      <c r="SJB695" s="613"/>
      <c r="SJC695" s="613"/>
      <c r="SJD695" s="613"/>
      <c r="SJE695" s="613"/>
      <c r="SJF695" s="613"/>
      <c r="SJG695" s="613"/>
      <c r="SJH695" s="613"/>
      <c r="SJI695" s="613"/>
      <c r="SJJ695" s="613"/>
      <c r="SJK695" s="613"/>
      <c r="SJL695" s="613"/>
      <c r="SJM695" s="613"/>
      <c r="SJN695" s="613"/>
      <c r="SJO695" s="613"/>
      <c r="SJP695" s="613"/>
      <c r="SJQ695" s="613"/>
      <c r="SJR695" s="613"/>
      <c r="SJS695" s="613"/>
      <c r="SJT695" s="613"/>
      <c r="SJU695" s="613"/>
      <c r="SJV695" s="613"/>
      <c r="SJW695" s="613"/>
      <c r="SJX695" s="613"/>
      <c r="SJY695" s="613"/>
      <c r="SJZ695" s="613"/>
      <c r="SKA695" s="613"/>
      <c r="SKB695" s="613"/>
      <c r="SKC695" s="613"/>
      <c r="SKD695" s="613"/>
      <c r="SKE695" s="613"/>
      <c r="SKF695" s="613"/>
      <c r="SKG695" s="613"/>
      <c r="SKH695" s="613"/>
      <c r="SKI695" s="613"/>
      <c r="SKJ695" s="613"/>
      <c r="SKK695" s="613"/>
      <c r="SKL695" s="613"/>
      <c r="SKM695" s="613"/>
      <c r="SKN695" s="613"/>
      <c r="SKO695" s="613"/>
      <c r="SKP695" s="613"/>
      <c r="SKQ695" s="613"/>
      <c r="SKR695" s="613"/>
      <c r="SKS695" s="613"/>
      <c r="SKT695" s="613"/>
      <c r="SKU695" s="613"/>
      <c r="SKV695" s="613"/>
      <c r="SKW695" s="613"/>
      <c r="SKX695" s="613"/>
      <c r="SKY695" s="613"/>
      <c r="SKZ695" s="613"/>
      <c r="SLA695" s="613"/>
      <c r="SLB695" s="613"/>
      <c r="SLC695" s="613"/>
      <c r="SLD695" s="613"/>
      <c r="SLE695" s="613"/>
      <c r="SLF695" s="613"/>
      <c r="SLG695" s="613"/>
      <c r="SLH695" s="613"/>
      <c r="SLI695" s="613"/>
      <c r="SLJ695" s="613"/>
      <c r="SLK695" s="613"/>
      <c r="SLL695" s="613"/>
      <c r="SLM695" s="613"/>
      <c r="SLN695" s="613"/>
      <c r="SLO695" s="613"/>
      <c r="SLP695" s="613"/>
      <c r="SLQ695" s="613"/>
      <c r="SLR695" s="613"/>
      <c r="SLS695" s="613"/>
      <c r="SLT695" s="613"/>
      <c r="SLU695" s="613"/>
      <c r="SLV695" s="613"/>
      <c r="SLW695" s="613"/>
      <c r="SLX695" s="613"/>
      <c r="SLY695" s="613"/>
      <c r="SLZ695" s="613"/>
      <c r="SMA695" s="613"/>
      <c r="SMB695" s="613"/>
      <c r="SMC695" s="613"/>
      <c r="SMD695" s="613"/>
      <c r="SME695" s="613"/>
      <c r="SMF695" s="613"/>
      <c r="SMG695" s="613"/>
      <c r="SMH695" s="613"/>
      <c r="SMI695" s="613"/>
      <c r="SMJ695" s="613"/>
      <c r="SMK695" s="613"/>
      <c r="SML695" s="613"/>
      <c r="SMM695" s="613"/>
      <c r="SMN695" s="613"/>
      <c r="SMO695" s="613"/>
      <c r="SMP695" s="613"/>
      <c r="SMQ695" s="613"/>
      <c r="SMR695" s="613"/>
      <c r="SMS695" s="613"/>
      <c r="SMT695" s="613"/>
      <c r="SMU695" s="613"/>
      <c r="SMV695" s="613"/>
      <c r="SMW695" s="613"/>
      <c r="SMX695" s="613"/>
      <c r="SMY695" s="613"/>
      <c r="SMZ695" s="613"/>
      <c r="SNA695" s="613"/>
      <c r="SNB695" s="613"/>
      <c r="SNC695" s="613"/>
      <c r="SND695" s="613"/>
      <c r="SNE695" s="613"/>
      <c r="SNF695" s="613"/>
      <c r="SNG695" s="613"/>
      <c r="SNH695" s="613"/>
      <c r="SNI695" s="613"/>
      <c r="SNJ695" s="613"/>
      <c r="SNK695" s="613"/>
      <c r="SNL695" s="613"/>
      <c r="SNM695" s="613"/>
      <c r="SNN695" s="613"/>
      <c r="SNO695" s="613"/>
      <c r="SNP695" s="613"/>
      <c r="SNQ695" s="613"/>
      <c r="SNR695" s="613"/>
      <c r="SNS695" s="613"/>
      <c r="SNT695" s="613"/>
      <c r="SNU695" s="613"/>
      <c r="SNV695" s="613"/>
      <c r="SNW695" s="613"/>
      <c r="SNX695" s="613"/>
      <c r="SNY695" s="613"/>
      <c r="SNZ695" s="613"/>
      <c r="SOA695" s="613"/>
      <c r="SOB695" s="613"/>
      <c r="SOC695" s="613"/>
      <c r="SOD695" s="613"/>
      <c r="SOE695" s="613"/>
      <c r="SOF695" s="613"/>
      <c r="SOG695" s="613"/>
      <c r="SOH695" s="613"/>
      <c r="SOI695" s="613"/>
      <c r="SOJ695" s="613"/>
      <c r="SOK695" s="613"/>
      <c r="SOL695" s="613"/>
      <c r="SOM695" s="613"/>
      <c r="SON695" s="613"/>
      <c r="SOO695" s="613"/>
      <c r="SOP695" s="613"/>
      <c r="SOQ695" s="613"/>
      <c r="SOR695" s="613"/>
      <c r="SOS695" s="613"/>
      <c r="SOT695" s="613"/>
      <c r="SOU695" s="613"/>
      <c r="SOV695" s="613"/>
      <c r="SOW695" s="613"/>
      <c r="SOX695" s="613"/>
      <c r="SOY695" s="613"/>
      <c r="SOZ695" s="613"/>
      <c r="SPA695" s="613"/>
      <c r="SPB695" s="613"/>
      <c r="SPC695" s="613"/>
      <c r="SPD695" s="613"/>
      <c r="SPE695" s="613"/>
      <c r="SPF695" s="613"/>
      <c r="SPG695" s="613"/>
      <c r="SPH695" s="613"/>
      <c r="SPI695" s="613"/>
      <c r="SPJ695" s="613"/>
      <c r="SPK695" s="613"/>
      <c r="SPL695" s="613"/>
      <c r="SPM695" s="613"/>
      <c r="SPN695" s="613"/>
      <c r="SPO695" s="613"/>
      <c r="SPP695" s="613"/>
      <c r="SPQ695" s="613"/>
      <c r="SPR695" s="613"/>
      <c r="SPS695" s="613"/>
      <c r="SPT695" s="613"/>
      <c r="SPU695" s="613"/>
      <c r="SPV695" s="613"/>
      <c r="SPW695" s="613"/>
      <c r="SPX695" s="613"/>
      <c r="SPY695" s="613"/>
      <c r="SPZ695" s="613"/>
      <c r="SQA695" s="613"/>
      <c r="SQB695" s="613"/>
      <c r="SQC695" s="613"/>
      <c r="SQD695" s="613"/>
      <c r="SQE695" s="613"/>
      <c r="SQF695" s="613"/>
      <c r="SQG695" s="613"/>
      <c r="SQH695" s="613"/>
      <c r="SQI695" s="613"/>
      <c r="SQJ695" s="613"/>
      <c r="SQK695" s="613"/>
      <c r="SQL695" s="613"/>
      <c r="SQM695" s="613"/>
      <c r="SQN695" s="613"/>
      <c r="SQO695" s="613"/>
      <c r="SQP695" s="613"/>
      <c r="SQQ695" s="613"/>
      <c r="SQR695" s="613"/>
      <c r="SQS695" s="613"/>
      <c r="SQT695" s="613"/>
      <c r="SQU695" s="613"/>
      <c r="SQV695" s="613"/>
      <c r="SQW695" s="613"/>
      <c r="SQX695" s="613"/>
      <c r="SQY695" s="613"/>
      <c r="SQZ695" s="613"/>
      <c r="SRA695" s="613"/>
      <c r="SRB695" s="613"/>
      <c r="SRC695" s="613"/>
      <c r="SRD695" s="613"/>
      <c r="SRE695" s="613"/>
      <c r="SRF695" s="613"/>
      <c r="SRG695" s="613"/>
      <c r="SRH695" s="613"/>
      <c r="SRI695" s="613"/>
      <c r="SRJ695" s="613"/>
      <c r="SRK695" s="613"/>
      <c r="SRL695" s="613"/>
      <c r="SRM695" s="613"/>
      <c r="SRN695" s="613"/>
      <c r="SRO695" s="613"/>
      <c r="SRP695" s="613"/>
      <c r="SRQ695" s="613"/>
      <c r="SRR695" s="613"/>
      <c r="SRS695" s="613"/>
      <c r="SRT695" s="613"/>
      <c r="SRU695" s="613"/>
      <c r="SRV695" s="613"/>
      <c r="SRW695" s="613"/>
      <c r="SRX695" s="613"/>
      <c r="SRY695" s="613"/>
      <c r="SRZ695" s="613"/>
      <c r="SSA695" s="613"/>
      <c r="SSB695" s="613"/>
      <c r="SSC695" s="613"/>
      <c r="SSD695" s="613"/>
      <c r="SSE695" s="613"/>
      <c r="SSF695" s="613"/>
      <c r="SSG695" s="613"/>
      <c r="SSH695" s="613"/>
      <c r="SSI695" s="613"/>
      <c r="SSJ695" s="613"/>
      <c r="SSK695" s="613"/>
      <c r="SSL695" s="613"/>
      <c r="SSM695" s="613"/>
      <c r="SSN695" s="613"/>
      <c r="SSO695" s="613"/>
      <c r="SSP695" s="613"/>
      <c r="SSQ695" s="613"/>
      <c r="SSR695" s="613"/>
      <c r="SSS695" s="613"/>
      <c r="SST695" s="613"/>
      <c r="SSU695" s="613"/>
      <c r="SSV695" s="613"/>
      <c r="SSW695" s="613"/>
      <c r="SSX695" s="613"/>
      <c r="SSY695" s="613"/>
      <c r="SSZ695" s="613"/>
      <c r="STA695" s="613"/>
      <c r="STB695" s="613"/>
      <c r="STC695" s="613"/>
      <c r="STD695" s="613"/>
      <c r="STE695" s="613"/>
      <c r="STF695" s="613"/>
      <c r="STG695" s="613"/>
      <c r="STH695" s="613"/>
      <c r="STI695" s="613"/>
      <c r="STJ695" s="613"/>
      <c r="STK695" s="613"/>
      <c r="STL695" s="613"/>
      <c r="STM695" s="613"/>
      <c r="STN695" s="613"/>
      <c r="STO695" s="613"/>
      <c r="STP695" s="613"/>
      <c r="STQ695" s="613"/>
      <c r="STR695" s="613"/>
      <c r="STS695" s="613"/>
      <c r="STT695" s="613"/>
      <c r="STU695" s="613"/>
      <c r="STV695" s="613"/>
      <c r="STW695" s="613"/>
      <c r="STX695" s="613"/>
      <c r="STY695" s="613"/>
      <c r="STZ695" s="613"/>
      <c r="SUA695" s="613"/>
      <c r="SUB695" s="613"/>
      <c r="SUC695" s="613"/>
      <c r="SUD695" s="613"/>
      <c r="SUE695" s="613"/>
      <c r="SUF695" s="613"/>
      <c r="SUG695" s="613"/>
      <c r="SUH695" s="613"/>
      <c r="SUI695" s="613"/>
      <c r="SUJ695" s="613"/>
      <c r="SUK695" s="613"/>
      <c r="SUL695" s="613"/>
      <c r="SUM695" s="613"/>
      <c r="SUN695" s="613"/>
      <c r="SUO695" s="613"/>
      <c r="SUP695" s="613"/>
      <c r="SUQ695" s="613"/>
      <c r="SUR695" s="613"/>
      <c r="SUS695" s="613"/>
      <c r="SUT695" s="613"/>
      <c r="SUU695" s="613"/>
      <c r="SUV695" s="613"/>
      <c r="SUW695" s="613"/>
      <c r="SUX695" s="613"/>
      <c r="SUY695" s="613"/>
      <c r="SUZ695" s="613"/>
      <c r="SVA695" s="613"/>
      <c r="SVB695" s="613"/>
      <c r="SVC695" s="613"/>
      <c r="SVD695" s="613"/>
      <c r="SVE695" s="613"/>
      <c r="SVF695" s="613"/>
      <c r="SVG695" s="613"/>
      <c r="SVH695" s="613"/>
      <c r="SVI695" s="613"/>
      <c r="SVJ695" s="613"/>
      <c r="SVK695" s="613"/>
      <c r="SVL695" s="613"/>
      <c r="SVM695" s="613"/>
      <c r="SVN695" s="613"/>
      <c r="SVO695" s="613"/>
      <c r="SVP695" s="613"/>
      <c r="SVQ695" s="613"/>
      <c r="SVR695" s="613"/>
      <c r="SVS695" s="613"/>
      <c r="SVT695" s="613"/>
      <c r="SVU695" s="613"/>
      <c r="SVV695" s="613"/>
      <c r="SVW695" s="613"/>
      <c r="SVX695" s="613"/>
      <c r="SVY695" s="613"/>
      <c r="SVZ695" s="613"/>
      <c r="SWA695" s="613"/>
      <c r="SWB695" s="613"/>
      <c r="SWC695" s="613"/>
      <c r="SWD695" s="613"/>
      <c r="SWE695" s="613"/>
      <c r="SWF695" s="613"/>
      <c r="SWG695" s="613"/>
      <c r="SWH695" s="613"/>
      <c r="SWI695" s="613"/>
      <c r="SWJ695" s="613"/>
      <c r="SWK695" s="613"/>
      <c r="SWL695" s="613"/>
      <c r="SWM695" s="613"/>
      <c r="SWN695" s="613"/>
      <c r="SWO695" s="613"/>
      <c r="SWP695" s="613"/>
      <c r="SWQ695" s="613"/>
      <c r="SWR695" s="613"/>
      <c r="SWS695" s="613"/>
      <c r="SWT695" s="613"/>
      <c r="SWU695" s="613"/>
      <c r="SWV695" s="613"/>
      <c r="SWW695" s="613"/>
      <c r="SWX695" s="613"/>
      <c r="SWY695" s="613"/>
      <c r="SWZ695" s="613"/>
      <c r="SXA695" s="613"/>
      <c r="SXB695" s="613"/>
      <c r="SXC695" s="613"/>
      <c r="SXD695" s="613"/>
      <c r="SXE695" s="613"/>
      <c r="SXF695" s="613"/>
      <c r="SXG695" s="613"/>
      <c r="SXH695" s="613"/>
      <c r="SXI695" s="613"/>
      <c r="SXJ695" s="613"/>
      <c r="SXK695" s="613"/>
      <c r="SXL695" s="613"/>
      <c r="SXM695" s="613"/>
      <c r="SXN695" s="613"/>
      <c r="SXO695" s="613"/>
      <c r="SXP695" s="613"/>
      <c r="SXQ695" s="613"/>
      <c r="SXR695" s="613"/>
      <c r="SXS695" s="613"/>
      <c r="SXT695" s="613"/>
      <c r="SXU695" s="613"/>
      <c r="SXV695" s="613"/>
      <c r="SXW695" s="613"/>
      <c r="SXX695" s="613"/>
      <c r="SXY695" s="613"/>
      <c r="SXZ695" s="613"/>
      <c r="SYA695" s="613"/>
      <c r="SYB695" s="613"/>
      <c r="SYC695" s="613"/>
      <c r="SYD695" s="613"/>
      <c r="SYE695" s="613"/>
      <c r="SYF695" s="613"/>
      <c r="SYG695" s="613"/>
      <c r="SYH695" s="613"/>
      <c r="SYI695" s="613"/>
      <c r="SYJ695" s="613"/>
      <c r="SYK695" s="613"/>
      <c r="SYL695" s="613"/>
      <c r="SYM695" s="613"/>
      <c r="SYN695" s="613"/>
      <c r="SYO695" s="613"/>
      <c r="SYP695" s="613"/>
      <c r="SYQ695" s="613"/>
      <c r="SYR695" s="613"/>
      <c r="SYS695" s="613"/>
      <c r="SYT695" s="613"/>
      <c r="SYU695" s="613"/>
      <c r="SYV695" s="613"/>
      <c r="SYW695" s="613"/>
      <c r="SYX695" s="613"/>
      <c r="SYY695" s="613"/>
      <c r="SYZ695" s="613"/>
      <c r="SZA695" s="613"/>
      <c r="SZB695" s="613"/>
      <c r="SZC695" s="613"/>
      <c r="SZD695" s="613"/>
      <c r="SZE695" s="613"/>
      <c r="SZF695" s="613"/>
      <c r="SZG695" s="613"/>
      <c r="SZH695" s="613"/>
      <c r="SZI695" s="613"/>
      <c r="SZJ695" s="613"/>
      <c r="SZK695" s="613"/>
      <c r="SZL695" s="613"/>
      <c r="SZM695" s="613"/>
      <c r="SZN695" s="613"/>
      <c r="SZO695" s="613"/>
      <c r="SZP695" s="613"/>
      <c r="SZQ695" s="613"/>
      <c r="SZR695" s="613"/>
      <c r="SZS695" s="613"/>
      <c r="SZT695" s="613"/>
      <c r="SZU695" s="613"/>
      <c r="SZV695" s="613"/>
      <c r="SZW695" s="613"/>
      <c r="SZX695" s="613"/>
      <c r="SZY695" s="613"/>
      <c r="SZZ695" s="613"/>
      <c r="TAA695" s="613"/>
      <c r="TAB695" s="613"/>
      <c r="TAC695" s="613"/>
      <c r="TAD695" s="613"/>
      <c r="TAE695" s="613"/>
      <c r="TAF695" s="613"/>
      <c r="TAG695" s="613"/>
      <c r="TAH695" s="613"/>
      <c r="TAI695" s="613"/>
      <c r="TAJ695" s="613"/>
      <c r="TAK695" s="613"/>
      <c r="TAL695" s="613"/>
      <c r="TAM695" s="613"/>
      <c r="TAN695" s="613"/>
      <c r="TAO695" s="613"/>
      <c r="TAP695" s="613"/>
      <c r="TAQ695" s="613"/>
      <c r="TAR695" s="613"/>
      <c r="TAS695" s="613"/>
      <c r="TAT695" s="613"/>
      <c r="TAU695" s="613"/>
      <c r="TAV695" s="613"/>
      <c r="TAW695" s="613"/>
      <c r="TAX695" s="613"/>
      <c r="TAY695" s="613"/>
      <c r="TAZ695" s="613"/>
      <c r="TBA695" s="613"/>
      <c r="TBB695" s="613"/>
      <c r="TBC695" s="613"/>
      <c r="TBD695" s="613"/>
      <c r="TBE695" s="613"/>
      <c r="TBF695" s="613"/>
      <c r="TBG695" s="613"/>
      <c r="TBH695" s="613"/>
      <c r="TBI695" s="613"/>
      <c r="TBJ695" s="613"/>
      <c r="TBK695" s="613"/>
      <c r="TBL695" s="613"/>
      <c r="TBM695" s="613"/>
      <c r="TBN695" s="613"/>
      <c r="TBO695" s="613"/>
      <c r="TBP695" s="613"/>
      <c r="TBQ695" s="613"/>
      <c r="TBR695" s="613"/>
      <c r="TBS695" s="613"/>
      <c r="TBT695" s="613"/>
      <c r="TBU695" s="613"/>
      <c r="TBV695" s="613"/>
      <c r="TBW695" s="613"/>
      <c r="TBX695" s="613"/>
      <c r="TBY695" s="613"/>
      <c r="TBZ695" s="613"/>
      <c r="TCA695" s="613"/>
      <c r="TCB695" s="613"/>
      <c r="TCC695" s="613"/>
      <c r="TCD695" s="613"/>
      <c r="TCE695" s="613"/>
      <c r="TCF695" s="613"/>
      <c r="TCG695" s="613"/>
      <c r="TCH695" s="613"/>
      <c r="TCI695" s="613"/>
      <c r="TCJ695" s="613"/>
      <c r="TCK695" s="613"/>
      <c r="TCL695" s="613"/>
      <c r="TCM695" s="613"/>
      <c r="TCN695" s="613"/>
      <c r="TCO695" s="613"/>
      <c r="TCP695" s="613"/>
      <c r="TCQ695" s="613"/>
      <c r="TCR695" s="613"/>
      <c r="TCS695" s="613"/>
      <c r="TCT695" s="613"/>
      <c r="TCU695" s="613"/>
      <c r="TCV695" s="613"/>
      <c r="TCW695" s="613"/>
      <c r="TCX695" s="613"/>
      <c r="TCY695" s="613"/>
      <c r="TCZ695" s="613"/>
      <c r="TDA695" s="613"/>
      <c r="TDB695" s="613"/>
      <c r="TDC695" s="613"/>
      <c r="TDD695" s="613"/>
      <c r="TDE695" s="613"/>
      <c r="TDF695" s="613"/>
      <c r="TDG695" s="613"/>
      <c r="TDH695" s="613"/>
      <c r="TDI695" s="613"/>
      <c r="TDJ695" s="613"/>
      <c r="TDK695" s="613"/>
      <c r="TDL695" s="613"/>
      <c r="TDM695" s="613"/>
      <c r="TDN695" s="613"/>
      <c r="TDO695" s="613"/>
      <c r="TDP695" s="613"/>
      <c r="TDQ695" s="613"/>
      <c r="TDR695" s="613"/>
      <c r="TDS695" s="613"/>
      <c r="TDT695" s="613"/>
      <c r="TDU695" s="613"/>
      <c r="TDV695" s="613"/>
      <c r="TDW695" s="613"/>
      <c r="TDX695" s="613"/>
      <c r="TDY695" s="613"/>
      <c r="TDZ695" s="613"/>
      <c r="TEA695" s="613"/>
      <c r="TEB695" s="613"/>
      <c r="TEC695" s="613"/>
      <c r="TED695" s="613"/>
      <c r="TEE695" s="613"/>
      <c r="TEF695" s="613"/>
      <c r="TEG695" s="613"/>
      <c r="TEH695" s="613"/>
      <c r="TEI695" s="613"/>
      <c r="TEJ695" s="613"/>
      <c r="TEK695" s="613"/>
      <c r="TEL695" s="613"/>
      <c r="TEM695" s="613"/>
      <c r="TEN695" s="613"/>
      <c r="TEO695" s="613"/>
      <c r="TEP695" s="613"/>
      <c r="TEQ695" s="613"/>
      <c r="TER695" s="613"/>
      <c r="TES695" s="613"/>
      <c r="TET695" s="613"/>
      <c r="TEU695" s="613"/>
      <c r="TEV695" s="613"/>
      <c r="TEW695" s="613"/>
      <c r="TEX695" s="613"/>
      <c r="TEY695" s="613"/>
      <c r="TEZ695" s="613"/>
      <c r="TFA695" s="613"/>
      <c r="TFB695" s="613"/>
      <c r="TFC695" s="613"/>
      <c r="TFD695" s="613"/>
      <c r="TFE695" s="613"/>
      <c r="TFF695" s="613"/>
      <c r="TFG695" s="613"/>
      <c r="TFH695" s="613"/>
      <c r="TFI695" s="613"/>
      <c r="TFJ695" s="613"/>
      <c r="TFK695" s="613"/>
      <c r="TFL695" s="613"/>
      <c r="TFM695" s="613"/>
      <c r="TFN695" s="613"/>
      <c r="TFO695" s="613"/>
      <c r="TFP695" s="613"/>
      <c r="TFQ695" s="613"/>
      <c r="TFR695" s="613"/>
      <c r="TFS695" s="613"/>
      <c r="TFT695" s="613"/>
      <c r="TFU695" s="613"/>
      <c r="TFV695" s="613"/>
      <c r="TFW695" s="613"/>
      <c r="TFX695" s="613"/>
      <c r="TFY695" s="613"/>
      <c r="TFZ695" s="613"/>
      <c r="TGA695" s="613"/>
      <c r="TGB695" s="613"/>
      <c r="TGC695" s="613"/>
      <c r="TGD695" s="613"/>
      <c r="TGE695" s="613"/>
      <c r="TGF695" s="613"/>
      <c r="TGG695" s="613"/>
      <c r="TGH695" s="613"/>
      <c r="TGI695" s="613"/>
      <c r="TGJ695" s="613"/>
      <c r="TGK695" s="613"/>
      <c r="TGL695" s="613"/>
      <c r="TGM695" s="613"/>
      <c r="TGN695" s="613"/>
      <c r="TGO695" s="613"/>
      <c r="TGP695" s="613"/>
      <c r="TGQ695" s="613"/>
      <c r="TGR695" s="613"/>
      <c r="TGS695" s="613"/>
      <c r="TGT695" s="613"/>
      <c r="TGU695" s="613"/>
      <c r="TGV695" s="613"/>
      <c r="TGW695" s="613"/>
      <c r="TGX695" s="613"/>
      <c r="TGY695" s="613"/>
      <c r="TGZ695" s="613"/>
      <c r="THA695" s="613"/>
      <c r="THB695" s="613"/>
      <c r="THC695" s="613"/>
      <c r="THD695" s="613"/>
      <c r="THE695" s="613"/>
      <c r="THF695" s="613"/>
      <c r="THG695" s="613"/>
      <c r="THH695" s="613"/>
      <c r="THI695" s="613"/>
      <c r="THJ695" s="613"/>
      <c r="THK695" s="613"/>
      <c r="THL695" s="613"/>
      <c r="THM695" s="613"/>
      <c r="THN695" s="613"/>
      <c r="THO695" s="613"/>
      <c r="THP695" s="613"/>
      <c r="THQ695" s="613"/>
      <c r="THR695" s="613"/>
      <c r="THS695" s="613"/>
      <c r="THT695" s="613"/>
      <c r="THU695" s="613"/>
      <c r="THV695" s="613"/>
      <c r="THW695" s="613"/>
      <c r="THX695" s="613"/>
      <c r="THY695" s="613"/>
      <c r="THZ695" s="613"/>
      <c r="TIA695" s="613"/>
      <c r="TIB695" s="613"/>
      <c r="TIC695" s="613"/>
      <c r="TID695" s="613"/>
      <c r="TIE695" s="613"/>
      <c r="TIF695" s="613"/>
      <c r="TIG695" s="613"/>
      <c r="TIH695" s="613"/>
      <c r="TII695" s="613"/>
      <c r="TIJ695" s="613"/>
      <c r="TIK695" s="613"/>
      <c r="TIL695" s="613"/>
      <c r="TIM695" s="613"/>
      <c r="TIN695" s="613"/>
      <c r="TIO695" s="613"/>
      <c r="TIP695" s="613"/>
      <c r="TIQ695" s="613"/>
      <c r="TIR695" s="613"/>
      <c r="TIS695" s="613"/>
      <c r="TIT695" s="613"/>
      <c r="TIU695" s="613"/>
      <c r="TIV695" s="613"/>
      <c r="TIW695" s="613"/>
      <c r="TIX695" s="613"/>
      <c r="TIY695" s="613"/>
      <c r="TIZ695" s="613"/>
      <c r="TJA695" s="613"/>
      <c r="TJB695" s="613"/>
      <c r="TJC695" s="613"/>
      <c r="TJD695" s="613"/>
      <c r="TJE695" s="613"/>
      <c r="TJF695" s="613"/>
      <c r="TJG695" s="613"/>
      <c r="TJH695" s="613"/>
      <c r="TJI695" s="613"/>
      <c r="TJJ695" s="613"/>
      <c r="TJK695" s="613"/>
      <c r="TJL695" s="613"/>
      <c r="TJM695" s="613"/>
      <c r="TJN695" s="613"/>
      <c r="TJO695" s="613"/>
      <c r="TJP695" s="613"/>
      <c r="TJQ695" s="613"/>
      <c r="TJR695" s="613"/>
      <c r="TJS695" s="613"/>
      <c r="TJT695" s="613"/>
      <c r="TJU695" s="613"/>
      <c r="TJV695" s="613"/>
      <c r="TJW695" s="613"/>
      <c r="TJX695" s="613"/>
      <c r="TJY695" s="613"/>
      <c r="TJZ695" s="613"/>
      <c r="TKA695" s="613"/>
      <c r="TKB695" s="613"/>
      <c r="TKC695" s="613"/>
      <c r="TKD695" s="613"/>
      <c r="TKE695" s="613"/>
      <c r="TKF695" s="613"/>
      <c r="TKG695" s="613"/>
      <c r="TKH695" s="613"/>
      <c r="TKI695" s="613"/>
      <c r="TKJ695" s="613"/>
      <c r="TKK695" s="613"/>
      <c r="TKL695" s="613"/>
      <c r="TKM695" s="613"/>
      <c r="TKN695" s="613"/>
      <c r="TKO695" s="613"/>
      <c r="TKP695" s="613"/>
      <c r="TKQ695" s="613"/>
      <c r="TKR695" s="613"/>
      <c r="TKS695" s="613"/>
      <c r="TKT695" s="613"/>
      <c r="TKU695" s="613"/>
      <c r="TKV695" s="613"/>
      <c r="TKW695" s="613"/>
      <c r="TKX695" s="613"/>
      <c r="TKY695" s="613"/>
      <c r="TKZ695" s="613"/>
      <c r="TLA695" s="613"/>
      <c r="TLB695" s="613"/>
      <c r="TLC695" s="613"/>
      <c r="TLD695" s="613"/>
      <c r="TLE695" s="613"/>
      <c r="TLF695" s="613"/>
      <c r="TLG695" s="613"/>
      <c r="TLH695" s="613"/>
      <c r="TLI695" s="613"/>
      <c r="TLJ695" s="613"/>
      <c r="TLK695" s="613"/>
      <c r="TLL695" s="613"/>
      <c r="TLM695" s="613"/>
      <c r="TLN695" s="613"/>
      <c r="TLO695" s="613"/>
      <c r="TLP695" s="613"/>
      <c r="TLQ695" s="613"/>
      <c r="TLR695" s="613"/>
      <c r="TLS695" s="613"/>
      <c r="TLT695" s="613"/>
      <c r="TLU695" s="613"/>
      <c r="TLV695" s="613"/>
      <c r="TLW695" s="613"/>
      <c r="TLX695" s="613"/>
      <c r="TLY695" s="613"/>
      <c r="TLZ695" s="613"/>
      <c r="TMA695" s="613"/>
      <c r="TMB695" s="613"/>
      <c r="TMC695" s="613"/>
      <c r="TMD695" s="613"/>
      <c r="TME695" s="613"/>
      <c r="TMF695" s="613"/>
      <c r="TMG695" s="613"/>
      <c r="TMH695" s="613"/>
      <c r="TMI695" s="613"/>
      <c r="TMJ695" s="613"/>
      <c r="TMK695" s="613"/>
      <c r="TML695" s="613"/>
      <c r="TMM695" s="613"/>
      <c r="TMN695" s="613"/>
      <c r="TMO695" s="613"/>
      <c r="TMP695" s="613"/>
      <c r="TMQ695" s="613"/>
      <c r="TMR695" s="613"/>
      <c r="TMS695" s="613"/>
      <c r="TMT695" s="613"/>
      <c r="TMU695" s="613"/>
      <c r="TMV695" s="613"/>
      <c r="TMW695" s="613"/>
      <c r="TMX695" s="613"/>
      <c r="TMY695" s="613"/>
      <c r="TMZ695" s="613"/>
      <c r="TNA695" s="613"/>
      <c r="TNB695" s="613"/>
      <c r="TNC695" s="613"/>
      <c r="TND695" s="613"/>
      <c r="TNE695" s="613"/>
      <c r="TNF695" s="613"/>
      <c r="TNG695" s="613"/>
      <c r="TNH695" s="613"/>
      <c r="TNI695" s="613"/>
      <c r="TNJ695" s="613"/>
      <c r="TNK695" s="613"/>
      <c r="TNL695" s="613"/>
      <c r="TNM695" s="613"/>
      <c r="TNN695" s="613"/>
      <c r="TNO695" s="613"/>
      <c r="TNP695" s="613"/>
      <c r="TNQ695" s="613"/>
      <c r="TNR695" s="613"/>
      <c r="TNS695" s="613"/>
      <c r="TNT695" s="613"/>
      <c r="TNU695" s="613"/>
      <c r="TNV695" s="613"/>
      <c r="TNW695" s="613"/>
      <c r="TNX695" s="613"/>
      <c r="TNY695" s="613"/>
      <c r="TNZ695" s="613"/>
      <c r="TOA695" s="613"/>
      <c r="TOB695" s="613"/>
      <c r="TOC695" s="613"/>
      <c r="TOD695" s="613"/>
      <c r="TOE695" s="613"/>
      <c r="TOF695" s="613"/>
      <c r="TOG695" s="613"/>
      <c r="TOH695" s="613"/>
      <c r="TOI695" s="613"/>
      <c r="TOJ695" s="613"/>
      <c r="TOK695" s="613"/>
      <c r="TOL695" s="613"/>
      <c r="TOM695" s="613"/>
      <c r="TON695" s="613"/>
      <c r="TOO695" s="613"/>
      <c r="TOP695" s="613"/>
      <c r="TOQ695" s="613"/>
      <c r="TOR695" s="613"/>
      <c r="TOS695" s="613"/>
      <c r="TOT695" s="613"/>
      <c r="TOU695" s="613"/>
      <c r="TOV695" s="613"/>
      <c r="TOW695" s="613"/>
      <c r="TOX695" s="613"/>
      <c r="TOY695" s="613"/>
      <c r="TOZ695" s="613"/>
      <c r="TPA695" s="613"/>
      <c r="TPB695" s="613"/>
      <c r="TPC695" s="613"/>
      <c r="TPD695" s="613"/>
      <c r="TPE695" s="613"/>
      <c r="TPF695" s="613"/>
      <c r="TPG695" s="613"/>
      <c r="TPH695" s="613"/>
      <c r="TPI695" s="613"/>
      <c r="TPJ695" s="613"/>
      <c r="TPK695" s="613"/>
      <c r="TPL695" s="613"/>
      <c r="TPM695" s="613"/>
      <c r="TPN695" s="613"/>
      <c r="TPO695" s="613"/>
      <c r="TPP695" s="613"/>
      <c r="TPQ695" s="613"/>
      <c r="TPR695" s="613"/>
      <c r="TPS695" s="613"/>
      <c r="TPT695" s="613"/>
      <c r="TPU695" s="613"/>
      <c r="TPV695" s="613"/>
      <c r="TPW695" s="613"/>
      <c r="TPX695" s="613"/>
      <c r="TPY695" s="613"/>
      <c r="TPZ695" s="613"/>
      <c r="TQA695" s="613"/>
      <c r="TQB695" s="613"/>
      <c r="TQC695" s="613"/>
      <c r="TQD695" s="613"/>
      <c r="TQE695" s="613"/>
      <c r="TQF695" s="613"/>
      <c r="TQG695" s="613"/>
      <c r="TQH695" s="613"/>
      <c r="TQI695" s="613"/>
      <c r="TQJ695" s="613"/>
      <c r="TQK695" s="613"/>
      <c r="TQL695" s="613"/>
      <c r="TQM695" s="613"/>
      <c r="TQN695" s="613"/>
      <c r="TQO695" s="613"/>
      <c r="TQP695" s="613"/>
      <c r="TQQ695" s="613"/>
      <c r="TQR695" s="613"/>
      <c r="TQS695" s="613"/>
      <c r="TQT695" s="613"/>
      <c r="TQU695" s="613"/>
      <c r="TQV695" s="613"/>
      <c r="TQW695" s="613"/>
      <c r="TQX695" s="613"/>
      <c r="TQY695" s="613"/>
      <c r="TQZ695" s="613"/>
      <c r="TRA695" s="613"/>
      <c r="TRB695" s="613"/>
      <c r="TRC695" s="613"/>
      <c r="TRD695" s="613"/>
      <c r="TRE695" s="613"/>
      <c r="TRF695" s="613"/>
      <c r="TRG695" s="613"/>
      <c r="TRH695" s="613"/>
      <c r="TRI695" s="613"/>
      <c r="TRJ695" s="613"/>
      <c r="TRK695" s="613"/>
      <c r="TRL695" s="613"/>
      <c r="TRM695" s="613"/>
      <c r="TRN695" s="613"/>
      <c r="TRO695" s="613"/>
      <c r="TRP695" s="613"/>
      <c r="TRQ695" s="613"/>
      <c r="TRR695" s="613"/>
      <c r="TRS695" s="613"/>
      <c r="TRT695" s="613"/>
      <c r="TRU695" s="613"/>
      <c r="TRV695" s="613"/>
      <c r="TRW695" s="613"/>
      <c r="TRX695" s="613"/>
      <c r="TRY695" s="613"/>
      <c r="TRZ695" s="613"/>
      <c r="TSA695" s="613"/>
      <c r="TSB695" s="613"/>
      <c r="TSC695" s="613"/>
      <c r="TSD695" s="613"/>
      <c r="TSE695" s="613"/>
      <c r="TSF695" s="613"/>
      <c r="TSG695" s="613"/>
      <c r="TSH695" s="613"/>
      <c r="TSI695" s="613"/>
      <c r="TSJ695" s="613"/>
      <c r="TSK695" s="613"/>
      <c r="TSL695" s="613"/>
      <c r="TSM695" s="613"/>
      <c r="TSN695" s="613"/>
      <c r="TSO695" s="613"/>
      <c r="TSP695" s="613"/>
      <c r="TSQ695" s="613"/>
      <c r="TSR695" s="613"/>
      <c r="TSS695" s="613"/>
      <c r="TST695" s="613"/>
      <c r="TSU695" s="613"/>
      <c r="TSV695" s="613"/>
      <c r="TSW695" s="613"/>
      <c r="TSX695" s="613"/>
      <c r="TSY695" s="613"/>
      <c r="TSZ695" s="613"/>
      <c r="TTA695" s="613"/>
      <c r="TTB695" s="613"/>
      <c r="TTC695" s="613"/>
      <c r="TTD695" s="613"/>
      <c r="TTE695" s="613"/>
      <c r="TTF695" s="613"/>
      <c r="TTG695" s="613"/>
      <c r="TTH695" s="613"/>
      <c r="TTI695" s="613"/>
      <c r="TTJ695" s="613"/>
      <c r="TTK695" s="613"/>
      <c r="TTL695" s="613"/>
      <c r="TTM695" s="613"/>
      <c r="TTN695" s="613"/>
      <c r="TTO695" s="613"/>
      <c r="TTP695" s="613"/>
      <c r="TTQ695" s="613"/>
      <c r="TTR695" s="613"/>
      <c r="TTS695" s="613"/>
      <c r="TTT695" s="613"/>
      <c r="TTU695" s="613"/>
      <c r="TTV695" s="613"/>
      <c r="TTW695" s="613"/>
      <c r="TTX695" s="613"/>
      <c r="TTY695" s="613"/>
      <c r="TTZ695" s="613"/>
      <c r="TUA695" s="613"/>
      <c r="TUB695" s="613"/>
      <c r="TUC695" s="613"/>
      <c r="TUD695" s="613"/>
      <c r="TUE695" s="613"/>
      <c r="TUF695" s="613"/>
      <c r="TUG695" s="613"/>
      <c r="TUH695" s="613"/>
      <c r="TUI695" s="613"/>
      <c r="TUJ695" s="613"/>
      <c r="TUK695" s="613"/>
      <c r="TUL695" s="613"/>
      <c r="TUM695" s="613"/>
      <c r="TUN695" s="613"/>
      <c r="TUO695" s="613"/>
      <c r="TUP695" s="613"/>
      <c r="TUQ695" s="613"/>
      <c r="TUR695" s="613"/>
      <c r="TUS695" s="613"/>
      <c r="TUT695" s="613"/>
      <c r="TUU695" s="613"/>
      <c r="TUV695" s="613"/>
      <c r="TUW695" s="613"/>
      <c r="TUX695" s="613"/>
      <c r="TUY695" s="613"/>
      <c r="TUZ695" s="613"/>
      <c r="TVA695" s="613"/>
      <c r="TVB695" s="613"/>
      <c r="TVC695" s="613"/>
      <c r="TVD695" s="613"/>
      <c r="TVE695" s="613"/>
      <c r="TVF695" s="613"/>
      <c r="TVG695" s="613"/>
      <c r="TVH695" s="613"/>
      <c r="TVI695" s="613"/>
      <c r="TVJ695" s="613"/>
      <c r="TVK695" s="613"/>
      <c r="TVL695" s="613"/>
      <c r="TVM695" s="613"/>
      <c r="TVN695" s="613"/>
      <c r="TVO695" s="613"/>
      <c r="TVP695" s="613"/>
      <c r="TVQ695" s="613"/>
      <c r="TVR695" s="613"/>
      <c r="TVS695" s="613"/>
      <c r="TVT695" s="613"/>
      <c r="TVU695" s="613"/>
      <c r="TVV695" s="613"/>
      <c r="TVW695" s="613"/>
      <c r="TVX695" s="613"/>
      <c r="TVY695" s="613"/>
      <c r="TVZ695" s="613"/>
      <c r="TWA695" s="613"/>
      <c r="TWB695" s="613"/>
      <c r="TWC695" s="613"/>
      <c r="TWD695" s="613"/>
      <c r="TWE695" s="613"/>
      <c r="TWF695" s="613"/>
      <c r="TWG695" s="613"/>
      <c r="TWH695" s="613"/>
      <c r="TWI695" s="613"/>
      <c r="TWJ695" s="613"/>
      <c r="TWK695" s="613"/>
      <c r="TWL695" s="613"/>
      <c r="TWM695" s="613"/>
      <c r="TWN695" s="613"/>
      <c r="TWO695" s="613"/>
      <c r="TWP695" s="613"/>
      <c r="TWQ695" s="613"/>
      <c r="TWR695" s="613"/>
      <c r="TWS695" s="613"/>
      <c r="TWT695" s="613"/>
      <c r="TWU695" s="613"/>
      <c r="TWV695" s="613"/>
      <c r="TWW695" s="613"/>
      <c r="TWX695" s="613"/>
      <c r="TWY695" s="613"/>
      <c r="TWZ695" s="613"/>
      <c r="TXA695" s="613"/>
      <c r="TXB695" s="613"/>
      <c r="TXC695" s="613"/>
      <c r="TXD695" s="613"/>
      <c r="TXE695" s="613"/>
      <c r="TXF695" s="613"/>
      <c r="TXG695" s="613"/>
      <c r="TXH695" s="613"/>
      <c r="TXI695" s="613"/>
      <c r="TXJ695" s="613"/>
      <c r="TXK695" s="613"/>
      <c r="TXL695" s="613"/>
      <c r="TXM695" s="613"/>
      <c r="TXN695" s="613"/>
      <c r="TXO695" s="613"/>
      <c r="TXP695" s="613"/>
      <c r="TXQ695" s="613"/>
      <c r="TXR695" s="613"/>
      <c r="TXS695" s="613"/>
      <c r="TXT695" s="613"/>
      <c r="TXU695" s="613"/>
      <c r="TXV695" s="613"/>
      <c r="TXW695" s="613"/>
      <c r="TXX695" s="613"/>
      <c r="TXY695" s="613"/>
      <c r="TXZ695" s="613"/>
      <c r="TYA695" s="613"/>
      <c r="TYB695" s="613"/>
      <c r="TYC695" s="613"/>
      <c r="TYD695" s="613"/>
      <c r="TYE695" s="613"/>
      <c r="TYF695" s="613"/>
      <c r="TYG695" s="613"/>
      <c r="TYH695" s="613"/>
      <c r="TYI695" s="613"/>
      <c r="TYJ695" s="613"/>
      <c r="TYK695" s="613"/>
      <c r="TYL695" s="613"/>
      <c r="TYM695" s="613"/>
      <c r="TYN695" s="613"/>
      <c r="TYO695" s="613"/>
      <c r="TYP695" s="613"/>
      <c r="TYQ695" s="613"/>
      <c r="TYR695" s="613"/>
      <c r="TYS695" s="613"/>
      <c r="TYT695" s="613"/>
      <c r="TYU695" s="613"/>
      <c r="TYV695" s="613"/>
      <c r="TYW695" s="613"/>
      <c r="TYX695" s="613"/>
      <c r="TYY695" s="613"/>
      <c r="TYZ695" s="613"/>
      <c r="TZA695" s="613"/>
      <c r="TZB695" s="613"/>
      <c r="TZC695" s="613"/>
      <c r="TZD695" s="613"/>
      <c r="TZE695" s="613"/>
      <c r="TZF695" s="613"/>
      <c r="TZG695" s="613"/>
      <c r="TZH695" s="613"/>
      <c r="TZI695" s="613"/>
      <c r="TZJ695" s="613"/>
      <c r="TZK695" s="613"/>
      <c r="TZL695" s="613"/>
      <c r="TZM695" s="613"/>
      <c r="TZN695" s="613"/>
      <c r="TZO695" s="613"/>
      <c r="TZP695" s="613"/>
      <c r="TZQ695" s="613"/>
      <c r="TZR695" s="613"/>
      <c r="TZS695" s="613"/>
      <c r="TZT695" s="613"/>
      <c r="TZU695" s="613"/>
      <c r="TZV695" s="613"/>
      <c r="TZW695" s="613"/>
      <c r="TZX695" s="613"/>
      <c r="TZY695" s="613"/>
      <c r="TZZ695" s="613"/>
      <c r="UAA695" s="613"/>
      <c r="UAB695" s="613"/>
      <c r="UAC695" s="613"/>
      <c r="UAD695" s="613"/>
      <c r="UAE695" s="613"/>
      <c r="UAF695" s="613"/>
      <c r="UAG695" s="613"/>
      <c r="UAH695" s="613"/>
      <c r="UAI695" s="613"/>
      <c r="UAJ695" s="613"/>
      <c r="UAK695" s="613"/>
      <c r="UAL695" s="613"/>
      <c r="UAM695" s="613"/>
      <c r="UAN695" s="613"/>
      <c r="UAO695" s="613"/>
      <c r="UAP695" s="613"/>
      <c r="UAQ695" s="613"/>
      <c r="UAR695" s="613"/>
      <c r="UAS695" s="613"/>
      <c r="UAT695" s="613"/>
      <c r="UAU695" s="613"/>
      <c r="UAV695" s="613"/>
      <c r="UAW695" s="613"/>
      <c r="UAX695" s="613"/>
      <c r="UAY695" s="613"/>
      <c r="UAZ695" s="613"/>
      <c r="UBA695" s="613"/>
      <c r="UBB695" s="613"/>
      <c r="UBC695" s="613"/>
      <c r="UBD695" s="613"/>
      <c r="UBE695" s="613"/>
      <c r="UBF695" s="613"/>
      <c r="UBG695" s="613"/>
      <c r="UBH695" s="613"/>
      <c r="UBI695" s="613"/>
      <c r="UBJ695" s="613"/>
      <c r="UBK695" s="613"/>
      <c r="UBL695" s="613"/>
      <c r="UBM695" s="613"/>
      <c r="UBN695" s="613"/>
      <c r="UBO695" s="613"/>
      <c r="UBP695" s="613"/>
      <c r="UBQ695" s="613"/>
      <c r="UBR695" s="613"/>
      <c r="UBS695" s="613"/>
      <c r="UBT695" s="613"/>
      <c r="UBU695" s="613"/>
      <c r="UBV695" s="613"/>
      <c r="UBW695" s="613"/>
      <c r="UBX695" s="613"/>
      <c r="UBY695" s="613"/>
      <c r="UBZ695" s="613"/>
      <c r="UCA695" s="613"/>
      <c r="UCB695" s="613"/>
      <c r="UCC695" s="613"/>
      <c r="UCD695" s="613"/>
      <c r="UCE695" s="613"/>
      <c r="UCF695" s="613"/>
      <c r="UCG695" s="613"/>
      <c r="UCH695" s="613"/>
      <c r="UCI695" s="613"/>
      <c r="UCJ695" s="613"/>
      <c r="UCK695" s="613"/>
      <c r="UCL695" s="613"/>
      <c r="UCM695" s="613"/>
      <c r="UCN695" s="613"/>
      <c r="UCO695" s="613"/>
      <c r="UCP695" s="613"/>
      <c r="UCQ695" s="613"/>
      <c r="UCR695" s="613"/>
      <c r="UCS695" s="613"/>
      <c r="UCT695" s="613"/>
      <c r="UCU695" s="613"/>
      <c r="UCV695" s="613"/>
      <c r="UCW695" s="613"/>
      <c r="UCX695" s="613"/>
      <c r="UCY695" s="613"/>
      <c r="UCZ695" s="613"/>
      <c r="UDA695" s="613"/>
      <c r="UDB695" s="613"/>
      <c r="UDC695" s="613"/>
      <c r="UDD695" s="613"/>
      <c r="UDE695" s="613"/>
      <c r="UDF695" s="613"/>
      <c r="UDG695" s="613"/>
      <c r="UDH695" s="613"/>
      <c r="UDI695" s="613"/>
      <c r="UDJ695" s="613"/>
      <c r="UDK695" s="613"/>
      <c r="UDL695" s="613"/>
      <c r="UDM695" s="613"/>
      <c r="UDN695" s="613"/>
      <c r="UDO695" s="613"/>
      <c r="UDP695" s="613"/>
      <c r="UDQ695" s="613"/>
      <c r="UDR695" s="613"/>
      <c r="UDS695" s="613"/>
      <c r="UDT695" s="613"/>
      <c r="UDU695" s="613"/>
      <c r="UDV695" s="613"/>
      <c r="UDW695" s="613"/>
      <c r="UDX695" s="613"/>
      <c r="UDY695" s="613"/>
      <c r="UDZ695" s="613"/>
      <c r="UEA695" s="613"/>
      <c r="UEB695" s="613"/>
      <c r="UEC695" s="613"/>
      <c r="UED695" s="613"/>
      <c r="UEE695" s="613"/>
      <c r="UEF695" s="613"/>
      <c r="UEG695" s="613"/>
      <c r="UEH695" s="613"/>
      <c r="UEI695" s="613"/>
      <c r="UEJ695" s="613"/>
      <c r="UEK695" s="613"/>
      <c r="UEL695" s="613"/>
      <c r="UEM695" s="613"/>
      <c r="UEN695" s="613"/>
      <c r="UEO695" s="613"/>
      <c r="UEP695" s="613"/>
      <c r="UEQ695" s="613"/>
      <c r="UER695" s="613"/>
      <c r="UES695" s="613"/>
      <c r="UET695" s="613"/>
      <c r="UEU695" s="613"/>
      <c r="UEV695" s="613"/>
      <c r="UEW695" s="613"/>
      <c r="UEX695" s="613"/>
      <c r="UEY695" s="613"/>
      <c r="UEZ695" s="613"/>
      <c r="UFA695" s="613"/>
      <c r="UFB695" s="613"/>
      <c r="UFC695" s="613"/>
      <c r="UFD695" s="613"/>
      <c r="UFE695" s="613"/>
      <c r="UFF695" s="613"/>
      <c r="UFG695" s="613"/>
      <c r="UFH695" s="613"/>
      <c r="UFI695" s="613"/>
      <c r="UFJ695" s="613"/>
      <c r="UFK695" s="613"/>
      <c r="UFL695" s="613"/>
      <c r="UFM695" s="613"/>
      <c r="UFN695" s="613"/>
      <c r="UFO695" s="613"/>
      <c r="UFP695" s="613"/>
      <c r="UFQ695" s="613"/>
      <c r="UFR695" s="613"/>
      <c r="UFS695" s="613"/>
      <c r="UFT695" s="613"/>
      <c r="UFU695" s="613"/>
      <c r="UFV695" s="613"/>
      <c r="UFW695" s="613"/>
      <c r="UFX695" s="613"/>
      <c r="UFY695" s="613"/>
      <c r="UFZ695" s="613"/>
      <c r="UGA695" s="613"/>
      <c r="UGB695" s="613"/>
      <c r="UGC695" s="613"/>
      <c r="UGD695" s="613"/>
      <c r="UGE695" s="613"/>
      <c r="UGF695" s="613"/>
      <c r="UGG695" s="613"/>
      <c r="UGH695" s="613"/>
      <c r="UGI695" s="613"/>
      <c r="UGJ695" s="613"/>
      <c r="UGK695" s="613"/>
      <c r="UGL695" s="613"/>
      <c r="UGM695" s="613"/>
      <c r="UGN695" s="613"/>
      <c r="UGO695" s="613"/>
      <c r="UGP695" s="613"/>
      <c r="UGQ695" s="613"/>
      <c r="UGR695" s="613"/>
      <c r="UGS695" s="613"/>
      <c r="UGT695" s="613"/>
      <c r="UGU695" s="613"/>
      <c r="UGV695" s="613"/>
      <c r="UGW695" s="613"/>
      <c r="UGX695" s="613"/>
      <c r="UGY695" s="613"/>
      <c r="UGZ695" s="613"/>
      <c r="UHA695" s="613"/>
      <c r="UHB695" s="613"/>
      <c r="UHC695" s="613"/>
      <c r="UHD695" s="613"/>
      <c r="UHE695" s="613"/>
      <c r="UHF695" s="613"/>
      <c r="UHG695" s="613"/>
      <c r="UHH695" s="613"/>
      <c r="UHI695" s="613"/>
      <c r="UHJ695" s="613"/>
      <c r="UHK695" s="613"/>
      <c r="UHL695" s="613"/>
      <c r="UHM695" s="613"/>
      <c r="UHN695" s="613"/>
      <c r="UHO695" s="613"/>
      <c r="UHP695" s="613"/>
      <c r="UHQ695" s="613"/>
      <c r="UHR695" s="613"/>
      <c r="UHS695" s="613"/>
      <c r="UHT695" s="613"/>
      <c r="UHU695" s="613"/>
      <c r="UHV695" s="613"/>
      <c r="UHW695" s="613"/>
      <c r="UHX695" s="613"/>
      <c r="UHY695" s="613"/>
      <c r="UHZ695" s="613"/>
      <c r="UIA695" s="613"/>
      <c r="UIB695" s="613"/>
      <c r="UIC695" s="613"/>
      <c r="UID695" s="613"/>
      <c r="UIE695" s="613"/>
      <c r="UIF695" s="613"/>
      <c r="UIG695" s="613"/>
      <c r="UIH695" s="613"/>
      <c r="UII695" s="613"/>
      <c r="UIJ695" s="613"/>
      <c r="UIK695" s="613"/>
      <c r="UIL695" s="613"/>
      <c r="UIM695" s="613"/>
      <c r="UIN695" s="613"/>
      <c r="UIO695" s="613"/>
      <c r="UIP695" s="613"/>
      <c r="UIQ695" s="613"/>
      <c r="UIR695" s="613"/>
      <c r="UIS695" s="613"/>
      <c r="UIT695" s="613"/>
      <c r="UIU695" s="613"/>
      <c r="UIV695" s="613"/>
      <c r="UIW695" s="613"/>
      <c r="UIX695" s="613"/>
      <c r="UIY695" s="613"/>
      <c r="UIZ695" s="613"/>
      <c r="UJA695" s="613"/>
      <c r="UJB695" s="613"/>
      <c r="UJC695" s="613"/>
      <c r="UJD695" s="613"/>
      <c r="UJE695" s="613"/>
      <c r="UJF695" s="613"/>
      <c r="UJG695" s="613"/>
      <c r="UJH695" s="613"/>
      <c r="UJI695" s="613"/>
      <c r="UJJ695" s="613"/>
      <c r="UJK695" s="613"/>
      <c r="UJL695" s="613"/>
      <c r="UJM695" s="613"/>
      <c r="UJN695" s="613"/>
      <c r="UJO695" s="613"/>
      <c r="UJP695" s="613"/>
      <c r="UJQ695" s="613"/>
      <c r="UJR695" s="613"/>
      <c r="UJS695" s="613"/>
      <c r="UJT695" s="613"/>
      <c r="UJU695" s="613"/>
      <c r="UJV695" s="613"/>
      <c r="UJW695" s="613"/>
      <c r="UJX695" s="613"/>
      <c r="UJY695" s="613"/>
      <c r="UJZ695" s="613"/>
      <c r="UKA695" s="613"/>
      <c r="UKB695" s="613"/>
      <c r="UKC695" s="613"/>
      <c r="UKD695" s="613"/>
      <c r="UKE695" s="613"/>
      <c r="UKF695" s="613"/>
      <c r="UKG695" s="613"/>
      <c r="UKH695" s="613"/>
      <c r="UKI695" s="613"/>
      <c r="UKJ695" s="613"/>
      <c r="UKK695" s="613"/>
      <c r="UKL695" s="613"/>
      <c r="UKM695" s="613"/>
      <c r="UKN695" s="613"/>
      <c r="UKO695" s="613"/>
      <c r="UKP695" s="613"/>
      <c r="UKQ695" s="613"/>
      <c r="UKR695" s="613"/>
      <c r="UKS695" s="613"/>
      <c r="UKT695" s="613"/>
      <c r="UKU695" s="613"/>
      <c r="UKV695" s="613"/>
      <c r="UKW695" s="613"/>
      <c r="UKX695" s="613"/>
      <c r="UKY695" s="613"/>
      <c r="UKZ695" s="613"/>
      <c r="ULA695" s="613"/>
      <c r="ULB695" s="613"/>
      <c r="ULC695" s="613"/>
      <c r="ULD695" s="613"/>
      <c r="ULE695" s="613"/>
      <c r="ULF695" s="613"/>
      <c r="ULG695" s="613"/>
      <c r="ULH695" s="613"/>
      <c r="ULI695" s="613"/>
      <c r="ULJ695" s="613"/>
      <c r="ULK695" s="613"/>
      <c r="ULL695" s="613"/>
      <c r="ULM695" s="613"/>
      <c r="ULN695" s="613"/>
      <c r="ULO695" s="613"/>
      <c r="ULP695" s="613"/>
      <c r="ULQ695" s="613"/>
      <c r="ULR695" s="613"/>
      <c r="ULS695" s="613"/>
      <c r="ULT695" s="613"/>
      <c r="ULU695" s="613"/>
      <c r="ULV695" s="613"/>
      <c r="ULW695" s="613"/>
      <c r="ULX695" s="613"/>
      <c r="ULY695" s="613"/>
      <c r="ULZ695" s="613"/>
      <c r="UMA695" s="613"/>
      <c r="UMB695" s="613"/>
      <c r="UMC695" s="613"/>
      <c r="UMD695" s="613"/>
      <c r="UME695" s="613"/>
      <c r="UMF695" s="613"/>
      <c r="UMG695" s="613"/>
      <c r="UMH695" s="613"/>
      <c r="UMI695" s="613"/>
      <c r="UMJ695" s="613"/>
      <c r="UMK695" s="613"/>
      <c r="UML695" s="613"/>
      <c r="UMM695" s="613"/>
      <c r="UMN695" s="613"/>
      <c r="UMO695" s="613"/>
      <c r="UMP695" s="613"/>
      <c r="UMQ695" s="613"/>
      <c r="UMR695" s="613"/>
      <c r="UMS695" s="613"/>
      <c r="UMT695" s="613"/>
      <c r="UMU695" s="613"/>
      <c r="UMV695" s="613"/>
      <c r="UMW695" s="613"/>
      <c r="UMX695" s="613"/>
      <c r="UMY695" s="613"/>
      <c r="UMZ695" s="613"/>
      <c r="UNA695" s="613"/>
      <c r="UNB695" s="613"/>
      <c r="UNC695" s="613"/>
      <c r="UND695" s="613"/>
      <c r="UNE695" s="613"/>
      <c r="UNF695" s="613"/>
      <c r="UNG695" s="613"/>
      <c r="UNH695" s="613"/>
      <c r="UNI695" s="613"/>
      <c r="UNJ695" s="613"/>
      <c r="UNK695" s="613"/>
      <c r="UNL695" s="613"/>
      <c r="UNM695" s="613"/>
      <c r="UNN695" s="613"/>
      <c r="UNO695" s="613"/>
      <c r="UNP695" s="613"/>
      <c r="UNQ695" s="613"/>
      <c r="UNR695" s="613"/>
      <c r="UNS695" s="613"/>
      <c r="UNT695" s="613"/>
      <c r="UNU695" s="613"/>
      <c r="UNV695" s="613"/>
      <c r="UNW695" s="613"/>
      <c r="UNX695" s="613"/>
      <c r="UNY695" s="613"/>
      <c r="UNZ695" s="613"/>
      <c r="UOA695" s="613"/>
      <c r="UOB695" s="613"/>
      <c r="UOC695" s="613"/>
      <c r="UOD695" s="613"/>
      <c r="UOE695" s="613"/>
      <c r="UOF695" s="613"/>
      <c r="UOG695" s="613"/>
      <c r="UOH695" s="613"/>
      <c r="UOI695" s="613"/>
      <c r="UOJ695" s="613"/>
      <c r="UOK695" s="613"/>
      <c r="UOL695" s="613"/>
      <c r="UOM695" s="613"/>
      <c r="UON695" s="613"/>
      <c r="UOO695" s="613"/>
      <c r="UOP695" s="613"/>
      <c r="UOQ695" s="613"/>
      <c r="UOR695" s="613"/>
      <c r="UOS695" s="613"/>
      <c r="UOT695" s="613"/>
      <c r="UOU695" s="613"/>
      <c r="UOV695" s="613"/>
      <c r="UOW695" s="613"/>
      <c r="UOX695" s="613"/>
      <c r="UOY695" s="613"/>
      <c r="UOZ695" s="613"/>
      <c r="UPA695" s="613"/>
      <c r="UPB695" s="613"/>
      <c r="UPC695" s="613"/>
      <c r="UPD695" s="613"/>
      <c r="UPE695" s="613"/>
      <c r="UPF695" s="613"/>
      <c r="UPG695" s="613"/>
      <c r="UPH695" s="613"/>
      <c r="UPI695" s="613"/>
      <c r="UPJ695" s="613"/>
      <c r="UPK695" s="613"/>
      <c r="UPL695" s="613"/>
      <c r="UPM695" s="613"/>
      <c r="UPN695" s="613"/>
      <c r="UPO695" s="613"/>
      <c r="UPP695" s="613"/>
      <c r="UPQ695" s="613"/>
      <c r="UPR695" s="613"/>
      <c r="UPS695" s="613"/>
      <c r="UPT695" s="613"/>
      <c r="UPU695" s="613"/>
      <c r="UPV695" s="613"/>
      <c r="UPW695" s="613"/>
      <c r="UPX695" s="613"/>
      <c r="UPY695" s="613"/>
      <c r="UPZ695" s="613"/>
      <c r="UQA695" s="613"/>
      <c r="UQB695" s="613"/>
      <c r="UQC695" s="613"/>
      <c r="UQD695" s="613"/>
      <c r="UQE695" s="613"/>
      <c r="UQF695" s="613"/>
      <c r="UQG695" s="613"/>
      <c r="UQH695" s="613"/>
      <c r="UQI695" s="613"/>
      <c r="UQJ695" s="613"/>
      <c r="UQK695" s="613"/>
      <c r="UQL695" s="613"/>
      <c r="UQM695" s="613"/>
      <c r="UQN695" s="613"/>
      <c r="UQO695" s="613"/>
      <c r="UQP695" s="613"/>
      <c r="UQQ695" s="613"/>
      <c r="UQR695" s="613"/>
      <c r="UQS695" s="613"/>
      <c r="UQT695" s="613"/>
      <c r="UQU695" s="613"/>
      <c r="UQV695" s="613"/>
      <c r="UQW695" s="613"/>
      <c r="UQX695" s="613"/>
      <c r="UQY695" s="613"/>
      <c r="UQZ695" s="613"/>
      <c r="URA695" s="613"/>
      <c r="URB695" s="613"/>
      <c r="URC695" s="613"/>
      <c r="URD695" s="613"/>
      <c r="URE695" s="613"/>
      <c r="URF695" s="613"/>
      <c r="URG695" s="613"/>
      <c r="URH695" s="613"/>
      <c r="URI695" s="613"/>
      <c r="URJ695" s="613"/>
      <c r="URK695" s="613"/>
      <c r="URL695" s="613"/>
      <c r="URM695" s="613"/>
      <c r="URN695" s="613"/>
      <c r="URO695" s="613"/>
      <c r="URP695" s="613"/>
      <c r="URQ695" s="613"/>
      <c r="URR695" s="613"/>
      <c r="URS695" s="613"/>
      <c r="URT695" s="613"/>
      <c r="URU695" s="613"/>
      <c r="URV695" s="613"/>
      <c r="URW695" s="613"/>
      <c r="URX695" s="613"/>
      <c r="URY695" s="613"/>
      <c r="URZ695" s="613"/>
      <c r="USA695" s="613"/>
      <c r="USB695" s="613"/>
      <c r="USC695" s="613"/>
      <c r="USD695" s="613"/>
      <c r="USE695" s="613"/>
      <c r="USF695" s="613"/>
      <c r="USG695" s="613"/>
      <c r="USH695" s="613"/>
      <c r="USI695" s="613"/>
      <c r="USJ695" s="613"/>
      <c r="USK695" s="613"/>
      <c r="USL695" s="613"/>
      <c r="USM695" s="613"/>
      <c r="USN695" s="613"/>
      <c r="USO695" s="613"/>
      <c r="USP695" s="613"/>
      <c r="USQ695" s="613"/>
      <c r="USR695" s="613"/>
      <c r="USS695" s="613"/>
      <c r="UST695" s="613"/>
      <c r="USU695" s="613"/>
      <c r="USV695" s="613"/>
      <c r="USW695" s="613"/>
      <c r="USX695" s="613"/>
      <c r="USY695" s="613"/>
      <c r="USZ695" s="613"/>
      <c r="UTA695" s="613"/>
      <c r="UTB695" s="613"/>
      <c r="UTC695" s="613"/>
      <c r="UTD695" s="613"/>
      <c r="UTE695" s="613"/>
      <c r="UTF695" s="613"/>
      <c r="UTG695" s="613"/>
      <c r="UTH695" s="613"/>
      <c r="UTI695" s="613"/>
      <c r="UTJ695" s="613"/>
      <c r="UTK695" s="613"/>
      <c r="UTL695" s="613"/>
      <c r="UTM695" s="613"/>
      <c r="UTN695" s="613"/>
      <c r="UTO695" s="613"/>
      <c r="UTP695" s="613"/>
      <c r="UTQ695" s="613"/>
      <c r="UTR695" s="613"/>
      <c r="UTS695" s="613"/>
      <c r="UTT695" s="613"/>
      <c r="UTU695" s="613"/>
      <c r="UTV695" s="613"/>
      <c r="UTW695" s="613"/>
      <c r="UTX695" s="613"/>
      <c r="UTY695" s="613"/>
      <c r="UTZ695" s="613"/>
      <c r="UUA695" s="613"/>
      <c r="UUB695" s="613"/>
      <c r="UUC695" s="613"/>
      <c r="UUD695" s="613"/>
      <c r="UUE695" s="613"/>
      <c r="UUF695" s="613"/>
      <c r="UUG695" s="613"/>
      <c r="UUH695" s="613"/>
      <c r="UUI695" s="613"/>
      <c r="UUJ695" s="613"/>
      <c r="UUK695" s="613"/>
      <c r="UUL695" s="613"/>
      <c r="UUM695" s="613"/>
      <c r="UUN695" s="613"/>
      <c r="UUO695" s="613"/>
      <c r="UUP695" s="613"/>
      <c r="UUQ695" s="613"/>
      <c r="UUR695" s="613"/>
      <c r="UUS695" s="613"/>
      <c r="UUT695" s="613"/>
      <c r="UUU695" s="613"/>
      <c r="UUV695" s="613"/>
      <c r="UUW695" s="613"/>
      <c r="UUX695" s="613"/>
      <c r="UUY695" s="613"/>
      <c r="UUZ695" s="613"/>
      <c r="UVA695" s="613"/>
      <c r="UVB695" s="613"/>
      <c r="UVC695" s="613"/>
      <c r="UVD695" s="613"/>
      <c r="UVE695" s="613"/>
      <c r="UVF695" s="613"/>
      <c r="UVG695" s="613"/>
      <c r="UVH695" s="613"/>
      <c r="UVI695" s="613"/>
      <c r="UVJ695" s="613"/>
      <c r="UVK695" s="613"/>
      <c r="UVL695" s="613"/>
      <c r="UVM695" s="613"/>
      <c r="UVN695" s="613"/>
      <c r="UVO695" s="613"/>
      <c r="UVP695" s="613"/>
      <c r="UVQ695" s="613"/>
      <c r="UVR695" s="613"/>
      <c r="UVS695" s="613"/>
      <c r="UVT695" s="613"/>
      <c r="UVU695" s="613"/>
      <c r="UVV695" s="613"/>
      <c r="UVW695" s="613"/>
      <c r="UVX695" s="613"/>
      <c r="UVY695" s="613"/>
      <c r="UVZ695" s="613"/>
      <c r="UWA695" s="613"/>
      <c r="UWB695" s="613"/>
      <c r="UWC695" s="613"/>
      <c r="UWD695" s="613"/>
      <c r="UWE695" s="613"/>
      <c r="UWF695" s="613"/>
      <c r="UWG695" s="613"/>
      <c r="UWH695" s="613"/>
      <c r="UWI695" s="613"/>
      <c r="UWJ695" s="613"/>
      <c r="UWK695" s="613"/>
      <c r="UWL695" s="613"/>
      <c r="UWM695" s="613"/>
      <c r="UWN695" s="613"/>
      <c r="UWO695" s="613"/>
      <c r="UWP695" s="613"/>
      <c r="UWQ695" s="613"/>
      <c r="UWR695" s="613"/>
      <c r="UWS695" s="613"/>
      <c r="UWT695" s="613"/>
      <c r="UWU695" s="613"/>
      <c r="UWV695" s="613"/>
      <c r="UWW695" s="613"/>
      <c r="UWX695" s="613"/>
      <c r="UWY695" s="613"/>
      <c r="UWZ695" s="613"/>
      <c r="UXA695" s="613"/>
      <c r="UXB695" s="613"/>
      <c r="UXC695" s="613"/>
      <c r="UXD695" s="613"/>
      <c r="UXE695" s="613"/>
      <c r="UXF695" s="613"/>
      <c r="UXG695" s="613"/>
      <c r="UXH695" s="613"/>
      <c r="UXI695" s="613"/>
      <c r="UXJ695" s="613"/>
      <c r="UXK695" s="613"/>
      <c r="UXL695" s="613"/>
      <c r="UXM695" s="613"/>
      <c r="UXN695" s="613"/>
      <c r="UXO695" s="613"/>
      <c r="UXP695" s="613"/>
      <c r="UXQ695" s="613"/>
      <c r="UXR695" s="613"/>
      <c r="UXS695" s="613"/>
      <c r="UXT695" s="613"/>
      <c r="UXU695" s="613"/>
      <c r="UXV695" s="613"/>
      <c r="UXW695" s="613"/>
      <c r="UXX695" s="613"/>
      <c r="UXY695" s="613"/>
      <c r="UXZ695" s="613"/>
      <c r="UYA695" s="613"/>
      <c r="UYB695" s="613"/>
      <c r="UYC695" s="613"/>
      <c r="UYD695" s="613"/>
      <c r="UYE695" s="613"/>
      <c r="UYF695" s="613"/>
      <c r="UYG695" s="613"/>
      <c r="UYH695" s="613"/>
      <c r="UYI695" s="613"/>
      <c r="UYJ695" s="613"/>
      <c r="UYK695" s="613"/>
      <c r="UYL695" s="613"/>
      <c r="UYM695" s="613"/>
      <c r="UYN695" s="613"/>
      <c r="UYO695" s="613"/>
      <c r="UYP695" s="613"/>
      <c r="UYQ695" s="613"/>
      <c r="UYR695" s="613"/>
      <c r="UYS695" s="613"/>
      <c r="UYT695" s="613"/>
      <c r="UYU695" s="613"/>
      <c r="UYV695" s="613"/>
      <c r="UYW695" s="613"/>
      <c r="UYX695" s="613"/>
      <c r="UYY695" s="613"/>
      <c r="UYZ695" s="613"/>
      <c r="UZA695" s="613"/>
      <c r="UZB695" s="613"/>
      <c r="UZC695" s="613"/>
      <c r="UZD695" s="613"/>
      <c r="UZE695" s="613"/>
      <c r="UZF695" s="613"/>
      <c r="UZG695" s="613"/>
      <c r="UZH695" s="613"/>
      <c r="UZI695" s="613"/>
      <c r="UZJ695" s="613"/>
      <c r="UZK695" s="613"/>
      <c r="UZL695" s="613"/>
      <c r="UZM695" s="613"/>
      <c r="UZN695" s="613"/>
      <c r="UZO695" s="613"/>
      <c r="UZP695" s="613"/>
      <c r="UZQ695" s="613"/>
      <c r="UZR695" s="613"/>
      <c r="UZS695" s="613"/>
      <c r="UZT695" s="613"/>
      <c r="UZU695" s="613"/>
      <c r="UZV695" s="613"/>
      <c r="UZW695" s="613"/>
      <c r="UZX695" s="613"/>
      <c r="UZY695" s="613"/>
      <c r="UZZ695" s="613"/>
      <c r="VAA695" s="613"/>
      <c r="VAB695" s="613"/>
      <c r="VAC695" s="613"/>
      <c r="VAD695" s="613"/>
      <c r="VAE695" s="613"/>
      <c r="VAF695" s="613"/>
      <c r="VAG695" s="613"/>
      <c r="VAH695" s="613"/>
      <c r="VAI695" s="613"/>
      <c r="VAJ695" s="613"/>
      <c r="VAK695" s="613"/>
      <c r="VAL695" s="613"/>
      <c r="VAM695" s="613"/>
      <c r="VAN695" s="613"/>
      <c r="VAO695" s="613"/>
      <c r="VAP695" s="613"/>
      <c r="VAQ695" s="613"/>
      <c r="VAR695" s="613"/>
      <c r="VAS695" s="613"/>
      <c r="VAT695" s="613"/>
      <c r="VAU695" s="613"/>
      <c r="VAV695" s="613"/>
      <c r="VAW695" s="613"/>
      <c r="VAX695" s="613"/>
      <c r="VAY695" s="613"/>
      <c r="VAZ695" s="613"/>
      <c r="VBA695" s="613"/>
      <c r="VBB695" s="613"/>
      <c r="VBC695" s="613"/>
      <c r="VBD695" s="613"/>
      <c r="VBE695" s="613"/>
      <c r="VBF695" s="613"/>
      <c r="VBG695" s="613"/>
      <c r="VBH695" s="613"/>
      <c r="VBI695" s="613"/>
      <c r="VBJ695" s="613"/>
      <c r="VBK695" s="613"/>
      <c r="VBL695" s="613"/>
      <c r="VBM695" s="613"/>
      <c r="VBN695" s="613"/>
      <c r="VBO695" s="613"/>
      <c r="VBP695" s="613"/>
      <c r="VBQ695" s="613"/>
      <c r="VBR695" s="613"/>
      <c r="VBS695" s="613"/>
      <c r="VBT695" s="613"/>
      <c r="VBU695" s="613"/>
      <c r="VBV695" s="613"/>
      <c r="VBW695" s="613"/>
      <c r="VBX695" s="613"/>
      <c r="VBY695" s="613"/>
      <c r="VBZ695" s="613"/>
      <c r="VCA695" s="613"/>
      <c r="VCB695" s="613"/>
      <c r="VCC695" s="613"/>
      <c r="VCD695" s="613"/>
      <c r="VCE695" s="613"/>
      <c r="VCF695" s="613"/>
      <c r="VCG695" s="613"/>
      <c r="VCH695" s="613"/>
      <c r="VCI695" s="613"/>
      <c r="VCJ695" s="613"/>
      <c r="VCK695" s="613"/>
      <c r="VCL695" s="613"/>
      <c r="VCM695" s="613"/>
      <c r="VCN695" s="613"/>
      <c r="VCO695" s="613"/>
      <c r="VCP695" s="613"/>
      <c r="VCQ695" s="613"/>
      <c r="VCR695" s="613"/>
      <c r="VCS695" s="613"/>
      <c r="VCT695" s="613"/>
      <c r="VCU695" s="613"/>
      <c r="VCV695" s="613"/>
      <c r="VCW695" s="613"/>
      <c r="VCX695" s="613"/>
      <c r="VCY695" s="613"/>
      <c r="VCZ695" s="613"/>
      <c r="VDA695" s="613"/>
      <c r="VDB695" s="613"/>
      <c r="VDC695" s="613"/>
      <c r="VDD695" s="613"/>
      <c r="VDE695" s="613"/>
      <c r="VDF695" s="613"/>
      <c r="VDG695" s="613"/>
      <c r="VDH695" s="613"/>
      <c r="VDI695" s="613"/>
      <c r="VDJ695" s="613"/>
      <c r="VDK695" s="613"/>
      <c r="VDL695" s="613"/>
      <c r="VDM695" s="613"/>
      <c r="VDN695" s="613"/>
      <c r="VDO695" s="613"/>
      <c r="VDP695" s="613"/>
      <c r="VDQ695" s="613"/>
      <c r="VDR695" s="613"/>
      <c r="VDS695" s="613"/>
      <c r="VDT695" s="613"/>
      <c r="VDU695" s="613"/>
      <c r="VDV695" s="613"/>
      <c r="VDW695" s="613"/>
      <c r="VDX695" s="613"/>
      <c r="VDY695" s="613"/>
      <c r="VDZ695" s="613"/>
      <c r="VEA695" s="613"/>
      <c r="VEB695" s="613"/>
      <c r="VEC695" s="613"/>
      <c r="VED695" s="613"/>
      <c r="VEE695" s="613"/>
      <c r="VEF695" s="613"/>
      <c r="VEG695" s="613"/>
      <c r="VEH695" s="613"/>
      <c r="VEI695" s="613"/>
      <c r="VEJ695" s="613"/>
      <c r="VEK695" s="613"/>
      <c r="VEL695" s="613"/>
      <c r="VEM695" s="613"/>
      <c r="VEN695" s="613"/>
      <c r="VEO695" s="613"/>
      <c r="VEP695" s="613"/>
      <c r="VEQ695" s="613"/>
      <c r="VER695" s="613"/>
      <c r="VES695" s="613"/>
      <c r="VET695" s="613"/>
      <c r="VEU695" s="613"/>
      <c r="VEV695" s="613"/>
      <c r="VEW695" s="613"/>
      <c r="VEX695" s="613"/>
      <c r="VEY695" s="613"/>
      <c r="VEZ695" s="613"/>
      <c r="VFA695" s="613"/>
      <c r="VFB695" s="613"/>
      <c r="VFC695" s="613"/>
      <c r="VFD695" s="613"/>
      <c r="VFE695" s="613"/>
      <c r="VFF695" s="613"/>
      <c r="VFG695" s="613"/>
      <c r="VFH695" s="613"/>
      <c r="VFI695" s="613"/>
      <c r="VFJ695" s="613"/>
      <c r="VFK695" s="613"/>
      <c r="VFL695" s="613"/>
      <c r="VFM695" s="613"/>
      <c r="VFN695" s="613"/>
      <c r="VFO695" s="613"/>
      <c r="VFP695" s="613"/>
      <c r="VFQ695" s="613"/>
      <c r="VFR695" s="613"/>
      <c r="VFS695" s="613"/>
      <c r="VFT695" s="613"/>
      <c r="VFU695" s="613"/>
      <c r="VFV695" s="613"/>
      <c r="VFW695" s="613"/>
      <c r="VFX695" s="613"/>
      <c r="VFY695" s="613"/>
      <c r="VFZ695" s="613"/>
      <c r="VGA695" s="613"/>
      <c r="VGB695" s="613"/>
      <c r="VGC695" s="613"/>
      <c r="VGD695" s="613"/>
      <c r="VGE695" s="613"/>
      <c r="VGF695" s="613"/>
      <c r="VGG695" s="613"/>
      <c r="VGH695" s="613"/>
      <c r="VGI695" s="613"/>
      <c r="VGJ695" s="613"/>
      <c r="VGK695" s="613"/>
      <c r="VGL695" s="613"/>
      <c r="VGM695" s="613"/>
      <c r="VGN695" s="613"/>
      <c r="VGO695" s="613"/>
      <c r="VGP695" s="613"/>
      <c r="VGQ695" s="613"/>
      <c r="VGR695" s="613"/>
      <c r="VGS695" s="613"/>
      <c r="VGT695" s="613"/>
      <c r="VGU695" s="613"/>
      <c r="VGV695" s="613"/>
      <c r="VGW695" s="613"/>
      <c r="VGX695" s="613"/>
      <c r="VGY695" s="613"/>
      <c r="VGZ695" s="613"/>
      <c r="VHA695" s="613"/>
      <c r="VHB695" s="613"/>
      <c r="VHC695" s="613"/>
      <c r="VHD695" s="613"/>
      <c r="VHE695" s="613"/>
      <c r="VHF695" s="613"/>
      <c r="VHG695" s="613"/>
      <c r="VHH695" s="613"/>
      <c r="VHI695" s="613"/>
      <c r="VHJ695" s="613"/>
      <c r="VHK695" s="613"/>
      <c r="VHL695" s="613"/>
      <c r="VHM695" s="613"/>
      <c r="VHN695" s="613"/>
      <c r="VHO695" s="613"/>
      <c r="VHP695" s="613"/>
      <c r="VHQ695" s="613"/>
      <c r="VHR695" s="613"/>
      <c r="VHS695" s="613"/>
      <c r="VHT695" s="613"/>
      <c r="VHU695" s="613"/>
      <c r="VHV695" s="613"/>
      <c r="VHW695" s="613"/>
      <c r="VHX695" s="613"/>
      <c r="VHY695" s="613"/>
      <c r="VHZ695" s="613"/>
      <c r="VIA695" s="613"/>
      <c r="VIB695" s="613"/>
      <c r="VIC695" s="613"/>
      <c r="VID695" s="613"/>
      <c r="VIE695" s="613"/>
      <c r="VIF695" s="613"/>
      <c r="VIG695" s="613"/>
      <c r="VIH695" s="613"/>
      <c r="VII695" s="613"/>
      <c r="VIJ695" s="613"/>
      <c r="VIK695" s="613"/>
      <c r="VIL695" s="613"/>
      <c r="VIM695" s="613"/>
      <c r="VIN695" s="613"/>
      <c r="VIO695" s="613"/>
      <c r="VIP695" s="613"/>
      <c r="VIQ695" s="613"/>
      <c r="VIR695" s="613"/>
      <c r="VIS695" s="613"/>
      <c r="VIT695" s="613"/>
      <c r="VIU695" s="613"/>
      <c r="VIV695" s="613"/>
      <c r="VIW695" s="613"/>
      <c r="VIX695" s="613"/>
      <c r="VIY695" s="613"/>
      <c r="VIZ695" s="613"/>
      <c r="VJA695" s="613"/>
      <c r="VJB695" s="613"/>
      <c r="VJC695" s="613"/>
      <c r="VJD695" s="613"/>
      <c r="VJE695" s="613"/>
      <c r="VJF695" s="613"/>
      <c r="VJG695" s="613"/>
      <c r="VJH695" s="613"/>
      <c r="VJI695" s="613"/>
      <c r="VJJ695" s="613"/>
      <c r="VJK695" s="613"/>
      <c r="VJL695" s="613"/>
      <c r="VJM695" s="613"/>
      <c r="VJN695" s="613"/>
      <c r="VJO695" s="613"/>
      <c r="VJP695" s="613"/>
      <c r="VJQ695" s="613"/>
      <c r="VJR695" s="613"/>
      <c r="VJS695" s="613"/>
      <c r="VJT695" s="613"/>
      <c r="VJU695" s="613"/>
      <c r="VJV695" s="613"/>
      <c r="VJW695" s="613"/>
      <c r="VJX695" s="613"/>
      <c r="VJY695" s="613"/>
      <c r="VJZ695" s="613"/>
      <c r="VKA695" s="613"/>
      <c r="VKB695" s="613"/>
      <c r="VKC695" s="613"/>
      <c r="VKD695" s="613"/>
      <c r="VKE695" s="613"/>
      <c r="VKF695" s="613"/>
      <c r="VKG695" s="613"/>
      <c r="VKH695" s="613"/>
      <c r="VKI695" s="613"/>
      <c r="VKJ695" s="613"/>
      <c r="VKK695" s="613"/>
      <c r="VKL695" s="613"/>
      <c r="VKM695" s="613"/>
      <c r="VKN695" s="613"/>
      <c r="VKO695" s="613"/>
      <c r="VKP695" s="613"/>
      <c r="VKQ695" s="613"/>
      <c r="VKR695" s="613"/>
      <c r="VKS695" s="613"/>
      <c r="VKT695" s="613"/>
      <c r="VKU695" s="613"/>
      <c r="VKV695" s="613"/>
      <c r="VKW695" s="613"/>
      <c r="VKX695" s="613"/>
      <c r="VKY695" s="613"/>
      <c r="VKZ695" s="613"/>
      <c r="VLA695" s="613"/>
      <c r="VLB695" s="613"/>
      <c r="VLC695" s="613"/>
      <c r="VLD695" s="613"/>
      <c r="VLE695" s="613"/>
      <c r="VLF695" s="613"/>
      <c r="VLG695" s="613"/>
      <c r="VLH695" s="613"/>
      <c r="VLI695" s="613"/>
      <c r="VLJ695" s="613"/>
      <c r="VLK695" s="613"/>
      <c r="VLL695" s="613"/>
      <c r="VLM695" s="613"/>
      <c r="VLN695" s="613"/>
      <c r="VLO695" s="613"/>
      <c r="VLP695" s="613"/>
      <c r="VLQ695" s="613"/>
      <c r="VLR695" s="613"/>
      <c r="VLS695" s="613"/>
      <c r="VLT695" s="613"/>
      <c r="VLU695" s="613"/>
      <c r="VLV695" s="613"/>
      <c r="VLW695" s="613"/>
      <c r="VLX695" s="613"/>
      <c r="VLY695" s="613"/>
      <c r="VLZ695" s="613"/>
      <c r="VMA695" s="613"/>
      <c r="VMB695" s="613"/>
      <c r="VMC695" s="613"/>
      <c r="VMD695" s="613"/>
      <c r="VME695" s="613"/>
      <c r="VMF695" s="613"/>
      <c r="VMG695" s="613"/>
      <c r="VMH695" s="613"/>
      <c r="VMI695" s="613"/>
      <c r="VMJ695" s="613"/>
      <c r="VMK695" s="613"/>
      <c r="VML695" s="613"/>
      <c r="VMM695" s="613"/>
      <c r="VMN695" s="613"/>
      <c r="VMO695" s="613"/>
      <c r="VMP695" s="613"/>
      <c r="VMQ695" s="613"/>
      <c r="VMR695" s="613"/>
      <c r="VMS695" s="613"/>
      <c r="VMT695" s="613"/>
      <c r="VMU695" s="613"/>
      <c r="VMV695" s="613"/>
      <c r="VMW695" s="613"/>
      <c r="VMX695" s="613"/>
      <c r="VMY695" s="613"/>
      <c r="VMZ695" s="613"/>
      <c r="VNA695" s="613"/>
      <c r="VNB695" s="613"/>
      <c r="VNC695" s="613"/>
      <c r="VND695" s="613"/>
      <c r="VNE695" s="613"/>
      <c r="VNF695" s="613"/>
      <c r="VNG695" s="613"/>
      <c r="VNH695" s="613"/>
      <c r="VNI695" s="613"/>
      <c r="VNJ695" s="613"/>
      <c r="VNK695" s="613"/>
      <c r="VNL695" s="613"/>
      <c r="VNM695" s="613"/>
      <c r="VNN695" s="613"/>
      <c r="VNO695" s="613"/>
      <c r="VNP695" s="613"/>
      <c r="VNQ695" s="613"/>
      <c r="VNR695" s="613"/>
      <c r="VNS695" s="613"/>
      <c r="VNT695" s="613"/>
      <c r="VNU695" s="613"/>
      <c r="VNV695" s="613"/>
      <c r="VNW695" s="613"/>
      <c r="VNX695" s="613"/>
      <c r="VNY695" s="613"/>
      <c r="VNZ695" s="613"/>
      <c r="VOA695" s="613"/>
      <c r="VOB695" s="613"/>
      <c r="VOC695" s="613"/>
      <c r="VOD695" s="613"/>
      <c r="VOE695" s="613"/>
      <c r="VOF695" s="613"/>
      <c r="VOG695" s="613"/>
      <c r="VOH695" s="613"/>
      <c r="VOI695" s="613"/>
      <c r="VOJ695" s="613"/>
      <c r="VOK695" s="613"/>
      <c r="VOL695" s="613"/>
      <c r="VOM695" s="613"/>
      <c r="VON695" s="613"/>
      <c r="VOO695" s="613"/>
      <c r="VOP695" s="613"/>
      <c r="VOQ695" s="613"/>
      <c r="VOR695" s="613"/>
      <c r="VOS695" s="613"/>
      <c r="VOT695" s="613"/>
      <c r="VOU695" s="613"/>
      <c r="VOV695" s="613"/>
      <c r="VOW695" s="613"/>
      <c r="VOX695" s="613"/>
      <c r="VOY695" s="613"/>
      <c r="VOZ695" s="613"/>
      <c r="VPA695" s="613"/>
      <c r="VPB695" s="613"/>
      <c r="VPC695" s="613"/>
      <c r="VPD695" s="613"/>
      <c r="VPE695" s="613"/>
      <c r="VPF695" s="613"/>
      <c r="VPG695" s="613"/>
      <c r="VPH695" s="613"/>
      <c r="VPI695" s="613"/>
      <c r="VPJ695" s="613"/>
      <c r="VPK695" s="613"/>
      <c r="VPL695" s="613"/>
      <c r="VPM695" s="613"/>
      <c r="VPN695" s="613"/>
      <c r="VPO695" s="613"/>
      <c r="VPP695" s="613"/>
      <c r="VPQ695" s="613"/>
      <c r="VPR695" s="613"/>
      <c r="VPS695" s="613"/>
      <c r="VPT695" s="613"/>
      <c r="VPU695" s="613"/>
      <c r="VPV695" s="613"/>
      <c r="VPW695" s="613"/>
      <c r="VPX695" s="613"/>
      <c r="VPY695" s="613"/>
      <c r="VPZ695" s="613"/>
      <c r="VQA695" s="613"/>
      <c r="VQB695" s="613"/>
      <c r="VQC695" s="613"/>
      <c r="VQD695" s="613"/>
      <c r="VQE695" s="613"/>
      <c r="VQF695" s="613"/>
      <c r="VQG695" s="613"/>
      <c r="VQH695" s="613"/>
      <c r="VQI695" s="613"/>
      <c r="VQJ695" s="613"/>
      <c r="VQK695" s="613"/>
      <c r="VQL695" s="613"/>
      <c r="VQM695" s="613"/>
      <c r="VQN695" s="613"/>
      <c r="VQO695" s="613"/>
      <c r="VQP695" s="613"/>
      <c r="VQQ695" s="613"/>
      <c r="VQR695" s="613"/>
      <c r="VQS695" s="613"/>
      <c r="VQT695" s="613"/>
      <c r="VQU695" s="613"/>
      <c r="VQV695" s="613"/>
      <c r="VQW695" s="613"/>
      <c r="VQX695" s="613"/>
      <c r="VQY695" s="613"/>
      <c r="VQZ695" s="613"/>
      <c r="VRA695" s="613"/>
      <c r="VRB695" s="613"/>
      <c r="VRC695" s="613"/>
      <c r="VRD695" s="613"/>
      <c r="VRE695" s="613"/>
      <c r="VRF695" s="613"/>
      <c r="VRG695" s="613"/>
      <c r="VRH695" s="613"/>
      <c r="VRI695" s="613"/>
      <c r="VRJ695" s="613"/>
      <c r="VRK695" s="613"/>
      <c r="VRL695" s="613"/>
      <c r="VRM695" s="613"/>
      <c r="VRN695" s="613"/>
      <c r="VRO695" s="613"/>
      <c r="VRP695" s="613"/>
      <c r="VRQ695" s="613"/>
      <c r="VRR695" s="613"/>
      <c r="VRS695" s="613"/>
      <c r="VRT695" s="613"/>
      <c r="VRU695" s="613"/>
      <c r="VRV695" s="613"/>
      <c r="VRW695" s="613"/>
      <c r="VRX695" s="613"/>
      <c r="VRY695" s="613"/>
      <c r="VRZ695" s="613"/>
      <c r="VSA695" s="613"/>
      <c r="VSB695" s="613"/>
      <c r="VSC695" s="613"/>
      <c r="VSD695" s="613"/>
      <c r="VSE695" s="613"/>
      <c r="VSF695" s="613"/>
      <c r="VSG695" s="613"/>
      <c r="VSH695" s="613"/>
      <c r="VSI695" s="613"/>
      <c r="VSJ695" s="613"/>
      <c r="VSK695" s="613"/>
      <c r="VSL695" s="613"/>
      <c r="VSM695" s="613"/>
      <c r="VSN695" s="613"/>
      <c r="VSO695" s="613"/>
      <c r="VSP695" s="613"/>
      <c r="VSQ695" s="613"/>
      <c r="VSR695" s="613"/>
      <c r="VSS695" s="613"/>
      <c r="VST695" s="613"/>
      <c r="VSU695" s="613"/>
      <c r="VSV695" s="613"/>
      <c r="VSW695" s="613"/>
      <c r="VSX695" s="613"/>
      <c r="VSY695" s="613"/>
      <c r="VSZ695" s="613"/>
      <c r="VTA695" s="613"/>
      <c r="VTB695" s="613"/>
      <c r="VTC695" s="613"/>
      <c r="VTD695" s="613"/>
      <c r="VTE695" s="613"/>
      <c r="VTF695" s="613"/>
      <c r="VTG695" s="613"/>
      <c r="VTH695" s="613"/>
      <c r="VTI695" s="613"/>
      <c r="VTJ695" s="613"/>
      <c r="VTK695" s="613"/>
      <c r="VTL695" s="613"/>
      <c r="VTM695" s="613"/>
      <c r="VTN695" s="613"/>
      <c r="VTO695" s="613"/>
      <c r="VTP695" s="613"/>
      <c r="VTQ695" s="613"/>
      <c r="VTR695" s="613"/>
      <c r="VTS695" s="613"/>
      <c r="VTT695" s="613"/>
      <c r="VTU695" s="613"/>
      <c r="VTV695" s="613"/>
      <c r="VTW695" s="613"/>
      <c r="VTX695" s="613"/>
      <c r="VTY695" s="613"/>
      <c r="VTZ695" s="613"/>
      <c r="VUA695" s="613"/>
      <c r="VUB695" s="613"/>
      <c r="VUC695" s="613"/>
      <c r="VUD695" s="613"/>
      <c r="VUE695" s="613"/>
      <c r="VUF695" s="613"/>
      <c r="VUG695" s="613"/>
      <c r="VUH695" s="613"/>
      <c r="VUI695" s="613"/>
      <c r="VUJ695" s="613"/>
      <c r="VUK695" s="613"/>
      <c r="VUL695" s="613"/>
      <c r="VUM695" s="613"/>
      <c r="VUN695" s="613"/>
      <c r="VUO695" s="613"/>
      <c r="VUP695" s="613"/>
      <c r="VUQ695" s="613"/>
      <c r="VUR695" s="613"/>
      <c r="VUS695" s="613"/>
      <c r="VUT695" s="613"/>
      <c r="VUU695" s="613"/>
      <c r="VUV695" s="613"/>
      <c r="VUW695" s="613"/>
      <c r="VUX695" s="613"/>
      <c r="VUY695" s="613"/>
      <c r="VUZ695" s="613"/>
      <c r="VVA695" s="613"/>
      <c r="VVB695" s="613"/>
      <c r="VVC695" s="613"/>
      <c r="VVD695" s="613"/>
      <c r="VVE695" s="613"/>
      <c r="VVF695" s="613"/>
      <c r="VVG695" s="613"/>
      <c r="VVH695" s="613"/>
      <c r="VVI695" s="613"/>
      <c r="VVJ695" s="613"/>
      <c r="VVK695" s="613"/>
      <c r="VVL695" s="613"/>
      <c r="VVM695" s="613"/>
      <c r="VVN695" s="613"/>
      <c r="VVO695" s="613"/>
      <c r="VVP695" s="613"/>
      <c r="VVQ695" s="613"/>
      <c r="VVR695" s="613"/>
      <c r="VVS695" s="613"/>
      <c r="VVT695" s="613"/>
      <c r="VVU695" s="613"/>
      <c r="VVV695" s="613"/>
      <c r="VVW695" s="613"/>
      <c r="VVX695" s="613"/>
      <c r="VVY695" s="613"/>
      <c r="VVZ695" s="613"/>
      <c r="VWA695" s="613"/>
      <c r="VWB695" s="613"/>
      <c r="VWC695" s="613"/>
      <c r="VWD695" s="613"/>
      <c r="VWE695" s="613"/>
      <c r="VWF695" s="613"/>
      <c r="VWG695" s="613"/>
      <c r="VWH695" s="613"/>
      <c r="VWI695" s="613"/>
      <c r="VWJ695" s="613"/>
      <c r="VWK695" s="613"/>
      <c r="VWL695" s="613"/>
      <c r="VWM695" s="613"/>
      <c r="VWN695" s="613"/>
      <c r="VWO695" s="613"/>
      <c r="VWP695" s="613"/>
      <c r="VWQ695" s="613"/>
      <c r="VWR695" s="613"/>
      <c r="VWS695" s="613"/>
      <c r="VWT695" s="613"/>
      <c r="VWU695" s="613"/>
      <c r="VWV695" s="613"/>
      <c r="VWW695" s="613"/>
      <c r="VWX695" s="613"/>
      <c r="VWY695" s="613"/>
      <c r="VWZ695" s="613"/>
      <c r="VXA695" s="613"/>
      <c r="VXB695" s="613"/>
      <c r="VXC695" s="613"/>
      <c r="VXD695" s="613"/>
      <c r="VXE695" s="613"/>
      <c r="VXF695" s="613"/>
      <c r="VXG695" s="613"/>
      <c r="VXH695" s="613"/>
      <c r="VXI695" s="613"/>
      <c r="VXJ695" s="613"/>
      <c r="VXK695" s="613"/>
      <c r="VXL695" s="613"/>
      <c r="VXM695" s="613"/>
      <c r="VXN695" s="613"/>
      <c r="VXO695" s="613"/>
      <c r="VXP695" s="613"/>
      <c r="VXQ695" s="613"/>
      <c r="VXR695" s="613"/>
      <c r="VXS695" s="613"/>
      <c r="VXT695" s="613"/>
      <c r="VXU695" s="613"/>
      <c r="VXV695" s="613"/>
      <c r="VXW695" s="613"/>
      <c r="VXX695" s="613"/>
      <c r="VXY695" s="613"/>
      <c r="VXZ695" s="613"/>
      <c r="VYA695" s="613"/>
      <c r="VYB695" s="613"/>
      <c r="VYC695" s="613"/>
      <c r="VYD695" s="613"/>
      <c r="VYE695" s="613"/>
      <c r="VYF695" s="613"/>
      <c r="VYG695" s="613"/>
      <c r="VYH695" s="613"/>
      <c r="VYI695" s="613"/>
      <c r="VYJ695" s="613"/>
      <c r="VYK695" s="613"/>
      <c r="VYL695" s="613"/>
      <c r="VYM695" s="613"/>
      <c r="VYN695" s="613"/>
      <c r="VYO695" s="613"/>
      <c r="VYP695" s="613"/>
      <c r="VYQ695" s="613"/>
      <c r="VYR695" s="613"/>
      <c r="VYS695" s="613"/>
      <c r="VYT695" s="613"/>
      <c r="VYU695" s="613"/>
      <c r="VYV695" s="613"/>
      <c r="VYW695" s="613"/>
      <c r="VYX695" s="613"/>
      <c r="VYY695" s="613"/>
      <c r="VYZ695" s="613"/>
      <c r="VZA695" s="613"/>
      <c r="VZB695" s="613"/>
      <c r="VZC695" s="613"/>
      <c r="VZD695" s="613"/>
      <c r="VZE695" s="613"/>
      <c r="VZF695" s="613"/>
      <c r="VZG695" s="613"/>
      <c r="VZH695" s="613"/>
      <c r="VZI695" s="613"/>
      <c r="VZJ695" s="613"/>
      <c r="VZK695" s="613"/>
      <c r="VZL695" s="613"/>
      <c r="VZM695" s="613"/>
      <c r="VZN695" s="613"/>
      <c r="VZO695" s="613"/>
      <c r="VZP695" s="613"/>
      <c r="VZQ695" s="613"/>
      <c r="VZR695" s="613"/>
      <c r="VZS695" s="613"/>
      <c r="VZT695" s="613"/>
      <c r="VZU695" s="613"/>
      <c r="VZV695" s="613"/>
      <c r="VZW695" s="613"/>
      <c r="VZX695" s="613"/>
      <c r="VZY695" s="613"/>
      <c r="VZZ695" s="613"/>
      <c r="WAA695" s="613"/>
      <c r="WAB695" s="613"/>
      <c r="WAC695" s="613"/>
      <c r="WAD695" s="613"/>
      <c r="WAE695" s="613"/>
      <c r="WAF695" s="613"/>
      <c r="WAG695" s="613"/>
      <c r="WAH695" s="613"/>
      <c r="WAI695" s="613"/>
      <c r="WAJ695" s="613"/>
      <c r="WAK695" s="613"/>
      <c r="WAL695" s="613"/>
      <c r="WAM695" s="613"/>
      <c r="WAN695" s="613"/>
      <c r="WAO695" s="613"/>
      <c r="WAP695" s="613"/>
      <c r="WAQ695" s="613"/>
      <c r="WAR695" s="613"/>
      <c r="WAS695" s="613"/>
      <c r="WAT695" s="613"/>
      <c r="WAU695" s="613"/>
      <c r="WAV695" s="613"/>
      <c r="WAW695" s="613"/>
      <c r="WAX695" s="613"/>
      <c r="WAY695" s="613"/>
      <c r="WAZ695" s="613"/>
      <c r="WBA695" s="613"/>
      <c r="WBB695" s="613"/>
      <c r="WBC695" s="613"/>
      <c r="WBD695" s="613"/>
      <c r="WBE695" s="613"/>
      <c r="WBF695" s="613"/>
      <c r="WBG695" s="613"/>
      <c r="WBH695" s="613"/>
      <c r="WBI695" s="613"/>
      <c r="WBJ695" s="613"/>
      <c r="WBK695" s="613"/>
      <c r="WBL695" s="613"/>
      <c r="WBM695" s="613"/>
      <c r="WBN695" s="613"/>
      <c r="WBO695" s="613"/>
      <c r="WBP695" s="613"/>
      <c r="WBQ695" s="613"/>
      <c r="WBR695" s="613"/>
      <c r="WBS695" s="613"/>
      <c r="WBT695" s="613"/>
      <c r="WBU695" s="613"/>
      <c r="WBV695" s="613"/>
      <c r="WBW695" s="613"/>
      <c r="WBX695" s="613"/>
      <c r="WBY695" s="613"/>
      <c r="WBZ695" s="613"/>
      <c r="WCA695" s="613"/>
      <c r="WCB695" s="613"/>
      <c r="WCC695" s="613"/>
      <c r="WCD695" s="613"/>
      <c r="WCE695" s="613"/>
      <c r="WCF695" s="613"/>
      <c r="WCG695" s="613"/>
      <c r="WCH695" s="613"/>
      <c r="WCI695" s="613"/>
      <c r="WCJ695" s="613"/>
      <c r="WCK695" s="613"/>
      <c r="WCL695" s="613"/>
      <c r="WCM695" s="613"/>
      <c r="WCN695" s="613"/>
      <c r="WCO695" s="613"/>
      <c r="WCP695" s="613"/>
      <c r="WCQ695" s="613"/>
      <c r="WCR695" s="613"/>
      <c r="WCS695" s="613"/>
      <c r="WCT695" s="613"/>
      <c r="WCU695" s="613"/>
      <c r="WCV695" s="613"/>
      <c r="WCW695" s="613"/>
      <c r="WCX695" s="613"/>
      <c r="WCY695" s="613"/>
      <c r="WCZ695" s="613"/>
      <c r="WDA695" s="613"/>
      <c r="WDB695" s="613"/>
      <c r="WDC695" s="613"/>
      <c r="WDD695" s="613"/>
      <c r="WDE695" s="613"/>
      <c r="WDF695" s="613"/>
      <c r="WDG695" s="613"/>
      <c r="WDH695" s="613"/>
      <c r="WDI695" s="613"/>
      <c r="WDJ695" s="613"/>
      <c r="WDK695" s="613"/>
      <c r="WDL695" s="613"/>
      <c r="WDM695" s="613"/>
      <c r="WDN695" s="613"/>
      <c r="WDO695" s="613"/>
      <c r="WDP695" s="613"/>
      <c r="WDQ695" s="613"/>
      <c r="WDR695" s="613"/>
      <c r="WDS695" s="613"/>
      <c r="WDT695" s="613"/>
      <c r="WDU695" s="613"/>
      <c r="WDV695" s="613"/>
      <c r="WDW695" s="613"/>
      <c r="WDX695" s="613"/>
      <c r="WDY695" s="613"/>
      <c r="WDZ695" s="613"/>
      <c r="WEA695" s="613"/>
      <c r="WEB695" s="613"/>
      <c r="WEC695" s="613"/>
      <c r="WED695" s="613"/>
      <c r="WEE695" s="613"/>
      <c r="WEF695" s="613"/>
      <c r="WEG695" s="613"/>
      <c r="WEH695" s="613"/>
      <c r="WEI695" s="613"/>
      <c r="WEJ695" s="613"/>
      <c r="WEK695" s="613"/>
      <c r="WEL695" s="613"/>
      <c r="WEM695" s="613"/>
      <c r="WEN695" s="613"/>
      <c r="WEO695" s="613"/>
      <c r="WEP695" s="613"/>
      <c r="WEQ695" s="613"/>
      <c r="WER695" s="613"/>
      <c r="WES695" s="613"/>
      <c r="WET695" s="613"/>
      <c r="WEU695" s="613"/>
      <c r="WEV695" s="613"/>
      <c r="WEW695" s="613"/>
      <c r="WEX695" s="613"/>
      <c r="WEY695" s="613"/>
      <c r="WEZ695" s="613"/>
      <c r="WFA695" s="613"/>
      <c r="WFB695" s="613"/>
      <c r="WFC695" s="613"/>
      <c r="WFD695" s="613"/>
      <c r="WFE695" s="613"/>
      <c r="WFF695" s="613"/>
      <c r="WFG695" s="613"/>
      <c r="WFH695" s="613"/>
      <c r="WFI695" s="613"/>
      <c r="WFJ695" s="613"/>
      <c r="WFK695" s="613"/>
      <c r="WFL695" s="613"/>
      <c r="WFM695" s="613"/>
      <c r="WFN695" s="613"/>
      <c r="WFO695" s="613"/>
      <c r="WFP695" s="613"/>
      <c r="WFQ695" s="613"/>
      <c r="WFR695" s="613"/>
      <c r="WFS695" s="613"/>
      <c r="WFT695" s="613"/>
      <c r="WFU695" s="613"/>
      <c r="WFV695" s="613"/>
      <c r="WFW695" s="613"/>
      <c r="WFX695" s="613"/>
      <c r="WFY695" s="613"/>
      <c r="WFZ695" s="613"/>
      <c r="WGA695" s="613"/>
      <c r="WGB695" s="613"/>
      <c r="WGC695" s="613"/>
      <c r="WGD695" s="613"/>
      <c r="WGE695" s="613"/>
      <c r="WGF695" s="613"/>
      <c r="WGG695" s="613"/>
      <c r="WGH695" s="613"/>
      <c r="WGI695" s="613"/>
      <c r="WGJ695" s="613"/>
      <c r="WGK695" s="613"/>
      <c r="WGL695" s="613"/>
      <c r="WGM695" s="613"/>
      <c r="WGN695" s="613"/>
      <c r="WGO695" s="613"/>
      <c r="WGP695" s="613"/>
      <c r="WGQ695" s="613"/>
      <c r="WGR695" s="613"/>
      <c r="WGS695" s="613"/>
      <c r="WGT695" s="613"/>
      <c r="WGU695" s="613"/>
      <c r="WGV695" s="613"/>
      <c r="WGW695" s="613"/>
      <c r="WGX695" s="613"/>
      <c r="WGY695" s="613"/>
      <c r="WGZ695" s="613"/>
      <c r="WHA695" s="613"/>
      <c r="WHB695" s="613"/>
      <c r="WHC695" s="613"/>
      <c r="WHD695" s="613"/>
      <c r="WHE695" s="613"/>
      <c r="WHF695" s="613"/>
      <c r="WHG695" s="613"/>
      <c r="WHH695" s="613"/>
      <c r="WHI695" s="613"/>
      <c r="WHJ695" s="613"/>
      <c r="WHK695" s="613"/>
      <c r="WHL695" s="613"/>
      <c r="WHM695" s="613"/>
      <c r="WHN695" s="613"/>
      <c r="WHO695" s="613"/>
      <c r="WHP695" s="613"/>
      <c r="WHQ695" s="613"/>
      <c r="WHR695" s="613"/>
      <c r="WHS695" s="613"/>
      <c r="WHT695" s="613"/>
      <c r="WHU695" s="613"/>
      <c r="WHV695" s="613"/>
      <c r="WHW695" s="613"/>
      <c r="WHX695" s="613"/>
      <c r="WHY695" s="613"/>
      <c r="WHZ695" s="613"/>
      <c r="WIA695" s="613"/>
      <c r="WIB695" s="613"/>
      <c r="WIC695" s="613"/>
      <c r="WID695" s="613"/>
      <c r="WIE695" s="613"/>
      <c r="WIF695" s="613"/>
      <c r="WIG695" s="613"/>
      <c r="WIH695" s="613"/>
      <c r="WII695" s="613"/>
      <c r="WIJ695" s="613"/>
      <c r="WIK695" s="613"/>
      <c r="WIL695" s="613"/>
      <c r="WIM695" s="613"/>
      <c r="WIN695" s="613"/>
      <c r="WIO695" s="613"/>
      <c r="WIP695" s="613"/>
      <c r="WIQ695" s="613"/>
      <c r="WIR695" s="613"/>
      <c r="WIS695" s="613"/>
      <c r="WIT695" s="613"/>
      <c r="WIU695" s="613"/>
      <c r="WIV695" s="613"/>
      <c r="WIW695" s="613"/>
      <c r="WIX695" s="613"/>
      <c r="WIY695" s="613"/>
      <c r="WIZ695" s="613"/>
      <c r="WJA695" s="613"/>
      <c r="WJB695" s="613"/>
      <c r="WJC695" s="613"/>
      <c r="WJD695" s="613"/>
      <c r="WJE695" s="613"/>
      <c r="WJF695" s="613"/>
      <c r="WJG695" s="613"/>
      <c r="WJH695" s="613"/>
      <c r="WJI695" s="613"/>
      <c r="WJJ695" s="613"/>
      <c r="WJK695" s="613"/>
      <c r="WJL695" s="613"/>
      <c r="WJM695" s="613"/>
      <c r="WJN695" s="613"/>
      <c r="WJO695" s="613"/>
      <c r="WJP695" s="613"/>
      <c r="WJQ695" s="613"/>
      <c r="WJR695" s="613"/>
      <c r="WJS695" s="613"/>
      <c r="WJT695" s="613"/>
      <c r="WJU695" s="613"/>
      <c r="WJV695" s="613"/>
      <c r="WJW695" s="613"/>
      <c r="WJX695" s="613"/>
      <c r="WJY695" s="613"/>
      <c r="WJZ695" s="613"/>
      <c r="WKA695" s="613"/>
      <c r="WKB695" s="613"/>
      <c r="WKC695" s="613"/>
      <c r="WKD695" s="613"/>
      <c r="WKE695" s="613"/>
      <c r="WKF695" s="613"/>
      <c r="WKG695" s="613"/>
      <c r="WKH695" s="613"/>
      <c r="WKI695" s="613"/>
      <c r="WKJ695" s="613"/>
      <c r="WKK695" s="613"/>
      <c r="WKL695" s="613"/>
      <c r="WKM695" s="613"/>
      <c r="WKN695" s="613"/>
      <c r="WKO695" s="613"/>
      <c r="WKP695" s="613"/>
      <c r="WKQ695" s="613"/>
      <c r="WKR695" s="613"/>
      <c r="WKS695" s="613"/>
      <c r="WKT695" s="613"/>
      <c r="WKU695" s="613"/>
      <c r="WKV695" s="613"/>
      <c r="WKW695" s="613"/>
      <c r="WKX695" s="613"/>
      <c r="WKY695" s="613"/>
      <c r="WKZ695" s="613"/>
      <c r="WLA695" s="613"/>
      <c r="WLB695" s="613"/>
      <c r="WLC695" s="613"/>
      <c r="WLD695" s="613"/>
      <c r="WLE695" s="613"/>
      <c r="WLF695" s="613"/>
      <c r="WLG695" s="613"/>
      <c r="WLH695" s="613"/>
      <c r="WLI695" s="613"/>
      <c r="WLJ695" s="613"/>
      <c r="WLK695" s="613"/>
      <c r="WLL695" s="613"/>
      <c r="WLM695" s="613"/>
      <c r="WLN695" s="613"/>
      <c r="WLO695" s="613"/>
      <c r="WLP695" s="613"/>
      <c r="WLQ695" s="613"/>
      <c r="WLR695" s="613"/>
      <c r="WLS695" s="613"/>
      <c r="WLT695" s="613"/>
      <c r="WLU695" s="613"/>
      <c r="WLV695" s="613"/>
      <c r="WLW695" s="613"/>
      <c r="WLX695" s="613"/>
      <c r="WLY695" s="613"/>
      <c r="WLZ695" s="613"/>
      <c r="WMA695" s="613"/>
      <c r="WMB695" s="613"/>
      <c r="WMC695" s="613"/>
      <c r="WMD695" s="613"/>
      <c r="WME695" s="613"/>
      <c r="WMF695" s="613"/>
      <c r="WMG695" s="613"/>
      <c r="WMH695" s="613"/>
      <c r="WMI695" s="613"/>
      <c r="WMJ695" s="613"/>
      <c r="WMK695" s="613"/>
      <c r="WML695" s="613"/>
      <c r="WMM695" s="613"/>
      <c r="WMN695" s="613"/>
      <c r="WMO695" s="613"/>
      <c r="WMP695" s="613"/>
      <c r="WMQ695" s="613"/>
      <c r="WMR695" s="613"/>
      <c r="WMS695" s="613"/>
      <c r="WMT695" s="613"/>
      <c r="WMU695" s="613"/>
      <c r="WMV695" s="613"/>
      <c r="WMW695" s="613"/>
      <c r="WMX695" s="613"/>
      <c r="WMY695" s="613"/>
      <c r="WMZ695" s="613"/>
      <c r="WNA695" s="613"/>
      <c r="WNB695" s="613"/>
      <c r="WNC695" s="613"/>
      <c r="WND695" s="613"/>
      <c r="WNE695" s="613"/>
      <c r="WNF695" s="613"/>
      <c r="WNG695" s="613"/>
      <c r="WNH695" s="613"/>
      <c r="WNI695" s="613"/>
      <c r="WNJ695" s="613"/>
      <c r="WNK695" s="613"/>
      <c r="WNL695" s="613"/>
      <c r="WNM695" s="613"/>
      <c r="WNN695" s="613"/>
      <c r="WNO695" s="613"/>
      <c r="WNP695" s="613"/>
      <c r="WNQ695" s="613"/>
      <c r="WNR695" s="613"/>
      <c r="WNS695" s="613"/>
      <c r="WNT695" s="613"/>
      <c r="WNU695" s="613"/>
      <c r="WNV695" s="613"/>
      <c r="WNW695" s="613"/>
      <c r="WNX695" s="613"/>
      <c r="WNY695" s="613"/>
      <c r="WNZ695" s="613"/>
      <c r="WOA695" s="613"/>
      <c r="WOB695" s="613"/>
      <c r="WOC695" s="613"/>
      <c r="WOD695" s="613"/>
      <c r="WOE695" s="613"/>
      <c r="WOF695" s="613"/>
      <c r="WOG695" s="613"/>
      <c r="WOH695" s="613"/>
      <c r="WOI695" s="613"/>
      <c r="WOJ695" s="613"/>
      <c r="WOK695" s="613"/>
      <c r="WOL695" s="613"/>
      <c r="WOM695" s="613"/>
      <c r="WON695" s="613"/>
      <c r="WOO695" s="613"/>
      <c r="WOP695" s="613"/>
      <c r="WOQ695" s="613"/>
      <c r="WOR695" s="613"/>
      <c r="WOS695" s="613"/>
      <c r="WOT695" s="613"/>
      <c r="WOU695" s="613"/>
      <c r="WOV695" s="613"/>
      <c r="WOW695" s="613"/>
      <c r="WOX695" s="613"/>
      <c r="WOY695" s="613"/>
      <c r="WOZ695" s="613"/>
      <c r="WPA695" s="613"/>
      <c r="WPB695" s="613"/>
      <c r="WPC695" s="613"/>
      <c r="WPD695" s="613"/>
      <c r="WPE695" s="613"/>
      <c r="WPF695" s="613"/>
      <c r="WPG695" s="613"/>
      <c r="WPH695" s="613"/>
      <c r="WPI695" s="613"/>
      <c r="WPJ695" s="613"/>
      <c r="WPK695" s="613"/>
      <c r="WPL695" s="613"/>
      <c r="WPM695" s="613"/>
      <c r="WPN695" s="613"/>
      <c r="WPO695" s="613"/>
      <c r="WPP695" s="613"/>
      <c r="WPQ695" s="613"/>
      <c r="WPR695" s="613"/>
      <c r="WPS695" s="613"/>
      <c r="WPT695" s="613"/>
      <c r="WPU695" s="613"/>
      <c r="WPV695" s="613"/>
      <c r="WPW695" s="613"/>
      <c r="WPX695" s="613"/>
      <c r="WPY695" s="613"/>
      <c r="WPZ695" s="613"/>
      <c r="WQA695" s="613"/>
      <c r="WQB695" s="613"/>
      <c r="WQC695" s="613"/>
      <c r="WQD695" s="613"/>
      <c r="WQE695" s="613"/>
      <c r="WQF695" s="613"/>
      <c r="WQG695" s="613"/>
      <c r="WQH695" s="613"/>
      <c r="WQI695" s="613"/>
      <c r="WQJ695" s="613"/>
      <c r="WQK695" s="613"/>
      <c r="WQL695" s="613"/>
      <c r="WQM695" s="613"/>
      <c r="WQN695" s="613"/>
      <c r="WQO695" s="613"/>
      <c r="WQP695" s="613"/>
      <c r="WQQ695" s="613"/>
      <c r="WQR695" s="613"/>
      <c r="WQS695" s="613"/>
      <c r="WQT695" s="613"/>
      <c r="WQU695" s="613"/>
      <c r="WQV695" s="613"/>
      <c r="WQW695" s="613"/>
      <c r="WQX695" s="613"/>
      <c r="WQY695" s="613"/>
      <c r="WQZ695" s="613"/>
      <c r="WRA695" s="613"/>
      <c r="WRB695" s="613"/>
      <c r="WRC695" s="613"/>
      <c r="WRD695" s="613"/>
      <c r="WRE695" s="613"/>
      <c r="WRF695" s="613"/>
      <c r="WRG695" s="613"/>
      <c r="WRH695" s="613"/>
      <c r="WRI695" s="613"/>
      <c r="WRJ695" s="613"/>
      <c r="WRK695" s="613"/>
      <c r="WRL695" s="613"/>
      <c r="WRM695" s="613"/>
      <c r="WRN695" s="613"/>
      <c r="WRO695" s="613"/>
      <c r="WRP695" s="613"/>
      <c r="WRQ695" s="613"/>
      <c r="WRR695" s="613"/>
      <c r="WRS695" s="613"/>
      <c r="WRT695" s="613"/>
      <c r="WRU695" s="613"/>
      <c r="WRV695" s="613"/>
      <c r="WRW695" s="613"/>
      <c r="WRX695" s="613"/>
      <c r="WRY695" s="613"/>
      <c r="WRZ695" s="613"/>
      <c r="WSA695" s="613"/>
      <c r="WSB695" s="613"/>
      <c r="WSC695" s="613"/>
      <c r="WSD695" s="613"/>
      <c r="WSE695" s="613"/>
      <c r="WSF695" s="613"/>
      <c r="WSG695" s="613"/>
      <c r="WSH695" s="613"/>
      <c r="WSI695" s="613"/>
      <c r="WSJ695" s="613"/>
      <c r="WSK695" s="613"/>
      <c r="WSL695" s="613"/>
      <c r="WSM695" s="613"/>
      <c r="WSN695" s="613"/>
      <c r="WSO695" s="613"/>
      <c r="WSP695" s="613"/>
      <c r="WSQ695" s="613"/>
      <c r="WSR695" s="613"/>
      <c r="WSS695" s="613"/>
      <c r="WST695" s="613"/>
      <c r="WSU695" s="613"/>
      <c r="WSV695" s="613"/>
      <c r="WSW695" s="613"/>
      <c r="WSX695" s="613"/>
      <c r="WSY695" s="613"/>
      <c r="WSZ695" s="613"/>
      <c r="WTA695" s="613"/>
      <c r="WTB695" s="613"/>
      <c r="WTC695" s="613"/>
      <c r="WTD695" s="613"/>
      <c r="WTE695" s="613"/>
      <c r="WTF695" s="613"/>
      <c r="WTG695" s="613"/>
      <c r="WTH695" s="613"/>
      <c r="WTI695" s="613"/>
      <c r="WTJ695" s="613"/>
      <c r="WTK695" s="613"/>
      <c r="WTL695" s="613"/>
      <c r="WTM695" s="613"/>
      <c r="WTN695" s="613"/>
      <c r="WTO695" s="613"/>
      <c r="WTP695" s="613"/>
      <c r="WTQ695" s="613"/>
      <c r="WTR695" s="613"/>
      <c r="WTS695" s="613"/>
      <c r="WTT695" s="613"/>
      <c r="WTU695" s="613"/>
      <c r="WTV695" s="613"/>
      <c r="WTW695" s="613"/>
      <c r="WTX695" s="613"/>
      <c r="WTY695" s="613"/>
      <c r="WTZ695" s="613"/>
      <c r="WUA695" s="613"/>
      <c r="WUB695" s="613"/>
      <c r="WUC695" s="613"/>
      <c r="WUD695" s="613"/>
      <c r="WUE695" s="613"/>
      <c r="WUF695" s="613"/>
      <c r="WUG695" s="613"/>
      <c r="WUH695" s="613"/>
      <c r="WUI695" s="613"/>
      <c r="WUJ695" s="613"/>
      <c r="WUK695" s="613"/>
      <c r="WUL695" s="613"/>
      <c r="WUM695" s="613"/>
      <c r="WUN695" s="613"/>
      <c r="WUO695" s="613"/>
      <c r="WUP695" s="613"/>
      <c r="WUQ695" s="613"/>
      <c r="WUR695" s="613"/>
      <c r="WUS695" s="613"/>
      <c r="WUT695" s="613"/>
      <c r="WUU695" s="613"/>
      <c r="WUV695" s="613"/>
      <c r="WUW695" s="613"/>
      <c r="WUX695" s="613"/>
      <c r="WUY695" s="613"/>
      <c r="WUZ695" s="613"/>
      <c r="WVA695" s="613"/>
      <c r="WVB695" s="613"/>
      <c r="WVC695" s="613"/>
      <c r="WVD695" s="613"/>
      <c r="WVE695" s="613"/>
      <c r="WVF695" s="613"/>
      <c r="WVG695" s="613"/>
      <c r="WVH695" s="613"/>
      <c r="WVI695" s="613"/>
      <c r="WVJ695" s="613"/>
      <c r="WVK695" s="613"/>
      <c r="WVL695" s="613"/>
      <c r="WVM695" s="613"/>
      <c r="WVN695" s="613"/>
      <c r="WVO695" s="613"/>
      <c r="WVP695" s="613"/>
      <c r="WVQ695" s="613"/>
      <c r="WVR695" s="613"/>
      <c r="WVS695" s="613"/>
      <c r="WVT695" s="613"/>
      <c r="WVU695" s="613"/>
      <c r="WVV695" s="613"/>
      <c r="WVW695" s="613"/>
      <c r="WVX695" s="613"/>
      <c r="WVY695" s="613"/>
      <c r="WVZ695" s="613"/>
      <c r="WWA695" s="613"/>
      <c r="WWB695" s="613"/>
      <c r="WWC695" s="613"/>
      <c r="WWD695" s="613"/>
      <c r="WWE695" s="613"/>
      <c r="WWF695" s="613"/>
      <c r="WWG695" s="613"/>
      <c r="WWH695" s="613"/>
      <c r="WWI695" s="613"/>
      <c r="WWJ695" s="613"/>
      <c r="WWK695" s="613"/>
      <c r="WWL695" s="613"/>
      <c r="WWM695" s="613"/>
      <c r="WWN695" s="613"/>
      <c r="WWO695" s="613"/>
      <c r="WWP695" s="613"/>
      <c r="WWQ695" s="613"/>
      <c r="WWR695" s="613"/>
      <c r="WWS695" s="613"/>
      <c r="WWT695" s="613"/>
      <c r="WWU695" s="613"/>
      <c r="WWV695" s="613"/>
      <c r="WWW695" s="613"/>
      <c r="WWX695" s="613"/>
      <c r="WWY695" s="613"/>
      <c r="WWZ695" s="613"/>
      <c r="WXA695" s="613"/>
      <c r="WXB695" s="613"/>
      <c r="WXC695" s="613"/>
      <c r="WXD695" s="613"/>
      <c r="WXE695" s="613"/>
      <c r="WXF695" s="613"/>
      <c r="WXG695" s="613"/>
      <c r="WXH695" s="613"/>
      <c r="WXI695" s="613"/>
      <c r="WXJ695" s="613"/>
      <c r="WXK695" s="613"/>
      <c r="WXL695" s="613"/>
      <c r="WXM695" s="613"/>
      <c r="WXN695" s="613"/>
      <c r="WXO695" s="613"/>
      <c r="WXP695" s="613"/>
      <c r="WXQ695" s="613"/>
      <c r="WXR695" s="613"/>
      <c r="WXS695" s="613"/>
      <c r="WXT695" s="613"/>
      <c r="WXU695" s="613"/>
      <c r="WXV695" s="613"/>
      <c r="WXW695" s="613"/>
      <c r="WXX695" s="613"/>
      <c r="WXY695" s="613"/>
      <c r="WXZ695" s="613"/>
      <c r="WYA695" s="613"/>
      <c r="WYB695" s="613"/>
      <c r="WYC695" s="613"/>
      <c r="WYD695" s="613"/>
      <c r="WYE695" s="613"/>
      <c r="WYF695" s="613"/>
      <c r="WYG695" s="613"/>
      <c r="WYH695" s="613"/>
      <c r="WYI695" s="613"/>
      <c r="WYJ695" s="613"/>
      <c r="WYK695" s="613"/>
      <c r="WYL695" s="613"/>
      <c r="WYM695" s="613"/>
      <c r="WYN695" s="613"/>
      <c r="WYO695" s="613"/>
      <c r="WYP695" s="613"/>
      <c r="WYQ695" s="613"/>
      <c r="WYR695" s="613"/>
      <c r="WYS695" s="613"/>
      <c r="WYT695" s="613"/>
      <c r="WYU695" s="613"/>
      <c r="WYV695" s="613"/>
      <c r="WYW695" s="613"/>
      <c r="WYX695" s="613"/>
      <c r="WYY695" s="613"/>
      <c r="WYZ695" s="613"/>
      <c r="WZA695" s="613"/>
      <c r="WZB695" s="613"/>
      <c r="WZC695" s="613"/>
      <c r="WZD695" s="613"/>
      <c r="WZE695" s="613"/>
      <c r="WZF695" s="613"/>
      <c r="WZG695" s="613"/>
      <c r="WZH695" s="613"/>
      <c r="WZI695" s="613"/>
      <c r="WZJ695" s="613"/>
      <c r="WZK695" s="613"/>
      <c r="WZL695" s="613"/>
      <c r="WZM695" s="613"/>
      <c r="WZN695" s="613"/>
      <c r="WZO695" s="613"/>
      <c r="WZP695" s="613"/>
      <c r="WZQ695" s="613"/>
      <c r="WZR695" s="613"/>
      <c r="WZS695" s="613"/>
      <c r="WZT695" s="613"/>
      <c r="WZU695" s="613"/>
      <c r="WZV695" s="613"/>
      <c r="WZW695" s="613"/>
      <c r="WZX695" s="613"/>
      <c r="WZY695" s="613"/>
      <c r="WZZ695" s="613"/>
      <c r="XAA695" s="613"/>
      <c r="XAB695" s="613"/>
      <c r="XAC695" s="613"/>
      <c r="XAD695" s="613"/>
      <c r="XAE695" s="613"/>
      <c r="XAF695" s="613"/>
      <c r="XAG695" s="613"/>
      <c r="XAH695" s="613"/>
      <c r="XAI695" s="613"/>
      <c r="XAJ695" s="613"/>
      <c r="XAK695" s="613"/>
      <c r="XAL695" s="613"/>
      <c r="XAM695" s="613"/>
      <c r="XAN695" s="613"/>
      <c r="XAO695" s="613"/>
      <c r="XAP695" s="613"/>
      <c r="XAQ695" s="613"/>
      <c r="XAR695" s="613"/>
      <c r="XAS695" s="613"/>
      <c r="XAT695" s="613"/>
      <c r="XAU695" s="613"/>
      <c r="XAV695" s="613"/>
      <c r="XAW695" s="613"/>
      <c r="XAX695" s="613"/>
      <c r="XAY695" s="613"/>
      <c r="XAZ695" s="613"/>
      <c r="XBA695" s="613"/>
      <c r="XBB695" s="613"/>
      <c r="XBC695" s="613"/>
      <c r="XBD695" s="613"/>
      <c r="XBE695" s="613"/>
      <c r="XBF695" s="613"/>
      <c r="XBG695" s="613"/>
      <c r="XBH695" s="613"/>
      <c r="XBI695" s="613"/>
      <c r="XBJ695" s="613"/>
      <c r="XBK695" s="613"/>
      <c r="XBL695" s="613"/>
      <c r="XBM695" s="613"/>
      <c r="XBN695" s="613"/>
      <c r="XBO695" s="613"/>
      <c r="XBP695" s="613"/>
      <c r="XBQ695" s="613"/>
      <c r="XBR695" s="613"/>
      <c r="XBS695" s="613"/>
      <c r="XBT695" s="613"/>
      <c r="XBU695" s="613"/>
      <c r="XBV695" s="613"/>
      <c r="XBW695" s="613"/>
      <c r="XBX695" s="613"/>
      <c r="XBY695" s="613"/>
      <c r="XBZ695" s="613"/>
      <c r="XCA695" s="613"/>
      <c r="XCB695" s="613"/>
      <c r="XCC695" s="613"/>
      <c r="XCD695" s="613"/>
      <c r="XCE695" s="613"/>
      <c r="XCF695" s="613"/>
      <c r="XCG695" s="613"/>
      <c r="XCH695" s="613"/>
      <c r="XCI695" s="613"/>
      <c r="XCJ695" s="613"/>
      <c r="XCK695" s="613"/>
      <c r="XCL695" s="613"/>
      <c r="XCM695" s="613"/>
      <c r="XCN695" s="613"/>
      <c r="XCO695" s="613"/>
      <c r="XCP695" s="613"/>
      <c r="XCQ695" s="613"/>
    </row>
    <row r="696" spans="1:16319" ht="56.1" customHeight="1" x14ac:dyDescent="0.2">
      <c r="A696" s="494"/>
      <c r="B696" s="494"/>
      <c r="C696" s="494"/>
      <c r="D696" s="481">
        <v>257</v>
      </c>
      <c r="E696" s="481"/>
      <c r="F696" s="481" t="s">
        <v>2481</v>
      </c>
      <c r="G696" s="482" t="s">
        <v>53</v>
      </c>
      <c r="H696" s="765" t="s">
        <v>329</v>
      </c>
      <c r="I696" s="654" t="s">
        <v>482</v>
      </c>
      <c r="J696" s="654" t="s">
        <v>483</v>
      </c>
      <c r="K696" s="495" t="s">
        <v>491</v>
      </c>
      <c r="L696" s="621"/>
      <c r="M696" s="484" t="s">
        <v>58</v>
      </c>
      <c r="N696" s="327" t="s">
        <v>1374</v>
      </c>
      <c r="O696" s="484" t="s">
        <v>2996</v>
      </c>
      <c r="P696" s="484" t="s">
        <v>81</v>
      </c>
      <c r="Q696" s="667" t="s">
        <v>334</v>
      </c>
      <c r="R696" s="484" t="s">
        <v>334</v>
      </c>
      <c r="S696" s="484" t="s">
        <v>225</v>
      </c>
      <c r="T696" s="484"/>
      <c r="U696" s="620" t="s">
        <v>63</v>
      </c>
      <c r="V696" s="620" t="s">
        <v>63</v>
      </c>
      <c r="W696" s="723">
        <v>45108</v>
      </c>
      <c r="X696" s="723"/>
      <c r="Y696" s="654" t="s">
        <v>226</v>
      </c>
      <c r="Z696" s="654"/>
      <c r="AA696" s="723">
        <v>45108</v>
      </c>
      <c r="AB696" s="652" t="s">
        <v>82</v>
      </c>
      <c r="AC696" s="652"/>
      <c r="AD696" s="496"/>
      <c r="AE696" s="496"/>
      <c r="AF696" s="496"/>
      <c r="AG696" s="496"/>
      <c r="AH696" s="496"/>
      <c r="AI696" s="487"/>
      <c r="AJ696" s="496"/>
      <c r="AK696" s="496"/>
      <c r="AL696" s="496"/>
      <c r="AM696" s="496"/>
      <c r="AN696" s="496"/>
      <c r="AO696" s="496"/>
      <c r="AP696" s="496"/>
      <c r="AQ696" s="496"/>
      <c r="AR696" s="496"/>
      <c r="AS696" s="496" t="s">
        <v>66</v>
      </c>
      <c r="AT696" s="496"/>
      <c r="AU696" s="487"/>
      <c r="AV696" s="487"/>
      <c r="AW696" s="487"/>
      <c r="AX696" s="487"/>
      <c r="AY696" s="487"/>
      <c r="AZ696" s="487"/>
      <c r="BA696" s="484"/>
      <c r="BB696" s="484"/>
      <c r="BC696" s="484"/>
      <c r="BD696" s="494"/>
      <c r="BE696" s="494"/>
      <c r="BF696" s="613"/>
      <c r="BG696" s="613"/>
      <c r="BH696" s="613"/>
      <c r="BI696" s="613"/>
      <c r="BJ696" s="613"/>
      <c r="BK696" s="613"/>
      <c r="BL696" s="613"/>
      <c r="BM696" s="613"/>
      <c r="BN696" s="613"/>
      <c r="BO696" s="613"/>
      <c r="BP696" s="613"/>
      <c r="BQ696" s="613"/>
      <c r="BR696" s="613"/>
      <c r="BS696" s="613"/>
      <c r="BT696" s="613"/>
      <c r="BU696" s="613"/>
      <c r="BV696" s="613"/>
      <c r="BW696" s="613"/>
      <c r="BX696" s="613"/>
      <c r="BY696" s="613"/>
      <c r="BZ696" s="613"/>
      <c r="CA696" s="613"/>
      <c r="CB696" s="613"/>
      <c r="CC696" s="613"/>
      <c r="CD696" s="613"/>
      <c r="CE696" s="613"/>
      <c r="CF696" s="613"/>
      <c r="CG696" s="613"/>
      <c r="CH696" s="613"/>
      <c r="CI696" s="613"/>
      <c r="CJ696" s="613"/>
      <c r="CK696" s="613"/>
      <c r="CL696" s="613"/>
      <c r="CM696" s="613"/>
      <c r="CN696" s="613"/>
      <c r="CO696" s="613"/>
      <c r="CP696" s="613"/>
      <c r="CQ696" s="613"/>
      <c r="CR696" s="613"/>
      <c r="CS696" s="613"/>
      <c r="CT696" s="613"/>
      <c r="CU696" s="613"/>
      <c r="CV696" s="613"/>
      <c r="CW696" s="613"/>
      <c r="CX696" s="613"/>
      <c r="CY696" s="613"/>
      <c r="CZ696" s="613"/>
      <c r="DA696" s="613"/>
      <c r="DB696" s="613"/>
      <c r="DC696" s="613"/>
      <c r="DD696" s="613"/>
      <c r="DE696" s="613"/>
      <c r="DF696" s="613"/>
      <c r="DG696" s="613"/>
      <c r="DH696" s="613"/>
      <c r="DI696" s="613"/>
      <c r="DJ696" s="613"/>
      <c r="DK696" s="613"/>
      <c r="DL696" s="613"/>
      <c r="DM696" s="613"/>
      <c r="DN696" s="613"/>
      <c r="DO696" s="613"/>
      <c r="DP696" s="613"/>
      <c r="DQ696" s="613"/>
      <c r="DR696" s="613"/>
      <c r="DS696" s="613"/>
      <c r="DT696" s="613"/>
      <c r="DU696" s="613"/>
      <c r="DV696" s="613"/>
      <c r="DW696" s="613"/>
      <c r="DX696" s="613"/>
      <c r="DY696" s="613"/>
      <c r="DZ696" s="613"/>
      <c r="EA696" s="613"/>
      <c r="EB696" s="613"/>
      <c r="EC696" s="613"/>
      <c r="ED696" s="613"/>
      <c r="EE696" s="613"/>
      <c r="EF696" s="613"/>
      <c r="EG696" s="613"/>
      <c r="EH696" s="613"/>
      <c r="EI696" s="613"/>
      <c r="EJ696" s="613"/>
      <c r="EK696" s="613"/>
      <c r="EL696" s="613"/>
      <c r="EM696" s="613"/>
      <c r="EN696" s="613"/>
      <c r="EO696" s="613"/>
      <c r="EP696" s="613"/>
      <c r="EQ696" s="613"/>
      <c r="ER696" s="613"/>
      <c r="ES696" s="613"/>
      <c r="ET696" s="613"/>
      <c r="EU696" s="613"/>
      <c r="EV696" s="613"/>
      <c r="EW696" s="613"/>
      <c r="EX696" s="613"/>
      <c r="EY696" s="613"/>
      <c r="EZ696" s="613"/>
      <c r="FA696" s="613"/>
      <c r="FB696" s="613"/>
      <c r="FC696" s="613"/>
      <c r="FD696" s="613"/>
      <c r="FE696" s="613"/>
      <c r="FF696" s="613"/>
      <c r="FG696" s="613"/>
      <c r="FH696" s="613"/>
      <c r="FI696" s="613"/>
      <c r="FJ696" s="613"/>
      <c r="FK696" s="613"/>
      <c r="FL696" s="613"/>
      <c r="FM696" s="613"/>
      <c r="FN696" s="613"/>
      <c r="FO696" s="613"/>
      <c r="FP696" s="613"/>
      <c r="FQ696" s="613"/>
      <c r="FR696" s="613"/>
      <c r="FS696" s="613"/>
      <c r="FT696" s="613"/>
      <c r="FU696" s="613"/>
      <c r="FV696" s="613"/>
      <c r="FW696" s="613"/>
      <c r="FX696" s="613"/>
      <c r="FY696" s="613"/>
      <c r="FZ696" s="613"/>
      <c r="GA696" s="613"/>
      <c r="GB696" s="613"/>
      <c r="GC696" s="613"/>
      <c r="GD696" s="613"/>
      <c r="GE696" s="613"/>
      <c r="GF696" s="613"/>
      <c r="GG696" s="613"/>
      <c r="GH696" s="613"/>
      <c r="GI696" s="613"/>
      <c r="GJ696" s="613"/>
      <c r="GK696" s="613"/>
      <c r="GL696" s="613"/>
      <c r="GM696" s="613"/>
      <c r="GN696" s="613"/>
      <c r="GO696" s="613"/>
      <c r="GP696" s="613"/>
      <c r="GQ696" s="613"/>
      <c r="GR696" s="613"/>
      <c r="GS696" s="613"/>
      <c r="GT696" s="613"/>
      <c r="GU696" s="613"/>
      <c r="GV696" s="613"/>
      <c r="GW696" s="613"/>
      <c r="GX696" s="613"/>
      <c r="GY696" s="613"/>
      <c r="GZ696" s="613"/>
      <c r="HA696" s="613"/>
      <c r="HB696" s="613"/>
      <c r="HC696" s="613"/>
      <c r="HD696" s="613"/>
      <c r="HE696" s="613"/>
      <c r="HF696" s="613"/>
      <c r="HG696" s="613"/>
      <c r="HH696" s="613"/>
      <c r="HI696" s="613"/>
      <c r="HJ696" s="613"/>
      <c r="HK696" s="613"/>
      <c r="HL696" s="613"/>
      <c r="HM696" s="613"/>
      <c r="HN696" s="613"/>
      <c r="HO696" s="613"/>
      <c r="HP696" s="613"/>
      <c r="HQ696" s="613"/>
      <c r="HR696" s="613"/>
      <c r="HS696" s="613"/>
      <c r="HT696" s="613"/>
      <c r="HU696" s="613"/>
      <c r="HV696" s="613"/>
      <c r="HW696" s="613"/>
      <c r="HX696" s="613"/>
      <c r="HY696" s="613"/>
      <c r="HZ696" s="613"/>
      <c r="IA696" s="613"/>
      <c r="IB696" s="613"/>
      <c r="IC696" s="613"/>
      <c r="ID696" s="613"/>
      <c r="IE696" s="613"/>
      <c r="IF696" s="613"/>
      <c r="IG696" s="613"/>
      <c r="IH696" s="613"/>
      <c r="II696" s="613"/>
      <c r="IJ696" s="613"/>
      <c r="IK696" s="613"/>
      <c r="IL696" s="613"/>
      <c r="IM696" s="613"/>
      <c r="IN696" s="613"/>
      <c r="IO696" s="613"/>
      <c r="IP696" s="613"/>
      <c r="IQ696" s="613"/>
      <c r="IR696" s="613"/>
      <c r="IS696" s="613"/>
      <c r="IT696" s="613"/>
      <c r="IU696" s="613"/>
      <c r="IV696" s="613"/>
      <c r="IW696" s="613"/>
      <c r="IX696" s="613"/>
      <c r="IY696" s="613"/>
      <c r="IZ696" s="613"/>
      <c r="JA696" s="613"/>
      <c r="JB696" s="613"/>
      <c r="JC696" s="613"/>
      <c r="JD696" s="613"/>
      <c r="JE696" s="613"/>
      <c r="JF696" s="613"/>
      <c r="JG696" s="613"/>
      <c r="JH696" s="613"/>
      <c r="JI696" s="613"/>
      <c r="JJ696" s="613"/>
      <c r="JK696" s="613"/>
      <c r="JL696" s="613"/>
      <c r="JM696" s="613"/>
      <c r="JN696" s="613"/>
      <c r="JO696" s="613"/>
      <c r="JP696" s="613"/>
      <c r="JQ696" s="613"/>
      <c r="JR696" s="613"/>
      <c r="JS696" s="613"/>
      <c r="JT696" s="613"/>
      <c r="JU696" s="613"/>
      <c r="JV696" s="613"/>
      <c r="JW696" s="613"/>
      <c r="JX696" s="613"/>
      <c r="JY696" s="613"/>
      <c r="JZ696" s="613"/>
      <c r="KA696" s="613"/>
      <c r="KB696" s="613"/>
      <c r="KC696" s="613"/>
      <c r="KD696" s="613"/>
      <c r="KE696" s="613"/>
      <c r="KF696" s="613"/>
      <c r="KG696" s="613"/>
      <c r="KH696" s="613"/>
      <c r="KI696" s="613"/>
      <c r="KJ696" s="613"/>
      <c r="KK696" s="613"/>
      <c r="KL696" s="613"/>
      <c r="KM696" s="613"/>
      <c r="KN696" s="613"/>
      <c r="KO696" s="613"/>
      <c r="KP696" s="613"/>
      <c r="KQ696" s="613"/>
      <c r="KR696" s="613"/>
      <c r="KS696" s="613"/>
      <c r="KT696" s="613"/>
      <c r="KU696" s="613"/>
      <c r="KV696" s="613"/>
      <c r="KW696" s="613"/>
      <c r="KX696" s="613"/>
      <c r="KY696" s="613"/>
      <c r="KZ696" s="613"/>
      <c r="LA696" s="613"/>
      <c r="LB696" s="613"/>
      <c r="LC696" s="613"/>
      <c r="LD696" s="613"/>
      <c r="LE696" s="613"/>
      <c r="LF696" s="613"/>
      <c r="LG696" s="613"/>
      <c r="LH696" s="613"/>
      <c r="LI696" s="613"/>
      <c r="LJ696" s="613"/>
      <c r="LK696" s="613"/>
      <c r="LL696" s="613"/>
      <c r="LM696" s="613"/>
      <c r="LN696" s="613"/>
      <c r="LO696" s="613"/>
      <c r="LP696" s="613"/>
      <c r="LQ696" s="613"/>
      <c r="LR696" s="613"/>
      <c r="LS696" s="613"/>
      <c r="LT696" s="613"/>
      <c r="LU696" s="613"/>
      <c r="LV696" s="613"/>
      <c r="LW696" s="613"/>
      <c r="LX696" s="613"/>
      <c r="LY696" s="613"/>
      <c r="LZ696" s="613"/>
      <c r="MA696" s="613"/>
      <c r="MB696" s="613"/>
      <c r="MC696" s="613"/>
      <c r="MD696" s="613"/>
      <c r="ME696" s="613"/>
      <c r="MF696" s="613"/>
      <c r="MG696" s="613"/>
      <c r="MH696" s="613"/>
      <c r="MI696" s="613"/>
      <c r="MJ696" s="613"/>
      <c r="MK696" s="613"/>
      <c r="ML696" s="613"/>
      <c r="MM696" s="613"/>
      <c r="MN696" s="613"/>
      <c r="MO696" s="613"/>
      <c r="MP696" s="613"/>
      <c r="MQ696" s="613"/>
      <c r="MR696" s="613"/>
      <c r="MS696" s="613"/>
      <c r="MT696" s="613"/>
      <c r="MU696" s="613"/>
      <c r="MV696" s="613"/>
      <c r="MW696" s="613"/>
      <c r="MX696" s="613"/>
      <c r="MY696" s="613"/>
      <c r="MZ696" s="613"/>
      <c r="NA696" s="613"/>
      <c r="NB696" s="613"/>
      <c r="NC696" s="613"/>
      <c r="ND696" s="613"/>
      <c r="NE696" s="613"/>
      <c r="NF696" s="613"/>
      <c r="NG696" s="613"/>
      <c r="NH696" s="613"/>
      <c r="NI696" s="613"/>
      <c r="NJ696" s="613"/>
      <c r="NK696" s="613"/>
      <c r="NL696" s="613"/>
      <c r="NM696" s="613"/>
      <c r="NN696" s="613"/>
      <c r="NO696" s="613"/>
      <c r="NP696" s="613"/>
      <c r="NQ696" s="613"/>
      <c r="NR696" s="613"/>
      <c r="NS696" s="613"/>
      <c r="NT696" s="613"/>
      <c r="NU696" s="613"/>
      <c r="NV696" s="613"/>
      <c r="NW696" s="613"/>
      <c r="NX696" s="613"/>
      <c r="NY696" s="613"/>
      <c r="NZ696" s="613"/>
      <c r="OA696" s="613"/>
      <c r="OB696" s="613"/>
      <c r="OC696" s="613"/>
      <c r="OD696" s="613"/>
      <c r="OE696" s="613"/>
      <c r="OF696" s="613"/>
      <c r="OG696" s="613"/>
      <c r="OH696" s="613"/>
      <c r="OI696" s="613"/>
      <c r="OJ696" s="613"/>
      <c r="OK696" s="613"/>
      <c r="OL696" s="613"/>
      <c r="OM696" s="613"/>
      <c r="ON696" s="613"/>
      <c r="OO696" s="613"/>
      <c r="OP696" s="613"/>
      <c r="OQ696" s="613"/>
      <c r="OR696" s="613"/>
      <c r="OS696" s="613"/>
      <c r="OT696" s="613"/>
      <c r="OU696" s="613"/>
      <c r="OV696" s="613"/>
      <c r="OW696" s="613"/>
      <c r="OX696" s="613"/>
      <c r="OY696" s="613"/>
      <c r="OZ696" s="613"/>
      <c r="PA696" s="613"/>
      <c r="PB696" s="613"/>
      <c r="PC696" s="613"/>
      <c r="PD696" s="613"/>
      <c r="PE696" s="613"/>
      <c r="PF696" s="613"/>
      <c r="PG696" s="613"/>
      <c r="PH696" s="613"/>
      <c r="PI696" s="613"/>
      <c r="PJ696" s="613"/>
      <c r="PK696" s="613"/>
      <c r="PL696" s="613"/>
      <c r="PM696" s="613"/>
      <c r="PN696" s="613"/>
      <c r="PO696" s="613"/>
      <c r="PP696" s="613"/>
      <c r="PQ696" s="613"/>
      <c r="PR696" s="613"/>
      <c r="PS696" s="613"/>
      <c r="PT696" s="613"/>
      <c r="PU696" s="613"/>
      <c r="PV696" s="613"/>
      <c r="PW696" s="613"/>
      <c r="PX696" s="613"/>
      <c r="PY696" s="613"/>
      <c r="PZ696" s="613"/>
      <c r="QA696" s="613"/>
      <c r="QB696" s="613"/>
      <c r="QC696" s="613"/>
      <c r="QD696" s="613"/>
      <c r="QE696" s="613"/>
      <c r="QF696" s="613"/>
      <c r="QG696" s="613"/>
      <c r="QH696" s="613"/>
      <c r="QI696" s="613"/>
      <c r="QJ696" s="613"/>
      <c r="QK696" s="613"/>
      <c r="QL696" s="613"/>
      <c r="QM696" s="613"/>
      <c r="QN696" s="613"/>
      <c r="QO696" s="613"/>
      <c r="QP696" s="613"/>
      <c r="QQ696" s="613"/>
      <c r="QR696" s="613"/>
      <c r="QS696" s="613"/>
      <c r="QT696" s="613"/>
      <c r="QU696" s="613"/>
      <c r="QV696" s="613"/>
      <c r="QW696" s="613"/>
      <c r="QX696" s="613"/>
      <c r="QY696" s="613"/>
      <c r="QZ696" s="613"/>
      <c r="RA696" s="613"/>
      <c r="RB696" s="613"/>
      <c r="RC696" s="613"/>
      <c r="RD696" s="613"/>
      <c r="RE696" s="613"/>
      <c r="RF696" s="613"/>
      <c r="RG696" s="613"/>
      <c r="RH696" s="613"/>
      <c r="RI696" s="613"/>
      <c r="RJ696" s="613"/>
      <c r="RK696" s="613"/>
      <c r="RL696" s="613"/>
      <c r="RM696" s="613"/>
      <c r="RN696" s="613"/>
      <c r="RO696" s="613"/>
      <c r="RP696" s="613"/>
      <c r="RQ696" s="613"/>
      <c r="RR696" s="613"/>
      <c r="RS696" s="613"/>
      <c r="RT696" s="613"/>
      <c r="RU696" s="613"/>
      <c r="RV696" s="613"/>
      <c r="RW696" s="613"/>
      <c r="RX696" s="613"/>
      <c r="RY696" s="613"/>
      <c r="RZ696" s="613"/>
      <c r="SA696" s="613"/>
      <c r="SB696" s="613"/>
      <c r="SC696" s="613"/>
      <c r="SD696" s="613"/>
      <c r="SE696" s="613"/>
      <c r="SF696" s="613"/>
      <c r="SG696" s="613"/>
      <c r="SH696" s="613"/>
      <c r="SI696" s="613"/>
      <c r="SJ696" s="613"/>
      <c r="SK696" s="613"/>
      <c r="SL696" s="613"/>
      <c r="SM696" s="613"/>
      <c r="SN696" s="613"/>
      <c r="SO696" s="613"/>
      <c r="SP696" s="613"/>
      <c r="SQ696" s="613"/>
      <c r="SR696" s="613"/>
      <c r="SS696" s="613"/>
      <c r="ST696" s="613"/>
      <c r="SU696" s="613"/>
      <c r="SV696" s="613"/>
      <c r="SW696" s="613"/>
      <c r="SX696" s="613"/>
      <c r="SY696" s="613"/>
      <c r="SZ696" s="613"/>
      <c r="TA696" s="613"/>
      <c r="TB696" s="613"/>
      <c r="TC696" s="613"/>
      <c r="TD696" s="613"/>
      <c r="TE696" s="613"/>
      <c r="TF696" s="613"/>
      <c r="TG696" s="613"/>
      <c r="TH696" s="613"/>
      <c r="TI696" s="613"/>
      <c r="TJ696" s="613"/>
      <c r="TK696" s="613"/>
      <c r="TL696" s="613"/>
      <c r="TM696" s="613"/>
      <c r="TN696" s="613"/>
      <c r="TO696" s="613"/>
      <c r="TP696" s="613"/>
      <c r="TQ696" s="613"/>
      <c r="TR696" s="613"/>
      <c r="TS696" s="613"/>
      <c r="TT696" s="613"/>
      <c r="TU696" s="613"/>
      <c r="TV696" s="613"/>
      <c r="TW696" s="613"/>
      <c r="TX696" s="613"/>
      <c r="TY696" s="613"/>
      <c r="TZ696" s="613"/>
      <c r="UA696" s="613"/>
      <c r="UB696" s="613"/>
      <c r="UC696" s="613"/>
      <c r="UD696" s="613"/>
      <c r="UE696" s="613"/>
      <c r="UF696" s="613"/>
      <c r="UG696" s="613"/>
      <c r="UH696" s="613"/>
      <c r="UI696" s="613"/>
      <c r="UJ696" s="613"/>
      <c r="UK696" s="613"/>
      <c r="UL696" s="613"/>
      <c r="UM696" s="613"/>
      <c r="UN696" s="613"/>
      <c r="UO696" s="613"/>
      <c r="UP696" s="613"/>
      <c r="UQ696" s="613"/>
      <c r="UR696" s="613"/>
      <c r="US696" s="613"/>
      <c r="UT696" s="613"/>
      <c r="UU696" s="613"/>
      <c r="UV696" s="613"/>
      <c r="UW696" s="613"/>
      <c r="UX696" s="613"/>
      <c r="UY696" s="613"/>
      <c r="UZ696" s="613"/>
      <c r="VA696" s="613"/>
      <c r="VB696" s="613"/>
      <c r="VC696" s="613"/>
      <c r="VD696" s="613"/>
      <c r="VE696" s="613"/>
      <c r="VF696" s="613"/>
      <c r="VG696" s="613"/>
      <c r="VH696" s="613"/>
      <c r="VI696" s="613"/>
      <c r="VJ696" s="613"/>
      <c r="VK696" s="613"/>
      <c r="VL696" s="613"/>
      <c r="VM696" s="613"/>
      <c r="VN696" s="613"/>
      <c r="VO696" s="613"/>
      <c r="VP696" s="613"/>
      <c r="VQ696" s="613"/>
      <c r="VR696" s="613"/>
      <c r="VS696" s="613"/>
      <c r="VT696" s="613"/>
      <c r="VU696" s="613"/>
      <c r="VV696" s="613"/>
      <c r="VW696" s="613"/>
      <c r="VX696" s="613"/>
      <c r="VY696" s="613"/>
      <c r="VZ696" s="613"/>
      <c r="WA696" s="613"/>
      <c r="WB696" s="613"/>
      <c r="WC696" s="613"/>
      <c r="WD696" s="613"/>
      <c r="WE696" s="613"/>
      <c r="WF696" s="613"/>
      <c r="WG696" s="613"/>
      <c r="WH696" s="613"/>
      <c r="WI696" s="613"/>
      <c r="WJ696" s="613"/>
      <c r="WK696" s="613"/>
      <c r="WL696" s="613"/>
      <c r="WM696" s="613"/>
      <c r="WN696" s="613"/>
      <c r="WO696" s="613"/>
      <c r="WP696" s="613"/>
      <c r="WQ696" s="613"/>
      <c r="WR696" s="613"/>
      <c r="WS696" s="613"/>
      <c r="WT696" s="613"/>
      <c r="WU696" s="613"/>
      <c r="WV696" s="613"/>
      <c r="WW696" s="613"/>
      <c r="WX696" s="613"/>
      <c r="WY696" s="613"/>
      <c r="WZ696" s="613"/>
      <c r="XA696" s="613"/>
      <c r="XB696" s="613"/>
      <c r="XC696" s="613"/>
      <c r="XD696" s="613"/>
      <c r="XE696" s="613"/>
      <c r="XF696" s="613"/>
      <c r="XG696" s="613"/>
      <c r="XH696" s="613"/>
      <c r="XI696" s="613"/>
      <c r="XJ696" s="613"/>
      <c r="XK696" s="613"/>
      <c r="XL696" s="613"/>
      <c r="XM696" s="613"/>
      <c r="XN696" s="613"/>
      <c r="XO696" s="613"/>
      <c r="XP696" s="613"/>
      <c r="XQ696" s="613"/>
      <c r="XR696" s="613"/>
      <c r="XS696" s="613"/>
      <c r="XT696" s="613"/>
      <c r="XU696" s="613"/>
      <c r="XV696" s="613"/>
      <c r="XW696" s="613"/>
      <c r="XX696" s="613"/>
      <c r="XY696" s="613"/>
      <c r="XZ696" s="613"/>
      <c r="YA696" s="613"/>
      <c r="YB696" s="613"/>
      <c r="YC696" s="613"/>
      <c r="YD696" s="613"/>
      <c r="YE696" s="613"/>
      <c r="YF696" s="613"/>
      <c r="YG696" s="613"/>
      <c r="YH696" s="613"/>
      <c r="YI696" s="613"/>
      <c r="YJ696" s="613"/>
      <c r="YK696" s="613"/>
      <c r="YL696" s="613"/>
      <c r="YM696" s="613"/>
      <c r="YN696" s="613"/>
      <c r="YO696" s="613"/>
      <c r="YP696" s="613"/>
      <c r="YQ696" s="613"/>
      <c r="YR696" s="613"/>
      <c r="YS696" s="613"/>
      <c r="YT696" s="613"/>
      <c r="YU696" s="613"/>
      <c r="YV696" s="613"/>
      <c r="YW696" s="613"/>
      <c r="YX696" s="613"/>
      <c r="YY696" s="613"/>
      <c r="YZ696" s="613"/>
      <c r="ZA696" s="613"/>
      <c r="ZB696" s="613"/>
      <c r="ZC696" s="613"/>
      <c r="ZD696" s="613"/>
      <c r="ZE696" s="613"/>
      <c r="ZF696" s="613"/>
      <c r="ZG696" s="613"/>
      <c r="ZH696" s="613"/>
      <c r="ZI696" s="613"/>
      <c r="ZJ696" s="613"/>
      <c r="ZK696" s="613"/>
      <c r="ZL696" s="613"/>
      <c r="ZM696" s="613"/>
      <c r="ZN696" s="613"/>
      <c r="ZO696" s="613"/>
      <c r="ZP696" s="613"/>
      <c r="ZQ696" s="613"/>
      <c r="ZR696" s="613"/>
      <c r="ZS696" s="613"/>
      <c r="ZT696" s="613"/>
      <c r="ZU696" s="613"/>
      <c r="ZV696" s="613"/>
      <c r="ZW696" s="613"/>
      <c r="ZX696" s="613"/>
      <c r="ZY696" s="613"/>
      <c r="ZZ696" s="613"/>
      <c r="AAA696" s="613"/>
      <c r="AAB696" s="613"/>
      <c r="AAC696" s="613"/>
      <c r="AAD696" s="613"/>
      <c r="AAE696" s="613"/>
      <c r="AAF696" s="613"/>
      <c r="AAG696" s="613"/>
      <c r="AAH696" s="613"/>
      <c r="AAI696" s="613"/>
      <c r="AAJ696" s="613"/>
      <c r="AAK696" s="613"/>
      <c r="AAL696" s="613"/>
      <c r="AAM696" s="613"/>
      <c r="AAN696" s="613"/>
      <c r="AAO696" s="613"/>
      <c r="AAP696" s="613"/>
      <c r="AAQ696" s="613"/>
      <c r="AAR696" s="613"/>
      <c r="AAS696" s="613"/>
      <c r="AAT696" s="613"/>
      <c r="AAU696" s="613"/>
      <c r="AAV696" s="613"/>
      <c r="AAW696" s="613"/>
      <c r="AAX696" s="613"/>
      <c r="AAY696" s="613"/>
      <c r="AAZ696" s="613"/>
      <c r="ABA696" s="613"/>
      <c r="ABB696" s="613"/>
      <c r="ABC696" s="613"/>
      <c r="ABD696" s="613"/>
      <c r="ABE696" s="613"/>
      <c r="ABF696" s="613"/>
      <c r="ABG696" s="613"/>
      <c r="ABH696" s="613"/>
      <c r="ABI696" s="613"/>
      <c r="ABJ696" s="613"/>
      <c r="ABK696" s="613"/>
      <c r="ABL696" s="613"/>
      <c r="ABM696" s="613"/>
      <c r="ABN696" s="613"/>
      <c r="ABO696" s="613"/>
      <c r="ABP696" s="613"/>
      <c r="ABQ696" s="613"/>
      <c r="ABR696" s="613"/>
      <c r="ABS696" s="613"/>
      <c r="ABT696" s="613"/>
      <c r="ABU696" s="613"/>
      <c r="ABV696" s="613"/>
      <c r="ABW696" s="613"/>
      <c r="ABX696" s="613"/>
      <c r="ABY696" s="613"/>
      <c r="ABZ696" s="613"/>
      <c r="ACA696" s="613"/>
      <c r="ACB696" s="613"/>
      <c r="ACC696" s="613"/>
      <c r="ACD696" s="613"/>
      <c r="ACE696" s="613"/>
      <c r="ACF696" s="613"/>
      <c r="ACG696" s="613"/>
      <c r="ACH696" s="613"/>
      <c r="ACI696" s="613"/>
      <c r="ACJ696" s="613"/>
      <c r="ACK696" s="613"/>
      <c r="ACL696" s="613"/>
      <c r="ACM696" s="613"/>
      <c r="ACN696" s="613"/>
      <c r="ACO696" s="613"/>
      <c r="ACP696" s="613"/>
      <c r="ACQ696" s="613"/>
      <c r="ACR696" s="613"/>
      <c r="ACS696" s="613"/>
      <c r="ACT696" s="613"/>
      <c r="ACU696" s="613"/>
      <c r="ACV696" s="613"/>
      <c r="ACW696" s="613"/>
      <c r="ACX696" s="613"/>
      <c r="ACY696" s="613"/>
      <c r="ACZ696" s="613"/>
      <c r="ADA696" s="613"/>
      <c r="ADB696" s="613"/>
      <c r="ADC696" s="613"/>
      <c r="ADD696" s="613"/>
      <c r="ADE696" s="613"/>
      <c r="ADF696" s="613"/>
      <c r="ADG696" s="613"/>
      <c r="ADH696" s="613"/>
      <c r="ADI696" s="613"/>
      <c r="ADJ696" s="613"/>
      <c r="ADK696" s="613"/>
      <c r="ADL696" s="613"/>
      <c r="ADM696" s="613"/>
      <c r="ADN696" s="613"/>
      <c r="ADO696" s="613"/>
      <c r="ADP696" s="613"/>
      <c r="ADQ696" s="613"/>
      <c r="ADR696" s="613"/>
      <c r="ADS696" s="613"/>
      <c r="ADT696" s="613"/>
      <c r="ADU696" s="613"/>
      <c r="ADV696" s="613"/>
      <c r="ADW696" s="613"/>
      <c r="ADX696" s="613"/>
      <c r="ADY696" s="613"/>
      <c r="ADZ696" s="613"/>
      <c r="AEA696" s="613"/>
      <c r="AEB696" s="613"/>
      <c r="AEC696" s="613"/>
      <c r="AED696" s="613"/>
      <c r="AEE696" s="613"/>
      <c r="AEF696" s="613"/>
      <c r="AEG696" s="613"/>
      <c r="AEH696" s="613"/>
      <c r="AEI696" s="613"/>
      <c r="AEJ696" s="613"/>
      <c r="AEK696" s="613"/>
      <c r="AEL696" s="613"/>
      <c r="AEM696" s="613"/>
      <c r="AEN696" s="613"/>
      <c r="AEO696" s="613"/>
      <c r="AEP696" s="613"/>
      <c r="AEQ696" s="613"/>
      <c r="AER696" s="613"/>
      <c r="AES696" s="613"/>
      <c r="AET696" s="613"/>
      <c r="AEU696" s="613"/>
      <c r="AEV696" s="613"/>
      <c r="AEW696" s="613"/>
      <c r="AEX696" s="613"/>
      <c r="AEY696" s="613"/>
      <c r="AEZ696" s="613"/>
      <c r="AFA696" s="613"/>
      <c r="AFB696" s="613"/>
      <c r="AFC696" s="613"/>
      <c r="AFD696" s="613"/>
      <c r="AFE696" s="613"/>
      <c r="AFF696" s="613"/>
      <c r="AFG696" s="613"/>
      <c r="AFH696" s="613"/>
      <c r="AFI696" s="613"/>
      <c r="AFJ696" s="613"/>
      <c r="AFK696" s="613"/>
      <c r="AFL696" s="613"/>
      <c r="AFM696" s="613"/>
      <c r="AFN696" s="613"/>
      <c r="AFO696" s="613"/>
      <c r="AFP696" s="613"/>
      <c r="AFQ696" s="613"/>
      <c r="AFR696" s="613"/>
      <c r="AFS696" s="613"/>
      <c r="AFT696" s="613"/>
      <c r="AFU696" s="613"/>
      <c r="AFV696" s="613"/>
      <c r="AFW696" s="613"/>
      <c r="AFX696" s="613"/>
      <c r="AFY696" s="613"/>
      <c r="AFZ696" s="613"/>
      <c r="AGA696" s="613"/>
      <c r="AGB696" s="613"/>
      <c r="AGC696" s="613"/>
      <c r="AGD696" s="613"/>
      <c r="AGE696" s="613"/>
      <c r="AGF696" s="613"/>
      <c r="AGG696" s="613"/>
      <c r="AGH696" s="613"/>
      <c r="AGI696" s="613"/>
      <c r="AGJ696" s="613"/>
      <c r="AGK696" s="613"/>
      <c r="AGL696" s="613"/>
      <c r="AGM696" s="613"/>
      <c r="AGN696" s="613"/>
      <c r="AGO696" s="613"/>
      <c r="AGP696" s="613"/>
      <c r="AGQ696" s="613"/>
      <c r="AGR696" s="613"/>
      <c r="AGS696" s="613"/>
      <c r="AGT696" s="613"/>
      <c r="AGU696" s="613"/>
      <c r="AGV696" s="613"/>
      <c r="AGW696" s="613"/>
      <c r="AGX696" s="613"/>
      <c r="AGY696" s="613"/>
      <c r="AGZ696" s="613"/>
      <c r="AHA696" s="613"/>
      <c r="AHB696" s="613"/>
      <c r="AHC696" s="613"/>
      <c r="AHD696" s="613"/>
      <c r="AHE696" s="613"/>
      <c r="AHF696" s="613"/>
      <c r="AHG696" s="613"/>
      <c r="AHH696" s="613"/>
      <c r="AHI696" s="613"/>
      <c r="AHJ696" s="613"/>
      <c r="AHK696" s="613"/>
      <c r="AHL696" s="613"/>
      <c r="AHM696" s="613"/>
      <c r="AHN696" s="613"/>
      <c r="AHO696" s="613"/>
      <c r="AHP696" s="613"/>
      <c r="AHQ696" s="613"/>
      <c r="AHR696" s="613"/>
      <c r="AHS696" s="613"/>
      <c r="AHT696" s="613"/>
      <c r="AHU696" s="613"/>
      <c r="AHV696" s="613"/>
      <c r="AHW696" s="613"/>
      <c r="AHX696" s="613"/>
      <c r="AHY696" s="613"/>
      <c r="AHZ696" s="613"/>
      <c r="AIA696" s="613"/>
      <c r="AIB696" s="613"/>
      <c r="AIC696" s="613"/>
      <c r="AID696" s="613"/>
      <c r="AIE696" s="613"/>
      <c r="AIF696" s="613"/>
      <c r="AIG696" s="613"/>
      <c r="AIH696" s="613"/>
      <c r="AII696" s="613"/>
      <c r="AIJ696" s="613"/>
      <c r="AIK696" s="613"/>
      <c r="AIL696" s="613"/>
      <c r="AIM696" s="613"/>
      <c r="AIN696" s="613"/>
      <c r="AIO696" s="613"/>
      <c r="AIP696" s="613"/>
      <c r="AIQ696" s="613"/>
      <c r="AIR696" s="613"/>
      <c r="AIS696" s="613"/>
      <c r="AIT696" s="613"/>
      <c r="AIU696" s="613"/>
      <c r="AIV696" s="613"/>
      <c r="AIW696" s="613"/>
      <c r="AIX696" s="613"/>
      <c r="AIY696" s="613"/>
      <c r="AIZ696" s="613"/>
      <c r="AJA696" s="613"/>
      <c r="AJB696" s="613"/>
      <c r="AJC696" s="613"/>
      <c r="AJD696" s="613"/>
      <c r="AJE696" s="613"/>
      <c r="AJF696" s="613"/>
      <c r="AJG696" s="613"/>
      <c r="AJH696" s="613"/>
      <c r="AJI696" s="613"/>
      <c r="AJJ696" s="613"/>
      <c r="AJK696" s="613"/>
      <c r="AJL696" s="613"/>
      <c r="AJM696" s="613"/>
      <c r="AJN696" s="613"/>
      <c r="AJO696" s="613"/>
      <c r="AJP696" s="613"/>
      <c r="AJQ696" s="613"/>
      <c r="AJR696" s="613"/>
      <c r="AJS696" s="613"/>
      <c r="AJT696" s="613"/>
      <c r="AJU696" s="613"/>
      <c r="AJV696" s="613"/>
      <c r="AJW696" s="613"/>
      <c r="AJX696" s="613"/>
      <c r="AJY696" s="613"/>
      <c r="AJZ696" s="613"/>
      <c r="AKA696" s="613"/>
      <c r="AKB696" s="613"/>
      <c r="AKC696" s="613"/>
      <c r="AKD696" s="613"/>
      <c r="AKE696" s="613"/>
      <c r="AKF696" s="613"/>
      <c r="AKG696" s="613"/>
      <c r="AKH696" s="613"/>
      <c r="AKI696" s="613"/>
      <c r="AKJ696" s="613"/>
      <c r="AKK696" s="613"/>
      <c r="AKL696" s="613"/>
      <c r="AKM696" s="613"/>
      <c r="AKN696" s="613"/>
      <c r="AKO696" s="613"/>
      <c r="AKP696" s="613"/>
      <c r="AKQ696" s="613"/>
      <c r="AKR696" s="613"/>
      <c r="AKS696" s="613"/>
      <c r="AKT696" s="613"/>
      <c r="AKU696" s="613"/>
      <c r="AKV696" s="613"/>
      <c r="AKW696" s="613"/>
      <c r="AKX696" s="613"/>
      <c r="AKY696" s="613"/>
      <c r="AKZ696" s="613"/>
      <c r="ALA696" s="613"/>
      <c r="ALB696" s="613"/>
      <c r="ALC696" s="613"/>
      <c r="ALD696" s="613"/>
      <c r="ALE696" s="613"/>
      <c r="ALF696" s="613"/>
      <c r="ALG696" s="613"/>
      <c r="ALH696" s="613"/>
      <c r="ALI696" s="613"/>
      <c r="ALJ696" s="613"/>
      <c r="ALK696" s="613"/>
      <c r="ALL696" s="613"/>
      <c r="ALM696" s="613"/>
      <c r="ALN696" s="613"/>
      <c r="ALO696" s="613"/>
      <c r="ALP696" s="613"/>
      <c r="ALQ696" s="613"/>
      <c r="ALR696" s="613"/>
      <c r="ALS696" s="613"/>
      <c r="ALT696" s="613"/>
      <c r="ALU696" s="613"/>
      <c r="ALV696" s="613"/>
      <c r="ALW696" s="613"/>
      <c r="ALX696" s="613"/>
      <c r="ALY696" s="613"/>
      <c r="ALZ696" s="613"/>
      <c r="AMA696" s="613"/>
      <c r="AMB696" s="613"/>
      <c r="AMC696" s="613"/>
      <c r="AMD696" s="613"/>
      <c r="AME696" s="613"/>
      <c r="AMF696" s="613"/>
      <c r="AMG696" s="613"/>
      <c r="AMH696" s="613"/>
      <c r="AMI696" s="613"/>
      <c r="AMJ696" s="613"/>
      <c r="AMK696" s="613"/>
      <c r="AML696" s="613"/>
      <c r="AMM696" s="613"/>
      <c r="AMN696" s="613"/>
      <c r="AMO696" s="613"/>
      <c r="AMP696" s="613"/>
      <c r="AMQ696" s="613"/>
      <c r="AMR696" s="613"/>
      <c r="AMS696" s="613"/>
      <c r="AMT696" s="613"/>
      <c r="AMU696" s="613"/>
      <c r="AMV696" s="613"/>
      <c r="AMW696" s="613"/>
      <c r="AMX696" s="613"/>
      <c r="AMY696" s="613"/>
      <c r="AMZ696" s="613"/>
      <c r="ANA696" s="613"/>
      <c r="ANB696" s="613"/>
      <c r="ANC696" s="613"/>
      <c r="AND696" s="613"/>
      <c r="ANE696" s="613"/>
      <c r="ANF696" s="613"/>
      <c r="ANG696" s="613"/>
      <c r="ANH696" s="613"/>
      <c r="ANI696" s="613"/>
      <c r="ANJ696" s="613"/>
      <c r="ANK696" s="613"/>
      <c r="ANL696" s="613"/>
      <c r="ANM696" s="613"/>
      <c r="ANN696" s="613"/>
      <c r="ANO696" s="613"/>
      <c r="ANP696" s="613"/>
      <c r="ANQ696" s="613"/>
      <c r="ANR696" s="613"/>
      <c r="ANS696" s="613"/>
      <c r="ANT696" s="613"/>
      <c r="ANU696" s="613"/>
      <c r="ANV696" s="613"/>
      <c r="ANW696" s="613"/>
      <c r="ANX696" s="613"/>
      <c r="ANY696" s="613"/>
      <c r="ANZ696" s="613"/>
      <c r="AOA696" s="613"/>
      <c r="AOB696" s="613"/>
      <c r="AOC696" s="613"/>
      <c r="AOD696" s="613"/>
      <c r="AOE696" s="613"/>
      <c r="AOF696" s="613"/>
      <c r="AOG696" s="613"/>
      <c r="AOH696" s="613"/>
      <c r="AOI696" s="613"/>
      <c r="AOJ696" s="613"/>
      <c r="AOK696" s="613"/>
      <c r="AOL696" s="613"/>
      <c r="AOM696" s="613"/>
      <c r="AON696" s="613"/>
      <c r="AOO696" s="613"/>
      <c r="AOP696" s="613"/>
      <c r="AOQ696" s="613"/>
      <c r="AOR696" s="613"/>
      <c r="AOS696" s="613"/>
      <c r="AOT696" s="613"/>
      <c r="AOU696" s="613"/>
      <c r="AOV696" s="613"/>
      <c r="AOW696" s="613"/>
      <c r="AOX696" s="613"/>
      <c r="AOY696" s="613"/>
      <c r="AOZ696" s="613"/>
      <c r="APA696" s="613"/>
      <c r="APB696" s="613"/>
      <c r="APC696" s="613"/>
      <c r="APD696" s="613"/>
      <c r="APE696" s="613"/>
      <c r="APF696" s="613"/>
      <c r="APG696" s="613"/>
      <c r="APH696" s="613"/>
      <c r="API696" s="613"/>
      <c r="APJ696" s="613"/>
      <c r="APK696" s="613"/>
      <c r="APL696" s="613"/>
      <c r="APM696" s="613"/>
      <c r="APN696" s="613"/>
      <c r="APO696" s="613"/>
      <c r="APP696" s="613"/>
      <c r="APQ696" s="613"/>
      <c r="APR696" s="613"/>
      <c r="APS696" s="613"/>
      <c r="APT696" s="613"/>
      <c r="APU696" s="613"/>
      <c r="APV696" s="613"/>
      <c r="APW696" s="613"/>
      <c r="APX696" s="613"/>
      <c r="APY696" s="613"/>
      <c r="APZ696" s="613"/>
      <c r="AQA696" s="613"/>
      <c r="AQB696" s="613"/>
      <c r="AQC696" s="613"/>
      <c r="AQD696" s="613"/>
      <c r="AQE696" s="613"/>
      <c r="AQF696" s="613"/>
      <c r="AQG696" s="613"/>
      <c r="AQH696" s="613"/>
      <c r="AQI696" s="613"/>
      <c r="AQJ696" s="613"/>
      <c r="AQK696" s="613"/>
      <c r="AQL696" s="613"/>
      <c r="AQM696" s="613"/>
      <c r="AQN696" s="613"/>
      <c r="AQO696" s="613"/>
      <c r="AQP696" s="613"/>
      <c r="AQQ696" s="613"/>
      <c r="AQR696" s="613"/>
      <c r="AQS696" s="613"/>
      <c r="AQT696" s="613"/>
      <c r="AQU696" s="613"/>
      <c r="AQV696" s="613"/>
      <c r="AQW696" s="613"/>
      <c r="AQX696" s="613"/>
      <c r="AQY696" s="613"/>
      <c r="AQZ696" s="613"/>
      <c r="ARA696" s="613"/>
      <c r="ARB696" s="613"/>
      <c r="ARC696" s="613"/>
      <c r="ARD696" s="613"/>
      <c r="ARE696" s="613"/>
      <c r="ARF696" s="613"/>
      <c r="ARG696" s="613"/>
      <c r="ARH696" s="613"/>
      <c r="ARI696" s="613"/>
      <c r="ARJ696" s="613"/>
      <c r="ARK696" s="613"/>
      <c r="ARL696" s="613"/>
      <c r="ARM696" s="613"/>
      <c r="ARN696" s="613"/>
      <c r="ARO696" s="613"/>
      <c r="ARP696" s="613"/>
      <c r="ARQ696" s="613"/>
      <c r="ARR696" s="613"/>
      <c r="ARS696" s="613"/>
      <c r="ART696" s="613"/>
      <c r="ARU696" s="613"/>
      <c r="ARV696" s="613"/>
      <c r="ARW696" s="613"/>
      <c r="ARX696" s="613"/>
      <c r="ARY696" s="613"/>
      <c r="ARZ696" s="613"/>
      <c r="ASA696" s="613"/>
      <c r="ASB696" s="613"/>
      <c r="ASC696" s="613"/>
      <c r="ASD696" s="613"/>
      <c r="ASE696" s="613"/>
      <c r="ASF696" s="613"/>
      <c r="ASG696" s="613"/>
      <c r="ASH696" s="613"/>
      <c r="ASI696" s="613"/>
      <c r="ASJ696" s="613"/>
      <c r="ASK696" s="613"/>
      <c r="ASL696" s="613"/>
      <c r="ASM696" s="613"/>
      <c r="ASN696" s="613"/>
      <c r="ASO696" s="613"/>
      <c r="ASP696" s="613"/>
      <c r="ASQ696" s="613"/>
      <c r="ASR696" s="613"/>
      <c r="ASS696" s="613"/>
      <c r="AST696" s="613"/>
      <c r="ASU696" s="613"/>
      <c r="ASV696" s="613"/>
      <c r="ASW696" s="613"/>
      <c r="ASX696" s="613"/>
      <c r="ASY696" s="613"/>
      <c r="ASZ696" s="613"/>
      <c r="ATA696" s="613"/>
      <c r="ATB696" s="613"/>
      <c r="ATC696" s="613"/>
      <c r="ATD696" s="613"/>
      <c r="ATE696" s="613"/>
      <c r="ATF696" s="613"/>
      <c r="ATG696" s="613"/>
      <c r="ATH696" s="613"/>
      <c r="ATI696" s="613"/>
      <c r="ATJ696" s="613"/>
      <c r="ATK696" s="613"/>
      <c r="ATL696" s="613"/>
      <c r="ATM696" s="613"/>
      <c r="ATN696" s="613"/>
      <c r="ATO696" s="613"/>
      <c r="ATP696" s="613"/>
      <c r="ATQ696" s="613"/>
      <c r="ATR696" s="613"/>
      <c r="ATS696" s="613"/>
      <c r="ATT696" s="613"/>
      <c r="ATU696" s="613"/>
      <c r="ATV696" s="613"/>
      <c r="ATW696" s="613"/>
      <c r="ATX696" s="613"/>
      <c r="ATY696" s="613"/>
      <c r="ATZ696" s="613"/>
      <c r="AUA696" s="613"/>
      <c r="AUB696" s="613"/>
      <c r="AUC696" s="613"/>
      <c r="AUD696" s="613"/>
      <c r="AUE696" s="613"/>
      <c r="AUF696" s="613"/>
      <c r="AUG696" s="613"/>
      <c r="AUH696" s="613"/>
      <c r="AUI696" s="613"/>
      <c r="AUJ696" s="613"/>
      <c r="AUK696" s="613"/>
      <c r="AUL696" s="613"/>
      <c r="AUM696" s="613"/>
      <c r="AUN696" s="613"/>
      <c r="AUO696" s="613"/>
      <c r="AUP696" s="613"/>
      <c r="AUQ696" s="613"/>
      <c r="AUR696" s="613"/>
      <c r="AUS696" s="613"/>
      <c r="AUT696" s="613"/>
      <c r="AUU696" s="613"/>
      <c r="AUV696" s="613"/>
      <c r="AUW696" s="613"/>
      <c r="AUX696" s="613"/>
      <c r="AUY696" s="613"/>
      <c r="AUZ696" s="613"/>
      <c r="AVA696" s="613"/>
      <c r="AVB696" s="613"/>
      <c r="AVC696" s="613"/>
      <c r="AVD696" s="613"/>
      <c r="AVE696" s="613"/>
      <c r="AVF696" s="613"/>
      <c r="AVG696" s="613"/>
      <c r="AVH696" s="613"/>
      <c r="AVI696" s="613"/>
      <c r="AVJ696" s="613"/>
      <c r="AVK696" s="613"/>
      <c r="AVL696" s="613"/>
      <c r="AVM696" s="613"/>
      <c r="AVN696" s="613"/>
      <c r="AVO696" s="613"/>
      <c r="AVP696" s="613"/>
      <c r="AVQ696" s="613"/>
      <c r="AVR696" s="613"/>
      <c r="AVS696" s="613"/>
      <c r="AVT696" s="613"/>
      <c r="AVU696" s="613"/>
      <c r="AVV696" s="613"/>
      <c r="AVW696" s="613"/>
      <c r="AVX696" s="613"/>
      <c r="AVY696" s="613"/>
      <c r="AVZ696" s="613"/>
      <c r="AWA696" s="613"/>
      <c r="AWB696" s="613"/>
      <c r="AWC696" s="613"/>
      <c r="AWD696" s="613"/>
      <c r="AWE696" s="613"/>
      <c r="AWF696" s="613"/>
      <c r="AWG696" s="613"/>
      <c r="AWH696" s="613"/>
      <c r="AWI696" s="613"/>
      <c r="AWJ696" s="613"/>
      <c r="AWK696" s="613"/>
      <c r="AWL696" s="613"/>
      <c r="AWM696" s="613"/>
      <c r="AWN696" s="613"/>
      <c r="AWO696" s="613"/>
      <c r="AWP696" s="613"/>
      <c r="AWQ696" s="613"/>
      <c r="AWR696" s="613"/>
      <c r="AWS696" s="613"/>
      <c r="AWT696" s="613"/>
      <c r="AWU696" s="613"/>
      <c r="AWV696" s="613"/>
      <c r="AWW696" s="613"/>
      <c r="AWX696" s="613"/>
      <c r="AWY696" s="613"/>
      <c r="AWZ696" s="613"/>
      <c r="AXA696" s="613"/>
      <c r="AXB696" s="613"/>
      <c r="AXC696" s="613"/>
      <c r="AXD696" s="613"/>
      <c r="AXE696" s="613"/>
      <c r="AXF696" s="613"/>
      <c r="AXG696" s="613"/>
      <c r="AXH696" s="613"/>
      <c r="AXI696" s="613"/>
      <c r="AXJ696" s="613"/>
      <c r="AXK696" s="613"/>
      <c r="AXL696" s="613"/>
      <c r="AXM696" s="613"/>
      <c r="AXN696" s="613"/>
      <c r="AXO696" s="613"/>
      <c r="AXP696" s="613"/>
      <c r="AXQ696" s="613"/>
      <c r="AXR696" s="613"/>
      <c r="AXS696" s="613"/>
      <c r="AXT696" s="613"/>
      <c r="AXU696" s="613"/>
      <c r="AXV696" s="613"/>
      <c r="AXW696" s="613"/>
      <c r="AXX696" s="613"/>
      <c r="AXY696" s="613"/>
      <c r="AXZ696" s="613"/>
      <c r="AYA696" s="613"/>
      <c r="AYB696" s="613"/>
      <c r="AYC696" s="613"/>
      <c r="AYD696" s="613"/>
      <c r="AYE696" s="613"/>
      <c r="AYF696" s="613"/>
      <c r="AYG696" s="613"/>
      <c r="AYH696" s="613"/>
      <c r="AYI696" s="613"/>
      <c r="AYJ696" s="613"/>
      <c r="AYK696" s="613"/>
      <c r="AYL696" s="613"/>
      <c r="AYM696" s="613"/>
      <c r="AYN696" s="613"/>
      <c r="AYO696" s="613"/>
      <c r="AYP696" s="613"/>
      <c r="AYQ696" s="613"/>
      <c r="AYR696" s="613"/>
      <c r="AYS696" s="613"/>
      <c r="AYT696" s="613"/>
      <c r="AYU696" s="613"/>
      <c r="AYV696" s="613"/>
      <c r="AYW696" s="613"/>
      <c r="AYX696" s="613"/>
      <c r="AYY696" s="613"/>
      <c r="AYZ696" s="613"/>
      <c r="AZA696" s="613"/>
      <c r="AZB696" s="613"/>
      <c r="AZC696" s="613"/>
      <c r="AZD696" s="613"/>
      <c r="AZE696" s="613"/>
      <c r="AZF696" s="613"/>
      <c r="AZG696" s="613"/>
      <c r="AZH696" s="613"/>
      <c r="AZI696" s="613"/>
      <c r="AZJ696" s="613"/>
      <c r="AZK696" s="613"/>
      <c r="AZL696" s="613"/>
      <c r="AZM696" s="613"/>
      <c r="AZN696" s="613"/>
      <c r="AZO696" s="613"/>
      <c r="AZP696" s="613"/>
      <c r="AZQ696" s="613"/>
      <c r="AZR696" s="613"/>
      <c r="AZS696" s="613"/>
      <c r="AZT696" s="613"/>
      <c r="AZU696" s="613"/>
      <c r="AZV696" s="613"/>
      <c r="AZW696" s="613"/>
      <c r="AZX696" s="613"/>
      <c r="AZY696" s="613"/>
      <c r="AZZ696" s="613"/>
      <c r="BAA696" s="613"/>
      <c r="BAB696" s="613"/>
      <c r="BAC696" s="613"/>
      <c r="BAD696" s="613"/>
      <c r="BAE696" s="613"/>
      <c r="BAF696" s="613"/>
      <c r="BAG696" s="613"/>
      <c r="BAH696" s="613"/>
      <c r="BAI696" s="613"/>
      <c r="BAJ696" s="613"/>
      <c r="BAK696" s="613"/>
      <c r="BAL696" s="613"/>
      <c r="BAM696" s="613"/>
      <c r="BAN696" s="613"/>
      <c r="BAO696" s="613"/>
      <c r="BAP696" s="613"/>
      <c r="BAQ696" s="613"/>
      <c r="BAR696" s="613"/>
      <c r="BAS696" s="613"/>
      <c r="BAT696" s="613"/>
      <c r="BAU696" s="613"/>
      <c r="BAV696" s="613"/>
      <c r="BAW696" s="613"/>
      <c r="BAX696" s="613"/>
      <c r="BAY696" s="613"/>
      <c r="BAZ696" s="613"/>
      <c r="BBA696" s="613"/>
      <c r="BBB696" s="613"/>
      <c r="BBC696" s="613"/>
      <c r="BBD696" s="613"/>
      <c r="BBE696" s="613"/>
      <c r="BBF696" s="613"/>
      <c r="BBG696" s="613"/>
      <c r="BBH696" s="613"/>
      <c r="BBI696" s="613"/>
      <c r="BBJ696" s="613"/>
      <c r="BBK696" s="613"/>
      <c r="BBL696" s="613"/>
      <c r="BBM696" s="613"/>
      <c r="BBN696" s="613"/>
      <c r="BBO696" s="613"/>
      <c r="BBP696" s="613"/>
      <c r="BBQ696" s="613"/>
      <c r="BBR696" s="613"/>
      <c r="BBS696" s="613"/>
      <c r="BBT696" s="613"/>
      <c r="BBU696" s="613"/>
      <c r="BBV696" s="613"/>
      <c r="BBW696" s="613"/>
      <c r="BBX696" s="613"/>
      <c r="BBY696" s="613"/>
      <c r="BBZ696" s="613"/>
      <c r="BCA696" s="613"/>
      <c r="BCB696" s="613"/>
      <c r="BCC696" s="613"/>
      <c r="BCD696" s="613"/>
      <c r="BCE696" s="613"/>
      <c r="BCF696" s="613"/>
      <c r="BCG696" s="613"/>
      <c r="BCH696" s="613"/>
      <c r="BCI696" s="613"/>
      <c r="BCJ696" s="613"/>
      <c r="BCK696" s="613"/>
      <c r="BCL696" s="613"/>
      <c r="BCM696" s="613"/>
      <c r="BCN696" s="613"/>
      <c r="BCO696" s="613"/>
      <c r="BCP696" s="613"/>
      <c r="BCQ696" s="613"/>
      <c r="BCR696" s="613"/>
      <c r="BCS696" s="613"/>
      <c r="BCT696" s="613"/>
      <c r="BCU696" s="613"/>
      <c r="BCV696" s="613"/>
      <c r="BCW696" s="613"/>
      <c r="BCX696" s="613"/>
      <c r="BCY696" s="613"/>
      <c r="BCZ696" s="613"/>
      <c r="BDA696" s="613"/>
      <c r="BDB696" s="613"/>
      <c r="BDC696" s="613"/>
      <c r="BDD696" s="613"/>
      <c r="BDE696" s="613"/>
      <c r="BDF696" s="613"/>
      <c r="BDG696" s="613"/>
      <c r="BDH696" s="613"/>
      <c r="BDI696" s="613"/>
      <c r="BDJ696" s="613"/>
      <c r="BDK696" s="613"/>
      <c r="BDL696" s="613"/>
      <c r="BDM696" s="613"/>
      <c r="BDN696" s="613"/>
      <c r="BDO696" s="613"/>
      <c r="BDP696" s="613"/>
      <c r="BDQ696" s="613"/>
      <c r="BDR696" s="613"/>
      <c r="BDS696" s="613"/>
      <c r="BDT696" s="613"/>
      <c r="BDU696" s="613"/>
      <c r="BDV696" s="613"/>
      <c r="BDW696" s="613"/>
      <c r="BDX696" s="613"/>
      <c r="BDY696" s="613"/>
      <c r="BDZ696" s="613"/>
      <c r="BEA696" s="613"/>
      <c r="BEB696" s="613"/>
      <c r="BEC696" s="613"/>
      <c r="BED696" s="613"/>
      <c r="BEE696" s="613"/>
      <c r="BEF696" s="613"/>
      <c r="BEG696" s="613"/>
      <c r="BEH696" s="613"/>
      <c r="BEI696" s="613"/>
      <c r="BEJ696" s="613"/>
      <c r="BEK696" s="613"/>
      <c r="BEL696" s="613"/>
      <c r="BEM696" s="613"/>
      <c r="BEN696" s="613"/>
      <c r="BEO696" s="613"/>
      <c r="BEP696" s="613"/>
      <c r="BEQ696" s="613"/>
      <c r="BER696" s="613"/>
      <c r="BES696" s="613"/>
      <c r="BET696" s="613"/>
      <c r="BEU696" s="613"/>
      <c r="BEV696" s="613"/>
      <c r="BEW696" s="613"/>
      <c r="BEX696" s="613"/>
      <c r="BEY696" s="613"/>
      <c r="BEZ696" s="613"/>
      <c r="BFA696" s="613"/>
      <c r="BFB696" s="613"/>
      <c r="BFC696" s="613"/>
      <c r="BFD696" s="613"/>
      <c r="BFE696" s="613"/>
      <c r="BFF696" s="613"/>
      <c r="BFG696" s="613"/>
      <c r="BFH696" s="613"/>
      <c r="BFI696" s="613"/>
      <c r="BFJ696" s="613"/>
      <c r="BFK696" s="613"/>
      <c r="BFL696" s="613"/>
      <c r="BFM696" s="613"/>
      <c r="BFN696" s="613"/>
      <c r="BFO696" s="613"/>
      <c r="BFP696" s="613"/>
      <c r="BFQ696" s="613"/>
      <c r="BFR696" s="613"/>
      <c r="BFS696" s="613"/>
      <c r="BFT696" s="613"/>
      <c r="BFU696" s="613"/>
      <c r="BFV696" s="613"/>
      <c r="BFW696" s="613"/>
      <c r="BFX696" s="613"/>
      <c r="BFY696" s="613"/>
      <c r="BFZ696" s="613"/>
      <c r="BGA696" s="613"/>
      <c r="BGB696" s="613"/>
      <c r="BGC696" s="613"/>
      <c r="BGD696" s="613"/>
      <c r="BGE696" s="613"/>
      <c r="BGF696" s="613"/>
      <c r="BGG696" s="613"/>
      <c r="BGH696" s="613"/>
      <c r="BGI696" s="613"/>
      <c r="BGJ696" s="613"/>
      <c r="BGK696" s="613"/>
      <c r="BGL696" s="613"/>
      <c r="BGM696" s="613"/>
      <c r="BGN696" s="613"/>
      <c r="BGO696" s="613"/>
      <c r="BGP696" s="613"/>
      <c r="BGQ696" s="613"/>
      <c r="BGR696" s="613"/>
      <c r="BGS696" s="613"/>
      <c r="BGT696" s="613"/>
      <c r="BGU696" s="613"/>
      <c r="BGV696" s="613"/>
      <c r="BGW696" s="613"/>
      <c r="BGX696" s="613"/>
      <c r="BGY696" s="613"/>
      <c r="BGZ696" s="613"/>
      <c r="BHA696" s="613"/>
      <c r="BHB696" s="613"/>
      <c r="BHC696" s="613"/>
      <c r="BHD696" s="613"/>
      <c r="BHE696" s="613"/>
      <c r="BHF696" s="613"/>
      <c r="BHG696" s="613"/>
      <c r="BHH696" s="613"/>
      <c r="BHI696" s="613"/>
      <c r="BHJ696" s="613"/>
      <c r="BHK696" s="613"/>
      <c r="BHL696" s="613"/>
      <c r="BHM696" s="613"/>
      <c r="BHN696" s="613"/>
      <c r="BHO696" s="613"/>
      <c r="BHP696" s="613"/>
      <c r="BHQ696" s="613"/>
      <c r="BHR696" s="613"/>
      <c r="BHS696" s="613"/>
      <c r="BHT696" s="613"/>
      <c r="BHU696" s="613"/>
      <c r="BHV696" s="613"/>
      <c r="BHW696" s="613"/>
      <c r="BHX696" s="613"/>
      <c r="BHY696" s="613"/>
      <c r="BHZ696" s="613"/>
      <c r="BIA696" s="613"/>
      <c r="BIB696" s="613"/>
      <c r="BIC696" s="613"/>
      <c r="BID696" s="613"/>
      <c r="BIE696" s="613"/>
      <c r="BIF696" s="613"/>
      <c r="BIG696" s="613"/>
      <c r="BIH696" s="613"/>
      <c r="BII696" s="613"/>
      <c r="BIJ696" s="613"/>
      <c r="BIK696" s="613"/>
      <c r="BIL696" s="613"/>
      <c r="BIM696" s="613"/>
      <c r="BIN696" s="613"/>
      <c r="BIO696" s="613"/>
      <c r="BIP696" s="613"/>
      <c r="BIQ696" s="613"/>
      <c r="BIR696" s="613"/>
      <c r="BIS696" s="613"/>
      <c r="BIT696" s="613"/>
      <c r="BIU696" s="613"/>
      <c r="BIV696" s="613"/>
      <c r="BIW696" s="613"/>
      <c r="BIX696" s="613"/>
      <c r="BIY696" s="613"/>
      <c r="BIZ696" s="613"/>
      <c r="BJA696" s="613"/>
      <c r="BJB696" s="613"/>
      <c r="BJC696" s="613"/>
      <c r="BJD696" s="613"/>
      <c r="BJE696" s="613"/>
      <c r="BJF696" s="613"/>
      <c r="BJG696" s="613"/>
      <c r="BJH696" s="613"/>
      <c r="BJI696" s="613"/>
      <c r="BJJ696" s="613"/>
      <c r="BJK696" s="613"/>
      <c r="BJL696" s="613"/>
      <c r="BJM696" s="613"/>
      <c r="BJN696" s="613"/>
      <c r="BJO696" s="613"/>
      <c r="BJP696" s="613"/>
      <c r="BJQ696" s="613"/>
      <c r="BJR696" s="613"/>
      <c r="BJS696" s="613"/>
      <c r="BJT696" s="613"/>
      <c r="BJU696" s="613"/>
      <c r="BJV696" s="613"/>
      <c r="BJW696" s="613"/>
      <c r="BJX696" s="613"/>
      <c r="BJY696" s="613"/>
      <c r="BJZ696" s="613"/>
      <c r="BKA696" s="613"/>
      <c r="BKB696" s="613"/>
      <c r="BKC696" s="613"/>
      <c r="BKD696" s="613"/>
      <c r="BKE696" s="613"/>
      <c r="BKF696" s="613"/>
      <c r="BKG696" s="613"/>
      <c r="BKH696" s="613"/>
      <c r="BKI696" s="613"/>
      <c r="BKJ696" s="613"/>
      <c r="BKK696" s="613"/>
      <c r="BKL696" s="613"/>
      <c r="BKM696" s="613"/>
      <c r="BKN696" s="613"/>
      <c r="BKO696" s="613"/>
      <c r="BKP696" s="613"/>
      <c r="BKQ696" s="613"/>
      <c r="BKR696" s="613"/>
      <c r="BKS696" s="613"/>
      <c r="BKT696" s="613"/>
      <c r="BKU696" s="613"/>
      <c r="BKV696" s="613"/>
      <c r="BKW696" s="613"/>
      <c r="BKX696" s="613"/>
      <c r="BKY696" s="613"/>
      <c r="BKZ696" s="613"/>
      <c r="BLA696" s="613"/>
      <c r="BLB696" s="613"/>
      <c r="BLC696" s="613"/>
      <c r="BLD696" s="613"/>
      <c r="BLE696" s="613"/>
      <c r="BLF696" s="613"/>
      <c r="BLG696" s="613"/>
      <c r="BLH696" s="613"/>
      <c r="BLI696" s="613"/>
      <c r="BLJ696" s="613"/>
      <c r="BLK696" s="613"/>
      <c r="BLL696" s="613"/>
      <c r="BLM696" s="613"/>
      <c r="BLN696" s="613"/>
      <c r="BLO696" s="613"/>
      <c r="BLP696" s="613"/>
      <c r="BLQ696" s="613"/>
      <c r="BLR696" s="613"/>
      <c r="BLS696" s="613"/>
      <c r="BLT696" s="613"/>
      <c r="BLU696" s="613"/>
      <c r="BLV696" s="613"/>
      <c r="BLW696" s="613"/>
      <c r="BLX696" s="613"/>
      <c r="BLY696" s="613"/>
      <c r="BLZ696" s="613"/>
      <c r="BMA696" s="613"/>
      <c r="BMB696" s="613"/>
      <c r="BMC696" s="613"/>
      <c r="BMD696" s="613"/>
      <c r="BME696" s="613"/>
      <c r="BMF696" s="613"/>
      <c r="BMG696" s="613"/>
      <c r="BMH696" s="613"/>
      <c r="BMI696" s="613"/>
      <c r="BMJ696" s="613"/>
      <c r="BMK696" s="613"/>
      <c r="BML696" s="613"/>
      <c r="BMM696" s="613"/>
      <c r="BMN696" s="613"/>
      <c r="BMO696" s="613"/>
      <c r="BMP696" s="613"/>
      <c r="BMQ696" s="613"/>
      <c r="BMR696" s="613"/>
      <c r="BMS696" s="613"/>
      <c r="BMT696" s="613"/>
      <c r="BMU696" s="613"/>
      <c r="BMV696" s="613"/>
      <c r="BMW696" s="613"/>
      <c r="BMX696" s="613"/>
      <c r="BMY696" s="613"/>
      <c r="BMZ696" s="613"/>
      <c r="BNA696" s="613"/>
      <c r="BNB696" s="613"/>
      <c r="BNC696" s="613"/>
      <c r="BND696" s="613"/>
      <c r="BNE696" s="613"/>
      <c r="BNF696" s="613"/>
      <c r="BNG696" s="613"/>
      <c r="BNH696" s="613"/>
      <c r="BNI696" s="613"/>
      <c r="BNJ696" s="613"/>
      <c r="BNK696" s="613"/>
      <c r="BNL696" s="613"/>
      <c r="BNM696" s="613"/>
      <c r="BNN696" s="613"/>
      <c r="BNO696" s="613"/>
      <c r="BNP696" s="613"/>
      <c r="BNQ696" s="613"/>
      <c r="BNR696" s="613"/>
      <c r="BNS696" s="613"/>
      <c r="BNT696" s="613"/>
      <c r="BNU696" s="613"/>
      <c r="BNV696" s="613"/>
      <c r="BNW696" s="613"/>
      <c r="BNX696" s="613"/>
      <c r="BNY696" s="613"/>
      <c r="BNZ696" s="613"/>
      <c r="BOA696" s="613"/>
      <c r="BOB696" s="613"/>
      <c r="BOC696" s="613"/>
      <c r="BOD696" s="613"/>
      <c r="BOE696" s="613"/>
      <c r="BOF696" s="613"/>
      <c r="BOG696" s="613"/>
      <c r="BOH696" s="613"/>
      <c r="BOI696" s="613"/>
      <c r="BOJ696" s="613"/>
      <c r="BOK696" s="613"/>
      <c r="BOL696" s="613"/>
      <c r="BOM696" s="613"/>
      <c r="BON696" s="613"/>
      <c r="BOO696" s="613"/>
      <c r="BOP696" s="613"/>
      <c r="BOQ696" s="613"/>
      <c r="BOR696" s="613"/>
      <c r="BOS696" s="613"/>
      <c r="BOT696" s="613"/>
      <c r="BOU696" s="613"/>
      <c r="BOV696" s="613"/>
      <c r="BOW696" s="613"/>
      <c r="BOX696" s="613"/>
      <c r="BOY696" s="613"/>
      <c r="BOZ696" s="613"/>
      <c r="BPA696" s="613"/>
      <c r="BPB696" s="613"/>
      <c r="BPC696" s="613"/>
      <c r="BPD696" s="613"/>
      <c r="BPE696" s="613"/>
      <c r="BPF696" s="613"/>
      <c r="BPG696" s="613"/>
      <c r="BPH696" s="613"/>
      <c r="BPI696" s="613"/>
      <c r="BPJ696" s="613"/>
      <c r="BPK696" s="613"/>
      <c r="BPL696" s="613"/>
      <c r="BPM696" s="613"/>
      <c r="BPN696" s="613"/>
      <c r="BPO696" s="613"/>
      <c r="BPP696" s="613"/>
      <c r="BPQ696" s="613"/>
      <c r="BPR696" s="613"/>
      <c r="BPS696" s="613"/>
      <c r="BPT696" s="613"/>
      <c r="BPU696" s="613"/>
      <c r="BPV696" s="613"/>
      <c r="BPW696" s="613"/>
      <c r="BPX696" s="613"/>
      <c r="BPY696" s="613"/>
      <c r="BPZ696" s="613"/>
      <c r="BQA696" s="613"/>
      <c r="BQB696" s="613"/>
      <c r="BQC696" s="613"/>
      <c r="BQD696" s="613"/>
      <c r="BQE696" s="613"/>
      <c r="BQF696" s="613"/>
      <c r="BQG696" s="613"/>
      <c r="BQH696" s="613"/>
      <c r="BQI696" s="613"/>
      <c r="BQJ696" s="613"/>
      <c r="BQK696" s="613"/>
      <c r="BQL696" s="613"/>
      <c r="BQM696" s="613"/>
      <c r="BQN696" s="613"/>
      <c r="BQO696" s="613"/>
      <c r="BQP696" s="613"/>
      <c r="BQQ696" s="613"/>
      <c r="BQR696" s="613"/>
      <c r="BQS696" s="613"/>
      <c r="BQT696" s="613"/>
      <c r="BQU696" s="613"/>
      <c r="BQV696" s="613"/>
      <c r="BQW696" s="613"/>
      <c r="BQX696" s="613"/>
      <c r="BQY696" s="613"/>
      <c r="BQZ696" s="613"/>
      <c r="BRA696" s="613"/>
      <c r="BRB696" s="613"/>
      <c r="BRC696" s="613"/>
      <c r="BRD696" s="613"/>
      <c r="BRE696" s="613"/>
      <c r="BRF696" s="613"/>
      <c r="BRG696" s="613"/>
      <c r="BRH696" s="613"/>
      <c r="BRI696" s="613"/>
      <c r="BRJ696" s="613"/>
      <c r="BRK696" s="613"/>
      <c r="BRL696" s="613"/>
      <c r="BRM696" s="613"/>
      <c r="BRN696" s="613"/>
      <c r="BRO696" s="613"/>
      <c r="BRP696" s="613"/>
      <c r="BRQ696" s="613"/>
      <c r="BRR696" s="613"/>
      <c r="BRS696" s="613"/>
      <c r="BRT696" s="613"/>
      <c r="BRU696" s="613"/>
      <c r="BRV696" s="613"/>
      <c r="BRW696" s="613"/>
      <c r="BRX696" s="613"/>
      <c r="BRY696" s="613"/>
      <c r="BRZ696" s="613"/>
      <c r="BSA696" s="613"/>
      <c r="BSB696" s="613"/>
      <c r="BSC696" s="613"/>
      <c r="BSD696" s="613"/>
      <c r="BSE696" s="613"/>
      <c r="BSF696" s="613"/>
      <c r="BSG696" s="613"/>
      <c r="BSH696" s="613"/>
      <c r="BSI696" s="613"/>
      <c r="BSJ696" s="613"/>
      <c r="BSK696" s="613"/>
      <c r="BSL696" s="613"/>
      <c r="BSM696" s="613"/>
      <c r="BSN696" s="613"/>
      <c r="BSO696" s="613"/>
      <c r="BSP696" s="613"/>
      <c r="BSQ696" s="613"/>
      <c r="BSR696" s="613"/>
      <c r="BSS696" s="613"/>
      <c r="BST696" s="613"/>
      <c r="BSU696" s="613"/>
      <c r="BSV696" s="613"/>
      <c r="BSW696" s="613"/>
      <c r="BSX696" s="613"/>
      <c r="BSY696" s="613"/>
      <c r="BSZ696" s="613"/>
      <c r="BTA696" s="613"/>
      <c r="BTB696" s="613"/>
      <c r="BTC696" s="613"/>
      <c r="BTD696" s="613"/>
      <c r="BTE696" s="613"/>
      <c r="BTF696" s="613"/>
      <c r="BTG696" s="613"/>
      <c r="BTH696" s="613"/>
      <c r="BTI696" s="613"/>
      <c r="BTJ696" s="613"/>
      <c r="BTK696" s="613"/>
      <c r="BTL696" s="613"/>
      <c r="BTM696" s="613"/>
      <c r="BTN696" s="613"/>
      <c r="BTO696" s="613"/>
      <c r="BTP696" s="613"/>
      <c r="BTQ696" s="613"/>
      <c r="BTR696" s="613"/>
      <c r="BTS696" s="613"/>
      <c r="BTT696" s="613"/>
      <c r="BTU696" s="613"/>
      <c r="BTV696" s="613"/>
      <c r="BTW696" s="613"/>
      <c r="BTX696" s="613"/>
      <c r="BTY696" s="613"/>
      <c r="BTZ696" s="613"/>
      <c r="BUA696" s="613"/>
      <c r="BUB696" s="613"/>
      <c r="BUC696" s="613"/>
      <c r="BUD696" s="613"/>
      <c r="BUE696" s="613"/>
      <c r="BUF696" s="613"/>
      <c r="BUG696" s="613"/>
      <c r="BUH696" s="613"/>
      <c r="BUI696" s="613"/>
      <c r="BUJ696" s="613"/>
      <c r="BUK696" s="613"/>
      <c r="BUL696" s="613"/>
      <c r="BUM696" s="613"/>
      <c r="BUN696" s="613"/>
      <c r="BUO696" s="613"/>
      <c r="BUP696" s="613"/>
      <c r="BUQ696" s="613"/>
      <c r="BUR696" s="613"/>
      <c r="BUS696" s="613"/>
      <c r="BUT696" s="613"/>
      <c r="BUU696" s="613"/>
      <c r="BUV696" s="613"/>
      <c r="BUW696" s="613"/>
      <c r="BUX696" s="613"/>
      <c r="BUY696" s="613"/>
      <c r="BUZ696" s="613"/>
      <c r="BVA696" s="613"/>
      <c r="BVB696" s="613"/>
      <c r="BVC696" s="613"/>
      <c r="BVD696" s="613"/>
      <c r="BVE696" s="613"/>
      <c r="BVF696" s="613"/>
      <c r="BVG696" s="613"/>
      <c r="BVH696" s="613"/>
      <c r="BVI696" s="613"/>
      <c r="BVJ696" s="613"/>
      <c r="BVK696" s="613"/>
      <c r="BVL696" s="613"/>
      <c r="BVM696" s="613"/>
      <c r="BVN696" s="613"/>
      <c r="BVO696" s="613"/>
      <c r="BVP696" s="613"/>
      <c r="BVQ696" s="613"/>
      <c r="BVR696" s="613"/>
      <c r="BVS696" s="613"/>
      <c r="BVT696" s="613"/>
      <c r="BVU696" s="613"/>
      <c r="BVV696" s="613"/>
      <c r="BVW696" s="613"/>
      <c r="BVX696" s="613"/>
      <c r="BVY696" s="613"/>
      <c r="BVZ696" s="613"/>
      <c r="BWA696" s="613"/>
      <c r="BWB696" s="613"/>
      <c r="BWC696" s="613"/>
      <c r="BWD696" s="613"/>
      <c r="BWE696" s="613"/>
      <c r="BWF696" s="613"/>
      <c r="BWG696" s="613"/>
      <c r="BWH696" s="613"/>
      <c r="BWI696" s="613"/>
      <c r="BWJ696" s="613"/>
      <c r="BWK696" s="613"/>
      <c r="BWL696" s="613"/>
      <c r="BWM696" s="613"/>
      <c r="BWN696" s="613"/>
      <c r="BWO696" s="613"/>
      <c r="BWP696" s="613"/>
      <c r="BWQ696" s="613"/>
      <c r="BWR696" s="613"/>
      <c r="BWS696" s="613"/>
      <c r="BWT696" s="613"/>
      <c r="BWU696" s="613"/>
      <c r="BWV696" s="613"/>
      <c r="BWW696" s="613"/>
      <c r="BWX696" s="613"/>
      <c r="BWY696" s="613"/>
      <c r="BWZ696" s="613"/>
      <c r="BXA696" s="613"/>
      <c r="BXB696" s="613"/>
      <c r="BXC696" s="613"/>
      <c r="BXD696" s="613"/>
      <c r="BXE696" s="613"/>
      <c r="BXF696" s="613"/>
      <c r="BXG696" s="613"/>
      <c r="BXH696" s="613"/>
      <c r="BXI696" s="613"/>
      <c r="BXJ696" s="613"/>
      <c r="BXK696" s="613"/>
      <c r="BXL696" s="613"/>
      <c r="BXM696" s="613"/>
      <c r="BXN696" s="613"/>
      <c r="BXO696" s="613"/>
      <c r="BXP696" s="613"/>
      <c r="BXQ696" s="613"/>
      <c r="BXR696" s="613"/>
      <c r="BXS696" s="613"/>
      <c r="BXT696" s="613"/>
      <c r="BXU696" s="613"/>
      <c r="BXV696" s="613"/>
      <c r="BXW696" s="613"/>
      <c r="BXX696" s="613"/>
      <c r="BXY696" s="613"/>
      <c r="BXZ696" s="613"/>
      <c r="BYA696" s="613"/>
      <c r="BYB696" s="613"/>
      <c r="BYC696" s="613"/>
      <c r="BYD696" s="613"/>
      <c r="BYE696" s="613"/>
      <c r="BYF696" s="613"/>
      <c r="BYG696" s="613"/>
      <c r="BYH696" s="613"/>
      <c r="BYI696" s="613"/>
      <c r="BYJ696" s="613"/>
      <c r="BYK696" s="613"/>
      <c r="BYL696" s="613"/>
      <c r="BYM696" s="613"/>
      <c r="BYN696" s="613"/>
      <c r="BYO696" s="613"/>
      <c r="BYP696" s="613"/>
      <c r="BYQ696" s="613"/>
      <c r="BYR696" s="613"/>
      <c r="BYS696" s="613"/>
      <c r="BYT696" s="613"/>
      <c r="BYU696" s="613"/>
      <c r="BYV696" s="613"/>
      <c r="BYW696" s="613"/>
      <c r="BYX696" s="613"/>
      <c r="BYY696" s="613"/>
      <c r="BYZ696" s="613"/>
      <c r="BZA696" s="613"/>
      <c r="BZB696" s="613"/>
      <c r="BZC696" s="613"/>
      <c r="BZD696" s="613"/>
      <c r="BZE696" s="613"/>
      <c r="BZF696" s="613"/>
      <c r="BZG696" s="613"/>
      <c r="BZH696" s="613"/>
      <c r="BZI696" s="613"/>
      <c r="BZJ696" s="613"/>
      <c r="BZK696" s="613"/>
      <c r="BZL696" s="613"/>
      <c r="BZM696" s="613"/>
      <c r="BZN696" s="613"/>
      <c r="BZO696" s="613"/>
      <c r="BZP696" s="613"/>
      <c r="BZQ696" s="613"/>
      <c r="BZR696" s="613"/>
      <c r="BZS696" s="613"/>
      <c r="BZT696" s="613"/>
      <c r="BZU696" s="613"/>
      <c r="BZV696" s="613"/>
      <c r="BZW696" s="613"/>
      <c r="BZX696" s="613"/>
      <c r="BZY696" s="613"/>
      <c r="BZZ696" s="613"/>
      <c r="CAA696" s="613"/>
      <c r="CAB696" s="613"/>
      <c r="CAC696" s="613"/>
      <c r="CAD696" s="613"/>
      <c r="CAE696" s="613"/>
      <c r="CAF696" s="613"/>
      <c r="CAG696" s="613"/>
      <c r="CAH696" s="613"/>
      <c r="CAI696" s="613"/>
      <c r="CAJ696" s="613"/>
      <c r="CAK696" s="613"/>
      <c r="CAL696" s="613"/>
      <c r="CAM696" s="613"/>
      <c r="CAN696" s="613"/>
      <c r="CAO696" s="613"/>
      <c r="CAP696" s="613"/>
      <c r="CAQ696" s="613"/>
      <c r="CAR696" s="613"/>
      <c r="CAS696" s="613"/>
      <c r="CAT696" s="613"/>
      <c r="CAU696" s="613"/>
      <c r="CAV696" s="613"/>
      <c r="CAW696" s="613"/>
      <c r="CAX696" s="613"/>
      <c r="CAY696" s="613"/>
      <c r="CAZ696" s="613"/>
      <c r="CBA696" s="613"/>
      <c r="CBB696" s="613"/>
      <c r="CBC696" s="613"/>
      <c r="CBD696" s="613"/>
      <c r="CBE696" s="613"/>
      <c r="CBF696" s="613"/>
      <c r="CBG696" s="613"/>
      <c r="CBH696" s="613"/>
      <c r="CBI696" s="613"/>
      <c r="CBJ696" s="613"/>
      <c r="CBK696" s="613"/>
      <c r="CBL696" s="613"/>
      <c r="CBM696" s="613"/>
      <c r="CBN696" s="613"/>
      <c r="CBO696" s="613"/>
      <c r="CBP696" s="613"/>
      <c r="CBQ696" s="613"/>
      <c r="CBR696" s="613"/>
      <c r="CBS696" s="613"/>
      <c r="CBT696" s="613"/>
      <c r="CBU696" s="613"/>
      <c r="CBV696" s="613"/>
      <c r="CBW696" s="613"/>
      <c r="CBX696" s="613"/>
      <c r="CBY696" s="613"/>
      <c r="CBZ696" s="613"/>
      <c r="CCA696" s="613"/>
      <c r="CCB696" s="613"/>
      <c r="CCC696" s="613"/>
      <c r="CCD696" s="613"/>
      <c r="CCE696" s="613"/>
      <c r="CCF696" s="613"/>
      <c r="CCG696" s="613"/>
      <c r="CCH696" s="613"/>
      <c r="CCI696" s="613"/>
      <c r="CCJ696" s="613"/>
      <c r="CCK696" s="613"/>
      <c r="CCL696" s="613"/>
      <c r="CCM696" s="613"/>
      <c r="CCN696" s="613"/>
      <c r="CCO696" s="613"/>
      <c r="CCP696" s="613"/>
      <c r="CCQ696" s="613"/>
      <c r="CCR696" s="613"/>
      <c r="CCS696" s="613"/>
      <c r="CCT696" s="613"/>
      <c r="CCU696" s="613"/>
      <c r="CCV696" s="613"/>
      <c r="CCW696" s="613"/>
      <c r="CCX696" s="613"/>
      <c r="CCY696" s="613"/>
      <c r="CCZ696" s="613"/>
      <c r="CDA696" s="613"/>
      <c r="CDB696" s="613"/>
      <c r="CDC696" s="613"/>
      <c r="CDD696" s="613"/>
      <c r="CDE696" s="613"/>
      <c r="CDF696" s="613"/>
      <c r="CDG696" s="613"/>
      <c r="CDH696" s="613"/>
      <c r="CDI696" s="613"/>
      <c r="CDJ696" s="613"/>
      <c r="CDK696" s="613"/>
      <c r="CDL696" s="613"/>
      <c r="CDM696" s="613"/>
      <c r="CDN696" s="613"/>
      <c r="CDO696" s="613"/>
      <c r="CDP696" s="613"/>
      <c r="CDQ696" s="613"/>
      <c r="CDR696" s="613"/>
      <c r="CDS696" s="613"/>
      <c r="CDT696" s="613"/>
      <c r="CDU696" s="613"/>
      <c r="CDV696" s="613"/>
      <c r="CDW696" s="613"/>
      <c r="CDX696" s="613"/>
      <c r="CDY696" s="613"/>
      <c r="CDZ696" s="613"/>
      <c r="CEA696" s="613"/>
      <c r="CEB696" s="613"/>
      <c r="CEC696" s="613"/>
      <c r="CED696" s="613"/>
      <c r="CEE696" s="613"/>
      <c r="CEF696" s="613"/>
      <c r="CEG696" s="613"/>
      <c r="CEH696" s="613"/>
      <c r="CEI696" s="613"/>
      <c r="CEJ696" s="613"/>
      <c r="CEK696" s="613"/>
      <c r="CEL696" s="613"/>
      <c r="CEM696" s="613"/>
      <c r="CEN696" s="613"/>
      <c r="CEO696" s="613"/>
      <c r="CEP696" s="613"/>
      <c r="CEQ696" s="613"/>
      <c r="CER696" s="613"/>
      <c r="CES696" s="613"/>
      <c r="CET696" s="613"/>
      <c r="CEU696" s="613"/>
      <c r="CEV696" s="613"/>
      <c r="CEW696" s="613"/>
      <c r="CEX696" s="613"/>
      <c r="CEY696" s="613"/>
      <c r="CEZ696" s="613"/>
      <c r="CFA696" s="613"/>
      <c r="CFB696" s="613"/>
      <c r="CFC696" s="613"/>
      <c r="CFD696" s="613"/>
      <c r="CFE696" s="613"/>
      <c r="CFF696" s="613"/>
      <c r="CFG696" s="613"/>
      <c r="CFH696" s="613"/>
      <c r="CFI696" s="613"/>
      <c r="CFJ696" s="613"/>
      <c r="CFK696" s="613"/>
      <c r="CFL696" s="613"/>
      <c r="CFM696" s="613"/>
      <c r="CFN696" s="613"/>
      <c r="CFO696" s="613"/>
      <c r="CFP696" s="613"/>
      <c r="CFQ696" s="613"/>
      <c r="CFR696" s="613"/>
      <c r="CFS696" s="613"/>
      <c r="CFT696" s="613"/>
      <c r="CFU696" s="613"/>
      <c r="CFV696" s="613"/>
      <c r="CFW696" s="613"/>
      <c r="CFX696" s="613"/>
      <c r="CFY696" s="613"/>
      <c r="CFZ696" s="613"/>
      <c r="CGA696" s="613"/>
      <c r="CGB696" s="613"/>
      <c r="CGC696" s="613"/>
      <c r="CGD696" s="613"/>
      <c r="CGE696" s="613"/>
      <c r="CGF696" s="613"/>
      <c r="CGG696" s="613"/>
      <c r="CGH696" s="613"/>
      <c r="CGI696" s="613"/>
      <c r="CGJ696" s="613"/>
      <c r="CGK696" s="613"/>
      <c r="CGL696" s="613"/>
      <c r="CGM696" s="613"/>
      <c r="CGN696" s="613"/>
      <c r="CGO696" s="613"/>
      <c r="CGP696" s="613"/>
      <c r="CGQ696" s="613"/>
      <c r="CGR696" s="613"/>
      <c r="CGS696" s="613"/>
      <c r="CGT696" s="613"/>
      <c r="CGU696" s="613"/>
      <c r="CGV696" s="613"/>
      <c r="CGW696" s="613"/>
      <c r="CGX696" s="613"/>
      <c r="CGY696" s="613"/>
      <c r="CGZ696" s="613"/>
      <c r="CHA696" s="613"/>
      <c r="CHB696" s="613"/>
      <c r="CHC696" s="613"/>
      <c r="CHD696" s="613"/>
      <c r="CHE696" s="613"/>
      <c r="CHF696" s="613"/>
      <c r="CHG696" s="613"/>
      <c r="CHH696" s="613"/>
      <c r="CHI696" s="613"/>
      <c r="CHJ696" s="613"/>
      <c r="CHK696" s="613"/>
      <c r="CHL696" s="613"/>
      <c r="CHM696" s="613"/>
      <c r="CHN696" s="613"/>
      <c r="CHO696" s="613"/>
      <c r="CHP696" s="613"/>
      <c r="CHQ696" s="613"/>
      <c r="CHR696" s="613"/>
      <c r="CHS696" s="613"/>
      <c r="CHT696" s="613"/>
      <c r="CHU696" s="613"/>
      <c r="CHV696" s="613"/>
      <c r="CHW696" s="613"/>
      <c r="CHX696" s="613"/>
      <c r="CHY696" s="613"/>
      <c r="CHZ696" s="613"/>
      <c r="CIA696" s="613"/>
      <c r="CIB696" s="613"/>
      <c r="CIC696" s="613"/>
      <c r="CID696" s="613"/>
      <c r="CIE696" s="613"/>
      <c r="CIF696" s="613"/>
      <c r="CIG696" s="613"/>
      <c r="CIH696" s="613"/>
      <c r="CII696" s="613"/>
      <c r="CIJ696" s="613"/>
      <c r="CIK696" s="613"/>
      <c r="CIL696" s="613"/>
      <c r="CIM696" s="613"/>
      <c r="CIN696" s="613"/>
      <c r="CIO696" s="613"/>
      <c r="CIP696" s="613"/>
      <c r="CIQ696" s="613"/>
      <c r="CIR696" s="613"/>
      <c r="CIS696" s="613"/>
      <c r="CIT696" s="613"/>
      <c r="CIU696" s="613"/>
      <c r="CIV696" s="613"/>
      <c r="CIW696" s="613"/>
      <c r="CIX696" s="613"/>
      <c r="CIY696" s="613"/>
      <c r="CIZ696" s="613"/>
      <c r="CJA696" s="613"/>
      <c r="CJB696" s="613"/>
      <c r="CJC696" s="613"/>
      <c r="CJD696" s="613"/>
      <c r="CJE696" s="613"/>
      <c r="CJF696" s="613"/>
      <c r="CJG696" s="613"/>
      <c r="CJH696" s="613"/>
      <c r="CJI696" s="613"/>
      <c r="CJJ696" s="613"/>
      <c r="CJK696" s="613"/>
      <c r="CJL696" s="613"/>
      <c r="CJM696" s="613"/>
      <c r="CJN696" s="613"/>
      <c r="CJO696" s="613"/>
      <c r="CJP696" s="613"/>
      <c r="CJQ696" s="613"/>
      <c r="CJR696" s="613"/>
      <c r="CJS696" s="613"/>
      <c r="CJT696" s="613"/>
      <c r="CJU696" s="613"/>
      <c r="CJV696" s="613"/>
      <c r="CJW696" s="613"/>
      <c r="CJX696" s="613"/>
      <c r="CJY696" s="613"/>
      <c r="CJZ696" s="613"/>
      <c r="CKA696" s="613"/>
      <c r="CKB696" s="613"/>
      <c r="CKC696" s="613"/>
      <c r="CKD696" s="613"/>
      <c r="CKE696" s="613"/>
      <c r="CKF696" s="613"/>
      <c r="CKG696" s="613"/>
      <c r="CKH696" s="613"/>
      <c r="CKI696" s="613"/>
      <c r="CKJ696" s="613"/>
      <c r="CKK696" s="613"/>
      <c r="CKL696" s="613"/>
      <c r="CKM696" s="613"/>
      <c r="CKN696" s="613"/>
      <c r="CKO696" s="613"/>
      <c r="CKP696" s="613"/>
      <c r="CKQ696" s="613"/>
      <c r="CKR696" s="613"/>
      <c r="CKS696" s="613"/>
      <c r="CKT696" s="613"/>
      <c r="CKU696" s="613"/>
      <c r="CKV696" s="613"/>
      <c r="CKW696" s="613"/>
      <c r="CKX696" s="613"/>
      <c r="CKY696" s="613"/>
      <c r="CKZ696" s="613"/>
      <c r="CLA696" s="613"/>
      <c r="CLB696" s="613"/>
      <c r="CLC696" s="613"/>
      <c r="CLD696" s="613"/>
      <c r="CLE696" s="613"/>
      <c r="CLF696" s="613"/>
      <c r="CLG696" s="613"/>
      <c r="CLH696" s="613"/>
      <c r="CLI696" s="613"/>
      <c r="CLJ696" s="613"/>
      <c r="CLK696" s="613"/>
      <c r="CLL696" s="613"/>
      <c r="CLM696" s="613"/>
      <c r="CLN696" s="613"/>
      <c r="CLO696" s="613"/>
      <c r="CLP696" s="613"/>
      <c r="CLQ696" s="613"/>
      <c r="CLR696" s="613"/>
      <c r="CLS696" s="613"/>
      <c r="CLT696" s="613"/>
      <c r="CLU696" s="613"/>
      <c r="CLV696" s="613"/>
      <c r="CLW696" s="613"/>
      <c r="CLX696" s="613"/>
      <c r="CLY696" s="613"/>
      <c r="CLZ696" s="613"/>
      <c r="CMA696" s="613"/>
      <c r="CMB696" s="613"/>
      <c r="CMC696" s="613"/>
      <c r="CMD696" s="613"/>
      <c r="CME696" s="613"/>
      <c r="CMF696" s="613"/>
      <c r="CMG696" s="613"/>
      <c r="CMH696" s="613"/>
      <c r="CMI696" s="613"/>
      <c r="CMJ696" s="613"/>
      <c r="CMK696" s="613"/>
      <c r="CML696" s="613"/>
      <c r="CMM696" s="613"/>
      <c r="CMN696" s="613"/>
      <c r="CMO696" s="613"/>
      <c r="CMP696" s="613"/>
      <c r="CMQ696" s="613"/>
      <c r="CMR696" s="613"/>
      <c r="CMS696" s="613"/>
      <c r="CMT696" s="613"/>
      <c r="CMU696" s="613"/>
      <c r="CMV696" s="613"/>
      <c r="CMW696" s="613"/>
      <c r="CMX696" s="613"/>
      <c r="CMY696" s="613"/>
      <c r="CMZ696" s="613"/>
      <c r="CNA696" s="613"/>
      <c r="CNB696" s="613"/>
      <c r="CNC696" s="613"/>
      <c r="CND696" s="613"/>
      <c r="CNE696" s="613"/>
      <c r="CNF696" s="613"/>
      <c r="CNG696" s="613"/>
      <c r="CNH696" s="613"/>
      <c r="CNI696" s="613"/>
      <c r="CNJ696" s="613"/>
      <c r="CNK696" s="613"/>
      <c r="CNL696" s="613"/>
      <c r="CNM696" s="613"/>
      <c r="CNN696" s="613"/>
      <c r="CNO696" s="613"/>
      <c r="CNP696" s="613"/>
      <c r="CNQ696" s="613"/>
      <c r="CNR696" s="613"/>
      <c r="CNS696" s="613"/>
      <c r="CNT696" s="613"/>
      <c r="CNU696" s="613"/>
      <c r="CNV696" s="613"/>
      <c r="CNW696" s="613"/>
      <c r="CNX696" s="613"/>
      <c r="CNY696" s="613"/>
      <c r="CNZ696" s="613"/>
      <c r="COA696" s="613"/>
      <c r="COB696" s="613"/>
      <c r="COC696" s="613"/>
      <c r="COD696" s="613"/>
      <c r="COE696" s="613"/>
      <c r="COF696" s="613"/>
      <c r="COG696" s="613"/>
      <c r="COH696" s="613"/>
      <c r="COI696" s="613"/>
      <c r="COJ696" s="613"/>
      <c r="COK696" s="613"/>
      <c r="COL696" s="613"/>
      <c r="COM696" s="613"/>
      <c r="CON696" s="613"/>
      <c r="COO696" s="613"/>
      <c r="COP696" s="613"/>
      <c r="COQ696" s="613"/>
      <c r="COR696" s="613"/>
      <c r="COS696" s="613"/>
      <c r="COT696" s="613"/>
      <c r="COU696" s="613"/>
      <c r="COV696" s="613"/>
      <c r="COW696" s="613"/>
      <c r="COX696" s="613"/>
      <c r="COY696" s="613"/>
      <c r="COZ696" s="613"/>
      <c r="CPA696" s="613"/>
      <c r="CPB696" s="613"/>
      <c r="CPC696" s="613"/>
      <c r="CPD696" s="613"/>
      <c r="CPE696" s="613"/>
      <c r="CPF696" s="613"/>
      <c r="CPG696" s="613"/>
      <c r="CPH696" s="613"/>
      <c r="CPI696" s="613"/>
      <c r="CPJ696" s="613"/>
      <c r="CPK696" s="613"/>
      <c r="CPL696" s="613"/>
      <c r="CPM696" s="613"/>
      <c r="CPN696" s="613"/>
      <c r="CPO696" s="613"/>
      <c r="CPP696" s="613"/>
      <c r="CPQ696" s="613"/>
      <c r="CPR696" s="613"/>
      <c r="CPS696" s="613"/>
      <c r="CPT696" s="613"/>
      <c r="CPU696" s="613"/>
      <c r="CPV696" s="613"/>
      <c r="CPW696" s="613"/>
      <c r="CPX696" s="613"/>
      <c r="CPY696" s="613"/>
      <c r="CPZ696" s="613"/>
      <c r="CQA696" s="613"/>
      <c r="CQB696" s="613"/>
      <c r="CQC696" s="613"/>
      <c r="CQD696" s="613"/>
      <c r="CQE696" s="613"/>
      <c r="CQF696" s="613"/>
      <c r="CQG696" s="613"/>
      <c r="CQH696" s="613"/>
      <c r="CQI696" s="613"/>
      <c r="CQJ696" s="613"/>
      <c r="CQK696" s="613"/>
      <c r="CQL696" s="613"/>
      <c r="CQM696" s="613"/>
      <c r="CQN696" s="613"/>
      <c r="CQO696" s="613"/>
      <c r="CQP696" s="613"/>
      <c r="CQQ696" s="613"/>
      <c r="CQR696" s="613"/>
      <c r="CQS696" s="613"/>
      <c r="CQT696" s="613"/>
      <c r="CQU696" s="613"/>
      <c r="CQV696" s="613"/>
      <c r="CQW696" s="613"/>
      <c r="CQX696" s="613"/>
      <c r="CQY696" s="613"/>
      <c r="CQZ696" s="613"/>
      <c r="CRA696" s="613"/>
      <c r="CRB696" s="613"/>
      <c r="CRC696" s="613"/>
      <c r="CRD696" s="613"/>
      <c r="CRE696" s="613"/>
      <c r="CRF696" s="613"/>
      <c r="CRG696" s="613"/>
      <c r="CRH696" s="613"/>
      <c r="CRI696" s="613"/>
      <c r="CRJ696" s="613"/>
      <c r="CRK696" s="613"/>
      <c r="CRL696" s="613"/>
      <c r="CRM696" s="613"/>
      <c r="CRN696" s="613"/>
      <c r="CRO696" s="613"/>
      <c r="CRP696" s="613"/>
      <c r="CRQ696" s="613"/>
      <c r="CRR696" s="613"/>
      <c r="CRS696" s="613"/>
      <c r="CRT696" s="613"/>
      <c r="CRU696" s="613"/>
      <c r="CRV696" s="613"/>
      <c r="CRW696" s="613"/>
      <c r="CRX696" s="613"/>
      <c r="CRY696" s="613"/>
      <c r="CRZ696" s="613"/>
      <c r="CSA696" s="613"/>
      <c r="CSB696" s="613"/>
      <c r="CSC696" s="613"/>
      <c r="CSD696" s="613"/>
      <c r="CSE696" s="613"/>
      <c r="CSF696" s="613"/>
      <c r="CSG696" s="613"/>
      <c r="CSH696" s="613"/>
      <c r="CSI696" s="613"/>
      <c r="CSJ696" s="613"/>
      <c r="CSK696" s="613"/>
      <c r="CSL696" s="613"/>
      <c r="CSM696" s="613"/>
      <c r="CSN696" s="613"/>
      <c r="CSO696" s="613"/>
      <c r="CSP696" s="613"/>
      <c r="CSQ696" s="613"/>
      <c r="CSR696" s="613"/>
      <c r="CSS696" s="613"/>
      <c r="CST696" s="613"/>
      <c r="CSU696" s="613"/>
      <c r="CSV696" s="613"/>
      <c r="CSW696" s="613"/>
      <c r="CSX696" s="613"/>
      <c r="CSY696" s="613"/>
      <c r="CSZ696" s="613"/>
      <c r="CTA696" s="613"/>
      <c r="CTB696" s="613"/>
      <c r="CTC696" s="613"/>
      <c r="CTD696" s="613"/>
      <c r="CTE696" s="613"/>
      <c r="CTF696" s="613"/>
      <c r="CTG696" s="613"/>
      <c r="CTH696" s="613"/>
      <c r="CTI696" s="613"/>
      <c r="CTJ696" s="613"/>
      <c r="CTK696" s="613"/>
      <c r="CTL696" s="613"/>
      <c r="CTM696" s="613"/>
      <c r="CTN696" s="613"/>
      <c r="CTO696" s="613"/>
      <c r="CTP696" s="613"/>
      <c r="CTQ696" s="613"/>
      <c r="CTR696" s="613"/>
      <c r="CTS696" s="613"/>
      <c r="CTT696" s="613"/>
      <c r="CTU696" s="613"/>
      <c r="CTV696" s="613"/>
      <c r="CTW696" s="613"/>
      <c r="CTX696" s="613"/>
      <c r="CTY696" s="613"/>
      <c r="CTZ696" s="613"/>
      <c r="CUA696" s="613"/>
      <c r="CUB696" s="613"/>
      <c r="CUC696" s="613"/>
      <c r="CUD696" s="613"/>
      <c r="CUE696" s="613"/>
      <c r="CUF696" s="613"/>
      <c r="CUG696" s="613"/>
      <c r="CUH696" s="613"/>
      <c r="CUI696" s="613"/>
      <c r="CUJ696" s="613"/>
      <c r="CUK696" s="613"/>
      <c r="CUL696" s="613"/>
      <c r="CUM696" s="613"/>
      <c r="CUN696" s="613"/>
      <c r="CUO696" s="613"/>
      <c r="CUP696" s="613"/>
      <c r="CUQ696" s="613"/>
      <c r="CUR696" s="613"/>
      <c r="CUS696" s="613"/>
      <c r="CUT696" s="613"/>
      <c r="CUU696" s="613"/>
      <c r="CUV696" s="613"/>
      <c r="CUW696" s="613"/>
      <c r="CUX696" s="613"/>
      <c r="CUY696" s="613"/>
      <c r="CUZ696" s="613"/>
      <c r="CVA696" s="613"/>
      <c r="CVB696" s="613"/>
      <c r="CVC696" s="613"/>
      <c r="CVD696" s="613"/>
      <c r="CVE696" s="613"/>
      <c r="CVF696" s="613"/>
      <c r="CVG696" s="613"/>
      <c r="CVH696" s="613"/>
      <c r="CVI696" s="613"/>
      <c r="CVJ696" s="613"/>
      <c r="CVK696" s="613"/>
      <c r="CVL696" s="613"/>
      <c r="CVM696" s="613"/>
      <c r="CVN696" s="613"/>
      <c r="CVO696" s="613"/>
      <c r="CVP696" s="613"/>
      <c r="CVQ696" s="613"/>
      <c r="CVR696" s="613"/>
      <c r="CVS696" s="613"/>
      <c r="CVT696" s="613"/>
      <c r="CVU696" s="613"/>
      <c r="CVV696" s="613"/>
      <c r="CVW696" s="613"/>
      <c r="CVX696" s="613"/>
      <c r="CVY696" s="613"/>
      <c r="CVZ696" s="613"/>
      <c r="CWA696" s="613"/>
      <c r="CWB696" s="613"/>
      <c r="CWC696" s="613"/>
      <c r="CWD696" s="613"/>
      <c r="CWE696" s="613"/>
      <c r="CWF696" s="613"/>
      <c r="CWG696" s="613"/>
      <c r="CWH696" s="613"/>
      <c r="CWI696" s="613"/>
      <c r="CWJ696" s="613"/>
      <c r="CWK696" s="613"/>
      <c r="CWL696" s="613"/>
      <c r="CWM696" s="613"/>
      <c r="CWN696" s="613"/>
      <c r="CWO696" s="613"/>
      <c r="CWP696" s="613"/>
      <c r="CWQ696" s="613"/>
      <c r="CWR696" s="613"/>
      <c r="CWS696" s="613"/>
      <c r="CWT696" s="613"/>
      <c r="CWU696" s="613"/>
      <c r="CWV696" s="613"/>
      <c r="CWW696" s="613"/>
      <c r="CWX696" s="613"/>
      <c r="CWY696" s="613"/>
      <c r="CWZ696" s="613"/>
      <c r="CXA696" s="613"/>
      <c r="CXB696" s="613"/>
      <c r="CXC696" s="613"/>
      <c r="CXD696" s="613"/>
      <c r="CXE696" s="613"/>
      <c r="CXF696" s="613"/>
      <c r="CXG696" s="613"/>
      <c r="CXH696" s="613"/>
      <c r="CXI696" s="613"/>
      <c r="CXJ696" s="613"/>
      <c r="CXK696" s="613"/>
      <c r="CXL696" s="613"/>
      <c r="CXM696" s="613"/>
      <c r="CXN696" s="613"/>
      <c r="CXO696" s="613"/>
      <c r="CXP696" s="613"/>
      <c r="CXQ696" s="613"/>
      <c r="CXR696" s="613"/>
      <c r="CXS696" s="613"/>
      <c r="CXT696" s="613"/>
      <c r="CXU696" s="613"/>
      <c r="CXV696" s="613"/>
      <c r="CXW696" s="613"/>
      <c r="CXX696" s="613"/>
      <c r="CXY696" s="613"/>
      <c r="CXZ696" s="613"/>
      <c r="CYA696" s="613"/>
      <c r="CYB696" s="613"/>
      <c r="CYC696" s="613"/>
      <c r="CYD696" s="613"/>
      <c r="CYE696" s="613"/>
      <c r="CYF696" s="613"/>
      <c r="CYG696" s="613"/>
      <c r="CYH696" s="613"/>
      <c r="CYI696" s="613"/>
      <c r="CYJ696" s="613"/>
      <c r="CYK696" s="613"/>
      <c r="CYL696" s="613"/>
      <c r="CYM696" s="613"/>
      <c r="CYN696" s="613"/>
      <c r="CYO696" s="613"/>
      <c r="CYP696" s="613"/>
      <c r="CYQ696" s="613"/>
      <c r="CYR696" s="613"/>
      <c r="CYS696" s="613"/>
      <c r="CYT696" s="613"/>
      <c r="CYU696" s="613"/>
      <c r="CYV696" s="613"/>
      <c r="CYW696" s="613"/>
      <c r="CYX696" s="613"/>
      <c r="CYY696" s="613"/>
      <c r="CYZ696" s="613"/>
      <c r="CZA696" s="613"/>
      <c r="CZB696" s="613"/>
      <c r="CZC696" s="613"/>
      <c r="CZD696" s="613"/>
      <c r="CZE696" s="613"/>
      <c r="CZF696" s="613"/>
      <c r="CZG696" s="613"/>
      <c r="CZH696" s="613"/>
      <c r="CZI696" s="613"/>
      <c r="CZJ696" s="613"/>
      <c r="CZK696" s="613"/>
      <c r="CZL696" s="613"/>
      <c r="CZM696" s="613"/>
      <c r="CZN696" s="613"/>
      <c r="CZO696" s="613"/>
      <c r="CZP696" s="613"/>
      <c r="CZQ696" s="613"/>
      <c r="CZR696" s="613"/>
      <c r="CZS696" s="613"/>
      <c r="CZT696" s="613"/>
      <c r="CZU696" s="613"/>
      <c r="CZV696" s="613"/>
      <c r="CZW696" s="613"/>
      <c r="CZX696" s="613"/>
      <c r="CZY696" s="613"/>
      <c r="CZZ696" s="613"/>
      <c r="DAA696" s="613"/>
      <c r="DAB696" s="613"/>
      <c r="DAC696" s="613"/>
      <c r="DAD696" s="613"/>
      <c r="DAE696" s="613"/>
      <c r="DAF696" s="613"/>
      <c r="DAG696" s="613"/>
      <c r="DAH696" s="613"/>
      <c r="DAI696" s="613"/>
      <c r="DAJ696" s="613"/>
      <c r="DAK696" s="613"/>
      <c r="DAL696" s="613"/>
      <c r="DAM696" s="613"/>
      <c r="DAN696" s="613"/>
      <c r="DAO696" s="613"/>
      <c r="DAP696" s="613"/>
      <c r="DAQ696" s="613"/>
      <c r="DAR696" s="613"/>
      <c r="DAS696" s="613"/>
      <c r="DAT696" s="613"/>
      <c r="DAU696" s="613"/>
      <c r="DAV696" s="613"/>
      <c r="DAW696" s="613"/>
      <c r="DAX696" s="613"/>
      <c r="DAY696" s="613"/>
      <c r="DAZ696" s="613"/>
      <c r="DBA696" s="613"/>
      <c r="DBB696" s="613"/>
      <c r="DBC696" s="613"/>
      <c r="DBD696" s="613"/>
      <c r="DBE696" s="613"/>
      <c r="DBF696" s="613"/>
      <c r="DBG696" s="613"/>
      <c r="DBH696" s="613"/>
      <c r="DBI696" s="613"/>
      <c r="DBJ696" s="613"/>
      <c r="DBK696" s="613"/>
      <c r="DBL696" s="613"/>
      <c r="DBM696" s="613"/>
      <c r="DBN696" s="613"/>
      <c r="DBO696" s="613"/>
      <c r="DBP696" s="613"/>
      <c r="DBQ696" s="613"/>
      <c r="DBR696" s="613"/>
      <c r="DBS696" s="613"/>
      <c r="DBT696" s="613"/>
      <c r="DBU696" s="613"/>
      <c r="DBV696" s="613"/>
      <c r="DBW696" s="613"/>
      <c r="DBX696" s="613"/>
      <c r="DBY696" s="613"/>
      <c r="DBZ696" s="613"/>
      <c r="DCA696" s="613"/>
      <c r="DCB696" s="613"/>
      <c r="DCC696" s="613"/>
      <c r="DCD696" s="613"/>
      <c r="DCE696" s="613"/>
      <c r="DCF696" s="613"/>
      <c r="DCG696" s="613"/>
      <c r="DCH696" s="613"/>
      <c r="DCI696" s="613"/>
      <c r="DCJ696" s="613"/>
      <c r="DCK696" s="613"/>
      <c r="DCL696" s="613"/>
      <c r="DCM696" s="613"/>
      <c r="DCN696" s="613"/>
      <c r="DCO696" s="613"/>
      <c r="DCP696" s="613"/>
      <c r="DCQ696" s="613"/>
      <c r="DCR696" s="613"/>
      <c r="DCS696" s="613"/>
      <c r="DCT696" s="613"/>
      <c r="DCU696" s="613"/>
      <c r="DCV696" s="613"/>
      <c r="DCW696" s="613"/>
      <c r="DCX696" s="613"/>
      <c r="DCY696" s="613"/>
      <c r="DCZ696" s="613"/>
      <c r="DDA696" s="613"/>
      <c r="DDB696" s="613"/>
      <c r="DDC696" s="613"/>
      <c r="DDD696" s="613"/>
      <c r="DDE696" s="613"/>
      <c r="DDF696" s="613"/>
      <c r="DDG696" s="613"/>
      <c r="DDH696" s="613"/>
      <c r="DDI696" s="613"/>
      <c r="DDJ696" s="613"/>
      <c r="DDK696" s="613"/>
      <c r="DDL696" s="613"/>
      <c r="DDM696" s="613"/>
      <c r="DDN696" s="613"/>
      <c r="DDO696" s="613"/>
      <c r="DDP696" s="613"/>
      <c r="DDQ696" s="613"/>
      <c r="DDR696" s="613"/>
      <c r="DDS696" s="613"/>
      <c r="DDT696" s="613"/>
      <c r="DDU696" s="613"/>
      <c r="DDV696" s="613"/>
      <c r="DDW696" s="613"/>
      <c r="DDX696" s="613"/>
      <c r="DDY696" s="613"/>
      <c r="DDZ696" s="613"/>
      <c r="DEA696" s="613"/>
      <c r="DEB696" s="613"/>
      <c r="DEC696" s="613"/>
      <c r="DED696" s="613"/>
      <c r="DEE696" s="613"/>
      <c r="DEF696" s="613"/>
      <c r="DEG696" s="613"/>
      <c r="DEH696" s="613"/>
      <c r="DEI696" s="613"/>
      <c r="DEJ696" s="613"/>
      <c r="DEK696" s="613"/>
      <c r="DEL696" s="613"/>
      <c r="DEM696" s="613"/>
      <c r="DEN696" s="613"/>
      <c r="DEO696" s="613"/>
      <c r="DEP696" s="613"/>
      <c r="DEQ696" s="613"/>
      <c r="DER696" s="613"/>
      <c r="DES696" s="613"/>
      <c r="DET696" s="613"/>
      <c r="DEU696" s="613"/>
      <c r="DEV696" s="613"/>
      <c r="DEW696" s="613"/>
      <c r="DEX696" s="613"/>
      <c r="DEY696" s="613"/>
      <c r="DEZ696" s="613"/>
      <c r="DFA696" s="613"/>
      <c r="DFB696" s="613"/>
      <c r="DFC696" s="613"/>
      <c r="DFD696" s="613"/>
      <c r="DFE696" s="613"/>
      <c r="DFF696" s="613"/>
      <c r="DFG696" s="613"/>
      <c r="DFH696" s="613"/>
      <c r="DFI696" s="613"/>
      <c r="DFJ696" s="613"/>
      <c r="DFK696" s="613"/>
      <c r="DFL696" s="613"/>
      <c r="DFM696" s="613"/>
      <c r="DFN696" s="613"/>
      <c r="DFO696" s="613"/>
      <c r="DFP696" s="613"/>
      <c r="DFQ696" s="613"/>
      <c r="DFR696" s="613"/>
      <c r="DFS696" s="613"/>
      <c r="DFT696" s="613"/>
      <c r="DFU696" s="613"/>
      <c r="DFV696" s="613"/>
      <c r="DFW696" s="613"/>
      <c r="DFX696" s="613"/>
      <c r="DFY696" s="613"/>
      <c r="DFZ696" s="613"/>
      <c r="DGA696" s="613"/>
      <c r="DGB696" s="613"/>
      <c r="DGC696" s="613"/>
      <c r="DGD696" s="613"/>
      <c r="DGE696" s="613"/>
      <c r="DGF696" s="613"/>
      <c r="DGG696" s="613"/>
      <c r="DGH696" s="613"/>
      <c r="DGI696" s="613"/>
      <c r="DGJ696" s="613"/>
      <c r="DGK696" s="613"/>
      <c r="DGL696" s="613"/>
      <c r="DGM696" s="613"/>
      <c r="DGN696" s="613"/>
      <c r="DGO696" s="613"/>
      <c r="DGP696" s="613"/>
      <c r="DGQ696" s="613"/>
      <c r="DGR696" s="613"/>
      <c r="DGS696" s="613"/>
      <c r="DGT696" s="613"/>
      <c r="DGU696" s="613"/>
      <c r="DGV696" s="613"/>
      <c r="DGW696" s="613"/>
      <c r="DGX696" s="613"/>
      <c r="DGY696" s="613"/>
      <c r="DGZ696" s="613"/>
      <c r="DHA696" s="613"/>
      <c r="DHB696" s="613"/>
      <c r="DHC696" s="613"/>
      <c r="DHD696" s="613"/>
      <c r="DHE696" s="613"/>
      <c r="DHF696" s="613"/>
      <c r="DHG696" s="613"/>
      <c r="DHH696" s="613"/>
      <c r="DHI696" s="613"/>
      <c r="DHJ696" s="613"/>
      <c r="DHK696" s="613"/>
      <c r="DHL696" s="613"/>
      <c r="DHM696" s="613"/>
      <c r="DHN696" s="613"/>
      <c r="DHO696" s="613"/>
      <c r="DHP696" s="613"/>
      <c r="DHQ696" s="613"/>
      <c r="DHR696" s="613"/>
      <c r="DHS696" s="613"/>
      <c r="DHT696" s="613"/>
      <c r="DHU696" s="613"/>
      <c r="DHV696" s="613"/>
      <c r="DHW696" s="613"/>
      <c r="DHX696" s="613"/>
      <c r="DHY696" s="613"/>
      <c r="DHZ696" s="613"/>
      <c r="DIA696" s="613"/>
      <c r="DIB696" s="613"/>
      <c r="DIC696" s="613"/>
      <c r="DID696" s="613"/>
      <c r="DIE696" s="613"/>
      <c r="DIF696" s="613"/>
      <c r="DIG696" s="613"/>
      <c r="DIH696" s="613"/>
      <c r="DII696" s="613"/>
      <c r="DIJ696" s="613"/>
      <c r="DIK696" s="613"/>
      <c r="DIL696" s="613"/>
      <c r="DIM696" s="613"/>
      <c r="DIN696" s="613"/>
      <c r="DIO696" s="613"/>
      <c r="DIP696" s="613"/>
      <c r="DIQ696" s="613"/>
      <c r="DIR696" s="613"/>
      <c r="DIS696" s="613"/>
      <c r="DIT696" s="613"/>
      <c r="DIU696" s="613"/>
      <c r="DIV696" s="613"/>
      <c r="DIW696" s="613"/>
      <c r="DIX696" s="613"/>
      <c r="DIY696" s="613"/>
      <c r="DIZ696" s="613"/>
      <c r="DJA696" s="613"/>
      <c r="DJB696" s="613"/>
      <c r="DJC696" s="613"/>
      <c r="DJD696" s="613"/>
      <c r="DJE696" s="613"/>
      <c r="DJF696" s="613"/>
      <c r="DJG696" s="613"/>
      <c r="DJH696" s="613"/>
      <c r="DJI696" s="613"/>
      <c r="DJJ696" s="613"/>
      <c r="DJK696" s="613"/>
      <c r="DJL696" s="613"/>
      <c r="DJM696" s="613"/>
      <c r="DJN696" s="613"/>
      <c r="DJO696" s="613"/>
      <c r="DJP696" s="613"/>
      <c r="DJQ696" s="613"/>
      <c r="DJR696" s="613"/>
      <c r="DJS696" s="613"/>
      <c r="DJT696" s="613"/>
      <c r="DJU696" s="613"/>
      <c r="DJV696" s="613"/>
      <c r="DJW696" s="613"/>
      <c r="DJX696" s="613"/>
      <c r="DJY696" s="613"/>
      <c r="DJZ696" s="613"/>
      <c r="DKA696" s="613"/>
      <c r="DKB696" s="613"/>
      <c r="DKC696" s="613"/>
      <c r="DKD696" s="613"/>
      <c r="DKE696" s="613"/>
      <c r="DKF696" s="613"/>
      <c r="DKG696" s="613"/>
      <c r="DKH696" s="613"/>
      <c r="DKI696" s="613"/>
      <c r="DKJ696" s="613"/>
      <c r="DKK696" s="613"/>
      <c r="DKL696" s="613"/>
      <c r="DKM696" s="613"/>
      <c r="DKN696" s="613"/>
      <c r="DKO696" s="613"/>
      <c r="DKP696" s="613"/>
      <c r="DKQ696" s="613"/>
      <c r="DKR696" s="613"/>
      <c r="DKS696" s="613"/>
      <c r="DKT696" s="613"/>
      <c r="DKU696" s="613"/>
      <c r="DKV696" s="613"/>
      <c r="DKW696" s="613"/>
      <c r="DKX696" s="613"/>
      <c r="DKY696" s="613"/>
      <c r="DKZ696" s="613"/>
      <c r="DLA696" s="613"/>
      <c r="DLB696" s="613"/>
      <c r="DLC696" s="613"/>
      <c r="DLD696" s="613"/>
      <c r="DLE696" s="613"/>
      <c r="DLF696" s="613"/>
      <c r="DLG696" s="613"/>
      <c r="DLH696" s="613"/>
      <c r="DLI696" s="613"/>
      <c r="DLJ696" s="613"/>
      <c r="DLK696" s="613"/>
      <c r="DLL696" s="613"/>
      <c r="DLM696" s="613"/>
      <c r="DLN696" s="613"/>
      <c r="DLO696" s="613"/>
      <c r="DLP696" s="613"/>
      <c r="DLQ696" s="613"/>
      <c r="DLR696" s="613"/>
      <c r="DLS696" s="613"/>
      <c r="DLT696" s="613"/>
      <c r="DLU696" s="613"/>
      <c r="DLV696" s="613"/>
      <c r="DLW696" s="613"/>
      <c r="DLX696" s="613"/>
      <c r="DLY696" s="613"/>
      <c r="DLZ696" s="613"/>
      <c r="DMA696" s="613"/>
      <c r="DMB696" s="613"/>
      <c r="DMC696" s="613"/>
      <c r="DMD696" s="613"/>
      <c r="DME696" s="613"/>
      <c r="DMF696" s="613"/>
      <c r="DMG696" s="613"/>
      <c r="DMH696" s="613"/>
      <c r="DMI696" s="613"/>
      <c r="DMJ696" s="613"/>
      <c r="DMK696" s="613"/>
      <c r="DML696" s="613"/>
      <c r="DMM696" s="613"/>
      <c r="DMN696" s="613"/>
      <c r="DMO696" s="613"/>
      <c r="DMP696" s="613"/>
      <c r="DMQ696" s="613"/>
      <c r="DMR696" s="613"/>
      <c r="DMS696" s="613"/>
      <c r="DMT696" s="613"/>
      <c r="DMU696" s="613"/>
      <c r="DMV696" s="613"/>
      <c r="DMW696" s="613"/>
      <c r="DMX696" s="613"/>
      <c r="DMY696" s="613"/>
      <c r="DMZ696" s="613"/>
      <c r="DNA696" s="613"/>
      <c r="DNB696" s="613"/>
      <c r="DNC696" s="613"/>
      <c r="DND696" s="613"/>
      <c r="DNE696" s="613"/>
      <c r="DNF696" s="613"/>
      <c r="DNG696" s="613"/>
      <c r="DNH696" s="613"/>
      <c r="DNI696" s="613"/>
      <c r="DNJ696" s="613"/>
      <c r="DNK696" s="613"/>
      <c r="DNL696" s="613"/>
      <c r="DNM696" s="613"/>
      <c r="DNN696" s="613"/>
      <c r="DNO696" s="613"/>
      <c r="DNP696" s="613"/>
      <c r="DNQ696" s="613"/>
      <c r="DNR696" s="613"/>
      <c r="DNS696" s="613"/>
      <c r="DNT696" s="613"/>
      <c r="DNU696" s="613"/>
      <c r="DNV696" s="613"/>
      <c r="DNW696" s="613"/>
      <c r="DNX696" s="613"/>
      <c r="DNY696" s="613"/>
      <c r="DNZ696" s="613"/>
      <c r="DOA696" s="613"/>
      <c r="DOB696" s="613"/>
      <c r="DOC696" s="613"/>
      <c r="DOD696" s="613"/>
      <c r="DOE696" s="613"/>
      <c r="DOF696" s="613"/>
      <c r="DOG696" s="613"/>
      <c r="DOH696" s="613"/>
      <c r="DOI696" s="613"/>
      <c r="DOJ696" s="613"/>
      <c r="DOK696" s="613"/>
      <c r="DOL696" s="613"/>
      <c r="DOM696" s="613"/>
      <c r="DON696" s="613"/>
      <c r="DOO696" s="613"/>
      <c r="DOP696" s="613"/>
      <c r="DOQ696" s="613"/>
      <c r="DOR696" s="613"/>
      <c r="DOS696" s="613"/>
      <c r="DOT696" s="613"/>
      <c r="DOU696" s="613"/>
      <c r="DOV696" s="613"/>
      <c r="DOW696" s="613"/>
      <c r="DOX696" s="613"/>
      <c r="DOY696" s="613"/>
      <c r="DOZ696" s="613"/>
      <c r="DPA696" s="613"/>
      <c r="DPB696" s="613"/>
      <c r="DPC696" s="613"/>
      <c r="DPD696" s="613"/>
      <c r="DPE696" s="613"/>
      <c r="DPF696" s="613"/>
      <c r="DPG696" s="613"/>
      <c r="DPH696" s="613"/>
      <c r="DPI696" s="613"/>
      <c r="DPJ696" s="613"/>
      <c r="DPK696" s="613"/>
      <c r="DPL696" s="613"/>
      <c r="DPM696" s="613"/>
      <c r="DPN696" s="613"/>
      <c r="DPO696" s="613"/>
      <c r="DPP696" s="613"/>
      <c r="DPQ696" s="613"/>
      <c r="DPR696" s="613"/>
      <c r="DPS696" s="613"/>
      <c r="DPT696" s="613"/>
      <c r="DPU696" s="613"/>
      <c r="DPV696" s="613"/>
      <c r="DPW696" s="613"/>
      <c r="DPX696" s="613"/>
      <c r="DPY696" s="613"/>
      <c r="DPZ696" s="613"/>
      <c r="DQA696" s="613"/>
      <c r="DQB696" s="613"/>
      <c r="DQC696" s="613"/>
      <c r="DQD696" s="613"/>
      <c r="DQE696" s="613"/>
      <c r="DQF696" s="613"/>
      <c r="DQG696" s="613"/>
      <c r="DQH696" s="613"/>
      <c r="DQI696" s="613"/>
      <c r="DQJ696" s="613"/>
      <c r="DQK696" s="613"/>
      <c r="DQL696" s="613"/>
      <c r="DQM696" s="613"/>
      <c r="DQN696" s="613"/>
      <c r="DQO696" s="613"/>
      <c r="DQP696" s="613"/>
      <c r="DQQ696" s="613"/>
      <c r="DQR696" s="613"/>
      <c r="DQS696" s="613"/>
      <c r="DQT696" s="613"/>
      <c r="DQU696" s="613"/>
      <c r="DQV696" s="613"/>
      <c r="DQW696" s="613"/>
      <c r="DQX696" s="613"/>
      <c r="DQY696" s="613"/>
      <c r="DQZ696" s="613"/>
      <c r="DRA696" s="613"/>
      <c r="DRB696" s="613"/>
      <c r="DRC696" s="613"/>
      <c r="DRD696" s="613"/>
      <c r="DRE696" s="613"/>
      <c r="DRF696" s="613"/>
      <c r="DRG696" s="613"/>
      <c r="DRH696" s="613"/>
      <c r="DRI696" s="613"/>
      <c r="DRJ696" s="613"/>
      <c r="DRK696" s="613"/>
      <c r="DRL696" s="613"/>
      <c r="DRM696" s="613"/>
      <c r="DRN696" s="613"/>
      <c r="DRO696" s="613"/>
      <c r="DRP696" s="613"/>
      <c r="DRQ696" s="613"/>
      <c r="DRR696" s="613"/>
      <c r="DRS696" s="613"/>
      <c r="DRT696" s="613"/>
      <c r="DRU696" s="613"/>
      <c r="DRV696" s="613"/>
      <c r="DRW696" s="613"/>
      <c r="DRX696" s="613"/>
      <c r="DRY696" s="613"/>
      <c r="DRZ696" s="613"/>
      <c r="DSA696" s="613"/>
      <c r="DSB696" s="613"/>
      <c r="DSC696" s="613"/>
      <c r="DSD696" s="613"/>
      <c r="DSE696" s="613"/>
      <c r="DSF696" s="613"/>
      <c r="DSG696" s="613"/>
      <c r="DSH696" s="613"/>
      <c r="DSI696" s="613"/>
      <c r="DSJ696" s="613"/>
      <c r="DSK696" s="613"/>
      <c r="DSL696" s="613"/>
      <c r="DSM696" s="613"/>
      <c r="DSN696" s="613"/>
      <c r="DSO696" s="613"/>
      <c r="DSP696" s="613"/>
      <c r="DSQ696" s="613"/>
      <c r="DSR696" s="613"/>
      <c r="DSS696" s="613"/>
      <c r="DST696" s="613"/>
      <c r="DSU696" s="613"/>
      <c r="DSV696" s="613"/>
      <c r="DSW696" s="613"/>
      <c r="DSX696" s="613"/>
      <c r="DSY696" s="613"/>
      <c r="DSZ696" s="613"/>
      <c r="DTA696" s="613"/>
      <c r="DTB696" s="613"/>
      <c r="DTC696" s="613"/>
      <c r="DTD696" s="613"/>
      <c r="DTE696" s="613"/>
      <c r="DTF696" s="613"/>
      <c r="DTG696" s="613"/>
      <c r="DTH696" s="613"/>
      <c r="DTI696" s="613"/>
      <c r="DTJ696" s="613"/>
      <c r="DTK696" s="613"/>
      <c r="DTL696" s="613"/>
      <c r="DTM696" s="613"/>
      <c r="DTN696" s="613"/>
      <c r="DTO696" s="613"/>
      <c r="DTP696" s="613"/>
      <c r="DTQ696" s="613"/>
      <c r="DTR696" s="613"/>
      <c r="DTS696" s="613"/>
      <c r="DTT696" s="613"/>
      <c r="DTU696" s="613"/>
      <c r="DTV696" s="613"/>
      <c r="DTW696" s="613"/>
      <c r="DTX696" s="613"/>
      <c r="DTY696" s="613"/>
      <c r="DTZ696" s="613"/>
      <c r="DUA696" s="613"/>
      <c r="DUB696" s="613"/>
      <c r="DUC696" s="613"/>
      <c r="DUD696" s="613"/>
      <c r="DUE696" s="613"/>
      <c r="DUF696" s="613"/>
      <c r="DUG696" s="613"/>
      <c r="DUH696" s="613"/>
      <c r="DUI696" s="613"/>
      <c r="DUJ696" s="613"/>
      <c r="DUK696" s="613"/>
      <c r="DUL696" s="613"/>
      <c r="DUM696" s="613"/>
      <c r="DUN696" s="613"/>
      <c r="DUO696" s="613"/>
      <c r="DUP696" s="613"/>
      <c r="DUQ696" s="613"/>
      <c r="DUR696" s="613"/>
      <c r="DUS696" s="613"/>
      <c r="DUT696" s="613"/>
      <c r="DUU696" s="613"/>
      <c r="DUV696" s="613"/>
      <c r="DUW696" s="613"/>
      <c r="DUX696" s="613"/>
      <c r="DUY696" s="613"/>
      <c r="DUZ696" s="613"/>
      <c r="DVA696" s="613"/>
      <c r="DVB696" s="613"/>
      <c r="DVC696" s="613"/>
      <c r="DVD696" s="613"/>
      <c r="DVE696" s="613"/>
      <c r="DVF696" s="613"/>
      <c r="DVG696" s="613"/>
      <c r="DVH696" s="613"/>
      <c r="DVI696" s="613"/>
      <c r="DVJ696" s="613"/>
      <c r="DVK696" s="613"/>
      <c r="DVL696" s="613"/>
      <c r="DVM696" s="613"/>
      <c r="DVN696" s="613"/>
      <c r="DVO696" s="613"/>
      <c r="DVP696" s="613"/>
      <c r="DVQ696" s="613"/>
      <c r="DVR696" s="613"/>
      <c r="DVS696" s="613"/>
      <c r="DVT696" s="613"/>
      <c r="DVU696" s="613"/>
      <c r="DVV696" s="613"/>
      <c r="DVW696" s="613"/>
      <c r="DVX696" s="613"/>
      <c r="DVY696" s="613"/>
      <c r="DVZ696" s="613"/>
      <c r="DWA696" s="613"/>
      <c r="DWB696" s="613"/>
      <c r="DWC696" s="613"/>
      <c r="DWD696" s="613"/>
      <c r="DWE696" s="613"/>
      <c r="DWF696" s="613"/>
      <c r="DWG696" s="613"/>
      <c r="DWH696" s="613"/>
      <c r="DWI696" s="613"/>
      <c r="DWJ696" s="613"/>
      <c r="DWK696" s="613"/>
      <c r="DWL696" s="613"/>
      <c r="DWM696" s="613"/>
      <c r="DWN696" s="613"/>
      <c r="DWO696" s="613"/>
      <c r="DWP696" s="613"/>
      <c r="DWQ696" s="613"/>
      <c r="DWR696" s="613"/>
      <c r="DWS696" s="613"/>
      <c r="DWT696" s="613"/>
      <c r="DWU696" s="613"/>
      <c r="DWV696" s="613"/>
      <c r="DWW696" s="613"/>
      <c r="DWX696" s="613"/>
      <c r="DWY696" s="613"/>
      <c r="DWZ696" s="613"/>
      <c r="DXA696" s="613"/>
      <c r="DXB696" s="613"/>
      <c r="DXC696" s="613"/>
      <c r="DXD696" s="613"/>
      <c r="DXE696" s="613"/>
      <c r="DXF696" s="613"/>
      <c r="DXG696" s="613"/>
      <c r="DXH696" s="613"/>
      <c r="DXI696" s="613"/>
      <c r="DXJ696" s="613"/>
      <c r="DXK696" s="613"/>
      <c r="DXL696" s="613"/>
      <c r="DXM696" s="613"/>
      <c r="DXN696" s="613"/>
      <c r="DXO696" s="613"/>
      <c r="DXP696" s="613"/>
      <c r="DXQ696" s="613"/>
      <c r="DXR696" s="613"/>
      <c r="DXS696" s="613"/>
      <c r="DXT696" s="613"/>
      <c r="DXU696" s="613"/>
      <c r="DXV696" s="613"/>
      <c r="DXW696" s="613"/>
      <c r="DXX696" s="613"/>
      <c r="DXY696" s="613"/>
      <c r="DXZ696" s="613"/>
      <c r="DYA696" s="613"/>
      <c r="DYB696" s="613"/>
      <c r="DYC696" s="613"/>
      <c r="DYD696" s="613"/>
      <c r="DYE696" s="613"/>
      <c r="DYF696" s="613"/>
      <c r="DYG696" s="613"/>
      <c r="DYH696" s="613"/>
      <c r="DYI696" s="613"/>
      <c r="DYJ696" s="613"/>
      <c r="DYK696" s="613"/>
      <c r="DYL696" s="613"/>
      <c r="DYM696" s="613"/>
      <c r="DYN696" s="613"/>
      <c r="DYO696" s="613"/>
      <c r="DYP696" s="613"/>
      <c r="DYQ696" s="613"/>
      <c r="DYR696" s="613"/>
      <c r="DYS696" s="613"/>
      <c r="DYT696" s="613"/>
      <c r="DYU696" s="613"/>
      <c r="DYV696" s="613"/>
      <c r="DYW696" s="613"/>
      <c r="DYX696" s="613"/>
      <c r="DYY696" s="613"/>
      <c r="DYZ696" s="613"/>
      <c r="DZA696" s="613"/>
      <c r="DZB696" s="613"/>
      <c r="DZC696" s="613"/>
      <c r="DZD696" s="613"/>
      <c r="DZE696" s="613"/>
      <c r="DZF696" s="613"/>
      <c r="DZG696" s="613"/>
      <c r="DZH696" s="613"/>
      <c r="DZI696" s="613"/>
      <c r="DZJ696" s="613"/>
      <c r="DZK696" s="613"/>
      <c r="DZL696" s="613"/>
      <c r="DZM696" s="613"/>
      <c r="DZN696" s="613"/>
      <c r="DZO696" s="613"/>
      <c r="DZP696" s="613"/>
      <c r="DZQ696" s="613"/>
      <c r="DZR696" s="613"/>
      <c r="DZS696" s="613"/>
      <c r="DZT696" s="613"/>
      <c r="DZU696" s="613"/>
      <c r="DZV696" s="613"/>
      <c r="DZW696" s="613"/>
      <c r="DZX696" s="613"/>
      <c r="DZY696" s="613"/>
      <c r="DZZ696" s="613"/>
      <c r="EAA696" s="613"/>
      <c r="EAB696" s="613"/>
      <c r="EAC696" s="613"/>
      <c r="EAD696" s="613"/>
      <c r="EAE696" s="613"/>
      <c r="EAF696" s="613"/>
      <c r="EAG696" s="613"/>
      <c r="EAH696" s="613"/>
      <c r="EAI696" s="613"/>
      <c r="EAJ696" s="613"/>
      <c r="EAK696" s="613"/>
      <c r="EAL696" s="613"/>
      <c r="EAM696" s="613"/>
      <c r="EAN696" s="613"/>
      <c r="EAO696" s="613"/>
      <c r="EAP696" s="613"/>
      <c r="EAQ696" s="613"/>
      <c r="EAR696" s="613"/>
      <c r="EAS696" s="613"/>
      <c r="EAT696" s="613"/>
      <c r="EAU696" s="613"/>
      <c r="EAV696" s="613"/>
      <c r="EAW696" s="613"/>
      <c r="EAX696" s="613"/>
      <c r="EAY696" s="613"/>
      <c r="EAZ696" s="613"/>
      <c r="EBA696" s="613"/>
      <c r="EBB696" s="613"/>
      <c r="EBC696" s="613"/>
      <c r="EBD696" s="613"/>
      <c r="EBE696" s="613"/>
      <c r="EBF696" s="613"/>
      <c r="EBG696" s="613"/>
      <c r="EBH696" s="613"/>
      <c r="EBI696" s="613"/>
      <c r="EBJ696" s="613"/>
      <c r="EBK696" s="613"/>
      <c r="EBL696" s="613"/>
      <c r="EBM696" s="613"/>
      <c r="EBN696" s="613"/>
      <c r="EBO696" s="613"/>
      <c r="EBP696" s="613"/>
      <c r="EBQ696" s="613"/>
      <c r="EBR696" s="613"/>
      <c r="EBS696" s="613"/>
      <c r="EBT696" s="613"/>
      <c r="EBU696" s="613"/>
      <c r="EBV696" s="613"/>
      <c r="EBW696" s="613"/>
      <c r="EBX696" s="613"/>
      <c r="EBY696" s="613"/>
      <c r="EBZ696" s="613"/>
      <c r="ECA696" s="613"/>
      <c r="ECB696" s="613"/>
      <c r="ECC696" s="613"/>
      <c r="ECD696" s="613"/>
      <c r="ECE696" s="613"/>
      <c r="ECF696" s="613"/>
      <c r="ECG696" s="613"/>
      <c r="ECH696" s="613"/>
      <c r="ECI696" s="613"/>
      <c r="ECJ696" s="613"/>
      <c r="ECK696" s="613"/>
      <c r="ECL696" s="613"/>
      <c r="ECM696" s="613"/>
      <c r="ECN696" s="613"/>
      <c r="ECO696" s="613"/>
      <c r="ECP696" s="613"/>
      <c r="ECQ696" s="613"/>
      <c r="ECR696" s="613"/>
      <c r="ECS696" s="613"/>
      <c r="ECT696" s="613"/>
      <c r="ECU696" s="613"/>
      <c r="ECV696" s="613"/>
      <c r="ECW696" s="613"/>
      <c r="ECX696" s="613"/>
      <c r="ECY696" s="613"/>
      <c r="ECZ696" s="613"/>
      <c r="EDA696" s="613"/>
      <c r="EDB696" s="613"/>
      <c r="EDC696" s="613"/>
      <c r="EDD696" s="613"/>
      <c r="EDE696" s="613"/>
      <c r="EDF696" s="613"/>
      <c r="EDG696" s="613"/>
      <c r="EDH696" s="613"/>
      <c r="EDI696" s="613"/>
      <c r="EDJ696" s="613"/>
      <c r="EDK696" s="613"/>
      <c r="EDL696" s="613"/>
      <c r="EDM696" s="613"/>
      <c r="EDN696" s="613"/>
      <c r="EDO696" s="613"/>
      <c r="EDP696" s="613"/>
      <c r="EDQ696" s="613"/>
      <c r="EDR696" s="613"/>
      <c r="EDS696" s="613"/>
      <c r="EDT696" s="613"/>
      <c r="EDU696" s="613"/>
      <c r="EDV696" s="613"/>
      <c r="EDW696" s="613"/>
      <c r="EDX696" s="613"/>
      <c r="EDY696" s="613"/>
      <c r="EDZ696" s="613"/>
      <c r="EEA696" s="613"/>
      <c r="EEB696" s="613"/>
      <c r="EEC696" s="613"/>
      <c r="EED696" s="613"/>
      <c r="EEE696" s="613"/>
      <c r="EEF696" s="613"/>
      <c r="EEG696" s="613"/>
      <c r="EEH696" s="613"/>
      <c r="EEI696" s="613"/>
      <c r="EEJ696" s="613"/>
      <c r="EEK696" s="613"/>
      <c r="EEL696" s="613"/>
      <c r="EEM696" s="613"/>
      <c r="EEN696" s="613"/>
      <c r="EEO696" s="613"/>
      <c r="EEP696" s="613"/>
      <c r="EEQ696" s="613"/>
      <c r="EER696" s="613"/>
      <c r="EES696" s="613"/>
      <c r="EET696" s="613"/>
      <c r="EEU696" s="613"/>
      <c r="EEV696" s="613"/>
      <c r="EEW696" s="613"/>
      <c r="EEX696" s="613"/>
      <c r="EEY696" s="613"/>
      <c r="EEZ696" s="613"/>
      <c r="EFA696" s="613"/>
      <c r="EFB696" s="613"/>
      <c r="EFC696" s="613"/>
      <c r="EFD696" s="613"/>
      <c r="EFE696" s="613"/>
      <c r="EFF696" s="613"/>
      <c r="EFG696" s="613"/>
      <c r="EFH696" s="613"/>
      <c r="EFI696" s="613"/>
      <c r="EFJ696" s="613"/>
      <c r="EFK696" s="613"/>
      <c r="EFL696" s="613"/>
      <c r="EFM696" s="613"/>
      <c r="EFN696" s="613"/>
      <c r="EFO696" s="613"/>
      <c r="EFP696" s="613"/>
      <c r="EFQ696" s="613"/>
      <c r="EFR696" s="613"/>
      <c r="EFS696" s="613"/>
      <c r="EFT696" s="613"/>
      <c r="EFU696" s="613"/>
      <c r="EFV696" s="613"/>
      <c r="EFW696" s="613"/>
      <c r="EFX696" s="613"/>
      <c r="EFY696" s="613"/>
      <c r="EFZ696" s="613"/>
      <c r="EGA696" s="613"/>
      <c r="EGB696" s="613"/>
      <c r="EGC696" s="613"/>
      <c r="EGD696" s="613"/>
      <c r="EGE696" s="613"/>
      <c r="EGF696" s="613"/>
      <c r="EGG696" s="613"/>
      <c r="EGH696" s="613"/>
      <c r="EGI696" s="613"/>
      <c r="EGJ696" s="613"/>
      <c r="EGK696" s="613"/>
      <c r="EGL696" s="613"/>
      <c r="EGM696" s="613"/>
      <c r="EGN696" s="613"/>
      <c r="EGO696" s="613"/>
      <c r="EGP696" s="613"/>
      <c r="EGQ696" s="613"/>
      <c r="EGR696" s="613"/>
      <c r="EGS696" s="613"/>
      <c r="EGT696" s="613"/>
      <c r="EGU696" s="613"/>
      <c r="EGV696" s="613"/>
      <c r="EGW696" s="613"/>
      <c r="EGX696" s="613"/>
      <c r="EGY696" s="613"/>
      <c r="EGZ696" s="613"/>
      <c r="EHA696" s="613"/>
      <c r="EHB696" s="613"/>
      <c r="EHC696" s="613"/>
      <c r="EHD696" s="613"/>
      <c r="EHE696" s="613"/>
      <c r="EHF696" s="613"/>
      <c r="EHG696" s="613"/>
      <c r="EHH696" s="613"/>
      <c r="EHI696" s="613"/>
      <c r="EHJ696" s="613"/>
      <c r="EHK696" s="613"/>
      <c r="EHL696" s="613"/>
      <c r="EHM696" s="613"/>
      <c r="EHN696" s="613"/>
      <c r="EHO696" s="613"/>
      <c r="EHP696" s="613"/>
      <c r="EHQ696" s="613"/>
      <c r="EHR696" s="613"/>
      <c r="EHS696" s="613"/>
      <c r="EHT696" s="613"/>
      <c r="EHU696" s="613"/>
      <c r="EHV696" s="613"/>
      <c r="EHW696" s="613"/>
      <c r="EHX696" s="613"/>
      <c r="EHY696" s="613"/>
      <c r="EHZ696" s="613"/>
      <c r="EIA696" s="613"/>
      <c r="EIB696" s="613"/>
      <c r="EIC696" s="613"/>
      <c r="EID696" s="613"/>
      <c r="EIE696" s="613"/>
      <c r="EIF696" s="613"/>
      <c r="EIG696" s="613"/>
      <c r="EIH696" s="613"/>
      <c r="EII696" s="613"/>
      <c r="EIJ696" s="613"/>
      <c r="EIK696" s="613"/>
      <c r="EIL696" s="613"/>
      <c r="EIM696" s="613"/>
      <c r="EIN696" s="613"/>
      <c r="EIO696" s="613"/>
      <c r="EIP696" s="613"/>
      <c r="EIQ696" s="613"/>
      <c r="EIR696" s="613"/>
      <c r="EIS696" s="613"/>
      <c r="EIT696" s="613"/>
      <c r="EIU696" s="613"/>
      <c r="EIV696" s="613"/>
      <c r="EIW696" s="613"/>
      <c r="EIX696" s="613"/>
      <c r="EIY696" s="613"/>
      <c r="EIZ696" s="613"/>
      <c r="EJA696" s="613"/>
      <c r="EJB696" s="613"/>
      <c r="EJC696" s="613"/>
      <c r="EJD696" s="613"/>
      <c r="EJE696" s="613"/>
      <c r="EJF696" s="613"/>
      <c r="EJG696" s="613"/>
      <c r="EJH696" s="613"/>
      <c r="EJI696" s="613"/>
      <c r="EJJ696" s="613"/>
      <c r="EJK696" s="613"/>
      <c r="EJL696" s="613"/>
      <c r="EJM696" s="613"/>
      <c r="EJN696" s="613"/>
      <c r="EJO696" s="613"/>
      <c r="EJP696" s="613"/>
      <c r="EJQ696" s="613"/>
      <c r="EJR696" s="613"/>
      <c r="EJS696" s="613"/>
      <c r="EJT696" s="613"/>
      <c r="EJU696" s="613"/>
      <c r="EJV696" s="613"/>
      <c r="EJW696" s="613"/>
      <c r="EJX696" s="613"/>
      <c r="EJY696" s="613"/>
      <c r="EJZ696" s="613"/>
      <c r="EKA696" s="613"/>
      <c r="EKB696" s="613"/>
      <c r="EKC696" s="613"/>
      <c r="EKD696" s="613"/>
      <c r="EKE696" s="613"/>
      <c r="EKF696" s="613"/>
      <c r="EKG696" s="613"/>
      <c r="EKH696" s="613"/>
      <c r="EKI696" s="613"/>
      <c r="EKJ696" s="613"/>
      <c r="EKK696" s="613"/>
      <c r="EKL696" s="613"/>
      <c r="EKM696" s="613"/>
      <c r="EKN696" s="613"/>
      <c r="EKO696" s="613"/>
      <c r="EKP696" s="613"/>
      <c r="EKQ696" s="613"/>
      <c r="EKR696" s="613"/>
      <c r="EKS696" s="613"/>
      <c r="EKT696" s="613"/>
      <c r="EKU696" s="613"/>
      <c r="EKV696" s="613"/>
      <c r="EKW696" s="613"/>
      <c r="EKX696" s="613"/>
      <c r="EKY696" s="613"/>
      <c r="EKZ696" s="613"/>
      <c r="ELA696" s="613"/>
      <c r="ELB696" s="613"/>
      <c r="ELC696" s="613"/>
      <c r="ELD696" s="613"/>
      <c r="ELE696" s="613"/>
      <c r="ELF696" s="613"/>
      <c r="ELG696" s="613"/>
      <c r="ELH696" s="613"/>
      <c r="ELI696" s="613"/>
      <c r="ELJ696" s="613"/>
      <c r="ELK696" s="613"/>
      <c r="ELL696" s="613"/>
      <c r="ELM696" s="613"/>
      <c r="ELN696" s="613"/>
      <c r="ELO696" s="613"/>
      <c r="ELP696" s="613"/>
      <c r="ELQ696" s="613"/>
      <c r="ELR696" s="613"/>
      <c r="ELS696" s="613"/>
      <c r="ELT696" s="613"/>
      <c r="ELU696" s="613"/>
      <c r="ELV696" s="613"/>
      <c r="ELW696" s="613"/>
      <c r="ELX696" s="613"/>
      <c r="ELY696" s="613"/>
      <c r="ELZ696" s="613"/>
      <c r="EMA696" s="613"/>
      <c r="EMB696" s="613"/>
      <c r="EMC696" s="613"/>
      <c r="EMD696" s="613"/>
      <c r="EME696" s="613"/>
      <c r="EMF696" s="613"/>
      <c r="EMG696" s="613"/>
      <c r="EMH696" s="613"/>
      <c r="EMI696" s="613"/>
      <c r="EMJ696" s="613"/>
      <c r="EMK696" s="613"/>
      <c r="EML696" s="613"/>
      <c r="EMM696" s="613"/>
      <c r="EMN696" s="613"/>
      <c r="EMO696" s="613"/>
      <c r="EMP696" s="613"/>
      <c r="EMQ696" s="613"/>
      <c r="EMR696" s="613"/>
      <c r="EMS696" s="613"/>
      <c r="EMT696" s="613"/>
      <c r="EMU696" s="613"/>
      <c r="EMV696" s="613"/>
      <c r="EMW696" s="613"/>
      <c r="EMX696" s="613"/>
      <c r="EMY696" s="613"/>
      <c r="EMZ696" s="613"/>
      <c r="ENA696" s="613"/>
      <c r="ENB696" s="613"/>
      <c r="ENC696" s="613"/>
      <c r="END696" s="613"/>
      <c r="ENE696" s="613"/>
      <c r="ENF696" s="613"/>
      <c r="ENG696" s="613"/>
      <c r="ENH696" s="613"/>
      <c r="ENI696" s="613"/>
      <c r="ENJ696" s="613"/>
      <c r="ENK696" s="613"/>
      <c r="ENL696" s="613"/>
      <c r="ENM696" s="613"/>
      <c r="ENN696" s="613"/>
      <c r="ENO696" s="613"/>
      <c r="ENP696" s="613"/>
      <c r="ENQ696" s="613"/>
      <c r="ENR696" s="613"/>
      <c r="ENS696" s="613"/>
      <c r="ENT696" s="613"/>
      <c r="ENU696" s="613"/>
      <c r="ENV696" s="613"/>
      <c r="ENW696" s="613"/>
      <c r="ENX696" s="613"/>
      <c r="ENY696" s="613"/>
      <c r="ENZ696" s="613"/>
      <c r="EOA696" s="613"/>
      <c r="EOB696" s="613"/>
      <c r="EOC696" s="613"/>
      <c r="EOD696" s="613"/>
      <c r="EOE696" s="613"/>
      <c r="EOF696" s="613"/>
      <c r="EOG696" s="613"/>
      <c r="EOH696" s="613"/>
      <c r="EOI696" s="613"/>
      <c r="EOJ696" s="613"/>
      <c r="EOK696" s="613"/>
      <c r="EOL696" s="613"/>
      <c r="EOM696" s="613"/>
      <c r="EON696" s="613"/>
      <c r="EOO696" s="613"/>
      <c r="EOP696" s="613"/>
      <c r="EOQ696" s="613"/>
      <c r="EOR696" s="613"/>
      <c r="EOS696" s="613"/>
      <c r="EOT696" s="613"/>
      <c r="EOU696" s="613"/>
      <c r="EOV696" s="613"/>
      <c r="EOW696" s="613"/>
      <c r="EOX696" s="613"/>
      <c r="EOY696" s="613"/>
      <c r="EOZ696" s="613"/>
      <c r="EPA696" s="613"/>
      <c r="EPB696" s="613"/>
      <c r="EPC696" s="613"/>
      <c r="EPD696" s="613"/>
      <c r="EPE696" s="613"/>
      <c r="EPF696" s="613"/>
      <c r="EPG696" s="613"/>
      <c r="EPH696" s="613"/>
      <c r="EPI696" s="613"/>
      <c r="EPJ696" s="613"/>
      <c r="EPK696" s="613"/>
      <c r="EPL696" s="613"/>
      <c r="EPM696" s="613"/>
      <c r="EPN696" s="613"/>
      <c r="EPO696" s="613"/>
      <c r="EPP696" s="613"/>
      <c r="EPQ696" s="613"/>
      <c r="EPR696" s="613"/>
      <c r="EPS696" s="613"/>
      <c r="EPT696" s="613"/>
      <c r="EPU696" s="613"/>
      <c r="EPV696" s="613"/>
      <c r="EPW696" s="613"/>
      <c r="EPX696" s="613"/>
      <c r="EPY696" s="613"/>
      <c r="EPZ696" s="613"/>
      <c r="EQA696" s="613"/>
      <c r="EQB696" s="613"/>
      <c r="EQC696" s="613"/>
      <c r="EQD696" s="613"/>
      <c r="EQE696" s="613"/>
      <c r="EQF696" s="613"/>
      <c r="EQG696" s="613"/>
      <c r="EQH696" s="613"/>
      <c r="EQI696" s="613"/>
      <c r="EQJ696" s="613"/>
      <c r="EQK696" s="613"/>
      <c r="EQL696" s="613"/>
      <c r="EQM696" s="613"/>
      <c r="EQN696" s="613"/>
      <c r="EQO696" s="613"/>
      <c r="EQP696" s="613"/>
      <c r="EQQ696" s="613"/>
      <c r="EQR696" s="613"/>
      <c r="EQS696" s="613"/>
      <c r="EQT696" s="613"/>
      <c r="EQU696" s="613"/>
      <c r="EQV696" s="613"/>
      <c r="EQW696" s="613"/>
      <c r="EQX696" s="613"/>
      <c r="EQY696" s="613"/>
      <c r="EQZ696" s="613"/>
      <c r="ERA696" s="613"/>
      <c r="ERB696" s="613"/>
      <c r="ERC696" s="613"/>
      <c r="ERD696" s="613"/>
      <c r="ERE696" s="613"/>
      <c r="ERF696" s="613"/>
      <c r="ERG696" s="613"/>
      <c r="ERH696" s="613"/>
      <c r="ERI696" s="613"/>
      <c r="ERJ696" s="613"/>
      <c r="ERK696" s="613"/>
      <c r="ERL696" s="613"/>
      <c r="ERM696" s="613"/>
      <c r="ERN696" s="613"/>
      <c r="ERO696" s="613"/>
      <c r="ERP696" s="613"/>
      <c r="ERQ696" s="613"/>
      <c r="ERR696" s="613"/>
      <c r="ERS696" s="613"/>
      <c r="ERT696" s="613"/>
      <c r="ERU696" s="613"/>
      <c r="ERV696" s="613"/>
      <c r="ERW696" s="613"/>
      <c r="ERX696" s="613"/>
      <c r="ERY696" s="613"/>
      <c r="ERZ696" s="613"/>
      <c r="ESA696" s="613"/>
      <c r="ESB696" s="613"/>
      <c r="ESC696" s="613"/>
      <c r="ESD696" s="613"/>
      <c r="ESE696" s="613"/>
      <c r="ESF696" s="613"/>
      <c r="ESG696" s="613"/>
      <c r="ESH696" s="613"/>
      <c r="ESI696" s="613"/>
      <c r="ESJ696" s="613"/>
      <c r="ESK696" s="613"/>
      <c r="ESL696" s="613"/>
      <c r="ESM696" s="613"/>
      <c r="ESN696" s="613"/>
      <c r="ESO696" s="613"/>
      <c r="ESP696" s="613"/>
      <c r="ESQ696" s="613"/>
      <c r="ESR696" s="613"/>
      <c r="ESS696" s="613"/>
      <c r="EST696" s="613"/>
      <c r="ESU696" s="613"/>
      <c r="ESV696" s="613"/>
      <c r="ESW696" s="613"/>
      <c r="ESX696" s="613"/>
      <c r="ESY696" s="613"/>
      <c r="ESZ696" s="613"/>
      <c r="ETA696" s="613"/>
      <c r="ETB696" s="613"/>
      <c r="ETC696" s="613"/>
      <c r="ETD696" s="613"/>
      <c r="ETE696" s="613"/>
      <c r="ETF696" s="613"/>
      <c r="ETG696" s="613"/>
      <c r="ETH696" s="613"/>
      <c r="ETI696" s="613"/>
      <c r="ETJ696" s="613"/>
      <c r="ETK696" s="613"/>
      <c r="ETL696" s="613"/>
      <c r="ETM696" s="613"/>
      <c r="ETN696" s="613"/>
      <c r="ETO696" s="613"/>
      <c r="ETP696" s="613"/>
      <c r="ETQ696" s="613"/>
      <c r="ETR696" s="613"/>
      <c r="ETS696" s="613"/>
      <c r="ETT696" s="613"/>
      <c r="ETU696" s="613"/>
      <c r="ETV696" s="613"/>
      <c r="ETW696" s="613"/>
      <c r="ETX696" s="613"/>
      <c r="ETY696" s="613"/>
      <c r="ETZ696" s="613"/>
      <c r="EUA696" s="613"/>
      <c r="EUB696" s="613"/>
      <c r="EUC696" s="613"/>
      <c r="EUD696" s="613"/>
      <c r="EUE696" s="613"/>
      <c r="EUF696" s="613"/>
      <c r="EUG696" s="613"/>
      <c r="EUH696" s="613"/>
      <c r="EUI696" s="613"/>
      <c r="EUJ696" s="613"/>
      <c r="EUK696" s="613"/>
      <c r="EUL696" s="613"/>
      <c r="EUM696" s="613"/>
      <c r="EUN696" s="613"/>
      <c r="EUO696" s="613"/>
      <c r="EUP696" s="613"/>
      <c r="EUQ696" s="613"/>
      <c r="EUR696" s="613"/>
      <c r="EUS696" s="613"/>
      <c r="EUT696" s="613"/>
      <c r="EUU696" s="613"/>
      <c r="EUV696" s="613"/>
      <c r="EUW696" s="613"/>
      <c r="EUX696" s="613"/>
      <c r="EUY696" s="613"/>
      <c r="EUZ696" s="613"/>
      <c r="EVA696" s="613"/>
      <c r="EVB696" s="613"/>
      <c r="EVC696" s="613"/>
      <c r="EVD696" s="613"/>
      <c r="EVE696" s="613"/>
      <c r="EVF696" s="613"/>
      <c r="EVG696" s="613"/>
      <c r="EVH696" s="613"/>
      <c r="EVI696" s="613"/>
      <c r="EVJ696" s="613"/>
      <c r="EVK696" s="613"/>
      <c r="EVL696" s="613"/>
      <c r="EVM696" s="613"/>
      <c r="EVN696" s="613"/>
      <c r="EVO696" s="613"/>
      <c r="EVP696" s="613"/>
      <c r="EVQ696" s="613"/>
      <c r="EVR696" s="613"/>
      <c r="EVS696" s="613"/>
      <c r="EVT696" s="613"/>
      <c r="EVU696" s="613"/>
      <c r="EVV696" s="613"/>
      <c r="EVW696" s="613"/>
      <c r="EVX696" s="613"/>
      <c r="EVY696" s="613"/>
      <c r="EVZ696" s="613"/>
      <c r="EWA696" s="613"/>
      <c r="EWB696" s="613"/>
      <c r="EWC696" s="613"/>
      <c r="EWD696" s="613"/>
      <c r="EWE696" s="613"/>
      <c r="EWF696" s="613"/>
      <c r="EWG696" s="613"/>
      <c r="EWH696" s="613"/>
      <c r="EWI696" s="613"/>
      <c r="EWJ696" s="613"/>
      <c r="EWK696" s="613"/>
      <c r="EWL696" s="613"/>
      <c r="EWM696" s="613"/>
      <c r="EWN696" s="613"/>
      <c r="EWO696" s="613"/>
      <c r="EWP696" s="613"/>
      <c r="EWQ696" s="613"/>
      <c r="EWR696" s="613"/>
      <c r="EWS696" s="613"/>
      <c r="EWT696" s="613"/>
      <c r="EWU696" s="613"/>
      <c r="EWV696" s="613"/>
      <c r="EWW696" s="613"/>
      <c r="EWX696" s="613"/>
      <c r="EWY696" s="613"/>
      <c r="EWZ696" s="613"/>
      <c r="EXA696" s="613"/>
      <c r="EXB696" s="613"/>
      <c r="EXC696" s="613"/>
      <c r="EXD696" s="613"/>
      <c r="EXE696" s="613"/>
      <c r="EXF696" s="613"/>
      <c r="EXG696" s="613"/>
      <c r="EXH696" s="613"/>
      <c r="EXI696" s="613"/>
      <c r="EXJ696" s="613"/>
      <c r="EXK696" s="613"/>
      <c r="EXL696" s="613"/>
      <c r="EXM696" s="613"/>
      <c r="EXN696" s="613"/>
      <c r="EXO696" s="613"/>
      <c r="EXP696" s="613"/>
      <c r="EXQ696" s="613"/>
      <c r="EXR696" s="613"/>
      <c r="EXS696" s="613"/>
      <c r="EXT696" s="613"/>
      <c r="EXU696" s="613"/>
      <c r="EXV696" s="613"/>
      <c r="EXW696" s="613"/>
      <c r="EXX696" s="613"/>
      <c r="EXY696" s="613"/>
      <c r="EXZ696" s="613"/>
      <c r="EYA696" s="613"/>
      <c r="EYB696" s="613"/>
      <c r="EYC696" s="613"/>
      <c r="EYD696" s="613"/>
      <c r="EYE696" s="613"/>
      <c r="EYF696" s="613"/>
      <c r="EYG696" s="613"/>
      <c r="EYH696" s="613"/>
      <c r="EYI696" s="613"/>
      <c r="EYJ696" s="613"/>
      <c r="EYK696" s="613"/>
      <c r="EYL696" s="613"/>
      <c r="EYM696" s="613"/>
      <c r="EYN696" s="613"/>
      <c r="EYO696" s="613"/>
      <c r="EYP696" s="613"/>
      <c r="EYQ696" s="613"/>
      <c r="EYR696" s="613"/>
      <c r="EYS696" s="613"/>
      <c r="EYT696" s="613"/>
      <c r="EYU696" s="613"/>
      <c r="EYV696" s="613"/>
      <c r="EYW696" s="613"/>
      <c r="EYX696" s="613"/>
      <c r="EYY696" s="613"/>
      <c r="EYZ696" s="613"/>
      <c r="EZA696" s="613"/>
      <c r="EZB696" s="613"/>
      <c r="EZC696" s="613"/>
      <c r="EZD696" s="613"/>
      <c r="EZE696" s="613"/>
      <c r="EZF696" s="613"/>
      <c r="EZG696" s="613"/>
      <c r="EZH696" s="613"/>
      <c r="EZI696" s="613"/>
      <c r="EZJ696" s="613"/>
      <c r="EZK696" s="613"/>
      <c r="EZL696" s="613"/>
      <c r="EZM696" s="613"/>
      <c r="EZN696" s="613"/>
      <c r="EZO696" s="613"/>
      <c r="EZP696" s="613"/>
      <c r="EZQ696" s="613"/>
      <c r="EZR696" s="613"/>
      <c r="EZS696" s="613"/>
      <c r="EZT696" s="613"/>
      <c r="EZU696" s="613"/>
      <c r="EZV696" s="613"/>
      <c r="EZW696" s="613"/>
      <c r="EZX696" s="613"/>
      <c r="EZY696" s="613"/>
      <c r="EZZ696" s="613"/>
      <c r="FAA696" s="613"/>
      <c r="FAB696" s="613"/>
      <c r="FAC696" s="613"/>
      <c r="FAD696" s="613"/>
      <c r="FAE696" s="613"/>
      <c r="FAF696" s="613"/>
      <c r="FAG696" s="613"/>
      <c r="FAH696" s="613"/>
      <c r="FAI696" s="613"/>
      <c r="FAJ696" s="613"/>
      <c r="FAK696" s="613"/>
      <c r="FAL696" s="613"/>
      <c r="FAM696" s="613"/>
      <c r="FAN696" s="613"/>
      <c r="FAO696" s="613"/>
      <c r="FAP696" s="613"/>
      <c r="FAQ696" s="613"/>
      <c r="FAR696" s="613"/>
      <c r="FAS696" s="613"/>
      <c r="FAT696" s="613"/>
      <c r="FAU696" s="613"/>
      <c r="FAV696" s="613"/>
      <c r="FAW696" s="613"/>
      <c r="FAX696" s="613"/>
      <c r="FAY696" s="613"/>
      <c r="FAZ696" s="613"/>
      <c r="FBA696" s="613"/>
      <c r="FBB696" s="613"/>
      <c r="FBC696" s="613"/>
      <c r="FBD696" s="613"/>
      <c r="FBE696" s="613"/>
      <c r="FBF696" s="613"/>
      <c r="FBG696" s="613"/>
      <c r="FBH696" s="613"/>
      <c r="FBI696" s="613"/>
      <c r="FBJ696" s="613"/>
      <c r="FBK696" s="613"/>
      <c r="FBL696" s="613"/>
      <c r="FBM696" s="613"/>
      <c r="FBN696" s="613"/>
      <c r="FBO696" s="613"/>
      <c r="FBP696" s="613"/>
      <c r="FBQ696" s="613"/>
      <c r="FBR696" s="613"/>
      <c r="FBS696" s="613"/>
      <c r="FBT696" s="613"/>
      <c r="FBU696" s="613"/>
      <c r="FBV696" s="613"/>
      <c r="FBW696" s="613"/>
      <c r="FBX696" s="613"/>
      <c r="FBY696" s="613"/>
      <c r="FBZ696" s="613"/>
      <c r="FCA696" s="613"/>
      <c r="FCB696" s="613"/>
      <c r="FCC696" s="613"/>
      <c r="FCD696" s="613"/>
      <c r="FCE696" s="613"/>
      <c r="FCF696" s="613"/>
      <c r="FCG696" s="613"/>
      <c r="FCH696" s="613"/>
      <c r="FCI696" s="613"/>
      <c r="FCJ696" s="613"/>
      <c r="FCK696" s="613"/>
      <c r="FCL696" s="613"/>
      <c r="FCM696" s="613"/>
      <c r="FCN696" s="613"/>
      <c r="FCO696" s="613"/>
      <c r="FCP696" s="613"/>
      <c r="FCQ696" s="613"/>
      <c r="FCR696" s="613"/>
      <c r="FCS696" s="613"/>
      <c r="FCT696" s="613"/>
      <c r="FCU696" s="613"/>
      <c r="FCV696" s="613"/>
      <c r="FCW696" s="613"/>
      <c r="FCX696" s="613"/>
      <c r="FCY696" s="613"/>
      <c r="FCZ696" s="613"/>
      <c r="FDA696" s="613"/>
      <c r="FDB696" s="613"/>
      <c r="FDC696" s="613"/>
      <c r="FDD696" s="613"/>
      <c r="FDE696" s="613"/>
      <c r="FDF696" s="613"/>
      <c r="FDG696" s="613"/>
      <c r="FDH696" s="613"/>
      <c r="FDI696" s="613"/>
      <c r="FDJ696" s="613"/>
      <c r="FDK696" s="613"/>
      <c r="FDL696" s="613"/>
      <c r="FDM696" s="613"/>
      <c r="FDN696" s="613"/>
      <c r="FDO696" s="613"/>
      <c r="FDP696" s="613"/>
      <c r="FDQ696" s="613"/>
      <c r="FDR696" s="613"/>
      <c r="FDS696" s="613"/>
      <c r="FDT696" s="613"/>
      <c r="FDU696" s="613"/>
      <c r="FDV696" s="613"/>
      <c r="FDW696" s="613"/>
      <c r="FDX696" s="613"/>
      <c r="FDY696" s="613"/>
      <c r="FDZ696" s="613"/>
      <c r="FEA696" s="613"/>
      <c r="FEB696" s="613"/>
      <c r="FEC696" s="613"/>
      <c r="FED696" s="613"/>
      <c r="FEE696" s="613"/>
      <c r="FEF696" s="613"/>
      <c r="FEG696" s="613"/>
      <c r="FEH696" s="613"/>
      <c r="FEI696" s="613"/>
      <c r="FEJ696" s="613"/>
      <c r="FEK696" s="613"/>
      <c r="FEL696" s="613"/>
      <c r="FEM696" s="613"/>
      <c r="FEN696" s="613"/>
      <c r="FEO696" s="613"/>
      <c r="FEP696" s="613"/>
      <c r="FEQ696" s="613"/>
      <c r="FER696" s="613"/>
      <c r="FES696" s="613"/>
      <c r="FET696" s="613"/>
      <c r="FEU696" s="613"/>
      <c r="FEV696" s="613"/>
      <c r="FEW696" s="613"/>
      <c r="FEX696" s="613"/>
      <c r="FEY696" s="613"/>
      <c r="FEZ696" s="613"/>
      <c r="FFA696" s="613"/>
      <c r="FFB696" s="613"/>
      <c r="FFC696" s="613"/>
      <c r="FFD696" s="613"/>
      <c r="FFE696" s="613"/>
      <c r="FFF696" s="613"/>
      <c r="FFG696" s="613"/>
      <c r="FFH696" s="613"/>
      <c r="FFI696" s="613"/>
      <c r="FFJ696" s="613"/>
      <c r="FFK696" s="613"/>
      <c r="FFL696" s="613"/>
      <c r="FFM696" s="613"/>
      <c r="FFN696" s="613"/>
      <c r="FFO696" s="613"/>
      <c r="FFP696" s="613"/>
      <c r="FFQ696" s="613"/>
      <c r="FFR696" s="613"/>
      <c r="FFS696" s="613"/>
      <c r="FFT696" s="613"/>
      <c r="FFU696" s="613"/>
      <c r="FFV696" s="613"/>
      <c r="FFW696" s="613"/>
      <c r="FFX696" s="613"/>
      <c r="FFY696" s="613"/>
      <c r="FFZ696" s="613"/>
      <c r="FGA696" s="613"/>
      <c r="FGB696" s="613"/>
      <c r="FGC696" s="613"/>
      <c r="FGD696" s="613"/>
      <c r="FGE696" s="613"/>
      <c r="FGF696" s="613"/>
      <c r="FGG696" s="613"/>
      <c r="FGH696" s="613"/>
      <c r="FGI696" s="613"/>
      <c r="FGJ696" s="613"/>
      <c r="FGK696" s="613"/>
      <c r="FGL696" s="613"/>
      <c r="FGM696" s="613"/>
      <c r="FGN696" s="613"/>
      <c r="FGO696" s="613"/>
      <c r="FGP696" s="613"/>
      <c r="FGQ696" s="613"/>
      <c r="FGR696" s="613"/>
      <c r="FGS696" s="613"/>
      <c r="FGT696" s="613"/>
      <c r="FGU696" s="613"/>
      <c r="FGV696" s="613"/>
      <c r="FGW696" s="613"/>
      <c r="FGX696" s="613"/>
      <c r="FGY696" s="613"/>
      <c r="FGZ696" s="613"/>
      <c r="FHA696" s="613"/>
      <c r="FHB696" s="613"/>
      <c r="FHC696" s="613"/>
      <c r="FHD696" s="613"/>
      <c r="FHE696" s="613"/>
      <c r="FHF696" s="613"/>
      <c r="FHG696" s="613"/>
      <c r="FHH696" s="613"/>
      <c r="FHI696" s="613"/>
      <c r="FHJ696" s="613"/>
      <c r="FHK696" s="613"/>
      <c r="FHL696" s="613"/>
      <c r="FHM696" s="613"/>
      <c r="FHN696" s="613"/>
      <c r="FHO696" s="613"/>
      <c r="FHP696" s="613"/>
      <c r="FHQ696" s="613"/>
      <c r="FHR696" s="613"/>
      <c r="FHS696" s="613"/>
      <c r="FHT696" s="613"/>
      <c r="FHU696" s="613"/>
      <c r="FHV696" s="613"/>
      <c r="FHW696" s="613"/>
      <c r="FHX696" s="613"/>
      <c r="FHY696" s="613"/>
      <c r="FHZ696" s="613"/>
      <c r="FIA696" s="613"/>
      <c r="FIB696" s="613"/>
      <c r="FIC696" s="613"/>
      <c r="FID696" s="613"/>
      <c r="FIE696" s="613"/>
      <c r="FIF696" s="613"/>
      <c r="FIG696" s="613"/>
      <c r="FIH696" s="613"/>
      <c r="FII696" s="613"/>
      <c r="FIJ696" s="613"/>
      <c r="FIK696" s="613"/>
      <c r="FIL696" s="613"/>
      <c r="FIM696" s="613"/>
      <c r="FIN696" s="613"/>
      <c r="FIO696" s="613"/>
      <c r="FIP696" s="613"/>
      <c r="FIQ696" s="613"/>
      <c r="FIR696" s="613"/>
      <c r="FIS696" s="613"/>
      <c r="FIT696" s="613"/>
      <c r="FIU696" s="613"/>
      <c r="FIV696" s="613"/>
      <c r="FIW696" s="613"/>
      <c r="FIX696" s="613"/>
      <c r="FIY696" s="613"/>
      <c r="FIZ696" s="613"/>
      <c r="FJA696" s="613"/>
      <c r="FJB696" s="613"/>
      <c r="FJC696" s="613"/>
      <c r="FJD696" s="613"/>
      <c r="FJE696" s="613"/>
      <c r="FJF696" s="613"/>
      <c r="FJG696" s="613"/>
      <c r="FJH696" s="613"/>
      <c r="FJI696" s="613"/>
      <c r="FJJ696" s="613"/>
      <c r="FJK696" s="613"/>
      <c r="FJL696" s="613"/>
      <c r="FJM696" s="613"/>
      <c r="FJN696" s="613"/>
      <c r="FJO696" s="613"/>
      <c r="FJP696" s="613"/>
      <c r="FJQ696" s="613"/>
      <c r="FJR696" s="613"/>
      <c r="FJS696" s="613"/>
      <c r="FJT696" s="613"/>
      <c r="FJU696" s="613"/>
      <c r="FJV696" s="613"/>
      <c r="FJW696" s="613"/>
      <c r="FJX696" s="613"/>
      <c r="FJY696" s="613"/>
      <c r="FJZ696" s="613"/>
      <c r="FKA696" s="613"/>
      <c r="FKB696" s="613"/>
      <c r="FKC696" s="613"/>
      <c r="FKD696" s="613"/>
      <c r="FKE696" s="613"/>
      <c r="FKF696" s="613"/>
      <c r="FKG696" s="613"/>
      <c r="FKH696" s="613"/>
      <c r="FKI696" s="613"/>
      <c r="FKJ696" s="613"/>
      <c r="FKK696" s="613"/>
      <c r="FKL696" s="613"/>
      <c r="FKM696" s="613"/>
      <c r="FKN696" s="613"/>
      <c r="FKO696" s="613"/>
      <c r="FKP696" s="613"/>
      <c r="FKQ696" s="613"/>
      <c r="FKR696" s="613"/>
      <c r="FKS696" s="613"/>
      <c r="FKT696" s="613"/>
      <c r="FKU696" s="613"/>
      <c r="FKV696" s="613"/>
      <c r="FKW696" s="613"/>
      <c r="FKX696" s="613"/>
      <c r="FKY696" s="613"/>
      <c r="FKZ696" s="613"/>
      <c r="FLA696" s="613"/>
      <c r="FLB696" s="613"/>
      <c r="FLC696" s="613"/>
      <c r="FLD696" s="613"/>
      <c r="FLE696" s="613"/>
      <c r="FLF696" s="613"/>
      <c r="FLG696" s="613"/>
      <c r="FLH696" s="613"/>
      <c r="FLI696" s="613"/>
      <c r="FLJ696" s="613"/>
      <c r="FLK696" s="613"/>
      <c r="FLL696" s="613"/>
      <c r="FLM696" s="613"/>
      <c r="FLN696" s="613"/>
      <c r="FLO696" s="613"/>
      <c r="FLP696" s="613"/>
      <c r="FLQ696" s="613"/>
      <c r="FLR696" s="613"/>
      <c r="FLS696" s="613"/>
      <c r="FLT696" s="613"/>
      <c r="FLU696" s="613"/>
      <c r="FLV696" s="613"/>
      <c r="FLW696" s="613"/>
      <c r="FLX696" s="613"/>
      <c r="FLY696" s="613"/>
      <c r="FLZ696" s="613"/>
      <c r="FMA696" s="613"/>
      <c r="FMB696" s="613"/>
      <c r="FMC696" s="613"/>
      <c r="FMD696" s="613"/>
      <c r="FME696" s="613"/>
      <c r="FMF696" s="613"/>
      <c r="FMG696" s="613"/>
      <c r="FMH696" s="613"/>
      <c r="FMI696" s="613"/>
      <c r="FMJ696" s="613"/>
      <c r="FMK696" s="613"/>
      <c r="FML696" s="613"/>
      <c r="FMM696" s="613"/>
      <c r="FMN696" s="613"/>
      <c r="FMO696" s="613"/>
      <c r="FMP696" s="613"/>
      <c r="FMQ696" s="613"/>
      <c r="FMR696" s="613"/>
      <c r="FMS696" s="613"/>
      <c r="FMT696" s="613"/>
      <c r="FMU696" s="613"/>
      <c r="FMV696" s="613"/>
      <c r="FMW696" s="613"/>
      <c r="FMX696" s="613"/>
      <c r="FMY696" s="613"/>
      <c r="FMZ696" s="613"/>
      <c r="FNA696" s="613"/>
      <c r="FNB696" s="613"/>
      <c r="FNC696" s="613"/>
      <c r="FND696" s="613"/>
      <c r="FNE696" s="613"/>
      <c r="FNF696" s="613"/>
      <c r="FNG696" s="613"/>
      <c r="FNH696" s="613"/>
      <c r="FNI696" s="613"/>
      <c r="FNJ696" s="613"/>
      <c r="FNK696" s="613"/>
      <c r="FNL696" s="613"/>
      <c r="FNM696" s="613"/>
      <c r="FNN696" s="613"/>
      <c r="FNO696" s="613"/>
      <c r="FNP696" s="613"/>
      <c r="FNQ696" s="613"/>
      <c r="FNR696" s="613"/>
      <c r="FNS696" s="613"/>
      <c r="FNT696" s="613"/>
      <c r="FNU696" s="613"/>
      <c r="FNV696" s="613"/>
      <c r="FNW696" s="613"/>
      <c r="FNX696" s="613"/>
      <c r="FNY696" s="613"/>
      <c r="FNZ696" s="613"/>
      <c r="FOA696" s="613"/>
      <c r="FOB696" s="613"/>
      <c r="FOC696" s="613"/>
      <c r="FOD696" s="613"/>
      <c r="FOE696" s="613"/>
      <c r="FOF696" s="613"/>
      <c r="FOG696" s="613"/>
      <c r="FOH696" s="613"/>
      <c r="FOI696" s="613"/>
      <c r="FOJ696" s="613"/>
      <c r="FOK696" s="613"/>
      <c r="FOL696" s="613"/>
      <c r="FOM696" s="613"/>
      <c r="FON696" s="613"/>
      <c r="FOO696" s="613"/>
      <c r="FOP696" s="613"/>
      <c r="FOQ696" s="613"/>
      <c r="FOR696" s="613"/>
      <c r="FOS696" s="613"/>
      <c r="FOT696" s="613"/>
      <c r="FOU696" s="613"/>
      <c r="FOV696" s="613"/>
      <c r="FOW696" s="613"/>
      <c r="FOX696" s="613"/>
      <c r="FOY696" s="613"/>
      <c r="FOZ696" s="613"/>
      <c r="FPA696" s="613"/>
      <c r="FPB696" s="613"/>
      <c r="FPC696" s="613"/>
      <c r="FPD696" s="613"/>
      <c r="FPE696" s="613"/>
      <c r="FPF696" s="613"/>
      <c r="FPG696" s="613"/>
      <c r="FPH696" s="613"/>
      <c r="FPI696" s="613"/>
      <c r="FPJ696" s="613"/>
      <c r="FPK696" s="613"/>
      <c r="FPL696" s="613"/>
      <c r="FPM696" s="613"/>
      <c r="FPN696" s="613"/>
      <c r="FPO696" s="613"/>
      <c r="FPP696" s="613"/>
      <c r="FPQ696" s="613"/>
      <c r="FPR696" s="613"/>
      <c r="FPS696" s="613"/>
      <c r="FPT696" s="613"/>
      <c r="FPU696" s="613"/>
      <c r="FPV696" s="613"/>
      <c r="FPW696" s="613"/>
      <c r="FPX696" s="613"/>
      <c r="FPY696" s="613"/>
      <c r="FPZ696" s="613"/>
      <c r="FQA696" s="613"/>
      <c r="FQB696" s="613"/>
      <c r="FQC696" s="613"/>
      <c r="FQD696" s="613"/>
      <c r="FQE696" s="613"/>
      <c r="FQF696" s="613"/>
      <c r="FQG696" s="613"/>
      <c r="FQH696" s="613"/>
      <c r="FQI696" s="613"/>
      <c r="FQJ696" s="613"/>
      <c r="FQK696" s="613"/>
      <c r="FQL696" s="613"/>
      <c r="FQM696" s="613"/>
      <c r="FQN696" s="613"/>
      <c r="FQO696" s="613"/>
      <c r="FQP696" s="613"/>
      <c r="FQQ696" s="613"/>
      <c r="FQR696" s="613"/>
      <c r="FQS696" s="613"/>
      <c r="FQT696" s="613"/>
      <c r="FQU696" s="613"/>
      <c r="FQV696" s="613"/>
      <c r="FQW696" s="613"/>
      <c r="FQX696" s="613"/>
      <c r="FQY696" s="613"/>
      <c r="FQZ696" s="613"/>
      <c r="FRA696" s="613"/>
      <c r="FRB696" s="613"/>
      <c r="FRC696" s="613"/>
      <c r="FRD696" s="613"/>
      <c r="FRE696" s="613"/>
      <c r="FRF696" s="613"/>
      <c r="FRG696" s="613"/>
      <c r="FRH696" s="613"/>
      <c r="FRI696" s="613"/>
      <c r="FRJ696" s="613"/>
      <c r="FRK696" s="613"/>
      <c r="FRL696" s="613"/>
      <c r="FRM696" s="613"/>
      <c r="FRN696" s="613"/>
      <c r="FRO696" s="613"/>
      <c r="FRP696" s="613"/>
      <c r="FRQ696" s="613"/>
      <c r="FRR696" s="613"/>
      <c r="FRS696" s="613"/>
      <c r="FRT696" s="613"/>
      <c r="FRU696" s="613"/>
      <c r="FRV696" s="613"/>
      <c r="FRW696" s="613"/>
      <c r="FRX696" s="613"/>
      <c r="FRY696" s="613"/>
      <c r="FRZ696" s="613"/>
      <c r="FSA696" s="613"/>
      <c r="FSB696" s="613"/>
      <c r="FSC696" s="613"/>
      <c r="FSD696" s="613"/>
      <c r="FSE696" s="613"/>
      <c r="FSF696" s="613"/>
      <c r="FSG696" s="613"/>
      <c r="FSH696" s="613"/>
      <c r="FSI696" s="613"/>
      <c r="FSJ696" s="613"/>
      <c r="FSK696" s="613"/>
      <c r="FSL696" s="613"/>
      <c r="FSM696" s="613"/>
      <c r="FSN696" s="613"/>
      <c r="FSO696" s="613"/>
      <c r="FSP696" s="613"/>
      <c r="FSQ696" s="613"/>
      <c r="FSR696" s="613"/>
      <c r="FSS696" s="613"/>
      <c r="FST696" s="613"/>
      <c r="FSU696" s="613"/>
      <c r="FSV696" s="613"/>
      <c r="FSW696" s="613"/>
      <c r="FSX696" s="613"/>
      <c r="FSY696" s="613"/>
      <c r="FSZ696" s="613"/>
      <c r="FTA696" s="613"/>
      <c r="FTB696" s="613"/>
      <c r="FTC696" s="613"/>
      <c r="FTD696" s="613"/>
      <c r="FTE696" s="613"/>
      <c r="FTF696" s="613"/>
      <c r="FTG696" s="613"/>
      <c r="FTH696" s="613"/>
      <c r="FTI696" s="613"/>
      <c r="FTJ696" s="613"/>
      <c r="FTK696" s="613"/>
      <c r="FTL696" s="613"/>
      <c r="FTM696" s="613"/>
      <c r="FTN696" s="613"/>
      <c r="FTO696" s="613"/>
      <c r="FTP696" s="613"/>
      <c r="FTQ696" s="613"/>
      <c r="FTR696" s="613"/>
      <c r="FTS696" s="613"/>
      <c r="FTT696" s="613"/>
      <c r="FTU696" s="613"/>
      <c r="FTV696" s="613"/>
      <c r="FTW696" s="613"/>
      <c r="FTX696" s="613"/>
      <c r="FTY696" s="613"/>
      <c r="FTZ696" s="613"/>
      <c r="FUA696" s="613"/>
      <c r="FUB696" s="613"/>
      <c r="FUC696" s="613"/>
      <c r="FUD696" s="613"/>
      <c r="FUE696" s="613"/>
      <c r="FUF696" s="613"/>
      <c r="FUG696" s="613"/>
      <c r="FUH696" s="613"/>
      <c r="FUI696" s="613"/>
      <c r="FUJ696" s="613"/>
      <c r="FUK696" s="613"/>
      <c r="FUL696" s="613"/>
      <c r="FUM696" s="613"/>
      <c r="FUN696" s="613"/>
      <c r="FUO696" s="613"/>
      <c r="FUP696" s="613"/>
      <c r="FUQ696" s="613"/>
      <c r="FUR696" s="613"/>
      <c r="FUS696" s="613"/>
      <c r="FUT696" s="613"/>
      <c r="FUU696" s="613"/>
      <c r="FUV696" s="613"/>
      <c r="FUW696" s="613"/>
      <c r="FUX696" s="613"/>
      <c r="FUY696" s="613"/>
      <c r="FUZ696" s="613"/>
      <c r="FVA696" s="613"/>
      <c r="FVB696" s="613"/>
      <c r="FVC696" s="613"/>
      <c r="FVD696" s="613"/>
      <c r="FVE696" s="613"/>
      <c r="FVF696" s="613"/>
      <c r="FVG696" s="613"/>
      <c r="FVH696" s="613"/>
      <c r="FVI696" s="613"/>
      <c r="FVJ696" s="613"/>
      <c r="FVK696" s="613"/>
      <c r="FVL696" s="613"/>
      <c r="FVM696" s="613"/>
      <c r="FVN696" s="613"/>
      <c r="FVO696" s="613"/>
      <c r="FVP696" s="613"/>
      <c r="FVQ696" s="613"/>
      <c r="FVR696" s="613"/>
      <c r="FVS696" s="613"/>
      <c r="FVT696" s="613"/>
      <c r="FVU696" s="613"/>
      <c r="FVV696" s="613"/>
      <c r="FVW696" s="613"/>
      <c r="FVX696" s="613"/>
      <c r="FVY696" s="613"/>
      <c r="FVZ696" s="613"/>
      <c r="FWA696" s="613"/>
      <c r="FWB696" s="613"/>
      <c r="FWC696" s="613"/>
      <c r="FWD696" s="613"/>
      <c r="FWE696" s="613"/>
      <c r="FWF696" s="613"/>
      <c r="FWG696" s="613"/>
      <c r="FWH696" s="613"/>
      <c r="FWI696" s="613"/>
      <c r="FWJ696" s="613"/>
      <c r="FWK696" s="613"/>
      <c r="FWL696" s="613"/>
      <c r="FWM696" s="613"/>
      <c r="FWN696" s="613"/>
      <c r="FWO696" s="613"/>
      <c r="FWP696" s="613"/>
      <c r="FWQ696" s="613"/>
      <c r="FWR696" s="613"/>
      <c r="FWS696" s="613"/>
      <c r="FWT696" s="613"/>
      <c r="FWU696" s="613"/>
      <c r="FWV696" s="613"/>
      <c r="FWW696" s="613"/>
      <c r="FWX696" s="613"/>
      <c r="FWY696" s="613"/>
      <c r="FWZ696" s="613"/>
      <c r="FXA696" s="613"/>
      <c r="FXB696" s="613"/>
      <c r="FXC696" s="613"/>
      <c r="FXD696" s="613"/>
      <c r="FXE696" s="613"/>
      <c r="FXF696" s="613"/>
      <c r="FXG696" s="613"/>
      <c r="FXH696" s="613"/>
      <c r="FXI696" s="613"/>
      <c r="FXJ696" s="613"/>
      <c r="FXK696" s="613"/>
      <c r="FXL696" s="613"/>
      <c r="FXM696" s="613"/>
      <c r="FXN696" s="613"/>
      <c r="FXO696" s="613"/>
      <c r="FXP696" s="613"/>
      <c r="FXQ696" s="613"/>
      <c r="FXR696" s="613"/>
      <c r="FXS696" s="613"/>
      <c r="FXT696" s="613"/>
      <c r="FXU696" s="613"/>
      <c r="FXV696" s="613"/>
      <c r="FXW696" s="613"/>
      <c r="FXX696" s="613"/>
      <c r="FXY696" s="613"/>
      <c r="FXZ696" s="613"/>
      <c r="FYA696" s="613"/>
      <c r="FYB696" s="613"/>
      <c r="FYC696" s="613"/>
      <c r="FYD696" s="613"/>
      <c r="FYE696" s="613"/>
      <c r="FYF696" s="613"/>
      <c r="FYG696" s="613"/>
      <c r="FYH696" s="613"/>
      <c r="FYI696" s="613"/>
      <c r="FYJ696" s="613"/>
      <c r="FYK696" s="613"/>
      <c r="FYL696" s="613"/>
      <c r="FYM696" s="613"/>
      <c r="FYN696" s="613"/>
      <c r="FYO696" s="613"/>
      <c r="FYP696" s="613"/>
      <c r="FYQ696" s="613"/>
      <c r="FYR696" s="613"/>
      <c r="FYS696" s="613"/>
      <c r="FYT696" s="613"/>
      <c r="FYU696" s="613"/>
      <c r="FYV696" s="613"/>
      <c r="FYW696" s="613"/>
      <c r="FYX696" s="613"/>
      <c r="FYY696" s="613"/>
      <c r="FYZ696" s="613"/>
      <c r="FZA696" s="613"/>
      <c r="FZB696" s="613"/>
      <c r="FZC696" s="613"/>
      <c r="FZD696" s="613"/>
      <c r="FZE696" s="613"/>
      <c r="FZF696" s="613"/>
      <c r="FZG696" s="613"/>
      <c r="FZH696" s="613"/>
      <c r="FZI696" s="613"/>
      <c r="FZJ696" s="613"/>
      <c r="FZK696" s="613"/>
      <c r="FZL696" s="613"/>
      <c r="FZM696" s="613"/>
      <c r="FZN696" s="613"/>
      <c r="FZO696" s="613"/>
      <c r="FZP696" s="613"/>
      <c r="FZQ696" s="613"/>
      <c r="FZR696" s="613"/>
      <c r="FZS696" s="613"/>
      <c r="FZT696" s="613"/>
      <c r="FZU696" s="613"/>
      <c r="FZV696" s="613"/>
      <c r="FZW696" s="613"/>
      <c r="FZX696" s="613"/>
      <c r="FZY696" s="613"/>
      <c r="FZZ696" s="613"/>
      <c r="GAA696" s="613"/>
      <c r="GAB696" s="613"/>
      <c r="GAC696" s="613"/>
      <c r="GAD696" s="613"/>
      <c r="GAE696" s="613"/>
      <c r="GAF696" s="613"/>
      <c r="GAG696" s="613"/>
      <c r="GAH696" s="613"/>
      <c r="GAI696" s="613"/>
      <c r="GAJ696" s="613"/>
      <c r="GAK696" s="613"/>
      <c r="GAL696" s="613"/>
      <c r="GAM696" s="613"/>
      <c r="GAN696" s="613"/>
      <c r="GAO696" s="613"/>
      <c r="GAP696" s="613"/>
      <c r="GAQ696" s="613"/>
      <c r="GAR696" s="613"/>
      <c r="GAS696" s="613"/>
      <c r="GAT696" s="613"/>
      <c r="GAU696" s="613"/>
      <c r="GAV696" s="613"/>
      <c r="GAW696" s="613"/>
      <c r="GAX696" s="613"/>
      <c r="GAY696" s="613"/>
      <c r="GAZ696" s="613"/>
      <c r="GBA696" s="613"/>
      <c r="GBB696" s="613"/>
      <c r="GBC696" s="613"/>
      <c r="GBD696" s="613"/>
      <c r="GBE696" s="613"/>
      <c r="GBF696" s="613"/>
      <c r="GBG696" s="613"/>
      <c r="GBH696" s="613"/>
      <c r="GBI696" s="613"/>
      <c r="GBJ696" s="613"/>
      <c r="GBK696" s="613"/>
      <c r="GBL696" s="613"/>
      <c r="GBM696" s="613"/>
      <c r="GBN696" s="613"/>
      <c r="GBO696" s="613"/>
      <c r="GBP696" s="613"/>
      <c r="GBQ696" s="613"/>
      <c r="GBR696" s="613"/>
      <c r="GBS696" s="613"/>
      <c r="GBT696" s="613"/>
      <c r="GBU696" s="613"/>
      <c r="GBV696" s="613"/>
      <c r="GBW696" s="613"/>
      <c r="GBX696" s="613"/>
      <c r="GBY696" s="613"/>
      <c r="GBZ696" s="613"/>
      <c r="GCA696" s="613"/>
      <c r="GCB696" s="613"/>
      <c r="GCC696" s="613"/>
      <c r="GCD696" s="613"/>
      <c r="GCE696" s="613"/>
      <c r="GCF696" s="613"/>
      <c r="GCG696" s="613"/>
      <c r="GCH696" s="613"/>
      <c r="GCI696" s="613"/>
      <c r="GCJ696" s="613"/>
      <c r="GCK696" s="613"/>
      <c r="GCL696" s="613"/>
      <c r="GCM696" s="613"/>
      <c r="GCN696" s="613"/>
      <c r="GCO696" s="613"/>
      <c r="GCP696" s="613"/>
      <c r="GCQ696" s="613"/>
      <c r="GCR696" s="613"/>
      <c r="GCS696" s="613"/>
      <c r="GCT696" s="613"/>
      <c r="GCU696" s="613"/>
      <c r="GCV696" s="613"/>
      <c r="GCW696" s="613"/>
      <c r="GCX696" s="613"/>
      <c r="GCY696" s="613"/>
      <c r="GCZ696" s="613"/>
      <c r="GDA696" s="613"/>
      <c r="GDB696" s="613"/>
      <c r="GDC696" s="613"/>
      <c r="GDD696" s="613"/>
      <c r="GDE696" s="613"/>
      <c r="GDF696" s="613"/>
      <c r="GDG696" s="613"/>
      <c r="GDH696" s="613"/>
      <c r="GDI696" s="613"/>
      <c r="GDJ696" s="613"/>
      <c r="GDK696" s="613"/>
      <c r="GDL696" s="613"/>
      <c r="GDM696" s="613"/>
      <c r="GDN696" s="613"/>
      <c r="GDO696" s="613"/>
      <c r="GDP696" s="613"/>
      <c r="GDQ696" s="613"/>
      <c r="GDR696" s="613"/>
      <c r="GDS696" s="613"/>
      <c r="GDT696" s="613"/>
      <c r="GDU696" s="613"/>
      <c r="GDV696" s="613"/>
      <c r="GDW696" s="613"/>
      <c r="GDX696" s="613"/>
      <c r="GDY696" s="613"/>
      <c r="GDZ696" s="613"/>
      <c r="GEA696" s="613"/>
      <c r="GEB696" s="613"/>
      <c r="GEC696" s="613"/>
      <c r="GED696" s="613"/>
      <c r="GEE696" s="613"/>
      <c r="GEF696" s="613"/>
      <c r="GEG696" s="613"/>
      <c r="GEH696" s="613"/>
      <c r="GEI696" s="613"/>
      <c r="GEJ696" s="613"/>
      <c r="GEK696" s="613"/>
      <c r="GEL696" s="613"/>
      <c r="GEM696" s="613"/>
      <c r="GEN696" s="613"/>
      <c r="GEO696" s="613"/>
      <c r="GEP696" s="613"/>
      <c r="GEQ696" s="613"/>
      <c r="GER696" s="613"/>
      <c r="GES696" s="613"/>
      <c r="GET696" s="613"/>
      <c r="GEU696" s="613"/>
      <c r="GEV696" s="613"/>
      <c r="GEW696" s="613"/>
      <c r="GEX696" s="613"/>
      <c r="GEY696" s="613"/>
      <c r="GEZ696" s="613"/>
      <c r="GFA696" s="613"/>
      <c r="GFB696" s="613"/>
      <c r="GFC696" s="613"/>
      <c r="GFD696" s="613"/>
      <c r="GFE696" s="613"/>
      <c r="GFF696" s="613"/>
      <c r="GFG696" s="613"/>
      <c r="GFH696" s="613"/>
      <c r="GFI696" s="613"/>
      <c r="GFJ696" s="613"/>
      <c r="GFK696" s="613"/>
      <c r="GFL696" s="613"/>
      <c r="GFM696" s="613"/>
      <c r="GFN696" s="613"/>
      <c r="GFO696" s="613"/>
      <c r="GFP696" s="613"/>
      <c r="GFQ696" s="613"/>
      <c r="GFR696" s="613"/>
      <c r="GFS696" s="613"/>
      <c r="GFT696" s="613"/>
      <c r="GFU696" s="613"/>
      <c r="GFV696" s="613"/>
      <c r="GFW696" s="613"/>
      <c r="GFX696" s="613"/>
      <c r="GFY696" s="613"/>
      <c r="GFZ696" s="613"/>
      <c r="GGA696" s="613"/>
      <c r="GGB696" s="613"/>
      <c r="GGC696" s="613"/>
      <c r="GGD696" s="613"/>
      <c r="GGE696" s="613"/>
      <c r="GGF696" s="613"/>
      <c r="GGG696" s="613"/>
      <c r="GGH696" s="613"/>
      <c r="GGI696" s="613"/>
      <c r="GGJ696" s="613"/>
      <c r="GGK696" s="613"/>
      <c r="GGL696" s="613"/>
      <c r="GGM696" s="613"/>
      <c r="GGN696" s="613"/>
      <c r="GGO696" s="613"/>
      <c r="GGP696" s="613"/>
      <c r="GGQ696" s="613"/>
      <c r="GGR696" s="613"/>
      <c r="GGS696" s="613"/>
      <c r="GGT696" s="613"/>
      <c r="GGU696" s="613"/>
      <c r="GGV696" s="613"/>
      <c r="GGW696" s="613"/>
      <c r="GGX696" s="613"/>
      <c r="GGY696" s="613"/>
      <c r="GGZ696" s="613"/>
      <c r="GHA696" s="613"/>
      <c r="GHB696" s="613"/>
      <c r="GHC696" s="613"/>
      <c r="GHD696" s="613"/>
      <c r="GHE696" s="613"/>
      <c r="GHF696" s="613"/>
      <c r="GHG696" s="613"/>
      <c r="GHH696" s="613"/>
      <c r="GHI696" s="613"/>
      <c r="GHJ696" s="613"/>
      <c r="GHK696" s="613"/>
      <c r="GHL696" s="613"/>
      <c r="GHM696" s="613"/>
      <c r="GHN696" s="613"/>
      <c r="GHO696" s="613"/>
      <c r="GHP696" s="613"/>
      <c r="GHQ696" s="613"/>
      <c r="GHR696" s="613"/>
      <c r="GHS696" s="613"/>
      <c r="GHT696" s="613"/>
      <c r="GHU696" s="613"/>
      <c r="GHV696" s="613"/>
      <c r="GHW696" s="613"/>
      <c r="GHX696" s="613"/>
      <c r="GHY696" s="613"/>
      <c r="GHZ696" s="613"/>
      <c r="GIA696" s="613"/>
      <c r="GIB696" s="613"/>
      <c r="GIC696" s="613"/>
      <c r="GID696" s="613"/>
      <c r="GIE696" s="613"/>
      <c r="GIF696" s="613"/>
      <c r="GIG696" s="613"/>
      <c r="GIH696" s="613"/>
      <c r="GII696" s="613"/>
      <c r="GIJ696" s="613"/>
      <c r="GIK696" s="613"/>
      <c r="GIL696" s="613"/>
      <c r="GIM696" s="613"/>
      <c r="GIN696" s="613"/>
      <c r="GIO696" s="613"/>
      <c r="GIP696" s="613"/>
      <c r="GIQ696" s="613"/>
      <c r="GIR696" s="613"/>
      <c r="GIS696" s="613"/>
      <c r="GIT696" s="613"/>
      <c r="GIU696" s="613"/>
      <c r="GIV696" s="613"/>
      <c r="GIW696" s="613"/>
      <c r="GIX696" s="613"/>
      <c r="GIY696" s="613"/>
      <c r="GIZ696" s="613"/>
      <c r="GJA696" s="613"/>
      <c r="GJB696" s="613"/>
      <c r="GJC696" s="613"/>
      <c r="GJD696" s="613"/>
      <c r="GJE696" s="613"/>
      <c r="GJF696" s="613"/>
      <c r="GJG696" s="613"/>
      <c r="GJH696" s="613"/>
      <c r="GJI696" s="613"/>
      <c r="GJJ696" s="613"/>
      <c r="GJK696" s="613"/>
      <c r="GJL696" s="613"/>
      <c r="GJM696" s="613"/>
      <c r="GJN696" s="613"/>
      <c r="GJO696" s="613"/>
      <c r="GJP696" s="613"/>
      <c r="GJQ696" s="613"/>
      <c r="GJR696" s="613"/>
      <c r="GJS696" s="613"/>
      <c r="GJT696" s="613"/>
      <c r="GJU696" s="613"/>
      <c r="GJV696" s="613"/>
      <c r="GJW696" s="613"/>
      <c r="GJX696" s="613"/>
      <c r="GJY696" s="613"/>
      <c r="GJZ696" s="613"/>
      <c r="GKA696" s="613"/>
      <c r="GKB696" s="613"/>
      <c r="GKC696" s="613"/>
      <c r="GKD696" s="613"/>
      <c r="GKE696" s="613"/>
      <c r="GKF696" s="613"/>
      <c r="GKG696" s="613"/>
      <c r="GKH696" s="613"/>
      <c r="GKI696" s="613"/>
      <c r="GKJ696" s="613"/>
      <c r="GKK696" s="613"/>
      <c r="GKL696" s="613"/>
      <c r="GKM696" s="613"/>
      <c r="GKN696" s="613"/>
      <c r="GKO696" s="613"/>
      <c r="GKP696" s="613"/>
      <c r="GKQ696" s="613"/>
      <c r="GKR696" s="613"/>
      <c r="GKS696" s="613"/>
      <c r="GKT696" s="613"/>
      <c r="GKU696" s="613"/>
      <c r="GKV696" s="613"/>
      <c r="GKW696" s="613"/>
      <c r="GKX696" s="613"/>
      <c r="GKY696" s="613"/>
      <c r="GKZ696" s="613"/>
      <c r="GLA696" s="613"/>
      <c r="GLB696" s="613"/>
      <c r="GLC696" s="613"/>
      <c r="GLD696" s="613"/>
      <c r="GLE696" s="613"/>
      <c r="GLF696" s="613"/>
      <c r="GLG696" s="613"/>
      <c r="GLH696" s="613"/>
      <c r="GLI696" s="613"/>
      <c r="GLJ696" s="613"/>
      <c r="GLK696" s="613"/>
      <c r="GLL696" s="613"/>
      <c r="GLM696" s="613"/>
      <c r="GLN696" s="613"/>
      <c r="GLO696" s="613"/>
      <c r="GLP696" s="613"/>
      <c r="GLQ696" s="613"/>
      <c r="GLR696" s="613"/>
      <c r="GLS696" s="613"/>
      <c r="GLT696" s="613"/>
      <c r="GLU696" s="613"/>
      <c r="GLV696" s="613"/>
      <c r="GLW696" s="613"/>
      <c r="GLX696" s="613"/>
      <c r="GLY696" s="613"/>
      <c r="GLZ696" s="613"/>
      <c r="GMA696" s="613"/>
      <c r="GMB696" s="613"/>
      <c r="GMC696" s="613"/>
      <c r="GMD696" s="613"/>
      <c r="GME696" s="613"/>
      <c r="GMF696" s="613"/>
      <c r="GMG696" s="613"/>
      <c r="GMH696" s="613"/>
      <c r="GMI696" s="613"/>
      <c r="GMJ696" s="613"/>
      <c r="GMK696" s="613"/>
      <c r="GML696" s="613"/>
      <c r="GMM696" s="613"/>
      <c r="GMN696" s="613"/>
      <c r="GMO696" s="613"/>
      <c r="GMP696" s="613"/>
      <c r="GMQ696" s="613"/>
      <c r="GMR696" s="613"/>
      <c r="GMS696" s="613"/>
      <c r="GMT696" s="613"/>
      <c r="GMU696" s="613"/>
      <c r="GMV696" s="613"/>
      <c r="GMW696" s="613"/>
      <c r="GMX696" s="613"/>
      <c r="GMY696" s="613"/>
      <c r="GMZ696" s="613"/>
      <c r="GNA696" s="613"/>
      <c r="GNB696" s="613"/>
      <c r="GNC696" s="613"/>
      <c r="GND696" s="613"/>
      <c r="GNE696" s="613"/>
      <c r="GNF696" s="613"/>
      <c r="GNG696" s="613"/>
      <c r="GNH696" s="613"/>
      <c r="GNI696" s="613"/>
      <c r="GNJ696" s="613"/>
      <c r="GNK696" s="613"/>
      <c r="GNL696" s="613"/>
      <c r="GNM696" s="613"/>
      <c r="GNN696" s="613"/>
      <c r="GNO696" s="613"/>
      <c r="GNP696" s="613"/>
      <c r="GNQ696" s="613"/>
      <c r="GNR696" s="613"/>
      <c r="GNS696" s="613"/>
      <c r="GNT696" s="613"/>
      <c r="GNU696" s="613"/>
      <c r="GNV696" s="613"/>
      <c r="GNW696" s="613"/>
      <c r="GNX696" s="613"/>
      <c r="GNY696" s="613"/>
      <c r="GNZ696" s="613"/>
      <c r="GOA696" s="613"/>
      <c r="GOB696" s="613"/>
      <c r="GOC696" s="613"/>
      <c r="GOD696" s="613"/>
      <c r="GOE696" s="613"/>
      <c r="GOF696" s="613"/>
      <c r="GOG696" s="613"/>
      <c r="GOH696" s="613"/>
      <c r="GOI696" s="613"/>
      <c r="GOJ696" s="613"/>
      <c r="GOK696" s="613"/>
      <c r="GOL696" s="613"/>
      <c r="GOM696" s="613"/>
      <c r="GON696" s="613"/>
      <c r="GOO696" s="613"/>
      <c r="GOP696" s="613"/>
      <c r="GOQ696" s="613"/>
      <c r="GOR696" s="613"/>
      <c r="GOS696" s="613"/>
      <c r="GOT696" s="613"/>
      <c r="GOU696" s="613"/>
      <c r="GOV696" s="613"/>
      <c r="GOW696" s="613"/>
      <c r="GOX696" s="613"/>
      <c r="GOY696" s="613"/>
      <c r="GOZ696" s="613"/>
      <c r="GPA696" s="613"/>
      <c r="GPB696" s="613"/>
      <c r="GPC696" s="613"/>
      <c r="GPD696" s="613"/>
      <c r="GPE696" s="613"/>
      <c r="GPF696" s="613"/>
      <c r="GPG696" s="613"/>
      <c r="GPH696" s="613"/>
      <c r="GPI696" s="613"/>
      <c r="GPJ696" s="613"/>
      <c r="GPK696" s="613"/>
      <c r="GPL696" s="613"/>
      <c r="GPM696" s="613"/>
      <c r="GPN696" s="613"/>
      <c r="GPO696" s="613"/>
      <c r="GPP696" s="613"/>
      <c r="GPQ696" s="613"/>
      <c r="GPR696" s="613"/>
      <c r="GPS696" s="613"/>
      <c r="GPT696" s="613"/>
      <c r="GPU696" s="613"/>
      <c r="GPV696" s="613"/>
      <c r="GPW696" s="613"/>
      <c r="GPX696" s="613"/>
      <c r="GPY696" s="613"/>
      <c r="GPZ696" s="613"/>
      <c r="GQA696" s="613"/>
      <c r="GQB696" s="613"/>
      <c r="GQC696" s="613"/>
      <c r="GQD696" s="613"/>
      <c r="GQE696" s="613"/>
      <c r="GQF696" s="613"/>
      <c r="GQG696" s="613"/>
      <c r="GQH696" s="613"/>
      <c r="GQI696" s="613"/>
      <c r="GQJ696" s="613"/>
      <c r="GQK696" s="613"/>
      <c r="GQL696" s="613"/>
      <c r="GQM696" s="613"/>
      <c r="GQN696" s="613"/>
      <c r="GQO696" s="613"/>
      <c r="GQP696" s="613"/>
      <c r="GQQ696" s="613"/>
      <c r="GQR696" s="613"/>
      <c r="GQS696" s="613"/>
      <c r="GQT696" s="613"/>
      <c r="GQU696" s="613"/>
      <c r="GQV696" s="613"/>
      <c r="GQW696" s="613"/>
      <c r="GQX696" s="613"/>
      <c r="GQY696" s="613"/>
      <c r="GQZ696" s="613"/>
      <c r="GRA696" s="613"/>
      <c r="GRB696" s="613"/>
      <c r="GRC696" s="613"/>
      <c r="GRD696" s="613"/>
      <c r="GRE696" s="613"/>
      <c r="GRF696" s="613"/>
      <c r="GRG696" s="613"/>
      <c r="GRH696" s="613"/>
      <c r="GRI696" s="613"/>
      <c r="GRJ696" s="613"/>
      <c r="GRK696" s="613"/>
      <c r="GRL696" s="613"/>
      <c r="GRM696" s="613"/>
      <c r="GRN696" s="613"/>
      <c r="GRO696" s="613"/>
      <c r="GRP696" s="613"/>
      <c r="GRQ696" s="613"/>
      <c r="GRR696" s="613"/>
      <c r="GRS696" s="613"/>
      <c r="GRT696" s="613"/>
      <c r="GRU696" s="613"/>
      <c r="GRV696" s="613"/>
      <c r="GRW696" s="613"/>
      <c r="GRX696" s="613"/>
      <c r="GRY696" s="613"/>
      <c r="GRZ696" s="613"/>
      <c r="GSA696" s="613"/>
      <c r="GSB696" s="613"/>
      <c r="GSC696" s="613"/>
      <c r="GSD696" s="613"/>
      <c r="GSE696" s="613"/>
      <c r="GSF696" s="613"/>
      <c r="GSG696" s="613"/>
      <c r="GSH696" s="613"/>
      <c r="GSI696" s="613"/>
      <c r="GSJ696" s="613"/>
      <c r="GSK696" s="613"/>
      <c r="GSL696" s="613"/>
      <c r="GSM696" s="613"/>
      <c r="GSN696" s="613"/>
      <c r="GSO696" s="613"/>
      <c r="GSP696" s="613"/>
      <c r="GSQ696" s="613"/>
      <c r="GSR696" s="613"/>
      <c r="GSS696" s="613"/>
      <c r="GST696" s="613"/>
      <c r="GSU696" s="613"/>
      <c r="GSV696" s="613"/>
      <c r="GSW696" s="613"/>
      <c r="GSX696" s="613"/>
      <c r="GSY696" s="613"/>
      <c r="GSZ696" s="613"/>
      <c r="GTA696" s="613"/>
      <c r="GTB696" s="613"/>
      <c r="GTC696" s="613"/>
      <c r="GTD696" s="613"/>
      <c r="GTE696" s="613"/>
      <c r="GTF696" s="613"/>
      <c r="GTG696" s="613"/>
      <c r="GTH696" s="613"/>
      <c r="GTI696" s="613"/>
      <c r="GTJ696" s="613"/>
      <c r="GTK696" s="613"/>
      <c r="GTL696" s="613"/>
      <c r="GTM696" s="613"/>
      <c r="GTN696" s="613"/>
      <c r="GTO696" s="613"/>
      <c r="GTP696" s="613"/>
      <c r="GTQ696" s="613"/>
      <c r="GTR696" s="613"/>
      <c r="GTS696" s="613"/>
      <c r="GTT696" s="613"/>
      <c r="GTU696" s="613"/>
      <c r="GTV696" s="613"/>
      <c r="GTW696" s="613"/>
      <c r="GTX696" s="613"/>
      <c r="GTY696" s="613"/>
      <c r="GTZ696" s="613"/>
      <c r="GUA696" s="613"/>
      <c r="GUB696" s="613"/>
      <c r="GUC696" s="613"/>
      <c r="GUD696" s="613"/>
      <c r="GUE696" s="613"/>
      <c r="GUF696" s="613"/>
      <c r="GUG696" s="613"/>
      <c r="GUH696" s="613"/>
      <c r="GUI696" s="613"/>
      <c r="GUJ696" s="613"/>
      <c r="GUK696" s="613"/>
      <c r="GUL696" s="613"/>
      <c r="GUM696" s="613"/>
      <c r="GUN696" s="613"/>
      <c r="GUO696" s="613"/>
      <c r="GUP696" s="613"/>
      <c r="GUQ696" s="613"/>
      <c r="GUR696" s="613"/>
      <c r="GUS696" s="613"/>
      <c r="GUT696" s="613"/>
      <c r="GUU696" s="613"/>
      <c r="GUV696" s="613"/>
      <c r="GUW696" s="613"/>
      <c r="GUX696" s="613"/>
      <c r="GUY696" s="613"/>
      <c r="GUZ696" s="613"/>
      <c r="GVA696" s="613"/>
      <c r="GVB696" s="613"/>
      <c r="GVC696" s="613"/>
      <c r="GVD696" s="613"/>
      <c r="GVE696" s="613"/>
      <c r="GVF696" s="613"/>
      <c r="GVG696" s="613"/>
      <c r="GVH696" s="613"/>
      <c r="GVI696" s="613"/>
      <c r="GVJ696" s="613"/>
      <c r="GVK696" s="613"/>
      <c r="GVL696" s="613"/>
      <c r="GVM696" s="613"/>
      <c r="GVN696" s="613"/>
      <c r="GVO696" s="613"/>
      <c r="GVP696" s="613"/>
      <c r="GVQ696" s="613"/>
      <c r="GVR696" s="613"/>
      <c r="GVS696" s="613"/>
      <c r="GVT696" s="613"/>
      <c r="GVU696" s="613"/>
      <c r="GVV696" s="613"/>
      <c r="GVW696" s="613"/>
      <c r="GVX696" s="613"/>
      <c r="GVY696" s="613"/>
      <c r="GVZ696" s="613"/>
      <c r="GWA696" s="613"/>
      <c r="GWB696" s="613"/>
      <c r="GWC696" s="613"/>
      <c r="GWD696" s="613"/>
      <c r="GWE696" s="613"/>
      <c r="GWF696" s="613"/>
      <c r="GWG696" s="613"/>
      <c r="GWH696" s="613"/>
      <c r="GWI696" s="613"/>
      <c r="GWJ696" s="613"/>
      <c r="GWK696" s="613"/>
      <c r="GWL696" s="613"/>
      <c r="GWM696" s="613"/>
      <c r="GWN696" s="613"/>
      <c r="GWO696" s="613"/>
      <c r="GWP696" s="613"/>
      <c r="GWQ696" s="613"/>
      <c r="GWR696" s="613"/>
      <c r="GWS696" s="613"/>
      <c r="GWT696" s="613"/>
      <c r="GWU696" s="613"/>
      <c r="GWV696" s="613"/>
      <c r="GWW696" s="613"/>
      <c r="GWX696" s="613"/>
      <c r="GWY696" s="613"/>
      <c r="GWZ696" s="613"/>
      <c r="GXA696" s="613"/>
      <c r="GXB696" s="613"/>
      <c r="GXC696" s="613"/>
      <c r="GXD696" s="613"/>
      <c r="GXE696" s="613"/>
      <c r="GXF696" s="613"/>
      <c r="GXG696" s="613"/>
      <c r="GXH696" s="613"/>
      <c r="GXI696" s="613"/>
      <c r="GXJ696" s="613"/>
      <c r="GXK696" s="613"/>
      <c r="GXL696" s="613"/>
      <c r="GXM696" s="613"/>
      <c r="GXN696" s="613"/>
      <c r="GXO696" s="613"/>
      <c r="GXP696" s="613"/>
      <c r="GXQ696" s="613"/>
      <c r="GXR696" s="613"/>
      <c r="GXS696" s="613"/>
      <c r="GXT696" s="613"/>
      <c r="GXU696" s="613"/>
      <c r="GXV696" s="613"/>
      <c r="GXW696" s="613"/>
      <c r="GXX696" s="613"/>
      <c r="GXY696" s="613"/>
      <c r="GXZ696" s="613"/>
      <c r="GYA696" s="613"/>
      <c r="GYB696" s="613"/>
      <c r="GYC696" s="613"/>
      <c r="GYD696" s="613"/>
      <c r="GYE696" s="613"/>
      <c r="GYF696" s="613"/>
      <c r="GYG696" s="613"/>
      <c r="GYH696" s="613"/>
      <c r="GYI696" s="613"/>
      <c r="GYJ696" s="613"/>
      <c r="GYK696" s="613"/>
      <c r="GYL696" s="613"/>
      <c r="GYM696" s="613"/>
      <c r="GYN696" s="613"/>
      <c r="GYO696" s="613"/>
      <c r="GYP696" s="613"/>
      <c r="GYQ696" s="613"/>
      <c r="GYR696" s="613"/>
      <c r="GYS696" s="613"/>
      <c r="GYT696" s="613"/>
      <c r="GYU696" s="613"/>
      <c r="GYV696" s="613"/>
      <c r="GYW696" s="613"/>
      <c r="GYX696" s="613"/>
      <c r="GYY696" s="613"/>
      <c r="GYZ696" s="613"/>
      <c r="GZA696" s="613"/>
      <c r="GZB696" s="613"/>
      <c r="GZC696" s="613"/>
      <c r="GZD696" s="613"/>
      <c r="GZE696" s="613"/>
      <c r="GZF696" s="613"/>
      <c r="GZG696" s="613"/>
      <c r="GZH696" s="613"/>
      <c r="GZI696" s="613"/>
      <c r="GZJ696" s="613"/>
      <c r="GZK696" s="613"/>
      <c r="GZL696" s="613"/>
      <c r="GZM696" s="613"/>
      <c r="GZN696" s="613"/>
      <c r="GZO696" s="613"/>
      <c r="GZP696" s="613"/>
      <c r="GZQ696" s="613"/>
      <c r="GZR696" s="613"/>
      <c r="GZS696" s="613"/>
      <c r="GZT696" s="613"/>
      <c r="GZU696" s="613"/>
      <c r="GZV696" s="613"/>
      <c r="GZW696" s="613"/>
      <c r="GZX696" s="613"/>
      <c r="GZY696" s="613"/>
      <c r="GZZ696" s="613"/>
      <c r="HAA696" s="613"/>
      <c r="HAB696" s="613"/>
      <c r="HAC696" s="613"/>
      <c r="HAD696" s="613"/>
      <c r="HAE696" s="613"/>
      <c r="HAF696" s="613"/>
      <c r="HAG696" s="613"/>
      <c r="HAH696" s="613"/>
      <c r="HAI696" s="613"/>
      <c r="HAJ696" s="613"/>
      <c r="HAK696" s="613"/>
      <c r="HAL696" s="613"/>
      <c r="HAM696" s="613"/>
      <c r="HAN696" s="613"/>
      <c r="HAO696" s="613"/>
      <c r="HAP696" s="613"/>
      <c r="HAQ696" s="613"/>
      <c r="HAR696" s="613"/>
      <c r="HAS696" s="613"/>
      <c r="HAT696" s="613"/>
      <c r="HAU696" s="613"/>
      <c r="HAV696" s="613"/>
      <c r="HAW696" s="613"/>
      <c r="HAX696" s="613"/>
      <c r="HAY696" s="613"/>
      <c r="HAZ696" s="613"/>
      <c r="HBA696" s="613"/>
      <c r="HBB696" s="613"/>
      <c r="HBC696" s="613"/>
      <c r="HBD696" s="613"/>
      <c r="HBE696" s="613"/>
      <c r="HBF696" s="613"/>
      <c r="HBG696" s="613"/>
      <c r="HBH696" s="613"/>
      <c r="HBI696" s="613"/>
      <c r="HBJ696" s="613"/>
      <c r="HBK696" s="613"/>
      <c r="HBL696" s="613"/>
      <c r="HBM696" s="613"/>
      <c r="HBN696" s="613"/>
      <c r="HBO696" s="613"/>
      <c r="HBP696" s="613"/>
      <c r="HBQ696" s="613"/>
      <c r="HBR696" s="613"/>
      <c r="HBS696" s="613"/>
      <c r="HBT696" s="613"/>
      <c r="HBU696" s="613"/>
      <c r="HBV696" s="613"/>
      <c r="HBW696" s="613"/>
      <c r="HBX696" s="613"/>
      <c r="HBY696" s="613"/>
      <c r="HBZ696" s="613"/>
      <c r="HCA696" s="613"/>
      <c r="HCB696" s="613"/>
      <c r="HCC696" s="613"/>
      <c r="HCD696" s="613"/>
      <c r="HCE696" s="613"/>
      <c r="HCF696" s="613"/>
      <c r="HCG696" s="613"/>
      <c r="HCH696" s="613"/>
      <c r="HCI696" s="613"/>
      <c r="HCJ696" s="613"/>
      <c r="HCK696" s="613"/>
      <c r="HCL696" s="613"/>
      <c r="HCM696" s="613"/>
      <c r="HCN696" s="613"/>
      <c r="HCO696" s="613"/>
      <c r="HCP696" s="613"/>
      <c r="HCQ696" s="613"/>
      <c r="HCR696" s="613"/>
      <c r="HCS696" s="613"/>
      <c r="HCT696" s="613"/>
      <c r="HCU696" s="613"/>
      <c r="HCV696" s="613"/>
      <c r="HCW696" s="613"/>
      <c r="HCX696" s="613"/>
      <c r="HCY696" s="613"/>
      <c r="HCZ696" s="613"/>
      <c r="HDA696" s="613"/>
      <c r="HDB696" s="613"/>
      <c r="HDC696" s="613"/>
      <c r="HDD696" s="613"/>
      <c r="HDE696" s="613"/>
      <c r="HDF696" s="613"/>
      <c r="HDG696" s="613"/>
      <c r="HDH696" s="613"/>
      <c r="HDI696" s="613"/>
      <c r="HDJ696" s="613"/>
      <c r="HDK696" s="613"/>
      <c r="HDL696" s="613"/>
      <c r="HDM696" s="613"/>
      <c r="HDN696" s="613"/>
      <c r="HDO696" s="613"/>
      <c r="HDP696" s="613"/>
      <c r="HDQ696" s="613"/>
      <c r="HDR696" s="613"/>
      <c r="HDS696" s="613"/>
      <c r="HDT696" s="613"/>
      <c r="HDU696" s="613"/>
      <c r="HDV696" s="613"/>
      <c r="HDW696" s="613"/>
      <c r="HDX696" s="613"/>
      <c r="HDY696" s="613"/>
      <c r="HDZ696" s="613"/>
      <c r="HEA696" s="613"/>
      <c r="HEB696" s="613"/>
      <c r="HEC696" s="613"/>
      <c r="HED696" s="613"/>
      <c r="HEE696" s="613"/>
      <c r="HEF696" s="613"/>
      <c r="HEG696" s="613"/>
      <c r="HEH696" s="613"/>
      <c r="HEI696" s="613"/>
      <c r="HEJ696" s="613"/>
      <c r="HEK696" s="613"/>
      <c r="HEL696" s="613"/>
      <c r="HEM696" s="613"/>
      <c r="HEN696" s="613"/>
      <c r="HEO696" s="613"/>
      <c r="HEP696" s="613"/>
      <c r="HEQ696" s="613"/>
      <c r="HER696" s="613"/>
      <c r="HES696" s="613"/>
      <c r="HET696" s="613"/>
      <c r="HEU696" s="613"/>
      <c r="HEV696" s="613"/>
      <c r="HEW696" s="613"/>
      <c r="HEX696" s="613"/>
      <c r="HEY696" s="613"/>
      <c r="HEZ696" s="613"/>
      <c r="HFA696" s="613"/>
      <c r="HFB696" s="613"/>
      <c r="HFC696" s="613"/>
      <c r="HFD696" s="613"/>
      <c r="HFE696" s="613"/>
      <c r="HFF696" s="613"/>
      <c r="HFG696" s="613"/>
      <c r="HFH696" s="613"/>
      <c r="HFI696" s="613"/>
      <c r="HFJ696" s="613"/>
      <c r="HFK696" s="613"/>
      <c r="HFL696" s="613"/>
      <c r="HFM696" s="613"/>
      <c r="HFN696" s="613"/>
      <c r="HFO696" s="613"/>
      <c r="HFP696" s="613"/>
      <c r="HFQ696" s="613"/>
      <c r="HFR696" s="613"/>
      <c r="HFS696" s="613"/>
      <c r="HFT696" s="613"/>
      <c r="HFU696" s="613"/>
      <c r="HFV696" s="613"/>
      <c r="HFW696" s="613"/>
      <c r="HFX696" s="613"/>
      <c r="HFY696" s="613"/>
      <c r="HFZ696" s="613"/>
      <c r="HGA696" s="613"/>
      <c r="HGB696" s="613"/>
      <c r="HGC696" s="613"/>
      <c r="HGD696" s="613"/>
      <c r="HGE696" s="613"/>
      <c r="HGF696" s="613"/>
      <c r="HGG696" s="613"/>
      <c r="HGH696" s="613"/>
      <c r="HGI696" s="613"/>
      <c r="HGJ696" s="613"/>
      <c r="HGK696" s="613"/>
      <c r="HGL696" s="613"/>
      <c r="HGM696" s="613"/>
      <c r="HGN696" s="613"/>
      <c r="HGO696" s="613"/>
      <c r="HGP696" s="613"/>
      <c r="HGQ696" s="613"/>
      <c r="HGR696" s="613"/>
      <c r="HGS696" s="613"/>
      <c r="HGT696" s="613"/>
      <c r="HGU696" s="613"/>
      <c r="HGV696" s="613"/>
      <c r="HGW696" s="613"/>
      <c r="HGX696" s="613"/>
      <c r="HGY696" s="613"/>
      <c r="HGZ696" s="613"/>
      <c r="HHA696" s="613"/>
      <c r="HHB696" s="613"/>
      <c r="HHC696" s="613"/>
      <c r="HHD696" s="613"/>
      <c r="HHE696" s="613"/>
      <c r="HHF696" s="613"/>
      <c r="HHG696" s="613"/>
      <c r="HHH696" s="613"/>
      <c r="HHI696" s="613"/>
      <c r="HHJ696" s="613"/>
      <c r="HHK696" s="613"/>
      <c r="HHL696" s="613"/>
      <c r="HHM696" s="613"/>
      <c r="HHN696" s="613"/>
      <c r="HHO696" s="613"/>
      <c r="HHP696" s="613"/>
      <c r="HHQ696" s="613"/>
      <c r="HHR696" s="613"/>
      <c r="HHS696" s="613"/>
      <c r="HHT696" s="613"/>
      <c r="HHU696" s="613"/>
      <c r="HHV696" s="613"/>
      <c r="HHW696" s="613"/>
      <c r="HHX696" s="613"/>
      <c r="HHY696" s="613"/>
      <c r="HHZ696" s="613"/>
      <c r="HIA696" s="613"/>
      <c r="HIB696" s="613"/>
      <c r="HIC696" s="613"/>
      <c r="HID696" s="613"/>
      <c r="HIE696" s="613"/>
      <c r="HIF696" s="613"/>
      <c r="HIG696" s="613"/>
      <c r="HIH696" s="613"/>
      <c r="HII696" s="613"/>
      <c r="HIJ696" s="613"/>
      <c r="HIK696" s="613"/>
      <c r="HIL696" s="613"/>
      <c r="HIM696" s="613"/>
      <c r="HIN696" s="613"/>
      <c r="HIO696" s="613"/>
      <c r="HIP696" s="613"/>
      <c r="HIQ696" s="613"/>
      <c r="HIR696" s="613"/>
      <c r="HIS696" s="613"/>
      <c r="HIT696" s="613"/>
      <c r="HIU696" s="613"/>
      <c r="HIV696" s="613"/>
      <c r="HIW696" s="613"/>
      <c r="HIX696" s="613"/>
      <c r="HIY696" s="613"/>
      <c r="HIZ696" s="613"/>
      <c r="HJA696" s="613"/>
      <c r="HJB696" s="613"/>
      <c r="HJC696" s="613"/>
      <c r="HJD696" s="613"/>
      <c r="HJE696" s="613"/>
      <c r="HJF696" s="613"/>
      <c r="HJG696" s="613"/>
      <c r="HJH696" s="613"/>
      <c r="HJI696" s="613"/>
      <c r="HJJ696" s="613"/>
      <c r="HJK696" s="613"/>
      <c r="HJL696" s="613"/>
      <c r="HJM696" s="613"/>
      <c r="HJN696" s="613"/>
      <c r="HJO696" s="613"/>
      <c r="HJP696" s="613"/>
      <c r="HJQ696" s="613"/>
      <c r="HJR696" s="613"/>
      <c r="HJS696" s="613"/>
      <c r="HJT696" s="613"/>
      <c r="HJU696" s="613"/>
      <c r="HJV696" s="613"/>
      <c r="HJW696" s="613"/>
      <c r="HJX696" s="613"/>
      <c r="HJY696" s="613"/>
      <c r="HJZ696" s="613"/>
      <c r="HKA696" s="613"/>
      <c r="HKB696" s="613"/>
      <c r="HKC696" s="613"/>
      <c r="HKD696" s="613"/>
      <c r="HKE696" s="613"/>
      <c r="HKF696" s="613"/>
      <c r="HKG696" s="613"/>
      <c r="HKH696" s="613"/>
      <c r="HKI696" s="613"/>
      <c r="HKJ696" s="613"/>
      <c r="HKK696" s="613"/>
      <c r="HKL696" s="613"/>
      <c r="HKM696" s="613"/>
      <c r="HKN696" s="613"/>
      <c r="HKO696" s="613"/>
      <c r="HKP696" s="613"/>
      <c r="HKQ696" s="613"/>
      <c r="HKR696" s="613"/>
      <c r="HKS696" s="613"/>
      <c r="HKT696" s="613"/>
      <c r="HKU696" s="613"/>
      <c r="HKV696" s="613"/>
      <c r="HKW696" s="613"/>
      <c r="HKX696" s="613"/>
      <c r="HKY696" s="613"/>
      <c r="HKZ696" s="613"/>
      <c r="HLA696" s="613"/>
      <c r="HLB696" s="613"/>
      <c r="HLC696" s="613"/>
      <c r="HLD696" s="613"/>
      <c r="HLE696" s="613"/>
      <c r="HLF696" s="613"/>
      <c r="HLG696" s="613"/>
      <c r="HLH696" s="613"/>
      <c r="HLI696" s="613"/>
      <c r="HLJ696" s="613"/>
      <c r="HLK696" s="613"/>
      <c r="HLL696" s="613"/>
      <c r="HLM696" s="613"/>
      <c r="HLN696" s="613"/>
      <c r="HLO696" s="613"/>
      <c r="HLP696" s="613"/>
      <c r="HLQ696" s="613"/>
      <c r="HLR696" s="613"/>
      <c r="HLS696" s="613"/>
      <c r="HLT696" s="613"/>
      <c r="HLU696" s="613"/>
      <c r="HLV696" s="613"/>
      <c r="HLW696" s="613"/>
      <c r="HLX696" s="613"/>
      <c r="HLY696" s="613"/>
      <c r="HLZ696" s="613"/>
      <c r="HMA696" s="613"/>
      <c r="HMB696" s="613"/>
      <c r="HMC696" s="613"/>
      <c r="HMD696" s="613"/>
      <c r="HME696" s="613"/>
      <c r="HMF696" s="613"/>
      <c r="HMG696" s="613"/>
      <c r="HMH696" s="613"/>
      <c r="HMI696" s="613"/>
      <c r="HMJ696" s="613"/>
      <c r="HMK696" s="613"/>
      <c r="HML696" s="613"/>
      <c r="HMM696" s="613"/>
      <c r="HMN696" s="613"/>
      <c r="HMO696" s="613"/>
      <c r="HMP696" s="613"/>
      <c r="HMQ696" s="613"/>
      <c r="HMR696" s="613"/>
      <c r="HMS696" s="613"/>
      <c r="HMT696" s="613"/>
      <c r="HMU696" s="613"/>
      <c r="HMV696" s="613"/>
      <c r="HMW696" s="613"/>
      <c r="HMX696" s="613"/>
      <c r="HMY696" s="613"/>
      <c r="HMZ696" s="613"/>
      <c r="HNA696" s="613"/>
      <c r="HNB696" s="613"/>
      <c r="HNC696" s="613"/>
      <c r="HND696" s="613"/>
      <c r="HNE696" s="613"/>
      <c r="HNF696" s="613"/>
      <c r="HNG696" s="613"/>
      <c r="HNH696" s="613"/>
      <c r="HNI696" s="613"/>
      <c r="HNJ696" s="613"/>
      <c r="HNK696" s="613"/>
      <c r="HNL696" s="613"/>
      <c r="HNM696" s="613"/>
      <c r="HNN696" s="613"/>
      <c r="HNO696" s="613"/>
      <c r="HNP696" s="613"/>
      <c r="HNQ696" s="613"/>
      <c r="HNR696" s="613"/>
      <c r="HNS696" s="613"/>
      <c r="HNT696" s="613"/>
      <c r="HNU696" s="613"/>
      <c r="HNV696" s="613"/>
      <c r="HNW696" s="613"/>
      <c r="HNX696" s="613"/>
      <c r="HNY696" s="613"/>
      <c r="HNZ696" s="613"/>
      <c r="HOA696" s="613"/>
      <c r="HOB696" s="613"/>
      <c r="HOC696" s="613"/>
      <c r="HOD696" s="613"/>
      <c r="HOE696" s="613"/>
      <c r="HOF696" s="613"/>
      <c r="HOG696" s="613"/>
      <c r="HOH696" s="613"/>
      <c r="HOI696" s="613"/>
      <c r="HOJ696" s="613"/>
      <c r="HOK696" s="613"/>
      <c r="HOL696" s="613"/>
      <c r="HOM696" s="613"/>
      <c r="HON696" s="613"/>
      <c r="HOO696" s="613"/>
      <c r="HOP696" s="613"/>
      <c r="HOQ696" s="613"/>
      <c r="HOR696" s="613"/>
      <c r="HOS696" s="613"/>
      <c r="HOT696" s="613"/>
      <c r="HOU696" s="613"/>
      <c r="HOV696" s="613"/>
      <c r="HOW696" s="613"/>
      <c r="HOX696" s="613"/>
      <c r="HOY696" s="613"/>
      <c r="HOZ696" s="613"/>
      <c r="HPA696" s="613"/>
      <c r="HPB696" s="613"/>
      <c r="HPC696" s="613"/>
      <c r="HPD696" s="613"/>
      <c r="HPE696" s="613"/>
      <c r="HPF696" s="613"/>
      <c r="HPG696" s="613"/>
      <c r="HPH696" s="613"/>
      <c r="HPI696" s="613"/>
      <c r="HPJ696" s="613"/>
      <c r="HPK696" s="613"/>
      <c r="HPL696" s="613"/>
      <c r="HPM696" s="613"/>
      <c r="HPN696" s="613"/>
      <c r="HPO696" s="613"/>
      <c r="HPP696" s="613"/>
      <c r="HPQ696" s="613"/>
      <c r="HPR696" s="613"/>
      <c r="HPS696" s="613"/>
      <c r="HPT696" s="613"/>
      <c r="HPU696" s="613"/>
      <c r="HPV696" s="613"/>
      <c r="HPW696" s="613"/>
      <c r="HPX696" s="613"/>
      <c r="HPY696" s="613"/>
      <c r="HPZ696" s="613"/>
      <c r="HQA696" s="613"/>
      <c r="HQB696" s="613"/>
      <c r="HQC696" s="613"/>
      <c r="HQD696" s="613"/>
      <c r="HQE696" s="613"/>
      <c r="HQF696" s="613"/>
      <c r="HQG696" s="613"/>
      <c r="HQH696" s="613"/>
      <c r="HQI696" s="613"/>
      <c r="HQJ696" s="613"/>
      <c r="HQK696" s="613"/>
      <c r="HQL696" s="613"/>
      <c r="HQM696" s="613"/>
      <c r="HQN696" s="613"/>
      <c r="HQO696" s="613"/>
      <c r="HQP696" s="613"/>
      <c r="HQQ696" s="613"/>
      <c r="HQR696" s="613"/>
      <c r="HQS696" s="613"/>
      <c r="HQT696" s="613"/>
      <c r="HQU696" s="613"/>
      <c r="HQV696" s="613"/>
      <c r="HQW696" s="613"/>
      <c r="HQX696" s="613"/>
      <c r="HQY696" s="613"/>
      <c r="HQZ696" s="613"/>
      <c r="HRA696" s="613"/>
      <c r="HRB696" s="613"/>
      <c r="HRC696" s="613"/>
      <c r="HRD696" s="613"/>
      <c r="HRE696" s="613"/>
      <c r="HRF696" s="613"/>
      <c r="HRG696" s="613"/>
      <c r="HRH696" s="613"/>
      <c r="HRI696" s="613"/>
      <c r="HRJ696" s="613"/>
      <c r="HRK696" s="613"/>
      <c r="HRL696" s="613"/>
      <c r="HRM696" s="613"/>
      <c r="HRN696" s="613"/>
      <c r="HRO696" s="613"/>
      <c r="HRP696" s="613"/>
      <c r="HRQ696" s="613"/>
      <c r="HRR696" s="613"/>
      <c r="HRS696" s="613"/>
      <c r="HRT696" s="613"/>
      <c r="HRU696" s="613"/>
      <c r="HRV696" s="613"/>
      <c r="HRW696" s="613"/>
      <c r="HRX696" s="613"/>
      <c r="HRY696" s="613"/>
      <c r="HRZ696" s="613"/>
      <c r="HSA696" s="613"/>
      <c r="HSB696" s="613"/>
      <c r="HSC696" s="613"/>
      <c r="HSD696" s="613"/>
      <c r="HSE696" s="613"/>
      <c r="HSF696" s="613"/>
      <c r="HSG696" s="613"/>
      <c r="HSH696" s="613"/>
      <c r="HSI696" s="613"/>
      <c r="HSJ696" s="613"/>
      <c r="HSK696" s="613"/>
      <c r="HSL696" s="613"/>
      <c r="HSM696" s="613"/>
      <c r="HSN696" s="613"/>
      <c r="HSO696" s="613"/>
      <c r="HSP696" s="613"/>
      <c r="HSQ696" s="613"/>
      <c r="HSR696" s="613"/>
      <c r="HSS696" s="613"/>
      <c r="HST696" s="613"/>
      <c r="HSU696" s="613"/>
      <c r="HSV696" s="613"/>
      <c r="HSW696" s="613"/>
      <c r="HSX696" s="613"/>
      <c r="HSY696" s="613"/>
      <c r="HSZ696" s="613"/>
      <c r="HTA696" s="613"/>
      <c r="HTB696" s="613"/>
      <c r="HTC696" s="613"/>
      <c r="HTD696" s="613"/>
      <c r="HTE696" s="613"/>
      <c r="HTF696" s="613"/>
      <c r="HTG696" s="613"/>
      <c r="HTH696" s="613"/>
      <c r="HTI696" s="613"/>
      <c r="HTJ696" s="613"/>
      <c r="HTK696" s="613"/>
      <c r="HTL696" s="613"/>
      <c r="HTM696" s="613"/>
      <c r="HTN696" s="613"/>
      <c r="HTO696" s="613"/>
      <c r="HTP696" s="613"/>
      <c r="HTQ696" s="613"/>
      <c r="HTR696" s="613"/>
      <c r="HTS696" s="613"/>
      <c r="HTT696" s="613"/>
      <c r="HTU696" s="613"/>
      <c r="HTV696" s="613"/>
      <c r="HTW696" s="613"/>
      <c r="HTX696" s="613"/>
      <c r="HTY696" s="613"/>
      <c r="HTZ696" s="613"/>
      <c r="HUA696" s="613"/>
      <c r="HUB696" s="613"/>
      <c r="HUC696" s="613"/>
      <c r="HUD696" s="613"/>
      <c r="HUE696" s="613"/>
      <c r="HUF696" s="613"/>
      <c r="HUG696" s="613"/>
      <c r="HUH696" s="613"/>
      <c r="HUI696" s="613"/>
      <c r="HUJ696" s="613"/>
      <c r="HUK696" s="613"/>
      <c r="HUL696" s="613"/>
      <c r="HUM696" s="613"/>
      <c r="HUN696" s="613"/>
      <c r="HUO696" s="613"/>
      <c r="HUP696" s="613"/>
      <c r="HUQ696" s="613"/>
      <c r="HUR696" s="613"/>
      <c r="HUS696" s="613"/>
      <c r="HUT696" s="613"/>
      <c r="HUU696" s="613"/>
      <c r="HUV696" s="613"/>
      <c r="HUW696" s="613"/>
      <c r="HUX696" s="613"/>
      <c r="HUY696" s="613"/>
      <c r="HUZ696" s="613"/>
      <c r="HVA696" s="613"/>
      <c r="HVB696" s="613"/>
      <c r="HVC696" s="613"/>
      <c r="HVD696" s="613"/>
      <c r="HVE696" s="613"/>
      <c r="HVF696" s="613"/>
      <c r="HVG696" s="613"/>
      <c r="HVH696" s="613"/>
      <c r="HVI696" s="613"/>
      <c r="HVJ696" s="613"/>
      <c r="HVK696" s="613"/>
      <c r="HVL696" s="613"/>
      <c r="HVM696" s="613"/>
      <c r="HVN696" s="613"/>
      <c r="HVO696" s="613"/>
      <c r="HVP696" s="613"/>
      <c r="HVQ696" s="613"/>
      <c r="HVR696" s="613"/>
      <c r="HVS696" s="613"/>
      <c r="HVT696" s="613"/>
      <c r="HVU696" s="613"/>
      <c r="HVV696" s="613"/>
      <c r="HVW696" s="613"/>
      <c r="HVX696" s="613"/>
      <c r="HVY696" s="613"/>
      <c r="HVZ696" s="613"/>
      <c r="HWA696" s="613"/>
      <c r="HWB696" s="613"/>
      <c r="HWC696" s="613"/>
      <c r="HWD696" s="613"/>
      <c r="HWE696" s="613"/>
      <c r="HWF696" s="613"/>
      <c r="HWG696" s="613"/>
      <c r="HWH696" s="613"/>
      <c r="HWI696" s="613"/>
      <c r="HWJ696" s="613"/>
      <c r="HWK696" s="613"/>
      <c r="HWL696" s="613"/>
      <c r="HWM696" s="613"/>
      <c r="HWN696" s="613"/>
      <c r="HWO696" s="613"/>
      <c r="HWP696" s="613"/>
      <c r="HWQ696" s="613"/>
      <c r="HWR696" s="613"/>
      <c r="HWS696" s="613"/>
      <c r="HWT696" s="613"/>
      <c r="HWU696" s="613"/>
      <c r="HWV696" s="613"/>
      <c r="HWW696" s="613"/>
      <c r="HWX696" s="613"/>
      <c r="HWY696" s="613"/>
      <c r="HWZ696" s="613"/>
      <c r="HXA696" s="613"/>
      <c r="HXB696" s="613"/>
      <c r="HXC696" s="613"/>
      <c r="HXD696" s="613"/>
      <c r="HXE696" s="613"/>
      <c r="HXF696" s="613"/>
      <c r="HXG696" s="613"/>
      <c r="HXH696" s="613"/>
      <c r="HXI696" s="613"/>
      <c r="HXJ696" s="613"/>
      <c r="HXK696" s="613"/>
      <c r="HXL696" s="613"/>
      <c r="HXM696" s="613"/>
      <c r="HXN696" s="613"/>
      <c r="HXO696" s="613"/>
      <c r="HXP696" s="613"/>
      <c r="HXQ696" s="613"/>
      <c r="HXR696" s="613"/>
      <c r="HXS696" s="613"/>
      <c r="HXT696" s="613"/>
      <c r="HXU696" s="613"/>
      <c r="HXV696" s="613"/>
      <c r="HXW696" s="613"/>
      <c r="HXX696" s="613"/>
      <c r="HXY696" s="613"/>
      <c r="HXZ696" s="613"/>
      <c r="HYA696" s="613"/>
      <c r="HYB696" s="613"/>
      <c r="HYC696" s="613"/>
      <c r="HYD696" s="613"/>
      <c r="HYE696" s="613"/>
      <c r="HYF696" s="613"/>
      <c r="HYG696" s="613"/>
      <c r="HYH696" s="613"/>
      <c r="HYI696" s="613"/>
      <c r="HYJ696" s="613"/>
      <c r="HYK696" s="613"/>
      <c r="HYL696" s="613"/>
      <c r="HYM696" s="613"/>
      <c r="HYN696" s="613"/>
      <c r="HYO696" s="613"/>
      <c r="HYP696" s="613"/>
      <c r="HYQ696" s="613"/>
      <c r="HYR696" s="613"/>
      <c r="HYS696" s="613"/>
      <c r="HYT696" s="613"/>
      <c r="HYU696" s="613"/>
      <c r="HYV696" s="613"/>
      <c r="HYW696" s="613"/>
      <c r="HYX696" s="613"/>
      <c r="HYY696" s="613"/>
      <c r="HYZ696" s="613"/>
      <c r="HZA696" s="613"/>
      <c r="HZB696" s="613"/>
      <c r="HZC696" s="613"/>
      <c r="HZD696" s="613"/>
      <c r="HZE696" s="613"/>
      <c r="HZF696" s="613"/>
      <c r="HZG696" s="613"/>
      <c r="HZH696" s="613"/>
      <c r="HZI696" s="613"/>
      <c r="HZJ696" s="613"/>
      <c r="HZK696" s="613"/>
      <c r="HZL696" s="613"/>
      <c r="HZM696" s="613"/>
      <c r="HZN696" s="613"/>
      <c r="HZO696" s="613"/>
      <c r="HZP696" s="613"/>
      <c r="HZQ696" s="613"/>
      <c r="HZR696" s="613"/>
      <c r="HZS696" s="613"/>
      <c r="HZT696" s="613"/>
      <c r="HZU696" s="613"/>
      <c r="HZV696" s="613"/>
      <c r="HZW696" s="613"/>
      <c r="HZX696" s="613"/>
      <c r="HZY696" s="613"/>
      <c r="HZZ696" s="613"/>
      <c r="IAA696" s="613"/>
      <c r="IAB696" s="613"/>
      <c r="IAC696" s="613"/>
      <c r="IAD696" s="613"/>
      <c r="IAE696" s="613"/>
      <c r="IAF696" s="613"/>
      <c r="IAG696" s="613"/>
      <c r="IAH696" s="613"/>
      <c r="IAI696" s="613"/>
      <c r="IAJ696" s="613"/>
      <c r="IAK696" s="613"/>
      <c r="IAL696" s="613"/>
      <c r="IAM696" s="613"/>
      <c r="IAN696" s="613"/>
      <c r="IAO696" s="613"/>
      <c r="IAP696" s="613"/>
      <c r="IAQ696" s="613"/>
      <c r="IAR696" s="613"/>
      <c r="IAS696" s="613"/>
      <c r="IAT696" s="613"/>
      <c r="IAU696" s="613"/>
      <c r="IAV696" s="613"/>
      <c r="IAW696" s="613"/>
      <c r="IAX696" s="613"/>
      <c r="IAY696" s="613"/>
      <c r="IAZ696" s="613"/>
      <c r="IBA696" s="613"/>
      <c r="IBB696" s="613"/>
      <c r="IBC696" s="613"/>
      <c r="IBD696" s="613"/>
      <c r="IBE696" s="613"/>
      <c r="IBF696" s="613"/>
      <c r="IBG696" s="613"/>
      <c r="IBH696" s="613"/>
      <c r="IBI696" s="613"/>
      <c r="IBJ696" s="613"/>
      <c r="IBK696" s="613"/>
      <c r="IBL696" s="613"/>
      <c r="IBM696" s="613"/>
      <c r="IBN696" s="613"/>
      <c r="IBO696" s="613"/>
      <c r="IBP696" s="613"/>
      <c r="IBQ696" s="613"/>
      <c r="IBR696" s="613"/>
      <c r="IBS696" s="613"/>
      <c r="IBT696" s="613"/>
      <c r="IBU696" s="613"/>
      <c r="IBV696" s="613"/>
      <c r="IBW696" s="613"/>
      <c r="IBX696" s="613"/>
      <c r="IBY696" s="613"/>
      <c r="IBZ696" s="613"/>
      <c r="ICA696" s="613"/>
      <c r="ICB696" s="613"/>
      <c r="ICC696" s="613"/>
      <c r="ICD696" s="613"/>
      <c r="ICE696" s="613"/>
      <c r="ICF696" s="613"/>
      <c r="ICG696" s="613"/>
      <c r="ICH696" s="613"/>
      <c r="ICI696" s="613"/>
      <c r="ICJ696" s="613"/>
      <c r="ICK696" s="613"/>
      <c r="ICL696" s="613"/>
      <c r="ICM696" s="613"/>
      <c r="ICN696" s="613"/>
      <c r="ICO696" s="613"/>
      <c r="ICP696" s="613"/>
      <c r="ICQ696" s="613"/>
      <c r="ICR696" s="613"/>
      <c r="ICS696" s="613"/>
      <c r="ICT696" s="613"/>
      <c r="ICU696" s="613"/>
      <c r="ICV696" s="613"/>
      <c r="ICW696" s="613"/>
      <c r="ICX696" s="613"/>
      <c r="ICY696" s="613"/>
      <c r="ICZ696" s="613"/>
      <c r="IDA696" s="613"/>
      <c r="IDB696" s="613"/>
      <c r="IDC696" s="613"/>
      <c r="IDD696" s="613"/>
      <c r="IDE696" s="613"/>
      <c r="IDF696" s="613"/>
      <c r="IDG696" s="613"/>
      <c r="IDH696" s="613"/>
      <c r="IDI696" s="613"/>
      <c r="IDJ696" s="613"/>
      <c r="IDK696" s="613"/>
      <c r="IDL696" s="613"/>
      <c r="IDM696" s="613"/>
      <c r="IDN696" s="613"/>
      <c r="IDO696" s="613"/>
      <c r="IDP696" s="613"/>
      <c r="IDQ696" s="613"/>
      <c r="IDR696" s="613"/>
      <c r="IDS696" s="613"/>
      <c r="IDT696" s="613"/>
      <c r="IDU696" s="613"/>
      <c r="IDV696" s="613"/>
      <c r="IDW696" s="613"/>
      <c r="IDX696" s="613"/>
      <c r="IDY696" s="613"/>
      <c r="IDZ696" s="613"/>
      <c r="IEA696" s="613"/>
      <c r="IEB696" s="613"/>
      <c r="IEC696" s="613"/>
      <c r="IED696" s="613"/>
      <c r="IEE696" s="613"/>
      <c r="IEF696" s="613"/>
      <c r="IEG696" s="613"/>
      <c r="IEH696" s="613"/>
      <c r="IEI696" s="613"/>
      <c r="IEJ696" s="613"/>
      <c r="IEK696" s="613"/>
      <c r="IEL696" s="613"/>
      <c r="IEM696" s="613"/>
      <c r="IEN696" s="613"/>
      <c r="IEO696" s="613"/>
      <c r="IEP696" s="613"/>
      <c r="IEQ696" s="613"/>
      <c r="IER696" s="613"/>
      <c r="IES696" s="613"/>
      <c r="IET696" s="613"/>
      <c r="IEU696" s="613"/>
      <c r="IEV696" s="613"/>
      <c r="IEW696" s="613"/>
      <c r="IEX696" s="613"/>
      <c r="IEY696" s="613"/>
      <c r="IEZ696" s="613"/>
      <c r="IFA696" s="613"/>
      <c r="IFB696" s="613"/>
      <c r="IFC696" s="613"/>
      <c r="IFD696" s="613"/>
      <c r="IFE696" s="613"/>
      <c r="IFF696" s="613"/>
      <c r="IFG696" s="613"/>
      <c r="IFH696" s="613"/>
      <c r="IFI696" s="613"/>
      <c r="IFJ696" s="613"/>
      <c r="IFK696" s="613"/>
      <c r="IFL696" s="613"/>
      <c r="IFM696" s="613"/>
      <c r="IFN696" s="613"/>
      <c r="IFO696" s="613"/>
      <c r="IFP696" s="613"/>
      <c r="IFQ696" s="613"/>
      <c r="IFR696" s="613"/>
      <c r="IFS696" s="613"/>
      <c r="IFT696" s="613"/>
      <c r="IFU696" s="613"/>
      <c r="IFV696" s="613"/>
      <c r="IFW696" s="613"/>
      <c r="IFX696" s="613"/>
      <c r="IFY696" s="613"/>
      <c r="IFZ696" s="613"/>
      <c r="IGA696" s="613"/>
      <c r="IGB696" s="613"/>
      <c r="IGC696" s="613"/>
      <c r="IGD696" s="613"/>
      <c r="IGE696" s="613"/>
      <c r="IGF696" s="613"/>
      <c r="IGG696" s="613"/>
      <c r="IGH696" s="613"/>
      <c r="IGI696" s="613"/>
      <c r="IGJ696" s="613"/>
      <c r="IGK696" s="613"/>
      <c r="IGL696" s="613"/>
      <c r="IGM696" s="613"/>
      <c r="IGN696" s="613"/>
      <c r="IGO696" s="613"/>
      <c r="IGP696" s="613"/>
      <c r="IGQ696" s="613"/>
      <c r="IGR696" s="613"/>
      <c r="IGS696" s="613"/>
      <c r="IGT696" s="613"/>
      <c r="IGU696" s="613"/>
      <c r="IGV696" s="613"/>
      <c r="IGW696" s="613"/>
      <c r="IGX696" s="613"/>
      <c r="IGY696" s="613"/>
      <c r="IGZ696" s="613"/>
      <c r="IHA696" s="613"/>
      <c r="IHB696" s="613"/>
      <c r="IHC696" s="613"/>
      <c r="IHD696" s="613"/>
      <c r="IHE696" s="613"/>
      <c r="IHF696" s="613"/>
      <c r="IHG696" s="613"/>
      <c r="IHH696" s="613"/>
      <c r="IHI696" s="613"/>
      <c r="IHJ696" s="613"/>
      <c r="IHK696" s="613"/>
      <c r="IHL696" s="613"/>
      <c r="IHM696" s="613"/>
      <c r="IHN696" s="613"/>
      <c r="IHO696" s="613"/>
      <c r="IHP696" s="613"/>
      <c r="IHQ696" s="613"/>
      <c r="IHR696" s="613"/>
      <c r="IHS696" s="613"/>
      <c r="IHT696" s="613"/>
      <c r="IHU696" s="613"/>
      <c r="IHV696" s="613"/>
      <c r="IHW696" s="613"/>
      <c r="IHX696" s="613"/>
      <c r="IHY696" s="613"/>
      <c r="IHZ696" s="613"/>
      <c r="IIA696" s="613"/>
      <c r="IIB696" s="613"/>
      <c r="IIC696" s="613"/>
      <c r="IID696" s="613"/>
      <c r="IIE696" s="613"/>
      <c r="IIF696" s="613"/>
      <c r="IIG696" s="613"/>
      <c r="IIH696" s="613"/>
      <c r="III696" s="613"/>
      <c r="IIJ696" s="613"/>
      <c r="IIK696" s="613"/>
      <c r="IIL696" s="613"/>
      <c r="IIM696" s="613"/>
      <c r="IIN696" s="613"/>
      <c r="IIO696" s="613"/>
      <c r="IIP696" s="613"/>
      <c r="IIQ696" s="613"/>
      <c r="IIR696" s="613"/>
      <c r="IIS696" s="613"/>
      <c r="IIT696" s="613"/>
      <c r="IIU696" s="613"/>
      <c r="IIV696" s="613"/>
      <c r="IIW696" s="613"/>
      <c r="IIX696" s="613"/>
      <c r="IIY696" s="613"/>
      <c r="IIZ696" s="613"/>
      <c r="IJA696" s="613"/>
      <c r="IJB696" s="613"/>
      <c r="IJC696" s="613"/>
      <c r="IJD696" s="613"/>
      <c r="IJE696" s="613"/>
      <c r="IJF696" s="613"/>
      <c r="IJG696" s="613"/>
      <c r="IJH696" s="613"/>
      <c r="IJI696" s="613"/>
      <c r="IJJ696" s="613"/>
      <c r="IJK696" s="613"/>
      <c r="IJL696" s="613"/>
      <c r="IJM696" s="613"/>
      <c r="IJN696" s="613"/>
      <c r="IJO696" s="613"/>
      <c r="IJP696" s="613"/>
      <c r="IJQ696" s="613"/>
      <c r="IJR696" s="613"/>
      <c r="IJS696" s="613"/>
      <c r="IJT696" s="613"/>
      <c r="IJU696" s="613"/>
      <c r="IJV696" s="613"/>
      <c r="IJW696" s="613"/>
      <c r="IJX696" s="613"/>
      <c r="IJY696" s="613"/>
      <c r="IJZ696" s="613"/>
      <c r="IKA696" s="613"/>
      <c r="IKB696" s="613"/>
      <c r="IKC696" s="613"/>
      <c r="IKD696" s="613"/>
      <c r="IKE696" s="613"/>
      <c r="IKF696" s="613"/>
      <c r="IKG696" s="613"/>
      <c r="IKH696" s="613"/>
      <c r="IKI696" s="613"/>
      <c r="IKJ696" s="613"/>
      <c r="IKK696" s="613"/>
      <c r="IKL696" s="613"/>
      <c r="IKM696" s="613"/>
      <c r="IKN696" s="613"/>
      <c r="IKO696" s="613"/>
      <c r="IKP696" s="613"/>
      <c r="IKQ696" s="613"/>
      <c r="IKR696" s="613"/>
      <c r="IKS696" s="613"/>
      <c r="IKT696" s="613"/>
      <c r="IKU696" s="613"/>
      <c r="IKV696" s="613"/>
      <c r="IKW696" s="613"/>
      <c r="IKX696" s="613"/>
      <c r="IKY696" s="613"/>
      <c r="IKZ696" s="613"/>
      <c r="ILA696" s="613"/>
      <c r="ILB696" s="613"/>
      <c r="ILC696" s="613"/>
      <c r="ILD696" s="613"/>
      <c r="ILE696" s="613"/>
      <c r="ILF696" s="613"/>
      <c r="ILG696" s="613"/>
      <c r="ILH696" s="613"/>
      <c r="ILI696" s="613"/>
      <c r="ILJ696" s="613"/>
      <c r="ILK696" s="613"/>
      <c r="ILL696" s="613"/>
      <c r="ILM696" s="613"/>
      <c r="ILN696" s="613"/>
      <c r="ILO696" s="613"/>
      <c r="ILP696" s="613"/>
      <c r="ILQ696" s="613"/>
      <c r="ILR696" s="613"/>
      <c r="ILS696" s="613"/>
      <c r="ILT696" s="613"/>
      <c r="ILU696" s="613"/>
      <c r="ILV696" s="613"/>
      <c r="ILW696" s="613"/>
      <c r="ILX696" s="613"/>
      <c r="ILY696" s="613"/>
      <c r="ILZ696" s="613"/>
      <c r="IMA696" s="613"/>
      <c r="IMB696" s="613"/>
      <c r="IMC696" s="613"/>
      <c r="IMD696" s="613"/>
      <c r="IME696" s="613"/>
      <c r="IMF696" s="613"/>
      <c r="IMG696" s="613"/>
      <c r="IMH696" s="613"/>
      <c r="IMI696" s="613"/>
      <c r="IMJ696" s="613"/>
      <c r="IMK696" s="613"/>
      <c r="IML696" s="613"/>
      <c r="IMM696" s="613"/>
      <c r="IMN696" s="613"/>
      <c r="IMO696" s="613"/>
      <c r="IMP696" s="613"/>
      <c r="IMQ696" s="613"/>
      <c r="IMR696" s="613"/>
      <c r="IMS696" s="613"/>
      <c r="IMT696" s="613"/>
      <c r="IMU696" s="613"/>
      <c r="IMV696" s="613"/>
      <c r="IMW696" s="613"/>
      <c r="IMX696" s="613"/>
      <c r="IMY696" s="613"/>
      <c r="IMZ696" s="613"/>
      <c r="INA696" s="613"/>
      <c r="INB696" s="613"/>
      <c r="INC696" s="613"/>
      <c r="IND696" s="613"/>
      <c r="INE696" s="613"/>
      <c r="INF696" s="613"/>
      <c r="ING696" s="613"/>
      <c r="INH696" s="613"/>
      <c r="INI696" s="613"/>
      <c r="INJ696" s="613"/>
      <c r="INK696" s="613"/>
      <c r="INL696" s="613"/>
      <c r="INM696" s="613"/>
      <c r="INN696" s="613"/>
      <c r="INO696" s="613"/>
      <c r="INP696" s="613"/>
      <c r="INQ696" s="613"/>
      <c r="INR696" s="613"/>
      <c r="INS696" s="613"/>
      <c r="INT696" s="613"/>
      <c r="INU696" s="613"/>
      <c r="INV696" s="613"/>
      <c r="INW696" s="613"/>
      <c r="INX696" s="613"/>
      <c r="INY696" s="613"/>
      <c r="INZ696" s="613"/>
      <c r="IOA696" s="613"/>
      <c r="IOB696" s="613"/>
      <c r="IOC696" s="613"/>
      <c r="IOD696" s="613"/>
      <c r="IOE696" s="613"/>
      <c r="IOF696" s="613"/>
      <c r="IOG696" s="613"/>
      <c r="IOH696" s="613"/>
      <c r="IOI696" s="613"/>
      <c r="IOJ696" s="613"/>
      <c r="IOK696" s="613"/>
      <c r="IOL696" s="613"/>
      <c r="IOM696" s="613"/>
      <c r="ION696" s="613"/>
      <c r="IOO696" s="613"/>
      <c r="IOP696" s="613"/>
      <c r="IOQ696" s="613"/>
      <c r="IOR696" s="613"/>
      <c r="IOS696" s="613"/>
      <c r="IOT696" s="613"/>
      <c r="IOU696" s="613"/>
      <c r="IOV696" s="613"/>
      <c r="IOW696" s="613"/>
      <c r="IOX696" s="613"/>
      <c r="IOY696" s="613"/>
      <c r="IOZ696" s="613"/>
      <c r="IPA696" s="613"/>
      <c r="IPB696" s="613"/>
      <c r="IPC696" s="613"/>
      <c r="IPD696" s="613"/>
      <c r="IPE696" s="613"/>
      <c r="IPF696" s="613"/>
      <c r="IPG696" s="613"/>
      <c r="IPH696" s="613"/>
      <c r="IPI696" s="613"/>
      <c r="IPJ696" s="613"/>
      <c r="IPK696" s="613"/>
      <c r="IPL696" s="613"/>
      <c r="IPM696" s="613"/>
      <c r="IPN696" s="613"/>
      <c r="IPO696" s="613"/>
      <c r="IPP696" s="613"/>
      <c r="IPQ696" s="613"/>
      <c r="IPR696" s="613"/>
      <c r="IPS696" s="613"/>
      <c r="IPT696" s="613"/>
      <c r="IPU696" s="613"/>
      <c r="IPV696" s="613"/>
      <c r="IPW696" s="613"/>
      <c r="IPX696" s="613"/>
      <c r="IPY696" s="613"/>
      <c r="IPZ696" s="613"/>
      <c r="IQA696" s="613"/>
      <c r="IQB696" s="613"/>
      <c r="IQC696" s="613"/>
      <c r="IQD696" s="613"/>
      <c r="IQE696" s="613"/>
      <c r="IQF696" s="613"/>
      <c r="IQG696" s="613"/>
      <c r="IQH696" s="613"/>
      <c r="IQI696" s="613"/>
      <c r="IQJ696" s="613"/>
      <c r="IQK696" s="613"/>
      <c r="IQL696" s="613"/>
      <c r="IQM696" s="613"/>
      <c r="IQN696" s="613"/>
      <c r="IQO696" s="613"/>
      <c r="IQP696" s="613"/>
      <c r="IQQ696" s="613"/>
      <c r="IQR696" s="613"/>
      <c r="IQS696" s="613"/>
      <c r="IQT696" s="613"/>
      <c r="IQU696" s="613"/>
      <c r="IQV696" s="613"/>
      <c r="IQW696" s="613"/>
      <c r="IQX696" s="613"/>
      <c r="IQY696" s="613"/>
      <c r="IQZ696" s="613"/>
      <c r="IRA696" s="613"/>
      <c r="IRB696" s="613"/>
      <c r="IRC696" s="613"/>
      <c r="IRD696" s="613"/>
      <c r="IRE696" s="613"/>
      <c r="IRF696" s="613"/>
      <c r="IRG696" s="613"/>
      <c r="IRH696" s="613"/>
      <c r="IRI696" s="613"/>
      <c r="IRJ696" s="613"/>
      <c r="IRK696" s="613"/>
      <c r="IRL696" s="613"/>
      <c r="IRM696" s="613"/>
      <c r="IRN696" s="613"/>
      <c r="IRO696" s="613"/>
      <c r="IRP696" s="613"/>
      <c r="IRQ696" s="613"/>
      <c r="IRR696" s="613"/>
      <c r="IRS696" s="613"/>
      <c r="IRT696" s="613"/>
      <c r="IRU696" s="613"/>
      <c r="IRV696" s="613"/>
      <c r="IRW696" s="613"/>
      <c r="IRX696" s="613"/>
      <c r="IRY696" s="613"/>
      <c r="IRZ696" s="613"/>
      <c r="ISA696" s="613"/>
      <c r="ISB696" s="613"/>
      <c r="ISC696" s="613"/>
      <c r="ISD696" s="613"/>
      <c r="ISE696" s="613"/>
      <c r="ISF696" s="613"/>
      <c r="ISG696" s="613"/>
      <c r="ISH696" s="613"/>
      <c r="ISI696" s="613"/>
      <c r="ISJ696" s="613"/>
      <c r="ISK696" s="613"/>
      <c r="ISL696" s="613"/>
      <c r="ISM696" s="613"/>
      <c r="ISN696" s="613"/>
      <c r="ISO696" s="613"/>
      <c r="ISP696" s="613"/>
      <c r="ISQ696" s="613"/>
      <c r="ISR696" s="613"/>
      <c r="ISS696" s="613"/>
      <c r="IST696" s="613"/>
      <c r="ISU696" s="613"/>
      <c r="ISV696" s="613"/>
      <c r="ISW696" s="613"/>
      <c r="ISX696" s="613"/>
      <c r="ISY696" s="613"/>
      <c r="ISZ696" s="613"/>
      <c r="ITA696" s="613"/>
      <c r="ITB696" s="613"/>
      <c r="ITC696" s="613"/>
      <c r="ITD696" s="613"/>
      <c r="ITE696" s="613"/>
      <c r="ITF696" s="613"/>
      <c r="ITG696" s="613"/>
      <c r="ITH696" s="613"/>
      <c r="ITI696" s="613"/>
      <c r="ITJ696" s="613"/>
      <c r="ITK696" s="613"/>
      <c r="ITL696" s="613"/>
      <c r="ITM696" s="613"/>
      <c r="ITN696" s="613"/>
      <c r="ITO696" s="613"/>
      <c r="ITP696" s="613"/>
      <c r="ITQ696" s="613"/>
      <c r="ITR696" s="613"/>
      <c r="ITS696" s="613"/>
      <c r="ITT696" s="613"/>
      <c r="ITU696" s="613"/>
      <c r="ITV696" s="613"/>
      <c r="ITW696" s="613"/>
      <c r="ITX696" s="613"/>
      <c r="ITY696" s="613"/>
      <c r="ITZ696" s="613"/>
      <c r="IUA696" s="613"/>
      <c r="IUB696" s="613"/>
      <c r="IUC696" s="613"/>
      <c r="IUD696" s="613"/>
      <c r="IUE696" s="613"/>
      <c r="IUF696" s="613"/>
      <c r="IUG696" s="613"/>
      <c r="IUH696" s="613"/>
      <c r="IUI696" s="613"/>
      <c r="IUJ696" s="613"/>
      <c r="IUK696" s="613"/>
      <c r="IUL696" s="613"/>
      <c r="IUM696" s="613"/>
      <c r="IUN696" s="613"/>
      <c r="IUO696" s="613"/>
      <c r="IUP696" s="613"/>
      <c r="IUQ696" s="613"/>
      <c r="IUR696" s="613"/>
      <c r="IUS696" s="613"/>
      <c r="IUT696" s="613"/>
      <c r="IUU696" s="613"/>
      <c r="IUV696" s="613"/>
      <c r="IUW696" s="613"/>
      <c r="IUX696" s="613"/>
      <c r="IUY696" s="613"/>
      <c r="IUZ696" s="613"/>
      <c r="IVA696" s="613"/>
      <c r="IVB696" s="613"/>
      <c r="IVC696" s="613"/>
      <c r="IVD696" s="613"/>
      <c r="IVE696" s="613"/>
      <c r="IVF696" s="613"/>
      <c r="IVG696" s="613"/>
      <c r="IVH696" s="613"/>
      <c r="IVI696" s="613"/>
      <c r="IVJ696" s="613"/>
      <c r="IVK696" s="613"/>
      <c r="IVL696" s="613"/>
      <c r="IVM696" s="613"/>
      <c r="IVN696" s="613"/>
      <c r="IVO696" s="613"/>
      <c r="IVP696" s="613"/>
      <c r="IVQ696" s="613"/>
      <c r="IVR696" s="613"/>
      <c r="IVS696" s="613"/>
      <c r="IVT696" s="613"/>
      <c r="IVU696" s="613"/>
      <c r="IVV696" s="613"/>
      <c r="IVW696" s="613"/>
      <c r="IVX696" s="613"/>
      <c r="IVY696" s="613"/>
      <c r="IVZ696" s="613"/>
      <c r="IWA696" s="613"/>
      <c r="IWB696" s="613"/>
      <c r="IWC696" s="613"/>
      <c r="IWD696" s="613"/>
      <c r="IWE696" s="613"/>
      <c r="IWF696" s="613"/>
      <c r="IWG696" s="613"/>
      <c r="IWH696" s="613"/>
      <c r="IWI696" s="613"/>
      <c r="IWJ696" s="613"/>
      <c r="IWK696" s="613"/>
      <c r="IWL696" s="613"/>
      <c r="IWM696" s="613"/>
      <c r="IWN696" s="613"/>
      <c r="IWO696" s="613"/>
      <c r="IWP696" s="613"/>
      <c r="IWQ696" s="613"/>
      <c r="IWR696" s="613"/>
      <c r="IWS696" s="613"/>
      <c r="IWT696" s="613"/>
      <c r="IWU696" s="613"/>
      <c r="IWV696" s="613"/>
      <c r="IWW696" s="613"/>
      <c r="IWX696" s="613"/>
      <c r="IWY696" s="613"/>
      <c r="IWZ696" s="613"/>
      <c r="IXA696" s="613"/>
      <c r="IXB696" s="613"/>
      <c r="IXC696" s="613"/>
      <c r="IXD696" s="613"/>
      <c r="IXE696" s="613"/>
      <c r="IXF696" s="613"/>
      <c r="IXG696" s="613"/>
      <c r="IXH696" s="613"/>
      <c r="IXI696" s="613"/>
      <c r="IXJ696" s="613"/>
      <c r="IXK696" s="613"/>
      <c r="IXL696" s="613"/>
      <c r="IXM696" s="613"/>
      <c r="IXN696" s="613"/>
      <c r="IXO696" s="613"/>
      <c r="IXP696" s="613"/>
      <c r="IXQ696" s="613"/>
      <c r="IXR696" s="613"/>
      <c r="IXS696" s="613"/>
      <c r="IXT696" s="613"/>
      <c r="IXU696" s="613"/>
      <c r="IXV696" s="613"/>
      <c r="IXW696" s="613"/>
      <c r="IXX696" s="613"/>
      <c r="IXY696" s="613"/>
      <c r="IXZ696" s="613"/>
      <c r="IYA696" s="613"/>
      <c r="IYB696" s="613"/>
      <c r="IYC696" s="613"/>
      <c r="IYD696" s="613"/>
      <c r="IYE696" s="613"/>
      <c r="IYF696" s="613"/>
      <c r="IYG696" s="613"/>
      <c r="IYH696" s="613"/>
      <c r="IYI696" s="613"/>
      <c r="IYJ696" s="613"/>
      <c r="IYK696" s="613"/>
      <c r="IYL696" s="613"/>
      <c r="IYM696" s="613"/>
      <c r="IYN696" s="613"/>
      <c r="IYO696" s="613"/>
      <c r="IYP696" s="613"/>
      <c r="IYQ696" s="613"/>
      <c r="IYR696" s="613"/>
      <c r="IYS696" s="613"/>
      <c r="IYT696" s="613"/>
      <c r="IYU696" s="613"/>
      <c r="IYV696" s="613"/>
      <c r="IYW696" s="613"/>
      <c r="IYX696" s="613"/>
      <c r="IYY696" s="613"/>
      <c r="IYZ696" s="613"/>
      <c r="IZA696" s="613"/>
      <c r="IZB696" s="613"/>
      <c r="IZC696" s="613"/>
      <c r="IZD696" s="613"/>
      <c r="IZE696" s="613"/>
      <c r="IZF696" s="613"/>
      <c r="IZG696" s="613"/>
      <c r="IZH696" s="613"/>
      <c r="IZI696" s="613"/>
      <c r="IZJ696" s="613"/>
      <c r="IZK696" s="613"/>
      <c r="IZL696" s="613"/>
      <c r="IZM696" s="613"/>
      <c r="IZN696" s="613"/>
      <c r="IZO696" s="613"/>
      <c r="IZP696" s="613"/>
      <c r="IZQ696" s="613"/>
      <c r="IZR696" s="613"/>
      <c r="IZS696" s="613"/>
      <c r="IZT696" s="613"/>
      <c r="IZU696" s="613"/>
      <c r="IZV696" s="613"/>
      <c r="IZW696" s="613"/>
      <c r="IZX696" s="613"/>
      <c r="IZY696" s="613"/>
      <c r="IZZ696" s="613"/>
      <c r="JAA696" s="613"/>
      <c r="JAB696" s="613"/>
      <c r="JAC696" s="613"/>
      <c r="JAD696" s="613"/>
      <c r="JAE696" s="613"/>
      <c r="JAF696" s="613"/>
      <c r="JAG696" s="613"/>
      <c r="JAH696" s="613"/>
      <c r="JAI696" s="613"/>
      <c r="JAJ696" s="613"/>
      <c r="JAK696" s="613"/>
      <c r="JAL696" s="613"/>
      <c r="JAM696" s="613"/>
      <c r="JAN696" s="613"/>
      <c r="JAO696" s="613"/>
      <c r="JAP696" s="613"/>
      <c r="JAQ696" s="613"/>
      <c r="JAR696" s="613"/>
      <c r="JAS696" s="613"/>
      <c r="JAT696" s="613"/>
      <c r="JAU696" s="613"/>
      <c r="JAV696" s="613"/>
      <c r="JAW696" s="613"/>
      <c r="JAX696" s="613"/>
      <c r="JAY696" s="613"/>
      <c r="JAZ696" s="613"/>
      <c r="JBA696" s="613"/>
      <c r="JBB696" s="613"/>
      <c r="JBC696" s="613"/>
      <c r="JBD696" s="613"/>
      <c r="JBE696" s="613"/>
      <c r="JBF696" s="613"/>
      <c r="JBG696" s="613"/>
      <c r="JBH696" s="613"/>
      <c r="JBI696" s="613"/>
      <c r="JBJ696" s="613"/>
      <c r="JBK696" s="613"/>
      <c r="JBL696" s="613"/>
      <c r="JBM696" s="613"/>
      <c r="JBN696" s="613"/>
      <c r="JBO696" s="613"/>
      <c r="JBP696" s="613"/>
      <c r="JBQ696" s="613"/>
      <c r="JBR696" s="613"/>
      <c r="JBS696" s="613"/>
      <c r="JBT696" s="613"/>
      <c r="JBU696" s="613"/>
      <c r="JBV696" s="613"/>
      <c r="JBW696" s="613"/>
      <c r="JBX696" s="613"/>
      <c r="JBY696" s="613"/>
      <c r="JBZ696" s="613"/>
      <c r="JCA696" s="613"/>
      <c r="JCB696" s="613"/>
      <c r="JCC696" s="613"/>
      <c r="JCD696" s="613"/>
      <c r="JCE696" s="613"/>
      <c r="JCF696" s="613"/>
      <c r="JCG696" s="613"/>
      <c r="JCH696" s="613"/>
      <c r="JCI696" s="613"/>
      <c r="JCJ696" s="613"/>
      <c r="JCK696" s="613"/>
      <c r="JCL696" s="613"/>
      <c r="JCM696" s="613"/>
      <c r="JCN696" s="613"/>
      <c r="JCO696" s="613"/>
      <c r="JCP696" s="613"/>
      <c r="JCQ696" s="613"/>
      <c r="JCR696" s="613"/>
      <c r="JCS696" s="613"/>
      <c r="JCT696" s="613"/>
      <c r="JCU696" s="613"/>
      <c r="JCV696" s="613"/>
      <c r="JCW696" s="613"/>
      <c r="JCX696" s="613"/>
      <c r="JCY696" s="613"/>
      <c r="JCZ696" s="613"/>
      <c r="JDA696" s="613"/>
      <c r="JDB696" s="613"/>
      <c r="JDC696" s="613"/>
      <c r="JDD696" s="613"/>
      <c r="JDE696" s="613"/>
      <c r="JDF696" s="613"/>
      <c r="JDG696" s="613"/>
      <c r="JDH696" s="613"/>
      <c r="JDI696" s="613"/>
      <c r="JDJ696" s="613"/>
      <c r="JDK696" s="613"/>
      <c r="JDL696" s="613"/>
      <c r="JDM696" s="613"/>
      <c r="JDN696" s="613"/>
      <c r="JDO696" s="613"/>
      <c r="JDP696" s="613"/>
      <c r="JDQ696" s="613"/>
      <c r="JDR696" s="613"/>
      <c r="JDS696" s="613"/>
      <c r="JDT696" s="613"/>
      <c r="JDU696" s="613"/>
      <c r="JDV696" s="613"/>
      <c r="JDW696" s="613"/>
      <c r="JDX696" s="613"/>
      <c r="JDY696" s="613"/>
      <c r="JDZ696" s="613"/>
      <c r="JEA696" s="613"/>
      <c r="JEB696" s="613"/>
      <c r="JEC696" s="613"/>
      <c r="JED696" s="613"/>
      <c r="JEE696" s="613"/>
      <c r="JEF696" s="613"/>
      <c r="JEG696" s="613"/>
      <c r="JEH696" s="613"/>
      <c r="JEI696" s="613"/>
      <c r="JEJ696" s="613"/>
      <c r="JEK696" s="613"/>
      <c r="JEL696" s="613"/>
      <c r="JEM696" s="613"/>
      <c r="JEN696" s="613"/>
      <c r="JEO696" s="613"/>
      <c r="JEP696" s="613"/>
      <c r="JEQ696" s="613"/>
      <c r="JER696" s="613"/>
      <c r="JES696" s="613"/>
      <c r="JET696" s="613"/>
      <c r="JEU696" s="613"/>
      <c r="JEV696" s="613"/>
      <c r="JEW696" s="613"/>
      <c r="JEX696" s="613"/>
      <c r="JEY696" s="613"/>
      <c r="JEZ696" s="613"/>
      <c r="JFA696" s="613"/>
      <c r="JFB696" s="613"/>
      <c r="JFC696" s="613"/>
      <c r="JFD696" s="613"/>
      <c r="JFE696" s="613"/>
      <c r="JFF696" s="613"/>
      <c r="JFG696" s="613"/>
      <c r="JFH696" s="613"/>
      <c r="JFI696" s="613"/>
      <c r="JFJ696" s="613"/>
      <c r="JFK696" s="613"/>
      <c r="JFL696" s="613"/>
      <c r="JFM696" s="613"/>
      <c r="JFN696" s="613"/>
      <c r="JFO696" s="613"/>
      <c r="JFP696" s="613"/>
      <c r="JFQ696" s="613"/>
      <c r="JFR696" s="613"/>
      <c r="JFS696" s="613"/>
      <c r="JFT696" s="613"/>
      <c r="JFU696" s="613"/>
      <c r="JFV696" s="613"/>
      <c r="JFW696" s="613"/>
      <c r="JFX696" s="613"/>
      <c r="JFY696" s="613"/>
      <c r="JFZ696" s="613"/>
      <c r="JGA696" s="613"/>
      <c r="JGB696" s="613"/>
      <c r="JGC696" s="613"/>
      <c r="JGD696" s="613"/>
      <c r="JGE696" s="613"/>
      <c r="JGF696" s="613"/>
      <c r="JGG696" s="613"/>
      <c r="JGH696" s="613"/>
      <c r="JGI696" s="613"/>
      <c r="JGJ696" s="613"/>
      <c r="JGK696" s="613"/>
      <c r="JGL696" s="613"/>
      <c r="JGM696" s="613"/>
      <c r="JGN696" s="613"/>
      <c r="JGO696" s="613"/>
      <c r="JGP696" s="613"/>
      <c r="JGQ696" s="613"/>
      <c r="JGR696" s="613"/>
      <c r="JGS696" s="613"/>
      <c r="JGT696" s="613"/>
      <c r="JGU696" s="613"/>
      <c r="JGV696" s="613"/>
      <c r="JGW696" s="613"/>
      <c r="JGX696" s="613"/>
      <c r="JGY696" s="613"/>
      <c r="JGZ696" s="613"/>
      <c r="JHA696" s="613"/>
      <c r="JHB696" s="613"/>
      <c r="JHC696" s="613"/>
      <c r="JHD696" s="613"/>
      <c r="JHE696" s="613"/>
      <c r="JHF696" s="613"/>
      <c r="JHG696" s="613"/>
      <c r="JHH696" s="613"/>
      <c r="JHI696" s="613"/>
      <c r="JHJ696" s="613"/>
      <c r="JHK696" s="613"/>
      <c r="JHL696" s="613"/>
      <c r="JHM696" s="613"/>
      <c r="JHN696" s="613"/>
      <c r="JHO696" s="613"/>
      <c r="JHP696" s="613"/>
      <c r="JHQ696" s="613"/>
      <c r="JHR696" s="613"/>
      <c r="JHS696" s="613"/>
      <c r="JHT696" s="613"/>
      <c r="JHU696" s="613"/>
      <c r="JHV696" s="613"/>
      <c r="JHW696" s="613"/>
      <c r="JHX696" s="613"/>
      <c r="JHY696" s="613"/>
      <c r="JHZ696" s="613"/>
      <c r="JIA696" s="613"/>
      <c r="JIB696" s="613"/>
      <c r="JIC696" s="613"/>
      <c r="JID696" s="613"/>
      <c r="JIE696" s="613"/>
      <c r="JIF696" s="613"/>
      <c r="JIG696" s="613"/>
      <c r="JIH696" s="613"/>
      <c r="JII696" s="613"/>
      <c r="JIJ696" s="613"/>
      <c r="JIK696" s="613"/>
      <c r="JIL696" s="613"/>
      <c r="JIM696" s="613"/>
      <c r="JIN696" s="613"/>
      <c r="JIO696" s="613"/>
      <c r="JIP696" s="613"/>
      <c r="JIQ696" s="613"/>
      <c r="JIR696" s="613"/>
      <c r="JIS696" s="613"/>
      <c r="JIT696" s="613"/>
      <c r="JIU696" s="613"/>
      <c r="JIV696" s="613"/>
      <c r="JIW696" s="613"/>
      <c r="JIX696" s="613"/>
      <c r="JIY696" s="613"/>
      <c r="JIZ696" s="613"/>
      <c r="JJA696" s="613"/>
      <c r="JJB696" s="613"/>
      <c r="JJC696" s="613"/>
      <c r="JJD696" s="613"/>
      <c r="JJE696" s="613"/>
      <c r="JJF696" s="613"/>
      <c r="JJG696" s="613"/>
      <c r="JJH696" s="613"/>
      <c r="JJI696" s="613"/>
      <c r="JJJ696" s="613"/>
      <c r="JJK696" s="613"/>
      <c r="JJL696" s="613"/>
      <c r="JJM696" s="613"/>
      <c r="JJN696" s="613"/>
      <c r="JJO696" s="613"/>
      <c r="JJP696" s="613"/>
      <c r="JJQ696" s="613"/>
      <c r="JJR696" s="613"/>
      <c r="JJS696" s="613"/>
      <c r="JJT696" s="613"/>
      <c r="JJU696" s="613"/>
      <c r="JJV696" s="613"/>
      <c r="JJW696" s="613"/>
      <c r="JJX696" s="613"/>
      <c r="JJY696" s="613"/>
      <c r="JJZ696" s="613"/>
      <c r="JKA696" s="613"/>
      <c r="JKB696" s="613"/>
      <c r="JKC696" s="613"/>
      <c r="JKD696" s="613"/>
      <c r="JKE696" s="613"/>
      <c r="JKF696" s="613"/>
      <c r="JKG696" s="613"/>
      <c r="JKH696" s="613"/>
      <c r="JKI696" s="613"/>
      <c r="JKJ696" s="613"/>
      <c r="JKK696" s="613"/>
      <c r="JKL696" s="613"/>
      <c r="JKM696" s="613"/>
      <c r="JKN696" s="613"/>
      <c r="JKO696" s="613"/>
      <c r="JKP696" s="613"/>
      <c r="JKQ696" s="613"/>
      <c r="JKR696" s="613"/>
      <c r="JKS696" s="613"/>
      <c r="JKT696" s="613"/>
      <c r="JKU696" s="613"/>
      <c r="JKV696" s="613"/>
      <c r="JKW696" s="613"/>
      <c r="JKX696" s="613"/>
      <c r="JKY696" s="613"/>
      <c r="JKZ696" s="613"/>
      <c r="JLA696" s="613"/>
      <c r="JLB696" s="613"/>
      <c r="JLC696" s="613"/>
      <c r="JLD696" s="613"/>
      <c r="JLE696" s="613"/>
      <c r="JLF696" s="613"/>
      <c r="JLG696" s="613"/>
      <c r="JLH696" s="613"/>
      <c r="JLI696" s="613"/>
      <c r="JLJ696" s="613"/>
      <c r="JLK696" s="613"/>
      <c r="JLL696" s="613"/>
      <c r="JLM696" s="613"/>
      <c r="JLN696" s="613"/>
      <c r="JLO696" s="613"/>
      <c r="JLP696" s="613"/>
      <c r="JLQ696" s="613"/>
      <c r="JLR696" s="613"/>
      <c r="JLS696" s="613"/>
      <c r="JLT696" s="613"/>
      <c r="JLU696" s="613"/>
      <c r="JLV696" s="613"/>
      <c r="JLW696" s="613"/>
      <c r="JLX696" s="613"/>
      <c r="JLY696" s="613"/>
      <c r="JLZ696" s="613"/>
      <c r="JMA696" s="613"/>
      <c r="JMB696" s="613"/>
      <c r="JMC696" s="613"/>
      <c r="JMD696" s="613"/>
      <c r="JME696" s="613"/>
      <c r="JMF696" s="613"/>
      <c r="JMG696" s="613"/>
      <c r="JMH696" s="613"/>
      <c r="JMI696" s="613"/>
      <c r="JMJ696" s="613"/>
      <c r="JMK696" s="613"/>
      <c r="JML696" s="613"/>
      <c r="JMM696" s="613"/>
      <c r="JMN696" s="613"/>
      <c r="JMO696" s="613"/>
      <c r="JMP696" s="613"/>
      <c r="JMQ696" s="613"/>
      <c r="JMR696" s="613"/>
      <c r="JMS696" s="613"/>
      <c r="JMT696" s="613"/>
      <c r="JMU696" s="613"/>
      <c r="JMV696" s="613"/>
      <c r="JMW696" s="613"/>
      <c r="JMX696" s="613"/>
      <c r="JMY696" s="613"/>
      <c r="JMZ696" s="613"/>
      <c r="JNA696" s="613"/>
      <c r="JNB696" s="613"/>
      <c r="JNC696" s="613"/>
      <c r="JND696" s="613"/>
      <c r="JNE696" s="613"/>
      <c r="JNF696" s="613"/>
      <c r="JNG696" s="613"/>
      <c r="JNH696" s="613"/>
      <c r="JNI696" s="613"/>
      <c r="JNJ696" s="613"/>
      <c r="JNK696" s="613"/>
      <c r="JNL696" s="613"/>
      <c r="JNM696" s="613"/>
      <c r="JNN696" s="613"/>
      <c r="JNO696" s="613"/>
      <c r="JNP696" s="613"/>
      <c r="JNQ696" s="613"/>
      <c r="JNR696" s="613"/>
      <c r="JNS696" s="613"/>
      <c r="JNT696" s="613"/>
      <c r="JNU696" s="613"/>
      <c r="JNV696" s="613"/>
      <c r="JNW696" s="613"/>
      <c r="JNX696" s="613"/>
      <c r="JNY696" s="613"/>
      <c r="JNZ696" s="613"/>
      <c r="JOA696" s="613"/>
      <c r="JOB696" s="613"/>
      <c r="JOC696" s="613"/>
      <c r="JOD696" s="613"/>
      <c r="JOE696" s="613"/>
      <c r="JOF696" s="613"/>
      <c r="JOG696" s="613"/>
      <c r="JOH696" s="613"/>
      <c r="JOI696" s="613"/>
      <c r="JOJ696" s="613"/>
      <c r="JOK696" s="613"/>
      <c r="JOL696" s="613"/>
      <c r="JOM696" s="613"/>
      <c r="JON696" s="613"/>
      <c r="JOO696" s="613"/>
      <c r="JOP696" s="613"/>
      <c r="JOQ696" s="613"/>
      <c r="JOR696" s="613"/>
      <c r="JOS696" s="613"/>
      <c r="JOT696" s="613"/>
      <c r="JOU696" s="613"/>
      <c r="JOV696" s="613"/>
      <c r="JOW696" s="613"/>
      <c r="JOX696" s="613"/>
      <c r="JOY696" s="613"/>
      <c r="JOZ696" s="613"/>
      <c r="JPA696" s="613"/>
      <c r="JPB696" s="613"/>
      <c r="JPC696" s="613"/>
      <c r="JPD696" s="613"/>
      <c r="JPE696" s="613"/>
      <c r="JPF696" s="613"/>
      <c r="JPG696" s="613"/>
      <c r="JPH696" s="613"/>
      <c r="JPI696" s="613"/>
      <c r="JPJ696" s="613"/>
      <c r="JPK696" s="613"/>
      <c r="JPL696" s="613"/>
      <c r="JPM696" s="613"/>
      <c r="JPN696" s="613"/>
      <c r="JPO696" s="613"/>
      <c r="JPP696" s="613"/>
      <c r="JPQ696" s="613"/>
      <c r="JPR696" s="613"/>
      <c r="JPS696" s="613"/>
      <c r="JPT696" s="613"/>
      <c r="JPU696" s="613"/>
      <c r="JPV696" s="613"/>
      <c r="JPW696" s="613"/>
      <c r="JPX696" s="613"/>
      <c r="JPY696" s="613"/>
      <c r="JPZ696" s="613"/>
      <c r="JQA696" s="613"/>
      <c r="JQB696" s="613"/>
      <c r="JQC696" s="613"/>
      <c r="JQD696" s="613"/>
      <c r="JQE696" s="613"/>
      <c r="JQF696" s="613"/>
      <c r="JQG696" s="613"/>
      <c r="JQH696" s="613"/>
      <c r="JQI696" s="613"/>
      <c r="JQJ696" s="613"/>
      <c r="JQK696" s="613"/>
      <c r="JQL696" s="613"/>
      <c r="JQM696" s="613"/>
      <c r="JQN696" s="613"/>
      <c r="JQO696" s="613"/>
      <c r="JQP696" s="613"/>
      <c r="JQQ696" s="613"/>
      <c r="JQR696" s="613"/>
      <c r="JQS696" s="613"/>
      <c r="JQT696" s="613"/>
      <c r="JQU696" s="613"/>
      <c r="JQV696" s="613"/>
      <c r="JQW696" s="613"/>
      <c r="JQX696" s="613"/>
      <c r="JQY696" s="613"/>
      <c r="JQZ696" s="613"/>
      <c r="JRA696" s="613"/>
      <c r="JRB696" s="613"/>
      <c r="JRC696" s="613"/>
      <c r="JRD696" s="613"/>
      <c r="JRE696" s="613"/>
      <c r="JRF696" s="613"/>
      <c r="JRG696" s="613"/>
      <c r="JRH696" s="613"/>
      <c r="JRI696" s="613"/>
      <c r="JRJ696" s="613"/>
      <c r="JRK696" s="613"/>
      <c r="JRL696" s="613"/>
      <c r="JRM696" s="613"/>
      <c r="JRN696" s="613"/>
      <c r="JRO696" s="613"/>
      <c r="JRP696" s="613"/>
      <c r="JRQ696" s="613"/>
      <c r="JRR696" s="613"/>
      <c r="JRS696" s="613"/>
      <c r="JRT696" s="613"/>
      <c r="JRU696" s="613"/>
      <c r="JRV696" s="613"/>
      <c r="JRW696" s="613"/>
      <c r="JRX696" s="613"/>
      <c r="JRY696" s="613"/>
      <c r="JRZ696" s="613"/>
      <c r="JSA696" s="613"/>
      <c r="JSB696" s="613"/>
      <c r="JSC696" s="613"/>
      <c r="JSD696" s="613"/>
      <c r="JSE696" s="613"/>
      <c r="JSF696" s="613"/>
      <c r="JSG696" s="613"/>
      <c r="JSH696" s="613"/>
      <c r="JSI696" s="613"/>
      <c r="JSJ696" s="613"/>
      <c r="JSK696" s="613"/>
      <c r="JSL696" s="613"/>
      <c r="JSM696" s="613"/>
      <c r="JSN696" s="613"/>
      <c r="JSO696" s="613"/>
      <c r="JSP696" s="613"/>
      <c r="JSQ696" s="613"/>
      <c r="JSR696" s="613"/>
      <c r="JSS696" s="613"/>
      <c r="JST696" s="613"/>
      <c r="JSU696" s="613"/>
      <c r="JSV696" s="613"/>
      <c r="JSW696" s="613"/>
      <c r="JSX696" s="613"/>
      <c r="JSY696" s="613"/>
      <c r="JSZ696" s="613"/>
      <c r="JTA696" s="613"/>
      <c r="JTB696" s="613"/>
      <c r="JTC696" s="613"/>
      <c r="JTD696" s="613"/>
      <c r="JTE696" s="613"/>
      <c r="JTF696" s="613"/>
      <c r="JTG696" s="613"/>
      <c r="JTH696" s="613"/>
      <c r="JTI696" s="613"/>
      <c r="JTJ696" s="613"/>
      <c r="JTK696" s="613"/>
      <c r="JTL696" s="613"/>
      <c r="JTM696" s="613"/>
      <c r="JTN696" s="613"/>
      <c r="JTO696" s="613"/>
      <c r="JTP696" s="613"/>
      <c r="JTQ696" s="613"/>
      <c r="JTR696" s="613"/>
      <c r="JTS696" s="613"/>
      <c r="JTT696" s="613"/>
      <c r="JTU696" s="613"/>
      <c r="JTV696" s="613"/>
      <c r="JTW696" s="613"/>
      <c r="JTX696" s="613"/>
      <c r="JTY696" s="613"/>
      <c r="JTZ696" s="613"/>
      <c r="JUA696" s="613"/>
      <c r="JUB696" s="613"/>
      <c r="JUC696" s="613"/>
      <c r="JUD696" s="613"/>
      <c r="JUE696" s="613"/>
      <c r="JUF696" s="613"/>
      <c r="JUG696" s="613"/>
      <c r="JUH696" s="613"/>
      <c r="JUI696" s="613"/>
      <c r="JUJ696" s="613"/>
      <c r="JUK696" s="613"/>
      <c r="JUL696" s="613"/>
      <c r="JUM696" s="613"/>
      <c r="JUN696" s="613"/>
      <c r="JUO696" s="613"/>
      <c r="JUP696" s="613"/>
      <c r="JUQ696" s="613"/>
      <c r="JUR696" s="613"/>
      <c r="JUS696" s="613"/>
      <c r="JUT696" s="613"/>
      <c r="JUU696" s="613"/>
      <c r="JUV696" s="613"/>
      <c r="JUW696" s="613"/>
      <c r="JUX696" s="613"/>
      <c r="JUY696" s="613"/>
      <c r="JUZ696" s="613"/>
      <c r="JVA696" s="613"/>
      <c r="JVB696" s="613"/>
      <c r="JVC696" s="613"/>
      <c r="JVD696" s="613"/>
      <c r="JVE696" s="613"/>
      <c r="JVF696" s="613"/>
      <c r="JVG696" s="613"/>
      <c r="JVH696" s="613"/>
      <c r="JVI696" s="613"/>
      <c r="JVJ696" s="613"/>
      <c r="JVK696" s="613"/>
      <c r="JVL696" s="613"/>
      <c r="JVM696" s="613"/>
      <c r="JVN696" s="613"/>
      <c r="JVO696" s="613"/>
      <c r="JVP696" s="613"/>
      <c r="JVQ696" s="613"/>
      <c r="JVR696" s="613"/>
      <c r="JVS696" s="613"/>
      <c r="JVT696" s="613"/>
      <c r="JVU696" s="613"/>
      <c r="JVV696" s="613"/>
      <c r="JVW696" s="613"/>
      <c r="JVX696" s="613"/>
      <c r="JVY696" s="613"/>
      <c r="JVZ696" s="613"/>
      <c r="JWA696" s="613"/>
      <c r="JWB696" s="613"/>
      <c r="JWC696" s="613"/>
      <c r="JWD696" s="613"/>
      <c r="JWE696" s="613"/>
      <c r="JWF696" s="613"/>
      <c r="JWG696" s="613"/>
      <c r="JWH696" s="613"/>
      <c r="JWI696" s="613"/>
      <c r="JWJ696" s="613"/>
      <c r="JWK696" s="613"/>
      <c r="JWL696" s="613"/>
      <c r="JWM696" s="613"/>
      <c r="JWN696" s="613"/>
      <c r="JWO696" s="613"/>
      <c r="JWP696" s="613"/>
      <c r="JWQ696" s="613"/>
      <c r="JWR696" s="613"/>
      <c r="JWS696" s="613"/>
      <c r="JWT696" s="613"/>
      <c r="JWU696" s="613"/>
      <c r="JWV696" s="613"/>
      <c r="JWW696" s="613"/>
      <c r="JWX696" s="613"/>
      <c r="JWY696" s="613"/>
      <c r="JWZ696" s="613"/>
      <c r="JXA696" s="613"/>
      <c r="JXB696" s="613"/>
      <c r="JXC696" s="613"/>
      <c r="JXD696" s="613"/>
      <c r="JXE696" s="613"/>
      <c r="JXF696" s="613"/>
      <c r="JXG696" s="613"/>
      <c r="JXH696" s="613"/>
      <c r="JXI696" s="613"/>
      <c r="JXJ696" s="613"/>
      <c r="JXK696" s="613"/>
      <c r="JXL696" s="613"/>
      <c r="JXM696" s="613"/>
      <c r="JXN696" s="613"/>
      <c r="JXO696" s="613"/>
      <c r="JXP696" s="613"/>
      <c r="JXQ696" s="613"/>
      <c r="JXR696" s="613"/>
      <c r="JXS696" s="613"/>
      <c r="JXT696" s="613"/>
      <c r="JXU696" s="613"/>
      <c r="JXV696" s="613"/>
      <c r="JXW696" s="613"/>
      <c r="JXX696" s="613"/>
      <c r="JXY696" s="613"/>
      <c r="JXZ696" s="613"/>
      <c r="JYA696" s="613"/>
      <c r="JYB696" s="613"/>
      <c r="JYC696" s="613"/>
      <c r="JYD696" s="613"/>
      <c r="JYE696" s="613"/>
      <c r="JYF696" s="613"/>
      <c r="JYG696" s="613"/>
      <c r="JYH696" s="613"/>
      <c r="JYI696" s="613"/>
      <c r="JYJ696" s="613"/>
      <c r="JYK696" s="613"/>
      <c r="JYL696" s="613"/>
      <c r="JYM696" s="613"/>
      <c r="JYN696" s="613"/>
      <c r="JYO696" s="613"/>
      <c r="JYP696" s="613"/>
      <c r="JYQ696" s="613"/>
      <c r="JYR696" s="613"/>
      <c r="JYS696" s="613"/>
      <c r="JYT696" s="613"/>
      <c r="JYU696" s="613"/>
      <c r="JYV696" s="613"/>
      <c r="JYW696" s="613"/>
      <c r="JYX696" s="613"/>
      <c r="JYY696" s="613"/>
      <c r="JYZ696" s="613"/>
      <c r="JZA696" s="613"/>
      <c r="JZB696" s="613"/>
      <c r="JZC696" s="613"/>
      <c r="JZD696" s="613"/>
      <c r="JZE696" s="613"/>
      <c r="JZF696" s="613"/>
      <c r="JZG696" s="613"/>
      <c r="JZH696" s="613"/>
      <c r="JZI696" s="613"/>
      <c r="JZJ696" s="613"/>
      <c r="JZK696" s="613"/>
      <c r="JZL696" s="613"/>
      <c r="JZM696" s="613"/>
      <c r="JZN696" s="613"/>
      <c r="JZO696" s="613"/>
      <c r="JZP696" s="613"/>
      <c r="JZQ696" s="613"/>
      <c r="JZR696" s="613"/>
      <c r="JZS696" s="613"/>
      <c r="JZT696" s="613"/>
      <c r="JZU696" s="613"/>
      <c r="JZV696" s="613"/>
      <c r="JZW696" s="613"/>
      <c r="JZX696" s="613"/>
      <c r="JZY696" s="613"/>
      <c r="JZZ696" s="613"/>
      <c r="KAA696" s="613"/>
      <c r="KAB696" s="613"/>
      <c r="KAC696" s="613"/>
      <c r="KAD696" s="613"/>
      <c r="KAE696" s="613"/>
      <c r="KAF696" s="613"/>
      <c r="KAG696" s="613"/>
      <c r="KAH696" s="613"/>
      <c r="KAI696" s="613"/>
      <c r="KAJ696" s="613"/>
      <c r="KAK696" s="613"/>
      <c r="KAL696" s="613"/>
      <c r="KAM696" s="613"/>
      <c r="KAN696" s="613"/>
      <c r="KAO696" s="613"/>
      <c r="KAP696" s="613"/>
      <c r="KAQ696" s="613"/>
      <c r="KAR696" s="613"/>
      <c r="KAS696" s="613"/>
      <c r="KAT696" s="613"/>
      <c r="KAU696" s="613"/>
      <c r="KAV696" s="613"/>
      <c r="KAW696" s="613"/>
      <c r="KAX696" s="613"/>
      <c r="KAY696" s="613"/>
      <c r="KAZ696" s="613"/>
      <c r="KBA696" s="613"/>
      <c r="KBB696" s="613"/>
      <c r="KBC696" s="613"/>
      <c r="KBD696" s="613"/>
      <c r="KBE696" s="613"/>
      <c r="KBF696" s="613"/>
      <c r="KBG696" s="613"/>
      <c r="KBH696" s="613"/>
      <c r="KBI696" s="613"/>
      <c r="KBJ696" s="613"/>
      <c r="KBK696" s="613"/>
      <c r="KBL696" s="613"/>
      <c r="KBM696" s="613"/>
      <c r="KBN696" s="613"/>
      <c r="KBO696" s="613"/>
      <c r="KBP696" s="613"/>
      <c r="KBQ696" s="613"/>
      <c r="KBR696" s="613"/>
      <c r="KBS696" s="613"/>
      <c r="KBT696" s="613"/>
      <c r="KBU696" s="613"/>
      <c r="KBV696" s="613"/>
      <c r="KBW696" s="613"/>
      <c r="KBX696" s="613"/>
      <c r="KBY696" s="613"/>
      <c r="KBZ696" s="613"/>
      <c r="KCA696" s="613"/>
      <c r="KCB696" s="613"/>
      <c r="KCC696" s="613"/>
      <c r="KCD696" s="613"/>
      <c r="KCE696" s="613"/>
      <c r="KCF696" s="613"/>
      <c r="KCG696" s="613"/>
      <c r="KCH696" s="613"/>
      <c r="KCI696" s="613"/>
      <c r="KCJ696" s="613"/>
      <c r="KCK696" s="613"/>
      <c r="KCL696" s="613"/>
      <c r="KCM696" s="613"/>
      <c r="KCN696" s="613"/>
      <c r="KCO696" s="613"/>
      <c r="KCP696" s="613"/>
      <c r="KCQ696" s="613"/>
      <c r="KCR696" s="613"/>
      <c r="KCS696" s="613"/>
      <c r="KCT696" s="613"/>
      <c r="KCU696" s="613"/>
      <c r="KCV696" s="613"/>
      <c r="KCW696" s="613"/>
      <c r="KCX696" s="613"/>
      <c r="KCY696" s="613"/>
      <c r="KCZ696" s="613"/>
      <c r="KDA696" s="613"/>
      <c r="KDB696" s="613"/>
      <c r="KDC696" s="613"/>
      <c r="KDD696" s="613"/>
      <c r="KDE696" s="613"/>
      <c r="KDF696" s="613"/>
      <c r="KDG696" s="613"/>
      <c r="KDH696" s="613"/>
      <c r="KDI696" s="613"/>
      <c r="KDJ696" s="613"/>
      <c r="KDK696" s="613"/>
      <c r="KDL696" s="613"/>
      <c r="KDM696" s="613"/>
      <c r="KDN696" s="613"/>
      <c r="KDO696" s="613"/>
      <c r="KDP696" s="613"/>
      <c r="KDQ696" s="613"/>
      <c r="KDR696" s="613"/>
      <c r="KDS696" s="613"/>
      <c r="KDT696" s="613"/>
      <c r="KDU696" s="613"/>
      <c r="KDV696" s="613"/>
      <c r="KDW696" s="613"/>
      <c r="KDX696" s="613"/>
      <c r="KDY696" s="613"/>
      <c r="KDZ696" s="613"/>
      <c r="KEA696" s="613"/>
      <c r="KEB696" s="613"/>
      <c r="KEC696" s="613"/>
      <c r="KED696" s="613"/>
      <c r="KEE696" s="613"/>
      <c r="KEF696" s="613"/>
      <c r="KEG696" s="613"/>
      <c r="KEH696" s="613"/>
      <c r="KEI696" s="613"/>
      <c r="KEJ696" s="613"/>
      <c r="KEK696" s="613"/>
      <c r="KEL696" s="613"/>
      <c r="KEM696" s="613"/>
      <c r="KEN696" s="613"/>
      <c r="KEO696" s="613"/>
      <c r="KEP696" s="613"/>
      <c r="KEQ696" s="613"/>
      <c r="KER696" s="613"/>
      <c r="KES696" s="613"/>
      <c r="KET696" s="613"/>
      <c r="KEU696" s="613"/>
      <c r="KEV696" s="613"/>
      <c r="KEW696" s="613"/>
      <c r="KEX696" s="613"/>
      <c r="KEY696" s="613"/>
      <c r="KEZ696" s="613"/>
      <c r="KFA696" s="613"/>
      <c r="KFB696" s="613"/>
      <c r="KFC696" s="613"/>
      <c r="KFD696" s="613"/>
      <c r="KFE696" s="613"/>
      <c r="KFF696" s="613"/>
      <c r="KFG696" s="613"/>
      <c r="KFH696" s="613"/>
      <c r="KFI696" s="613"/>
      <c r="KFJ696" s="613"/>
      <c r="KFK696" s="613"/>
      <c r="KFL696" s="613"/>
      <c r="KFM696" s="613"/>
      <c r="KFN696" s="613"/>
      <c r="KFO696" s="613"/>
      <c r="KFP696" s="613"/>
      <c r="KFQ696" s="613"/>
      <c r="KFR696" s="613"/>
      <c r="KFS696" s="613"/>
      <c r="KFT696" s="613"/>
      <c r="KFU696" s="613"/>
      <c r="KFV696" s="613"/>
      <c r="KFW696" s="613"/>
      <c r="KFX696" s="613"/>
      <c r="KFY696" s="613"/>
      <c r="KFZ696" s="613"/>
      <c r="KGA696" s="613"/>
      <c r="KGB696" s="613"/>
      <c r="KGC696" s="613"/>
      <c r="KGD696" s="613"/>
      <c r="KGE696" s="613"/>
      <c r="KGF696" s="613"/>
      <c r="KGG696" s="613"/>
      <c r="KGH696" s="613"/>
      <c r="KGI696" s="613"/>
      <c r="KGJ696" s="613"/>
      <c r="KGK696" s="613"/>
      <c r="KGL696" s="613"/>
      <c r="KGM696" s="613"/>
      <c r="KGN696" s="613"/>
      <c r="KGO696" s="613"/>
      <c r="KGP696" s="613"/>
      <c r="KGQ696" s="613"/>
      <c r="KGR696" s="613"/>
      <c r="KGS696" s="613"/>
      <c r="KGT696" s="613"/>
      <c r="KGU696" s="613"/>
      <c r="KGV696" s="613"/>
      <c r="KGW696" s="613"/>
      <c r="KGX696" s="613"/>
      <c r="KGY696" s="613"/>
      <c r="KGZ696" s="613"/>
      <c r="KHA696" s="613"/>
      <c r="KHB696" s="613"/>
      <c r="KHC696" s="613"/>
      <c r="KHD696" s="613"/>
      <c r="KHE696" s="613"/>
      <c r="KHF696" s="613"/>
      <c r="KHG696" s="613"/>
      <c r="KHH696" s="613"/>
      <c r="KHI696" s="613"/>
      <c r="KHJ696" s="613"/>
      <c r="KHK696" s="613"/>
      <c r="KHL696" s="613"/>
      <c r="KHM696" s="613"/>
      <c r="KHN696" s="613"/>
      <c r="KHO696" s="613"/>
      <c r="KHP696" s="613"/>
      <c r="KHQ696" s="613"/>
      <c r="KHR696" s="613"/>
      <c r="KHS696" s="613"/>
      <c r="KHT696" s="613"/>
      <c r="KHU696" s="613"/>
      <c r="KHV696" s="613"/>
      <c r="KHW696" s="613"/>
      <c r="KHX696" s="613"/>
      <c r="KHY696" s="613"/>
      <c r="KHZ696" s="613"/>
      <c r="KIA696" s="613"/>
      <c r="KIB696" s="613"/>
      <c r="KIC696" s="613"/>
      <c r="KID696" s="613"/>
      <c r="KIE696" s="613"/>
      <c r="KIF696" s="613"/>
      <c r="KIG696" s="613"/>
      <c r="KIH696" s="613"/>
      <c r="KII696" s="613"/>
      <c r="KIJ696" s="613"/>
      <c r="KIK696" s="613"/>
      <c r="KIL696" s="613"/>
      <c r="KIM696" s="613"/>
      <c r="KIN696" s="613"/>
      <c r="KIO696" s="613"/>
      <c r="KIP696" s="613"/>
      <c r="KIQ696" s="613"/>
      <c r="KIR696" s="613"/>
      <c r="KIS696" s="613"/>
      <c r="KIT696" s="613"/>
      <c r="KIU696" s="613"/>
      <c r="KIV696" s="613"/>
      <c r="KIW696" s="613"/>
      <c r="KIX696" s="613"/>
      <c r="KIY696" s="613"/>
      <c r="KIZ696" s="613"/>
      <c r="KJA696" s="613"/>
      <c r="KJB696" s="613"/>
      <c r="KJC696" s="613"/>
      <c r="KJD696" s="613"/>
      <c r="KJE696" s="613"/>
      <c r="KJF696" s="613"/>
      <c r="KJG696" s="613"/>
      <c r="KJH696" s="613"/>
      <c r="KJI696" s="613"/>
      <c r="KJJ696" s="613"/>
      <c r="KJK696" s="613"/>
      <c r="KJL696" s="613"/>
      <c r="KJM696" s="613"/>
      <c r="KJN696" s="613"/>
      <c r="KJO696" s="613"/>
      <c r="KJP696" s="613"/>
      <c r="KJQ696" s="613"/>
      <c r="KJR696" s="613"/>
      <c r="KJS696" s="613"/>
      <c r="KJT696" s="613"/>
      <c r="KJU696" s="613"/>
      <c r="KJV696" s="613"/>
      <c r="KJW696" s="613"/>
      <c r="KJX696" s="613"/>
      <c r="KJY696" s="613"/>
      <c r="KJZ696" s="613"/>
      <c r="KKA696" s="613"/>
      <c r="KKB696" s="613"/>
      <c r="KKC696" s="613"/>
      <c r="KKD696" s="613"/>
      <c r="KKE696" s="613"/>
      <c r="KKF696" s="613"/>
      <c r="KKG696" s="613"/>
      <c r="KKH696" s="613"/>
      <c r="KKI696" s="613"/>
      <c r="KKJ696" s="613"/>
      <c r="KKK696" s="613"/>
      <c r="KKL696" s="613"/>
      <c r="KKM696" s="613"/>
      <c r="KKN696" s="613"/>
      <c r="KKO696" s="613"/>
      <c r="KKP696" s="613"/>
      <c r="KKQ696" s="613"/>
      <c r="KKR696" s="613"/>
      <c r="KKS696" s="613"/>
      <c r="KKT696" s="613"/>
      <c r="KKU696" s="613"/>
      <c r="KKV696" s="613"/>
      <c r="KKW696" s="613"/>
      <c r="KKX696" s="613"/>
      <c r="KKY696" s="613"/>
      <c r="KKZ696" s="613"/>
      <c r="KLA696" s="613"/>
      <c r="KLB696" s="613"/>
      <c r="KLC696" s="613"/>
      <c r="KLD696" s="613"/>
      <c r="KLE696" s="613"/>
      <c r="KLF696" s="613"/>
      <c r="KLG696" s="613"/>
      <c r="KLH696" s="613"/>
      <c r="KLI696" s="613"/>
      <c r="KLJ696" s="613"/>
      <c r="KLK696" s="613"/>
      <c r="KLL696" s="613"/>
      <c r="KLM696" s="613"/>
      <c r="KLN696" s="613"/>
      <c r="KLO696" s="613"/>
      <c r="KLP696" s="613"/>
      <c r="KLQ696" s="613"/>
      <c r="KLR696" s="613"/>
      <c r="KLS696" s="613"/>
      <c r="KLT696" s="613"/>
      <c r="KLU696" s="613"/>
      <c r="KLV696" s="613"/>
      <c r="KLW696" s="613"/>
      <c r="KLX696" s="613"/>
      <c r="KLY696" s="613"/>
      <c r="KLZ696" s="613"/>
      <c r="KMA696" s="613"/>
      <c r="KMB696" s="613"/>
      <c r="KMC696" s="613"/>
      <c r="KMD696" s="613"/>
      <c r="KME696" s="613"/>
      <c r="KMF696" s="613"/>
      <c r="KMG696" s="613"/>
      <c r="KMH696" s="613"/>
      <c r="KMI696" s="613"/>
      <c r="KMJ696" s="613"/>
      <c r="KMK696" s="613"/>
      <c r="KML696" s="613"/>
      <c r="KMM696" s="613"/>
      <c r="KMN696" s="613"/>
      <c r="KMO696" s="613"/>
      <c r="KMP696" s="613"/>
      <c r="KMQ696" s="613"/>
      <c r="KMR696" s="613"/>
      <c r="KMS696" s="613"/>
      <c r="KMT696" s="613"/>
      <c r="KMU696" s="613"/>
      <c r="KMV696" s="613"/>
      <c r="KMW696" s="613"/>
      <c r="KMX696" s="613"/>
      <c r="KMY696" s="613"/>
      <c r="KMZ696" s="613"/>
      <c r="KNA696" s="613"/>
      <c r="KNB696" s="613"/>
      <c r="KNC696" s="613"/>
      <c r="KND696" s="613"/>
      <c r="KNE696" s="613"/>
      <c r="KNF696" s="613"/>
      <c r="KNG696" s="613"/>
      <c r="KNH696" s="613"/>
      <c r="KNI696" s="613"/>
      <c r="KNJ696" s="613"/>
      <c r="KNK696" s="613"/>
      <c r="KNL696" s="613"/>
      <c r="KNM696" s="613"/>
      <c r="KNN696" s="613"/>
      <c r="KNO696" s="613"/>
      <c r="KNP696" s="613"/>
      <c r="KNQ696" s="613"/>
      <c r="KNR696" s="613"/>
      <c r="KNS696" s="613"/>
      <c r="KNT696" s="613"/>
      <c r="KNU696" s="613"/>
      <c r="KNV696" s="613"/>
      <c r="KNW696" s="613"/>
      <c r="KNX696" s="613"/>
      <c r="KNY696" s="613"/>
      <c r="KNZ696" s="613"/>
      <c r="KOA696" s="613"/>
      <c r="KOB696" s="613"/>
      <c r="KOC696" s="613"/>
      <c r="KOD696" s="613"/>
      <c r="KOE696" s="613"/>
      <c r="KOF696" s="613"/>
      <c r="KOG696" s="613"/>
      <c r="KOH696" s="613"/>
      <c r="KOI696" s="613"/>
      <c r="KOJ696" s="613"/>
      <c r="KOK696" s="613"/>
      <c r="KOL696" s="613"/>
      <c r="KOM696" s="613"/>
      <c r="KON696" s="613"/>
      <c r="KOO696" s="613"/>
      <c r="KOP696" s="613"/>
      <c r="KOQ696" s="613"/>
      <c r="KOR696" s="613"/>
      <c r="KOS696" s="613"/>
      <c r="KOT696" s="613"/>
      <c r="KOU696" s="613"/>
      <c r="KOV696" s="613"/>
      <c r="KOW696" s="613"/>
      <c r="KOX696" s="613"/>
      <c r="KOY696" s="613"/>
      <c r="KOZ696" s="613"/>
      <c r="KPA696" s="613"/>
      <c r="KPB696" s="613"/>
      <c r="KPC696" s="613"/>
      <c r="KPD696" s="613"/>
      <c r="KPE696" s="613"/>
      <c r="KPF696" s="613"/>
      <c r="KPG696" s="613"/>
      <c r="KPH696" s="613"/>
      <c r="KPI696" s="613"/>
      <c r="KPJ696" s="613"/>
      <c r="KPK696" s="613"/>
      <c r="KPL696" s="613"/>
      <c r="KPM696" s="613"/>
      <c r="KPN696" s="613"/>
      <c r="KPO696" s="613"/>
      <c r="KPP696" s="613"/>
      <c r="KPQ696" s="613"/>
      <c r="KPR696" s="613"/>
      <c r="KPS696" s="613"/>
      <c r="KPT696" s="613"/>
      <c r="KPU696" s="613"/>
      <c r="KPV696" s="613"/>
      <c r="KPW696" s="613"/>
      <c r="KPX696" s="613"/>
      <c r="KPY696" s="613"/>
      <c r="KPZ696" s="613"/>
      <c r="KQA696" s="613"/>
      <c r="KQB696" s="613"/>
      <c r="KQC696" s="613"/>
      <c r="KQD696" s="613"/>
      <c r="KQE696" s="613"/>
      <c r="KQF696" s="613"/>
      <c r="KQG696" s="613"/>
      <c r="KQH696" s="613"/>
      <c r="KQI696" s="613"/>
      <c r="KQJ696" s="613"/>
      <c r="KQK696" s="613"/>
      <c r="KQL696" s="613"/>
      <c r="KQM696" s="613"/>
      <c r="KQN696" s="613"/>
      <c r="KQO696" s="613"/>
      <c r="KQP696" s="613"/>
      <c r="KQQ696" s="613"/>
      <c r="KQR696" s="613"/>
      <c r="KQS696" s="613"/>
      <c r="KQT696" s="613"/>
      <c r="KQU696" s="613"/>
      <c r="KQV696" s="613"/>
      <c r="KQW696" s="613"/>
      <c r="KQX696" s="613"/>
      <c r="KQY696" s="613"/>
      <c r="KQZ696" s="613"/>
      <c r="KRA696" s="613"/>
      <c r="KRB696" s="613"/>
      <c r="KRC696" s="613"/>
      <c r="KRD696" s="613"/>
      <c r="KRE696" s="613"/>
      <c r="KRF696" s="613"/>
      <c r="KRG696" s="613"/>
      <c r="KRH696" s="613"/>
      <c r="KRI696" s="613"/>
      <c r="KRJ696" s="613"/>
      <c r="KRK696" s="613"/>
      <c r="KRL696" s="613"/>
      <c r="KRM696" s="613"/>
      <c r="KRN696" s="613"/>
      <c r="KRO696" s="613"/>
      <c r="KRP696" s="613"/>
      <c r="KRQ696" s="613"/>
      <c r="KRR696" s="613"/>
      <c r="KRS696" s="613"/>
      <c r="KRT696" s="613"/>
      <c r="KRU696" s="613"/>
      <c r="KRV696" s="613"/>
      <c r="KRW696" s="613"/>
      <c r="KRX696" s="613"/>
      <c r="KRY696" s="613"/>
      <c r="KRZ696" s="613"/>
      <c r="KSA696" s="613"/>
      <c r="KSB696" s="613"/>
      <c r="KSC696" s="613"/>
      <c r="KSD696" s="613"/>
      <c r="KSE696" s="613"/>
      <c r="KSF696" s="613"/>
      <c r="KSG696" s="613"/>
      <c r="KSH696" s="613"/>
      <c r="KSI696" s="613"/>
      <c r="KSJ696" s="613"/>
      <c r="KSK696" s="613"/>
      <c r="KSL696" s="613"/>
      <c r="KSM696" s="613"/>
      <c r="KSN696" s="613"/>
      <c r="KSO696" s="613"/>
      <c r="KSP696" s="613"/>
      <c r="KSQ696" s="613"/>
      <c r="KSR696" s="613"/>
      <c r="KSS696" s="613"/>
      <c r="KST696" s="613"/>
      <c r="KSU696" s="613"/>
      <c r="KSV696" s="613"/>
      <c r="KSW696" s="613"/>
      <c r="KSX696" s="613"/>
      <c r="KSY696" s="613"/>
      <c r="KSZ696" s="613"/>
      <c r="KTA696" s="613"/>
      <c r="KTB696" s="613"/>
      <c r="KTC696" s="613"/>
      <c r="KTD696" s="613"/>
      <c r="KTE696" s="613"/>
      <c r="KTF696" s="613"/>
      <c r="KTG696" s="613"/>
      <c r="KTH696" s="613"/>
      <c r="KTI696" s="613"/>
      <c r="KTJ696" s="613"/>
      <c r="KTK696" s="613"/>
      <c r="KTL696" s="613"/>
      <c r="KTM696" s="613"/>
      <c r="KTN696" s="613"/>
      <c r="KTO696" s="613"/>
      <c r="KTP696" s="613"/>
      <c r="KTQ696" s="613"/>
      <c r="KTR696" s="613"/>
      <c r="KTS696" s="613"/>
      <c r="KTT696" s="613"/>
      <c r="KTU696" s="613"/>
      <c r="KTV696" s="613"/>
      <c r="KTW696" s="613"/>
      <c r="KTX696" s="613"/>
      <c r="KTY696" s="613"/>
      <c r="KTZ696" s="613"/>
      <c r="KUA696" s="613"/>
      <c r="KUB696" s="613"/>
      <c r="KUC696" s="613"/>
      <c r="KUD696" s="613"/>
      <c r="KUE696" s="613"/>
      <c r="KUF696" s="613"/>
      <c r="KUG696" s="613"/>
      <c r="KUH696" s="613"/>
      <c r="KUI696" s="613"/>
      <c r="KUJ696" s="613"/>
      <c r="KUK696" s="613"/>
      <c r="KUL696" s="613"/>
      <c r="KUM696" s="613"/>
      <c r="KUN696" s="613"/>
      <c r="KUO696" s="613"/>
      <c r="KUP696" s="613"/>
      <c r="KUQ696" s="613"/>
      <c r="KUR696" s="613"/>
      <c r="KUS696" s="613"/>
      <c r="KUT696" s="613"/>
      <c r="KUU696" s="613"/>
      <c r="KUV696" s="613"/>
      <c r="KUW696" s="613"/>
      <c r="KUX696" s="613"/>
      <c r="KUY696" s="613"/>
      <c r="KUZ696" s="613"/>
      <c r="KVA696" s="613"/>
      <c r="KVB696" s="613"/>
      <c r="KVC696" s="613"/>
      <c r="KVD696" s="613"/>
      <c r="KVE696" s="613"/>
      <c r="KVF696" s="613"/>
      <c r="KVG696" s="613"/>
      <c r="KVH696" s="613"/>
      <c r="KVI696" s="613"/>
      <c r="KVJ696" s="613"/>
      <c r="KVK696" s="613"/>
      <c r="KVL696" s="613"/>
      <c r="KVM696" s="613"/>
      <c r="KVN696" s="613"/>
      <c r="KVO696" s="613"/>
      <c r="KVP696" s="613"/>
      <c r="KVQ696" s="613"/>
      <c r="KVR696" s="613"/>
      <c r="KVS696" s="613"/>
      <c r="KVT696" s="613"/>
      <c r="KVU696" s="613"/>
      <c r="KVV696" s="613"/>
      <c r="KVW696" s="613"/>
      <c r="KVX696" s="613"/>
      <c r="KVY696" s="613"/>
      <c r="KVZ696" s="613"/>
      <c r="KWA696" s="613"/>
      <c r="KWB696" s="613"/>
      <c r="KWC696" s="613"/>
      <c r="KWD696" s="613"/>
      <c r="KWE696" s="613"/>
      <c r="KWF696" s="613"/>
      <c r="KWG696" s="613"/>
      <c r="KWH696" s="613"/>
      <c r="KWI696" s="613"/>
      <c r="KWJ696" s="613"/>
      <c r="KWK696" s="613"/>
      <c r="KWL696" s="613"/>
      <c r="KWM696" s="613"/>
      <c r="KWN696" s="613"/>
      <c r="KWO696" s="613"/>
      <c r="KWP696" s="613"/>
      <c r="KWQ696" s="613"/>
      <c r="KWR696" s="613"/>
      <c r="KWS696" s="613"/>
      <c r="KWT696" s="613"/>
      <c r="KWU696" s="613"/>
      <c r="KWV696" s="613"/>
      <c r="KWW696" s="613"/>
      <c r="KWX696" s="613"/>
      <c r="KWY696" s="613"/>
      <c r="KWZ696" s="613"/>
      <c r="KXA696" s="613"/>
      <c r="KXB696" s="613"/>
      <c r="KXC696" s="613"/>
      <c r="KXD696" s="613"/>
      <c r="KXE696" s="613"/>
      <c r="KXF696" s="613"/>
      <c r="KXG696" s="613"/>
      <c r="KXH696" s="613"/>
      <c r="KXI696" s="613"/>
      <c r="KXJ696" s="613"/>
      <c r="KXK696" s="613"/>
      <c r="KXL696" s="613"/>
      <c r="KXM696" s="613"/>
      <c r="KXN696" s="613"/>
      <c r="KXO696" s="613"/>
      <c r="KXP696" s="613"/>
      <c r="KXQ696" s="613"/>
      <c r="KXR696" s="613"/>
      <c r="KXS696" s="613"/>
      <c r="KXT696" s="613"/>
      <c r="KXU696" s="613"/>
      <c r="KXV696" s="613"/>
      <c r="KXW696" s="613"/>
      <c r="KXX696" s="613"/>
      <c r="KXY696" s="613"/>
      <c r="KXZ696" s="613"/>
      <c r="KYA696" s="613"/>
      <c r="KYB696" s="613"/>
      <c r="KYC696" s="613"/>
      <c r="KYD696" s="613"/>
      <c r="KYE696" s="613"/>
      <c r="KYF696" s="613"/>
      <c r="KYG696" s="613"/>
      <c r="KYH696" s="613"/>
      <c r="KYI696" s="613"/>
      <c r="KYJ696" s="613"/>
      <c r="KYK696" s="613"/>
      <c r="KYL696" s="613"/>
      <c r="KYM696" s="613"/>
      <c r="KYN696" s="613"/>
      <c r="KYO696" s="613"/>
      <c r="KYP696" s="613"/>
      <c r="KYQ696" s="613"/>
      <c r="KYR696" s="613"/>
      <c r="KYS696" s="613"/>
      <c r="KYT696" s="613"/>
      <c r="KYU696" s="613"/>
      <c r="KYV696" s="613"/>
      <c r="KYW696" s="613"/>
      <c r="KYX696" s="613"/>
      <c r="KYY696" s="613"/>
      <c r="KYZ696" s="613"/>
      <c r="KZA696" s="613"/>
      <c r="KZB696" s="613"/>
      <c r="KZC696" s="613"/>
      <c r="KZD696" s="613"/>
      <c r="KZE696" s="613"/>
      <c r="KZF696" s="613"/>
      <c r="KZG696" s="613"/>
      <c r="KZH696" s="613"/>
      <c r="KZI696" s="613"/>
      <c r="KZJ696" s="613"/>
      <c r="KZK696" s="613"/>
      <c r="KZL696" s="613"/>
      <c r="KZM696" s="613"/>
      <c r="KZN696" s="613"/>
      <c r="KZO696" s="613"/>
      <c r="KZP696" s="613"/>
      <c r="KZQ696" s="613"/>
      <c r="KZR696" s="613"/>
      <c r="KZS696" s="613"/>
      <c r="KZT696" s="613"/>
      <c r="KZU696" s="613"/>
      <c r="KZV696" s="613"/>
      <c r="KZW696" s="613"/>
      <c r="KZX696" s="613"/>
      <c r="KZY696" s="613"/>
      <c r="KZZ696" s="613"/>
      <c r="LAA696" s="613"/>
      <c r="LAB696" s="613"/>
      <c r="LAC696" s="613"/>
      <c r="LAD696" s="613"/>
      <c r="LAE696" s="613"/>
      <c r="LAF696" s="613"/>
      <c r="LAG696" s="613"/>
      <c r="LAH696" s="613"/>
      <c r="LAI696" s="613"/>
      <c r="LAJ696" s="613"/>
      <c r="LAK696" s="613"/>
      <c r="LAL696" s="613"/>
      <c r="LAM696" s="613"/>
      <c r="LAN696" s="613"/>
      <c r="LAO696" s="613"/>
      <c r="LAP696" s="613"/>
      <c r="LAQ696" s="613"/>
      <c r="LAR696" s="613"/>
      <c r="LAS696" s="613"/>
      <c r="LAT696" s="613"/>
      <c r="LAU696" s="613"/>
      <c r="LAV696" s="613"/>
      <c r="LAW696" s="613"/>
      <c r="LAX696" s="613"/>
      <c r="LAY696" s="613"/>
      <c r="LAZ696" s="613"/>
      <c r="LBA696" s="613"/>
      <c r="LBB696" s="613"/>
      <c r="LBC696" s="613"/>
      <c r="LBD696" s="613"/>
      <c r="LBE696" s="613"/>
      <c r="LBF696" s="613"/>
      <c r="LBG696" s="613"/>
      <c r="LBH696" s="613"/>
      <c r="LBI696" s="613"/>
      <c r="LBJ696" s="613"/>
      <c r="LBK696" s="613"/>
      <c r="LBL696" s="613"/>
      <c r="LBM696" s="613"/>
      <c r="LBN696" s="613"/>
      <c r="LBO696" s="613"/>
      <c r="LBP696" s="613"/>
      <c r="LBQ696" s="613"/>
      <c r="LBR696" s="613"/>
      <c r="LBS696" s="613"/>
      <c r="LBT696" s="613"/>
      <c r="LBU696" s="613"/>
      <c r="LBV696" s="613"/>
      <c r="LBW696" s="613"/>
      <c r="LBX696" s="613"/>
      <c r="LBY696" s="613"/>
      <c r="LBZ696" s="613"/>
      <c r="LCA696" s="613"/>
      <c r="LCB696" s="613"/>
      <c r="LCC696" s="613"/>
      <c r="LCD696" s="613"/>
      <c r="LCE696" s="613"/>
      <c r="LCF696" s="613"/>
      <c r="LCG696" s="613"/>
      <c r="LCH696" s="613"/>
      <c r="LCI696" s="613"/>
      <c r="LCJ696" s="613"/>
      <c r="LCK696" s="613"/>
      <c r="LCL696" s="613"/>
      <c r="LCM696" s="613"/>
      <c r="LCN696" s="613"/>
      <c r="LCO696" s="613"/>
      <c r="LCP696" s="613"/>
      <c r="LCQ696" s="613"/>
      <c r="LCR696" s="613"/>
      <c r="LCS696" s="613"/>
      <c r="LCT696" s="613"/>
      <c r="LCU696" s="613"/>
      <c r="LCV696" s="613"/>
      <c r="LCW696" s="613"/>
      <c r="LCX696" s="613"/>
      <c r="LCY696" s="613"/>
      <c r="LCZ696" s="613"/>
      <c r="LDA696" s="613"/>
      <c r="LDB696" s="613"/>
      <c r="LDC696" s="613"/>
      <c r="LDD696" s="613"/>
      <c r="LDE696" s="613"/>
      <c r="LDF696" s="613"/>
      <c r="LDG696" s="613"/>
      <c r="LDH696" s="613"/>
      <c r="LDI696" s="613"/>
      <c r="LDJ696" s="613"/>
      <c r="LDK696" s="613"/>
      <c r="LDL696" s="613"/>
      <c r="LDM696" s="613"/>
      <c r="LDN696" s="613"/>
      <c r="LDO696" s="613"/>
      <c r="LDP696" s="613"/>
      <c r="LDQ696" s="613"/>
      <c r="LDR696" s="613"/>
      <c r="LDS696" s="613"/>
      <c r="LDT696" s="613"/>
      <c r="LDU696" s="613"/>
      <c r="LDV696" s="613"/>
      <c r="LDW696" s="613"/>
      <c r="LDX696" s="613"/>
      <c r="LDY696" s="613"/>
      <c r="LDZ696" s="613"/>
      <c r="LEA696" s="613"/>
      <c r="LEB696" s="613"/>
      <c r="LEC696" s="613"/>
      <c r="LED696" s="613"/>
      <c r="LEE696" s="613"/>
      <c r="LEF696" s="613"/>
      <c r="LEG696" s="613"/>
      <c r="LEH696" s="613"/>
      <c r="LEI696" s="613"/>
      <c r="LEJ696" s="613"/>
      <c r="LEK696" s="613"/>
      <c r="LEL696" s="613"/>
      <c r="LEM696" s="613"/>
      <c r="LEN696" s="613"/>
      <c r="LEO696" s="613"/>
      <c r="LEP696" s="613"/>
      <c r="LEQ696" s="613"/>
      <c r="LER696" s="613"/>
      <c r="LES696" s="613"/>
      <c r="LET696" s="613"/>
      <c r="LEU696" s="613"/>
      <c r="LEV696" s="613"/>
      <c r="LEW696" s="613"/>
      <c r="LEX696" s="613"/>
      <c r="LEY696" s="613"/>
      <c r="LEZ696" s="613"/>
      <c r="LFA696" s="613"/>
      <c r="LFB696" s="613"/>
      <c r="LFC696" s="613"/>
      <c r="LFD696" s="613"/>
      <c r="LFE696" s="613"/>
      <c r="LFF696" s="613"/>
      <c r="LFG696" s="613"/>
      <c r="LFH696" s="613"/>
      <c r="LFI696" s="613"/>
      <c r="LFJ696" s="613"/>
      <c r="LFK696" s="613"/>
      <c r="LFL696" s="613"/>
      <c r="LFM696" s="613"/>
      <c r="LFN696" s="613"/>
      <c r="LFO696" s="613"/>
      <c r="LFP696" s="613"/>
      <c r="LFQ696" s="613"/>
      <c r="LFR696" s="613"/>
      <c r="LFS696" s="613"/>
      <c r="LFT696" s="613"/>
      <c r="LFU696" s="613"/>
      <c r="LFV696" s="613"/>
      <c r="LFW696" s="613"/>
      <c r="LFX696" s="613"/>
      <c r="LFY696" s="613"/>
      <c r="LFZ696" s="613"/>
      <c r="LGA696" s="613"/>
      <c r="LGB696" s="613"/>
      <c r="LGC696" s="613"/>
      <c r="LGD696" s="613"/>
      <c r="LGE696" s="613"/>
      <c r="LGF696" s="613"/>
      <c r="LGG696" s="613"/>
      <c r="LGH696" s="613"/>
      <c r="LGI696" s="613"/>
      <c r="LGJ696" s="613"/>
      <c r="LGK696" s="613"/>
      <c r="LGL696" s="613"/>
      <c r="LGM696" s="613"/>
      <c r="LGN696" s="613"/>
      <c r="LGO696" s="613"/>
      <c r="LGP696" s="613"/>
      <c r="LGQ696" s="613"/>
      <c r="LGR696" s="613"/>
      <c r="LGS696" s="613"/>
      <c r="LGT696" s="613"/>
      <c r="LGU696" s="613"/>
      <c r="LGV696" s="613"/>
      <c r="LGW696" s="613"/>
      <c r="LGX696" s="613"/>
      <c r="LGY696" s="613"/>
      <c r="LGZ696" s="613"/>
      <c r="LHA696" s="613"/>
      <c r="LHB696" s="613"/>
      <c r="LHC696" s="613"/>
      <c r="LHD696" s="613"/>
      <c r="LHE696" s="613"/>
      <c r="LHF696" s="613"/>
      <c r="LHG696" s="613"/>
      <c r="LHH696" s="613"/>
      <c r="LHI696" s="613"/>
      <c r="LHJ696" s="613"/>
      <c r="LHK696" s="613"/>
      <c r="LHL696" s="613"/>
      <c r="LHM696" s="613"/>
      <c r="LHN696" s="613"/>
      <c r="LHO696" s="613"/>
      <c r="LHP696" s="613"/>
      <c r="LHQ696" s="613"/>
      <c r="LHR696" s="613"/>
      <c r="LHS696" s="613"/>
      <c r="LHT696" s="613"/>
      <c r="LHU696" s="613"/>
      <c r="LHV696" s="613"/>
      <c r="LHW696" s="613"/>
      <c r="LHX696" s="613"/>
      <c r="LHY696" s="613"/>
      <c r="LHZ696" s="613"/>
      <c r="LIA696" s="613"/>
      <c r="LIB696" s="613"/>
      <c r="LIC696" s="613"/>
      <c r="LID696" s="613"/>
      <c r="LIE696" s="613"/>
      <c r="LIF696" s="613"/>
      <c r="LIG696" s="613"/>
      <c r="LIH696" s="613"/>
      <c r="LII696" s="613"/>
      <c r="LIJ696" s="613"/>
      <c r="LIK696" s="613"/>
      <c r="LIL696" s="613"/>
      <c r="LIM696" s="613"/>
      <c r="LIN696" s="613"/>
      <c r="LIO696" s="613"/>
      <c r="LIP696" s="613"/>
      <c r="LIQ696" s="613"/>
      <c r="LIR696" s="613"/>
      <c r="LIS696" s="613"/>
      <c r="LIT696" s="613"/>
      <c r="LIU696" s="613"/>
      <c r="LIV696" s="613"/>
      <c r="LIW696" s="613"/>
      <c r="LIX696" s="613"/>
      <c r="LIY696" s="613"/>
      <c r="LIZ696" s="613"/>
      <c r="LJA696" s="613"/>
      <c r="LJB696" s="613"/>
      <c r="LJC696" s="613"/>
      <c r="LJD696" s="613"/>
      <c r="LJE696" s="613"/>
      <c r="LJF696" s="613"/>
      <c r="LJG696" s="613"/>
      <c r="LJH696" s="613"/>
      <c r="LJI696" s="613"/>
      <c r="LJJ696" s="613"/>
      <c r="LJK696" s="613"/>
      <c r="LJL696" s="613"/>
      <c r="LJM696" s="613"/>
      <c r="LJN696" s="613"/>
      <c r="LJO696" s="613"/>
      <c r="LJP696" s="613"/>
      <c r="LJQ696" s="613"/>
      <c r="LJR696" s="613"/>
      <c r="LJS696" s="613"/>
      <c r="LJT696" s="613"/>
      <c r="LJU696" s="613"/>
      <c r="LJV696" s="613"/>
      <c r="LJW696" s="613"/>
      <c r="LJX696" s="613"/>
      <c r="LJY696" s="613"/>
      <c r="LJZ696" s="613"/>
      <c r="LKA696" s="613"/>
      <c r="LKB696" s="613"/>
      <c r="LKC696" s="613"/>
      <c r="LKD696" s="613"/>
      <c r="LKE696" s="613"/>
      <c r="LKF696" s="613"/>
      <c r="LKG696" s="613"/>
      <c r="LKH696" s="613"/>
      <c r="LKI696" s="613"/>
      <c r="LKJ696" s="613"/>
      <c r="LKK696" s="613"/>
      <c r="LKL696" s="613"/>
      <c r="LKM696" s="613"/>
      <c r="LKN696" s="613"/>
      <c r="LKO696" s="613"/>
      <c r="LKP696" s="613"/>
      <c r="LKQ696" s="613"/>
      <c r="LKR696" s="613"/>
      <c r="LKS696" s="613"/>
      <c r="LKT696" s="613"/>
      <c r="LKU696" s="613"/>
      <c r="LKV696" s="613"/>
      <c r="LKW696" s="613"/>
      <c r="LKX696" s="613"/>
      <c r="LKY696" s="613"/>
      <c r="LKZ696" s="613"/>
      <c r="LLA696" s="613"/>
      <c r="LLB696" s="613"/>
      <c r="LLC696" s="613"/>
      <c r="LLD696" s="613"/>
      <c r="LLE696" s="613"/>
      <c r="LLF696" s="613"/>
      <c r="LLG696" s="613"/>
      <c r="LLH696" s="613"/>
      <c r="LLI696" s="613"/>
      <c r="LLJ696" s="613"/>
      <c r="LLK696" s="613"/>
      <c r="LLL696" s="613"/>
      <c r="LLM696" s="613"/>
      <c r="LLN696" s="613"/>
      <c r="LLO696" s="613"/>
      <c r="LLP696" s="613"/>
      <c r="LLQ696" s="613"/>
      <c r="LLR696" s="613"/>
      <c r="LLS696" s="613"/>
      <c r="LLT696" s="613"/>
      <c r="LLU696" s="613"/>
      <c r="LLV696" s="613"/>
      <c r="LLW696" s="613"/>
      <c r="LLX696" s="613"/>
      <c r="LLY696" s="613"/>
      <c r="LLZ696" s="613"/>
      <c r="LMA696" s="613"/>
      <c r="LMB696" s="613"/>
      <c r="LMC696" s="613"/>
      <c r="LMD696" s="613"/>
      <c r="LME696" s="613"/>
      <c r="LMF696" s="613"/>
      <c r="LMG696" s="613"/>
      <c r="LMH696" s="613"/>
      <c r="LMI696" s="613"/>
      <c r="LMJ696" s="613"/>
      <c r="LMK696" s="613"/>
      <c r="LML696" s="613"/>
      <c r="LMM696" s="613"/>
      <c r="LMN696" s="613"/>
      <c r="LMO696" s="613"/>
      <c r="LMP696" s="613"/>
      <c r="LMQ696" s="613"/>
      <c r="LMR696" s="613"/>
      <c r="LMS696" s="613"/>
      <c r="LMT696" s="613"/>
      <c r="LMU696" s="613"/>
      <c r="LMV696" s="613"/>
      <c r="LMW696" s="613"/>
      <c r="LMX696" s="613"/>
      <c r="LMY696" s="613"/>
      <c r="LMZ696" s="613"/>
      <c r="LNA696" s="613"/>
      <c r="LNB696" s="613"/>
      <c r="LNC696" s="613"/>
      <c r="LND696" s="613"/>
      <c r="LNE696" s="613"/>
      <c r="LNF696" s="613"/>
      <c r="LNG696" s="613"/>
      <c r="LNH696" s="613"/>
      <c r="LNI696" s="613"/>
      <c r="LNJ696" s="613"/>
      <c r="LNK696" s="613"/>
      <c r="LNL696" s="613"/>
      <c r="LNM696" s="613"/>
      <c r="LNN696" s="613"/>
      <c r="LNO696" s="613"/>
      <c r="LNP696" s="613"/>
      <c r="LNQ696" s="613"/>
      <c r="LNR696" s="613"/>
      <c r="LNS696" s="613"/>
      <c r="LNT696" s="613"/>
      <c r="LNU696" s="613"/>
      <c r="LNV696" s="613"/>
      <c r="LNW696" s="613"/>
      <c r="LNX696" s="613"/>
      <c r="LNY696" s="613"/>
      <c r="LNZ696" s="613"/>
      <c r="LOA696" s="613"/>
      <c r="LOB696" s="613"/>
      <c r="LOC696" s="613"/>
      <c r="LOD696" s="613"/>
      <c r="LOE696" s="613"/>
      <c r="LOF696" s="613"/>
      <c r="LOG696" s="613"/>
      <c r="LOH696" s="613"/>
      <c r="LOI696" s="613"/>
      <c r="LOJ696" s="613"/>
      <c r="LOK696" s="613"/>
      <c r="LOL696" s="613"/>
      <c r="LOM696" s="613"/>
      <c r="LON696" s="613"/>
      <c r="LOO696" s="613"/>
      <c r="LOP696" s="613"/>
      <c r="LOQ696" s="613"/>
      <c r="LOR696" s="613"/>
      <c r="LOS696" s="613"/>
      <c r="LOT696" s="613"/>
      <c r="LOU696" s="613"/>
      <c r="LOV696" s="613"/>
      <c r="LOW696" s="613"/>
      <c r="LOX696" s="613"/>
      <c r="LOY696" s="613"/>
      <c r="LOZ696" s="613"/>
      <c r="LPA696" s="613"/>
      <c r="LPB696" s="613"/>
      <c r="LPC696" s="613"/>
      <c r="LPD696" s="613"/>
      <c r="LPE696" s="613"/>
      <c r="LPF696" s="613"/>
      <c r="LPG696" s="613"/>
      <c r="LPH696" s="613"/>
      <c r="LPI696" s="613"/>
      <c r="LPJ696" s="613"/>
      <c r="LPK696" s="613"/>
      <c r="LPL696" s="613"/>
      <c r="LPM696" s="613"/>
      <c r="LPN696" s="613"/>
      <c r="LPO696" s="613"/>
      <c r="LPP696" s="613"/>
      <c r="LPQ696" s="613"/>
      <c r="LPR696" s="613"/>
      <c r="LPS696" s="613"/>
      <c r="LPT696" s="613"/>
      <c r="LPU696" s="613"/>
      <c r="LPV696" s="613"/>
      <c r="LPW696" s="613"/>
      <c r="LPX696" s="613"/>
      <c r="LPY696" s="613"/>
      <c r="LPZ696" s="613"/>
      <c r="LQA696" s="613"/>
      <c r="LQB696" s="613"/>
      <c r="LQC696" s="613"/>
      <c r="LQD696" s="613"/>
      <c r="LQE696" s="613"/>
      <c r="LQF696" s="613"/>
      <c r="LQG696" s="613"/>
      <c r="LQH696" s="613"/>
      <c r="LQI696" s="613"/>
      <c r="LQJ696" s="613"/>
      <c r="LQK696" s="613"/>
      <c r="LQL696" s="613"/>
      <c r="LQM696" s="613"/>
      <c r="LQN696" s="613"/>
      <c r="LQO696" s="613"/>
      <c r="LQP696" s="613"/>
      <c r="LQQ696" s="613"/>
      <c r="LQR696" s="613"/>
      <c r="LQS696" s="613"/>
      <c r="LQT696" s="613"/>
      <c r="LQU696" s="613"/>
      <c r="LQV696" s="613"/>
      <c r="LQW696" s="613"/>
      <c r="LQX696" s="613"/>
      <c r="LQY696" s="613"/>
      <c r="LQZ696" s="613"/>
      <c r="LRA696" s="613"/>
      <c r="LRB696" s="613"/>
      <c r="LRC696" s="613"/>
      <c r="LRD696" s="613"/>
      <c r="LRE696" s="613"/>
      <c r="LRF696" s="613"/>
      <c r="LRG696" s="613"/>
      <c r="LRH696" s="613"/>
      <c r="LRI696" s="613"/>
      <c r="LRJ696" s="613"/>
      <c r="LRK696" s="613"/>
      <c r="LRL696" s="613"/>
      <c r="LRM696" s="613"/>
      <c r="LRN696" s="613"/>
      <c r="LRO696" s="613"/>
      <c r="LRP696" s="613"/>
      <c r="LRQ696" s="613"/>
      <c r="LRR696" s="613"/>
      <c r="LRS696" s="613"/>
      <c r="LRT696" s="613"/>
      <c r="LRU696" s="613"/>
      <c r="LRV696" s="613"/>
      <c r="LRW696" s="613"/>
      <c r="LRX696" s="613"/>
      <c r="LRY696" s="613"/>
      <c r="LRZ696" s="613"/>
      <c r="LSA696" s="613"/>
      <c r="LSB696" s="613"/>
      <c r="LSC696" s="613"/>
      <c r="LSD696" s="613"/>
      <c r="LSE696" s="613"/>
      <c r="LSF696" s="613"/>
      <c r="LSG696" s="613"/>
      <c r="LSH696" s="613"/>
      <c r="LSI696" s="613"/>
      <c r="LSJ696" s="613"/>
      <c r="LSK696" s="613"/>
      <c r="LSL696" s="613"/>
      <c r="LSM696" s="613"/>
      <c r="LSN696" s="613"/>
      <c r="LSO696" s="613"/>
      <c r="LSP696" s="613"/>
      <c r="LSQ696" s="613"/>
      <c r="LSR696" s="613"/>
      <c r="LSS696" s="613"/>
      <c r="LST696" s="613"/>
      <c r="LSU696" s="613"/>
      <c r="LSV696" s="613"/>
      <c r="LSW696" s="613"/>
      <c r="LSX696" s="613"/>
      <c r="LSY696" s="613"/>
      <c r="LSZ696" s="613"/>
      <c r="LTA696" s="613"/>
      <c r="LTB696" s="613"/>
      <c r="LTC696" s="613"/>
      <c r="LTD696" s="613"/>
      <c r="LTE696" s="613"/>
      <c r="LTF696" s="613"/>
      <c r="LTG696" s="613"/>
      <c r="LTH696" s="613"/>
      <c r="LTI696" s="613"/>
      <c r="LTJ696" s="613"/>
      <c r="LTK696" s="613"/>
      <c r="LTL696" s="613"/>
      <c r="LTM696" s="613"/>
      <c r="LTN696" s="613"/>
      <c r="LTO696" s="613"/>
      <c r="LTP696" s="613"/>
      <c r="LTQ696" s="613"/>
      <c r="LTR696" s="613"/>
      <c r="LTS696" s="613"/>
      <c r="LTT696" s="613"/>
      <c r="LTU696" s="613"/>
      <c r="LTV696" s="613"/>
      <c r="LTW696" s="613"/>
      <c r="LTX696" s="613"/>
      <c r="LTY696" s="613"/>
      <c r="LTZ696" s="613"/>
      <c r="LUA696" s="613"/>
      <c r="LUB696" s="613"/>
      <c r="LUC696" s="613"/>
      <c r="LUD696" s="613"/>
      <c r="LUE696" s="613"/>
      <c r="LUF696" s="613"/>
      <c r="LUG696" s="613"/>
      <c r="LUH696" s="613"/>
      <c r="LUI696" s="613"/>
      <c r="LUJ696" s="613"/>
      <c r="LUK696" s="613"/>
      <c r="LUL696" s="613"/>
      <c r="LUM696" s="613"/>
      <c r="LUN696" s="613"/>
      <c r="LUO696" s="613"/>
      <c r="LUP696" s="613"/>
      <c r="LUQ696" s="613"/>
      <c r="LUR696" s="613"/>
      <c r="LUS696" s="613"/>
      <c r="LUT696" s="613"/>
      <c r="LUU696" s="613"/>
      <c r="LUV696" s="613"/>
      <c r="LUW696" s="613"/>
      <c r="LUX696" s="613"/>
      <c r="LUY696" s="613"/>
      <c r="LUZ696" s="613"/>
      <c r="LVA696" s="613"/>
      <c r="LVB696" s="613"/>
      <c r="LVC696" s="613"/>
      <c r="LVD696" s="613"/>
      <c r="LVE696" s="613"/>
      <c r="LVF696" s="613"/>
      <c r="LVG696" s="613"/>
      <c r="LVH696" s="613"/>
      <c r="LVI696" s="613"/>
      <c r="LVJ696" s="613"/>
      <c r="LVK696" s="613"/>
      <c r="LVL696" s="613"/>
      <c r="LVM696" s="613"/>
      <c r="LVN696" s="613"/>
      <c r="LVO696" s="613"/>
      <c r="LVP696" s="613"/>
      <c r="LVQ696" s="613"/>
      <c r="LVR696" s="613"/>
      <c r="LVS696" s="613"/>
      <c r="LVT696" s="613"/>
      <c r="LVU696" s="613"/>
      <c r="LVV696" s="613"/>
      <c r="LVW696" s="613"/>
      <c r="LVX696" s="613"/>
      <c r="LVY696" s="613"/>
      <c r="LVZ696" s="613"/>
      <c r="LWA696" s="613"/>
      <c r="LWB696" s="613"/>
      <c r="LWC696" s="613"/>
      <c r="LWD696" s="613"/>
      <c r="LWE696" s="613"/>
      <c r="LWF696" s="613"/>
      <c r="LWG696" s="613"/>
      <c r="LWH696" s="613"/>
      <c r="LWI696" s="613"/>
      <c r="LWJ696" s="613"/>
      <c r="LWK696" s="613"/>
      <c r="LWL696" s="613"/>
      <c r="LWM696" s="613"/>
      <c r="LWN696" s="613"/>
      <c r="LWO696" s="613"/>
      <c r="LWP696" s="613"/>
      <c r="LWQ696" s="613"/>
      <c r="LWR696" s="613"/>
      <c r="LWS696" s="613"/>
      <c r="LWT696" s="613"/>
      <c r="LWU696" s="613"/>
      <c r="LWV696" s="613"/>
      <c r="LWW696" s="613"/>
      <c r="LWX696" s="613"/>
      <c r="LWY696" s="613"/>
      <c r="LWZ696" s="613"/>
      <c r="LXA696" s="613"/>
      <c r="LXB696" s="613"/>
      <c r="LXC696" s="613"/>
      <c r="LXD696" s="613"/>
      <c r="LXE696" s="613"/>
      <c r="LXF696" s="613"/>
      <c r="LXG696" s="613"/>
      <c r="LXH696" s="613"/>
      <c r="LXI696" s="613"/>
      <c r="LXJ696" s="613"/>
      <c r="LXK696" s="613"/>
      <c r="LXL696" s="613"/>
      <c r="LXM696" s="613"/>
      <c r="LXN696" s="613"/>
      <c r="LXO696" s="613"/>
      <c r="LXP696" s="613"/>
      <c r="LXQ696" s="613"/>
      <c r="LXR696" s="613"/>
      <c r="LXS696" s="613"/>
      <c r="LXT696" s="613"/>
      <c r="LXU696" s="613"/>
      <c r="LXV696" s="613"/>
      <c r="LXW696" s="613"/>
      <c r="LXX696" s="613"/>
      <c r="LXY696" s="613"/>
      <c r="LXZ696" s="613"/>
      <c r="LYA696" s="613"/>
      <c r="LYB696" s="613"/>
      <c r="LYC696" s="613"/>
      <c r="LYD696" s="613"/>
      <c r="LYE696" s="613"/>
      <c r="LYF696" s="613"/>
      <c r="LYG696" s="613"/>
      <c r="LYH696" s="613"/>
      <c r="LYI696" s="613"/>
      <c r="LYJ696" s="613"/>
      <c r="LYK696" s="613"/>
      <c r="LYL696" s="613"/>
      <c r="LYM696" s="613"/>
      <c r="LYN696" s="613"/>
      <c r="LYO696" s="613"/>
      <c r="LYP696" s="613"/>
      <c r="LYQ696" s="613"/>
      <c r="LYR696" s="613"/>
      <c r="LYS696" s="613"/>
      <c r="LYT696" s="613"/>
      <c r="LYU696" s="613"/>
      <c r="LYV696" s="613"/>
      <c r="LYW696" s="613"/>
      <c r="LYX696" s="613"/>
      <c r="LYY696" s="613"/>
      <c r="LYZ696" s="613"/>
      <c r="LZA696" s="613"/>
      <c r="LZB696" s="613"/>
      <c r="LZC696" s="613"/>
      <c r="LZD696" s="613"/>
      <c r="LZE696" s="613"/>
      <c r="LZF696" s="613"/>
      <c r="LZG696" s="613"/>
      <c r="LZH696" s="613"/>
      <c r="LZI696" s="613"/>
      <c r="LZJ696" s="613"/>
      <c r="LZK696" s="613"/>
      <c r="LZL696" s="613"/>
      <c r="LZM696" s="613"/>
      <c r="LZN696" s="613"/>
      <c r="LZO696" s="613"/>
      <c r="LZP696" s="613"/>
      <c r="LZQ696" s="613"/>
      <c r="LZR696" s="613"/>
      <c r="LZS696" s="613"/>
      <c r="LZT696" s="613"/>
      <c r="LZU696" s="613"/>
      <c r="LZV696" s="613"/>
      <c r="LZW696" s="613"/>
      <c r="LZX696" s="613"/>
      <c r="LZY696" s="613"/>
      <c r="LZZ696" s="613"/>
      <c r="MAA696" s="613"/>
      <c r="MAB696" s="613"/>
      <c r="MAC696" s="613"/>
      <c r="MAD696" s="613"/>
      <c r="MAE696" s="613"/>
      <c r="MAF696" s="613"/>
      <c r="MAG696" s="613"/>
      <c r="MAH696" s="613"/>
      <c r="MAI696" s="613"/>
      <c r="MAJ696" s="613"/>
      <c r="MAK696" s="613"/>
      <c r="MAL696" s="613"/>
      <c r="MAM696" s="613"/>
      <c r="MAN696" s="613"/>
      <c r="MAO696" s="613"/>
      <c r="MAP696" s="613"/>
      <c r="MAQ696" s="613"/>
      <c r="MAR696" s="613"/>
      <c r="MAS696" s="613"/>
      <c r="MAT696" s="613"/>
      <c r="MAU696" s="613"/>
      <c r="MAV696" s="613"/>
      <c r="MAW696" s="613"/>
      <c r="MAX696" s="613"/>
      <c r="MAY696" s="613"/>
      <c r="MAZ696" s="613"/>
      <c r="MBA696" s="613"/>
      <c r="MBB696" s="613"/>
      <c r="MBC696" s="613"/>
      <c r="MBD696" s="613"/>
      <c r="MBE696" s="613"/>
      <c r="MBF696" s="613"/>
      <c r="MBG696" s="613"/>
      <c r="MBH696" s="613"/>
      <c r="MBI696" s="613"/>
      <c r="MBJ696" s="613"/>
      <c r="MBK696" s="613"/>
      <c r="MBL696" s="613"/>
      <c r="MBM696" s="613"/>
      <c r="MBN696" s="613"/>
      <c r="MBO696" s="613"/>
      <c r="MBP696" s="613"/>
      <c r="MBQ696" s="613"/>
      <c r="MBR696" s="613"/>
      <c r="MBS696" s="613"/>
      <c r="MBT696" s="613"/>
      <c r="MBU696" s="613"/>
      <c r="MBV696" s="613"/>
      <c r="MBW696" s="613"/>
      <c r="MBX696" s="613"/>
      <c r="MBY696" s="613"/>
      <c r="MBZ696" s="613"/>
      <c r="MCA696" s="613"/>
      <c r="MCB696" s="613"/>
      <c r="MCC696" s="613"/>
      <c r="MCD696" s="613"/>
      <c r="MCE696" s="613"/>
      <c r="MCF696" s="613"/>
      <c r="MCG696" s="613"/>
      <c r="MCH696" s="613"/>
      <c r="MCI696" s="613"/>
      <c r="MCJ696" s="613"/>
      <c r="MCK696" s="613"/>
      <c r="MCL696" s="613"/>
      <c r="MCM696" s="613"/>
      <c r="MCN696" s="613"/>
      <c r="MCO696" s="613"/>
      <c r="MCP696" s="613"/>
      <c r="MCQ696" s="613"/>
      <c r="MCR696" s="613"/>
      <c r="MCS696" s="613"/>
      <c r="MCT696" s="613"/>
      <c r="MCU696" s="613"/>
      <c r="MCV696" s="613"/>
      <c r="MCW696" s="613"/>
      <c r="MCX696" s="613"/>
      <c r="MCY696" s="613"/>
      <c r="MCZ696" s="613"/>
      <c r="MDA696" s="613"/>
      <c r="MDB696" s="613"/>
      <c r="MDC696" s="613"/>
      <c r="MDD696" s="613"/>
      <c r="MDE696" s="613"/>
      <c r="MDF696" s="613"/>
      <c r="MDG696" s="613"/>
      <c r="MDH696" s="613"/>
      <c r="MDI696" s="613"/>
      <c r="MDJ696" s="613"/>
      <c r="MDK696" s="613"/>
      <c r="MDL696" s="613"/>
      <c r="MDM696" s="613"/>
      <c r="MDN696" s="613"/>
      <c r="MDO696" s="613"/>
      <c r="MDP696" s="613"/>
      <c r="MDQ696" s="613"/>
      <c r="MDR696" s="613"/>
      <c r="MDS696" s="613"/>
      <c r="MDT696" s="613"/>
      <c r="MDU696" s="613"/>
      <c r="MDV696" s="613"/>
      <c r="MDW696" s="613"/>
      <c r="MDX696" s="613"/>
      <c r="MDY696" s="613"/>
      <c r="MDZ696" s="613"/>
      <c r="MEA696" s="613"/>
      <c r="MEB696" s="613"/>
      <c r="MEC696" s="613"/>
      <c r="MED696" s="613"/>
      <c r="MEE696" s="613"/>
      <c r="MEF696" s="613"/>
      <c r="MEG696" s="613"/>
      <c r="MEH696" s="613"/>
      <c r="MEI696" s="613"/>
      <c r="MEJ696" s="613"/>
      <c r="MEK696" s="613"/>
      <c r="MEL696" s="613"/>
      <c r="MEM696" s="613"/>
      <c r="MEN696" s="613"/>
      <c r="MEO696" s="613"/>
      <c r="MEP696" s="613"/>
      <c r="MEQ696" s="613"/>
      <c r="MER696" s="613"/>
      <c r="MES696" s="613"/>
      <c r="MET696" s="613"/>
      <c r="MEU696" s="613"/>
      <c r="MEV696" s="613"/>
      <c r="MEW696" s="613"/>
      <c r="MEX696" s="613"/>
      <c r="MEY696" s="613"/>
      <c r="MEZ696" s="613"/>
      <c r="MFA696" s="613"/>
      <c r="MFB696" s="613"/>
      <c r="MFC696" s="613"/>
      <c r="MFD696" s="613"/>
      <c r="MFE696" s="613"/>
      <c r="MFF696" s="613"/>
      <c r="MFG696" s="613"/>
      <c r="MFH696" s="613"/>
      <c r="MFI696" s="613"/>
      <c r="MFJ696" s="613"/>
      <c r="MFK696" s="613"/>
      <c r="MFL696" s="613"/>
      <c r="MFM696" s="613"/>
      <c r="MFN696" s="613"/>
      <c r="MFO696" s="613"/>
      <c r="MFP696" s="613"/>
      <c r="MFQ696" s="613"/>
      <c r="MFR696" s="613"/>
      <c r="MFS696" s="613"/>
      <c r="MFT696" s="613"/>
      <c r="MFU696" s="613"/>
      <c r="MFV696" s="613"/>
      <c r="MFW696" s="613"/>
      <c r="MFX696" s="613"/>
      <c r="MFY696" s="613"/>
      <c r="MFZ696" s="613"/>
      <c r="MGA696" s="613"/>
      <c r="MGB696" s="613"/>
      <c r="MGC696" s="613"/>
      <c r="MGD696" s="613"/>
      <c r="MGE696" s="613"/>
      <c r="MGF696" s="613"/>
      <c r="MGG696" s="613"/>
      <c r="MGH696" s="613"/>
      <c r="MGI696" s="613"/>
      <c r="MGJ696" s="613"/>
      <c r="MGK696" s="613"/>
      <c r="MGL696" s="613"/>
      <c r="MGM696" s="613"/>
      <c r="MGN696" s="613"/>
      <c r="MGO696" s="613"/>
      <c r="MGP696" s="613"/>
      <c r="MGQ696" s="613"/>
      <c r="MGR696" s="613"/>
      <c r="MGS696" s="613"/>
      <c r="MGT696" s="613"/>
      <c r="MGU696" s="613"/>
      <c r="MGV696" s="613"/>
      <c r="MGW696" s="613"/>
      <c r="MGX696" s="613"/>
      <c r="MGY696" s="613"/>
      <c r="MGZ696" s="613"/>
      <c r="MHA696" s="613"/>
      <c r="MHB696" s="613"/>
      <c r="MHC696" s="613"/>
      <c r="MHD696" s="613"/>
      <c r="MHE696" s="613"/>
      <c r="MHF696" s="613"/>
      <c r="MHG696" s="613"/>
      <c r="MHH696" s="613"/>
      <c r="MHI696" s="613"/>
      <c r="MHJ696" s="613"/>
      <c r="MHK696" s="613"/>
      <c r="MHL696" s="613"/>
      <c r="MHM696" s="613"/>
      <c r="MHN696" s="613"/>
      <c r="MHO696" s="613"/>
      <c r="MHP696" s="613"/>
      <c r="MHQ696" s="613"/>
      <c r="MHR696" s="613"/>
      <c r="MHS696" s="613"/>
      <c r="MHT696" s="613"/>
      <c r="MHU696" s="613"/>
      <c r="MHV696" s="613"/>
      <c r="MHW696" s="613"/>
      <c r="MHX696" s="613"/>
      <c r="MHY696" s="613"/>
      <c r="MHZ696" s="613"/>
      <c r="MIA696" s="613"/>
      <c r="MIB696" s="613"/>
      <c r="MIC696" s="613"/>
      <c r="MID696" s="613"/>
      <c r="MIE696" s="613"/>
      <c r="MIF696" s="613"/>
      <c r="MIG696" s="613"/>
      <c r="MIH696" s="613"/>
      <c r="MII696" s="613"/>
      <c r="MIJ696" s="613"/>
      <c r="MIK696" s="613"/>
      <c r="MIL696" s="613"/>
      <c r="MIM696" s="613"/>
      <c r="MIN696" s="613"/>
      <c r="MIO696" s="613"/>
      <c r="MIP696" s="613"/>
      <c r="MIQ696" s="613"/>
      <c r="MIR696" s="613"/>
      <c r="MIS696" s="613"/>
      <c r="MIT696" s="613"/>
      <c r="MIU696" s="613"/>
      <c r="MIV696" s="613"/>
      <c r="MIW696" s="613"/>
      <c r="MIX696" s="613"/>
      <c r="MIY696" s="613"/>
      <c r="MIZ696" s="613"/>
      <c r="MJA696" s="613"/>
      <c r="MJB696" s="613"/>
      <c r="MJC696" s="613"/>
      <c r="MJD696" s="613"/>
      <c r="MJE696" s="613"/>
      <c r="MJF696" s="613"/>
      <c r="MJG696" s="613"/>
      <c r="MJH696" s="613"/>
      <c r="MJI696" s="613"/>
      <c r="MJJ696" s="613"/>
      <c r="MJK696" s="613"/>
      <c r="MJL696" s="613"/>
      <c r="MJM696" s="613"/>
      <c r="MJN696" s="613"/>
      <c r="MJO696" s="613"/>
      <c r="MJP696" s="613"/>
      <c r="MJQ696" s="613"/>
      <c r="MJR696" s="613"/>
      <c r="MJS696" s="613"/>
      <c r="MJT696" s="613"/>
      <c r="MJU696" s="613"/>
      <c r="MJV696" s="613"/>
      <c r="MJW696" s="613"/>
      <c r="MJX696" s="613"/>
      <c r="MJY696" s="613"/>
      <c r="MJZ696" s="613"/>
      <c r="MKA696" s="613"/>
      <c r="MKB696" s="613"/>
      <c r="MKC696" s="613"/>
      <c r="MKD696" s="613"/>
      <c r="MKE696" s="613"/>
      <c r="MKF696" s="613"/>
      <c r="MKG696" s="613"/>
      <c r="MKH696" s="613"/>
      <c r="MKI696" s="613"/>
      <c r="MKJ696" s="613"/>
      <c r="MKK696" s="613"/>
      <c r="MKL696" s="613"/>
      <c r="MKM696" s="613"/>
      <c r="MKN696" s="613"/>
      <c r="MKO696" s="613"/>
      <c r="MKP696" s="613"/>
      <c r="MKQ696" s="613"/>
      <c r="MKR696" s="613"/>
      <c r="MKS696" s="613"/>
      <c r="MKT696" s="613"/>
      <c r="MKU696" s="613"/>
      <c r="MKV696" s="613"/>
      <c r="MKW696" s="613"/>
      <c r="MKX696" s="613"/>
      <c r="MKY696" s="613"/>
      <c r="MKZ696" s="613"/>
      <c r="MLA696" s="613"/>
      <c r="MLB696" s="613"/>
      <c r="MLC696" s="613"/>
      <c r="MLD696" s="613"/>
      <c r="MLE696" s="613"/>
      <c r="MLF696" s="613"/>
      <c r="MLG696" s="613"/>
      <c r="MLH696" s="613"/>
      <c r="MLI696" s="613"/>
      <c r="MLJ696" s="613"/>
      <c r="MLK696" s="613"/>
      <c r="MLL696" s="613"/>
      <c r="MLM696" s="613"/>
      <c r="MLN696" s="613"/>
      <c r="MLO696" s="613"/>
      <c r="MLP696" s="613"/>
      <c r="MLQ696" s="613"/>
      <c r="MLR696" s="613"/>
      <c r="MLS696" s="613"/>
      <c r="MLT696" s="613"/>
      <c r="MLU696" s="613"/>
      <c r="MLV696" s="613"/>
      <c r="MLW696" s="613"/>
      <c r="MLX696" s="613"/>
      <c r="MLY696" s="613"/>
      <c r="MLZ696" s="613"/>
      <c r="MMA696" s="613"/>
      <c r="MMB696" s="613"/>
      <c r="MMC696" s="613"/>
      <c r="MMD696" s="613"/>
      <c r="MME696" s="613"/>
      <c r="MMF696" s="613"/>
      <c r="MMG696" s="613"/>
      <c r="MMH696" s="613"/>
      <c r="MMI696" s="613"/>
      <c r="MMJ696" s="613"/>
      <c r="MMK696" s="613"/>
      <c r="MML696" s="613"/>
      <c r="MMM696" s="613"/>
      <c r="MMN696" s="613"/>
      <c r="MMO696" s="613"/>
      <c r="MMP696" s="613"/>
      <c r="MMQ696" s="613"/>
      <c r="MMR696" s="613"/>
      <c r="MMS696" s="613"/>
      <c r="MMT696" s="613"/>
      <c r="MMU696" s="613"/>
      <c r="MMV696" s="613"/>
      <c r="MMW696" s="613"/>
      <c r="MMX696" s="613"/>
      <c r="MMY696" s="613"/>
      <c r="MMZ696" s="613"/>
      <c r="MNA696" s="613"/>
      <c r="MNB696" s="613"/>
      <c r="MNC696" s="613"/>
      <c r="MND696" s="613"/>
      <c r="MNE696" s="613"/>
      <c r="MNF696" s="613"/>
      <c r="MNG696" s="613"/>
      <c r="MNH696" s="613"/>
      <c r="MNI696" s="613"/>
      <c r="MNJ696" s="613"/>
      <c r="MNK696" s="613"/>
      <c r="MNL696" s="613"/>
      <c r="MNM696" s="613"/>
      <c r="MNN696" s="613"/>
      <c r="MNO696" s="613"/>
      <c r="MNP696" s="613"/>
      <c r="MNQ696" s="613"/>
      <c r="MNR696" s="613"/>
      <c r="MNS696" s="613"/>
      <c r="MNT696" s="613"/>
      <c r="MNU696" s="613"/>
      <c r="MNV696" s="613"/>
      <c r="MNW696" s="613"/>
      <c r="MNX696" s="613"/>
      <c r="MNY696" s="613"/>
      <c r="MNZ696" s="613"/>
      <c r="MOA696" s="613"/>
      <c r="MOB696" s="613"/>
      <c r="MOC696" s="613"/>
      <c r="MOD696" s="613"/>
      <c r="MOE696" s="613"/>
      <c r="MOF696" s="613"/>
      <c r="MOG696" s="613"/>
      <c r="MOH696" s="613"/>
      <c r="MOI696" s="613"/>
      <c r="MOJ696" s="613"/>
      <c r="MOK696" s="613"/>
      <c r="MOL696" s="613"/>
      <c r="MOM696" s="613"/>
      <c r="MON696" s="613"/>
      <c r="MOO696" s="613"/>
      <c r="MOP696" s="613"/>
      <c r="MOQ696" s="613"/>
      <c r="MOR696" s="613"/>
      <c r="MOS696" s="613"/>
      <c r="MOT696" s="613"/>
      <c r="MOU696" s="613"/>
      <c r="MOV696" s="613"/>
      <c r="MOW696" s="613"/>
      <c r="MOX696" s="613"/>
      <c r="MOY696" s="613"/>
      <c r="MOZ696" s="613"/>
      <c r="MPA696" s="613"/>
      <c r="MPB696" s="613"/>
      <c r="MPC696" s="613"/>
      <c r="MPD696" s="613"/>
      <c r="MPE696" s="613"/>
      <c r="MPF696" s="613"/>
      <c r="MPG696" s="613"/>
      <c r="MPH696" s="613"/>
      <c r="MPI696" s="613"/>
      <c r="MPJ696" s="613"/>
      <c r="MPK696" s="613"/>
      <c r="MPL696" s="613"/>
      <c r="MPM696" s="613"/>
      <c r="MPN696" s="613"/>
      <c r="MPO696" s="613"/>
      <c r="MPP696" s="613"/>
      <c r="MPQ696" s="613"/>
      <c r="MPR696" s="613"/>
      <c r="MPS696" s="613"/>
      <c r="MPT696" s="613"/>
      <c r="MPU696" s="613"/>
      <c r="MPV696" s="613"/>
      <c r="MPW696" s="613"/>
      <c r="MPX696" s="613"/>
      <c r="MPY696" s="613"/>
      <c r="MPZ696" s="613"/>
      <c r="MQA696" s="613"/>
      <c r="MQB696" s="613"/>
      <c r="MQC696" s="613"/>
      <c r="MQD696" s="613"/>
      <c r="MQE696" s="613"/>
      <c r="MQF696" s="613"/>
      <c r="MQG696" s="613"/>
      <c r="MQH696" s="613"/>
      <c r="MQI696" s="613"/>
      <c r="MQJ696" s="613"/>
      <c r="MQK696" s="613"/>
      <c r="MQL696" s="613"/>
      <c r="MQM696" s="613"/>
      <c r="MQN696" s="613"/>
      <c r="MQO696" s="613"/>
      <c r="MQP696" s="613"/>
      <c r="MQQ696" s="613"/>
      <c r="MQR696" s="613"/>
      <c r="MQS696" s="613"/>
      <c r="MQT696" s="613"/>
      <c r="MQU696" s="613"/>
      <c r="MQV696" s="613"/>
      <c r="MQW696" s="613"/>
      <c r="MQX696" s="613"/>
      <c r="MQY696" s="613"/>
      <c r="MQZ696" s="613"/>
      <c r="MRA696" s="613"/>
      <c r="MRB696" s="613"/>
      <c r="MRC696" s="613"/>
      <c r="MRD696" s="613"/>
      <c r="MRE696" s="613"/>
      <c r="MRF696" s="613"/>
      <c r="MRG696" s="613"/>
      <c r="MRH696" s="613"/>
      <c r="MRI696" s="613"/>
      <c r="MRJ696" s="613"/>
      <c r="MRK696" s="613"/>
      <c r="MRL696" s="613"/>
      <c r="MRM696" s="613"/>
      <c r="MRN696" s="613"/>
      <c r="MRO696" s="613"/>
      <c r="MRP696" s="613"/>
      <c r="MRQ696" s="613"/>
      <c r="MRR696" s="613"/>
      <c r="MRS696" s="613"/>
      <c r="MRT696" s="613"/>
      <c r="MRU696" s="613"/>
      <c r="MRV696" s="613"/>
      <c r="MRW696" s="613"/>
      <c r="MRX696" s="613"/>
      <c r="MRY696" s="613"/>
      <c r="MRZ696" s="613"/>
      <c r="MSA696" s="613"/>
      <c r="MSB696" s="613"/>
      <c r="MSC696" s="613"/>
      <c r="MSD696" s="613"/>
      <c r="MSE696" s="613"/>
      <c r="MSF696" s="613"/>
      <c r="MSG696" s="613"/>
      <c r="MSH696" s="613"/>
      <c r="MSI696" s="613"/>
      <c r="MSJ696" s="613"/>
      <c r="MSK696" s="613"/>
      <c r="MSL696" s="613"/>
      <c r="MSM696" s="613"/>
      <c r="MSN696" s="613"/>
      <c r="MSO696" s="613"/>
      <c r="MSP696" s="613"/>
      <c r="MSQ696" s="613"/>
      <c r="MSR696" s="613"/>
      <c r="MSS696" s="613"/>
      <c r="MST696" s="613"/>
      <c r="MSU696" s="613"/>
      <c r="MSV696" s="613"/>
      <c r="MSW696" s="613"/>
      <c r="MSX696" s="613"/>
      <c r="MSY696" s="613"/>
      <c r="MSZ696" s="613"/>
      <c r="MTA696" s="613"/>
      <c r="MTB696" s="613"/>
      <c r="MTC696" s="613"/>
      <c r="MTD696" s="613"/>
      <c r="MTE696" s="613"/>
      <c r="MTF696" s="613"/>
      <c r="MTG696" s="613"/>
      <c r="MTH696" s="613"/>
      <c r="MTI696" s="613"/>
      <c r="MTJ696" s="613"/>
      <c r="MTK696" s="613"/>
      <c r="MTL696" s="613"/>
      <c r="MTM696" s="613"/>
      <c r="MTN696" s="613"/>
      <c r="MTO696" s="613"/>
      <c r="MTP696" s="613"/>
      <c r="MTQ696" s="613"/>
      <c r="MTR696" s="613"/>
      <c r="MTS696" s="613"/>
      <c r="MTT696" s="613"/>
      <c r="MTU696" s="613"/>
      <c r="MTV696" s="613"/>
      <c r="MTW696" s="613"/>
      <c r="MTX696" s="613"/>
      <c r="MTY696" s="613"/>
      <c r="MTZ696" s="613"/>
      <c r="MUA696" s="613"/>
      <c r="MUB696" s="613"/>
      <c r="MUC696" s="613"/>
      <c r="MUD696" s="613"/>
      <c r="MUE696" s="613"/>
      <c r="MUF696" s="613"/>
      <c r="MUG696" s="613"/>
      <c r="MUH696" s="613"/>
      <c r="MUI696" s="613"/>
      <c r="MUJ696" s="613"/>
      <c r="MUK696" s="613"/>
      <c r="MUL696" s="613"/>
      <c r="MUM696" s="613"/>
      <c r="MUN696" s="613"/>
      <c r="MUO696" s="613"/>
      <c r="MUP696" s="613"/>
      <c r="MUQ696" s="613"/>
      <c r="MUR696" s="613"/>
      <c r="MUS696" s="613"/>
      <c r="MUT696" s="613"/>
      <c r="MUU696" s="613"/>
      <c r="MUV696" s="613"/>
      <c r="MUW696" s="613"/>
      <c r="MUX696" s="613"/>
      <c r="MUY696" s="613"/>
      <c r="MUZ696" s="613"/>
      <c r="MVA696" s="613"/>
      <c r="MVB696" s="613"/>
      <c r="MVC696" s="613"/>
      <c r="MVD696" s="613"/>
      <c r="MVE696" s="613"/>
      <c r="MVF696" s="613"/>
      <c r="MVG696" s="613"/>
      <c r="MVH696" s="613"/>
      <c r="MVI696" s="613"/>
      <c r="MVJ696" s="613"/>
      <c r="MVK696" s="613"/>
      <c r="MVL696" s="613"/>
      <c r="MVM696" s="613"/>
      <c r="MVN696" s="613"/>
      <c r="MVO696" s="613"/>
      <c r="MVP696" s="613"/>
      <c r="MVQ696" s="613"/>
      <c r="MVR696" s="613"/>
      <c r="MVS696" s="613"/>
      <c r="MVT696" s="613"/>
      <c r="MVU696" s="613"/>
      <c r="MVV696" s="613"/>
      <c r="MVW696" s="613"/>
      <c r="MVX696" s="613"/>
      <c r="MVY696" s="613"/>
      <c r="MVZ696" s="613"/>
      <c r="MWA696" s="613"/>
      <c r="MWB696" s="613"/>
      <c r="MWC696" s="613"/>
      <c r="MWD696" s="613"/>
      <c r="MWE696" s="613"/>
      <c r="MWF696" s="613"/>
      <c r="MWG696" s="613"/>
      <c r="MWH696" s="613"/>
      <c r="MWI696" s="613"/>
      <c r="MWJ696" s="613"/>
      <c r="MWK696" s="613"/>
      <c r="MWL696" s="613"/>
      <c r="MWM696" s="613"/>
      <c r="MWN696" s="613"/>
      <c r="MWO696" s="613"/>
      <c r="MWP696" s="613"/>
      <c r="MWQ696" s="613"/>
      <c r="MWR696" s="613"/>
      <c r="MWS696" s="613"/>
      <c r="MWT696" s="613"/>
      <c r="MWU696" s="613"/>
      <c r="MWV696" s="613"/>
      <c r="MWW696" s="613"/>
      <c r="MWX696" s="613"/>
      <c r="MWY696" s="613"/>
      <c r="MWZ696" s="613"/>
      <c r="MXA696" s="613"/>
      <c r="MXB696" s="613"/>
      <c r="MXC696" s="613"/>
      <c r="MXD696" s="613"/>
      <c r="MXE696" s="613"/>
      <c r="MXF696" s="613"/>
      <c r="MXG696" s="613"/>
      <c r="MXH696" s="613"/>
      <c r="MXI696" s="613"/>
      <c r="MXJ696" s="613"/>
      <c r="MXK696" s="613"/>
      <c r="MXL696" s="613"/>
      <c r="MXM696" s="613"/>
      <c r="MXN696" s="613"/>
      <c r="MXO696" s="613"/>
      <c r="MXP696" s="613"/>
      <c r="MXQ696" s="613"/>
      <c r="MXR696" s="613"/>
      <c r="MXS696" s="613"/>
      <c r="MXT696" s="613"/>
      <c r="MXU696" s="613"/>
      <c r="MXV696" s="613"/>
      <c r="MXW696" s="613"/>
      <c r="MXX696" s="613"/>
      <c r="MXY696" s="613"/>
      <c r="MXZ696" s="613"/>
      <c r="MYA696" s="613"/>
      <c r="MYB696" s="613"/>
      <c r="MYC696" s="613"/>
      <c r="MYD696" s="613"/>
      <c r="MYE696" s="613"/>
      <c r="MYF696" s="613"/>
      <c r="MYG696" s="613"/>
      <c r="MYH696" s="613"/>
      <c r="MYI696" s="613"/>
      <c r="MYJ696" s="613"/>
      <c r="MYK696" s="613"/>
      <c r="MYL696" s="613"/>
      <c r="MYM696" s="613"/>
      <c r="MYN696" s="613"/>
      <c r="MYO696" s="613"/>
      <c r="MYP696" s="613"/>
      <c r="MYQ696" s="613"/>
      <c r="MYR696" s="613"/>
      <c r="MYS696" s="613"/>
      <c r="MYT696" s="613"/>
      <c r="MYU696" s="613"/>
      <c r="MYV696" s="613"/>
      <c r="MYW696" s="613"/>
      <c r="MYX696" s="613"/>
      <c r="MYY696" s="613"/>
      <c r="MYZ696" s="613"/>
      <c r="MZA696" s="613"/>
      <c r="MZB696" s="613"/>
      <c r="MZC696" s="613"/>
      <c r="MZD696" s="613"/>
      <c r="MZE696" s="613"/>
      <c r="MZF696" s="613"/>
      <c r="MZG696" s="613"/>
      <c r="MZH696" s="613"/>
      <c r="MZI696" s="613"/>
      <c r="MZJ696" s="613"/>
      <c r="MZK696" s="613"/>
      <c r="MZL696" s="613"/>
      <c r="MZM696" s="613"/>
      <c r="MZN696" s="613"/>
      <c r="MZO696" s="613"/>
      <c r="MZP696" s="613"/>
      <c r="MZQ696" s="613"/>
      <c r="MZR696" s="613"/>
      <c r="MZS696" s="613"/>
      <c r="MZT696" s="613"/>
      <c r="MZU696" s="613"/>
      <c r="MZV696" s="613"/>
      <c r="MZW696" s="613"/>
      <c r="MZX696" s="613"/>
      <c r="MZY696" s="613"/>
      <c r="MZZ696" s="613"/>
      <c r="NAA696" s="613"/>
      <c r="NAB696" s="613"/>
      <c r="NAC696" s="613"/>
      <c r="NAD696" s="613"/>
      <c r="NAE696" s="613"/>
      <c r="NAF696" s="613"/>
      <c r="NAG696" s="613"/>
      <c r="NAH696" s="613"/>
      <c r="NAI696" s="613"/>
      <c r="NAJ696" s="613"/>
      <c r="NAK696" s="613"/>
      <c r="NAL696" s="613"/>
      <c r="NAM696" s="613"/>
      <c r="NAN696" s="613"/>
      <c r="NAO696" s="613"/>
      <c r="NAP696" s="613"/>
      <c r="NAQ696" s="613"/>
      <c r="NAR696" s="613"/>
      <c r="NAS696" s="613"/>
      <c r="NAT696" s="613"/>
      <c r="NAU696" s="613"/>
      <c r="NAV696" s="613"/>
      <c r="NAW696" s="613"/>
      <c r="NAX696" s="613"/>
      <c r="NAY696" s="613"/>
      <c r="NAZ696" s="613"/>
      <c r="NBA696" s="613"/>
      <c r="NBB696" s="613"/>
      <c r="NBC696" s="613"/>
      <c r="NBD696" s="613"/>
      <c r="NBE696" s="613"/>
      <c r="NBF696" s="613"/>
      <c r="NBG696" s="613"/>
      <c r="NBH696" s="613"/>
      <c r="NBI696" s="613"/>
      <c r="NBJ696" s="613"/>
      <c r="NBK696" s="613"/>
      <c r="NBL696" s="613"/>
      <c r="NBM696" s="613"/>
      <c r="NBN696" s="613"/>
      <c r="NBO696" s="613"/>
      <c r="NBP696" s="613"/>
      <c r="NBQ696" s="613"/>
      <c r="NBR696" s="613"/>
      <c r="NBS696" s="613"/>
      <c r="NBT696" s="613"/>
      <c r="NBU696" s="613"/>
      <c r="NBV696" s="613"/>
      <c r="NBW696" s="613"/>
      <c r="NBX696" s="613"/>
      <c r="NBY696" s="613"/>
      <c r="NBZ696" s="613"/>
      <c r="NCA696" s="613"/>
      <c r="NCB696" s="613"/>
      <c r="NCC696" s="613"/>
      <c r="NCD696" s="613"/>
      <c r="NCE696" s="613"/>
      <c r="NCF696" s="613"/>
      <c r="NCG696" s="613"/>
      <c r="NCH696" s="613"/>
      <c r="NCI696" s="613"/>
      <c r="NCJ696" s="613"/>
      <c r="NCK696" s="613"/>
      <c r="NCL696" s="613"/>
      <c r="NCM696" s="613"/>
      <c r="NCN696" s="613"/>
      <c r="NCO696" s="613"/>
      <c r="NCP696" s="613"/>
      <c r="NCQ696" s="613"/>
      <c r="NCR696" s="613"/>
      <c r="NCS696" s="613"/>
      <c r="NCT696" s="613"/>
      <c r="NCU696" s="613"/>
      <c r="NCV696" s="613"/>
      <c r="NCW696" s="613"/>
      <c r="NCX696" s="613"/>
      <c r="NCY696" s="613"/>
      <c r="NCZ696" s="613"/>
      <c r="NDA696" s="613"/>
      <c r="NDB696" s="613"/>
      <c r="NDC696" s="613"/>
      <c r="NDD696" s="613"/>
      <c r="NDE696" s="613"/>
      <c r="NDF696" s="613"/>
      <c r="NDG696" s="613"/>
      <c r="NDH696" s="613"/>
      <c r="NDI696" s="613"/>
      <c r="NDJ696" s="613"/>
      <c r="NDK696" s="613"/>
      <c r="NDL696" s="613"/>
      <c r="NDM696" s="613"/>
      <c r="NDN696" s="613"/>
      <c r="NDO696" s="613"/>
      <c r="NDP696" s="613"/>
      <c r="NDQ696" s="613"/>
      <c r="NDR696" s="613"/>
      <c r="NDS696" s="613"/>
      <c r="NDT696" s="613"/>
      <c r="NDU696" s="613"/>
      <c r="NDV696" s="613"/>
      <c r="NDW696" s="613"/>
      <c r="NDX696" s="613"/>
      <c r="NDY696" s="613"/>
      <c r="NDZ696" s="613"/>
      <c r="NEA696" s="613"/>
      <c r="NEB696" s="613"/>
      <c r="NEC696" s="613"/>
      <c r="NED696" s="613"/>
      <c r="NEE696" s="613"/>
      <c r="NEF696" s="613"/>
      <c r="NEG696" s="613"/>
      <c r="NEH696" s="613"/>
      <c r="NEI696" s="613"/>
      <c r="NEJ696" s="613"/>
      <c r="NEK696" s="613"/>
      <c r="NEL696" s="613"/>
      <c r="NEM696" s="613"/>
      <c r="NEN696" s="613"/>
      <c r="NEO696" s="613"/>
      <c r="NEP696" s="613"/>
      <c r="NEQ696" s="613"/>
      <c r="NER696" s="613"/>
      <c r="NES696" s="613"/>
      <c r="NET696" s="613"/>
      <c r="NEU696" s="613"/>
      <c r="NEV696" s="613"/>
      <c r="NEW696" s="613"/>
      <c r="NEX696" s="613"/>
      <c r="NEY696" s="613"/>
      <c r="NEZ696" s="613"/>
      <c r="NFA696" s="613"/>
      <c r="NFB696" s="613"/>
      <c r="NFC696" s="613"/>
      <c r="NFD696" s="613"/>
      <c r="NFE696" s="613"/>
      <c r="NFF696" s="613"/>
      <c r="NFG696" s="613"/>
      <c r="NFH696" s="613"/>
      <c r="NFI696" s="613"/>
      <c r="NFJ696" s="613"/>
      <c r="NFK696" s="613"/>
      <c r="NFL696" s="613"/>
      <c r="NFM696" s="613"/>
      <c r="NFN696" s="613"/>
      <c r="NFO696" s="613"/>
      <c r="NFP696" s="613"/>
      <c r="NFQ696" s="613"/>
      <c r="NFR696" s="613"/>
      <c r="NFS696" s="613"/>
      <c r="NFT696" s="613"/>
      <c r="NFU696" s="613"/>
      <c r="NFV696" s="613"/>
      <c r="NFW696" s="613"/>
      <c r="NFX696" s="613"/>
      <c r="NFY696" s="613"/>
      <c r="NFZ696" s="613"/>
      <c r="NGA696" s="613"/>
      <c r="NGB696" s="613"/>
      <c r="NGC696" s="613"/>
      <c r="NGD696" s="613"/>
      <c r="NGE696" s="613"/>
      <c r="NGF696" s="613"/>
      <c r="NGG696" s="613"/>
      <c r="NGH696" s="613"/>
      <c r="NGI696" s="613"/>
      <c r="NGJ696" s="613"/>
      <c r="NGK696" s="613"/>
      <c r="NGL696" s="613"/>
      <c r="NGM696" s="613"/>
      <c r="NGN696" s="613"/>
      <c r="NGO696" s="613"/>
      <c r="NGP696" s="613"/>
      <c r="NGQ696" s="613"/>
      <c r="NGR696" s="613"/>
      <c r="NGS696" s="613"/>
      <c r="NGT696" s="613"/>
      <c r="NGU696" s="613"/>
      <c r="NGV696" s="613"/>
      <c r="NGW696" s="613"/>
      <c r="NGX696" s="613"/>
      <c r="NGY696" s="613"/>
      <c r="NGZ696" s="613"/>
      <c r="NHA696" s="613"/>
      <c r="NHB696" s="613"/>
      <c r="NHC696" s="613"/>
      <c r="NHD696" s="613"/>
      <c r="NHE696" s="613"/>
      <c r="NHF696" s="613"/>
      <c r="NHG696" s="613"/>
      <c r="NHH696" s="613"/>
      <c r="NHI696" s="613"/>
      <c r="NHJ696" s="613"/>
      <c r="NHK696" s="613"/>
      <c r="NHL696" s="613"/>
      <c r="NHM696" s="613"/>
      <c r="NHN696" s="613"/>
      <c r="NHO696" s="613"/>
      <c r="NHP696" s="613"/>
      <c r="NHQ696" s="613"/>
      <c r="NHR696" s="613"/>
      <c r="NHS696" s="613"/>
      <c r="NHT696" s="613"/>
      <c r="NHU696" s="613"/>
      <c r="NHV696" s="613"/>
      <c r="NHW696" s="613"/>
      <c r="NHX696" s="613"/>
      <c r="NHY696" s="613"/>
      <c r="NHZ696" s="613"/>
      <c r="NIA696" s="613"/>
      <c r="NIB696" s="613"/>
      <c r="NIC696" s="613"/>
      <c r="NID696" s="613"/>
      <c r="NIE696" s="613"/>
      <c r="NIF696" s="613"/>
      <c r="NIG696" s="613"/>
      <c r="NIH696" s="613"/>
      <c r="NII696" s="613"/>
      <c r="NIJ696" s="613"/>
      <c r="NIK696" s="613"/>
      <c r="NIL696" s="613"/>
      <c r="NIM696" s="613"/>
      <c r="NIN696" s="613"/>
      <c r="NIO696" s="613"/>
      <c r="NIP696" s="613"/>
      <c r="NIQ696" s="613"/>
      <c r="NIR696" s="613"/>
      <c r="NIS696" s="613"/>
      <c r="NIT696" s="613"/>
      <c r="NIU696" s="613"/>
      <c r="NIV696" s="613"/>
      <c r="NIW696" s="613"/>
      <c r="NIX696" s="613"/>
      <c r="NIY696" s="613"/>
      <c r="NIZ696" s="613"/>
      <c r="NJA696" s="613"/>
      <c r="NJB696" s="613"/>
      <c r="NJC696" s="613"/>
      <c r="NJD696" s="613"/>
      <c r="NJE696" s="613"/>
      <c r="NJF696" s="613"/>
      <c r="NJG696" s="613"/>
      <c r="NJH696" s="613"/>
      <c r="NJI696" s="613"/>
      <c r="NJJ696" s="613"/>
      <c r="NJK696" s="613"/>
      <c r="NJL696" s="613"/>
      <c r="NJM696" s="613"/>
      <c r="NJN696" s="613"/>
      <c r="NJO696" s="613"/>
      <c r="NJP696" s="613"/>
      <c r="NJQ696" s="613"/>
      <c r="NJR696" s="613"/>
      <c r="NJS696" s="613"/>
      <c r="NJT696" s="613"/>
      <c r="NJU696" s="613"/>
      <c r="NJV696" s="613"/>
      <c r="NJW696" s="613"/>
      <c r="NJX696" s="613"/>
      <c r="NJY696" s="613"/>
      <c r="NJZ696" s="613"/>
      <c r="NKA696" s="613"/>
      <c r="NKB696" s="613"/>
      <c r="NKC696" s="613"/>
      <c r="NKD696" s="613"/>
      <c r="NKE696" s="613"/>
      <c r="NKF696" s="613"/>
      <c r="NKG696" s="613"/>
      <c r="NKH696" s="613"/>
      <c r="NKI696" s="613"/>
      <c r="NKJ696" s="613"/>
      <c r="NKK696" s="613"/>
      <c r="NKL696" s="613"/>
      <c r="NKM696" s="613"/>
      <c r="NKN696" s="613"/>
      <c r="NKO696" s="613"/>
      <c r="NKP696" s="613"/>
      <c r="NKQ696" s="613"/>
      <c r="NKR696" s="613"/>
      <c r="NKS696" s="613"/>
      <c r="NKT696" s="613"/>
      <c r="NKU696" s="613"/>
      <c r="NKV696" s="613"/>
      <c r="NKW696" s="613"/>
      <c r="NKX696" s="613"/>
      <c r="NKY696" s="613"/>
      <c r="NKZ696" s="613"/>
      <c r="NLA696" s="613"/>
      <c r="NLB696" s="613"/>
      <c r="NLC696" s="613"/>
      <c r="NLD696" s="613"/>
      <c r="NLE696" s="613"/>
      <c r="NLF696" s="613"/>
      <c r="NLG696" s="613"/>
      <c r="NLH696" s="613"/>
      <c r="NLI696" s="613"/>
      <c r="NLJ696" s="613"/>
      <c r="NLK696" s="613"/>
      <c r="NLL696" s="613"/>
      <c r="NLM696" s="613"/>
      <c r="NLN696" s="613"/>
      <c r="NLO696" s="613"/>
      <c r="NLP696" s="613"/>
      <c r="NLQ696" s="613"/>
      <c r="NLR696" s="613"/>
      <c r="NLS696" s="613"/>
      <c r="NLT696" s="613"/>
      <c r="NLU696" s="613"/>
      <c r="NLV696" s="613"/>
      <c r="NLW696" s="613"/>
      <c r="NLX696" s="613"/>
      <c r="NLY696" s="613"/>
      <c r="NLZ696" s="613"/>
      <c r="NMA696" s="613"/>
      <c r="NMB696" s="613"/>
      <c r="NMC696" s="613"/>
      <c r="NMD696" s="613"/>
      <c r="NME696" s="613"/>
      <c r="NMF696" s="613"/>
      <c r="NMG696" s="613"/>
      <c r="NMH696" s="613"/>
      <c r="NMI696" s="613"/>
      <c r="NMJ696" s="613"/>
      <c r="NMK696" s="613"/>
      <c r="NML696" s="613"/>
      <c r="NMM696" s="613"/>
      <c r="NMN696" s="613"/>
      <c r="NMO696" s="613"/>
      <c r="NMP696" s="613"/>
      <c r="NMQ696" s="613"/>
      <c r="NMR696" s="613"/>
      <c r="NMS696" s="613"/>
      <c r="NMT696" s="613"/>
      <c r="NMU696" s="613"/>
      <c r="NMV696" s="613"/>
      <c r="NMW696" s="613"/>
      <c r="NMX696" s="613"/>
      <c r="NMY696" s="613"/>
      <c r="NMZ696" s="613"/>
      <c r="NNA696" s="613"/>
      <c r="NNB696" s="613"/>
      <c r="NNC696" s="613"/>
      <c r="NND696" s="613"/>
      <c r="NNE696" s="613"/>
      <c r="NNF696" s="613"/>
      <c r="NNG696" s="613"/>
      <c r="NNH696" s="613"/>
      <c r="NNI696" s="613"/>
      <c r="NNJ696" s="613"/>
      <c r="NNK696" s="613"/>
      <c r="NNL696" s="613"/>
      <c r="NNM696" s="613"/>
      <c r="NNN696" s="613"/>
      <c r="NNO696" s="613"/>
      <c r="NNP696" s="613"/>
      <c r="NNQ696" s="613"/>
      <c r="NNR696" s="613"/>
      <c r="NNS696" s="613"/>
      <c r="NNT696" s="613"/>
      <c r="NNU696" s="613"/>
      <c r="NNV696" s="613"/>
      <c r="NNW696" s="613"/>
      <c r="NNX696" s="613"/>
      <c r="NNY696" s="613"/>
      <c r="NNZ696" s="613"/>
      <c r="NOA696" s="613"/>
      <c r="NOB696" s="613"/>
      <c r="NOC696" s="613"/>
      <c r="NOD696" s="613"/>
      <c r="NOE696" s="613"/>
      <c r="NOF696" s="613"/>
      <c r="NOG696" s="613"/>
      <c r="NOH696" s="613"/>
      <c r="NOI696" s="613"/>
      <c r="NOJ696" s="613"/>
      <c r="NOK696" s="613"/>
      <c r="NOL696" s="613"/>
      <c r="NOM696" s="613"/>
      <c r="NON696" s="613"/>
      <c r="NOO696" s="613"/>
      <c r="NOP696" s="613"/>
      <c r="NOQ696" s="613"/>
      <c r="NOR696" s="613"/>
      <c r="NOS696" s="613"/>
      <c r="NOT696" s="613"/>
      <c r="NOU696" s="613"/>
      <c r="NOV696" s="613"/>
      <c r="NOW696" s="613"/>
      <c r="NOX696" s="613"/>
      <c r="NOY696" s="613"/>
      <c r="NOZ696" s="613"/>
      <c r="NPA696" s="613"/>
      <c r="NPB696" s="613"/>
      <c r="NPC696" s="613"/>
      <c r="NPD696" s="613"/>
      <c r="NPE696" s="613"/>
      <c r="NPF696" s="613"/>
      <c r="NPG696" s="613"/>
      <c r="NPH696" s="613"/>
      <c r="NPI696" s="613"/>
      <c r="NPJ696" s="613"/>
      <c r="NPK696" s="613"/>
      <c r="NPL696" s="613"/>
      <c r="NPM696" s="613"/>
      <c r="NPN696" s="613"/>
      <c r="NPO696" s="613"/>
      <c r="NPP696" s="613"/>
      <c r="NPQ696" s="613"/>
      <c r="NPR696" s="613"/>
      <c r="NPS696" s="613"/>
      <c r="NPT696" s="613"/>
      <c r="NPU696" s="613"/>
      <c r="NPV696" s="613"/>
      <c r="NPW696" s="613"/>
      <c r="NPX696" s="613"/>
      <c r="NPY696" s="613"/>
      <c r="NPZ696" s="613"/>
      <c r="NQA696" s="613"/>
      <c r="NQB696" s="613"/>
      <c r="NQC696" s="613"/>
      <c r="NQD696" s="613"/>
      <c r="NQE696" s="613"/>
      <c r="NQF696" s="613"/>
      <c r="NQG696" s="613"/>
      <c r="NQH696" s="613"/>
      <c r="NQI696" s="613"/>
      <c r="NQJ696" s="613"/>
      <c r="NQK696" s="613"/>
      <c r="NQL696" s="613"/>
      <c r="NQM696" s="613"/>
      <c r="NQN696" s="613"/>
      <c r="NQO696" s="613"/>
      <c r="NQP696" s="613"/>
      <c r="NQQ696" s="613"/>
      <c r="NQR696" s="613"/>
      <c r="NQS696" s="613"/>
      <c r="NQT696" s="613"/>
      <c r="NQU696" s="613"/>
      <c r="NQV696" s="613"/>
      <c r="NQW696" s="613"/>
      <c r="NQX696" s="613"/>
      <c r="NQY696" s="613"/>
      <c r="NQZ696" s="613"/>
      <c r="NRA696" s="613"/>
      <c r="NRB696" s="613"/>
      <c r="NRC696" s="613"/>
      <c r="NRD696" s="613"/>
      <c r="NRE696" s="613"/>
      <c r="NRF696" s="613"/>
      <c r="NRG696" s="613"/>
      <c r="NRH696" s="613"/>
      <c r="NRI696" s="613"/>
      <c r="NRJ696" s="613"/>
      <c r="NRK696" s="613"/>
      <c r="NRL696" s="613"/>
      <c r="NRM696" s="613"/>
      <c r="NRN696" s="613"/>
      <c r="NRO696" s="613"/>
      <c r="NRP696" s="613"/>
      <c r="NRQ696" s="613"/>
      <c r="NRR696" s="613"/>
      <c r="NRS696" s="613"/>
      <c r="NRT696" s="613"/>
      <c r="NRU696" s="613"/>
      <c r="NRV696" s="613"/>
      <c r="NRW696" s="613"/>
      <c r="NRX696" s="613"/>
      <c r="NRY696" s="613"/>
      <c r="NRZ696" s="613"/>
      <c r="NSA696" s="613"/>
      <c r="NSB696" s="613"/>
      <c r="NSC696" s="613"/>
      <c r="NSD696" s="613"/>
      <c r="NSE696" s="613"/>
      <c r="NSF696" s="613"/>
      <c r="NSG696" s="613"/>
      <c r="NSH696" s="613"/>
      <c r="NSI696" s="613"/>
      <c r="NSJ696" s="613"/>
      <c r="NSK696" s="613"/>
      <c r="NSL696" s="613"/>
      <c r="NSM696" s="613"/>
      <c r="NSN696" s="613"/>
      <c r="NSO696" s="613"/>
      <c r="NSP696" s="613"/>
      <c r="NSQ696" s="613"/>
      <c r="NSR696" s="613"/>
      <c r="NSS696" s="613"/>
      <c r="NST696" s="613"/>
      <c r="NSU696" s="613"/>
      <c r="NSV696" s="613"/>
      <c r="NSW696" s="613"/>
      <c r="NSX696" s="613"/>
      <c r="NSY696" s="613"/>
      <c r="NSZ696" s="613"/>
      <c r="NTA696" s="613"/>
      <c r="NTB696" s="613"/>
      <c r="NTC696" s="613"/>
      <c r="NTD696" s="613"/>
      <c r="NTE696" s="613"/>
      <c r="NTF696" s="613"/>
      <c r="NTG696" s="613"/>
      <c r="NTH696" s="613"/>
      <c r="NTI696" s="613"/>
      <c r="NTJ696" s="613"/>
      <c r="NTK696" s="613"/>
      <c r="NTL696" s="613"/>
      <c r="NTM696" s="613"/>
      <c r="NTN696" s="613"/>
      <c r="NTO696" s="613"/>
      <c r="NTP696" s="613"/>
      <c r="NTQ696" s="613"/>
      <c r="NTR696" s="613"/>
      <c r="NTS696" s="613"/>
      <c r="NTT696" s="613"/>
      <c r="NTU696" s="613"/>
      <c r="NTV696" s="613"/>
      <c r="NTW696" s="613"/>
      <c r="NTX696" s="613"/>
      <c r="NTY696" s="613"/>
      <c r="NTZ696" s="613"/>
      <c r="NUA696" s="613"/>
      <c r="NUB696" s="613"/>
      <c r="NUC696" s="613"/>
      <c r="NUD696" s="613"/>
      <c r="NUE696" s="613"/>
      <c r="NUF696" s="613"/>
      <c r="NUG696" s="613"/>
      <c r="NUH696" s="613"/>
      <c r="NUI696" s="613"/>
      <c r="NUJ696" s="613"/>
      <c r="NUK696" s="613"/>
      <c r="NUL696" s="613"/>
      <c r="NUM696" s="613"/>
      <c r="NUN696" s="613"/>
      <c r="NUO696" s="613"/>
      <c r="NUP696" s="613"/>
      <c r="NUQ696" s="613"/>
      <c r="NUR696" s="613"/>
      <c r="NUS696" s="613"/>
      <c r="NUT696" s="613"/>
      <c r="NUU696" s="613"/>
      <c r="NUV696" s="613"/>
      <c r="NUW696" s="613"/>
      <c r="NUX696" s="613"/>
      <c r="NUY696" s="613"/>
      <c r="NUZ696" s="613"/>
      <c r="NVA696" s="613"/>
      <c r="NVB696" s="613"/>
      <c r="NVC696" s="613"/>
      <c r="NVD696" s="613"/>
      <c r="NVE696" s="613"/>
      <c r="NVF696" s="613"/>
      <c r="NVG696" s="613"/>
      <c r="NVH696" s="613"/>
      <c r="NVI696" s="613"/>
      <c r="NVJ696" s="613"/>
      <c r="NVK696" s="613"/>
      <c r="NVL696" s="613"/>
      <c r="NVM696" s="613"/>
      <c r="NVN696" s="613"/>
      <c r="NVO696" s="613"/>
      <c r="NVP696" s="613"/>
      <c r="NVQ696" s="613"/>
      <c r="NVR696" s="613"/>
      <c r="NVS696" s="613"/>
      <c r="NVT696" s="613"/>
      <c r="NVU696" s="613"/>
      <c r="NVV696" s="613"/>
      <c r="NVW696" s="613"/>
      <c r="NVX696" s="613"/>
      <c r="NVY696" s="613"/>
      <c r="NVZ696" s="613"/>
      <c r="NWA696" s="613"/>
      <c r="NWB696" s="613"/>
      <c r="NWC696" s="613"/>
      <c r="NWD696" s="613"/>
      <c r="NWE696" s="613"/>
      <c r="NWF696" s="613"/>
      <c r="NWG696" s="613"/>
      <c r="NWH696" s="613"/>
      <c r="NWI696" s="613"/>
      <c r="NWJ696" s="613"/>
      <c r="NWK696" s="613"/>
      <c r="NWL696" s="613"/>
      <c r="NWM696" s="613"/>
      <c r="NWN696" s="613"/>
      <c r="NWO696" s="613"/>
      <c r="NWP696" s="613"/>
      <c r="NWQ696" s="613"/>
      <c r="NWR696" s="613"/>
      <c r="NWS696" s="613"/>
      <c r="NWT696" s="613"/>
      <c r="NWU696" s="613"/>
      <c r="NWV696" s="613"/>
      <c r="NWW696" s="613"/>
      <c r="NWX696" s="613"/>
      <c r="NWY696" s="613"/>
      <c r="NWZ696" s="613"/>
      <c r="NXA696" s="613"/>
      <c r="NXB696" s="613"/>
      <c r="NXC696" s="613"/>
      <c r="NXD696" s="613"/>
      <c r="NXE696" s="613"/>
      <c r="NXF696" s="613"/>
      <c r="NXG696" s="613"/>
      <c r="NXH696" s="613"/>
      <c r="NXI696" s="613"/>
      <c r="NXJ696" s="613"/>
      <c r="NXK696" s="613"/>
      <c r="NXL696" s="613"/>
      <c r="NXM696" s="613"/>
      <c r="NXN696" s="613"/>
      <c r="NXO696" s="613"/>
      <c r="NXP696" s="613"/>
      <c r="NXQ696" s="613"/>
      <c r="NXR696" s="613"/>
      <c r="NXS696" s="613"/>
      <c r="NXT696" s="613"/>
      <c r="NXU696" s="613"/>
      <c r="NXV696" s="613"/>
      <c r="NXW696" s="613"/>
      <c r="NXX696" s="613"/>
      <c r="NXY696" s="613"/>
      <c r="NXZ696" s="613"/>
      <c r="NYA696" s="613"/>
      <c r="NYB696" s="613"/>
      <c r="NYC696" s="613"/>
      <c r="NYD696" s="613"/>
      <c r="NYE696" s="613"/>
      <c r="NYF696" s="613"/>
      <c r="NYG696" s="613"/>
      <c r="NYH696" s="613"/>
      <c r="NYI696" s="613"/>
      <c r="NYJ696" s="613"/>
      <c r="NYK696" s="613"/>
      <c r="NYL696" s="613"/>
      <c r="NYM696" s="613"/>
      <c r="NYN696" s="613"/>
      <c r="NYO696" s="613"/>
      <c r="NYP696" s="613"/>
      <c r="NYQ696" s="613"/>
      <c r="NYR696" s="613"/>
      <c r="NYS696" s="613"/>
      <c r="NYT696" s="613"/>
      <c r="NYU696" s="613"/>
      <c r="NYV696" s="613"/>
      <c r="NYW696" s="613"/>
      <c r="NYX696" s="613"/>
      <c r="NYY696" s="613"/>
      <c r="NYZ696" s="613"/>
      <c r="NZA696" s="613"/>
      <c r="NZB696" s="613"/>
      <c r="NZC696" s="613"/>
      <c r="NZD696" s="613"/>
      <c r="NZE696" s="613"/>
      <c r="NZF696" s="613"/>
      <c r="NZG696" s="613"/>
      <c r="NZH696" s="613"/>
      <c r="NZI696" s="613"/>
      <c r="NZJ696" s="613"/>
      <c r="NZK696" s="613"/>
      <c r="NZL696" s="613"/>
      <c r="NZM696" s="613"/>
      <c r="NZN696" s="613"/>
      <c r="NZO696" s="613"/>
      <c r="NZP696" s="613"/>
      <c r="NZQ696" s="613"/>
      <c r="NZR696" s="613"/>
      <c r="NZS696" s="613"/>
      <c r="NZT696" s="613"/>
      <c r="NZU696" s="613"/>
      <c r="NZV696" s="613"/>
      <c r="NZW696" s="613"/>
      <c r="NZX696" s="613"/>
      <c r="NZY696" s="613"/>
      <c r="NZZ696" s="613"/>
      <c r="OAA696" s="613"/>
      <c r="OAB696" s="613"/>
      <c r="OAC696" s="613"/>
      <c r="OAD696" s="613"/>
      <c r="OAE696" s="613"/>
      <c r="OAF696" s="613"/>
      <c r="OAG696" s="613"/>
      <c r="OAH696" s="613"/>
      <c r="OAI696" s="613"/>
      <c r="OAJ696" s="613"/>
      <c r="OAK696" s="613"/>
      <c r="OAL696" s="613"/>
      <c r="OAM696" s="613"/>
      <c r="OAN696" s="613"/>
      <c r="OAO696" s="613"/>
      <c r="OAP696" s="613"/>
      <c r="OAQ696" s="613"/>
      <c r="OAR696" s="613"/>
      <c r="OAS696" s="613"/>
      <c r="OAT696" s="613"/>
      <c r="OAU696" s="613"/>
      <c r="OAV696" s="613"/>
      <c r="OAW696" s="613"/>
      <c r="OAX696" s="613"/>
      <c r="OAY696" s="613"/>
      <c r="OAZ696" s="613"/>
      <c r="OBA696" s="613"/>
      <c r="OBB696" s="613"/>
      <c r="OBC696" s="613"/>
      <c r="OBD696" s="613"/>
      <c r="OBE696" s="613"/>
      <c r="OBF696" s="613"/>
      <c r="OBG696" s="613"/>
      <c r="OBH696" s="613"/>
      <c r="OBI696" s="613"/>
      <c r="OBJ696" s="613"/>
      <c r="OBK696" s="613"/>
      <c r="OBL696" s="613"/>
      <c r="OBM696" s="613"/>
      <c r="OBN696" s="613"/>
      <c r="OBO696" s="613"/>
      <c r="OBP696" s="613"/>
      <c r="OBQ696" s="613"/>
      <c r="OBR696" s="613"/>
      <c r="OBS696" s="613"/>
      <c r="OBT696" s="613"/>
      <c r="OBU696" s="613"/>
      <c r="OBV696" s="613"/>
      <c r="OBW696" s="613"/>
      <c r="OBX696" s="613"/>
      <c r="OBY696" s="613"/>
      <c r="OBZ696" s="613"/>
      <c r="OCA696" s="613"/>
      <c r="OCB696" s="613"/>
      <c r="OCC696" s="613"/>
      <c r="OCD696" s="613"/>
      <c r="OCE696" s="613"/>
      <c r="OCF696" s="613"/>
      <c r="OCG696" s="613"/>
      <c r="OCH696" s="613"/>
      <c r="OCI696" s="613"/>
      <c r="OCJ696" s="613"/>
      <c r="OCK696" s="613"/>
      <c r="OCL696" s="613"/>
      <c r="OCM696" s="613"/>
      <c r="OCN696" s="613"/>
      <c r="OCO696" s="613"/>
      <c r="OCP696" s="613"/>
      <c r="OCQ696" s="613"/>
      <c r="OCR696" s="613"/>
      <c r="OCS696" s="613"/>
      <c r="OCT696" s="613"/>
      <c r="OCU696" s="613"/>
      <c r="OCV696" s="613"/>
      <c r="OCW696" s="613"/>
      <c r="OCX696" s="613"/>
      <c r="OCY696" s="613"/>
      <c r="OCZ696" s="613"/>
      <c r="ODA696" s="613"/>
      <c r="ODB696" s="613"/>
      <c r="ODC696" s="613"/>
      <c r="ODD696" s="613"/>
      <c r="ODE696" s="613"/>
      <c r="ODF696" s="613"/>
      <c r="ODG696" s="613"/>
      <c r="ODH696" s="613"/>
      <c r="ODI696" s="613"/>
      <c r="ODJ696" s="613"/>
      <c r="ODK696" s="613"/>
      <c r="ODL696" s="613"/>
      <c r="ODM696" s="613"/>
      <c r="ODN696" s="613"/>
      <c r="ODO696" s="613"/>
      <c r="ODP696" s="613"/>
      <c r="ODQ696" s="613"/>
      <c r="ODR696" s="613"/>
      <c r="ODS696" s="613"/>
      <c r="ODT696" s="613"/>
      <c r="ODU696" s="613"/>
      <c r="ODV696" s="613"/>
      <c r="ODW696" s="613"/>
      <c r="ODX696" s="613"/>
      <c r="ODY696" s="613"/>
      <c r="ODZ696" s="613"/>
      <c r="OEA696" s="613"/>
      <c r="OEB696" s="613"/>
      <c r="OEC696" s="613"/>
      <c r="OED696" s="613"/>
      <c r="OEE696" s="613"/>
      <c r="OEF696" s="613"/>
      <c r="OEG696" s="613"/>
      <c r="OEH696" s="613"/>
      <c r="OEI696" s="613"/>
      <c r="OEJ696" s="613"/>
      <c r="OEK696" s="613"/>
      <c r="OEL696" s="613"/>
      <c r="OEM696" s="613"/>
      <c r="OEN696" s="613"/>
      <c r="OEO696" s="613"/>
      <c r="OEP696" s="613"/>
      <c r="OEQ696" s="613"/>
      <c r="OER696" s="613"/>
      <c r="OES696" s="613"/>
      <c r="OET696" s="613"/>
      <c r="OEU696" s="613"/>
      <c r="OEV696" s="613"/>
      <c r="OEW696" s="613"/>
      <c r="OEX696" s="613"/>
      <c r="OEY696" s="613"/>
      <c r="OEZ696" s="613"/>
      <c r="OFA696" s="613"/>
      <c r="OFB696" s="613"/>
      <c r="OFC696" s="613"/>
      <c r="OFD696" s="613"/>
      <c r="OFE696" s="613"/>
      <c r="OFF696" s="613"/>
      <c r="OFG696" s="613"/>
      <c r="OFH696" s="613"/>
      <c r="OFI696" s="613"/>
      <c r="OFJ696" s="613"/>
      <c r="OFK696" s="613"/>
      <c r="OFL696" s="613"/>
      <c r="OFM696" s="613"/>
      <c r="OFN696" s="613"/>
      <c r="OFO696" s="613"/>
      <c r="OFP696" s="613"/>
      <c r="OFQ696" s="613"/>
      <c r="OFR696" s="613"/>
      <c r="OFS696" s="613"/>
      <c r="OFT696" s="613"/>
      <c r="OFU696" s="613"/>
      <c r="OFV696" s="613"/>
      <c r="OFW696" s="613"/>
      <c r="OFX696" s="613"/>
      <c r="OFY696" s="613"/>
      <c r="OFZ696" s="613"/>
      <c r="OGA696" s="613"/>
      <c r="OGB696" s="613"/>
      <c r="OGC696" s="613"/>
      <c r="OGD696" s="613"/>
      <c r="OGE696" s="613"/>
      <c r="OGF696" s="613"/>
      <c r="OGG696" s="613"/>
      <c r="OGH696" s="613"/>
      <c r="OGI696" s="613"/>
      <c r="OGJ696" s="613"/>
      <c r="OGK696" s="613"/>
      <c r="OGL696" s="613"/>
      <c r="OGM696" s="613"/>
      <c r="OGN696" s="613"/>
      <c r="OGO696" s="613"/>
      <c r="OGP696" s="613"/>
      <c r="OGQ696" s="613"/>
      <c r="OGR696" s="613"/>
      <c r="OGS696" s="613"/>
      <c r="OGT696" s="613"/>
      <c r="OGU696" s="613"/>
      <c r="OGV696" s="613"/>
      <c r="OGW696" s="613"/>
      <c r="OGX696" s="613"/>
      <c r="OGY696" s="613"/>
      <c r="OGZ696" s="613"/>
      <c r="OHA696" s="613"/>
      <c r="OHB696" s="613"/>
      <c r="OHC696" s="613"/>
      <c r="OHD696" s="613"/>
      <c r="OHE696" s="613"/>
      <c r="OHF696" s="613"/>
      <c r="OHG696" s="613"/>
      <c r="OHH696" s="613"/>
      <c r="OHI696" s="613"/>
      <c r="OHJ696" s="613"/>
      <c r="OHK696" s="613"/>
      <c r="OHL696" s="613"/>
      <c r="OHM696" s="613"/>
      <c r="OHN696" s="613"/>
      <c r="OHO696" s="613"/>
      <c r="OHP696" s="613"/>
      <c r="OHQ696" s="613"/>
      <c r="OHR696" s="613"/>
      <c r="OHS696" s="613"/>
      <c r="OHT696" s="613"/>
      <c r="OHU696" s="613"/>
      <c r="OHV696" s="613"/>
      <c r="OHW696" s="613"/>
      <c r="OHX696" s="613"/>
      <c r="OHY696" s="613"/>
      <c r="OHZ696" s="613"/>
      <c r="OIA696" s="613"/>
      <c r="OIB696" s="613"/>
      <c r="OIC696" s="613"/>
      <c r="OID696" s="613"/>
      <c r="OIE696" s="613"/>
      <c r="OIF696" s="613"/>
      <c r="OIG696" s="613"/>
      <c r="OIH696" s="613"/>
      <c r="OII696" s="613"/>
      <c r="OIJ696" s="613"/>
      <c r="OIK696" s="613"/>
      <c r="OIL696" s="613"/>
      <c r="OIM696" s="613"/>
      <c r="OIN696" s="613"/>
      <c r="OIO696" s="613"/>
      <c r="OIP696" s="613"/>
      <c r="OIQ696" s="613"/>
      <c r="OIR696" s="613"/>
      <c r="OIS696" s="613"/>
      <c r="OIT696" s="613"/>
      <c r="OIU696" s="613"/>
      <c r="OIV696" s="613"/>
      <c r="OIW696" s="613"/>
      <c r="OIX696" s="613"/>
      <c r="OIY696" s="613"/>
      <c r="OIZ696" s="613"/>
      <c r="OJA696" s="613"/>
      <c r="OJB696" s="613"/>
      <c r="OJC696" s="613"/>
      <c r="OJD696" s="613"/>
      <c r="OJE696" s="613"/>
      <c r="OJF696" s="613"/>
      <c r="OJG696" s="613"/>
      <c r="OJH696" s="613"/>
      <c r="OJI696" s="613"/>
      <c r="OJJ696" s="613"/>
      <c r="OJK696" s="613"/>
      <c r="OJL696" s="613"/>
      <c r="OJM696" s="613"/>
      <c r="OJN696" s="613"/>
      <c r="OJO696" s="613"/>
      <c r="OJP696" s="613"/>
      <c r="OJQ696" s="613"/>
      <c r="OJR696" s="613"/>
      <c r="OJS696" s="613"/>
      <c r="OJT696" s="613"/>
      <c r="OJU696" s="613"/>
      <c r="OJV696" s="613"/>
      <c r="OJW696" s="613"/>
      <c r="OJX696" s="613"/>
      <c r="OJY696" s="613"/>
      <c r="OJZ696" s="613"/>
      <c r="OKA696" s="613"/>
      <c r="OKB696" s="613"/>
      <c r="OKC696" s="613"/>
      <c r="OKD696" s="613"/>
      <c r="OKE696" s="613"/>
      <c r="OKF696" s="613"/>
      <c r="OKG696" s="613"/>
      <c r="OKH696" s="613"/>
      <c r="OKI696" s="613"/>
      <c r="OKJ696" s="613"/>
      <c r="OKK696" s="613"/>
      <c r="OKL696" s="613"/>
      <c r="OKM696" s="613"/>
      <c r="OKN696" s="613"/>
      <c r="OKO696" s="613"/>
      <c r="OKP696" s="613"/>
      <c r="OKQ696" s="613"/>
      <c r="OKR696" s="613"/>
      <c r="OKS696" s="613"/>
      <c r="OKT696" s="613"/>
      <c r="OKU696" s="613"/>
      <c r="OKV696" s="613"/>
      <c r="OKW696" s="613"/>
      <c r="OKX696" s="613"/>
      <c r="OKY696" s="613"/>
      <c r="OKZ696" s="613"/>
      <c r="OLA696" s="613"/>
      <c r="OLB696" s="613"/>
      <c r="OLC696" s="613"/>
      <c r="OLD696" s="613"/>
      <c r="OLE696" s="613"/>
      <c r="OLF696" s="613"/>
      <c r="OLG696" s="613"/>
      <c r="OLH696" s="613"/>
      <c r="OLI696" s="613"/>
      <c r="OLJ696" s="613"/>
      <c r="OLK696" s="613"/>
      <c r="OLL696" s="613"/>
      <c r="OLM696" s="613"/>
      <c r="OLN696" s="613"/>
      <c r="OLO696" s="613"/>
      <c r="OLP696" s="613"/>
      <c r="OLQ696" s="613"/>
      <c r="OLR696" s="613"/>
      <c r="OLS696" s="613"/>
      <c r="OLT696" s="613"/>
      <c r="OLU696" s="613"/>
      <c r="OLV696" s="613"/>
      <c r="OLW696" s="613"/>
      <c r="OLX696" s="613"/>
      <c r="OLY696" s="613"/>
      <c r="OLZ696" s="613"/>
      <c r="OMA696" s="613"/>
      <c r="OMB696" s="613"/>
      <c r="OMC696" s="613"/>
      <c r="OMD696" s="613"/>
      <c r="OME696" s="613"/>
      <c r="OMF696" s="613"/>
      <c r="OMG696" s="613"/>
      <c r="OMH696" s="613"/>
      <c r="OMI696" s="613"/>
      <c r="OMJ696" s="613"/>
      <c r="OMK696" s="613"/>
      <c r="OML696" s="613"/>
      <c r="OMM696" s="613"/>
      <c r="OMN696" s="613"/>
      <c r="OMO696" s="613"/>
      <c r="OMP696" s="613"/>
      <c r="OMQ696" s="613"/>
      <c r="OMR696" s="613"/>
      <c r="OMS696" s="613"/>
      <c r="OMT696" s="613"/>
      <c r="OMU696" s="613"/>
      <c r="OMV696" s="613"/>
      <c r="OMW696" s="613"/>
      <c r="OMX696" s="613"/>
      <c r="OMY696" s="613"/>
      <c r="OMZ696" s="613"/>
      <c r="ONA696" s="613"/>
      <c r="ONB696" s="613"/>
      <c r="ONC696" s="613"/>
      <c r="OND696" s="613"/>
      <c r="ONE696" s="613"/>
      <c r="ONF696" s="613"/>
      <c r="ONG696" s="613"/>
      <c r="ONH696" s="613"/>
      <c r="ONI696" s="613"/>
      <c r="ONJ696" s="613"/>
      <c r="ONK696" s="613"/>
      <c r="ONL696" s="613"/>
      <c r="ONM696" s="613"/>
      <c r="ONN696" s="613"/>
      <c r="ONO696" s="613"/>
      <c r="ONP696" s="613"/>
      <c r="ONQ696" s="613"/>
      <c r="ONR696" s="613"/>
      <c r="ONS696" s="613"/>
      <c r="ONT696" s="613"/>
      <c r="ONU696" s="613"/>
      <c r="ONV696" s="613"/>
      <c r="ONW696" s="613"/>
      <c r="ONX696" s="613"/>
      <c r="ONY696" s="613"/>
      <c r="ONZ696" s="613"/>
      <c r="OOA696" s="613"/>
      <c r="OOB696" s="613"/>
      <c r="OOC696" s="613"/>
      <c r="OOD696" s="613"/>
      <c r="OOE696" s="613"/>
      <c r="OOF696" s="613"/>
      <c r="OOG696" s="613"/>
      <c r="OOH696" s="613"/>
      <c r="OOI696" s="613"/>
      <c r="OOJ696" s="613"/>
      <c r="OOK696" s="613"/>
      <c r="OOL696" s="613"/>
      <c r="OOM696" s="613"/>
      <c r="OON696" s="613"/>
      <c r="OOO696" s="613"/>
      <c r="OOP696" s="613"/>
      <c r="OOQ696" s="613"/>
      <c r="OOR696" s="613"/>
      <c r="OOS696" s="613"/>
      <c r="OOT696" s="613"/>
      <c r="OOU696" s="613"/>
      <c r="OOV696" s="613"/>
      <c r="OOW696" s="613"/>
      <c r="OOX696" s="613"/>
      <c r="OOY696" s="613"/>
      <c r="OOZ696" s="613"/>
      <c r="OPA696" s="613"/>
      <c r="OPB696" s="613"/>
      <c r="OPC696" s="613"/>
      <c r="OPD696" s="613"/>
      <c r="OPE696" s="613"/>
      <c r="OPF696" s="613"/>
      <c r="OPG696" s="613"/>
      <c r="OPH696" s="613"/>
      <c r="OPI696" s="613"/>
      <c r="OPJ696" s="613"/>
      <c r="OPK696" s="613"/>
      <c r="OPL696" s="613"/>
      <c r="OPM696" s="613"/>
      <c r="OPN696" s="613"/>
      <c r="OPO696" s="613"/>
      <c r="OPP696" s="613"/>
      <c r="OPQ696" s="613"/>
      <c r="OPR696" s="613"/>
      <c r="OPS696" s="613"/>
      <c r="OPT696" s="613"/>
      <c r="OPU696" s="613"/>
      <c r="OPV696" s="613"/>
      <c r="OPW696" s="613"/>
      <c r="OPX696" s="613"/>
      <c r="OPY696" s="613"/>
      <c r="OPZ696" s="613"/>
      <c r="OQA696" s="613"/>
      <c r="OQB696" s="613"/>
      <c r="OQC696" s="613"/>
      <c r="OQD696" s="613"/>
      <c r="OQE696" s="613"/>
      <c r="OQF696" s="613"/>
      <c r="OQG696" s="613"/>
      <c r="OQH696" s="613"/>
      <c r="OQI696" s="613"/>
      <c r="OQJ696" s="613"/>
      <c r="OQK696" s="613"/>
      <c r="OQL696" s="613"/>
      <c r="OQM696" s="613"/>
      <c r="OQN696" s="613"/>
      <c r="OQO696" s="613"/>
      <c r="OQP696" s="613"/>
      <c r="OQQ696" s="613"/>
      <c r="OQR696" s="613"/>
      <c r="OQS696" s="613"/>
      <c r="OQT696" s="613"/>
      <c r="OQU696" s="613"/>
      <c r="OQV696" s="613"/>
      <c r="OQW696" s="613"/>
      <c r="OQX696" s="613"/>
      <c r="OQY696" s="613"/>
      <c r="OQZ696" s="613"/>
      <c r="ORA696" s="613"/>
      <c r="ORB696" s="613"/>
      <c r="ORC696" s="613"/>
      <c r="ORD696" s="613"/>
      <c r="ORE696" s="613"/>
      <c r="ORF696" s="613"/>
      <c r="ORG696" s="613"/>
      <c r="ORH696" s="613"/>
      <c r="ORI696" s="613"/>
      <c r="ORJ696" s="613"/>
      <c r="ORK696" s="613"/>
      <c r="ORL696" s="613"/>
      <c r="ORM696" s="613"/>
      <c r="ORN696" s="613"/>
      <c r="ORO696" s="613"/>
      <c r="ORP696" s="613"/>
      <c r="ORQ696" s="613"/>
      <c r="ORR696" s="613"/>
      <c r="ORS696" s="613"/>
      <c r="ORT696" s="613"/>
      <c r="ORU696" s="613"/>
      <c r="ORV696" s="613"/>
      <c r="ORW696" s="613"/>
      <c r="ORX696" s="613"/>
      <c r="ORY696" s="613"/>
      <c r="ORZ696" s="613"/>
      <c r="OSA696" s="613"/>
      <c r="OSB696" s="613"/>
      <c r="OSC696" s="613"/>
      <c r="OSD696" s="613"/>
      <c r="OSE696" s="613"/>
      <c r="OSF696" s="613"/>
      <c r="OSG696" s="613"/>
      <c r="OSH696" s="613"/>
      <c r="OSI696" s="613"/>
      <c r="OSJ696" s="613"/>
      <c r="OSK696" s="613"/>
      <c r="OSL696" s="613"/>
      <c r="OSM696" s="613"/>
      <c r="OSN696" s="613"/>
      <c r="OSO696" s="613"/>
      <c r="OSP696" s="613"/>
      <c r="OSQ696" s="613"/>
      <c r="OSR696" s="613"/>
      <c r="OSS696" s="613"/>
      <c r="OST696" s="613"/>
      <c r="OSU696" s="613"/>
      <c r="OSV696" s="613"/>
      <c r="OSW696" s="613"/>
      <c r="OSX696" s="613"/>
      <c r="OSY696" s="613"/>
      <c r="OSZ696" s="613"/>
      <c r="OTA696" s="613"/>
      <c r="OTB696" s="613"/>
      <c r="OTC696" s="613"/>
      <c r="OTD696" s="613"/>
      <c r="OTE696" s="613"/>
      <c r="OTF696" s="613"/>
      <c r="OTG696" s="613"/>
      <c r="OTH696" s="613"/>
      <c r="OTI696" s="613"/>
      <c r="OTJ696" s="613"/>
      <c r="OTK696" s="613"/>
      <c r="OTL696" s="613"/>
      <c r="OTM696" s="613"/>
      <c r="OTN696" s="613"/>
      <c r="OTO696" s="613"/>
      <c r="OTP696" s="613"/>
      <c r="OTQ696" s="613"/>
      <c r="OTR696" s="613"/>
      <c r="OTS696" s="613"/>
      <c r="OTT696" s="613"/>
      <c r="OTU696" s="613"/>
      <c r="OTV696" s="613"/>
      <c r="OTW696" s="613"/>
      <c r="OTX696" s="613"/>
      <c r="OTY696" s="613"/>
      <c r="OTZ696" s="613"/>
      <c r="OUA696" s="613"/>
      <c r="OUB696" s="613"/>
      <c r="OUC696" s="613"/>
      <c r="OUD696" s="613"/>
      <c r="OUE696" s="613"/>
      <c r="OUF696" s="613"/>
      <c r="OUG696" s="613"/>
      <c r="OUH696" s="613"/>
      <c r="OUI696" s="613"/>
      <c r="OUJ696" s="613"/>
      <c r="OUK696" s="613"/>
      <c r="OUL696" s="613"/>
      <c r="OUM696" s="613"/>
      <c r="OUN696" s="613"/>
      <c r="OUO696" s="613"/>
      <c r="OUP696" s="613"/>
      <c r="OUQ696" s="613"/>
      <c r="OUR696" s="613"/>
      <c r="OUS696" s="613"/>
      <c r="OUT696" s="613"/>
      <c r="OUU696" s="613"/>
      <c r="OUV696" s="613"/>
      <c r="OUW696" s="613"/>
      <c r="OUX696" s="613"/>
      <c r="OUY696" s="613"/>
      <c r="OUZ696" s="613"/>
      <c r="OVA696" s="613"/>
      <c r="OVB696" s="613"/>
      <c r="OVC696" s="613"/>
      <c r="OVD696" s="613"/>
      <c r="OVE696" s="613"/>
      <c r="OVF696" s="613"/>
      <c r="OVG696" s="613"/>
      <c r="OVH696" s="613"/>
      <c r="OVI696" s="613"/>
      <c r="OVJ696" s="613"/>
      <c r="OVK696" s="613"/>
      <c r="OVL696" s="613"/>
      <c r="OVM696" s="613"/>
      <c r="OVN696" s="613"/>
      <c r="OVO696" s="613"/>
      <c r="OVP696" s="613"/>
      <c r="OVQ696" s="613"/>
      <c r="OVR696" s="613"/>
      <c r="OVS696" s="613"/>
      <c r="OVT696" s="613"/>
      <c r="OVU696" s="613"/>
      <c r="OVV696" s="613"/>
      <c r="OVW696" s="613"/>
      <c r="OVX696" s="613"/>
      <c r="OVY696" s="613"/>
      <c r="OVZ696" s="613"/>
      <c r="OWA696" s="613"/>
      <c r="OWB696" s="613"/>
      <c r="OWC696" s="613"/>
      <c r="OWD696" s="613"/>
      <c r="OWE696" s="613"/>
      <c r="OWF696" s="613"/>
      <c r="OWG696" s="613"/>
      <c r="OWH696" s="613"/>
      <c r="OWI696" s="613"/>
      <c r="OWJ696" s="613"/>
      <c r="OWK696" s="613"/>
      <c r="OWL696" s="613"/>
      <c r="OWM696" s="613"/>
      <c r="OWN696" s="613"/>
      <c r="OWO696" s="613"/>
      <c r="OWP696" s="613"/>
      <c r="OWQ696" s="613"/>
      <c r="OWR696" s="613"/>
      <c r="OWS696" s="613"/>
      <c r="OWT696" s="613"/>
      <c r="OWU696" s="613"/>
      <c r="OWV696" s="613"/>
      <c r="OWW696" s="613"/>
      <c r="OWX696" s="613"/>
      <c r="OWY696" s="613"/>
      <c r="OWZ696" s="613"/>
      <c r="OXA696" s="613"/>
      <c r="OXB696" s="613"/>
      <c r="OXC696" s="613"/>
      <c r="OXD696" s="613"/>
      <c r="OXE696" s="613"/>
      <c r="OXF696" s="613"/>
      <c r="OXG696" s="613"/>
      <c r="OXH696" s="613"/>
      <c r="OXI696" s="613"/>
      <c r="OXJ696" s="613"/>
      <c r="OXK696" s="613"/>
      <c r="OXL696" s="613"/>
      <c r="OXM696" s="613"/>
      <c r="OXN696" s="613"/>
      <c r="OXO696" s="613"/>
      <c r="OXP696" s="613"/>
      <c r="OXQ696" s="613"/>
      <c r="OXR696" s="613"/>
      <c r="OXS696" s="613"/>
      <c r="OXT696" s="613"/>
      <c r="OXU696" s="613"/>
      <c r="OXV696" s="613"/>
      <c r="OXW696" s="613"/>
      <c r="OXX696" s="613"/>
      <c r="OXY696" s="613"/>
      <c r="OXZ696" s="613"/>
      <c r="OYA696" s="613"/>
      <c r="OYB696" s="613"/>
      <c r="OYC696" s="613"/>
      <c r="OYD696" s="613"/>
      <c r="OYE696" s="613"/>
      <c r="OYF696" s="613"/>
      <c r="OYG696" s="613"/>
      <c r="OYH696" s="613"/>
      <c r="OYI696" s="613"/>
      <c r="OYJ696" s="613"/>
      <c r="OYK696" s="613"/>
      <c r="OYL696" s="613"/>
      <c r="OYM696" s="613"/>
      <c r="OYN696" s="613"/>
      <c r="OYO696" s="613"/>
      <c r="OYP696" s="613"/>
      <c r="OYQ696" s="613"/>
      <c r="OYR696" s="613"/>
      <c r="OYS696" s="613"/>
      <c r="OYT696" s="613"/>
      <c r="OYU696" s="613"/>
      <c r="OYV696" s="613"/>
      <c r="OYW696" s="613"/>
      <c r="OYX696" s="613"/>
      <c r="OYY696" s="613"/>
      <c r="OYZ696" s="613"/>
      <c r="OZA696" s="613"/>
      <c r="OZB696" s="613"/>
      <c r="OZC696" s="613"/>
      <c r="OZD696" s="613"/>
      <c r="OZE696" s="613"/>
      <c r="OZF696" s="613"/>
      <c r="OZG696" s="613"/>
      <c r="OZH696" s="613"/>
      <c r="OZI696" s="613"/>
      <c r="OZJ696" s="613"/>
      <c r="OZK696" s="613"/>
      <c r="OZL696" s="613"/>
      <c r="OZM696" s="613"/>
      <c r="OZN696" s="613"/>
      <c r="OZO696" s="613"/>
      <c r="OZP696" s="613"/>
      <c r="OZQ696" s="613"/>
      <c r="OZR696" s="613"/>
      <c r="OZS696" s="613"/>
      <c r="OZT696" s="613"/>
      <c r="OZU696" s="613"/>
      <c r="OZV696" s="613"/>
      <c r="OZW696" s="613"/>
      <c r="OZX696" s="613"/>
      <c r="OZY696" s="613"/>
      <c r="OZZ696" s="613"/>
      <c r="PAA696" s="613"/>
      <c r="PAB696" s="613"/>
      <c r="PAC696" s="613"/>
      <c r="PAD696" s="613"/>
      <c r="PAE696" s="613"/>
      <c r="PAF696" s="613"/>
      <c r="PAG696" s="613"/>
      <c r="PAH696" s="613"/>
      <c r="PAI696" s="613"/>
      <c r="PAJ696" s="613"/>
      <c r="PAK696" s="613"/>
      <c r="PAL696" s="613"/>
      <c r="PAM696" s="613"/>
      <c r="PAN696" s="613"/>
      <c r="PAO696" s="613"/>
      <c r="PAP696" s="613"/>
      <c r="PAQ696" s="613"/>
      <c r="PAR696" s="613"/>
      <c r="PAS696" s="613"/>
      <c r="PAT696" s="613"/>
      <c r="PAU696" s="613"/>
      <c r="PAV696" s="613"/>
      <c r="PAW696" s="613"/>
      <c r="PAX696" s="613"/>
      <c r="PAY696" s="613"/>
      <c r="PAZ696" s="613"/>
      <c r="PBA696" s="613"/>
      <c r="PBB696" s="613"/>
      <c r="PBC696" s="613"/>
      <c r="PBD696" s="613"/>
      <c r="PBE696" s="613"/>
      <c r="PBF696" s="613"/>
      <c r="PBG696" s="613"/>
      <c r="PBH696" s="613"/>
      <c r="PBI696" s="613"/>
      <c r="PBJ696" s="613"/>
      <c r="PBK696" s="613"/>
      <c r="PBL696" s="613"/>
      <c r="PBM696" s="613"/>
      <c r="PBN696" s="613"/>
      <c r="PBO696" s="613"/>
      <c r="PBP696" s="613"/>
      <c r="PBQ696" s="613"/>
      <c r="PBR696" s="613"/>
      <c r="PBS696" s="613"/>
      <c r="PBT696" s="613"/>
      <c r="PBU696" s="613"/>
      <c r="PBV696" s="613"/>
      <c r="PBW696" s="613"/>
      <c r="PBX696" s="613"/>
      <c r="PBY696" s="613"/>
      <c r="PBZ696" s="613"/>
      <c r="PCA696" s="613"/>
      <c r="PCB696" s="613"/>
      <c r="PCC696" s="613"/>
      <c r="PCD696" s="613"/>
      <c r="PCE696" s="613"/>
      <c r="PCF696" s="613"/>
      <c r="PCG696" s="613"/>
      <c r="PCH696" s="613"/>
      <c r="PCI696" s="613"/>
      <c r="PCJ696" s="613"/>
      <c r="PCK696" s="613"/>
      <c r="PCL696" s="613"/>
      <c r="PCM696" s="613"/>
      <c r="PCN696" s="613"/>
      <c r="PCO696" s="613"/>
      <c r="PCP696" s="613"/>
      <c r="PCQ696" s="613"/>
      <c r="PCR696" s="613"/>
      <c r="PCS696" s="613"/>
      <c r="PCT696" s="613"/>
      <c r="PCU696" s="613"/>
      <c r="PCV696" s="613"/>
      <c r="PCW696" s="613"/>
      <c r="PCX696" s="613"/>
      <c r="PCY696" s="613"/>
      <c r="PCZ696" s="613"/>
      <c r="PDA696" s="613"/>
      <c r="PDB696" s="613"/>
      <c r="PDC696" s="613"/>
      <c r="PDD696" s="613"/>
      <c r="PDE696" s="613"/>
      <c r="PDF696" s="613"/>
      <c r="PDG696" s="613"/>
      <c r="PDH696" s="613"/>
      <c r="PDI696" s="613"/>
      <c r="PDJ696" s="613"/>
      <c r="PDK696" s="613"/>
      <c r="PDL696" s="613"/>
      <c r="PDM696" s="613"/>
      <c r="PDN696" s="613"/>
      <c r="PDO696" s="613"/>
      <c r="PDP696" s="613"/>
      <c r="PDQ696" s="613"/>
      <c r="PDR696" s="613"/>
      <c r="PDS696" s="613"/>
      <c r="PDT696" s="613"/>
      <c r="PDU696" s="613"/>
      <c r="PDV696" s="613"/>
      <c r="PDW696" s="613"/>
      <c r="PDX696" s="613"/>
      <c r="PDY696" s="613"/>
      <c r="PDZ696" s="613"/>
      <c r="PEA696" s="613"/>
      <c r="PEB696" s="613"/>
      <c r="PEC696" s="613"/>
      <c r="PED696" s="613"/>
      <c r="PEE696" s="613"/>
      <c r="PEF696" s="613"/>
      <c r="PEG696" s="613"/>
      <c r="PEH696" s="613"/>
      <c r="PEI696" s="613"/>
      <c r="PEJ696" s="613"/>
      <c r="PEK696" s="613"/>
      <c r="PEL696" s="613"/>
      <c r="PEM696" s="613"/>
      <c r="PEN696" s="613"/>
      <c r="PEO696" s="613"/>
      <c r="PEP696" s="613"/>
      <c r="PEQ696" s="613"/>
      <c r="PER696" s="613"/>
      <c r="PES696" s="613"/>
      <c r="PET696" s="613"/>
      <c r="PEU696" s="613"/>
      <c r="PEV696" s="613"/>
      <c r="PEW696" s="613"/>
      <c r="PEX696" s="613"/>
      <c r="PEY696" s="613"/>
      <c r="PEZ696" s="613"/>
      <c r="PFA696" s="613"/>
      <c r="PFB696" s="613"/>
      <c r="PFC696" s="613"/>
      <c r="PFD696" s="613"/>
      <c r="PFE696" s="613"/>
      <c r="PFF696" s="613"/>
      <c r="PFG696" s="613"/>
      <c r="PFH696" s="613"/>
      <c r="PFI696" s="613"/>
      <c r="PFJ696" s="613"/>
      <c r="PFK696" s="613"/>
      <c r="PFL696" s="613"/>
      <c r="PFM696" s="613"/>
      <c r="PFN696" s="613"/>
      <c r="PFO696" s="613"/>
      <c r="PFP696" s="613"/>
      <c r="PFQ696" s="613"/>
      <c r="PFR696" s="613"/>
      <c r="PFS696" s="613"/>
      <c r="PFT696" s="613"/>
      <c r="PFU696" s="613"/>
      <c r="PFV696" s="613"/>
      <c r="PFW696" s="613"/>
      <c r="PFX696" s="613"/>
      <c r="PFY696" s="613"/>
      <c r="PFZ696" s="613"/>
      <c r="PGA696" s="613"/>
      <c r="PGB696" s="613"/>
      <c r="PGC696" s="613"/>
      <c r="PGD696" s="613"/>
      <c r="PGE696" s="613"/>
      <c r="PGF696" s="613"/>
      <c r="PGG696" s="613"/>
      <c r="PGH696" s="613"/>
      <c r="PGI696" s="613"/>
      <c r="PGJ696" s="613"/>
      <c r="PGK696" s="613"/>
      <c r="PGL696" s="613"/>
      <c r="PGM696" s="613"/>
      <c r="PGN696" s="613"/>
      <c r="PGO696" s="613"/>
      <c r="PGP696" s="613"/>
      <c r="PGQ696" s="613"/>
      <c r="PGR696" s="613"/>
      <c r="PGS696" s="613"/>
      <c r="PGT696" s="613"/>
      <c r="PGU696" s="613"/>
      <c r="PGV696" s="613"/>
      <c r="PGW696" s="613"/>
      <c r="PGX696" s="613"/>
      <c r="PGY696" s="613"/>
      <c r="PGZ696" s="613"/>
      <c r="PHA696" s="613"/>
      <c r="PHB696" s="613"/>
      <c r="PHC696" s="613"/>
      <c r="PHD696" s="613"/>
      <c r="PHE696" s="613"/>
      <c r="PHF696" s="613"/>
      <c r="PHG696" s="613"/>
      <c r="PHH696" s="613"/>
      <c r="PHI696" s="613"/>
      <c r="PHJ696" s="613"/>
      <c r="PHK696" s="613"/>
      <c r="PHL696" s="613"/>
      <c r="PHM696" s="613"/>
      <c r="PHN696" s="613"/>
      <c r="PHO696" s="613"/>
      <c r="PHP696" s="613"/>
      <c r="PHQ696" s="613"/>
      <c r="PHR696" s="613"/>
      <c r="PHS696" s="613"/>
      <c r="PHT696" s="613"/>
      <c r="PHU696" s="613"/>
      <c r="PHV696" s="613"/>
      <c r="PHW696" s="613"/>
      <c r="PHX696" s="613"/>
      <c r="PHY696" s="613"/>
      <c r="PHZ696" s="613"/>
      <c r="PIA696" s="613"/>
      <c r="PIB696" s="613"/>
      <c r="PIC696" s="613"/>
      <c r="PID696" s="613"/>
      <c r="PIE696" s="613"/>
      <c r="PIF696" s="613"/>
      <c r="PIG696" s="613"/>
      <c r="PIH696" s="613"/>
      <c r="PII696" s="613"/>
      <c r="PIJ696" s="613"/>
      <c r="PIK696" s="613"/>
      <c r="PIL696" s="613"/>
      <c r="PIM696" s="613"/>
      <c r="PIN696" s="613"/>
      <c r="PIO696" s="613"/>
      <c r="PIP696" s="613"/>
      <c r="PIQ696" s="613"/>
      <c r="PIR696" s="613"/>
      <c r="PIS696" s="613"/>
      <c r="PIT696" s="613"/>
      <c r="PIU696" s="613"/>
      <c r="PIV696" s="613"/>
      <c r="PIW696" s="613"/>
      <c r="PIX696" s="613"/>
      <c r="PIY696" s="613"/>
      <c r="PIZ696" s="613"/>
      <c r="PJA696" s="613"/>
      <c r="PJB696" s="613"/>
      <c r="PJC696" s="613"/>
      <c r="PJD696" s="613"/>
      <c r="PJE696" s="613"/>
      <c r="PJF696" s="613"/>
      <c r="PJG696" s="613"/>
      <c r="PJH696" s="613"/>
      <c r="PJI696" s="613"/>
      <c r="PJJ696" s="613"/>
      <c r="PJK696" s="613"/>
      <c r="PJL696" s="613"/>
      <c r="PJM696" s="613"/>
      <c r="PJN696" s="613"/>
      <c r="PJO696" s="613"/>
      <c r="PJP696" s="613"/>
      <c r="PJQ696" s="613"/>
      <c r="PJR696" s="613"/>
      <c r="PJS696" s="613"/>
      <c r="PJT696" s="613"/>
      <c r="PJU696" s="613"/>
      <c r="PJV696" s="613"/>
      <c r="PJW696" s="613"/>
      <c r="PJX696" s="613"/>
      <c r="PJY696" s="613"/>
      <c r="PJZ696" s="613"/>
      <c r="PKA696" s="613"/>
      <c r="PKB696" s="613"/>
      <c r="PKC696" s="613"/>
      <c r="PKD696" s="613"/>
      <c r="PKE696" s="613"/>
      <c r="PKF696" s="613"/>
      <c r="PKG696" s="613"/>
      <c r="PKH696" s="613"/>
      <c r="PKI696" s="613"/>
      <c r="PKJ696" s="613"/>
      <c r="PKK696" s="613"/>
      <c r="PKL696" s="613"/>
      <c r="PKM696" s="613"/>
      <c r="PKN696" s="613"/>
      <c r="PKO696" s="613"/>
      <c r="PKP696" s="613"/>
      <c r="PKQ696" s="613"/>
      <c r="PKR696" s="613"/>
      <c r="PKS696" s="613"/>
      <c r="PKT696" s="613"/>
      <c r="PKU696" s="613"/>
      <c r="PKV696" s="613"/>
      <c r="PKW696" s="613"/>
      <c r="PKX696" s="613"/>
      <c r="PKY696" s="613"/>
      <c r="PKZ696" s="613"/>
      <c r="PLA696" s="613"/>
      <c r="PLB696" s="613"/>
      <c r="PLC696" s="613"/>
      <c r="PLD696" s="613"/>
      <c r="PLE696" s="613"/>
      <c r="PLF696" s="613"/>
      <c r="PLG696" s="613"/>
      <c r="PLH696" s="613"/>
      <c r="PLI696" s="613"/>
      <c r="PLJ696" s="613"/>
      <c r="PLK696" s="613"/>
      <c r="PLL696" s="613"/>
      <c r="PLM696" s="613"/>
      <c r="PLN696" s="613"/>
      <c r="PLO696" s="613"/>
      <c r="PLP696" s="613"/>
      <c r="PLQ696" s="613"/>
      <c r="PLR696" s="613"/>
      <c r="PLS696" s="613"/>
      <c r="PLT696" s="613"/>
      <c r="PLU696" s="613"/>
      <c r="PLV696" s="613"/>
      <c r="PLW696" s="613"/>
      <c r="PLX696" s="613"/>
      <c r="PLY696" s="613"/>
      <c r="PLZ696" s="613"/>
      <c r="PMA696" s="613"/>
      <c r="PMB696" s="613"/>
      <c r="PMC696" s="613"/>
      <c r="PMD696" s="613"/>
      <c r="PME696" s="613"/>
      <c r="PMF696" s="613"/>
      <c r="PMG696" s="613"/>
      <c r="PMH696" s="613"/>
      <c r="PMI696" s="613"/>
      <c r="PMJ696" s="613"/>
      <c r="PMK696" s="613"/>
      <c r="PML696" s="613"/>
      <c r="PMM696" s="613"/>
      <c r="PMN696" s="613"/>
      <c r="PMO696" s="613"/>
      <c r="PMP696" s="613"/>
      <c r="PMQ696" s="613"/>
      <c r="PMR696" s="613"/>
      <c r="PMS696" s="613"/>
      <c r="PMT696" s="613"/>
      <c r="PMU696" s="613"/>
      <c r="PMV696" s="613"/>
      <c r="PMW696" s="613"/>
      <c r="PMX696" s="613"/>
      <c r="PMY696" s="613"/>
      <c r="PMZ696" s="613"/>
      <c r="PNA696" s="613"/>
      <c r="PNB696" s="613"/>
      <c r="PNC696" s="613"/>
      <c r="PND696" s="613"/>
      <c r="PNE696" s="613"/>
      <c r="PNF696" s="613"/>
      <c r="PNG696" s="613"/>
      <c r="PNH696" s="613"/>
      <c r="PNI696" s="613"/>
      <c r="PNJ696" s="613"/>
      <c r="PNK696" s="613"/>
      <c r="PNL696" s="613"/>
      <c r="PNM696" s="613"/>
      <c r="PNN696" s="613"/>
      <c r="PNO696" s="613"/>
      <c r="PNP696" s="613"/>
      <c r="PNQ696" s="613"/>
      <c r="PNR696" s="613"/>
      <c r="PNS696" s="613"/>
      <c r="PNT696" s="613"/>
      <c r="PNU696" s="613"/>
      <c r="PNV696" s="613"/>
      <c r="PNW696" s="613"/>
      <c r="PNX696" s="613"/>
      <c r="PNY696" s="613"/>
      <c r="PNZ696" s="613"/>
      <c r="POA696" s="613"/>
      <c r="POB696" s="613"/>
      <c r="POC696" s="613"/>
      <c r="POD696" s="613"/>
      <c r="POE696" s="613"/>
      <c r="POF696" s="613"/>
      <c r="POG696" s="613"/>
      <c r="POH696" s="613"/>
      <c r="POI696" s="613"/>
      <c r="POJ696" s="613"/>
      <c r="POK696" s="613"/>
      <c r="POL696" s="613"/>
      <c r="POM696" s="613"/>
      <c r="PON696" s="613"/>
      <c r="POO696" s="613"/>
      <c r="POP696" s="613"/>
      <c r="POQ696" s="613"/>
      <c r="POR696" s="613"/>
      <c r="POS696" s="613"/>
      <c r="POT696" s="613"/>
      <c r="POU696" s="613"/>
      <c r="POV696" s="613"/>
      <c r="POW696" s="613"/>
      <c r="POX696" s="613"/>
      <c r="POY696" s="613"/>
      <c r="POZ696" s="613"/>
      <c r="PPA696" s="613"/>
      <c r="PPB696" s="613"/>
      <c r="PPC696" s="613"/>
      <c r="PPD696" s="613"/>
      <c r="PPE696" s="613"/>
      <c r="PPF696" s="613"/>
      <c r="PPG696" s="613"/>
      <c r="PPH696" s="613"/>
      <c r="PPI696" s="613"/>
      <c r="PPJ696" s="613"/>
      <c r="PPK696" s="613"/>
      <c r="PPL696" s="613"/>
      <c r="PPM696" s="613"/>
      <c r="PPN696" s="613"/>
      <c r="PPO696" s="613"/>
      <c r="PPP696" s="613"/>
      <c r="PPQ696" s="613"/>
      <c r="PPR696" s="613"/>
      <c r="PPS696" s="613"/>
      <c r="PPT696" s="613"/>
      <c r="PPU696" s="613"/>
      <c r="PPV696" s="613"/>
      <c r="PPW696" s="613"/>
      <c r="PPX696" s="613"/>
      <c r="PPY696" s="613"/>
      <c r="PPZ696" s="613"/>
      <c r="PQA696" s="613"/>
      <c r="PQB696" s="613"/>
      <c r="PQC696" s="613"/>
      <c r="PQD696" s="613"/>
      <c r="PQE696" s="613"/>
      <c r="PQF696" s="613"/>
      <c r="PQG696" s="613"/>
      <c r="PQH696" s="613"/>
      <c r="PQI696" s="613"/>
      <c r="PQJ696" s="613"/>
      <c r="PQK696" s="613"/>
      <c r="PQL696" s="613"/>
      <c r="PQM696" s="613"/>
      <c r="PQN696" s="613"/>
      <c r="PQO696" s="613"/>
      <c r="PQP696" s="613"/>
      <c r="PQQ696" s="613"/>
      <c r="PQR696" s="613"/>
      <c r="PQS696" s="613"/>
      <c r="PQT696" s="613"/>
      <c r="PQU696" s="613"/>
      <c r="PQV696" s="613"/>
      <c r="PQW696" s="613"/>
      <c r="PQX696" s="613"/>
      <c r="PQY696" s="613"/>
      <c r="PQZ696" s="613"/>
      <c r="PRA696" s="613"/>
      <c r="PRB696" s="613"/>
      <c r="PRC696" s="613"/>
      <c r="PRD696" s="613"/>
      <c r="PRE696" s="613"/>
      <c r="PRF696" s="613"/>
      <c r="PRG696" s="613"/>
      <c r="PRH696" s="613"/>
      <c r="PRI696" s="613"/>
      <c r="PRJ696" s="613"/>
      <c r="PRK696" s="613"/>
      <c r="PRL696" s="613"/>
      <c r="PRM696" s="613"/>
      <c r="PRN696" s="613"/>
      <c r="PRO696" s="613"/>
      <c r="PRP696" s="613"/>
      <c r="PRQ696" s="613"/>
      <c r="PRR696" s="613"/>
      <c r="PRS696" s="613"/>
      <c r="PRT696" s="613"/>
      <c r="PRU696" s="613"/>
      <c r="PRV696" s="613"/>
      <c r="PRW696" s="613"/>
      <c r="PRX696" s="613"/>
      <c r="PRY696" s="613"/>
      <c r="PRZ696" s="613"/>
      <c r="PSA696" s="613"/>
      <c r="PSB696" s="613"/>
      <c r="PSC696" s="613"/>
      <c r="PSD696" s="613"/>
      <c r="PSE696" s="613"/>
      <c r="PSF696" s="613"/>
      <c r="PSG696" s="613"/>
      <c r="PSH696" s="613"/>
      <c r="PSI696" s="613"/>
      <c r="PSJ696" s="613"/>
      <c r="PSK696" s="613"/>
      <c r="PSL696" s="613"/>
      <c r="PSM696" s="613"/>
      <c r="PSN696" s="613"/>
      <c r="PSO696" s="613"/>
      <c r="PSP696" s="613"/>
      <c r="PSQ696" s="613"/>
      <c r="PSR696" s="613"/>
      <c r="PSS696" s="613"/>
      <c r="PST696" s="613"/>
      <c r="PSU696" s="613"/>
      <c r="PSV696" s="613"/>
      <c r="PSW696" s="613"/>
      <c r="PSX696" s="613"/>
      <c r="PSY696" s="613"/>
      <c r="PSZ696" s="613"/>
      <c r="PTA696" s="613"/>
      <c r="PTB696" s="613"/>
      <c r="PTC696" s="613"/>
      <c r="PTD696" s="613"/>
      <c r="PTE696" s="613"/>
      <c r="PTF696" s="613"/>
      <c r="PTG696" s="613"/>
      <c r="PTH696" s="613"/>
      <c r="PTI696" s="613"/>
      <c r="PTJ696" s="613"/>
      <c r="PTK696" s="613"/>
      <c r="PTL696" s="613"/>
      <c r="PTM696" s="613"/>
      <c r="PTN696" s="613"/>
      <c r="PTO696" s="613"/>
      <c r="PTP696" s="613"/>
      <c r="PTQ696" s="613"/>
      <c r="PTR696" s="613"/>
      <c r="PTS696" s="613"/>
      <c r="PTT696" s="613"/>
      <c r="PTU696" s="613"/>
      <c r="PTV696" s="613"/>
      <c r="PTW696" s="613"/>
      <c r="PTX696" s="613"/>
      <c r="PTY696" s="613"/>
      <c r="PTZ696" s="613"/>
      <c r="PUA696" s="613"/>
      <c r="PUB696" s="613"/>
      <c r="PUC696" s="613"/>
      <c r="PUD696" s="613"/>
      <c r="PUE696" s="613"/>
      <c r="PUF696" s="613"/>
      <c r="PUG696" s="613"/>
      <c r="PUH696" s="613"/>
      <c r="PUI696" s="613"/>
      <c r="PUJ696" s="613"/>
      <c r="PUK696" s="613"/>
      <c r="PUL696" s="613"/>
      <c r="PUM696" s="613"/>
      <c r="PUN696" s="613"/>
      <c r="PUO696" s="613"/>
      <c r="PUP696" s="613"/>
      <c r="PUQ696" s="613"/>
      <c r="PUR696" s="613"/>
      <c r="PUS696" s="613"/>
      <c r="PUT696" s="613"/>
      <c r="PUU696" s="613"/>
      <c r="PUV696" s="613"/>
      <c r="PUW696" s="613"/>
      <c r="PUX696" s="613"/>
      <c r="PUY696" s="613"/>
      <c r="PUZ696" s="613"/>
      <c r="PVA696" s="613"/>
      <c r="PVB696" s="613"/>
      <c r="PVC696" s="613"/>
      <c r="PVD696" s="613"/>
      <c r="PVE696" s="613"/>
      <c r="PVF696" s="613"/>
      <c r="PVG696" s="613"/>
      <c r="PVH696" s="613"/>
      <c r="PVI696" s="613"/>
      <c r="PVJ696" s="613"/>
      <c r="PVK696" s="613"/>
      <c r="PVL696" s="613"/>
      <c r="PVM696" s="613"/>
      <c r="PVN696" s="613"/>
      <c r="PVO696" s="613"/>
      <c r="PVP696" s="613"/>
      <c r="PVQ696" s="613"/>
      <c r="PVR696" s="613"/>
      <c r="PVS696" s="613"/>
      <c r="PVT696" s="613"/>
      <c r="PVU696" s="613"/>
      <c r="PVV696" s="613"/>
      <c r="PVW696" s="613"/>
      <c r="PVX696" s="613"/>
      <c r="PVY696" s="613"/>
      <c r="PVZ696" s="613"/>
      <c r="PWA696" s="613"/>
      <c r="PWB696" s="613"/>
      <c r="PWC696" s="613"/>
      <c r="PWD696" s="613"/>
      <c r="PWE696" s="613"/>
      <c r="PWF696" s="613"/>
      <c r="PWG696" s="613"/>
      <c r="PWH696" s="613"/>
      <c r="PWI696" s="613"/>
      <c r="PWJ696" s="613"/>
      <c r="PWK696" s="613"/>
      <c r="PWL696" s="613"/>
      <c r="PWM696" s="613"/>
      <c r="PWN696" s="613"/>
      <c r="PWO696" s="613"/>
      <c r="PWP696" s="613"/>
      <c r="PWQ696" s="613"/>
      <c r="PWR696" s="613"/>
      <c r="PWS696" s="613"/>
      <c r="PWT696" s="613"/>
      <c r="PWU696" s="613"/>
      <c r="PWV696" s="613"/>
      <c r="PWW696" s="613"/>
      <c r="PWX696" s="613"/>
      <c r="PWY696" s="613"/>
      <c r="PWZ696" s="613"/>
      <c r="PXA696" s="613"/>
      <c r="PXB696" s="613"/>
      <c r="PXC696" s="613"/>
      <c r="PXD696" s="613"/>
      <c r="PXE696" s="613"/>
      <c r="PXF696" s="613"/>
      <c r="PXG696" s="613"/>
      <c r="PXH696" s="613"/>
      <c r="PXI696" s="613"/>
      <c r="PXJ696" s="613"/>
      <c r="PXK696" s="613"/>
      <c r="PXL696" s="613"/>
      <c r="PXM696" s="613"/>
      <c r="PXN696" s="613"/>
      <c r="PXO696" s="613"/>
      <c r="PXP696" s="613"/>
      <c r="PXQ696" s="613"/>
      <c r="PXR696" s="613"/>
      <c r="PXS696" s="613"/>
      <c r="PXT696" s="613"/>
      <c r="PXU696" s="613"/>
      <c r="PXV696" s="613"/>
      <c r="PXW696" s="613"/>
      <c r="PXX696" s="613"/>
      <c r="PXY696" s="613"/>
      <c r="PXZ696" s="613"/>
      <c r="PYA696" s="613"/>
      <c r="PYB696" s="613"/>
      <c r="PYC696" s="613"/>
      <c r="PYD696" s="613"/>
      <c r="PYE696" s="613"/>
      <c r="PYF696" s="613"/>
      <c r="PYG696" s="613"/>
      <c r="PYH696" s="613"/>
      <c r="PYI696" s="613"/>
      <c r="PYJ696" s="613"/>
      <c r="PYK696" s="613"/>
      <c r="PYL696" s="613"/>
      <c r="PYM696" s="613"/>
      <c r="PYN696" s="613"/>
      <c r="PYO696" s="613"/>
      <c r="PYP696" s="613"/>
      <c r="PYQ696" s="613"/>
      <c r="PYR696" s="613"/>
      <c r="PYS696" s="613"/>
      <c r="PYT696" s="613"/>
      <c r="PYU696" s="613"/>
      <c r="PYV696" s="613"/>
      <c r="PYW696" s="613"/>
      <c r="PYX696" s="613"/>
      <c r="PYY696" s="613"/>
      <c r="PYZ696" s="613"/>
      <c r="PZA696" s="613"/>
      <c r="PZB696" s="613"/>
      <c r="PZC696" s="613"/>
      <c r="PZD696" s="613"/>
      <c r="PZE696" s="613"/>
      <c r="PZF696" s="613"/>
      <c r="PZG696" s="613"/>
      <c r="PZH696" s="613"/>
      <c r="PZI696" s="613"/>
      <c r="PZJ696" s="613"/>
      <c r="PZK696" s="613"/>
      <c r="PZL696" s="613"/>
      <c r="PZM696" s="613"/>
      <c r="PZN696" s="613"/>
      <c r="PZO696" s="613"/>
      <c r="PZP696" s="613"/>
      <c r="PZQ696" s="613"/>
      <c r="PZR696" s="613"/>
      <c r="PZS696" s="613"/>
      <c r="PZT696" s="613"/>
      <c r="PZU696" s="613"/>
      <c r="PZV696" s="613"/>
      <c r="PZW696" s="613"/>
      <c r="PZX696" s="613"/>
      <c r="PZY696" s="613"/>
      <c r="PZZ696" s="613"/>
      <c r="QAA696" s="613"/>
      <c r="QAB696" s="613"/>
      <c r="QAC696" s="613"/>
      <c r="QAD696" s="613"/>
      <c r="QAE696" s="613"/>
      <c r="QAF696" s="613"/>
      <c r="QAG696" s="613"/>
      <c r="QAH696" s="613"/>
      <c r="QAI696" s="613"/>
      <c r="QAJ696" s="613"/>
      <c r="QAK696" s="613"/>
      <c r="QAL696" s="613"/>
      <c r="QAM696" s="613"/>
      <c r="QAN696" s="613"/>
      <c r="QAO696" s="613"/>
      <c r="QAP696" s="613"/>
      <c r="QAQ696" s="613"/>
      <c r="QAR696" s="613"/>
      <c r="QAS696" s="613"/>
      <c r="QAT696" s="613"/>
      <c r="QAU696" s="613"/>
      <c r="QAV696" s="613"/>
      <c r="QAW696" s="613"/>
      <c r="QAX696" s="613"/>
      <c r="QAY696" s="613"/>
      <c r="QAZ696" s="613"/>
      <c r="QBA696" s="613"/>
      <c r="QBB696" s="613"/>
      <c r="QBC696" s="613"/>
      <c r="QBD696" s="613"/>
      <c r="QBE696" s="613"/>
      <c r="QBF696" s="613"/>
      <c r="QBG696" s="613"/>
      <c r="QBH696" s="613"/>
      <c r="QBI696" s="613"/>
      <c r="QBJ696" s="613"/>
      <c r="QBK696" s="613"/>
      <c r="QBL696" s="613"/>
      <c r="QBM696" s="613"/>
      <c r="QBN696" s="613"/>
      <c r="QBO696" s="613"/>
      <c r="QBP696" s="613"/>
      <c r="QBQ696" s="613"/>
      <c r="QBR696" s="613"/>
      <c r="QBS696" s="613"/>
      <c r="QBT696" s="613"/>
      <c r="QBU696" s="613"/>
      <c r="QBV696" s="613"/>
      <c r="QBW696" s="613"/>
      <c r="QBX696" s="613"/>
      <c r="QBY696" s="613"/>
      <c r="QBZ696" s="613"/>
      <c r="QCA696" s="613"/>
      <c r="QCB696" s="613"/>
      <c r="QCC696" s="613"/>
      <c r="QCD696" s="613"/>
      <c r="QCE696" s="613"/>
      <c r="QCF696" s="613"/>
      <c r="QCG696" s="613"/>
      <c r="QCH696" s="613"/>
      <c r="QCI696" s="613"/>
      <c r="QCJ696" s="613"/>
      <c r="QCK696" s="613"/>
      <c r="QCL696" s="613"/>
      <c r="QCM696" s="613"/>
      <c r="QCN696" s="613"/>
      <c r="QCO696" s="613"/>
      <c r="QCP696" s="613"/>
      <c r="QCQ696" s="613"/>
      <c r="QCR696" s="613"/>
      <c r="QCS696" s="613"/>
      <c r="QCT696" s="613"/>
      <c r="QCU696" s="613"/>
      <c r="QCV696" s="613"/>
      <c r="QCW696" s="613"/>
      <c r="QCX696" s="613"/>
      <c r="QCY696" s="613"/>
      <c r="QCZ696" s="613"/>
      <c r="QDA696" s="613"/>
      <c r="QDB696" s="613"/>
      <c r="QDC696" s="613"/>
      <c r="QDD696" s="613"/>
      <c r="QDE696" s="613"/>
      <c r="QDF696" s="613"/>
      <c r="QDG696" s="613"/>
      <c r="QDH696" s="613"/>
      <c r="QDI696" s="613"/>
      <c r="QDJ696" s="613"/>
      <c r="QDK696" s="613"/>
      <c r="QDL696" s="613"/>
      <c r="QDM696" s="613"/>
      <c r="QDN696" s="613"/>
      <c r="QDO696" s="613"/>
      <c r="QDP696" s="613"/>
      <c r="QDQ696" s="613"/>
      <c r="QDR696" s="613"/>
      <c r="QDS696" s="613"/>
      <c r="QDT696" s="613"/>
      <c r="QDU696" s="613"/>
      <c r="QDV696" s="613"/>
      <c r="QDW696" s="613"/>
      <c r="QDX696" s="613"/>
      <c r="QDY696" s="613"/>
      <c r="QDZ696" s="613"/>
      <c r="QEA696" s="613"/>
      <c r="QEB696" s="613"/>
      <c r="QEC696" s="613"/>
      <c r="QED696" s="613"/>
      <c r="QEE696" s="613"/>
      <c r="QEF696" s="613"/>
      <c r="QEG696" s="613"/>
      <c r="QEH696" s="613"/>
      <c r="QEI696" s="613"/>
      <c r="QEJ696" s="613"/>
      <c r="QEK696" s="613"/>
      <c r="QEL696" s="613"/>
      <c r="QEM696" s="613"/>
      <c r="QEN696" s="613"/>
      <c r="QEO696" s="613"/>
      <c r="QEP696" s="613"/>
      <c r="QEQ696" s="613"/>
      <c r="QER696" s="613"/>
      <c r="QES696" s="613"/>
      <c r="QET696" s="613"/>
      <c r="QEU696" s="613"/>
      <c r="QEV696" s="613"/>
      <c r="QEW696" s="613"/>
      <c r="QEX696" s="613"/>
      <c r="QEY696" s="613"/>
      <c r="QEZ696" s="613"/>
      <c r="QFA696" s="613"/>
      <c r="QFB696" s="613"/>
      <c r="QFC696" s="613"/>
      <c r="QFD696" s="613"/>
      <c r="QFE696" s="613"/>
      <c r="QFF696" s="613"/>
      <c r="QFG696" s="613"/>
      <c r="QFH696" s="613"/>
      <c r="QFI696" s="613"/>
      <c r="QFJ696" s="613"/>
      <c r="QFK696" s="613"/>
      <c r="QFL696" s="613"/>
      <c r="QFM696" s="613"/>
      <c r="QFN696" s="613"/>
      <c r="QFO696" s="613"/>
      <c r="QFP696" s="613"/>
      <c r="QFQ696" s="613"/>
      <c r="QFR696" s="613"/>
      <c r="QFS696" s="613"/>
      <c r="QFT696" s="613"/>
      <c r="QFU696" s="613"/>
      <c r="QFV696" s="613"/>
      <c r="QFW696" s="613"/>
      <c r="QFX696" s="613"/>
      <c r="QFY696" s="613"/>
      <c r="QFZ696" s="613"/>
      <c r="QGA696" s="613"/>
      <c r="QGB696" s="613"/>
      <c r="QGC696" s="613"/>
      <c r="QGD696" s="613"/>
      <c r="QGE696" s="613"/>
      <c r="QGF696" s="613"/>
      <c r="QGG696" s="613"/>
      <c r="QGH696" s="613"/>
      <c r="QGI696" s="613"/>
      <c r="QGJ696" s="613"/>
      <c r="QGK696" s="613"/>
      <c r="QGL696" s="613"/>
      <c r="QGM696" s="613"/>
      <c r="QGN696" s="613"/>
      <c r="QGO696" s="613"/>
      <c r="QGP696" s="613"/>
      <c r="QGQ696" s="613"/>
      <c r="QGR696" s="613"/>
      <c r="QGS696" s="613"/>
      <c r="QGT696" s="613"/>
      <c r="QGU696" s="613"/>
      <c r="QGV696" s="613"/>
      <c r="QGW696" s="613"/>
      <c r="QGX696" s="613"/>
      <c r="QGY696" s="613"/>
      <c r="QGZ696" s="613"/>
      <c r="QHA696" s="613"/>
      <c r="QHB696" s="613"/>
      <c r="QHC696" s="613"/>
      <c r="QHD696" s="613"/>
      <c r="QHE696" s="613"/>
      <c r="QHF696" s="613"/>
      <c r="QHG696" s="613"/>
      <c r="QHH696" s="613"/>
      <c r="QHI696" s="613"/>
      <c r="QHJ696" s="613"/>
      <c r="QHK696" s="613"/>
      <c r="QHL696" s="613"/>
      <c r="QHM696" s="613"/>
      <c r="QHN696" s="613"/>
      <c r="QHO696" s="613"/>
      <c r="QHP696" s="613"/>
      <c r="QHQ696" s="613"/>
      <c r="QHR696" s="613"/>
      <c r="QHS696" s="613"/>
      <c r="QHT696" s="613"/>
      <c r="QHU696" s="613"/>
      <c r="QHV696" s="613"/>
      <c r="QHW696" s="613"/>
      <c r="QHX696" s="613"/>
      <c r="QHY696" s="613"/>
      <c r="QHZ696" s="613"/>
      <c r="QIA696" s="613"/>
      <c r="QIB696" s="613"/>
      <c r="QIC696" s="613"/>
      <c r="QID696" s="613"/>
      <c r="QIE696" s="613"/>
      <c r="QIF696" s="613"/>
      <c r="QIG696" s="613"/>
      <c r="QIH696" s="613"/>
      <c r="QII696" s="613"/>
      <c r="QIJ696" s="613"/>
      <c r="QIK696" s="613"/>
      <c r="QIL696" s="613"/>
      <c r="QIM696" s="613"/>
      <c r="QIN696" s="613"/>
      <c r="QIO696" s="613"/>
      <c r="QIP696" s="613"/>
      <c r="QIQ696" s="613"/>
      <c r="QIR696" s="613"/>
      <c r="QIS696" s="613"/>
      <c r="QIT696" s="613"/>
      <c r="QIU696" s="613"/>
      <c r="QIV696" s="613"/>
      <c r="QIW696" s="613"/>
      <c r="QIX696" s="613"/>
      <c r="QIY696" s="613"/>
      <c r="QIZ696" s="613"/>
      <c r="QJA696" s="613"/>
      <c r="QJB696" s="613"/>
      <c r="QJC696" s="613"/>
      <c r="QJD696" s="613"/>
      <c r="QJE696" s="613"/>
      <c r="QJF696" s="613"/>
      <c r="QJG696" s="613"/>
      <c r="QJH696" s="613"/>
      <c r="QJI696" s="613"/>
      <c r="QJJ696" s="613"/>
      <c r="QJK696" s="613"/>
      <c r="QJL696" s="613"/>
      <c r="QJM696" s="613"/>
      <c r="QJN696" s="613"/>
      <c r="QJO696" s="613"/>
      <c r="QJP696" s="613"/>
      <c r="QJQ696" s="613"/>
      <c r="QJR696" s="613"/>
      <c r="QJS696" s="613"/>
      <c r="QJT696" s="613"/>
      <c r="QJU696" s="613"/>
      <c r="QJV696" s="613"/>
      <c r="QJW696" s="613"/>
      <c r="QJX696" s="613"/>
      <c r="QJY696" s="613"/>
      <c r="QJZ696" s="613"/>
      <c r="QKA696" s="613"/>
      <c r="QKB696" s="613"/>
      <c r="QKC696" s="613"/>
      <c r="QKD696" s="613"/>
      <c r="QKE696" s="613"/>
      <c r="QKF696" s="613"/>
      <c r="QKG696" s="613"/>
      <c r="QKH696" s="613"/>
      <c r="QKI696" s="613"/>
      <c r="QKJ696" s="613"/>
      <c r="QKK696" s="613"/>
      <c r="QKL696" s="613"/>
      <c r="QKM696" s="613"/>
      <c r="QKN696" s="613"/>
      <c r="QKO696" s="613"/>
      <c r="QKP696" s="613"/>
      <c r="QKQ696" s="613"/>
      <c r="QKR696" s="613"/>
      <c r="QKS696" s="613"/>
      <c r="QKT696" s="613"/>
      <c r="QKU696" s="613"/>
      <c r="QKV696" s="613"/>
      <c r="QKW696" s="613"/>
      <c r="QKX696" s="613"/>
      <c r="QKY696" s="613"/>
      <c r="QKZ696" s="613"/>
      <c r="QLA696" s="613"/>
      <c r="QLB696" s="613"/>
      <c r="QLC696" s="613"/>
      <c r="QLD696" s="613"/>
      <c r="QLE696" s="613"/>
      <c r="QLF696" s="613"/>
      <c r="QLG696" s="613"/>
      <c r="QLH696" s="613"/>
      <c r="QLI696" s="613"/>
      <c r="QLJ696" s="613"/>
      <c r="QLK696" s="613"/>
      <c r="QLL696" s="613"/>
      <c r="QLM696" s="613"/>
      <c r="QLN696" s="613"/>
      <c r="QLO696" s="613"/>
      <c r="QLP696" s="613"/>
      <c r="QLQ696" s="613"/>
      <c r="QLR696" s="613"/>
      <c r="QLS696" s="613"/>
      <c r="QLT696" s="613"/>
      <c r="QLU696" s="613"/>
      <c r="QLV696" s="613"/>
      <c r="QLW696" s="613"/>
      <c r="QLX696" s="613"/>
      <c r="QLY696" s="613"/>
      <c r="QLZ696" s="613"/>
      <c r="QMA696" s="613"/>
      <c r="QMB696" s="613"/>
      <c r="QMC696" s="613"/>
      <c r="QMD696" s="613"/>
      <c r="QME696" s="613"/>
      <c r="QMF696" s="613"/>
      <c r="QMG696" s="613"/>
      <c r="QMH696" s="613"/>
      <c r="QMI696" s="613"/>
      <c r="QMJ696" s="613"/>
      <c r="QMK696" s="613"/>
      <c r="QML696" s="613"/>
      <c r="QMM696" s="613"/>
      <c r="QMN696" s="613"/>
      <c r="QMO696" s="613"/>
      <c r="QMP696" s="613"/>
      <c r="QMQ696" s="613"/>
      <c r="QMR696" s="613"/>
      <c r="QMS696" s="613"/>
      <c r="QMT696" s="613"/>
      <c r="QMU696" s="613"/>
      <c r="QMV696" s="613"/>
      <c r="QMW696" s="613"/>
      <c r="QMX696" s="613"/>
      <c r="QMY696" s="613"/>
      <c r="QMZ696" s="613"/>
      <c r="QNA696" s="613"/>
      <c r="QNB696" s="613"/>
      <c r="QNC696" s="613"/>
      <c r="QND696" s="613"/>
      <c r="QNE696" s="613"/>
      <c r="QNF696" s="613"/>
      <c r="QNG696" s="613"/>
      <c r="QNH696" s="613"/>
      <c r="QNI696" s="613"/>
      <c r="QNJ696" s="613"/>
      <c r="QNK696" s="613"/>
      <c r="QNL696" s="613"/>
      <c r="QNM696" s="613"/>
      <c r="QNN696" s="613"/>
      <c r="QNO696" s="613"/>
      <c r="QNP696" s="613"/>
      <c r="QNQ696" s="613"/>
      <c r="QNR696" s="613"/>
      <c r="QNS696" s="613"/>
      <c r="QNT696" s="613"/>
      <c r="QNU696" s="613"/>
      <c r="QNV696" s="613"/>
      <c r="QNW696" s="613"/>
      <c r="QNX696" s="613"/>
      <c r="QNY696" s="613"/>
      <c r="QNZ696" s="613"/>
      <c r="QOA696" s="613"/>
      <c r="QOB696" s="613"/>
      <c r="QOC696" s="613"/>
      <c r="QOD696" s="613"/>
      <c r="QOE696" s="613"/>
      <c r="QOF696" s="613"/>
      <c r="QOG696" s="613"/>
      <c r="QOH696" s="613"/>
      <c r="QOI696" s="613"/>
      <c r="QOJ696" s="613"/>
      <c r="QOK696" s="613"/>
      <c r="QOL696" s="613"/>
      <c r="QOM696" s="613"/>
      <c r="QON696" s="613"/>
      <c r="QOO696" s="613"/>
      <c r="QOP696" s="613"/>
      <c r="QOQ696" s="613"/>
      <c r="QOR696" s="613"/>
      <c r="QOS696" s="613"/>
      <c r="QOT696" s="613"/>
      <c r="QOU696" s="613"/>
      <c r="QOV696" s="613"/>
      <c r="QOW696" s="613"/>
      <c r="QOX696" s="613"/>
      <c r="QOY696" s="613"/>
      <c r="QOZ696" s="613"/>
      <c r="QPA696" s="613"/>
      <c r="QPB696" s="613"/>
      <c r="QPC696" s="613"/>
      <c r="QPD696" s="613"/>
      <c r="QPE696" s="613"/>
      <c r="QPF696" s="613"/>
      <c r="QPG696" s="613"/>
      <c r="QPH696" s="613"/>
      <c r="QPI696" s="613"/>
      <c r="QPJ696" s="613"/>
      <c r="QPK696" s="613"/>
      <c r="QPL696" s="613"/>
      <c r="QPM696" s="613"/>
      <c r="QPN696" s="613"/>
      <c r="QPO696" s="613"/>
      <c r="QPP696" s="613"/>
      <c r="QPQ696" s="613"/>
      <c r="QPR696" s="613"/>
      <c r="QPS696" s="613"/>
      <c r="QPT696" s="613"/>
      <c r="QPU696" s="613"/>
      <c r="QPV696" s="613"/>
      <c r="QPW696" s="613"/>
      <c r="QPX696" s="613"/>
      <c r="QPY696" s="613"/>
      <c r="QPZ696" s="613"/>
      <c r="QQA696" s="613"/>
      <c r="QQB696" s="613"/>
      <c r="QQC696" s="613"/>
      <c r="QQD696" s="613"/>
      <c r="QQE696" s="613"/>
      <c r="QQF696" s="613"/>
      <c r="QQG696" s="613"/>
      <c r="QQH696" s="613"/>
      <c r="QQI696" s="613"/>
      <c r="QQJ696" s="613"/>
      <c r="QQK696" s="613"/>
      <c r="QQL696" s="613"/>
      <c r="QQM696" s="613"/>
      <c r="QQN696" s="613"/>
      <c r="QQO696" s="613"/>
      <c r="QQP696" s="613"/>
      <c r="QQQ696" s="613"/>
      <c r="QQR696" s="613"/>
      <c r="QQS696" s="613"/>
      <c r="QQT696" s="613"/>
      <c r="QQU696" s="613"/>
      <c r="QQV696" s="613"/>
      <c r="QQW696" s="613"/>
      <c r="QQX696" s="613"/>
      <c r="QQY696" s="613"/>
      <c r="QQZ696" s="613"/>
      <c r="QRA696" s="613"/>
      <c r="QRB696" s="613"/>
      <c r="QRC696" s="613"/>
      <c r="QRD696" s="613"/>
      <c r="QRE696" s="613"/>
      <c r="QRF696" s="613"/>
      <c r="QRG696" s="613"/>
      <c r="QRH696" s="613"/>
      <c r="QRI696" s="613"/>
      <c r="QRJ696" s="613"/>
      <c r="QRK696" s="613"/>
      <c r="QRL696" s="613"/>
      <c r="QRM696" s="613"/>
      <c r="QRN696" s="613"/>
      <c r="QRO696" s="613"/>
      <c r="QRP696" s="613"/>
      <c r="QRQ696" s="613"/>
      <c r="QRR696" s="613"/>
      <c r="QRS696" s="613"/>
      <c r="QRT696" s="613"/>
      <c r="QRU696" s="613"/>
      <c r="QRV696" s="613"/>
      <c r="QRW696" s="613"/>
      <c r="QRX696" s="613"/>
      <c r="QRY696" s="613"/>
      <c r="QRZ696" s="613"/>
      <c r="QSA696" s="613"/>
      <c r="QSB696" s="613"/>
      <c r="QSC696" s="613"/>
      <c r="QSD696" s="613"/>
      <c r="QSE696" s="613"/>
      <c r="QSF696" s="613"/>
      <c r="QSG696" s="613"/>
      <c r="QSH696" s="613"/>
      <c r="QSI696" s="613"/>
      <c r="QSJ696" s="613"/>
      <c r="QSK696" s="613"/>
      <c r="QSL696" s="613"/>
      <c r="QSM696" s="613"/>
      <c r="QSN696" s="613"/>
      <c r="QSO696" s="613"/>
      <c r="QSP696" s="613"/>
      <c r="QSQ696" s="613"/>
      <c r="QSR696" s="613"/>
      <c r="QSS696" s="613"/>
      <c r="QST696" s="613"/>
      <c r="QSU696" s="613"/>
      <c r="QSV696" s="613"/>
      <c r="QSW696" s="613"/>
      <c r="QSX696" s="613"/>
      <c r="QSY696" s="613"/>
      <c r="QSZ696" s="613"/>
      <c r="QTA696" s="613"/>
      <c r="QTB696" s="613"/>
      <c r="QTC696" s="613"/>
      <c r="QTD696" s="613"/>
      <c r="QTE696" s="613"/>
      <c r="QTF696" s="613"/>
      <c r="QTG696" s="613"/>
      <c r="QTH696" s="613"/>
      <c r="QTI696" s="613"/>
      <c r="QTJ696" s="613"/>
      <c r="QTK696" s="613"/>
      <c r="QTL696" s="613"/>
      <c r="QTM696" s="613"/>
      <c r="QTN696" s="613"/>
      <c r="QTO696" s="613"/>
      <c r="QTP696" s="613"/>
      <c r="QTQ696" s="613"/>
      <c r="QTR696" s="613"/>
      <c r="QTS696" s="613"/>
      <c r="QTT696" s="613"/>
      <c r="QTU696" s="613"/>
      <c r="QTV696" s="613"/>
      <c r="QTW696" s="613"/>
      <c r="QTX696" s="613"/>
      <c r="QTY696" s="613"/>
      <c r="QTZ696" s="613"/>
      <c r="QUA696" s="613"/>
      <c r="QUB696" s="613"/>
      <c r="QUC696" s="613"/>
      <c r="QUD696" s="613"/>
      <c r="QUE696" s="613"/>
      <c r="QUF696" s="613"/>
      <c r="QUG696" s="613"/>
      <c r="QUH696" s="613"/>
      <c r="QUI696" s="613"/>
      <c r="QUJ696" s="613"/>
      <c r="QUK696" s="613"/>
      <c r="QUL696" s="613"/>
      <c r="QUM696" s="613"/>
      <c r="QUN696" s="613"/>
      <c r="QUO696" s="613"/>
      <c r="QUP696" s="613"/>
      <c r="QUQ696" s="613"/>
      <c r="QUR696" s="613"/>
      <c r="QUS696" s="613"/>
      <c r="QUT696" s="613"/>
      <c r="QUU696" s="613"/>
      <c r="QUV696" s="613"/>
      <c r="QUW696" s="613"/>
      <c r="QUX696" s="613"/>
      <c r="QUY696" s="613"/>
      <c r="QUZ696" s="613"/>
      <c r="QVA696" s="613"/>
      <c r="QVB696" s="613"/>
      <c r="QVC696" s="613"/>
      <c r="QVD696" s="613"/>
      <c r="QVE696" s="613"/>
      <c r="QVF696" s="613"/>
      <c r="QVG696" s="613"/>
      <c r="QVH696" s="613"/>
      <c r="QVI696" s="613"/>
      <c r="QVJ696" s="613"/>
      <c r="QVK696" s="613"/>
      <c r="QVL696" s="613"/>
      <c r="QVM696" s="613"/>
      <c r="QVN696" s="613"/>
      <c r="QVO696" s="613"/>
      <c r="QVP696" s="613"/>
      <c r="QVQ696" s="613"/>
      <c r="QVR696" s="613"/>
      <c r="QVS696" s="613"/>
      <c r="QVT696" s="613"/>
      <c r="QVU696" s="613"/>
      <c r="QVV696" s="613"/>
      <c r="QVW696" s="613"/>
      <c r="QVX696" s="613"/>
      <c r="QVY696" s="613"/>
      <c r="QVZ696" s="613"/>
      <c r="QWA696" s="613"/>
      <c r="QWB696" s="613"/>
      <c r="QWC696" s="613"/>
      <c r="QWD696" s="613"/>
      <c r="QWE696" s="613"/>
      <c r="QWF696" s="613"/>
      <c r="QWG696" s="613"/>
      <c r="QWH696" s="613"/>
      <c r="QWI696" s="613"/>
      <c r="QWJ696" s="613"/>
      <c r="QWK696" s="613"/>
      <c r="QWL696" s="613"/>
      <c r="QWM696" s="613"/>
      <c r="QWN696" s="613"/>
      <c r="QWO696" s="613"/>
      <c r="QWP696" s="613"/>
      <c r="QWQ696" s="613"/>
      <c r="QWR696" s="613"/>
      <c r="QWS696" s="613"/>
      <c r="QWT696" s="613"/>
      <c r="QWU696" s="613"/>
      <c r="QWV696" s="613"/>
      <c r="QWW696" s="613"/>
      <c r="QWX696" s="613"/>
      <c r="QWY696" s="613"/>
      <c r="QWZ696" s="613"/>
      <c r="QXA696" s="613"/>
      <c r="QXB696" s="613"/>
      <c r="QXC696" s="613"/>
      <c r="QXD696" s="613"/>
      <c r="QXE696" s="613"/>
      <c r="QXF696" s="613"/>
      <c r="QXG696" s="613"/>
      <c r="QXH696" s="613"/>
      <c r="QXI696" s="613"/>
      <c r="QXJ696" s="613"/>
      <c r="QXK696" s="613"/>
      <c r="QXL696" s="613"/>
      <c r="QXM696" s="613"/>
      <c r="QXN696" s="613"/>
      <c r="QXO696" s="613"/>
      <c r="QXP696" s="613"/>
      <c r="QXQ696" s="613"/>
      <c r="QXR696" s="613"/>
      <c r="QXS696" s="613"/>
      <c r="QXT696" s="613"/>
      <c r="QXU696" s="613"/>
      <c r="QXV696" s="613"/>
      <c r="QXW696" s="613"/>
      <c r="QXX696" s="613"/>
      <c r="QXY696" s="613"/>
      <c r="QXZ696" s="613"/>
      <c r="QYA696" s="613"/>
      <c r="QYB696" s="613"/>
      <c r="QYC696" s="613"/>
      <c r="QYD696" s="613"/>
      <c r="QYE696" s="613"/>
      <c r="QYF696" s="613"/>
      <c r="QYG696" s="613"/>
      <c r="QYH696" s="613"/>
      <c r="QYI696" s="613"/>
      <c r="QYJ696" s="613"/>
      <c r="QYK696" s="613"/>
      <c r="QYL696" s="613"/>
      <c r="QYM696" s="613"/>
      <c r="QYN696" s="613"/>
      <c r="QYO696" s="613"/>
      <c r="QYP696" s="613"/>
      <c r="QYQ696" s="613"/>
      <c r="QYR696" s="613"/>
      <c r="QYS696" s="613"/>
      <c r="QYT696" s="613"/>
      <c r="QYU696" s="613"/>
      <c r="QYV696" s="613"/>
      <c r="QYW696" s="613"/>
      <c r="QYX696" s="613"/>
      <c r="QYY696" s="613"/>
      <c r="QYZ696" s="613"/>
      <c r="QZA696" s="613"/>
      <c r="QZB696" s="613"/>
      <c r="QZC696" s="613"/>
      <c r="QZD696" s="613"/>
      <c r="QZE696" s="613"/>
      <c r="QZF696" s="613"/>
      <c r="QZG696" s="613"/>
      <c r="QZH696" s="613"/>
      <c r="QZI696" s="613"/>
      <c r="QZJ696" s="613"/>
      <c r="QZK696" s="613"/>
      <c r="QZL696" s="613"/>
      <c r="QZM696" s="613"/>
      <c r="QZN696" s="613"/>
      <c r="QZO696" s="613"/>
      <c r="QZP696" s="613"/>
      <c r="QZQ696" s="613"/>
      <c r="QZR696" s="613"/>
      <c r="QZS696" s="613"/>
      <c r="QZT696" s="613"/>
      <c r="QZU696" s="613"/>
      <c r="QZV696" s="613"/>
      <c r="QZW696" s="613"/>
      <c r="QZX696" s="613"/>
      <c r="QZY696" s="613"/>
      <c r="QZZ696" s="613"/>
      <c r="RAA696" s="613"/>
      <c r="RAB696" s="613"/>
      <c r="RAC696" s="613"/>
      <c r="RAD696" s="613"/>
      <c r="RAE696" s="613"/>
      <c r="RAF696" s="613"/>
      <c r="RAG696" s="613"/>
      <c r="RAH696" s="613"/>
      <c r="RAI696" s="613"/>
      <c r="RAJ696" s="613"/>
      <c r="RAK696" s="613"/>
      <c r="RAL696" s="613"/>
      <c r="RAM696" s="613"/>
      <c r="RAN696" s="613"/>
      <c r="RAO696" s="613"/>
      <c r="RAP696" s="613"/>
      <c r="RAQ696" s="613"/>
      <c r="RAR696" s="613"/>
      <c r="RAS696" s="613"/>
      <c r="RAT696" s="613"/>
      <c r="RAU696" s="613"/>
      <c r="RAV696" s="613"/>
      <c r="RAW696" s="613"/>
      <c r="RAX696" s="613"/>
      <c r="RAY696" s="613"/>
      <c r="RAZ696" s="613"/>
      <c r="RBA696" s="613"/>
      <c r="RBB696" s="613"/>
      <c r="RBC696" s="613"/>
      <c r="RBD696" s="613"/>
      <c r="RBE696" s="613"/>
      <c r="RBF696" s="613"/>
      <c r="RBG696" s="613"/>
      <c r="RBH696" s="613"/>
      <c r="RBI696" s="613"/>
      <c r="RBJ696" s="613"/>
      <c r="RBK696" s="613"/>
      <c r="RBL696" s="613"/>
      <c r="RBM696" s="613"/>
      <c r="RBN696" s="613"/>
      <c r="RBO696" s="613"/>
      <c r="RBP696" s="613"/>
      <c r="RBQ696" s="613"/>
      <c r="RBR696" s="613"/>
      <c r="RBS696" s="613"/>
      <c r="RBT696" s="613"/>
      <c r="RBU696" s="613"/>
      <c r="RBV696" s="613"/>
      <c r="RBW696" s="613"/>
      <c r="RBX696" s="613"/>
      <c r="RBY696" s="613"/>
      <c r="RBZ696" s="613"/>
      <c r="RCA696" s="613"/>
      <c r="RCB696" s="613"/>
      <c r="RCC696" s="613"/>
      <c r="RCD696" s="613"/>
      <c r="RCE696" s="613"/>
      <c r="RCF696" s="613"/>
      <c r="RCG696" s="613"/>
      <c r="RCH696" s="613"/>
      <c r="RCI696" s="613"/>
      <c r="RCJ696" s="613"/>
      <c r="RCK696" s="613"/>
      <c r="RCL696" s="613"/>
      <c r="RCM696" s="613"/>
      <c r="RCN696" s="613"/>
      <c r="RCO696" s="613"/>
      <c r="RCP696" s="613"/>
      <c r="RCQ696" s="613"/>
      <c r="RCR696" s="613"/>
      <c r="RCS696" s="613"/>
      <c r="RCT696" s="613"/>
      <c r="RCU696" s="613"/>
      <c r="RCV696" s="613"/>
      <c r="RCW696" s="613"/>
      <c r="RCX696" s="613"/>
      <c r="RCY696" s="613"/>
      <c r="RCZ696" s="613"/>
      <c r="RDA696" s="613"/>
      <c r="RDB696" s="613"/>
      <c r="RDC696" s="613"/>
      <c r="RDD696" s="613"/>
      <c r="RDE696" s="613"/>
      <c r="RDF696" s="613"/>
      <c r="RDG696" s="613"/>
      <c r="RDH696" s="613"/>
      <c r="RDI696" s="613"/>
      <c r="RDJ696" s="613"/>
      <c r="RDK696" s="613"/>
      <c r="RDL696" s="613"/>
      <c r="RDM696" s="613"/>
      <c r="RDN696" s="613"/>
      <c r="RDO696" s="613"/>
      <c r="RDP696" s="613"/>
      <c r="RDQ696" s="613"/>
      <c r="RDR696" s="613"/>
      <c r="RDS696" s="613"/>
      <c r="RDT696" s="613"/>
      <c r="RDU696" s="613"/>
      <c r="RDV696" s="613"/>
      <c r="RDW696" s="613"/>
      <c r="RDX696" s="613"/>
      <c r="RDY696" s="613"/>
      <c r="RDZ696" s="613"/>
      <c r="REA696" s="613"/>
      <c r="REB696" s="613"/>
      <c r="REC696" s="613"/>
      <c r="RED696" s="613"/>
      <c r="REE696" s="613"/>
      <c r="REF696" s="613"/>
      <c r="REG696" s="613"/>
      <c r="REH696" s="613"/>
      <c r="REI696" s="613"/>
      <c r="REJ696" s="613"/>
      <c r="REK696" s="613"/>
      <c r="REL696" s="613"/>
      <c r="REM696" s="613"/>
      <c r="REN696" s="613"/>
      <c r="REO696" s="613"/>
      <c r="REP696" s="613"/>
      <c r="REQ696" s="613"/>
      <c r="RER696" s="613"/>
      <c r="RES696" s="613"/>
      <c r="RET696" s="613"/>
      <c r="REU696" s="613"/>
      <c r="REV696" s="613"/>
      <c r="REW696" s="613"/>
      <c r="REX696" s="613"/>
      <c r="REY696" s="613"/>
      <c r="REZ696" s="613"/>
      <c r="RFA696" s="613"/>
      <c r="RFB696" s="613"/>
      <c r="RFC696" s="613"/>
      <c r="RFD696" s="613"/>
      <c r="RFE696" s="613"/>
      <c r="RFF696" s="613"/>
      <c r="RFG696" s="613"/>
      <c r="RFH696" s="613"/>
      <c r="RFI696" s="613"/>
      <c r="RFJ696" s="613"/>
      <c r="RFK696" s="613"/>
      <c r="RFL696" s="613"/>
      <c r="RFM696" s="613"/>
      <c r="RFN696" s="613"/>
      <c r="RFO696" s="613"/>
      <c r="RFP696" s="613"/>
      <c r="RFQ696" s="613"/>
      <c r="RFR696" s="613"/>
      <c r="RFS696" s="613"/>
      <c r="RFT696" s="613"/>
      <c r="RFU696" s="613"/>
      <c r="RFV696" s="613"/>
      <c r="RFW696" s="613"/>
      <c r="RFX696" s="613"/>
      <c r="RFY696" s="613"/>
      <c r="RFZ696" s="613"/>
      <c r="RGA696" s="613"/>
      <c r="RGB696" s="613"/>
      <c r="RGC696" s="613"/>
      <c r="RGD696" s="613"/>
      <c r="RGE696" s="613"/>
      <c r="RGF696" s="613"/>
      <c r="RGG696" s="613"/>
      <c r="RGH696" s="613"/>
      <c r="RGI696" s="613"/>
      <c r="RGJ696" s="613"/>
      <c r="RGK696" s="613"/>
      <c r="RGL696" s="613"/>
      <c r="RGM696" s="613"/>
      <c r="RGN696" s="613"/>
      <c r="RGO696" s="613"/>
      <c r="RGP696" s="613"/>
      <c r="RGQ696" s="613"/>
      <c r="RGR696" s="613"/>
      <c r="RGS696" s="613"/>
      <c r="RGT696" s="613"/>
      <c r="RGU696" s="613"/>
      <c r="RGV696" s="613"/>
      <c r="RGW696" s="613"/>
      <c r="RGX696" s="613"/>
      <c r="RGY696" s="613"/>
      <c r="RGZ696" s="613"/>
      <c r="RHA696" s="613"/>
      <c r="RHB696" s="613"/>
      <c r="RHC696" s="613"/>
      <c r="RHD696" s="613"/>
      <c r="RHE696" s="613"/>
      <c r="RHF696" s="613"/>
      <c r="RHG696" s="613"/>
      <c r="RHH696" s="613"/>
      <c r="RHI696" s="613"/>
      <c r="RHJ696" s="613"/>
      <c r="RHK696" s="613"/>
      <c r="RHL696" s="613"/>
      <c r="RHM696" s="613"/>
      <c r="RHN696" s="613"/>
      <c r="RHO696" s="613"/>
      <c r="RHP696" s="613"/>
      <c r="RHQ696" s="613"/>
      <c r="RHR696" s="613"/>
      <c r="RHS696" s="613"/>
      <c r="RHT696" s="613"/>
      <c r="RHU696" s="613"/>
      <c r="RHV696" s="613"/>
      <c r="RHW696" s="613"/>
      <c r="RHX696" s="613"/>
      <c r="RHY696" s="613"/>
      <c r="RHZ696" s="613"/>
      <c r="RIA696" s="613"/>
      <c r="RIB696" s="613"/>
      <c r="RIC696" s="613"/>
      <c r="RID696" s="613"/>
      <c r="RIE696" s="613"/>
      <c r="RIF696" s="613"/>
      <c r="RIG696" s="613"/>
      <c r="RIH696" s="613"/>
      <c r="RII696" s="613"/>
      <c r="RIJ696" s="613"/>
      <c r="RIK696" s="613"/>
      <c r="RIL696" s="613"/>
      <c r="RIM696" s="613"/>
      <c r="RIN696" s="613"/>
      <c r="RIO696" s="613"/>
      <c r="RIP696" s="613"/>
      <c r="RIQ696" s="613"/>
      <c r="RIR696" s="613"/>
      <c r="RIS696" s="613"/>
      <c r="RIT696" s="613"/>
      <c r="RIU696" s="613"/>
      <c r="RIV696" s="613"/>
      <c r="RIW696" s="613"/>
      <c r="RIX696" s="613"/>
      <c r="RIY696" s="613"/>
      <c r="RIZ696" s="613"/>
      <c r="RJA696" s="613"/>
      <c r="RJB696" s="613"/>
      <c r="RJC696" s="613"/>
      <c r="RJD696" s="613"/>
      <c r="RJE696" s="613"/>
      <c r="RJF696" s="613"/>
      <c r="RJG696" s="613"/>
      <c r="RJH696" s="613"/>
      <c r="RJI696" s="613"/>
      <c r="RJJ696" s="613"/>
      <c r="RJK696" s="613"/>
      <c r="RJL696" s="613"/>
      <c r="RJM696" s="613"/>
      <c r="RJN696" s="613"/>
      <c r="RJO696" s="613"/>
      <c r="RJP696" s="613"/>
      <c r="RJQ696" s="613"/>
      <c r="RJR696" s="613"/>
      <c r="RJS696" s="613"/>
      <c r="RJT696" s="613"/>
      <c r="RJU696" s="613"/>
      <c r="RJV696" s="613"/>
      <c r="RJW696" s="613"/>
      <c r="RJX696" s="613"/>
      <c r="RJY696" s="613"/>
      <c r="RJZ696" s="613"/>
      <c r="RKA696" s="613"/>
      <c r="RKB696" s="613"/>
      <c r="RKC696" s="613"/>
      <c r="RKD696" s="613"/>
      <c r="RKE696" s="613"/>
      <c r="RKF696" s="613"/>
      <c r="RKG696" s="613"/>
      <c r="RKH696" s="613"/>
      <c r="RKI696" s="613"/>
      <c r="RKJ696" s="613"/>
      <c r="RKK696" s="613"/>
      <c r="RKL696" s="613"/>
      <c r="RKM696" s="613"/>
      <c r="RKN696" s="613"/>
      <c r="RKO696" s="613"/>
      <c r="RKP696" s="613"/>
      <c r="RKQ696" s="613"/>
      <c r="RKR696" s="613"/>
      <c r="RKS696" s="613"/>
      <c r="RKT696" s="613"/>
      <c r="RKU696" s="613"/>
      <c r="RKV696" s="613"/>
      <c r="RKW696" s="613"/>
      <c r="RKX696" s="613"/>
      <c r="RKY696" s="613"/>
      <c r="RKZ696" s="613"/>
      <c r="RLA696" s="613"/>
      <c r="RLB696" s="613"/>
      <c r="RLC696" s="613"/>
      <c r="RLD696" s="613"/>
      <c r="RLE696" s="613"/>
      <c r="RLF696" s="613"/>
      <c r="RLG696" s="613"/>
      <c r="RLH696" s="613"/>
      <c r="RLI696" s="613"/>
      <c r="RLJ696" s="613"/>
      <c r="RLK696" s="613"/>
      <c r="RLL696" s="613"/>
      <c r="RLM696" s="613"/>
      <c r="RLN696" s="613"/>
      <c r="RLO696" s="613"/>
      <c r="RLP696" s="613"/>
      <c r="RLQ696" s="613"/>
      <c r="RLR696" s="613"/>
      <c r="RLS696" s="613"/>
      <c r="RLT696" s="613"/>
      <c r="RLU696" s="613"/>
      <c r="RLV696" s="613"/>
      <c r="RLW696" s="613"/>
      <c r="RLX696" s="613"/>
      <c r="RLY696" s="613"/>
      <c r="RLZ696" s="613"/>
      <c r="RMA696" s="613"/>
      <c r="RMB696" s="613"/>
      <c r="RMC696" s="613"/>
      <c r="RMD696" s="613"/>
      <c r="RME696" s="613"/>
      <c r="RMF696" s="613"/>
      <c r="RMG696" s="613"/>
      <c r="RMH696" s="613"/>
      <c r="RMI696" s="613"/>
      <c r="RMJ696" s="613"/>
      <c r="RMK696" s="613"/>
      <c r="RML696" s="613"/>
      <c r="RMM696" s="613"/>
      <c r="RMN696" s="613"/>
      <c r="RMO696" s="613"/>
      <c r="RMP696" s="613"/>
      <c r="RMQ696" s="613"/>
      <c r="RMR696" s="613"/>
      <c r="RMS696" s="613"/>
      <c r="RMT696" s="613"/>
      <c r="RMU696" s="613"/>
      <c r="RMV696" s="613"/>
      <c r="RMW696" s="613"/>
      <c r="RMX696" s="613"/>
      <c r="RMY696" s="613"/>
      <c r="RMZ696" s="613"/>
      <c r="RNA696" s="613"/>
      <c r="RNB696" s="613"/>
      <c r="RNC696" s="613"/>
      <c r="RND696" s="613"/>
      <c r="RNE696" s="613"/>
      <c r="RNF696" s="613"/>
      <c r="RNG696" s="613"/>
      <c r="RNH696" s="613"/>
      <c r="RNI696" s="613"/>
      <c r="RNJ696" s="613"/>
      <c r="RNK696" s="613"/>
      <c r="RNL696" s="613"/>
      <c r="RNM696" s="613"/>
      <c r="RNN696" s="613"/>
      <c r="RNO696" s="613"/>
      <c r="RNP696" s="613"/>
      <c r="RNQ696" s="613"/>
      <c r="RNR696" s="613"/>
      <c r="RNS696" s="613"/>
      <c r="RNT696" s="613"/>
      <c r="RNU696" s="613"/>
      <c r="RNV696" s="613"/>
      <c r="RNW696" s="613"/>
      <c r="RNX696" s="613"/>
      <c r="RNY696" s="613"/>
      <c r="RNZ696" s="613"/>
      <c r="ROA696" s="613"/>
      <c r="ROB696" s="613"/>
      <c r="ROC696" s="613"/>
      <c r="ROD696" s="613"/>
      <c r="ROE696" s="613"/>
      <c r="ROF696" s="613"/>
      <c r="ROG696" s="613"/>
      <c r="ROH696" s="613"/>
      <c r="ROI696" s="613"/>
      <c r="ROJ696" s="613"/>
      <c r="ROK696" s="613"/>
      <c r="ROL696" s="613"/>
      <c r="ROM696" s="613"/>
      <c r="RON696" s="613"/>
      <c r="ROO696" s="613"/>
      <c r="ROP696" s="613"/>
      <c r="ROQ696" s="613"/>
      <c r="ROR696" s="613"/>
      <c r="ROS696" s="613"/>
      <c r="ROT696" s="613"/>
      <c r="ROU696" s="613"/>
      <c r="ROV696" s="613"/>
      <c r="ROW696" s="613"/>
      <c r="ROX696" s="613"/>
      <c r="ROY696" s="613"/>
      <c r="ROZ696" s="613"/>
      <c r="RPA696" s="613"/>
      <c r="RPB696" s="613"/>
      <c r="RPC696" s="613"/>
      <c r="RPD696" s="613"/>
      <c r="RPE696" s="613"/>
      <c r="RPF696" s="613"/>
      <c r="RPG696" s="613"/>
      <c r="RPH696" s="613"/>
      <c r="RPI696" s="613"/>
      <c r="RPJ696" s="613"/>
      <c r="RPK696" s="613"/>
      <c r="RPL696" s="613"/>
      <c r="RPM696" s="613"/>
      <c r="RPN696" s="613"/>
      <c r="RPO696" s="613"/>
      <c r="RPP696" s="613"/>
      <c r="RPQ696" s="613"/>
      <c r="RPR696" s="613"/>
      <c r="RPS696" s="613"/>
      <c r="RPT696" s="613"/>
      <c r="RPU696" s="613"/>
      <c r="RPV696" s="613"/>
      <c r="RPW696" s="613"/>
      <c r="RPX696" s="613"/>
      <c r="RPY696" s="613"/>
      <c r="RPZ696" s="613"/>
      <c r="RQA696" s="613"/>
      <c r="RQB696" s="613"/>
      <c r="RQC696" s="613"/>
      <c r="RQD696" s="613"/>
      <c r="RQE696" s="613"/>
      <c r="RQF696" s="613"/>
      <c r="RQG696" s="613"/>
      <c r="RQH696" s="613"/>
      <c r="RQI696" s="613"/>
      <c r="RQJ696" s="613"/>
      <c r="RQK696" s="613"/>
      <c r="RQL696" s="613"/>
      <c r="RQM696" s="613"/>
      <c r="RQN696" s="613"/>
      <c r="RQO696" s="613"/>
      <c r="RQP696" s="613"/>
      <c r="RQQ696" s="613"/>
      <c r="RQR696" s="613"/>
      <c r="RQS696" s="613"/>
      <c r="RQT696" s="613"/>
      <c r="RQU696" s="613"/>
      <c r="RQV696" s="613"/>
      <c r="RQW696" s="613"/>
      <c r="RQX696" s="613"/>
      <c r="RQY696" s="613"/>
      <c r="RQZ696" s="613"/>
      <c r="RRA696" s="613"/>
      <c r="RRB696" s="613"/>
      <c r="RRC696" s="613"/>
      <c r="RRD696" s="613"/>
      <c r="RRE696" s="613"/>
      <c r="RRF696" s="613"/>
      <c r="RRG696" s="613"/>
      <c r="RRH696" s="613"/>
      <c r="RRI696" s="613"/>
      <c r="RRJ696" s="613"/>
      <c r="RRK696" s="613"/>
      <c r="RRL696" s="613"/>
      <c r="RRM696" s="613"/>
      <c r="RRN696" s="613"/>
      <c r="RRO696" s="613"/>
      <c r="RRP696" s="613"/>
      <c r="RRQ696" s="613"/>
      <c r="RRR696" s="613"/>
      <c r="RRS696" s="613"/>
      <c r="RRT696" s="613"/>
      <c r="RRU696" s="613"/>
      <c r="RRV696" s="613"/>
      <c r="RRW696" s="613"/>
      <c r="RRX696" s="613"/>
      <c r="RRY696" s="613"/>
      <c r="RRZ696" s="613"/>
      <c r="RSA696" s="613"/>
      <c r="RSB696" s="613"/>
      <c r="RSC696" s="613"/>
      <c r="RSD696" s="613"/>
      <c r="RSE696" s="613"/>
      <c r="RSF696" s="613"/>
      <c r="RSG696" s="613"/>
      <c r="RSH696" s="613"/>
      <c r="RSI696" s="613"/>
      <c r="RSJ696" s="613"/>
      <c r="RSK696" s="613"/>
      <c r="RSL696" s="613"/>
      <c r="RSM696" s="613"/>
      <c r="RSN696" s="613"/>
      <c r="RSO696" s="613"/>
      <c r="RSP696" s="613"/>
      <c r="RSQ696" s="613"/>
      <c r="RSR696" s="613"/>
      <c r="RSS696" s="613"/>
      <c r="RST696" s="613"/>
      <c r="RSU696" s="613"/>
      <c r="RSV696" s="613"/>
      <c r="RSW696" s="613"/>
      <c r="RSX696" s="613"/>
      <c r="RSY696" s="613"/>
      <c r="RSZ696" s="613"/>
      <c r="RTA696" s="613"/>
      <c r="RTB696" s="613"/>
      <c r="RTC696" s="613"/>
      <c r="RTD696" s="613"/>
      <c r="RTE696" s="613"/>
      <c r="RTF696" s="613"/>
      <c r="RTG696" s="613"/>
      <c r="RTH696" s="613"/>
      <c r="RTI696" s="613"/>
      <c r="RTJ696" s="613"/>
      <c r="RTK696" s="613"/>
      <c r="RTL696" s="613"/>
      <c r="RTM696" s="613"/>
      <c r="RTN696" s="613"/>
      <c r="RTO696" s="613"/>
      <c r="RTP696" s="613"/>
      <c r="RTQ696" s="613"/>
      <c r="RTR696" s="613"/>
      <c r="RTS696" s="613"/>
      <c r="RTT696" s="613"/>
      <c r="RTU696" s="613"/>
      <c r="RTV696" s="613"/>
      <c r="RTW696" s="613"/>
      <c r="RTX696" s="613"/>
      <c r="RTY696" s="613"/>
      <c r="RTZ696" s="613"/>
      <c r="RUA696" s="613"/>
      <c r="RUB696" s="613"/>
      <c r="RUC696" s="613"/>
      <c r="RUD696" s="613"/>
      <c r="RUE696" s="613"/>
      <c r="RUF696" s="613"/>
      <c r="RUG696" s="613"/>
      <c r="RUH696" s="613"/>
      <c r="RUI696" s="613"/>
      <c r="RUJ696" s="613"/>
      <c r="RUK696" s="613"/>
      <c r="RUL696" s="613"/>
      <c r="RUM696" s="613"/>
      <c r="RUN696" s="613"/>
      <c r="RUO696" s="613"/>
      <c r="RUP696" s="613"/>
      <c r="RUQ696" s="613"/>
      <c r="RUR696" s="613"/>
      <c r="RUS696" s="613"/>
      <c r="RUT696" s="613"/>
      <c r="RUU696" s="613"/>
      <c r="RUV696" s="613"/>
      <c r="RUW696" s="613"/>
      <c r="RUX696" s="613"/>
      <c r="RUY696" s="613"/>
      <c r="RUZ696" s="613"/>
      <c r="RVA696" s="613"/>
      <c r="RVB696" s="613"/>
      <c r="RVC696" s="613"/>
      <c r="RVD696" s="613"/>
      <c r="RVE696" s="613"/>
      <c r="RVF696" s="613"/>
      <c r="RVG696" s="613"/>
      <c r="RVH696" s="613"/>
      <c r="RVI696" s="613"/>
      <c r="RVJ696" s="613"/>
      <c r="RVK696" s="613"/>
      <c r="RVL696" s="613"/>
      <c r="RVM696" s="613"/>
      <c r="RVN696" s="613"/>
      <c r="RVO696" s="613"/>
      <c r="RVP696" s="613"/>
      <c r="RVQ696" s="613"/>
      <c r="RVR696" s="613"/>
      <c r="RVS696" s="613"/>
      <c r="RVT696" s="613"/>
      <c r="RVU696" s="613"/>
      <c r="RVV696" s="613"/>
      <c r="RVW696" s="613"/>
      <c r="RVX696" s="613"/>
      <c r="RVY696" s="613"/>
      <c r="RVZ696" s="613"/>
      <c r="RWA696" s="613"/>
      <c r="RWB696" s="613"/>
      <c r="RWC696" s="613"/>
      <c r="RWD696" s="613"/>
      <c r="RWE696" s="613"/>
      <c r="RWF696" s="613"/>
      <c r="RWG696" s="613"/>
      <c r="RWH696" s="613"/>
      <c r="RWI696" s="613"/>
      <c r="RWJ696" s="613"/>
      <c r="RWK696" s="613"/>
      <c r="RWL696" s="613"/>
      <c r="RWM696" s="613"/>
      <c r="RWN696" s="613"/>
      <c r="RWO696" s="613"/>
      <c r="RWP696" s="613"/>
      <c r="RWQ696" s="613"/>
      <c r="RWR696" s="613"/>
      <c r="RWS696" s="613"/>
      <c r="RWT696" s="613"/>
      <c r="RWU696" s="613"/>
      <c r="RWV696" s="613"/>
      <c r="RWW696" s="613"/>
      <c r="RWX696" s="613"/>
      <c r="RWY696" s="613"/>
      <c r="RWZ696" s="613"/>
      <c r="RXA696" s="613"/>
      <c r="RXB696" s="613"/>
      <c r="RXC696" s="613"/>
      <c r="RXD696" s="613"/>
      <c r="RXE696" s="613"/>
      <c r="RXF696" s="613"/>
      <c r="RXG696" s="613"/>
      <c r="RXH696" s="613"/>
      <c r="RXI696" s="613"/>
      <c r="RXJ696" s="613"/>
      <c r="RXK696" s="613"/>
      <c r="RXL696" s="613"/>
      <c r="RXM696" s="613"/>
      <c r="RXN696" s="613"/>
      <c r="RXO696" s="613"/>
      <c r="RXP696" s="613"/>
      <c r="RXQ696" s="613"/>
      <c r="RXR696" s="613"/>
      <c r="RXS696" s="613"/>
      <c r="RXT696" s="613"/>
      <c r="RXU696" s="613"/>
      <c r="RXV696" s="613"/>
      <c r="RXW696" s="613"/>
      <c r="RXX696" s="613"/>
      <c r="RXY696" s="613"/>
      <c r="RXZ696" s="613"/>
      <c r="RYA696" s="613"/>
      <c r="RYB696" s="613"/>
      <c r="RYC696" s="613"/>
      <c r="RYD696" s="613"/>
      <c r="RYE696" s="613"/>
      <c r="RYF696" s="613"/>
      <c r="RYG696" s="613"/>
      <c r="RYH696" s="613"/>
      <c r="RYI696" s="613"/>
      <c r="RYJ696" s="613"/>
      <c r="RYK696" s="613"/>
      <c r="RYL696" s="613"/>
      <c r="RYM696" s="613"/>
      <c r="RYN696" s="613"/>
      <c r="RYO696" s="613"/>
      <c r="RYP696" s="613"/>
      <c r="RYQ696" s="613"/>
      <c r="RYR696" s="613"/>
      <c r="RYS696" s="613"/>
      <c r="RYT696" s="613"/>
      <c r="RYU696" s="613"/>
      <c r="RYV696" s="613"/>
      <c r="RYW696" s="613"/>
      <c r="RYX696" s="613"/>
      <c r="RYY696" s="613"/>
      <c r="RYZ696" s="613"/>
      <c r="RZA696" s="613"/>
      <c r="RZB696" s="613"/>
      <c r="RZC696" s="613"/>
      <c r="RZD696" s="613"/>
      <c r="RZE696" s="613"/>
      <c r="RZF696" s="613"/>
      <c r="RZG696" s="613"/>
      <c r="RZH696" s="613"/>
      <c r="RZI696" s="613"/>
      <c r="RZJ696" s="613"/>
      <c r="RZK696" s="613"/>
      <c r="RZL696" s="613"/>
      <c r="RZM696" s="613"/>
      <c r="RZN696" s="613"/>
      <c r="RZO696" s="613"/>
      <c r="RZP696" s="613"/>
      <c r="RZQ696" s="613"/>
      <c r="RZR696" s="613"/>
      <c r="RZS696" s="613"/>
      <c r="RZT696" s="613"/>
      <c r="RZU696" s="613"/>
      <c r="RZV696" s="613"/>
      <c r="RZW696" s="613"/>
      <c r="RZX696" s="613"/>
      <c r="RZY696" s="613"/>
      <c r="RZZ696" s="613"/>
      <c r="SAA696" s="613"/>
      <c r="SAB696" s="613"/>
      <c r="SAC696" s="613"/>
      <c r="SAD696" s="613"/>
      <c r="SAE696" s="613"/>
      <c r="SAF696" s="613"/>
      <c r="SAG696" s="613"/>
      <c r="SAH696" s="613"/>
      <c r="SAI696" s="613"/>
      <c r="SAJ696" s="613"/>
      <c r="SAK696" s="613"/>
      <c r="SAL696" s="613"/>
      <c r="SAM696" s="613"/>
      <c r="SAN696" s="613"/>
      <c r="SAO696" s="613"/>
      <c r="SAP696" s="613"/>
      <c r="SAQ696" s="613"/>
      <c r="SAR696" s="613"/>
      <c r="SAS696" s="613"/>
      <c r="SAT696" s="613"/>
      <c r="SAU696" s="613"/>
      <c r="SAV696" s="613"/>
      <c r="SAW696" s="613"/>
      <c r="SAX696" s="613"/>
      <c r="SAY696" s="613"/>
      <c r="SAZ696" s="613"/>
      <c r="SBA696" s="613"/>
      <c r="SBB696" s="613"/>
      <c r="SBC696" s="613"/>
      <c r="SBD696" s="613"/>
      <c r="SBE696" s="613"/>
      <c r="SBF696" s="613"/>
      <c r="SBG696" s="613"/>
      <c r="SBH696" s="613"/>
      <c r="SBI696" s="613"/>
      <c r="SBJ696" s="613"/>
      <c r="SBK696" s="613"/>
      <c r="SBL696" s="613"/>
      <c r="SBM696" s="613"/>
      <c r="SBN696" s="613"/>
      <c r="SBO696" s="613"/>
      <c r="SBP696" s="613"/>
      <c r="SBQ696" s="613"/>
      <c r="SBR696" s="613"/>
      <c r="SBS696" s="613"/>
      <c r="SBT696" s="613"/>
      <c r="SBU696" s="613"/>
      <c r="SBV696" s="613"/>
      <c r="SBW696" s="613"/>
      <c r="SBX696" s="613"/>
      <c r="SBY696" s="613"/>
      <c r="SBZ696" s="613"/>
      <c r="SCA696" s="613"/>
      <c r="SCB696" s="613"/>
      <c r="SCC696" s="613"/>
      <c r="SCD696" s="613"/>
      <c r="SCE696" s="613"/>
      <c r="SCF696" s="613"/>
      <c r="SCG696" s="613"/>
      <c r="SCH696" s="613"/>
      <c r="SCI696" s="613"/>
      <c r="SCJ696" s="613"/>
      <c r="SCK696" s="613"/>
      <c r="SCL696" s="613"/>
      <c r="SCM696" s="613"/>
      <c r="SCN696" s="613"/>
      <c r="SCO696" s="613"/>
      <c r="SCP696" s="613"/>
      <c r="SCQ696" s="613"/>
      <c r="SCR696" s="613"/>
      <c r="SCS696" s="613"/>
      <c r="SCT696" s="613"/>
      <c r="SCU696" s="613"/>
      <c r="SCV696" s="613"/>
      <c r="SCW696" s="613"/>
      <c r="SCX696" s="613"/>
      <c r="SCY696" s="613"/>
      <c r="SCZ696" s="613"/>
      <c r="SDA696" s="613"/>
      <c r="SDB696" s="613"/>
      <c r="SDC696" s="613"/>
      <c r="SDD696" s="613"/>
      <c r="SDE696" s="613"/>
      <c r="SDF696" s="613"/>
      <c r="SDG696" s="613"/>
      <c r="SDH696" s="613"/>
      <c r="SDI696" s="613"/>
      <c r="SDJ696" s="613"/>
      <c r="SDK696" s="613"/>
      <c r="SDL696" s="613"/>
      <c r="SDM696" s="613"/>
      <c r="SDN696" s="613"/>
      <c r="SDO696" s="613"/>
      <c r="SDP696" s="613"/>
      <c r="SDQ696" s="613"/>
      <c r="SDR696" s="613"/>
      <c r="SDS696" s="613"/>
      <c r="SDT696" s="613"/>
      <c r="SDU696" s="613"/>
      <c r="SDV696" s="613"/>
      <c r="SDW696" s="613"/>
      <c r="SDX696" s="613"/>
      <c r="SDY696" s="613"/>
      <c r="SDZ696" s="613"/>
      <c r="SEA696" s="613"/>
      <c r="SEB696" s="613"/>
      <c r="SEC696" s="613"/>
      <c r="SED696" s="613"/>
      <c r="SEE696" s="613"/>
      <c r="SEF696" s="613"/>
      <c r="SEG696" s="613"/>
      <c r="SEH696" s="613"/>
      <c r="SEI696" s="613"/>
      <c r="SEJ696" s="613"/>
      <c r="SEK696" s="613"/>
      <c r="SEL696" s="613"/>
      <c r="SEM696" s="613"/>
      <c r="SEN696" s="613"/>
      <c r="SEO696" s="613"/>
      <c r="SEP696" s="613"/>
      <c r="SEQ696" s="613"/>
      <c r="SER696" s="613"/>
      <c r="SES696" s="613"/>
      <c r="SET696" s="613"/>
      <c r="SEU696" s="613"/>
      <c r="SEV696" s="613"/>
      <c r="SEW696" s="613"/>
      <c r="SEX696" s="613"/>
      <c r="SEY696" s="613"/>
      <c r="SEZ696" s="613"/>
      <c r="SFA696" s="613"/>
      <c r="SFB696" s="613"/>
      <c r="SFC696" s="613"/>
      <c r="SFD696" s="613"/>
      <c r="SFE696" s="613"/>
      <c r="SFF696" s="613"/>
      <c r="SFG696" s="613"/>
      <c r="SFH696" s="613"/>
      <c r="SFI696" s="613"/>
      <c r="SFJ696" s="613"/>
      <c r="SFK696" s="613"/>
      <c r="SFL696" s="613"/>
      <c r="SFM696" s="613"/>
      <c r="SFN696" s="613"/>
      <c r="SFO696" s="613"/>
      <c r="SFP696" s="613"/>
      <c r="SFQ696" s="613"/>
      <c r="SFR696" s="613"/>
      <c r="SFS696" s="613"/>
      <c r="SFT696" s="613"/>
      <c r="SFU696" s="613"/>
      <c r="SFV696" s="613"/>
      <c r="SFW696" s="613"/>
      <c r="SFX696" s="613"/>
      <c r="SFY696" s="613"/>
      <c r="SFZ696" s="613"/>
      <c r="SGA696" s="613"/>
      <c r="SGB696" s="613"/>
      <c r="SGC696" s="613"/>
      <c r="SGD696" s="613"/>
      <c r="SGE696" s="613"/>
      <c r="SGF696" s="613"/>
      <c r="SGG696" s="613"/>
      <c r="SGH696" s="613"/>
      <c r="SGI696" s="613"/>
      <c r="SGJ696" s="613"/>
      <c r="SGK696" s="613"/>
      <c r="SGL696" s="613"/>
      <c r="SGM696" s="613"/>
      <c r="SGN696" s="613"/>
      <c r="SGO696" s="613"/>
      <c r="SGP696" s="613"/>
      <c r="SGQ696" s="613"/>
      <c r="SGR696" s="613"/>
      <c r="SGS696" s="613"/>
      <c r="SGT696" s="613"/>
      <c r="SGU696" s="613"/>
      <c r="SGV696" s="613"/>
      <c r="SGW696" s="613"/>
      <c r="SGX696" s="613"/>
      <c r="SGY696" s="613"/>
      <c r="SGZ696" s="613"/>
      <c r="SHA696" s="613"/>
      <c r="SHB696" s="613"/>
      <c r="SHC696" s="613"/>
      <c r="SHD696" s="613"/>
      <c r="SHE696" s="613"/>
      <c r="SHF696" s="613"/>
      <c r="SHG696" s="613"/>
      <c r="SHH696" s="613"/>
      <c r="SHI696" s="613"/>
      <c r="SHJ696" s="613"/>
      <c r="SHK696" s="613"/>
      <c r="SHL696" s="613"/>
      <c r="SHM696" s="613"/>
      <c r="SHN696" s="613"/>
      <c r="SHO696" s="613"/>
      <c r="SHP696" s="613"/>
      <c r="SHQ696" s="613"/>
      <c r="SHR696" s="613"/>
      <c r="SHS696" s="613"/>
      <c r="SHT696" s="613"/>
      <c r="SHU696" s="613"/>
      <c r="SHV696" s="613"/>
      <c r="SHW696" s="613"/>
      <c r="SHX696" s="613"/>
      <c r="SHY696" s="613"/>
      <c r="SHZ696" s="613"/>
      <c r="SIA696" s="613"/>
      <c r="SIB696" s="613"/>
      <c r="SIC696" s="613"/>
      <c r="SID696" s="613"/>
      <c r="SIE696" s="613"/>
      <c r="SIF696" s="613"/>
      <c r="SIG696" s="613"/>
      <c r="SIH696" s="613"/>
      <c r="SII696" s="613"/>
      <c r="SIJ696" s="613"/>
      <c r="SIK696" s="613"/>
      <c r="SIL696" s="613"/>
      <c r="SIM696" s="613"/>
      <c r="SIN696" s="613"/>
      <c r="SIO696" s="613"/>
      <c r="SIP696" s="613"/>
      <c r="SIQ696" s="613"/>
      <c r="SIR696" s="613"/>
      <c r="SIS696" s="613"/>
      <c r="SIT696" s="613"/>
      <c r="SIU696" s="613"/>
      <c r="SIV696" s="613"/>
      <c r="SIW696" s="613"/>
      <c r="SIX696" s="613"/>
      <c r="SIY696" s="613"/>
      <c r="SIZ696" s="613"/>
      <c r="SJA696" s="613"/>
      <c r="SJB696" s="613"/>
      <c r="SJC696" s="613"/>
      <c r="SJD696" s="613"/>
      <c r="SJE696" s="613"/>
      <c r="SJF696" s="613"/>
      <c r="SJG696" s="613"/>
      <c r="SJH696" s="613"/>
      <c r="SJI696" s="613"/>
      <c r="SJJ696" s="613"/>
      <c r="SJK696" s="613"/>
      <c r="SJL696" s="613"/>
      <c r="SJM696" s="613"/>
      <c r="SJN696" s="613"/>
      <c r="SJO696" s="613"/>
      <c r="SJP696" s="613"/>
      <c r="SJQ696" s="613"/>
      <c r="SJR696" s="613"/>
      <c r="SJS696" s="613"/>
      <c r="SJT696" s="613"/>
      <c r="SJU696" s="613"/>
      <c r="SJV696" s="613"/>
      <c r="SJW696" s="613"/>
      <c r="SJX696" s="613"/>
      <c r="SJY696" s="613"/>
      <c r="SJZ696" s="613"/>
      <c r="SKA696" s="613"/>
      <c r="SKB696" s="613"/>
      <c r="SKC696" s="613"/>
      <c r="SKD696" s="613"/>
      <c r="SKE696" s="613"/>
      <c r="SKF696" s="613"/>
      <c r="SKG696" s="613"/>
      <c r="SKH696" s="613"/>
      <c r="SKI696" s="613"/>
      <c r="SKJ696" s="613"/>
      <c r="SKK696" s="613"/>
      <c r="SKL696" s="613"/>
      <c r="SKM696" s="613"/>
      <c r="SKN696" s="613"/>
      <c r="SKO696" s="613"/>
      <c r="SKP696" s="613"/>
      <c r="SKQ696" s="613"/>
      <c r="SKR696" s="613"/>
      <c r="SKS696" s="613"/>
      <c r="SKT696" s="613"/>
      <c r="SKU696" s="613"/>
      <c r="SKV696" s="613"/>
      <c r="SKW696" s="613"/>
      <c r="SKX696" s="613"/>
      <c r="SKY696" s="613"/>
      <c r="SKZ696" s="613"/>
      <c r="SLA696" s="613"/>
      <c r="SLB696" s="613"/>
      <c r="SLC696" s="613"/>
      <c r="SLD696" s="613"/>
      <c r="SLE696" s="613"/>
      <c r="SLF696" s="613"/>
      <c r="SLG696" s="613"/>
      <c r="SLH696" s="613"/>
      <c r="SLI696" s="613"/>
      <c r="SLJ696" s="613"/>
      <c r="SLK696" s="613"/>
      <c r="SLL696" s="613"/>
      <c r="SLM696" s="613"/>
      <c r="SLN696" s="613"/>
      <c r="SLO696" s="613"/>
      <c r="SLP696" s="613"/>
      <c r="SLQ696" s="613"/>
      <c r="SLR696" s="613"/>
      <c r="SLS696" s="613"/>
      <c r="SLT696" s="613"/>
      <c r="SLU696" s="613"/>
      <c r="SLV696" s="613"/>
      <c r="SLW696" s="613"/>
      <c r="SLX696" s="613"/>
      <c r="SLY696" s="613"/>
      <c r="SLZ696" s="613"/>
      <c r="SMA696" s="613"/>
      <c r="SMB696" s="613"/>
      <c r="SMC696" s="613"/>
      <c r="SMD696" s="613"/>
      <c r="SME696" s="613"/>
      <c r="SMF696" s="613"/>
      <c r="SMG696" s="613"/>
      <c r="SMH696" s="613"/>
      <c r="SMI696" s="613"/>
      <c r="SMJ696" s="613"/>
      <c r="SMK696" s="613"/>
      <c r="SML696" s="613"/>
      <c r="SMM696" s="613"/>
      <c r="SMN696" s="613"/>
      <c r="SMO696" s="613"/>
      <c r="SMP696" s="613"/>
      <c r="SMQ696" s="613"/>
      <c r="SMR696" s="613"/>
      <c r="SMS696" s="613"/>
      <c r="SMT696" s="613"/>
      <c r="SMU696" s="613"/>
      <c r="SMV696" s="613"/>
      <c r="SMW696" s="613"/>
      <c r="SMX696" s="613"/>
      <c r="SMY696" s="613"/>
      <c r="SMZ696" s="613"/>
      <c r="SNA696" s="613"/>
      <c r="SNB696" s="613"/>
      <c r="SNC696" s="613"/>
      <c r="SND696" s="613"/>
      <c r="SNE696" s="613"/>
      <c r="SNF696" s="613"/>
      <c r="SNG696" s="613"/>
      <c r="SNH696" s="613"/>
      <c r="SNI696" s="613"/>
      <c r="SNJ696" s="613"/>
      <c r="SNK696" s="613"/>
      <c r="SNL696" s="613"/>
      <c r="SNM696" s="613"/>
      <c r="SNN696" s="613"/>
      <c r="SNO696" s="613"/>
      <c r="SNP696" s="613"/>
      <c r="SNQ696" s="613"/>
      <c r="SNR696" s="613"/>
      <c r="SNS696" s="613"/>
      <c r="SNT696" s="613"/>
      <c r="SNU696" s="613"/>
      <c r="SNV696" s="613"/>
      <c r="SNW696" s="613"/>
      <c r="SNX696" s="613"/>
      <c r="SNY696" s="613"/>
      <c r="SNZ696" s="613"/>
      <c r="SOA696" s="613"/>
      <c r="SOB696" s="613"/>
      <c r="SOC696" s="613"/>
      <c r="SOD696" s="613"/>
      <c r="SOE696" s="613"/>
      <c r="SOF696" s="613"/>
      <c r="SOG696" s="613"/>
      <c r="SOH696" s="613"/>
      <c r="SOI696" s="613"/>
      <c r="SOJ696" s="613"/>
      <c r="SOK696" s="613"/>
      <c r="SOL696" s="613"/>
      <c r="SOM696" s="613"/>
      <c r="SON696" s="613"/>
      <c r="SOO696" s="613"/>
      <c r="SOP696" s="613"/>
      <c r="SOQ696" s="613"/>
      <c r="SOR696" s="613"/>
      <c r="SOS696" s="613"/>
      <c r="SOT696" s="613"/>
      <c r="SOU696" s="613"/>
      <c r="SOV696" s="613"/>
      <c r="SOW696" s="613"/>
      <c r="SOX696" s="613"/>
      <c r="SOY696" s="613"/>
      <c r="SOZ696" s="613"/>
      <c r="SPA696" s="613"/>
      <c r="SPB696" s="613"/>
      <c r="SPC696" s="613"/>
      <c r="SPD696" s="613"/>
      <c r="SPE696" s="613"/>
      <c r="SPF696" s="613"/>
      <c r="SPG696" s="613"/>
      <c r="SPH696" s="613"/>
      <c r="SPI696" s="613"/>
      <c r="SPJ696" s="613"/>
      <c r="SPK696" s="613"/>
      <c r="SPL696" s="613"/>
      <c r="SPM696" s="613"/>
      <c r="SPN696" s="613"/>
      <c r="SPO696" s="613"/>
      <c r="SPP696" s="613"/>
      <c r="SPQ696" s="613"/>
      <c r="SPR696" s="613"/>
      <c r="SPS696" s="613"/>
      <c r="SPT696" s="613"/>
      <c r="SPU696" s="613"/>
      <c r="SPV696" s="613"/>
      <c r="SPW696" s="613"/>
      <c r="SPX696" s="613"/>
      <c r="SPY696" s="613"/>
      <c r="SPZ696" s="613"/>
      <c r="SQA696" s="613"/>
      <c r="SQB696" s="613"/>
      <c r="SQC696" s="613"/>
      <c r="SQD696" s="613"/>
      <c r="SQE696" s="613"/>
      <c r="SQF696" s="613"/>
      <c r="SQG696" s="613"/>
      <c r="SQH696" s="613"/>
      <c r="SQI696" s="613"/>
      <c r="SQJ696" s="613"/>
      <c r="SQK696" s="613"/>
      <c r="SQL696" s="613"/>
      <c r="SQM696" s="613"/>
      <c r="SQN696" s="613"/>
      <c r="SQO696" s="613"/>
      <c r="SQP696" s="613"/>
      <c r="SQQ696" s="613"/>
      <c r="SQR696" s="613"/>
      <c r="SQS696" s="613"/>
      <c r="SQT696" s="613"/>
      <c r="SQU696" s="613"/>
      <c r="SQV696" s="613"/>
      <c r="SQW696" s="613"/>
      <c r="SQX696" s="613"/>
      <c r="SQY696" s="613"/>
      <c r="SQZ696" s="613"/>
      <c r="SRA696" s="613"/>
      <c r="SRB696" s="613"/>
      <c r="SRC696" s="613"/>
      <c r="SRD696" s="613"/>
      <c r="SRE696" s="613"/>
      <c r="SRF696" s="613"/>
      <c r="SRG696" s="613"/>
      <c r="SRH696" s="613"/>
      <c r="SRI696" s="613"/>
      <c r="SRJ696" s="613"/>
      <c r="SRK696" s="613"/>
      <c r="SRL696" s="613"/>
      <c r="SRM696" s="613"/>
      <c r="SRN696" s="613"/>
      <c r="SRO696" s="613"/>
      <c r="SRP696" s="613"/>
      <c r="SRQ696" s="613"/>
      <c r="SRR696" s="613"/>
      <c r="SRS696" s="613"/>
      <c r="SRT696" s="613"/>
      <c r="SRU696" s="613"/>
      <c r="SRV696" s="613"/>
      <c r="SRW696" s="613"/>
      <c r="SRX696" s="613"/>
      <c r="SRY696" s="613"/>
      <c r="SRZ696" s="613"/>
      <c r="SSA696" s="613"/>
      <c r="SSB696" s="613"/>
      <c r="SSC696" s="613"/>
      <c r="SSD696" s="613"/>
      <c r="SSE696" s="613"/>
      <c r="SSF696" s="613"/>
      <c r="SSG696" s="613"/>
      <c r="SSH696" s="613"/>
      <c r="SSI696" s="613"/>
      <c r="SSJ696" s="613"/>
      <c r="SSK696" s="613"/>
      <c r="SSL696" s="613"/>
      <c r="SSM696" s="613"/>
      <c r="SSN696" s="613"/>
      <c r="SSO696" s="613"/>
      <c r="SSP696" s="613"/>
      <c r="SSQ696" s="613"/>
      <c r="SSR696" s="613"/>
      <c r="SSS696" s="613"/>
      <c r="SST696" s="613"/>
      <c r="SSU696" s="613"/>
      <c r="SSV696" s="613"/>
      <c r="SSW696" s="613"/>
      <c r="SSX696" s="613"/>
      <c r="SSY696" s="613"/>
      <c r="SSZ696" s="613"/>
      <c r="STA696" s="613"/>
      <c r="STB696" s="613"/>
      <c r="STC696" s="613"/>
      <c r="STD696" s="613"/>
      <c r="STE696" s="613"/>
      <c r="STF696" s="613"/>
      <c r="STG696" s="613"/>
      <c r="STH696" s="613"/>
      <c r="STI696" s="613"/>
      <c r="STJ696" s="613"/>
      <c r="STK696" s="613"/>
      <c r="STL696" s="613"/>
      <c r="STM696" s="613"/>
      <c r="STN696" s="613"/>
      <c r="STO696" s="613"/>
      <c r="STP696" s="613"/>
      <c r="STQ696" s="613"/>
      <c r="STR696" s="613"/>
      <c r="STS696" s="613"/>
      <c r="STT696" s="613"/>
      <c r="STU696" s="613"/>
      <c r="STV696" s="613"/>
      <c r="STW696" s="613"/>
      <c r="STX696" s="613"/>
      <c r="STY696" s="613"/>
      <c r="STZ696" s="613"/>
      <c r="SUA696" s="613"/>
      <c r="SUB696" s="613"/>
      <c r="SUC696" s="613"/>
      <c r="SUD696" s="613"/>
      <c r="SUE696" s="613"/>
      <c r="SUF696" s="613"/>
      <c r="SUG696" s="613"/>
      <c r="SUH696" s="613"/>
      <c r="SUI696" s="613"/>
      <c r="SUJ696" s="613"/>
      <c r="SUK696" s="613"/>
      <c r="SUL696" s="613"/>
      <c r="SUM696" s="613"/>
      <c r="SUN696" s="613"/>
      <c r="SUO696" s="613"/>
      <c r="SUP696" s="613"/>
      <c r="SUQ696" s="613"/>
      <c r="SUR696" s="613"/>
      <c r="SUS696" s="613"/>
      <c r="SUT696" s="613"/>
      <c r="SUU696" s="613"/>
      <c r="SUV696" s="613"/>
      <c r="SUW696" s="613"/>
      <c r="SUX696" s="613"/>
      <c r="SUY696" s="613"/>
      <c r="SUZ696" s="613"/>
      <c r="SVA696" s="613"/>
      <c r="SVB696" s="613"/>
      <c r="SVC696" s="613"/>
      <c r="SVD696" s="613"/>
      <c r="SVE696" s="613"/>
      <c r="SVF696" s="613"/>
      <c r="SVG696" s="613"/>
      <c r="SVH696" s="613"/>
      <c r="SVI696" s="613"/>
      <c r="SVJ696" s="613"/>
      <c r="SVK696" s="613"/>
      <c r="SVL696" s="613"/>
      <c r="SVM696" s="613"/>
      <c r="SVN696" s="613"/>
      <c r="SVO696" s="613"/>
      <c r="SVP696" s="613"/>
      <c r="SVQ696" s="613"/>
      <c r="SVR696" s="613"/>
      <c r="SVS696" s="613"/>
      <c r="SVT696" s="613"/>
      <c r="SVU696" s="613"/>
      <c r="SVV696" s="613"/>
      <c r="SVW696" s="613"/>
      <c r="SVX696" s="613"/>
      <c r="SVY696" s="613"/>
      <c r="SVZ696" s="613"/>
      <c r="SWA696" s="613"/>
      <c r="SWB696" s="613"/>
      <c r="SWC696" s="613"/>
      <c r="SWD696" s="613"/>
      <c r="SWE696" s="613"/>
      <c r="SWF696" s="613"/>
      <c r="SWG696" s="613"/>
      <c r="SWH696" s="613"/>
      <c r="SWI696" s="613"/>
      <c r="SWJ696" s="613"/>
      <c r="SWK696" s="613"/>
      <c r="SWL696" s="613"/>
      <c r="SWM696" s="613"/>
      <c r="SWN696" s="613"/>
      <c r="SWO696" s="613"/>
      <c r="SWP696" s="613"/>
      <c r="SWQ696" s="613"/>
      <c r="SWR696" s="613"/>
      <c r="SWS696" s="613"/>
      <c r="SWT696" s="613"/>
      <c r="SWU696" s="613"/>
      <c r="SWV696" s="613"/>
      <c r="SWW696" s="613"/>
      <c r="SWX696" s="613"/>
      <c r="SWY696" s="613"/>
      <c r="SWZ696" s="613"/>
      <c r="SXA696" s="613"/>
      <c r="SXB696" s="613"/>
      <c r="SXC696" s="613"/>
      <c r="SXD696" s="613"/>
      <c r="SXE696" s="613"/>
      <c r="SXF696" s="613"/>
      <c r="SXG696" s="613"/>
      <c r="SXH696" s="613"/>
      <c r="SXI696" s="613"/>
      <c r="SXJ696" s="613"/>
      <c r="SXK696" s="613"/>
      <c r="SXL696" s="613"/>
      <c r="SXM696" s="613"/>
      <c r="SXN696" s="613"/>
      <c r="SXO696" s="613"/>
      <c r="SXP696" s="613"/>
      <c r="SXQ696" s="613"/>
      <c r="SXR696" s="613"/>
      <c r="SXS696" s="613"/>
      <c r="SXT696" s="613"/>
      <c r="SXU696" s="613"/>
      <c r="SXV696" s="613"/>
      <c r="SXW696" s="613"/>
      <c r="SXX696" s="613"/>
      <c r="SXY696" s="613"/>
      <c r="SXZ696" s="613"/>
      <c r="SYA696" s="613"/>
      <c r="SYB696" s="613"/>
      <c r="SYC696" s="613"/>
      <c r="SYD696" s="613"/>
      <c r="SYE696" s="613"/>
      <c r="SYF696" s="613"/>
      <c r="SYG696" s="613"/>
      <c r="SYH696" s="613"/>
      <c r="SYI696" s="613"/>
      <c r="SYJ696" s="613"/>
      <c r="SYK696" s="613"/>
      <c r="SYL696" s="613"/>
      <c r="SYM696" s="613"/>
      <c r="SYN696" s="613"/>
      <c r="SYO696" s="613"/>
      <c r="SYP696" s="613"/>
      <c r="SYQ696" s="613"/>
      <c r="SYR696" s="613"/>
      <c r="SYS696" s="613"/>
      <c r="SYT696" s="613"/>
      <c r="SYU696" s="613"/>
      <c r="SYV696" s="613"/>
      <c r="SYW696" s="613"/>
      <c r="SYX696" s="613"/>
      <c r="SYY696" s="613"/>
      <c r="SYZ696" s="613"/>
      <c r="SZA696" s="613"/>
      <c r="SZB696" s="613"/>
      <c r="SZC696" s="613"/>
      <c r="SZD696" s="613"/>
      <c r="SZE696" s="613"/>
      <c r="SZF696" s="613"/>
      <c r="SZG696" s="613"/>
      <c r="SZH696" s="613"/>
      <c r="SZI696" s="613"/>
      <c r="SZJ696" s="613"/>
      <c r="SZK696" s="613"/>
      <c r="SZL696" s="613"/>
      <c r="SZM696" s="613"/>
      <c r="SZN696" s="613"/>
      <c r="SZO696" s="613"/>
      <c r="SZP696" s="613"/>
      <c r="SZQ696" s="613"/>
      <c r="SZR696" s="613"/>
      <c r="SZS696" s="613"/>
      <c r="SZT696" s="613"/>
      <c r="SZU696" s="613"/>
      <c r="SZV696" s="613"/>
      <c r="SZW696" s="613"/>
      <c r="SZX696" s="613"/>
      <c r="SZY696" s="613"/>
      <c r="SZZ696" s="613"/>
      <c r="TAA696" s="613"/>
      <c r="TAB696" s="613"/>
      <c r="TAC696" s="613"/>
      <c r="TAD696" s="613"/>
      <c r="TAE696" s="613"/>
      <c r="TAF696" s="613"/>
      <c r="TAG696" s="613"/>
      <c r="TAH696" s="613"/>
      <c r="TAI696" s="613"/>
      <c r="TAJ696" s="613"/>
      <c r="TAK696" s="613"/>
      <c r="TAL696" s="613"/>
      <c r="TAM696" s="613"/>
      <c r="TAN696" s="613"/>
      <c r="TAO696" s="613"/>
      <c r="TAP696" s="613"/>
      <c r="TAQ696" s="613"/>
      <c r="TAR696" s="613"/>
      <c r="TAS696" s="613"/>
      <c r="TAT696" s="613"/>
      <c r="TAU696" s="613"/>
      <c r="TAV696" s="613"/>
      <c r="TAW696" s="613"/>
      <c r="TAX696" s="613"/>
      <c r="TAY696" s="613"/>
      <c r="TAZ696" s="613"/>
      <c r="TBA696" s="613"/>
      <c r="TBB696" s="613"/>
      <c r="TBC696" s="613"/>
      <c r="TBD696" s="613"/>
      <c r="TBE696" s="613"/>
      <c r="TBF696" s="613"/>
      <c r="TBG696" s="613"/>
      <c r="TBH696" s="613"/>
      <c r="TBI696" s="613"/>
      <c r="TBJ696" s="613"/>
      <c r="TBK696" s="613"/>
      <c r="TBL696" s="613"/>
      <c r="TBM696" s="613"/>
      <c r="TBN696" s="613"/>
      <c r="TBO696" s="613"/>
      <c r="TBP696" s="613"/>
      <c r="TBQ696" s="613"/>
      <c r="TBR696" s="613"/>
      <c r="TBS696" s="613"/>
      <c r="TBT696" s="613"/>
      <c r="TBU696" s="613"/>
      <c r="TBV696" s="613"/>
      <c r="TBW696" s="613"/>
      <c r="TBX696" s="613"/>
      <c r="TBY696" s="613"/>
      <c r="TBZ696" s="613"/>
      <c r="TCA696" s="613"/>
      <c r="TCB696" s="613"/>
      <c r="TCC696" s="613"/>
      <c r="TCD696" s="613"/>
      <c r="TCE696" s="613"/>
      <c r="TCF696" s="613"/>
      <c r="TCG696" s="613"/>
      <c r="TCH696" s="613"/>
      <c r="TCI696" s="613"/>
      <c r="TCJ696" s="613"/>
      <c r="TCK696" s="613"/>
      <c r="TCL696" s="613"/>
      <c r="TCM696" s="613"/>
      <c r="TCN696" s="613"/>
      <c r="TCO696" s="613"/>
      <c r="TCP696" s="613"/>
      <c r="TCQ696" s="613"/>
      <c r="TCR696" s="613"/>
      <c r="TCS696" s="613"/>
      <c r="TCT696" s="613"/>
      <c r="TCU696" s="613"/>
      <c r="TCV696" s="613"/>
      <c r="TCW696" s="613"/>
      <c r="TCX696" s="613"/>
      <c r="TCY696" s="613"/>
      <c r="TCZ696" s="613"/>
      <c r="TDA696" s="613"/>
      <c r="TDB696" s="613"/>
      <c r="TDC696" s="613"/>
      <c r="TDD696" s="613"/>
      <c r="TDE696" s="613"/>
      <c r="TDF696" s="613"/>
      <c r="TDG696" s="613"/>
      <c r="TDH696" s="613"/>
      <c r="TDI696" s="613"/>
      <c r="TDJ696" s="613"/>
      <c r="TDK696" s="613"/>
      <c r="TDL696" s="613"/>
      <c r="TDM696" s="613"/>
      <c r="TDN696" s="613"/>
      <c r="TDO696" s="613"/>
      <c r="TDP696" s="613"/>
      <c r="TDQ696" s="613"/>
      <c r="TDR696" s="613"/>
      <c r="TDS696" s="613"/>
      <c r="TDT696" s="613"/>
      <c r="TDU696" s="613"/>
      <c r="TDV696" s="613"/>
      <c r="TDW696" s="613"/>
      <c r="TDX696" s="613"/>
      <c r="TDY696" s="613"/>
      <c r="TDZ696" s="613"/>
      <c r="TEA696" s="613"/>
      <c r="TEB696" s="613"/>
      <c r="TEC696" s="613"/>
      <c r="TED696" s="613"/>
      <c r="TEE696" s="613"/>
      <c r="TEF696" s="613"/>
      <c r="TEG696" s="613"/>
      <c r="TEH696" s="613"/>
      <c r="TEI696" s="613"/>
      <c r="TEJ696" s="613"/>
      <c r="TEK696" s="613"/>
      <c r="TEL696" s="613"/>
      <c r="TEM696" s="613"/>
      <c r="TEN696" s="613"/>
      <c r="TEO696" s="613"/>
      <c r="TEP696" s="613"/>
      <c r="TEQ696" s="613"/>
      <c r="TER696" s="613"/>
      <c r="TES696" s="613"/>
      <c r="TET696" s="613"/>
      <c r="TEU696" s="613"/>
      <c r="TEV696" s="613"/>
      <c r="TEW696" s="613"/>
      <c r="TEX696" s="613"/>
      <c r="TEY696" s="613"/>
      <c r="TEZ696" s="613"/>
      <c r="TFA696" s="613"/>
      <c r="TFB696" s="613"/>
      <c r="TFC696" s="613"/>
      <c r="TFD696" s="613"/>
      <c r="TFE696" s="613"/>
      <c r="TFF696" s="613"/>
      <c r="TFG696" s="613"/>
      <c r="TFH696" s="613"/>
      <c r="TFI696" s="613"/>
      <c r="TFJ696" s="613"/>
      <c r="TFK696" s="613"/>
      <c r="TFL696" s="613"/>
      <c r="TFM696" s="613"/>
      <c r="TFN696" s="613"/>
      <c r="TFO696" s="613"/>
      <c r="TFP696" s="613"/>
      <c r="TFQ696" s="613"/>
      <c r="TFR696" s="613"/>
      <c r="TFS696" s="613"/>
      <c r="TFT696" s="613"/>
      <c r="TFU696" s="613"/>
      <c r="TFV696" s="613"/>
      <c r="TFW696" s="613"/>
      <c r="TFX696" s="613"/>
      <c r="TFY696" s="613"/>
      <c r="TFZ696" s="613"/>
      <c r="TGA696" s="613"/>
      <c r="TGB696" s="613"/>
      <c r="TGC696" s="613"/>
      <c r="TGD696" s="613"/>
      <c r="TGE696" s="613"/>
      <c r="TGF696" s="613"/>
      <c r="TGG696" s="613"/>
      <c r="TGH696" s="613"/>
      <c r="TGI696" s="613"/>
      <c r="TGJ696" s="613"/>
      <c r="TGK696" s="613"/>
      <c r="TGL696" s="613"/>
      <c r="TGM696" s="613"/>
      <c r="TGN696" s="613"/>
      <c r="TGO696" s="613"/>
      <c r="TGP696" s="613"/>
      <c r="TGQ696" s="613"/>
      <c r="TGR696" s="613"/>
      <c r="TGS696" s="613"/>
      <c r="TGT696" s="613"/>
      <c r="TGU696" s="613"/>
      <c r="TGV696" s="613"/>
      <c r="TGW696" s="613"/>
      <c r="TGX696" s="613"/>
      <c r="TGY696" s="613"/>
      <c r="TGZ696" s="613"/>
      <c r="THA696" s="613"/>
      <c r="THB696" s="613"/>
      <c r="THC696" s="613"/>
      <c r="THD696" s="613"/>
      <c r="THE696" s="613"/>
      <c r="THF696" s="613"/>
      <c r="THG696" s="613"/>
      <c r="THH696" s="613"/>
      <c r="THI696" s="613"/>
      <c r="THJ696" s="613"/>
      <c r="THK696" s="613"/>
      <c r="THL696" s="613"/>
      <c r="THM696" s="613"/>
      <c r="THN696" s="613"/>
      <c r="THO696" s="613"/>
      <c r="THP696" s="613"/>
      <c r="THQ696" s="613"/>
      <c r="THR696" s="613"/>
      <c r="THS696" s="613"/>
      <c r="THT696" s="613"/>
      <c r="THU696" s="613"/>
      <c r="THV696" s="613"/>
      <c r="THW696" s="613"/>
      <c r="THX696" s="613"/>
      <c r="THY696" s="613"/>
      <c r="THZ696" s="613"/>
      <c r="TIA696" s="613"/>
      <c r="TIB696" s="613"/>
      <c r="TIC696" s="613"/>
      <c r="TID696" s="613"/>
      <c r="TIE696" s="613"/>
      <c r="TIF696" s="613"/>
      <c r="TIG696" s="613"/>
      <c r="TIH696" s="613"/>
      <c r="TII696" s="613"/>
      <c r="TIJ696" s="613"/>
      <c r="TIK696" s="613"/>
      <c r="TIL696" s="613"/>
      <c r="TIM696" s="613"/>
      <c r="TIN696" s="613"/>
      <c r="TIO696" s="613"/>
      <c r="TIP696" s="613"/>
      <c r="TIQ696" s="613"/>
      <c r="TIR696" s="613"/>
      <c r="TIS696" s="613"/>
      <c r="TIT696" s="613"/>
      <c r="TIU696" s="613"/>
      <c r="TIV696" s="613"/>
      <c r="TIW696" s="613"/>
      <c r="TIX696" s="613"/>
      <c r="TIY696" s="613"/>
      <c r="TIZ696" s="613"/>
      <c r="TJA696" s="613"/>
      <c r="TJB696" s="613"/>
      <c r="TJC696" s="613"/>
      <c r="TJD696" s="613"/>
      <c r="TJE696" s="613"/>
      <c r="TJF696" s="613"/>
      <c r="TJG696" s="613"/>
      <c r="TJH696" s="613"/>
      <c r="TJI696" s="613"/>
      <c r="TJJ696" s="613"/>
      <c r="TJK696" s="613"/>
      <c r="TJL696" s="613"/>
      <c r="TJM696" s="613"/>
      <c r="TJN696" s="613"/>
      <c r="TJO696" s="613"/>
      <c r="TJP696" s="613"/>
      <c r="TJQ696" s="613"/>
      <c r="TJR696" s="613"/>
      <c r="TJS696" s="613"/>
      <c r="TJT696" s="613"/>
      <c r="TJU696" s="613"/>
      <c r="TJV696" s="613"/>
      <c r="TJW696" s="613"/>
      <c r="TJX696" s="613"/>
      <c r="TJY696" s="613"/>
      <c r="TJZ696" s="613"/>
      <c r="TKA696" s="613"/>
      <c r="TKB696" s="613"/>
      <c r="TKC696" s="613"/>
      <c r="TKD696" s="613"/>
      <c r="TKE696" s="613"/>
      <c r="TKF696" s="613"/>
      <c r="TKG696" s="613"/>
      <c r="TKH696" s="613"/>
      <c r="TKI696" s="613"/>
      <c r="TKJ696" s="613"/>
      <c r="TKK696" s="613"/>
      <c r="TKL696" s="613"/>
      <c r="TKM696" s="613"/>
      <c r="TKN696" s="613"/>
      <c r="TKO696" s="613"/>
      <c r="TKP696" s="613"/>
      <c r="TKQ696" s="613"/>
      <c r="TKR696" s="613"/>
      <c r="TKS696" s="613"/>
      <c r="TKT696" s="613"/>
      <c r="TKU696" s="613"/>
      <c r="TKV696" s="613"/>
      <c r="TKW696" s="613"/>
      <c r="TKX696" s="613"/>
      <c r="TKY696" s="613"/>
      <c r="TKZ696" s="613"/>
      <c r="TLA696" s="613"/>
      <c r="TLB696" s="613"/>
      <c r="TLC696" s="613"/>
      <c r="TLD696" s="613"/>
      <c r="TLE696" s="613"/>
      <c r="TLF696" s="613"/>
      <c r="TLG696" s="613"/>
      <c r="TLH696" s="613"/>
      <c r="TLI696" s="613"/>
      <c r="TLJ696" s="613"/>
      <c r="TLK696" s="613"/>
      <c r="TLL696" s="613"/>
      <c r="TLM696" s="613"/>
      <c r="TLN696" s="613"/>
      <c r="TLO696" s="613"/>
      <c r="TLP696" s="613"/>
      <c r="TLQ696" s="613"/>
      <c r="TLR696" s="613"/>
      <c r="TLS696" s="613"/>
      <c r="TLT696" s="613"/>
      <c r="TLU696" s="613"/>
      <c r="TLV696" s="613"/>
      <c r="TLW696" s="613"/>
      <c r="TLX696" s="613"/>
      <c r="TLY696" s="613"/>
      <c r="TLZ696" s="613"/>
      <c r="TMA696" s="613"/>
      <c r="TMB696" s="613"/>
      <c r="TMC696" s="613"/>
      <c r="TMD696" s="613"/>
      <c r="TME696" s="613"/>
      <c r="TMF696" s="613"/>
      <c r="TMG696" s="613"/>
      <c r="TMH696" s="613"/>
      <c r="TMI696" s="613"/>
      <c r="TMJ696" s="613"/>
      <c r="TMK696" s="613"/>
      <c r="TML696" s="613"/>
      <c r="TMM696" s="613"/>
      <c r="TMN696" s="613"/>
      <c r="TMO696" s="613"/>
      <c r="TMP696" s="613"/>
      <c r="TMQ696" s="613"/>
      <c r="TMR696" s="613"/>
      <c r="TMS696" s="613"/>
      <c r="TMT696" s="613"/>
      <c r="TMU696" s="613"/>
      <c r="TMV696" s="613"/>
      <c r="TMW696" s="613"/>
      <c r="TMX696" s="613"/>
      <c r="TMY696" s="613"/>
      <c r="TMZ696" s="613"/>
      <c r="TNA696" s="613"/>
      <c r="TNB696" s="613"/>
      <c r="TNC696" s="613"/>
      <c r="TND696" s="613"/>
      <c r="TNE696" s="613"/>
      <c r="TNF696" s="613"/>
      <c r="TNG696" s="613"/>
      <c r="TNH696" s="613"/>
      <c r="TNI696" s="613"/>
      <c r="TNJ696" s="613"/>
      <c r="TNK696" s="613"/>
      <c r="TNL696" s="613"/>
      <c r="TNM696" s="613"/>
      <c r="TNN696" s="613"/>
      <c r="TNO696" s="613"/>
      <c r="TNP696" s="613"/>
      <c r="TNQ696" s="613"/>
      <c r="TNR696" s="613"/>
      <c r="TNS696" s="613"/>
      <c r="TNT696" s="613"/>
      <c r="TNU696" s="613"/>
      <c r="TNV696" s="613"/>
      <c r="TNW696" s="613"/>
      <c r="TNX696" s="613"/>
      <c r="TNY696" s="613"/>
      <c r="TNZ696" s="613"/>
      <c r="TOA696" s="613"/>
      <c r="TOB696" s="613"/>
      <c r="TOC696" s="613"/>
      <c r="TOD696" s="613"/>
      <c r="TOE696" s="613"/>
      <c r="TOF696" s="613"/>
      <c r="TOG696" s="613"/>
      <c r="TOH696" s="613"/>
      <c r="TOI696" s="613"/>
      <c r="TOJ696" s="613"/>
      <c r="TOK696" s="613"/>
      <c r="TOL696" s="613"/>
      <c r="TOM696" s="613"/>
      <c r="TON696" s="613"/>
      <c r="TOO696" s="613"/>
      <c r="TOP696" s="613"/>
      <c r="TOQ696" s="613"/>
      <c r="TOR696" s="613"/>
      <c r="TOS696" s="613"/>
      <c r="TOT696" s="613"/>
      <c r="TOU696" s="613"/>
      <c r="TOV696" s="613"/>
      <c r="TOW696" s="613"/>
      <c r="TOX696" s="613"/>
      <c r="TOY696" s="613"/>
      <c r="TOZ696" s="613"/>
      <c r="TPA696" s="613"/>
      <c r="TPB696" s="613"/>
      <c r="TPC696" s="613"/>
      <c r="TPD696" s="613"/>
      <c r="TPE696" s="613"/>
      <c r="TPF696" s="613"/>
      <c r="TPG696" s="613"/>
      <c r="TPH696" s="613"/>
      <c r="TPI696" s="613"/>
      <c r="TPJ696" s="613"/>
      <c r="TPK696" s="613"/>
      <c r="TPL696" s="613"/>
      <c r="TPM696" s="613"/>
      <c r="TPN696" s="613"/>
      <c r="TPO696" s="613"/>
      <c r="TPP696" s="613"/>
      <c r="TPQ696" s="613"/>
      <c r="TPR696" s="613"/>
      <c r="TPS696" s="613"/>
      <c r="TPT696" s="613"/>
      <c r="TPU696" s="613"/>
      <c r="TPV696" s="613"/>
      <c r="TPW696" s="613"/>
      <c r="TPX696" s="613"/>
      <c r="TPY696" s="613"/>
      <c r="TPZ696" s="613"/>
      <c r="TQA696" s="613"/>
      <c r="TQB696" s="613"/>
      <c r="TQC696" s="613"/>
      <c r="TQD696" s="613"/>
      <c r="TQE696" s="613"/>
      <c r="TQF696" s="613"/>
      <c r="TQG696" s="613"/>
      <c r="TQH696" s="613"/>
      <c r="TQI696" s="613"/>
      <c r="TQJ696" s="613"/>
      <c r="TQK696" s="613"/>
      <c r="TQL696" s="613"/>
      <c r="TQM696" s="613"/>
      <c r="TQN696" s="613"/>
      <c r="TQO696" s="613"/>
      <c r="TQP696" s="613"/>
      <c r="TQQ696" s="613"/>
      <c r="TQR696" s="613"/>
      <c r="TQS696" s="613"/>
      <c r="TQT696" s="613"/>
      <c r="TQU696" s="613"/>
      <c r="TQV696" s="613"/>
      <c r="TQW696" s="613"/>
      <c r="TQX696" s="613"/>
      <c r="TQY696" s="613"/>
      <c r="TQZ696" s="613"/>
      <c r="TRA696" s="613"/>
      <c r="TRB696" s="613"/>
      <c r="TRC696" s="613"/>
      <c r="TRD696" s="613"/>
      <c r="TRE696" s="613"/>
      <c r="TRF696" s="613"/>
      <c r="TRG696" s="613"/>
      <c r="TRH696" s="613"/>
      <c r="TRI696" s="613"/>
      <c r="TRJ696" s="613"/>
      <c r="TRK696" s="613"/>
      <c r="TRL696" s="613"/>
      <c r="TRM696" s="613"/>
      <c r="TRN696" s="613"/>
      <c r="TRO696" s="613"/>
      <c r="TRP696" s="613"/>
      <c r="TRQ696" s="613"/>
      <c r="TRR696" s="613"/>
      <c r="TRS696" s="613"/>
      <c r="TRT696" s="613"/>
      <c r="TRU696" s="613"/>
      <c r="TRV696" s="613"/>
      <c r="TRW696" s="613"/>
      <c r="TRX696" s="613"/>
      <c r="TRY696" s="613"/>
      <c r="TRZ696" s="613"/>
      <c r="TSA696" s="613"/>
      <c r="TSB696" s="613"/>
      <c r="TSC696" s="613"/>
      <c r="TSD696" s="613"/>
      <c r="TSE696" s="613"/>
      <c r="TSF696" s="613"/>
      <c r="TSG696" s="613"/>
      <c r="TSH696" s="613"/>
      <c r="TSI696" s="613"/>
      <c r="TSJ696" s="613"/>
      <c r="TSK696" s="613"/>
      <c r="TSL696" s="613"/>
      <c r="TSM696" s="613"/>
      <c r="TSN696" s="613"/>
      <c r="TSO696" s="613"/>
      <c r="TSP696" s="613"/>
      <c r="TSQ696" s="613"/>
      <c r="TSR696" s="613"/>
      <c r="TSS696" s="613"/>
      <c r="TST696" s="613"/>
      <c r="TSU696" s="613"/>
      <c r="TSV696" s="613"/>
      <c r="TSW696" s="613"/>
      <c r="TSX696" s="613"/>
      <c r="TSY696" s="613"/>
      <c r="TSZ696" s="613"/>
      <c r="TTA696" s="613"/>
      <c r="TTB696" s="613"/>
      <c r="TTC696" s="613"/>
      <c r="TTD696" s="613"/>
      <c r="TTE696" s="613"/>
      <c r="TTF696" s="613"/>
      <c r="TTG696" s="613"/>
      <c r="TTH696" s="613"/>
      <c r="TTI696" s="613"/>
      <c r="TTJ696" s="613"/>
      <c r="TTK696" s="613"/>
      <c r="TTL696" s="613"/>
      <c r="TTM696" s="613"/>
      <c r="TTN696" s="613"/>
      <c r="TTO696" s="613"/>
      <c r="TTP696" s="613"/>
      <c r="TTQ696" s="613"/>
      <c r="TTR696" s="613"/>
      <c r="TTS696" s="613"/>
      <c r="TTT696" s="613"/>
      <c r="TTU696" s="613"/>
      <c r="TTV696" s="613"/>
      <c r="TTW696" s="613"/>
      <c r="TTX696" s="613"/>
      <c r="TTY696" s="613"/>
      <c r="TTZ696" s="613"/>
      <c r="TUA696" s="613"/>
      <c r="TUB696" s="613"/>
      <c r="TUC696" s="613"/>
      <c r="TUD696" s="613"/>
      <c r="TUE696" s="613"/>
      <c r="TUF696" s="613"/>
      <c r="TUG696" s="613"/>
      <c r="TUH696" s="613"/>
      <c r="TUI696" s="613"/>
      <c r="TUJ696" s="613"/>
      <c r="TUK696" s="613"/>
      <c r="TUL696" s="613"/>
      <c r="TUM696" s="613"/>
      <c r="TUN696" s="613"/>
      <c r="TUO696" s="613"/>
      <c r="TUP696" s="613"/>
      <c r="TUQ696" s="613"/>
      <c r="TUR696" s="613"/>
      <c r="TUS696" s="613"/>
      <c r="TUT696" s="613"/>
      <c r="TUU696" s="613"/>
      <c r="TUV696" s="613"/>
      <c r="TUW696" s="613"/>
      <c r="TUX696" s="613"/>
      <c r="TUY696" s="613"/>
      <c r="TUZ696" s="613"/>
      <c r="TVA696" s="613"/>
      <c r="TVB696" s="613"/>
      <c r="TVC696" s="613"/>
      <c r="TVD696" s="613"/>
      <c r="TVE696" s="613"/>
      <c r="TVF696" s="613"/>
      <c r="TVG696" s="613"/>
      <c r="TVH696" s="613"/>
      <c r="TVI696" s="613"/>
      <c r="TVJ696" s="613"/>
      <c r="TVK696" s="613"/>
      <c r="TVL696" s="613"/>
      <c r="TVM696" s="613"/>
      <c r="TVN696" s="613"/>
      <c r="TVO696" s="613"/>
      <c r="TVP696" s="613"/>
      <c r="TVQ696" s="613"/>
      <c r="TVR696" s="613"/>
      <c r="TVS696" s="613"/>
      <c r="TVT696" s="613"/>
      <c r="TVU696" s="613"/>
      <c r="TVV696" s="613"/>
      <c r="TVW696" s="613"/>
      <c r="TVX696" s="613"/>
      <c r="TVY696" s="613"/>
      <c r="TVZ696" s="613"/>
      <c r="TWA696" s="613"/>
      <c r="TWB696" s="613"/>
      <c r="TWC696" s="613"/>
      <c r="TWD696" s="613"/>
      <c r="TWE696" s="613"/>
      <c r="TWF696" s="613"/>
      <c r="TWG696" s="613"/>
      <c r="TWH696" s="613"/>
      <c r="TWI696" s="613"/>
      <c r="TWJ696" s="613"/>
      <c r="TWK696" s="613"/>
      <c r="TWL696" s="613"/>
      <c r="TWM696" s="613"/>
      <c r="TWN696" s="613"/>
      <c r="TWO696" s="613"/>
      <c r="TWP696" s="613"/>
      <c r="TWQ696" s="613"/>
      <c r="TWR696" s="613"/>
      <c r="TWS696" s="613"/>
      <c r="TWT696" s="613"/>
      <c r="TWU696" s="613"/>
      <c r="TWV696" s="613"/>
      <c r="TWW696" s="613"/>
      <c r="TWX696" s="613"/>
      <c r="TWY696" s="613"/>
      <c r="TWZ696" s="613"/>
      <c r="TXA696" s="613"/>
      <c r="TXB696" s="613"/>
      <c r="TXC696" s="613"/>
      <c r="TXD696" s="613"/>
      <c r="TXE696" s="613"/>
      <c r="TXF696" s="613"/>
      <c r="TXG696" s="613"/>
      <c r="TXH696" s="613"/>
      <c r="TXI696" s="613"/>
      <c r="TXJ696" s="613"/>
      <c r="TXK696" s="613"/>
      <c r="TXL696" s="613"/>
      <c r="TXM696" s="613"/>
      <c r="TXN696" s="613"/>
      <c r="TXO696" s="613"/>
      <c r="TXP696" s="613"/>
      <c r="TXQ696" s="613"/>
      <c r="TXR696" s="613"/>
      <c r="TXS696" s="613"/>
      <c r="TXT696" s="613"/>
      <c r="TXU696" s="613"/>
      <c r="TXV696" s="613"/>
      <c r="TXW696" s="613"/>
      <c r="TXX696" s="613"/>
      <c r="TXY696" s="613"/>
      <c r="TXZ696" s="613"/>
      <c r="TYA696" s="613"/>
      <c r="TYB696" s="613"/>
      <c r="TYC696" s="613"/>
      <c r="TYD696" s="613"/>
      <c r="TYE696" s="613"/>
      <c r="TYF696" s="613"/>
      <c r="TYG696" s="613"/>
      <c r="TYH696" s="613"/>
      <c r="TYI696" s="613"/>
      <c r="TYJ696" s="613"/>
      <c r="TYK696" s="613"/>
      <c r="TYL696" s="613"/>
      <c r="TYM696" s="613"/>
      <c r="TYN696" s="613"/>
      <c r="TYO696" s="613"/>
      <c r="TYP696" s="613"/>
      <c r="TYQ696" s="613"/>
      <c r="TYR696" s="613"/>
      <c r="TYS696" s="613"/>
      <c r="TYT696" s="613"/>
      <c r="TYU696" s="613"/>
      <c r="TYV696" s="613"/>
      <c r="TYW696" s="613"/>
      <c r="TYX696" s="613"/>
      <c r="TYY696" s="613"/>
      <c r="TYZ696" s="613"/>
      <c r="TZA696" s="613"/>
      <c r="TZB696" s="613"/>
      <c r="TZC696" s="613"/>
      <c r="TZD696" s="613"/>
      <c r="TZE696" s="613"/>
      <c r="TZF696" s="613"/>
      <c r="TZG696" s="613"/>
      <c r="TZH696" s="613"/>
      <c r="TZI696" s="613"/>
      <c r="TZJ696" s="613"/>
      <c r="TZK696" s="613"/>
      <c r="TZL696" s="613"/>
      <c r="TZM696" s="613"/>
      <c r="TZN696" s="613"/>
      <c r="TZO696" s="613"/>
      <c r="TZP696" s="613"/>
      <c r="TZQ696" s="613"/>
      <c r="TZR696" s="613"/>
      <c r="TZS696" s="613"/>
      <c r="TZT696" s="613"/>
      <c r="TZU696" s="613"/>
      <c r="TZV696" s="613"/>
      <c r="TZW696" s="613"/>
      <c r="TZX696" s="613"/>
      <c r="TZY696" s="613"/>
      <c r="TZZ696" s="613"/>
      <c r="UAA696" s="613"/>
      <c r="UAB696" s="613"/>
      <c r="UAC696" s="613"/>
      <c r="UAD696" s="613"/>
      <c r="UAE696" s="613"/>
      <c r="UAF696" s="613"/>
      <c r="UAG696" s="613"/>
      <c r="UAH696" s="613"/>
      <c r="UAI696" s="613"/>
      <c r="UAJ696" s="613"/>
      <c r="UAK696" s="613"/>
      <c r="UAL696" s="613"/>
      <c r="UAM696" s="613"/>
      <c r="UAN696" s="613"/>
      <c r="UAO696" s="613"/>
      <c r="UAP696" s="613"/>
      <c r="UAQ696" s="613"/>
      <c r="UAR696" s="613"/>
      <c r="UAS696" s="613"/>
      <c r="UAT696" s="613"/>
      <c r="UAU696" s="613"/>
      <c r="UAV696" s="613"/>
      <c r="UAW696" s="613"/>
      <c r="UAX696" s="613"/>
      <c r="UAY696" s="613"/>
      <c r="UAZ696" s="613"/>
      <c r="UBA696" s="613"/>
      <c r="UBB696" s="613"/>
      <c r="UBC696" s="613"/>
      <c r="UBD696" s="613"/>
      <c r="UBE696" s="613"/>
      <c r="UBF696" s="613"/>
      <c r="UBG696" s="613"/>
      <c r="UBH696" s="613"/>
      <c r="UBI696" s="613"/>
      <c r="UBJ696" s="613"/>
      <c r="UBK696" s="613"/>
      <c r="UBL696" s="613"/>
      <c r="UBM696" s="613"/>
      <c r="UBN696" s="613"/>
      <c r="UBO696" s="613"/>
      <c r="UBP696" s="613"/>
      <c r="UBQ696" s="613"/>
      <c r="UBR696" s="613"/>
      <c r="UBS696" s="613"/>
      <c r="UBT696" s="613"/>
      <c r="UBU696" s="613"/>
      <c r="UBV696" s="613"/>
      <c r="UBW696" s="613"/>
      <c r="UBX696" s="613"/>
      <c r="UBY696" s="613"/>
      <c r="UBZ696" s="613"/>
      <c r="UCA696" s="613"/>
      <c r="UCB696" s="613"/>
      <c r="UCC696" s="613"/>
      <c r="UCD696" s="613"/>
      <c r="UCE696" s="613"/>
      <c r="UCF696" s="613"/>
      <c r="UCG696" s="613"/>
      <c r="UCH696" s="613"/>
      <c r="UCI696" s="613"/>
      <c r="UCJ696" s="613"/>
      <c r="UCK696" s="613"/>
      <c r="UCL696" s="613"/>
      <c r="UCM696" s="613"/>
      <c r="UCN696" s="613"/>
      <c r="UCO696" s="613"/>
      <c r="UCP696" s="613"/>
      <c r="UCQ696" s="613"/>
      <c r="UCR696" s="613"/>
      <c r="UCS696" s="613"/>
      <c r="UCT696" s="613"/>
      <c r="UCU696" s="613"/>
      <c r="UCV696" s="613"/>
      <c r="UCW696" s="613"/>
      <c r="UCX696" s="613"/>
      <c r="UCY696" s="613"/>
      <c r="UCZ696" s="613"/>
      <c r="UDA696" s="613"/>
      <c r="UDB696" s="613"/>
      <c r="UDC696" s="613"/>
      <c r="UDD696" s="613"/>
      <c r="UDE696" s="613"/>
      <c r="UDF696" s="613"/>
      <c r="UDG696" s="613"/>
      <c r="UDH696" s="613"/>
      <c r="UDI696" s="613"/>
      <c r="UDJ696" s="613"/>
      <c r="UDK696" s="613"/>
      <c r="UDL696" s="613"/>
      <c r="UDM696" s="613"/>
      <c r="UDN696" s="613"/>
      <c r="UDO696" s="613"/>
      <c r="UDP696" s="613"/>
      <c r="UDQ696" s="613"/>
      <c r="UDR696" s="613"/>
      <c r="UDS696" s="613"/>
      <c r="UDT696" s="613"/>
      <c r="UDU696" s="613"/>
      <c r="UDV696" s="613"/>
      <c r="UDW696" s="613"/>
      <c r="UDX696" s="613"/>
      <c r="UDY696" s="613"/>
      <c r="UDZ696" s="613"/>
      <c r="UEA696" s="613"/>
      <c r="UEB696" s="613"/>
      <c r="UEC696" s="613"/>
      <c r="UED696" s="613"/>
      <c r="UEE696" s="613"/>
      <c r="UEF696" s="613"/>
      <c r="UEG696" s="613"/>
      <c r="UEH696" s="613"/>
      <c r="UEI696" s="613"/>
      <c r="UEJ696" s="613"/>
      <c r="UEK696" s="613"/>
      <c r="UEL696" s="613"/>
      <c r="UEM696" s="613"/>
      <c r="UEN696" s="613"/>
      <c r="UEO696" s="613"/>
      <c r="UEP696" s="613"/>
      <c r="UEQ696" s="613"/>
      <c r="UER696" s="613"/>
      <c r="UES696" s="613"/>
      <c r="UET696" s="613"/>
      <c r="UEU696" s="613"/>
      <c r="UEV696" s="613"/>
      <c r="UEW696" s="613"/>
      <c r="UEX696" s="613"/>
      <c r="UEY696" s="613"/>
      <c r="UEZ696" s="613"/>
      <c r="UFA696" s="613"/>
      <c r="UFB696" s="613"/>
      <c r="UFC696" s="613"/>
      <c r="UFD696" s="613"/>
      <c r="UFE696" s="613"/>
      <c r="UFF696" s="613"/>
      <c r="UFG696" s="613"/>
      <c r="UFH696" s="613"/>
      <c r="UFI696" s="613"/>
      <c r="UFJ696" s="613"/>
      <c r="UFK696" s="613"/>
      <c r="UFL696" s="613"/>
      <c r="UFM696" s="613"/>
      <c r="UFN696" s="613"/>
      <c r="UFO696" s="613"/>
      <c r="UFP696" s="613"/>
      <c r="UFQ696" s="613"/>
      <c r="UFR696" s="613"/>
      <c r="UFS696" s="613"/>
      <c r="UFT696" s="613"/>
      <c r="UFU696" s="613"/>
      <c r="UFV696" s="613"/>
      <c r="UFW696" s="613"/>
      <c r="UFX696" s="613"/>
      <c r="UFY696" s="613"/>
      <c r="UFZ696" s="613"/>
      <c r="UGA696" s="613"/>
      <c r="UGB696" s="613"/>
      <c r="UGC696" s="613"/>
      <c r="UGD696" s="613"/>
      <c r="UGE696" s="613"/>
      <c r="UGF696" s="613"/>
      <c r="UGG696" s="613"/>
      <c r="UGH696" s="613"/>
      <c r="UGI696" s="613"/>
      <c r="UGJ696" s="613"/>
      <c r="UGK696" s="613"/>
      <c r="UGL696" s="613"/>
      <c r="UGM696" s="613"/>
      <c r="UGN696" s="613"/>
      <c r="UGO696" s="613"/>
      <c r="UGP696" s="613"/>
      <c r="UGQ696" s="613"/>
      <c r="UGR696" s="613"/>
      <c r="UGS696" s="613"/>
      <c r="UGT696" s="613"/>
      <c r="UGU696" s="613"/>
      <c r="UGV696" s="613"/>
      <c r="UGW696" s="613"/>
      <c r="UGX696" s="613"/>
      <c r="UGY696" s="613"/>
      <c r="UGZ696" s="613"/>
      <c r="UHA696" s="613"/>
      <c r="UHB696" s="613"/>
      <c r="UHC696" s="613"/>
      <c r="UHD696" s="613"/>
      <c r="UHE696" s="613"/>
      <c r="UHF696" s="613"/>
      <c r="UHG696" s="613"/>
      <c r="UHH696" s="613"/>
      <c r="UHI696" s="613"/>
      <c r="UHJ696" s="613"/>
      <c r="UHK696" s="613"/>
      <c r="UHL696" s="613"/>
      <c r="UHM696" s="613"/>
      <c r="UHN696" s="613"/>
      <c r="UHO696" s="613"/>
      <c r="UHP696" s="613"/>
      <c r="UHQ696" s="613"/>
      <c r="UHR696" s="613"/>
      <c r="UHS696" s="613"/>
      <c r="UHT696" s="613"/>
      <c r="UHU696" s="613"/>
      <c r="UHV696" s="613"/>
      <c r="UHW696" s="613"/>
      <c r="UHX696" s="613"/>
      <c r="UHY696" s="613"/>
      <c r="UHZ696" s="613"/>
      <c r="UIA696" s="613"/>
      <c r="UIB696" s="613"/>
      <c r="UIC696" s="613"/>
      <c r="UID696" s="613"/>
      <c r="UIE696" s="613"/>
      <c r="UIF696" s="613"/>
      <c r="UIG696" s="613"/>
      <c r="UIH696" s="613"/>
      <c r="UII696" s="613"/>
      <c r="UIJ696" s="613"/>
      <c r="UIK696" s="613"/>
      <c r="UIL696" s="613"/>
      <c r="UIM696" s="613"/>
      <c r="UIN696" s="613"/>
      <c r="UIO696" s="613"/>
      <c r="UIP696" s="613"/>
      <c r="UIQ696" s="613"/>
      <c r="UIR696" s="613"/>
      <c r="UIS696" s="613"/>
      <c r="UIT696" s="613"/>
      <c r="UIU696" s="613"/>
      <c r="UIV696" s="613"/>
      <c r="UIW696" s="613"/>
      <c r="UIX696" s="613"/>
      <c r="UIY696" s="613"/>
      <c r="UIZ696" s="613"/>
      <c r="UJA696" s="613"/>
      <c r="UJB696" s="613"/>
      <c r="UJC696" s="613"/>
      <c r="UJD696" s="613"/>
      <c r="UJE696" s="613"/>
      <c r="UJF696" s="613"/>
      <c r="UJG696" s="613"/>
      <c r="UJH696" s="613"/>
      <c r="UJI696" s="613"/>
      <c r="UJJ696" s="613"/>
      <c r="UJK696" s="613"/>
      <c r="UJL696" s="613"/>
      <c r="UJM696" s="613"/>
      <c r="UJN696" s="613"/>
      <c r="UJO696" s="613"/>
      <c r="UJP696" s="613"/>
      <c r="UJQ696" s="613"/>
      <c r="UJR696" s="613"/>
      <c r="UJS696" s="613"/>
      <c r="UJT696" s="613"/>
      <c r="UJU696" s="613"/>
      <c r="UJV696" s="613"/>
      <c r="UJW696" s="613"/>
      <c r="UJX696" s="613"/>
      <c r="UJY696" s="613"/>
      <c r="UJZ696" s="613"/>
      <c r="UKA696" s="613"/>
      <c r="UKB696" s="613"/>
      <c r="UKC696" s="613"/>
      <c r="UKD696" s="613"/>
      <c r="UKE696" s="613"/>
      <c r="UKF696" s="613"/>
      <c r="UKG696" s="613"/>
      <c r="UKH696" s="613"/>
      <c r="UKI696" s="613"/>
      <c r="UKJ696" s="613"/>
      <c r="UKK696" s="613"/>
      <c r="UKL696" s="613"/>
      <c r="UKM696" s="613"/>
      <c r="UKN696" s="613"/>
      <c r="UKO696" s="613"/>
      <c r="UKP696" s="613"/>
      <c r="UKQ696" s="613"/>
      <c r="UKR696" s="613"/>
      <c r="UKS696" s="613"/>
      <c r="UKT696" s="613"/>
      <c r="UKU696" s="613"/>
      <c r="UKV696" s="613"/>
      <c r="UKW696" s="613"/>
      <c r="UKX696" s="613"/>
      <c r="UKY696" s="613"/>
      <c r="UKZ696" s="613"/>
      <c r="ULA696" s="613"/>
      <c r="ULB696" s="613"/>
      <c r="ULC696" s="613"/>
      <c r="ULD696" s="613"/>
      <c r="ULE696" s="613"/>
      <c r="ULF696" s="613"/>
      <c r="ULG696" s="613"/>
      <c r="ULH696" s="613"/>
      <c r="ULI696" s="613"/>
      <c r="ULJ696" s="613"/>
      <c r="ULK696" s="613"/>
      <c r="ULL696" s="613"/>
      <c r="ULM696" s="613"/>
      <c r="ULN696" s="613"/>
      <c r="ULO696" s="613"/>
      <c r="ULP696" s="613"/>
      <c r="ULQ696" s="613"/>
      <c r="ULR696" s="613"/>
      <c r="ULS696" s="613"/>
      <c r="ULT696" s="613"/>
      <c r="ULU696" s="613"/>
      <c r="ULV696" s="613"/>
      <c r="ULW696" s="613"/>
      <c r="ULX696" s="613"/>
      <c r="ULY696" s="613"/>
      <c r="ULZ696" s="613"/>
      <c r="UMA696" s="613"/>
      <c r="UMB696" s="613"/>
      <c r="UMC696" s="613"/>
      <c r="UMD696" s="613"/>
      <c r="UME696" s="613"/>
      <c r="UMF696" s="613"/>
      <c r="UMG696" s="613"/>
      <c r="UMH696" s="613"/>
      <c r="UMI696" s="613"/>
      <c r="UMJ696" s="613"/>
      <c r="UMK696" s="613"/>
      <c r="UML696" s="613"/>
      <c r="UMM696" s="613"/>
      <c r="UMN696" s="613"/>
      <c r="UMO696" s="613"/>
      <c r="UMP696" s="613"/>
      <c r="UMQ696" s="613"/>
      <c r="UMR696" s="613"/>
      <c r="UMS696" s="613"/>
      <c r="UMT696" s="613"/>
      <c r="UMU696" s="613"/>
      <c r="UMV696" s="613"/>
      <c r="UMW696" s="613"/>
      <c r="UMX696" s="613"/>
      <c r="UMY696" s="613"/>
      <c r="UMZ696" s="613"/>
      <c r="UNA696" s="613"/>
      <c r="UNB696" s="613"/>
      <c r="UNC696" s="613"/>
      <c r="UND696" s="613"/>
      <c r="UNE696" s="613"/>
      <c r="UNF696" s="613"/>
      <c r="UNG696" s="613"/>
      <c r="UNH696" s="613"/>
      <c r="UNI696" s="613"/>
      <c r="UNJ696" s="613"/>
      <c r="UNK696" s="613"/>
      <c r="UNL696" s="613"/>
      <c r="UNM696" s="613"/>
      <c r="UNN696" s="613"/>
      <c r="UNO696" s="613"/>
      <c r="UNP696" s="613"/>
      <c r="UNQ696" s="613"/>
      <c r="UNR696" s="613"/>
      <c r="UNS696" s="613"/>
      <c r="UNT696" s="613"/>
      <c r="UNU696" s="613"/>
      <c r="UNV696" s="613"/>
      <c r="UNW696" s="613"/>
      <c r="UNX696" s="613"/>
      <c r="UNY696" s="613"/>
      <c r="UNZ696" s="613"/>
      <c r="UOA696" s="613"/>
      <c r="UOB696" s="613"/>
      <c r="UOC696" s="613"/>
      <c r="UOD696" s="613"/>
      <c r="UOE696" s="613"/>
      <c r="UOF696" s="613"/>
      <c r="UOG696" s="613"/>
      <c r="UOH696" s="613"/>
      <c r="UOI696" s="613"/>
      <c r="UOJ696" s="613"/>
      <c r="UOK696" s="613"/>
      <c r="UOL696" s="613"/>
      <c r="UOM696" s="613"/>
      <c r="UON696" s="613"/>
      <c r="UOO696" s="613"/>
      <c r="UOP696" s="613"/>
      <c r="UOQ696" s="613"/>
      <c r="UOR696" s="613"/>
      <c r="UOS696" s="613"/>
      <c r="UOT696" s="613"/>
      <c r="UOU696" s="613"/>
      <c r="UOV696" s="613"/>
      <c r="UOW696" s="613"/>
      <c r="UOX696" s="613"/>
      <c r="UOY696" s="613"/>
      <c r="UOZ696" s="613"/>
      <c r="UPA696" s="613"/>
      <c r="UPB696" s="613"/>
      <c r="UPC696" s="613"/>
      <c r="UPD696" s="613"/>
      <c r="UPE696" s="613"/>
      <c r="UPF696" s="613"/>
      <c r="UPG696" s="613"/>
      <c r="UPH696" s="613"/>
      <c r="UPI696" s="613"/>
      <c r="UPJ696" s="613"/>
      <c r="UPK696" s="613"/>
      <c r="UPL696" s="613"/>
      <c r="UPM696" s="613"/>
      <c r="UPN696" s="613"/>
      <c r="UPO696" s="613"/>
      <c r="UPP696" s="613"/>
      <c r="UPQ696" s="613"/>
      <c r="UPR696" s="613"/>
      <c r="UPS696" s="613"/>
      <c r="UPT696" s="613"/>
      <c r="UPU696" s="613"/>
      <c r="UPV696" s="613"/>
      <c r="UPW696" s="613"/>
      <c r="UPX696" s="613"/>
      <c r="UPY696" s="613"/>
      <c r="UPZ696" s="613"/>
      <c r="UQA696" s="613"/>
      <c r="UQB696" s="613"/>
      <c r="UQC696" s="613"/>
      <c r="UQD696" s="613"/>
      <c r="UQE696" s="613"/>
      <c r="UQF696" s="613"/>
      <c r="UQG696" s="613"/>
      <c r="UQH696" s="613"/>
      <c r="UQI696" s="613"/>
      <c r="UQJ696" s="613"/>
      <c r="UQK696" s="613"/>
      <c r="UQL696" s="613"/>
      <c r="UQM696" s="613"/>
      <c r="UQN696" s="613"/>
      <c r="UQO696" s="613"/>
      <c r="UQP696" s="613"/>
      <c r="UQQ696" s="613"/>
      <c r="UQR696" s="613"/>
      <c r="UQS696" s="613"/>
      <c r="UQT696" s="613"/>
      <c r="UQU696" s="613"/>
      <c r="UQV696" s="613"/>
      <c r="UQW696" s="613"/>
      <c r="UQX696" s="613"/>
      <c r="UQY696" s="613"/>
      <c r="UQZ696" s="613"/>
      <c r="URA696" s="613"/>
      <c r="URB696" s="613"/>
      <c r="URC696" s="613"/>
      <c r="URD696" s="613"/>
      <c r="URE696" s="613"/>
      <c r="URF696" s="613"/>
      <c r="URG696" s="613"/>
      <c r="URH696" s="613"/>
      <c r="URI696" s="613"/>
      <c r="URJ696" s="613"/>
      <c r="URK696" s="613"/>
      <c r="URL696" s="613"/>
      <c r="URM696" s="613"/>
      <c r="URN696" s="613"/>
      <c r="URO696" s="613"/>
      <c r="URP696" s="613"/>
      <c r="URQ696" s="613"/>
      <c r="URR696" s="613"/>
      <c r="URS696" s="613"/>
      <c r="URT696" s="613"/>
      <c r="URU696" s="613"/>
      <c r="URV696" s="613"/>
      <c r="URW696" s="613"/>
      <c r="URX696" s="613"/>
      <c r="URY696" s="613"/>
      <c r="URZ696" s="613"/>
      <c r="USA696" s="613"/>
      <c r="USB696" s="613"/>
      <c r="USC696" s="613"/>
      <c r="USD696" s="613"/>
      <c r="USE696" s="613"/>
      <c r="USF696" s="613"/>
      <c r="USG696" s="613"/>
      <c r="USH696" s="613"/>
      <c r="USI696" s="613"/>
      <c r="USJ696" s="613"/>
      <c r="USK696" s="613"/>
      <c r="USL696" s="613"/>
      <c r="USM696" s="613"/>
      <c r="USN696" s="613"/>
      <c r="USO696" s="613"/>
      <c r="USP696" s="613"/>
      <c r="USQ696" s="613"/>
      <c r="USR696" s="613"/>
      <c r="USS696" s="613"/>
      <c r="UST696" s="613"/>
      <c r="USU696" s="613"/>
      <c r="USV696" s="613"/>
      <c r="USW696" s="613"/>
      <c r="USX696" s="613"/>
      <c r="USY696" s="613"/>
      <c r="USZ696" s="613"/>
      <c r="UTA696" s="613"/>
      <c r="UTB696" s="613"/>
      <c r="UTC696" s="613"/>
      <c r="UTD696" s="613"/>
      <c r="UTE696" s="613"/>
      <c r="UTF696" s="613"/>
      <c r="UTG696" s="613"/>
      <c r="UTH696" s="613"/>
      <c r="UTI696" s="613"/>
      <c r="UTJ696" s="613"/>
      <c r="UTK696" s="613"/>
      <c r="UTL696" s="613"/>
      <c r="UTM696" s="613"/>
      <c r="UTN696" s="613"/>
      <c r="UTO696" s="613"/>
      <c r="UTP696" s="613"/>
      <c r="UTQ696" s="613"/>
      <c r="UTR696" s="613"/>
      <c r="UTS696" s="613"/>
      <c r="UTT696" s="613"/>
      <c r="UTU696" s="613"/>
      <c r="UTV696" s="613"/>
      <c r="UTW696" s="613"/>
      <c r="UTX696" s="613"/>
      <c r="UTY696" s="613"/>
      <c r="UTZ696" s="613"/>
      <c r="UUA696" s="613"/>
      <c r="UUB696" s="613"/>
      <c r="UUC696" s="613"/>
      <c r="UUD696" s="613"/>
      <c r="UUE696" s="613"/>
      <c r="UUF696" s="613"/>
      <c r="UUG696" s="613"/>
      <c r="UUH696" s="613"/>
      <c r="UUI696" s="613"/>
      <c r="UUJ696" s="613"/>
      <c r="UUK696" s="613"/>
      <c r="UUL696" s="613"/>
      <c r="UUM696" s="613"/>
      <c r="UUN696" s="613"/>
      <c r="UUO696" s="613"/>
      <c r="UUP696" s="613"/>
      <c r="UUQ696" s="613"/>
      <c r="UUR696" s="613"/>
      <c r="UUS696" s="613"/>
      <c r="UUT696" s="613"/>
      <c r="UUU696" s="613"/>
      <c r="UUV696" s="613"/>
      <c r="UUW696" s="613"/>
      <c r="UUX696" s="613"/>
      <c r="UUY696" s="613"/>
      <c r="UUZ696" s="613"/>
      <c r="UVA696" s="613"/>
      <c r="UVB696" s="613"/>
      <c r="UVC696" s="613"/>
      <c r="UVD696" s="613"/>
      <c r="UVE696" s="613"/>
      <c r="UVF696" s="613"/>
      <c r="UVG696" s="613"/>
      <c r="UVH696" s="613"/>
      <c r="UVI696" s="613"/>
      <c r="UVJ696" s="613"/>
      <c r="UVK696" s="613"/>
      <c r="UVL696" s="613"/>
      <c r="UVM696" s="613"/>
      <c r="UVN696" s="613"/>
      <c r="UVO696" s="613"/>
      <c r="UVP696" s="613"/>
      <c r="UVQ696" s="613"/>
      <c r="UVR696" s="613"/>
      <c r="UVS696" s="613"/>
      <c r="UVT696" s="613"/>
      <c r="UVU696" s="613"/>
      <c r="UVV696" s="613"/>
      <c r="UVW696" s="613"/>
      <c r="UVX696" s="613"/>
      <c r="UVY696" s="613"/>
      <c r="UVZ696" s="613"/>
      <c r="UWA696" s="613"/>
      <c r="UWB696" s="613"/>
      <c r="UWC696" s="613"/>
      <c r="UWD696" s="613"/>
      <c r="UWE696" s="613"/>
      <c r="UWF696" s="613"/>
      <c r="UWG696" s="613"/>
      <c r="UWH696" s="613"/>
      <c r="UWI696" s="613"/>
      <c r="UWJ696" s="613"/>
      <c r="UWK696" s="613"/>
      <c r="UWL696" s="613"/>
      <c r="UWM696" s="613"/>
      <c r="UWN696" s="613"/>
      <c r="UWO696" s="613"/>
      <c r="UWP696" s="613"/>
      <c r="UWQ696" s="613"/>
      <c r="UWR696" s="613"/>
      <c r="UWS696" s="613"/>
      <c r="UWT696" s="613"/>
      <c r="UWU696" s="613"/>
      <c r="UWV696" s="613"/>
      <c r="UWW696" s="613"/>
      <c r="UWX696" s="613"/>
      <c r="UWY696" s="613"/>
      <c r="UWZ696" s="613"/>
      <c r="UXA696" s="613"/>
      <c r="UXB696" s="613"/>
      <c r="UXC696" s="613"/>
      <c r="UXD696" s="613"/>
      <c r="UXE696" s="613"/>
      <c r="UXF696" s="613"/>
      <c r="UXG696" s="613"/>
      <c r="UXH696" s="613"/>
      <c r="UXI696" s="613"/>
      <c r="UXJ696" s="613"/>
      <c r="UXK696" s="613"/>
      <c r="UXL696" s="613"/>
      <c r="UXM696" s="613"/>
      <c r="UXN696" s="613"/>
      <c r="UXO696" s="613"/>
      <c r="UXP696" s="613"/>
      <c r="UXQ696" s="613"/>
      <c r="UXR696" s="613"/>
      <c r="UXS696" s="613"/>
      <c r="UXT696" s="613"/>
      <c r="UXU696" s="613"/>
      <c r="UXV696" s="613"/>
      <c r="UXW696" s="613"/>
      <c r="UXX696" s="613"/>
      <c r="UXY696" s="613"/>
      <c r="UXZ696" s="613"/>
      <c r="UYA696" s="613"/>
      <c r="UYB696" s="613"/>
      <c r="UYC696" s="613"/>
      <c r="UYD696" s="613"/>
      <c r="UYE696" s="613"/>
      <c r="UYF696" s="613"/>
      <c r="UYG696" s="613"/>
      <c r="UYH696" s="613"/>
      <c r="UYI696" s="613"/>
      <c r="UYJ696" s="613"/>
      <c r="UYK696" s="613"/>
      <c r="UYL696" s="613"/>
      <c r="UYM696" s="613"/>
      <c r="UYN696" s="613"/>
      <c r="UYO696" s="613"/>
      <c r="UYP696" s="613"/>
      <c r="UYQ696" s="613"/>
      <c r="UYR696" s="613"/>
      <c r="UYS696" s="613"/>
      <c r="UYT696" s="613"/>
      <c r="UYU696" s="613"/>
      <c r="UYV696" s="613"/>
      <c r="UYW696" s="613"/>
      <c r="UYX696" s="613"/>
      <c r="UYY696" s="613"/>
      <c r="UYZ696" s="613"/>
      <c r="UZA696" s="613"/>
      <c r="UZB696" s="613"/>
      <c r="UZC696" s="613"/>
      <c r="UZD696" s="613"/>
      <c r="UZE696" s="613"/>
      <c r="UZF696" s="613"/>
      <c r="UZG696" s="613"/>
      <c r="UZH696" s="613"/>
      <c r="UZI696" s="613"/>
      <c r="UZJ696" s="613"/>
      <c r="UZK696" s="613"/>
      <c r="UZL696" s="613"/>
      <c r="UZM696" s="613"/>
      <c r="UZN696" s="613"/>
      <c r="UZO696" s="613"/>
      <c r="UZP696" s="613"/>
      <c r="UZQ696" s="613"/>
      <c r="UZR696" s="613"/>
      <c r="UZS696" s="613"/>
      <c r="UZT696" s="613"/>
      <c r="UZU696" s="613"/>
      <c r="UZV696" s="613"/>
      <c r="UZW696" s="613"/>
      <c r="UZX696" s="613"/>
      <c r="UZY696" s="613"/>
      <c r="UZZ696" s="613"/>
      <c r="VAA696" s="613"/>
      <c r="VAB696" s="613"/>
      <c r="VAC696" s="613"/>
      <c r="VAD696" s="613"/>
      <c r="VAE696" s="613"/>
      <c r="VAF696" s="613"/>
      <c r="VAG696" s="613"/>
      <c r="VAH696" s="613"/>
      <c r="VAI696" s="613"/>
      <c r="VAJ696" s="613"/>
      <c r="VAK696" s="613"/>
      <c r="VAL696" s="613"/>
      <c r="VAM696" s="613"/>
      <c r="VAN696" s="613"/>
      <c r="VAO696" s="613"/>
      <c r="VAP696" s="613"/>
      <c r="VAQ696" s="613"/>
      <c r="VAR696" s="613"/>
      <c r="VAS696" s="613"/>
      <c r="VAT696" s="613"/>
      <c r="VAU696" s="613"/>
      <c r="VAV696" s="613"/>
      <c r="VAW696" s="613"/>
      <c r="VAX696" s="613"/>
      <c r="VAY696" s="613"/>
      <c r="VAZ696" s="613"/>
      <c r="VBA696" s="613"/>
      <c r="VBB696" s="613"/>
      <c r="VBC696" s="613"/>
      <c r="VBD696" s="613"/>
      <c r="VBE696" s="613"/>
      <c r="VBF696" s="613"/>
      <c r="VBG696" s="613"/>
      <c r="VBH696" s="613"/>
      <c r="VBI696" s="613"/>
      <c r="VBJ696" s="613"/>
      <c r="VBK696" s="613"/>
      <c r="VBL696" s="613"/>
      <c r="VBM696" s="613"/>
      <c r="VBN696" s="613"/>
      <c r="VBO696" s="613"/>
      <c r="VBP696" s="613"/>
      <c r="VBQ696" s="613"/>
      <c r="VBR696" s="613"/>
      <c r="VBS696" s="613"/>
      <c r="VBT696" s="613"/>
      <c r="VBU696" s="613"/>
      <c r="VBV696" s="613"/>
      <c r="VBW696" s="613"/>
      <c r="VBX696" s="613"/>
      <c r="VBY696" s="613"/>
      <c r="VBZ696" s="613"/>
      <c r="VCA696" s="613"/>
      <c r="VCB696" s="613"/>
      <c r="VCC696" s="613"/>
      <c r="VCD696" s="613"/>
      <c r="VCE696" s="613"/>
      <c r="VCF696" s="613"/>
      <c r="VCG696" s="613"/>
      <c r="VCH696" s="613"/>
      <c r="VCI696" s="613"/>
      <c r="VCJ696" s="613"/>
      <c r="VCK696" s="613"/>
      <c r="VCL696" s="613"/>
      <c r="VCM696" s="613"/>
      <c r="VCN696" s="613"/>
      <c r="VCO696" s="613"/>
      <c r="VCP696" s="613"/>
      <c r="VCQ696" s="613"/>
      <c r="VCR696" s="613"/>
      <c r="VCS696" s="613"/>
      <c r="VCT696" s="613"/>
      <c r="VCU696" s="613"/>
      <c r="VCV696" s="613"/>
      <c r="VCW696" s="613"/>
      <c r="VCX696" s="613"/>
      <c r="VCY696" s="613"/>
      <c r="VCZ696" s="613"/>
      <c r="VDA696" s="613"/>
      <c r="VDB696" s="613"/>
      <c r="VDC696" s="613"/>
      <c r="VDD696" s="613"/>
      <c r="VDE696" s="613"/>
      <c r="VDF696" s="613"/>
      <c r="VDG696" s="613"/>
      <c r="VDH696" s="613"/>
      <c r="VDI696" s="613"/>
      <c r="VDJ696" s="613"/>
      <c r="VDK696" s="613"/>
      <c r="VDL696" s="613"/>
      <c r="VDM696" s="613"/>
      <c r="VDN696" s="613"/>
      <c r="VDO696" s="613"/>
      <c r="VDP696" s="613"/>
      <c r="VDQ696" s="613"/>
      <c r="VDR696" s="613"/>
      <c r="VDS696" s="613"/>
      <c r="VDT696" s="613"/>
      <c r="VDU696" s="613"/>
      <c r="VDV696" s="613"/>
      <c r="VDW696" s="613"/>
      <c r="VDX696" s="613"/>
      <c r="VDY696" s="613"/>
      <c r="VDZ696" s="613"/>
      <c r="VEA696" s="613"/>
      <c r="VEB696" s="613"/>
      <c r="VEC696" s="613"/>
      <c r="VED696" s="613"/>
      <c r="VEE696" s="613"/>
      <c r="VEF696" s="613"/>
      <c r="VEG696" s="613"/>
      <c r="VEH696" s="613"/>
      <c r="VEI696" s="613"/>
      <c r="VEJ696" s="613"/>
      <c r="VEK696" s="613"/>
      <c r="VEL696" s="613"/>
      <c r="VEM696" s="613"/>
      <c r="VEN696" s="613"/>
      <c r="VEO696" s="613"/>
      <c r="VEP696" s="613"/>
      <c r="VEQ696" s="613"/>
      <c r="VER696" s="613"/>
      <c r="VES696" s="613"/>
      <c r="VET696" s="613"/>
      <c r="VEU696" s="613"/>
      <c r="VEV696" s="613"/>
      <c r="VEW696" s="613"/>
      <c r="VEX696" s="613"/>
      <c r="VEY696" s="613"/>
      <c r="VEZ696" s="613"/>
      <c r="VFA696" s="613"/>
      <c r="VFB696" s="613"/>
      <c r="VFC696" s="613"/>
      <c r="VFD696" s="613"/>
      <c r="VFE696" s="613"/>
      <c r="VFF696" s="613"/>
      <c r="VFG696" s="613"/>
      <c r="VFH696" s="613"/>
      <c r="VFI696" s="613"/>
      <c r="VFJ696" s="613"/>
      <c r="VFK696" s="613"/>
      <c r="VFL696" s="613"/>
      <c r="VFM696" s="613"/>
      <c r="VFN696" s="613"/>
      <c r="VFO696" s="613"/>
      <c r="VFP696" s="613"/>
      <c r="VFQ696" s="613"/>
      <c r="VFR696" s="613"/>
      <c r="VFS696" s="613"/>
      <c r="VFT696" s="613"/>
      <c r="VFU696" s="613"/>
      <c r="VFV696" s="613"/>
      <c r="VFW696" s="613"/>
      <c r="VFX696" s="613"/>
      <c r="VFY696" s="613"/>
      <c r="VFZ696" s="613"/>
      <c r="VGA696" s="613"/>
      <c r="VGB696" s="613"/>
      <c r="VGC696" s="613"/>
      <c r="VGD696" s="613"/>
      <c r="VGE696" s="613"/>
      <c r="VGF696" s="613"/>
      <c r="VGG696" s="613"/>
      <c r="VGH696" s="613"/>
      <c r="VGI696" s="613"/>
      <c r="VGJ696" s="613"/>
      <c r="VGK696" s="613"/>
      <c r="VGL696" s="613"/>
      <c r="VGM696" s="613"/>
      <c r="VGN696" s="613"/>
      <c r="VGO696" s="613"/>
      <c r="VGP696" s="613"/>
      <c r="VGQ696" s="613"/>
      <c r="VGR696" s="613"/>
      <c r="VGS696" s="613"/>
      <c r="VGT696" s="613"/>
      <c r="VGU696" s="613"/>
      <c r="VGV696" s="613"/>
      <c r="VGW696" s="613"/>
      <c r="VGX696" s="613"/>
      <c r="VGY696" s="613"/>
      <c r="VGZ696" s="613"/>
      <c r="VHA696" s="613"/>
      <c r="VHB696" s="613"/>
      <c r="VHC696" s="613"/>
      <c r="VHD696" s="613"/>
      <c r="VHE696" s="613"/>
      <c r="VHF696" s="613"/>
      <c r="VHG696" s="613"/>
      <c r="VHH696" s="613"/>
      <c r="VHI696" s="613"/>
      <c r="VHJ696" s="613"/>
      <c r="VHK696" s="613"/>
      <c r="VHL696" s="613"/>
      <c r="VHM696" s="613"/>
      <c r="VHN696" s="613"/>
      <c r="VHO696" s="613"/>
      <c r="VHP696" s="613"/>
      <c r="VHQ696" s="613"/>
      <c r="VHR696" s="613"/>
      <c r="VHS696" s="613"/>
      <c r="VHT696" s="613"/>
      <c r="VHU696" s="613"/>
      <c r="VHV696" s="613"/>
      <c r="VHW696" s="613"/>
      <c r="VHX696" s="613"/>
      <c r="VHY696" s="613"/>
      <c r="VHZ696" s="613"/>
      <c r="VIA696" s="613"/>
      <c r="VIB696" s="613"/>
      <c r="VIC696" s="613"/>
      <c r="VID696" s="613"/>
      <c r="VIE696" s="613"/>
      <c r="VIF696" s="613"/>
      <c r="VIG696" s="613"/>
      <c r="VIH696" s="613"/>
      <c r="VII696" s="613"/>
      <c r="VIJ696" s="613"/>
      <c r="VIK696" s="613"/>
      <c r="VIL696" s="613"/>
      <c r="VIM696" s="613"/>
      <c r="VIN696" s="613"/>
      <c r="VIO696" s="613"/>
      <c r="VIP696" s="613"/>
      <c r="VIQ696" s="613"/>
      <c r="VIR696" s="613"/>
      <c r="VIS696" s="613"/>
      <c r="VIT696" s="613"/>
      <c r="VIU696" s="613"/>
      <c r="VIV696" s="613"/>
      <c r="VIW696" s="613"/>
      <c r="VIX696" s="613"/>
      <c r="VIY696" s="613"/>
      <c r="VIZ696" s="613"/>
      <c r="VJA696" s="613"/>
      <c r="VJB696" s="613"/>
      <c r="VJC696" s="613"/>
      <c r="VJD696" s="613"/>
      <c r="VJE696" s="613"/>
      <c r="VJF696" s="613"/>
      <c r="VJG696" s="613"/>
      <c r="VJH696" s="613"/>
      <c r="VJI696" s="613"/>
      <c r="VJJ696" s="613"/>
      <c r="VJK696" s="613"/>
      <c r="VJL696" s="613"/>
      <c r="VJM696" s="613"/>
      <c r="VJN696" s="613"/>
      <c r="VJO696" s="613"/>
      <c r="VJP696" s="613"/>
      <c r="VJQ696" s="613"/>
      <c r="VJR696" s="613"/>
      <c r="VJS696" s="613"/>
      <c r="VJT696" s="613"/>
      <c r="VJU696" s="613"/>
      <c r="VJV696" s="613"/>
      <c r="VJW696" s="613"/>
      <c r="VJX696" s="613"/>
      <c r="VJY696" s="613"/>
      <c r="VJZ696" s="613"/>
      <c r="VKA696" s="613"/>
      <c r="VKB696" s="613"/>
      <c r="VKC696" s="613"/>
      <c r="VKD696" s="613"/>
      <c r="VKE696" s="613"/>
      <c r="VKF696" s="613"/>
      <c r="VKG696" s="613"/>
      <c r="VKH696" s="613"/>
      <c r="VKI696" s="613"/>
      <c r="VKJ696" s="613"/>
      <c r="VKK696" s="613"/>
      <c r="VKL696" s="613"/>
      <c r="VKM696" s="613"/>
      <c r="VKN696" s="613"/>
      <c r="VKO696" s="613"/>
      <c r="VKP696" s="613"/>
      <c r="VKQ696" s="613"/>
      <c r="VKR696" s="613"/>
      <c r="VKS696" s="613"/>
      <c r="VKT696" s="613"/>
      <c r="VKU696" s="613"/>
      <c r="VKV696" s="613"/>
      <c r="VKW696" s="613"/>
      <c r="VKX696" s="613"/>
      <c r="VKY696" s="613"/>
      <c r="VKZ696" s="613"/>
      <c r="VLA696" s="613"/>
      <c r="VLB696" s="613"/>
      <c r="VLC696" s="613"/>
      <c r="VLD696" s="613"/>
      <c r="VLE696" s="613"/>
      <c r="VLF696" s="613"/>
      <c r="VLG696" s="613"/>
      <c r="VLH696" s="613"/>
      <c r="VLI696" s="613"/>
      <c r="VLJ696" s="613"/>
      <c r="VLK696" s="613"/>
      <c r="VLL696" s="613"/>
      <c r="VLM696" s="613"/>
      <c r="VLN696" s="613"/>
      <c r="VLO696" s="613"/>
      <c r="VLP696" s="613"/>
      <c r="VLQ696" s="613"/>
      <c r="VLR696" s="613"/>
      <c r="VLS696" s="613"/>
      <c r="VLT696" s="613"/>
      <c r="VLU696" s="613"/>
      <c r="VLV696" s="613"/>
      <c r="VLW696" s="613"/>
      <c r="VLX696" s="613"/>
      <c r="VLY696" s="613"/>
      <c r="VLZ696" s="613"/>
      <c r="VMA696" s="613"/>
      <c r="VMB696" s="613"/>
      <c r="VMC696" s="613"/>
      <c r="VMD696" s="613"/>
      <c r="VME696" s="613"/>
      <c r="VMF696" s="613"/>
      <c r="VMG696" s="613"/>
      <c r="VMH696" s="613"/>
      <c r="VMI696" s="613"/>
      <c r="VMJ696" s="613"/>
      <c r="VMK696" s="613"/>
      <c r="VML696" s="613"/>
      <c r="VMM696" s="613"/>
      <c r="VMN696" s="613"/>
      <c r="VMO696" s="613"/>
      <c r="VMP696" s="613"/>
      <c r="VMQ696" s="613"/>
      <c r="VMR696" s="613"/>
      <c r="VMS696" s="613"/>
      <c r="VMT696" s="613"/>
      <c r="VMU696" s="613"/>
      <c r="VMV696" s="613"/>
      <c r="VMW696" s="613"/>
      <c r="VMX696" s="613"/>
      <c r="VMY696" s="613"/>
      <c r="VMZ696" s="613"/>
      <c r="VNA696" s="613"/>
      <c r="VNB696" s="613"/>
      <c r="VNC696" s="613"/>
      <c r="VND696" s="613"/>
      <c r="VNE696" s="613"/>
      <c r="VNF696" s="613"/>
      <c r="VNG696" s="613"/>
      <c r="VNH696" s="613"/>
      <c r="VNI696" s="613"/>
      <c r="VNJ696" s="613"/>
      <c r="VNK696" s="613"/>
      <c r="VNL696" s="613"/>
      <c r="VNM696" s="613"/>
      <c r="VNN696" s="613"/>
      <c r="VNO696" s="613"/>
      <c r="VNP696" s="613"/>
      <c r="VNQ696" s="613"/>
      <c r="VNR696" s="613"/>
      <c r="VNS696" s="613"/>
      <c r="VNT696" s="613"/>
      <c r="VNU696" s="613"/>
      <c r="VNV696" s="613"/>
      <c r="VNW696" s="613"/>
      <c r="VNX696" s="613"/>
      <c r="VNY696" s="613"/>
      <c r="VNZ696" s="613"/>
      <c r="VOA696" s="613"/>
      <c r="VOB696" s="613"/>
      <c r="VOC696" s="613"/>
      <c r="VOD696" s="613"/>
      <c r="VOE696" s="613"/>
      <c r="VOF696" s="613"/>
      <c r="VOG696" s="613"/>
      <c r="VOH696" s="613"/>
      <c r="VOI696" s="613"/>
      <c r="VOJ696" s="613"/>
      <c r="VOK696" s="613"/>
      <c r="VOL696" s="613"/>
      <c r="VOM696" s="613"/>
      <c r="VON696" s="613"/>
      <c r="VOO696" s="613"/>
      <c r="VOP696" s="613"/>
      <c r="VOQ696" s="613"/>
      <c r="VOR696" s="613"/>
      <c r="VOS696" s="613"/>
      <c r="VOT696" s="613"/>
      <c r="VOU696" s="613"/>
      <c r="VOV696" s="613"/>
      <c r="VOW696" s="613"/>
      <c r="VOX696" s="613"/>
      <c r="VOY696" s="613"/>
      <c r="VOZ696" s="613"/>
      <c r="VPA696" s="613"/>
      <c r="VPB696" s="613"/>
      <c r="VPC696" s="613"/>
      <c r="VPD696" s="613"/>
      <c r="VPE696" s="613"/>
      <c r="VPF696" s="613"/>
      <c r="VPG696" s="613"/>
      <c r="VPH696" s="613"/>
      <c r="VPI696" s="613"/>
      <c r="VPJ696" s="613"/>
      <c r="VPK696" s="613"/>
      <c r="VPL696" s="613"/>
      <c r="VPM696" s="613"/>
      <c r="VPN696" s="613"/>
      <c r="VPO696" s="613"/>
      <c r="VPP696" s="613"/>
      <c r="VPQ696" s="613"/>
      <c r="VPR696" s="613"/>
      <c r="VPS696" s="613"/>
      <c r="VPT696" s="613"/>
      <c r="VPU696" s="613"/>
      <c r="VPV696" s="613"/>
      <c r="VPW696" s="613"/>
      <c r="VPX696" s="613"/>
      <c r="VPY696" s="613"/>
      <c r="VPZ696" s="613"/>
      <c r="VQA696" s="613"/>
      <c r="VQB696" s="613"/>
      <c r="VQC696" s="613"/>
      <c r="VQD696" s="613"/>
      <c r="VQE696" s="613"/>
      <c r="VQF696" s="613"/>
      <c r="VQG696" s="613"/>
      <c r="VQH696" s="613"/>
      <c r="VQI696" s="613"/>
      <c r="VQJ696" s="613"/>
      <c r="VQK696" s="613"/>
      <c r="VQL696" s="613"/>
      <c r="VQM696" s="613"/>
      <c r="VQN696" s="613"/>
      <c r="VQO696" s="613"/>
      <c r="VQP696" s="613"/>
      <c r="VQQ696" s="613"/>
      <c r="VQR696" s="613"/>
      <c r="VQS696" s="613"/>
      <c r="VQT696" s="613"/>
      <c r="VQU696" s="613"/>
      <c r="VQV696" s="613"/>
      <c r="VQW696" s="613"/>
      <c r="VQX696" s="613"/>
      <c r="VQY696" s="613"/>
      <c r="VQZ696" s="613"/>
      <c r="VRA696" s="613"/>
      <c r="VRB696" s="613"/>
      <c r="VRC696" s="613"/>
      <c r="VRD696" s="613"/>
      <c r="VRE696" s="613"/>
      <c r="VRF696" s="613"/>
      <c r="VRG696" s="613"/>
      <c r="VRH696" s="613"/>
      <c r="VRI696" s="613"/>
      <c r="VRJ696" s="613"/>
      <c r="VRK696" s="613"/>
      <c r="VRL696" s="613"/>
      <c r="VRM696" s="613"/>
      <c r="VRN696" s="613"/>
      <c r="VRO696" s="613"/>
      <c r="VRP696" s="613"/>
      <c r="VRQ696" s="613"/>
      <c r="VRR696" s="613"/>
      <c r="VRS696" s="613"/>
      <c r="VRT696" s="613"/>
      <c r="VRU696" s="613"/>
      <c r="VRV696" s="613"/>
      <c r="VRW696" s="613"/>
      <c r="VRX696" s="613"/>
      <c r="VRY696" s="613"/>
      <c r="VRZ696" s="613"/>
      <c r="VSA696" s="613"/>
      <c r="VSB696" s="613"/>
      <c r="VSC696" s="613"/>
      <c r="VSD696" s="613"/>
      <c r="VSE696" s="613"/>
      <c r="VSF696" s="613"/>
      <c r="VSG696" s="613"/>
      <c r="VSH696" s="613"/>
      <c r="VSI696" s="613"/>
      <c r="VSJ696" s="613"/>
      <c r="VSK696" s="613"/>
      <c r="VSL696" s="613"/>
      <c r="VSM696" s="613"/>
      <c r="VSN696" s="613"/>
      <c r="VSO696" s="613"/>
      <c r="VSP696" s="613"/>
      <c r="VSQ696" s="613"/>
      <c r="VSR696" s="613"/>
      <c r="VSS696" s="613"/>
      <c r="VST696" s="613"/>
      <c r="VSU696" s="613"/>
      <c r="VSV696" s="613"/>
      <c r="VSW696" s="613"/>
      <c r="VSX696" s="613"/>
      <c r="VSY696" s="613"/>
      <c r="VSZ696" s="613"/>
      <c r="VTA696" s="613"/>
      <c r="VTB696" s="613"/>
      <c r="VTC696" s="613"/>
      <c r="VTD696" s="613"/>
      <c r="VTE696" s="613"/>
      <c r="VTF696" s="613"/>
      <c r="VTG696" s="613"/>
      <c r="VTH696" s="613"/>
      <c r="VTI696" s="613"/>
      <c r="VTJ696" s="613"/>
      <c r="VTK696" s="613"/>
      <c r="VTL696" s="613"/>
      <c r="VTM696" s="613"/>
      <c r="VTN696" s="613"/>
      <c r="VTO696" s="613"/>
      <c r="VTP696" s="613"/>
      <c r="VTQ696" s="613"/>
      <c r="VTR696" s="613"/>
      <c r="VTS696" s="613"/>
      <c r="VTT696" s="613"/>
      <c r="VTU696" s="613"/>
      <c r="VTV696" s="613"/>
      <c r="VTW696" s="613"/>
      <c r="VTX696" s="613"/>
      <c r="VTY696" s="613"/>
      <c r="VTZ696" s="613"/>
      <c r="VUA696" s="613"/>
      <c r="VUB696" s="613"/>
      <c r="VUC696" s="613"/>
      <c r="VUD696" s="613"/>
      <c r="VUE696" s="613"/>
      <c r="VUF696" s="613"/>
      <c r="VUG696" s="613"/>
      <c r="VUH696" s="613"/>
      <c r="VUI696" s="613"/>
      <c r="VUJ696" s="613"/>
      <c r="VUK696" s="613"/>
      <c r="VUL696" s="613"/>
      <c r="VUM696" s="613"/>
      <c r="VUN696" s="613"/>
      <c r="VUO696" s="613"/>
      <c r="VUP696" s="613"/>
      <c r="VUQ696" s="613"/>
      <c r="VUR696" s="613"/>
      <c r="VUS696" s="613"/>
      <c r="VUT696" s="613"/>
      <c r="VUU696" s="613"/>
      <c r="VUV696" s="613"/>
      <c r="VUW696" s="613"/>
      <c r="VUX696" s="613"/>
      <c r="VUY696" s="613"/>
      <c r="VUZ696" s="613"/>
      <c r="VVA696" s="613"/>
      <c r="VVB696" s="613"/>
      <c r="VVC696" s="613"/>
      <c r="VVD696" s="613"/>
      <c r="VVE696" s="613"/>
      <c r="VVF696" s="613"/>
      <c r="VVG696" s="613"/>
      <c r="VVH696" s="613"/>
      <c r="VVI696" s="613"/>
      <c r="VVJ696" s="613"/>
      <c r="VVK696" s="613"/>
      <c r="VVL696" s="613"/>
      <c r="VVM696" s="613"/>
      <c r="VVN696" s="613"/>
      <c r="VVO696" s="613"/>
      <c r="VVP696" s="613"/>
      <c r="VVQ696" s="613"/>
      <c r="VVR696" s="613"/>
      <c r="VVS696" s="613"/>
      <c r="VVT696" s="613"/>
      <c r="VVU696" s="613"/>
      <c r="VVV696" s="613"/>
      <c r="VVW696" s="613"/>
      <c r="VVX696" s="613"/>
      <c r="VVY696" s="613"/>
      <c r="VVZ696" s="613"/>
      <c r="VWA696" s="613"/>
      <c r="VWB696" s="613"/>
      <c r="VWC696" s="613"/>
      <c r="VWD696" s="613"/>
      <c r="VWE696" s="613"/>
      <c r="VWF696" s="613"/>
      <c r="VWG696" s="613"/>
      <c r="VWH696" s="613"/>
      <c r="VWI696" s="613"/>
      <c r="VWJ696" s="613"/>
      <c r="VWK696" s="613"/>
      <c r="VWL696" s="613"/>
      <c r="VWM696" s="613"/>
      <c r="VWN696" s="613"/>
      <c r="VWO696" s="613"/>
      <c r="VWP696" s="613"/>
      <c r="VWQ696" s="613"/>
      <c r="VWR696" s="613"/>
      <c r="VWS696" s="613"/>
      <c r="VWT696" s="613"/>
      <c r="VWU696" s="613"/>
      <c r="VWV696" s="613"/>
      <c r="VWW696" s="613"/>
      <c r="VWX696" s="613"/>
      <c r="VWY696" s="613"/>
      <c r="VWZ696" s="613"/>
      <c r="VXA696" s="613"/>
      <c r="VXB696" s="613"/>
      <c r="VXC696" s="613"/>
      <c r="VXD696" s="613"/>
      <c r="VXE696" s="613"/>
      <c r="VXF696" s="613"/>
      <c r="VXG696" s="613"/>
      <c r="VXH696" s="613"/>
      <c r="VXI696" s="613"/>
      <c r="VXJ696" s="613"/>
      <c r="VXK696" s="613"/>
      <c r="VXL696" s="613"/>
      <c r="VXM696" s="613"/>
      <c r="VXN696" s="613"/>
      <c r="VXO696" s="613"/>
      <c r="VXP696" s="613"/>
      <c r="VXQ696" s="613"/>
      <c r="VXR696" s="613"/>
      <c r="VXS696" s="613"/>
      <c r="VXT696" s="613"/>
      <c r="VXU696" s="613"/>
      <c r="VXV696" s="613"/>
      <c r="VXW696" s="613"/>
      <c r="VXX696" s="613"/>
      <c r="VXY696" s="613"/>
      <c r="VXZ696" s="613"/>
      <c r="VYA696" s="613"/>
      <c r="VYB696" s="613"/>
      <c r="VYC696" s="613"/>
      <c r="VYD696" s="613"/>
      <c r="VYE696" s="613"/>
      <c r="VYF696" s="613"/>
      <c r="VYG696" s="613"/>
      <c r="VYH696" s="613"/>
      <c r="VYI696" s="613"/>
      <c r="VYJ696" s="613"/>
      <c r="VYK696" s="613"/>
      <c r="VYL696" s="613"/>
      <c r="VYM696" s="613"/>
      <c r="VYN696" s="613"/>
      <c r="VYO696" s="613"/>
      <c r="VYP696" s="613"/>
      <c r="VYQ696" s="613"/>
      <c r="VYR696" s="613"/>
      <c r="VYS696" s="613"/>
      <c r="VYT696" s="613"/>
      <c r="VYU696" s="613"/>
      <c r="VYV696" s="613"/>
      <c r="VYW696" s="613"/>
      <c r="VYX696" s="613"/>
      <c r="VYY696" s="613"/>
      <c r="VYZ696" s="613"/>
      <c r="VZA696" s="613"/>
      <c r="VZB696" s="613"/>
      <c r="VZC696" s="613"/>
      <c r="VZD696" s="613"/>
      <c r="VZE696" s="613"/>
      <c r="VZF696" s="613"/>
      <c r="VZG696" s="613"/>
      <c r="VZH696" s="613"/>
      <c r="VZI696" s="613"/>
      <c r="VZJ696" s="613"/>
      <c r="VZK696" s="613"/>
      <c r="VZL696" s="613"/>
      <c r="VZM696" s="613"/>
      <c r="VZN696" s="613"/>
      <c r="VZO696" s="613"/>
      <c r="VZP696" s="613"/>
      <c r="VZQ696" s="613"/>
      <c r="VZR696" s="613"/>
      <c r="VZS696" s="613"/>
      <c r="VZT696" s="613"/>
      <c r="VZU696" s="613"/>
      <c r="VZV696" s="613"/>
      <c r="VZW696" s="613"/>
      <c r="VZX696" s="613"/>
      <c r="VZY696" s="613"/>
      <c r="VZZ696" s="613"/>
      <c r="WAA696" s="613"/>
      <c r="WAB696" s="613"/>
      <c r="WAC696" s="613"/>
      <c r="WAD696" s="613"/>
      <c r="WAE696" s="613"/>
      <c r="WAF696" s="613"/>
      <c r="WAG696" s="613"/>
      <c r="WAH696" s="613"/>
      <c r="WAI696" s="613"/>
      <c r="WAJ696" s="613"/>
      <c r="WAK696" s="613"/>
      <c r="WAL696" s="613"/>
      <c r="WAM696" s="613"/>
      <c r="WAN696" s="613"/>
      <c r="WAO696" s="613"/>
      <c r="WAP696" s="613"/>
      <c r="WAQ696" s="613"/>
      <c r="WAR696" s="613"/>
      <c r="WAS696" s="613"/>
      <c r="WAT696" s="613"/>
      <c r="WAU696" s="613"/>
      <c r="WAV696" s="613"/>
      <c r="WAW696" s="613"/>
      <c r="WAX696" s="613"/>
      <c r="WAY696" s="613"/>
      <c r="WAZ696" s="613"/>
      <c r="WBA696" s="613"/>
      <c r="WBB696" s="613"/>
      <c r="WBC696" s="613"/>
      <c r="WBD696" s="613"/>
      <c r="WBE696" s="613"/>
      <c r="WBF696" s="613"/>
      <c r="WBG696" s="613"/>
      <c r="WBH696" s="613"/>
      <c r="WBI696" s="613"/>
      <c r="WBJ696" s="613"/>
      <c r="WBK696" s="613"/>
      <c r="WBL696" s="613"/>
      <c r="WBM696" s="613"/>
      <c r="WBN696" s="613"/>
      <c r="WBO696" s="613"/>
      <c r="WBP696" s="613"/>
      <c r="WBQ696" s="613"/>
      <c r="WBR696" s="613"/>
      <c r="WBS696" s="613"/>
      <c r="WBT696" s="613"/>
      <c r="WBU696" s="613"/>
      <c r="WBV696" s="613"/>
      <c r="WBW696" s="613"/>
      <c r="WBX696" s="613"/>
      <c r="WBY696" s="613"/>
      <c r="WBZ696" s="613"/>
      <c r="WCA696" s="613"/>
      <c r="WCB696" s="613"/>
      <c r="WCC696" s="613"/>
      <c r="WCD696" s="613"/>
      <c r="WCE696" s="613"/>
      <c r="WCF696" s="613"/>
      <c r="WCG696" s="613"/>
      <c r="WCH696" s="613"/>
      <c r="WCI696" s="613"/>
      <c r="WCJ696" s="613"/>
      <c r="WCK696" s="613"/>
      <c r="WCL696" s="613"/>
      <c r="WCM696" s="613"/>
      <c r="WCN696" s="613"/>
      <c r="WCO696" s="613"/>
      <c r="WCP696" s="613"/>
      <c r="WCQ696" s="613"/>
      <c r="WCR696" s="613"/>
      <c r="WCS696" s="613"/>
      <c r="WCT696" s="613"/>
      <c r="WCU696" s="613"/>
      <c r="WCV696" s="613"/>
      <c r="WCW696" s="613"/>
      <c r="WCX696" s="613"/>
      <c r="WCY696" s="613"/>
      <c r="WCZ696" s="613"/>
      <c r="WDA696" s="613"/>
      <c r="WDB696" s="613"/>
      <c r="WDC696" s="613"/>
      <c r="WDD696" s="613"/>
      <c r="WDE696" s="613"/>
      <c r="WDF696" s="613"/>
      <c r="WDG696" s="613"/>
      <c r="WDH696" s="613"/>
      <c r="WDI696" s="613"/>
      <c r="WDJ696" s="613"/>
      <c r="WDK696" s="613"/>
      <c r="WDL696" s="613"/>
      <c r="WDM696" s="613"/>
      <c r="WDN696" s="613"/>
      <c r="WDO696" s="613"/>
      <c r="WDP696" s="613"/>
      <c r="WDQ696" s="613"/>
      <c r="WDR696" s="613"/>
      <c r="WDS696" s="613"/>
      <c r="WDT696" s="613"/>
      <c r="WDU696" s="613"/>
      <c r="WDV696" s="613"/>
      <c r="WDW696" s="613"/>
      <c r="WDX696" s="613"/>
      <c r="WDY696" s="613"/>
      <c r="WDZ696" s="613"/>
      <c r="WEA696" s="613"/>
      <c r="WEB696" s="613"/>
      <c r="WEC696" s="613"/>
      <c r="WED696" s="613"/>
      <c r="WEE696" s="613"/>
      <c r="WEF696" s="613"/>
      <c r="WEG696" s="613"/>
      <c r="WEH696" s="613"/>
      <c r="WEI696" s="613"/>
      <c r="WEJ696" s="613"/>
      <c r="WEK696" s="613"/>
      <c r="WEL696" s="613"/>
      <c r="WEM696" s="613"/>
      <c r="WEN696" s="613"/>
      <c r="WEO696" s="613"/>
      <c r="WEP696" s="613"/>
      <c r="WEQ696" s="613"/>
      <c r="WER696" s="613"/>
      <c r="WES696" s="613"/>
      <c r="WET696" s="613"/>
      <c r="WEU696" s="613"/>
      <c r="WEV696" s="613"/>
      <c r="WEW696" s="613"/>
      <c r="WEX696" s="613"/>
      <c r="WEY696" s="613"/>
      <c r="WEZ696" s="613"/>
      <c r="WFA696" s="613"/>
      <c r="WFB696" s="613"/>
      <c r="WFC696" s="613"/>
      <c r="WFD696" s="613"/>
      <c r="WFE696" s="613"/>
      <c r="WFF696" s="613"/>
      <c r="WFG696" s="613"/>
      <c r="WFH696" s="613"/>
      <c r="WFI696" s="613"/>
      <c r="WFJ696" s="613"/>
      <c r="WFK696" s="613"/>
      <c r="WFL696" s="613"/>
      <c r="WFM696" s="613"/>
      <c r="WFN696" s="613"/>
      <c r="WFO696" s="613"/>
      <c r="WFP696" s="613"/>
      <c r="WFQ696" s="613"/>
      <c r="WFR696" s="613"/>
      <c r="WFS696" s="613"/>
      <c r="WFT696" s="613"/>
      <c r="WFU696" s="613"/>
      <c r="WFV696" s="613"/>
      <c r="WFW696" s="613"/>
      <c r="WFX696" s="613"/>
      <c r="WFY696" s="613"/>
      <c r="WFZ696" s="613"/>
      <c r="WGA696" s="613"/>
      <c r="WGB696" s="613"/>
      <c r="WGC696" s="613"/>
      <c r="WGD696" s="613"/>
      <c r="WGE696" s="613"/>
      <c r="WGF696" s="613"/>
      <c r="WGG696" s="613"/>
      <c r="WGH696" s="613"/>
      <c r="WGI696" s="613"/>
      <c r="WGJ696" s="613"/>
      <c r="WGK696" s="613"/>
      <c r="WGL696" s="613"/>
      <c r="WGM696" s="613"/>
      <c r="WGN696" s="613"/>
      <c r="WGO696" s="613"/>
      <c r="WGP696" s="613"/>
      <c r="WGQ696" s="613"/>
      <c r="WGR696" s="613"/>
      <c r="WGS696" s="613"/>
      <c r="WGT696" s="613"/>
      <c r="WGU696" s="613"/>
      <c r="WGV696" s="613"/>
      <c r="WGW696" s="613"/>
      <c r="WGX696" s="613"/>
      <c r="WGY696" s="613"/>
      <c r="WGZ696" s="613"/>
      <c r="WHA696" s="613"/>
      <c r="WHB696" s="613"/>
      <c r="WHC696" s="613"/>
      <c r="WHD696" s="613"/>
      <c r="WHE696" s="613"/>
      <c r="WHF696" s="613"/>
      <c r="WHG696" s="613"/>
      <c r="WHH696" s="613"/>
      <c r="WHI696" s="613"/>
      <c r="WHJ696" s="613"/>
      <c r="WHK696" s="613"/>
      <c r="WHL696" s="613"/>
      <c r="WHM696" s="613"/>
      <c r="WHN696" s="613"/>
      <c r="WHO696" s="613"/>
      <c r="WHP696" s="613"/>
      <c r="WHQ696" s="613"/>
      <c r="WHR696" s="613"/>
      <c r="WHS696" s="613"/>
      <c r="WHT696" s="613"/>
      <c r="WHU696" s="613"/>
      <c r="WHV696" s="613"/>
      <c r="WHW696" s="613"/>
      <c r="WHX696" s="613"/>
      <c r="WHY696" s="613"/>
      <c r="WHZ696" s="613"/>
      <c r="WIA696" s="613"/>
      <c r="WIB696" s="613"/>
      <c r="WIC696" s="613"/>
      <c r="WID696" s="613"/>
      <c r="WIE696" s="613"/>
      <c r="WIF696" s="613"/>
      <c r="WIG696" s="613"/>
      <c r="WIH696" s="613"/>
      <c r="WII696" s="613"/>
      <c r="WIJ696" s="613"/>
      <c r="WIK696" s="613"/>
      <c r="WIL696" s="613"/>
      <c r="WIM696" s="613"/>
      <c r="WIN696" s="613"/>
      <c r="WIO696" s="613"/>
      <c r="WIP696" s="613"/>
      <c r="WIQ696" s="613"/>
      <c r="WIR696" s="613"/>
      <c r="WIS696" s="613"/>
      <c r="WIT696" s="613"/>
      <c r="WIU696" s="613"/>
      <c r="WIV696" s="613"/>
      <c r="WIW696" s="613"/>
      <c r="WIX696" s="613"/>
      <c r="WIY696" s="613"/>
      <c r="WIZ696" s="613"/>
      <c r="WJA696" s="613"/>
      <c r="WJB696" s="613"/>
      <c r="WJC696" s="613"/>
      <c r="WJD696" s="613"/>
      <c r="WJE696" s="613"/>
      <c r="WJF696" s="613"/>
      <c r="WJG696" s="613"/>
      <c r="WJH696" s="613"/>
      <c r="WJI696" s="613"/>
      <c r="WJJ696" s="613"/>
      <c r="WJK696" s="613"/>
      <c r="WJL696" s="613"/>
      <c r="WJM696" s="613"/>
      <c r="WJN696" s="613"/>
      <c r="WJO696" s="613"/>
      <c r="WJP696" s="613"/>
      <c r="WJQ696" s="613"/>
      <c r="WJR696" s="613"/>
      <c r="WJS696" s="613"/>
      <c r="WJT696" s="613"/>
      <c r="WJU696" s="613"/>
      <c r="WJV696" s="613"/>
      <c r="WJW696" s="613"/>
      <c r="WJX696" s="613"/>
      <c r="WJY696" s="613"/>
      <c r="WJZ696" s="613"/>
      <c r="WKA696" s="613"/>
      <c r="WKB696" s="613"/>
      <c r="WKC696" s="613"/>
      <c r="WKD696" s="613"/>
      <c r="WKE696" s="613"/>
      <c r="WKF696" s="613"/>
      <c r="WKG696" s="613"/>
      <c r="WKH696" s="613"/>
      <c r="WKI696" s="613"/>
      <c r="WKJ696" s="613"/>
      <c r="WKK696" s="613"/>
      <c r="WKL696" s="613"/>
      <c r="WKM696" s="613"/>
      <c r="WKN696" s="613"/>
      <c r="WKO696" s="613"/>
      <c r="WKP696" s="613"/>
      <c r="WKQ696" s="613"/>
      <c r="WKR696" s="613"/>
      <c r="WKS696" s="613"/>
      <c r="WKT696" s="613"/>
      <c r="WKU696" s="613"/>
      <c r="WKV696" s="613"/>
      <c r="WKW696" s="613"/>
      <c r="WKX696" s="613"/>
      <c r="WKY696" s="613"/>
      <c r="WKZ696" s="613"/>
      <c r="WLA696" s="613"/>
      <c r="WLB696" s="613"/>
      <c r="WLC696" s="613"/>
      <c r="WLD696" s="613"/>
      <c r="WLE696" s="613"/>
      <c r="WLF696" s="613"/>
      <c r="WLG696" s="613"/>
      <c r="WLH696" s="613"/>
      <c r="WLI696" s="613"/>
      <c r="WLJ696" s="613"/>
      <c r="WLK696" s="613"/>
      <c r="WLL696" s="613"/>
      <c r="WLM696" s="613"/>
      <c r="WLN696" s="613"/>
      <c r="WLO696" s="613"/>
      <c r="WLP696" s="613"/>
      <c r="WLQ696" s="613"/>
      <c r="WLR696" s="613"/>
      <c r="WLS696" s="613"/>
      <c r="WLT696" s="613"/>
      <c r="WLU696" s="613"/>
      <c r="WLV696" s="613"/>
      <c r="WLW696" s="613"/>
      <c r="WLX696" s="613"/>
      <c r="WLY696" s="613"/>
      <c r="WLZ696" s="613"/>
      <c r="WMA696" s="613"/>
      <c r="WMB696" s="613"/>
      <c r="WMC696" s="613"/>
      <c r="WMD696" s="613"/>
      <c r="WME696" s="613"/>
      <c r="WMF696" s="613"/>
      <c r="WMG696" s="613"/>
      <c r="WMH696" s="613"/>
      <c r="WMI696" s="613"/>
      <c r="WMJ696" s="613"/>
      <c r="WMK696" s="613"/>
      <c r="WML696" s="613"/>
      <c r="WMM696" s="613"/>
      <c r="WMN696" s="613"/>
      <c r="WMO696" s="613"/>
      <c r="WMP696" s="613"/>
      <c r="WMQ696" s="613"/>
      <c r="WMR696" s="613"/>
      <c r="WMS696" s="613"/>
      <c r="WMT696" s="613"/>
      <c r="WMU696" s="613"/>
      <c r="WMV696" s="613"/>
      <c r="WMW696" s="613"/>
      <c r="WMX696" s="613"/>
      <c r="WMY696" s="613"/>
      <c r="WMZ696" s="613"/>
      <c r="WNA696" s="613"/>
      <c r="WNB696" s="613"/>
      <c r="WNC696" s="613"/>
      <c r="WND696" s="613"/>
      <c r="WNE696" s="613"/>
      <c r="WNF696" s="613"/>
      <c r="WNG696" s="613"/>
      <c r="WNH696" s="613"/>
      <c r="WNI696" s="613"/>
      <c r="WNJ696" s="613"/>
      <c r="WNK696" s="613"/>
      <c r="WNL696" s="613"/>
      <c r="WNM696" s="613"/>
      <c r="WNN696" s="613"/>
      <c r="WNO696" s="613"/>
      <c r="WNP696" s="613"/>
      <c r="WNQ696" s="613"/>
      <c r="WNR696" s="613"/>
      <c r="WNS696" s="613"/>
      <c r="WNT696" s="613"/>
      <c r="WNU696" s="613"/>
      <c r="WNV696" s="613"/>
      <c r="WNW696" s="613"/>
      <c r="WNX696" s="613"/>
      <c r="WNY696" s="613"/>
      <c r="WNZ696" s="613"/>
      <c r="WOA696" s="613"/>
      <c r="WOB696" s="613"/>
      <c r="WOC696" s="613"/>
      <c r="WOD696" s="613"/>
      <c r="WOE696" s="613"/>
      <c r="WOF696" s="613"/>
      <c r="WOG696" s="613"/>
      <c r="WOH696" s="613"/>
      <c r="WOI696" s="613"/>
      <c r="WOJ696" s="613"/>
      <c r="WOK696" s="613"/>
      <c r="WOL696" s="613"/>
      <c r="WOM696" s="613"/>
      <c r="WON696" s="613"/>
      <c r="WOO696" s="613"/>
      <c r="WOP696" s="613"/>
      <c r="WOQ696" s="613"/>
      <c r="WOR696" s="613"/>
      <c r="WOS696" s="613"/>
      <c r="WOT696" s="613"/>
      <c r="WOU696" s="613"/>
      <c r="WOV696" s="613"/>
      <c r="WOW696" s="613"/>
      <c r="WOX696" s="613"/>
      <c r="WOY696" s="613"/>
      <c r="WOZ696" s="613"/>
      <c r="WPA696" s="613"/>
      <c r="WPB696" s="613"/>
      <c r="WPC696" s="613"/>
      <c r="WPD696" s="613"/>
      <c r="WPE696" s="613"/>
      <c r="WPF696" s="613"/>
      <c r="WPG696" s="613"/>
      <c r="WPH696" s="613"/>
      <c r="WPI696" s="613"/>
      <c r="WPJ696" s="613"/>
      <c r="WPK696" s="613"/>
      <c r="WPL696" s="613"/>
      <c r="WPM696" s="613"/>
      <c r="WPN696" s="613"/>
      <c r="WPO696" s="613"/>
      <c r="WPP696" s="613"/>
      <c r="WPQ696" s="613"/>
      <c r="WPR696" s="613"/>
      <c r="WPS696" s="613"/>
      <c r="WPT696" s="613"/>
      <c r="WPU696" s="613"/>
      <c r="WPV696" s="613"/>
      <c r="WPW696" s="613"/>
      <c r="WPX696" s="613"/>
      <c r="WPY696" s="613"/>
      <c r="WPZ696" s="613"/>
      <c r="WQA696" s="613"/>
      <c r="WQB696" s="613"/>
      <c r="WQC696" s="613"/>
      <c r="WQD696" s="613"/>
      <c r="WQE696" s="613"/>
      <c r="WQF696" s="613"/>
      <c r="WQG696" s="613"/>
      <c r="WQH696" s="613"/>
      <c r="WQI696" s="613"/>
      <c r="WQJ696" s="613"/>
      <c r="WQK696" s="613"/>
      <c r="WQL696" s="613"/>
      <c r="WQM696" s="613"/>
      <c r="WQN696" s="613"/>
      <c r="WQO696" s="613"/>
      <c r="WQP696" s="613"/>
      <c r="WQQ696" s="613"/>
      <c r="WQR696" s="613"/>
      <c r="WQS696" s="613"/>
      <c r="WQT696" s="613"/>
      <c r="WQU696" s="613"/>
      <c r="WQV696" s="613"/>
      <c r="WQW696" s="613"/>
      <c r="WQX696" s="613"/>
      <c r="WQY696" s="613"/>
      <c r="WQZ696" s="613"/>
      <c r="WRA696" s="613"/>
      <c r="WRB696" s="613"/>
      <c r="WRC696" s="613"/>
      <c r="WRD696" s="613"/>
      <c r="WRE696" s="613"/>
      <c r="WRF696" s="613"/>
      <c r="WRG696" s="613"/>
      <c r="WRH696" s="613"/>
      <c r="WRI696" s="613"/>
      <c r="WRJ696" s="613"/>
      <c r="WRK696" s="613"/>
      <c r="WRL696" s="613"/>
      <c r="WRM696" s="613"/>
      <c r="WRN696" s="613"/>
      <c r="WRO696" s="613"/>
      <c r="WRP696" s="613"/>
      <c r="WRQ696" s="613"/>
      <c r="WRR696" s="613"/>
      <c r="WRS696" s="613"/>
      <c r="WRT696" s="613"/>
      <c r="WRU696" s="613"/>
      <c r="WRV696" s="613"/>
      <c r="WRW696" s="613"/>
      <c r="WRX696" s="613"/>
      <c r="WRY696" s="613"/>
      <c r="WRZ696" s="613"/>
      <c r="WSA696" s="613"/>
      <c r="WSB696" s="613"/>
      <c r="WSC696" s="613"/>
      <c r="WSD696" s="613"/>
      <c r="WSE696" s="613"/>
      <c r="WSF696" s="613"/>
      <c r="WSG696" s="613"/>
      <c r="WSH696" s="613"/>
      <c r="WSI696" s="613"/>
      <c r="WSJ696" s="613"/>
      <c r="WSK696" s="613"/>
      <c r="WSL696" s="613"/>
      <c r="WSM696" s="613"/>
      <c r="WSN696" s="613"/>
      <c r="WSO696" s="613"/>
      <c r="WSP696" s="613"/>
      <c r="WSQ696" s="613"/>
      <c r="WSR696" s="613"/>
      <c r="WSS696" s="613"/>
      <c r="WST696" s="613"/>
      <c r="WSU696" s="613"/>
      <c r="WSV696" s="613"/>
      <c r="WSW696" s="613"/>
      <c r="WSX696" s="613"/>
      <c r="WSY696" s="613"/>
      <c r="WSZ696" s="613"/>
      <c r="WTA696" s="613"/>
      <c r="WTB696" s="613"/>
      <c r="WTC696" s="613"/>
      <c r="WTD696" s="613"/>
      <c r="WTE696" s="613"/>
      <c r="WTF696" s="613"/>
      <c r="WTG696" s="613"/>
      <c r="WTH696" s="613"/>
      <c r="WTI696" s="613"/>
      <c r="WTJ696" s="613"/>
      <c r="WTK696" s="613"/>
      <c r="WTL696" s="613"/>
      <c r="WTM696" s="613"/>
      <c r="WTN696" s="613"/>
      <c r="WTO696" s="613"/>
      <c r="WTP696" s="613"/>
      <c r="WTQ696" s="613"/>
      <c r="WTR696" s="613"/>
      <c r="WTS696" s="613"/>
      <c r="WTT696" s="613"/>
      <c r="WTU696" s="613"/>
      <c r="WTV696" s="613"/>
      <c r="WTW696" s="613"/>
      <c r="WTX696" s="613"/>
      <c r="WTY696" s="613"/>
      <c r="WTZ696" s="613"/>
      <c r="WUA696" s="613"/>
      <c r="WUB696" s="613"/>
      <c r="WUC696" s="613"/>
      <c r="WUD696" s="613"/>
      <c r="WUE696" s="613"/>
      <c r="WUF696" s="613"/>
      <c r="WUG696" s="613"/>
      <c r="WUH696" s="613"/>
      <c r="WUI696" s="613"/>
      <c r="WUJ696" s="613"/>
      <c r="WUK696" s="613"/>
      <c r="WUL696" s="613"/>
      <c r="WUM696" s="613"/>
      <c r="WUN696" s="613"/>
      <c r="WUO696" s="613"/>
      <c r="WUP696" s="613"/>
      <c r="WUQ696" s="613"/>
      <c r="WUR696" s="613"/>
      <c r="WUS696" s="613"/>
      <c r="WUT696" s="613"/>
      <c r="WUU696" s="613"/>
      <c r="WUV696" s="613"/>
      <c r="WUW696" s="613"/>
      <c r="WUX696" s="613"/>
      <c r="WUY696" s="613"/>
      <c r="WUZ696" s="613"/>
      <c r="WVA696" s="613"/>
      <c r="WVB696" s="613"/>
      <c r="WVC696" s="613"/>
      <c r="WVD696" s="613"/>
      <c r="WVE696" s="613"/>
      <c r="WVF696" s="613"/>
      <c r="WVG696" s="613"/>
      <c r="WVH696" s="613"/>
      <c r="WVI696" s="613"/>
      <c r="WVJ696" s="613"/>
      <c r="WVK696" s="613"/>
      <c r="WVL696" s="613"/>
      <c r="WVM696" s="613"/>
      <c r="WVN696" s="613"/>
      <c r="WVO696" s="613"/>
      <c r="WVP696" s="613"/>
      <c r="WVQ696" s="613"/>
      <c r="WVR696" s="613"/>
      <c r="WVS696" s="613"/>
      <c r="WVT696" s="613"/>
      <c r="WVU696" s="613"/>
      <c r="WVV696" s="613"/>
      <c r="WVW696" s="613"/>
      <c r="WVX696" s="613"/>
      <c r="WVY696" s="613"/>
      <c r="WVZ696" s="613"/>
      <c r="WWA696" s="613"/>
      <c r="WWB696" s="613"/>
      <c r="WWC696" s="613"/>
      <c r="WWD696" s="613"/>
      <c r="WWE696" s="613"/>
      <c r="WWF696" s="613"/>
      <c r="WWG696" s="613"/>
      <c r="WWH696" s="613"/>
      <c r="WWI696" s="613"/>
      <c r="WWJ696" s="613"/>
      <c r="WWK696" s="613"/>
      <c r="WWL696" s="613"/>
      <c r="WWM696" s="613"/>
      <c r="WWN696" s="613"/>
      <c r="WWO696" s="613"/>
      <c r="WWP696" s="613"/>
      <c r="WWQ696" s="613"/>
      <c r="WWR696" s="613"/>
      <c r="WWS696" s="613"/>
      <c r="WWT696" s="613"/>
      <c r="WWU696" s="613"/>
      <c r="WWV696" s="613"/>
      <c r="WWW696" s="613"/>
      <c r="WWX696" s="613"/>
      <c r="WWY696" s="613"/>
      <c r="WWZ696" s="613"/>
      <c r="WXA696" s="613"/>
      <c r="WXB696" s="613"/>
      <c r="WXC696" s="613"/>
      <c r="WXD696" s="613"/>
      <c r="WXE696" s="613"/>
      <c r="WXF696" s="613"/>
      <c r="WXG696" s="613"/>
      <c r="WXH696" s="613"/>
      <c r="WXI696" s="613"/>
      <c r="WXJ696" s="613"/>
      <c r="WXK696" s="613"/>
      <c r="WXL696" s="613"/>
      <c r="WXM696" s="613"/>
      <c r="WXN696" s="613"/>
      <c r="WXO696" s="613"/>
      <c r="WXP696" s="613"/>
      <c r="WXQ696" s="613"/>
      <c r="WXR696" s="613"/>
      <c r="WXS696" s="613"/>
      <c r="WXT696" s="613"/>
      <c r="WXU696" s="613"/>
      <c r="WXV696" s="613"/>
      <c r="WXW696" s="613"/>
      <c r="WXX696" s="613"/>
      <c r="WXY696" s="613"/>
      <c r="WXZ696" s="613"/>
      <c r="WYA696" s="613"/>
      <c r="WYB696" s="613"/>
      <c r="WYC696" s="613"/>
      <c r="WYD696" s="613"/>
      <c r="WYE696" s="613"/>
      <c r="WYF696" s="613"/>
      <c r="WYG696" s="613"/>
      <c r="WYH696" s="613"/>
      <c r="WYI696" s="613"/>
      <c r="WYJ696" s="613"/>
      <c r="WYK696" s="613"/>
      <c r="WYL696" s="613"/>
      <c r="WYM696" s="613"/>
      <c r="WYN696" s="613"/>
      <c r="WYO696" s="613"/>
      <c r="WYP696" s="613"/>
      <c r="WYQ696" s="613"/>
      <c r="WYR696" s="613"/>
      <c r="WYS696" s="613"/>
      <c r="WYT696" s="613"/>
      <c r="WYU696" s="613"/>
      <c r="WYV696" s="613"/>
      <c r="WYW696" s="613"/>
      <c r="WYX696" s="613"/>
      <c r="WYY696" s="613"/>
      <c r="WYZ696" s="613"/>
      <c r="WZA696" s="613"/>
      <c r="WZB696" s="613"/>
      <c r="WZC696" s="613"/>
      <c r="WZD696" s="613"/>
      <c r="WZE696" s="613"/>
      <c r="WZF696" s="613"/>
      <c r="WZG696" s="613"/>
      <c r="WZH696" s="613"/>
      <c r="WZI696" s="613"/>
      <c r="WZJ696" s="613"/>
      <c r="WZK696" s="613"/>
      <c r="WZL696" s="613"/>
      <c r="WZM696" s="613"/>
      <c r="WZN696" s="613"/>
      <c r="WZO696" s="613"/>
      <c r="WZP696" s="613"/>
      <c r="WZQ696" s="613"/>
      <c r="WZR696" s="613"/>
      <c r="WZS696" s="613"/>
      <c r="WZT696" s="613"/>
      <c r="WZU696" s="613"/>
      <c r="WZV696" s="613"/>
      <c r="WZW696" s="613"/>
      <c r="WZX696" s="613"/>
      <c r="WZY696" s="613"/>
      <c r="WZZ696" s="613"/>
      <c r="XAA696" s="613"/>
      <c r="XAB696" s="613"/>
      <c r="XAC696" s="613"/>
      <c r="XAD696" s="613"/>
      <c r="XAE696" s="613"/>
      <c r="XAF696" s="613"/>
      <c r="XAG696" s="613"/>
      <c r="XAH696" s="613"/>
      <c r="XAI696" s="613"/>
      <c r="XAJ696" s="613"/>
      <c r="XAK696" s="613"/>
      <c r="XAL696" s="613"/>
      <c r="XAM696" s="613"/>
      <c r="XAN696" s="613"/>
      <c r="XAO696" s="613"/>
      <c r="XAP696" s="613"/>
      <c r="XAQ696" s="613"/>
      <c r="XAR696" s="613"/>
      <c r="XAS696" s="613"/>
      <c r="XAT696" s="613"/>
      <c r="XAU696" s="613"/>
      <c r="XAV696" s="613"/>
      <c r="XAW696" s="613"/>
      <c r="XAX696" s="613"/>
      <c r="XAY696" s="613"/>
      <c r="XAZ696" s="613"/>
      <c r="XBA696" s="613"/>
      <c r="XBB696" s="613"/>
      <c r="XBC696" s="613"/>
      <c r="XBD696" s="613"/>
      <c r="XBE696" s="613"/>
      <c r="XBF696" s="613"/>
      <c r="XBG696" s="613"/>
      <c r="XBH696" s="613"/>
      <c r="XBI696" s="613"/>
      <c r="XBJ696" s="613"/>
      <c r="XBK696" s="613"/>
      <c r="XBL696" s="613"/>
      <c r="XBM696" s="613"/>
      <c r="XBN696" s="613"/>
      <c r="XBO696" s="613"/>
      <c r="XBP696" s="613"/>
      <c r="XBQ696" s="613"/>
      <c r="XBR696" s="613"/>
      <c r="XBS696" s="613"/>
      <c r="XBT696" s="613"/>
      <c r="XBU696" s="613"/>
      <c r="XBV696" s="613"/>
      <c r="XBW696" s="613"/>
      <c r="XBX696" s="613"/>
      <c r="XBY696" s="613"/>
      <c r="XBZ696" s="613"/>
      <c r="XCA696" s="613"/>
      <c r="XCB696" s="613"/>
      <c r="XCC696" s="613"/>
      <c r="XCD696" s="613"/>
      <c r="XCE696" s="613"/>
      <c r="XCF696" s="613"/>
      <c r="XCG696" s="613"/>
      <c r="XCH696" s="613"/>
      <c r="XCI696" s="613"/>
      <c r="XCJ696" s="613"/>
      <c r="XCK696" s="613"/>
      <c r="XCL696" s="613"/>
      <c r="XCM696" s="613"/>
      <c r="XCN696" s="613"/>
      <c r="XCO696" s="613"/>
      <c r="XCP696" s="613"/>
      <c r="XCQ696" s="613"/>
    </row>
    <row r="697" spans="1:16319" ht="56.1" customHeight="1" x14ac:dyDescent="0.2">
      <c r="A697" s="494"/>
      <c r="B697" s="499"/>
      <c r="C697" s="494"/>
      <c r="D697" s="481">
        <v>248</v>
      </c>
      <c r="E697" s="481"/>
      <c r="F697" s="481" t="s">
        <v>2481</v>
      </c>
      <c r="G697" s="482" t="s">
        <v>53</v>
      </c>
      <c r="H697" s="765" t="s">
        <v>329</v>
      </c>
      <c r="I697" s="654" t="s">
        <v>482</v>
      </c>
      <c r="J697" s="654" t="s">
        <v>483</v>
      </c>
      <c r="K697" s="495" t="s">
        <v>491</v>
      </c>
      <c r="L697" s="621"/>
      <c r="M697" s="484" t="s">
        <v>58</v>
      </c>
      <c r="N697" s="327" t="s">
        <v>1366</v>
      </c>
      <c r="O697" s="484" t="s">
        <v>2996</v>
      </c>
      <c r="P697" s="484" t="s">
        <v>81</v>
      </c>
      <c r="Q697" s="667" t="s">
        <v>334</v>
      </c>
      <c r="R697" s="484" t="s">
        <v>334</v>
      </c>
      <c r="S697" s="484" t="s">
        <v>225</v>
      </c>
      <c r="T697" s="484"/>
      <c r="U697" s="620" t="s">
        <v>63</v>
      </c>
      <c r="V697" s="620" t="s">
        <v>63</v>
      </c>
      <c r="W697" s="723">
        <v>56385</v>
      </c>
      <c r="X697" s="723"/>
      <c r="Y697" s="654" t="s">
        <v>226</v>
      </c>
      <c r="Z697" s="654"/>
      <c r="AA697" s="723">
        <v>56385</v>
      </c>
      <c r="AB697" s="652" t="s">
        <v>82</v>
      </c>
      <c r="AC697" s="652"/>
      <c r="AD697" s="496"/>
      <c r="AE697" s="496"/>
      <c r="AF697" s="496"/>
      <c r="AG697" s="496"/>
      <c r="AH697" s="496"/>
      <c r="AI697" s="496"/>
      <c r="AJ697" s="487" t="s">
        <v>66</v>
      </c>
      <c r="AK697" s="496"/>
      <c r="AL697" s="496"/>
      <c r="AM697" s="496"/>
      <c r="AN697" s="496"/>
      <c r="AO697" s="496"/>
      <c r="AP697" s="496"/>
      <c r="AQ697" s="496"/>
      <c r="AR697" s="496"/>
      <c r="AS697" s="496"/>
      <c r="AT697" s="496"/>
      <c r="AU697" s="487"/>
      <c r="AV697" s="487"/>
      <c r="AW697" s="487"/>
      <c r="AX697" s="487"/>
      <c r="AY697" s="487"/>
      <c r="AZ697" s="487"/>
      <c r="BA697" s="484"/>
      <c r="BB697" s="484" t="s">
        <v>485</v>
      </c>
      <c r="BC697" s="484" t="s">
        <v>3041</v>
      </c>
      <c r="BD697" s="494"/>
      <c r="BE697" s="494"/>
      <c r="BF697" s="613"/>
      <c r="BG697" s="613"/>
      <c r="BH697" s="613"/>
      <c r="BI697" s="613"/>
      <c r="BJ697" s="613"/>
      <c r="BK697" s="613"/>
      <c r="BL697" s="613"/>
      <c r="BM697" s="613"/>
      <c r="BN697" s="613"/>
      <c r="BO697" s="613"/>
      <c r="BP697" s="613"/>
      <c r="BQ697" s="613"/>
      <c r="BR697" s="613"/>
      <c r="BS697" s="613"/>
      <c r="BT697" s="613"/>
      <c r="BU697" s="613"/>
      <c r="BV697" s="613"/>
      <c r="BW697" s="613"/>
      <c r="BX697" s="613"/>
      <c r="BY697" s="613"/>
      <c r="BZ697" s="613"/>
      <c r="CA697" s="613"/>
      <c r="CB697" s="613"/>
      <c r="CC697" s="613"/>
      <c r="CD697" s="613"/>
      <c r="CE697" s="613"/>
      <c r="CF697" s="613"/>
      <c r="CG697" s="613"/>
      <c r="CH697" s="613"/>
      <c r="CI697" s="613"/>
      <c r="CJ697" s="613"/>
      <c r="CK697" s="613"/>
      <c r="CL697" s="613"/>
      <c r="CM697" s="613"/>
      <c r="CN697" s="613"/>
      <c r="CO697" s="613"/>
      <c r="CP697" s="613"/>
      <c r="CQ697" s="613"/>
      <c r="CR697" s="613"/>
      <c r="CS697" s="613"/>
      <c r="CT697" s="613"/>
      <c r="CU697" s="613"/>
      <c r="CV697" s="613"/>
      <c r="CW697" s="613"/>
      <c r="CX697" s="613"/>
      <c r="CY697" s="613"/>
      <c r="CZ697" s="613"/>
      <c r="DA697" s="613"/>
      <c r="DB697" s="613"/>
      <c r="DC697" s="613"/>
      <c r="DD697" s="613"/>
      <c r="DE697" s="613"/>
      <c r="DF697" s="613"/>
      <c r="DG697" s="613"/>
      <c r="DH697" s="613"/>
      <c r="DI697" s="613"/>
      <c r="DJ697" s="613"/>
      <c r="DK697" s="613"/>
      <c r="DL697" s="613"/>
      <c r="DM697" s="613"/>
      <c r="DN697" s="613"/>
      <c r="DO697" s="613"/>
      <c r="DP697" s="613"/>
      <c r="DQ697" s="613"/>
      <c r="DR697" s="613"/>
      <c r="DS697" s="613"/>
      <c r="DT697" s="613"/>
      <c r="DU697" s="613"/>
      <c r="DV697" s="613"/>
      <c r="DW697" s="613"/>
      <c r="DX697" s="613"/>
      <c r="DY697" s="613"/>
      <c r="DZ697" s="613"/>
      <c r="EA697" s="613"/>
      <c r="EB697" s="613"/>
      <c r="EC697" s="613"/>
      <c r="ED697" s="613"/>
      <c r="EE697" s="613"/>
      <c r="EF697" s="613"/>
      <c r="EG697" s="613"/>
      <c r="EH697" s="613"/>
      <c r="EI697" s="613"/>
      <c r="EJ697" s="613"/>
      <c r="EK697" s="613"/>
      <c r="EL697" s="613"/>
      <c r="EM697" s="613"/>
      <c r="EN697" s="613"/>
      <c r="EO697" s="613"/>
      <c r="EP697" s="613"/>
      <c r="EQ697" s="613"/>
      <c r="ER697" s="613"/>
      <c r="ES697" s="613"/>
      <c r="ET697" s="613"/>
      <c r="EU697" s="613"/>
      <c r="EV697" s="613"/>
      <c r="EW697" s="613"/>
      <c r="EX697" s="613"/>
      <c r="EY697" s="613"/>
      <c r="EZ697" s="613"/>
      <c r="FA697" s="613"/>
      <c r="FB697" s="613"/>
      <c r="FC697" s="613"/>
      <c r="FD697" s="613"/>
      <c r="FE697" s="613"/>
      <c r="FF697" s="613"/>
      <c r="FG697" s="613"/>
      <c r="FH697" s="613"/>
      <c r="FI697" s="613"/>
      <c r="FJ697" s="613"/>
      <c r="FK697" s="613"/>
      <c r="FL697" s="613"/>
      <c r="FM697" s="613"/>
      <c r="FN697" s="613"/>
      <c r="FO697" s="613"/>
      <c r="FP697" s="613"/>
      <c r="FQ697" s="613"/>
      <c r="FR697" s="613"/>
      <c r="FS697" s="613"/>
      <c r="FT697" s="613"/>
      <c r="FU697" s="613"/>
      <c r="FV697" s="613"/>
      <c r="FW697" s="613"/>
      <c r="FX697" s="613"/>
      <c r="FY697" s="613"/>
      <c r="FZ697" s="613"/>
      <c r="GA697" s="613"/>
      <c r="GB697" s="613"/>
      <c r="GC697" s="613"/>
      <c r="GD697" s="613"/>
      <c r="GE697" s="613"/>
      <c r="GF697" s="613"/>
      <c r="GG697" s="613"/>
      <c r="GH697" s="613"/>
      <c r="GI697" s="613"/>
      <c r="GJ697" s="613"/>
      <c r="GK697" s="613"/>
      <c r="GL697" s="613"/>
      <c r="GM697" s="613"/>
      <c r="GN697" s="613"/>
      <c r="GO697" s="613"/>
      <c r="GP697" s="613"/>
      <c r="GQ697" s="613"/>
      <c r="GR697" s="613"/>
      <c r="GS697" s="613"/>
      <c r="GT697" s="613"/>
      <c r="GU697" s="613"/>
      <c r="GV697" s="613"/>
      <c r="GW697" s="613"/>
      <c r="GX697" s="613"/>
      <c r="GY697" s="613"/>
      <c r="GZ697" s="613"/>
      <c r="HA697" s="613"/>
      <c r="HB697" s="613"/>
      <c r="HC697" s="613"/>
      <c r="HD697" s="613"/>
      <c r="HE697" s="613"/>
      <c r="HF697" s="613"/>
      <c r="HG697" s="613"/>
      <c r="HH697" s="613"/>
      <c r="HI697" s="613"/>
      <c r="HJ697" s="613"/>
      <c r="HK697" s="613"/>
      <c r="HL697" s="613"/>
      <c r="HM697" s="613"/>
      <c r="HN697" s="613"/>
      <c r="HO697" s="613"/>
      <c r="HP697" s="613"/>
      <c r="HQ697" s="613"/>
      <c r="HR697" s="613"/>
      <c r="HS697" s="613"/>
      <c r="HT697" s="613"/>
      <c r="HU697" s="613"/>
      <c r="HV697" s="613"/>
      <c r="HW697" s="613"/>
      <c r="HX697" s="613"/>
      <c r="HY697" s="613"/>
      <c r="HZ697" s="613"/>
      <c r="IA697" s="613"/>
      <c r="IB697" s="613"/>
      <c r="IC697" s="613"/>
      <c r="ID697" s="613"/>
      <c r="IE697" s="613"/>
      <c r="IF697" s="613"/>
      <c r="IG697" s="613"/>
      <c r="IH697" s="613"/>
      <c r="II697" s="613"/>
      <c r="IJ697" s="613"/>
      <c r="IK697" s="613"/>
      <c r="IL697" s="613"/>
      <c r="IM697" s="613"/>
      <c r="IN697" s="613"/>
      <c r="IO697" s="613"/>
      <c r="IP697" s="613"/>
      <c r="IQ697" s="613"/>
      <c r="IR697" s="613"/>
      <c r="IS697" s="613"/>
      <c r="IT697" s="613"/>
      <c r="IU697" s="613"/>
      <c r="IV697" s="613"/>
      <c r="IW697" s="613"/>
      <c r="IX697" s="613"/>
      <c r="IY697" s="613"/>
      <c r="IZ697" s="613"/>
      <c r="JA697" s="613"/>
      <c r="JB697" s="613"/>
      <c r="JC697" s="613"/>
      <c r="JD697" s="613"/>
      <c r="JE697" s="613"/>
      <c r="JF697" s="613"/>
      <c r="JG697" s="613"/>
      <c r="JH697" s="613"/>
      <c r="JI697" s="613"/>
      <c r="JJ697" s="613"/>
      <c r="JK697" s="613"/>
      <c r="JL697" s="613"/>
      <c r="JM697" s="613"/>
      <c r="JN697" s="613"/>
      <c r="JO697" s="613"/>
      <c r="JP697" s="613"/>
      <c r="JQ697" s="613"/>
      <c r="JR697" s="613"/>
      <c r="JS697" s="613"/>
      <c r="JT697" s="613"/>
      <c r="JU697" s="613"/>
      <c r="JV697" s="613"/>
      <c r="JW697" s="613"/>
      <c r="JX697" s="613"/>
      <c r="JY697" s="613"/>
      <c r="JZ697" s="613"/>
      <c r="KA697" s="613"/>
      <c r="KB697" s="613"/>
      <c r="KC697" s="613"/>
      <c r="KD697" s="613"/>
      <c r="KE697" s="613"/>
      <c r="KF697" s="613"/>
      <c r="KG697" s="613"/>
      <c r="KH697" s="613"/>
      <c r="KI697" s="613"/>
      <c r="KJ697" s="613"/>
      <c r="KK697" s="613"/>
      <c r="KL697" s="613"/>
      <c r="KM697" s="613"/>
      <c r="KN697" s="613"/>
      <c r="KO697" s="613"/>
      <c r="KP697" s="613"/>
      <c r="KQ697" s="613"/>
      <c r="KR697" s="613"/>
      <c r="KS697" s="613"/>
      <c r="KT697" s="613"/>
      <c r="KU697" s="613"/>
      <c r="KV697" s="613"/>
      <c r="KW697" s="613"/>
      <c r="KX697" s="613"/>
      <c r="KY697" s="613"/>
      <c r="KZ697" s="613"/>
      <c r="LA697" s="613"/>
      <c r="LB697" s="613"/>
      <c r="LC697" s="613"/>
      <c r="LD697" s="613"/>
      <c r="LE697" s="613"/>
      <c r="LF697" s="613"/>
      <c r="LG697" s="613"/>
      <c r="LH697" s="613"/>
      <c r="LI697" s="613"/>
      <c r="LJ697" s="613"/>
      <c r="LK697" s="613"/>
      <c r="LL697" s="613"/>
      <c r="LM697" s="613"/>
      <c r="LN697" s="613"/>
      <c r="LO697" s="613"/>
      <c r="LP697" s="613"/>
      <c r="LQ697" s="613"/>
      <c r="LR697" s="613"/>
      <c r="LS697" s="613"/>
      <c r="LT697" s="613"/>
      <c r="LU697" s="613"/>
      <c r="LV697" s="613"/>
      <c r="LW697" s="613"/>
      <c r="LX697" s="613"/>
      <c r="LY697" s="613"/>
      <c r="LZ697" s="613"/>
      <c r="MA697" s="613"/>
      <c r="MB697" s="613"/>
      <c r="MC697" s="613"/>
      <c r="MD697" s="613"/>
      <c r="ME697" s="613"/>
      <c r="MF697" s="613"/>
      <c r="MG697" s="613"/>
      <c r="MH697" s="613"/>
      <c r="MI697" s="613"/>
      <c r="MJ697" s="613"/>
      <c r="MK697" s="613"/>
      <c r="ML697" s="613"/>
      <c r="MM697" s="613"/>
      <c r="MN697" s="613"/>
      <c r="MO697" s="613"/>
      <c r="MP697" s="613"/>
      <c r="MQ697" s="613"/>
      <c r="MR697" s="613"/>
      <c r="MS697" s="613"/>
      <c r="MT697" s="613"/>
      <c r="MU697" s="613"/>
      <c r="MV697" s="613"/>
      <c r="MW697" s="613"/>
      <c r="MX697" s="613"/>
      <c r="MY697" s="613"/>
      <c r="MZ697" s="613"/>
      <c r="NA697" s="613"/>
      <c r="NB697" s="613"/>
      <c r="NC697" s="613"/>
      <c r="ND697" s="613"/>
      <c r="NE697" s="613"/>
      <c r="NF697" s="613"/>
      <c r="NG697" s="613"/>
      <c r="NH697" s="613"/>
      <c r="NI697" s="613"/>
      <c r="NJ697" s="613"/>
      <c r="NK697" s="613"/>
      <c r="NL697" s="613"/>
      <c r="NM697" s="613"/>
      <c r="NN697" s="613"/>
      <c r="NO697" s="613"/>
      <c r="NP697" s="613"/>
      <c r="NQ697" s="613"/>
      <c r="NR697" s="613"/>
      <c r="NS697" s="613"/>
      <c r="NT697" s="613"/>
      <c r="NU697" s="613"/>
      <c r="NV697" s="613"/>
      <c r="NW697" s="613"/>
      <c r="NX697" s="613"/>
      <c r="NY697" s="613"/>
      <c r="NZ697" s="613"/>
      <c r="OA697" s="613"/>
      <c r="OB697" s="613"/>
      <c r="OC697" s="613"/>
      <c r="OD697" s="613"/>
      <c r="OE697" s="613"/>
      <c r="OF697" s="613"/>
      <c r="OG697" s="613"/>
      <c r="OH697" s="613"/>
      <c r="OI697" s="613"/>
      <c r="OJ697" s="613"/>
      <c r="OK697" s="613"/>
      <c r="OL697" s="613"/>
      <c r="OM697" s="613"/>
      <c r="ON697" s="613"/>
      <c r="OO697" s="613"/>
      <c r="OP697" s="613"/>
      <c r="OQ697" s="613"/>
      <c r="OR697" s="613"/>
      <c r="OS697" s="613"/>
      <c r="OT697" s="613"/>
      <c r="OU697" s="613"/>
      <c r="OV697" s="613"/>
      <c r="OW697" s="613"/>
      <c r="OX697" s="613"/>
      <c r="OY697" s="613"/>
      <c r="OZ697" s="613"/>
      <c r="PA697" s="613"/>
      <c r="PB697" s="613"/>
      <c r="PC697" s="613"/>
      <c r="PD697" s="613"/>
      <c r="PE697" s="613"/>
      <c r="PF697" s="613"/>
      <c r="PG697" s="613"/>
      <c r="PH697" s="613"/>
      <c r="PI697" s="613"/>
      <c r="PJ697" s="613"/>
      <c r="PK697" s="613"/>
      <c r="PL697" s="613"/>
      <c r="PM697" s="613"/>
      <c r="PN697" s="613"/>
      <c r="PO697" s="613"/>
      <c r="PP697" s="613"/>
      <c r="PQ697" s="613"/>
      <c r="PR697" s="613"/>
      <c r="PS697" s="613"/>
      <c r="PT697" s="613"/>
      <c r="PU697" s="613"/>
      <c r="PV697" s="613"/>
      <c r="PW697" s="613"/>
      <c r="PX697" s="613"/>
      <c r="PY697" s="613"/>
      <c r="PZ697" s="613"/>
      <c r="QA697" s="613"/>
      <c r="QB697" s="613"/>
      <c r="QC697" s="613"/>
      <c r="QD697" s="613"/>
      <c r="QE697" s="613"/>
      <c r="QF697" s="613"/>
      <c r="QG697" s="613"/>
      <c r="QH697" s="613"/>
      <c r="QI697" s="613"/>
      <c r="QJ697" s="613"/>
      <c r="QK697" s="613"/>
      <c r="QL697" s="613"/>
      <c r="QM697" s="613"/>
      <c r="QN697" s="613"/>
      <c r="QO697" s="613"/>
      <c r="QP697" s="613"/>
      <c r="QQ697" s="613"/>
      <c r="QR697" s="613"/>
      <c r="QS697" s="613"/>
      <c r="QT697" s="613"/>
      <c r="QU697" s="613"/>
      <c r="QV697" s="613"/>
      <c r="QW697" s="613"/>
      <c r="QX697" s="613"/>
      <c r="QY697" s="613"/>
      <c r="QZ697" s="613"/>
      <c r="RA697" s="613"/>
      <c r="RB697" s="613"/>
      <c r="RC697" s="613"/>
      <c r="RD697" s="613"/>
      <c r="RE697" s="613"/>
      <c r="RF697" s="613"/>
      <c r="RG697" s="613"/>
      <c r="RH697" s="613"/>
      <c r="RI697" s="613"/>
      <c r="RJ697" s="613"/>
      <c r="RK697" s="613"/>
      <c r="RL697" s="613"/>
      <c r="RM697" s="613"/>
      <c r="RN697" s="613"/>
      <c r="RO697" s="613"/>
      <c r="RP697" s="613"/>
      <c r="RQ697" s="613"/>
      <c r="RR697" s="613"/>
      <c r="RS697" s="613"/>
      <c r="RT697" s="613"/>
      <c r="RU697" s="613"/>
      <c r="RV697" s="613"/>
      <c r="RW697" s="613"/>
      <c r="RX697" s="613"/>
      <c r="RY697" s="613"/>
      <c r="RZ697" s="613"/>
      <c r="SA697" s="613"/>
      <c r="SB697" s="613"/>
      <c r="SC697" s="613"/>
      <c r="SD697" s="613"/>
      <c r="SE697" s="613"/>
      <c r="SF697" s="613"/>
      <c r="SG697" s="613"/>
      <c r="SH697" s="613"/>
      <c r="SI697" s="613"/>
      <c r="SJ697" s="613"/>
      <c r="SK697" s="613"/>
      <c r="SL697" s="613"/>
      <c r="SM697" s="613"/>
      <c r="SN697" s="613"/>
      <c r="SO697" s="613"/>
      <c r="SP697" s="613"/>
      <c r="SQ697" s="613"/>
      <c r="SR697" s="613"/>
      <c r="SS697" s="613"/>
      <c r="ST697" s="613"/>
      <c r="SU697" s="613"/>
      <c r="SV697" s="613"/>
      <c r="SW697" s="613"/>
      <c r="SX697" s="613"/>
      <c r="SY697" s="613"/>
      <c r="SZ697" s="613"/>
      <c r="TA697" s="613"/>
      <c r="TB697" s="613"/>
      <c r="TC697" s="613"/>
      <c r="TD697" s="613"/>
      <c r="TE697" s="613"/>
      <c r="TF697" s="613"/>
      <c r="TG697" s="613"/>
      <c r="TH697" s="613"/>
      <c r="TI697" s="613"/>
      <c r="TJ697" s="613"/>
      <c r="TK697" s="613"/>
      <c r="TL697" s="613"/>
      <c r="TM697" s="613"/>
      <c r="TN697" s="613"/>
      <c r="TO697" s="613"/>
      <c r="TP697" s="613"/>
      <c r="TQ697" s="613"/>
      <c r="TR697" s="613"/>
      <c r="TS697" s="613"/>
      <c r="TT697" s="613"/>
      <c r="TU697" s="613"/>
      <c r="TV697" s="613"/>
      <c r="TW697" s="613"/>
      <c r="TX697" s="613"/>
      <c r="TY697" s="613"/>
      <c r="TZ697" s="613"/>
      <c r="UA697" s="613"/>
      <c r="UB697" s="613"/>
      <c r="UC697" s="613"/>
      <c r="UD697" s="613"/>
      <c r="UE697" s="613"/>
      <c r="UF697" s="613"/>
      <c r="UG697" s="613"/>
      <c r="UH697" s="613"/>
      <c r="UI697" s="613"/>
      <c r="UJ697" s="613"/>
      <c r="UK697" s="613"/>
      <c r="UL697" s="613"/>
      <c r="UM697" s="613"/>
      <c r="UN697" s="613"/>
      <c r="UO697" s="613"/>
      <c r="UP697" s="613"/>
      <c r="UQ697" s="613"/>
      <c r="UR697" s="613"/>
      <c r="US697" s="613"/>
      <c r="UT697" s="613"/>
      <c r="UU697" s="613"/>
      <c r="UV697" s="613"/>
      <c r="UW697" s="613"/>
      <c r="UX697" s="613"/>
      <c r="UY697" s="613"/>
      <c r="UZ697" s="613"/>
      <c r="VA697" s="613"/>
      <c r="VB697" s="613"/>
      <c r="VC697" s="613"/>
      <c r="VD697" s="613"/>
      <c r="VE697" s="613"/>
      <c r="VF697" s="613"/>
      <c r="VG697" s="613"/>
      <c r="VH697" s="613"/>
      <c r="VI697" s="613"/>
      <c r="VJ697" s="613"/>
      <c r="VK697" s="613"/>
      <c r="VL697" s="613"/>
      <c r="VM697" s="613"/>
      <c r="VN697" s="613"/>
      <c r="VO697" s="613"/>
      <c r="VP697" s="613"/>
      <c r="VQ697" s="613"/>
      <c r="VR697" s="613"/>
      <c r="VS697" s="613"/>
      <c r="VT697" s="613"/>
      <c r="VU697" s="613"/>
      <c r="VV697" s="613"/>
      <c r="VW697" s="613"/>
      <c r="VX697" s="613"/>
      <c r="VY697" s="613"/>
      <c r="VZ697" s="613"/>
      <c r="WA697" s="613"/>
      <c r="WB697" s="613"/>
      <c r="WC697" s="613"/>
      <c r="WD697" s="613"/>
      <c r="WE697" s="613"/>
      <c r="WF697" s="613"/>
      <c r="WG697" s="613"/>
      <c r="WH697" s="613"/>
      <c r="WI697" s="613"/>
      <c r="WJ697" s="613"/>
      <c r="WK697" s="613"/>
      <c r="WL697" s="613"/>
      <c r="WM697" s="613"/>
      <c r="WN697" s="613"/>
      <c r="WO697" s="613"/>
      <c r="WP697" s="613"/>
      <c r="WQ697" s="613"/>
      <c r="WR697" s="613"/>
      <c r="WS697" s="613"/>
      <c r="WT697" s="613"/>
      <c r="WU697" s="613"/>
      <c r="WV697" s="613"/>
      <c r="WW697" s="613"/>
      <c r="WX697" s="613"/>
      <c r="WY697" s="613"/>
      <c r="WZ697" s="613"/>
      <c r="XA697" s="613"/>
      <c r="XB697" s="613"/>
      <c r="XC697" s="613"/>
      <c r="XD697" s="613"/>
      <c r="XE697" s="613"/>
      <c r="XF697" s="613"/>
      <c r="XG697" s="613"/>
      <c r="XH697" s="613"/>
      <c r="XI697" s="613"/>
      <c r="XJ697" s="613"/>
      <c r="XK697" s="613"/>
      <c r="XL697" s="613"/>
      <c r="XM697" s="613"/>
      <c r="XN697" s="613"/>
      <c r="XO697" s="613"/>
      <c r="XP697" s="613"/>
      <c r="XQ697" s="613"/>
      <c r="XR697" s="613"/>
      <c r="XS697" s="613"/>
      <c r="XT697" s="613"/>
      <c r="XU697" s="613"/>
      <c r="XV697" s="613"/>
      <c r="XW697" s="613"/>
      <c r="XX697" s="613"/>
      <c r="XY697" s="613"/>
      <c r="XZ697" s="613"/>
      <c r="YA697" s="613"/>
      <c r="YB697" s="613"/>
      <c r="YC697" s="613"/>
      <c r="YD697" s="613"/>
      <c r="YE697" s="613"/>
      <c r="YF697" s="613"/>
      <c r="YG697" s="613"/>
      <c r="YH697" s="613"/>
      <c r="YI697" s="613"/>
      <c r="YJ697" s="613"/>
      <c r="YK697" s="613"/>
      <c r="YL697" s="613"/>
      <c r="YM697" s="613"/>
      <c r="YN697" s="613"/>
      <c r="YO697" s="613"/>
      <c r="YP697" s="613"/>
      <c r="YQ697" s="613"/>
      <c r="YR697" s="613"/>
      <c r="YS697" s="613"/>
      <c r="YT697" s="613"/>
      <c r="YU697" s="613"/>
      <c r="YV697" s="613"/>
      <c r="YW697" s="613"/>
      <c r="YX697" s="613"/>
      <c r="YY697" s="613"/>
      <c r="YZ697" s="613"/>
      <c r="ZA697" s="613"/>
      <c r="ZB697" s="613"/>
      <c r="ZC697" s="613"/>
      <c r="ZD697" s="613"/>
      <c r="ZE697" s="613"/>
      <c r="ZF697" s="613"/>
      <c r="ZG697" s="613"/>
      <c r="ZH697" s="613"/>
      <c r="ZI697" s="613"/>
      <c r="ZJ697" s="613"/>
      <c r="ZK697" s="613"/>
      <c r="ZL697" s="613"/>
      <c r="ZM697" s="613"/>
      <c r="ZN697" s="613"/>
      <c r="ZO697" s="613"/>
      <c r="ZP697" s="613"/>
      <c r="ZQ697" s="613"/>
      <c r="ZR697" s="613"/>
      <c r="ZS697" s="613"/>
      <c r="ZT697" s="613"/>
      <c r="ZU697" s="613"/>
      <c r="ZV697" s="613"/>
      <c r="ZW697" s="613"/>
      <c r="ZX697" s="613"/>
      <c r="ZY697" s="613"/>
      <c r="ZZ697" s="613"/>
      <c r="AAA697" s="613"/>
      <c r="AAB697" s="613"/>
      <c r="AAC697" s="613"/>
      <c r="AAD697" s="613"/>
      <c r="AAE697" s="613"/>
      <c r="AAF697" s="613"/>
      <c r="AAG697" s="613"/>
      <c r="AAH697" s="613"/>
      <c r="AAI697" s="613"/>
      <c r="AAJ697" s="613"/>
      <c r="AAK697" s="613"/>
      <c r="AAL697" s="613"/>
      <c r="AAM697" s="613"/>
      <c r="AAN697" s="613"/>
      <c r="AAO697" s="613"/>
      <c r="AAP697" s="613"/>
      <c r="AAQ697" s="613"/>
      <c r="AAR697" s="613"/>
      <c r="AAS697" s="613"/>
      <c r="AAT697" s="613"/>
      <c r="AAU697" s="613"/>
      <c r="AAV697" s="613"/>
      <c r="AAW697" s="613"/>
      <c r="AAX697" s="613"/>
      <c r="AAY697" s="613"/>
      <c r="AAZ697" s="613"/>
      <c r="ABA697" s="613"/>
      <c r="ABB697" s="613"/>
      <c r="ABC697" s="613"/>
      <c r="ABD697" s="613"/>
      <c r="ABE697" s="613"/>
      <c r="ABF697" s="613"/>
      <c r="ABG697" s="613"/>
      <c r="ABH697" s="613"/>
      <c r="ABI697" s="613"/>
      <c r="ABJ697" s="613"/>
      <c r="ABK697" s="613"/>
      <c r="ABL697" s="613"/>
      <c r="ABM697" s="613"/>
      <c r="ABN697" s="613"/>
      <c r="ABO697" s="613"/>
      <c r="ABP697" s="613"/>
      <c r="ABQ697" s="613"/>
      <c r="ABR697" s="613"/>
      <c r="ABS697" s="613"/>
      <c r="ABT697" s="613"/>
      <c r="ABU697" s="613"/>
      <c r="ABV697" s="613"/>
      <c r="ABW697" s="613"/>
      <c r="ABX697" s="613"/>
      <c r="ABY697" s="613"/>
      <c r="ABZ697" s="613"/>
      <c r="ACA697" s="613"/>
      <c r="ACB697" s="613"/>
      <c r="ACC697" s="613"/>
      <c r="ACD697" s="613"/>
      <c r="ACE697" s="613"/>
      <c r="ACF697" s="613"/>
      <c r="ACG697" s="613"/>
      <c r="ACH697" s="613"/>
      <c r="ACI697" s="613"/>
      <c r="ACJ697" s="613"/>
      <c r="ACK697" s="613"/>
      <c r="ACL697" s="613"/>
      <c r="ACM697" s="613"/>
      <c r="ACN697" s="613"/>
      <c r="ACO697" s="613"/>
      <c r="ACP697" s="613"/>
      <c r="ACQ697" s="613"/>
      <c r="ACR697" s="613"/>
      <c r="ACS697" s="613"/>
      <c r="ACT697" s="613"/>
      <c r="ACU697" s="613"/>
      <c r="ACV697" s="613"/>
      <c r="ACW697" s="613"/>
      <c r="ACX697" s="613"/>
      <c r="ACY697" s="613"/>
      <c r="ACZ697" s="613"/>
      <c r="ADA697" s="613"/>
      <c r="ADB697" s="613"/>
      <c r="ADC697" s="613"/>
      <c r="ADD697" s="613"/>
      <c r="ADE697" s="613"/>
      <c r="ADF697" s="613"/>
      <c r="ADG697" s="613"/>
      <c r="ADH697" s="613"/>
      <c r="ADI697" s="613"/>
      <c r="ADJ697" s="613"/>
      <c r="ADK697" s="613"/>
      <c r="ADL697" s="613"/>
      <c r="ADM697" s="613"/>
      <c r="ADN697" s="613"/>
      <c r="ADO697" s="613"/>
      <c r="ADP697" s="613"/>
      <c r="ADQ697" s="613"/>
      <c r="ADR697" s="613"/>
      <c r="ADS697" s="613"/>
      <c r="ADT697" s="613"/>
      <c r="ADU697" s="613"/>
      <c r="ADV697" s="613"/>
      <c r="ADW697" s="613"/>
      <c r="ADX697" s="613"/>
      <c r="ADY697" s="613"/>
      <c r="ADZ697" s="613"/>
      <c r="AEA697" s="613"/>
      <c r="AEB697" s="613"/>
      <c r="AEC697" s="613"/>
      <c r="AED697" s="613"/>
      <c r="AEE697" s="613"/>
      <c r="AEF697" s="613"/>
      <c r="AEG697" s="613"/>
      <c r="AEH697" s="613"/>
      <c r="AEI697" s="613"/>
      <c r="AEJ697" s="613"/>
      <c r="AEK697" s="613"/>
      <c r="AEL697" s="613"/>
      <c r="AEM697" s="613"/>
      <c r="AEN697" s="613"/>
      <c r="AEO697" s="613"/>
      <c r="AEP697" s="613"/>
      <c r="AEQ697" s="613"/>
      <c r="AER697" s="613"/>
      <c r="AES697" s="613"/>
      <c r="AET697" s="613"/>
      <c r="AEU697" s="613"/>
      <c r="AEV697" s="613"/>
      <c r="AEW697" s="613"/>
      <c r="AEX697" s="613"/>
      <c r="AEY697" s="613"/>
      <c r="AEZ697" s="613"/>
      <c r="AFA697" s="613"/>
      <c r="AFB697" s="613"/>
      <c r="AFC697" s="613"/>
      <c r="AFD697" s="613"/>
      <c r="AFE697" s="613"/>
      <c r="AFF697" s="613"/>
      <c r="AFG697" s="613"/>
      <c r="AFH697" s="613"/>
      <c r="AFI697" s="613"/>
      <c r="AFJ697" s="613"/>
      <c r="AFK697" s="613"/>
      <c r="AFL697" s="613"/>
      <c r="AFM697" s="613"/>
      <c r="AFN697" s="613"/>
      <c r="AFO697" s="613"/>
      <c r="AFP697" s="613"/>
      <c r="AFQ697" s="613"/>
      <c r="AFR697" s="613"/>
      <c r="AFS697" s="613"/>
      <c r="AFT697" s="613"/>
      <c r="AFU697" s="613"/>
      <c r="AFV697" s="613"/>
      <c r="AFW697" s="613"/>
      <c r="AFX697" s="613"/>
      <c r="AFY697" s="613"/>
      <c r="AFZ697" s="613"/>
      <c r="AGA697" s="613"/>
      <c r="AGB697" s="613"/>
      <c r="AGC697" s="613"/>
      <c r="AGD697" s="613"/>
      <c r="AGE697" s="613"/>
      <c r="AGF697" s="613"/>
      <c r="AGG697" s="613"/>
      <c r="AGH697" s="613"/>
      <c r="AGI697" s="613"/>
      <c r="AGJ697" s="613"/>
      <c r="AGK697" s="613"/>
      <c r="AGL697" s="613"/>
      <c r="AGM697" s="613"/>
      <c r="AGN697" s="613"/>
      <c r="AGO697" s="613"/>
      <c r="AGP697" s="613"/>
      <c r="AGQ697" s="613"/>
      <c r="AGR697" s="613"/>
      <c r="AGS697" s="613"/>
      <c r="AGT697" s="613"/>
      <c r="AGU697" s="613"/>
      <c r="AGV697" s="613"/>
      <c r="AGW697" s="613"/>
      <c r="AGX697" s="613"/>
      <c r="AGY697" s="613"/>
      <c r="AGZ697" s="613"/>
      <c r="AHA697" s="613"/>
      <c r="AHB697" s="613"/>
      <c r="AHC697" s="613"/>
      <c r="AHD697" s="613"/>
      <c r="AHE697" s="613"/>
      <c r="AHF697" s="613"/>
      <c r="AHG697" s="613"/>
      <c r="AHH697" s="613"/>
      <c r="AHI697" s="613"/>
      <c r="AHJ697" s="613"/>
      <c r="AHK697" s="613"/>
      <c r="AHL697" s="613"/>
      <c r="AHM697" s="613"/>
      <c r="AHN697" s="613"/>
      <c r="AHO697" s="613"/>
      <c r="AHP697" s="613"/>
      <c r="AHQ697" s="613"/>
      <c r="AHR697" s="613"/>
      <c r="AHS697" s="613"/>
      <c r="AHT697" s="613"/>
      <c r="AHU697" s="613"/>
      <c r="AHV697" s="613"/>
      <c r="AHW697" s="613"/>
      <c r="AHX697" s="613"/>
      <c r="AHY697" s="613"/>
      <c r="AHZ697" s="613"/>
      <c r="AIA697" s="613"/>
      <c r="AIB697" s="613"/>
      <c r="AIC697" s="613"/>
      <c r="AID697" s="613"/>
      <c r="AIE697" s="613"/>
      <c r="AIF697" s="613"/>
      <c r="AIG697" s="613"/>
      <c r="AIH697" s="613"/>
      <c r="AII697" s="613"/>
      <c r="AIJ697" s="613"/>
      <c r="AIK697" s="613"/>
      <c r="AIL697" s="613"/>
      <c r="AIM697" s="613"/>
      <c r="AIN697" s="613"/>
      <c r="AIO697" s="613"/>
      <c r="AIP697" s="613"/>
      <c r="AIQ697" s="613"/>
      <c r="AIR697" s="613"/>
      <c r="AIS697" s="613"/>
      <c r="AIT697" s="613"/>
      <c r="AIU697" s="613"/>
      <c r="AIV697" s="613"/>
      <c r="AIW697" s="613"/>
      <c r="AIX697" s="613"/>
      <c r="AIY697" s="613"/>
      <c r="AIZ697" s="613"/>
      <c r="AJA697" s="613"/>
      <c r="AJB697" s="613"/>
      <c r="AJC697" s="613"/>
      <c r="AJD697" s="613"/>
      <c r="AJE697" s="613"/>
      <c r="AJF697" s="613"/>
      <c r="AJG697" s="613"/>
      <c r="AJH697" s="613"/>
      <c r="AJI697" s="613"/>
      <c r="AJJ697" s="613"/>
      <c r="AJK697" s="613"/>
      <c r="AJL697" s="613"/>
      <c r="AJM697" s="613"/>
      <c r="AJN697" s="613"/>
      <c r="AJO697" s="613"/>
      <c r="AJP697" s="613"/>
      <c r="AJQ697" s="613"/>
      <c r="AJR697" s="613"/>
      <c r="AJS697" s="613"/>
      <c r="AJT697" s="613"/>
      <c r="AJU697" s="613"/>
      <c r="AJV697" s="613"/>
      <c r="AJW697" s="613"/>
      <c r="AJX697" s="613"/>
      <c r="AJY697" s="613"/>
      <c r="AJZ697" s="613"/>
      <c r="AKA697" s="613"/>
      <c r="AKB697" s="613"/>
      <c r="AKC697" s="613"/>
      <c r="AKD697" s="613"/>
      <c r="AKE697" s="613"/>
      <c r="AKF697" s="613"/>
      <c r="AKG697" s="613"/>
      <c r="AKH697" s="613"/>
      <c r="AKI697" s="613"/>
      <c r="AKJ697" s="613"/>
      <c r="AKK697" s="613"/>
      <c r="AKL697" s="613"/>
      <c r="AKM697" s="613"/>
      <c r="AKN697" s="613"/>
      <c r="AKO697" s="613"/>
      <c r="AKP697" s="613"/>
      <c r="AKQ697" s="613"/>
      <c r="AKR697" s="613"/>
      <c r="AKS697" s="613"/>
      <c r="AKT697" s="613"/>
      <c r="AKU697" s="613"/>
      <c r="AKV697" s="613"/>
      <c r="AKW697" s="613"/>
      <c r="AKX697" s="613"/>
      <c r="AKY697" s="613"/>
      <c r="AKZ697" s="613"/>
      <c r="ALA697" s="613"/>
      <c r="ALB697" s="613"/>
      <c r="ALC697" s="613"/>
      <c r="ALD697" s="613"/>
      <c r="ALE697" s="613"/>
      <c r="ALF697" s="613"/>
      <c r="ALG697" s="613"/>
      <c r="ALH697" s="613"/>
      <c r="ALI697" s="613"/>
      <c r="ALJ697" s="613"/>
      <c r="ALK697" s="613"/>
      <c r="ALL697" s="613"/>
      <c r="ALM697" s="613"/>
      <c r="ALN697" s="613"/>
      <c r="ALO697" s="613"/>
      <c r="ALP697" s="613"/>
      <c r="ALQ697" s="613"/>
      <c r="ALR697" s="613"/>
      <c r="ALS697" s="613"/>
      <c r="ALT697" s="613"/>
      <c r="ALU697" s="613"/>
      <c r="ALV697" s="613"/>
      <c r="ALW697" s="613"/>
      <c r="ALX697" s="613"/>
      <c r="ALY697" s="613"/>
      <c r="ALZ697" s="613"/>
      <c r="AMA697" s="613"/>
      <c r="AMB697" s="613"/>
      <c r="AMC697" s="613"/>
      <c r="AMD697" s="613"/>
      <c r="AME697" s="613"/>
      <c r="AMF697" s="613"/>
      <c r="AMG697" s="613"/>
      <c r="AMH697" s="613"/>
      <c r="AMI697" s="613"/>
      <c r="AMJ697" s="613"/>
      <c r="AMK697" s="613"/>
      <c r="AML697" s="613"/>
      <c r="AMM697" s="613"/>
      <c r="AMN697" s="613"/>
      <c r="AMO697" s="613"/>
      <c r="AMP697" s="613"/>
      <c r="AMQ697" s="613"/>
      <c r="AMR697" s="613"/>
      <c r="AMS697" s="613"/>
      <c r="AMT697" s="613"/>
      <c r="AMU697" s="613"/>
      <c r="AMV697" s="613"/>
      <c r="AMW697" s="613"/>
      <c r="AMX697" s="613"/>
      <c r="AMY697" s="613"/>
      <c r="AMZ697" s="613"/>
      <c r="ANA697" s="613"/>
      <c r="ANB697" s="613"/>
      <c r="ANC697" s="613"/>
      <c r="AND697" s="613"/>
      <c r="ANE697" s="613"/>
      <c r="ANF697" s="613"/>
      <c r="ANG697" s="613"/>
      <c r="ANH697" s="613"/>
      <c r="ANI697" s="613"/>
      <c r="ANJ697" s="613"/>
      <c r="ANK697" s="613"/>
      <c r="ANL697" s="613"/>
      <c r="ANM697" s="613"/>
      <c r="ANN697" s="613"/>
      <c r="ANO697" s="613"/>
      <c r="ANP697" s="613"/>
      <c r="ANQ697" s="613"/>
      <c r="ANR697" s="613"/>
      <c r="ANS697" s="613"/>
      <c r="ANT697" s="613"/>
      <c r="ANU697" s="613"/>
      <c r="ANV697" s="613"/>
      <c r="ANW697" s="613"/>
      <c r="ANX697" s="613"/>
      <c r="ANY697" s="613"/>
      <c r="ANZ697" s="613"/>
      <c r="AOA697" s="613"/>
      <c r="AOB697" s="613"/>
      <c r="AOC697" s="613"/>
      <c r="AOD697" s="613"/>
      <c r="AOE697" s="613"/>
      <c r="AOF697" s="613"/>
      <c r="AOG697" s="613"/>
      <c r="AOH697" s="613"/>
      <c r="AOI697" s="613"/>
      <c r="AOJ697" s="613"/>
      <c r="AOK697" s="613"/>
      <c r="AOL697" s="613"/>
      <c r="AOM697" s="613"/>
      <c r="AON697" s="613"/>
      <c r="AOO697" s="613"/>
      <c r="AOP697" s="613"/>
      <c r="AOQ697" s="613"/>
      <c r="AOR697" s="613"/>
      <c r="AOS697" s="613"/>
      <c r="AOT697" s="613"/>
      <c r="AOU697" s="613"/>
      <c r="AOV697" s="613"/>
      <c r="AOW697" s="613"/>
      <c r="AOX697" s="613"/>
      <c r="AOY697" s="613"/>
      <c r="AOZ697" s="613"/>
      <c r="APA697" s="613"/>
      <c r="APB697" s="613"/>
      <c r="APC697" s="613"/>
      <c r="APD697" s="613"/>
      <c r="APE697" s="613"/>
      <c r="APF697" s="613"/>
      <c r="APG697" s="613"/>
      <c r="APH697" s="613"/>
      <c r="API697" s="613"/>
      <c r="APJ697" s="613"/>
      <c r="APK697" s="613"/>
      <c r="APL697" s="613"/>
      <c r="APM697" s="613"/>
      <c r="APN697" s="613"/>
      <c r="APO697" s="613"/>
      <c r="APP697" s="613"/>
      <c r="APQ697" s="613"/>
      <c r="APR697" s="613"/>
      <c r="APS697" s="613"/>
      <c r="APT697" s="613"/>
      <c r="APU697" s="613"/>
      <c r="APV697" s="613"/>
      <c r="APW697" s="613"/>
      <c r="APX697" s="613"/>
      <c r="APY697" s="613"/>
      <c r="APZ697" s="613"/>
      <c r="AQA697" s="613"/>
      <c r="AQB697" s="613"/>
      <c r="AQC697" s="613"/>
      <c r="AQD697" s="613"/>
      <c r="AQE697" s="613"/>
      <c r="AQF697" s="613"/>
      <c r="AQG697" s="613"/>
      <c r="AQH697" s="613"/>
      <c r="AQI697" s="613"/>
      <c r="AQJ697" s="613"/>
      <c r="AQK697" s="613"/>
      <c r="AQL697" s="613"/>
      <c r="AQM697" s="613"/>
      <c r="AQN697" s="613"/>
      <c r="AQO697" s="613"/>
      <c r="AQP697" s="613"/>
      <c r="AQQ697" s="613"/>
      <c r="AQR697" s="613"/>
      <c r="AQS697" s="613"/>
      <c r="AQT697" s="613"/>
      <c r="AQU697" s="613"/>
      <c r="AQV697" s="613"/>
      <c r="AQW697" s="613"/>
      <c r="AQX697" s="613"/>
      <c r="AQY697" s="613"/>
      <c r="AQZ697" s="613"/>
      <c r="ARA697" s="613"/>
      <c r="ARB697" s="613"/>
      <c r="ARC697" s="613"/>
      <c r="ARD697" s="613"/>
      <c r="ARE697" s="613"/>
      <c r="ARF697" s="613"/>
      <c r="ARG697" s="613"/>
      <c r="ARH697" s="613"/>
      <c r="ARI697" s="613"/>
      <c r="ARJ697" s="613"/>
      <c r="ARK697" s="613"/>
      <c r="ARL697" s="613"/>
      <c r="ARM697" s="613"/>
      <c r="ARN697" s="613"/>
      <c r="ARO697" s="613"/>
      <c r="ARP697" s="613"/>
      <c r="ARQ697" s="613"/>
      <c r="ARR697" s="613"/>
      <c r="ARS697" s="613"/>
      <c r="ART697" s="613"/>
      <c r="ARU697" s="613"/>
      <c r="ARV697" s="613"/>
      <c r="ARW697" s="613"/>
      <c r="ARX697" s="613"/>
      <c r="ARY697" s="613"/>
      <c r="ARZ697" s="613"/>
      <c r="ASA697" s="613"/>
      <c r="ASB697" s="613"/>
      <c r="ASC697" s="613"/>
      <c r="ASD697" s="613"/>
      <c r="ASE697" s="613"/>
      <c r="ASF697" s="613"/>
      <c r="ASG697" s="613"/>
      <c r="ASH697" s="613"/>
      <c r="ASI697" s="613"/>
      <c r="ASJ697" s="613"/>
      <c r="ASK697" s="613"/>
      <c r="ASL697" s="613"/>
      <c r="ASM697" s="613"/>
      <c r="ASN697" s="613"/>
      <c r="ASO697" s="613"/>
      <c r="ASP697" s="613"/>
      <c r="ASQ697" s="613"/>
      <c r="ASR697" s="613"/>
      <c r="ASS697" s="613"/>
      <c r="AST697" s="613"/>
      <c r="ASU697" s="613"/>
      <c r="ASV697" s="613"/>
      <c r="ASW697" s="613"/>
      <c r="ASX697" s="613"/>
      <c r="ASY697" s="613"/>
      <c r="ASZ697" s="613"/>
      <c r="ATA697" s="613"/>
      <c r="ATB697" s="613"/>
      <c r="ATC697" s="613"/>
      <c r="ATD697" s="613"/>
      <c r="ATE697" s="613"/>
      <c r="ATF697" s="613"/>
      <c r="ATG697" s="613"/>
      <c r="ATH697" s="613"/>
      <c r="ATI697" s="613"/>
      <c r="ATJ697" s="613"/>
      <c r="ATK697" s="613"/>
      <c r="ATL697" s="613"/>
      <c r="ATM697" s="613"/>
      <c r="ATN697" s="613"/>
      <c r="ATO697" s="613"/>
      <c r="ATP697" s="613"/>
      <c r="ATQ697" s="613"/>
      <c r="ATR697" s="613"/>
      <c r="ATS697" s="613"/>
      <c r="ATT697" s="613"/>
      <c r="ATU697" s="613"/>
      <c r="ATV697" s="613"/>
      <c r="ATW697" s="613"/>
      <c r="ATX697" s="613"/>
      <c r="ATY697" s="613"/>
      <c r="ATZ697" s="613"/>
      <c r="AUA697" s="613"/>
      <c r="AUB697" s="613"/>
      <c r="AUC697" s="613"/>
      <c r="AUD697" s="613"/>
      <c r="AUE697" s="613"/>
      <c r="AUF697" s="613"/>
      <c r="AUG697" s="613"/>
      <c r="AUH697" s="613"/>
      <c r="AUI697" s="613"/>
      <c r="AUJ697" s="613"/>
      <c r="AUK697" s="613"/>
      <c r="AUL697" s="613"/>
      <c r="AUM697" s="613"/>
      <c r="AUN697" s="613"/>
      <c r="AUO697" s="613"/>
      <c r="AUP697" s="613"/>
      <c r="AUQ697" s="613"/>
      <c r="AUR697" s="613"/>
      <c r="AUS697" s="613"/>
      <c r="AUT697" s="613"/>
      <c r="AUU697" s="613"/>
      <c r="AUV697" s="613"/>
      <c r="AUW697" s="613"/>
      <c r="AUX697" s="613"/>
      <c r="AUY697" s="613"/>
      <c r="AUZ697" s="613"/>
      <c r="AVA697" s="613"/>
      <c r="AVB697" s="613"/>
      <c r="AVC697" s="613"/>
      <c r="AVD697" s="613"/>
      <c r="AVE697" s="613"/>
      <c r="AVF697" s="613"/>
      <c r="AVG697" s="613"/>
      <c r="AVH697" s="613"/>
      <c r="AVI697" s="613"/>
      <c r="AVJ697" s="613"/>
      <c r="AVK697" s="613"/>
      <c r="AVL697" s="613"/>
      <c r="AVM697" s="613"/>
      <c r="AVN697" s="613"/>
      <c r="AVO697" s="613"/>
      <c r="AVP697" s="613"/>
      <c r="AVQ697" s="613"/>
      <c r="AVR697" s="613"/>
      <c r="AVS697" s="613"/>
      <c r="AVT697" s="613"/>
      <c r="AVU697" s="613"/>
      <c r="AVV697" s="613"/>
      <c r="AVW697" s="613"/>
      <c r="AVX697" s="613"/>
      <c r="AVY697" s="613"/>
      <c r="AVZ697" s="613"/>
      <c r="AWA697" s="613"/>
      <c r="AWB697" s="613"/>
      <c r="AWC697" s="613"/>
      <c r="AWD697" s="613"/>
      <c r="AWE697" s="613"/>
      <c r="AWF697" s="613"/>
      <c r="AWG697" s="613"/>
      <c r="AWH697" s="613"/>
      <c r="AWI697" s="613"/>
      <c r="AWJ697" s="613"/>
      <c r="AWK697" s="613"/>
      <c r="AWL697" s="613"/>
      <c r="AWM697" s="613"/>
      <c r="AWN697" s="613"/>
      <c r="AWO697" s="613"/>
      <c r="AWP697" s="613"/>
      <c r="AWQ697" s="613"/>
      <c r="AWR697" s="613"/>
      <c r="AWS697" s="613"/>
      <c r="AWT697" s="613"/>
      <c r="AWU697" s="613"/>
      <c r="AWV697" s="613"/>
      <c r="AWW697" s="613"/>
      <c r="AWX697" s="613"/>
      <c r="AWY697" s="613"/>
      <c r="AWZ697" s="613"/>
      <c r="AXA697" s="613"/>
      <c r="AXB697" s="613"/>
      <c r="AXC697" s="613"/>
      <c r="AXD697" s="613"/>
      <c r="AXE697" s="613"/>
      <c r="AXF697" s="613"/>
      <c r="AXG697" s="613"/>
      <c r="AXH697" s="613"/>
      <c r="AXI697" s="613"/>
      <c r="AXJ697" s="613"/>
      <c r="AXK697" s="613"/>
      <c r="AXL697" s="613"/>
      <c r="AXM697" s="613"/>
      <c r="AXN697" s="613"/>
      <c r="AXO697" s="613"/>
      <c r="AXP697" s="613"/>
      <c r="AXQ697" s="613"/>
      <c r="AXR697" s="613"/>
      <c r="AXS697" s="613"/>
      <c r="AXT697" s="613"/>
      <c r="AXU697" s="613"/>
      <c r="AXV697" s="613"/>
      <c r="AXW697" s="613"/>
      <c r="AXX697" s="613"/>
      <c r="AXY697" s="613"/>
      <c r="AXZ697" s="613"/>
      <c r="AYA697" s="613"/>
      <c r="AYB697" s="613"/>
      <c r="AYC697" s="613"/>
      <c r="AYD697" s="613"/>
      <c r="AYE697" s="613"/>
      <c r="AYF697" s="613"/>
      <c r="AYG697" s="613"/>
      <c r="AYH697" s="613"/>
      <c r="AYI697" s="613"/>
      <c r="AYJ697" s="613"/>
      <c r="AYK697" s="613"/>
      <c r="AYL697" s="613"/>
      <c r="AYM697" s="613"/>
      <c r="AYN697" s="613"/>
      <c r="AYO697" s="613"/>
      <c r="AYP697" s="613"/>
      <c r="AYQ697" s="613"/>
      <c r="AYR697" s="613"/>
      <c r="AYS697" s="613"/>
      <c r="AYT697" s="613"/>
      <c r="AYU697" s="613"/>
      <c r="AYV697" s="613"/>
      <c r="AYW697" s="613"/>
      <c r="AYX697" s="613"/>
      <c r="AYY697" s="613"/>
      <c r="AYZ697" s="613"/>
      <c r="AZA697" s="613"/>
      <c r="AZB697" s="613"/>
      <c r="AZC697" s="613"/>
      <c r="AZD697" s="613"/>
      <c r="AZE697" s="613"/>
      <c r="AZF697" s="613"/>
      <c r="AZG697" s="613"/>
      <c r="AZH697" s="613"/>
      <c r="AZI697" s="613"/>
      <c r="AZJ697" s="613"/>
      <c r="AZK697" s="613"/>
      <c r="AZL697" s="613"/>
      <c r="AZM697" s="613"/>
      <c r="AZN697" s="613"/>
      <c r="AZO697" s="613"/>
      <c r="AZP697" s="613"/>
      <c r="AZQ697" s="613"/>
      <c r="AZR697" s="613"/>
      <c r="AZS697" s="613"/>
      <c r="AZT697" s="613"/>
      <c r="AZU697" s="613"/>
      <c r="AZV697" s="613"/>
      <c r="AZW697" s="613"/>
      <c r="AZX697" s="613"/>
      <c r="AZY697" s="613"/>
      <c r="AZZ697" s="613"/>
      <c r="BAA697" s="613"/>
      <c r="BAB697" s="613"/>
      <c r="BAC697" s="613"/>
      <c r="BAD697" s="613"/>
      <c r="BAE697" s="613"/>
      <c r="BAF697" s="613"/>
      <c r="BAG697" s="613"/>
      <c r="BAH697" s="613"/>
      <c r="BAI697" s="613"/>
      <c r="BAJ697" s="613"/>
      <c r="BAK697" s="613"/>
      <c r="BAL697" s="613"/>
      <c r="BAM697" s="613"/>
      <c r="BAN697" s="613"/>
      <c r="BAO697" s="613"/>
      <c r="BAP697" s="613"/>
      <c r="BAQ697" s="613"/>
      <c r="BAR697" s="613"/>
      <c r="BAS697" s="613"/>
      <c r="BAT697" s="613"/>
      <c r="BAU697" s="613"/>
      <c r="BAV697" s="613"/>
      <c r="BAW697" s="613"/>
      <c r="BAX697" s="613"/>
      <c r="BAY697" s="613"/>
      <c r="BAZ697" s="613"/>
      <c r="BBA697" s="613"/>
      <c r="BBB697" s="613"/>
      <c r="BBC697" s="613"/>
      <c r="BBD697" s="613"/>
      <c r="BBE697" s="613"/>
      <c r="BBF697" s="613"/>
      <c r="BBG697" s="613"/>
      <c r="BBH697" s="613"/>
      <c r="BBI697" s="613"/>
      <c r="BBJ697" s="613"/>
      <c r="BBK697" s="613"/>
      <c r="BBL697" s="613"/>
      <c r="BBM697" s="613"/>
      <c r="BBN697" s="613"/>
      <c r="BBO697" s="613"/>
      <c r="BBP697" s="613"/>
      <c r="BBQ697" s="613"/>
      <c r="BBR697" s="613"/>
      <c r="BBS697" s="613"/>
      <c r="BBT697" s="613"/>
      <c r="BBU697" s="613"/>
      <c r="BBV697" s="613"/>
      <c r="BBW697" s="613"/>
      <c r="BBX697" s="613"/>
      <c r="BBY697" s="613"/>
      <c r="BBZ697" s="613"/>
      <c r="BCA697" s="613"/>
      <c r="BCB697" s="613"/>
      <c r="BCC697" s="613"/>
      <c r="BCD697" s="613"/>
      <c r="BCE697" s="613"/>
      <c r="BCF697" s="613"/>
      <c r="BCG697" s="613"/>
      <c r="BCH697" s="613"/>
      <c r="BCI697" s="613"/>
      <c r="BCJ697" s="613"/>
      <c r="BCK697" s="613"/>
      <c r="BCL697" s="613"/>
      <c r="BCM697" s="613"/>
      <c r="BCN697" s="613"/>
      <c r="BCO697" s="613"/>
      <c r="BCP697" s="613"/>
      <c r="BCQ697" s="613"/>
      <c r="BCR697" s="613"/>
      <c r="BCS697" s="613"/>
      <c r="BCT697" s="613"/>
      <c r="BCU697" s="613"/>
      <c r="BCV697" s="613"/>
      <c r="BCW697" s="613"/>
      <c r="BCX697" s="613"/>
      <c r="BCY697" s="613"/>
      <c r="BCZ697" s="613"/>
      <c r="BDA697" s="613"/>
      <c r="BDB697" s="613"/>
      <c r="BDC697" s="613"/>
      <c r="BDD697" s="613"/>
      <c r="BDE697" s="613"/>
      <c r="BDF697" s="613"/>
      <c r="BDG697" s="613"/>
      <c r="BDH697" s="613"/>
      <c r="BDI697" s="613"/>
      <c r="BDJ697" s="613"/>
      <c r="BDK697" s="613"/>
      <c r="BDL697" s="613"/>
      <c r="BDM697" s="613"/>
      <c r="BDN697" s="613"/>
      <c r="BDO697" s="613"/>
      <c r="BDP697" s="613"/>
      <c r="BDQ697" s="613"/>
      <c r="BDR697" s="613"/>
      <c r="BDS697" s="613"/>
      <c r="BDT697" s="613"/>
      <c r="BDU697" s="613"/>
      <c r="BDV697" s="613"/>
      <c r="BDW697" s="613"/>
      <c r="BDX697" s="613"/>
      <c r="BDY697" s="613"/>
      <c r="BDZ697" s="613"/>
      <c r="BEA697" s="613"/>
      <c r="BEB697" s="613"/>
      <c r="BEC697" s="613"/>
      <c r="BED697" s="613"/>
      <c r="BEE697" s="613"/>
      <c r="BEF697" s="613"/>
      <c r="BEG697" s="613"/>
      <c r="BEH697" s="613"/>
      <c r="BEI697" s="613"/>
      <c r="BEJ697" s="613"/>
      <c r="BEK697" s="613"/>
      <c r="BEL697" s="613"/>
      <c r="BEM697" s="613"/>
      <c r="BEN697" s="613"/>
      <c r="BEO697" s="613"/>
      <c r="BEP697" s="613"/>
      <c r="BEQ697" s="613"/>
      <c r="BER697" s="613"/>
      <c r="BES697" s="613"/>
      <c r="BET697" s="613"/>
      <c r="BEU697" s="613"/>
      <c r="BEV697" s="613"/>
      <c r="BEW697" s="613"/>
      <c r="BEX697" s="613"/>
      <c r="BEY697" s="613"/>
      <c r="BEZ697" s="613"/>
      <c r="BFA697" s="613"/>
      <c r="BFB697" s="613"/>
      <c r="BFC697" s="613"/>
      <c r="BFD697" s="613"/>
      <c r="BFE697" s="613"/>
      <c r="BFF697" s="613"/>
      <c r="BFG697" s="613"/>
      <c r="BFH697" s="613"/>
      <c r="BFI697" s="613"/>
      <c r="BFJ697" s="613"/>
      <c r="BFK697" s="613"/>
      <c r="BFL697" s="613"/>
      <c r="BFM697" s="613"/>
      <c r="BFN697" s="613"/>
      <c r="BFO697" s="613"/>
      <c r="BFP697" s="613"/>
      <c r="BFQ697" s="613"/>
      <c r="BFR697" s="613"/>
      <c r="BFS697" s="613"/>
      <c r="BFT697" s="613"/>
      <c r="BFU697" s="613"/>
      <c r="BFV697" s="613"/>
      <c r="BFW697" s="613"/>
      <c r="BFX697" s="613"/>
      <c r="BFY697" s="613"/>
      <c r="BFZ697" s="613"/>
      <c r="BGA697" s="613"/>
      <c r="BGB697" s="613"/>
      <c r="BGC697" s="613"/>
      <c r="BGD697" s="613"/>
      <c r="BGE697" s="613"/>
      <c r="BGF697" s="613"/>
      <c r="BGG697" s="613"/>
      <c r="BGH697" s="613"/>
      <c r="BGI697" s="613"/>
      <c r="BGJ697" s="613"/>
      <c r="BGK697" s="613"/>
      <c r="BGL697" s="613"/>
      <c r="BGM697" s="613"/>
      <c r="BGN697" s="613"/>
      <c r="BGO697" s="613"/>
      <c r="BGP697" s="613"/>
      <c r="BGQ697" s="613"/>
      <c r="BGR697" s="613"/>
      <c r="BGS697" s="613"/>
      <c r="BGT697" s="613"/>
      <c r="BGU697" s="613"/>
      <c r="BGV697" s="613"/>
      <c r="BGW697" s="613"/>
      <c r="BGX697" s="613"/>
      <c r="BGY697" s="613"/>
      <c r="BGZ697" s="613"/>
      <c r="BHA697" s="613"/>
      <c r="BHB697" s="613"/>
      <c r="BHC697" s="613"/>
      <c r="BHD697" s="613"/>
      <c r="BHE697" s="613"/>
      <c r="BHF697" s="613"/>
      <c r="BHG697" s="613"/>
      <c r="BHH697" s="613"/>
      <c r="BHI697" s="613"/>
      <c r="BHJ697" s="613"/>
      <c r="BHK697" s="613"/>
      <c r="BHL697" s="613"/>
      <c r="BHM697" s="613"/>
      <c r="BHN697" s="613"/>
      <c r="BHO697" s="613"/>
      <c r="BHP697" s="613"/>
      <c r="BHQ697" s="613"/>
      <c r="BHR697" s="613"/>
      <c r="BHS697" s="613"/>
      <c r="BHT697" s="613"/>
      <c r="BHU697" s="613"/>
      <c r="BHV697" s="613"/>
      <c r="BHW697" s="613"/>
      <c r="BHX697" s="613"/>
      <c r="BHY697" s="613"/>
      <c r="BHZ697" s="613"/>
      <c r="BIA697" s="613"/>
      <c r="BIB697" s="613"/>
      <c r="BIC697" s="613"/>
      <c r="BID697" s="613"/>
      <c r="BIE697" s="613"/>
      <c r="BIF697" s="613"/>
      <c r="BIG697" s="613"/>
      <c r="BIH697" s="613"/>
      <c r="BII697" s="613"/>
      <c r="BIJ697" s="613"/>
      <c r="BIK697" s="613"/>
      <c r="BIL697" s="613"/>
      <c r="BIM697" s="613"/>
      <c r="BIN697" s="613"/>
      <c r="BIO697" s="613"/>
      <c r="BIP697" s="613"/>
      <c r="BIQ697" s="613"/>
      <c r="BIR697" s="613"/>
      <c r="BIS697" s="613"/>
      <c r="BIT697" s="613"/>
      <c r="BIU697" s="613"/>
      <c r="BIV697" s="613"/>
      <c r="BIW697" s="613"/>
      <c r="BIX697" s="613"/>
      <c r="BIY697" s="613"/>
      <c r="BIZ697" s="613"/>
      <c r="BJA697" s="613"/>
      <c r="BJB697" s="613"/>
      <c r="BJC697" s="613"/>
      <c r="BJD697" s="613"/>
      <c r="BJE697" s="613"/>
      <c r="BJF697" s="613"/>
      <c r="BJG697" s="613"/>
      <c r="BJH697" s="613"/>
      <c r="BJI697" s="613"/>
      <c r="BJJ697" s="613"/>
      <c r="BJK697" s="613"/>
      <c r="BJL697" s="613"/>
      <c r="BJM697" s="613"/>
      <c r="BJN697" s="613"/>
      <c r="BJO697" s="613"/>
      <c r="BJP697" s="613"/>
      <c r="BJQ697" s="613"/>
      <c r="BJR697" s="613"/>
      <c r="BJS697" s="613"/>
      <c r="BJT697" s="613"/>
      <c r="BJU697" s="613"/>
      <c r="BJV697" s="613"/>
      <c r="BJW697" s="613"/>
      <c r="BJX697" s="613"/>
      <c r="BJY697" s="613"/>
      <c r="BJZ697" s="613"/>
      <c r="BKA697" s="613"/>
      <c r="BKB697" s="613"/>
      <c r="BKC697" s="613"/>
      <c r="BKD697" s="613"/>
      <c r="BKE697" s="613"/>
      <c r="BKF697" s="613"/>
      <c r="BKG697" s="613"/>
      <c r="BKH697" s="613"/>
      <c r="BKI697" s="613"/>
      <c r="BKJ697" s="613"/>
      <c r="BKK697" s="613"/>
      <c r="BKL697" s="613"/>
      <c r="BKM697" s="613"/>
      <c r="BKN697" s="613"/>
      <c r="BKO697" s="613"/>
      <c r="BKP697" s="613"/>
      <c r="BKQ697" s="613"/>
      <c r="BKR697" s="613"/>
      <c r="BKS697" s="613"/>
      <c r="BKT697" s="613"/>
      <c r="BKU697" s="613"/>
      <c r="BKV697" s="613"/>
      <c r="BKW697" s="613"/>
      <c r="BKX697" s="613"/>
      <c r="BKY697" s="613"/>
      <c r="BKZ697" s="613"/>
      <c r="BLA697" s="613"/>
      <c r="BLB697" s="613"/>
      <c r="BLC697" s="613"/>
      <c r="BLD697" s="613"/>
      <c r="BLE697" s="613"/>
      <c r="BLF697" s="613"/>
      <c r="BLG697" s="613"/>
      <c r="BLH697" s="613"/>
      <c r="BLI697" s="613"/>
      <c r="BLJ697" s="613"/>
      <c r="BLK697" s="613"/>
      <c r="BLL697" s="613"/>
      <c r="BLM697" s="613"/>
      <c r="BLN697" s="613"/>
      <c r="BLO697" s="613"/>
      <c r="BLP697" s="613"/>
      <c r="BLQ697" s="613"/>
      <c r="BLR697" s="613"/>
      <c r="BLS697" s="613"/>
      <c r="BLT697" s="613"/>
      <c r="BLU697" s="613"/>
      <c r="BLV697" s="613"/>
      <c r="BLW697" s="613"/>
      <c r="BLX697" s="613"/>
      <c r="BLY697" s="613"/>
      <c r="BLZ697" s="613"/>
      <c r="BMA697" s="613"/>
      <c r="BMB697" s="613"/>
      <c r="BMC697" s="613"/>
      <c r="BMD697" s="613"/>
      <c r="BME697" s="613"/>
      <c r="BMF697" s="613"/>
      <c r="BMG697" s="613"/>
      <c r="BMH697" s="613"/>
      <c r="BMI697" s="613"/>
      <c r="BMJ697" s="613"/>
      <c r="BMK697" s="613"/>
      <c r="BML697" s="613"/>
      <c r="BMM697" s="613"/>
      <c r="BMN697" s="613"/>
      <c r="BMO697" s="613"/>
      <c r="BMP697" s="613"/>
      <c r="BMQ697" s="613"/>
      <c r="BMR697" s="613"/>
      <c r="BMS697" s="613"/>
      <c r="BMT697" s="613"/>
      <c r="BMU697" s="613"/>
      <c r="BMV697" s="613"/>
      <c r="BMW697" s="613"/>
      <c r="BMX697" s="613"/>
      <c r="BMY697" s="613"/>
      <c r="BMZ697" s="613"/>
      <c r="BNA697" s="613"/>
      <c r="BNB697" s="613"/>
      <c r="BNC697" s="613"/>
      <c r="BND697" s="613"/>
      <c r="BNE697" s="613"/>
      <c r="BNF697" s="613"/>
      <c r="BNG697" s="613"/>
      <c r="BNH697" s="613"/>
      <c r="BNI697" s="613"/>
      <c r="BNJ697" s="613"/>
      <c r="BNK697" s="613"/>
      <c r="BNL697" s="613"/>
      <c r="BNM697" s="613"/>
      <c r="BNN697" s="613"/>
      <c r="BNO697" s="613"/>
      <c r="BNP697" s="613"/>
      <c r="BNQ697" s="613"/>
      <c r="BNR697" s="613"/>
      <c r="BNS697" s="613"/>
      <c r="BNT697" s="613"/>
      <c r="BNU697" s="613"/>
      <c r="BNV697" s="613"/>
      <c r="BNW697" s="613"/>
      <c r="BNX697" s="613"/>
      <c r="BNY697" s="613"/>
      <c r="BNZ697" s="613"/>
      <c r="BOA697" s="613"/>
      <c r="BOB697" s="613"/>
      <c r="BOC697" s="613"/>
      <c r="BOD697" s="613"/>
      <c r="BOE697" s="613"/>
      <c r="BOF697" s="613"/>
      <c r="BOG697" s="613"/>
      <c r="BOH697" s="613"/>
      <c r="BOI697" s="613"/>
      <c r="BOJ697" s="613"/>
      <c r="BOK697" s="613"/>
      <c r="BOL697" s="613"/>
      <c r="BOM697" s="613"/>
      <c r="BON697" s="613"/>
      <c r="BOO697" s="613"/>
      <c r="BOP697" s="613"/>
      <c r="BOQ697" s="613"/>
      <c r="BOR697" s="613"/>
      <c r="BOS697" s="613"/>
      <c r="BOT697" s="613"/>
      <c r="BOU697" s="613"/>
      <c r="BOV697" s="613"/>
      <c r="BOW697" s="613"/>
      <c r="BOX697" s="613"/>
      <c r="BOY697" s="613"/>
      <c r="BOZ697" s="613"/>
      <c r="BPA697" s="613"/>
      <c r="BPB697" s="613"/>
      <c r="BPC697" s="613"/>
      <c r="BPD697" s="613"/>
      <c r="BPE697" s="613"/>
      <c r="BPF697" s="613"/>
      <c r="BPG697" s="613"/>
      <c r="BPH697" s="613"/>
      <c r="BPI697" s="613"/>
      <c r="BPJ697" s="613"/>
      <c r="BPK697" s="613"/>
      <c r="BPL697" s="613"/>
      <c r="BPM697" s="613"/>
      <c r="BPN697" s="613"/>
      <c r="BPO697" s="613"/>
      <c r="BPP697" s="613"/>
      <c r="BPQ697" s="613"/>
      <c r="BPR697" s="613"/>
      <c r="BPS697" s="613"/>
      <c r="BPT697" s="613"/>
      <c r="BPU697" s="613"/>
      <c r="BPV697" s="613"/>
      <c r="BPW697" s="613"/>
      <c r="BPX697" s="613"/>
      <c r="BPY697" s="613"/>
      <c r="BPZ697" s="613"/>
      <c r="BQA697" s="613"/>
      <c r="BQB697" s="613"/>
      <c r="BQC697" s="613"/>
      <c r="BQD697" s="613"/>
      <c r="BQE697" s="613"/>
      <c r="BQF697" s="613"/>
      <c r="BQG697" s="613"/>
      <c r="BQH697" s="613"/>
      <c r="BQI697" s="613"/>
      <c r="BQJ697" s="613"/>
      <c r="BQK697" s="613"/>
      <c r="BQL697" s="613"/>
      <c r="BQM697" s="613"/>
      <c r="BQN697" s="613"/>
      <c r="BQO697" s="613"/>
      <c r="BQP697" s="613"/>
      <c r="BQQ697" s="613"/>
      <c r="BQR697" s="613"/>
      <c r="BQS697" s="613"/>
      <c r="BQT697" s="613"/>
      <c r="BQU697" s="613"/>
      <c r="BQV697" s="613"/>
      <c r="BQW697" s="613"/>
      <c r="BQX697" s="613"/>
      <c r="BQY697" s="613"/>
      <c r="BQZ697" s="613"/>
      <c r="BRA697" s="613"/>
      <c r="BRB697" s="613"/>
      <c r="BRC697" s="613"/>
      <c r="BRD697" s="613"/>
      <c r="BRE697" s="613"/>
      <c r="BRF697" s="613"/>
      <c r="BRG697" s="613"/>
      <c r="BRH697" s="613"/>
      <c r="BRI697" s="613"/>
      <c r="BRJ697" s="613"/>
      <c r="BRK697" s="613"/>
      <c r="BRL697" s="613"/>
      <c r="BRM697" s="613"/>
      <c r="BRN697" s="613"/>
      <c r="BRO697" s="613"/>
      <c r="BRP697" s="613"/>
      <c r="BRQ697" s="613"/>
      <c r="BRR697" s="613"/>
      <c r="BRS697" s="613"/>
      <c r="BRT697" s="613"/>
      <c r="BRU697" s="613"/>
      <c r="BRV697" s="613"/>
      <c r="BRW697" s="613"/>
      <c r="BRX697" s="613"/>
      <c r="BRY697" s="613"/>
      <c r="BRZ697" s="613"/>
      <c r="BSA697" s="613"/>
      <c r="BSB697" s="613"/>
      <c r="BSC697" s="613"/>
      <c r="BSD697" s="613"/>
      <c r="BSE697" s="613"/>
      <c r="BSF697" s="613"/>
      <c r="BSG697" s="613"/>
      <c r="BSH697" s="613"/>
      <c r="BSI697" s="613"/>
      <c r="BSJ697" s="613"/>
      <c r="BSK697" s="613"/>
      <c r="BSL697" s="613"/>
      <c r="BSM697" s="613"/>
      <c r="BSN697" s="613"/>
      <c r="BSO697" s="613"/>
      <c r="BSP697" s="613"/>
      <c r="BSQ697" s="613"/>
      <c r="BSR697" s="613"/>
      <c r="BSS697" s="613"/>
      <c r="BST697" s="613"/>
      <c r="BSU697" s="613"/>
      <c r="BSV697" s="613"/>
      <c r="BSW697" s="613"/>
      <c r="BSX697" s="613"/>
      <c r="BSY697" s="613"/>
      <c r="BSZ697" s="613"/>
      <c r="BTA697" s="613"/>
      <c r="BTB697" s="613"/>
      <c r="BTC697" s="613"/>
      <c r="BTD697" s="613"/>
      <c r="BTE697" s="613"/>
      <c r="BTF697" s="613"/>
      <c r="BTG697" s="613"/>
      <c r="BTH697" s="613"/>
      <c r="BTI697" s="613"/>
      <c r="BTJ697" s="613"/>
      <c r="BTK697" s="613"/>
      <c r="BTL697" s="613"/>
      <c r="BTM697" s="613"/>
      <c r="BTN697" s="613"/>
      <c r="BTO697" s="613"/>
      <c r="BTP697" s="613"/>
      <c r="BTQ697" s="613"/>
      <c r="BTR697" s="613"/>
      <c r="BTS697" s="613"/>
      <c r="BTT697" s="613"/>
      <c r="BTU697" s="613"/>
      <c r="BTV697" s="613"/>
      <c r="BTW697" s="613"/>
      <c r="BTX697" s="613"/>
      <c r="BTY697" s="613"/>
      <c r="BTZ697" s="613"/>
      <c r="BUA697" s="613"/>
      <c r="BUB697" s="613"/>
      <c r="BUC697" s="613"/>
      <c r="BUD697" s="613"/>
      <c r="BUE697" s="613"/>
      <c r="BUF697" s="613"/>
      <c r="BUG697" s="613"/>
      <c r="BUH697" s="613"/>
      <c r="BUI697" s="613"/>
      <c r="BUJ697" s="613"/>
      <c r="BUK697" s="613"/>
      <c r="BUL697" s="613"/>
      <c r="BUM697" s="613"/>
      <c r="BUN697" s="613"/>
      <c r="BUO697" s="613"/>
      <c r="BUP697" s="613"/>
      <c r="BUQ697" s="613"/>
      <c r="BUR697" s="613"/>
      <c r="BUS697" s="613"/>
      <c r="BUT697" s="613"/>
      <c r="BUU697" s="613"/>
      <c r="BUV697" s="613"/>
      <c r="BUW697" s="613"/>
      <c r="BUX697" s="613"/>
      <c r="BUY697" s="613"/>
      <c r="BUZ697" s="613"/>
      <c r="BVA697" s="613"/>
      <c r="BVB697" s="613"/>
      <c r="BVC697" s="613"/>
      <c r="BVD697" s="613"/>
      <c r="BVE697" s="613"/>
      <c r="BVF697" s="613"/>
      <c r="BVG697" s="613"/>
      <c r="BVH697" s="613"/>
      <c r="BVI697" s="613"/>
      <c r="BVJ697" s="613"/>
      <c r="BVK697" s="613"/>
      <c r="BVL697" s="613"/>
      <c r="BVM697" s="613"/>
      <c r="BVN697" s="613"/>
      <c r="BVO697" s="613"/>
      <c r="BVP697" s="613"/>
      <c r="BVQ697" s="613"/>
      <c r="BVR697" s="613"/>
      <c r="BVS697" s="613"/>
      <c r="BVT697" s="613"/>
      <c r="BVU697" s="613"/>
      <c r="BVV697" s="613"/>
      <c r="BVW697" s="613"/>
      <c r="BVX697" s="613"/>
      <c r="BVY697" s="613"/>
      <c r="BVZ697" s="613"/>
      <c r="BWA697" s="613"/>
      <c r="BWB697" s="613"/>
      <c r="BWC697" s="613"/>
      <c r="BWD697" s="613"/>
      <c r="BWE697" s="613"/>
      <c r="BWF697" s="613"/>
      <c r="BWG697" s="613"/>
      <c r="BWH697" s="613"/>
      <c r="BWI697" s="613"/>
      <c r="BWJ697" s="613"/>
      <c r="BWK697" s="613"/>
      <c r="BWL697" s="613"/>
      <c r="BWM697" s="613"/>
      <c r="BWN697" s="613"/>
      <c r="BWO697" s="613"/>
      <c r="BWP697" s="613"/>
      <c r="BWQ697" s="613"/>
      <c r="BWR697" s="613"/>
      <c r="BWS697" s="613"/>
      <c r="BWT697" s="613"/>
      <c r="BWU697" s="613"/>
      <c r="BWV697" s="613"/>
      <c r="BWW697" s="613"/>
      <c r="BWX697" s="613"/>
      <c r="BWY697" s="613"/>
      <c r="BWZ697" s="613"/>
      <c r="BXA697" s="613"/>
      <c r="BXB697" s="613"/>
      <c r="BXC697" s="613"/>
      <c r="BXD697" s="613"/>
      <c r="BXE697" s="613"/>
      <c r="BXF697" s="613"/>
      <c r="BXG697" s="613"/>
      <c r="BXH697" s="613"/>
      <c r="BXI697" s="613"/>
      <c r="BXJ697" s="613"/>
      <c r="BXK697" s="613"/>
      <c r="BXL697" s="613"/>
      <c r="BXM697" s="613"/>
      <c r="BXN697" s="613"/>
      <c r="BXO697" s="613"/>
      <c r="BXP697" s="613"/>
      <c r="BXQ697" s="613"/>
      <c r="BXR697" s="613"/>
      <c r="BXS697" s="613"/>
      <c r="BXT697" s="613"/>
      <c r="BXU697" s="613"/>
      <c r="BXV697" s="613"/>
      <c r="BXW697" s="613"/>
      <c r="BXX697" s="613"/>
      <c r="BXY697" s="613"/>
      <c r="BXZ697" s="613"/>
      <c r="BYA697" s="613"/>
      <c r="BYB697" s="613"/>
      <c r="BYC697" s="613"/>
      <c r="BYD697" s="613"/>
      <c r="BYE697" s="613"/>
      <c r="BYF697" s="613"/>
      <c r="BYG697" s="613"/>
      <c r="BYH697" s="613"/>
      <c r="BYI697" s="613"/>
      <c r="BYJ697" s="613"/>
      <c r="BYK697" s="613"/>
      <c r="BYL697" s="613"/>
      <c r="BYM697" s="613"/>
      <c r="BYN697" s="613"/>
      <c r="BYO697" s="613"/>
      <c r="BYP697" s="613"/>
      <c r="BYQ697" s="613"/>
      <c r="BYR697" s="613"/>
      <c r="BYS697" s="613"/>
      <c r="BYT697" s="613"/>
      <c r="BYU697" s="613"/>
      <c r="BYV697" s="613"/>
      <c r="BYW697" s="613"/>
      <c r="BYX697" s="613"/>
      <c r="BYY697" s="613"/>
      <c r="BYZ697" s="613"/>
      <c r="BZA697" s="613"/>
      <c r="BZB697" s="613"/>
      <c r="BZC697" s="613"/>
      <c r="BZD697" s="613"/>
      <c r="BZE697" s="613"/>
      <c r="BZF697" s="613"/>
      <c r="BZG697" s="613"/>
      <c r="BZH697" s="613"/>
      <c r="BZI697" s="613"/>
      <c r="BZJ697" s="613"/>
      <c r="BZK697" s="613"/>
      <c r="BZL697" s="613"/>
      <c r="BZM697" s="613"/>
      <c r="BZN697" s="613"/>
      <c r="BZO697" s="613"/>
      <c r="BZP697" s="613"/>
      <c r="BZQ697" s="613"/>
      <c r="BZR697" s="613"/>
      <c r="BZS697" s="613"/>
      <c r="BZT697" s="613"/>
      <c r="BZU697" s="613"/>
      <c r="BZV697" s="613"/>
      <c r="BZW697" s="613"/>
      <c r="BZX697" s="613"/>
      <c r="BZY697" s="613"/>
      <c r="BZZ697" s="613"/>
      <c r="CAA697" s="613"/>
      <c r="CAB697" s="613"/>
      <c r="CAC697" s="613"/>
      <c r="CAD697" s="613"/>
      <c r="CAE697" s="613"/>
      <c r="CAF697" s="613"/>
      <c r="CAG697" s="613"/>
      <c r="CAH697" s="613"/>
      <c r="CAI697" s="613"/>
      <c r="CAJ697" s="613"/>
      <c r="CAK697" s="613"/>
      <c r="CAL697" s="613"/>
      <c r="CAM697" s="613"/>
      <c r="CAN697" s="613"/>
      <c r="CAO697" s="613"/>
      <c r="CAP697" s="613"/>
      <c r="CAQ697" s="613"/>
      <c r="CAR697" s="613"/>
      <c r="CAS697" s="613"/>
      <c r="CAT697" s="613"/>
      <c r="CAU697" s="613"/>
      <c r="CAV697" s="613"/>
      <c r="CAW697" s="613"/>
      <c r="CAX697" s="613"/>
      <c r="CAY697" s="613"/>
      <c r="CAZ697" s="613"/>
      <c r="CBA697" s="613"/>
      <c r="CBB697" s="613"/>
      <c r="CBC697" s="613"/>
      <c r="CBD697" s="613"/>
      <c r="CBE697" s="613"/>
      <c r="CBF697" s="613"/>
      <c r="CBG697" s="613"/>
      <c r="CBH697" s="613"/>
      <c r="CBI697" s="613"/>
      <c r="CBJ697" s="613"/>
      <c r="CBK697" s="613"/>
      <c r="CBL697" s="613"/>
      <c r="CBM697" s="613"/>
      <c r="CBN697" s="613"/>
      <c r="CBO697" s="613"/>
      <c r="CBP697" s="613"/>
      <c r="CBQ697" s="613"/>
      <c r="CBR697" s="613"/>
      <c r="CBS697" s="613"/>
      <c r="CBT697" s="613"/>
      <c r="CBU697" s="613"/>
      <c r="CBV697" s="613"/>
      <c r="CBW697" s="613"/>
      <c r="CBX697" s="613"/>
      <c r="CBY697" s="613"/>
      <c r="CBZ697" s="613"/>
      <c r="CCA697" s="613"/>
      <c r="CCB697" s="613"/>
      <c r="CCC697" s="613"/>
      <c r="CCD697" s="613"/>
      <c r="CCE697" s="613"/>
      <c r="CCF697" s="613"/>
      <c r="CCG697" s="613"/>
      <c r="CCH697" s="613"/>
      <c r="CCI697" s="613"/>
      <c r="CCJ697" s="613"/>
      <c r="CCK697" s="613"/>
      <c r="CCL697" s="613"/>
      <c r="CCM697" s="613"/>
      <c r="CCN697" s="613"/>
      <c r="CCO697" s="613"/>
      <c r="CCP697" s="613"/>
      <c r="CCQ697" s="613"/>
      <c r="CCR697" s="613"/>
      <c r="CCS697" s="613"/>
      <c r="CCT697" s="613"/>
      <c r="CCU697" s="613"/>
      <c r="CCV697" s="613"/>
      <c r="CCW697" s="613"/>
      <c r="CCX697" s="613"/>
      <c r="CCY697" s="613"/>
      <c r="CCZ697" s="613"/>
      <c r="CDA697" s="613"/>
      <c r="CDB697" s="613"/>
      <c r="CDC697" s="613"/>
      <c r="CDD697" s="613"/>
      <c r="CDE697" s="613"/>
      <c r="CDF697" s="613"/>
      <c r="CDG697" s="613"/>
      <c r="CDH697" s="613"/>
      <c r="CDI697" s="613"/>
      <c r="CDJ697" s="613"/>
      <c r="CDK697" s="613"/>
      <c r="CDL697" s="613"/>
      <c r="CDM697" s="613"/>
      <c r="CDN697" s="613"/>
      <c r="CDO697" s="613"/>
      <c r="CDP697" s="613"/>
      <c r="CDQ697" s="613"/>
      <c r="CDR697" s="613"/>
      <c r="CDS697" s="613"/>
      <c r="CDT697" s="613"/>
      <c r="CDU697" s="613"/>
      <c r="CDV697" s="613"/>
      <c r="CDW697" s="613"/>
      <c r="CDX697" s="613"/>
      <c r="CDY697" s="613"/>
      <c r="CDZ697" s="613"/>
      <c r="CEA697" s="613"/>
      <c r="CEB697" s="613"/>
      <c r="CEC697" s="613"/>
      <c r="CED697" s="613"/>
      <c r="CEE697" s="613"/>
      <c r="CEF697" s="613"/>
      <c r="CEG697" s="613"/>
      <c r="CEH697" s="613"/>
      <c r="CEI697" s="613"/>
      <c r="CEJ697" s="613"/>
      <c r="CEK697" s="613"/>
      <c r="CEL697" s="613"/>
      <c r="CEM697" s="613"/>
      <c r="CEN697" s="613"/>
      <c r="CEO697" s="613"/>
      <c r="CEP697" s="613"/>
      <c r="CEQ697" s="613"/>
      <c r="CER697" s="613"/>
      <c r="CES697" s="613"/>
      <c r="CET697" s="613"/>
      <c r="CEU697" s="613"/>
      <c r="CEV697" s="613"/>
      <c r="CEW697" s="613"/>
      <c r="CEX697" s="613"/>
      <c r="CEY697" s="613"/>
      <c r="CEZ697" s="613"/>
      <c r="CFA697" s="613"/>
      <c r="CFB697" s="613"/>
      <c r="CFC697" s="613"/>
      <c r="CFD697" s="613"/>
      <c r="CFE697" s="613"/>
      <c r="CFF697" s="613"/>
      <c r="CFG697" s="613"/>
      <c r="CFH697" s="613"/>
      <c r="CFI697" s="613"/>
      <c r="CFJ697" s="613"/>
      <c r="CFK697" s="613"/>
      <c r="CFL697" s="613"/>
      <c r="CFM697" s="613"/>
      <c r="CFN697" s="613"/>
      <c r="CFO697" s="613"/>
      <c r="CFP697" s="613"/>
      <c r="CFQ697" s="613"/>
      <c r="CFR697" s="613"/>
      <c r="CFS697" s="613"/>
      <c r="CFT697" s="613"/>
      <c r="CFU697" s="613"/>
      <c r="CFV697" s="613"/>
      <c r="CFW697" s="613"/>
      <c r="CFX697" s="613"/>
      <c r="CFY697" s="613"/>
      <c r="CFZ697" s="613"/>
      <c r="CGA697" s="613"/>
      <c r="CGB697" s="613"/>
      <c r="CGC697" s="613"/>
      <c r="CGD697" s="613"/>
      <c r="CGE697" s="613"/>
      <c r="CGF697" s="613"/>
      <c r="CGG697" s="613"/>
      <c r="CGH697" s="613"/>
      <c r="CGI697" s="613"/>
      <c r="CGJ697" s="613"/>
      <c r="CGK697" s="613"/>
      <c r="CGL697" s="613"/>
      <c r="CGM697" s="613"/>
      <c r="CGN697" s="613"/>
      <c r="CGO697" s="613"/>
      <c r="CGP697" s="613"/>
      <c r="CGQ697" s="613"/>
      <c r="CGR697" s="613"/>
      <c r="CGS697" s="613"/>
      <c r="CGT697" s="613"/>
      <c r="CGU697" s="613"/>
      <c r="CGV697" s="613"/>
      <c r="CGW697" s="613"/>
      <c r="CGX697" s="613"/>
      <c r="CGY697" s="613"/>
      <c r="CGZ697" s="613"/>
      <c r="CHA697" s="613"/>
      <c r="CHB697" s="613"/>
      <c r="CHC697" s="613"/>
      <c r="CHD697" s="613"/>
      <c r="CHE697" s="613"/>
      <c r="CHF697" s="613"/>
      <c r="CHG697" s="613"/>
      <c r="CHH697" s="613"/>
      <c r="CHI697" s="613"/>
      <c r="CHJ697" s="613"/>
      <c r="CHK697" s="613"/>
      <c r="CHL697" s="613"/>
      <c r="CHM697" s="613"/>
      <c r="CHN697" s="613"/>
      <c r="CHO697" s="613"/>
      <c r="CHP697" s="613"/>
      <c r="CHQ697" s="613"/>
      <c r="CHR697" s="613"/>
      <c r="CHS697" s="613"/>
      <c r="CHT697" s="613"/>
      <c r="CHU697" s="613"/>
      <c r="CHV697" s="613"/>
      <c r="CHW697" s="613"/>
      <c r="CHX697" s="613"/>
      <c r="CHY697" s="613"/>
      <c r="CHZ697" s="613"/>
      <c r="CIA697" s="613"/>
      <c r="CIB697" s="613"/>
      <c r="CIC697" s="613"/>
      <c r="CID697" s="613"/>
      <c r="CIE697" s="613"/>
      <c r="CIF697" s="613"/>
      <c r="CIG697" s="613"/>
      <c r="CIH697" s="613"/>
      <c r="CII697" s="613"/>
      <c r="CIJ697" s="613"/>
      <c r="CIK697" s="613"/>
      <c r="CIL697" s="613"/>
      <c r="CIM697" s="613"/>
      <c r="CIN697" s="613"/>
      <c r="CIO697" s="613"/>
      <c r="CIP697" s="613"/>
      <c r="CIQ697" s="613"/>
      <c r="CIR697" s="613"/>
      <c r="CIS697" s="613"/>
      <c r="CIT697" s="613"/>
      <c r="CIU697" s="613"/>
      <c r="CIV697" s="613"/>
      <c r="CIW697" s="613"/>
      <c r="CIX697" s="613"/>
      <c r="CIY697" s="613"/>
      <c r="CIZ697" s="613"/>
      <c r="CJA697" s="613"/>
      <c r="CJB697" s="613"/>
      <c r="CJC697" s="613"/>
      <c r="CJD697" s="613"/>
      <c r="CJE697" s="613"/>
      <c r="CJF697" s="613"/>
      <c r="CJG697" s="613"/>
      <c r="CJH697" s="613"/>
      <c r="CJI697" s="613"/>
      <c r="CJJ697" s="613"/>
      <c r="CJK697" s="613"/>
      <c r="CJL697" s="613"/>
      <c r="CJM697" s="613"/>
      <c r="CJN697" s="613"/>
      <c r="CJO697" s="613"/>
      <c r="CJP697" s="613"/>
      <c r="CJQ697" s="613"/>
      <c r="CJR697" s="613"/>
      <c r="CJS697" s="613"/>
      <c r="CJT697" s="613"/>
      <c r="CJU697" s="613"/>
      <c r="CJV697" s="613"/>
      <c r="CJW697" s="613"/>
      <c r="CJX697" s="613"/>
      <c r="CJY697" s="613"/>
      <c r="CJZ697" s="613"/>
      <c r="CKA697" s="613"/>
      <c r="CKB697" s="613"/>
      <c r="CKC697" s="613"/>
      <c r="CKD697" s="613"/>
      <c r="CKE697" s="613"/>
      <c r="CKF697" s="613"/>
      <c r="CKG697" s="613"/>
      <c r="CKH697" s="613"/>
      <c r="CKI697" s="613"/>
      <c r="CKJ697" s="613"/>
      <c r="CKK697" s="613"/>
      <c r="CKL697" s="613"/>
      <c r="CKM697" s="613"/>
      <c r="CKN697" s="613"/>
      <c r="CKO697" s="613"/>
      <c r="CKP697" s="613"/>
      <c r="CKQ697" s="613"/>
      <c r="CKR697" s="613"/>
      <c r="CKS697" s="613"/>
      <c r="CKT697" s="613"/>
      <c r="CKU697" s="613"/>
      <c r="CKV697" s="613"/>
      <c r="CKW697" s="613"/>
      <c r="CKX697" s="613"/>
      <c r="CKY697" s="613"/>
      <c r="CKZ697" s="613"/>
      <c r="CLA697" s="613"/>
      <c r="CLB697" s="613"/>
      <c r="CLC697" s="613"/>
      <c r="CLD697" s="613"/>
      <c r="CLE697" s="613"/>
      <c r="CLF697" s="613"/>
      <c r="CLG697" s="613"/>
      <c r="CLH697" s="613"/>
      <c r="CLI697" s="613"/>
      <c r="CLJ697" s="613"/>
      <c r="CLK697" s="613"/>
      <c r="CLL697" s="613"/>
      <c r="CLM697" s="613"/>
      <c r="CLN697" s="613"/>
      <c r="CLO697" s="613"/>
      <c r="CLP697" s="613"/>
      <c r="CLQ697" s="613"/>
      <c r="CLR697" s="613"/>
      <c r="CLS697" s="613"/>
      <c r="CLT697" s="613"/>
      <c r="CLU697" s="613"/>
      <c r="CLV697" s="613"/>
      <c r="CLW697" s="613"/>
      <c r="CLX697" s="613"/>
      <c r="CLY697" s="613"/>
      <c r="CLZ697" s="613"/>
      <c r="CMA697" s="613"/>
      <c r="CMB697" s="613"/>
      <c r="CMC697" s="613"/>
      <c r="CMD697" s="613"/>
      <c r="CME697" s="613"/>
      <c r="CMF697" s="613"/>
      <c r="CMG697" s="613"/>
      <c r="CMH697" s="613"/>
      <c r="CMI697" s="613"/>
      <c r="CMJ697" s="613"/>
      <c r="CMK697" s="613"/>
      <c r="CML697" s="613"/>
      <c r="CMM697" s="613"/>
      <c r="CMN697" s="613"/>
      <c r="CMO697" s="613"/>
      <c r="CMP697" s="613"/>
      <c r="CMQ697" s="613"/>
      <c r="CMR697" s="613"/>
      <c r="CMS697" s="613"/>
      <c r="CMT697" s="613"/>
      <c r="CMU697" s="613"/>
      <c r="CMV697" s="613"/>
      <c r="CMW697" s="613"/>
      <c r="CMX697" s="613"/>
      <c r="CMY697" s="613"/>
      <c r="CMZ697" s="613"/>
      <c r="CNA697" s="613"/>
      <c r="CNB697" s="613"/>
      <c r="CNC697" s="613"/>
      <c r="CND697" s="613"/>
      <c r="CNE697" s="613"/>
      <c r="CNF697" s="613"/>
      <c r="CNG697" s="613"/>
      <c r="CNH697" s="613"/>
      <c r="CNI697" s="613"/>
      <c r="CNJ697" s="613"/>
      <c r="CNK697" s="613"/>
      <c r="CNL697" s="613"/>
      <c r="CNM697" s="613"/>
      <c r="CNN697" s="613"/>
      <c r="CNO697" s="613"/>
      <c r="CNP697" s="613"/>
      <c r="CNQ697" s="613"/>
      <c r="CNR697" s="613"/>
      <c r="CNS697" s="613"/>
      <c r="CNT697" s="613"/>
      <c r="CNU697" s="613"/>
      <c r="CNV697" s="613"/>
      <c r="CNW697" s="613"/>
      <c r="CNX697" s="613"/>
      <c r="CNY697" s="613"/>
      <c r="CNZ697" s="613"/>
      <c r="COA697" s="613"/>
      <c r="COB697" s="613"/>
      <c r="COC697" s="613"/>
      <c r="COD697" s="613"/>
      <c r="COE697" s="613"/>
      <c r="COF697" s="613"/>
      <c r="COG697" s="613"/>
      <c r="COH697" s="613"/>
      <c r="COI697" s="613"/>
      <c r="COJ697" s="613"/>
      <c r="COK697" s="613"/>
      <c r="COL697" s="613"/>
      <c r="COM697" s="613"/>
      <c r="CON697" s="613"/>
      <c r="COO697" s="613"/>
      <c r="COP697" s="613"/>
      <c r="COQ697" s="613"/>
      <c r="COR697" s="613"/>
      <c r="COS697" s="613"/>
      <c r="COT697" s="613"/>
      <c r="COU697" s="613"/>
      <c r="COV697" s="613"/>
      <c r="COW697" s="613"/>
      <c r="COX697" s="613"/>
      <c r="COY697" s="613"/>
      <c r="COZ697" s="613"/>
      <c r="CPA697" s="613"/>
      <c r="CPB697" s="613"/>
      <c r="CPC697" s="613"/>
      <c r="CPD697" s="613"/>
      <c r="CPE697" s="613"/>
      <c r="CPF697" s="613"/>
      <c r="CPG697" s="613"/>
      <c r="CPH697" s="613"/>
      <c r="CPI697" s="613"/>
      <c r="CPJ697" s="613"/>
      <c r="CPK697" s="613"/>
      <c r="CPL697" s="613"/>
      <c r="CPM697" s="613"/>
      <c r="CPN697" s="613"/>
      <c r="CPO697" s="613"/>
      <c r="CPP697" s="613"/>
      <c r="CPQ697" s="613"/>
      <c r="CPR697" s="613"/>
      <c r="CPS697" s="613"/>
      <c r="CPT697" s="613"/>
      <c r="CPU697" s="613"/>
      <c r="CPV697" s="613"/>
      <c r="CPW697" s="613"/>
      <c r="CPX697" s="613"/>
      <c r="CPY697" s="613"/>
      <c r="CPZ697" s="613"/>
      <c r="CQA697" s="613"/>
      <c r="CQB697" s="613"/>
      <c r="CQC697" s="613"/>
      <c r="CQD697" s="613"/>
      <c r="CQE697" s="613"/>
      <c r="CQF697" s="613"/>
      <c r="CQG697" s="613"/>
      <c r="CQH697" s="613"/>
      <c r="CQI697" s="613"/>
      <c r="CQJ697" s="613"/>
      <c r="CQK697" s="613"/>
      <c r="CQL697" s="613"/>
      <c r="CQM697" s="613"/>
      <c r="CQN697" s="613"/>
      <c r="CQO697" s="613"/>
      <c r="CQP697" s="613"/>
      <c r="CQQ697" s="613"/>
      <c r="CQR697" s="613"/>
      <c r="CQS697" s="613"/>
      <c r="CQT697" s="613"/>
      <c r="CQU697" s="613"/>
      <c r="CQV697" s="613"/>
      <c r="CQW697" s="613"/>
      <c r="CQX697" s="613"/>
      <c r="CQY697" s="613"/>
      <c r="CQZ697" s="613"/>
      <c r="CRA697" s="613"/>
      <c r="CRB697" s="613"/>
      <c r="CRC697" s="613"/>
      <c r="CRD697" s="613"/>
      <c r="CRE697" s="613"/>
      <c r="CRF697" s="613"/>
      <c r="CRG697" s="613"/>
      <c r="CRH697" s="613"/>
      <c r="CRI697" s="613"/>
      <c r="CRJ697" s="613"/>
      <c r="CRK697" s="613"/>
      <c r="CRL697" s="613"/>
      <c r="CRM697" s="613"/>
      <c r="CRN697" s="613"/>
      <c r="CRO697" s="613"/>
      <c r="CRP697" s="613"/>
      <c r="CRQ697" s="613"/>
      <c r="CRR697" s="613"/>
      <c r="CRS697" s="613"/>
      <c r="CRT697" s="613"/>
      <c r="CRU697" s="613"/>
      <c r="CRV697" s="613"/>
      <c r="CRW697" s="613"/>
      <c r="CRX697" s="613"/>
      <c r="CRY697" s="613"/>
      <c r="CRZ697" s="613"/>
      <c r="CSA697" s="613"/>
      <c r="CSB697" s="613"/>
      <c r="CSC697" s="613"/>
      <c r="CSD697" s="613"/>
      <c r="CSE697" s="613"/>
      <c r="CSF697" s="613"/>
      <c r="CSG697" s="613"/>
      <c r="CSH697" s="613"/>
      <c r="CSI697" s="613"/>
      <c r="CSJ697" s="613"/>
      <c r="CSK697" s="613"/>
      <c r="CSL697" s="613"/>
      <c r="CSM697" s="613"/>
      <c r="CSN697" s="613"/>
      <c r="CSO697" s="613"/>
      <c r="CSP697" s="613"/>
      <c r="CSQ697" s="613"/>
      <c r="CSR697" s="613"/>
      <c r="CSS697" s="613"/>
      <c r="CST697" s="613"/>
      <c r="CSU697" s="613"/>
      <c r="CSV697" s="613"/>
      <c r="CSW697" s="613"/>
      <c r="CSX697" s="613"/>
      <c r="CSY697" s="613"/>
      <c r="CSZ697" s="613"/>
      <c r="CTA697" s="613"/>
      <c r="CTB697" s="613"/>
      <c r="CTC697" s="613"/>
      <c r="CTD697" s="613"/>
      <c r="CTE697" s="613"/>
      <c r="CTF697" s="613"/>
      <c r="CTG697" s="613"/>
      <c r="CTH697" s="613"/>
      <c r="CTI697" s="613"/>
      <c r="CTJ697" s="613"/>
      <c r="CTK697" s="613"/>
      <c r="CTL697" s="613"/>
      <c r="CTM697" s="613"/>
      <c r="CTN697" s="613"/>
      <c r="CTO697" s="613"/>
      <c r="CTP697" s="613"/>
      <c r="CTQ697" s="613"/>
      <c r="CTR697" s="613"/>
      <c r="CTS697" s="613"/>
      <c r="CTT697" s="613"/>
      <c r="CTU697" s="613"/>
      <c r="CTV697" s="613"/>
      <c r="CTW697" s="613"/>
      <c r="CTX697" s="613"/>
      <c r="CTY697" s="613"/>
      <c r="CTZ697" s="613"/>
      <c r="CUA697" s="613"/>
      <c r="CUB697" s="613"/>
      <c r="CUC697" s="613"/>
      <c r="CUD697" s="613"/>
      <c r="CUE697" s="613"/>
      <c r="CUF697" s="613"/>
      <c r="CUG697" s="613"/>
      <c r="CUH697" s="613"/>
      <c r="CUI697" s="613"/>
      <c r="CUJ697" s="613"/>
      <c r="CUK697" s="613"/>
      <c r="CUL697" s="613"/>
      <c r="CUM697" s="613"/>
      <c r="CUN697" s="613"/>
      <c r="CUO697" s="613"/>
      <c r="CUP697" s="613"/>
      <c r="CUQ697" s="613"/>
      <c r="CUR697" s="613"/>
      <c r="CUS697" s="613"/>
      <c r="CUT697" s="613"/>
      <c r="CUU697" s="613"/>
      <c r="CUV697" s="613"/>
      <c r="CUW697" s="613"/>
      <c r="CUX697" s="613"/>
      <c r="CUY697" s="613"/>
      <c r="CUZ697" s="613"/>
      <c r="CVA697" s="613"/>
      <c r="CVB697" s="613"/>
      <c r="CVC697" s="613"/>
      <c r="CVD697" s="613"/>
      <c r="CVE697" s="613"/>
      <c r="CVF697" s="613"/>
      <c r="CVG697" s="613"/>
      <c r="CVH697" s="613"/>
      <c r="CVI697" s="613"/>
      <c r="CVJ697" s="613"/>
      <c r="CVK697" s="613"/>
      <c r="CVL697" s="613"/>
      <c r="CVM697" s="613"/>
      <c r="CVN697" s="613"/>
      <c r="CVO697" s="613"/>
      <c r="CVP697" s="613"/>
      <c r="CVQ697" s="613"/>
      <c r="CVR697" s="613"/>
      <c r="CVS697" s="613"/>
      <c r="CVT697" s="613"/>
      <c r="CVU697" s="613"/>
      <c r="CVV697" s="613"/>
      <c r="CVW697" s="613"/>
      <c r="CVX697" s="613"/>
      <c r="CVY697" s="613"/>
      <c r="CVZ697" s="613"/>
      <c r="CWA697" s="613"/>
      <c r="CWB697" s="613"/>
      <c r="CWC697" s="613"/>
      <c r="CWD697" s="613"/>
      <c r="CWE697" s="613"/>
      <c r="CWF697" s="613"/>
      <c r="CWG697" s="613"/>
      <c r="CWH697" s="613"/>
      <c r="CWI697" s="613"/>
      <c r="CWJ697" s="613"/>
      <c r="CWK697" s="613"/>
      <c r="CWL697" s="613"/>
      <c r="CWM697" s="613"/>
      <c r="CWN697" s="613"/>
      <c r="CWO697" s="613"/>
      <c r="CWP697" s="613"/>
      <c r="CWQ697" s="613"/>
      <c r="CWR697" s="613"/>
      <c r="CWS697" s="613"/>
      <c r="CWT697" s="613"/>
      <c r="CWU697" s="613"/>
      <c r="CWV697" s="613"/>
      <c r="CWW697" s="613"/>
      <c r="CWX697" s="613"/>
      <c r="CWY697" s="613"/>
      <c r="CWZ697" s="613"/>
      <c r="CXA697" s="613"/>
      <c r="CXB697" s="613"/>
      <c r="CXC697" s="613"/>
      <c r="CXD697" s="613"/>
      <c r="CXE697" s="613"/>
      <c r="CXF697" s="613"/>
      <c r="CXG697" s="613"/>
      <c r="CXH697" s="613"/>
      <c r="CXI697" s="613"/>
      <c r="CXJ697" s="613"/>
      <c r="CXK697" s="613"/>
      <c r="CXL697" s="613"/>
      <c r="CXM697" s="613"/>
      <c r="CXN697" s="613"/>
      <c r="CXO697" s="613"/>
      <c r="CXP697" s="613"/>
      <c r="CXQ697" s="613"/>
      <c r="CXR697" s="613"/>
      <c r="CXS697" s="613"/>
      <c r="CXT697" s="613"/>
      <c r="CXU697" s="613"/>
      <c r="CXV697" s="613"/>
      <c r="CXW697" s="613"/>
      <c r="CXX697" s="613"/>
      <c r="CXY697" s="613"/>
      <c r="CXZ697" s="613"/>
      <c r="CYA697" s="613"/>
      <c r="CYB697" s="613"/>
      <c r="CYC697" s="613"/>
      <c r="CYD697" s="613"/>
      <c r="CYE697" s="613"/>
      <c r="CYF697" s="613"/>
      <c r="CYG697" s="613"/>
      <c r="CYH697" s="613"/>
      <c r="CYI697" s="613"/>
      <c r="CYJ697" s="613"/>
      <c r="CYK697" s="613"/>
      <c r="CYL697" s="613"/>
      <c r="CYM697" s="613"/>
      <c r="CYN697" s="613"/>
      <c r="CYO697" s="613"/>
      <c r="CYP697" s="613"/>
      <c r="CYQ697" s="613"/>
      <c r="CYR697" s="613"/>
      <c r="CYS697" s="613"/>
      <c r="CYT697" s="613"/>
      <c r="CYU697" s="613"/>
      <c r="CYV697" s="613"/>
      <c r="CYW697" s="613"/>
      <c r="CYX697" s="613"/>
      <c r="CYY697" s="613"/>
      <c r="CYZ697" s="613"/>
      <c r="CZA697" s="613"/>
      <c r="CZB697" s="613"/>
      <c r="CZC697" s="613"/>
      <c r="CZD697" s="613"/>
      <c r="CZE697" s="613"/>
      <c r="CZF697" s="613"/>
      <c r="CZG697" s="613"/>
      <c r="CZH697" s="613"/>
      <c r="CZI697" s="613"/>
      <c r="CZJ697" s="613"/>
      <c r="CZK697" s="613"/>
      <c r="CZL697" s="613"/>
      <c r="CZM697" s="613"/>
      <c r="CZN697" s="613"/>
      <c r="CZO697" s="613"/>
      <c r="CZP697" s="613"/>
      <c r="CZQ697" s="613"/>
      <c r="CZR697" s="613"/>
      <c r="CZS697" s="613"/>
      <c r="CZT697" s="613"/>
      <c r="CZU697" s="613"/>
      <c r="CZV697" s="613"/>
      <c r="CZW697" s="613"/>
      <c r="CZX697" s="613"/>
      <c r="CZY697" s="613"/>
      <c r="CZZ697" s="613"/>
      <c r="DAA697" s="613"/>
      <c r="DAB697" s="613"/>
      <c r="DAC697" s="613"/>
      <c r="DAD697" s="613"/>
      <c r="DAE697" s="613"/>
      <c r="DAF697" s="613"/>
      <c r="DAG697" s="613"/>
      <c r="DAH697" s="613"/>
      <c r="DAI697" s="613"/>
      <c r="DAJ697" s="613"/>
      <c r="DAK697" s="613"/>
      <c r="DAL697" s="613"/>
      <c r="DAM697" s="613"/>
      <c r="DAN697" s="613"/>
      <c r="DAO697" s="613"/>
      <c r="DAP697" s="613"/>
      <c r="DAQ697" s="613"/>
      <c r="DAR697" s="613"/>
      <c r="DAS697" s="613"/>
      <c r="DAT697" s="613"/>
      <c r="DAU697" s="613"/>
      <c r="DAV697" s="613"/>
      <c r="DAW697" s="613"/>
      <c r="DAX697" s="613"/>
      <c r="DAY697" s="613"/>
      <c r="DAZ697" s="613"/>
      <c r="DBA697" s="613"/>
      <c r="DBB697" s="613"/>
      <c r="DBC697" s="613"/>
      <c r="DBD697" s="613"/>
      <c r="DBE697" s="613"/>
      <c r="DBF697" s="613"/>
      <c r="DBG697" s="613"/>
      <c r="DBH697" s="613"/>
      <c r="DBI697" s="613"/>
      <c r="DBJ697" s="613"/>
      <c r="DBK697" s="613"/>
      <c r="DBL697" s="613"/>
      <c r="DBM697" s="613"/>
      <c r="DBN697" s="613"/>
      <c r="DBO697" s="613"/>
      <c r="DBP697" s="613"/>
      <c r="DBQ697" s="613"/>
      <c r="DBR697" s="613"/>
      <c r="DBS697" s="613"/>
      <c r="DBT697" s="613"/>
      <c r="DBU697" s="613"/>
      <c r="DBV697" s="613"/>
      <c r="DBW697" s="613"/>
      <c r="DBX697" s="613"/>
      <c r="DBY697" s="613"/>
      <c r="DBZ697" s="613"/>
      <c r="DCA697" s="613"/>
      <c r="DCB697" s="613"/>
      <c r="DCC697" s="613"/>
      <c r="DCD697" s="613"/>
      <c r="DCE697" s="613"/>
      <c r="DCF697" s="613"/>
      <c r="DCG697" s="613"/>
      <c r="DCH697" s="613"/>
      <c r="DCI697" s="613"/>
      <c r="DCJ697" s="613"/>
      <c r="DCK697" s="613"/>
      <c r="DCL697" s="613"/>
      <c r="DCM697" s="613"/>
      <c r="DCN697" s="613"/>
      <c r="DCO697" s="613"/>
      <c r="DCP697" s="613"/>
      <c r="DCQ697" s="613"/>
      <c r="DCR697" s="613"/>
      <c r="DCS697" s="613"/>
      <c r="DCT697" s="613"/>
      <c r="DCU697" s="613"/>
      <c r="DCV697" s="613"/>
      <c r="DCW697" s="613"/>
      <c r="DCX697" s="613"/>
      <c r="DCY697" s="613"/>
      <c r="DCZ697" s="613"/>
      <c r="DDA697" s="613"/>
      <c r="DDB697" s="613"/>
      <c r="DDC697" s="613"/>
      <c r="DDD697" s="613"/>
      <c r="DDE697" s="613"/>
      <c r="DDF697" s="613"/>
      <c r="DDG697" s="613"/>
      <c r="DDH697" s="613"/>
      <c r="DDI697" s="613"/>
      <c r="DDJ697" s="613"/>
      <c r="DDK697" s="613"/>
      <c r="DDL697" s="613"/>
      <c r="DDM697" s="613"/>
      <c r="DDN697" s="613"/>
      <c r="DDO697" s="613"/>
      <c r="DDP697" s="613"/>
      <c r="DDQ697" s="613"/>
      <c r="DDR697" s="613"/>
      <c r="DDS697" s="613"/>
      <c r="DDT697" s="613"/>
      <c r="DDU697" s="613"/>
      <c r="DDV697" s="613"/>
      <c r="DDW697" s="613"/>
      <c r="DDX697" s="613"/>
      <c r="DDY697" s="613"/>
      <c r="DDZ697" s="613"/>
      <c r="DEA697" s="613"/>
      <c r="DEB697" s="613"/>
      <c r="DEC697" s="613"/>
      <c r="DED697" s="613"/>
      <c r="DEE697" s="613"/>
      <c r="DEF697" s="613"/>
      <c r="DEG697" s="613"/>
      <c r="DEH697" s="613"/>
      <c r="DEI697" s="613"/>
      <c r="DEJ697" s="613"/>
      <c r="DEK697" s="613"/>
      <c r="DEL697" s="613"/>
      <c r="DEM697" s="613"/>
      <c r="DEN697" s="613"/>
      <c r="DEO697" s="613"/>
      <c r="DEP697" s="613"/>
      <c r="DEQ697" s="613"/>
      <c r="DER697" s="613"/>
      <c r="DES697" s="613"/>
      <c r="DET697" s="613"/>
      <c r="DEU697" s="613"/>
      <c r="DEV697" s="613"/>
      <c r="DEW697" s="613"/>
      <c r="DEX697" s="613"/>
      <c r="DEY697" s="613"/>
      <c r="DEZ697" s="613"/>
      <c r="DFA697" s="613"/>
      <c r="DFB697" s="613"/>
      <c r="DFC697" s="613"/>
      <c r="DFD697" s="613"/>
      <c r="DFE697" s="613"/>
      <c r="DFF697" s="613"/>
      <c r="DFG697" s="613"/>
      <c r="DFH697" s="613"/>
      <c r="DFI697" s="613"/>
      <c r="DFJ697" s="613"/>
      <c r="DFK697" s="613"/>
      <c r="DFL697" s="613"/>
      <c r="DFM697" s="613"/>
      <c r="DFN697" s="613"/>
      <c r="DFO697" s="613"/>
      <c r="DFP697" s="613"/>
      <c r="DFQ697" s="613"/>
      <c r="DFR697" s="613"/>
      <c r="DFS697" s="613"/>
      <c r="DFT697" s="613"/>
      <c r="DFU697" s="613"/>
      <c r="DFV697" s="613"/>
      <c r="DFW697" s="613"/>
      <c r="DFX697" s="613"/>
      <c r="DFY697" s="613"/>
      <c r="DFZ697" s="613"/>
      <c r="DGA697" s="613"/>
      <c r="DGB697" s="613"/>
      <c r="DGC697" s="613"/>
      <c r="DGD697" s="613"/>
      <c r="DGE697" s="613"/>
      <c r="DGF697" s="613"/>
      <c r="DGG697" s="613"/>
      <c r="DGH697" s="613"/>
      <c r="DGI697" s="613"/>
      <c r="DGJ697" s="613"/>
      <c r="DGK697" s="613"/>
      <c r="DGL697" s="613"/>
      <c r="DGM697" s="613"/>
      <c r="DGN697" s="613"/>
      <c r="DGO697" s="613"/>
      <c r="DGP697" s="613"/>
      <c r="DGQ697" s="613"/>
      <c r="DGR697" s="613"/>
      <c r="DGS697" s="613"/>
      <c r="DGT697" s="613"/>
      <c r="DGU697" s="613"/>
      <c r="DGV697" s="613"/>
      <c r="DGW697" s="613"/>
      <c r="DGX697" s="613"/>
      <c r="DGY697" s="613"/>
      <c r="DGZ697" s="613"/>
      <c r="DHA697" s="613"/>
      <c r="DHB697" s="613"/>
      <c r="DHC697" s="613"/>
      <c r="DHD697" s="613"/>
      <c r="DHE697" s="613"/>
      <c r="DHF697" s="613"/>
      <c r="DHG697" s="613"/>
      <c r="DHH697" s="613"/>
      <c r="DHI697" s="613"/>
      <c r="DHJ697" s="613"/>
      <c r="DHK697" s="613"/>
      <c r="DHL697" s="613"/>
      <c r="DHM697" s="613"/>
      <c r="DHN697" s="613"/>
      <c r="DHO697" s="613"/>
      <c r="DHP697" s="613"/>
      <c r="DHQ697" s="613"/>
      <c r="DHR697" s="613"/>
      <c r="DHS697" s="613"/>
      <c r="DHT697" s="613"/>
      <c r="DHU697" s="613"/>
      <c r="DHV697" s="613"/>
      <c r="DHW697" s="613"/>
      <c r="DHX697" s="613"/>
      <c r="DHY697" s="613"/>
      <c r="DHZ697" s="613"/>
      <c r="DIA697" s="613"/>
      <c r="DIB697" s="613"/>
      <c r="DIC697" s="613"/>
      <c r="DID697" s="613"/>
      <c r="DIE697" s="613"/>
      <c r="DIF697" s="613"/>
      <c r="DIG697" s="613"/>
      <c r="DIH697" s="613"/>
      <c r="DII697" s="613"/>
      <c r="DIJ697" s="613"/>
      <c r="DIK697" s="613"/>
      <c r="DIL697" s="613"/>
      <c r="DIM697" s="613"/>
      <c r="DIN697" s="613"/>
      <c r="DIO697" s="613"/>
      <c r="DIP697" s="613"/>
      <c r="DIQ697" s="613"/>
      <c r="DIR697" s="613"/>
      <c r="DIS697" s="613"/>
      <c r="DIT697" s="613"/>
      <c r="DIU697" s="613"/>
      <c r="DIV697" s="613"/>
      <c r="DIW697" s="613"/>
      <c r="DIX697" s="613"/>
      <c r="DIY697" s="613"/>
      <c r="DIZ697" s="613"/>
      <c r="DJA697" s="613"/>
      <c r="DJB697" s="613"/>
      <c r="DJC697" s="613"/>
      <c r="DJD697" s="613"/>
      <c r="DJE697" s="613"/>
      <c r="DJF697" s="613"/>
      <c r="DJG697" s="613"/>
      <c r="DJH697" s="613"/>
      <c r="DJI697" s="613"/>
      <c r="DJJ697" s="613"/>
      <c r="DJK697" s="613"/>
      <c r="DJL697" s="613"/>
      <c r="DJM697" s="613"/>
      <c r="DJN697" s="613"/>
      <c r="DJO697" s="613"/>
      <c r="DJP697" s="613"/>
      <c r="DJQ697" s="613"/>
      <c r="DJR697" s="613"/>
      <c r="DJS697" s="613"/>
      <c r="DJT697" s="613"/>
      <c r="DJU697" s="613"/>
      <c r="DJV697" s="613"/>
      <c r="DJW697" s="613"/>
      <c r="DJX697" s="613"/>
      <c r="DJY697" s="613"/>
      <c r="DJZ697" s="613"/>
      <c r="DKA697" s="613"/>
      <c r="DKB697" s="613"/>
      <c r="DKC697" s="613"/>
      <c r="DKD697" s="613"/>
      <c r="DKE697" s="613"/>
      <c r="DKF697" s="613"/>
      <c r="DKG697" s="613"/>
      <c r="DKH697" s="613"/>
      <c r="DKI697" s="613"/>
      <c r="DKJ697" s="613"/>
      <c r="DKK697" s="613"/>
      <c r="DKL697" s="613"/>
      <c r="DKM697" s="613"/>
      <c r="DKN697" s="613"/>
      <c r="DKO697" s="613"/>
      <c r="DKP697" s="613"/>
      <c r="DKQ697" s="613"/>
      <c r="DKR697" s="613"/>
      <c r="DKS697" s="613"/>
      <c r="DKT697" s="613"/>
      <c r="DKU697" s="613"/>
      <c r="DKV697" s="613"/>
      <c r="DKW697" s="613"/>
      <c r="DKX697" s="613"/>
      <c r="DKY697" s="613"/>
      <c r="DKZ697" s="613"/>
      <c r="DLA697" s="613"/>
      <c r="DLB697" s="613"/>
      <c r="DLC697" s="613"/>
      <c r="DLD697" s="613"/>
      <c r="DLE697" s="613"/>
      <c r="DLF697" s="613"/>
      <c r="DLG697" s="613"/>
      <c r="DLH697" s="613"/>
      <c r="DLI697" s="613"/>
      <c r="DLJ697" s="613"/>
      <c r="DLK697" s="613"/>
      <c r="DLL697" s="613"/>
      <c r="DLM697" s="613"/>
      <c r="DLN697" s="613"/>
      <c r="DLO697" s="613"/>
      <c r="DLP697" s="613"/>
      <c r="DLQ697" s="613"/>
      <c r="DLR697" s="613"/>
      <c r="DLS697" s="613"/>
      <c r="DLT697" s="613"/>
      <c r="DLU697" s="613"/>
      <c r="DLV697" s="613"/>
      <c r="DLW697" s="613"/>
      <c r="DLX697" s="613"/>
      <c r="DLY697" s="613"/>
      <c r="DLZ697" s="613"/>
      <c r="DMA697" s="613"/>
      <c r="DMB697" s="613"/>
      <c r="DMC697" s="613"/>
      <c r="DMD697" s="613"/>
      <c r="DME697" s="613"/>
      <c r="DMF697" s="613"/>
      <c r="DMG697" s="613"/>
      <c r="DMH697" s="613"/>
      <c r="DMI697" s="613"/>
      <c r="DMJ697" s="613"/>
      <c r="DMK697" s="613"/>
      <c r="DML697" s="613"/>
      <c r="DMM697" s="613"/>
      <c r="DMN697" s="613"/>
      <c r="DMO697" s="613"/>
      <c r="DMP697" s="613"/>
      <c r="DMQ697" s="613"/>
      <c r="DMR697" s="613"/>
      <c r="DMS697" s="613"/>
      <c r="DMT697" s="613"/>
      <c r="DMU697" s="613"/>
      <c r="DMV697" s="613"/>
      <c r="DMW697" s="613"/>
      <c r="DMX697" s="613"/>
      <c r="DMY697" s="613"/>
      <c r="DMZ697" s="613"/>
      <c r="DNA697" s="613"/>
      <c r="DNB697" s="613"/>
      <c r="DNC697" s="613"/>
      <c r="DND697" s="613"/>
      <c r="DNE697" s="613"/>
      <c r="DNF697" s="613"/>
      <c r="DNG697" s="613"/>
      <c r="DNH697" s="613"/>
      <c r="DNI697" s="613"/>
      <c r="DNJ697" s="613"/>
      <c r="DNK697" s="613"/>
      <c r="DNL697" s="613"/>
      <c r="DNM697" s="613"/>
      <c r="DNN697" s="613"/>
      <c r="DNO697" s="613"/>
      <c r="DNP697" s="613"/>
      <c r="DNQ697" s="613"/>
      <c r="DNR697" s="613"/>
      <c r="DNS697" s="613"/>
      <c r="DNT697" s="613"/>
      <c r="DNU697" s="613"/>
      <c r="DNV697" s="613"/>
      <c r="DNW697" s="613"/>
      <c r="DNX697" s="613"/>
      <c r="DNY697" s="613"/>
      <c r="DNZ697" s="613"/>
      <c r="DOA697" s="613"/>
      <c r="DOB697" s="613"/>
      <c r="DOC697" s="613"/>
      <c r="DOD697" s="613"/>
      <c r="DOE697" s="613"/>
      <c r="DOF697" s="613"/>
      <c r="DOG697" s="613"/>
      <c r="DOH697" s="613"/>
      <c r="DOI697" s="613"/>
      <c r="DOJ697" s="613"/>
      <c r="DOK697" s="613"/>
      <c r="DOL697" s="613"/>
      <c r="DOM697" s="613"/>
      <c r="DON697" s="613"/>
      <c r="DOO697" s="613"/>
      <c r="DOP697" s="613"/>
      <c r="DOQ697" s="613"/>
      <c r="DOR697" s="613"/>
      <c r="DOS697" s="613"/>
      <c r="DOT697" s="613"/>
      <c r="DOU697" s="613"/>
      <c r="DOV697" s="613"/>
      <c r="DOW697" s="613"/>
      <c r="DOX697" s="613"/>
      <c r="DOY697" s="613"/>
      <c r="DOZ697" s="613"/>
      <c r="DPA697" s="613"/>
      <c r="DPB697" s="613"/>
      <c r="DPC697" s="613"/>
      <c r="DPD697" s="613"/>
      <c r="DPE697" s="613"/>
      <c r="DPF697" s="613"/>
      <c r="DPG697" s="613"/>
      <c r="DPH697" s="613"/>
      <c r="DPI697" s="613"/>
      <c r="DPJ697" s="613"/>
      <c r="DPK697" s="613"/>
      <c r="DPL697" s="613"/>
      <c r="DPM697" s="613"/>
      <c r="DPN697" s="613"/>
      <c r="DPO697" s="613"/>
      <c r="DPP697" s="613"/>
      <c r="DPQ697" s="613"/>
      <c r="DPR697" s="613"/>
      <c r="DPS697" s="613"/>
      <c r="DPT697" s="613"/>
      <c r="DPU697" s="613"/>
      <c r="DPV697" s="613"/>
      <c r="DPW697" s="613"/>
      <c r="DPX697" s="613"/>
      <c r="DPY697" s="613"/>
      <c r="DPZ697" s="613"/>
      <c r="DQA697" s="613"/>
      <c r="DQB697" s="613"/>
      <c r="DQC697" s="613"/>
      <c r="DQD697" s="613"/>
      <c r="DQE697" s="613"/>
      <c r="DQF697" s="613"/>
      <c r="DQG697" s="613"/>
      <c r="DQH697" s="613"/>
      <c r="DQI697" s="613"/>
      <c r="DQJ697" s="613"/>
      <c r="DQK697" s="613"/>
      <c r="DQL697" s="613"/>
      <c r="DQM697" s="613"/>
      <c r="DQN697" s="613"/>
      <c r="DQO697" s="613"/>
      <c r="DQP697" s="613"/>
      <c r="DQQ697" s="613"/>
      <c r="DQR697" s="613"/>
      <c r="DQS697" s="613"/>
      <c r="DQT697" s="613"/>
      <c r="DQU697" s="613"/>
      <c r="DQV697" s="613"/>
      <c r="DQW697" s="613"/>
      <c r="DQX697" s="613"/>
      <c r="DQY697" s="613"/>
      <c r="DQZ697" s="613"/>
      <c r="DRA697" s="613"/>
      <c r="DRB697" s="613"/>
      <c r="DRC697" s="613"/>
      <c r="DRD697" s="613"/>
      <c r="DRE697" s="613"/>
      <c r="DRF697" s="613"/>
      <c r="DRG697" s="613"/>
      <c r="DRH697" s="613"/>
      <c r="DRI697" s="613"/>
      <c r="DRJ697" s="613"/>
      <c r="DRK697" s="613"/>
      <c r="DRL697" s="613"/>
      <c r="DRM697" s="613"/>
      <c r="DRN697" s="613"/>
      <c r="DRO697" s="613"/>
      <c r="DRP697" s="613"/>
      <c r="DRQ697" s="613"/>
      <c r="DRR697" s="613"/>
      <c r="DRS697" s="613"/>
      <c r="DRT697" s="613"/>
      <c r="DRU697" s="613"/>
      <c r="DRV697" s="613"/>
      <c r="DRW697" s="613"/>
      <c r="DRX697" s="613"/>
      <c r="DRY697" s="613"/>
      <c r="DRZ697" s="613"/>
      <c r="DSA697" s="613"/>
      <c r="DSB697" s="613"/>
      <c r="DSC697" s="613"/>
      <c r="DSD697" s="613"/>
      <c r="DSE697" s="613"/>
      <c r="DSF697" s="613"/>
      <c r="DSG697" s="613"/>
      <c r="DSH697" s="613"/>
      <c r="DSI697" s="613"/>
      <c r="DSJ697" s="613"/>
      <c r="DSK697" s="613"/>
      <c r="DSL697" s="613"/>
      <c r="DSM697" s="613"/>
      <c r="DSN697" s="613"/>
      <c r="DSO697" s="613"/>
      <c r="DSP697" s="613"/>
      <c r="DSQ697" s="613"/>
      <c r="DSR697" s="613"/>
      <c r="DSS697" s="613"/>
      <c r="DST697" s="613"/>
      <c r="DSU697" s="613"/>
      <c r="DSV697" s="613"/>
      <c r="DSW697" s="613"/>
      <c r="DSX697" s="613"/>
      <c r="DSY697" s="613"/>
      <c r="DSZ697" s="613"/>
      <c r="DTA697" s="613"/>
      <c r="DTB697" s="613"/>
      <c r="DTC697" s="613"/>
      <c r="DTD697" s="613"/>
      <c r="DTE697" s="613"/>
      <c r="DTF697" s="613"/>
      <c r="DTG697" s="613"/>
      <c r="DTH697" s="613"/>
      <c r="DTI697" s="613"/>
      <c r="DTJ697" s="613"/>
      <c r="DTK697" s="613"/>
      <c r="DTL697" s="613"/>
      <c r="DTM697" s="613"/>
      <c r="DTN697" s="613"/>
      <c r="DTO697" s="613"/>
      <c r="DTP697" s="613"/>
      <c r="DTQ697" s="613"/>
      <c r="DTR697" s="613"/>
      <c r="DTS697" s="613"/>
      <c r="DTT697" s="613"/>
      <c r="DTU697" s="613"/>
      <c r="DTV697" s="613"/>
      <c r="DTW697" s="613"/>
      <c r="DTX697" s="613"/>
      <c r="DTY697" s="613"/>
      <c r="DTZ697" s="613"/>
      <c r="DUA697" s="613"/>
      <c r="DUB697" s="613"/>
      <c r="DUC697" s="613"/>
      <c r="DUD697" s="613"/>
      <c r="DUE697" s="613"/>
      <c r="DUF697" s="613"/>
      <c r="DUG697" s="613"/>
      <c r="DUH697" s="613"/>
      <c r="DUI697" s="613"/>
      <c r="DUJ697" s="613"/>
      <c r="DUK697" s="613"/>
      <c r="DUL697" s="613"/>
      <c r="DUM697" s="613"/>
      <c r="DUN697" s="613"/>
      <c r="DUO697" s="613"/>
      <c r="DUP697" s="613"/>
      <c r="DUQ697" s="613"/>
      <c r="DUR697" s="613"/>
      <c r="DUS697" s="613"/>
      <c r="DUT697" s="613"/>
      <c r="DUU697" s="613"/>
      <c r="DUV697" s="613"/>
      <c r="DUW697" s="613"/>
      <c r="DUX697" s="613"/>
      <c r="DUY697" s="613"/>
      <c r="DUZ697" s="613"/>
      <c r="DVA697" s="613"/>
      <c r="DVB697" s="613"/>
      <c r="DVC697" s="613"/>
      <c r="DVD697" s="613"/>
      <c r="DVE697" s="613"/>
      <c r="DVF697" s="613"/>
      <c r="DVG697" s="613"/>
      <c r="DVH697" s="613"/>
      <c r="DVI697" s="613"/>
      <c r="DVJ697" s="613"/>
      <c r="DVK697" s="613"/>
      <c r="DVL697" s="613"/>
      <c r="DVM697" s="613"/>
      <c r="DVN697" s="613"/>
      <c r="DVO697" s="613"/>
      <c r="DVP697" s="613"/>
      <c r="DVQ697" s="613"/>
      <c r="DVR697" s="613"/>
      <c r="DVS697" s="613"/>
      <c r="DVT697" s="613"/>
      <c r="DVU697" s="613"/>
      <c r="DVV697" s="613"/>
      <c r="DVW697" s="613"/>
      <c r="DVX697" s="613"/>
      <c r="DVY697" s="613"/>
      <c r="DVZ697" s="613"/>
      <c r="DWA697" s="613"/>
      <c r="DWB697" s="613"/>
      <c r="DWC697" s="613"/>
      <c r="DWD697" s="613"/>
      <c r="DWE697" s="613"/>
      <c r="DWF697" s="613"/>
      <c r="DWG697" s="613"/>
      <c r="DWH697" s="613"/>
      <c r="DWI697" s="613"/>
      <c r="DWJ697" s="613"/>
      <c r="DWK697" s="613"/>
      <c r="DWL697" s="613"/>
      <c r="DWM697" s="613"/>
      <c r="DWN697" s="613"/>
      <c r="DWO697" s="613"/>
      <c r="DWP697" s="613"/>
      <c r="DWQ697" s="613"/>
      <c r="DWR697" s="613"/>
      <c r="DWS697" s="613"/>
      <c r="DWT697" s="613"/>
      <c r="DWU697" s="613"/>
      <c r="DWV697" s="613"/>
      <c r="DWW697" s="613"/>
      <c r="DWX697" s="613"/>
      <c r="DWY697" s="613"/>
      <c r="DWZ697" s="613"/>
      <c r="DXA697" s="613"/>
      <c r="DXB697" s="613"/>
      <c r="DXC697" s="613"/>
      <c r="DXD697" s="613"/>
      <c r="DXE697" s="613"/>
      <c r="DXF697" s="613"/>
      <c r="DXG697" s="613"/>
      <c r="DXH697" s="613"/>
      <c r="DXI697" s="613"/>
      <c r="DXJ697" s="613"/>
      <c r="DXK697" s="613"/>
      <c r="DXL697" s="613"/>
      <c r="DXM697" s="613"/>
      <c r="DXN697" s="613"/>
      <c r="DXO697" s="613"/>
      <c r="DXP697" s="613"/>
      <c r="DXQ697" s="613"/>
      <c r="DXR697" s="613"/>
      <c r="DXS697" s="613"/>
      <c r="DXT697" s="613"/>
      <c r="DXU697" s="613"/>
      <c r="DXV697" s="613"/>
      <c r="DXW697" s="613"/>
      <c r="DXX697" s="613"/>
      <c r="DXY697" s="613"/>
      <c r="DXZ697" s="613"/>
      <c r="DYA697" s="613"/>
      <c r="DYB697" s="613"/>
      <c r="DYC697" s="613"/>
      <c r="DYD697" s="613"/>
      <c r="DYE697" s="613"/>
      <c r="DYF697" s="613"/>
      <c r="DYG697" s="613"/>
      <c r="DYH697" s="613"/>
      <c r="DYI697" s="613"/>
      <c r="DYJ697" s="613"/>
      <c r="DYK697" s="613"/>
      <c r="DYL697" s="613"/>
      <c r="DYM697" s="613"/>
      <c r="DYN697" s="613"/>
      <c r="DYO697" s="613"/>
      <c r="DYP697" s="613"/>
      <c r="DYQ697" s="613"/>
      <c r="DYR697" s="613"/>
      <c r="DYS697" s="613"/>
      <c r="DYT697" s="613"/>
      <c r="DYU697" s="613"/>
      <c r="DYV697" s="613"/>
      <c r="DYW697" s="613"/>
      <c r="DYX697" s="613"/>
      <c r="DYY697" s="613"/>
      <c r="DYZ697" s="613"/>
      <c r="DZA697" s="613"/>
      <c r="DZB697" s="613"/>
      <c r="DZC697" s="613"/>
      <c r="DZD697" s="613"/>
      <c r="DZE697" s="613"/>
      <c r="DZF697" s="613"/>
      <c r="DZG697" s="613"/>
      <c r="DZH697" s="613"/>
      <c r="DZI697" s="613"/>
      <c r="DZJ697" s="613"/>
      <c r="DZK697" s="613"/>
      <c r="DZL697" s="613"/>
      <c r="DZM697" s="613"/>
      <c r="DZN697" s="613"/>
      <c r="DZO697" s="613"/>
      <c r="DZP697" s="613"/>
      <c r="DZQ697" s="613"/>
      <c r="DZR697" s="613"/>
      <c r="DZS697" s="613"/>
      <c r="DZT697" s="613"/>
      <c r="DZU697" s="613"/>
      <c r="DZV697" s="613"/>
      <c r="DZW697" s="613"/>
      <c r="DZX697" s="613"/>
      <c r="DZY697" s="613"/>
      <c r="DZZ697" s="613"/>
      <c r="EAA697" s="613"/>
      <c r="EAB697" s="613"/>
      <c r="EAC697" s="613"/>
      <c r="EAD697" s="613"/>
      <c r="EAE697" s="613"/>
      <c r="EAF697" s="613"/>
      <c r="EAG697" s="613"/>
      <c r="EAH697" s="613"/>
      <c r="EAI697" s="613"/>
      <c r="EAJ697" s="613"/>
      <c r="EAK697" s="613"/>
      <c r="EAL697" s="613"/>
      <c r="EAM697" s="613"/>
      <c r="EAN697" s="613"/>
      <c r="EAO697" s="613"/>
      <c r="EAP697" s="613"/>
      <c r="EAQ697" s="613"/>
      <c r="EAR697" s="613"/>
      <c r="EAS697" s="613"/>
      <c r="EAT697" s="613"/>
      <c r="EAU697" s="613"/>
      <c r="EAV697" s="613"/>
      <c r="EAW697" s="613"/>
      <c r="EAX697" s="613"/>
      <c r="EAY697" s="613"/>
      <c r="EAZ697" s="613"/>
      <c r="EBA697" s="613"/>
      <c r="EBB697" s="613"/>
      <c r="EBC697" s="613"/>
      <c r="EBD697" s="613"/>
      <c r="EBE697" s="613"/>
      <c r="EBF697" s="613"/>
      <c r="EBG697" s="613"/>
      <c r="EBH697" s="613"/>
      <c r="EBI697" s="613"/>
      <c r="EBJ697" s="613"/>
      <c r="EBK697" s="613"/>
      <c r="EBL697" s="613"/>
      <c r="EBM697" s="613"/>
      <c r="EBN697" s="613"/>
      <c r="EBO697" s="613"/>
      <c r="EBP697" s="613"/>
      <c r="EBQ697" s="613"/>
      <c r="EBR697" s="613"/>
      <c r="EBS697" s="613"/>
      <c r="EBT697" s="613"/>
      <c r="EBU697" s="613"/>
      <c r="EBV697" s="613"/>
      <c r="EBW697" s="613"/>
      <c r="EBX697" s="613"/>
      <c r="EBY697" s="613"/>
      <c r="EBZ697" s="613"/>
      <c r="ECA697" s="613"/>
      <c r="ECB697" s="613"/>
      <c r="ECC697" s="613"/>
      <c r="ECD697" s="613"/>
      <c r="ECE697" s="613"/>
      <c r="ECF697" s="613"/>
      <c r="ECG697" s="613"/>
      <c r="ECH697" s="613"/>
      <c r="ECI697" s="613"/>
      <c r="ECJ697" s="613"/>
      <c r="ECK697" s="613"/>
      <c r="ECL697" s="613"/>
      <c r="ECM697" s="613"/>
      <c r="ECN697" s="613"/>
      <c r="ECO697" s="613"/>
      <c r="ECP697" s="613"/>
      <c r="ECQ697" s="613"/>
      <c r="ECR697" s="613"/>
      <c r="ECS697" s="613"/>
      <c r="ECT697" s="613"/>
      <c r="ECU697" s="613"/>
      <c r="ECV697" s="613"/>
      <c r="ECW697" s="613"/>
      <c r="ECX697" s="613"/>
      <c r="ECY697" s="613"/>
      <c r="ECZ697" s="613"/>
      <c r="EDA697" s="613"/>
      <c r="EDB697" s="613"/>
      <c r="EDC697" s="613"/>
      <c r="EDD697" s="613"/>
      <c r="EDE697" s="613"/>
      <c r="EDF697" s="613"/>
      <c r="EDG697" s="613"/>
      <c r="EDH697" s="613"/>
      <c r="EDI697" s="613"/>
      <c r="EDJ697" s="613"/>
      <c r="EDK697" s="613"/>
      <c r="EDL697" s="613"/>
      <c r="EDM697" s="613"/>
      <c r="EDN697" s="613"/>
      <c r="EDO697" s="613"/>
      <c r="EDP697" s="613"/>
      <c r="EDQ697" s="613"/>
      <c r="EDR697" s="613"/>
      <c r="EDS697" s="613"/>
      <c r="EDT697" s="613"/>
      <c r="EDU697" s="613"/>
      <c r="EDV697" s="613"/>
      <c r="EDW697" s="613"/>
      <c r="EDX697" s="613"/>
      <c r="EDY697" s="613"/>
      <c r="EDZ697" s="613"/>
      <c r="EEA697" s="613"/>
      <c r="EEB697" s="613"/>
      <c r="EEC697" s="613"/>
      <c r="EED697" s="613"/>
      <c r="EEE697" s="613"/>
      <c r="EEF697" s="613"/>
      <c r="EEG697" s="613"/>
      <c r="EEH697" s="613"/>
      <c r="EEI697" s="613"/>
      <c r="EEJ697" s="613"/>
      <c r="EEK697" s="613"/>
      <c r="EEL697" s="613"/>
      <c r="EEM697" s="613"/>
      <c r="EEN697" s="613"/>
      <c r="EEO697" s="613"/>
      <c r="EEP697" s="613"/>
      <c r="EEQ697" s="613"/>
      <c r="EER697" s="613"/>
      <c r="EES697" s="613"/>
      <c r="EET697" s="613"/>
      <c r="EEU697" s="613"/>
      <c r="EEV697" s="613"/>
      <c r="EEW697" s="613"/>
      <c r="EEX697" s="613"/>
      <c r="EEY697" s="613"/>
      <c r="EEZ697" s="613"/>
      <c r="EFA697" s="613"/>
      <c r="EFB697" s="613"/>
      <c r="EFC697" s="613"/>
      <c r="EFD697" s="613"/>
      <c r="EFE697" s="613"/>
      <c r="EFF697" s="613"/>
      <c r="EFG697" s="613"/>
      <c r="EFH697" s="613"/>
      <c r="EFI697" s="613"/>
      <c r="EFJ697" s="613"/>
      <c r="EFK697" s="613"/>
      <c r="EFL697" s="613"/>
      <c r="EFM697" s="613"/>
      <c r="EFN697" s="613"/>
      <c r="EFO697" s="613"/>
      <c r="EFP697" s="613"/>
      <c r="EFQ697" s="613"/>
      <c r="EFR697" s="613"/>
      <c r="EFS697" s="613"/>
      <c r="EFT697" s="613"/>
      <c r="EFU697" s="613"/>
      <c r="EFV697" s="613"/>
      <c r="EFW697" s="613"/>
      <c r="EFX697" s="613"/>
      <c r="EFY697" s="613"/>
      <c r="EFZ697" s="613"/>
      <c r="EGA697" s="613"/>
      <c r="EGB697" s="613"/>
      <c r="EGC697" s="613"/>
      <c r="EGD697" s="613"/>
      <c r="EGE697" s="613"/>
      <c r="EGF697" s="613"/>
      <c r="EGG697" s="613"/>
      <c r="EGH697" s="613"/>
      <c r="EGI697" s="613"/>
      <c r="EGJ697" s="613"/>
      <c r="EGK697" s="613"/>
      <c r="EGL697" s="613"/>
      <c r="EGM697" s="613"/>
      <c r="EGN697" s="613"/>
      <c r="EGO697" s="613"/>
      <c r="EGP697" s="613"/>
      <c r="EGQ697" s="613"/>
      <c r="EGR697" s="613"/>
      <c r="EGS697" s="613"/>
      <c r="EGT697" s="613"/>
      <c r="EGU697" s="613"/>
      <c r="EGV697" s="613"/>
      <c r="EGW697" s="613"/>
      <c r="EGX697" s="613"/>
      <c r="EGY697" s="613"/>
      <c r="EGZ697" s="613"/>
      <c r="EHA697" s="613"/>
      <c r="EHB697" s="613"/>
      <c r="EHC697" s="613"/>
      <c r="EHD697" s="613"/>
      <c r="EHE697" s="613"/>
      <c r="EHF697" s="613"/>
      <c r="EHG697" s="613"/>
      <c r="EHH697" s="613"/>
      <c r="EHI697" s="613"/>
      <c r="EHJ697" s="613"/>
      <c r="EHK697" s="613"/>
      <c r="EHL697" s="613"/>
      <c r="EHM697" s="613"/>
      <c r="EHN697" s="613"/>
      <c r="EHO697" s="613"/>
      <c r="EHP697" s="613"/>
      <c r="EHQ697" s="613"/>
      <c r="EHR697" s="613"/>
      <c r="EHS697" s="613"/>
      <c r="EHT697" s="613"/>
      <c r="EHU697" s="613"/>
      <c r="EHV697" s="613"/>
      <c r="EHW697" s="613"/>
      <c r="EHX697" s="613"/>
      <c r="EHY697" s="613"/>
      <c r="EHZ697" s="613"/>
      <c r="EIA697" s="613"/>
      <c r="EIB697" s="613"/>
      <c r="EIC697" s="613"/>
      <c r="EID697" s="613"/>
      <c r="EIE697" s="613"/>
      <c r="EIF697" s="613"/>
      <c r="EIG697" s="613"/>
      <c r="EIH697" s="613"/>
      <c r="EII697" s="613"/>
      <c r="EIJ697" s="613"/>
      <c r="EIK697" s="613"/>
      <c r="EIL697" s="613"/>
      <c r="EIM697" s="613"/>
      <c r="EIN697" s="613"/>
      <c r="EIO697" s="613"/>
      <c r="EIP697" s="613"/>
      <c r="EIQ697" s="613"/>
      <c r="EIR697" s="613"/>
      <c r="EIS697" s="613"/>
      <c r="EIT697" s="613"/>
      <c r="EIU697" s="613"/>
      <c r="EIV697" s="613"/>
      <c r="EIW697" s="613"/>
      <c r="EIX697" s="613"/>
      <c r="EIY697" s="613"/>
      <c r="EIZ697" s="613"/>
      <c r="EJA697" s="613"/>
      <c r="EJB697" s="613"/>
      <c r="EJC697" s="613"/>
      <c r="EJD697" s="613"/>
      <c r="EJE697" s="613"/>
      <c r="EJF697" s="613"/>
      <c r="EJG697" s="613"/>
      <c r="EJH697" s="613"/>
      <c r="EJI697" s="613"/>
      <c r="EJJ697" s="613"/>
      <c r="EJK697" s="613"/>
      <c r="EJL697" s="613"/>
      <c r="EJM697" s="613"/>
      <c r="EJN697" s="613"/>
      <c r="EJO697" s="613"/>
      <c r="EJP697" s="613"/>
      <c r="EJQ697" s="613"/>
      <c r="EJR697" s="613"/>
      <c r="EJS697" s="613"/>
      <c r="EJT697" s="613"/>
      <c r="EJU697" s="613"/>
      <c r="EJV697" s="613"/>
      <c r="EJW697" s="613"/>
      <c r="EJX697" s="613"/>
      <c r="EJY697" s="613"/>
      <c r="EJZ697" s="613"/>
      <c r="EKA697" s="613"/>
      <c r="EKB697" s="613"/>
      <c r="EKC697" s="613"/>
      <c r="EKD697" s="613"/>
      <c r="EKE697" s="613"/>
      <c r="EKF697" s="613"/>
      <c r="EKG697" s="613"/>
      <c r="EKH697" s="613"/>
      <c r="EKI697" s="613"/>
      <c r="EKJ697" s="613"/>
      <c r="EKK697" s="613"/>
      <c r="EKL697" s="613"/>
      <c r="EKM697" s="613"/>
      <c r="EKN697" s="613"/>
      <c r="EKO697" s="613"/>
      <c r="EKP697" s="613"/>
      <c r="EKQ697" s="613"/>
      <c r="EKR697" s="613"/>
      <c r="EKS697" s="613"/>
      <c r="EKT697" s="613"/>
      <c r="EKU697" s="613"/>
      <c r="EKV697" s="613"/>
      <c r="EKW697" s="613"/>
      <c r="EKX697" s="613"/>
      <c r="EKY697" s="613"/>
      <c r="EKZ697" s="613"/>
      <c r="ELA697" s="613"/>
      <c r="ELB697" s="613"/>
      <c r="ELC697" s="613"/>
      <c r="ELD697" s="613"/>
      <c r="ELE697" s="613"/>
      <c r="ELF697" s="613"/>
      <c r="ELG697" s="613"/>
      <c r="ELH697" s="613"/>
      <c r="ELI697" s="613"/>
      <c r="ELJ697" s="613"/>
      <c r="ELK697" s="613"/>
      <c r="ELL697" s="613"/>
      <c r="ELM697" s="613"/>
      <c r="ELN697" s="613"/>
      <c r="ELO697" s="613"/>
      <c r="ELP697" s="613"/>
      <c r="ELQ697" s="613"/>
      <c r="ELR697" s="613"/>
      <c r="ELS697" s="613"/>
      <c r="ELT697" s="613"/>
      <c r="ELU697" s="613"/>
      <c r="ELV697" s="613"/>
      <c r="ELW697" s="613"/>
      <c r="ELX697" s="613"/>
      <c r="ELY697" s="613"/>
      <c r="ELZ697" s="613"/>
      <c r="EMA697" s="613"/>
      <c r="EMB697" s="613"/>
      <c r="EMC697" s="613"/>
      <c r="EMD697" s="613"/>
      <c r="EME697" s="613"/>
      <c r="EMF697" s="613"/>
      <c r="EMG697" s="613"/>
      <c r="EMH697" s="613"/>
      <c r="EMI697" s="613"/>
      <c r="EMJ697" s="613"/>
      <c r="EMK697" s="613"/>
      <c r="EML697" s="613"/>
      <c r="EMM697" s="613"/>
      <c r="EMN697" s="613"/>
      <c r="EMO697" s="613"/>
      <c r="EMP697" s="613"/>
      <c r="EMQ697" s="613"/>
      <c r="EMR697" s="613"/>
      <c r="EMS697" s="613"/>
      <c r="EMT697" s="613"/>
      <c r="EMU697" s="613"/>
      <c r="EMV697" s="613"/>
      <c r="EMW697" s="613"/>
      <c r="EMX697" s="613"/>
      <c r="EMY697" s="613"/>
      <c r="EMZ697" s="613"/>
      <c r="ENA697" s="613"/>
      <c r="ENB697" s="613"/>
      <c r="ENC697" s="613"/>
      <c r="END697" s="613"/>
      <c r="ENE697" s="613"/>
      <c r="ENF697" s="613"/>
      <c r="ENG697" s="613"/>
      <c r="ENH697" s="613"/>
      <c r="ENI697" s="613"/>
      <c r="ENJ697" s="613"/>
      <c r="ENK697" s="613"/>
      <c r="ENL697" s="613"/>
      <c r="ENM697" s="613"/>
      <c r="ENN697" s="613"/>
      <c r="ENO697" s="613"/>
      <c r="ENP697" s="613"/>
      <c r="ENQ697" s="613"/>
      <c r="ENR697" s="613"/>
      <c r="ENS697" s="613"/>
      <c r="ENT697" s="613"/>
      <c r="ENU697" s="613"/>
      <c r="ENV697" s="613"/>
      <c r="ENW697" s="613"/>
      <c r="ENX697" s="613"/>
      <c r="ENY697" s="613"/>
      <c r="ENZ697" s="613"/>
      <c r="EOA697" s="613"/>
      <c r="EOB697" s="613"/>
      <c r="EOC697" s="613"/>
      <c r="EOD697" s="613"/>
      <c r="EOE697" s="613"/>
      <c r="EOF697" s="613"/>
      <c r="EOG697" s="613"/>
      <c r="EOH697" s="613"/>
      <c r="EOI697" s="613"/>
      <c r="EOJ697" s="613"/>
      <c r="EOK697" s="613"/>
      <c r="EOL697" s="613"/>
      <c r="EOM697" s="613"/>
      <c r="EON697" s="613"/>
      <c r="EOO697" s="613"/>
      <c r="EOP697" s="613"/>
      <c r="EOQ697" s="613"/>
      <c r="EOR697" s="613"/>
      <c r="EOS697" s="613"/>
      <c r="EOT697" s="613"/>
      <c r="EOU697" s="613"/>
      <c r="EOV697" s="613"/>
      <c r="EOW697" s="613"/>
      <c r="EOX697" s="613"/>
      <c r="EOY697" s="613"/>
      <c r="EOZ697" s="613"/>
      <c r="EPA697" s="613"/>
      <c r="EPB697" s="613"/>
      <c r="EPC697" s="613"/>
      <c r="EPD697" s="613"/>
      <c r="EPE697" s="613"/>
      <c r="EPF697" s="613"/>
      <c r="EPG697" s="613"/>
      <c r="EPH697" s="613"/>
      <c r="EPI697" s="613"/>
      <c r="EPJ697" s="613"/>
      <c r="EPK697" s="613"/>
      <c r="EPL697" s="613"/>
      <c r="EPM697" s="613"/>
      <c r="EPN697" s="613"/>
      <c r="EPO697" s="613"/>
      <c r="EPP697" s="613"/>
      <c r="EPQ697" s="613"/>
      <c r="EPR697" s="613"/>
      <c r="EPS697" s="613"/>
      <c r="EPT697" s="613"/>
      <c r="EPU697" s="613"/>
      <c r="EPV697" s="613"/>
      <c r="EPW697" s="613"/>
      <c r="EPX697" s="613"/>
      <c r="EPY697" s="613"/>
      <c r="EPZ697" s="613"/>
      <c r="EQA697" s="613"/>
      <c r="EQB697" s="613"/>
      <c r="EQC697" s="613"/>
      <c r="EQD697" s="613"/>
      <c r="EQE697" s="613"/>
      <c r="EQF697" s="613"/>
      <c r="EQG697" s="613"/>
      <c r="EQH697" s="613"/>
      <c r="EQI697" s="613"/>
      <c r="EQJ697" s="613"/>
      <c r="EQK697" s="613"/>
      <c r="EQL697" s="613"/>
      <c r="EQM697" s="613"/>
      <c r="EQN697" s="613"/>
      <c r="EQO697" s="613"/>
      <c r="EQP697" s="613"/>
      <c r="EQQ697" s="613"/>
      <c r="EQR697" s="613"/>
      <c r="EQS697" s="613"/>
      <c r="EQT697" s="613"/>
      <c r="EQU697" s="613"/>
      <c r="EQV697" s="613"/>
      <c r="EQW697" s="613"/>
      <c r="EQX697" s="613"/>
      <c r="EQY697" s="613"/>
      <c r="EQZ697" s="613"/>
      <c r="ERA697" s="613"/>
      <c r="ERB697" s="613"/>
      <c r="ERC697" s="613"/>
      <c r="ERD697" s="613"/>
      <c r="ERE697" s="613"/>
      <c r="ERF697" s="613"/>
      <c r="ERG697" s="613"/>
      <c r="ERH697" s="613"/>
      <c r="ERI697" s="613"/>
      <c r="ERJ697" s="613"/>
      <c r="ERK697" s="613"/>
      <c r="ERL697" s="613"/>
      <c r="ERM697" s="613"/>
      <c r="ERN697" s="613"/>
      <c r="ERO697" s="613"/>
      <c r="ERP697" s="613"/>
      <c r="ERQ697" s="613"/>
      <c r="ERR697" s="613"/>
      <c r="ERS697" s="613"/>
      <c r="ERT697" s="613"/>
      <c r="ERU697" s="613"/>
      <c r="ERV697" s="613"/>
      <c r="ERW697" s="613"/>
      <c r="ERX697" s="613"/>
      <c r="ERY697" s="613"/>
      <c r="ERZ697" s="613"/>
      <c r="ESA697" s="613"/>
      <c r="ESB697" s="613"/>
      <c r="ESC697" s="613"/>
      <c r="ESD697" s="613"/>
      <c r="ESE697" s="613"/>
      <c r="ESF697" s="613"/>
      <c r="ESG697" s="613"/>
      <c r="ESH697" s="613"/>
      <c r="ESI697" s="613"/>
      <c r="ESJ697" s="613"/>
      <c r="ESK697" s="613"/>
      <c r="ESL697" s="613"/>
      <c r="ESM697" s="613"/>
      <c r="ESN697" s="613"/>
      <c r="ESO697" s="613"/>
      <c r="ESP697" s="613"/>
      <c r="ESQ697" s="613"/>
      <c r="ESR697" s="613"/>
      <c r="ESS697" s="613"/>
      <c r="EST697" s="613"/>
      <c r="ESU697" s="613"/>
      <c r="ESV697" s="613"/>
      <c r="ESW697" s="613"/>
      <c r="ESX697" s="613"/>
      <c r="ESY697" s="613"/>
      <c r="ESZ697" s="613"/>
      <c r="ETA697" s="613"/>
      <c r="ETB697" s="613"/>
      <c r="ETC697" s="613"/>
      <c r="ETD697" s="613"/>
      <c r="ETE697" s="613"/>
      <c r="ETF697" s="613"/>
      <c r="ETG697" s="613"/>
      <c r="ETH697" s="613"/>
      <c r="ETI697" s="613"/>
      <c r="ETJ697" s="613"/>
      <c r="ETK697" s="613"/>
      <c r="ETL697" s="613"/>
      <c r="ETM697" s="613"/>
      <c r="ETN697" s="613"/>
      <c r="ETO697" s="613"/>
      <c r="ETP697" s="613"/>
      <c r="ETQ697" s="613"/>
      <c r="ETR697" s="613"/>
      <c r="ETS697" s="613"/>
      <c r="ETT697" s="613"/>
      <c r="ETU697" s="613"/>
      <c r="ETV697" s="613"/>
      <c r="ETW697" s="613"/>
      <c r="ETX697" s="613"/>
      <c r="ETY697" s="613"/>
      <c r="ETZ697" s="613"/>
      <c r="EUA697" s="613"/>
      <c r="EUB697" s="613"/>
      <c r="EUC697" s="613"/>
      <c r="EUD697" s="613"/>
      <c r="EUE697" s="613"/>
      <c r="EUF697" s="613"/>
      <c r="EUG697" s="613"/>
      <c r="EUH697" s="613"/>
      <c r="EUI697" s="613"/>
      <c r="EUJ697" s="613"/>
      <c r="EUK697" s="613"/>
      <c r="EUL697" s="613"/>
      <c r="EUM697" s="613"/>
      <c r="EUN697" s="613"/>
      <c r="EUO697" s="613"/>
      <c r="EUP697" s="613"/>
      <c r="EUQ697" s="613"/>
      <c r="EUR697" s="613"/>
      <c r="EUS697" s="613"/>
      <c r="EUT697" s="613"/>
      <c r="EUU697" s="613"/>
      <c r="EUV697" s="613"/>
      <c r="EUW697" s="613"/>
      <c r="EUX697" s="613"/>
      <c r="EUY697" s="613"/>
      <c r="EUZ697" s="613"/>
      <c r="EVA697" s="613"/>
      <c r="EVB697" s="613"/>
      <c r="EVC697" s="613"/>
      <c r="EVD697" s="613"/>
      <c r="EVE697" s="613"/>
      <c r="EVF697" s="613"/>
      <c r="EVG697" s="613"/>
      <c r="EVH697" s="613"/>
      <c r="EVI697" s="613"/>
      <c r="EVJ697" s="613"/>
      <c r="EVK697" s="613"/>
      <c r="EVL697" s="613"/>
      <c r="EVM697" s="613"/>
      <c r="EVN697" s="613"/>
      <c r="EVO697" s="613"/>
      <c r="EVP697" s="613"/>
      <c r="EVQ697" s="613"/>
      <c r="EVR697" s="613"/>
      <c r="EVS697" s="613"/>
      <c r="EVT697" s="613"/>
      <c r="EVU697" s="613"/>
      <c r="EVV697" s="613"/>
      <c r="EVW697" s="613"/>
      <c r="EVX697" s="613"/>
      <c r="EVY697" s="613"/>
      <c r="EVZ697" s="613"/>
      <c r="EWA697" s="613"/>
      <c r="EWB697" s="613"/>
      <c r="EWC697" s="613"/>
      <c r="EWD697" s="613"/>
      <c r="EWE697" s="613"/>
      <c r="EWF697" s="613"/>
      <c r="EWG697" s="613"/>
      <c r="EWH697" s="613"/>
      <c r="EWI697" s="613"/>
      <c r="EWJ697" s="613"/>
      <c r="EWK697" s="613"/>
      <c r="EWL697" s="613"/>
      <c r="EWM697" s="613"/>
      <c r="EWN697" s="613"/>
      <c r="EWO697" s="613"/>
      <c r="EWP697" s="613"/>
      <c r="EWQ697" s="613"/>
      <c r="EWR697" s="613"/>
      <c r="EWS697" s="613"/>
      <c r="EWT697" s="613"/>
      <c r="EWU697" s="613"/>
      <c r="EWV697" s="613"/>
      <c r="EWW697" s="613"/>
      <c r="EWX697" s="613"/>
      <c r="EWY697" s="613"/>
      <c r="EWZ697" s="613"/>
      <c r="EXA697" s="613"/>
      <c r="EXB697" s="613"/>
      <c r="EXC697" s="613"/>
      <c r="EXD697" s="613"/>
      <c r="EXE697" s="613"/>
      <c r="EXF697" s="613"/>
      <c r="EXG697" s="613"/>
      <c r="EXH697" s="613"/>
      <c r="EXI697" s="613"/>
      <c r="EXJ697" s="613"/>
      <c r="EXK697" s="613"/>
      <c r="EXL697" s="613"/>
      <c r="EXM697" s="613"/>
      <c r="EXN697" s="613"/>
      <c r="EXO697" s="613"/>
      <c r="EXP697" s="613"/>
      <c r="EXQ697" s="613"/>
      <c r="EXR697" s="613"/>
      <c r="EXS697" s="613"/>
      <c r="EXT697" s="613"/>
      <c r="EXU697" s="613"/>
      <c r="EXV697" s="613"/>
      <c r="EXW697" s="613"/>
      <c r="EXX697" s="613"/>
      <c r="EXY697" s="613"/>
      <c r="EXZ697" s="613"/>
      <c r="EYA697" s="613"/>
      <c r="EYB697" s="613"/>
      <c r="EYC697" s="613"/>
      <c r="EYD697" s="613"/>
      <c r="EYE697" s="613"/>
      <c r="EYF697" s="613"/>
      <c r="EYG697" s="613"/>
      <c r="EYH697" s="613"/>
      <c r="EYI697" s="613"/>
      <c r="EYJ697" s="613"/>
      <c r="EYK697" s="613"/>
      <c r="EYL697" s="613"/>
      <c r="EYM697" s="613"/>
      <c r="EYN697" s="613"/>
      <c r="EYO697" s="613"/>
      <c r="EYP697" s="613"/>
      <c r="EYQ697" s="613"/>
      <c r="EYR697" s="613"/>
      <c r="EYS697" s="613"/>
      <c r="EYT697" s="613"/>
      <c r="EYU697" s="613"/>
      <c r="EYV697" s="613"/>
      <c r="EYW697" s="613"/>
      <c r="EYX697" s="613"/>
      <c r="EYY697" s="613"/>
      <c r="EYZ697" s="613"/>
      <c r="EZA697" s="613"/>
      <c r="EZB697" s="613"/>
      <c r="EZC697" s="613"/>
      <c r="EZD697" s="613"/>
      <c r="EZE697" s="613"/>
      <c r="EZF697" s="613"/>
      <c r="EZG697" s="613"/>
      <c r="EZH697" s="613"/>
      <c r="EZI697" s="613"/>
      <c r="EZJ697" s="613"/>
      <c r="EZK697" s="613"/>
      <c r="EZL697" s="613"/>
      <c r="EZM697" s="613"/>
      <c r="EZN697" s="613"/>
      <c r="EZO697" s="613"/>
      <c r="EZP697" s="613"/>
      <c r="EZQ697" s="613"/>
      <c r="EZR697" s="613"/>
      <c r="EZS697" s="613"/>
      <c r="EZT697" s="613"/>
      <c r="EZU697" s="613"/>
      <c r="EZV697" s="613"/>
      <c r="EZW697" s="613"/>
      <c r="EZX697" s="613"/>
      <c r="EZY697" s="613"/>
      <c r="EZZ697" s="613"/>
      <c r="FAA697" s="613"/>
      <c r="FAB697" s="613"/>
      <c r="FAC697" s="613"/>
      <c r="FAD697" s="613"/>
      <c r="FAE697" s="613"/>
      <c r="FAF697" s="613"/>
      <c r="FAG697" s="613"/>
      <c r="FAH697" s="613"/>
      <c r="FAI697" s="613"/>
      <c r="FAJ697" s="613"/>
      <c r="FAK697" s="613"/>
      <c r="FAL697" s="613"/>
      <c r="FAM697" s="613"/>
      <c r="FAN697" s="613"/>
      <c r="FAO697" s="613"/>
      <c r="FAP697" s="613"/>
      <c r="FAQ697" s="613"/>
      <c r="FAR697" s="613"/>
      <c r="FAS697" s="613"/>
      <c r="FAT697" s="613"/>
      <c r="FAU697" s="613"/>
      <c r="FAV697" s="613"/>
      <c r="FAW697" s="613"/>
      <c r="FAX697" s="613"/>
      <c r="FAY697" s="613"/>
      <c r="FAZ697" s="613"/>
      <c r="FBA697" s="613"/>
      <c r="FBB697" s="613"/>
      <c r="FBC697" s="613"/>
      <c r="FBD697" s="613"/>
      <c r="FBE697" s="613"/>
      <c r="FBF697" s="613"/>
      <c r="FBG697" s="613"/>
      <c r="FBH697" s="613"/>
      <c r="FBI697" s="613"/>
      <c r="FBJ697" s="613"/>
      <c r="FBK697" s="613"/>
      <c r="FBL697" s="613"/>
      <c r="FBM697" s="613"/>
      <c r="FBN697" s="613"/>
      <c r="FBO697" s="613"/>
      <c r="FBP697" s="613"/>
      <c r="FBQ697" s="613"/>
      <c r="FBR697" s="613"/>
      <c r="FBS697" s="613"/>
      <c r="FBT697" s="613"/>
      <c r="FBU697" s="613"/>
      <c r="FBV697" s="613"/>
      <c r="FBW697" s="613"/>
      <c r="FBX697" s="613"/>
      <c r="FBY697" s="613"/>
      <c r="FBZ697" s="613"/>
      <c r="FCA697" s="613"/>
      <c r="FCB697" s="613"/>
      <c r="FCC697" s="613"/>
      <c r="FCD697" s="613"/>
      <c r="FCE697" s="613"/>
      <c r="FCF697" s="613"/>
      <c r="FCG697" s="613"/>
      <c r="FCH697" s="613"/>
      <c r="FCI697" s="613"/>
      <c r="FCJ697" s="613"/>
      <c r="FCK697" s="613"/>
      <c r="FCL697" s="613"/>
      <c r="FCM697" s="613"/>
      <c r="FCN697" s="613"/>
      <c r="FCO697" s="613"/>
      <c r="FCP697" s="613"/>
      <c r="FCQ697" s="613"/>
      <c r="FCR697" s="613"/>
      <c r="FCS697" s="613"/>
      <c r="FCT697" s="613"/>
      <c r="FCU697" s="613"/>
      <c r="FCV697" s="613"/>
      <c r="FCW697" s="613"/>
      <c r="FCX697" s="613"/>
      <c r="FCY697" s="613"/>
      <c r="FCZ697" s="613"/>
      <c r="FDA697" s="613"/>
      <c r="FDB697" s="613"/>
      <c r="FDC697" s="613"/>
      <c r="FDD697" s="613"/>
      <c r="FDE697" s="613"/>
      <c r="FDF697" s="613"/>
      <c r="FDG697" s="613"/>
      <c r="FDH697" s="613"/>
      <c r="FDI697" s="613"/>
      <c r="FDJ697" s="613"/>
      <c r="FDK697" s="613"/>
      <c r="FDL697" s="613"/>
      <c r="FDM697" s="613"/>
      <c r="FDN697" s="613"/>
      <c r="FDO697" s="613"/>
      <c r="FDP697" s="613"/>
      <c r="FDQ697" s="613"/>
      <c r="FDR697" s="613"/>
      <c r="FDS697" s="613"/>
      <c r="FDT697" s="613"/>
      <c r="FDU697" s="613"/>
      <c r="FDV697" s="613"/>
      <c r="FDW697" s="613"/>
      <c r="FDX697" s="613"/>
      <c r="FDY697" s="613"/>
      <c r="FDZ697" s="613"/>
      <c r="FEA697" s="613"/>
      <c r="FEB697" s="613"/>
      <c r="FEC697" s="613"/>
      <c r="FED697" s="613"/>
      <c r="FEE697" s="613"/>
      <c r="FEF697" s="613"/>
      <c r="FEG697" s="613"/>
      <c r="FEH697" s="613"/>
      <c r="FEI697" s="613"/>
      <c r="FEJ697" s="613"/>
      <c r="FEK697" s="613"/>
      <c r="FEL697" s="613"/>
      <c r="FEM697" s="613"/>
      <c r="FEN697" s="613"/>
      <c r="FEO697" s="613"/>
      <c r="FEP697" s="613"/>
      <c r="FEQ697" s="613"/>
      <c r="FER697" s="613"/>
      <c r="FES697" s="613"/>
      <c r="FET697" s="613"/>
      <c r="FEU697" s="613"/>
      <c r="FEV697" s="613"/>
      <c r="FEW697" s="613"/>
      <c r="FEX697" s="613"/>
      <c r="FEY697" s="613"/>
      <c r="FEZ697" s="613"/>
      <c r="FFA697" s="613"/>
      <c r="FFB697" s="613"/>
      <c r="FFC697" s="613"/>
      <c r="FFD697" s="613"/>
      <c r="FFE697" s="613"/>
      <c r="FFF697" s="613"/>
      <c r="FFG697" s="613"/>
      <c r="FFH697" s="613"/>
      <c r="FFI697" s="613"/>
      <c r="FFJ697" s="613"/>
      <c r="FFK697" s="613"/>
      <c r="FFL697" s="613"/>
      <c r="FFM697" s="613"/>
      <c r="FFN697" s="613"/>
      <c r="FFO697" s="613"/>
      <c r="FFP697" s="613"/>
      <c r="FFQ697" s="613"/>
      <c r="FFR697" s="613"/>
      <c r="FFS697" s="613"/>
      <c r="FFT697" s="613"/>
      <c r="FFU697" s="613"/>
      <c r="FFV697" s="613"/>
      <c r="FFW697" s="613"/>
      <c r="FFX697" s="613"/>
      <c r="FFY697" s="613"/>
      <c r="FFZ697" s="613"/>
      <c r="FGA697" s="613"/>
      <c r="FGB697" s="613"/>
      <c r="FGC697" s="613"/>
      <c r="FGD697" s="613"/>
      <c r="FGE697" s="613"/>
      <c r="FGF697" s="613"/>
      <c r="FGG697" s="613"/>
      <c r="FGH697" s="613"/>
      <c r="FGI697" s="613"/>
      <c r="FGJ697" s="613"/>
      <c r="FGK697" s="613"/>
      <c r="FGL697" s="613"/>
      <c r="FGM697" s="613"/>
      <c r="FGN697" s="613"/>
      <c r="FGO697" s="613"/>
      <c r="FGP697" s="613"/>
      <c r="FGQ697" s="613"/>
      <c r="FGR697" s="613"/>
      <c r="FGS697" s="613"/>
      <c r="FGT697" s="613"/>
      <c r="FGU697" s="613"/>
      <c r="FGV697" s="613"/>
      <c r="FGW697" s="613"/>
      <c r="FGX697" s="613"/>
      <c r="FGY697" s="613"/>
      <c r="FGZ697" s="613"/>
      <c r="FHA697" s="613"/>
      <c r="FHB697" s="613"/>
      <c r="FHC697" s="613"/>
      <c r="FHD697" s="613"/>
      <c r="FHE697" s="613"/>
      <c r="FHF697" s="613"/>
      <c r="FHG697" s="613"/>
      <c r="FHH697" s="613"/>
      <c r="FHI697" s="613"/>
      <c r="FHJ697" s="613"/>
      <c r="FHK697" s="613"/>
      <c r="FHL697" s="613"/>
      <c r="FHM697" s="613"/>
      <c r="FHN697" s="613"/>
      <c r="FHO697" s="613"/>
      <c r="FHP697" s="613"/>
      <c r="FHQ697" s="613"/>
      <c r="FHR697" s="613"/>
      <c r="FHS697" s="613"/>
      <c r="FHT697" s="613"/>
      <c r="FHU697" s="613"/>
      <c r="FHV697" s="613"/>
      <c r="FHW697" s="613"/>
      <c r="FHX697" s="613"/>
      <c r="FHY697" s="613"/>
      <c r="FHZ697" s="613"/>
      <c r="FIA697" s="613"/>
      <c r="FIB697" s="613"/>
      <c r="FIC697" s="613"/>
      <c r="FID697" s="613"/>
      <c r="FIE697" s="613"/>
      <c r="FIF697" s="613"/>
      <c r="FIG697" s="613"/>
      <c r="FIH697" s="613"/>
      <c r="FII697" s="613"/>
      <c r="FIJ697" s="613"/>
      <c r="FIK697" s="613"/>
      <c r="FIL697" s="613"/>
      <c r="FIM697" s="613"/>
      <c r="FIN697" s="613"/>
      <c r="FIO697" s="613"/>
      <c r="FIP697" s="613"/>
      <c r="FIQ697" s="613"/>
      <c r="FIR697" s="613"/>
      <c r="FIS697" s="613"/>
      <c r="FIT697" s="613"/>
      <c r="FIU697" s="613"/>
      <c r="FIV697" s="613"/>
      <c r="FIW697" s="613"/>
      <c r="FIX697" s="613"/>
      <c r="FIY697" s="613"/>
      <c r="FIZ697" s="613"/>
      <c r="FJA697" s="613"/>
      <c r="FJB697" s="613"/>
      <c r="FJC697" s="613"/>
      <c r="FJD697" s="613"/>
      <c r="FJE697" s="613"/>
      <c r="FJF697" s="613"/>
      <c r="FJG697" s="613"/>
      <c r="FJH697" s="613"/>
      <c r="FJI697" s="613"/>
      <c r="FJJ697" s="613"/>
      <c r="FJK697" s="613"/>
      <c r="FJL697" s="613"/>
      <c r="FJM697" s="613"/>
      <c r="FJN697" s="613"/>
      <c r="FJO697" s="613"/>
      <c r="FJP697" s="613"/>
      <c r="FJQ697" s="613"/>
      <c r="FJR697" s="613"/>
      <c r="FJS697" s="613"/>
      <c r="FJT697" s="613"/>
      <c r="FJU697" s="613"/>
      <c r="FJV697" s="613"/>
      <c r="FJW697" s="613"/>
      <c r="FJX697" s="613"/>
      <c r="FJY697" s="613"/>
      <c r="FJZ697" s="613"/>
      <c r="FKA697" s="613"/>
      <c r="FKB697" s="613"/>
      <c r="FKC697" s="613"/>
      <c r="FKD697" s="613"/>
      <c r="FKE697" s="613"/>
      <c r="FKF697" s="613"/>
      <c r="FKG697" s="613"/>
      <c r="FKH697" s="613"/>
      <c r="FKI697" s="613"/>
      <c r="FKJ697" s="613"/>
      <c r="FKK697" s="613"/>
      <c r="FKL697" s="613"/>
      <c r="FKM697" s="613"/>
      <c r="FKN697" s="613"/>
      <c r="FKO697" s="613"/>
      <c r="FKP697" s="613"/>
      <c r="FKQ697" s="613"/>
      <c r="FKR697" s="613"/>
      <c r="FKS697" s="613"/>
      <c r="FKT697" s="613"/>
      <c r="FKU697" s="613"/>
      <c r="FKV697" s="613"/>
      <c r="FKW697" s="613"/>
      <c r="FKX697" s="613"/>
      <c r="FKY697" s="613"/>
      <c r="FKZ697" s="613"/>
      <c r="FLA697" s="613"/>
      <c r="FLB697" s="613"/>
      <c r="FLC697" s="613"/>
      <c r="FLD697" s="613"/>
      <c r="FLE697" s="613"/>
      <c r="FLF697" s="613"/>
      <c r="FLG697" s="613"/>
      <c r="FLH697" s="613"/>
      <c r="FLI697" s="613"/>
      <c r="FLJ697" s="613"/>
      <c r="FLK697" s="613"/>
      <c r="FLL697" s="613"/>
      <c r="FLM697" s="613"/>
      <c r="FLN697" s="613"/>
      <c r="FLO697" s="613"/>
      <c r="FLP697" s="613"/>
      <c r="FLQ697" s="613"/>
      <c r="FLR697" s="613"/>
      <c r="FLS697" s="613"/>
      <c r="FLT697" s="613"/>
      <c r="FLU697" s="613"/>
      <c r="FLV697" s="613"/>
      <c r="FLW697" s="613"/>
      <c r="FLX697" s="613"/>
      <c r="FLY697" s="613"/>
      <c r="FLZ697" s="613"/>
      <c r="FMA697" s="613"/>
      <c r="FMB697" s="613"/>
      <c r="FMC697" s="613"/>
      <c r="FMD697" s="613"/>
      <c r="FME697" s="613"/>
      <c r="FMF697" s="613"/>
      <c r="FMG697" s="613"/>
      <c r="FMH697" s="613"/>
      <c r="FMI697" s="613"/>
      <c r="FMJ697" s="613"/>
      <c r="FMK697" s="613"/>
      <c r="FML697" s="613"/>
      <c r="FMM697" s="613"/>
      <c r="FMN697" s="613"/>
      <c r="FMO697" s="613"/>
      <c r="FMP697" s="613"/>
      <c r="FMQ697" s="613"/>
      <c r="FMR697" s="613"/>
      <c r="FMS697" s="613"/>
      <c r="FMT697" s="613"/>
      <c r="FMU697" s="613"/>
      <c r="FMV697" s="613"/>
      <c r="FMW697" s="613"/>
      <c r="FMX697" s="613"/>
      <c r="FMY697" s="613"/>
      <c r="FMZ697" s="613"/>
      <c r="FNA697" s="613"/>
      <c r="FNB697" s="613"/>
      <c r="FNC697" s="613"/>
      <c r="FND697" s="613"/>
      <c r="FNE697" s="613"/>
      <c r="FNF697" s="613"/>
      <c r="FNG697" s="613"/>
      <c r="FNH697" s="613"/>
      <c r="FNI697" s="613"/>
      <c r="FNJ697" s="613"/>
      <c r="FNK697" s="613"/>
      <c r="FNL697" s="613"/>
      <c r="FNM697" s="613"/>
      <c r="FNN697" s="613"/>
      <c r="FNO697" s="613"/>
      <c r="FNP697" s="613"/>
      <c r="FNQ697" s="613"/>
      <c r="FNR697" s="613"/>
      <c r="FNS697" s="613"/>
      <c r="FNT697" s="613"/>
      <c r="FNU697" s="613"/>
      <c r="FNV697" s="613"/>
      <c r="FNW697" s="613"/>
      <c r="FNX697" s="613"/>
      <c r="FNY697" s="613"/>
      <c r="FNZ697" s="613"/>
      <c r="FOA697" s="613"/>
      <c r="FOB697" s="613"/>
      <c r="FOC697" s="613"/>
      <c r="FOD697" s="613"/>
      <c r="FOE697" s="613"/>
      <c r="FOF697" s="613"/>
      <c r="FOG697" s="613"/>
      <c r="FOH697" s="613"/>
      <c r="FOI697" s="613"/>
      <c r="FOJ697" s="613"/>
      <c r="FOK697" s="613"/>
      <c r="FOL697" s="613"/>
      <c r="FOM697" s="613"/>
      <c r="FON697" s="613"/>
      <c r="FOO697" s="613"/>
      <c r="FOP697" s="613"/>
      <c r="FOQ697" s="613"/>
      <c r="FOR697" s="613"/>
      <c r="FOS697" s="613"/>
      <c r="FOT697" s="613"/>
      <c r="FOU697" s="613"/>
      <c r="FOV697" s="613"/>
      <c r="FOW697" s="613"/>
      <c r="FOX697" s="613"/>
      <c r="FOY697" s="613"/>
      <c r="FOZ697" s="613"/>
      <c r="FPA697" s="613"/>
      <c r="FPB697" s="613"/>
      <c r="FPC697" s="613"/>
      <c r="FPD697" s="613"/>
      <c r="FPE697" s="613"/>
      <c r="FPF697" s="613"/>
      <c r="FPG697" s="613"/>
      <c r="FPH697" s="613"/>
      <c r="FPI697" s="613"/>
      <c r="FPJ697" s="613"/>
      <c r="FPK697" s="613"/>
      <c r="FPL697" s="613"/>
      <c r="FPM697" s="613"/>
      <c r="FPN697" s="613"/>
      <c r="FPO697" s="613"/>
      <c r="FPP697" s="613"/>
      <c r="FPQ697" s="613"/>
      <c r="FPR697" s="613"/>
      <c r="FPS697" s="613"/>
      <c r="FPT697" s="613"/>
      <c r="FPU697" s="613"/>
      <c r="FPV697" s="613"/>
      <c r="FPW697" s="613"/>
      <c r="FPX697" s="613"/>
      <c r="FPY697" s="613"/>
      <c r="FPZ697" s="613"/>
      <c r="FQA697" s="613"/>
      <c r="FQB697" s="613"/>
      <c r="FQC697" s="613"/>
      <c r="FQD697" s="613"/>
      <c r="FQE697" s="613"/>
      <c r="FQF697" s="613"/>
      <c r="FQG697" s="613"/>
      <c r="FQH697" s="613"/>
      <c r="FQI697" s="613"/>
      <c r="FQJ697" s="613"/>
      <c r="FQK697" s="613"/>
      <c r="FQL697" s="613"/>
      <c r="FQM697" s="613"/>
      <c r="FQN697" s="613"/>
      <c r="FQO697" s="613"/>
      <c r="FQP697" s="613"/>
      <c r="FQQ697" s="613"/>
      <c r="FQR697" s="613"/>
      <c r="FQS697" s="613"/>
      <c r="FQT697" s="613"/>
      <c r="FQU697" s="613"/>
      <c r="FQV697" s="613"/>
      <c r="FQW697" s="613"/>
      <c r="FQX697" s="613"/>
      <c r="FQY697" s="613"/>
      <c r="FQZ697" s="613"/>
      <c r="FRA697" s="613"/>
      <c r="FRB697" s="613"/>
      <c r="FRC697" s="613"/>
      <c r="FRD697" s="613"/>
      <c r="FRE697" s="613"/>
      <c r="FRF697" s="613"/>
      <c r="FRG697" s="613"/>
      <c r="FRH697" s="613"/>
      <c r="FRI697" s="613"/>
      <c r="FRJ697" s="613"/>
      <c r="FRK697" s="613"/>
      <c r="FRL697" s="613"/>
      <c r="FRM697" s="613"/>
      <c r="FRN697" s="613"/>
      <c r="FRO697" s="613"/>
      <c r="FRP697" s="613"/>
      <c r="FRQ697" s="613"/>
      <c r="FRR697" s="613"/>
      <c r="FRS697" s="613"/>
      <c r="FRT697" s="613"/>
      <c r="FRU697" s="613"/>
      <c r="FRV697" s="613"/>
      <c r="FRW697" s="613"/>
      <c r="FRX697" s="613"/>
      <c r="FRY697" s="613"/>
      <c r="FRZ697" s="613"/>
      <c r="FSA697" s="613"/>
      <c r="FSB697" s="613"/>
      <c r="FSC697" s="613"/>
      <c r="FSD697" s="613"/>
      <c r="FSE697" s="613"/>
      <c r="FSF697" s="613"/>
      <c r="FSG697" s="613"/>
      <c r="FSH697" s="613"/>
      <c r="FSI697" s="613"/>
      <c r="FSJ697" s="613"/>
      <c r="FSK697" s="613"/>
      <c r="FSL697" s="613"/>
      <c r="FSM697" s="613"/>
      <c r="FSN697" s="613"/>
      <c r="FSO697" s="613"/>
      <c r="FSP697" s="613"/>
      <c r="FSQ697" s="613"/>
      <c r="FSR697" s="613"/>
      <c r="FSS697" s="613"/>
      <c r="FST697" s="613"/>
      <c r="FSU697" s="613"/>
      <c r="FSV697" s="613"/>
      <c r="FSW697" s="613"/>
      <c r="FSX697" s="613"/>
      <c r="FSY697" s="613"/>
      <c r="FSZ697" s="613"/>
      <c r="FTA697" s="613"/>
      <c r="FTB697" s="613"/>
      <c r="FTC697" s="613"/>
      <c r="FTD697" s="613"/>
      <c r="FTE697" s="613"/>
      <c r="FTF697" s="613"/>
      <c r="FTG697" s="613"/>
      <c r="FTH697" s="613"/>
      <c r="FTI697" s="613"/>
      <c r="FTJ697" s="613"/>
      <c r="FTK697" s="613"/>
      <c r="FTL697" s="613"/>
      <c r="FTM697" s="613"/>
      <c r="FTN697" s="613"/>
      <c r="FTO697" s="613"/>
      <c r="FTP697" s="613"/>
      <c r="FTQ697" s="613"/>
      <c r="FTR697" s="613"/>
      <c r="FTS697" s="613"/>
      <c r="FTT697" s="613"/>
      <c r="FTU697" s="613"/>
      <c r="FTV697" s="613"/>
      <c r="FTW697" s="613"/>
      <c r="FTX697" s="613"/>
      <c r="FTY697" s="613"/>
      <c r="FTZ697" s="613"/>
      <c r="FUA697" s="613"/>
      <c r="FUB697" s="613"/>
      <c r="FUC697" s="613"/>
      <c r="FUD697" s="613"/>
      <c r="FUE697" s="613"/>
      <c r="FUF697" s="613"/>
      <c r="FUG697" s="613"/>
      <c r="FUH697" s="613"/>
      <c r="FUI697" s="613"/>
      <c r="FUJ697" s="613"/>
      <c r="FUK697" s="613"/>
      <c r="FUL697" s="613"/>
      <c r="FUM697" s="613"/>
      <c r="FUN697" s="613"/>
      <c r="FUO697" s="613"/>
      <c r="FUP697" s="613"/>
      <c r="FUQ697" s="613"/>
      <c r="FUR697" s="613"/>
      <c r="FUS697" s="613"/>
      <c r="FUT697" s="613"/>
      <c r="FUU697" s="613"/>
      <c r="FUV697" s="613"/>
      <c r="FUW697" s="613"/>
      <c r="FUX697" s="613"/>
      <c r="FUY697" s="613"/>
      <c r="FUZ697" s="613"/>
      <c r="FVA697" s="613"/>
      <c r="FVB697" s="613"/>
      <c r="FVC697" s="613"/>
      <c r="FVD697" s="613"/>
      <c r="FVE697" s="613"/>
      <c r="FVF697" s="613"/>
      <c r="FVG697" s="613"/>
      <c r="FVH697" s="613"/>
      <c r="FVI697" s="613"/>
      <c r="FVJ697" s="613"/>
      <c r="FVK697" s="613"/>
      <c r="FVL697" s="613"/>
      <c r="FVM697" s="613"/>
      <c r="FVN697" s="613"/>
      <c r="FVO697" s="613"/>
      <c r="FVP697" s="613"/>
      <c r="FVQ697" s="613"/>
      <c r="FVR697" s="613"/>
      <c r="FVS697" s="613"/>
      <c r="FVT697" s="613"/>
      <c r="FVU697" s="613"/>
      <c r="FVV697" s="613"/>
      <c r="FVW697" s="613"/>
      <c r="FVX697" s="613"/>
      <c r="FVY697" s="613"/>
      <c r="FVZ697" s="613"/>
      <c r="FWA697" s="613"/>
      <c r="FWB697" s="613"/>
      <c r="FWC697" s="613"/>
      <c r="FWD697" s="613"/>
      <c r="FWE697" s="613"/>
      <c r="FWF697" s="613"/>
      <c r="FWG697" s="613"/>
      <c r="FWH697" s="613"/>
      <c r="FWI697" s="613"/>
      <c r="FWJ697" s="613"/>
      <c r="FWK697" s="613"/>
      <c r="FWL697" s="613"/>
      <c r="FWM697" s="613"/>
      <c r="FWN697" s="613"/>
      <c r="FWO697" s="613"/>
      <c r="FWP697" s="613"/>
      <c r="FWQ697" s="613"/>
      <c r="FWR697" s="613"/>
      <c r="FWS697" s="613"/>
      <c r="FWT697" s="613"/>
      <c r="FWU697" s="613"/>
      <c r="FWV697" s="613"/>
      <c r="FWW697" s="613"/>
      <c r="FWX697" s="613"/>
      <c r="FWY697" s="613"/>
      <c r="FWZ697" s="613"/>
      <c r="FXA697" s="613"/>
      <c r="FXB697" s="613"/>
      <c r="FXC697" s="613"/>
      <c r="FXD697" s="613"/>
      <c r="FXE697" s="613"/>
      <c r="FXF697" s="613"/>
      <c r="FXG697" s="613"/>
      <c r="FXH697" s="613"/>
      <c r="FXI697" s="613"/>
      <c r="FXJ697" s="613"/>
      <c r="FXK697" s="613"/>
      <c r="FXL697" s="613"/>
      <c r="FXM697" s="613"/>
      <c r="FXN697" s="613"/>
      <c r="FXO697" s="613"/>
      <c r="FXP697" s="613"/>
      <c r="FXQ697" s="613"/>
      <c r="FXR697" s="613"/>
      <c r="FXS697" s="613"/>
      <c r="FXT697" s="613"/>
      <c r="FXU697" s="613"/>
      <c r="FXV697" s="613"/>
      <c r="FXW697" s="613"/>
      <c r="FXX697" s="613"/>
      <c r="FXY697" s="613"/>
      <c r="FXZ697" s="613"/>
      <c r="FYA697" s="613"/>
      <c r="FYB697" s="613"/>
      <c r="FYC697" s="613"/>
      <c r="FYD697" s="613"/>
      <c r="FYE697" s="613"/>
      <c r="FYF697" s="613"/>
      <c r="FYG697" s="613"/>
      <c r="FYH697" s="613"/>
      <c r="FYI697" s="613"/>
      <c r="FYJ697" s="613"/>
      <c r="FYK697" s="613"/>
      <c r="FYL697" s="613"/>
      <c r="FYM697" s="613"/>
      <c r="FYN697" s="613"/>
      <c r="FYO697" s="613"/>
      <c r="FYP697" s="613"/>
      <c r="FYQ697" s="613"/>
      <c r="FYR697" s="613"/>
      <c r="FYS697" s="613"/>
      <c r="FYT697" s="613"/>
      <c r="FYU697" s="613"/>
      <c r="FYV697" s="613"/>
      <c r="FYW697" s="613"/>
      <c r="FYX697" s="613"/>
      <c r="FYY697" s="613"/>
      <c r="FYZ697" s="613"/>
      <c r="FZA697" s="613"/>
      <c r="FZB697" s="613"/>
      <c r="FZC697" s="613"/>
      <c r="FZD697" s="613"/>
      <c r="FZE697" s="613"/>
      <c r="FZF697" s="613"/>
      <c r="FZG697" s="613"/>
      <c r="FZH697" s="613"/>
      <c r="FZI697" s="613"/>
      <c r="FZJ697" s="613"/>
      <c r="FZK697" s="613"/>
      <c r="FZL697" s="613"/>
      <c r="FZM697" s="613"/>
      <c r="FZN697" s="613"/>
      <c r="FZO697" s="613"/>
      <c r="FZP697" s="613"/>
      <c r="FZQ697" s="613"/>
      <c r="FZR697" s="613"/>
      <c r="FZS697" s="613"/>
      <c r="FZT697" s="613"/>
      <c r="FZU697" s="613"/>
      <c r="FZV697" s="613"/>
      <c r="FZW697" s="613"/>
      <c r="FZX697" s="613"/>
      <c r="FZY697" s="613"/>
      <c r="FZZ697" s="613"/>
      <c r="GAA697" s="613"/>
      <c r="GAB697" s="613"/>
      <c r="GAC697" s="613"/>
      <c r="GAD697" s="613"/>
      <c r="GAE697" s="613"/>
      <c r="GAF697" s="613"/>
      <c r="GAG697" s="613"/>
      <c r="GAH697" s="613"/>
      <c r="GAI697" s="613"/>
      <c r="GAJ697" s="613"/>
      <c r="GAK697" s="613"/>
      <c r="GAL697" s="613"/>
      <c r="GAM697" s="613"/>
      <c r="GAN697" s="613"/>
      <c r="GAO697" s="613"/>
      <c r="GAP697" s="613"/>
      <c r="GAQ697" s="613"/>
      <c r="GAR697" s="613"/>
      <c r="GAS697" s="613"/>
      <c r="GAT697" s="613"/>
      <c r="GAU697" s="613"/>
      <c r="GAV697" s="613"/>
      <c r="GAW697" s="613"/>
      <c r="GAX697" s="613"/>
      <c r="GAY697" s="613"/>
      <c r="GAZ697" s="613"/>
      <c r="GBA697" s="613"/>
      <c r="GBB697" s="613"/>
      <c r="GBC697" s="613"/>
      <c r="GBD697" s="613"/>
      <c r="GBE697" s="613"/>
      <c r="GBF697" s="613"/>
      <c r="GBG697" s="613"/>
      <c r="GBH697" s="613"/>
      <c r="GBI697" s="613"/>
      <c r="GBJ697" s="613"/>
      <c r="GBK697" s="613"/>
      <c r="GBL697" s="613"/>
      <c r="GBM697" s="613"/>
      <c r="GBN697" s="613"/>
      <c r="GBO697" s="613"/>
      <c r="GBP697" s="613"/>
      <c r="GBQ697" s="613"/>
      <c r="GBR697" s="613"/>
      <c r="GBS697" s="613"/>
      <c r="GBT697" s="613"/>
      <c r="GBU697" s="613"/>
      <c r="GBV697" s="613"/>
      <c r="GBW697" s="613"/>
      <c r="GBX697" s="613"/>
      <c r="GBY697" s="613"/>
      <c r="GBZ697" s="613"/>
      <c r="GCA697" s="613"/>
      <c r="GCB697" s="613"/>
      <c r="GCC697" s="613"/>
      <c r="GCD697" s="613"/>
      <c r="GCE697" s="613"/>
      <c r="GCF697" s="613"/>
      <c r="GCG697" s="613"/>
      <c r="GCH697" s="613"/>
      <c r="GCI697" s="613"/>
      <c r="GCJ697" s="613"/>
      <c r="GCK697" s="613"/>
      <c r="GCL697" s="613"/>
      <c r="GCM697" s="613"/>
      <c r="GCN697" s="613"/>
      <c r="GCO697" s="613"/>
      <c r="GCP697" s="613"/>
      <c r="GCQ697" s="613"/>
      <c r="GCR697" s="613"/>
      <c r="GCS697" s="613"/>
      <c r="GCT697" s="613"/>
      <c r="GCU697" s="613"/>
      <c r="GCV697" s="613"/>
      <c r="GCW697" s="613"/>
      <c r="GCX697" s="613"/>
      <c r="GCY697" s="613"/>
      <c r="GCZ697" s="613"/>
      <c r="GDA697" s="613"/>
      <c r="GDB697" s="613"/>
      <c r="GDC697" s="613"/>
      <c r="GDD697" s="613"/>
      <c r="GDE697" s="613"/>
      <c r="GDF697" s="613"/>
      <c r="GDG697" s="613"/>
      <c r="GDH697" s="613"/>
      <c r="GDI697" s="613"/>
      <c r="GDJ697" s="613"/>
      <c r="GDK697" s="613"/>
      <c r="GDL697" s="613"/>
      <c r="GDM697" s="613"/>
      <c r="GDN697" s="613"/>
      <c r="GDO697" s="613"/>
      <c r="GDP697" s="613"/>
      <c r="GDQ697" s="613"/>
      <c r="GDR697" s="613"/>
      <c r="GDS697" s="613"/>
      <c r="GDT697" s="613"/>
      <c r="GDU697" s="613"/>
      <c r="GDV697" s="613"/>
      <c r="GDW697" s="613"/>
      <c r="GDX697" s="613"/>
      <c r="GDY697" s="613"/>
      <c r="GDZ697" s="613"/>
      <c r="GEA697" s="613"/>
      <c r="GEB697" s="613"/>
      <c r="GEC697" s="613"/>
      <c r="GED697" s="613"/>
      <c r="GEE697" s="613"/>
      <c r="GEF697" s="613"/>
      <c r="GEG697" s="613"/>
      <c r="GEH697" s="613"/>
      <c r="GEI697" s="613"/>
      <c r="GEJ697" s="613"/>
      <c r="GEK697" s="613"/>
      <c r="GEL697" s="613"/>
      <c r="GEM697" s="613"/>
      <c r="GEN697" s="613"/>
      <c r="GEO697" s="613"/>
      <c r="GEP697" s="613"/>
      <c r="GEQ697" s="613"/>
      <c r="GER697" s="613"/>
      <c r="GES697" s="613"/>
      <c r="GET697" s="613"/>
      <c r="GEU697" s="613"/>
      <c r="GEV697" s="613"/>
      <c r="GEW697" s="613"/>
      <c r="GEX697" s="613"/>
      <c r="GEY697" s="613"/>
      <c r="GEZ697" s="613"/>
      <c r="GFA697" s="613"/>
      <c r="GFB697" s="613"/>
      <c r="GFC697" s="613"/>
      <c r="GFD697" s="613"/>
      <c r="GFE697" s="613"/>
      <c r="GFF697" s="613"/>
      <c r="GFG697" s="613"/>
      <c r="GFH697" s="613"/>
      <c r="GFI697" s="613"/>
      <c r="GFJ697" s="613"/>
      <c r="GFK697" s="613"/>
      <c r="GFL697" s="613"/>
      <c r="GFM697" s="613"/>
      <c r="GFN697" s="613"/>
      <c r="GFO697" s="613"/>
      <c r="GFP697" s="613"/>
      <c r="GFQ697" s="613"/>
      <c r="GFR697" s="613"/>
      <c r="GFS697" s="613"/>
      <c r="GFT697" s="613"/>
      <c r="GFU697" s="613"/>
      <c r="GFV697" s="613"/>
      <c r="GFW697" s="613"/>
      <c r="GFX697" s="613"/>
      <c r="GFY697" s="613"/>
      <c r="GFZ697" s="613"/>
      <c r="GGA697" s="613"/>
      <c r="GGB697" s="613"/>
      <c r="GGC697" s="613"/>
      <c r="GGD697" s="613"/>
      <c r="GGE697" s="613"/>
      <c r="GGF697" s="613"/>
      <c r="GGG697" s="613"/>
      <c r="GGH697" s="613"/>
      <c r="GGI697" s="613"/>
      <c r="GGJ697" s="613"/>
      <c r="GGK697" s="613"/>
      <c r="GGL697" s="613"/>
      <c r="GGM697" s="613"/>
      <c r="GGN697" s="613"/>
      <c r="GGO697" s="613"/>
      <c r="GGP697" s="613"/>
      <c r="GGQ697" s="613"/>
      <c r="GGR697" s="613"/>
      <c r="GGS697" s="613"/>
      <c r="GGT697" s="613"/>
      <c r="GGU697" s="613"/>
      <c r="GGV697" s="613"/>
      <c r="GGW697" s="613"/>
      <c r="GGX697" s="613"/>
      <c r="GGY697" s="613"/>
      <c r="GGZ697" s="613"/>
      <c r="GHA697" s="613"/>
      <c r="GHB697" s="613"/>
      <c r="GHC697" s="613"/>
      <c r="GHD697" s="613"/>
      <c r="GHE697" s="613"/>
      <c r="GHF697" s="613"/>
      <c r="GHG697" s="613"/>
      <c r="GHH697" s="613"/>
      <c r="GHI697" s="613"/>
      <c r="GHJ697" s="613"/>
      <c r="GHK697" s="613"/>
      <c r="GHL697" s="613"/>
      <c r="GHM697" s="613"/>
      <c r="GHN697" s="613"/>
      <c r="GHO697" s="613"/>
      <c r="GHP697" s="613"/>
      <c r="GHQ697" s="613"/>
      <c r="GHR697" s="613"/>
      <c r="GHS697" s="613"/>
      <c r="GHT697" s="613"/>
      <c r="GHU697" s="613"/>
      <c r="GHV697" s="613"/>
      <c r="GHW697" s="613"/>
      <c r="GHX697" s="613"/>
      <c r="GHY697" s="613"/>
      <c r="GHZ697" s="613"/>
      <c r="GIA697" s="613"/>
      <c r="GIB697" s="613"/>
      <c r="GIC697" s="613"/>
      <c r="GID697" s="613"/>
      <c r="GIE697" s="613"/>
      <c r="GIF697" s="613"/>
      <c r="GIG697" s="613"/>
      <c r="GIH697" s="613"/>
      <c r="GII697" s="613"/>
      <c r="GIJ697" s="613"/>
      <c r="GIK697" s="613"/>
      <c r="GIL697" s="613"/>
      <c r="GIM697" s="613"/>
      <c r="GIN697" s="613"/>
      <c r="GIO697" s="613"/>
      <c r="GIP697" s="613"/>
      <c r="GIQ697" s="613"/>
      <c r="GIR697" s="613"/>
      <c r="GIS697" s="613"/>
      <c r="GIT697" s="613"/>
      <c r="GIU697" s="613"/>
      <c r="GIV697" s="613"/>
      <c r="GIW697" s="613"/>
      <c r="GIX697" s="613"/>
      <c r="GIY697" s="613"/>
      <c r="GIZ697" s="613"/>
      <c r="GJA697" s="613"/>
      <c r="GJB697" s="613"/>
      <c r="GJC697" s="613"/>
      <c r="GJD697" s="613"/>
      <c r="GJE697" s="613"/>
      <c r="GJF697" s="613"/>
      <c r="GJG697" s="613"/>
      <c r="GJH697" s="613"/>
      <c r="GJI697" s="613"/>
      <c r="GJJ697" s="613"/>
      <c r="GJK697" s="613"/>
      <c r="GJL697" s="613"/>
      <c r="GJM697" s="613"/>
      <c r="GJN697" s="613"/>
      <c r="GJO697" s="613"/>
      <c r="GJP697" s="613"/>
      <c r="GJQ697" s="613"/>
      <c r="GJR697" s="613"/>
      <c r="GJS697" s="613"/>
      <c r="GJT697" s="613"/>
      <c r="GJU697" s="613"/>
      <c r="GJV697" s="613"/>
      <c r="GJW697" s="613"/>
      <c r="GJX697" s="613"/>
      <c r="GJY697" s="613"/>
      <c r="GJZ697" s="613"/>
      <c r="GKA697" s="613"/>
      <c r="GKB697" s="613"/>
      <c r="GKC697" s="613"/>
      <c r="GKD697" s="613"/>
      <c r="GKE697" s="613"/>
      <c r="GKF697" s="613"/>
      <c r="GKG697" s="613"/>
      <c r="GKH697" s="613"/>
      <c r="GKI697" s="613"/>
      <c r="GKJ697" s="613"/>
      <c r="GKK697" s="613"/>
      <c r="GKL697" s="613"/>
      <c r="GKM697" s="613"/>
      <c r="GKN697" s="613"/>
      <c r="GKO697" s="613"/>
      <c r="GKP697" s="613"/>
      <c r="GKQ697" s="613"/>
      <c r="GKR697" s="613"/>
      <c r="GKS697" s="613"/>
      <c r="GKT697" s="613"/>
      <c r="GKU697" s="613"/>
      <c r="GKV697" s="613"/>
      <c r="GKW697" s="613"/>
      <c r="GKX697" s="613"/>
      <c r="GKY697" s="613"/>
      <c r="GKZ697" s="613"/>
      <c r="GLA697" s="613"/>
      <c r="GLB697" s="613"/>
      <c r="GLC697" s="613"/>
      <c r="GLD697" s="613"/>
      <c r="GLE697" s="613"/>
      <c r="GLF697" s="613"/>
      <c r="GLG697" s="613"/>
      <c r="GLH697" s="613"/>
      <c r="GLI697" s="613"/>
      <c r="GLJ697" s="613"/>
      <c r="GLK697" s="613"/>
      <c r="GLL697" s="613"/>
      <c r="GLM697" s="613"/>
      <c r="GLN697" s="613"/>
      <c r="GLO697" s="613"/>
      <c r="GLP697" s="613"/>
      <c r="GLQ697" s="613"/>
      <c r="GLR697" s="613"/>
      <c r="GLS697" s="613"/>
      <c r="GLT697" s="613"/>
      <c r="GLU697" s="613"/>
      <c r="GLV697" s="613"/>
      <c r="GLW697" s="613"/>
      <c r="GLX697" s="613"/>
      <c r="GLY697" s="613"/>
      <c r="GLZ697" s="613"/>
      <c r="GMA697" s="613"/>
      <c r="GMB697" s="613"/>
      <c r="GMC697" s="613"/>
      <c r="GMD697" s="613"/>
      <c r="GME697" s="613"/>
      <c r="GMF697" s="613"/>
      <c r="GMG697" s="613"/>
      <c r="GMH697" s="613"/>
      <c r="GMI697" s="613"/>
      <c r="GMJ697" s="613"/>
      <c r="GMK697" s="613"/>
      <c r="GML697" s="613"/>
      <c r="GMM697" s="613"/>
      <c r="GMN697" s="613"/>
      <c r="GMO697" s="613"/>
      <c r="GMP697" s="613"/>
      <c r="GMQ697" s="613"/>
      <c r="GMR697" s="613"/>
      <c r="GMS697" s="613"/>
      <c r="GMT697" s="613"/>
      <c r="GMU697" s="613"/>
      <c r="GMV697" s="613"/>
      <c r="GMW697" s="613"/>
      <c r="GMX697" s="613"/>
      <c r="GMY697" s="613"/>
      <c r="GMZ697" s="613"/>
      <c r="GNA697" s="613"/>
      <c r="GNB697" s="613"/>
      <c r="GNC697" s="613"/>
      <c r="GND697" s="613"/>
      <c r="GNE697" s="613"/>
      <c r="GNF697" s="613"/>
      <c r="GNG697" s="613"/>
      <c r="GNH697" s="613"/>
      <c r="GNI697" s="613"/>
      <c r="GNJ697" s="613"/>
      <c r="GNK697" s="613"/>
      <c r="GNL697" s="613"/>
      <c r="GNM697" s="613"/>
      <c r="GNN697" s="613"/>
      <c r="GNO697" s="613"/>
      <c r="GNP697" s="613"/>
      <c r="GNQ697" s="613"/>
      <c r="GNR697" s="613"/>
      <c r="GNS697" s="613"/>
      <c r="GNT697" s="613"/>
      <c r="GNU697" s="613"/>
      <c r="GNV697" s="613"/>
      <c r="GNW697" s="613"/>
      <c r="GNX697" s="613"/>
      <c r="GNY697" s="613"/>
      <c r="GNZ697" s="613"/>
      <c r="GOA697" s="613"/>
      <c r="GOB697" s="613"/>
      <c r="GOC697" s="613"/>
      <c r="GOD697" s="613"/>
      <c r="GOE697" s="613"/>
      <c r="GOF697" s="613"/>
      <c r="GOG697" s="613"/>
      <c r="GOH697" s="613"/>
      <c r="GOI697" s="613"/>
      <c r="GOJ697" s="613"/>
      <c r="GOK697" s="613"/>
      <c r="GOL697" s="613"/>
      <c r="GOM697" s="613"/>
      <c r="GON697" s="613"/>
      <c r="GOO697" s="613"/>
      <c r="GOP697" s="613"/>
      <c r="GOQ697" s="613"/>
      <c r="GOR697" s="613"/>
      <c r="GOS697" s="613"/>
      <c r="GOT697" s="613"/>
      <c r="GOU697" s="613"/>
      <c r="GOV697" s="613"/>
      <c r="GOW697" s="613"/>
      <c r="GOX697" s="613"/>
      <c r="GOY697" s="613"/>
      <c r="GOZ697" s="613"/>
      <c r="GPA697" s="613"/>
      <c r="GPB697" s="613"/>
      <c r="GPC697" s="613"/>
      <c r="GPD697" s="613"/>
      <c r="GPE697" s="613"/>
      <c r="GPF697" s="613"/>
      <c r="GPG697" s="613"/>
      <c r="GPH697" s="613"/>
      <c r="GPI697" s="613"/>
      <c r="GPJ697" s="613"/>
      <c r="GPK697" s="613"/>
      <c r="GPL697" s="613"/>
      <c r="GPM697" s="613"/>
      <c r="GPN697" s="613"/>
      <c r="GPO697" s="613"/>
      <c r="GPP697" s="613"/>
      <c r="GPQ697" s="613"/>
      <c r="GPR697" s="613"/>
      <c r="GPS697" s="613"/>
      <c r="GPT697" s="613"/>
      <c r="GPU697" s="613"/>
      <c r="GPV697" s="613"/>
      <c r="GPW697" s="613"/>
      <c r="GPX697" s="613"/>
      <c r="GPY697" s="613"/>
      <c r="GPZ697" s="613"/>
      <c r="GQA697" s="613"/>
      <c r="GQB697" s="613"/>
      <c r="GQC697" s="613"/>
      <c r="GQD697" s="613"/>
      <c r="GQE697" s="613"/>
      <c r="GQF697" s="613"/>
      <c r="GQG697" s="613"/>
      <c r="GQH697" s="613"/>
      <c r="GQI697" s="613"/>
      <c r="GQJ697" s="613"/>
      <c r="GQK697" s="613"/>
      <c r="GQL697" s="613"/>
      <c r="GQM697" s="613"/>
      <c r="GQN697" s="613"/>
      <c r="GQO697" s="613"/>
      <c r="GQP697" s="613"/>
      <c r="GQQ697" s="613"/>
      <c r="GQR697" s="613"/>
      <c r="GQS697" s="613"/>
      <c r="GQT697" s="613"/>
      <c r="GQU697" s="613"/>
      <c r="GQV697" s="613"/>
      <c r="GQW697" s="613"/>
      <c r="GQX697" s="613"/>
      <c r="GQY697" s="613"/>
      <c r="GQZ697" s="613"/>
      <c r="GRA697" s="613"/>
      <c r="GRB697" s="613"/>
      <c r="GRC697" s="613"/>
      <c r="GRD697" s="613"/>
      <c r="GRE697" s="613"/>
      <c r="GRF697" s="613"/>
      <c r="GRG697" s="613"/>
      <c r="GRH697" s="613"/>
      <c r="GRI697" s="613"/>
      <c r="GRJ697" s="613"/>
      <c r="GRK697" s="613"/>
      <c r="GRL697" s="613"/>
      <c r="GRM697" s="613"/>
      <c r="GRN697" s="613"/>
      <c r="GRO697" s="613"/>
      <c r="GRP697" s="613"/>
      <c r="GRQ697" s="613"/>
      <c r="GRR697" s="613"/>
      <c r="GRS697" s="613"/>
      <c r="GRT697" s="613"/>
      <c r="GRU697" s="613"/>
      <c r="GRV697" s="613"/>
      <c r="GRW697" s="613"/>
      <c r="GRX697" s="613"/>
      <c r="GRY697" s="613"/>
      <c r="GRZ697" s="613"/>
      <c r="GSA697" s="613"/>
      <c r="GSB697" s="613"/>
      <c r="GSC697" s="613"/>
      <c r="GSD697" s="613"/>
      <c r="GSE697" s="613"/>
      <c r="GSF697" s="613"/>
      <c r="GSG697" s="613"/>
      <c r="GSH697" s="613"/>
      <c r="GSI697" s="613"/>
      <c r="GSJ697" s="613"/>
      <c r="GSK697" s="613"/>
      <c r="GSL697" s="613"/>
      <c r="GSM697" s="613"/>
      <c r="GSN697" s="613"/>
      <c r="GSO697" s="613"/>
      <c r="GSP697" s="613"/>
      <c r="GSQ697" s="613"/>
      <c r="GSR697" s="613"/>
      <c r="GSS697" s="613"/>
      <c r="GST697" s="613"/>
      <c r="GSU697" s="613"/>
      <c r="GSV697" s="613"/>
      <c r="GSW697" s="613"/>
      <c r="GSX697" s="613"/>
      <c r="GSY697" s="613"/>
      <c r="GSZ697" s="613"/>
      <c r="GTA697" s="613"/>
      <c r="GTB697" s="613"/>
      <c r="GTC697" s="613"/>
      <c r="GTD697" s="613"/>
      <c r="GTE697" s="613"/>
      <c r="GTF697" s="613"/>
      <c r="GTG697" s="613"/>
      <c r="GTH697" s="613"/>
      <c r="GTI697" s="613"/>
      <c r="GTJ697" s="613"/>
      <c r="GTK697" s="613"/>
      <c r="GTL697" s="613"/>
      <c r="GTM697" s="613"/>
      <c r="GTN697" s="613"/>
      <c r="GTO697" s="613"/>
      <c r="GTP697" s="613"/>
      <c r="GTQ697" s="613"/>
      <c r="GTR697" s="613"/>
      <c r="GTS697" s="613"/>
      <c r="GTT697" s="613"/>
      <c r="GTU697" s="613"/>
      <c r="GTV697" s="613"/>
      <c r="GTW697" s="613"/>
      <c r="GTX697" s="613"/>
      <c r="GTY697" s="613"/>
      <c r="GTZ697" s="613"/>
      <c r="GUA697" s="613"/>
      <c r="GUB697" s="613"/>
      <c r="GUC697" s="613"/>
      <c r="GUD697" s="613"/>
      <c r="GUE697" s="613"/>
      <c r="GUF697" s="613"/>
      <c r="GUG697" s="613"/>
      <c r="GUH697" s="613"/>
      <c r="GUI697" s="613"/>
      <c r="GUJ697" s="613"/>
      <c r="GUK697" s="613"/>
      <c r="GUL697" s="613"/>
      <c r="GUM697" s="613"/>
      <c r="GUN697" s="613"/>
      <c r="GUO697" s="613"/>
      <c r="GUP697" s="613"/>
      <c r="GUQ697" s="613"/>
      <c r="GUR697" s="613"/>
      <c r="GUS697" s="613"/>
      <c r="GUT697" s="613"/>
      <c r="GUU697" s="613"/>
      <c r="GUV697" s="613"/>
      <c r="GUW697" s="613"/>
      <c r="GUX697" s="613"/>
      <c r="GUY697" s="613"/>
      <c r="GUZ697" s="613"/>
      <c r="GVA697" s="613"/>
      <c r="GVB697" s="613"/>
      <c r="GVC697" s="613"/>
      <c r="GVD697" s="613"/>
      <c r="GVE697" s="613"/>
      <c r="GVF697" s="613"/>
      <c r="GVG697" s="613"/>
      <c r="GVH697" s="613"/>
      <c r="GVI697" s="613"/>
      <c r="GVJ697" s="613"/>
      <c r="GVK697" s="613"/>
      <c r="GVL697" s="613"/>
      <c r="GVM697" s="613"/>
      <c r="GVN697" s="613"/>
      <c r="GVO697" s="613"/>
      <c r="GVP697" s="613"/>
      <c r="GVQ697" s="613"/>
      <c r="GVR697" s="613"/>
      <c r="GVS697" s="613"/>
      <c r="GVT697" s="613"/>
      <c r="GVU697" s="613"/>
      <c r="GVV697" s="613"/>
      <c r="GVW697" s="613"/>
      <c r="GVX697" s="613"/>
      <c r="GVY697" s="613"/>
      <c r="GVZ697" s="613"/>
      <c r="GWA697" s="613"/>
      <c r="GWB697" s="613"/>
      <c r="GWC697" s="613"/>
      <c r="GWD697" s="613"/>
      <c r="GWE697" s="613"/>
      <c r="GWF697" s="613"/>
      <c r="GWG697" s="613"/>
      <c r="GWH697" s="613"/>
      <c r="GWI697" s="613"/>
      <c r="GWJ697" s="613"/>
      <c r="GWK697" s="613"/>
      <c r="GWL697" s="613"/>
      <c r="GWM697" s="613"/>
      <c r="GWN697" s="613"/>
      <c r="GWO697" s="613"/>
      <c r="GWP697" s="613"/>
      <c r="GWQ697" s="613"/>
      <c r="GWR697" s="613"/>
      <c r="GWS697" s="613"/>
      <c r="GWT697" s="613"/>
      <c r="GWU697" s="613"/>
      <c r="GWV697" s="613"/>
      <c r="GWW697" s="613"/>
      <c r="GWX697" s="613"/>
      <c r="GWY697" s="613"/>
      <c r="GWZ697" s="613"/>
      <c r="GXA697" s="613"/>
      <c r="GXB697" s="613"/>
      <c r="GXC697" s="613"/>
      <c r="GXD697" s="613"/>
      <c r="GXE697" s="613"/>
      <c r="GXF697" s="613"/>
      <c r="GXG697" s="613"/>
      <c r="GXH697" s="613"/>
      <c r="GXI697" s="613"/>
      <c r="GXJ697" s="613"/>
      <c r="GXK697" s="613"/>
      <c r="GXL697" s="613"/>
      <c r="GXM697" s="613"/>
      <c r="GXN697" s="613"/>
      <c r="GXO697" s="613"/>
      <c r="GXP697" s="613"/>
      <c r="GXQ697" s="613"/>
      <c r="GXR697" s="613"/>
      <c r="GXS697" s="613"/>
      <c r="GXT697" s="613"/>
      <c r="GXU697" s="613"/>
      <c r="GXV697" s="613"/>
      <c r="GXW697" s="613"/>
      <c r="GXX697" s="613"/>
      <c r="GXY697" s="613"/>
      <c r="GXZ697" s="613"/>
      <c r="GYA697" s="613"/>
      <c r="GYB697" s="613"/>
      <c r="GYC697" s="613"/>
      <c r="GYD697" s="613"/>
      <c r="GYE697" s="613"/>
      <c r="GYF697" s="613"/>
      <c r="GYG697" s="613"/>
      <c r="GYH697" s="613"/>
      <c r="GYI697" s="613"/>
      <c r="GYJ697" s="613"/>
      <c r="GYK697" s="613"/>
      <c r="GYL697" s="613"/>
      <c r="GYM697" s="613"/>
      <c r="GYN697" s="613"/>
      <c r="GYO697" s="613"/>
      <c r="GYP697" s="613"/>
      <c r="GYQ697" s="613"/>
      <c r="GYR697" s="613"/>
      <c r="GYS697" s="613"/>
      <c r="GYT697" s="613"/>
      <c r="GYU697" s="613"/>
      <c r="GYV697" s="613"/>
      <c r="GYW697" s="613"/>
      <c r="GYX697" s="613"/>
      <c r="GYY697" s="613"/>
      <c r="GYZ697" s="613"/>
      <c r="GZA697" s="613"/>
      <c r="GZB697" s="613"/>
      <c r="GZC697" s="613"/>
      <c r="GZD697" s="613"/>
      <c r="GZE697" s="613"/>
      <c r="GZF697" s="613"/>
      <c r="GZG697" s="613"/>
      <c r="GZH697" s="613"/>
      <c r="GZI697" s="613"/>
      <c r="GZJ697" s="613"/>
      <c r="GZK697" s="613"/>
      <c r="GZL697" s="613"/>
      <c r="GZM697" s="613"/>
      <c r="GZN697" s="613"/>
      <c r="GZO697" s="613"/>
      <c r="GZP697" s="613"/>
      <c r="GZQ697" s="613"/>
      <c r="GZR697" s="613"/>
      <c r="GZS697" s="613"/>
      <c r="GZT697" s="613"/>
      <c r="GZU697" s="613"/>
      <c r="GZV697" s="613"/>
      <c r="GZW697" s="613"/>
      <c r="GZX697" s="613"/>
      <c r="GZY697" s="613"/>
      <c r="GZZ697" s="613"/>
      <c r="HAA697" s="613"/>
      <c r="HAB697" s="613"/>
      <c r="HAC697" s="613"/>
      <c r="HAD697" s="613"/>
      <c r="HAE697" s="613"/>
      <c r="HAF697" s="613"/>
      <c r="HAG697" s="613"/>
      <c r="HAH697" s="613"/>
      <c r="HAI697" s="613"/>
      <c r="HAJ697" s="613"/>
      <c r="HAK697" s="613"/>
      <c r="HAL697" s="613"/>
      <c r="HAM697" s="613"/>
      <c r="HAN697" s="613"/>
      <c r="HAO697" s="613"/>
      <c r="HAP697" s="613"/>
      <c r="HAQ697" s="613"/>
      <c r="HAR697" s="613"/>
      <c r="HAS697" s="613"/>
      <c r="HAT697" s="613"/>
      <c r="HAU697" s="613"/>
      <c r="HAV697" s="613"/>
      <c r="HAW697" s="613"/>
      <c r="HAX697" s="613"/>
      <c r="HAY697" s="613"/>
      <c r="HAZ697" s="613"/>
      <c r="HBA697" s="613"/>
      <c r="HBB697" s="613"/>
      <c r="HBC697" s="613"/>
      <c r="HBD697" s="613"/>
      <c r="HBE697" s="613"/>
      <c r="HBF697" s="613"/>
      <c r="HBG697" s="613"/>
      <c r="HBH697" s="613"/>
      <c r="HBI697" s="613"/>
      <c r="HBJ697" s="613"/>
      <c r="HBK697" s="613"/>
      <c r="HBL697" s="613"/>
      <c r="HBM697" s="613"/>
      <c r="HBN697" s="613"/>
      <c r="HBO697" s="613"/>
      <c r="HBP697" s="613"/>
      <c r="HBQ697" s="613"/>
      <c r="HBR697" s="613"/>
      <c r="HBS697" s="613"/>
      <c r="HBT697" s="613"/>
      <c r="HBU697" s="613"/>
      <c r="HBV697" s="613"/>
      <c r="HBW697" s="613"/>
      <c r="HBX697" s="613"/>
      <c r="HBY697" s="613"/>
      <c r="HBZ697" s="613"/>
      <c r="HCA697" s="613"/>
      <c r="HCB697" s="613"/>
      <c r="HCC697" s="613"/>
      <c r="HCD697" s="613"/>
      <c r="HCE697" s="613"/>
      <c r="HCF697" s="613"/>
      <c r="HCG697" s="613"/>
      <c r="HCH697" s="613"/>
      <c r="HCI697" s="613"/>
      <c r="HCJ697" s="613"/>
      <c r="HCK697" s="613"/>
      <c r="HCL697" s="613"/>
      <c r="HCM697" s="613"/>
      <c r="HCN697" s="613"/>
      <c r="HCO697" s="613"/>
      <c r="HCP697" s="613"/>
      <c r="HCQ697" s="613"/>
      <c r="HCR697" s="613"/>
      <c r="HCS697" s="613"/>
      <c r="HCT697" s="613"/>
      <c r="HCU697" s="613"/>
      <c r="HCV697" s="613"/>
      <c r="HCW697" s="613"/>
      <c r="HCX697" s="613"/>
      <c r="HCY697" s="613"/>
      <c r="HCZ697" s="613"/>
      <c r="HDA697" s="613"/>
      <c r="HDB697" s="613"/>
      <c r="HDC697" s="613"/>
      <c r="HDD697" s="613"/>
      <c r="HDE697" s="613"/>
      <c r="HDF697" s="613"/>
      <c r="HDG697" s="613"/>
      <c r="HDH697" s="613"/>
      <c r="HDI697" s="613"/>
      <c r="HDJ697" s="613"/>
      <c r="HDK697" s="613"/>
      <c r="HDL697" s="613"/>
      <c r="HDM697" s="613"/>
      <c r="HDN697" s="613"/>
      <c r="HDO697" s="613"/>
      <c r="HDP697" s="613"/>
      <c r="HDQ697" s="613"/>
      <c r="HDR697" s="613"/>
      <c r="HDS697" s="613"/>
      <c r="HDT697" s="613"/>
      <c r="HDU697" s="613"/>
      <c r="HDV697" s="613"/>
      <c r="HDW697" s="613"/>
      <c r="HDX697" s="613"/>
      <c r="HDY697" s="613"/>
      <c r="HDZ697" s="613"/>
      <c r="HEA697" s="613"/>
      <c r="HEB697" s="613"/>
      <c r="HEC697" s="613"/>
      <c r="HED697" s="613"/>
      <c r="HEE697" s="613"/>
      <c r="HEF697" s="613"/>
      <c r="HEG697" s="613"/>
      <c r="HEH697" s="613"/>
      <c r="HEI697" s="613"/>
      <c r="HEJ697" s="613"/>
      <c r="HEK697" s="613"/>
      <c r="HEL697" s="613"/>
      <c r="HEM697" s="613"/>
      <c r="HEN697" s="613"/>
      <c r="HEO697" s="613"/>
      <c r="HEP697" s="613"/>
      <c r="HEQ697" s="613"/>
      <c r="HER697" s="613"/>
      <c r="HES697" s="613"/>
      <c r="HET697" s="613"/>
      <c r="HEU697" s="613"/>
      <c r="HEV697" s="613"/>
      <c r="HEW697" s="613"/>
      <c r="HEX697" s="613"/>
      <c r="HEY697" s="613"/>
      <c r="HEZ697" s="613"/>
      <c r="HFA697" s="613"/>
      <c r="HFB697" s="613"/>
      <c r="HFC697" s="613"/>
      <c r="HFD697" s="613"/>
      <c r="HFE697" s="613"/>
      <c r="HFF697" s="613"/>
      <c r="HFG697" s="613"/>
      <c r="HFH697" s="613"/>
      <c r="HFI697" s="613"/>
      <c r="HFJ697" s="613"/>
      <c r="HFK697" s="613"/>
      <c r="HFL697" s="613"/>
      <c r="HFM697" s="613"/>
      <c r="HFN697" s="613"/>
      <c r="HFO697" s="613"/>
      <c r="HFP697" s="613"/>
      <c r="HFQ697" s="613"/>
      <c r="HFR697" s="613"/>
      <c r="HFS697" s="613"/>
      <c r="HFT697" s="613"/>
      <c r="HFU697" s="613"/>
      <c r="HFV697" s="613"/>
      <c r="HFW697" s="613"/>
      <c r="HFX697" s="613"/>
      <c r="HFY697" s="613"/>
      <c r="HFZ697" s="613"/>
      <c r="HGA697" s="613"/>
      <c r="HGB697" s="613"/>
      <c r="HGC697" s="613"/>
      <c r="HGD697" s="613"/>
      <c r="HGE697" s="613"/>
      <c r="HGF697" s="613"/>
      <c r="HGG697" s="613"/>
      <c r="HGH697" s="613"/>
      <c r="HGI697" s="613"/>
      <c r="HGJ697" s="613"/>
      <c r="HGK697" s="613"/>
      <c r="HGL697" s="613"/>
      <c r="HGM697" s="613"/>
      <c r="HGN697" s="613"/>
      <c r="HGO697" s="613"/>
      <c r="HGP697" s="613"/>
      <c r="HGQ697" s="613"/>
      <c r="HGR697" s="613"/>
      <c r="HGS697" s="613"/>
      <c r="HGT697" s="613"/>
      <c r="HGU697" s="613"/>
      <c r="HGV697" s="613"/>
      <c r="HGW697" s="613"/>
      <c r="HGX697" s="613"/>
      <c r="HGY697" s="613"/>
      <c r="HGZ697" s="613"/>
      <c r="HHA697" s="613"/>
      <c r="HHB697" s="613"/>
      <c r="HHC697" s="613"/>
      <c r="HHD697" s="613"/>
      <c r="HHE697" s="613"/>
      <c r="HHF697" s="613"/>
      <c r="HHG697" s="613"/>
      <c r="HHH697" s="613"/>
      <c r="HHI697" s="613"/>
      <c r="HHJ697" s="613"/>
      <c r="HHK697" s="613"/>
      <c r="HHL697" s="613"/>
      <c r="HHM697" s="613"/>
      <c r="HHN697" s="613"/>
      <c r="HHO697" s="613"/>
      <c r="HHP697" s="613"/>
      <c r="HHQ697" s="613"/>
      <c r="HHR697" s="613"/>
      <c r="HHS697" s="613"/>
      <c r="HHT697" s="613"/>
      <c r="HHU697" s="613"/>
      <c r="HHV697" s="613"/>
      <c r="HHW697" s="613"/>
      <c r="HHX697" s="613"/>
      <c r="HHY697" s="613"/>
      <c r="HHZ697" s="613"/>
      <c r="HIA697" s="613"/>
      <c r="HIB697" s="613"/>
      <c r="HIC697" s="613"/>
      <c r="HID697" s="613"/>
      <c r="HIE697" s="613"/>
      <c r="HIF697" s="613"/>
      <c r="HIG697" s="613"/>
      <c r="HIH697" s="613"/>
      <c r="HII697" s="613"/>
      <c r="HIJ697" s="613"/>
      <c r="HIK697" s="613"/>
      <c r="HIL697" s="613"/>
      <c r="HIM697" s="613"/>
      <c r="HIN697" s="613"/>
      <c r="HIO697" s="613"/>
      <c r="HIP697" s="613"/>
      <c r="HIQ697" s="613"/>
      <c r="HIR697" s="613"/>
      <c r="HIS697" s="613"/>
      <c r="HIT697" s="613"/>
      <c r="HIU697" s="613"/>
      <c r="HIV697" s="613"/>
      <c r="HIW697" s="613"/>
      <c r="HIX697" s="613"/>
      <c r="HIY697" s="613"/>
      <c r="HIZ697" s="613"/>
      <c r="HJA697" s="613"/>
      <c r="HJB697" s="613"/>
      <c r="HJC697" s="613"/>
      <c r="HJD697" s="613"/>
      <c r="HJE697" s="613"/>
      <c r="HJF697" s="613"/>
      <c r="HJG697" s="613"/>
      <c r="HJH697" s="613"/>
      <c r="HJI697" s="613"/>
      <c r="HJJ697" s="613"/>
      <c r="HJK697" s="613"/>
      <c r="HJL697" s="613"/>
      <c r="HJM697" s="613"/>
      <c r="HJN697" s="613"/>
      <c r="HJO697" s="613"/>
      <c r="HJP697" s="613"/>
      <c r="HJQ697" s="613"/>
      <c r="HJR697" s="613"/>
      <c r="HJS697" s="613"/>
      <c r="HJT697" s="613"/>
      <c r="HJU697" s="613"/>
      <c r="HJV697" s="613"/>
      <c r="HJW697" s="613"/>
      <c r="HJX697" s="613"/>
      <c r="HJY697" s="613"/>
      <c r="HJZ697" s="613"/>
      <c r="HKA697" s="613"/>
      <c r="HKB697" s="613"/>
      <c r="HKC697" s="613"/>
      <c r="HKD697" s="613"/>
      <c r="HKE697" s="613"/>
      <c r="HKF697" s="613"/>
      <c r="HKG697" s="613"/>
      <c r="HKH697" s="613"/>
      <c r="HKI697" s="613"/>
      <c r="HKJ697" s="613"/>
      <c r="HKK697" s="613"/>
      <c r="HKL697" s="613"/>
      <c r="HKM697" s="613"/>
      <c r="HKN697" s="613"/>
      <c r="HKO697" s="613"/>
      <c r="HKP697" s="613"/>
      <c r="HKQ697" s="613"/>
      <c r="HKR697" s="613"/>
      <c r="HKS697" s="613"/>
      <c r="HKT697" s="613"/>
      <c r="HKU697" s="613"/>
      <c r="HKV697" s="613"/>
      <c r="HKW697" s="613"/>
      <c r="HKX697" s="613"/>
      <c r="HKY697" s="613"/>
      <c r="HKZ697" s="613"/>
      <c r="HLA697" s="613"/>
      <c r="HLB697" s="613"/>
      <c r="HLC697" s="613"/>
      <c r="HLD697" s="613"/>
      <c r="HLE697" s="613"/>
      <c r="HLF697" s="613"/>
      <c r="HLG697" s="613"/>
      <c r="HLH697" s="613"/>
      <c r="HLI697" s="613"/>
      <c r="HLJ697" s="613"/>
      <c r="HLK697" s="613"/>
      <c r="HLL697" s="613"/>
      <c r="HLM697" s="613"/>
      <c r="HLN697" s="613"/>
      <c r="HLO697" s="613"/>
      <c r="HLP697" s="613"/>
      <c r="HLQ697" s="613"/>
      <c r="HLR697" s="613"/>
      <c r="HLS697" s="613"/>
      <c r="HLT697" s="613"/>
      <c r="HLU697" s="613"/>
      <c r="HLV697" s="613"/>
      <c r="HLW697" s="613"/>
      <c r="HLX697" s="613"/>
      <c r="HLY697" s="613"/>
      <c r="HLZ697" s="613"/>
      <c r="HMA697" s="613"/>
      <c r="HMB697" s="613"/>
      <c r="HMC697" s="613"/>
      <c r="HMD697" s="613"/>
      <c r="HME697" s="613"/>
      <c r="HMF697" s="613"/>
      <c r="HMG697" s="613"/>
      <c r="HMH697" s="613"/>
      <c r="HMI697" s="613"/>
      <c r="HMJ697" s="613"/>
      <c r="HMK697" s="613"/>
      <c r="HML697" s="613"/>
      <c r="HMM697" s="613"/>
      <c r="HMN697" s="613"/>
      <c r="HMO697" s="613"/>
      <c r="HMP697" s="613"/>
      <c r="HMQ697" s="613"/>
      <c r="HMR697" s="613"/>
      <c r="HMS697" s="613"/>
      <c r="HMT697" s="613"/>
      <c r="HMU697" s="613"/>
      <c r="HMV697" s="613"/>
      <c r="HMW697" s="613"/>
      <c r="HMX697" s="613"/>
      <c r="HMY697" s="613"/>
      <c r="HMZ697" s="613"/>
      <c r="HNA697" s="613"/>
      <c r="HNB697" s="613"/>
      <c r="HNC697" s="613"/>
      <c r="HND697" s="613"/>
      <c r="HNE697" s="613"/>
      <c r="HNF697" s="613"/>
      <c r="HNG697" s="613"/>
      <c r="HNH697" s="613"/>
      <c r="HNI697" s="613"/>
      <c r="HNJ697" s="613"/>
      <c r="HNK697" s="613"/>
      <c r="HNL697" s="613"/>
      <c r="HNM697" s="613"/>
      <c r="HNN697" s="613"/>
      <c r="HNO697" s="613"/>
      <c r="HNP697" s="613"/>
      <c r="HNQ697" s="613"/>
      <c r="HNR697" s="613"/>
      <c r="HNS697" s="613"/>
      <c r="HNT697" s="613"/>
      <c r="HNU697" s="613"/>
      <c r="HNV697" s="613"/>
      <c r="HNW697" s="613"/>
      <c r="HNX697" s="613"/>
      <c r="HNY697" s="613"/>
      <c r="HNZ697" s="613"/>
      <c r="HOA697" s="613"/>
      <c r="HOB697" s="613"/>
      <c r="HOC697" s="613"/>
      <c r="HOD697" s="613"/>
      <c r="HOE697" s="613"/>
      <c r="HOF697" s="613"/>
      <c r="HOG697" s="613"/>
      <c r="HOH697" s="613"/>
      <c r="HOI697" s="613"/>
      <c r="HOJ697" s="613"/>
      <c r="HOK697" s="613"/>
      <c r="HOL697" s="613"/>
      <c r="HOM697" s="613"/>
      <c r="HON697" s="613"/>
      <c r="HOO697" s="613"/>
      <c r="HOP697" s="613"/>
      <c r="HOQ697" s="613"/>
      <c r="HOR697" s="613"/>
      <c r="HOS697" s="613"/>
      <c r="HOT697" s="613"/>
      <c r="HOU697" s="613"/>
      <c r="HOV697" s="613"/>
      <c r="HOW697" s="613"/>
      <c r="HOX697" s="613"/>
      <c r="HOY697" s="613"/>
      <c r="HOZ697" s="613"/>
      <c r="HPA697" s="613"/>
      <c r="HPB697" s="613"/>
      <c r="HPC697" s="613"/>
      <c r="HPD697" s="613"/>
      <c r="HPE697" s="613"/>
      <c r="HPF697" s="613"/>
      <c r="HPG697" s="613"/>
      <c r="HPH697" s="613"/>
      <c r="HPI697" s="613"/>
      <c r="HPJ697" s="613"/>
      <c r="HPK697" s="613"/>
      <c r="HPL697" s="613"/>
      <c r="HPM697" s="613"/>
      <c r="HPN697" s="613"/>
      <c r="HPO697" s="613"/>
      <c r="HPP697" s="613"/>
      <c r="HPQ697" s="613"/>
      <c r="HPR697" s="613"/>
      <c r="HPS697" s="613"/>
      <c r="HPT697" s="613"/>
      <c r="HPU697" s="613"/>
      <c r="HPV697" s="613"/>
      <c r="HPW697" s="613"/>
      <c r="HPX697" s="613"/>
      <c r="HPY697" s="613"/>
      <c r="HPZ697" s="613"/>
      <c r="HQA697" s="613"/>
      <c r="HQB697" s="613"/>
      <c r="HQC697" s="613"/>
      <c r="HQD697" s="613"/>
      <c r="HQE697" s="613"/>
      <c r="HQF697" s="613"/>
      <c r="HQG697" s="613"/>
      <c r="HQH697" s="613"/>
      <c r="HQI697" s="613"/>
      <c r="HQJ697" s="613"/>
      <c r="HQK697" s="613"/>
      <c r="HQL697" s="613"/>
      <c r="HQM697" s="613"/>
      <c r="HQN697" s="613"/>
      <c r="HQO697" s="613"/>
      <c r="HQP697" s="613"/>
      <c r="HQQ697" s="613"/>
      <c r="HQR697" s="613"/>
      <c r="HQS697" s="613"/>
      <c r="HQT697" s="613"/>
      <c r="HQU697" s="613"/>
      <c r="HQV697" s="613"/>
      <c r="HQW697" s="613"/>
      <c r="HQX697" s="613"/>
      <c r="HQY697" s="613"/>
      <c r="HQZ697" s="613"/>
      <c r="HRA697" s="613"/>
      <c r="HRB697" s="613"/>
      <c r="HRC697" s="613"/>
      <c r="HRD697" s="613"/>
      <c r="HRE697" s="613"/>
      <c r="HRF697" s="613"/>
      <c r="HRG697" s="613"/>
      <c r="HRH697" s="613"/>
      <c r="HRI697" s="613"/>
      <c r="HRJ697" s="613"/>
      <c r="HRK697" s="613"/>
      <c r="HRL697" s="613"/>
      <c r="HRM697" s="613"/>
      <c r="HRN697" s="613"/>
      <c r="HRO697" s="613"/>
      <c r="HRP697" s="613"/>
      <c r="HRQ697" s="613"/>
      <c r="HRR697" s="613"/>
      <c r="HRS697" s="613"/>
      <c r="HRT697" s="613"/>
      <c r="HRU697" s="613"/>
      <c r="HRV697" s="613"/>
      <c r="HRW697" s="613"/>
      <c r="HRX697" s="613"/>
      <c r="HRY697" s="613"/>
      <c r="HRZ697" s="613"/>
      <c r="HSA697" s="613"/>
      <c r="HSB697" s="613"/>
      <c r="HSC697" s="613"/>
      <c r="HSD697" s="613"/>
      <c r="HSE697" s="613"/>
      <c r="HSF697" s="613"/>
      <c r="HSG697" s="613"/>
      <c r="HSH697" s="613"/>
      <c r="HSI697" s="613"/>
      <c r="HSJ697" s="613"/>
      <c r="HSK697" s="613"/>
      <c r="HSL697" s="613"/>
      <c r="HSM697" s="613"/>
      <c r="HSN697" s="613"/>
      <c r="HSO697" s="613"/>
      <c r="HSP697" s="613"/>
      <c r="HSQ697" s="613"/>
      <c r="HSR697" s="613"/>
      <c r="HSS697" s="613"/>
      <c r="HST697" s="613"/>
      <c r="HSU697" s="613"/>
      <c r="HSV697" s="613"/>
      <c r="HSW697" s="613"/>
      <c r="HSX697" s="613"/>
      <c r="HSY697" s="613"/>
      <c r="HSZ697" s="613"/>
      <c r="HTA697" s="613"/>
      <c r="HTB697" s="613"/>
      <c r="HTC697" s="613"/>
      <c r="HTD697" s="613"/>
      <c r="HTE697" s="613"/>
      <c r="HTF697" s="613"/>
      <c r="HTG697" s="613"/>
      <c r="HTH697" s="613"/>
      <c r="HTI697" s="613"/>
      <c r="HTJ697" s="613"/>
      <c r="HTK697" s="613"/>
      <c r="HTL697" s="613"/>
      <c r="HTM697" s="613"/>
      <c r="HTN697" s="613"/>
      <c r="HTO697" s="613"/>
      <c r="HTP697" s="613"/>
      <c r="HTQ697" s="613"/>
      <c r="HTR697" s="613"/>
      <c r="HTS697" s="613"/>
      <c r="HTT697" s="613"/>
      <c r="HTU697" s="613"/>
      <c r="HTV697" s="613"/>
      <c r="HTW697" s="613"/>
      <c r="HTX697" s="613"/>
      <c r="HTY697" s="613"/>
      <c r="HTZ697" s="613"/>
      <c r="HUA697" s="613"/>
      <c r="HUB697" s="613"/>
      <c r="HUC697" s="613"/>
      <c r="HUD697" s="613"/>
      <c r="HUE697" s="613"/>
      <c r="HUF697" s="613"/>
      <c r="HUG697" s="613"/>
      <c r="HUH697" s="613"/>
      <c r="HUI697" s="613"/>
      <c r="HUJ697" s="613"/>
      <c r="HUK697" s="613"/>
      <c r="HUL697" s="613"/>
      <c r="HUM697" s="613"/>
      <c r="HUN697" s="613"/>
      <c r="HUO697" s="613"/>
      <c r="HUP697" s="613"/>
      <c r="HUQ697" s="613"/>
      <c r="HUR697" s="613"/>
      <c r="HUS697" s="613"/>
      <c r="HUT697" s="613"/>
      <c r="HUU697" s="613"/>
      <c r="HUV697" s="613"/>
      <c r="HUW697" s="613"/>
      <c r="HUX697" s="613"/>
      <c r="HUY697" s="613"/>
      <c r="HUZ697" s="613"/>
      <c r="HVA697" s="613"/>
      <c r="HVB697" s="613"/>
      <c r="HVC697" s="613"/>
      <c r="HVD697" s="613"/>
      <c r="HVE697" s="613"/>
      <c r="HVF697" s="613"/>
      <c r="HVG697" s="613"/>
      <c r="HVH697" s="613"/>
      <c r="HVI697" s="613"/>
      <c r="HVJ697" s="613"/>
      <c r="HVK697" s="613"/>
      <c r="HVL697" s="613"/>
      <c r="HVM697" s="613"/>
      <c r="HVN697" s="613"/>
      <c r="HVO697" s="613"/>
      <c r="HVP697" s="613"/>
      <c r="HVQ697" s="613"/>
      <c r="HVR697" s="613"/>
      <c r="HVS697" s="613"/>
      <c r="HVT697" s="613"/>
      <c r="HVU697" s="613"/>
      <c r="HVV697" s="613"/>
      <c r="HVW697" s="613"/>
      <c r="HVX697" s="613"/>
      <c r="HVY697" s="613"/>
      <c r="HVZ697" s="613"/>
      <c r="HWA697" s="613"/>
      <c r="HWB697" s="613"/>
      <c r="HWC697" s="613"/>
      <c r="HWD697" s="613"/>
      <c r="HWE697" s="613"/>
      <c r="HWF697" s="613"/>
      <c r="HWG697" s="613"/>
      <c r="HWH697" s="613"/>
      <c r="HWI697" s="613"/>
      <c r="HWJ697" s="613"/>
      <c r="HWK697" s="613"/>
      <c r="HWL697" s="613"/>
      <c r="HWM697" s="613"/>
      <c r="HWN697" s="613"/>
      <c r="HWO697" s="613"/>
      <c r="HWP697" s="613"/>
      <c r="HWQ697" s="613"/>
      <c r="HWR697" s="613"/>
      <c r="HWS697" s="613"/>
      <c r="HWT697" s="613"/>
      <c r="HWU697" s="613"/>
      <c r="HWV697" s="613"/>
      <c r="HWW697" s="613"/>
      <c r="HWX697" s="613"/>
      <c r="HWY697" s="613"/>
      <c r="HWZ697" s="613"/>
      <c r="HXA697" s="613"/>
      <c r="HXB697" s="613"/>
      <c r="HXC697" s="613"/>
      <c r="HXD697" s="613"/>
      <c r="HXE697" s="613"/>
      <c r="HXF697" s="613"/>
      <c r="HXG697" s="613"/>
      <c r="HXH697" s="613"/>
      <c r="HXI697" s="613"/>
      <c r="HXJ697" s="613"/>
      <c r="HXK697" s="613"/>
      <c r="HXL697" s="613"/>
      <c r="HXM697" s="613"/>
      <c r="HXN697" s="613"/>
      <c r="HXO697" s="613"/>
      <c r="HXP697" s="613"/>
      <c r="HXQ697" s="613"/>
      <c r="HXR697" s="613"/>
      <c r="HXS697" s="613"/>
      <c r="HXT697" s="613"/>
      <c r="HXU697" s="613"/>
      <c r="HXV697" s="613"/>
      <c r="HXW697" s="613"/>
      <c r="HXX697" s="613"/>
      <c r="HXY697" s="613"/>
      <c r="HXZ697" s="613"/>
      <c r="HYA697" s="613"/>
      <c r="HYB697" s="613"/>
      <c r="HYC697" s="613"/>
      <c r="HYD697" s="613"/>
      <c r="HYE697" s="613"/>
      <c r="HYF697" s="613"/>
      <c r="HYG697" s="613"/>
      <c r="HYH697" s="613"/>
      <c r="HYI697" s="613"/>
      <c r="HYJ697" s="613"/>
      <c r="HYK697" s="613"/>
      <c r="HYL697" s="613"/>
      <c r="HYM697" s="613"/>
      <c r="HYN697" s="613"/>
      <c r="HYO697" s="613"/>
      <c r="HYP697" s="613"/>
      <c r="HYQ697" s="613"/>
      <c r="HYR697" s="613"/>
      <c r="HYS697" s="613"/>
      <c r="HYT697" s="613"/>
      <c r="HYU697" s="613"/>
      <c r="HYV697" s="613"/>
      <c r="HYW697" s="613"/>
      <c r="HYX697" s="613"/>
      <c r="HYY697" s="613"/>
      <c r="HYZ697" s="613"/>
      <c r="HZA697" s="613"/>
      <c r="HZB697" s="613"/>
      <c r="HZC697" s="613"/>
      <c r="HZD697" s="613"/>
      <c r="HZE697" s="613"/>
      <c r="HZF697" s="613"/>
      <c r="HZG697" s="613"/>
      <c r="HZH697" s="613"/>
      <c r="HZI697" s="613"/>
      <c r="HZJ697" s="613"/>
      <c r="HZK697" s="613"/>
      <c r="HZL697" s="613"/>
      <c r="HZM697" s="613"/>
      <c r="HZN697" s="613"/>
      <c r="HZO697" s="613"/>
      <c r="HZP697" s="613"/>
      <c r="HZQ697" s="613"/>
      <c r="HZR697" s="613"/>
      <c r="HZS697" s="613"/>
      <c r="HZT697" s="613"/>
      <c r="HZU697" s="613"/>
      <c r="HZV697" s="613"/>
      <c r="HZW697" s="613"/>
      <c r="HZX697" s="613"/>
      <c r="HZY697" s="613"/>
      <c r="HZZ697" s="613"/>
      <c r="IAA697" s="613"/>
      <c r="IAB697" s="613"/>
      <c r="IAC697" s="613"/>
      <c r="IAD697" s="613"/>
      <c r="IAE697" s="613"/>
      <c r="IAF697" s="613"/>
      <c r="IAG697" s="613"/>
      <c r="IAH697" s="613"/>
      <c r="IAI697" s="613"/>
      <c r="IAJ697" s="613"/>
      <c r="IAK697" s="613"/>
      <c r="IAL697" s="613"/>
      <c r="IAM697" s="613"/>
      <c r="IAN697" s="613"/>
      <c r="IAO697" s="613"/>
      <c r="IAP697" s="613"/>
      <c r="IAQ697" s="613"/>
      <c r="IAR697" s="613"/>
      <c r="IAS697" s="613"/>
      <c r="IAT697" s="613"/>
      <c r="IAU697" s="613"/>
      <c r="IAV697" s="613"/>
      <c r="IAW697" s="613"/>
      <c r="IAX697" s="613"/>
      <c r="IAY697" s="613"/>
      <c r="IAZ697" s="613"/>
      <c r="IBA697" s="613"/>
      <c r="IBB697" s="613"/>
      <c r="IBC697" s="613"/>
      <c r="IBD697" s="613"/>
      <c r="IBE697" s="613"/>
      <c r="IBF697" s="613"/>
      <c r="IBG697" s="613"/>
      <c r="IBH697" s="613"/>
      <c r="IBI697" s="613"/>
      <c r="IBJ697" s="613"/>
      <c r="IBK697" s="613"/>
      <c r="IBL697" s="613"/>
      <c r="IBM697" s="613"/>
      <c r="IBN697" s="613"/>
      <c r="IBO697" s="613"/>
      <c r="IBP697" s="613"/>
      <c r="IBQ697" s="613"/>
      <c r="IBR697" s="613"/>
      <c r="IBS697" s="613"/>
      <c r="IBT697" s="613"/>
      <c r="IBU697" s="613"/>
      <c r="IBV697" s="613"/>
      <c r="IBW697" s="613"/>
      <c r="IBX697" s="613"/>
      <c r="IBY697" s="613"/>
      <c r="IBZ697" s="613"/>
      <c r="ICA697" s="613"/>
      <c r="ICB697" s="613"/>
      <c r="ICC697" s="613"/>
      <c r="ICD697" s="613"/>
      <c r="ICE697" s="613"/>
      <c r="ICF697" s="613"/>
      <c r="ICG697" s="613"/>
      <c r="ICH697" s="613"/>
      <c r="ICI697" s="613"/>
      <c r="ICJ697" s="613"/>
      <c r="ICK697" s="613"/>
      <c r="ICL697" s="613"/>
      <c r="ICM697" s="613"/>
      <c r="ICN697" s="613"/>
      <c r="ICO697" s="613"/>
      <c r="ICP697" s="613"/>
      <c r="ICQ697" s="613"/>
      <c r="ICR697" s="613"/>
      <c r="ICS697" s="613"/>
      <c r="ICT697" s="613"/>
      <c r="ICU697" s="613"/>
      <c r="ICV697" s="613"/>
      <c r="ICW697" s="613"/>
      <c r="ICX697" s="613"/>
      <c r="ICY697" s="613"/>
      <c r="ICZ697" s="613"/>
      <c r="IDA697" s="613"/>
      <c r="IDB697" s="613"/>
      <c r="IDC697" s="613"/>
      <c r="IDD697" s="613"/>
      <c r="IDE697" s="613"/>
      <c r="IDF697" s="613"/>
      <c r="IDG697" s="613"/>
      <c r="IDH697" s="613"/>
      <c r="IDI697" s="613"/>
      <c r="IDJ697" s="613"/>
      <c r="IDK697" s="613"/>
      <c r="IDL697" s="613"/>
      <c r="IDM697" s="613"/>
      <c r="IDN697" s="613"/>
      <c r="IDO697" s="613"/>
      <c r="IDP697" s="613"/>
      <c r="IDQ697" s="613"/>
      <c r="IDR697" s="613"/>
      <c r="IDS697" s="613"/>
      <c r="IDT697" s="613"/>
      <c r="IDU697" s="613"/>
      <c r="IDV697" s="613"/>
      <c r="IDW697" s="613"/>
      <c r="IDX697" s="613"/>
      <c r="IDY697" s="613"/>
      <c r="IDZ697" s="613"/>
      <c r="IEA697" s="613"/>
      <c r="IEB697" s="613"/>
      <c r="IEC697" s="613"/>
      <c r="IED697" s="613"/>
      <c r="IEE697" s="613"/>
      <c r="IEF697" s="613"/>
      <c r="IEG697" s="613"/>
      <c r="IEH697" s="613"/>
      <c r="IEI697" s="613"/>
      <c r="IEJ697" s="613"/>
      <c r="IEK697" s="613"/>
      <c r="IEL697" s="613"/>
      <c r="IEM697" s="613"/>
      <c r="IEN697" s="613"/>
      <c r="IEO697" s="613"/>
      <c r="IEP697" s="613"/>
      <c r="IEQ697" s="613"/>
      <c r="IER697" s="613"/>
      <c r="IES697" s="613"/>
      <c r="IET697" s="613"/>
      <c r="IEU697" s="613"/>
      <c r="IEV697" s="613"/>
      <c r="IEW697" s="613"/>
      <c r="IEX697" s="613"/>
      <c r="IEY697" s="613"/>
      <c r="IEZ697" s="613"/>
      <c r="IFA697" s="613"/>
      <c r="IFB697" s="613"/>
      <c r="IFC697" s="613"/>
      <c r="IFD697" s="613"/>
      <c r="IFE697" s="613"/>
      <c r="IFF697" s="613"/>
      <c r="IFG697" s="613"/>
      <c r="IFH697" s="613"/>
      <c r="IFI697" s="613"/>
      <c r="IFJ697" s="613"/>
      <c r="IFK697" s="613"/>
      <c r="IFL697" s="613"/>
      <c r="IFM697" s="613"/>
      <c r="IFN697" s="613"/>
      <c r="IFO697" s="613"/>
      <c r="IFP697" s="613"/>
      <c r="IFQ697" s="613"/>
      <c r="IFR697" s="613"/>
      <c r="IFS697" s="613"/>
      <c r="IFT697" s="613"/>
      <c r="IFU697" s="613"/>
      <c r="IFV697" s="613"/>
      <c r="IFW697" s="613"/>
      <c r="IFX697" s="613"/>
      <c r="IFY697" s="613"/>
      <c r="IFZ697" s="613"/>
      <c r="IGA697" s="613"/>
      <c r="IGB697" s="613"/>
      <c r="IGC697" s="613"/>
      <c r="IGD697" s="613"/>
      <c r="IGE697" s="613"/>
      <c r="IGF697" s="613"/>
      <c r="IGG697" s="613"/>
      <c r="IGH697" s="613"/>
      <c r="IGI697" s="613"/>
      <c r="IGJ697" s="613"/>
      <c r="IGK697" s="613"/>
      <c r="IGL697" s="613"/>
      <c r="IGM697" s="613"/>
      <c r="IGN697" s="613"/>
      <c r="IGO697" s="613"/>
      <c r="IGP697" s="613"/>
      <c r="IGQ697" s="613"/>
      <c r="IGR697" s="613"/>
      <c r="IGS697" s="613"/>
      <c r="IGT697" s="613"/>
      <c r="IGU697" s="613"/>
      <c r="IGV697" s="613"/>
      <c r="IGW697" s="613"/>
      <c r="IGX697" s="613"/>
      <c r="IGY697" s="613"/>
      <c r="IGZ697" s="613"/>
      <c r="IHA697" s="613"/>
      <c r="IHB697" s="613"/>
      <c r="IHC697" s="613"/>
      <c r="IHD697" s="613"/>
      <c r="IHE697" s="613"/>
      <c r="IHF697" s="613"/>
      <c r="IHG697" s="613"/>
      <c r="IHH697" s="613"/>
      <c r="IHI697" s="613"/>
      <c r="IHJ697" s="613"/>
      <c r="IHK697" s="613"/>
      <c r="IHL697" s="613"/>
      <c r="IHM697" s="613"/>
      <c r="IHN697" s="613"/>
      <c r="IHO697" s="613"/>
      <c r="IHP697" s="613"/>
      <c r="IHQ697" s="613"/>
      <c r="IHR697" s="613"/>
      <c r="IHS697" s="613"/>
      <c r="IHT697" s="613"/>
      <c r="IHU697" s="613"/>
      <c r="IHV697" s="613"/>
      <c r="IHW697" s="613"/>
      <c r="IHX697" s="613"/>
      <c r="IHY697" s="613"/>
      <c r="IHZ697" s="613"/>
      <c r="IIA697" s="613"/>
      <c r="IIB697" s="613"/>
      <c r="IIC697" s="613"/>
      <c r="IID697" s="613"/>
      <c r="IIE697" s="613"/>
      <c r="IIF697" s="613"/>
      <c r="IIG697" s="613"/>
      <c r="IIH697" s="613"/>
      <c r="III697" s="613"/>
      <c r="IIJ697" s="613"/>
      <c r="IIK697" s="613"/>
      <c r="IIL697" s="613"/>
      <c r="IIM697" s="613"/>
      <c r="IIN697" s="613"/>
      <c r="IIO697" s="613"/>
      <c r="IIP697" s="613"/>
      <c r="IIQ697" s="613"/>
      <c r="IIR697" s="613"/>
      <c r="IIS697" s="613"/>
      <c r="IIT697" s="613"/>
      <c r="IIU697" s="613"/>
      <c r="IIV697" s="613"/>
      <c r="IIW697" s="613"/>
      <c r="IIX697" s="613"/>
      <c r="IIY697" s="613"/>
      <c r="IIZ697" s="613"/>
      <c r="IJA697" s="613"/>
      <c r="IJB697" s="613"/>
      <c r="IJC697" s="613"/>
      <c r="IJD697" s="613"/>
      <c r="IJE697" s="613"/>
      <c r="IJF697" s="613"/>
      <c r="IJG697" s="613"/>
      <c r="IJH697" s="613"/>
      <c r="IJI697" s="613"/>
      <c r="IJJ697" s="613"/>
      <c r="IJK697" s="613"/>
      <c r="IJL697" s="613"/>
      <c r="IJM697" s="613"/>
      <c r="IJN697" s="613"/>
      <c r="IJO697" s="613"/>
      <c r="IJP697" s="613"/>
      <c r="IJQ697" s="613"/>
      <c r="IJR697" s="613"/>
      <c r="IJS697" s="613"/>
      <c r="IJT697" s="613"/>
      <c r="IJU697" s="613"/>
      <c r="IJV697" s="613"/>
      <c r="IJW697" s="613"/>
      <c r="IJX697" s="613"/>
      <c r="IJY697" s="613"/>
      <c r="IJZ697" s="613"/>
      <c r="IKA697" s="613"/>
      <c r="IKB697" s="613"/>
      <c r="IKC697" s="613"/>
      <c r="IKD697" s="613"/>
      <c r="IKE697" s="613"/>
      <c r="IKF697" s="613"/>
      <c r="IKG697" s="613"/>
      <c r="IKH697" s="613"/>
      <c r="IKI697" s="613"/>
      <c r="IKJ697" s="613"/>
      <c r="IKK697" s="613"/>
      <c r="IKL697" s="613"/>
      <c r="IKM697" s="613"/>
      <c r="IKN697" s="613"/>
      <c r="IKO697" s="613"/>
      <c r="IKP697" s="613"/>
      <c r="IKQ697" s="613"/>
      <c r="IKR697" s="613"/>
      <c r="IKS697" s="613"/>
      <c r="IKT697" s="613"/>
      <c r="IKU697" s="613"/>
      <c r="IKV697" s="613"/>
      <c r="IKW697" s="613"/>
      <c r="IKX697" s="613"/>
      <c r="IKY697" s="613"/>
      <c r="IKZ697" s="613"/>
      <c r="ILA697" s="613"/>
      <c r="ILB697" s="613"/>
      <c r="ILC697" s="613"/>
      <c r="ILD697" s="613"/>
      <c r="ILE697" s="613"/>
      <c r="ILF697" s="613"/>
      <c r="ILG697" s="613"/>
      <c r="ILH697" s="613"/>
      <c r="ILI697" s="613"/>
      <c r="ILJ697" s="613"/>
      <c r="ILK697" s="613"/>
      <c r="ILL697" s="613"/>
      <c r="ILM697" s="613"/>
      <c r="ILN697" s="613"/>
      <c r="ILO697" s="613"/>
      <c r="ILP697" s="613"/>
      <c r="ILQ697" s="613"/>
      <c r="ILR697" s="613"/>
      <c r="ILS697" s="613"/>
      <c r="ILT697" s="613"/>
      <c r="ILU697" s="613"/>
      <c r="ILV697" s="613"/>
      <c r="ILW697" s="613"/>
      <c r="ILX697" s="613"/>
      <c r="ILY697" s="613"/>
      <c r="ILZ697" s="613"/>
      <c r="IMA697" s="613"/>
      <c r="IMB697" s="613"/>
      <c r="IMC697" s="613"/>
      <c r="IMD697" s="613"/>
      <c r="IME697" s="613"/>
      <c r="IMF697" s="613"/>
      <c r="IMG697" s="613"/>
      <c r="IMH697" s="613"/>
      <c r="IMI697" s="613"/>
      <c r="IMJ697" s="613"/>
      <c r="IMK697" s="613"/>
      <c r="IML697" s="613"/>
      <c r="IMM697" s="613"/>
      <c r="IMN697" s="613"/>
      <c r="IMO697" s="613"/>
      <c r="IMP697" s="613"/>
      <c r="IMQ697" s="613"/>
      <c r="IMR697" s="613"/>
      <c r="IMS697" s="613"/>
      <c r="IMT697" s="613"/>
      <c r="IMU697" s="613"/>
      <c r="IMV697" s="613"/>
      <c r="IMW697" s="613"/>
      <c r="IMX697" s="613"/>
      <c r="IMY697" s="613"/>
      <c r="IMZ697" s="613"/>
      <c r="INA697" s="613"/>
      <c r="INB697" s="613"/>
      <c r="INC697" s="613"/>
      <c r="IND697" s="613"/>
      <c r="INE697" s="613"/>
      <c r="INF697" s="613"/>
      <c r="ING697" s="613"/>
      <c r="INH697" s="613"/>
      <c r="INI697" s="613"/>
      <c r="INJ697" s="613"/>
      <c r="INK697" s="613"/>
      <c r="INL697" s="613"/>
      <c r="INM697" s="613"/>
      <c r="INN697" s="613"/>
      <c r="INO697" s="613"/>
      <c r="INP697" s="613"/>
      <c r="INQ697" s="613"/>
      <c r="INR697" s="613"/>
      <c r="INS697" s="613"/>
      <c r="INT697" s="613"/>
      <c r="INU697" s="613"/>
      <c r="INV697" s="613"/>
      <c r="INW697" s="613"/>
      <c r="INX697" s="613"/>
      <c r="INY697" s="613"/>
      <c r="INZ697" s="613"/>
      <c r="IOA697" s="613"/>
      <c r="IOB697" s="613"/>
      <c r="IOC697" s="613"/>
      <c r="IOD697" s="613"/>
      <c r="IOE697" s="613"/>
      <c r="IOF697" s="613"/>
      <c r="IOG697" s="613"/>
      <c r="IOH697" s="613"/>
      <c r="IOI697" s="613"/>
      <c r="IOJ697" s="613"/>
      <c r="IOK697" s="613"/>
      <c r="IOL697" s="613"/>
      <c r="IOM697" s="613"/>
      <c r="ION697" s="613"/>
      <c r="IOO697" s="613"/>
      <c r="IOP697" s="613"/>
      <c r="IOQ697" s="613"/>
      <c r="IOR697" s="613"/>
      <c r="IOS697" s="613"/>
      <c r="IOT697" s="613"/>
      <c r="IOU697" s="613"/>
      <c r="IOV697" s="613"/>
      <c r="IOW697" s="613"/>
      <c r="IOX697" s="613"/>
      <c r="IOY697" s="613"/>
      <c r="IOZ697" s="613"/>
      <c r="IPA697" s="613"/>
      <c r="IPB697" s="613"/>
      <c r="IPC697" s="613"/>
      <c r="IPD697" s="613"/>
      <c r="IPE697" s="613"/>
      <c r="IPF697" s="613"/>
      <c r="IPG697" s="613"/>
      <c r="IPH697" s="613"/>
      <c r="IPI697" s="613"/>
      <c r="IPJ697" s="613"/>
      <c r="IPK697" s="613"/>
      <c r="IPL697" s="613"/>
      <c r="IPM697" s="613"/>
      <c r="IPN697" s="613"/>
      <c r="IPO697" s="613"/>
      <c r="IPP697" s="613"/>
      <c r="IPQ697" s="613"/>
      <c r="IPR697" s="613"/>
      <c r="IPS697" s="613"/>
      <c r="IPT697" s="613"/>
      <c r="IPU697" s="613"/>
      <c r="IPV697" s="613"/>
      <c r="IPW697" s="613"/>
      <c r="IPX697" s="613"/>
      <c r="IPY697" s="613"/>
      <c r="IPZ697" s="613"/>
      <c r="IQA697" s="613"/>
      <c r="IQB697" s="613"/>
      <c r="IQC697" s="613"/>
      <c r="IQD697" s="613"/>
      <c r="IQE697" s="613"/>
      <c r="IQF697" s="613"/>
      <c r="IQG697" s="613"/>
      <c r="IQH697" s="613"/>
      <c r="IQI697" s="613"/>
      <c r="IQJ697" s="613"/>
      <c r="IQK697" s="613"/>
      <c r="IQL697" s="613"/>
      <c r="IQM697" s="613"/>
      <c r="IQN697" s="613"/>
      <c r="IQO697" s="613"/>
      <c r="IQP697" s="613"/>
      <c r="IQQ697" s="613"/>
      <c r="IQR697" s="613"/>
      <c r="IQS697" s="613"/>
      <c r="IQT697" s="613"/>
      <c r="IQU697" s="613"/>
      <c r="IQV697" s="613"/>
      <c r="IQW697" s="613"/>
      <c r="IQX697" s="613"/>
      <c r="IQY697" s="613"/>
      <c r="IQZ697" s="613"/>
      <c r="IRA697" s="613"/>
      <c r="IRB697" s="613"/>
      <c r="IRC697" s="613"/>
      <c r="IRD697" s="613"/>
      <c r="IRE697" s="613"/>
      <c r="IRF697" s="613"/>
      <c r="IRG697" s="613"/>
      <c r="IRH697" s="613"/>
      <c r="IRI697" s="613"/>
      <c r="IRJ697" s="613"/>
      <c r="IRK697" s="613"/>
      <c r="IRL697" s="613"/>
      <c r="IRM697" s="613"/>
      <c r="IRN697" s="613"/>
      <c r="IRO697" s="613"/>
      <c r="IRP697" s="613"/>
      <c r="IRQ697" s="613"/>
      <c r="IRR697" s="613"/>
      <c r="IRS697" s="613"/>
      <c r="IRT697" s="613"/>
      <c r="IRU697" s="613"/>
      <c r="IRV697" s="613"/>
      <c r="IRW697" s="613"/>
      <c r="IRX697" s="613"/>
      <c r="IRY697" s="613"/>
      <c r="IRZ697" s="613"/>
      <c r="ISA697" s="613"/>
      <c r="ISB697" s="613"/>
      <c r="ISC697" s="613"/>
      <c r="ISD697" s="613"/>
      <c r="ISE697" s="613"/>
      <c r="ISF697" s="613"/>
      <c r="ISG697" s="613"/>
      <c r="ISH697" s="613"/>
      <c r="ISI697" s="613"/>
      <c r="ISJ697" s="613"/>
      <c r="ISK697" s="613"/>
      <c r="ISL697" s="613"/>
      <c r="ISM697" s="613"/>
      <c r="ISN697" s="613"/>
      <c r="ISO697" s="613"/>
      <c r="ISP697" s="613"/>
      <c r="ISQ697" s="613"/>
      <c r="ISR697" s="613"/>
      <c r="ISS697" s="613"/>
      <c r="IST697" s="613"/>
      <c r="ISU697" s="613"/>
      <c r="ISV697" s="613"/>
      <c r="ISW697" s="613"/>
      <c r="ISX697" s="613"/>
      <c r="ISY697" s="613"/>
      <c r="ISZ697" s="613"/>
      <c r="ITA697" s="613"/>
      <c r="ITB697" s="613"/>
      <c r="ITC697" s="613"/>
      <c r="ITD697" s="613"/>
      <c r="ITE697" s="613"/>
      <c r="ITF697" s="613"/>
      <c r="ITG697" s="613"/>
      <c r="ITH697" s="613"/>
      <c r="ITI697" s="613"/>
      <c r="ITJ697" s="613"/>
      <c r="ITK697" s="613"/>
      <c r="ITL697" s="613"/>
      <c r="ITM697" s="613"/>
      <c r="ITN697" s="613"/>
      <c r="ITO697" s="613"/>
      <c r="ITP697" s="613"/>
      <c r="ITQ697" s="613"/>
      <c r="ITR697" s="613"/>
      <c r="ITS697" s="613"/>
      <c r="ITT697" s="613"/>
      <c r="ITU697" s="613"/>
      <c r="ITV697" s="613"/>
      <c r="ITW697" s="613"/>
      <c r="ITX697" s="613"/>
      <c r="ITY697" s="613"/>
      <c r="ITZ697" s="613"/>
      <c r="IUA697" s="613"/>
      <c r="IUB697" s="613"/>
      <c r="IUC697" s="613"/>
      <c r="IUD697" s="613"/>
      <c r="IUE697" s="613"/>
      <c r="IUF697" s="613"/>
      <c r="IUG697" s="613"/>
      <c r="IUH697" s="613"/>
      <c r="IUI697" s="613"/>
      <c r="IUJ697" s="613"/>
      <c r="IUK697" s="613"/>
      <c r="IUL697" s="613"/>
      <c r="IUM697" s="613"/>
      <c r="IUN697" s="613"/>
      <c r="IUO697" s="613"/>
      <c r="IUP697" s="613"/>
      <c r="IUQ697" s="613"/>
      <c r="IUR697" s="613"/>
      <c r="IUS697" s="613"/>
      <c r="IUT697" s="613"/>
      <c r="IUU697" s="613"/>
      <c r="IUV697" s="613"/>
      <c r="IUW697" s="613"/>
      <c r="IUX697" s="613"/>
      <c r="IUY697" s="613"/>
      <c r="IUZ697" s="613"/>
      <c r="IVA697" s="613"/>
      <c r="IVB697" s="613"/>
      <c r="IVC697" s="613"/>
      <c r="IVD697" s="613"/>
      <c r="IVE697" s="613"/>
      <c r="IVF697" s="613"/>
      <c r="IVG697" s="613"/>
      <c r="IVH697" s="613"/>
      <c r="IVI697" s="613"/>
      <c r="IVJ697" s="613"/>
      <c r="IVK697" s="613"/>
      <c r="IVL697" s="613"/>
      <c r="IVM697" s="613"/>
      <c r="IVN697" s="613"/>
      <c r="IVO697" s="613"/>
      <c r="IVP697" s="613"/>
      <c r="IVQ697" s="613"/>
      <c r="IVR697" s="613"/>
      <c r="IVS697" s="613"/>
      <c r="IVT697" s="613"/>
      <c r="IVU697" s="613"/>
      <c r="IVV697" s="613"/>
      <c r="IVW697" s="613"/>
      <c r="IVX697" s="613"/>
      <c r="IVY697" s="613"/>
      <c r="IVZ697" s="613"/>
      <c r="IWA697" s="613"/>
      <c r="IWB697" s="613"/>
      <c r="IWC697" s="613"/>
      <c r="IWD697" s="613"/>
      <c r="IWE697" s="613"/>
      <c r="IWF697" s="613"/>
      <c r="IWG697" s="613"/>
      <c r="IWH697" s="613"/>
      <c r="IWI697" s="613"/>
      <c r="IWJ697" s="613"/>
      <c r="IWK697" s="613"/>
      <c r="IWL697" s="613"/>
      <c r="IWM697" s="613"/>
      <c r="IWN697" s="613"/>
      <c r="IWO697" s="613"/>
      <c r="IWP697" s="613"/>
      <c r="IWQ697" s="613"/>
      <c r="IWR697" s="613"/>
      <c r="IWS697" s="613"/>
      <c r="IWT697" s="613"/>
      <c r="IWU697" s="613"/>
      <c r="IWV697" s="613"/>
      <c r="IWW697" s="613"/>
      <c r="IWX697" s="613"/>
      <c r="IWY697" s="613"/>
      <c r="IWZ697" s="613"/>
      <c r="IXA697" s="613"/>
      <c r="IXB697" s="613"/>
      <c r="IXC697" s="613"/>
      <c r="IXD697" s="613"/>
      <c r="IXE697" s="613"/>
      <c r="IXF697" s="613"/>
      <c r="IXG697" s="613"/>
      <c r="IXH697" s="613"/>
      <c r="IXI697" s="613"/>
      <c r="IXJ697" s="613"/>
      <c r="IXK697" s="613"/>
      <c r="IXL697" s="613"/>
      <c r="IXM697" s="613"/>
      <c r="IXN697" s="613"/>
      <c r="IXO697" s="613"/>
      <c r="IXP697" s="613"/>
      <c r="IXQ697" s="613"/>
      <c r="IXR697" s="613"/>
      <c r="IXS697" s="613"/>
      <c r="IXT697" s="613"/>
      <c r="IXU697" s="613"/>
      <c r="IXV697" s="613"/>
      <c r="IXW697" s="613"/>
      <c r="IXX697" s="613"/>
      <c r="IXY697" s="613"/>
      <c r="IXZ697" s="613"/>
      <c r="IYA697" s="613"/>
      <c r="IYB697" s="613"/>
      <c r="IYC697" s="613"/>
      <c r="IYD697" s="613"/>
      <c r="IYE697" s="613"/>
      <c r="IYF697" s="613"/>
      <c r="IYG697" s="613"/>
      <c r="IYH697" s="613"/>
      <c r="IYI697" s="613"/>
      <c r="IYJ697" s="613"/>
      <c r="IYK697" s="613"/>
      <c r="IYL697" s="613"/>
      <c r="IYM697" s="613"/>
      <c r="IYN697" s="613"/>
      <c r="IYO697" s="613"/>
      <c r="IYP697" s="613"/>
      <c r="IYQ697" s="613"/>
      <c r="IYR697" s="613"/>
      <c r="IYS697" s="613"/>
      <c r="IYT697" s="613"/>
      <c r="IYU697" s="613"/>
      <c r="IYV697" s="613"/>
      <c r="IYW697" s="613"/>
      <c r="IYX697" s="613"/>
      <c r="IYY697" s="613"/>
      <c r="IYZ697" s="613"/>
      <c r="IZA697" s="613"/>
      <c r="IZB697" s="613"/>
      <c r="IZC697" s="613"/>
      <c r="IZD697" s="613"/>
      <c r="IZE697" s="613"/>
      <c r="IZF697" s="613"/>
      <c r="IZG697" s="613"/>
      <c r="IZH697" s="613"/>
      <c r="IZI697" s="613"/>
      <c r="IZJ697" s="613"/>
      <c r="IZK697" s="613"/>
      <c r="IZL697" s="613"/>
      <c r="IZM697" s="613"/>
      <c r="IZN697" s="613"/>
      <c r="IZO697" s="613"/>
      <c r="IZP697" s="613"/>
      <c r="IZQ697" s="613"/>
      <c r="IZR697" s="613"/>
      <c r="IZS697" s="613"/>
      <c r="IZT697" s="613"/>
      <c r="IZU697" s="613"/>
      <c r="IZV697" s="613"/>
      <c r="IZW697" s="613"/>
      <c r="IZX697" s="613"/>
      <c r="IZY697" s="613"/>
      <c r="IZZ697" s="613"/>
      <c r="JAA697" s="613"/>
      <c r="JAB697" s="613"/>
      <c r="JAC697" s="613"/>
      <c r="JAD697" s="613"/>
      <c r="JAE697" s="613"/>
      <c r="JAF697" s="613"/>
      <c r="JAG697" s="613"/>
      <c r="JAH697" s="613"/>
      <c r="JAI697" s="613"/>
      <c r="JAJ697" s="613"/>
      <c r="JAK697" s="613"/>
      <c r="JAL697" s="613"/>
      <c r="JAM697" s="613"/>
      <c r="JAN697" s="613"/>
      <c r="JAO697" s="613"/>
      <c r="JAP697" s="613"/>
      <c r="JAQ697" s="613"/>
      <c r="JAR697" s="613"/>
      <c r="JAS697" s="613"/>
      <c r="JAT697" s="613"/>
      <c r="JAU697" s="613"/>
      <c r="JAV697" s="613"/>
      <c r="JAW697" s="613"/>
      <c r="JAX697" s="613"/>
      <c r="JAY697" s="613"/>
      <c r="JAZ697" s="613"/>
      <c r="JBA697" s="613"/>
      <c r="JBB697" s="613"/>
      <c r="JBC697" s="613"/>
      <c r="JBD697" s="613"/>
      <c r="JBE697" s="613"/>
      <c r="JBF697" s="613"/>
      <c r="JBG697" s="613"/>
      <c r="JBH697" s="613"/>
      <c r="JBI697" s="613"/>
      <c r="JBJ697" s="613"/>
      <c r="JBK697" s="613"/>
      <c r="JBL697" s="613"/>
      <c r="JBM697" s="613"/>
      <c r="JBN697" s="613"/>
      <c r="JBO697" s="613"/>
      <c r="JBP697" s="613"/>
      <c r="JBQ697" s="613"/>
      <c r="JBR697" s="613"/>
      <c r="JBS697" s="613"/>
      <c r="JBT697" s="613"/>
      <c r="JBU697" s="613"/>
      <c r="JBV697" s="613"/>
      <c r="JBW697" s="613"/>
      <c r="JBX697" s="613"/>
      <c r="JBY697" s="613"/>
      <c r="JBZ697" s="613"/>
      <c r="JCA697" s="613"/>
      <c r="JCB697" s="613"/>
      <c r="JCC697" s="613"/>
      <c r="JCD697" s="613"/>
      <c r="JCE697" s="613"/>
      <c r="JCF697" s="613"/>
      <c r="JCG697" s="613"/>
      <c r="JCH697" s="613"/>
      <c r="JCI697" s="613"/>
      <c r="JCJ697" s="613"/>
      <c r="JCK697" s="613"/>
      <c r="JCL697" s="613"/>
      <c r="JCM697" s="613"/>
      <c r="JCN697" s="613"/>
      <c r="JCO697" s="613"/>
      <c r="JCP697" s="613"/>
      <c r="JCQ697" s="613"/>
      <c r="JCR697" s="613"/>
      <c r="JCS697" s="613"/>
      <c r="JCT697" s="613"/>
      <c r="JCU697" s="613"/>
      <c r="JCV697" s="613"/>
      <c r="JCW697" s="613"/>
      <c r="JCX697" s="613"/>
      <c r="JCY697" s="613"/>
      <c r="JCZ697" s="613"/>
      <c r="JDA697" s="613"/>
      <c r="JDB697" s="613"/>
      <c r="JDC697" s="613"/>
      <c r="JDD697" s="613"/>
      <c r="JDE697" s="613"/>
      <c r="JDF697" s="613"/>
      <c r="JDG697" s="613"/>
      <c r="JDH697" s="613"/>
      <c r="JDI697" s="613"/>
      <c r="JDJ697" s="613"/>
      <c r="JDK697" s="613"/>
      <c r="JDL697" s="613"/>
      <c r="JDM697" s="613"/>
      <c r="JDN697" s="613"/>
      <c r="JDO697" s="613"/>
      <c r="JDP697" s="613"/>
      <c r="JDQ697" s="613"/>
      <c r="JDR697" s="613"/>
      <c r="JDS697" s="613"/>
      <c r="JDT697" s="613"/>
      <c r="JDU697" s="613"/>
      <c r="JDV697" s="613"/>
      <c r="JDW697" s="613"/>
      <c r="JDX697" s="613"/>
      <c r="JDY697" s="613"/>
      <c r="JDZ697" s="613"/>
      <c r="JEA697" s="613"/>
      <c r="JEB697" s="613"/>
      <c r="JEC697" s="613"/>
      <c r="JED697" s="613"/>
      <c r="JEE697" s="613"/>
      <c r="JEF697" s="613"/>
      <c r="JEG697" s="613"/>
      <c r="JEH697" s="613"/>
      <c r="JEI697" s="613"/>
      <c r="JEJ697" s="613"/>
      <c r="JEK697" s="613"/>
      <c r="JEL697" s="613"/>
      <c r="JEM697" s="613"/>
      <c r="JEN697" s="613"/>
      <c r="JEO697" s="613"/>
      <c r="JEP697" s="613"/>
      <c r="JEQ697" s="613"/>
      <c r="JER697" s="613"/>
      <c r="JES697" s="613"/>
      <c r="JET697" s="613"/>
      <c r="JEU697" s="613"/>
      <c r="JEV697" s="613"/>
      <c r="JEW697" s="613"/>
      <c r="JEX697" s="613"/>
      <c r="JEY697" s="613"/>
      <c r="JEZ697" s="613"/>
      <c r="JFA697" s="613"/>
      <c r="JFB697" s="613"/>
      <c r="JFC697" s="613"/>
      <c r="JFD697" s="613"/>
      <c r="JFE697" s="613"/>
      <c r="JFF697" s="613"/>
      <c r="JFG697" s="613"/>
      <c r="JFH697" s="613"/>
      <c r="JFI697" s="613"/>
      <c r="JFJ697" s="613"/>
      <c r="JFK697" s="613"/>
      <c r="JFL697" s="613"/>
      <c r="JFM697" s="613"/>
      <c r="JFN697" s="613"/>
      <c r="JFO697" s="613"/>
      <c r="JFP697" s="613"/>
      <c r="JFQ697" s="613"/>
      <c r="JFR697" s="613"/>
      <c r="JFS697" s="613"/>
      <c r="JFT697" s="613"/>
      <c r="JFU697" s="613"/>
      <c r="JFV697" s="613"/>
      <c r="JFW697" s="613"/>
      <c r="JFX697" s="613"/>
      <c r="JFY697" s="613"/>
      <c r="JFZ697" s="613"/>
      <c r="JGA697" s="613"/>
      <c r="JGB697" s="613"/>
      <c r="JGC697" s="613"/>
      <c r="JGD697" s="613"/>
      <c r="JGE697" s="613"/>
      <c r="JGF697" s="613"/>
      <c r="JGG697" s="613"/>
      <c r="JGH697" s="613"/>
      <c r="JGI697" s="613"/>
      <c r="JGJ697" s="613"/>
      <c r="JGK697" s="613"/>
      <c r="JGL697" s="613"/>
      <c r="JGM697" s="613"/>
      <c r="JGN697" s="613"/>
      <c r="JGO697" s="613"/>
      <c r="JGP697" s="613"/>
      <c r="JGQ697" s="613"/>
      <c r="JGR697" s="613"/>
      <c r="JGS697" s="613"/>
      <c r="JGT697" s="613"/>
      <c r="JGU697" s="613"/>
      <c r="JGV697" s="613"/>
      <c r="JGW697" s="613"/>
      <c r="JGX697" s="613"/>
      <c r="JGY697" s="613"/>
      <c r="JGZ697" s="613"/>
      <c r="JHA697" s="613"/>
      <c r="JHB697" s="613"/>
      <c r="JHC697" s="613"/>
      <c r="JHD697" s="613"/>
      <c r="JHE697" s="613"/>
      <c r="JHF697" s="613"/>
      <c r="JHG697" s="613"/>
      <c r="JHH697" s="613"/>
      <c r="JHI697" s="613"/>
      <c r="JHJ697" s="613"/>
      <c r="JHK697" s="613"/>
      <c r="JHL697" s="613"/>
      <c r="JHM697" s="613"/>
      <c r="JHN697" s="613"/>
      <c r="JHO697" s="613"/>
      <c r="JHP697" s="613"/>
      <c r="JHQ697" s="613"/>
      <c r="JHR697" s="613"/>
      <c r="JHS697" s="613"/>
      <c r="JHT697" s="613"/>
      <c r="JHU697" s="613"/>
      <c r="JHV697" s="613"/>
      <c r="JHW697" s="613"/>
      <c r="JHX697" s="613"/>
      <c r="JHY697" s="613"/>
      <c r="JHZ697" s="613"/>
      <c r="JIA697" s="613"/>
      <c r="JIB697" s="613"/>
      <c r="JIC697" s="613"/>
      <c r="JID697" s="613"/>
      <c r="JIE697" s="613"/>
      <c r="JIF697" s="613"/>
      <c r="JIG697" s="613"/>
      <c r="JIH697" s="613"/>
      <c r="JII697" s="613"/>
      <c r="JIJ697" s="613"/>
      <c r="JIK697" s="613"/>
      <c r="JIL697" s="613"/>
      <c r="JIM697" s="613"/>
      <c r="JIN697" s="613"/>
      <c r="JIO697" s="613"/>
      <c r="JIP697" s="613"/>
      <c r="JIQ697" s="613"/>
      <c r="JIR697" s="613"/>
      <c r="JIS697" s="613"/>
      <c r="JIT697" s="613"/>
      <c r="JIU697" s="613"/>
      <c r="JIV697" s="613"/>
      <c r="JIW697" s="613"/>
      <c r="JIX697" s="613"/>
      <c r="JIY697" s="613"/>
      <c r="JIZ697" s="613"/>
      <c r="JJA697" s="613"/>
      <c r="JJB697" s="613"/>
      <c r="JJC697" s="613"/>
      <c r="JJD697" s="613"/>
      <c r="JJE697" s="613"/>
      <c r="JJF697" s="613"/>
      <c r="JJG697" s="613"/>
      <c r="JJH697" s="613"/>
      <c r="JJI697" s="613"/>
      <c r="JJJ697" s="613"/>
      <c r="JJK697" s="613"/>
      <c r="JJL697" s="613"/>
      <c r="JJM697" s="613"/>
      <c r="JJN697" s="613"/>
      <c r="JJO697" s="613"/>
      <c r="JJP697" s="613"/>
      <c r="JJQ697" s="613"/>
      <c r="JJR697" s="613"/>
      <c r="JJS697" s="613"/>
      <c r="JJT697" s="613"/>
      <c r="JJU697" s="613"/>
      <c r="JJV697" s="613"/>
      <c r="JJW697" s="613"/>
      <c r="JJX697" s="613"/>
      <c r="JJY697" s="613"/>
      <c r="JJZ697" s="613"/>
      <c r="JKA697" s="613"/>
      <c r="JKB697" s="613"/>
      <c r="JKC697" s="613"/>
      <c r="JKD697" s="613"/>
      <c r="JKE697" s="613"/>
      <c r="JKF697" s="613"/>
      <c r="JKG697" s="613"/>
      <c r="JKH697" s="613"/>
      <c r="JKI697" s="613"/>
      <c r="JKJ697" s="613"/>
      <c r="JKK697" s="613"/>
      <c r="JKL697" s="613"/>
      <c r="JKM697" s="613"/>
      <c r="JKN697" s="613"/>
      <c r="JKO697" s="613"/>
      <c r="JKP697" s="613"/>
      <c r="JKQ697" s="613"/>
      <c r="JKR697" s="613"/>
      <c r="JKS697" s="613"/>
      <c r="JKT697" s="613"/>
      <c r="JKU697" s="613"/>
      <c r="JKV697" s="613"/>
      <c r="JKW697" s="613"/>
      <c r="JKX697" s="613"/>
      <c r="JKY697" s="613"/>
      <c r="JKZ697" s="613"/>
      <c r="JLA697" s="613"/>
      <c r="JLB697" s="613"/>
      <c r="JLC697" s="613"/>
      <c r="JLD697" s="613"/>
      <c r="JLE697" s="613"/>
      <c r="JLF697" s="613"/>
      <c r="JLG697" s="613"/>
      <c r="JLH697" s="613"/>
      <c r="JLI697" s="613"/>
      <c r="JLJ697" s="613"/>
      <c r="JLK697" s="613"/>
      <c r="JLL697" s="613"/>
      <c r="JLM697" s="613"/>
      <c r="JLN697" s="613"/>
      <c r="JLO697" s="613"/>
      <c r="JLP697" s="613"/>
      <c r="JLQ697" s="613"/>
      <c r="JLR697" s="613"/>
      <c r="JLS697" s="613"/>
      <c r="JLT697" s="613"/>
      <c r="JLU697" s="613"/>
      <c r="JLV697" s="613"/>
      <c r="JLW697" s="613"/>
      <c r="JLX697" s="613"/>
      <c r="JLY697" s="613"/>
      <c r="JLZ697" s="613"/>
      <c r="JMA697" s="613"/>
      <c r="JMB697" s="613"/>
      <c r="JMC697" s="613"/>
      <c r="JMD697" s="613"/>
      <c r="JME697" s="613"/>
      <c r="JMF697" s="613"/>
      <c r="JMG697" s="613"/>
      <c r="JMH697" s="613"/>
      <c r="JMI697" s="613"/>
      <c r="JMJ697" s="613"/>
      <c r="JMK697" s="613"/>
      <c r="JML697" s="613"/>
      <c r="JMM697" s="613"/>
      <c r="JMN697" s="613"/>
      <c r="JMO697" s="613"/>
      <c r="JMP697" s="613"/>
      <c r="JMQ697" s="613"/>
      <c r="JMR697" s="613"/>
      <c r="JMS697" s="613"/>
      <c r="JMT697" s="613"/>
      <c r="JMU697" s="613"/>
      <c r="JMV697" s="613"/>
      <c r="JMW697" s="613"/>
      <c r="JMX697" s="613"/>
      <c r="JMY697" s="613"/>
      <c r="JMZ697" s="613"/>
      <c r="JNA697" s="613"/>
      <c r="JNB697" s="613"/>
      <c r="JNC697" s="613"/>
      <c r="JND697" s="613"/>
      <c r="JNE697" s="613"/>
      <c r="JNF697" s="613"/>
      <c r="JNG697" s="613"/>
      <c r="JNH697" s="613"/>
      <c r="JNI697" s="613"/>
      <c r="JNJ697" s="613"/>
      <c r="JNK697" s="613"/>
      <c r="JNL697" s="613"/>
      <c r="JNM697" s="613"/>
      <c r="JNN697" s="613"/>
      <c r="JNO697" s="613"/>
      <c r="JNP697" s="613"/>
      <c r="JNQ697" s="613"/>
      <c r="JNR697" s="613"/>
      <c r="JNS697" s="613"/>
      <c r="JNT697" s="613"/>
      <c r="JNU697" s="613"/>
      <c r="JNV697" s="613"/>
      <c r="JNW697" s="613"/>
      <c r="JNX697" s="613"/>
      <c r="JNY697" s="613"/>
      <c r="JNZ697" s="613"/>
      <c r="JOA697" s="613"/>
      <c r="JOB697" s="613"/>
      <c r="JOC697" s="613"/>
      <c r="JOD697" s="613"/>
      <c r="JOE697" s="613"/>
      <c r="JOF697" s="613"/>
      <c r="JOG697" s="613"/>
      <c r="JOH697" s="613"/>
      <c r="JOI697" s="613"/>
      <c r="JOJ697" s="613"/>
      <c r="JOK697" s="613"/>
      <c r="JOL697" s="613"/>
      <c r="JOM697" s="613"/>
      <c r="JON697" s="613"/>
      <c r="JOO697" s="613"/>
      <c r="JOP697" s="613"/>
      <c r="JOQ697" s="613"/>
      <c r="JOR697" s="613"/>
      <c r="JOS697" s="613"/>
      <c r="JOT697" s="613"/>
      <c r="JOU697" s="613"/>
      <c r="JOV697" s="613"/>
      <c r="JOW697" s="613"/>
      <c r="JOX697" s="613"/>
      <c r="JOY697" s="613"/>
      <c r="JOZ697" s="613"/>
      <c r="JPA697" s="613"/>
      <c r="JPB697" s="613"/>
      <c r="JPC697" s="613"/>
      <c r="JPD697" s="613"/>
      <c r="JPE697" s="613"/>
      <c r="JPF697" s="613"/>
      <c r="JPG697" s="613"/>
      <c r="JPH697" s="613"/>
      <c r="JPI697" s="613"/>
      <c r="JPJ697" s="613"/>
      <c r="JPK697" s="613"/>
      <c r="JPL697" s="613"/>
      <c r="JPM697" s="613"/>
      <c r="JPN697" s="613"/>
      <c r="JPO697" s="613"/>
      <c r="JPP697" s="613"/>
      <c r="JPQ697" s="613"/>
      <c r="JPR697" s="613"/>
      <c r="JPS697" s="613"/>
      <c r="JPT697" s="613"/>
      <c r="JPU697" s="613"/>
      <c r="JPV697" s="613"/>
      <c r="JPW697" s="613"/>
      <c r="JPX697" s="613"/>
      <c r="JPY697" s="613"/>
      <c r="JPZ697" s="613"/>
      <c r="JQA697" s="613"/>
      <c r="JQB697" s="613"/>
      <c r="JQC697" s="613"/>
      <c r="JQD697" s="613"/>
      <c r="JQE697" s="613"/>
      <c r="JQF697" s="613"/>
      <c r="JQG697" s="613"/>
      <c r="JQH697" s="613"/>
      <c r="JQI697" s="613"/>
      <c r="JQJ697" s="613"/>
      <c r="JQK697" s="613"/>
      <c r="JQL697" s="613"/>
      <c r="JQM697" s="613"/>
      <c r="JQN697" s="613"/>
      <c r="JQO697" s="613"/>
      <c r="JQP697" s="613"/>
      <c r="JQQ697" s="613"/>
      <c r="JQR697" s="613"/>
      <c r="JQS697" s="613"/>
      <c r="JQT697" s="613"/>
      <c r="JQU697" s="613"/>
      <c r="JQV697" s="613"/>
      <c r="JQW697" s="613"/>
      <c r="JQX697" s="613"/>
      <c r="JQY697" s="613"/>
      <c r="JQZ697" s="613"/>
      <c r="JRA697" s="613"/>
      <c r="JRB697" s="613"/>
      <c r="JRC697" s="613"/>
      <c r="JRD697" s="613"/>
      <c r="JRE697" s="613"/>
      <c r="JRF697" s="613"/>
      <c r="JRG697" s="613"/>
      <c r="JRH697" s="613"/>
      <c r="JRI697" s="613"/>
      <c r="JRJ697" s="613"/>
      <c r="JRK697" s="613"/>
      <c r="JRL697" s="613"/>
      <c r="JRM697" s="613"/>
      <c r="JRN697" s="613"/>
      <c r="JRO697" s="613"/>
      <c r="JRP697" s="613"/>
      <c r="JRQ697" s="613"/>
      <c r="JRR697" s="613"/>
      <c r="JRS697" s="613"/>
      <c r="JRT697" s="613"/>
      <c r="JRU697" s="613"/>
      <c r="JRV697" s="613"/>
      <c r="JRW697" s="613"/>
      <c r="JRX697" s="613"/>
      <c r="JRY697" s="613"/>
      <c r="JRZ697" s="613"/>
      <c r="JSA697" s="613"/>
      <c r="JSB697" s="613"/>
      <c r="JSC697" s="613"/>
      <c r="JSD697" s="613"/>
      <c r="JSE697" s="613"/>
      <c r="JSF697" s="613"/>
      <c r="JSG697" s="613"/>
      <c r="JSH697" s="613"/>
      <c r="JSI697" s="613"/>
      <c r="JSJ697" s="613"/>
      <c r="JSK697" s="613"/>
      <c r="JSL697" s="613"/>
      <c r="JSM697" s="613"/>
      <c r="JSN697" s="613"/>
      <c r="JSO697" s="613"/>
      <c r="JSP697" s="613"/>
      <c r="JSQ697" s="613"/>
      <c r="JSR697" s="613"/>
      <c r="JSS697" s="613"/>
      <c r="JST697" s="613"/>
      <c r="JSU697" s="613"/>
      <c r="JSV697" s="613"/>
      <c r="JSW697" s="613"/>
      <c r="JSX697" s="613"/>
      <c r="JSY697" s="613"/>
      <c r="JSZ697" s="613"/>
      <c r="JTA697" s="613"/>
      <c r="JTB697" s="613"/>
      <c r="JTC697" s="613"/>
      <c r="JTD697" s="613"/>
      <c r="JTE697" s="613"/>
      <c r="JTF697" s="613"/>
      <c r="JTG697" s="613"/>
      <c r="JTH697" s="613"/>
      <c r="JTI697" s="613"/>
      <c r="JTJ697" s="613"/>
      <c r="JTK697" s="613"/>
      <c r="JTL697" s="613"/>
      <c r="JTM697" s="613"/>
      <c r="JTN697" s="613"/>
      <c r="JTO697" s="613"/>
      <c r="JTP697" s="613"/>
      <c r="JTQ697" s="613"/>
      <c r="JTR697" s="613"/>
      <c r="JTS697" s="613"/>
      <c r="JTT697" s="613"/>
      <c r="JTU697" s="613"/>
      <c r="JTV697" s="613"/>
      <c r="JTW697" s="613"/>
      <c r="JTX697" s="613"/>
      <c r="JTY697" s="613"/>
      <c r="JTZ697" s="613"/>
      <c r="JUA697" s="613"/>
      <c r="JUB697" s="613"/>
      <c r="JUC697" s="613"/>
      <c r="JUD697" s="613"/>
      <c r="JUE697" s="613"/>
      <c r="JUF697" s="613"/>
      <c r="JUG697" s="613"/>
      <c r="JUH697" s="613"/>
      <c r="JUI697" s="613"/>
      <c r="JUJ697" s="613"/>
      <c r="JUK697" s="613"/>
      <c r="JUL697" s="613"/>
      <c r="JUM697" s="613"/>
      <c r="JUN697" s="613"/>
      <c r="JUO697" s="613"/>
      <c r="JUP697" s="613"/>
      <c r="JUQ697" s="613"/>
      <c r="JUR697" s="613"/>
      <c r="JUS697" s="613"/>
      <c r="JUT697" s="613"/>
      <c r="JUU697" s="613"/>
      <c r="JUV697" s="613"/>
      <c r="JUW697" s="613"/>
      <c r="JUX697" s="613"/>
      <c r="JUY697" s="613"/>
      <c r="JUZ697" s="613"/>
      <c r="JVA697" s="613"/>
      <c r="JVB697" s="613"/>
      <c r="JVC697" s="613"/>
      <c r="JVD697" s="613"/>
      <c r="JVE697" s="613"/>
      <c r="JVF697" s="613"/>
      <c r="JVG697" s="613"/>
      <c r="JVH697" s="613"/>
      <c r="JVI697" s="613"/>
      <c r="JVJ697" s="613"/>
      <c r="JVK697" s="613"/>
      <c r="JVL697" s="613"/>
      <c r="JVM697" s="613"/>
      <c r="JVN697" s="613"/>
      <c r="JVO697" s="613"/>
      <c r="JVP697" s="613"/>
      <c r="JVQ697" s="613"/>
      <c r="JVR697" s="613"/>
      <c r="JVS697" s="613"/>
      <c r="JVT697" s="613"/>
      <c r="JVU697" s="613"/>
      <c r="JVV697" s="613"/>
      <c r="JVW697" s="613"/>
      <c r="JVX697" s="613"/>
      <c r="JVY697" s="613"/>
      <c r="JVZ697" s="613"/>
      <c r="JWA697" s="613"/>
      <c r="JWB697" s="613"/>
      <c r="JWC697" s="613"/>
      <c r="JWD697" s="613"/>
      <c r="JWE697" s="613"/>
      <c r="JWF697" s="613"/>
      <c r="JWG697" s="613"/>
      <c r="JWH697" s="613"/>
      <c r="JWI697" s="613"/>
      <c r="JWJ697" s="613"/>
      <c r="JWK697" s="613"/>
      <c r="JWL697" s="613"/>
      <c r="JWM697" s="613"/>
      <c r="JWN697" s="613"/>
      <c r="JWO697" s="613"/>
      <c r="JWP697" s="613"/>
      <c r="JWQ697" s="613"/>
      <c r="JWR697" s="613"/>
      <c r="JWS697" s="613"/>
      <c r="JWT697" s="613"/>
      <c r="JWU697" s="613"/>
      <c r="JWV697" s="613"/>
      <c r="JWW697" s="613"/>
      <c r="JWX697" s="613"/>
      <c r="JWY697" s="613"/>
      <c r="JWZ697" s="613"/>
      <c r="JXA697" s="613"/>
      <c r="JXB697" s="613"/>
      <c r="JXC697" s="613"/>
      <c r="JXD697" s="613"/>
      <c r="JXE697" s="613"/>
      <c r="JXF697" s="613"/>
      <c r="JXG697" s="613"/>
      <c r="JXH697" s="613"/>
      <c r="JXI697" s="613"/>
      <c r="JXJ697" s="613"/>
      <c r="JXK697" s="613"/>
      <c r="JXL697" s="613"/>
      <c r="JXM697" s="613"/>
      <c r="JXN697" s="613"/>
      <c r="JXO697" s="613"/>
      <c r="JXP697" s="613"/>
      <c r="JXQ697" s="613"/>
      <c r="JXR697" s="613"/>
      <c r="JXS697" s="613"/>
      <c r="JXT697" s="613"/>
      <c r="JXU697" s="613"/>
      <c r="JXV697" s="613"/>
      <c r="JXW697" s="613"/>
      <c r="JXX697" s="613"/>
      <c r="JXY697" s="613"/>
      <c r="JXZ697" s="613"/>
      <c r="JYA697" s="613"/>
      <c r="JYB697" s="613"/>
      <c r="JYC697" s="613"/>
      <c r="JYD697" s="613"/>
      <c r="JYE697" s="613"/>
      <c r="JYF697" s="613"/>
      <c r="JYG697" s="613"/>
      <c r="JYH697" s="613"/>
      <c r="JYI697" s="613"/>
      <c r="JYJ697" s="613"/>
      <c r="JYK697" s="613"/>
      <c r="JYL697" s="613"/>
      <c r="JYM697" s="613"/>
      <c r="JYN697" s="613"/>
      <c r="JYO697" s="613"/>
      <c r="JYP697" s="613"/>
      <c r="JYQ697" s="613"/>
      <c r="JYR697" s="613"/>
      <c r="JYS697" s="613"/>
      <c r="JYT697" s="613"/>
      <c r="JYU697" s="613"/>
      <c r="JYV697" s="613"/>
      <c r="JYW697" s="613"/>
      <c r="JYX697" s="613"/>
      <c r="JYY697" s="613"/>
      <c r="JYZ697" s="613"/>
      <c r="JZA697" s="613"/>
      <c r="JZB697" s="613"/>
      <c r="JZC697" s="613"/>
      <c r="JZD697" s="613"/>
      <c r="JZE697" s="613"/>
      <c r="JZF697" s="613"/>
      <c r="JZG697" s="613"/>
      <c r="JZH697" s="613"/>
      <c r="JZI697" s="613"/>
      <c r="JZJ697" s="613"/>
      <c r="JZK697" s="613"/>
      <c r="JZL697" s="613"/>
      <c r="JZM697" s="613"/>
      <c r="JZN697" s="613"/>
      <c r="JZO697" s="613"/>
      <c r="JZP697" s="613"/>
      <c r="JZQ697" s="613"/>
      <c r="JZR697" s="613"/>
      <c r="JZS697" s="613"/>
      <c r="JZT697" s="613"/>
      <c r="JZU697" s="613"/>
      <c r="JZV697" s="613"/>
      <c r="JZW697" s="613"/>
      <c r="JZX697" s="613"/>
      <c r="JZY697" s="613"/>
      <c r="JZZ697" s="613"/>
      <c r="KAA697" s="613"/>
      <c r="KAB697" s="613"/>
      <c r="KAC697" s="613"/>
      <c r="KAD697" s="613"/>
      <c r="KAE697" s="613"/>
      <c r="KAF697" s="613"/>
      <c r="KAG697" s="613"/>
      <c r="KAH697" s="613"/>
      <c r="KAI697" s="613"/>
      <c r="KAJ697" s="613"/>
      <c r="KAK697" s="613"/>
      <c r="KAL697" s="613"/>
      <c r="KAM697" s="613"/>
      <c r="KAN697" s="613"/>
      <c r="KAO697" s="613"/>
      <c r="KAP697" s="613"/>
      <c r="KAQ697" s="613"/>
      <c r="KAR697" s="613"/>
      <c r="KAS697" s="613"/>
      <c r="KAT697" s="613"/>
      <c r="KAU697" s="613"/>
      <c r="KAV697" s="613"/>
      <c r="KAW697" s="613"/>
      <c r="KAX697" s="613"/>
      <c r="KAY697" s="613"/>
      <c r="KAZ697" s="613"/>
      <c r="KBA697" s="613"/>
      <c r="KBB697" s="613"/>
      <c r="KBC697" s="613"/>
      <c r="KBD697" s="613"/>
      <c r="KBE697" s="613"/>
      <c r="KBF697" s="613"/>
      <c r="KBG697" s="613"/>
      <c r="KBH697" s="613"/>
      <c r="KBI697" s="613"/>
      <c r="KBJ697" s="613"/>
      <c r="KBK697" s="613"/>
      <c r="KBL697" s="613"/>
      <c r="KBM697" s="613"/>
      <c r="KBN697" s="613"/>
      <c r="KBO697" s="613"/>
      <c r="KBP697" s="613"/>
      <c r="KBQ697" s="613"/>
      <c r="KBR697" s="613"/>
      <c r="KBS697" s="613"/>
      <c r="KBT697" s="613"/>
      <c r="KBU697" s="613"/>
      <c r="KBV697" s="613"/>
      <c r="KBW697" s="613"/>
      <c r="KBX697" s="613"/>
      <c r="KBY697" s="613"/>
      <c r="KBZ697" s="613"/>
      <c r="KCA697" s="613"/>
      <c r="KCB697" s="613"/>
      <c r="KCC697" s="613"/>
      <c r="KCD697" s="613"/>
      <c r="KCE697" s="613"/>
      <c r="KCF697" s="613"/>
      <c r="KCG697" s="613"/>
      <c r="KCH697" s="613"/>
      <c r="KCI697" s="613"/>
      <c r="KCJ697" s="613"/>
      <c r="KCK697" s="613"/>
      <c r="KCL697" s="613"/>
      <c r="KCM697" s="613"/>
      <c r="KCN697" s="613"/>
      <c r="KCO697" s="613"/>
      <c r="KCP697" s="613"/>
      <c r="KCQ697" s="613"/>
      <c r="KCR697" s="613"/>
      <c r="KCS697" s="613"/>
      <c r="KCT697" s="613"/>
      <c r="KCU697" s="613"/>
      <c r="KCV697" s="613"/>
      <c r="KCW697" s="613"/>
      <c r="KCX697" s="613"/>
      <c r="KCY697" s="613"/>
      <c r="KCZ697" s="613"/>
      <c r="KDA697" s="613"/>
      <c r="KDB697" s="613"/>
      <c r="KDC697" s="613"/>
      <c r="KDD697" s="613"/>
      <c r="KDE697" s="613"/>
      <c r="KDF697" s="613"/>
      <c r="KDG697" s="613"/>
      <c r="KDH697" s="613"/>
      <c r="KDI697" s="613"/>
      <c r="KDJ697" s="613"/>
      <c r="KDK697" s="613"/>
      <c r="KDL697" s="613"/>
      <c r="KDM697" s="613"/>
      <c r="KDN697" s="613"/>
      <c r="KDO697" s="613"/>
      <c r="KDP697" s="613"/>
      <c r="KDQ697" s="613"/>
      <c r="KDR697" s="613"/>
      <c r="KDS697" s="613"/>
      <c r="KDT697" s="613"/>
      <c r="KDU697" s="613"/>
      <c r="KDV697" s="613"/>
      <c r="KDW697" s="613"/>
      <c r="KDX697" s="613"/>
      <c r="KDY697" s="613"/>
      <c r="KDZ697" s="613"/>
      <c r="KEA697" s="613"/>
      <c r="KEB697" s="613"/>
      <c r="KEC697" s="613"/>
      <c r="KED697" s="613"/>
      <c r="KEE697" s="613"/>
      <c r="KEF697" s="613"/>
      <c r="KEG697" s="613"/>
      <c r="KEH697" s="613"/>
      <c r="KEI697" s="613"/>
      <c r="KEJ697" s="613"/>
      <c r="KEK697" s="613"/>
      <c r="KEL697" s="613"/>
      <c r="KEM697" s="613"/>
      <c r="KEN697" s="613"/>
      <c r="KEO697" s="613"/>
      <c r="KEP697" s="613"/>
      <c r="KEQ697" s="613"/>
      <c r="KER697" s="613"/>
      <c r="KES697" s="613"/>
      <c r="KET697" s="613"/>
      <c r="KEU697" s="613"/>
      <c r="KEV697" s="613"/>
      <c r="KEW697" s="613"/>
      <c r="KEX697" s="613"/>
      <c r="KEY697" s="613"/>
      <c r="KEZ697" s="613"/>
      <c r="KFA697" s="613"/>
      <c r="KFB697" s="613"/>
      <c r="KFC697" s="613"/>
      <c r="KFD697" s="613"/>
      <c r="KFE697" s="613"/>
      <c r="KFF697" s="613"/>
      <c r="KFG697" s="613"/>
      <c r="KFH697" s="613"/>
      <c r="KFI697" s="613"/>
      <c r="KFJ697" s="613"/>
      <c r="KFK697" s="613"/>
      <c r="KFL697" s="613"/>
      <c r="KFM697" s="613"/>
      <c r="KFN697" s="613"/>
      <c r="KFO697" s="613"/>
      <c r="KFP697" s="613"/>
      <c r="KFQ697" s="613"/>
      <c r="KFR697" s="613"/>
      <c r="KFS697" s="613"/>
      <c r="KFT697" s="613"/>
      <c r="KFU697" s="613"/>
      <c r="KFV697" s="613"/>
      <c r="KFW697" s="613"/>
      <c r="KFX697" s="613"/>
      <c r="KFY697" s="613"/>
      <c r="KFZ697" s="613"/>
      <c r="KGA697" s="613"/>
      <c r="KGB697" s="613"/>
      <c r="KGC697" s="613"/>
      <c r="KGD697" s="613"/>
      <c r="KGE697" s="613"/>
      <c r="KGF697" s="613"/>
      <c r="KGG697" s="613"/>
      <c r="KGH697" s="613"/>
      <c r="KGI697" s="613"/>
      <c r="KGJ697" s="613"/>
      <c r="KGK697" s="613"/>
      <c r="KGL697" s="613"/>
      <c r="KGM697" s="613"/>
      <c r="KGN697" s="613"/>
      <c r="KGO697" s="613"/>
      <c r="KGP697" s="613"/>
      <c r="KGQ697" s="613"/>
      <c r="KGR697" s="613"/>
      <c r="KGS697" s="613"/>
      <c r="KGT697" s="613"/>
      <c r="KGU697" s="613"/>
      <c r="KGV697" s="613"/>
      <c r="KGW697" s="613"/>
      <c r="KGX697" s="613"/>
      <c r="KGY697" s="613"/>
      <c r="KGZ697" s="613"/>
      <c r="KHA697" s="613"/>
      <c r="KHB697" s="613"/>
      <c r="KHC697" s="613"/>
      <c r="KHD697" s="613"/>
      <c r="KHE697" s="613"/>
      <c r="KHF697" s="613"/>
      <c r="KHG697" s="613"/>
      <c r="KHH697" s="613"/>
      <c r="KHI697" s="613"/>
      <c r="KHJ697" s="613"/>
      <c r="KHK697" s="613"/>
      <c r="KHL697" s="613"/>
      <c r="KHM697" s="613"/>
      <c r="KHN697" s="613"/>
      <c r="KHO697" s="613"/>
      <c r="KHP697" s="613"/>
      <c r="KHQ697" s="613"/>
      <c r="KHR697" s="613"/>
      <c r="KHS697" s="613"/>
      <c r="KHT697" s="613"/>
      <c r="KHU697" s="613"/>
      <c r="KHV697" s="613"/>
      <c r="KHW697" s="613"/>
      <c r="KHX697" s="613"/>
      <c r="KHY697" s="613"/>
      <c r="KHZ697" s="613"/>
      <c r="KIA697" s="613"/>
      <c r="KIB697" s="613"/>
      <c r="KIC697" s="613"/>
      <c r="KID697" s="613"/>
      <c r="KIE697" s="613"/>
      <c r="KIF697" s="613"/>
      <c r="KIG697" s="613"/>
      <c r="KIH697" s="613"/>
      <c r="KII697" s="613"/>
      <c r="KIJ697" s="613"/>
      <c r="KIK697" s="613"/>
      <c r="KIL697" s="613"/>
      <c r="KIM697" s="613"/>
      <c r="KIN697" s="613"/>
      <c r="KIO697" s="613"/>
      <c r="KIP697" s="613"/>
      <c r="KIQ697" s="613"/>
      <c r="KIR697" s="613"/>
      <c r="KIS697" s="613"/>
      <c r="KIT697" s="613"/>
      <c r="KIU697" s="613"/>
      <c r="KIV697" s="613"/>
      <c r="KIW697" s="613"/>
      <c r="KIX697" s="613"/>
      <c r="KIY697" s="613"/>
      <c r="KIZ697" s="613"/>
      <c r="KJA697" s="613"/>
      <c r="KJB697" s="613"/>
      <c r="KJC697" s="613"/>
      <c r="KJD697" s="613"/>
      <c r="KJE697" s="613"/>
      <c r="KJF697" s="613"/>
      <c r="KJG697" s="613"/>
      <c r="KJH697" s="613"/>
      <c r="KJI697" s="613"/>
      <c r="KJJ697" s="613"/>
      <c r="KJK697" s="613"/>
      <c r="KJL697" s="613"/>
      <c r="KJM697" s="613"/>
      <c r="KJN697" s="613"/>
      <c r="KJO697" s="613"/>
      <c r="KJP697" s="613"/>
      <c r="KJQ697" s="613"/>
      <c r="KJR697" s="613"/>
      <c r="KJS697" s="613"/>
      <c r="KJT697" s="613"/>
      <c r="KJU697" s="613"/>
      <c r="KJV697" s="613"/>
      <c r="KJW697" s="613"/>
      <c r="KJX697" s="613"/>
      <c r="KJY697" s="613"/>
      <c r="KJZ697" s="613"/>
      <c r="KKA697" s="613"/>
      <c r="KKB697" s="613"/>
      <c r="KKC697" s="613"/>
      <c r="KKD697" s="613"/>
      <c r="KKE697" s="613"/>
      <c r="KKF697" s="613"/>
      <c r="KKG697" s="613"/>
      <c r="KKH697" s="613"/>
      <c r="KKI697" s="613"/>
      <c r="KKJ697" s="613"/>
      <c r="KKK697" s="613"/>
      <c r="KKL697" s="613"/>
      <c r="KKM697" s="613"/>
      <c r="KKN697" s="613"/>
      <c r="KKO697" s="613"/>
      <c r="KKP697" s="613"/>
      <c r="KKQ697" s="613"/>
      <c r="KKR697" s="613"/>
      <c r="KKS697" s="613"/>
      <c r="KKT697" s="613"/>
      <c r="KKU697" s="613"/>
      <c r="KKV697" s="613"/>
      <c r="KKW697" s="613"/>
      <c r="KKX697" s="613"/>
      <c r="KKY697" s="613"/>
      <c r="KKZ697" s="613"/>
      <c r="KLA697" s="613"/>
      <c r="KLB697" s="613"/>
      <c r="KLC697" s="613"/>
      <c r="KLD697" s="613"/>
      <c r="KLE697" s="613"/>
      <c r="KLF697" s="613"/>
      <c r="KLG697" s="613"/>
      <c r="KLH697" s="613"/>
      <c r="KLI697" s="613"/>
      <c r="KLJ697" s="613"/>
      <c r="KLK697" s="613"/>
      <c r="KLL697" s="613"/>
      <c r="KLM697" s="613"/>
      <c r="KLN697" s="613"/>
      <c r="KLO697" s="613"/>
      <c r="KLP697" s="613"/>
      <c r="KLQ697" s="613"/>
      <c r="KLR697" s="613"/>
      <c r="KLS697" s="613"/>
      <c r="KLT697" s="613"/>
      <c r="KLU697" s="613"/>
      <c r="KLV697" s="613"/>
      <c r="KLW697" s="613"/>
      <c r="KLX697" s="613"/>
      <c r="KLY697" s="613"/>
      <c r="KLZ697" s="613"/>
      <c r="KMA697" s="613"/>
      <c r="KMB697" s="613"/>
      <c r="KMC697" s="613"/>
      <c r="KMD697" s="613"/>
      <c r="KME697" s="613"/>
      <c r="KMF697" s="613"/>
      <c r="KMG697" s="613"/>
      <c r="KMH697" s="613"/>
      <c r="KMI697" s="613"/>
      <c r="KMJ697" s="613"/>
      <c r="KMK697" s="613"/>
      <c r="KML697" s="613"/>
      <c r="KMM697" s="613"/>
      <c r="KMN697" s="613"/>
      <c r="KMO697" s="613"/>
      <c r="KMP697" s="613"/>
      <c r="KMQ697" s="613"/>
      <c r="KMR697" s="613"/>
      <c r="KMS697" s="613"/>
      <c r="KMT697" s="613"/>
      <c r="KMU697" s="613"/>
      <c r="KMV697" s="613"/>
      <c r="KMW697" s="613"/>
      <c r="KMX697" s="613"/>
      <c r="KMY697" s="613"/>
      <c r="KMZ697" s="613"/>
      <c r="KNA697" s="613"/>
      <c r="KNB697" s="613"/>
      <c r="KNC697" s="613"/>
      <c r="KND697" s="613"/>
      <c r="KNE697" s="613"/>
      <c r="KNF697" s="613"/>
      <c r="KNG697" s="613"/>
      <c r="KNH697" s="613"/>
      <c r="KNI697" s="613"/>
      <c r="KNJ697" s="613"/>
      <c r="KNK697" s="613"/>
      <c r="KNL697" s="613"/>
      <c r="KNM697" s="613"/>
      <c r="KNN697" s="613"/>
      <c r="KNO697" s="613"/>
      <c r="KNP697" s="613"/>
      <c r="KNQ697" s="613"/>
      <c r="KNR697" s="613"/>
      <c r="KNS697" s="613"/>
      <c r="KNT697" s="613"/>
      <c r="KNU697" s="613"/>
      <c r="KNV697" s="613"/>
      <c r="KNW697" s="613"/>
      <c r="KNX697" s="613"/>
      <c r="KNY697" s="613"/>
      <c r="KNZ697" s="613"/>
      <c r="KOA697" s="613"/>
      <c r="KOB697" s="613"/>
      <c r="KOC697" s="613"/>
      <c r="KOD697" s="613"/>
      <c r="KOE697" s="613"/>
      <c r="KOF697" s="613"/>
      <c r="KOG697" s="613"/>
      <c r="KOH697" s="613"/>
      <c r="KOI697" s="613"/>
      <c r="KOJ697" s="613"/>
      <c r="KOK697" s="613"/>
      <c r="KOL697" s="613"/>
      <c r="KOM697" s="613"/>
      <c r="KON697" s="613"/>
      <c r="KOO697" s="613"/>
      <c r="KOP697" s="613"/>
      <c r="KOQ697" s="613"/>
      <c r="KOR697" s="613"/>
      <c r="KOS697" s="613"/>
      <c r="KOT697" s="613"/>
      <c r="KOU697" s="613"/>
      <c r="KOV697" s="613"/>
      <c r="KOW697" s="613"/>
      <c r="KOX697" s="613"/>
      <c r="KOY697" s="613"/>
      <c r="KOZ697" s="613"/>
      <c r="KPA697" s="613"/>
      <c r="KPB697" s="613"/>
      <c r="KPC697" s="613"/>
      <c r="KPD697" s="613"/>
      <c r="KPE697" s="613"/>
      <c r="KPF697" s="613"/>
      <c r="KPG697" s="613"/>
      <c r="KPH697" s="613"/>
      <c r="KPI697" s="613"/>
      <c r="KPJ697" s="613"/>
      <c r="KPK697" s="613"/>
      <c r="KPL697" s="613"/>
      <c r="KPM697" s="613"/>
      <c r="KPN697" s="613"/>
      <c r="KPO697" s="613"/>
      <c r="KPP697" s="613"/>
      <c r="KPQ697" s="613"/>
      <c r="KPR697" s="613"/>
      <c r="KPS697" s="613"/>
      <c r="KPT697" s="613"/>
      <c r="KPU697" s="613"/>
      <c r="KPV697" s="613"/>
      <c r="KPW697" s="613"/>
      <c r="KPX697" s="613"/>
      <c r="KPY697" s="613"/>
      <c r="KPZ697" s="613"/>
      <c r="KQA697" s="613"/>
      <c r="KQB697" s="613"/>
      <c r="KQC697" s="613"/>
      <c r="KQD697" s="613"/>
      <c r="KQE697" s="613"/>
      <c r="KQF697" s="613"/>
      <c r="KQG697" s="613"/>
      <c r="KQH697" s="613"/>
      <c r="KQI697" s="613"/>
      <c r="KQJ697" s="613"/>
      <c r="KQK697" s="613"/>
      <c r="KQL697" s="613"/>
      <c r="KQM697" s="613"/>
      <c r="KQN697" s="613"/>
      <c r="KQO697" s="613"/>
      <c r="KQP697" s="613"/>
      <c r="KQQ697" s="613"/>
      <c r="KQR697" s="613"/>
      <c r="KQS697" s="613"/>
      <c r="KQT697" s="613"/>
      <c r="KQU697" s="613"/>
      <c r="KQV697" s="613"/>
      <c r="KQW697" s="613"/>
      <c r="KQX697" s="613"/>
      <c r="KQY697" s="613"/>
      <c r="KQZ697" s="613"/>
      <c r="KRA697" s="613"/>
      <c r="KRB697" s="613"/>
      <c r="KRC697" s="613"/>
      <c r="KRD697" s="613"/>
      <c r="KRE697" s="613"/>
      <c r="KRF697" s="613"/>
      <c r="KRG697" s="613"/>
      <c r="KRH697" s="613"/>
      <c r="KRI697" s="613"/>
      <c r="KRJ697" s="613"/>
      <c r="KRK697" s="613"/>
      <c r="KRL697" s="613"/>
      <c r="KRM697" s="613"/>
      <c r="KRN697" s="613"/>
      <c r="KRO697" s="613"/>
      <c r="KRP697" s="613"/>
      <c r="KRQ697" s="613"/>
      <c r="KRR697" s="613"/>
      <c r="KRS697" s="613"/>
      <c r="KRT697" s="613"/>
      <c r="KRU697" s="613"/>
      <c r="KRV697" s="613"/>
      <c r="KRW697" s="613"/>
      <c r="KRX697" s="613"/>
      <c r="KRY697" s="613"/>
      <c r="KRZ697" s="613"/>
      <c r="KSA697" s="613"/>
      <c r="KSB697" s="613"/>
      <c r="KSC697" s="613"/>
      <c r="KSD697" s="613"/>
      <c r="KSE697" s="613"/>
      <c r="KSF697" s="613"/>
      <c r="KSG697" s="613"/>
      <c r="KSH697" s="613"/>
      <c r="KSI697" s="613"/>
      <c r="KSJ697" s="613"/>
      <c r="KSK697" s="613"/>
      <c r="KSL697" s="613"/>
      <c r="KSM697" s="613"/>
      <c r="KSN697" s="613"/>
      <c r="KSO697" s="613"/>
      <c r="KSP697" s="613"/>
      <c r="KSQ697" s="613"/>
      <c r="KSR697" s="613"/>
      <c r="KSS697" s="613"/>
      <c r="KST697" s="613"/>
      <c r="KSU697" s="613"/>
      <c r="KSV697" s="613"/>
      <c r="KSW697" s="613"/>
      <c r="KSX697" s="613"/>
      <c r="KSY697" s="613"/>
      <c r="KSZ697" s="613"/>
      <c r="KTA697" s="613"/>
      <c r="KTB697" s="613"/>
      <c r="KTC697" s="613"/>
      <c r="KTD697" s="613"/>
      <c r="KTE697" s="613"/>
      <c r="KTF697" s="613"/>
      <c r="KTG697" s="613"/>
      <c r="KTH697" s="613"/>
      <c r="KTI697" s="613"/>
      <c r="KTJ697" s="613"/>
      <c r="KTK697" s="613"/>
      <c r="KTL697" s="613"/>
      <c r="KTM697" s="613"/>
      <c r="KTN697" s="613"/>
      <c r="KTO697" s="613"/>
      <c r="KTP697" s="613"/>
      <c r="KTQ697" s="613"/>
      <c r="KTR697" s="613"/>
      <c r="KTS697" s="613"/>
      <c r="KTT697" s="613"/>
      <c r="KTU697" s="613"/>
      <c r="KTV697" s="613"/>
      <c r="KTW697" s="613"/>
      <c r="KTX697" s="613"/>
      <c r="KTY697" s="613"/>
      <c r="KTZ697" s="613"/>
      <c r="KUA697" s="613"/>
      <c r="KUB697" s="613"/>
      <c r="KUC697" s="613"/>
      <c r="KUD697" s="613"/>
      <c r="KUE697" s="613"/>
      <c r="KUF697" s="613"/>
      <c r="KUG697" s="613"/>
      <c r="KUH697" s="613"/>
      <c r="KUI697" s="613"/>
      <c r="KUJ697" s="613"/>
      <c r="KUK697" s="613"/>
      <c r="KUL697" s="613"/>
      <c r="KUM697" s="613"/>
      <c r="KUN697" s="613"/>
      <c r="KUO697" s="613"/>
      <c r="KUP697" s="613"/>
      <c r="KUQ697" s="613"/>
      <c r="KUR697" s="613"/>
      <c r="KUS697" s="613"/>
      <c r="KUT697" s="613"/>
      <c r="KUU697" s="613"/>
      <c r="KUV697" s="613"/>
      <c r="KUW697" s="613"/>
      <c r="KUX697" s="613"/>
      <c r="KUY697" s="613"/>
      <c r="KUZ697" s="613"/>
      <c r="KVA697" s="613"/>
      <c r="KVB697" s="613"/>
      <c r="KVC697" s="613"/>
      <c r="KVD697" s="613"/>
      <c r="KVE697" s="613"/>
      <c r="KVF697" s="613"/>
      <c r="KVG697" s="613"/>
      <c r="KVH697" s="613"/>
      <c r="KVI697" s="613"/>
      <c r="KVJ697" s="613"/>
      <c r="KVK697" s="613"/>
      <c r="KVL697" s="613"/>
      <c r="KVM697" s="613"/>
      <c r="KVN697" s="613"/>
      <c r="KVO697" s="613"/>
      <c r="KVP697" s="613"/>
      <c r="KVQ697" s="613"/>
      <c r="KVR697" s="613"/>
      <c r="KVS697" s="613"/>
      <c r="KVT697" s="613"/>
      <c r="KVU697" s="613"/>
      <c r="KVV697" s="613"/>
      <c r="KVW697" s="613"/>
      <c r="KVX697" s="613"/>
      <c r="KVY697" s="613"/>
      <c r="KVZ697" s="613"/>
      <c r="KWA697" s="613"/>
      <c r="KWB697" s="613"/>
      <c r="KWC697" s="613"/>
      <c r="KWD697" s="613"/>
      <c r="KWE697" s="613"/>
      <c r="KWF697" s="613"/>
      <c r="KWG697" s="613"/>
      <c r="KWH697" s="613"/>
      <c r="KWI697" s="613"/>
      <c r="KWJ697" s="613"/>
      <c r="KWK697" s="613"/>
      <c r="KWL697" s="613"/>
      <c r="KWM697" s="613"/>
      <c r="KWN697" s="613"/>
      <c r="KWO697" s="613"/>
      <c r="KWP697" s="613"/>
      <c r="KWQ697" s="613"/>
      <c r="KWR697" s="613"/>
      <c r="KWS697" s="613"/>
      <c r="KWT697" s="613"/>
      <c r="KWU697" s="613"/>
      <c r="KWV697" s="613"/>
      <c r="KWW697" s="613"/>
      <c r="KWX697" s="613"/>
      <c r="KWY697" s="613"/>
      <c r="KWZ697" s="613"/>
      <c r="KXA697" s="613"/>
      <c r="KXB697" s="613"/>
      <c r="KXC697" s="613"/>
      <c r="KXD697" s="613"/>
      <c r="KXE697" s="613"/>
      <c r="KXF697" s="613"/>
      <c r="KXG697" s="613"/>
      <c r="KXH697" s="613"/>
      <c r="KXI697" s="613"/>
      <c r="KXJ697" s="613"/>
      <c r="KXK697" s="613"/>
      <c r="KXL697" s="613"/>
      <c r="KXM697" s="613"/>
      <c r="KXN697" s="613"/>
      <c r="KXO697" s="613"/>
      <c r="KXP697" s="613"/>
      <c r="KXQ697" s="613"/>
      <c r="KXR697" s="613"/>
      <c r="KXS697" s="613"/>
      <c r="KXT697" s="613"/>
      <c r="KXU697" s="613"/>
      <c r="KXV697" s="613"/>
      <c r="KXW697" s="613"/>
      <c r="KXX697" s="613"/>
      <c r="KXY697" s="613"/>
      <c r="KXZ697" s="613"/>
      <c r="KYA697" s="613"/>
      <c r="KYB697" s="613"/>
      <c r="KYC697" s="613"/>
      <c r="KYD697" s="613"/>
      <c r="KYE697" s="613"/>
      <c r="KYF697" s="613"/>
      <c r="KYG697" s="613"/>
      <c r="KYH697" s="613"/>
      <c r="KYI697" s="613"/>
      <c r="KYJ697" s="613"/>
      <c r="KYK697" s="613"/>
      <c r="KYL697" s="613"/>
      <c r="KYM697" s="613"/>
      <c r="KYN697" s="613"/>
      <c r="KYO697" s="613"/>
      <c r="KYP697" s="613"/>
      <c r="KYQ697" s="613"/>
      <c r="KYR697" s="613"/>
      <c r="KYS697" s="613"/>
      <c r="KYT697" s="613"/>
      <c r="KYU697" s="613"/>
      <c r="KYV697" s="613"/>
      <c r="KYW697" s="613"/>
      <c r="KYX697" s="613"/>
      <c r="KYY697" s="613"/>
      <c r="KYZ697" s="613"/>
      <c r="KZA697" s="613"/>
      <c r="KZB697" s="613"/>
      <c r="KZC697" s="613"/>
      <c r="KZD697" s="613"/>
      <c r="KZE697" s="613"/>
      <c r="KZF697" s="613"/>
      <c r="KZG697" s="613"/>
      <c r="KZH697" s="613"/>
      <c r="KZI697" s="613"/>
      <c r="KZJ697" s="613"/>
      <c r="KZK697" s="613"/>
      <c r="KZL697" s="613"/>
      <c r="KZM697" s="613"/>
      <c r="KZN697" s="613"/>
      <c r="KZO697" s="613"/>
      <c r="KZP697" s="613"/>
      <c r="KZQ697" s="613"/>
      <c r="KZR697" s="613"/>
      <c r="KZS697" s="613"/>
      <c r="KZT697" s="613"/>
      <c r="KZU697" s="613"/>
      <c r="KZV697" s="613"/>
      <c r="KZW697" s="613"/>
      <c r="KZX697" s="613"/>
      <c r="KZY697" s="613"/>
      <c r="KZZ697" s="613"/>
      <c r="LAA697" s="613"/>
      <c r="LAB697" s="613"/>
      <c r="LAC697" s="613"/>
      <c r="LAD697" s="613"/>
      <c r="LAE697" s="613"/>
      <c r="LAF697" s="613"/>
      <c r="LAG697" s="613"/>
      <c r="LAH697" s="613"/>
      <c r="LAI697" s="613"/>
      <c r="LAJ697" s="613"/>
      <c r="LAK697" s="613"/>
      <c r="LAL697" s="613"/>
      <c r="LAM697" s="613"/>
      <c r="LAN697" s="613"/>
      <c r="LAO697" s="613"/>
      <c r="LAP697" s="613"/>
      <c r="LAQ697" s="613"/>
      <c r="LAR697" s="613"/>
      <c r="LAS697" s="613"/>
      <c r="LAT697" s="613"/>
      <c r="LAU697" s="613"/>
      <c r="LAV697" s="613"/>
      <c r="LAW697" s="613"/>
      <c r="LAX697" s="613"/>
      <c r="LAY697" s="613"/>
      <c r="LAZ697" s="613"/>
      <c r="LBA697" s="613"/>
      <c r="LBB697" s="613"/>
      <c r="LBC697" s="613"/>
      <c r="LBD697" s="613"/>
      <c r="LBE697" s="613"/>
      <c r="LBF697" s="613"/>
      <c r="LBG697" s="613"/>
      <c r="LBH697" s="613"/>
      <c r="LBI697" s="613"/>
      <c r="LBJ697" s="613"/>
      <c r="LBK697" s="613"/>
      <c r="LBL697" s="613"/>
      <c r="LBM697" s="613"/>
      <c r="LBN697" s="613"/>
      <c r="LBO697" s="613"/>
      <c r="LBP697" s="613"/>
      <c r="LBQ697" s="613"/>
      <c r="LBR697" s="613"/>
      <c r="LBS697" s="613"/>
      <c r="LBT697" s="613"/>
      <c r="LBU697" s="613"/>
      <c r="LBV697" s="613"/>
      <c r="LBW697" s="613"/>
      <c r="LBX697" s="613"/>
      <c r="LBY697" s="613"/>
      <c r="LBZ697" s="613"/>
      <c r="LCA697" s="613"/>
      <c r="LCB697" s="613"/>
      <c r="LCC697" s="613"/>
      <c r="LCD697" s="613"/>
      <c r="LCE697" s="613"/>
      <c r="LCF697" s="613"/>
      <c r="LCG697" s="613"/>
      <c r="LCH697" s="613"/>
      <c r="LCI697" s="613"/>
      <c r="LCJ697" s="613"/>
      <c r="LCK697" s="613"/>
      <c r="LCL697" s="613"/>
      <c r="LCM697" s="613"/>
      <c r="LCN697" s="613"/>
      <c r="LCO697" s="613"/>
      <c r="LCP697" s="613"/>
      <c r="LCQ697" s="613"/>
      <c r="LCR697" s="613"/>
      <c r="LCS697" s="613"/>
      <c r="LCT697" s="613"/>
      <c r="LCU697" s="613"/>
      <c r="LCV697" s="613"/>
      <c r="LCW697" s="613"/>
      <c r="LCX697" s="613"/>
      <c r="LCY697" s="613"/>
      <c r="LCZ697" s="613"/>
      <c r="LDA697" s="613"/>
      <c r="LDB697" s="613"/>
      <c r="LDC697" s="613"/>
      <c r="LDD697" s="613"/>
      <c r="LDE697" s="613"/>
      <c r="LDF697" s="613"/>
      <c r="LDG697" s="613"/>
      <c r="LDH697" s="613"/>
      <c r="LDI697" s="613"/>
      <c r="LDJ697" s="613"/>
      <c r="LDK697" s="613"/>
      <c r="LDL697" s="613"/>
      <c r="LDM697" s="613"/>
      <c r="LDN697" s="613"/>
      <c r="LDO697" s="613"/>
      <c r="LDP697" s="613"/>
      <c r="LDQ697" s="613"/>
      <c r="LDR697" s="613"/>
      <c r="LDS697" s="613"/>
      <c r="LDT697" s="613"/>
      <c r="LDU697" s="613"/>
      <c r="LDV697" s="613"/>
      <c r="LDW697" s="613"/>
      <c r="LDX697" s="613"/>
      <c r="LDY697" s="613"/>
      <c r="LDZ697" s="613"/>
      <c r="LEA697" s="613"/>
      <c r="LEB697" s="613"/>
      <c r="LEC697" s="613"/>
      <c r="LED697" s="613"/>
      <c r="LEE697" s="613"/>
      <c r="LEF697" s="613"/>
      <c r="LEG697" s="613"/>
      <c r="LEH697" s="613"/>
      <c r="LEI697" s="613"/>
      <c r="LEJ697" s="613"/>
      <c r="LEK697" s="613"/>
      <c r="LEL697" s="613"/>
      <c r="LEM697" s="613"/>
      <c r="LEN697" s="613"/>
      <c r="LEO697" s="613"/>
      <c r="LEP697" s="613"/>
      <c r="LEQ697" s="613"/>
      <c r="LER697" s="613"/>
      <c r="LES697" s="613"/>
      <c r="LET697" s="613"/>
      <c r="LEU697" s="613"/>
      <c r="LEV697" s="613"/>
      <c r="LEW697" s="613"/>
      <c r="LEX697" s="613"/>
      <c r="LEY697" s="613"/>
      <c r="LEZ697" s="613"/>
      <c r="LFA697" s="613"/>
      <c r="LFB697" s="613"/>
      <c r="LFC697" s="613"/>
      <c r="LFD697" s="613"/>
      <c r="LFE697" s="613"/>
      <c r="LFF697" s="613"/>
      <c r="LFG697" s="613"/>
      <c r="LFH697" s="613"/>
      <c r="LFI697" s="613"/>
      <c r="LFJ697" s="613"/>
      <c r="LFK697" s="613"/>
      <c r="LFL697" s="613"/>
      <c r="LFM697" s="613"/>
      <c r="LFN697" s="613"/>
      <c r="LFO697" s="613"/>
      <c r="LFP697" s="613"/>
      <c r="LFQ697" s="613"/>
      <c r="LFR697" s="613"/>
      <c r="LFS697" s="613"/>
      <c r="LFT697" s="613"/>
      <c r="LFU697" s="613"/>
      <c r="LFV697" s="613"/>
      <c r="LFW697" s="613"/>
      <c r="LFX697" s="613"/>
      <c r="LFY697" s="613"/>
      <c r="LFZ697" s="613"/>
      <c r="LGA697" s="613"/>
      <c r="LGB697" s="613"/>
      <c r="LGC697" s="613"/>
      <c r="LGD697" s="613"/>
      <c r="LGE697" s="613"/>
      <c r="LGF697" s="613"/>
      <c r="LGG697" s="613"/>
      <c r="LGH697" s="613"/>
      <c r="LGI697" s="613"/>
      <c r="LGJ697" s="613"/>
      <c r="LGK697" s="613"/>
      <c r="LGL697" s="613"/>
      <c r="LGM697" s="613"/>
      <c r="LGN697" s="613"/>
      <c r="LGO697" s="613"/>
      <c r="LGP697" s="613"/>
      <c r="LGQ697" s="613"/>
      <c r="LGR697" s="613"/>
      <c r="LGS697" s="613"/>
      <c r="LGT697" s="613"/>
      <c r="LGU697" s="613"/>
      <c r="LGV697" s="613"/>
      <c r="LGW697" s="613"/>
      <c r="LGX697" s="613"/>
      <c r="LGY697" s="613"/>
      <c r="LGZ697" s="613"/>
      <c r="LHA697" s="613"/>
      <c r="LHB697" s="613"/>
      <c r="LHC697" s="613"/>
      <c r="LHD697" s="613"/>
      <c r="LHE697" s="613"/>
      <c r="LHF697" s="613"/>
      <c r="LHG697" s="613"/>
      <c r="LHH697" s="613"/>
      <c r="LHI697" s="613"/>
      <c r="LHJ697" s="613"/>
      <c r="LHK697" s="613"/>
      <c r="LHL697" s="613"/>
      <c r="LHM697" s="613"/>
      <c r="LHN697" s="613"/>
      <c r="LHO697" s="613"/>
      <c r="LHP697" s="613"/>
      <c r="LHQ697" s="613"/>
      <c r="LHR697" s="613"/>
      <c r="LHS697" s="613"/>
      <c r="LHT697" s="613"/>
      <c r="LHU697" s="613"/>
      <c r="LHV697" s="613"/>
      <c r="LHW697" s="613"/>
      <c r="LHX697" s="613"/>
      <c r="LHY697" s="613"/>
      <c r="LHZ697" s="613"/>
      <c r="LIA697" s="613"/>
      <c r="LIB697" s="613"/>
      <c r="LIC697" s="613"/>
      <c r="LID697" s="613"/>
      <c r="LIE697" s="613"/>
      <c r="LIF697" s="613"/>
      <c r="LIG697" s="613"/>
      <c r="LIH697" s="613"/>
      <c r="LII697" s="613"/>
      <c r="LIJ697" s="613"/>
      <c r="LIK697" s="613"/>
      <c r="LIL697" s="613"/>
      <c r="LIM697" s="613"/>
      <c r="LIN697" s="613"/>
      <c r="LIO697" s="613"/>
      <c r="LIP697" s="613"/>
      <c r="LIQ697" s="613"/>
      <c r="LIR697" s="613"/>
      <c r="LIS697" s="613"/>
      <c r="LIT697" s="613"/>
      <c r="LIU697" s="613"/>
      <c r="LIV697" s="613"/>
      <c r="LIW697" s="613"/>
      <c r="LIX697" s="613"/>
      <c r="LIY697" s="613"/>
      <c r="LIZ697" s="613"/>
      <c r="LJA697" s="613"/>
      <c r="LJB697" s="613"/>
      <c r="LJC697" s="613"/>
      <c r="LJD697" s="613"/>
      <c r="LJE697" s="613"/>
      <c r="LJF697" s="613"/>
      <c r="LJG697" s="613"/>
      <c r="LJH697" s="613"/>
      <c r="LJI697" s="613"/>
      <c r="LJJ697" s="613"/>
      <c r="LJK697" s="613"/>
      <c r="LJL697" s="613"/>
      <c r="LJM697" s="613"/>
      <c r="LJN697" s="613"/>
      <c r="LJO697" s="613"/>
      <c r="LJP697" s="613"/>
      <c r="LJQ697" s="613"/>
      <c r="LJR697" s="613"/>
      <c r="LJS697" s="613"/>
      <c r="LJT697" s="613"/>
      <c r="LJU697" s="613"/>
      <c r="LJV697" s="613"/>
      <c r="LJW697" s="613"/>
      <c r="LJX697" s="613"/>
      <c r="LJY697" s="613"/>
      <c r="LJZ697" s="613"/>
      <c r="LKA697" s="613"/>
      <c r="LKB697" s="613"/>
      <c r="LKC697" s="613"/>
      <c r="LKD697" s="613"/>
      <c r="LKE697" s="613"/>
      <c r="LKF697" s="613"/>
      <c r="LKG697" s="613"/>
      <c r="LKH697" s="613"/>
      <c r="LKI697" s="613"/>
      <c r="LKJ697" s="613"/>
      <c r="LKK697" s="613"/>
      <c r="LKL697" s="613"/>
      <c r="LKM697" s="613"/>
      <c r="LKN697" s="613"/>
      <c r="LKO697" s="613"/>
      <c r="LKP697" s="613"/>
      <c r="LKQ697" s="613"/>
      <c r="LKR697" s="613"/>
      <c r="LKS697" s="613"/>
      <c r="LKT697" s="613"/>
      <c r="LKU697" s="613"/>
      <c r="LKV697" s="613"/>
      <c r="LKW697" s="613"/>
      <c r="LKX697" s="613"/>
      <c r="LKY697" s="613"/>
      <c r="LKZ697" s="613"/>
      <c r="LLA697" s="613"/>
      <c r="LLB697" s="613"/>
      <c r="LLC697" s="613"/>
      <c r="LLD697" s="613"/>
      <c r="LLE697" s="613"/>
      <c r="LLF697" s="613"/>
      <c r="LLG697" s="613"/>
      <c r="LLH697" s="613"/>
      <c r="LLI697" s="613"/>
      <c r="LLJ697" s="613"/>
      <c r="LLK697" s="613"/>
      <c r="LLL697" s="613"/>
      <c r="LLM697" s="613"/>
      <c r="LLN697" s="613"/>
      <c r="LLO697" s="613"/>
      <c r="LLP697" s="613"/>
      <c r="LLQ697" s="613"/>
      <c r="LLR697" s="613"/>
      <c r="LLS697" s="613"/>
      <c r="LLT697" s="613"/>
      <c r="LLU697" s="613"/>
      <c r="LLV697" s="613"/>
      <c r="LLW697" s="613"/>
      <c r="LLX697" s="613"/>
      <c r="LLY697" s="613"/>
      <c r="LLZ697" s="613"/>
      <c r="LMA697" s="613"/>
      <c r="LMB697" s="613"/>
      <c r="LMC697" s="613"/>
      <c r="LMD697" s="613"/>
      <c r="LME697" s="613"/>
      <c r="LMF697" s="613"/>
      <c r="LMG697" s="613"/>
      <c r="LMH697" s="613"/>
      <c r="LMI697" s="613"/>
      <c r="LMJ697" s="613"/>
      <c r="LMK697" s="613"/>
      <c r="LML697" s="613"/>
      <c r="LMM697" s="613"/>
      <c r="LMN697" s="613"/>
      <c r="LMO697" s="613"/>
      <c r="LMP697" s="613"/>
      <c r="LMQ697" s="613"/>
      <c r="LMR697" s="613"/>
      <c r="LMS697" s="613"/>
      <c r="LMT697" s="613"/>
      <c r="LMU697" s="613"/>
      <c r="LMV697" s="613"/>
      <c r="LMW697" s="613"/>
      <c r="LMX697" s="613"/>
      <c r="LMY697" s="613"/>
      <c r="LMZ697" s="613"/>
      <c r="LNA697" s="613"/>
      <c r="LNB697" s="613"/>
      <c r="LNC697" s="613"/>
      <c r="LND697" s="613"/>
      <c r="LNE697" s="613"/>
      <c r="LNF697" s="613"/>
      <c r="LNG697" s="613"/>
      <c r="LNH697" s="613"/>
      <c r="LNI697" s="613"/>
      <c r="LNJ697" s="613"/>
      <c r="LNK697" s="613"/>
      <c r="LNL697" s="613"/>
      <c r="LNM697" s="613"/>
      <c r="LNN697" s="613"/>
      <c r="LNO697" s="613"/>
      <c r="LNP697" s="613"/>
      <c r="LNQ697" s="613"/>
      <c r="LNR697" s="613"/>
      <c r="LNS697" s="613"/>
      <c r="LNT697" s="613"/>
      <c r="LNU697" s="613"/>
      <c r="LNV697" s="613"/>
      <c r="LNW697" s="613"/>
      <c r="LNX697" s="613"/>
      <c r="LNY697" s="613"/>
      <c r="LNZ697" s="613"/>
      <c r="LOA697" s="613"/>
      <c r="LOB697" s="613"/>
      <c r="LOC697" s="613"/>
      <c r="LOD697" s="613"/>
      <c r="LOE697" s="613"/>
      <c r="LOF697" s="613"/>
      <c r="LOG697" s="613"/>
      <c r="LOH697" s="613"/>
      <c r="LOI697" s="613"/>
      <c r="LOJ697" s="613"/>
      <c r="LOK697" s="613"/>
      <c r="LOL697" s="613"/>
      <c r="LOM697" s="613"/>
      <c r="LON697" s="613"/>
      <c r="LOO697" s="613"/>
      <c r="LOP697" s="613"/>
      <c r="LOQ697" s="613"/>
      <c r="LOR697" s="613"/>
      <c r="LOS697" s="613"/>
      <c r="LOT697" s="613"/>
      <c r="LOU697" s="613"/>
      <c r="LOV697" s="613"/>
      <c r="LOW697" s="613"/>
      <c r="LOX697" s="613"/>
      <c r="LOY697" s="613"/>
      <c r="LOZ697" s="613"/>
      <c r="LPA697" s="613"/>
      <c r="LPB697" s="613"/>
      <c r="LPC697" s="613"/>
      <c r="LPD697" s="613"/>
      <c r="LPE697" s="613"/>
      <c r="LPF697" s="613"/>
      <c r="LPG697" s="613"/>
      <c r="LPH697" s="613"/>
      <c r="LPI697" s="613"/>
      <c r="LPJ697" s="613"/>
      <c r="LPK697" s="613"/>
      <c r="LPL697" s="613"/>
      <c r="LPM697" s="613"/>
      <c r="LPN697" s="613"/>
      <c r="LPO697" s="613"/>
      <c r="LPP697" s="613"/>
      <c r="LPQ697" s="613"/>
      <c r="LPR697" s="613"/>
      <c r="LPS697" s="613"/>
      <c r="LPT697" s="613"/>
      <c r="LPU697" s="613"/>
      <c r="LPV697" s="613"/>
      <c r="LPW697" s="613"/>
      <c r="LPX697" s="613"/>
      <c r="LPY697" s="613"/>
      <c r="LPZ697" s="613"/>
      <c r="LQA697" s="613"/>
      <c r="LQB697" s="613"/>
      <c r="LQC697" s="613"/>
      <c r="LQD697" s="613"/>
      <c r="LQE697" s="613"/>
      <c r="LQF697" s="613"/>
      <c r="LQG697" s="613"/>
      <c r="LQH697" s="613"/>
      <c r="LQI697" s="613"/>
      <c r="LQJ697" s="613"/>
      <c r="LQK697" s="613"/>
      <c r="LQL697" s="613"/>
      <c r="LQM697" s="613"/>
      <c r="LQN697" s="613"/>
      <c r="LQO697" s="613"/>
      <c r="LQP697" s="613"/>
      <c r="LQQ697" s="613"/>
      <c r="LQR697" s="613"/>
      <c r="LQS697" s="613"/>
      <c r="LQT697" s="613"/>
      <c r="LQU697" s="613"/>
      <c r="LQV697" s="613"/>
      <c r="LQW697" s="613"/>
      <c r="LQX697" s="613"/>
      <c r="LQY697" s="613"/>
      <c r="LQZ697" s="613"/>
      <c r="LRA697" s="613"/>
      <c r="LRB697" s="613"/>
      <c r="LRC697" s="613"/>
      <c r="LRD697" s="613"/>
      <c r="LRE697" s="613"/>
      <c r="LRF697" s="613"/>
      <c r="LRG697" s="613"/>
      <c r="LRH697" s="613"/>
      <c r="LRI697" s="613"/>
      <c r="LRJ697" s="613"/>
      <c r="LRK697" s="613"/>
      <c r="LRL697" s="613"/>
      <c r="LRM697" s="613"/>
      <c r="LRN697" s="613"/>
      <c r="LRO697" s="613"/>
      <c r="LRP697" s="613"/>
      <c r="LRQ697" s="613"/>
      <c r="LRR697" s="613"/>
      <c r="LRS697" s="613"/>
      <c r="LRT697" s="613"/>
      <c r="LRU697" s="613"/>
      <c r="LRV697" s="613"/>
      <c r="LRW697" s="613"/>
      <c r="LRX697" s="613"/>
      <c r="LRY697" s="613"/>
      <c r="LRZ697" s="613"/>
      <c r="LSA697" s="613"/>
      <c r="LSB697" s="613"/>
      <c r="LSC697" s="613"/>
      <c r="LSD697" s="613"/>
      <c r="LSE697" s="613"/>
      <c r="LSF697" s="613"/>
      <c r="LSG697" s="613"/>
      <c r="LSH697" s="613"/>
      <c r="LSI697" s="613"/>
      <c r="LSJ697" s="613"/>
      <c r="LSK697" s="613"/>
      <c r="LSL697" s="613"/>
      <c r="LSM697" s="613"/>
      <c r="LSN697" s="613"/>
      <c r="LSO697" s="613"/>
      <c r="LSP697" s="613"/>
      <c r="LSQ697" s="613"/>
      <c r="LSR697" s="613"/>
      <c r="LSS697" s="613"/>
      <c r="LST697" s="613"/>
      <c r="LSU697" s="613"/>
      <c r="LSV697" s="613"/>
      <c r="LSW697" s="613"/>
      <c r="LSX697" s="613"/>
      <c r="LSY697" s="613"/>
      <c r="LSZ697" s="613"/>
      <c r="LTA697" s="613"/>
      <c r="LTB697" s="613"/>
      <c r="LTC697" s="613"/>
      <c r="LTD697" s="613"/>
      <c r="LTE697" s="613"/>
      <c r="LTF697" s="613"/>
      <c r="LTG697" s="613"/>
      <c r="LTH697" s="613"/>
      <c r="LTI697" s="613"/>
      <c r="LTJ697" s="613"/>
      <c r="LTK697" s="613"/>
      <c r="LTL697" s="613"/>
      <c r="LTM697" s="613"/>
      <c r="LTN697" s="613"/>
      <c r="LTO697" s="613"/>
      <c r="LTP697" s="613"/>
      <c r="LTQ697" s="613"/>
      <c r="LTR697" s="613"/>
      <c r="LTS697" s="613"/>
      <c r="LTT697" s="613"/>
      <c r="LTU697" s="613"/>
      <c r="LTV697" s="613"/>
      <c r="LTW697" s="613"/>
      <c r="LTX697" s="613"/>
      <c r="LTY697" s="613"/>
      <c r="LTZ697" s="613"/>
      <c r="LUA697" s="613"/>
      <c r="LUB697" s="613"/>
      <c r="LUC697" s="613"/>
      <c r="LUD697" s="613"/>
      <c r="LUE697" s="613"/>
      <c r="LUF697" s="613"/>
      <c r="LUG697" s="613"/>
      <c r="LUH697" s="613"/>
      <c r="LUI697" s="613"/>
      <c r="LUJ697" s="613"/>
      <c r="LUK697" s="613"/>
      <c r="LUL697" s="613"/>
      <c r="LUM697" s="613"/>
      <c r="LUN697" s="613"/>
      <c r="LUO697" s="613"/>
      <c r="LUP697" s="613"/>
      <c r="LUQ697" s="613"/>
      <c r="LUR697" s="613"/>
      <c r="LUS697" s="613"/>
      <c r="LUT697" s="613"/>
      <c r="LUU697" s="613"/>
      <c r="LUV697" s="613"/>
      <c r="LUW697" s="613"/>
      <c r="LUX697" s="613"/>
      <c r="LUY697" s="613"/>
      <c r="LUZ697" s="613"/>
      <c r="LVA697" s="613"/>
      <c r="LVB697" s="613"/>
      <c r="LVC697" s="613"/>
      <c r="LVD697" s="613"/>
      <c r="LVE697" s="613"/>
      <c r="LVF697" s="613"/>
      <c r="LVG697" s="613"/>
      <c r="LVH697" s="613"/>
      <c r="LVI697" s="613"/>
      <c r="LVJ697" s="613"/>
      <c r="LVK697" s="613"/>
      <c r="LVL697" s="613"/>
      <c r="LVM697" s="613"/>
      <c r="LVN697" s="613"/>
      <c r="LVO697" s="613"/>
      <c r="LVP697" s="613"/>
      <c r="LVQ697" s="613"/>
      <c r="LVR697" s="613"/>
      <c r="LVS697" s="613"/>
      <c r="LVT697" s="613"/>
      <c r="LVU697" s="613"/>
      <c r="LVV697" s="613"/>
      <c r="LVW697" s="613"/>
      <c r="LVX697" s="613"/>
      <c r="LVY697" s="613"/>
      <c r="LVZ697" s="613"/>
      <c r="LWA697" s="613"/>
      <c r="LWB697" s="613"/>
      <c r="LWC697" s="613"/>
      <c r="LWD697" s="613"/>
      <c r="LWE697" s="613"/>
      <c r="LWF697" s="613"/>
      <c r="LWG697" s="613"/>
      <c r="LWH697" s="613"/>
      <c r="LWI697" s="613"/>
      <c r="LWJ697" s="613"/>
      <c r="LWK697" s="613"/>
      <c r="LWL697" s="613"/>
      <c r="LWM697" s="613"/>
      <c r="LWN697" s="613"/>
      <c r="LWO697" s="613"/>
      <c r="LWP697" s="613"/>
      <c r="LWQ697" s="613"/>
      <c r="LWR697" s="613"/>
      <c r="LWS697" s="613"/>
      <c r="LWT697" s="613"/>
      <c r="LWU697" s="613"/>
      <c r="LWV697" s="613"/>
      <c r="LWW697" s="613"/>
      <c r="LWX697" s="613"/>
      <c r="LWY697" s="613"/>
      <c r="LWZ697" s="613"/>
      <c r="LXA697" s="613"/>
      <c r="LXB697" s="613"/>
      <c r="LXC697" s="613"/>
      <c r="LXD697" s="613"/>
      <c r="LXE697" s="613"/>
      <c r="LXF697" s="613"/>
      <c r="LXG697" s="613"/>
      <c r="LXH697" s="613"/>
      <c r="LXI697" s="613"/>
      <c r="LXJ697" s="613"/>
      <c r="LXK697" s="613"/>
      <c r="LXL697" s="613"/>
      <c r="LXM697" s="613"/>
      <c r="LXN697" s="613"/>
      <c r="LXO697" s="613"/>
      <c r="LXP697" s="613"/>
      <c r="LXQ697" s="613"/>
      <c r="LXR697" s="613"/>
      <c r="LXS697" s="613"/>
      <c r="LXT697" s="613"/>
      <c r="LXU697" s="613"/>
      <c r="LXV697" s="613"/>
      <c r="LXW697" s="613"/>
      <c r="LXX697" s="613"/>
      <c r="LXY697" s="613"/>
      <c r="LXZ697" s="613"/>
      <c r="LYA697" s="613"/>
      <c r="LYB697" s="613"/>
      <c r="LYC697" s="613"/>
      <c r="LYD697" s="613"/>
      <c r="LYE697" s="613"/>
      <c r="LYF697" s="613"/>
      <c r="LYG697" s="613"/>
      <c r="LYH697" s="613"/>
      <c r="LYI697" s="613"/>
      <c r="LYJ697" s="613"/>
      <c r="LYK697" s="613"/>
      <c r="LYL697" s="613"/>
      <c r="LYM697" s="613"/>
      <c r="LYN697" s="613"/>
      <c r="LYO697" s="613"/>
      <c r="LYP697" s="613"/>
      <c r="LYQ697" s="613"/>
      <c r="LYR697" s="613"/>
      <c r="LYS697" s="613"/>
      <c r="LYT697" s="613"/>
      <c r="LYU697" s="613"/>
      <c r="LYV697" s="613"/>
      <c r="LYW697" s="613"/>
      <c r="LYX697" s="613"/>
      <c r="LYY697" s="613"/>
      <c r="LYZ697" s="613"/>
      <c r="LZA697" s="613"/>
      <c r="LZB697" s="613"/>
      <c r="LZC697" s="613"/>
      <c r="LZD697" s="613"/>
      <c r="LZE697" s="613"/>
      <c r="LZF697" s="613"/>
      <c r="LZG697" s="613"/>
      <c r="LZH697" s="613"/>
      <c r="LZI697" s="613"/>
      <c r="LZJ697" s="613"/>
      <c r="LZK697" s="613"/>
      <c r="LZL697" s="613"/>
      <c r="LZM697" s="613"/>
      <c r="LZN697" s="613"/>
      <c r="LZO697" s="613"/>
      <c r="LZP697" s="613"/>
      <c r="LZQ697" s="613"/>
      <c r="LZR697" s="613"/>
      <c r="LZS697" s="613"/>
      <c r="LZT697" s="613"/>
      <c r="LZU697" s="613"/>
      <c r="LZV697" s="613"/>
      <c r="LZW697" s="613"/>
      <c r="LZX697" s="613"/>
      <c r="LZY697" s="613"/>
      <c r="LZZ697" s="613"/>
      <c r="MAA697" s="613"/>
      <c r="MAB697" s="613"/>
      <c r="MAC697" s="613"/>
      <c r="MAD697" s="613"/>
      <c r="MAE697" s="613"/>
      <c r="MAF697" s="613"/>
      <c r="MAG697" s="613"/>
      <c r="MAH697" s="613"/>
      <c r="MAI697" s="613"/>
      <c r="MAJ697" s="613"/>
      <c r="MAK697" s="613"/>
      <c r="MAL697" s="613"/>
      <c r="MAM697" s="613"/>
      <c r="MAN697" s="613"/>
      <c r="MAO697" s="613"/>
      <c r="MAP697" s="613"/>
      <c r="MAQ697" s="613"/>
      <c r="MAR697" s="613"/>
      <c r="MAS697" s="613"/>
      <c r="MAT697" s="613"/>
      <c r="MAU697" s="613"/>
      <c r="MAV697" s="613"/>
      <c r="MAW697" s="613"/>
      <c r="MAX697" s="613"/>
      <c r="MAY697" s="613"/>
      <c r="MAZ697" s="613"/>
      <c r="MBA697" s="613"/>
      <c r="MBB697" s="613"/>
      <c r="MBC697" s="613"/>
      <c r="MBD697" s="613"/>
      <c r="MBE697" s="613"/>
      <c r="MBF697" s="613"/>
      <c r="MBG697" s="613"/>
      <c r="MBH697" s="613"/>
      <c r="MBI697" s="613"/>
      <c r="MBJ697" s="613"/>
      <c r="MBK697" s="613"/>
      <c r="MBL697" s="613"/>
      <c r="MBM697" s="613"/>
      <c r="MBN697" s="613"/>
      <c r="MBO697" s="613"/>
      <c r="MBP697" s="613"/>
      <c r="MBQ697" s="613"/>
      <c r="MBR697" s="613"/>
      <c r="MBS697" s="613"/>
      <c r="MBT697" s="613"/>
      <c r="MBU697" s="613"/>
      <c r="MBV697" s="613"/>
      <c r="MBW697" s="613"/>
      <c r="MBX697" s="613"/>
      <c r="MBY697" s="613"/>
      <c r="MBZ697" s="613"/>
      <c r="MCA697" s="613"/>
      <c r="MCB697" s="613"/>
      <c r="MCC697" s="613"/>
      <c r="MCD697" s="613"/>
      <c r="MCE697" s="613"/>
      <c r="MCF697" s="613"/>
      <c r="MCG697" s="613"/>
      <c r="MCH697" s="613"/>
      <c r="MCI697" s="613"/>
      <c r="MCJ697" s="613"/>
      <c r="MCK697" s="613"/>
      <c r="MCL697" s="613"/>
      <c r="MCM697" s="613"/>
      <c r="MCN697" s="613"/>
      <c r="MCO697" s="613"/>
      <c r="MCP697" s="613"/>
      <c r="MCQ697" s="613"/>
      <c r="MCR697" s="613"/>
      <c r="MCS697" s="613"/>
      <c r="MCT697" s="613"/>
      <c r="MCU697" s="613"/>
      <c r="MCV697" s="613"/>
      <c r="MCW697" s="613"/>
      <c r="MCX697" s="613"/>
      <c r="MCY697" s="613"/>
      <c r="MCZ697" s="613"/>
      <c r="MDA697" s="613"/>
      <c r="MDB697" s="613"/>
      <c r="MDC697" s="613"/>
      <c r="MDD697" s="613"/>
      <c r="MDE697" s="613"/>
      <c r="MDF697" s="613"/>
      <c r="MDG697" s="613"/>
      <c r="MDH697" s="613"/>
      <c r="MDI697" s="613"/>
      <c r="MDJ697" s="613"/>
      <c r="MDK697" s="613"/>
      <c r="MDL697" s="613"/>
      <c r="MDM697" s="613"/>
      <c r="MDN697" s="613"/>
      <c r="MDO697" s="613"/>
      <c r="MDP697" s="613"/>
      <c r="MDQ697" s="613"/>
      <c r="MDR697" s="613"/>
      <c r="MDS697" s="613"/>
      <c r="MDT697" s="613"/>
      <c r="MDU697" s="613"/>
      <c r="MDV697" s="613"/>
      <c r="MDW697" s="613"/>
      <c r="MDX697" s="613"/>
      <c r="MDY697" s="613"/>
      <c r="MDZ697" s="613"/>
      <c r="MEA697" s="613"/>
      <c r="MEB697" s="613"/>
      <c r="MEC697" s="613"/>
      <c r="MED697" s="613"/>
      <c r="MEE697" s="613"/>
      <c r="MEF697" s="613"/>
      <c r="MEG697" s="613"/>
      <c r="MEH697" s="613"/>
      <c r="MEI697" s="613"/>
      <c r="MEJ697" s="613"/>
      <c r="MEK697" s="613"/>
      <c r="MEL697" s="613"/>
      <c r="MEM697" s="613"/>
      <c r="MEN697" s="613"/>
      <c r="MEO697" s="613"/>
      <c r="MEP697" s="613"/>
      <c r="MEQ697" s="613"/>
      <c r="MER697" s="613"/>
      <c r="MES697" s="613"/>
      <c r="MET697" s="613"/>
      <c r="MEU697" s="613"/>
      <c r="MEV697" s="613"/>
      <c r="MEW697" s="613"/>
      <c r="MEX697" s="613"/>
      <c r="MEY697" s="613"/>
      <c r="MEZ697" s="613"/>
      <c r="MFA697" s="613"/>
      <c r="MFB697" s="613"/>
      <c r="MFC697" s="613"/>
      <c r="MFD697" s="613"/>
      <c r="MFE697" s="613"/>
      <c r="MFF697" s="613"/>
      <c r="MFG697" s="613"/>
      <c r="MFH697" s="613"/>
      <c r="MFI697" s="613"/>
      <c r="MFJ697" s="613"/>
      <c r="MFK697" s="613"/>
      <c r="MFL697" s="613"/>
      <c r="MFM697" s="613"/>
      <c r="MFN697" s="613"/>
      <c r="MFO697" s="613"/>
      <c r="MFP697" s="613"/>
      <c r="MFQ697" s="613"/>
      <c r="MFR697" s="613"/>
      <c r="MFS697" s="613"/>
      <c r="MFT697" s="613"/>
      <c r="MFU697" s="613"/>
      <c r="MFV697" s="613"/>
      <c r="MFW697" s="613"/>
      <c r="MFX697" s="613"/>
      <c r="MFY697" s="613"/>
      <c r="MFZ697" s="613"/>
      <c r="MGA697" s="613"/>
      <c r="MGB697" s="613"/>
      <c r="MGC697" s="613"/>
      <c r="MGD697" s="613"/>
      <c r="MGE697" s="613"/>
      <c r="MGF697" s="613"/>
      <c r="MGG697" s="613"/>
      <c r="MGH697" s="613"/>
      <c r="MGI697" s="613"/>
      <c r="MGJ697" s="613"/>
      <c r="MGK697" s="613"/>
      <c r="MGL697" s="613"/>
      <c r="MGM697" s="613"/>
      <c r="MGN697" s="613"/>
      <c r="MGO697" s="613"/>
      <c r="MGP697" s="613"/>
      <c r="MGQ697" s="613"/>
      <c r="MGR697" s="613"/>
      <c r="MGS697" s="613"/>
      <c r="MGT697" s="613"/>
      <c r="MGU697" s="613"/>
      <c r="MGV697" s="613"/>
      <c r="MGW697" s="613"/>
      <c r="MGX697" s="613"/>
      <c r="MGY697" s="613"/>
      <c r="MGZ697" s="613"/>
      <c r="MHA697" s="613"/>
      <c r="MHB697" s="613"/>
      <c r="MHC697" s="613"/>
      <c r="MHD697" s="613"/>
      <c r="MHE697" s="613"/>
      <c r="MHF697" s="613"/>
      <c r="MHG697" s="613"/>
      <c r="MHH697" s="613"/>
      <c r="MHI697" s="613"/>
      <c r="MHJ697" s="613"/>
      <c r="MHK697" s="613"/>
      <c r="MHL697" s="613"/>
      <c r="MHM697" s="613"/>
      <c r="MHN697" s="613"/>
      <c r="MHO697" s="613"/>
      <c r="MHP697" s="613"/>
      <c r="MHQ697" s="613"/>
      <c r="MHR697" s="613"/>
      <c r="MHS697" s="613"/>
      <c r="MHT697" s="613"/>
      <c r="MHU697" s="613"/>
      <c r="MHV697" s="613"/>
      <c r="MHW697" s="613"/>
      <c r="MHX697" s="613"/>
      <c r="MHY697" s="613"/>
      <c r="MHZ697" s="613"/>
      <c r="MIA697" s="613"/>
      <c r="MIB697" s="613"/>
      <c r="MIC697" s="613"/>
      <c r="MID697" s="613"/>
      <c r="MIE697" s="613"/>
      <c r="MIF697" s="613"/>
      <c r="MIG697" s="613"/>
      <c r="MIH697" s="613"/>
      <c r="MII697" s="613"/>
      <c r="MIJ697" s="613"/>
      <c r="MIK697" s="613"/>
      <c r="MIL697" s="613"/>
      <c r="MIM697" s="613"/>
      <c r="MIN697" s="613"/>
      <c r="MIO697" s="613"/>
      <c r="MIP697" s="613"/>
      <c r="MIQ697" s="613"/>
      <c r="MIR697" s="613"/>
      <c r="MIS697" s="613"/>
      <c r="MIT697" s="613"/>
      <c r="MIU697" s="613"/>
      <c r="MIV697" s="613"/>
      <c r="MIW697" s="613"/>
      <c r="MIX697" s="613"/>
      <c r="MIY697" s="613"/>
      <c r="MIZ697" s="613"/>
      <c r="MJA697" s="613"/>
      <c r="MJB697" s="613"/>
      <c r="MJC697" s="613"/>
      <c r="MJD697" s="613"/>
      <c r="MJE697" s="613"/>
      <c r="MJF697" s="613"/>
      <c r="MJG697" s="613"/>
      <c r="MJH697" s="613"/>
      <c r="MJI697" s="613"/>
      <c r="MJJ697" s="613"/>
      <c r="MJK697" s="613"/>
      <c r="MJL697" s="613"/>
      <c r="MJM697" s="613"/>
      <c r="MJN697" s="613"/>
      <c r="MJO697" s="613"/>
      <c r="MJP697" s="613"/>
      <c r="MJQ697" s="613"/>
      <c r="MJR697" s="613"/>
      <c r="MJS697" s="613"/>
      <c r="MJT697" s="613"/>
      <c r="MJU697" s="613"/>
      <c r="MJV697" s="613"/>
      <c r="MJW697" s="613"/>
      <c r="MJX697" s="613"/>
      <c r="MJY697" s="613"/>
      <c r="MJZ697" s="613"/>
      <c r="MKA697" s="613"/>
      <c r="MKB697" s="613"/>
      <c r="MKC697" s="613"/>
      <c r="MKD697" s="613"/>
      <c r="MKE697" s="613"/>
      <c r="MKF697" s="613"/>
      <c r="MKG697" s="613"/>
      <c r="MKH697" s="613"/>
      <c r="MKI697" s="613"/>
      <c r="MKJ697" s="613"/>
      <c r="MKK697" s="613"/>
      <c r="MKL697" s="613"/>
      <c r="MKM697" s="613"/>
      <c r="MKN697" s="613"/>
      <c r="MKO697" s="613"/>
      <c r="MKP697" s="613"/>
      <c r="MKQ697" s="613"/>
      <c r="MKR697" s="613"/>
      <c r="MKS697" s="613"/>
      <c r="MKT697" s="613"/>
      <c r="MKU697" s="613"/>
      <c r="MKV697" s="613"/>
      <c r="MKW697" s="613"/>
      <c r="MKX697" s="613"/>
      <c r="MKY697" s="613"/>
      <c r="MKZ697" s="613"/>
      <c r="MLA697" s="613"/>
      <c r="MLB697" s="613"/>
      <c r="MLC697" s="613"/>
      <c r="MLD697" s="613"/>
      <c r="MLE697" s="613"/>
      <c r="MLF697" s="613"/>
      <c r="MLG697" s="613"/>
      <c r="MLH697" s="613"/>
      <c r="MLI697" s="613"/>
      <c r="MLJ697" s="613"/>
      <c r="MLK697" s="613"/>
      <c r="MLL697" s="613"/>
      <c r="MLM697" s="613"/>
      <c r="MLN697" s="613"/>
      <c r="MLO697" s="613"/>
      <c r="MLP697" s="613"/>
      <c r="MLQ697" s="613"/>
      <c r="MLR697" s="613"/>
      <c r="MLS697" s="613"/>
      <c r="MLT697" s="613"/>
      <c r="MLU697" s="613"/>
      <c r="MLV697" s="613"/>
      <c r="MLW697" s="613"/>
      <c r="MLX697" s="613"/>
      <c r="MLY697" s="613"/>
      <c r="MLZ697" s="613"/>
      <c r="MMA697" s="613"/>
      <c r="MMB697" s="613"/>
      <c r="MMC697" s="613"/>
      <c r="MMD697" s="613"/>
      <c r="MME697" s="613"/>
      <c r="MMF697" s="613"/>
      <c r="MMG697" s="613"/>
      <c r="MMH697" s="613"/>
      <c r="MMI697" s="613"/>
      <c r="MMJ697" s="613"/>
      <c r="MMK697" s="613"/>
      <c r="MML697" s="613"/>
      <c r="MMM697" s="613"/>
      <c r="MMN697" s="613"/>
      <c r="MMO697" s="613"/>
      <c r="MMP697" s="613"/>
      <c r="MMQ697" s="613"/>
      <c r="MMR697" s="613"/>
      <c r="MMS697" s="613"/>
      <c r="MMT697" s="613"/>
      <c r="MMU697" s="613"/>
      <c r="MMV697" s="613"/>
      <c r="MMW697" s="613"/>
      <c r="MMX697" s="613"/>
      <c r="MMY697" s="613"/>
      <c r="MMZ697" s="613"/>
      <c r="MNA697" s="613"/>
      <c r="MNB697" s="613"/>
      <c r="MNC697" s="613"/>
      <c r="MND697" s="613"/>
      <c r="MNE697" s="613"/>
      <c r="MNF697" s="613"/>
      <c r="MNG697" s="613"/>
      <c r="MNH697" s="613"/>
      <c r="MNI697" s="613"/>
      <c r="MNJ697" s="613"/>
      <c r="MNK697" s="613"/>
      <c r="MNL697" s="613"/>
      <c r="MNM697" s="613"/>
      <c r="MNN697" s="613"/>
      <c r="MNO697" s="613"/>
      <c r="MNP697" s="613"/>
      <c r="MNQ697" s="613"/>
      <c r="MNR697" s="613"/>
      <c r="MNS697" s="613"/>
      <c r="MNT697" s="613"/>
      <c r="MNU697" s="613"/>
      <c r="MNV697" s="613"/>
      <c r="MNW697" s="613"/>
      <c r="MNX697" s="613"/>
      <c r="MNY697" s="613"/>
      <c r="MNZ697" s="613"/>
      <c r="MOA697" s="613"/>
      <c r="MOB697" s="613"/>
      <c r="MOC697" s="613"/>
      <c r="MOD697" s="613"/>
      <c r="MOE697" s="613"/>
      <c r="MOF697" s="613"/>
      <c r="MOG697" s="613"/>
      <c r="MOH697" s="613"/>
      <c r="MOI697" s="613"/>
      <c r="MOJ697" s="613"/>
      <c r="MOK697" s="613"/>
      <c r="MOL697" s="613"/>
      <c r="MOM697" s="613"/>
      <c r="MON697" s="613"/>
      <c r="MOO697" s="613"/>
      <c r="MOP697" s="613"/>
      <c r="MOQ697" s="613"/>
      <c r="MOR697" s="613"/>
      <c r="MOS697" s="613"/>
      <c r="MOT697" s="613"/>
      <c r="MOU697" s="613"/>
      <c r="MOV697" s="613"/>
      <c r="MOW697" s="613"/>
      <c r="MOX697" s="613"/>
      <c r="MOY697" s="613"/>
      <c r="MOZ697" s="613"/>
      <c r="MPA697" s="613"/>
      <c r="MPB697" s="613"/>
      <c r="MPC697" s="613"/>
      <c r="MPD697" s="613"/>
      <c r="MPE697" s="613"/>
      <c r="MPF697" s="613"/>
      <c r="MPG697" s="613"/>
      <c r="MPH697" s="613"/>
      <c r="MPI697" s="613"/>
      <c r="MPJ697" s="613"/>
      <c r="MPK697" s="613"/>
      <c r="MPL697" s="613"/>
      <c r="MPM697" s="613"/>
      <c r="MPN697" s="613"/>
      <c r="MPO697" s="613"/>
      <c r="MPP697" s="613"/>
      <c r="MPQ697" s="613"/>
      <c r="MPR697" s="613"/>
      <c r="MPS697" s="613"/>
      <c r="MPT697" s="613"/>
      <c r="MPU697" s="613"/>
      <c r="MPV697" s="613"/>
      <c r="MPW697" s="613"/>
      <c r="MPX697" s="613"/>
      <c r="MPY697" s="613"/>
      <c r="MPZ697" s="613"/>
      <c r="MQA697" s="613"/>
      <c r="MQB697" s="613"/>
      <c r="MQC697" s="613"/>
      <c r="MQD697" s="613"/>
      <c r="MQE697" s="613"/>
      <c r="MQF697" s="613"/>
      <c r="MQG697" s="613"/>
      <c r="MQH697" s="613"/>
      <c r="MQI697" s="613"/>
      <c r="MQJ697" s="613"/>
      <c r="MQK697" s="613"/>
      <c r="MQL697" s="613"/>
      <c r="MQM697" s="613"/>
      <c r="MQN697" s="613"/>
      <c r="MQO697" s="613"/>
      <c r="MQP697" s="613"/>
      <c r="MQQ697" s="613"/>
      <c r="MQR697" s="613"/>
      <c r="MQS697" s="613"/>
      <c r="MQT697" s="613"/>
      <c r="MQU697" s="613"/>
      <c r="MQV697" s="613"/>
      <c r="MQW697" s="613"/>
      <c r="MQX697" s="613"/>
      <c r="MQY697" s="613"/>
      <c r="MQZ697" s="613"/>
      <c r="MRA697" s="613"/>
      <c r="MRB697" s="613"/>
      <c r="MRC697" s="613"/>
      <c r="MRD697" s="613"/>
      <c r="MRE697" s="613"/>
      <c r="MRF697" s="613"/>
      <c r="MRG697" s="613"/>
      <c r="MRH697" s="613"/>
      <c r="MRI697" s="613"/>
      <c r="MRJ697" s="613"/>
      <c r="MRK697" s="613"/>
      <c r="MRL697" s="613"/>
      <c r="MRM697" s="613"/>
      <c r="MRN697" s="613"/>
      <c r="MRO697" s="613"/>
      <c r="MRP697" s="613"/>
      <c r="MRQ697" s="613"/>
      <c r="MRR697" s="613"/>
      <c r="MRS697" s="613"/>
      <c r="MRT697" s="613"/>
      <c r="MRU697" s="613"/>
      <c r="MRV697" s="613"/>
      <c r="MRW697" s="613"/>
      <c r="MRX697" s="613"/>
      <c r="MRY697" s="613"/>
      <c r="MRZ697" s="613"/>
      <c r="MSA697" s="613"/>
      <c r="MSB697" s="613"/>
      <c r="MSC697" s="613"/>
      <c r="MSD697" s="613"/>
      <c r="MSE697" s="613"/>
      <c r="MSF697" s="613"/>
      <c r="MSG697" s="613"/>
      <c r="MSH697" s="613"/>
      <c r="MSI697" s="613"/>
      <c r="MSJ697" s="613"/>
      <c r="MSK697" s="613"/>
      <c r="MSL697" s="613"/>
      <c r="MSM697" s="613"/>
      <c r="MSN697" s="613"/>
      <c r="MSO697" s="613"/>
      <c r="MSP697" s="613"/>
      <c r="MSQ697" s="613"/>
      <c r="MSR697" s="613"/>
      <c r="MSS697" s="613"/>
      <c r="MST697" s="613"/>
      <c r="MSU697" s="613"/>
      <c r="MSV697" s="613"/>
      <c r="MSW697" s="613"/>
      <c r="MSX697" s="613"/>
      <c r="MSY697" s="613"/>
      <c r="MSZ697" s="613"/>
      <c r="MTA697" s="613"/>
      <c r="MTB697" s="613"/>
      <c r="MTC697" s="613"/>
      <c r="MTD697" s="613"/>
      <c r="MTE697" s="613"/>
      <c r="MTF697" s="613"/>
      <c r="MTG697" s="613"/>
      <c r="MTH697" s="613"/>
      <c r="MTI697" s="613"/>
      <c r="MTJ697" s="613"/>
      <c r="MTK697" s="613"/>
      <c r="MTL697" s="613"/>
      <c r="MTM697" s="613"/>
      <c r="MTN697" s="613"/>
      <c r="MTO697" s="613"/>
      <c r="MTP697" s="613"/>
      <c r="MTQ697" s="613"/>
      <c r="MTR697" s="613"/>
      <c r="MTS697" s="613"/>
      <c r="MTT697" s="613"/>
      <c r="MTU697" s="613"/>
      <c r="MTV697" s="613"/>
      <c r="MTW697" s="613"/>
      <c r="MTX697" s="613"/>
      <c r="MTY697" s="613"/>
      <c r="MTZ697" s="613"/>
      <c r="MUA697" s="613"/>
      <c r="MUB697" s="613"/>
      <c r="MUC697" s="613"/>
      <c r="MUD697" s="613"/>
      <c r="MUE697" s="613"/>
      <c r="MUF697" s="613"/>
      <c r="MUG697" s="613"/>
      <c r="MUH697" s="613"/>
      <c r="MUI697" s="613"/>
      <c r="MUJ697" s="613"/>
      <c r="MUK697" s="613"/>
      <c r="MUL697" s="613"/>
      <c r="MUM697" s="613"/>
      <c r="MUN697" s="613"/>
      <c r="MUO697" s="613"/>
      <c r="MUP697" s="613"/>
      <c r="MUQ697" s="613"/>
      <c r="MUR697" s="613"/>
      <c r="MUS697" s="613"/>
      <c r="MUT697" s="613"/>
      <c r="MUU697" s="613"/>
      <c r="MUV697" s="613"/>
      <c r="MUW697" s="613"/>
      <c r="MUX697" s="613"/>
      <c r="MUY697" s="613"/>
      <c r="MUZ697" s="613"/>
      <c r="MVA697" s="613"/>
      <c r="MVB697" s="613"/>
      <c r="MVC697" s="613"/>
      <c r="MVD697" s="613"/>
      <c r="MVE697" s="613"/>
      <c r="MVF697" s="613"/>
      <c r="MVG697" s="613"/>
      <c r="MVH697" s="613"/>
      <c r="MVI697" s="613"/>
      <c r="MVJ697" s="613"/>
      <c r="MVK697" s="613"/>
      <c r="MVL697" s="613"/>
      <c r="MVM697" s="613"/>
      <c r="MVN697" s="613"/>
      <c r="MVO697" s="613"/>
      <c r="MVP697" s="613"/>
      <c r="MVQ697" s="613"/>
      <c r="MVR697" s="613"/>
      <c r="MVS697" s="613"/>
      <c r="MVT697" s="613"/>
      <c r="MVU697" s="613"/>
      <c r="MVV697" s="613"/>
      <c r="MVW697" s="613"/>
      <c r="MVX697" s="613"/>
      <c r="MVY697" s="613"/>
      <c r="MVZ697" s="613"/>
      <c r="MWA697" s="613"/>
      <c r="MWB697" s="613"/>
      <c r="MWC697" s="613"/>
      <c r="MWD697" s="613"/>
      <c r="MWE697" s="613"/>
      <c r="MWF697" s="613"/>
      <c r="MWG697" s="613"/>
      <c r="MWH697" s="613"/>
      <c r="MWI697" s="613"/>
      <c r="MWJ697" s="613"/>
      <c r="MWK697" s="613"/>
      <c r="MWL697" s="613"/>
      <c r="MWM697" s="613"/>
      <c r="MWN697" s="613"/>
      <c r="MWO697" s="613"/>
      <c r="MWP697" s="613"/>
      <c r="MWQ697" s="613"/>
      <c r="MWR697" s="613"/>
      <c r="MWS697" s="613"/>
      <c r="MWT697" s="613"/>
      <c r="MWU697" s="613"/>
      <c r="MWV697" s="613"/>
      <c r="MWW697" s="613"/>
      <c r="MWX697" s="613"/>
      <c r="MWY697" s="613"/>
      <c r="MWZ697" s="613"/>
      <c r="MXA697" s="613"/>
      <c r="MXB697" s="613"/>
      <c r="MXC697" s="613"/>
      <c r="MXD697" s="613"/>
      <c r="MXE697" s="613"/>
      <c r="MXF697" s="613"/>
      <c r="MXG697" s="613"/>
      <c r="MXH697" s="613"/>
      <c r="MXI697" s="613"/>
      <c r="MXJ697" s="613"/>
      <c r="MXK697" s="613"/>
      <c r="MXL697" s="613"/>
      <c r="MXM697" s="613"/>
      <c r="MXN697" s="613"/>
      <c r="MXO697" s="613"/>
      <c r="MXP697" s="613"/>
      <c r="MXQ697" s="613"/>
      <c r="MXR697" s="613"/>
      <c r="MXS697" s="613"/>
      <c r="MXT697" s="613"/>
      <c r="MXU697" s="613"/>
      <c r="MXV697" s="613"/>
      <c r="MXW697" s="613"/>
      <c r="MXX697" s="613"/>
      <c r="MXY697" s="613"/>
      <c r="MXZ697" s="613"/>
      <c r="MYA697" s="613"/>
      <c r="MYB697" s="613"/>
      <c r="MYC697" s="613"/>
      <c r="MYD697" s="613"/>
      <c r="MYE697" s="613"/>
      <c r="MYF697" s="613"/>
      <c r="MYG697" s="613"/>
      <c r="MYH697" s="613"/>
      <c r="MYI697" s="613"/>
      <c r="MYJ697" s="613"/>
      <c r="MYK697" s="613"/>
      <c r="MYL697" s="613"/>
      <c r="MYM697" s="613"/>
      <c r="MYN697" s="613"/>
      <c r="MYO697" s="613"/>
      <c r="MYP697" s="613"/>
      <c r="MYQ697" s="613"/>
      <c r="MYR697" s="613"/>
      <c r="MYS697" s="613"/>
      <c r="MYT697" s="613"/>
      <c r="MYU697" s="613"/>
      <c r="MYV697" s="613"/>
      <c r="MYW697" s="613"/>
      <c r="MYX697" s="613"/>
      <c r="MYY697" s="613"/>
      <c r="MYZ697" s="613"/>
      <c r="MZA697" s="613"/>
      <c r="MZB697" s="613"/>
      <c r="MZC697" s="613"/>
      <c r="MZD697" s="613"/>
      <c r="MZE697" s="613"/>
      <c r="MZF697" s="613"/>
      <c r="MZG697" s="613"/>
      <c r="MZH697" s="613"/>
      <c r="MZI697" s="613"/>
      <c r="MZJ697" s="613"/>
      <c r="MZK697" s="613"/>
      <c r="MZL697" s="613"/>
      <c r="MZM697" s="613"/>
      <c r="MZN697" s="613"/>
      <c r="MZO697" s="613"/>
      <c r="MZP697" s="613"/>
      <c r="MZQ697" s="613"/>
      <c r="MZR697" s="613"/>
      <c r="MZS697" s="613"/>
      <c r="MZT697" s="613"/>
      <c r="MZU697" s="613"/>
      <c r="MZV697" s="613"/>
      <c r="MZW697" s="613"/>
      <c r="MZX697" s="613"/>
      <c r="MZY697" s="613"/>
      <c r="MZZ697" s="613"/>
      <c r="NAA697" s="613"/>
      <c r="NAB697" s="613"/>
      <c r="NAC697" s="613"/>
      <c r="NAD697" s="613"/>
      <c r="NAE697" s="613"/>
      <c r="NAF697" s="613"/>
      <c r="NAG697" s="613"/>
      <c r="NAH697" s="613"/>
      <c r="NAI697" s="613"/>
      <c r="NAJ697" s="613"/>
      <c r="NAK697" s="613"/>
      <c r="NAL697" s="613"/>
      <c r="NAM697" s="613"/>
      <c r="NAN697" s="613"/>
      <c r="NAO697" s="613"/>
      <c r="NAP697" s="613"/>
      <c r="NAQ697" s="613"/>
      <c r="NAR697" s="613"/>
      <c r="NAS697" s="613"/>
      <c r="NAT697" s="613"/>
      <c r="NAU697" s="613"/>
      <c r="NAV697" s="613"/>
      <c r="NAW697" s="613"/>
      <c r="NAX697" s="613"/>
      <c r="NAY697" s="613"/>
      <c r="NAZ697" s="613"/>
      <c r="NBA697" s="613"/>
      <c r="NBB697" s="613"/>
      <c r="NBC697" s="613"/>
      <c r="NBD697" s="613"/>
      <c r="NBE697" s="613"/>
      <c r="NBF697" s="613"/>
      <c r="NBG697" s="613"/>
      <c r="NBH697" s="613"/>
      <c r="NBI697" s="613"/>
      <c r="NBJ697" s="613"/>
      <c r="NBK697" s="613"/>
      <c r="NBL697" s="613"/>
      <c r="NBM697" s="613"/>
      <c r="NBN697" s="613"/>
      <c r="NBO697" s="613"/>
      <c r="NBP697" s="613"/>
      <c r="NBQ697" s="613"/>
      <c r="NBR697" s="613"/>
      <c r="NBS697" s="613"/>
      <c r="NBT697" s="613"/>
      <c r="NBU697" s="613"/>
      <c r="NBV697" s="613"/>
      <c r="NBW697" s="613"/>
      <c r="NBX697" s="613"/>
      <c r="NBY697" s="613"/>
      <c r="NBZ697" s="613"/>
      <c r="NCA697" s="613"/>
      <c r="NCB697" s="613"/>
      <c r="NCC697" s="613"/>
      <c r="NCD697" s="613"/>
      <c r="NCE697" s="613"/>
      <c r="NCF697" s="613"/>
      <c r="NCG697" s="613"/>
      <c r="NCH697" s="613"/>
      <c r="NCI697" s="613"/>
      <c r="NCJ697" s="613"/>
      <c r="NCK697" s="613"/>
      <c r="NCL697" s="613"/>
      <c r="NCM697" s="613"/>
      <c r="NCN697" s="613"/>
      <c r="NCO697" s="613"/>
      <c r="NCP697" s="613"/>
      <c r="NCQ697" s="613"/>
      <c r="NCR697" s="613"/>
      <c r="NCS697" s="613"/>
      <c r="NCT697" s="613"/>
      <c r="NCU697" s="613"/>
      <c r="NCV697" s="613"/>
      <c r="NCW697" s="613"/>
      <c r="NCX697" s="613"/>
      <c r="NCY697" s="613"/>
      <c r="NCZ697" s="613"/>
      <c r="NDA697" s="613"/>
      <c r="NDB697" s="613"/>
      <c r="NDC697" s="613"/>
      <c r="NDD697" s="613"/>
      <c r="NDE697" s="613"/>
      <c r="NDF697" s="613"/>
      <c r="NDG697" s="613"/>
      <c r="NDH697" s="613"/>
      <c r="NDI697" s="613"/>
      <c r="NDJ697" s="613"/>
      <c r="NDK697" s="613"/>
      <c r="NDL697" s="613"/>
      <c r="NDM697" s="613"/>
      <c r="NDN697" s="613"/>
      <c r="NDO697" s="613"/>
      <c r="NDP697" s="613"/>
      <c r="NDQ697" s="613"/>
      <c r="NDR697" s="613"/>
      <c r="NDS697" s="613"/>
      <c r="NDT697" s="613"/>
      <c r="NDU697" s="613"/>
      <c r="NDV697" s="613"/>
      <c r="NDW697" s="613"/>
      <c r="NDX697" s="613"/>
      <c r="NDY697" s="613"/>
      <c r="NDZ697" s="613"/>
      <c r="NEA697" s="613"/>
      <c r="NEB697" s="613"/>
      <c r="NEC697" s="613"/>
      <c r="NED697" s="613"/>
      <c r="NEE697" s="613"/>
      <c r="NEF697" s="613"/>
      <c r="NEG697" s="613"/>
      <c r="NEH697" s="613"/>
      <c r="NEI697" s="613"/>
      <c r="NEJ697" s="613"/>
      <c r="NEK697" s="613"/>
      <c r="NEL697" s="613"/>
      <c r="NEM697" s="613"/>
      <c r="NEN697" s="613"/>
      <c r="NEO697" s="613"/>
      <c r="NEP697" s="613"/>
      <c r="NEQ697" s="613"/>
      <c r="NER697" s="613"/>
      <c r="NES697" s="613"/>
      <c r="NET697" s="613"/>
      <c r="NEU697" s="613"/>
      <c r="NEV697" s="613"/>
      <c r="NEW697" s="613"/>
      <c r="NEX697" s="613"/>
      <c r="NEY697" s="613"/>
      <c r="NEZ697" s="613"/>
      <c r="NFA697" s="613"/>
      <c r="NFB697" s="613"/>
      <c r="NFC697" s="613"/>
      <c r="NFD697" s="613"/>
      <c r="NFE697" s="613"/>
      <c r="NFF697" s="613"/>
      <c r="NFG697" s="613"/>
      <c r="NFH697" s="613"/>
      <c r="NFI697" s="613"/>
      <c r="NFJ697" s="613"/>
      <c r="NFK697" s="613"/>
      <c r="NFL697" s="613"/>
      <c r="NFM697" s="613"/>
      <c r="NFN697" s="613"/>
      <c r="NFO697" s="613"/>
      <c r="NFP697" s="613"/>
      <c r="NFQ697" s="613"/>
      <c r="NFR697" s="613"/>
      <c r="NFS697" s="613"/>
      <c r="NFT697" s="613"/>
      <c r="NFU697" s="613"/>
      <c r="NFV697" s="613"/>
      <c r="NFW697" s="613"/>
      <c r="NFX697" s="613"/>
      <c r="NFY697" s="613"/>
      <c r="NFZ697" s="613"/>
      <c r="NGA697" s="613"/>
      <c r="NGB697" s="613"/>
      <c r="NGC697" s="613"/>
      <c r="NGD697" s="613"/>
      <c r="NGE697" s="613"/>
      <c r="NGF697" s="613"/>
      <c r="NGG697" s="613"/>
      <c r="NGH697" s="613"/>
      <c r="NGI697" s="613"/>
      <c r="NGJ697" s="613"/>
      <c r="NGK697" s="613"/>
      <c r="NGL697" s="613"/>
      <c r="NGM697" s="613"/>
      <c r="NGN697" s="613"/>
      <c r="NGO697" s="613"/>
      <c r="NGP697" s="613"/>
      <c r="NGQ697" s="613"/>
      <c r="NGR697" s="613"/>
      <c r="NGS697" s="613"/>
      <c r="NGT697" s="613"/>
      <c r="NGU697" s="613"/>
      <c r="NGV697" s="613"/>
      <c r="NGW697" s="613"/>
      <c r="NGX697" s="613"/>
      <c r="NGY697" s="613"/>
      <c r="NGZ697" s="613"/>
      <c r="NHA697" s="613"/>
      <c r="NHB697" s="613"/>
      <c r="NHC697" s="613"/>
      <c r="NHD697" s="613"/>
      <c r="NHE697" s="613"/>
      <c r="NHF697" s="613"/>
      <c r="NHG697" s="613"/>
      <c r="NHH697" s="613"/>
      <c r="NHI697" s="613"/>
      <c r="NHJ697" s="613"/>
      <c r="NHK697" s="613"/>
      <c r="NHL697" s="613"/>
      <c r="NHM697" s="613"/>
      <c r="NHN697" s="613"/>
      <c r="NHO697" s="613"/>
      <c r="NHP697" s="613"/>
      <c r="NHQ697" s="613"/>
      <c r="NHR697" s="613"/>
      <c r="NHS697" s="613"/>
      <c r="NHT697" s="613"/>
      <c r="NHU697" s="613"/>
      <c r="NHV697" s="613"/>
      <c r="NHW697" s="613"/>
      <c r="NHX697" s="613"/>
      <c r="NHY697" s="613"/>
      <c r="NHZ697" s="613"/>
      <c r="NIA697" s="613"/>
      <c r="NIB697" s="613"/>
      <c r="NIC697" s="613"/>
      <c r="NID697" s="613"/>
      <c r="NIE697" s="613"/>
      <c r="NIF697" s="613"/>
      <c r="NIG697" s="613"/>
      <c r="NIH697" s="613"/>
      <c r="NII697" s="613"/>
      <c r="NIJ697" s="613"/>
      <c r="NIK697" s="613"/>
      <c r="NIL697" s="613"/>
      <c r="NIM697" s="613"/>
      <c r="NIN697" s="613"/>
      <c r="NIO697" s="613"/>
      <c r="NIP697" s="613"/>
      <c r="NIQ697" s="613"/>
      <c r="NIR697" s="613"/>
      <c r="NIS697" s="613"/>
      <c r="NIT697" s="613"/>
      <c r="NIU697" s="613"/>
      <c r="NIV697" s="613"/>
      <c r="NIW697" s="613"/>
      <c r="NIX697" s="613"/>
      <c r="NIY697" s="613"/>
      <c r="NIZ697" s="613"/>
      <c r="NJA697" s="613"/>
      <c r="NJB697" s="613"/>
      <c r="NJC697" s="613"/>
      <c r="NJD697" s="613"/>
      <c r="NJE697" s="613"/>
      <c r="NJF697" s="613"/>
      <c r="NJG697" s="613"/>
      <c r="NJH697" s="613"/>
      <c r="NJI697" s="613"/>
      <c r="NJJ697" s="613"/>
      <c r="NJK697" s="613"/>
      <c r="NJL697" s="613"/>
      <c r="NJM697" s="613"/>
      <c r="NJN697" s="613"/>
      <c r="NJO697" s="613"/>
      <c r="NJP697" s="613"/>
      <c r="NJQ697" s="613"/>
      <c r="NJR697" s="613"/>
      <c r="NJS697" s="613"/>
      <c r="NJT697" s="613"/>
      <c r="NJU697" s="613"/>
      <c r="NJV697" s="613"/>
      <c r="NJW697" s="613"/>
      <c r="NJX697" s="613"/>
      <c r="NJY697" s="613"/>
      <c r="NJZ697" s="613"/>
      <c r="NKA697" s="613"/>
      <c r="NKB697" s="613"/>
      <c r="NKC697" s="613"/>
      <c r="NKD697" s="613"/>
      <c r="NKE697" s="613"/>
      <c r="NKF697" s="613"/>
      <c r="NKG697" s="613"/>
      <c r="NKH697" s="613"/>
      <c r="NKI697" s="613"/>
      <c r="NKJ697" s="613"/>
      <c r="NKK697" s="613"/>
      <c r="NKL697" s="613"/>
      <c r="NKM697" s="613"/>
      <c r="NKN697" s="613"/>
      <c r="NKO697" s="613"/>
      <c r="NKP697" s="613"/>
      <c r="NKQ697" s="613"/>
      <c r="NKR697" s="613"/>
      <c r="NKS697" s="613"/>
      <c r="NKT697" s="613"/>
      <c r="NKU697" s="613"/>
      <c r="NKV697" s="613"/>
      <c r="NKW697" s="613"/>
      <c r="NKX697" s="613"/>
      <c r="NKY697" s="613"/>
      <c r="NKZ697" s="613"/>
      <c r="NLA697" s="613"/>
      <c r="NLB697" s="613"/>
      <c r="NLC697" s="613"/>
      <c r="NLD697" s="613"/>
      <c r="NLE697" s="613"/>
      <c r="NLF697" s="613"/>
      <c r="NLG697" s="613"/>
      <c r="NLH697" s="613"/>
      <c r="NLI697" s="613"/>
      <c r="NLJ697" s="613"/>
      <c r="NLK697" s="613"/>
      <c r="NLL697" s="613"/>
      <c r="NLM697" s="613"/>
      <c r="NLN697" s="613"/>
      <c r="NLO697" s="613"/>
      <c r="NLP697" s="613"/>
      <c r="NLQ697" s="613"/>
      <c r="NLR697" s="613"/>
      <c r="NLS697" s="613"/>
      <c r="NLT697" s="613"/>
      <c r="NLU697" s="613"/>
      <c r="NLV697" s="613"/>
      <c r="NLW697" s="613"/>
      <c r="NLX697" s="613"/>
      <c r="NLY697" s="613"/>
      <c r="NLZ697" s="613"/>
      <c r="NMA697" s="613"/>
      <c r="NMB697" s="613"/>
      <c r="NMC697" s="613"/>
      <c r="NMD697" s="613"/>
      <c r="NME697" s="613"/>
      <c r="NMF697" s="613"/>
      <c r="NMG697" s="613"/>
      <c r="NMH697" s="613"/>
      <c r="NMI697" s="613"/>
      <c r="NMJ697" s="613"/>
      <c r="NMK697" s="613"/>
      <c r="NML697" s="613"/>
      <c r="NMM697" s="613"/>
      <c r="NMN697" s="613"/>
      <c r="NMO697" s="613"/>
      <c r="NMP697" s="613"/>
      <c r="NMQ697" s="613"/>
      <c r="NMR697" s="613"/>
      <c r="NMS697" s="613"/>
      <c r="NMT697" s="613"/>
      <c r="NMU697" s="613"/>
      <c r="NMV697" s="613"/>
      <c r="NMW697" s="613"/>
      <c r="NMX697" s="613"/>
      <c r="NMY697" s="613"/>
      <c r="NMZ697" s="613"/>
      <c r="NNA697" s="613"/>
      <c r="NNB697" s="613"/>
      <c r="NNC697" s="613"/>
      <c r="NND697" s="613"/>
      <c r="NNE697" s="613"/>
      <c r="NNF697" s="613"/>
      <c r="NNG697" s="613"/>
      <c r="NNH697" s="613"/>
      <c r="NNI697" s="613"/>
      <c r="NNJ697" s="613"/>
      <c r="NNK697" s="613"/>
      <c r="NNL697" s="613"/>
      <c r="NNM697" s="613"/>
      <c r="NNN697" s="613"/>
      <c r="NNO697" s="613"/>
      <c r="NNP697" s="613"/>
      <c r="NNQ697" s="613"/>
      <c r="NNR697" s="613"/>
      <c r="NNS697" s="613"/>
      <c r="NNT697" s="613"/>
      <c r="NNU697" s="613"/>
      <c r="NNV697" s="613"/>
      <c r="NNW697" s="613"/>
      <c r="NNX697" s="613"/>
      <c r="NNY697" s="613"/>
      <c r="NNZ697" s="613"/>
      <c r="NOA697" s="613"/>
      <c r="NOB697" s="613"/>
      <c r="NOC697" s="613"/>
      <c r="NOD697" s="613"/>
      <c r="NOE697" s="613"/>
      <c r="NOF697" s="613"/>
      <c r="NOG697" s="613"/>
      <c r="NOH697" s="613"/>
      <c r="NOI697" s="613"/>
      <c r="NOJ697" s="613"/>
      <c r="NOK697" s="613"/>
      <c r="NOL697" s="613"/>
      <c r="NOM697" s="613"/>
      <c r="NON697" s="613"/>
      <c r="NOO697" s="613"/>
      <c r="NOP697" s="613"/>
      <c r="NOQ697" s="613"/>
      <c r="NOR697" s="613"/>
      <c r="NOS697" s="613"/>
      <c r="NOT697" s="613"/>
      <c r="NOU697" s="613"/>
      <c r="NOV697" s="613"/>
      <c r="NOW697" s="613"/>
      <c r="NOX697" s="613"/>
      <c r="NOY697" s="613"/>
      <c r="NOZ697" s="613"/>
      <c r="NPA697" s="613"/>
      <c r="NPB697" s="613"/>
      <c r="NPC697" s="613"/>
      <c r="NPD697" s="613"/>
      <c r="NPE697" s="613"/>
      <c r="NPF697" s="613"/>
      <c r="NPG697" s="613"/>
      <c r="NPH697" s="613"/>
      <c r="NPI697" s="613"/>
      <c r="NPJ697" s="613"/>
      <c r="NPK697" s="613"/>
      <c r="NPL697" s="613"/>
      <c r="NPM697" s="613"/>
      <c r="NPN697" s="613"/>
      <c r="NPO697" s="613"/>
      <c r="NPP697" s="613"/>
      <c r="NPQ697" s="613"/>
      <c r="NPR697" s="613"/>
      <c r="NPS697" s="613"/>
      <c r="NPT697" s="613"/>
      <c r="NPU697" s="613"/>
      <c r="NPV697" s="613"/>
      <c r="NPW697" s="613"/>
      <c r="NPX697" s="613"/>
      <c r="NPY697" s="613"/>
      <c r="NPZ697" s="613"/>
      <c r="NQA697" s="613"/>
      <c r="NQB697" s="613"/>
      <c r="NQC697" s="613"/>
      <c r="NQD697" s="613"/>
      <c r="NQE697" s="613"/>
      <c r="NQF697" s="613"/>
      <c r="NQG697" s="613"/>
      <c r="NQH697" s="613"/>
      <c r="NQI697" s="613"/>
      <c r="NQJ697" s="613"/>
      <c r="NQK697" s="613"/>
      <c r="NQL697" s="613"/>
      <c r="NQM697" s="613"/>
      <c r="NQN697" s="613"/>
      <c r="NQO697" s="613"/>
      <c r="NQP697" s="613"/>
      <c r="NQQ697" s="613"/>
      <c r="NQR697" s="613"/>
      <c r="NQS697" s="613"/>
      <c r="NQT697" s="613"/>
      <c r="NQU697" s="613"/>
      <c r="NQV697" s="613"/>
      <c r="NQW697" s="613"/>
      <c r="NQX697" s="613"/>
      <c r="NQY697" s="613"/>
      <c r="NQZ697" s="613"/>
      <c r="NRA697" s="613"/>
      <c r="NRB697" s="613"/>
      <c r="NRC697" s="613"/>
      <c r="NRD697" s="613"/>
      <c r="NRE697" s="613"/>
      <c r="NRF697" s="613"/>
      <c r="NRG697" s="613"/>
      <c r="NRH697" s="613"/>
      <c r="NRI697" s="613"/>
      <c r="NRJ697" s="613"/>
      <c r="NRK697" s="613"/>
      <c r="NRL697" s="613"/>
      <c r="NRM697" s="613"/>
      <c r="NRN697" s="613"/>
      <c r="NRO697" s="613"/>
      <c r="NRP697" s="613"/>
      <c r="NRQ697" s="613"/>
      <c r="NRR697" s="613"/>
      <c r="NRS697" s="613"/>
      <c r="NRT697" s="613"/>
      <c r="NRU697" s="613"/>
      <c r="NRV697" s="613"/>
      <c r="NRW697" s="613"/>
      <c r="NRX697" s="613"/>
      <c r="NRY697" s="613"/>
      <c r="NRZ697" s="613"/>
      <c r="NSA697" s="613"/>
      <c r="NSB697" s="613"/>
      <c r="NSC697" s="613"/>
      <c r="NSD697" s="613"/>
      <c r="NSE697" s="613"/>
      <c r="NSF697" s="613"/>
      <c r="NSG697" s="613"/>
      <c r="NSH697" s="613"/>
      <c r="NSI697" s="613"/>
      <c r="NSJ697" s="613"/>
      <c r="NSK697" s="613"/>
      <c r="NSL697" s="613"/>
      <c r="NSM697" s="613"/>
      <c r="NSN697" s="613"/>
      <c r="NSO697" s="613"/>
      <c r="NSP697" s="613"/>
      <c r="NSQ697" s="613"/>
      <c r="NSR697" s="613"/>
      <c r="NSS697" s="613"/>
      <c r="NST697" s="613"/>
      <c r="NSU697" s="613"/>
      <c r="NSV697" s="613"/>
      <c r="NSW697" s="613"/>
      <c r="NSX697" s="613"/>
      <c r="NSY697" s="613"/>
      <c r="NSZ697" s="613"/>
      <c r="NTA697" s="613"/>
      <c r="NTB697" s="613"/>
      <c r="NTC697" s="613"/>
      <c r="NTD697" s="613"/>
      <c r="NTE697" s="613"/>
      <c r="NTF697" s="613"/>
      <c r="NTG697" s="613"/>
      <c r="NTH697" s="613"/>
      <c r="NTI697" s="613"/>
      <c r="NTJ697" s="613"/>
      <c r="NTK697" s="613"/>
      <c r="NTL697" s="613"/>
      <c r="NTM697" s="613"/>
      <c r="NTN697" s="613"/>
      <c r="NTO697" s="613"/>
      <c r="NTP697" s="613"/>
      <c r="NTQ697" s="613"/>
      <c r="NTR697" s="613"/>
      <c r="NTS697" s="613"/>
      <c r="NTT697" s="613"/>
      <c r="NTU697" s="613"/>
      <c r="NTV697" s="613"/>
      <c r="NTW697" s="613"/>
      <c r="NTX697" s="613"/>
      <c r="NTY697" s="613"/>
      <c r="NTZ697" s="613"/>
      <c r="NUA697" s="613"/>
      <c r="NUB697" s="613"/>
      <c r="NUC697" s="613"/>
      <c r="NUD697" s="613"/>
      <c r="NUE697" s="613"/>
      <c r="NUF697" s="613"/>
      <c r="NUG697" s="613"/>
      <c r="NUH697" s="613"/>
      <c r="NUI697" s="613"/>
      <c r="NUJ697" s="613"/>
      <c r="NUK697" s="613"/>
      <c r="NUL697" s="613"/>
      <c r="NUM697" s="613"/>
      <c r="NUN697" s="613"/>
      <c r="NUO697" s="613"/>
      <c r="NUP697" s="613"/>
      <c r="NUQ697" s="613"/>
      <c r="NUR697" s="613"/>
      <c r="NUS697" s="613"/>
      <c r="NUT697" s="613"/>
      <c r="NUU697" s="613"/>
      <c r="NUV697" s="613"/>
      <c r="NUW697" s="613"/>
      <c r="NUX697" s="613"/>
      <c r="NUY697" s="613"/>
      <c r="NUZ697" s="613"/>
      <c r="NVA697" s="613"/>
      <c r="NVB697" s="613"/>
      <c r="NVC697" s="613"/>
      <c r="NVD697" s="613"/>
      <c r="NVE697" s="613"/>
      <c r="NVF697" s="613"/>
      <c r="NVG697" s="613"/>
      <c r="NVH697" s="613"/>
      <c r="NVI697" s="613"/>
      <c r="NVJ697" s="613"/>
      <c r="NVK697" s="613"/>
      <c r="NVL697" s="613"/>
      <c r="NVM697" s="613"/>
      <c r="NVN697" s="613"/>
      <c r="NVO697" s="613"/>
      <c r="NVP697" s="613"/>
      <c r="NVQ697" s="613"/>
      <c r="NVR697" s="613"/>
      <c r="NVS697" s="613"/>
      <c r="NVT697" s="613"/>
      <c r="NVU697" s="613"/>
      <c r="NVV697" s="613"/>
      <c r="NVW697" s="613"/>
      <c r="NVX697" s="613"/>
      <c r="NVY697" s="613"/>
      <c r="NVZ697" s="613"/>
      <c r="NWA697" s="613"/>
      <c r="NWB697" s="613"/>
      <c r="NWC697" s="613"/>
      <c r="NWD697" s="613"/>
      <c r="NWE697" s="613"/>
      <c r="NWF697" s="613"/>
      <c r="NWG697" s="613"/>
      <c r="NWH697" s="613"/>
      <c r="NWI697" s="613"/>
      <c r="NWJ697" s="613"/>
      <c r="NWK697" s="613"/>
      <c r="NWL697" s="613"/>
      <c r="NWM697" s="613"/>
      <c r="NWN697" s="613"/>
      <c r="NWO697" s="613"/>
      <c r="NWP697" s="613"/>
      <c r="NWQ697" s="613"/>
      <c r="NWR697" s="613"/>
      <c r="NWS697" s="613"/>
      <c r="NWT697" s="613"/>
      <c r="NWU697" s="613"/>
      <c r="NWV697" s="613"/>
      <c r="NWW697" s="613"/>
      <c r="NWX697" s="613"/>
      <c r="NWY697" s="613"/>
      <c r="NWZ697" s="613"/>
      <c r="NXA697" s="613"/>
      <c r="NXB697" s="613"/>
      <c r="NXC697" s="613"/>
      <c r="NXD697" s="613"/>
      <c r="NXE697" s="613"/>
      <c r="NXF697" s="613"/>
      <c r="NXG697" s="613"/>
      <c r="NXH697" s="613"/>
      <c r="NXI697" s="613"/>
      <c r="NXJ697" s="613"/>
      <c r="NXK697" s="613"/>
      <c r="NXL697" s="613"/>
      <c r="NXM697" s="613"/>
      <c r="NXN697" s="613"/>
      <c r="NXO697" s="613"/>
      <c r="NXP697" s="613"/>
      <c r="NXQ697" s="613"/>
      <c r="NXR697" s="613"/>
      <c r="NXS697" s="613"/>
      <c r="NXT697" s="613"/>
      <c r="NXU697" s="613"/>
      <c r="NXV697" s="613"/>
      <c r="NXW697" s="613"/>
      <c r="NXX697" s="613"/>
      <c r="NXY697" s="613"/>
      <c r="NXZ697" s="613"/>
      <c r="NYA697" s="613"/>
      <c r="NYB697" s="613"/>
      <c r="NYC697" s="613"/>
      <c r="NYD697" s="613"/>
      <c r="NYE697" s="613"/>
      <c r="NYF697" s="613"/>
      <c r="NYG697" s="613"/>
      <c r="NYH697" s="613"/>
      <c r="NYI697" s="613"/>
      <c r="NYJ697" s="613"/>
      <c r="NYK697" s="613"/>
      <c r="NYL697" s="613"/>
      <c r="NYM697" s="613"/>
      <c r="NYN697" s="613"/>
      <c r="NYO697" s="613"/>
      <c r="NYP697" s="613"/>
      <c r="NYQ697" s="613"/>
      <c r="NYR697" s="613"/>
      <c r="NYS697" s="613"/>
      <c r="NYT697" s="613"/>
      <c r="NYU697" s="613"/>
      <c r="NYV697" s="613"/>
      <c r="NYW697" s="613"/>
      <c r="NYX697" s="613"/>
      <c r="NYY697" s="613"/>
      <c r="NYZ697" s="613"/>
      <c r="NZA697" s="613"/>
      <c r="NZB697" s="613"/>
      <c r="NZC697" s="613"/>
      <c r="NZD697" s="613"/>
      <c r="NZE697" s="613"/>
      <c r="NZF697" s="613"/>
      <c r="NZG697" s="613"/>
      <c r="NZH697" s="613"/>
      <c r="NZI697" s="613"/>
      <c r="NZJ697" s="613"/>
      <c r="NZK697" s="613"/>
      <c r="NZL697" s="613"/>
      <c r="NZM697" s="613"/>
      <c r="NZN697" s="613"/>
      <c r="NZO697" s="613"/>
      <c r="NZP697" s="613"/>
      <c r="NZQ697" s="613"/>
      <c r="NZR697" s="613"/>
      <c r="NZS697" s="613"/>
      <c r="NZT697" s="613"/>
      <c r="NZU697" s="613"/>
      <c r="NZV697" s="613"/>
      <c r="NZW697" s="613"/>
      <c r="NZX697" s="613"/>
      <c r="NZY697" s="613"/>
      <c r="NZZ697" s="613"/>
      <c r="OAA697" s="613"/>
      <c r="OAB697" s="613"/>
      <c r="OAC697" s="613"/>
      <c r="OAD697" s="613"/>
      <c r="OAE697" s="613"/>
      <c r="OAF697" s="613"/>
      <c r="OAG697" s="613"/>
      <c r="OAH697" s="613"/>
      <c r="OAI697" s="613"/>
      <c r="OAJ697" s="613"/>
      <c r="OAK697" s="613"/>
      <c r="OAL697" s="613"/>
      <c r="OAM697" s="613"/>
      <c r="OAN697" s="613"/>
      <c r="OAO697" s="613"/>
      <c r="OAP697" s="613"/>
      <c r="OAQ697" s="613"/>
      <c r="OAR697" s="613"/>
      <c r="OAS697" s="613"/>
      <c r="OAT697" s="613"/>
      <c r="OAU697" s="613"/>
      <c r="OAV697" s="613"/>
      <c r="OAW697" s="613"/>
      <c r="OAX697" s="613"/>
      <c r="OAY697" s="613"/>
      <c r="OAZ697" s="613"/>
      <c r="OBA697" s="613"/>
      <c r="OBB697" s="613"/>
      <c r="OBC697" s="613"/>
      <c r="OBD697" s="613"/>
      <c r="OBE697" s="613"/>
      <c r="OBF697" s="613"/>
      <c r="OBG697" s="613"/>
      <c r="OBH697" s="613"/>
      <c r="OBI697" s="613"/>
      <c r="OBJ697" s="613"/>
      <c r="OBK697" s="613"/>
      <c r="OBL697" s="613"/>
      <c r="OBM697" s="613"/>
      <c r="OBN697" s="613"/>
      <c r="OBO697" s="613"/>
      <c r="OBP697" s="613"/>
      <c r="OBQ697" s="613"/>
      <c r="OBR697" s="613"/>
      <c r="OBS697" s="613"/>
      <c r="OBT697" s="613"/>
      <c r="OBU697" s="613"/>
      <c r="OBV697" s="613"/>
      <c r="OBW697" s="613"/>
      <c r="OBX697" s="613"/>
      <c r="OBY697" s="613"/>
      <c r="OBZ697" s="613"/>
      <c r="OCA697" s="613"/>
      <c r="OCB697" s="613"/>
      <c r="OCC697" s="613"/>
      <c r="OCD697" s="613"/>
      <c r="OCE697" s="613"/>
      <c r="OCF697" s="613"/>
      <c r="OCG697" s="613"/>
      <c r="OCH697" s="613"/>
      <c r="OCI697" s="613"/>
      <c r="OCJ697" s="613"/>
      <c r="OCK697" s="613"/>
      <c r="OCL697" s="613"/>
      <c r="OCM697" s="613"/>
      <c r="OCN697" s="613"/>
      <c r="OCO697" s="613"/>
      <c r="OCP697" s="613"/>
      <c r="OCQ697" s="613"/>
      <c r="OCR697" s="613"/>
      <c r="OCS697" s="613"/>
      <c r="OCT697" s="613"/>
      <c r="OCU697" s="613"/>
      <c r="OCV697" s="613"/>
      <c r="OCW697" s="613"/>
      <c r="OCX697" s="613"/>
      <c r="OCY697" s="613"/>
      <c r="OCZ697" s="613"/>
      <c r="ODA697" s="613"/>
      <c r="ODB697" s="613"/>
      <c r="ODC697" s="613"/>
      <c r="ODD697" s="613"/>
      <c r="ODE697" s="613"/>
      <c r="ODF697" s="613"/>
      <c r="ODG697" s="613"/>
      <c r="ODH697" s="613"/>
      <c r="ODI697" s="613"/>
      <c r="ODJ697" s="613"/>
      <c r="ODK697" s="613"/>
      <c r="ODL697" s="613"/>
      <c r="ODM697" s="613"/>
      <c r="ODN697" s="613"/>
      <c r="ODO697" s="613"/>
      <c r="ODP697" s="613"/>
      <c r="ODQ697" s="613"/>
      <c r="ODR697" s="613"/>
      <c r="ODS697" s="613"/>
      <c r="ODT697" s="613"/>
      <c r="ODU697" s="613"/>
      <c r="ODV697" s="613"/>
      <c r="ODW697" s="613"/>
      <c r="ODX697" s="613"/>
      <c r="ODY697" s="613"/>
      <c r="ODZ697" s="613"/>
      <c r="OEA697" s="613"/>
      <c r="OEB697" s="613"/>
      <c r="OEC697" s="613"/>
      <c r="OED697" s="613"/>
      <c r="OEE697" s="613"/>
      <c r="OEF697" s="613"/>
      <c r="OEG697" s="613"/>
      <c r="OEH697" s="613"/>
      <c r="OEI697" s="613"/>
      <c r="OEJ697" s="613"/>
      <c r="OEK697" s="613"/>
      <c r="OEL697" s="613"/>
      <c r="OEM697" s="613"/>
      <c r="OEN697" s="613"/>
      <c r="OEO697" s="613"/>
      <c r="OEP697" s="613"/>
      <c r="OEQ697" s="613"/>
      <c r="OER697" s="613"/>
      <c r="OES697" s="613"/>
      <c r="OET697" s="613"/>
      <c r="OEU697" s="613"/>
      <c r="OEV697" s="613"/>
      <c r="OEW697" s="613"/>
      <c r="OEX697" s="613"/>
      <c r="OEY697" s="613"/>
      <c r="OEZ697" s="613"/>
      <c r="OFA697" s="613"/>
      <c r="OFB697" s="613"/>
      <c r="OFC697" s="613"/>
      <c r="OFD697" s="613"/>
      <c r="OFE697" s="613"/>
      <c r="OFF697" s="613"/>
      <c r="OFG697" s="613"/>
      <c r="OFH697" s="613"/>
      <c r="OFI697" s="613"/>
      <c r="OFJ697" s="613"/>
      <c r="OFK697" s="613"/>
      <c r="OFL697" s="613"/>
      <c r="OFM697" s="613"/>
      <c r="OFN697" s="613"/>
      <c r="OFO697" s="613"/>
      <c r="OFP697" s="613"/>
      <c r="OFQ697" s="613"/>
      <c r="OFR697" s="613"/>
      <c r="OFS697" s="613"/>
      <c r="OFT697" s="613"/>
      <c r="OFU697" s="613"/>
      <c r="OFV697" s="613"/>
      <c r="OFW697" s="613"/>
      <c r="OFX697" s="613"/>
      <c r="OFY697" s="613"/>
      <c r="OFZ697" s="613"/>
      <c r="OGA697" s="613"/>
      <c r="OGB697" s="613"/>
      <c r="OGC697" s="613"/>
      <c r="OGD697" s="613"/>
      <c r="OGE697" s="613"/>
      <c r="OGF697" s="613"/>
      <c r="OGG697" s="613"/>
      <c r="OGH697" s="613"/>
      <c r="OGI697" s="613"/>
      <c r="OGJ697" s="613"/>
      <c r="OGK697" s="613"/>
      <c r="OGL697" s="613"/>
      <c r="OGM697" s="613"/>
      <c r="OGN697" s="613"/>
      <c r="OGO697" s="613"/>
      <c r="OGP697" s="613"/>
      <c r="OGQ697" s="613"/>
      <c r="OGR697" s="613"/>
      <c r="OGS697" s="613"/>
      <c r="OGT697" s="613"/>
      <c r="OGU697" s="613"/>
      <c r="OGV697" s="613"/>
      <c r="OGW697" s="613"/>
      <c r="OGX697" s="613"/>
      <c r="OGY697" s="613"/>
      <c r="OGZ697" s="613"/>
      <c r="OHA697" s="613"/>
      <c r="OHB697" s="613"/>
      <c r="OHC697" s="613"/>
      <c r="OHD697" s="613"/>
      <c r="OHE697" s="613"/>
      <c r="OHF697" s="613"/>
      <c r="OHG697" s="613"/>
      <c r="OHH697" s="613"/>
      <c r="OHI697" s="613"/>
      <c r="OHJ697" s="613"/>
      <c r="OHK697" s="613"/>
      <c r="OHL697" s="613"/>
      <c r="OHM697" s="613"/>
      <c r="OHN697" s="613"/>
      <c r="OHO697" s="613"/>
      <c r="OHP697" s="613"/>
      <c r="OHQ697" s="613"/>
      <c r="OHR697" s="613"/>
      <c r="OHS697" s="613"/>
      <c r="OHT697" s="613"/>
      <c r="OHU697" s="613"/>
      <c r="OHV697" s="613"/>
      <c r="OHW697" s="613"/>
      <c r="OHX697" s="613"/>
      <c r="OHY697" s="613"/>
      <c r="OHZ697" s="613"/>
      <c r="OIA697" s="613"/>
      <c r="OIB697" s="613"/>
      <c r="OIC697" s="613"/>
      <c r="OID697" s="613"/>
      <c r="OIE697" s="613"/>
      <c r="OIF697" s="613"/>
      <c r="OIG697" s="613"/>
      <c r="OIH697" s="613"/>
      <c r="OII697" s="613"/>
      <c r="OIJ697" s="613"/>
      <c r="OIK697" s="613"/>
      <c r="OIL697" s="613"/>
      <c r="OIM697" s="613"/>
      <c r="OIN697" s="613"/>
      <c r="OIO697" s="613"/>
      <c r="OIP697" s="613"/>
      <c r="OIQ697" s="613"/>
      <c r="OIR697" s="613"/>
      <c r="OIS697" s="613"/>
      <c r="OIT697" s="613"/>
      <c r="OIU697" s="613"/>
      <c r="OIV697" s="613"/>
      <c r="OIW697" s="613"/>
      <c r="OIX697" s="613"/>
      <c r="OIY697" s="613"/>
      <c r="OIZ697" s="613"/>
      <c r="OJA697" s="613"/>
      <c r="OJB697" s="613"/>
      <c r="OJC697" s="613"/>
      <c r="OJD697" s="613"/>
      <c r="OJE697" s="613"/>
      <c r="OJF697" s="613"/>
      <c r="OJG697" s="613"/>
      <c r="OJH697" s="613"/>
      <c r="OJI697" s="613"/>
      <c r="OJJ697" s="613"/>
      <c r="OJK697" s="613"/>
      <c r="OJL697" s="613"/>
      <c r="OJM697" s="613"/>
      <c r="OJN697" s="613"/>
      <c r="OJO697" s="613"/>
      <c r="OJP697" s="613"/>
      <c r="OJQ697" s="613"/>
      <c r="OJR697" s="613"/>
      <c r="OJS697" s="613"/>
      <c r="OJT697" s="613"/>
      <c r="OJU697" s="613"/>
      <c r="OJV697" s="613"/>
      <c r="OJW697" s="613"/>
      <c r="OJX697" s="613"/>
      <c r="OJY697" s="613"/>
      <c r="OJZ697" s="613"/>
      <c r="OKA697" s="613"/>
      <c r="OKB697" s="613"/>
      <c r="OKC697" s="613"/>
      <c r="OKD697" s="613"/>
      <c r="OKE697" s="613"/>
      <c r="OKF697" s="613"/>
      <c r="OKG697" s="613"/>
      <c r="OKH697" s="613"/>
      <c r="OKI697" s="613"/>
      <c r="OKJ697" s="613"/>
      <c r="OKK697" s="613"/>
      <c r="OKL697" s="613"/>
      <c r="OKM697" s="613"/>
      <c r="OKN697" s="613"/>
      <c r="OKO697" s="613"/>
      <c r="OKP697" s="613"/>
      <c r="OKQ697" s="613"/>
      <c r="OKR697" s="613"/>
      <c r="OKS697" s="613"/>
      <c r="OKT697" s="613"/>
      <c r="OKU697" s="613"/>
      <c r="OKV697" s="613"/>
      <c r="OKW697" s="613"/>
      <c r="OKX697" s="613"/>
      <c r="OKY697" s="613"/>
      <c r="OKZ697" s="613"/>
      <c r="OLA697" s="613"/>
      <c r="OLB697" s="613"/>
      <c r="OLC697" s="613"/>
      <c r="OLD697" s="613"/>
      <c r="OLE697" s="613"/>
      <c r="OLF697" s="613"/>
      <c r="OLG697" s="613"/>
      <c r="OLH697" s="613"/>
      <c r="OLI697" s="613"/>
      <c r="OLJ697" s="613"/>
      <c r="OLK697" s="613"/>
      <c r="OLL697" s="613"/>
      <c r="OLM697" s="613"/>
      <c r="OLN697" s="613"/>
      <c r="OLO697" s="613"/>
      <c r="OLP697" s="613"/>
      <c r="OLQ697" s="613"/>
      <c r="OLR697" s="613"/>
      <c r="OLS697" s="613"/>
      <c r="OLT697" s="613"/>
      <c r="OLU697" s="613"/>
      <c r="OLV697" s="613"/>
      <c r="OLW697" s="613"/>
      <c r="OLX697" s="613"/>
      <c r="OLY697" s="613"/>
      <c r="OLZ697" s="613"/>
      <c r="OMA697" s="613"/>
      <c r="OMB697" s="613"/>
      <c r="OMC697" s="613"/>
      <c r="OMD697" s="613"/>
      <c r="OME697" s="613"/>
      <c r="OMF697" s="613"/>
      <c r="OMG697" s="613"/>
      <c r="OMH697" s="613"/>
      <c r="OMI697" s="613"/>
      <c r="OMJ697" s="613"/>
      <c r="OMK697" s="613"/>
      <c r="OML697" s="613"/>
      <c r="OMM697" s="613"/>
      <c r="OMN697" s="613"/>
      <c r="OMO697" s="613"/>
      <c r="OMP697" s="613"/>
      <c r="OMQ697" s="613"/>
      <c r="OMR697" s="613"/>
      <c r="OMS697" s="613"/>
      <c r="OMT697" s="613"/>
      <c r="OMU697" s="613"/>
      <c r="OMV697" s="613"/>
      <c r="OMW697" s="613"/>
      <c r="OMX697" s="613"/>
      <c r="OMY697" s="613"/>
      <c r="OMZ697" s="613"/>
      <c r="ONA697" s="613"/>
      <c r="ONB697" s="613"/>
      <c r="ONC697" s="613"/>
      <c r="OND697" s="613"/>
      <c r="ONE697" s="613"/>
      <c r="ONF697" s="613"/>
      <c r="ONG697" s="613"/>
      <c r="ONH697" s="613"/>
      <c r="ONI697" s="613"/>
      <c r="ONJ697" s="613"/>
      <c r="ONK697" s="613"/>
      <c r="ONL697" s="613"/>
      <c r="ONM697" s="613"/>
      <c r="ONN697" s="613"/>
      <c r="ONO697" s="613"/>
      <c r="ONP697" s="613"/>
      <c r="ONQ697" s="613"/>
      <c r="ONR697" s="613"/>
      <c r="ONS697" s="613"/>
      <c r="ONT697" s="613"/>
      <c r="ONU697" s="613"/>
      <c r="ONV697" s="613"/>
      <c r="ONW697" s="613"/>
      <c r="ONX697" s="613"/>
      <c r="ONY697" s="613"/>
      <c r="ONZ697" s="613"/>
      <c r="OOA697" s="613"/>
      <c r="OOB697" s="613"/>
      <c r="OOC697" s="613"/>
      <c r="OOD697" s="613"/>
      <c r="OOE697" s="613"/>
      <c r="OOF697" s="613"/>
      <c r="OOG697" s="613"/>
      <c r="OOH697" s="613"/>
      <c r="OOI697" s="613"/>
      <c r="OOJ697" s="613"/>
      <c r="OOK697" s="613"/>
      <c r="OOL697" s="613"/>
      <c r="OOM697" s="613"/>
      <c r="OON697" s="613"/>
      <c r="OOO697" s="613"/>
      <c r="OOP697" s="613"/>
      <c r="OOQ697" s="613"/>
      <c r="OOR697" s="613"/>
      <c r="OOS697" s="613"/>
      <c r="OOT697" s="613"/>
      <c r="OOU697" s="613"/>
      <c r="OOV697" s="613"/>
      <c r="OOW697" s="613"/>
      <c r="OOX697" s="613"/>
      <c r="OOY697" s="613"/>
      <c r="OOZ697" s="613"/>
      <c r="OPA697" s="613"/>
      <c r="OPB697" s="613"/>
      <c r="OPC697" s="613"/>
      <c r="OPD697" s="613"/>
      <c r="OPE697" s="613"/>
      <c r="OPF697" s="613"/>
      <c r="OPG697" s="613"/>
      <c r="OPH697" s="613"/>
      <c r="OPI697" s="613"/>
      <c r="OPJ697" s="613"/>
      <c r="OPK697" s="613"/>
      <c r="OPL697" s="613"/>
      <c r="OPM697" s="613"/>
      <c r="OPN697" s="613"/>
      <c r="OPO697" s="613"/>
      <c r="OPP697" s="613"/>
      <c r="OPQ697" s="613"/>
      <c r="OPR697" s="613"/>
      <c r="OPS697" s="613"/>
      <c r="OPT697" s="613"/>
      <c r="OPU697" s="613"/>
      <c r="OPV697" s="613"/>
      <c r="OPW697" s="613"/>
      <c r="OPX697" s="613"/>
      <c r="OPY697" s="613"/>
      <c r="OPZ697" s="613"/>
      <c r="OQA697" s="613"/>
      <c r="OQB697" s="613"/>
      <c r="OQC697" s="613"/>
      <c r="OQD697" s="613"/>
      <c r="OQE697" s="613"/>
      <c r="OQF697" s="613"/>
      <c r="OQG697" s="613"/>
      <c r="OQH697" s="613"/>
      <c r="OQI697" s="613"/>
      <c r="OQJ697" s="613"/>
      <c r="OQK697" s="613"/>
      <c r="OQL697" s="613"/>
      <c r="OQM697" s="613"/>
      <c r="OQN697" s="613"/>
      <c r="OQO697" s="613"/>
      <c r="OQP697" s="613"/>
      <c r="OQQ697" s="613"/>
      <c r="OQR697" s="613"/>
      <c r="OQS697" s="613"/>
      <c r="OQT697" s="613"/>
      <c r="OQU697" s="613"/>
      <c r="OQV697" s="613"/>
      <c r="OQW697" s="613"/>
      <c r="OQX697" s="613"/>
      <c r="OQY697" s="613"/>
      <c r="OQZ697" s="613"/>
      <c r="ORA697" s="613"/>
      <c r="ORB697" s="613"/>
      <c r="ORC697" s="613"/>
      <c r="ORD697" s="613"/>
      <c r="ORE697" s="613"/>
      <c r="ORF697" s="613"/>
      <c r="ORG697" s="613"/>
      <c r="ORH697" s="613"/>
      <c r="ORI697" s="613"/>
      <c r="ORJ697" s="613"/>
      <c r="ORK697" s="613"/>
      <c r="ORL697" s="613"/>
      <c r="ORM697" s="613"/>
      <c r="ORN697" s="613"/>
      <c r="ORO697" s="613"/>
      <c r="ORP697" s="613"/>
      <c r="ORQ697" s="613"/>
      <c r="ORR697" s="613"/>
      <c r="ORS697" s="613"/>
      <c r="ORT697" s="613"/>
      <c r="ORU697" s="613"/>
      <c r="ORV697" s="613"/>
      <c r="ORW697" s="613"/>
      <c r="ORX697" s="613"/>
      <c r="ORY697" s="613"/>
      <c r="ORZ697" s="613"/>
      <c r="OSA697" s="613"/>
      <c r="OSB697" s="613"/>
      <c r="OSC697" s="613"/>
      <c r="OSD697" s="613"/>
      <c r="OSE697" s="613"/>
      <c r="OSF697" s="613"/>
      <c r="OSG697" s="613"/>
      <c r="OSH697" s="613"/>
      <c r="OSI697" s="613"/>
      <c r="OSJ697" s="613"/>
      <c r="OSK697" s="613"/>
      <c r="OSL697" s="613"/>
      <c r="OSM697" s="613"/>
      <c r="OSN697" s="613"/>
      <c r="OSO697" s="613"/>
      <c r="OSP697" s="613"/>
      <c r="OSQ697" s="613"/>
      <c r="OSR697" s="613"/>
      <c r="OSS697" s="613"/>
      <c r="OST697" s="613"/>
      <c r="OSU697" s="613"/>
      <c r="OSV697" s="613"/>
      <c r="OSW697" s="613"/>
      <c r="OSX697" s="613"/>
      <c r="OSY697" s="613"/>
      <c r="OSZ697" s="613"/>
      <c r="OTA697" s="613"/>
      <c r="OTB697" s="613"/>
      <c r="OTC697" s="613"/>
      <c r="OTD697" s="613"/>
      <c r="OTE697" s="613"/>
      <c r="OTF697" s="613"/>
      <c r="OTG697" s="613"/>
      <c r="OTH697" s="613"/>
      <c r="OTI697" s="613"/>
      <c r="OTJ697" s="613"/>
      <c r="OTK697" s="613"/>
      <c r="OTL697" s="613"/>
      <c r="OTM697" s="613"/>
      <c r="OTN697" s="613"/>
      <c r="OTO697" s="613"/>
      <c r="OTP697" s="613"/>
      <c r="OTQ697" s="613"/>
      <c r="OTR697" s="613"/>
      <c r="OTS697" s="613"/>
      <c r="OTT697" s="613"/>
      <c r="OTU697" s="613"/>
      <c r="OTV697" s="613"/>
      <c r="OTW697" s="613"/>
      <c r="OTX697" s="613"/>
      <c r="OTY697" s="613"/>
      <c r="OTZ697" s="613"/>
      <c r="OUA697" s="613"/>
      <c r="OUB697" s="613"/>
      <c r="OUC697" s="613"/>
      <c r="OUD697" s="613"/>
      <c r="OUE697" s="613"/>
      <c r="OUF697" s="613"/>
      <c r="OUG697" s="613"/>
      <c r="OUH697" s="613"/>
      <c r="OUI697" s="613"/>
      <c r="OUJ697" s="613"/>
      <c r="OUK697" s="613"/>
      <c r="OUL697" s="613"/>
      <c r="OUM697" s="613"/>
      <c r="OUN697" s="613"/>
      <c r="OUO697" s="613"/>
      <c r="OUP697" s="613"/>
      <c r="OUQ697" s="613"/>
      <c r="OUR697" s="613"/>
      <c r="OUS697" s="613"/>
      <c r="OUT697" s="613"/>
      <c r="OUU697" s="613"/>
      <c r="OUV697" s="613"/>
      <c r="OUW697" s="613"/>
      <c r="OUX697" s="613"/>
      <c r="OUY697" s="613"/>
      <c r="OUZ697" s="613"/>
      <c r="OVA697" s="613"/>
      <c r="OVB697" s="613"/>
      <c r="OVC697" s="613"/>
      <c r="OVD697" s="613"/>
      <c r="OVE697" s="613"/>
      <c r="OVF697" s="613"/>
      <c r="OVG697" s="613"/>
      <c r="OVH697" s="613"/>
      <c r="OVI697" s="613"/>
      <c r="OVJ697" s="613"/>
      <c r="OVK697" s="613"/>
      <c r="OVL697" s="613"/>
      <c r="OVM697" s="613"/>
      <c r="OVN697" s="613"/>
      <c r="OVO697" s="613"/>
      <c r="OVP697" s="613"/>
      <c r="OVQ697" s="613"/>
      <c r="OVR697" s="613"/>
      <c r="OVS697" s="613"/>
      <c r="OVT697" s="613"/>
      <c r="OVU697" s="613"/>
      <c r="OVV697" s="613"/>
      <c r="OVW697" s="613"/>
      <c r="OVX697" s="613"/>
      <c r="OVY697" s="613"/>
      <c r="OVZ697" s="613"/>
      <c r="OWA697" s="613"/>
      <c r="OWB697" s="613"/>
      <c r="OWC697" s="613"/>
      <c r="OWD697" s="613"/>
      <c r="OWE697" s="613"/>
      <c r="OWF697" s="613"/>
      <c r="OWG697" s="613"/>
      <c r="OWH697" s="613"/>
      <c r="OWI697" s="613"/>
      <c r="OWJ697" s="613"/>
      <c r="OWK697" s="613"/>
      <c r="OWL697" s="613"/>
      <c r="OWM697" s="613"/>
      <c r="OWN697" s="613"/>
      <c r="OWO697" s="613"/>
      <c r="OWP697" s="613"/>
      <c r="OWQ697" s="613"/>
      <c r="OWR697" s="613"/>
      <c r="OWS697" s="613"/>
      <c r="OWT697" s="613"/>
      <c r="OWU697" s="613"/>
      <c r="OWV697" s="613"/>
      <c r="OWW697" s="613"/>
      <c r="OWX697" s="613"/>
      <c r="OWY697" s="613"/>
      <c r="OWZ697" s="613"/>
      <c r="OXA697" s="613"/>
      <c r="OXB697" s="613"/>
      <c r="OXC697" s="613"/>
      <c r="OXD697" s="613"/>
      <c r="OXE697" s="613"/>
      <c r="OXF697" s="613"/>
      <c r="OXG697" s="613"/>
      <c r="OXH697" s="613"/>
      <c r="OXI697" s="613"/>
      <c r="OXJ697" s="613"/>
      <c r="OXK697" s="613"/>
      <c r="OXL697" s="613"/>
      <c r="OXM697" s="613"/>
      <c r="OXN697" s="613"/>
      <c r="OXO697" s="613"/>
      <c r="OXP697" s="613"/>
      <c r="OXQ697" s="613"/>
      <c r="OXR697" s="613"/>
      <c r="OXS697" s="613"/>
      <c r="OXT697" s="613"/>
      <c r="OXU697" s="613"/>
      <c r="OXV697" s="613"/>
      <c r="OXW697" s="613"/>
      <c r="OXX697" s="613"/>
      <c r="OXY697" s="613"/>
      <c r="OXZ697" s="613"/>
      <c r="OYA697" s="613"/>
      <c r="OYB697" s="613"/>
      <c r="OYC697" s="613"/>
      <c r="OYD697" s="613"/>
      <c r="OYE697" s="613"/>
      <c r="OYF697" s="613"/>
      <c r="OYG697" s="613"/>
      <c r="OYH697" s="613"/>
      <c r="OYI697" s="613"/>
      <c r="OYJ697" s="613"/>
      <c r="OYK697" s="613"/>
      <c r="OYL697" s="613"/>
      <c r="OYM697" s="613"/>
      <c r="OYN697" s="613"/>
      <c r="OYO697" s="613"/>
      <c r="OYP697" s="613"/>
      <c r="OYQ697" s="613"/>
      <c r="OYR697" s="613"/>
      <c r="OYS697" s="613"/>
      <c r="OYT697" s="613"/>
      <c r="OYU697" s="613"/>
      <c r="OYV697" s="613"/>
      <c r="OYW697" s="613"/>
      <c r="OYX697" s="613"/>
      <c r="OYY697" s="613"/>
      <c r="OYZ697" s="613"/>
      <c r="OZA697" s="613"/>
      <c r="OZB697" s="613"/>
      <c r="OZC697" s="613"/>
      <c r="OZD697" s="613"/>
      <c r="OZE697" s="613"/>
      <c r="OZF697" s="613"/>
      <c r="OZG697" s="613"/>
      <c r="OZH697" s="613"/>
      <c r="OZI697" s="613"/>
      <c r="OZJ697" s="613"/>
      <c r="OZK697" s="613"/>
      <c r="OZL697" s="613"/>
      <c r="OZM697" s="613"/>
      <c r="OZN697" s="613"/>
      <c r="OZO697" s="613"/>
      <c r="OZP697" s="613"/>
      <c r="OZQ697" s="613"/>
      <c r="OZR697" s="613"/>
      <c r="OZS697" s="613"/>
      <c r="OZT697" s="613"/>
      <c r="OZU697" s="613"/>
      <c r="OZV697" s="613"/>
      <c r="OZW697" s="613"/>
      <c r="OZX697" s="613"/>
      <c r="OZY697" s="613"/>
      <c r="OZZ697" s="613"/>
      <c r="PAA697" s="613"/>
      <c r="PAB697" s="613"/>
      <c r="PAC697" s="613"/>
      <c r="PAD697" s="613"/>
      <c r="PAE697" s="613"/>
      <c r="PAF697" s="613"/>
      <c r="PAG697" s="613"/>
      <c r="PAH697" s="613"/>
      <c r="PAI697" s="613"/>
      <c r="PAJ697" s="613"/>
      <c r="PAK697" s="613"/>
      <c r="PAL697" s="613"/>
      <c r="PAM697" s="613"/>
      <c r="PAN697" s="613"/>
      <c r="PAO697" s="613"/>
      <c r="PAP697" s="613"/>
      <c r="PAQ697" s="613"/>
      <c r="PAR697" s="613"/>
      <c r="PAS697" s="613"/>
      <c r="PAT697" s="613"/>
      <c r="PAU697" s="613"/>
      <c r="PAV697" s="613"/>
      <c r="PAW697" s="613"/>
      <c r="PAX697" s="613"/>
      <c r="PAY697" s="613"/>
      <c r="PAZ697" s="613"/>
      <c r="PBA697" s="613"/>
      <c r="PBB697" s="613"/>
      <c r="PBC697" s="613"/>
      <c r="PBD697" s="613"/>
      <c r="PBE697" s="613"/>
      <c r="PBF697" s="613"/>
      <c r="PBG697" s="613"/>
      <c r="PBH697" s="613"/>
      <c r="PBI697" s="613"/>
      <c r="PBJ697" s="613"/>
      <c r="PBK697" s="613"/>
      <c r="PBL697" s="613"/>
      <c r="PBM697" s="613"/>
      <c r="PBN697" s="613"/>
      <c r="PBO697" s="613"/>
      <c r="PBP697" s="613"/>
      <c r="PBQ697" s="613"/>
      <c r="PBR697" s="613"/>
      <c r="PBS697" s="613"/>
      <c r="PBT697" s="613"/>
      <c r="PBU697" s="613"/>
      <c r="PBV697" s="613"/>
      <c r="PBW697" s="613"/>
      <c r="PBX697" s="613"/>
      <c r="PBY697" s="613"/>
      <c r="PBZ697" s="613"/>
      <c r="PCA697" s="613"/>
      <c r="PCB697" s="613"/>
      <c r="PCC697" s="613"/>
      <c r="PCD697" s="613"/>
      <c r="PCE697" s="613"/>
      <c r="PCF697" s="613"/>
      <c r="PCG697" s="613"/>
      <c r="PCH697" s="613"/>
      <c r="PCI697" s="613"/>
      <c r="PCJ697" s="613"/>
      <c r="PCK697" s="613"/>
      <c r="PCL697" s="613"/>
      <c r="PCM697" s="613"/>
      <c r="PCN697" s="613"/>
      <c r="PCO697" s="613"/>
      <c r="PCP697" s="613"/>
      <c r="PCQ697" s="613"/>
      <c r="PCR697" s="613"/>
      <c r="PCS697" s="613"/>
      <c r="PCT697" s="613"/>
      <c r="PCU697" s="613"/>
      <c r="PCV697" s="613"/>
      <c r="PCW697" s="613"/>
      <c r="PCX697" s="613"/>
      <c r="PCY697" s="613"/>
      <c r="PCZ697" s="613"/>
      <c r="PDA697" s="613"/>
      <c r="PDB697" s="613"/>
      <c r="PDC697" s="613"/>
      <c r="PDD697" s="613"/>
      <c r="PDE697" s="613"/>
      <c r="PDF697" s="613"/>
      <c r="PDG697" s="613"/>
      <c r="PDH697" s="613"/>
      <c r="PDI697" s="613"/>
      <c r="PDJ697" s="613"/>
      <c r="PDK697" s="613"/>
      <c r="PDL697" s="613"/>
      <c r="PDM697" s="613"/>
      <c r="PDN697" s="613"/>
      <c r="PDO697" s="613"/>
      <c r="PDP697" s="613"/>
      <c r="PDQ697" s="613"/>
      <c r="PDR697" s="613"/>
      <c r="PDS697" s="613"/>
      <c r="PDT697" s="613"/>
      <c r="PDU697" s="613"/>
      <c r="PDV697" s="613"/>
      <c r="PDW697" s="613"/>
      <c r="PDX697" s="613"/>
      <c r="PDY697" s="613"/>
      <c r="PDZ697" s="613"/>
      <c r="PEA697" s="613"/>
      <c r="PEB697" s="613"/>
      <c r="PEC697" s="613"/>
      <c r="PED697" s="613"/>
      <c r="PEE697" s="613"/>
      <c r="PEF697" s="613"/>
      <c r="PEG697" s="613"/>
      <c r="PEH697" s="613"/>
      <c r="PEI697" s="613"/>
      <c r="PEJ697" s="613"/>
      <c r="PEK697" s="613"/>
      <c r="PEL697" s="613"/>
      <c r="PEM697" s="613"/>
      <c r="PEN697" s="613"/>
      <c r="PEO697" s="613"/>
      <c r="PEP697" s="613"/>
      <c r="PEQ697" s="613"/>
      <c r="PER697" s="613"/>
      <c r="PES697" s="613"/>
      <c r="PET697" s="613"/>
      <c r="PEU697" s="613"/>
      <c r="PEV697" s="613"/>
      <c r="PEW697" s="613"/>
      <c r="PEX697" s="613"/>
      <c r="PEY697" s="613"/>
      <c r="PEZ697" s="613"/>
      <c r="PFA697" s="613"/>
      <c r="PFB697" s="613"/>
      <c r="PFC697" s="613"/>
      <c r="PFD697" s="613"/>
      <c r="PFE697" s="613"/>
      <c r="PFF697" s="613"/>
      <c r="PFG697" s="613"/>
      <c r="PFH697" s="613"/>
      <c r="PFI697" s="613"/>
      <c r="PFJ697" s="613"/>
      <c r="PFK697" s="613"/>
      <c r="PFL697" s="613"/>
      <c r="PFM697" s="613"/>
      <c r="PFN697" s="613"/>
      <c r="PFO697" s="613"/>
      <c r="PFP697" s="613"/>
      <c r="PFQ697" s="613"/>
      <c r="PFR697" s="613"/>
      <c r="PFS697" s="613"/>
      <c r="PFT697" s="613"/>
      <c r="PFU697" s="613"/>
      <c r="PFV697" s="613"/>
      <c r="PFW697" s="613"/>
      <c r="PFX697" s="613"/>
      <c r="PFY697" s="613"/>
      <c r="PFZ697" s="613"/>
      <c r="PGA697" s="613"/>
      <c r="PGB697" s="613"/>
      <c r="PGC697" s="613"/>
      <c r="PGD697" s="613"/>
      <c r="PGE697" s="613"/>
      <c r="PGF697" s="613"/>
      <c r="PGG697" s="613"/>
      <c r="PGH697" s="613"/>
      <c r="PGI697" s="613"/>
      <c r="PGJ697" s="613"/>
      <c r="PGK697" s="613"/>
      <c r="PGL697" s="613"/>
      <c r="PGM697" s="613"/>
      <c r="PGN697" s="613"/>
      <c r="PGO697" s="613"/>
      <c r="PGP697" s="613"/>
      <c r="PGQ697" s="613"/>
      <c r="PGR697" s="613"/>
      <c r="PGS697" s="613"/>
      <c r="PGT697" s="613"/>
      <c r="PGU697" s="613"/>
      <c r="PGV697" s="613"/>
      <c r="PGW697" s="613"/>
      <c r="PGX697" s="613"/>
      <c r="PGY697" s="613"/>
      <c r="PGZ697" s="613"/>
      <c r="PHA697" s="613"/>
      <c r="PHB697" s="613"/>
      <c r="PHC697" s="613"/>
      <c r="PHD697" s="613"/>
      <c r="PHE697" s="613"/>
      <c r="PHF697" s="613"/>
      <c r="PHG697" s="613"/>
      <c r="PHH697" s="613"/>
      <c r="PHI697" s="613"/>
      <c r="PHJ697" s="613"/>
      <c r="PHK697" s="613"/>
      <c r="PHL697" s="613"/>
      <c r="PHM697" s="613"/>
      <c r="PHN697" s="613"/>
      <c r="PHO697" s="613"/>
      <c r="PHP697" s="613"/>
      <c r="PHQ697" s="613"/>
      <c r="PHR697" s="613"/>
      <c r="PHS697" s="613"/>
      <c r="PHT697" s="613"/>
      <c r="PHU697" s="613"/>
      <c r="PHV697" s="613"/>
      <c r="PHW697" s="613"/>
      <c r="PHX697" s="613"/>
      <c r="PHY697" s="613"/>
      <c r="PHZ697" s="613"/>
      <c r="PIA697" s="613"/>
      <c r="PIB697" s="613"/>
      <c r="PIC697" s="613"/>
      <c r="PID697" s="613"/>
      <c r="PIE697" s="613"/>
      <c r="PIF697" s="613"/>
      <c r="PIG697" s="613"/>
      <c r="PIH697" s="613"/>
      <c r="PII697" s="613"/>
      <c r="PIJ697" s="613"/>
      <c r="PIK697" s="613"/>
      <c r="PIL697" s="613"/>
      <c r="PIM697" s="613"/>
      <c r="PIN697" s="613"/>
      <c r="PIO697" s="613"/>
      <c r="PIP697" s="613"/>
      <c r="PIQ697" s="613"/>
      <c r="PIR697" s="613"/>
      <c r="PIS697" s="613"/>
      <c r="PIT697" s="613"/>
      <c r="PIU697" s="613"/>
      <c r="PIV697" s="613"/>
      <c r="PIW697" s="613"/>
      <c r="PIX697" s="613"/>
      <c r="PIY697" s="613"/>
      <c r="PIZ697" s="613"/>
      <c r="PJA697" s="613"/>
      <c r="PJB697" s="613"/>
      <c r="PJC697" s="613"/>
      <c r="PJD697" s="613"/>
      <c r="PJE697" s="613"/>
      <c r="PJF697" s="613"/>
      <c r="PJG697" s="613"/>
      <c r="PJH697" s="613"/>
      <c r="PJI697" s="613"/>
      <c r="PJJ697" s="613"/>
      <c r="PJK697" s="613"/>
      <c r="PJL697" s="613"/>
      <c r="PJM697" s="613"/>
      <c r="PJN697" s="613"/>
      <c r="PJO697" s="613"/>
      <c r="PJP697" s="613"/>
      <c r="PJQ697" s="613"/>
      <c r="PJR697" s="613"/>
      <c r="PJS697" s="613"/>
      <c r="PJT697" s="613"/>
      <c r="PJU697" s="613"/>
      <c r="PJV697" s="613"/>
      <c r="PJW697" s="613"/>
      <c r="PJX697" s="613"/>
      <c r="PJY697" s="613"/>
      <c r="PJZ697" s="613"/>
      <c r="PKA697" s="613"/>
      <c r="PKB697" s="613"/>
      <c r="PKC697" s="613"/>
      <c r="PKD697" s="613"/>
      <c r="PKE697" s="613"/>
      <c r="PKF697" s="613"/>
      <c r="PKG697" s="613"/>
      <c r="PKH697" s="613"/>
      <c r="PKI697" s="613"/>
      <c r="PKJ697" s="613"/>
      <c r="PKK697" s="613"/>
      <c r="PKL697" s="613"/>
      <c r="PKM697" s="613"/>
      <c r="PKN697" s="613"/>
      <c r="PKO697" s="613"/>
      <c r="PKP697" s="613"/>
      <c r="PKQ697" s="613"/>
      <c r="PKR697" s="613"/>
      <c r="PKS697" s="613"/>
      <c r="PKT697" s="613"/>
      <c r="PKU697" s="613"/>
      <c r="PKV697" s="613"/>
      <c r="PKW697" s="613"/>
      <c r="PKX697" s="613"/>
      <c r="PKY697" s="613"/>
      <c r="PKZ697" s="613"/>
      <c r="PLA697" s="613"/>
      <c r="PLB697" s="613"/>
      <c r="PLC697" s="613"/>
      <c r="PLD697" s="613"/>
      <c r="PLE697" s="613"/>
      <c r="PLF697" s="613"/>
      <c r="PLG697" s="613"/>
      <c r="PLH697" s="613"/>
      <c r="PLI697" s="613"/>
      <c r="PLJ697" s="613"/>
      <c r="PLK697" s="613"/>
      <c r="PLL697" s="613"/>
      <c r="PLM697" s="613"/>
      <c r="PLN697" s="613"/>
      <c r="PLO697" s="613"/>
      <c r="PLP697" s="613"/>
      <c r="PLQ697" s="613"/>
      <c r="PLR697" s="613"/>
      <c r="PLS697" s="613"/>
      <c r="PLT697" s="613"/>
      <c r="PLU697" s="613"/>
      <c r="PLV697" s="613"/>
      <c r="PLW697" s="613"/>
      <c r="PLX697" s="613"/>
      <c r="PLY697" s="613"/>
      <c r="PLZ697" s="613"/>
      <c r="PMA697" s="613"/>
      <c r="PMB697" s="613"/>
      <c r="PMC697" s="613"/>
      <c r="PMD697" s="613"/>
      <c r="PME697" s="613"/>
      <c r="PMF697" s="613"/>
      <c r="PMG697" s="613"/>
      <c r="PMH697" s="613"/>
      <c r="PMI697" s="613"/>
      <c r="PMJ697" s="613"/>
      <c r="PMK697" s="613"/>
      <c r="PML697" s="613"/>
      <c r="PMM697" s="613"/>
      <c r="PMN697" s="613"/>
      <c r="PMO697" s="613"/>
      <c r="PMP697" s="613"/>
      <c r="PMQ697" s="613"/>
      <c r="PMR697" s="613"/>
      <c r="PMS697" s="613"/>
      <c r="PMT697" s="613"/>
      <c r="PMU697" s="613"/>
      <c r="PMV697" s="613"/>
      <c r="PMW697" s="613"/>
      <c r="PMX697" s="613"/>
      <c r="PMY697" s="613"/>
      <c r="PMZ697" s="613"/>
      <c r="PNA697" s="613"/>
      <c r="PNB697" s="613"/>
      <c r="PNC697" s="613"/>
      <c r="PND697" s="613"/>
      <c r="PNE697" s="613"/>
      <c r="PNF697" s="613"/>
      <c r="PNG697" s="613"/>
      <c r="PNH697" s="613"/>
      <c r="PNI697" s="613"/>
      <c r="PNJ697" s="613"/>
      <c r="PNK697" s="613"/>
      <c r="PNL697" s="613"/>
      <c r="PNM697" s="613"/>
      <c r="PNN697" s="613"/>
      <c r="PNO697" s="613"/>
      <c r="PNP697" s="613"/>
      <c r="PNQ697" s="613"/>
      <c r="PNR697" s="613"/>
      <c r="PNS697" s="613"/>
      <c r="PNT697" s="613"/>
      <c r="PNU697" s="613"/>
      <c r="PNV697" s="613"/>
      <c r="PNW697" s="613"/>
      <c r="PNX697" s="613"/>
      <c r="PNY697" s="613"/>
      <c r="PNZ697" s="613"/>
      <c r="POA697" s="613"/>
      <c r="POB697" s="613"/>
      <c r="POC697" s="613"/>
      <c r="POD697" s="613"/>
      <c r="POE697" s="613"/>
      <c r="POF697" s="613"/>
      <c r="POG697" s="613"/>
      <c r="POH697" s="613"/>
      <c r="POI697" s="613"/>
      <c r="POJ697" s="613"/>
      <c r="POK697" s="613"/>
      <c r="POL697" s="613"/>
      <c r="POM697" s="613"/>
      <c r="PON697" s="613"/>
      <c r="POO697" s="613"/>
      <c r="POP697" s="613"/>
      <c r="POQ697" s="613"/>
      <c r="POR697" s="613"/>
      <c r="POS697" s="613"/>
      <c r="POT697" s="613"/>
      <c r="POU697" s="613"/>
      <c r="POV697" s="613"/>
      <c r="POW697" s="613"/>
      <c r="POX697" s="613"/>
      <c r="POY697" s="613"/>
      <c r="POZ697" s="613"/>
      <c r="PPA697" s="613"/>
      <c r="PPB697" s="613"/>
      <c r="PPC697" s="613"/>
      <c r="PPD697" s="613"/>
      <c r="PPE697" s="613"/>
      <c r="PPF697" s="613"/>
      <c r="PPG697" s="613"/>
      <c r="PPH697" s="613"/>
      <c r="PPI697" s="613"/>
      <c r="PPJ697" s="613"/>
      <c r="PPK697" s="613"/>
      <c r="PPL697" s="613"/>
      <c r="PPM697" s="613"/>
      <c r="PPN697" s="613"/>
      <c r="PPO697" s="613"/>
      <c r="PPP697" s="613"/>
      <c r="PPQ697" s="613"/>
      <c r="PPR697" s="613"/>
      <c r="PPS697" s="613"/>
      <c r="PPT697" s="613"/>
      <c r="PPU697" s="613"/>
      <c r="PPV697" s="613"/>
      <c r="PPW697" s="613"/>
      <c r="PPX697" s="613"/>
      <c r="PPY697" s="613"/>
      <c r="PPZ697" s="613"/>
      <c r="PQA697" s="613"/>
      <c r="PQB697" s="613"/>
      <c r="PQC697" s="613"/>
      <c r="PQD697" s="613"/>
      <c r="PQE697" s="613"/>
      <c r="PQF697" s="613"/>
      <c r="PQG697" s="613"/>
      <c r="PQH697" s="613"/>
      <c r="PQI697" s="613"/>
      <c r="PQJ697" s="613"/>
      <c r="PQK697" s="613"/>
      <c r="PQL697" s="613"/>
      <c r="PQM697" s="613"/>
      <c r="PQN697" s="613"/>
      <c r="PQO697" s="613"/>
      <c r="PQP697" s="613"/>
      <c r="PQQ697" s="613"/>
      <c r="PQR697" s="613"/>
      <c r="PQS697" s="613"/>
      <c r="PQT697" s="613"/>
      <c r="PQU697" s="613"/>
      <c r="PQV697" s="613"/>
      <c r="PQW697" s="613"/>
      <c r="PQX697" s="613"/>
      <c r="PQY697" s="613"/>
      <c r="PQZ697" s="613"/>
      <c r="PRA697" s="613"/>
      <c r="PRB697" s="613"/>
      <c r="PRC697" s="613"/>
      <c r="PRD697" s="613"/>
      <c r="PRE697" s="613"/>
      <c r="PRF697" s="613"/>
      <c r="PRG697" s="613"/>
      <c r="PRH697" s="613"/>
      <c r="PRI697" s="613"/>
      <c r="PRJ697" s="613"/>
      <c r="PRK697" s="613"/>
      <c r="PRL697" s="613"/>
      <c r="PRM697" s="613"/>
      <c r="PRN697" s="613"/>
      <c r="PRO697" s="613"/>
      <c r="PRP697" s="613"/>
      <c r="PRQ697" s="613"/>
      <c r="PRR697" s="613"/>
      <c r="PRS697" s="613"/>
      <c r="PRT697" s="613"/>
      <c r="PRU697" s="613"/>
      <c r="PRV697" s="613"/>
      <c r="PRW697" s="613"/>
      <c r="PRX697" s="613"/>
      <c r="PRY697" s="613"/>
      <c r="PRZ697" s="613"/>
      <c r="PSA697" s="613"/>
      <c r="PSB697" s="613"/>
      <c r="PSC697" s="613"/>
      <c r="PSD697" s="613"/>
      <c r="PSE697" s="613"/>
      <c r="PSF697" s="613"/>
      <c r="PSG697" s="613"/>
      <c r="PSH697" s="613"/>
      <c r="PSI697" s="613"/>
      <c r="PSJ697" s="613"/>
      <c r="PSK697" s="613"/>
      <c r="PSL697" s="613"/>
      <c r="PSM697" s="613"/>
      <c r="PSN697" s="613"/>
      <c r="PSO697" s="613"/>
      <c r="PSP697" s="613"/>
      <c r="PSQ697" s="613"/>
      <c r="PSR697" s="613"/>
      <c r="PSS697" s="613"/>
      <c r="PST697" s="613"/>
      <c r="PSU697" s="613"/>
      <c r="PSV697" s="613"/>
      <c r="PSW697" s="613"/>
      <c r="PSX697" s="613"/>
      <c r="PSY697" s="613"/>
      <c r="PSZ697" s="613"/>
      <c r="PTA697" s="613"/>
      <c r="PTB697" s="613"/>
      <c r="PTC697" s="613"/>
      <c r="PTD697" s="613"/>
      <c r="PTE697" s="613"/>
      <c r="PTF697" s="613"/>
      <c r="PTG697" s="613"/>
      <c r="PTH697" s="613"/>
      <c r="PTI697" s="613"/>
      <c r="PTJ697" s="613"/>
      <c r="PTK697" s="613"/>
      <c r="PTL697" s="613"/>
      <c r="PTM697" s="613"/>
      <c r="PTN697" s="613"/>
      <c r="PTO697" s="613"/>
      <c r="PTP697" s="613"/>
      <c r="PTQ697" s="613"/>
      <c r="PTR697" s="613"/>
      <c r="PTS697" s="613"/>
      <c r="PTT697" s="613"/>
      <c r="PTU697" s="613"/>
      <c r="PTV697" s="613"/>
      <c r="PTW697" s="613"/>
      <c r="PTX697" s="613"/>
      <c r="PTY697" s="613"/>
      <c r="PTZ697" s="613"/>
      <c r="PUA697" s="613"/>
      <c r="PUB697" s="613"/>
      <c r="PUC697" s="613"/>
      <c r="PUD697" s="613"/>
      <c r="PUE697" s="613"/>
      <c r="PUF697" s="613"/>
      <c r="PUG697" s="613"/>
      <c r="PUH697" s="613"/>
      <c r="PUI697" s="613"/>
      <c r="PUJ697" s="613"/>
      <c r="PUK697" s="613"/>
      <c r="PUL697" s="613"/>
      <c r="PUM697" s="613"/>
      <c r="PUN697" s="613"/>
      <c r="PUO697" s="613"/>
      <c r="PUP697" s="613"/>
      <c r="PUQ697" s="613"/>
      <c r="PUR697" s="613"/>
      <c r="PUS697" s="613"/>
      <c r="PUT697" s="613"/>
      <c r="PUU697" s="613"/>
      <c r="PUV697" s="613"/>
      <c r="PUW697" s="613"/>
      <c r="PUX697" s="613"/>
      <c r="PUY697" s="613"/>
      <c r="PUZ697" s="613"/>
      <c r="PVA697" s="613"/>
      <c r="PVB697" s="613"/>
      <c r="PVC697" s="613"/>
      <c r="PVD697" s="613"/>
      <c r="PVE697" s="613"/>
      <c r="PVF697" s="613"/>
      <c r="PVG697" s="613"/>
      <c r="PVH697" s="613"/>
      <c r="PVI697" s="613"/>
      <c r="PVJ697" s="613"/>
      <c r="PVK697" s="613"/>
      <c r="PVL697" s="613"/>
      <c r="PVM697" s="613"/>
      <c r="PVN697" s="613"/>
      <c r="PVO697" s="613"/>
      <c r="PVP697" s="613"/>
      <c r="PVQ697" s="613"/>
      <c r="PVR697" s="613"/>
      <c r="PVS697" s="613"/>
      <c r="PVT697" s="613"/>
      <c r="PVU697" s="613"/>
      <c r="PVV697" s="613"/>
      <c r="PVW697" s="613"/>
      <c r="PVX697" s="613"/>
      <c r="PVY697" s="613"/>
      <c r="PVZ697" s="613"/>
      <c r="PWA697" s="613"/>
      <c r="PWB697" s="613"/>
      <c r="PWC697" s="613"/>
      <c r="PWD697" s="613"/>
      <c r="PWE697" s="613"/>
      <c r="PWF697" s="613"/>
      <c r="PWG697" s="613"/>
      <c r="PWH697" s="613"/>
      <c r="PWI697" s="613"/>
      <c r="PWJ697" s="613"/>
      <c r="PWK697" s="613"/>
      <c r="PWL697" s="613"/>
      <c r="PWM697" s="613"/>
      <c r="PWN697" s="613"/>
      <c r="PWO697" s="613"/>
      <c r="PWP697" s="613"/>
      <c r="PWQ697" s="613"/>
      <c r="PWR697" s="613"/>
      <c r="PWS697" s="613"/>
      <c r="PWT697" s="613"/>
      <c r="PWU697" s="613"/>
      <c r="PWV697" s="613"/>
      <c r="PWW697" s="613"/>
      <c r="PWX697" s="613"/>
      <c r="PWY697" s="613"/>
      <c r="PWZ697" s="613"/>
      <c r="PXA697" s="613"/>
      <c r="PXB697" s="613"/>
      <c r="PXC697" s="613"/>
      <c r="PXD697" s="613"/>
      <c r="PXE697" s="613"/>
      <c r="PXF697" s="613"/>
      <c r="PXG697" s="613"/>
      <c r="PXH697" s="613"/>
      <c r="PXI697" s="613"/>
      <c r="PXJ697" s="613"/>
      <c r="PXK697" s="613"/>
      <c r="PXL697" s="613"/>
      <c r="PXM697" s="613"/>
      <c r="PXN697" s="613"/>
      <c r="PXO697" s="613"/>
      <c r="PXP697" s="613"/>
      <c r="PXQ697" s="613"/>
      <c r="PXR697" s="613"/>
      <c r="PXS697" s="613"/>
      <c r="PXT697" s="613"/>
      <c r="PXU697" s="613"/>
      <c r="PXV697" s="613"/>
      <c r="PXW697" s="613"/>
      <c r="PXX697" s="613"/>
      <c r="PXY697" s="613"/>
      <c r="PXZ697" s="613"/>
      <c r="PYA697" s="613"/>
      <c r="PYB697" s="613"/>
      <c r="PYC697" s="613"/>
      <c r="PYD697" s="613"/>
      <c r="PYE697" s="613"/>
      <c r="PYF697" s="613"/>
      <c r="PYG697" s="613"/>
      <c r="PYH697" s="613"/>
      <c r="PYI697" s="613"/>
      <c r="PYJ697" s="613"/>
      <c r="PYK697" s="613"/>
      <c r="PYL697" s="613"/>
      <c r="PYM697" s="613"/>
      <c r="PYN697" s="613"/>
      <c r="PYO697" s="613"/>
      <c r="PYP697" s="613"/>
      <c r="PYQ697" s="613"/>
      <c r="PYR697" s="613"/>
      <c r="PYS697" s="613"/>
      <c r="PYT697" s="613"/>
      <c r="PYU697" s="613"/>
      <c r="PYV697" s="613"/>
      <c r="PYW697" s="613"/>
      <c r="PYX697" s="613"/>
      <c r="PYY697" s="613"/>
      <c r="PYZ697" s="613"/>
      <c r="PZA697" s="613"/>
      <c r="PZB697" s="613"/>
      <c r="PZC697" s="613"/>
      <c r="PZD697" s="613"/>
      <c r="PZE697" s="613"/>
      <c r="PZF697" s="613"/>
      <c r="PZG697" s="613"/>
      <c r="PZH697" s="613"/>
      <c r="PZI697" s="613"/>
      <c r="PZJ697" s="613"/>
      <c r="PZK697" s="613"/>
      <c r="PZL697" s="613"/>
      <c r="PZM697" s="613"/>
      <c r="PZN697" s="613"/>
      <c r="PZO697" s="613"/>
      <c r="PZP697" s="613"/>
      <c r="PZQ697" s="613"/>
      <c r="PZR697" s="613"/>
      <c r="PZS697" s="613"/>
      <c r="PZT697" s="613"/>
      <c r="PZU697" s="613"/>
      <c r="PZV697" s="613"/>
      <c r="PZW697" s="613"/>
      <c r="PZX697" s="613"/>
      <c r="PZY697" s="613"/>
      <c r="PZZ697" s="613"/>
      <c r="QAA697" s="613"/>
      <c r="QAB697" s="613"/>
      <c r="QAC697" s="613"/>
      <c r="QAD697" s="613"/>
      <c r="QAE697" s="613"/>
      <c r="QAF697" s="613"/>
      <c r="QAG697" s="613"/>
      <c r="QAH697" s="613"/>
      <c r="QAI697" s="613"/>
      <c r="QAJ697" s="613"/>
      <c r="QAK697" s="613"/>
      <c r="QAL697" s="613"/>
      <c r="QAM697" s="613"/>
      <c r="QAN697" s="613"/>
      <c r="QAO697" s="613"/>
      <c r="QAP697" s="613"/>
      <c r="QAQ697" s="613"/>
      <c r="QAR697" s="613"/>
      <c r="QAS697" s="613"/>
      <c r="QAT697" s="613"/>
      <c r="QAU697" s="613"/>
      <c r="QAV697" s="613"/>
      <c r="QAW697" s="613"/>
      <c r="QAX697" s="613"/>
      <c r="QAY697" s="613"/>
      <c r="QAZ697" s="613"/>
      <c r="QBA697" s="613"/>
      <c r="QBB697" s="613"/>
      <c r="QBC697" s="613"/>
      <c r="QBD697" s="613"/>
      <c r="QBE697" s="613"/>
      <c r="QBF697" s="613"/>
      <c r="QBG697" s="613"/>
      <c r="QBH697" s="613"/>
      <c r="QBI697" s="613"/>
      <c r="QBJ697" s="613"/>
      <c r="QBK697" s="613"/>
      <c r="QBL697" s="613"/>
      <c r="QBM697" s="613"/>
      <c r="QBN697" s="613"/>
      <c r="QBO697" s="613"/>
      <c r="QBP697" s="613"/>
      <c r="QBQ697" s="613"/>
      <c r="QBR697" s="613"/>
      <c r="QBS697" s="613"/>
      <c r="QBT697" s="613"/>
      <c r="QBU697" s="613"/>
      <c r="QBV697" s="613"/>
      <c r="QBW697" s="613"/>
      <c r="QBX697" s="613"/>
      <c r="QBY697" s="613"/>
      <c r="QBZ697" s="613"/>
      <c r="QCA697" s="613"/>
      <c r="QCB697" s="613"/>
      <c r="QCC697" s="613"/>
      <c r="QCD697" s="613"/>
      <c r="QCE697" s="613"/>
      <c r="QCF697" s="613"/>
      <c r="QCG697" s="613"/>
      <c r="QCH697" s="613"/>
      <c r="QCI697" s="613"/>
      <c r="QCJ697" s="613"/>
      <c r="QCK697" s="613"/>
      <c r="QCL697" s="613"/>
      <c r="QCM697" s="613"/>
      <c r="QCN697" s="613"/>
      <c r="QCO697" s="613"/>
      <c r="QCP697" s="613"/>
      <c r="QCQ697" s="613"/>
      <c r="QCR697" s="613"/>
      <c r="QCS697" s="613"/>
      <c r="QCT697" s="613"/>
      <c r="QCU697" s="613"/>
      <c r="QCV697" s="613"/>
      <c r="QCW697" s="613"/>
      <c r="QCX697" s="613"/>
      <c r="QCY697" s="613"/>
      <c r="QCZ697" s="613"/>
      <c r="QDA697" s="613"/>
      <c r="QDB697" s="613"/>
      <c r="QDC697" s="613"/>
      <c r="QDD697" s="613"/>
      <c r="QDE697" s="613"/>
      <c r="QDF697" s="613"/>
      <c r="QDG697" s="613"/>
      <c r="QDH697" s="613"/>
      <c r="QDI697" s="613"/>
      <c r="QDJ697" s="613"/>
      <c r="QDK697" s="613"/>
      <c r="QDL697" s="613"/>
      <c r="QDM697" s="613"/>
      <c r="QDN697" s="613"/>
      <c r="QDO697" s="613"/>
      <c r="QDP697" s="613"/>
      <c r="QDQ697" s="613"/>
      <c r="QDR697" s="613"/>
      <c r="QDS697" s="613"/>
      <c r="QDT697" s="613"/>
      <c r="QDU697" s="613"/>
      <c r="QDV697" s="613"/>
      <c r="QDW697" s="613"/>
      <c r="QDX697" s="613"/>
      <c r="QDY697" s="613"/>
      <c r="QDZ697" s="613"/>
      <c r="QEA697" s="613"/>
      <c r="QEB697" s="613"/>
      <c r="QEC697" s="613"/>
      <c r="QED697" s="613"/>
      <c r="QEE697" s="613"/>
      <c r="QEF697" s="613"/>
      <c r="QEG697" s="613"/>
      <c r="QEH697" s="613"/>
      <c r="QEI697" s="613"/>
      <c r="QEJ697" s="613"/>
      <c r="QEK697" s="613"/>
      <c r="QEL697" s="613"/>
      <c r="QEM697" s="613"/>
      <c r="QEN697" s="613"/>
      <c r="QEO697" s="613"/>
      <c r="QEP697" s="613"/>
      <c r="QEQ697" s="613"/>
      <c r="QER697" s="613"/>
      <c r="QES697" s="613"/>
      <c r="QET697" s="613"/>
      <c r="QEU697" s="613"/>
      <c r="QEV697" s="613"/>
      <c r="QEW697" s="613"/>
      <c r="QEX697" s="613"/>
      <c r="QEY697" s="613"/>
      <c r="QEZ697" s="613"/>
      <c r="QFA697" s="613"/>
      <c r="QFB697" s="613"/>
      <c r="QFC697" s="613"/>
      <c r="QFD697" s="613"/>
      <c r="QFE697" s="613"/>
      <c r="QFF697" s="613"/>
      <c r="QFG697" s="613"/>
      <c r="QFH697" s="613"/>
      <c r="QFI697" s="613"/>
      <c r="QFJ697" s="613"/>
      <c r="QFK697" s="613"/>
      <c r="QFL697" s="613"/>
      <c r="QFM697" s="613"/>
      <c r="QFN697" s="613"/>
      <c r="QFO697" s="613"/>
      <c r="QFP697" s="613"/>
      <c r="QFQ697" s="613"/>
      <c r="QFR697" s="613"/>
      <c r="QFS697" s="613"/>
      <c r="QFT697" s="613"/>
      <c r="QFU697" s="613"/>
      <c r="QFV697" s="613"/>
      <c r="QFW697" s="613"/>
      <c r="QFX697" s="613"/>
      <c r="QFY697" s="613"/>
      <c r="QFZ697" s="613"/>
      <c r="QGA697" s="613"/>
      <c r="QGB697" s="613"/>
      <c r="QGC697" s="613"/>
      <c r="QGD697" s="613"/>
      <c r="QGE697" s="613"/>
      <c r="QGF697" s="613"/>
      <c r="QGG697" s="613"/>
      <c r="QGH697" s="613"/>
      <c r="QGI697" s="613"/>
      <c r="QGJ697" s="613"/>
      <c r="QGK697" s="613"/>
      <c r="QGL697" s="613"/>
      <c r="QGM697" s="613"/>
      <c r="QGN697" s="613"/>
      <c r="QGO697" s="613"/>
      <c r="QGP697" s="613"/>
      <c r="QGQ697" s="613"/>
      <c r="QGR697" s="613"/>
      <c r="QGS697" s="613"/>
      <c r="QGT697" s="613"/>
      <c r="QGU697" s="613"/>
      <c r="QGV697" s="613"/>
      <c r="QGW697" s="613"/>
      <c r="QGX697" s="613"/>
      <c r="QGY697" s="613"/>
      <c r="QGZ697" s="613"/>
      <c r="QHA697" s="613"/>
      <c r="QHB697" s="613"/>
      <c r="QHC697" s="613"/>
      <c r="QHD697" s="613"/>
      <c r="QHE697" s="613"/>
      <c r="QHF697" s="613"/>
      <c r="QHG697" s="613"/>
      <c r="QHH697" s="613"/>
      <c r="QHI697" s="613"/>
      <c r="QHJ697" s="613"/>
      <c r="QHK697" s="613"/>
      <c r="QHL697" s="613"/>
      <c r="QHM697" s="613"/>
      <c r="QHN697" s="613"/>
      <c r="QHO697" s="613"/>
      <c r="QHP697" s="613"/>
      <c r="QHQ697" s="613"/>
      <c r="QHR697" s="613"/>
      <c r="QHS697" s="613"/>
      <c r="QHT697" s="613"/>
      <c r="QHU697" s="613"/>
      <c r="QHV697" s="613"/>
      <c r="QHW697" s="613"/>
      <c r="QHX697" s="613"/>
      <c r="QHY697" s="613"/>
      <c r="QHZ697" s="613"/>
      <c r="QIA697" s="613"/>
      <c r="QIB697" s="613"/>
      <c r="QIC697" s="613"/>
      <c r="QID697" s="613"/>
      <c r="QIE697" s="613"/>
      <c r="QIF697" s="613"/>
      <c r="QIG697" s="613"/>
      <c r="QIH697" s="613"/>
      <c r="QII697" s="613"/>
      <c r="QIJ697" s="613"/>
      <c r="QIK697" s="613"/>
      <c r="QIL697" s="613"/>
      <c r="QIM697" s="613"/>
      <c r="QIN697" s="613"/>
      <c r="QIO697" s="613"/>
      <c r="QIP697" s="613"/>
      <c r="QIQ697" s="613"/>
      <c r="QIR697" s="613"/>
      <c r="QIS697" s="613"/>
      <c r="QIT697" s="613"/>
      <c r="QIU697" s="613"/>
      <c r="QIV697" s="613"/>
      <c r="QIW697" s="613"/>
      <c r="QIX697" s="613"/>
      <c r="QIY697" s="613"/>
      <c r="QIZ697" s="613"/>
      <c r="QJA697" s="613"/>
      <c r="QJB697" s="613"/>
      <c r="QJC697" s="613"/>
      <c r="QJD697" s="613"/>
      <c r="QJE697" s="613"/>
      <c r="QJF697" s="613"/>
      <c r="QJG697" s="613"/>
      <c r="QJH697" s="613"/>
      <c r="QJI697" s="613"/>
      <c r="QJJ697" s="613"/>
      <c r="QJK697" s="613"/>
      <c r="QJL697" s="613"/>
      <c r="QJM697" s="613"/>
      <c r="QJN697" s="613"/>
      <c r="QJO697" s="613"/>
      <c r="QJP697" s="613"/>
      <c r="QJQ697" s="613"/>
      <c r="QJR697" s="613"/>
      <c r="QJS697" s="613"/>
      <c r="QJT697" s="613"/>
      <c r="QJU697" s="613"/>
      <c r="QJV697" s="613"/>
      <c r="QJW697" s="613"/>
      <c r="QJX697" s="613"/>
      <c r="QJY697" s="613"/>
      <c r="QJZ697" s="613"/>
      <c r="QKA697" s="613"/>
      <c r="QKB697" s="613"/>
      <c r="QKC697" s="613"/>
      <c r="QKD697" s="613"/>
      <c r="QKE697" s="613"/>
      <c r="QKF697" s="613"/>
      <c r="QKG697" s="613"/>
      <c r="QKH697" s="613"/>
      <c r="QKI697" s="613"/>
      <c r="QKJ697" s="613"/>
      <c r="QKK697" s="613"/>
      <c r="QKL697" s="613"/>
      <c r="QKM697" s="613"/>
      <c r="QKN697" s="613"/>
      <c r="QKO697" s="613"/>
      <c r="QKP697" s="613"/>
      <c r="QKQ697" s="613"/>
      <c r="QKR697" s="613"/>
      <c r="QKS697" s="613"/>
      <c r="QKT697" s="613"/>
      <c r="QKU697" s="613"/>
      <c r="QKV697" s="613"/>
      <c r="QKW697" s="613"/>
      <c r="QKX697" s="613"/>
      <c r="QKY697" s="613"/>
      <c r="QKZ697" s="613"/>
      <c r="QLA697" s="613"/>
      <c r="QLB697" s="613"/>
      <c r="QLC697" s="613"/>
      <c r="QLD697" s="613"/>
      <c r="QLE697" s="613"/>
      <c r="QLF697" s="613"/>
      <c r="QLG697" s="613"/>
      <c r="QLH697" s="613"/>
      <c r="QLI697" s="613"/>
      <c r="QLJ697" s="613"/>
      <c r="QLK697" s="613"/>
      <c r="QLL697" s="613"/>
      <c r="QLM697" s="613"/>
      <c r="QLN697" s="613"/>
      <c r="QLO697" s="613"/>
      <c r="QLP697" s="613"/>
      <c r="QLQ697" s="613"/>
      <c r="QLR697" s="613"/>
      <c r="QLS697" s="613"/>
      <c r="QLT697" s="613"/>
      <c r="QLU697" s="613"/>
      <c r="QLV697" s="613"/>
      <c r="QLW697" s="613"/>
      <c r="QLX697" s="613"/>
      <c r="QLY697" s="613"/>
      <c r="QLZ697" s="613"/>
      <c r="QMA697" s="613"/>
      <c r="QMB697" s="613"/>
      <c r="QMC697" s="613"/>
      <c r="QMD697" s="613"/>
      <c r="QME697" s="613"/>
      <c r="QMF697" s="613"/>
      <c r="QMG697" s="613"/>
      <c r="QMH697" s="613"/>
      <c r="QMI697" s="613"/>
      <c r="QMJ697" s="613"/>
      <c r="QMK697" s="613"/>
      <c r="QML697" s="613"/>
      <c r="QMM697" s="613"/>
      <c r="QMN697" s="613"/>
      <c r="QMO697" s="613"/>
      <c r="QMP697" s="613"/>
      <c r="QMQ697" s="613"/>
      <c r="QMR697" s="613"/>
      <c r="QMS697" s="613"/>
      <c r="QMT697" s="613"/>
      <c r="QMU697" s="613"/>
      <c r="QMV697" s="613"/>
      <c r="QMW697" s="613"/>
      <c r="QMX697" s="613"/>
      <c r="QMY697" s="613"/>
      <c r="QMZ697" s="613"/>
      <c r="QNA697" s="613"/>
      <c r="QNB697" s="613"/>
      <c r="QNC697" s="613"/>
      <c r="QND697" s="613"/>
      <c r="QNE697" s="613"/>
      <c r="QNF697" s="613"/>
      <c r="QNG697" s="613"/>
      <c r="QNH697" s="613"/>
      <c r="QNI697" s="613"/>
      <c r="QNJ697" s="613"/>
      <c r="QNK697" s="613"/>
      <c r="QNL697" s="613"/>
      <c r="QNM697" s="613"/>
      <c r="QNN697" s="613"/>
      <c r="QNO697" s="613"/>
      <c r="QNP697" s="613"/>
      <c r="QNQ697" s="613"/>
      <c r="QNR697" s="613"/>
      <c r="QNS697" s="613"/>
      <c r="QNT697" s="613"/>
      <c r="QNU697" s="613"/>
      <c r="QNV697" s="613"/>
      <c r="QNW697" s="613"/>
      <c r="QNX697" s="613"/>
      <c r="QNY697" s="613"/>
      <c r="QNZ697" s="613"/>
      <c r="QOA697" s="613"/>
      <c r="QOB697" s="613"/>
      <c r="QOC697" s="613"/>
      <c r="QOD697" s="613"/>
      <c r="QOE697" s="613"/>
      <c r="QOF697" s="613"/>
      <c r="QOG697" s="613"/>
      <c r="QOH697" s="613"/>
      <c r="QOI697" s="613"/>
      <c r="QOJ697" s="613"/>
      <c r="QOK697" s="613"/>
      <c r="QOL697" s="613"/>
      <c r="QOM697" s="613"/>
      <c r="QON697" s="613"/>
      <c r="QOO697" s="613"/>
      <c r="QOP697" s="613"/>
      <c r="QOQ697" s="613"/>
      <c r="QOR697" s="613"/>
      <c r="QOS697" s="613"/>
      <c r="QOT697" s="613"/>
      <c r="QOU697" s="613"/>
      <c r="QOV697" s="613"/>
      <c r="QOW697" s="613"/>
      <c r="QOX697" s="613"/>
      <c r="QOY697" s="613"/>
      <c r="QOZ697" s="613"/>
      <c r="QPA697" s="613"/>
      <c r="QPB697" s="613"/>
      <c r="QPC697" s="613"/>
      <c r="QPD697" s="613"/>
      <c r="QPE697" s="613"/>
      <c r="QPF697" s="613"/>
      <c r="QPG697" s="613"/>
      <c r="QPH697" s="613"/>
      <c r="QPI697" s="613"/>
      <c r="QPJ697" s="613"/>
      <c r="QPK697" s="613"/>
      <c r="QPL697" s="613"/>
      <c r="QPM697" s="613"/>
      <c r="QPN697" s="613"/>
      <c r="QPO697" s="613"/>
      <c r="QPP697" s="613"/>
      <c r="QPQ697" s="613"/>
      <c r="QPR697" s="613"/>
      <c r="QPS697" s="613"/>
      <c r="QPT697" s="613"/>
      <c r="QPU697" s="613"/>
      <c r="QPV697" s="613"/>
      <c r="QPW697" s="613"/>
      <c r="QPX697" s="613"/>
      <c r="QPY697" s="613"/>
      <c r="QPZ697" s="613"/>
      <c r="QQA697" s="613"/>
      <c r="QQB697" s="613"/>
      <c r="QQC697" s="613"/>
      <c r="QQD697" s="613"/>
      <c r="QQE697" s="613"/>
      <c r="QQF697" s="613"/>
      <c r="QQG697" s="613"/>
      <c r="QQH697" s="613"/>
      <c r="QQI697" s="613"/>
      <c r="QQJ697" s="613"/>
      <c r="QQK697" s="613"/>
      <c r="QQL697" s="613"/>
      <c r="QQM697" s="613"/>
      <c r="QQN697" s="613"/>
      <c r="QQO697" s="613"/>
      <c r="QQP697" s="613"/>
      <c r="QQQ697" s="613"/>
      <c r="QQR697" s="613"/>
      <c r="QQS697" s="613"/>
      <c r="QQT697" s="613"/>
      <c r="QQU697" s="613"/>
      <c r="QQV697" s="613"/>
      <c r="QQW697" s="613"/>
      <c r="QQX697" s="613"/>
      <c r="QQY697" s="613"/>
      <c r="QQZ697" s="613"/>
      <c r="QRA697" s="613"/>
      <c r="QRB697" s="613"/>
      <c r="QRC697" s="613"/>
      <c r="QRD697" s="613"/>
      <c r="QRE697" s="613"/>
      <c r="QRF697" s="613"/>
      <c r="QRG697" s="613"/>
      <c r="QRH697" s="613"/>
      <c r="QRI697" s="613"/>
      <c r="QRJ697" s="613"/>
      <c r="QRK697" s="613"/>
      <c r="QRL697" s="613"/>
      <c r="QRM697" s="613"/>
      <c r="QRN697" s="613"/>
      <c r="QRO697" s="613"/>
      <c r="QRP697" s="613"/>
      <c r="QRQ697" s="613"/>
      <c r="QRR697" s="613"/>
      <c r="QRS697" s="613"/>
      <c r="QRT697" s="613"/>
      <c r="QRU697" s="613"/>
      <c r="QRV697" s="613"/>
      <c r="QRW697" s="613"/>
      <c r="QRX697" s="613"/>
      <c r="QRY697" s="613"/>
      <c r="QRZ697" s="613"/>
      <c r="QSA697" s="613"/>
      <c r="QSB697" s="613"/>
      <c r="QSC697" s="613"/>
      <c r="QSD697" s="613"/>
      <c r="QSE697" s="613"/>
      <c r="QSF697" s="613"/>
      <c r="QSG697" s="613"/>
      <c r="QSH697" s="613"/>
      <c r="QSI697" s="613"/>
      <c r="QSJ697" s="613"/>
      <c r="QSK697" s="613"/>
      <c r="QSL697" s="613"/>
      <c r="QSM697" s="613"/>
      <c r="QSN697" s="613"/>
      <c r="QSO697" s="613"/>
      <c r="QSP697" s="613"/>
      <c r="QSQ697" s="613"/>
      <c r="QSR697" s="613"/>
      <c r="QSS697" s="613"/>
      <c r="QST697" s="613"/>
      <c r="QSU697" s="613"/>
      <c r="QSV697" s="613"/>
      <c r="QSW697" s="613"/>
      <c r="QSX697" s="613"/>
      <c r="QSY697" s="613"/>
      <c r="QSZ697" s="613"/>
      <c r="QTA697" s="613"/>
      <c r="QTB697" s="613"/>
      <c r="QTC697" s="613"/>
      <c r="QTD697" s="613"/>
      <c r="QTE697" s="613"/>
      <c r="QTF697" s="613"/>
      <c r="QTG697" s="613"/>
      <c r="QTH697" s="613"/>
      <c r="QTI697" s="613"/>
      <c r="QTJ697" s="613"/>
      <c r="QTK697" s="613"/>
      <c r="QTL697" s="613"/>
      <c r="QTM697" s="613"/>
      <c r="QTN697" s="613"/>
      <c r="QTO697" s="613"/>
      <c r="QTP697" s="613"/>
      <c r="QTQ697" s="613"/>
      <c r="QTR697" s="613"/>
      <c r="QTS697" s="613"/>
      <c r="QTT697" s="613"/>
      <c r="QTU697" s="613"/>
      <c r="QTV697" s="613"/>
      <c r="QTW697" s="613"/>
      <c r="QTX697" s="613"/>
      <c r="QTY697" s="613"/>
      <c r="QTZ697" s="613"/>
      <c r="QUA697" s="613"/>
      <c r="QUB697" s="613"/>
      <c r="QUC697" s="613"/>
      <c r="QUD697" s="613"/>
      <c r="QUE697" s="613"/>
      <c r="QUF697" s="613"/>
      <c r="QUG697" s="613"/>
      <c r="QUH697" s="613"/>
      <c r="QUI697" s="613"/>
      <c r="QUJ697" s="613"/>
      <c r="QUK697" s="613"/>
      <c r="QUL697" s="613"/>
      <c r="QUM697" s="613"/>
      <c r="QUN697" s="613"/>
      <c r="QUO697" s="613"/>
      <c r="QUP697" s="613"/>
      <c r="QUQ697" s="613"/>
      <c r="QUR697" s="613"/>
      <c r="QUS697" s="613"/>
      <c r="QUT697" s="613"/>
      <c r="QUU697" s="613"/>
      <c r="QUV697" s="613"/>
      <c r="QUW697" s="613"/>
      <c r="QUX697" s="613"/>
      <c r="QUY697" s="613"/>
      <c r="QUZ697" s="613"/>
      <c r="QVA697" s="613"/>
      <c r="QVB697" s="613"/>
      <c r="QVC697" s="613"/>
      <c r="QVD697" s="613"/>
      <c r="QVE697" s="613"/>
      <c r="QVF697" s="613"/>
      <c r="QVG697" s="613"/>
      <c r="QVH697" s="613"/>
      <c r="QVI697" s="613"/>
      <c r="QVJ697" s="613"/>
      <c r="QVK697" s="613"/>
      <c r="QVL697" s="613"/>
      <c r="QVM697" s="613"/>
      <c r="QVN697" s="613"/>
      <c r="QVO697" s="613"/>
      <c r="QVP697" s="613"/>
      <c r="QVQ697" s="613"/>
      <c r="QVR697" s="613"/>
      <c r="QVS697" s="613"/>
      <c r="QVT697" s="613"/>
      <c r="QVU697" s="613"/>
      <c r="QVV697" s="613"/>
      <c r="QVW697" s="613"/>
      <c r="QVX697" s="613"/>
      <c r="QVY697" s="613"/>
      <c r="QVZ697" s="613"/>
      <c r="QWA697" s="613"/>
      <c r="QWB697" s="613"/>
      <c r="QWC697" s="613"/>
      <c r="QWD697" s="613"/>
      <c r="QWE697" s="613"/>
      <c r="QWF697" s="613"/>
      <c r="QWG697" s="613"/>
      <c r="QWH697" s="613"/>
      <c r="QWI697" s="613"/>
      <c r="QWJ697" s="613"/>
      <c r="QWK697" s="613"/>
      <c r="QWL697" s="613"/>
      <c r="QWM697" s="613"/>
      <c r="QWN697" s="613"/>
      <c r="QWO697" s="613"/>
      <c r="QWP697" s="613"/>
      <c r="QWQ697" s="613"/>
      <c r="QWR697" s="613"/>
      <c r="QWS697" s="613"/>
      <c r="QWT697" s="613"/>
      <c r="QWU697" s="613"/>
      <c r="QWV697" s="613"/>
      <c r="QWW697" s="613"/>
      <c r="QWX697" s="613"/>
      <c r="QWY697" s="613"/>
      <c r="QWZ697" s="613"/>
      <c r="QXA697" s="613"/>
      <c r="QXB697" s="613"/>
      <c r="QXC697" s="613"/>
      <c r="QXD697" s="613"/>
      <c r="QXE697" s="613"/>
      <c r="QXF697" s="613"/>
      <c r="QXG697" s="613"/>
      <c r="QXH697" s="613"/>
      <c r="QXI697" s="613"/>
      <c r="QXJ697" s="613"/>
      <c r="QXK697" s="613"/>
      <c r="QXL697" s="613"/>
      <c r="QXM697" s="613"/>
      <c r="QXN697" s="613"/>
      <c r="QXO697" s="613"/>
      <c r="QXP697" s="613"/>
      <c r="QXQ697" s="613"/>
      <c r="QXR697" s="613"/>
      <c r="QXS697" s="613"/>
      <c r="QXT697" s="613"/>
      <c r="QXU697" s="613"/>
      <c r="QXV697" s="613"/>
      <c r="QXW697" s="613"/>
      <c r="QXX697" s="613"/>
      <c r="QXY697" s="613"/>
      <c r="QXZ697" s="613"/>
      <c r="QYA697" s="613"/>
      <c r="QYB697" s="613"/>
      <c r="QYC697" s="613"/>
      <c r="QYD697" s="613"/>
      <c r="QYE697" s="613"/>
      <c r="QYF697" s="613"/>
      <c r="QYG697" s="613"/>
      <c r="QYH697" s="613"/>
      <c r="QYI697" s="613"/>
      <c r="QYJ697" s="613"/>
      <c r="QYK697" s="613"/>
      <c r="QYL697" s="613"/>
      <c r="QYM697" s="613"/>
      <c r="QYN697" s="613"/>
      <c r="QYO697" s="613"/>
      <c r="QYP697" s="613"/>
      <c r="QYQ697" s="613"/>
      <c r="QYR697" s="613"/>
      <c r="QYS697" s="613"/>
      <c r="QYT697" s="613"/>
      <c r="QYU697" s="613"/>
      <c r="QYV697" s="613"/>
      <c r="QYW697" s="613"/>
      <c r="QYX697" s="613"/>
      <c r="QYY697" s="613"/>
      <c r="QYZ697" s="613"/>
      <c r="QZA697" s="613"/>
      <c r="QZB697" s="613"/>
      <c r="QZC697" s="613"/>
      <c r="QZD697" s="613"/>
      <c r="QZE697" s="613"/>
      <c r="QZF697" s="613"/>
      <c r="QZG697" s="613"/>
      <c r="QZH697" s="613"/>
      <c r="QZI697" s="613"/>
      <c r="QZJ697" s="613"/>
      <c r="QZK697" s="613"/>
      <c r="QZL697" s="613"/>
      <c r="QZM697" s="613"/>
      <c r="QZN697" s="613"/>
      <c r="QZO697" s="613"/>
      <c r="QZP697" s="613"/>
      <c r="QZQ697" s="613"/>
      <c r="QZR697" s="613"/>
      <c r="QZS697" s="613"/>
      <c r="QZT697" s="613"/>
      <c r="QZU697" s="613"/>
      <c r="QZV697" s="613"/>
      <c r="QZW697" s="613"/>
      <c r="QZX697" s="613"/>
      <c r="QZY697" s="613"/>
      <c r="QZZ697" s="613"/>
      <c r="RAA697" s="613"/>
      <c r="RAB697" s="613"/>
      <c r="RAC697" s="613"/>
      <c r="RAD697" s="613"/>
      <c r="RAE697" s="613"/>
      <c r="RAF697" s="613"/>
      <c r="RAG697" s="613"/>
      <c r="RAH697" s="613"/>
      <c r="RAI697" s="613"/>
      <c r="RAJ697" s="613"/>
      <c r="RAK697" s="613"/>
      <c r="RAL697" s="613"/>
      <c r="RAM697" s="613"/>
      <c r="RAN697" s="613"/>
      <c r="RAO697" s="613"/>
      <c r="RAP697" s="613"/>
      <c r="RAQ697" s="613"/>
      <c r="RAR697" s="613"/>
      <c r="RAS697" s="613"/>
      <c r="RAT697" s="613"/>
      <c r="RAU697" s="613"/>
      <c r="RAV697" s="613"/>
      <c r="RAW697" s="613"/>
      <c r="RAX697" s="613"/>
      <c r="RAY697" s="613"/>
      <c r="RAZ697" s="613"/>
      <c r="RBA697" s="613"/>
      <c r="RBB697" s="613"/>
      <c r="RBC697" s="613"/>
      <c r="RBD697" s="613"/>
      <c r="RBE697" s="613"/>
      <c r="RBF697" s="613"/>
      <c r="RBG697" s="613"/>
      <c r="RBH697" s="613"/>
      <c r="RBI697" s="613"/>
      <c r="RBJ697" s="613"/>
      <c r="RBK697" s="613"/>
      <c r="RBL697" s="613"/>
      <c r="RBM697" s="613"/>
      <c r="RBN697" s="613"/>
      <c r="RBO697" s="613"/>
      <c r="RBP697" s="613"/>
      <c r="RBQ697" s="613"/>
      <c r="RBR697" s="613"/>
      <c r="RBS697" s="613"/>
      <c r="RBT697" s="613"/>
      <c r="RBU697" s="613"/>
      <c r="RBV697" s="613"/>
      <c r="RBW697" s="613"/>
      <c r="RBX697" s="613"/>
      <c r="RBY697" s="613"/>
      <c r="RBZ697" s="613"/>
      <c r="RCA697" s="613"/>
      <c r="RCB697" s="613"/>
      <c r="RCC697" s="613"/>
      <c r="RCD697" s="613"/>
      <c r="RCE697" s="613"/>
      <c r="RCF697" s="613"/>
      <c r="RCG697" s="613"/>
      <c r="RCH697" s="613"/>
      <c r="RCI697" s="613"/>
      <c r="RCJ697" s="613"/>
      <c r="RCK697" s="613"/>
      <c r="RCL697" s="613"/>
      <c r="RCM697" s="613"/>
      <c r="RCN697" s="613"/>
      <c r="RCO697" s="613"/>
      <c r="RCP697" s="613"/>
      <c r="RCQ697" s="613"/>
      <c r="RCR697" s="613"/>
      <c r="RCS697" s="613"/>
      <c r="RCT697" s="613"/>
      <c r="RCU697" s="613"/>
      <c r="RCV697" s="613"/>
      <c r="RCW697" s="613"/>
      <c r="RCX697" s="613"/>
      <c r="RCY697" s="613"/>
      <c r="RCZ697" s="613"/>
      <c r="RDA697" s="613"/>
      <c r="RDB697" s="613"/>
      <c r="RDC697" s="613"/>
      <c r="RDD697" s="613"/>
      <c r="RDE697" s="613"/>
      <c r="RDF697" s="613"/>
      <c r="RDG697" s="613"/>
      <c r="RDH697" s="613"/>
      <c r="RDI697" s="613"/>
      <c r="RDJ697" s="613"/>
      <c r="RDK697" s="613"/>
      <c r="RDL697" s="613"/>
      <c r="RDM697" s="613"/>
      <c r="RDN697" s="613"/>
      <c r="RDO697" s="613"/>
      <c r="RDP697" s="613"/>
      <c r="RDQ697" s="613"/>
      <c r="RDR697" s="613"/>
      <c r="RDS697" s="613"/>
      <c r="RDT697" s="613"/>
      <c r="RDU697" s="613"/>
      <c r="RDV697" s="613"/>
      <c r="RDW697" s="613"/>
      <c r="RDX697" s="613"/>
      <c r="RDY697" s="613"/>
      <c r="RDZ697" s="613"/>
      <c r="REA697" s="613"/>
      <c r="REB697" s="613"/>
      <c r="REC697" s="613"/>
      <c r="RED697" s="613"/>
      <c r="REE697" s="613"/>
      <c r="REF697" s="613"/>
      <c r="REG697" s="613"/>
      <c r="REH697" s="613"/>
      <c r="REI697" s="613"/>
      <c r="REJ697" s="613"/>
      <c r="REK697" s="613"/>
      <c r="REL697" s="613"/>
      <c r="REM697" s="613"/>
      <c r="REN697" s="613"/>
      <c r="REO697" s="613"/>
      <c r="REP697" s="613"/>
      <c r="REQ697" s="613"/>
      <c r="RER697" s="613"/>
      <c r="RES697" s="613"/>
      <c r="RET697" s="613"/>
      <c r="REU697" s="613"/>
      <c r="REV697" s="613"/>
      <c r="REW697" s="613"/>
      <c r="REX697" s="613"/>
      <c r="REY697" s="613"/>
      <c r="REZ697" s="613"/>
      <c r="RFA697" s="613"/>
      <c r="RFB697" s="613"/>
      <c r="RFC697" s="613"/>
      <c r="RFD697" s="613"/>
      <c r="RFE697" s="613"/>
      <c r="RFF697" s="613"/>
      <c r="RFG697" s="613"/>
      <c r="RFH697" s="613"/>
      <c r="RFI697" s="613"/>
      <c r="RFJ697" s="613"/>
      <c r="RFK697" s="613"/>
      <c r="RFL697" s="613"/>
      <c r="RFM697" s="613"/>
      <c r="RFN697" s="613"/>
      <c r="RFO697" s="613"/>
      <c r="RFP697" s="613"/>
      <c r="RFQ697" s="613"/>
      <c r="RFR697" s="613"/>
      <c r="RFS697" s="613"/>
      <c r="RFT697" s="613"/>
      <c r="RFU697" s="613"/>
      <c r="RFV697" s="613"/>
      <c r="RFW697" s="613"/>
      <c r="RFX697" s="613"/>
      <c r="RFY697" s="613"/>
      <c r="RFZ697" s="613"/>
      <c r="RGA697" s="613"/>
      <c r="RGB697" s="613"/>
      <c r="RGC697" s="613"/>
      <c r="RGD697" s="613"/>
      <c r="RGE697" s="613"/>
      <c r="RGF697" s="613"/>
      <c r="RGG697" s="613"/>
      <c r="RGH697" s="613"/>
      <c r="RGI697" s="613"/>
      <c r="RGJ697" s="613"/>
      <c r="RGK697" s="613"/>
      <c r="RGL697" s="613"/>
      <c r="RGM697" s="613"/>
      <c r="RGN697" s="613"/>
      <c r="RGO697" s="613"/>
      <c r="RGP697" s="613"/>
      <c r="RGQ697" s="613"/>
      <c r="RGR697" s="613"/>
      <c r="RGS697" s="613"/>
      <c r="RGT697" s="613"/>
      <c r="RGU697" s="613"/>
      <c r="RGV697" s="613"/>
      <c r="RGW697" s="613"/>
      <c r="RGX697" s="613"/>
      <c r="RGY697" s="613"/>
      <c r="RGZ697" s="613"/>
      <c r="RHA697" s="613"/>
      <c r="RHB697" s="613"/>
      <c r="RHC697" s="613"/>
      <c r="RHD697" s="613"/>
      <c r="RHE697" s="613"/>
      <c r="RHF697" s="613"/>
      <c r="RHG697" s="613"/>
      <c r="RHH697" s="613"/>
      <c r="RHI697" s="613"/>
      <c r="RHJ697" s="613"/>
      <c r="RHK697" s="613"/>
      <c r="RHL697" s="613"/>
      <c r="RHM697" s="613"/>
      <c r="RHN697" s="613"/>
      <c r="RHO697" s="613"/>
      <c r="RHP697" s="613"/>
      <c r="RHQ697" s="613"/>
      <c r="RHR697" s="613"/>
      <c r="RHS697" s="613"/>
      <c r="RHT697" s="613"/>
      <c r="RHU697" s="613"/>
      <c r="RHV697" s="613"/>
      <c r="RHW697" s="613"/>
      <c r="RHX697" s="613"/>
      <c r="RHY697" s="613"/>
      <c r="RHZ697" s="613"/>
      <c r="RIA697" s="613"/>
      <c r="RIB697" s="613"/>
      <c r="RIC697" s="613"/>
      <c r="RID697" s="613"/>
      <c r="RIE697" s="613"/>
      <c r="RIF697" s="613"/>
      <c r="RIG697" s="613"/>
      <c r="RIH697" s="613"/>
      <c r="RII697" s="613"/>
      <c r="RIJ697" s="613"/>
      <c r="RIK697" s="613"/>
      <c r="RIL697" s="613"/>
      <c r="RIM697" s="613"/>
      <c r="RIN697" s="613"/>
      <c r="RIO697" s="613"/>
      <c r="RIP697" s="613"/>
      <c r="RIQ697" s="613"/>
      <c r="RIR697" s="613"/>
      <c r="RIS697" s="613"/>
      <c r="RIT697" s="613"/>
      <c r="RIU697" s="613"/>
      <c r="RIV697" s="613"/>
      <c r="RIW697" s="613"/>
      <c r="RIX697" s="613"/>
      <c r="RIY697" s="613"/>
      <c r="RIZ697" s="613"/>
      <c r="RJA697" s="613"/>
      <c r="RJB697" s="613"/>
      <c r="RJC697" s="613"/>
      <c r="RJD697" s="613"/>
      <c r="RJE697" s="613"/>
      <c r="RJF697" s="613"/>
      <c r="RJG697" s="613"/>
      <c r="RJH697" s="613"/>
      <c r="RJI697" s="613"/>
      <c r="RJJ697" s="613"/>
      <c r="RJK697" s="613"/>
      <c r="RJL697" s="613"/>
      <c r="RJM697" s="613"/>
      <c r="RJN697" s="613"/>
      <c r="RJO697" s="613"/>
      <c r="RJP697" s="613"/>
      <c r="RJQ697" s="613"/>
      <c r="RJR697" s="613"/>
      <c r="RJS697" s="613"/>
      <c r="RJT697" s="613"/>
      <c r="RJU697" s="613"/>
      <c r="RJV697" s="613"/>
      <c r="RJW697" s="613"/>
      <c r="RJX697" s="613"/>
      <c r="RJY697" s="613"/>
      <c r="RJZ697" s="613"/>
      <c r="RKA697" s="613"/>
      <c r="RKB697" s="613"/>
      <c r="RKC697" s="613"/>
      <c r="RKD697" s="613"/>
      <c r="RKE697" s="613"/>
      <c r="RKF697" s="613"/>
      <c r="RKG697" s="613"/>
      <c r="RKH697" s="613"/>
      <c r="RKI697" s="613"/>
      <c r="RKJ697" s="613"/>
      <c r="RKK697" s="613"/>
      <c r="RKL697" s="613"/>
      <c r="RKM697" s="613"/>
      <c r="RKN697" s="613"/>
      <c r="RKO697" s="613"/>
      <c r="RKP697" s="613"/>
      <c r="RKQ697" s="613"/>
      <c r="RKR697" s="613"/>
      <c r="RKS697" s="613"/>
      <c r="RKT697" s="613"/>
      <c r="RKU697" s="613"/>
      <c r="RKV697" s="613"/>
      <c r="RKW697" s="613"/>
      <c r="RKX697" s="613"/>
      <c r="RKY697" s="613"/>
      <c r="RKZ697" s="613"/>
      <c r="RLA697" s="613"/>
      <c r="RLB697" s="613"/>
      <c r="RLC697" s="613"/>
      <c r="RLD697" s="613"/>
      <c r="RLE697" s="613"/>
      <c r="RLF697" s="613"/>
      <c r="RLG697" s="613"/>
      <c r="RLH697" s="613"/>
      <c r="RLI697" s="613"/>
      <c r="RLJ697" s="613"/>
      <c r="RLK697" s="613"/>
      <c r="RLL697" s="613"/>
      <c r="RLM697" s="613"/>
      <c r="RLN697" s="613"/>
      <c r="RLO697" s="613"/>
      <c r="RLP697" s="613"/>
      <c r="RLQ697" s="613"/>
      <c r="RLR697" s="613"/>
      <c r="RLS697" s="613"/>
      <c r="RLT697" s="613"/>
      <c r="RLU697" s="613"/>
      <c r="RLV697" s="613"/>
      <c r="RLW697" s="613"/>
      <c r="RLX697" s="613"/>
      <c r="RLY697" s="613"/>
      <c r="RLZ697" s="613"/>
      <c r="RMA697" s="613"/>
      <c r="RMB697" s="613"/>
      <c r="RMC697" s="613"/>
      <c r="RMD697" s="613"/>
      <c r="RME697" s="613"/>
      <c r="RMF697" s="613"/>
      <c r="RMG697" s="613"/>
      <c r="RMH697" s="613"/>
      <c r="RMI697" s="613"/>
      <c r="RMJ697" s="613"/>
      <c r="RMK697" s="613"/>
      <c r="RML697" s="613"/>
      <c r="RMM697" s="613"/>
      <c r="RMN697" s="613"/>
      <c r="RMO697" s="613"/>
      <c r="RMP697" s="613"/>
      <c r="RMQ697" s="613"/>
      <c r="RMR697" s="613"/>
      <c r="RMS697" s="613"/>
      <c r="RMT697" s="613"/>
      <c r="RMU697" s="613"/>
      <c r="RMV697" s="613"/>
      <c r="RMW697" s="613"/>
      <c r="RMX697" s="613"/>
      <c r="RMY697" s="613"/>
      <c r="RMZ697" s="613"/>
      <c r="RNA697" s="613"/>
      <c r="RNB697" s="613"/>
      <c r="RNC697" s="613"/>
      <c r="RND697" s="613"/>
      <c r="RNE697" s="613"/>
      <c r="RNF697" s="613"/>
      <c r="RNG697" s="613"/>
      <c r="RNH697" s="613"/>
      <c r="RNI697" s="613"/>
      <c r="RNJ697" s="613"/>
      <c r="RNK697" s="613"/>
      <c r="RNL697" s="613"/>
      <c r="RNM697" s="613"/>
      <c r="RNN697" s="613"/>
      <c r="RNO697" s="613"/>
      <c r="RNP697" s="613"/>
      <c r="RNQ697" s="613"/>
      <c r="RNR697" s="613"/>
      <c r="RNS697" s="613"/>
      <c r="RNT697" s="613"/>
      <c r="RNU697" s="613"/>
      <c r="RNV697" s="613"/>
      <c r="RNW697" s="613"/>
      <c r="RNX697" s="613"/>
      <c r="RNY697" s="613"/>
      <c r="RNZ697" s="613"/>
      <c r="ROA697" s="613"/>
      <c r="ROB697" s="613"/>
      <c r="ROC697" s="613"/>
      <c r="ROD697" s="613"/>
      <c r="ROE697" s="613"/>
      <c r="ROF697" s="613"/>
      <c r="ROG697" s="613"/>
      <c r="ROH697" s="613"/>
      <c r="ROI697" s="613"/>
      <c r="ROJ697" s="613"/>
      <c r="ROK697" s="613"/>
      <c r="ROL697" s="613"/>
      <c r="ROM697" s="613"/>
      <c r="RON697" s="613"/>
      <c r="ROO697" s="613"/>
      <c r="ROP697" s="613"/>
      <c r="ROQ697" s="613"/>
      <c r="ROR697" s="613"/>
      <c r="ROS697" s="613"/>
      <c r="ROT697" s="613"/>
      <c r="ROU697" s="613"/>
      <c r="ROV697" s="613"/>
      <c r="ROW697" s="613"/>
      <c r="ROX697" s="613"/>
      <c r="ROY697" s="613"/>
      <c r="ROZ697" s="613"/>
      <c r="RPA697" s="613"/>
      <c r="RPB697" s="613"/>
      <c r="RPC697" s="613"/>
      <c r="RPD697" s="613"/>
      <c r="RPE697" s="613"/>
      <c r="RPF697" s="613"/>
      <c r="RPG697" s="613"/>
      <c r="RPH697" s="613"/>
      <c r="RPI697" s="613"/>
      <c r="RPJ697" s="613"/>
      <c r="RPK697" s="613"/>
      <c r="RPL697" s="613"/>
      <c r="RPM697" s="613"/>
      <c r="RPN697" s="613"/>
      <c r="RPO697" s="613"/>
      <c r="RPP697" s="613"/>
      <c r="RPQ697" s="613"/>
      <c r="RPR697" s="613"/>
      <c r="RPS697" s="613"/>
      <c r="RPT697" s="613"/>
      <c r="RPU697" s="613"/>
      <c r="RPV697" s="613"/>
      <c r="RPW697" s="613"/>
      <c r="RPX697" s="613"/>
      <c r="RPY697" s="613"/>
      <c r="RPZ697" s="613"/>
      <c r="RQA697" s="613"/>
      <c r="RQB697" s="613"/>
      <c r="RQC697" s="613"/>
      <c r="RQD697" s="613"/>
      <c r="RQE697" s="613"/>
      <c r="RQF697" s="613"/>
      <c r="RQG697" s="613"/>
      <c r="RQH697" s="613"/>
      <c r="RQI697" s="613"/>
      <c r="RQJ697" s="613"/>
      <c r="RQK697" s="613"/>
      <c r="RQL697" s="613"/>
      <c r="RQM697" s="613"/>
      <c r="RQN697" s="613"/>
      <c r="RQO697" s="613"/>
      <c r="RQP697" s="613"/>
      <c r="RQQ697" s="613"/>
      <c r="RQR697" s="613"/>
      <c r="RQS697" s="613"/>
      <c r="RQT697" s="613"/>
      <c r="RQU697" s="613"/>
      <c r="RQV697" s="613"/>
      <c r="RQW697" s="613"/>
      <c r="RQX697" s="613"/>
      <c r="RQY697" s="613"/>
      <c r="RQZ697" s="613"/>
      <c r="RRA697" s="613"/>
      <c r="RRB697" s="613"/>
      <c r="RRC697" s="613"/>
      <c r="RRD697" s="613"/>
      <c r="RRE697" s="613"/>
      <c r="RRF697" s="613"/>
      <c r="RRG697" s="613"/>
      <c r="RRH697" s="613"/>
      <c r="RRI697" s="613"/>
      <c r="RRJ697" s="613"/>
      <c r="RRK697" s="613"/>
      <c r="RRL697" s="613"/>
      <c r="RRM697" s="613"/>
      <c r="RRN697" s="613"/>
      <c r="RRO697" s="613"/>
      <c r="RRP697" s="613"/>
      <c r="RRQ697" s="613"/>
      <c r="RRR697" s="613"/>
      <c r="RRS697" s="613"/>
      <c r="RRT697" s="613"/>
      <c r="RRU697" s="613"/>
      <c r="RRV697" s="613"/>
      <c r="RRW697" s="613"/>
      <c r="RRX697" s="613"/>
      <c r="RRY697" s="613"/>
      <c r="RRZ697" s="613"/>
      <c r="RSA697" s="613"/>
      <c r="RSB697" s="613"/>
      <c r="RSC697" s="613"/>
      <c r="RSD697" s="613"/>
      <c r="RSE697" s="613"/>
      <c r="RSF697" s="613"/>
      <c r="RSG697" s="613"/>
      <c r="RSH697" s="613"/>
      <c r="RSI697" s="613"/>
      <c r="RSJ697" s="613"/>
      <c r="RSK697" s="613"/>
      <c r="RSL697" s="613"/>
      <c r="RSM697" s="613"/>
      <c r="RSN697" s="613"/>
      <c r="RSO697" s="613"/>
      <c r="RSP697" s="613"/>
      <c r="RSQ697" s="613"/>
      <c r="RSR697" s="613"/>
      <c r="RSS697" s="613"/>
      <c r="RST697" s="613"/>
      <c r="RSU697" s="613"/>
      <c r="RSV697" s="613"/>
      <c r="RSW697" s="613"/>
      <c r="RSX697" s="613"/>
      <c r="RSY697" s="613"/>
      <c r="RSZ697" s="613"/>
      <c r="RTA697" s="613"/>
      <c r="RTB697" s="613"/>
      <c r="RTC697" s="613"/>
      <c r="RTD697" s="613"/>
      <c r="RTE697" s="613"/>
      <c r="RTF697" s="613"/>
      <c r="RTG697" s="613"/>
      <c r="RTH697" s="613"/>
      <c r="RTI697" s="613"/>
      <c r="RTJ697" s="613"/>
      <c r="RTK697" s="613"/>
      <c r="RTL697" s="613"/>
      <c r="RTM697" s="613"/>
      <c r="RTN697" s="613"/>
      <c r="RTO697" s="613"/>
      <c r="RTP697" s="613"/>
      <c r="RTQ697" s="613"/>
      <c r="RTR697" s="613"/>
      <c r="RTS697" s="613"/>
      <c r="RTT697" s="613"/>
      <c r="RTU697" s="613"/>
      <c r="RTV697" s="613"/>
      <c r="RTW697" s="613"/>
      <c r="RTX697" s="613"/>
      <c r="RTY697" s="613"/>
      <c r="RTZ697" s="613"/>
      <c r="RUA697" s="613"/>
      <c r="RUB697" s="613"/>
      <c r="RUC697" s="613"/>
      <c r="RUD697" s="613"/>
      <c r="RUE697" s="613"/>
      <c r="RUF697" s="613"/>
      <c r="RUG697" s="613"/>
      <c r="RUH697" s="613"/>
      <c r="RUI697" s="613"/>
      <c r="RUJ697" s="613"/>
      <c r="RUK697" s="613"/>
      <c r="RUL697" s="613"/>
      <c r="RUM697" s="613"/>
      <c r="RUN697" s="613"/>
      <c r="RUO697" s="613"/>
      <c r="RUP697" s="613"/>
      <c r="RUQ697" s="613"/>
      <c r="RUR697" s="613"/>
      <c r="RUS697" s="613"/>
      <c r="RUT697" s="613"/>
      <c r="RUU697" s="613"/>
      <c r="RUV697" s="613"/>
      <c r="RUW697" s="613"/>
      <c r="RUX697" s="613"/>
      <c r="RUY697" s="613"/>
      <c r="RUZ697" s="613"/>
      <c r="RVA697" s="613"/>
      <c r="RVB697" s="613"/>
      <c r="RVC697" s="613"/>
      <c r="RVD697" s="613"/>
      <c r="RVE697" s="613"/>
      <c r="RVF697" s="613"/>
      <c r="RVG697" s="613"/>
      <c r="RVH697" s="613"/>
      <c r="RVI697" s="613"/>
      <c r="RVJ697" s="613"/>
      <c r="RVK697" s="613"/>
      <c r="RVL697" s="613"/>
      <c r="RVM697" s="613"/>
      <c r="RVN697" s="613"/>
      <c r="RVO697" s="613"/>
      <c r="RVP697" s="613"/>
      <c r="RVQ697" s="613"/>
      <c r="RVR697" s="613"/>
      <c r="RVS697" s="613"/>
      <c r="RVT697" s="613"/>
      <c r="RVU697" s="613"/>
      <c r="RVV697" s="613"/>
      <c r="RVW697" s="613"/>
      <c r="RVX697" s="613"/>
      <c r="RVY697" s="613"/>
      <c r="RVZ697" s="613"/>
      <c r="RWA697" s="613"/>
      <c r="RWB697" s="613"/>
      <c r="RWC697" s="613"/>
      <c r="RWD697" s="613"/>
      <c r="RWE697" s="613"/>
      <c r="RWF697" s="613"/>
      <c r="RWG697" s="613"/>
      <c r="RWH697" s="613"/>
      <c r="RWI697" s="613"/>
      <c r="RWJ697" s="613"/>
      <c r="RWK697" s="613"/>
      <c r="RWL697" s="613"/>
      <c r="RWM697" s="613"/>
      <c r="RWN697" s="613"/>
      <c r="RWO697" s="613"/>
      <c r="RWP697" s="613"/>
      <c r="RWQ697" s="613"/>
      <c r="RWR697" s="613"/>
      <c r="RWS697" s="613"/>
      <c r="RWT697" s="613"/>
      <c r="RWU697" s="613"/>
      <c r="RWV697" s="613"/>
      <c r="RWW697" s="613"/>
      <c r="RWX697" s="613"/>
      <c r="RWY697" s="613"/>
      <c r="RWZ697" s="613"/>
      <c r="RXA697" s="613"/>
      <c r="RXB697" s="613"/>
      <c r="RXC697" s="613"/>
      <c r="RXD697" s="613"/>
      <c r="RXE697" s="613"/>
      <c r="RXF697" s="613"/>
      <c r="RXG697" s="613"/>
      <c r="RXH697" s="613"/>
      <c r="RXI697" s="613"/>
      <c r="RXJ697" s="613"/>
      <c r="RXK697" s="613"/>
      <c r="RXL697" s="613"/>
      <c r="RXM697" s="613"/>
      <c r="RXN697" s="613"/>
      <c r="RXO697" s="613"/>
      <c r="RXP697" s="613"/>
      <c r="RXQ697" s="613"/>
      <c r="RXR697" s="613"/>
      <c r="RXS697" s="613"/>
      <c r="RXT697" s="613"/>
      <c r="RXU697" s="613"/>
      <c r="RXV697" s="613"/>
      <c r="RXW697" s="613"/>
      <c r="RXX697" s="613"/>
      <c r="RXY697" s="613"/>
      <c r="RXZ697" s="613"/>
      <c r="RYA697" s="613"/>
      <c r="RYB697" s="613"/>
      <c r="RYC697" s="613"/>
      <c r="RYD697" s="613"/>
      <c r="RYE697" s="613"/>
      <c r="RYF697" s="613"/>
      <c r="RYG697" s="613"/>
      <c r="RYH697" s="613"/>
      <c r="RYI697" s="613"/>
      <c r="RYJ697" s="613"/>
      <c r="RYK697" s="613"/>
      <c r="RYL697" s="613"/>
      <c r="RYM697" s="613"/>
      <c r="RYN697" s="613"/>
      <c r="RYO697" s="613"/>
      <c r="RYP697" s="613"/>
      <c r="RYQ697" s="613"/>
      <c r="RYR697" s="613"/>
      <c r="RYS697" s="613"/>
      <c r="RYT697" s="613"/>
      <c r="RYU697" s="613"/>
      <c r="RYV697" s="613"/>
      <c r="RYW697" s="613"/>
      <c r="RYX697" s="613"/>
      <c r="RYY697" s="613"/>
      <c r="RYZ697" s="613"/>
      <c r="RZA697" s="613"/>
      <c r="RZB697" s="613"/>
      <c r="RZC697" s="613"/>
      <c r="RZD697" s="613"/>
      <c r="RZE697" s="613"/>
      <c r="RZF697" s="613"/>
      <c r="RZG697" s="613"/>
      <c r="RZH697" s="613"/>
      <c r="RZI697" s="613"/>
      <c r="RZJ697" s="613"/>
      <c r="RZK697" s="613"/>
      <c r="RZL697" s="613"/>
      <c r="RZM697" s="613"/>
      <c r="RZN697" s="613"/>
      <c r="RZO697" s="613"/>
      <c r="RZP697" s="613"/>
      <c r="RZQ697" s="613"/>
      <c r="RZR697" s="613"/>
      <c r="RZS697" s="613"/>
      <c r="RZT697" s="613"/>
      <c r="RZU697" s="613"/>
      <c r="RZV697" s="613"/>
      <c r="RZW697" s="613"/>
      <c r="RZX697" s="613"/>
      <c r="RZY697" s="613"/>
      <c r="RZZ697" s="613"/>
      <c r="SAA697" s="613"/>
      <c r="SAB697" s="613"/>
      <c r="SAC697" s="613"/>
      <c r="SAD697" s="613"/>
      <c r="SAE697" s="613"/>
      <c r="SAF697" s="613"/>
      <c r="SAG697" s="613"/>
      <c r="SAH697" s="613"/>
      <c r="SAI697" s="613"/>
      <c r="SAJ697" s="613"/>
      <c r="SAK697" s="613"/>
      <c r="SAL697" s="613"/>
      <c r="SAM697" s="613"/>
      <c r="SAN697" s="613"/>
      <c r="SAO697" s="613"/>
      <c r="SAP697" s="613"/>
      <c r="SAQ697" s="613"/>
      <c r="SAR697" s="613"/>
      <c r="SAS697" s="613"/>
      <c r="SAT697" s="613"/>
      <c r="SAU697" s="613"/>
      <c r="SAV697" s="613"/>
      <c r="SAW697" s="613"/>
      <c r="SAX697" s="613"/>
      <c r="SAY697" s="613"/>
      <c r="SAZ697" s="613"/>
      <c r="SBA697" s="613"/>
      <c r="SBB697" s="613"/>
      <c r="SBC697" s="613"/>
      <c r="SBD697" s="613"/>
      <c r="SBE697" s="613"/>
      <c r="SBF697" s="613"/>
      <c r="SBG697" s="613"/>
      <c r="SBH697" s="613"/>
      <c r="SBI697" s="613"/>
      <c r="SBJ697" s="613"/>
      <c r="SBK697" s="613"/>
      <c r="SBL697" s="613"/>
      <c r="SBM697" s="613"/>
      <c r="SBN697" s="613"/>
      <c r="SBO697" s="613"/>
      <c r="SBP697" s="613"/>
      <c r="SBQ697" s="613"/>
      <c r="SBR697" s="613"/>
      <c r="SBS697" s="613"/>
      <c r="SBT697" s="613"/>
      <c r="SBU697" s="613"/>
      <c r="SBV697" s="613"/>
      <c r="SBW697" s="613"/>
      <c r="SBX697" s="613"/>
      <c r="SBY697" s="613"/>
      <c r="SBZ697" s="613"/>
      <c r="SCA697" s="613"/>
      <c r="SCB697" s="613"/>
      <c r="SCC697" s="613"/>
      <c r="SCD697" s="613"/>
      <c r="SCE697" s="613"/>
      <c r="SCF697" s="613"/>
      <c r="SCG697" s="613"/>
      <c r="SCH697" s="613"/>
      <c r="SCI697" s="613"/>
      <c r="SCJ697" s="613"/>
      <c r="SCK697" s="613"/>
      <c r="SCL697" s="613"/>
      <c r="SCM697" s="613"/>
      <c r="SCN697" s="613"/>
      <c r="SCO697" s="613"/>
      <c r="SCP697" s="613"/>
      <c r="SCQ697" s="613"/>
      <c r="SCR697" s="613"/>
      <c r="SCS697" s="613"/>
      <c r="SCT697" s="613"/>
      <c r="SCU697" s="613"/>
      <c r="SCV697" s="613"/>
      <c r="SCW697" s="613"/>
      <c r="SCX697" s="613"/>
      <c r="SCY697" s="613"/>
      <c r="SCZ697" s="613"/>
      <c r="SDA697" s="613"/>
      <c r="SDB697" s="613"/>
      <c r="SDC697" s="613"/>
      <c r="SDD697" s="613"/>
      <c r="SDE697" s="613"/>
      <c r="SDF697" s="613"/>
      <c r="SDG697" s="613"/>
      <c r="SDH697" s="613"/>
      <c r="SDI697" s="613"/>
      <c r="SDJ697" s="613"/>
      <c r="SDK697" s="613"/>
      <c r="SDL697" s="613"/>
      <c r="SDM697" s="613"/>
      <c r="SDN697" s="613"/>
      <c r="SDO697" s="613"/>
      <c r="SDP697" s="613"/>
      <c r="SDQ697" s="613"/>
      <c r="SDR697" s="613"/>
      <c r="SDS697" s="613"/>
      <c r="SDT697" s="613"/>
      <c r="SDU697" s="613"/>
      <c r="SDV697" s="613"/>
      <c r="SDW697" s="613"/>
      <c r="SDX697" s="613"/>
      <c r="SDY697" s="613"/>
      <c r="SDZ697" s="613"/>
      <c r="SEA697" s="613"/>
      <c r="SEB697" s="613"/>
      <c r="SEC697" s="613"/>
      <c r="SED697" s="613"/>
      <c r="SEE697" s="613"/>
      <c r="SEF697" s="613"/>
      <c r="SEG697" s="613"/>
      <c r="SEH697" s="613"/>
      <c r="SEI697" s="613"/>
      <c r="SEJ697" s="613"/>
      <c r="SEK697" s="613"/>
      <c r="SEL697" s="613"/>
      <c r="SEM697" s="613"/>
      <c r="SEN697" s="613"/>
      <c r="SEO697" s="613"/>
      <c r="SEP697" s="613"/>
      <c r="SEQ697" s="613"/>
      <c r="SER697" s="613"/>
      <c r="SES697" s="613"/>
      <c r="SET697" s="613"/>
      <c r="SEU697" s="613"/>
      <c r="SEV697" s="613"/>
      <c r="SEW697" s="613"/>
      <c r="SEX697" s="613"/>
      <c r="SEY697" s="613"/>
      <c r="SEZ697" s="613"/>
      <c r="SFA697" s="613"/>
      <c r="SFB697" s="613"/>
      <c r="SFC697" s="613"/>
      <c r="SFD697" s="613"/>
      <c r="SFE697" s="613"/>
      <c r="SFF697" s="613"/>
      <c r="SFG697" s="613"/>
      <c r="SFH697" s="613"/>
      <c r="SFI697" s="613"/>
      <c r="SFJ697" s="613"/>
      <c r="SFK697" s="613"/>
      <c r="SFL697" s="613"/>
      <c r="SFM697" s="613"/>
      <c r="SFN697" s="613"/>
      <c r="SFO697" s="613"/>
      <c r="SFP697" s="613"/>
      <c r="SFQ697" s="613"/>
      <c r="SFR697" s="613"/>
      <c r="SFS697" s="613"/>
      <c r="SFT697" s="613"/>
      <c r="SFU697" s="613"/>
      <c r="SFV697" s="613"/>
      <c r="SFW697" s="613"/>
      <c r="SFX697" s="613"/>
      <c r="SFY697" s="613"/>
      <c r="SFZ697" s="613"/>
      <c r="SGA697" s="613"/>
      <c r="SGB697" s="613"/>
      <c r="SGC697" s="613"/>
      <c r="SGD697" s="613"/>
      <c r="SGE697" s="613"/>
      <c r="SGF697" s="613"/>
      <c r="SGG697" s="613"/>
      <c r="SGH697" s="613"/>
      <c r="SGI697" s="613"/>
      <c r="SGJ697" s="613"/>
      <c r="SGK697" s="613"/>
      <c r="SGL697" s="613"/>
      <c r="SGM697" s="613"/>
      <c r="SGN697" s="613"/>
      <c r="SGO697" s="613"/>
      <c r="SGP697" s="613"/>
      <c r="SGQ697" s="613"/>
      <c r="SGR697" s="613"/>
      <c r="SGS697" s="613"/>
      <c r="SGT697" s="613"/>
      <c r="SGU697" s="613"/>
      <c r="SGV697" s="613"/>
      <c r="SGW697" s="613"/>
      <c r="SGX697" s="613"/>
      <c r="SGY697" s="613"/>
      <c r="SGZ697" s="613"/>
      <c r="SHA697" s="613"/>
      <c r="SHB697" s="613"/>
      <c r="SHC697" s="613"/>
      <c r="SHD697" s="613"/>
      <c r="SHE697" s="613"/>
      <c r="SHF697" s="613"/>
      <c r="SHG697" s="613"/>
      <c r="SHH697" s="613"/>
      <c r="SHI697" s="613"/>
      <c r="SHJ697" s="613"/>
      <c r="SHK697" s="613"/>
      <c r="SHL697" s="613"/>
      <c r="SHM697" s="613"/>
      <c r="SHN697" s="613"/>
      <c r="SHO697" s="613"/>
      <c r="SHP697" s="613"/>
      <c r="SHQ697" s="613"/>
      <c r="SHR697" s="613"/>
      <c r="SHS697" s="613"/>
      <c r="SHT697" s="613"/>
      <c r="SHU697" s="613"/>
      <c r="SHV697" s="613"/>
      <c r="SHW697" s="613"/>
      <c r="SHX697" s="613"/>
      <c r="SHY697" s="613"/>
      <c r="SHZ697" s="613"/>
      <c r="SIA697" s="613"/>
      <c r="SIB697" s="613"/>
      <c r="SIC697" s="613"/>
      <c r="SID697" s="613"/>
      <c r="SIE697" s="613"/>
      <c r="SIF697" s="613"/>
      <c r="SIG697" s="613"/>
      <c r="SIH697" s="613"/>
      <c r="SII697" s="613"/>
      <c r="SIJ697" s="613"/>
      <c r="SIK697" s="613"/>
      <c r="SIL697" s="613"/>
      <c r="SIM697" s="613"/>
      <c r="SIN697" s="613"/>
      <c r="SIO697" s="613"/>
      <c r="SIP697" s="613"/>
      <c r="SIQ697" s="613"/>
      <c r="SIR697" s="613"/>
      <c r="SIS697" s="613"/>
      <c r="SIT697" s="613"/>
      <c r="SIU697" s="613"/>
      <c r="SIV697" s="613"/>
      <c r="SIW697" s="613"/>
      <c r="SIX697" s="613"/>
      <c r="SIY697" s="613"/>
      <c r="SIZ697" s="613"/>
      <c r="SJA697" s="613"/>
      <c r="SJB697" s="613"/>
      <c r="SJC697" s="613"/>
      <c r="SJD697" s="613"/>
      <c r="SJE697" s="613"/>
      <c r="SJF697" s="613"/>
      <c r="SJG697" s="613"/>
      <c r="SJH697" s="613"/>
      <c r="SJI697" s="613"/>
      <c r="SJJ697" s="613"/>
      <c r="SJK697" s="613"/>
      <c r="SJL697" s="613"/>
      <c r="SJM697" s="613"/>
      <c r="SJN697" s="613"/>
      <c r="SJO697" s="613"/>
      <c r="SJP697" s="613"/>
      <c r="SJQ697" s="613"/>
      <c r="SJR697" s="613"/>
      <c r="SJS697" s="613"/>
      <c r="SJT697" s="613"/>
      <c r="SJU697" s="613"/>
      <c r="SJV697" s="613"/>
      <c r="SJW697" s="613"/>
      <c r="SJX697" s="613"/>
      <c r="SJY697" s="613"/>
      <c r="SJZ697" s="613"/>
      <c r="SKA697" s="613"/>
      <c r="SKB697" s="613"/>
      <c r="SKC697" s="613"/>
      <c r="SKD697" s="613"/>
      <c r="SKE697" s="613"/>
      <c r="SKF697" s="613"/>
      <c r="SKG697" s="613"/>
      <c r="SKH697" s="613"/>
      <c r="SKI697" s="613"/>
      <c r="SKJ697" s="613"/>
      <c r="SKK697" s="613"/>
      <c r="SKL697" s="613"/>
      <c r="SKM697" s="613"/>
      <c r="SKN697" s="613"/>
      <c r="SKO697" s="613"/>
      <c r="SKP697" s="613"/>
      <c r="SKQ697" s="613"/>
      <c r="SKR697" s="613"/>
      <c r="SKS697" s="613"/>
      <c r="SKT697" s="613"/>
      <c r="SKU697" s="613"/>
      <c r="SKV697" s="613"/>
      <c r="SKW697" s="613"/>
      <c r="SKX697" s="613"/>
      <c r="SKY697" s="613"/>
      <c r="SKZ697" s="613"/>
      <c r="SLA697" s="613"/>
      <c r="SLB697" s="613"/>
      <c r="SLC697" s="613"/>
      <c r="SLD697" s="613"/>
      <c r="SLE697" s="613"/>
      <c r="SLF697" s="613"/>
      <c r="SLG697" s="613"/>
      <c r="SLH697" s="613"/>
      <c r="SLI697" s="613"/>
      <c r="SLJ697" s="613"/>
      <c r="SLK697" s="613"/>
      <c r="SLL697" s="613"/>
      <c r="SLM697" s="613"/>
      <c r="SLN697" s="613"/>
      <c r="SLO697" s="613"/>
      <c r="SLP697" s="613"/>
      <c r="SLQ697" s="613"/>
      <c r="SLR697" s="613"/>
      <c r="SLS697" s="613"/>
      <c r="SLT697" s="613"/>
      <c r="SLU697" s="613"/>
      <c r="SLV697" s="613"/>
      <c r="SLW697" s="613"/>
      <c r="SLX697" s="613"/>
      <c r="SLY697" s="613"/>
      <c r="SLZ697" s="613"/>
      <c r="SMA697" s="613"/>
      <c r="SMB697" s="613"/>
      <c r="SMC697" s="613"/>
      <c r="SMD697" s="613"/>
      <c r="SME697" s="613"/>
      <c r="SMF697" s="613"/>
      <c r="SMG697" s="613"/>
      <c r="SMH697" s="613"/>
      <c r="SMI697" s="613"/>
      <c r="SMJ697" s="613"/>
      <c r="SMK697" s="613"/>
      <c r="SML697" s="613"/>
      <c r="SMM697" s="613"/>
      <c r="SMN697" s="613"/>
      <c r="SMO697" s="613"/>
      <c r="SMP697" s="613"/>
      <c r="SMQ697" s="613"/>
      <c r="SMR697" s="613"/>
      <c r="SMS697" s="613"/>
      <c r="SMT697" s="613"/>
      <c r="SMU697" s="613"/>
      <c r="SMV697" s="613"/>
      <c r="SMW697" s="613"/>
      <c r="SMX697" s="613"/>
      <c r="SMY697" s="613"/>
      <c r="SMZ697" s="613"/>
      <c r="SNA697" s="613"/>
      <c r="SNB697" s="613"/>
      <c r="SNC697" s="613"/>
      <c r="SND697" s="613"/>
      <c r="SNE697" s="613"/>
      <c r="SNF697" s="613"/>
      <c r="SNG697" s="613"/>
      <c r="SNH697" s="613"/>
      <c r="SNI697" s="613"/>
      <c r="SNJ697" s="613"/>
      <c r="SNK697" s="613"/>
      <c r="SNL697" s="613"/>
      <c r="SNM697" s="613"/>
      <c r="SNN697" s="613"/>
      <c r="SNO697" s="613"/>
      <c r="SNP697" s="613"/>
      <c r="SNQ697" s="613"/>
      <c r="SNR697" s="613"/>
      <c r="SNS697" s="613"/>
      <c r="SNT697" s="613"/>
      <c r="SNU697" s="613"/>
      <c r="SNV697" s="613"/>
      <c r="SNW697" s="613"/>
      <c r="SNX697" s="613"/>
      <c r="SNY697" s="613"/>
      <c r="SNZ697" s="613"/>
      <c r="SOA697" s="613"/>
      <c r="SOB697" s="613"/>
      <c r="SOC697" s="613"/>
      <c r="SOD697" s="613"/>
      <c r="SOE697" s="613"/>
      <c r="SOF697" s="613"/>
      <c r="SOG697" s="613"/>
      <c r="SOH697" s="613"/>
      <c r="SOI697" s="613"/>
      <c r="SOJ697" s="613"/>
      <c r="SOK697" s="613"/>
      <c r="SOL697" s="613"/>
      <c r="SOM697" s="613"/>
      <c r="SON697" s="613"/>
      <c r="SOO697" s="613"/>
      <c r="SOP697" s="613"/>
      <c r="SOQ697" s="613"/>
      <c r="SOR697" s="613"/>
      <c r="SOS697" s="613"/>
      <c r="SOT697" s="613"/>
      <c r="SOU697" s="613"/>
      <c r="SOV697" s="613"/>
      <c r="SOW697" s="613"/>
      <c r="SOX697" s="613"/>
      <c r="SOY697" s="613"/>
      <c r="SOZ697" s="613"/>
      <c r="SPA697" s="613"/>
      <c r="SPB697" s="613"/>
      <c r="SPC697" s="613"/>
      <c r="SPD697" s="613"/>
      <c r="SPE697" s="613"/>
      <c r="SPF697" s="613"/>
      <c r="SPG697" s="613"/>
      <c r="SPH697" s="613"/>
      <c r="SPI697" s="613"/>
      <c r="SPJ697" s="613"/>
      <c r="SPK697" s="613"/>
      <c r="SPL697" s="613"/>
      <c r="SPM697" s="613"/>
      <c r="SPN697" s="613"/>
      <c r="SPO697" s="613"/>
      <c r="SPP697" s="613"/>
      <c r="SPQ697" s="613"/>
      <c r="SPR697" s="613"/>
      <c r="SPS697" s="613"/>
      <c r="SPT697" s="613"/>
      <c r="SPU697" s="613"/>
      <c r="SPV697" s="613"/>
      <c r="SPW697" s="613"/>
      <c r="SPX697" s="613"/>
      <c r="SPY697" s="613"/>
      <c r="SPZ697" s="613"/>
      <c r="SQA697" s="613"/>
      <c r="SQB697" s="613"/>
      <c r="SQC697" s="613"/>
      <c r="SQD697" s="613"/>
      <c r="SQE697" s="613"/>
      <c r="SQF697" s="613"/>
      <c r="SQG697" s="613"/>
      <c r="SQH697" s="613"/>
      <c r="SQI697" s="613"/>
      <c r="SQJ697" s="613"/>
      <c r="SQK697" s="613"/>
      <c r="SQL697" s="613"/>
      <c r="SQM697" s="613"/>
      <c r="SQN697" s="613"/>
      <c r="SQO697" s="613"/>
      <c r="SQP697" s="613"/>
      <c r="SQQ697" s="613"/>
      <c r="SQR697" s="613"/>
      <c r="SQS697" s="613"/>
      <c r="SQT697" s="613"/>
      <c r="SQU697" s="613"/>
      <c r="SQV697" s="613"/>
      <c r="SQW697" s="613"/>
      <c r="SQX697" s="613"/>
      <c r="SQY697" s="613"/>
      <c r="SQZ697" s="613"/>
      <c r="SRA697" s="613"/>
      <c r="SRB697" s="613"/>
      <c r="SRC697" s="613"/>
      <c r="SRD697" s="613"/>
      <c r="SRE697" s="613"/>
      <c r="SRF697" s="613"/>
      <c r="SRG697" s="613"/>
      <c r="SRH697" s="613"/>
      <c r="SRI697" s="613"/>
      <c r="SRJ697" s="613"/>
      <c r="SRK697" s="613"/>
      <c r="SRL697" s="613"/>
      <c r="SRM697" s="613"/>
      <c r="SRN697" s="613"/>
      <c r="SRO697" s="613"/>
      <c r="SRP697" s="613"/>
      <c r="SRQ697" s="613"/>
      <c r="SRR697" s="613"/>
      <c r="SRS697" s="613"/>
      <c r="SRT697" s="613"/>
      <c r="SRU697" s="613"/>
      <c r="SRV697" s="613"/>
      <c r="SRW697" s="613"/>
      <c r="SRX697" s="613"/>
      <c r="SRY697" s="613"/>
      <c r="SRZ697" s="613"/>
      <c r="SSA697" s="613"/>
      <c r="SSB697" s="613"/>
      <c r="SSC697" s="613"/>
      <c r="SSD697" s="613"/>
      <c r="SSE697" s="613"/>
      <c r="SSF697" s="613"/>
      <c r="SSG697" s="613"/>
      <c r="SSH697" s="613"/>
      <c r="SSI697" s="613"/>
      <c r="SSJ697" s="613"/>
      <c r="SSK697" s="613"/>
      <c r="SSL697" s="613"/>
      <c r="SSM697" s="613"/>
      <c r="SSN697" s="613"/>
      <c r="SSO697" s="613"/>
      <c r="SSP697" s="613"/>
      <c r="SSQ697" s="613"/>
      <c r="SSR697" s="613"/>
      <c r="SSS697" s="613"/>
      <c r="SST697" s="613"/>
      <c r="SSU697" s="613"/>
      <c r="SSV697" s="613"/>
      <c r="SSW697" s="613"/>
      <c r="SSX697" s="613"/>
      <c r="SSY697" s="613"/>
      <c r="SSZ697" s="613"/>
      <c r="STA697" s="613"/>
      <c r="STB697" s="613"/>
      <c r="STC697" s="613"/>
      <c r="STD697" s="613"/>
      <c r="STE697" s="613"/>
      <c r="STF697" s="613"/>
      <c r="STG697" s="613"/>
      <c r="STH697" s="613"/>
      <c r="STI697" s="613"/>
      <c r="STJ697" s="613"/>
      <c r="STK697" s="613"/>
      <c r="STL697" s="613"/>
      <c r="STM697" s="613"/>
      <c r="STN697" s="613"/>
      <c r="STO697" s="613"/>
      <c r="STP697" s="613"/>
      <c r="STQ697" s="613"/>
      <c r="STR697" s="613"/>
      <c r="STS697" s="613"/>
      <c r="STT697" s="613"/>
      <c r="STU697" s="613"/>
      <c r="STV697" s="613"/>
      <c r="STW697" s="613"/>
      <c r="STX697" s="613"/>
      <c r="STY697" s="613"/>
      <c r="STZ697" s="613"/>
      <c r="SUA697" s="613"/>
      <c r="SUB697" s="613"/>
      <c r="SUC697" s="613"/>
      <c r="SUD697" s="613"/>
      <c r="SUE697" s="613"/>
      <c r="SUF697" s="613"/>
      <c r="SUG697" s="613"/>
      <c r="SUH697" s="613"/>
      <c r="SUI697" s="613"/>
      <c r="SUJ697" s="613"/>
      <c r="SUK697" s="613"/>
      <c r="SUL697" s="613"/>
      <c r="SUM697" s="613"/>
      <c r="SUN697" s="613"/>
      <c r="SUO697" s="613"/>
      <c r="SUP697" s="613"/>
      <c r="SUQ697" s="613"/>
      <c r="SUR697" s="613"/>
      <c r="SUS697" s="613"/>
      <c r="SUT697" s="613"/>
      <c r="SUU697" s="613"/>
      <c r="SUV697" s="613"/>
      <c r="SUW697" s="613"/>
      <c r="SUX697" s="613"/>
      <c r="SUY697" s="613"/>
      <c r="SUZ697" s="613"/>
      <c r="SVA697" s="613"/>
      <c r="SVB697" s="613"/>
      <c r="SVC697" s="613"/>
      <c r="SVD697" s="613"/>
      <c r="SVE697" s="613"/>
      <c r="SVF697" s="613"/>
      <c r="SVG697" s="613"/>
      <c r="SVH697" s="613"/>
      <c r="SVI697" s="613"/>
      <c r="SVJ697" s="613"/>
      <c r="SVK697" s="613"/>
      <c r="SVL697" s="613"/>
      <c r="SVM697" s="613"/>
      <c r="SVN697" s="613"/>
      <c r="SVO697" s="613"/>
      <c r="SVP697" s="613"/>
      <c r="SVQ697" s="613"/>
      <c r="SVR697" s="613"/>
      <c r="SVS697" s="613"/>
      <c r="SVT697" s="613"/>
      <c r="SVU697" s="613"/>
      <c r="SVV697" s="613"/>
      <c r="SVW697" s="613"/>
      <c r="SVX697" s="613"/>
      <c r="SVY697" s="613"/>
      <c r="SVZ697" s="613"/>
      <c r="SWA697" s="613"/>
      <c r="SWB697" s="613"/>
      <c r="SWC697" s="613"/>
      <c r="SWD697" s="613"/>
      <c r="SWE697" s="613"/>
      <c r="SWF697" s="613"/>
      <c r="SWG697" s="613"/>
      <c r="SWH697" s="613"/>
      <c r="SWI697" s="613"/>
      <c r="SWJ697" s="613"/>
      <c r="SWK697" s="613"/>
      <c r="SWL697" s="613"/>
      <c r="SWM697" s="613"/>
      <c r="SWN697" s="613"/>
      <c r="SWO697" s="613"/>
      <c r="SWP697" s="613"/>
      <c r="SWQ697" s="613"/>
      <c r="SWR697" s="613"/>
      <c r="SWS697" s="613"/>
      <c r="SWT697" s="613"/>
      <c r="SWU697" s="613"/>
      <c r="SWV697" s="613"/>
      <c r="SWW697" s="613"/>
      <c r="SWX697" s="613"/>
      <c r="SWY697" s="613"/>
      <c r="SWZ697" s="613"/>
      <c r="SXA697" s="613"/>
      <c r="SXB697" s="613"/>
      <c r="SXC697" s="613"/>
      <c r="SXD697" s="613"/>
      <c r="SXE697" s="613"/>
      <c r="SXF697" s="613"/>
      <c r="SXG697" s="613"/>
      <c r="SXH697" s="613"/>
      <c r="SXI697" s="613"/>
      <c r="SXJ697" s="613"/>
      <c r="SXK697" s="613"/>
      <c r="SXL697" s="613"/>
      <c r="SXM697" s="613"/>
      <c r="SXN697" s="613"/>
      <c r="SXO697" s="613"/>
      <c r="SXP697" s="613"/>
      <c r="SXQ697" s="613"/>
      <c r="SXR697" s="613"/>
      <c r="SXS697" s="613"/>
      <c r="SXT697" s="613"/>
      <c r="SXU697" s="613"/>
      <c r="SXV697" s="613"/>
      <c r="SXW697" s="613"/>
      <c r="SXX697" s="613"/>
      <c r="SXY697" s="613"/>
      <c r="SXZ697" s="613"/>
      <c r="SYA697" s="613"/>
      <c r="SYB697" s="613"/>
      <c r="SYC697" s="613"/>
      <c r="SYD697" s="613"/>
      <c r="SYE697" s="613"/>
      <c r="SYF697" s="613"/>
      <c r="SYG697" s="613"/>
      <c r="SYH697" s="613"/>
      <c r="SYI697" s="613"/>
      <c r="SYJ697" s="613"/>
      <c r="SYK697" s="613"/>
      <c r="SYL697" s="613"/>
      <c r="SYM697" s="613"/>
      <c r="SYN697" s="613"/>
      <c r="SYO697" s="613"/>
      <c r="SYP697" s="613"/>
      <c r="SYQ697" s="613"/>
      <c r="SYR697" s="613"/>
      <c r="SYS697" s="613"/>
      <c r="SYT697" s="613"/>
      <c r="SYU697" s="613"/>
      <c r="SYV697" s="613"/>
      <c r="SYW697" s="613"/>
      <c r="SYX697" s="613"/>
      <c r="SYY697" s="613"/>
      <c r="SYZ697" s="613"/>
      <c r="SZA697" s="613"/>
      <c r="SZB697" s="613"/>
      <c r="SZC697" s="613"/>
      <c r="SZD697" s="613"/>
      <c r="SZE697" s="613"/>
      <c r="SZF697" s="613"/>
      <c r="SZG697" s="613"/>
      <c r="SZH697" s="613"/>
      <c r="SZI697" s="613"/>
      <c r="SZJ697" s="613"/>
      <c r="SZK697" s="613"/>
      <c r="SZL697" s="613"/>
      <c r="SZM697" s="613"/>
      <c r="SZN697" s="613"/>
      <c r="SZO697" s="613"/>
      <c r="SZP697" s="613"/>
      <c r="SZQ697" s="613"/>
      <c r="SZR697" s="613"/>
      <c r="SZS697" s="613"/>
      <c r="SZT697" s="613"/>
      <c r="SZU697" s="613"/>
      <c r="SZV697" s="613"/>
      <c r="SZW697" s="613"/>
      <c r="SZX697" s="613"/>
      <c r="SZY697" s="613"/>
      <c r="SZZ697" s="613"/>
      <c r="TAA697" s="613"/>
      <c r="TAB697" s="613"/>
      <c r="TAC697" s="613"/>
      <c r="TAD697" s="613"/>
      <c r="TAE697" s="613"/>
      <c r="TAF697" s="613"/>
      <c r="TAG697" s="613"/>
      <c r="TAH697" s="613"/>
      <c r="TAI697" s="613"/>
      <c r="TAJ697" s="613"/>
      <c r="TAK697" s="613"/>
      <c r="TAL697" s="613"/>
      <c r="TAM697" s="613"/>
      <c r="TAN697" s="613"/>
      <c r="TAO697" s="613"/>
      <c r="TAP697" s="613"/>
      <c r="TAQ697" s="613"/>
      <c r="TAR697" s="613"/>
      <c r="TAS697" s="613"/>
      <c r="TAT697" s="613"/>
      <c r="TAU697" s="613"/>
      <c r="TAV697" s="613"/>
      <c r="TAW697" s="613"/>
      <c r="TAX697" s="613"/>
      <c r="TAY697" s="613"/>
      <c r="TAZ697" s="613"/>
      <c r="TBA697" s="613"/>
      <c r="TBB697" s="613"/>
      <c r="TBC697" s="613"/>
      <c r="TBD697" s="613"/>
      <c r="TBE697" s="613"/>
      <c r="TBF697" s="613"/>
      <c r="TBG697" s="613"/>
      <c r="TBH697" s="613"/>
      <c r="TBI697" s="613"/>
      <c r="TBJ697" s="613"/>
      <c r="TBK697" s="613"/>
      <c r="TBL697" s="613"/>
      <c r="TBM697" s="613"/>
      <c r="TBN697" s="613"/>
      <c r="TBO697" s="613"/>
      <c r="TBP697" s="613"/>
      <c r="TBQ697" s="613"/>
      <c r="TBR697" s="613"/>
      <c r="TBS697" s="613"/>
      <c r="TBT697" s="613"/>
      <c r="TBU697" s="613"/>
      <c r="TBV697" s="613"/>
      <c r="TBW697" s="613"/>
      <c r="TBX697" s="613"/>
      <c r="TBY697" s="613"/>
      <c r="TBZ697" s="613"/>
      <c r="TCA697" s="613"/>
      <c r="TCB697" s="613"/>
      <c r="TCC697" s="613"/>
      <c r="TCD697" s="613"/>
      <c r="TCE697" s="613"/>
      <c r="TCF697" s="613"/>
      <c r="TCG697" s="613"/>
      <c r="TCH697" s="613"/>
      <c r="TCI697" s="613"/>
      <c r="TCJ697" s="613"/>
      <c r="TCK697" s="613"/>
      <c r="TCL697" s="613"/>
      <c r="TCM697" s="613"/>
      <c r="TCN697" s="613"/>
      <c r="TCO697" s="613"/>
      <c r="TCP697" s="613"/>
      <c r="TCQ697" s="613"/>
      <c r="TCR697" s="613"/>
      <c r="TCS697" s="613"/>
      <c r="TCT697" s="613"/>
      <c r="TCU697" s="613"/>
      <c r="TCV697" s="613"/>
      <c r="TCW697" s="613"/>
      <c r="TCX697" s="613"/>
      <c r="TCY697" s="613"/>
      <c r="TCZ697" s="613"/>
      <c r="TDA697" s="613"/>
      <c r="TDB697" s="613"/>
      <c r="TDC697" s="613"/>
      <c r="TDD697" s="613"/>
      <c r="TDE697" s="613"/>
      <c r="TDF697" s="613"/>
      <c r="TDG697" s="613"/>
      <c r="TDH697" s="613"/>
      <c r="TDI697" s="613"/>
      <c r="TDJ697" s="613"/>
      <c r="TDK697" s="613"/>
      <c r="TDL697" s="613"/>
      <c r="TDM697" s="613"/>
      <c r="TDN697" s="613"/>
      <c r="TDO697" s="613"/>
      <c r="TDP697" s="613"/>
      <c r="TDQ697" s="613"/>
      <c r="TDR697" s="613"/>
      <c r="TDS697" s="613"/>
      <c r="TDT697" s="613"/>
      <c r="TDU697" s="613"/>
      <c r="TDV697" s="613"/>
      <c r="TDW697" s="613"/>
      <c r="TDX697" s="613"/>
      <c r="TDY697" s="613"/>
      <c r="TDZ697" s="613"/>
      <c r="TEA697" s="613"/>
      <c r="TEB697" s="613"/>
      <c r="TEC697" s="613"/>
      <c r="TED697" s="613"/>
      <c r="TEE697" s="613"/>
      <c r="TEF697" s="613"/>
      <c r="TEG697" s="613"/>
      <c r="TEH697" s="613"/>
      <c r="TEI697" s="613"/>
      <c r="TEJ697" s="613"/>
      <c r="TEK697" s="613"/>
      <c r="TEL697" s="613"/>
      <c r="TEM697" s="613"/>
      <c r="TEN697" s="613"/>
      <c r="TEO697" s="613"/>
      <c r="TEP697" s="613"/>
      <c r="TEQ697" s="613"/>
      <c r="TER697" s="613"/>
      <c r="TES697" s="613"/>
      <c r="TET697" s="613"/>
      <c r="TEU697" s="613"/>
      <c r="TEV697" s="613"/>
      <c r="TEW697" s="613"/>
      <c r="TEX697" s="613"/>
      <c r="TEY697" s="613"/>
      <c r="TEZ697" s="613"/>
      <c r="TFA697" s="613"/>
      <c r="TFB697" s="613"/>
      <c r="TFC697" s="613"/>
      <c r="TFD697" s="613"/>
      <c r="TFE697" s="613"/>
      <c r="TFF697" s="613"/>
      <c r="TFG697" s="613"/>
      <c r="TFH697" s="613"/>
      <c r="TFI697" s="613"/>
      <c r="TFJ697" s="613"/>
      <c r="TFK697" s="613"/>
      <c r="TFL697" s="613"/>
      <c r="TFM697" s="613"/>
      <c r="TFN697" s="613"/>
      <c r="TFO697" s="613"/>
      <c r="TFP697" s="613"/>
      <c r="TFQ697" s="613"/>
      <c r="TFR697" s="613"/>
      <c r="TFS697" s="613"/>
      <c r="TFT697" s="613"/>
      <c r="TFU697" s="613"/>
      <c r="TFV697" s="613"/>
      <c r="TFW697" s="613"/>
      <c r="TFX697" s="613"/>
      <c r="TFY697" s="613"/>
      <c r="TFZ697" s="613"/>
      <c r="TGA697" s="613"/>
      <c r="TGB697" s="613"/>
      <c r="TGC697" s="613"/>
      <c r="TGD697" s="613"/>
      <c r="TGE697" s="613"/>
      <c r="TGF697" s="613"/>
      <c r="TGG697" s="613"/>
      <c r="TGH697" s="613"/>
      <c r="TGI697" s="613"/>
      <c r="TGJ697" s="613"/>
      <c r="TGK697" s="613"/>
      <c r="TGL697" s="613"/>
      <c r="TGM697" s="613"/>
      <c r="TGN697" s="613"/>
      <c r="TGO697" s="613"/>
      <c r="TGP697" s="613"/>
      <c r="TGQ697" s="613"/>
      <c r="TGR697" s="613"/>
      <c r="TGS697" s="613"/>
      <c r="TGT697" s="613"/>
      <c r="TGU697" s="613"/>
      <c r="TGV697" s="613"/>
      <c r="TGW697" s="613"/>
      <c r="TGX697" s="613"/>
      <c r="TGY697" s="613"/>
      <c r="TGZ697" s="613"/>
      <c r="THA697" s="613"/>
      <c r="THB697" s="613"/>
      <c r="THC697" s="613"/>
      <c r="THD697" s="613"/>
      <c r="THE697" s="613"/>
      <c r="THF697" s="613"/>
      <c r="THG697" s="613"/>
      <c r="THH697" s="613"/>
      <c r="THI697" s="613"/>
      <c r="THJ697" s="613"/>
      <c r="THK697" s="613"/>
      <c r="THL697" s="613"/>
      <c r="THM697" s="613"/>
      <c r="THN697" s="613"/>
      <c r="THO697" s="613"/>
      <c r="THP697" s="613"/>
      <c r="THQ697" s="613"/>
      <c r="THR697" s="613"/>
      <c r="THS697" s="613"/>
      <c r="THT697" s="613"/>
      <c r="THU697" s="613"/>
      <c r="THV697" s="613"/>
      <c r="THW697" s="613"/>
      <c r="THX697" s="613"/>
      <c r="THY697" s="613"/>
      <c r="THZ697" s="613"/>
      <c r="TIA697" s="613"/>
      <c r="TIB697" s="613"/>
      <c r="TIC697" s="613"/>
      <c r="TID697" s="613"/>
      <c r="TIE697" s="613"/>
      <c r="TIF697" s="613"/>
      <c r="TIG697" s="613"/>
      <c r="TIH697" s="613"/>
      <c r="TII697" s="613"/>
      <c r="TIJ697" s="613"/>
      <c r="TIK697" s="613"/>
      <c r="TIL697" s="613"/>
      <c r="TIM697" s="613"/>
      <c r="TIN697" s="613"/>
      <c r="TIO697" s="613"/>
      <c r="TIP697" s="613"/>
      <c r="TIQ697" s="613"/>
      <c r="TIR697" s="613"/>
      <c r="TIS697" s="613"/>
      <c r="TIT697" s="613"/>
      <c r="TIU697" s="613"/>
      <c r="TIV697" s="613"/>
      <c r="TIW697" s="613"/>
      <c r="TIX697" s="613"/>
      <c r="TIY697" s="613"/>
      <c r="TIZ697" s="613"/>
      <c r="TJA697" s="613"/>
      <c r="TJB697" s="613"/>
      <c r="TJC697" s="613"/>
      <c r="TJD697" s="613"/>
      <c r="TJE697" s="613"/>
      <c r="TJF697" s="613"/>
      <c r="TJG697" s="613"/>
      <c r="TJH697" s="613"/>
      <c r="TJI697" s="613"/>
      <c r="TJJ697" s="613"/>
      <c r="TJK697" s="613"/>
      <c r="TJL697" s="613"/>
      <c r="TJM697" s="613"/>
      <c r="TJN697" s="613"/>
      <c r="TJO697" s="613"/>
      <c r="TJP697" s="613"/>
      <c r="TJQ697" s="613"/>
      <c r="TJR697" s="613"/>
      <c r="TJS697" s="613"/>
      <c r="TJT697" s="613"/>
      <c r="TJU697" s="613"/>
      <c r="TJV697" s="613"/>
      <c r="TJW697" s="613"/>
      <c r="TJX697" s="613"/>
      <c r="TJY697" s="613"/>
      <c r="TJZ697" s="613"/>
      <c r="TKA697" s="613"/>
      <c r="TKB697" s="613"/>
      <c r="TKC697" s="613"/>
      <c r="TKD697" s="613"/>
      <c r="TKE697" s="613"/>
      <c r="TKF697" s="613"/>
      <c r="TKG697" s="613"/>
      <c r="TKH697" s="613"/>
      <c r="TKI697" s="613"/>
      <c r="TKJ697" s="613"/>
      <c r="TKK697" s="613"/>
      <c r="TKL697" s="613"/>
      <c r="TKM697" s="613"/>
      <c r="TKN697" s="613"/>
      <c r="TKO697" s="613"/>
      <c r="TKP697" s="613"/>
      <c r="TKQ697" s="613"/>
      <c r="TKR697" s="613"/>
      <c r="TKS697" s="613"/>
      <c r="TKT697" s="613"/>
      <c r="TKU697" s="613"/>
      <c r="TKV697" s="613"/>
      <c r="TKW697" s="613"/>
      <c r="TKX697" s="613"/>
      <c r="TKY697" s="613"/>
      <c r="TKZ697" s="613"/>
      <c r="TLA697" s="613"/>
      <c r="TLB697" s="613"/>
      <c r="TLC697" s="613"/>
      <c r="TLD697" s="613"/>
      <c r="TLE697" s="613"/>
      <c r="TLF697" s="613"/>
      <c r="TLG697" s="613"/>
      <c r="TLH697" s="613"/>
      <c r="TLI697" s="613"/>
      <c r="TLJ697" s="613"/>
      <c r="TLK697" s="613"/>
      <c r="TLL697" s="613"/>
      <c r="TLM697" s="613"/>
      <c r="TLN697" s="613"/>
      <c r="TLO697" s="613"/>
      <c r="TLP697" s="613"/>
      <c r="TLQ697" s="613"/>
      <c r="TLR697" s="613"/>
      <c r="TLS697" s="613"/>
      <c r="TLT697" s="613"/>
      <c r="TLU697" s="613"/>
      <c r="TLV697" s="613"/>
      <c r="TLW697" s="613"/>
      <c r="TLX697" s="613"/>
      <c r="TLY697" s="613"/>
      <c r="TLZ697" s="613"/>
      <c r="TMA697" s="613"/>
      <c r="TMB697" s="613"/>
      <c r="TMC697" s="613"/>
      <c r="TMD697" s="613"/>
      <c r="TME697" s="613"/>
      <c r="TMF697" s="613"/>
      <c r="TMG697" s="613"/>
      <c r="TMH697" s="613"/>
      <c r="TMI697" s="613"/>
      <c r="TMJ697" s="613"/>
      <c r="TMK697" s="613"/>
      <c r="TML697" s="613"/>
      <c r="TMM697" s="613"/>
      <c r="TMN697" s="613"/>
      <c r="TMO697" s="613"/>
      <c r="TMP697" s="613"/>
      <c r="TMQ697" s="613"/>
      <c r="TMR697" s="613"/>
      <c r="TMS697" s="613"/>
      <c r="TMT697" s="613"/>
      <c r="TMU697" s="613"/>
      <c r="TMV697" s="613"/>
      <c r="TMW697" s="613"/>
      <c r="TMX697" s="613"/>
      <c r="TMY697" s="613"/>
      <c r="TMZ697" s="613"/>
      <c r="TNA697" s="613"/>
      <c r="TNB697" s="613"/>
      <c r="TNC697" s="613"/>
      <c r="TND697" s="613"/>
      <c r="TNE697" s="613"/>
      <c r="TNF697" s="613"/>
      <c r="TNG697" s="613"/>
      <c r="TNH697" s="613"/>
      <c r="TNI697" s="613"/>
      <c r="TNJ697" s="613"/>
      <c r="TNK697" s="613"/>
      <c r="TNL697" s="613"/>
      <c r="TNM697" s="613"/>
      <c r="TNN697" s="613"/>
      <c r="TNO697" s="613"/>
      <c r="TNP697" s="613"/>
      <c r="TNQ697" s="613"/>
      <c r="TNR697" s="613"/>
      <c r="TNS697" s="613"/>
      <c r="TNT697" s="613"/>
      <c r="TNU697" s="613"/>
      <c r="TNV697" s="613"/>
      <c r="TNW697" s="613"/>
      <c r="TNX697" s="613"/>
      <c r="TNY697" s="613"/>
      <c r="TNZ697" s="613"/>
      <c r="TOA697" s="613"/>
      <c r="TOB697" s="613"/>
      <c r="TOC697" s="613"/>
      <c r="TOD697" s="613"/>
      <c r="TOE697" s="613"/>
      <c r="TOF697" s="613"/>
      <c r="TOG697" s="613"/>
      <c r="TOH697" s="613"/>
      <c r="TOI697" s="613"/>
      <c r="TOJ697" s="613"/>
      <c r="TOK697" s="613"/>
      <c r="TOL697" s="613"/>
      <c r="TOM697" s="613"/>
      <c r="TON697" s="613"/>
      <c r="TOO697" s="613"/>
      <c r="TOP697" s="613"/>
      <c r="TOQ697" s="613"/>
      <c r="TOR697" s="613"/>
      <c r="TOS697" s="613"/>
      <c r="TOT697" s="613"/>
      <c r="TOU697" s="613"/>
      <c r="TOV697" s="613"/>
      <c r="TOW697" s="613"/>
      <c r="TOX697" s="613"/>
      <c r="TOY697" s="613"/>
      <c r="TOZ697" s="613"/>
      <c r="TPA697" s="613"/>
      <c r="TPB697" s="613"/>
      <c r="TPC697" s="613"/>
      <c r="TPD697" s="613"/>
      <c r="TPE697" s="613"/>
      <c r="TPF697" s="613"/>
      <c r="TPG697" s="613"/>
      <c r="TPH697" s="613"/>
      <c r="TPI697" s="613"/>
      <c r="TPJ697" s="613"/>
      <c r="TPK697" s="613"/>
      <c r="TPL697" s="613"/>
      <c r="TPM697" s="613"/>
      <c r="TPN697" s="613"/>
      <c r="TPO697" s="613"/>
      <c r="TPP697" s="613"/>
      <c r="TPQ697" s="613"/>
      <c r="TPR697" s="613"/>
      <c r="TPS697" s="613"/>
      <c r="TPT697" s="613"/>
      <c r="TPU697" s="613"/>
      <c r="TPV697" s="613"/>
      <c r="TPW697" s="613"/>
      <c r="TPX697" s="613"/>
      <c r="TPY697" s="613"/>
      <c r="TPZ697" s="613"/>
      <c r="TQA697" s="613"/>
      <c r="TQB697" s="613"/>
      <c r="TQC697" s="613"/>
      <c r="TQD697" s="613"/>
      <c r="TQE697" s="613"/>
      <c r="TQF697" s="613"/>
      <c r="TQG697" s="613"/>
      <c r="TQH697" s="613"/>
      <c r="TQI697" s="613"/>
      <c r="TQJ697" s="613"/>
      <c r="TQK697" s="613"/>
      <c r="TQL697" s="613"/>
      <c r="TQM697" s="613"/>
      <c r="TQN697" s="613"/>
      <c r="TQO697" s="613"/>
      <c r="TQP697" s="613"/>
      <c r="TQQ697" s="613"/>
      <c r="TQR697" s="613"/>
      <c r="TQS697" s="613"/>
      <c r="TQT697" s="613"/>
      <c r="TQU697" s="613"/>
      <c r="TQV697" s="613"/>
      <c r="TQW697" s="613"/>
      <c r="TQX697" s="613"/>
      <c r="TQY697" s="613"/>
      <c r="TQZ697" s="613"/>
      <c r="TRA697" s="613"/>
      <c r="TRB697" s="613"/>
      <c r="TRC697" s="613"/>
      <c r="TRD697" s="613"/>
      <c r="TRE697" s="613"/>
      <c r="TRF697" s="613"/>
      <c r="TRG697" s="613"/>
      <c r="TRH697" s="613"/>
      <c r="TRI697" s="613"/>
      <c r="TRJ697" s="613"/>
      <c r="TRK697" s="613"/>
      <c r="TRL697" s="613"/>
      <c r="TRM697" s="613"/>
      <c r="TRN697" s="613"/>
      <c r="TRO697" s="613"/>
      <c r="TRP697" s="613"/>
      <c r="TRQ697" s="613"/>
      <c r="TRR697" s="613"/>
      <c r="TRS697" s="613"/>
      <c r="TRT697" s="613"/>
      <c r="TRU697" s="613"/>
      <c r="TRV697" s="613"/>
      <c r="TRW697" s="613"/>
      <c r="TRX697" s="613"/>
      <c r="TRY697" s="613"/>
      <c r="TRZ697" s="613"/>
      <c r="TSA697" s="613"/>
      <c r="TSB697" s="613"/>
      <c r="TSC697" s="613"/>
      <c r="TSD697" s="613"/>
      <c r="TSE697" s="613"/>
      <c r="TSF697" s="613"/>
      <c r="TSG697" s="613"/>
      <c r="TSH697" s="613"/>
      <c r="TSI697" s="613"/>
      <c r="TSJ697" s="613"/>
      <c r="TSK697" s="613"/>
      <c r="TSL697" s="613"/>
      <c r="TSM697" s="613"/>
      <c r="TSN697" s="613"/>
      <c r="TSO697" s="613"/>
      <c r="TSP697" s="613"/>
      <c r="TSQ697" s="613"/>
      <c r="TSR697" s="613"/>
      <c r="TSS697" s="613"/>
      <c r="TST697" s="613"/>
      <c r="TSU697" s="613"/>
      <c r="TSV697" s="613"/>
      <c r="TSW697" s="613"/>
      <c r="TSX697" s="613"/>
      <c r="TSY697" s="613"/>
      <c r="TSZ697" s="613"/>
      <c r="TTA697" s="613"/>
      <c r="TTB697" s="613"/>
      <c r="TTC697" s="613"/>
      <c r="TTD697" s="613"/>
      <c r="TTE697" s="613"/>
      <c r="TTF697" s="613"/>
      <c r="TTG697" s="613"/>
      <c r="TTH697" s="613"/>
      <c r="TTI697" s="613"/>
      <c r="TTJ697" s="613"/>
      <c r="TTK697" s="613"/>
      <c r="TTL697" s="613"/>
      <c r="TTM697" s="613"/>
      <c r="TTN697" s="613"/>
      <c r="TTO697" s="613"/>
      <c r="TTP697" s="613"/>
      <c r="TTQ697" s="613"/>
      <c r="TTR697" s="613"/>
      <c r="TTS697" s="613"/>
      <c r="TTT697" s="613"/>
      <c r="TTU697" s="613"/>
      <c r="TTV697" s="613"/>
      <c r="TTW697" s="613"/>
      <c r="TTX697" s="613"/>
      <c r="TTY697" s="613"/>
      <c r="TTZ697" s="613"/>
      <c r="TUA697" s="613"/>
      <c r="TUB697" s="613"/>
      <c r="TUC697" s="613"/>
      <c r="TUD697" s="613"/>
      <c r="TUE697" s="613"/>
      <c r="TUF697" s="613"/>
      <c r="TUG697" s="613"/>
      <c r="TUH697" s="613"/>
      <c r="TUI697" s="613"/>
      <c r="TUJ697" s="613"/>
      <c r="TUK697" s="613"/>
      <c r="TUL697" s="613"/>
      <c r="TUM697" s="613"/>
      <c r="TUN697" s="613"/>
      <c r="TUO697" s="613"/>
      <c r="TUP697" s="613"/>
      <c r="TUQ697" s="613"/>
      <c r="TUR697" s="613"/>
      <c r="TUS697" s="613"/>
      <c r="TUT697" s="613"/>
      <c r="TUU697" s="613"/>
      <c r="TUV697" s="613"/>
      <c r="TUW697" s="613"/>
      <c r="TUX697" s="613"/>
      <c r="TUY697" s="613"/>
      <c r="TUZ697" s="613"/>
      <c r="TVA697" s="613"/>
      <c r="TVB697" s="613"/>
      <c r="TVC697" s="613"/>
      <c r="TVD697" s="613"/>
      <c r="TVE697" s="613"/>
      <c r="TVF697" s="613"/>
      <c r="TVG697" s="613"/>
      <c r="TVH697" s="613"/>
      <c r="TVI697" s="613"/>
      <c r="TVJ697" s="613"/>
      <c r="TVK697" s="613"/>
      <c r="TVL697" s="613"/>
      <c r="TVM697" s="613"/>
      <c r="TVN697" s="613"/>
      <c r="TVO697" s="613"/>
      <c r="TVP697" s="613"/>
      <c r="TVQ697" s="613"/>
      <c r="TVR697" s="613"/>
      <c r="TVS697" s="613"/>
      <c r="TVT697" s="613"/>
      <c r="TVU697" s="613"/>
      <c r="TVV697" s="613"/>
      <c r="TVW697" s="613"/>
      <c r="TVX697" s="613"/>
      <c r="TVY697" s="613"/>
      <c r="TVZ697" s="613"/>
      <c r="TWA697" s="613"/>
      <c r="TWB697" s="613"/>
      <c r="TWC697" s="613"/>
      <c r="TWD697" s="613"/>
      <c r="TWE697" s="613"/>
      <c r="TWF697" s="613"/>
      <c r="TWG697" s="613"/>
      <c r="TWH697" s="613"/>
      <c r="TWI697" s="613"/>
      <c r="TWJ697" s="613"/>
      <c r="TWK697" s="613"/>
      <c r="TWL697" s="613"/>
      <c r="TWM697" s="613"/>
      <c r="TWN697" s="613"/>
      <c r="TWO697" s="613"/>
      <c r="TWP697" s="613"/>
      <c r="TWQ697" s="613"/>
      <c r="TWR697" s="613"/>
      <c r="TWS697" s="613"/>
      <c r="TWT697" s="613"/>
      <c r="TWU697" s="613"/>
      <c r="TWV697" s="613"/>
      <c r="TWW697" s="613"/>
      <c r="TWX697" s="613"/>
      <c r="TWY697" s="613"/>
      <c r="TWZ697" s="613"/>
      <c r="TXA697" s="613"/>
      <c r="TXB697" s="613"/>
      <c r="TXC697" s="613"/>
      <c r="TXD697" s="613"/>
      <c r="TXE697" s="613"/>
      <c r="TXF697" s="613"/>
      <c r="TXG697" s="613"/>
      <c r="TXH697" s="613"/>
      <c r="TXI697" s="613"/>
      <c r="TXJ697" s="613"/>
      <c r="TXK697" s="613"/>
      <c r="TXL697" s="613"/>
      <c r="TXM697" s="613"/>
      <c r="TXN697" s="613"/>
      <c r="TXO697" s="613"/>
      <c r="TXP697" s="613"/>
      <c r="TXQ697" s="613"/>
      <c r="TXR697" s="613"/>
      <c r="TXS697" s="613"/>
      <c r="TXT697" s="613"/>
      <c r="TXU697" s="613"/>
      <c r="TXV697" s="613"/>
      <c r="TXW697" s="613"/>
      <c r="TXX697" s="613"/>
      <c r="TXY697" s="613"/>
      <c r="TXZ697" s="613"/>
      <c r="TYA697" s="613"/>
      <c r="TYB697" s="613"/>
      <c r="TYC697" s="613"/>
      <c r="TYD697" s="613"/>
      <c r="TYE697" s="613"/>
      <c r="TYF697" s="613"/>
      <c r="TYG697" s="613"/>
      <c r="TYH697" s="613"/>
      <c r="TYI697" s="613"/>
      <c r="TYJ697" s="613"/>
      <c r="TYK697" s="613"/>
      <c r="TYL697" s="613"/>
      <c r="TYM697" s="613"/>
      <c r="TYN697" s="613"/>
      <c r="TYO697" s="613"/>
      <c r="TYP697" s="613"/>
      <c r="TYQ697" s="613"/>
      <c r="TYR697" s="613"/>
      <c r="TYS697" s="613"/>
      <c r="TYT697" s="613"/>
      <c r="TYU697" s="613"/>
      <c r="TYV697" s="613"/>
      <c r="TYW697" s="613"/>
      <c r="TYX697" s="613"/>
      <c r="TYY697" s="613"/>
      <c r="TYZ697" s="613"/>
      <c r="TZA697" s="613"/>
      <c r="TZB697" s="613"/>
      <c r="TZC697" s="613"/>
      <c r="TZD697" s="613"/>
      <c r="TZE697" s="613"/>
      <c r="TZF697" s="613"/>
      <c r="TZG697" s="613"/>
      <c r="TZH697" s="613"/>
      <c r="TZI697" s="613"/>
      <c r="TZJ697" s="613"/>
      <c r="TZK697" s="613"/>
      <c r="TZL697" s="613"/>
      <c r="TZM697" s="613"/>
      <c r="TZN697" s="613"/>
      <c r="TZO697" s="613"/>
      <c r="TZP697" s="613"/>
      <c r="TZQ697" s="613"/>
      <c r="TZR697" s="613"/>
      <c r="TZS697" s="613"/>
      <c r="TZT697" s="613"/>
      <c r="TZU697" s="613"/>
      <c r="TZV697" s="613"/>
      <c r="TZW697" s="613"/>
      <c r="TZX697" s="613"/>
      <c r="TZY697" s="613"/>
      <c r="TZZ697" s="613"/>
      <c r="UAA697" s="613"/>
      <c r="UAB697" s="613"/>
      <c r="UAC697" s="613"/>
      <c r="UAD697" s="613"/>
      <c r="UAE697" s="613"/>
      <c r="UAF697" s="613"/>
      <c r="UAG697" s="613"/>
      <c r="UAH697" s="613"/>
      <c r="UAI697" s="613"/>
      <c r="UAJ697" s="613"/>
      <c r="UAK697" s="613"/>
      <c r="UAL697" s="613"/>
      <c r="UAM697" s="613"/>
      <c r="UAN697" s="613"/>
      <c r="UAO697" s="613"/>
      <c r="UAP697" s="613"/>
      <c r="UAQ697" s="613"/>
      <c r="UAR697" s="613"/>
      <c r="UAS697" s="613"/>
      <c r="UAT697" s="613"/>
      <c r="UAU697" s="613"/>
      <c r="UAV697" s="613"/>
      <c r="UAW697" s="613"/>
      <c r="UAX697" s="613"/>
      <c r="UAY697" s="613"/>
      <c r="UAZ697" s="613"/>
      <c r="UBA697" s="613"/>
      <c r="UBB697" s="613"/>
      <c r="UBC697" s="613"/>
      <c r="UBD697" s="613"/>
      <c r="UBE697" s="613"/>
      <c r="UBF697" s="613"/>
      <c r="UBG697" s="613"/>
      <c r="UBH697" s="613"/>
      <c r="UBI697" s="613"/>
      <c r="UBJ697" s="613"/>
      <c r="UBK697" s="613"/>
      <c r="UBL697" s="613"/>
      <c r="UBM697" s="613"/>
      <c r="UBN697" s="613"/>
      <c r="UBO697" s="613"/>
      <c r="UBP697" s="613"/>
      <c r="UBQ697" s="613"/>
      <c r="UBR697" s="613"/>
      <c r="UBS697" s="613"/>
      <c r="UBT697" s="613"/>
      <c r="UBU697" s="613"/>
      <c r="UBV697" s="613"/>
      <c r="UBW697" s="613"/>
      <c r="UBX697" s="613"/>
      <c r="UBY697" s="613"/>
      <c r="UBZ697" s="613"/>
      <c r="UCA697" s="613"/>
      <c r="UCB697" s="613"/>
      <c r="UCC697" s="613"/>
      <c r="UCD697" s="613"/>
      <c r="UCE697" s="613"/>
      <c r="UCF697" s="613"/>
      <c r="UCG697" s="613"/>
      <c r="UCH697" s="613"/>
      <c r="UCI697" s="613"/>
      <c r="UCJ697" s="613"/>
      <c r="UCK697" s="613"/>
      <c r="UCL697" s="613"/>
      <c r="UCM697" s="613"/>
      <c r="UCN697" s="613"/>
      <c r="UCO697" s="613"/>
      <c r="UCP697" s="613"/>
      <c r="UCQ697" s="613"/>
      <c r="UCR697" s="613"/>
      <c r="UCS697" s="613"/>
      <c r="UCT697" s="613"/>
      <c r="UCU697" s="613"/>
      <c r="UCV697" s="613"/>
      <c r="UCW697" s="613"/>
      <c r="UCX697" s="613"/>
      <c r="UCY697" s="613"/>
      <c r="UCZ697" s="613"/>
      <c r="UDA697" s="613"/>
      <c r="UDB697" s="613"/>
      <c r="UDC697" s="613"/>
      <c r="UDD697" s="613"/>
      <c r="UDE697" s="613"/>
      <c r="UDF697" s="613"/>
      <c r="UDG697" s="613"/>
      <c r="UDH697" s="613"/>
      <c r="UDI697" s="613"/>
      <c r="UDJ697" s="613"/>
      <c r="UDK697" s="613"/>
      <c r="UDL697" s="613"/>
      <c r="UDM697" s="613"/>
      <c r="UDN697" s="613"/>
      <c r="UDO697" s="613"/>
      <c r="UDP697" s="613"/>
      <c r="UDQ697" s="613"/>
      <c r="UDR697" s="613"/>
      <c r="UDS697" s="613"/>
      <c r="UDT697" s="613"/>
      <c r="UDU697" s="613"/>
      <c r="UDV697" s="613"/>
      <c r="UDW697" s="613"/>
      <c r="UDX697" s="613"/>
      <c r="UDY697" s="613"/>
      <c r="UDZ697" s="613"/>
      <c r="UEA697" s="613"/>
      <c r="UEB697" s="613"/>
      <c r="UEC697" s="613"/>
      <c r="UED697" s="613"/>
      <c r="UEE697" s="613"/>
      <c r="UEF697" s="613"/>
      <c r="UEG697" s="613"/>
      <c r="UEH697" s="613"/>
      <c r="UEI697" s="613"/>
      <c r="UEJ697" s="613"/>
      <c r="UEK697" s="613"/>
      <c r="UEL697" s="613"/>
      <c r="UEM697" s="613"/>
      <c r="UEN697" s="613"/>
      <c r="UEO697" s="613"/>
      <c r="UEP697" s="613"/>
      <c r="UEQ697" s="613"/>
      <c r="UER697" s="613"/>
      <c r="UES697" s="613"/>
      <c r="UET697" s="613"/>
      <c r="UEU697" s="613"/>
      <c r="UEV697" s="613"/>
      <c r="UEW697" s="613"/>
      <c r="UEX697" s="613"/>
      <c r="UEY697" s="613"/>
      <c r="UEZ697" s="613"/>
      <c r="UFA697" s="613"/>
      <c r="UFB697" s="613"/>
      <c r="UFC697" s="613"/>
      <c r="UFD697" s="613"/>
      <c r="UFE697" s="613"/>
      <c r="UFF697" s="613"/>
      <c r="UFG697" s="613"/>
      <c r="UFH697" s="613"/>
      <c r="UFI697" s="613"/>
      <c r="UFJ697" s="613"/>
      <c r="UFK697" s="613"/>
      <c r="UFL697" s="613"/>
      <c r="UFM697" s="613"/>
      <c r="UFN697" s="613"/>
      <c r="UFO697" s="613"/>
      <c r="UFP697" s="613"/>
      <c r="UFQ697" s="613"/>
      <c r="UFR697" s="613"/>
      <c r="UFS697" s="613"/>
      <c r="UFT697" s="613"/>
      <c r="UFU697" s="613"/>
      <c r="UFV697" s="613"/>
      <c r="UFW697" s="613"/>
      <c r="UFX697" s="613"/>
      <c r="UFY697" s="613"/>
      <c r="UFZ697" s="613"/>
      <c r="UGA697" s="613"/>
      <c r="UGB697" s="613"/>
      <c r="UGC697" s="613"/>
      <c r="UGD697" s="613"/>
      <c r="UGE697" s="613"/>
      <c r="UGF697" s="613"/>
      <c r="UGG697" s="613"/>
      <c r="UGH697" s="613"/>
      <c r="UGI697" s="613"/>
      <c r="UGJ697" s="613"/>
      <c r="UGK697" s="613"/>
      <c r="UGL697" s="613"/>
      <c r="UGM697" s="613"/>
      <c r="UGN697" s="613"/>
      <c r="UGO697" s="613"/>
      <c r="UGP697" s="613"/>
      <c r="UGQ697" s="613"/>
      <c r="UGR697" s="613"/>
      <c r="UGS697" s="613"/>
      <c r="UGT697" s="613"/>
      <c r="UGU697" s="613"/>
      <c r="UGV697" s="613"/>
      <c r="UGW697" s="613"/>
      <c r="UGX697" s="613"/>
      <c r="UGY697" s="613"/>
      <c r="UGZ697" s="613"/>
      <c r="UHA697" s="613"/>
      <c r="UHB697" s="613"/>
      <c r="UHC697" s="613"/>
      <c r="UHD697" s="613"/>
      <c r="UHE697" s="613"/>
      <c r="UHF697" s="613"/>
      <c r="UHG697" s="613"/>
      <c r="UHH697" s="613"/>
      <c r="UHI697" s="613"/>
      <c r="UHJ697" s="613"/>
      <c r="UHK697" s="613"/>
      <c r="UHL697" s="613"/>
      <c r="UHM697" s="613"/>
      <c r="UHN697" s="613"/>
      <c r="UHO697" s="613"/>
      <c r="UHP697" s="613"/>
      <c r="UHQ697" s="613"/>
      <c r="UHR697" s="613"/>
      <c r="UHS697" s="613"/>
      <c r="UHT697" s="613"/>
      <c r="UHU697" s="613"/>
      <c r="UHV697" s="613"/>
      <c r="UHW697" s="613"/>
      <c r="UHX697" s="613"/>
      <c r="UHY697" s="613"/>
      <c r="UHZ697" s="613"/>
      <c r="UIA697" s="613"/>
      <c r="UIB697" s="613"/>
      <c r="UIC697" s="613"/>
      <c r="UID697" s="613"/>
      <c r="UIE697" s="613"/>
      <c r="UIF697" s="613"/>
      <c r="UIG697" s="613"/>
      <c r="UIH697" s="613"/>
      <c r="UII697" s="613"/>
      <c r="UIJ697" s="613"/>
      <c r="UIK697" s="613"/>
      <c r="UIL697" s="613"/>
      <c r="UIM697" s="613"/>
      <c r="UIN697" s="613"/>
      <c r="UIO697" s="613"/>
      <c r="UIP697" s="613"/>
      <c r="UIQ697" s="613"/>
      <c r="UIR697" s="613"/>
      <c r="UIS697" s="613"/>
      <c r="UIT697" s="613"/>
      <c r="UIU697" s="613"/>
      <c r="UIV697" s="613"/>
      <c r="UIW697" s="613"/>
      <c r="UIX697" s="613"/>
      <c r="UIY697" s="613"/>
      <c r="UIZ697" s="613"/>
      <c r="UJA697" s="613"/>
      <c r="UJB697" s="613"/>
      <c r="UJC697" s="613"/>
      <c r="UJD697" s="613"/>
      <c r="UJE697" s="613"/>
      <c r="UJF697" s="613"/>
      <c r="UJG697" s="613"/>
      <c r="UJH697" s="613"/>
      <c r="UJI697" s="613"/>
      <c r="UJJ697" s="613"/>
      <c r="UJK697" s="613"/>
      <c r="UJL697" s="613"/>
      <c r="UJM697" s="613"/>
      <c r="UJN697" s="613"/>
      <c r="UJO697" s="613"/>
      <c r="UJP697" s="613"/>
      <c r="UJQ697" s="613"/>
      <c r="UJR697" s="613"/>
      <c r="UJS697" s="613"/>
      <c r="UJT697" s="613"/>
      <c r="UJU697" s="613"/>
      <c r="UJV697" s="613"/>
      <c r="UJW697" s="613"/>
      <c r="UJX697" s="613"/>
      <c r="UJY697" s="613"/>
      <c r="UJZ697" s="613"/>
      <c r="UKA697" s="613"/>
      <c r="UKB697" s="613"/>
      <c r="UKC697" s="613"/>
      <c r="UKD697" s="613"/>
      <c r="UKE697" s="613"/>
      <c r="UKF697" s="613"/>
      <c r="UKG697" s="613"/>
      <c r="UKH697" s="613"/>
      <c r="UKI697" s="613"/>
      <c r="UKJ697" s="613"/>
      <c r="UKK697" s="613"/>
      <c r="UKL697" s="613"/>
      <c r="UKM697" s="613"/>
      <c r="UKN697" s="613"/>
      <c r="UKO697" s="613"/>
      <c r="UKP697" s="613"/>
      <c r="UKQ697" s="613"/>
      <c r="UKR697" s="613"/>
      <c r="UKS697" s="613"/>
      <c r="UKT697" s="613"/>
      <c r="UKU697" s="613"/>
      <c r="UKV697" s="613"/>
      <c r="UKW697" s="613"/>
      <c r="UKX697" s="613"/>
      <c r="UKY697" s="613"/>
      <c r="UKZ697" s="613"/>
      <c r="ULA697" s="613"/>
      <c r="ULB697" s="613"/>
      <c r="ULC697" s="613"/>
      <c r="ULD697" s="613"/>
      <c r="ULE697" s="613"/>
      <c r="ULF697" s="613"/>
      <c r="ULG697" s="613"/>
      <c r="ULH697" s="613"/>
      <c r="ULI697" s="613"/>
      <c r="ULJ697" s="613"/>
      <c r="ULK697" s="613"/>
      <c r="ULL697" s="613"/>
      <c r="ULM697" s="613"/>
      <c r="ULN697" s="613"/>
      <c r="ULO697" s="613"/>
      <c r="ULP697" s="613"/>
      <c r="ULQ697" s="613"/>
      <c r="ULR697" s="613"/>
      <c r="ULS697" s="613"/>
      <c r="ULT697" s="613"/>
      <c r="ULU697" s="613"/>
      <c r="ULV697" s="613"/>
      <c r="ULW697" s="613"/>
      <c r="ULX697" s="613"/>
      <c r="ULY697" s="613"/>
      <c r="ULZ697" s="613"/>
      <c r="UMA697" s="613"/>
      <c r="UMB697" s="613"/>
      <c r="UMC697" s="613"/>
      <c r="UMD697" s="613"/>
      <c r="UME697" s="613"/>
      <c r="UMF697" s="613"/>
      <c r="UMG697" s="613"/>
      <c r="UMH697" s="613"/>
      <c r="UMI697" s="613"/>
      <c r="UMJ697" s="613"/>
      <c r="UMK697" s="613"/>
      <c r="UML697" s="613"/>
      <c r="UMM697" s="613"/>
      <c r="UMN697" s="613"/>
      <c r="UMO697" s="613"/>
      <c r="UMP697" s="613"/>
      <c r="UMQ697" s="613"/>
      <c r="UMR697" s="613"/>
      <c r="UMS697" s="613"/>
      <c r="UMT697" s="613"/>
      <c r="UMU697" s="613"/>
      <c r="UMV697" s="613"/>
      <c r="UMW697" s="613"/>
      <c r="UMX697" s="613"/>
      <c r="UMY697" s="613"/>
      <c r="UMZ697" s="613"/>
      <c r="UNA697" s="613"/>
      <c r="UNB697" s="613"/>
      <c r="UNC697" s="613"/>
      <c r="UND697" s="613"/>
      <c r="UNE697" s="613"/>
      <c r="UNF697" s="613"/>
      <c r="UNG697" s="613"/>
      <c r="UNH697" s="613"/>
      <c r="UNI697" s="613"/>
      <c r="UNJ697" s="613"/>
      <c r="UNK697" s="613"/>
      <c r="UNL697" s="613"/>
      <c r="UNM697" s="613"/>
      <c r="UNN697" s="613"/>
      <c r="UNO697" s="613"/>
      <c r="UNP697" s="613"/>
      <c r="UNQ697" s="613"/>
      <c r="UNR697" s="613"/>
      <c r="UNS697" s="613"/>
      <c r="UNT697" s="613"/>
      <c r="UNU697" s="613"/>
      <c r="UNV697" s="613"/>
      <c r="UNW697" s="613"/>
      <c r="UNX697" s="613"/>
      <c r="UNY697" s="613"/>
      <c r="UNZ697" s="613"/>
      <c r="UOA697" s="613"/>
      <c r="UOB697" s="613"/>
      <c r="UOC697" s="613"/>
      <c r="UOD697" s="613"/>
      <c r="UOE697" s="613"/>
      <c r="UOF697" s="613"/>
      <c r="UOG697" s="613"/>
      <c r="UOH697" s="613"/>
      <c r="UOI697" s="613"/>
      <c r="UOJ697" s="613"/>
      <c r="UOK697" s="613"/>
      <c r="UOL697" s="613"/>
      <c r="UOM697" s="613"/>
      <c r="UON697" s="613"/>
      <c r="UOO697" s="613"/>
      <c r="UOP697" s="613"/>
      <c r="UOQ697" s="613"/>
      <c r="UOR697" s="613"/>
      <c r="UOS697" s="613"/>
      <c r="UOT697" s="613"/>
      <c r="UOU697" s="613"/>
      <c r="UOV697" s="613"/>
      <c r="UOW697" s="613"/>
      <c r="UOX697" s="613"/>
      <c r="UOY697" s="613"/>
      <c r="UOZ697" s="613"/>
      <c r="UPA697" s="613"/>
      <c r="UPB697" s="613"/>
      <c r="UPC697" s="613"/>
      <c r="UPD697" s="613"/>
      <c r="UPE697" s="613"/>
      <c r="UPF697" s="613"/>
      <c r="UPG697" s="613"/>
      <c r="UPH697" s="613"/>
      <c r="UPI697" s="613"/>
      <c r="UPJ697" s="613"/>
      <c r="UPK697" s="613"/>
      <c r="UPL697" s="613"/>
      <c r="UPM697" s="613"/>
      <c r="UPN697" s="613"/>
      <c r="UPO697" s="613"/>
      <c r="UPP697" s="613"/>
      <c r="UPQ697" s="613"/>
      <c r="UPR697" s="613"/>
      <c r="UPS697" s="613"/>
      <c r="UPT697" s="613"/>
      <c r="UPU697" s="613"/>
      <c r="UPV697" s="613"/>
      <c r="UPW697" s="613"/>
      <c r="UPX697" s="613"/>
      <c r="UPY697" s="613"/>
      <c r="UPZ697" s="613"/>
      <c r="UQA697" s="613"/>
      <c r="UQB697" s="613"/>
      <c r="UQC697" s="613"/>
      <c r="UQD697" s="613"/>
      <c r="UQE697" s="613"/>
      <c r="UQF697" s="613"/>
      <c r="UQG697" s="613"/>
      <c r="UQH697" s="613"/>
      <c r="UQI697" s="613"/>
      <c r="UQJ697" s="613"/>
      <c r="UQK697" s="613"/>
      <c r="UQL697" s="613"/>
      <c r="UQM697" s="613"/>
      <c r="UQN697" s="613"/>
      <c r="UQO697" s="613"/>
      <c r="UQP697" s="613"/>
      <c r="UQQ697" s="613"/>
      <c r="UQR697" s="613"/>
      <c r="UQS697" s="613"/>
      <c r="UQT697" s="613"/>
      <c r="UQU697" s="613"/>
      <c r="UQV697" s="613"/>
      <c r="UQW697" s="613"/>
      <c r="UQX697" s="613"/>
      <c r="UQY697" s="613"/>
      <c r="UQZ697" s="613"/>
      <c r="URA697" s="613"/>
      <c r="URB697" s="613"/>
      <c r="URC697" s="613"/>
      <c r="URD697" s="613"/>
      <c r="URE697" s="613"/>
      <c r="URF697" s="613"/>
      <c r="URG697" s="613"/>
      <c r="URH697" s="613"/>
      <c r="URI697" s="613"/>
      <c r="URJ697" s="613"/>
      <c r="URK697" s="613"/>
      <c r="URL697" s="613"/>
      <c r="URM697" s="613"/>
      <c r="URN697" s="613"/>
      <c r="URO697" s="613"/>
      <c r="URP697" s="613"/>
      <c r="URQ697" s="613"/>
      <c r="URR697" s="613"/>
      <c r="URS697" s="613"/>
      <c r="URT697" s="613"/>
      <c r="URU697" s="613"/>
      <c r="URV697" s="613"/>
      <c r="URW697" s="613"/>
      <c r="URX697" s="613"/>
      <c r="URY697" s="613"/>
      <c r="URZ697" s="613"/>
      <c r="USA697" s="613"/>
      <c r="USB697" s="613"/>
      <c r="USC697" s="613"/>
      <c r="USD697" s="613"/>
      <c r="USE697" s="613"/>
      <c r="USF697" s="613"/>
      <c r="USG697" s="613"/>
      <c r="USH697" s="613"/>
      <c r="USI697" s="613"/>
      <c r="USJ697" s="613"/>
      <c r="USK697" s="613"/>
      <c r="USL697" s="613"/>
      <c r="USM697" s="613"/>
      <c r="USN697" s="613"/>
      <c r="USO697" s="613"/>
      <c r="USP697" s="613"/>
      <c r="USQ697" s="613"/>
      <c r="USR697" s="613"/>
      <c r="USS697" s="613"/>
      <c r="UST697" s="613"/>
      <c r="USU697" s="613"/>
      <c r="USV697" s="613"/>
      <c r="USW697" s="613"/>
      <c r="USX697" s="613"/>
      <c r="USY697" s="613"/>
      <c r="USZ697" s="613"/>
      <c r="UTA697" s="613"/>
      <c r="UTB697" s="613"/>
      <c r="UTC697" s="613"/>
      <c r="UTD697" s="613"/>
      <c r="UTE697" s="613"/>
      <c r="UTF697" s="613"/>
      <c r="UTG697" s="613"/>
      <c r="UTH697" s="613"/>
      <c r="UTI697" s="613"/>
      <c r="UTJ697" s="613"/>
      <c r="UTK697" s="613"/>
      <c r="UTL697" s="613"/>
      <c r="UTM697" s="613"/>
      <c r="UTN697" s="613"/>
      <c r="UTO697" s="613"/>
      <c r="UTP697" s="613"/>
      <c r="UTQ697" s="613"/>
      <c r="UTR697" s="613"/>
      <c r="UTS697" s="613"/>
      <c r="UTT697" s="613"/>
      <c r="UTU697" s="613"/>
      <c r="UTV697" s="613"/>
      <c r="UTW697" s="613"/>
      <c r="UTX697" s="613"/>
      <c r="UTY697" s="613"/>
      <c r="UTZ697" s="613"/>
      <c r="UUA697" s="613"/>
      <c r="UUB697" s="613"/>
      <c r="UUC697" s="613"/>
      <c r="UUD697" s="613"/>
      <c r="UUE697" s="613"/>
      <c r="UUF697" s="613"/>
      <c r="UUG697" s="613"/>
      <c r="UUH697" s="613"/>
      <c r="UUI697" s="613"/>
      <c r="UUJ697" s="613"/>
      <c r="UUK697" s="613"/>
      <c r="UUL697" s="613"/>
      <c r="UUM697" s="613"/>
      <c r="UUN697" s="613"/>
      <c r="UUO697" s="613"/>
      <c r="UUP697" s="613"/>
      <c r="UUQ697" s="613"/>
      <c r="UUR697" s="613"/>
      <c r="UUS697" s="613"/>
      <c r="UUT697" s="613"/>
      <c r="UUU697" s="613"/>
      <c r="UUV697" s="613"/>
      <c r="UUW697" s="613"/>
      <c r="UUX697" s="613"/>
      <c r="UUY697" s="613"/>
      <c r="UUZ697" s="613"/>
      <c r="UVA697" s="613"/>
      <c r="UVB697" s="613"/>
      <c r="UVC697" s="613"/>
      <c r="UVD697" s="613"/>
      <c r="UVE697" s="613"/>
      <c r="UVF697" s="613"/>
      <c r="UVG697" s="613"/>
      <c r="UVH697" s="613"/>
      <c r="UVI697" s="613"/>
      <c r="UVJ697" s="613"/>
      <c r="UVK697" s="613"/>
      <c r="UVL697" s="613"/>
      <c r="UVM697" s="613"/>
      <c r="UVN697" s="613"/>
      <c r="UVO697" s="613"/>
      <c r="UVP697" s="613"/>
      <c r="UVQ697" s="613"/>
      <c r="UVR697" s="613"/>
      <c r="UVS697" s="613"/>
      <c r="UVT697" s="613"/>
      <c r="UVU697" s="613"/>
      <c r="UVV697" s="613"/>
      <c r="UVW697" s="613"/>
      <c r="UVX697" s="613"/>
      <c r="UVY697" s="613"/>
      <c r="UVZ697" s="613"/>
      <c r="UWA697" s="613"/>
      <c r="UWB697" s="613"/>
      <c r="UWC697" s="613"/>
      <c r="UWD697" s="613"/>
      <c r="UWE697" s="613"/>
      <c r="UWF697" s="613"/>
      <c r="UWG697" s="613"/>
      <c r="UWH697" s="613"/>
      <c r="UWI697" s="613"/>
      <c r="UWJ697" s="613"/>
      <c r="UWK697" s="613"/>
      <c r="UWL697" s="613"/>
      <c r="UWM697" s="613"/>
      <c r="UWN697" s="613"/>
      <c r="UWO697" s="613"/>
      <c r="UWP697" s="613"/>
      <c r="UWQ697" s="613"/>
      <c r="UWR697" s="613"/>
      <c r="UWS697" s="613"/>
      <c r="UWT697" s="613"/>
      <c r="UWU697" s="613"/>
      <c r="UWV697" s="613"/>
      <c r="UWW697" s="613"/>
      <c r="UWX697" s="613"/>
      <c r="UWY697" s="613"/>
      <c r="UWZ697" s="613"/>
      <c r="UXA697" s="613"/>
      <c r="UXB697" s="613"/>
      <c r="UXC697" s="613"/>
      <c r="UXD697" s="613"/>
      <c r="UXE697" s="613"/>
      <c r="UXF697" s="613"/>
      <c r="UXG697" s="613"/>
      <c r="UXH697" s="613"/>
      <c r="UXI697" s="613"/>
      <c r="UXJ697" s="613"/>
      <c r="UXK697" s="613"/>
      <c r="UXL697" s="613"/>
      <c r="UXM697" s="613"/>
      <c r="UXN697" s="613"/>
      <c r="UXO697" s="613"/>
      <c r="UXP697" s="613"/>
      <c r="UXQ697" s="613"/>
      <c r="UXR697" s="613"/>
      <c r="UXS697" s="613"/>
      <c r="UXT697" s="613"/>
      <c r="UXU697" s="613"/>
      <c r="UXV697" s="613"/>
      <c r="UXW697" s="613"/>
      <c r="UXX697" s="613"/>
      <c r="UXY697" s="613"/>
      <c r="UXZ697" s="613"/>
      <c r="UYA697" s="613"/>
      <c r="UYB697" s="613"/>
      <c r="UYC697" s="613"/>
      <c r="UYD697" s="613"/>
      <c r="UYE697" s="613"/>
      <c r="UYF697" s="613"/>
      <c r="UYG697" s="613"/>
      <c r="UYH697" s="613"/>
      <c r="UYI697" s="613"/>
      <c r="UYJ697" s="613"/>
      <c r="UYK697" s="613"/>
      <c r="UYL697" s="613"/>
      <c r="UYM697" s="613"/>
      <c r="UYN697" s="613"/>
      <c r="UYO697" s="613"/>
      <c r="UYP697" s="613"/>
      <c r="UYQ697" s="613"/>
      <c r="UYR697" s="613"/>
      <c r="UYS697" s="613"/>
      <c r="UYT697" s="613"/>
      <c r="UYU697" s="613"/>
      <c r="UYV697" s="613"/>
      <c r="UYW697" s="613"/>
      <c r="UYX697" s="613"/>
      <c r="UYY697" s="613"/>
      <c r="UYZ697" s="613"/>
      <c r="UZA697" s="613"/>
      <c r="UZB697" s="613"/>
      <c r="UZC697" s="613"/>
      <c r="UZD697" s="613"/>
      <c r="UZE697" s="613"/>
      <c r="UZF697" s="613"/>
      <c r="UZG697" s="613"/>
      <c r="UZH697" s="613"/>
      <c r="UZI697" s="613"/>
      <c r="UZJ697" s="613"/>
      <c r="UZK697" s="613"/>
      <c r="UZL697" s="613"/>
      <c r="UZM697" s="613"/>
      <c r="UZN697" s="613"/>
      <c r="UZO697" s="613"/>
      <c r="UZP697" s="613"/>
      <c r="UZQ697" s="613"/>
      <c r="UZR697" s="613"/>
      <c r="UZS697" s="613"/>
      <c r="UZT697" s="613"/>
      <c r="UZU697" s="613"/>
      <c r="UZV697" s="613"/>
      <c r="UZW697" s="613"/>
      <c r="UZX697" s="613"/>
      <c r="UZY697" s="613"/>
      <c r="UZZ697" s="613"/>
      <c r="VAA697" s="613"/>
      <c r="VAB697" s="613"/>
      <c r="VAC697" s="613"/>
      <c r="VAD697" s="613"/>
      <c r="VAE697" s="613"/>
      <c r="VAF697" s="613"/>
      <c r="VAG697" s="613"/>
      <c r="VAH697" s="613"/>
      <c r="VAI697" s="613"/>
      <c r="VAJ697" s="613"/>
      <c r="VAK697" s="613"/>
      <c r="VAL697" s="613"/>
      <c r="VAM697" s="613"/>
      <c r="VAN697" s="613"/>
      <c r="VAO697" s="613"/>
      <c r="VAP697" s="613"/>
      <c r="VAQ697" s="613"/>
      <c r="VAR697" s="613"/>
      <c r="VAS697" s="613"/>
      <c r="VAT697" s="613"/>
      <c r="VAU697" s="613"/>
      <c r="VAV697" s="613"/>
      <c r="VAW697" s="613"/>
      <c r="VAX697" s="613"/>
      <c r="VAY697" s="613"/>
      <c r="VAZ697" s="613"/>
      <c r="VBA697" s="613"/>
      <c r="VBB697" s="613"/>
      <c r="VBC697" s="613"/>
      <c r="VBD697" s="613"/>
      <c r="VBE697" s="613"/>
      <c r="VBF697" s="613"/>
      <c r="VBG697" s="613"/>
      <c r="VBH697" s="613"/>
      <c r="VBI697" s="613"/>
      <c r="VBJ697" s="613"/>
      <c r="VBK697" s="613"/>
      <c r="VBL697" s="613"/>
      <c r="VBM697" s="613"/>
      <c r="VBN697" s="613"/>
      <c r="VBO697" s="613"/>
      <c r="VBP697" s="613"/>
      <c r="VBQ697" s="613"/>
      <c r="VBR697" s="613"/>
      <c r="VBS697" s="613"/>
      <c r="VBT697" s="613"/>
      <c r="VBU697" s="613"/>
      <c r="VBV697" s="613"/>
      <c r="VBW697" s="613"/>
      <c r="VBX697" s="613"/>
      <c r="VBY697" s="613"/>
      <c r="VBZ697" s="613"/>
      <c r="VCA697" s="613"/>
      <c r="VCB697" s="613"/>
      <c r="VCC697" s="613"/>
      <c r="VCD697" s="613"/>
      <c r="VCE697" s="613"/>
      <c r="VCF697" s="613"/>
      <c r="VCG697" s="613"/>
      <c r="VCH697" s="613"/>
      <c r="VCI697" s="613"/>
      <c r="VCJ697" s="613"/>
      <c r="VCK697" s="613"/>
      <c r="VCL697" s="613"/>
      <c r="VCM697" s="613"/>
      <c r="VCN697" s="613"/>
      <c r="VCO697" s="613"/>
      <c r="VCP697" s="613"/>
      <c r="VCQ697" s="613"/>
      <c r="VCR697" s="613"/>
      <c r="VCS697" s="613"/>
      <c r="VCT697" s="613"/>
      <c r="VCU697" s="613"/>
      <c r="VCV697" s="613"/>
      <c r="VCW697" s="613"/>
      <c r="VCX697" s="613"/>
      <c r="VCY697" s="613"/>
      <c r="VCZ697" s="613"/>
      <c r="VDA697" s="613"/>
      <c r="VDB697" s="613"/>
      <c r="VDC697" s="613"/>
      <c r="VDD697" s="613"/>
      <c r="VDE697" s="613"/>
      <c r="VDF697" s="613"/>
      <c r="VDG697" s="613"/>
      <c r="VDH697" s="613"/>
      <c r="VDI697" s="613"/>
      <c r="VDJ697" s="613"/>
      <c r="VDK697" s="613"/>
      <c r="VDL697" s="613"/>
      <c r="VDM697" s="613"/>
      <c r="VDN697" s="613"/>
      <c r="VDO697" s="613"/>
      <c r="VDP697" s="613"/>
      <c r="VDQ697" s="613"/>
      <c r="VDR697" s="613"/>
      <c r="VDS697" s="613"/>
      <c r="VDT697" s="613"/>
      <c r="VDU697" s="613"/>
      <c r="VDV697" s="613"/>
      <c r="VDW697" s="613"/>
      <c r="VDX697" s="613"/>
      <c r="VDY697" s="613"/>
      <c r="VDZ697" s="613"/>
      <c r="VEA697" s="613"/>
      <c r="VEB697" s="613"/>
      <c r="VEC697" s="613"/>
      <c r="VED697" s="613"/>
      <c r="VEE697" s="613"/>
      <c r="VEF697" s="613"/>
      <c r="VEG697" s="613"/>
      <c r="VEH697" s="613"/>
      <c r="VEI697" s="613"/>
      <c r="VEJ697" s="613"/>
      <c r="VEK697" s="613"/>
      <c r="VEL697" s="613"/>
      <c r="VEM697" s="613"/>
      <c r="VEN697" s="613"/>
      <c r="VEO697" s="613"/>
      <c r="VEP697" s="613"/>
      <c r="VEQ697" s="613"/>
      <c r="VER697" s="613"/>
      <c r="VES697" s="613"/>
      <c r="VET697" s="613"/>
      <c r="VEU697" s="613"/>
      <c r="VEV697" s="613"/>
      <c r="VEW697" s="613"/>
      <c r="VEX697" s="613"/>
      <c r="VEY697" s="613"/>
      <c r="VEZ697" s="613"/>
      <c r="VFA697" s="613"/>
      <c r="VFB697" s="613"/>
      <c r="VFC697" s="613"/>
      <c r="VFD697" s="613"/>
      <c r="VFE697" s="613"/>
      <c r="VFF697" s="613"/>
      <c r="VFG697" s="613"/>
      <c r="VFH697" s="613"/>
      <c r="VFI697" s="613"/>
      <c r="VFJ697" s="613"/>
      <c r="VFK697" s="613"/>
      <c r="VFL697" s="613"/>
      <c r="VFM697" s="613"/>
      <c r="VFN697" s="613"/>
      <c r="VFO697" s="613"/>
      <c r="VFP697" s="613"/>
      <c r="VFQ697" s="613"/>
      <c r="VFR697" s="613"/>
      <c r="VFS697" s="613"/>
      <c r="VFT697" s="613"/>
      <c r="VFU697" s="613"/>
      <c r="VFV697" s="613"/>
      <c r="VFW697" s="613"/>
      <c r="VFX697" s="613"/>
      <c r="VFY697" s="613"/>
      <c r="VFZ697" s="613"/>
      <c r="VGA697" s="613"/>
      <c r="VGB697" s="613"/>
      <c r="VGC697" s="613"/>
      <c r="VGD697" s="613"/>
      <c r="VGE697" s="613"/>
      <c r="VGF697" s="613"/>
      <c r="VGG697" s="613"/>
      <c r="VGH697" s="613"/>
      <c r="VGI697" s="613"/>
      <c r="VGJ697" s="613"/>
      <c r="VGK697" s="613"/>
      <c r="VGL697" s="613"/>
      <c r="VGM697" s="613"/>
      <c r="VGN697" s="613"/>
      <c r="VGO697" s="613"/>
      <c r="VGP697" s="613"/>
      <c r="VGQ697" s="613"/>
      <c r="VGR697" s="613"/>
      <c r="VGS697" s="613"/>
      <c r="VGT697" s="613"/>
      <c r="VGU697" s="613"/>
      <c r="VGV697" s="613"/>
      <c r="VGW697" s="613"/>
      <c r="VGX697" s="613"/>
      <c r="VGY697" s="613"/>
      <c r="VGZ697" s="613"/>
      <c r="VHA697" s="613"/>
      <c r="VHB697" s="613"/>
      <c r="VHC697" s="613"/>
      <c r="VHD697" s="613"/>
      <c r="VHE697" s="613"/>
      <c r="VHF697" s="613"/>
      <c r="VHG697" s="613"/>
      <c r="VHH697" s="613"/>
      <c r="VHI697" s="613"/>
      <c r="VHJ697" s="613"/>
      <c r="VHK697" s="613"/>
      <c r="VHL697" s="613"/>
      <c r="VHM697" s="613"/>
      <c r="VHN697" s="613"/>
      <c r="VHO697" s="613"/>
      <c r="VHP697" s="613"/>
      <c r="VHQ697" s="613"/>
      <c r="VHR697" s="613"/>
      <c r="VHS697" s="613"/>
      <c r="VHT697" s="613"/>
      <c r="VHU697" s="613"/>
      <c r="VHV697" s="613"/>
      <c r="VHW697" s="613"/>
      <c r="VHX697" s="613"/>
      <c r="VHY697" s="613"/>
      <c r="VHZ697" s="613"/>
      <c r="VIA697" s="613"/>
      <c r="VIB697" s="613"/>
      <c r="VIC697" s="613"/>
      <c r="VID697" s="613"/>
      <c r="VIE697" s="613"/>
      <c r="VIF697" s="613"/>
      <c r="VIG697" s="613"/>
      <c r="VIH697" s="613"/>
      <c r="VII697" s="613"/>
      <c r="VIJ697" s="613"/>
      <c r="VIK697" s="613"/>
      <c r="VIL697" s="613"/>
      <c r="VIM697" s="613"/>
      <c r="VIN697" s="613"/>
      <c r="VIO697" s="613"/>
      <c r="VIP697" s="613"/>
      <c r="VIQ697" s="613"/>
      <c r="VIR697" s="613"/>
      <c r="VIS697" s="613"/>
      <c r="VIT697" s="613"/>
      <c r="VIU697" s="613"/>
      <c r="VIV697" s="613"/>
      <c r="VIW697" s="613"/>
      <c r="VIX697" s="613"/>
      <c r="VIY697" s="613"/>
      <c r="VIZ697" s="613"/>
      <c r="VJA697" s="613"/>
      <c r="VJB697" s="613"/>
      <c r="VJC697" s="613"/>
      <c r="VJD697" s="613"/>
      <c r="VJE697" s="613"/>
      <c r="VJF697" s="613"/>
      <c r="VJG697" s="613"/>
      <c r="VJH697" s="613"/>
      <c r="VJI697" s="613"/>
      <c r="VJJ697" s="613"/>
      <c r="VJK697" s="613"/>
      <c r="VJL697" s="613"/>
      <c r="VJM697" s="613"/>
      <c r="VJN697" s="613"/>
      <c r="VJO697" s="613"/>
      <c r="VJP697" s="613"/>
      <c r="VJQ697" s="613"/>
      <c r="VJR697" s="613"/>
      <c r="VJS697" s="613"/>
      <c r="VJT697" s="613"/>
      <c r="VJU697" s="613"/>
      <c r="VJV697" s="613"/>
      <c r="VJW697" s="613"/>
      <c r="VJX697" s="613"/>
      <c r="VJY697" s="613"/>
      <c r="VJZ697" s="613"/>
      <c r="VKA697" s="613"/>
      <c r="VKB697" s="613"/>
      <c r="VKC697" s="613"/>
      <c r="VKD697" s="613"/>
      <c r="VKE697" s="613"/>
      <c r="VKF697" s="613"/>
      <c r="VKG697" s="613"/>
      <c r="VKH697" s="613"/>
      <c r="VKI697" s="613"/>
      <c r="VKJ697" s="613"/>
      <c r="VKK697" s="613"/>
      <c r="VKL697" s="613"/>
      <c r="VKM697" s="613"/>
      <c r="VKN697" s="613"/>
      <c r="VKO697" s="613"/>
      <c r="VKP697" s="613"/>
      <c r="VKQ697" s="613"/>
      <c r="VKR697" s="613"/>
      <c r="VKS697" s="613"/>
      <c r="VKT697" s="613"/>
      <c r="VKU697" s="613"/>
      <c r="VKV697" s="613"/>
      <c r="VKW697" s="613"/>
      <c r="VKX697" s="613"/>
      <c r="VKY697" s="613"/>
      <c r="VKZ697" s="613"/>
      <c r="VLA697" s="613"/>
      <c r="VLB697" s="613"/>
      <c r="VLC697" s="613"/>
      <c r="VLD697" s="613"/>
      <c r="VLE697" s="613"/>
      <c r="VLF697" s="613"/>
      <c r="VLG697" s="613"/>
      <c r="VLH697" s="613"/>
      <c r="VLI697" s="613"/>
      <c r="VLJ697" s="613"/>
      <c r="VLK697" s="613"/>
      <c r="VLL697" s="613"/>
      <c r="VLM697" s="613"/>
      <c r="VLN697" s="613"/>
      <c r="VLO697" s="613"/>
      <c r="VLP697" s="613"/>
      <c r="VLQ697" s="613"/>
      <c r="VLR697" s="613"/>
      <c r="VLS697" s="613"/>
      <c r="VLT697" s="613"/>
      <c r="VLU697" s="613"/>
      <c r="VLV697" s="613"/>
      <c r="VLW697" s="613"/>
      <c r="VLX697" s="613"/>
      <c r="VLY697" s="613"/>
      <c r="VLZ697" s="613"/>
      <c r="VMA697" s="613"/>
      <c r="VMB697" s="613"/>
      <c r="VMC697" s="613"/>
      <c r="VMD697" s="613"/>
      <c r="VME697" s="613"/>
      <c r="VMF697" s="613"/>
      <c r="VMG697" s="613"/>
      <c r="VMH697" s="613"/>
      <c r="VMI697" s="613"/>
      <c r="VMJ697" s="613"/>
      <c r="VMK697" s="613"/>
      <c r="VML697" s="613"/>
      <c r="VMM697" s="613"/>
      <c r="VMN697" s="613"/>
      <c r="VMO697" s="613"/>
      <c r="VMP697" s="613"/>
      <c r="VMQ697" s="613"/>
      <c r="VMR697" s="613"/>
      <c r="VMS697" s="613"/>
      <c r="VMT697" s="613"/>
      <c r="VMU697" s="613"/>
      <c r="VMV697" s="613"/>
      <c r="VMW697" s="613"/>
      <c r="VMX697" s="613"/>
      <c r="VMY697" s="613"/>
      <c r="VMZ697" s="613"/>
      <c r="VNA697" s="613"/>
      <c r="VNB697" s="613"/>
      <c r="VNC697" s="613"/>
      <c r="VND697" s="613"/>
      <c r="VNE697" s="613"/>
      <c r="VNF697" s="613"/>
      <c r="VNG697" s="613"/>
      <c r="VNH697" s="613"/>
      <c r="VNI697" s="613"/>
      <c r="VNJ697" s="613"/>
      <c r="VNK697" s="613"/>
      <c r="VNL697" s="613"/>
      <c r="VNM697" s="613"/>
      <c r="VNN697" s="613"/>
      <c r="VNO697" s="613"/>
      <c r="VNP697" s="613"/>
      <c r="VNQ697" s="613"/>
      <c r="VNR697" s="613"/>
      <c r="VNS697" s="613"/>
      <c r="VNT697" s="613"/>
      <c r="VNU697" s="613"/>
      <c r="VNV697" s="613"/>
      <c r="VNW697" s="613"/>
      <c r="VNX697" s="613"/>
      <c r="VNY697" s="613"/>
      <c r="VNZ697" s="613"/>
      <c r="VOA697" s="613"/>
      <c r="VOB697" s="613"/>
      <c r="VOC697" s="613"/>
      <c r="VOD697" s="613"/>
      <c r="VOE697" s="613"/>
      <c r="VOF697" s="613"/>
      <c r="VOG697" s="613"/>
      <c r="VOH697" s="613"/>
      <c r="VOI697" s="613"/>
      <c r="VOJ697" s="613"/>
      <c r="VOK697" s="613"/>
      <c r="VOL697" s="613"/>
      <c r="VOM697" s="613"/>
      <c r="VON697" s="613"/>
      <c r="VOO697" s="613"/>
      <c r="VOP697" s="613"/>
      <c r="VOQ697" s="613"/>
      <c r="VOR697" s="613"/>
      <c r="VOS697" s="613"/>
      <c r="VOT697" s="613"/>
      <c r="VOU697" s="613"/>
      <c r="VOV697" s="613"/>
      <c r="VOW697" s="613"/>
      <c r="VOX697" s="613"/>
      <c r="VOY697" s="613"/>
      <c r="VOZ697" s="613"/>
      <c r="VPA697" s="613"/>
      <c r="VPB697" s="613"/>
      <c r="VPC697" s="613"/>
      <c r="VPD697" s="613"/>
      <c r="VPE697" s="613"/>
      <c r="VPF697" s="613"/>
      <c r="VPG697" s="613"/>
      <c r="VPH697" s="613"/>
      <c r="VPI697" s="613"/>
      <c r="VPJ697" s="613"/>
      <c r="VPK697" s="613"/>
      <c r="VPL697" s="613"/>
      <c r="VPM697" s="613"/>
      <c r="VPN697" s="613"/>
      <c r="VPO697" s="613"/>
      <c r="VPP697" s="613"/>
      <c r="VPQ697" s="613"/>
      <c r="VPR697" s="613"/>
      <c r="VPS697" s="613"/>
      <c r="VPT697" s="613"/>
      <c r="VPU697" s="613"/>
      <c r="VPV697" s="613"/>
      <c r="VPW697" s="613"/>
      <c r="VPX697" s="613"/>
      <c r="VPY697" s="613"/>
      <c r="VPZ697" s="613"/>
      <c r="VQA697" s="613"/>
      <c r="VQB697" s="613"/>
      <c r="VQC697" s="613"/>
      <c r="VQD697" s="613"/>
      <c r="VQE697" s="613"/>
      <c r="VQF697" s="613"/>
      <c r="VQG697" s="613"/>
      <c r="VQH697" s="613"/>
      <c r="VQI697" s="613"/>
      <c r="VQJ697" s="613"/>
      <c r="VQK697" s="613"/>
      <c r="VQL697" s="613"/>
      <c r="VQM697" s="613"/>
      <c r="VQN697" s="613"/>
      <c r="VQO697" s="613"/>
      <c r="VQP697" s="613"/>
      <c r="VQQ697" s="613"/>
      <c r="VQR697" s="613"/>
      <c r="VQS697" s="613"/>
      <c r="VQT697" s="613"/>
      <c r="VQU697" s="613"/>
      <c r="VQV697" s="613"/>
      <c r="VQW697" s="613"/>
      <c r="VQX697" s="613"/>
      <c r="VQY697" s="613"/>
      <c r="VQZ697" s="613"/>
      <c r="VRA697" s="613"/>
      <c r="VRB697" s="613"/>
      <c r="VRC697" s="613"/>
      <c r="VRD697" s="613"/>
      <c r="VRE697" s="613"/>
      <c r="VRF697" s="613"/>
      <c r="VRG697" s="613"/>
      <c r="VRH697" s="613"/>
      <c r="VRI697" s="613"/>
      <c r="VRJ697" s="613"/>
      <c r="VRK697" s="613"/>
      <c r="VRL697" s="613"/>
      <c r="VRM697" s="613"/>
      <c r="VRN697" s="613"/>
      <c r="VRO697" s="613"/>
      <c r="VRP697" s="613"/>
      <c r="VRQ697" s="613"/>
      <c r="VRR697" s="613"/>
      <c r="VRS697" s="613"/>
      <c r="VRT697" s="613"/>
      <c r="VRU697" s="613"/>
      <c r="VRV697" s="613"/>
      <c r="VRW697" s="613"/>
      <c r="VRX697" s="613"/>
      <c r="VRY697" s="613"/>
      <c r="VRZ697" s="613"/>
      <c r="VSA697" s="613"/>
      <c r="VSB697" s="613"/>
      <c r="VSC697" s="613"/>
      <c r="VSD697" s="613"/>
      <c r="VSE697" s="613"/>
      <c r="VSF697" s="613"/>
      <c r="VSG697" s="613"/>
      <c r="VSH697" s="613"/>
      <c r="VSI697" s="613"/>
      <c r="VSJ697" s="613"/>
      <c r="VSK697" s="613"/>
      <c r="VSL697" s="613"/>
      <c r="VSM697" s="613"/>
      <c r="VSN697" s="613"/>
      <c r="VSO697" s="613"/>
      <c r="VSP697" s="613"/>
      <c r="VSQ697" s="613"/>
      <c r="VSR697" s="613"/>
      <c r="VSS697" s="613"/>
      <c r="VST697" s="613"/>
      <c r="VSU697" s="613"/>
      <c r="VSV697" s="613"/>
      <c r="VSW697" s="613"/>
      <c r="VSX697" s="613"/>
      <c r="VSY697" s="613"/>
      <c r="VSZ697" s="613"/>
      <c r="VTA697" s="613"/>
      <c r="VTB697" s="613"/>
      <c r="VTC697" s="613"/>
      <c r="VTD697" s="613"/>
      <c r="VTE697" s="613"/>
      <c r="VTF697" s="613"/>
      <c r="VTG697" s="613"/>
      <c r="VTH697" s="613"/>
      <c r="VTI697" s="613"/>
      <c r="VTJ697" s="613"/>
      <c r="VTK697" s="613"/>
      <c r="VTL697" s="613"/>
      <c r="VTM697" s="613"/>
      <c r="VTN697" s="613"/>
      <c r="VTO697" s="613"/>
      <c r="VTP697" s="613"/>
      <c r="VTQ697" s="613"/>
      <c r="VTR697" s="613"/>
      <c r="VTS697" s="613"/>
      <c r="VTT697" s="613"/>
      <c r="VTU697" s="613"/>
      <c r="VTV697" s="613"/>
      <c r="VTW697" s="613"/>
      <c r="VTX697" s="613"/>
      <c r="VTY697" s="613"/>
      <c r="VTZ697" s="613"/>
      <c r="VUA697" s="613"/>
      <c r="VUB697" s="613"/>
      <c r="VUC697" s="613"/>
      <c r="VUD697" s="613"/>
      <c r="VUE697" s="613"/>
      <c r="VUF697" s="613"/>
      <c r="VUG697" s="613"/>
      <c r="VUH697" s="613"/>
      <c r="VUI697" s="613"/>
      <c r="VUJ697" s="613"/>
      <c r="VUK697" s="613"/>
      <c r="VUL697" s="613"/>
      <c r="VUM697" s="613"/>
      <c r="VUN697" s="613"/>
      <c r="VUO697" s="613"/>
      <c r="VUP697" s="613"/>
      <c r="VUQ697" s="613"/>
      <c r="VUR697" s="613"/>
      <c r="VUS697" s="613"/>
      <c r="VUT697" s="613"/>
      <c r="VUU697" s="613"/>
      <c r="VUV697" s="613"/>
      <c r="VUW697" s="613"/>
      <c r="VUX697" s="613"/>
      <c r="VUY697" s="613"/>
      <c r="VUZ697" s="613"/>
      <c r="VVA697" s="613"/>
      <c r="VVB697" s="613"/>
      <c r="VVC697" s="613"/>
      <c r="VVD697" s="613"/>
      <c r="VVE697" s="613"/>
      <c r="VVF697" s="613"/>
      <c r="VVG697" s="613"/>
      <c r="VVH697" s="613"/>
      <c r="VVI697" s="613"/>
      <c r="VVJ697" s="613"/>
      <c r="VVK697" s="613"/>
      <c r="VVL697" s="613"/>
      <c r="VVM697" s="613"/>
      <c r="VVN697" s="613"/>
      <c r="VVO697" s="613"/>
      <c r="VVP697" s="613"/>
      <c r="VVQ697" s="613"/>
      <c r="VVR697" s="613"/>
      <c r="VVS697" s="613"/>
      <c r="VVT697" s="613"/>
      <c r="VVU697" s="613"/>
      <c r="VVV697" s="613"/>
      <c r="VVW697" s="613"/>
      <c r="VVX697" s="613"/>
      <c r="VVY697" s="613"/>
      <c r="VVZ697" s="613"/>
      <c r="VWA697" s="613"/>
      <c r="VWB697" s="613"/>
      <c r="VWC697" s="613"/>
      <c r="VWD697" s="613"/>
      <c r="VWE697" s="613"/>
      <c r="VWF697" s="613"/>
      <c r="VWG697" s="613"/>
      <c r="VWH697" s="613"/>
      <c r="VWI697" s="613"/>
      <c r="VWJ697" s="613"/>
      <c r="VWK697" s="613"/>
      <c r="VWL697" s="613"/>
      <c r="VWM697" s="613"/>
      <c r="VWN697" s="613"/>
      <c r="VWO697" s="613"/>
      <c r="VWP697" s="613"/>
      <c r="VWQ697" s="613"/>
      <c r="VWR697" s="613"/>
      <c r="VWS697" s="613"/>
      <c r="VWT697" s="613"/>
      <c r="VWU697" s="613"/>
      <c r="VWV697" s="613"/>
      <c r="VWW697" s="613"/>
      <c r="VWX697" s="613"/>
      <c r="VWY697" s="613"/>
      <c r="VWZ697" s="613"/>
      <c r="VXA697" s="613"/>
      <c r="VXB697" s="613"/>
      <c r="VXC697" s="613"/>
      <c r="VXD697" s="613"/>
      <c r="VXE697" s="613"/>
      <c r="VXF697" s="613"/>
      <c r="VXG697" s="613"/>
      <c r="VXH697" s="613"/>
      <c r="VXI697" s="613"/>
      <c r="VXJ697" s="613"/>
      <c r="VXK697" s="613"/>
      <c r="VXL697" s="613"/>
      <c r="VXM697" s="613"/>
      <c r="VXN697" s="613"/>
      <c r="VXO697" s="613"/>
      <c r="VXP697" s="613"/>
      <c r="VXQ697" s="613"/>
      <c r="VXR697" s="613"/>
      <c r="VXS697" s="613"/>
      <c r="VXT697" s="613"/>
      <c r="VXU697" s="613"/>
      <c r="VXV697" s="613"/>
      <c r="VXW697" s="613"/>
      <c r="VXX697" s="613"/>
      <c r="VXY697" s="613"/>
      <c r="VXZ697" s="613"/>
      <c r="VYA697" s="613"/>
      <c r="VYB697" s="613"/>
      <c r="VYC697" s="613"/>
      <c r="VYD697" s="613"/>
      <c r="VYE697" s="613"/>
      <c r="VYF697" s="613"/>
      <c r="VYG697" s="613"/>
      <c r="VYH697" s="613"/>
      <c r="VYI697" s="613"/>
      <c r="VYJ697" s="613"/>
      <c r="VYK697" s="613"/>
      <c r="VYL697" s="613"/>
      <c r="VYM697" s="613"/>
      <c r="VYN697" s="613"/>
      <c r="VYO697" s="613"/>
      <c r="VYP697" s="613"/>
      <c r="VYQ697" s="613"/>
      <c r="VYR697" s="613"/>
      <c r="VYS697" s="613"/>
      <c r="VYT697" s="613"/>
      <c r="VYU697" s="613"/>
      <c r="VYV697" s="613"/>
      <c r="VYW697" s="613"/>
      <c r="VYX697" s="613"/>
      <c r="VYY697" s="613"/>
      <c r="VYZ697" s="613"/>
      <c r="VZA697" s="613"/>
      <c r="VZB697" s="613"/>
      <c r="VZC697" s="613"/>
      <c r="VZD697" s="613"/>
      <c r="VZE697" s="613"/>
      <c r="VZF697" s="613"/>
      <c r="VZG697" s="613"/>
      <c r="VZH697" s="613"/>
      <c r="VZI697" s="613"/>
      <c r="VZJ697" s="613"/>
      <c r="VZK697" s="613"/>
      <c r="VZL697" s="613"/>
      <c r="VZM697" s="613"/>
      <c r="VZN697" s="613"/>
      <c r="VZO697" s="613"/>
      <c r="VZP697" s="613"/>
      <c r="VZQ697" s="613"/>
      <c r="VZR697" s="613"/>
      <c r="VZS697" s="613"/>
      <c r="VZT697" s="613"/>
      <c r="VZU697" s="613"/>
      <c r="VZV697" s="613"/>
      <c r="VZW697" s="613"/>
      <c r="VZX697" s="613"/>
      <c r="VZY697" s="613"/>
      <c r="VZZ697" s="613"/>
      <c r="WAA697" s="613"/>
      <c r="WAB697" s="613"/>
      <c r="WAC697" s="613"/>
      <c r="WAD697" s="613"/>
      <c r="WAE697" s="613"/>
      <c r="WAF697" s="613"/>
      <c r="WAG697" s="613"/>
      <c r="WAH697" s="613"/>
      <c r="WAI697" s="613"/>
      <c r="WAJ697" s="613"/>
      <c r="WAK697" s="613"/>
      <c r="WAL697" s="613"/>
      <c r="WAM697" s="613"/>
      <c r="WAN697" s="613"/>
      <c r="WAO697" s="613"/>
      <c r="WAP697" s="613"/>
      <c r="WAQ697" s="613"/>
      <c r="WAR697" s="613"/>
      <c r="WAS697" s="613"/>
      <c r="WAT697" s="613"/>
      <c r="WAU697" s="613"/>
      <c r="WAV697" s="613"/>
      <c r="WAW697" s="613"/>
      <c r="WAX697" s="613"/>
      <c r="WAY697" s="613"/>
      <c r="WAZ697" s="613"/>
      <c r="WBA697" s="613"/>
      <c r="WBB697" s="613"/>
      <c r="WBC697" s="613"/>
      <c r="WBD697" s="613"/>
      <c r="WBE697" s="613"/>
      <c r="WBF697" s="613"/>
      <c r="WBG697" s="613"/>
      <c r="WBH697" s="613"/>
      <c r="WBI697" s="613"/>
      <c r="WBJ697" s="613"/>
      <c r="WBK697" s="613"/>
      <c r="WBL697" s="613"/>
      <c r="WBM697" s="613"/>
      <c r="WBN697" s="613"/>
      <c r="WBO697" s="613"/>
      <c r="WBP697" s="613"/>
      <c r="WBQ697" s="613"/>
      <c r="WBR697" s="613"/>
      <c r="WBS697" s="613"/>
      <c r="WBT697" s="613"/>
      <c r="WBU697" s="613"/>
      <c r="WBV697" s="613"/>
      <c r="WBW697" s="613"/>
      <c r="WBX697" s="613"/>
      <c r="WBY697" s="613"/>
      <c r="WBZ697" s="613"/>
      <c r="WCA697" s="613"/>
      <c r="WCB697" s="613"/>
      <c r="WCC697" s="613"/>
      <c r="WCD697" s="613"/>
      <c r="WCE697" s="613"/>
      <c r="WCF697" s="613"/>
      <c r="WCG697" s="613"/>
      <c r="WCH697" s="613"/>
      <c r="WCI697" s="613"/>
      <c r="WCJ697" s="613"/>
      <c r="WCK697" s="613"/>
      <c r="WCL697" s="613"/>
      <c r="WCM697" s="613"/>
      <c r="WCN697" s="613"/>
      <c r="WCO697" s="613"/>
      <c r="WCP697" s="613"/>
      <c r="WCQ697" s="613"/>
      <c r="WCR697" s="613"/>
      <c r="WCS697" s="613"/>
      <c r="WCT697" s="613"/>
      <c r="WCU697" s="613"/>
      <c r="WCV697" s="613"/>
      <c r="WCW697" s="613"/>
      <c r="WCX697" s="613"/>
      <c r="WCY697" s="613"/>
      <c r="WCZ697" s="613"/>
      <c r="WDA697" s="613"/>
      <c r="WDB697" s="613"/>
      <c r="WDC697" s="613"/>
      <c r="WDD697" s="613"/>
      <c r="WDE697" s="613"/>
      <c r="WDF697" s="613"/>
      <c r="WDG697" s="613"/>
      <c r="WDH697" s="613"/>
      <c r="WDI697" s="613"/>
      <c r="WDJ697" s="613"/>
      <c r="WDK697" s="613"/>
      <c r="WDL697" s="613"/>
      <c r="WDM697" s="613"/>
      <c r="WDN697" s="613"/>
      <c r="WDO697" s="613"/>
      <c r="WDP697" s="613"/>
      <c r="WDQ697" s="613"/>
      <c r="WDR697" s="613"/>
      <c r="WDS697" s="613"/>
      <c r="WDT697" s="613"/>
      <c r="WDU697" s="613"/>
      <c r="WDV697" s="613"/>
      <c r="WDW697" s="613"/>
      <c r="WDX697" s="613"/>
      <c r="WDY697" s="613"/>
      <c r="WDZ697" s="613"/>
      <c r="WEA697" s="613"/>
      <c r="WEB697" s="613"/>
      <c r="WEC697" s="613"/>
      <c r="WED697" s="613"/>
      <c r="WEE697" s="613"/>
      <c r="WEF697" s="613"/>
      <c r="WEG697" s="613"/>
      <c r="WEH697" s="613"/>
      <c r="WEI697" s="613"/>
      <c r="WEJ697" s="613"/>
      <c r="WEK697" s="613"/>
      <c r="WEL697" s="613"/>
      <c r="WEM697" s="613"/>
      <c r="WEN697" s="613"/>
      <c r="WEO697" s="613"/>
      <c r="WEP697" s="613"/>
      <c r="WEQ697" s="613"/>
      <c r="WER697" s="613"/>
      <c r="WES697" s="613"/>
      <c r="WET697" s="613"/>
      <c r="WEU697" s="613"/>
      <c r="WEV697" s="613"/>
      <c r="WEW697" s="613"/>
      <c r="WEX697" s="613"/>
      <c r="WEY697" s="613"/>
      <c r="WEZ697" s="613"/>
      <c r="WFA697" s="613"/>
      <c r="WFB697" s="613"/>
      <c r="WFC697" s="613"/>
      <c r="WFD697" s="613"/>
      <c r="WFE697" s="613"/>
      <c r="WFF697" s="613"/>
      <c r="WFG697" s="613"/>
      <c r="WFH697" s="613"/>
      <c r="WFI697" s="613"/>
      <c r="WFJ697" s="613"/>
      <c r="WFK697" s="613"/>
      <c r="WFL697" s="613"/>
      <c r="WFM697" s="613"/>
      <c r="WFN697" s="613"/>
      <c r="WFO697" s="613"/>
      <c r="WFP697" s="613"/>
      <c r="WFQ697" s="613"/>
      <c r="WFR697" s="613"/>
      <c r="WFS697" s="613"/>
      <c r="WFT697" s="613"/>
      <c r="WFU697" s="613"/>
      <c r="WFV697" s="613"/>
      <c r="WFW697" s="613"/>
      <c r="WFX697" s="613"/>
      <c r="WFY697" s="613"/>
      <c r="WFZ697" s="613"/>
      <c r="WGA697" s="613"/>
      <c r="WGB697" s="613"/>
      <c r="WGC697" s="613"/>
      <c r="WGD697" s="613"/>
      <c r="WGE697" s="613"/>
      <c r="WGF697" s="613"/>
      <c r="WGG697" s="613"/>
      <c r="WGH697" s="613"/>
      <c r="WGI697" s="613"/>
      <c r="WGJ697" s="613"/>
      <c r="WGK697" s="613"/>
      <c r="WGL697" s="613"/>
      <c r="WGM697" s="613"/>
      <c r="WGN697" s="613"/>
      <c r="WGO697" s="613"/>
      <c r="WGP697" s="613"/>
      <c r="WGQ697" s="613"/>
      <c r="WGR697" s="613"/>
      <c r="WGS697" s="613"/>
      <c r="WGT697" s="613"/>
      <c r="WGU697" s="613"/>
      <c r="WGV697" s="613"/>
      <c r="WGW697" s="613"/>
      <c r="WGX697" s="613"/>
      <c r="WGY697" s="613"/>
      <c r="WGZ697" s="613"/>
      <c r="WHA697" s="613"/>
      <c r="WHB697" s="613"/>
      <c r="WHC697" s="613"/>
      <c r="WHD697" s="613"/>
      <c r="WHE697" s="613"/>
      <c r="WHF697" s="613"/>
      <c r="WHG697" s="613"/>
      <c r="WHH697" s="613"/>
      <c r="WHI697" s="613"/>
      <c r="WHJ697" s="613"/>
      <c r="WHK697" s="613"/>
      <c r="WHL697" s="613"/>
      <c r="WHM697" s="613"/>
      <c r="WHN697" s="613"/>
      <c r="WHO697" s="613"/>
      <c r="WHP697" s="613"/>
      <c r="WHQ697" s="613"/>
      <c r="WHR697" s="613"/>
      <c r="WHS697" s="613"/>
      <c r="WHT697" s="613"/>
      <c r="WHU697" s="613"/>
      <c r="WHV697" s="613"/>
      <c r="WHW697" s="613"/>
      <c r="WHX697" s="613"/>
      <c r="WHY697" s="613"/>
      <c r="WHZ697" s="613"/>
      <c r="WIA697" s="613"/>
      <c r="WIB697" s="613"/>
      <c r="WIC697" s="613"/>
      <c r="WID697" s="613"/>
      <c r="WIE697" s="613"/>
      <c r="WIF697" s="613"/>
      <c r="WIG697" s="613"/>
      <c r="WIH697" s="613"/>
      <c r="WII697" s="613"/>
      <c r="WIJ697" s="613"/>
      <c r="WIK697" s="613"/>
      <c r="WIL697" s="613"/>
      <c r="WIM697" s="613"/>
      <c r="WIN697" s="613"/>
      <c r="WIO697" s="613"/>
      <c r="WIP697" s="613"/>
      <c r="WIQ697" s="613"/>
      <c r="WIR697" s="613"/>
      <c r="WIS697" s="613"/>
      <c r="WIT697" s="613"/>
      <c r="WIU697" s="613"/>
      <c r="WIV697" s="613"/>
      <c r="WIW697" s="613"/>
      <c r="WIX697" s="613"/>
      <c r="WIY697" s="613"/>
      <c r="WIZ697" s="613"/>
      <c r="WJA697" s="613"/>
      <c r="WJB697" s="613"/>
      <c r="WJC697" s="613"/>
      <c r="WJD697" s="613"/>
      <c r="WJE697" s="613"/>
      <c r="WJF697" s="613"/>
      <c r="WJG697" s="613"/>
      <c r="WJH697" s="613"/>
      <c r="WJI697" s="613"/>
      <c r="WJJ697" s="613"/>
      <c r="WJK697" s="613"/>
      <c r="WJL697" s="613"/>
      <c r="WJM697" s="613"/>
      <c r="WJN697" s="613"/>
      <c r="WJO697" s="613"/>
      <c r="WJP697" s="613"/>
      <c r="WJQ697" s="613"/>
      <c r="WJR697" s="613"/>
      <c r="WJS697" s="613"/>
      <c r="WJT697" s="613"/>
      <c r="WJU697" s="613"/>
      <c r="WJV697" s="613"/>
      <c r="WJW697" s="613"/>
      <c r="WJX697" s="613"/>
      <c r="WJY697" s="613"/>
      <c r="WJZ697" s="613"/>
      <c r="WKA697" s="613"/>
      <c r="WKB697" s="613"/>
      <c r="WKC697" s="613"/>
      <c r="WKD697" s="613"/>
      <c r="WKE697" s="613"/>
      <c r="WKF697" s="613"/>
      <c r="WKG697" s="613"/>
      <c r="WKH697" s="613"/>
      <c r="WKI697" s="613"/>
      <c r="WKJ697" s="613"/>
      <c r="WKK697" s="613"/>
      <c r="WKL697" s="613"/>
      <c r="WKM697" s="613"/>
      <c r="WKN697" s="613"/>
      <c r="WKO697" s="613"/>
      <c r="WKP697" s="613"/>
      <c r="WKQ697" s="613"/>
      <c r="WKR697" s="613"/>
      <c r="WKS697" s="613"/>
      <c r="WKT697" s="613"/>
      <c r="WKU697" s="613"/>
      <c r="WKV697" s="613"/>
      <c r="WKW697" s="613"/>
      <c r="WKX697" s="613"/>
      <c r="WKY697" s="613"/>
      <c r="WKZ697" s="613"/>
      <c r="WLA697" s="613"/>
      <c r="WLB697" s="613"/>
      <c r="WLC697" s="613"/>
      <c r="WLD697" s="613"/>
      <c r="WLE697" s="613"/>
      <c r="WLF697" s="613"/>
      <c r="WLG697" s="613"/>
      <c r="WLH697" s="613"/>
      <c r="WLI697" s="613"/>
      <c r="WLJ697" s="613"/>
      <c r="WLK697" s="613"/>
      <c r="WLL697" s="613"/>
      <c r="WLM697" s="613"/>
      <c r="WLN697" s="613"/>
      <c r="WLO697" s="613"/>
      <c r="WLP697" s="613"/>
      <c r="WLQ697" s="613"/>
      <c r="WLR697" s="613"/>
      <c r="WLS697" s="613"/>
      <c r="WLT697" s="613"/>
      <c r="WLU697" s="613"/>
      <c r="WLV697" s="613"/>
      <c r="WLW697" s="613"/>
      <c r="WLX697" s="613"/>
      <c r="WLY697" s="613"/>
      <c r="WLZ697" s="613"/>
      <c r="WMA697" s="613"/>
      <c r="WMB697" s="613"/>
      <c r="WMC697" s="613"/>
      <c r="WMD697" s="613"/>
      <c r="WME697" s="613"/>
      <c r="WMF697" s="613"/>
      <c r="WMG697" s="613"/>
      <c r="WMH697" s="613"/>
      <c r="WMI697" s="613"/>
      <c r="WMJ697" s="613"/>
      <c r="WMK697" s="613"/>
      <c r="WML697" s="613"/>
      <c r="WMM697" s="613"/>
      <c r="WMN697" s="613"/>
      <c r="WMO697" s="613"/>
      <c r="WMP697" s="613"/>
      <c r="WMQ697" s="613"/>
      <c r="WMR697" s="613"/>
      <c r="WMS697" s="613"/>
      <c r="WMT697" s="613"/>
      <c r="WMU697" s="613"/>
      <c r="WMV697" s="613"/>
      <c r="WMW697" s="613"/>
      <c r="WMX697" s="613"/>
      <c r="WMY697" s="613"/>
      <c r="WMZ697" s="613"/>
      <c r="WNA697" s="613"/>
      <c r="WNB697" s="613"/>
      <c r="WNC697" s="613"/>
      <c r="WND697" s="613"/>
      <c r="WNE697" s="613"/>
      <c r="WNF697" s="613"/>
      <c r="WNG697" s="613"/>
      <c r="WNH697" s="613"/>
      <c r="WNI697" s="613"/>
      <c r="WNJ697" s="613"/>
      <c r="WNK697" s="613"/>
      <c r="WNL697" s="613"/>
      <c r="WNM697" s="613"/>
      <c r="WNN697" s="613"/>
      <c r="WNO697" s="613"/>
      <c r="WNP697" s="613"/>
      <c r="WNQ697" s="613"/>
      <c r="WNR697" s="613"/>
      <c r="WNS697" s="613"/>
      <c r="WNT697" s="613"/>
      <c r="WNU697" s="613"/>
      <c r="WNV697" s="613"/>
      <c r="WNW697" s="613"/>
      <c r="WNX697" s="613"/>
      <c r="WNY697" s="613"/>
      <c r="WNZ697" s="613"/>
      <c r="WOA697" s="613"/>
      <c r="WOB697" s="613"/>
      <c r="WOC697" s="613"/>
      <c r="WOD697" s="613"/>
      <c r="WOE697" s="613"/>
      <c r="WOF697" s="613"/>
      <c r="WOG697" s="613"/>
      <c r="WOH697" s="613"/>
      <c r="WOI697" s="613"/>
      <c r="WOJ697" s="613"/>
      <c r="WOK697" s="613"/>
      <c r="WOL697" s="613"/>
      <c r="WOM697" s="613"/>
      <c r="WON697" s="613"/>
      <c r="WOO697" s="613"/>
      <c r="WOP697" s="613"/>
      <c r="WOQ697" s="613"/>
      <c r="WOR697" s="613"/>
      <c r="WOS697" s="613"/>
      <c r="WOT697" s="613"/>
      <c r="WOU697" s="613"/>
      <c r="WOV697" s="613"/>
      <c r="WOW697" s="613"/>
      <c r="WOX697" s="613"/>
      <c r="WOY697" s="613"/>
      <c r="WOZ697" s="613"/>
      <c r="WPA697" s="613"/>
      <c r="WPB697" s="613"/>
      <c r="WPC697" s="613"/>
      <c r="WPD697" s="613"/>
      <c r="WPE697" s="613"/>
      <c r="WPF697" s="613"/>
      <c r="WPG697" s="613"/>
      <c r="WPH697" s="613"/>
      <c r="WPI697" s="613"/>
      <c r="WPJ697" s="613"/>
      <c r="WPK697" s="613"/>
      <c r="WPL697" s="613"/>
      <c r="WPM697" s="613"/>
      <c r="WPN697" s="613"/>
      <c r="WPO697" s="613"/>
      <c r="WPP697" s="613"/>
      <c r="WPQ697" s="613"/>
      <c r="WPR697" s="613"/>
      <c r="WPS697" s="613"/>
      <c r="WPT697" s="613"/>
      <c r="WPU697" s="613"/>
      <c r="WPV697" s="613"/>
      <c r="WPW697" s="613"/>
      <c r="WPX697" s="613"/>
      <c r="WPY697" s="613"/>
      <c r="WPZ697" s="613"/>
      <c r="WQA697" s="613"/>
      <c r="WQB697" s="613"/>
      <c r="WQC697" s="613"/>
      <c r="WQD697" s="613"/>
      <c r="WQE697" s="613"/>
      <c r="WQF697" s="613"/>
      <c r="WQG697" s="613"/>
      <c r="WQH697" s="613"/>
      <c r="WQI697" s="613"/>
      <c r="WQJ697" s="613"/>
      <c r="WQK697" s="613"/>
      <c r="WQL697" s="613"/>
      <c r="WQM697" s="613"/>
      <c r="WQN697" s="613"/>
      <c r="WQO697" s="613"/>
      <c r="WQP697" s="613"/>
      <c r="WQQ697" s="613"/>
      <c r="WQR697" s="613"/>
      <c r="WQS697" s="613"/>
      <c r="WQT697" s="613"/>
      <c r="WQU697" s="613"/>
      <c r="WQV697" s="613"/>
      <c r="WQW697" s="613"/>
      <c r="WQX697" s="613"/>
      <c r="WQY697" s="613"/>
      <c r="WQZ697" s="613"/>
      <c r="WRA697" s="613"/>
      <c r="WRB697" s="613"/>
      <c r="WRC697" s="613"/>
      <c r="WRD697" s="613"/>
      <c r="WRE697" s="613"/>
      <c r="WRF697" s="613"/>
      <c r="WRG697" s="613"/>
      <c r="WRH697" s="613"/>
      <c r="WRI697" s="613"/>
      <c r="WRJ697" s="613"/>
      <c r="WRK697" s="613"/>
      <c r="WRL697" s="613"/>
      <c r="WRM697" s="613"/>
      <c r="WRN697" s="613"/>
      <c r="WRO697" s="613"/>
      <c r="WRP697" s="613"/>
      <c r="WRQ697" s="613"/>
      <c r="WRR697" s="613"/>
      <c r="WRS697" s="613"/>
      <c r="WRT697" s="613"/>
      <c r="WRU697" s="613"/>
      <c r="WRV697" s="613"/>
      <c r="WRW697" s="613"/>
      <c r="WRX697" s="613"/>
      <c r="WRY697" s="613"/>
      <c r="WRZ697" s="613"/>
      <c r="WSA697" s="613"/>
      <c r="WSB697" s="613"/>
      <c r="WSC697" s="613"/>
      <c r="WSD697" s="613"/>
      <c r="WSE697" s="613"/>
      <c r="WSF697" s="613"/>
      <c r="WSG697" s="613"/>
      <c r="WSH697" s="613"/>
      <c r="WSI697" s="613"/>
      <c r="WSJ697" s="613"/>
      <c r="WSK697" s="613"/>
      <c r="WSL697" s="613"/>
      <c r="WSM697" s="613"/>
      <c r="WSN697" s="613"/>
      <c r="WSO697" s="613"/>
      <c r="WSP697" s="613"/>
      <c r="WSQ697" s="613"/>
      <c r="WSR697" s="613"/>
      <c r="WSS697" s="613"/>
      <c r="WST697" s="613"/>
      <c r="WSU697" s="613"/>
      <c r="WSV697" s="613"/>
      <c r="WSW697" s="613"/>
      <c r="WSX697" s="613"/>
      <c r="WSY697" s="613"/>
      <c r="WSZ697" s="613"/>
      <c r="WTA697" s="613"/>
      <c r="WTB697" s="613"/>
      <c r="WTC697" s="613"/>
      <c r="WTD697" s="613"/>
      <c r="WTE697" s="613"/>
      <c r="WTF697" s="613"/>
      <c r="WTG697" s="613"/>
      <c r="WTH697" s="613"/>
      <c r="WTI697" s="613"/>
      <c r="WTJ697" s="613"/>
      <c r="WTK697" s="613"/>
      <c r="WTL697" s="613"/>
      <c r="WTM697" s="613"/>
      <c r="WTN697" s="613"/>
      <c r="WTO697" s="613"/>
      <c r="WTP697" s="613"/>
      <c r="WTQ697" s="613"/>
      <c r="WTR697" s="613"/>
      <c r="WTS697" s="613"/>
      <c r="WTT697" s="613"/>
      <c r="WTU697" s="613"/>
      <c r="WTV697" s="613"/>
      <c r="WTW697" s="613"/>
      <c r="WTX697" s="613"/>
      <c r="WTY697" s="613"/>
      <c r="WTZ697" s="613"/>
      <c r="WUA697" s="613"/>
      <c r="WUB697" s="613"/>
      <c r="WUC697" s="613"/>
      <c r="WUD697" s="613"/>
      <c r="WUE697" s="613"/>
      <c r="WUF697" s="613"/>
      <c r="WUG697" s="613"/>
      <c r="WUH697" s="613"/>
      <c r="WUI697" s="613"/>
      <c r="WUJ697" s="613"/>
      <c r="WUK697" s="613"/>
      <c r="WUL697" s="613"/>
      <c r="WUM697" s="613"/>
      <c r="WUN697" s="613"/>
      <c r="WUO697" s="613"/>
      <c r="WUP697" s="613"/>
      <c r="WUQ697" s="613"/>
      <c r="WUR697" s="613"/>
      <c r="WUS697" s="613"/>
      <c r="WUT697" s="613"/>
      <c r="WUU697" s="613"/>
      <c r="WUV697" s="613"/>
      <c r="WUW697" s="613"/>
      <c r="WUX697" s="613"/>
      <c r="WUY697" s="613"/>
      <c r="WUZ697" s="613"/>
      <c r="WVA697" s="613"/>
      <c r="WVB697" s="613"/>
      <c r="WVC697" s="613"/>
      <c r="WVD697" s="613"/>
      <c r="WVE697" s="613"/>
      <c r="WVF697" s="613"/>
      <c r="WVG697" s="613"/>
      <c r="WVH697" s="613"/>
      <c r="WVI697" s="613"/>
      <c r="WVJ697" s="613"/>
      <c r="WVK697" s="613"/>
      <c r="WVL697" s="613"/>
      <c r="WVM697" s="613"/>
      <c r="WVN697" s="613"/>
      <c r="WVO697" s="613"/>
      <c r="WVP697" s="613"/>
      <c r="WVQ697" s="613"/>
      <c r="WVR697" s="613"/>
      <c r="WVS697" s="613"/>
      <c r="WVT697" s="613"/>
      <c r="WVU697" s="613"/>
      <c r="WVV697" s="613"/>
      <c r="WVW697" s="613"/>
      <c r="WVX697" s="613"/>
      <c r="WVY697" s="613"/>
      <c r="WVZ697" s="613"/>
      <c r="WWA697" s="613"/>
      <c r="WWB697" s="613"/>
      <c r="WWC697" s="613"/>
      <c r="WWD697" s="613"/>
      <c r="WWE697" s="613"/>
      <c r="WWF697" s="613"/>
      <c r="WWG697" s="613"/>
      <c r="WWH697" s="613"/>
      <c r="WWI697" s="613"/>
      <c r="WWJ697" s="613"/>
      <c r="WWK697" s="613"/>
      <c r="WWL697" s="613"/>
      <c r="WWM697" s="613"/>
      <c r="WWN697" s="613"/>
      <c r="WWO697" s="613"/>
      <c r="WWP697" s="613"/>
      <c r="WWQ697" s="613"/>
      <c r="WWR697" s="613"/>
      <c r="WWS697" s="613"/>
      <c r="WWT697" s="613"/>
      <c r="WWU697" s="613"/>
      <c r="WWV697" s="613"/>
      <c r="WWW697" s="613"/>
      <c r="WWX697" s="613"/>
      <c r="WWY697" s="613"/>
      <c r="WWZ697" s="613"/>
      <c r="WXA697" s="613"/>
      <c r="WXB697" s="613"/>
      <c r="WXC697" s="613"/>
      <c r="WXD697" s="613"/>
      <c r="WXE697" s="613"/>
      <c r="WXF697" s="613"/>
      <c r="WXG697" s="613"/>
      <c r="WXH697" s="613"/>
      <c r="WXI697" s="613"/>
      <c r="WXJ697" s="613"/>
      <c r="WXK697" s="613"/>
      <c r="WXL697" s="613"/>
      <c r="WXM697" s="613"/>
      <c r="WXN697" s="613"/>
      <c r="WXO697" s="613"/>
      <c r="WXP697" s="613"/>
      <c r="WXQ697" s="613"/>
      <c r="WXR697" s="613"/>
      <c r="WXS697" s="613"/>
      <c r="WXT697" s="613"/>
      <c r="WXU697" s="613"/>
      <c r="WXV697" s="613"/>
      <c r="WXW697" s="613"/>
      <c r="WXX697" s="613"/>
      <c r="WXY697" s="613"/>
      <c r="WXZ697" s="613"/>
      <c r="WYA697" s="613"/>
      <c r="WYB697" s="613"/>
      <c r="WYC697" s="613"/>
      <c r="WYD697" s="613"/>
      <c r="WYE697" s="613"/>
      <c r="WYF697" s="613"/>
      <c r="WYG697" s="613"/>
      <c r="WYH697" s="613"/>
      <c r="WYI697" s="613"/>
      <c r="WYJ697" s="613"/>
      <c r="WYK697" s="613"/>
      <c r="WYL697" s="613"/>
      <c r="WYM697" s="613"/>
      <c r="WYN697" s="613"/>
      <c r="WYO697" s="613"/>
      <c r="WYP697" s="613"/>
      <c r="WYQ697" s="613"/>
      <c r="WYR697" s="613"/>
      <c r="WYS697" s="613"/>
      <c r="WYT697" s="613"/>
      <c r="WYU697" s="613"/>
      <c r="WYV697" s="613"/>
      <c r="WYW697" s="613"/>
      <c r="WYX697" s="613"/>
      <c r="WYY697" s="613"/>
      <c r="WYZ697" s="613"/>
      <c r="WZA697" s="613"/>
      <c r="WZB697" s="613"/>
      <c r="WZC697" s="613"/>
      <c r="WZD697" s="613"/>
      <c r="WZE697" s="613"/>
      <c r="WZF697" s="613"/>
      <c r="WZG697" s="613"/>
      <c r="WZH697" s="613"/>
      <c r="WZI697" s="613"/>
      <c r="WZJ697" s="613"/>
      <c r="WZK697" s="613"/>
      <c r="WZL697" s="613"/>
      <c r="WZM697" s="613"/>
      <c r="WZN697" s="613"/>
      <c r="WZO697" s="613"/>
      <c r="WZP697" s="613"/>
      <c r="WZQ697" s="613"/>
      <c r="WZR697" s="613"/>
      <c r="WZS697" s="613"/>
      <c r="WZT697" s="613"/>
      <c r="WZU697" s="613"/>
      <c r="WZV697" s="613"/>
      <c r="WZW697" s="613"/>
      <c r="WZX697" s="613"/>
      <c r="WZY697" s="613"/>
      <c r="WZZ697" s="613"/>
      <c r="XAA697" s="613"/>
      <c r="XAB697" s="613"/>
      <c r="XAC697" s="613"/>
      <c r="XAD697" s="613"/>
      <c r="XAE697" s="613"/>
      <c r="XAF697" s="613"/>
      <c r="XAG697" s="613"/>
      <c r="XAH697" s="613"/>
      <c r="XAI697" s="613"/>
      <c r="XAJ697" s="613"/>
      <c r="XAK697" s="613"/>
      <c r="XAL697" s="613"/>
      <c r="XAM697" s="613"/>
      <c r="XAN697" s="613"/>
      <c r="XAO697" s="613"/>
      <c r="XAP697" s="613"/>
      <c r="XAQ697" s="613"/>
      <c r="XAR697" s="613"/>
      <c r="XAS697" s="613"/>
      <c r="XAT697" s="613"/>
      <c r="XAU697" s="613"/>
      <c r="XAV697" s="613"/>
      <c r="XAW697" s="613"/>
      <c r="XAX697" s="613"/>
      <c r="XAY697" s="613"/>
      <c r="XAZ697" s="613"/>
      <c r="XBA697" s="613"/>
      <c r="XBB697" s="613"/>
      <c r="XBC697" s="613"/>
      <c r="XBD697" s="613"/>
      <c r="XBE697" s="613"/>
      <c r="XBF697" s="613"/>
      <c r="XBG697" s="613"/>
      <c r="XBH697" s="613"/>
      <c r="XBI697" s="613"/>
      <c r="XBJ697" s="613"/>
      <c r="XBK697" s="613"/>
      <c r="XBL697" s="613"/>
      <c r="XBM697" s="613"/>
      <c r="XBN697" s="613"/>
      <c r="XBO697" s="613"/>
      <c r="XBP697" s="613"/>
      <c r="XBQ697" s="613"/>
      <c r="XBR697" s="613"/>
      <c r="XBS697" s="613"/>
      <c r="XBT697" s="613"/>
      <c r="XBU697" s="613"/>
      <c r="XBV697" s="613"/>
      <c r="XBW697" s="613"/>
      <c r="XBX697" s="613"/>
      <c r="XBY697" s="613"/>
      <c r="XBZ697" s="613"/>
      <c r="XCA697" s="613"/>
      <c r="XCB697" s="613"/>
      <c r="XCC697" s="613"/>
      <c r="XCD697" s="613"/>
      <c r="XCE697" s="613"/>
      <c r="XCF697" s="613"/>
      <c r="XCG697" s="613"/>
      <c r="XCH697" s="613"/>
      <c r="XCI697" s="613"/>
      <c r="XCJ697" s="613"/>
      <c r="XCK697" s="613"/>
      <c r="XCL697" s="613"/>
      <c r="XCM697" s="613"/>
      <c r="XCN697" s="613"/>
      <c r="XCO697" s="613"/>
      <c r="XCP697" s="613"/>
      <c r="XCQ697" s="613"/>
    </row>
    <row r="698" spans="1:16319" ht="56.1" customHeight="1" x14ac:dyDescent="0.2">
      <c r="A698" s="232" t="s">
        <v>3020</v>
      </c>
      <c r="B698" s="499"/>
      <c r="C698" s="494"/>
      <c r="D698" s="481">
        <v>242</v>
      </c>
      <c r="E698" s="481"/>
      <c r="F698" s="481" t="s">
        <v>2481</v>
      </c>
      <c r="G698" s="482" t="s">
        <v>53</v>
      </c>
      <c r="H698" s="765" t="s">
        <v>329</v>
      </c>
      <c r="I698" s="654" t="s">
        <v>482</v>
      </c>
      <c r="J698" s="654" t="s">
        <v>483</v>
      </c>
      <c r="K698" s="495" t="s">
        <v>494</v>
      </c>
      <c r="L698" s="621"/>
      <c r="M698" s="484" t="s">
        <v>58</v>
      </c>
      <c r="N698" s="329" t="s">
        <v>347</v>
      </c>
      <c r="O698" s="484" t="s">
        <v>2996</v>
      </c>
      <c r="P698" s="484" t="s">
        <v>81</v>
      </c>
      <c r="Q698" s="667" t="s">
        <v>334</v>
      </c>
      <c r="R698" s="484" t="s">
        <v>334</v>
      </c>
      <c r="S698" s="484" t="s">
        <v>225</v>
      </c>
      <c r="T698" s="484"/>
      <c r="U698" s="620" t="s">
        <v>63</v>
      </c>
      <c r="V698" s="620" t="s">
        <v>63</v>
      </c>
      <c r="W698" s="723">
        <v>1344786</v>
      </c>
      <c r="X698" s="723"/>
      <c r="Y698" s="654" t="s">
        <v>226</v>
      </c>
      <c r="Z698" s="654"/>
      <c r="AA698" s="723">
        <v>1344786</v>
      </c>
      <c r="AB698" s="652" t="s">
        <v>82</v>
      </c>
      <c r="AC698" s="652"/>
      <c r="AD698" s="496"/>
      <c r="AE698" s="496"/>
      <c r="AF698" s="496"/>
      <c r="AG698" s="496"/>
      <c r="AH698" s="496"/>
      <c r="AI698" s="496"/>
      <c r="AJ698" s="496"/>
      <c r="AK698" s="496"/>
      <c r="AL698" s="496"/>
      <c r="AM698" s="496"/>
      <c r="AN698" s="496"/>
      <c r="AO698" s="496"/>
      <c r="AP698" s="496"/>
      <c r="AQ698" s="496"/>
      <c r="AR698" s="496"/>
      <c r="AS698" s="496"/>
      <c r="AT698" s="487" t="s">
        <v>66</v>
      </c>
      <c r="AU698" s="487"/>
      <c r="AV698" s="487"/>
      <c r="AW698" s="487"/>
      <c r="AX698" s="487"/>
      <c r="AY698" s="487"/>
      <c r="AZ698" s="487"/>
      <c r="BA698" s="484"/>
      <c r="BB698" s="484" t="s">
        <v>485</v>
      </c>
      <c r="BC698" s="484" t="s">
        <v>3041</v>
      </c>
      <c r="BD698" s="494"/>
      <c r="BE698" s="494"/>
      <c r="BF698" s="613"/>
      <c r="BG698" s="613"/>
      <c r="BH698" s="613"/>
      <c r="BI698" s="613"/>
      <c r="BJ698" s="613"/>
      <c r="BK698" s="613"/>
      <c r="BL698" s="613"/>
      <c r="BM698" s="613"/>
      <c r="BN698" s="613"/>
      <c r="BO698" s="613"/>
      <c r="BP698" s="613"/>
      <c r="BQ698" s="613"/>
      <c r="BR698" s="613"/>
      <c r="BS698" s="613"/>
      <c r="BT698" s="613"/>
      <c r="BU698" s="613"/>
      <c r="BV698" s="613"/>
      <c r="BW698" s="613"/>
      <c r="BX698" s="613"/>
      <c r="BY698" s="613"/>
      <c r="BZ698" s="613"/>
      <c r="CA698" s="613"/>
      <c r="CB698" s="613"/>
      <c r="CC698" s="613"/>
      <c r="CD698" s="613"/>
      <c r="CE698" s="613"/>
      <c r="CF698" s="613"/>
      <c r="CG698" s="613"/>
      <c r="CH698" s="613"/>
      <c r="CI698" s="613"/>
      <c r="CJ698" s="613"/>
      <c r="CK698" s="613"/>
      <c r="CL698" s="613"/>
      <c r="CM698" s="613"/>
      <c r="CN698" s="613"/>
      <c r="CO698" s="613"/>
      <c r="CP698" s="613"/>
      <c r="CQ698" s="613"/>
      <c r="CR698" s="613"/>
      <c r="CS698" s="613"/>
      <c r="CT698" s="613"/>
      <c r="CU698" s="613"/>
      <c r="CV698" s="613"/>
      <c r="CW698" s="613"/>
      <c r="CX698" s="613"/>
      <c r="CY698" s="613"/>
      <c r="CZ698" s="613"/>
      <c r="DA698" s="613"/>
      <c r="DB698" s="613"/>
      <c r="DC698" s="613"/>
      <c r="DD698" s="613"/>
      <c r="DE698" s="613"/>
      <c r="DF698" s="613"/>
      <c r="DG698" s="613"/>
      <c r="DH698" s="613"/>
      <c r="DI698" s="613"/>
      <c r="DJ698" s="613"/>
      <c r="DK698" s="613"/>
      <c r="DL698" s="613"/>
      <c r="DM698" s="613"/>
      <c r="DN698" s="613"/>
      <c r="DO698" s="613"/>
      <c r="DP698" s="613"/>
      <c r="DQ698" s="613"/>
      <c r="DR698" s="613"/>
      <c r="DS698" s="613"/>
      <c r="DT698" s="613"/>
      <c r="DU698" s="613"/>
      <c r="DV698" s="613"/>
      <c r="DW698" s="613"/>
      <c r="DX698" s="613"/>
      <c r="DY698" s="613"/>
      <c r="DZ698" s="613"/>
      <c r="EA698" s="613"/>
      <c r="EB698" s="613"/>
      <c r="EC698" s="613"/>
      <c r="ED698" s="613"/>
      <c r="EE698" s="613"/>
      <c r="EF698" s="613"/>
      <c r="EG698" s="613"/>
      <c r="EH698" s="613"/>
      <c r="EI698" s="613"/>
      <c r="EJ698" s="613"/>
      <c r="EK698" s="613"/>
      <c r="EL698" s="613"/>
      <c r="EM698" s="613"/>
      <c r="EN698" s="613"/>
      <c r="EO698" s="613"/>
      <c r="EP698" s="613"/>
      <c r="EQ698" s="613"/>
      <c r="ER698" s="613"/>
      <c r="ES698" s="613"/>
      <c r="ET698" s="613"/>
      <c r="EU698" s="613"/>
      <c r="EV698" s="613"/>
      <c r="EW698" s="613"/>
      <c r="EX698" s="613"/>
      <c r="EY698" s="613"/>
      <c r="EZ698" s="613"/>
      <c r="FA698" s="613"/>
      <c r="FB698" s="613"/>
      <c r="FC698" s="613"/>
      <c r="FD698" s="613"/>
      <c r="FE698" s="613"/>
      <c r="FF698" s="613"/>
      <c r="FG698" s="613"/>
      <c r="FH698" s="613"/>
      <c r="FI698" s="613"/>
      <c r="FJ698" s="613"/>
      <c r="FK698" s="613"/>
      <c r="FL698" s="613"/>
      <c r="FM698" s="613"/>
      <c r="FN698" s="613"/>
      <c r="FO698" s="613"/>
      <c r="FP698" s="613"/>
      <c r="FQ698" s="613"/>
      <c r="FR698" s="613"/>
      <c r="FS698" s="613"/>
      <c r="FT698" s="613"/>
      <c r="FU698" s="613"/>
      <c r="FV698" s="613"/>
      <c r="FW698" s="613"/>
      <c r="FX698" s="613"/>
      <c r="FY698" s="613"/>
      <c r="FZ698" s="613"/>
      <c r="GA698" s="613"/>
      <c r="GB698" s="613"/>
      <c r="GC698" s="613"/>
      <c r="GD698" s="613"/>
      <c r="GE698" s="613"/>
      <c r="GF698" s="613"/>
      <c r="GG698" s="613"/>
      <c r="GH698" s="613"/>
      <c r="GI698" s="613"/>
      <c r="GJ698" s="613"/>
      <c r="GK698" s="613"/>
      <c r="GL698" s="613"/>
      <c r="GM698" s="613"/>
      <c r="GN698" s="613"/>
      <c r="GO698" s="613"/>
      <c r="GP698" s="613"/>
      <c r="GQ698" s="613"/>
      <c r="GR698" s="613"/>
      <c r="GS698" s="613"/>
      <c r="GT698" s="613"/>
      <c r="GU698" s="613"/>
      <c r="GV698" s="613"/>
      <c r="GW698" s="613"/>
      <c r="GX698" s="613"/>
      <c r="GY698" s="613"/>
      <c r="GZ698" s="613"/>
      <c r="HA698" s="613"/>
      <c r="HB698" s="613"/>
      <c r="HC698" s="613"/>
      <c r="HD698" s="613"/>
      <c r="HE698" s="613"/>
      <c r="HF698" s="613"/>
      <c r="HG698" s="613"/>
      <c r="HH698" s="613"/>
      <c r="HI698" s="613"/>
      <c r="HJ698" s="613"/>
      <c r="HK698" s="613"/>
      <c r="HL698" s="613"/>
      <c r="HM698" s="613"/>
      <c r="HN698" s="613"/>
      <c r="HO698" s="613"/>
      <c r="HP698" s="613"/>
      <c r="HQ698" s="613"/>
      <c r="HR698" s="613"/>
      <c r="HS698" s="613"/>
      <c r="HT698" s="613"/>
      <c r="HU698" s="613"/>
      <c r="HV698" s="613"/>
      <c r="HW698" s="613"/>
      <c r="HX698" s="613"/>
      <c r="HY698" s="613"/>
      <c r="HZ698" s="613"/>
      <c r="IA698" s="613"/>
      <c r="IB698" s="613"/>
      <c r="IC698" s="613"/>
      <c r="ID698" s="613"/>
      <c r="IE698" s="613"/>
      <c r="IF698" s="613"/>
      <c r="IG698" s="613"/>
      <c r="IH698" s="613"/>
      <c r="II698" s="613"/>
      <c r="IJ698" s="613"/>
      <c r="IK698" s="613"/>
      <c r="IL698" s="613"/>
      <c r="IM698" s="613"/>
      <c r="IN698" s="613"/>
      <c r="IO698" s="613"/>
      <c r="IP698" s="613"/>
      <c r="IQ698" s="613"/>
      <c r="IR698" s="613"/>
      <c r="IS698" s="613"/>
      <c r="IT698" s="613"/>
      <c r="IU698" s="613"/>
      <c r="IV698" s="613"/>
      <c r="IW698" s="613"/>
      <c r="IX698" s="613"/>
      <c r="IY698" s="613"/>
      <c r="IZ698" s="613"/>
      <c r="JA698" s="613"/>
      <c r="JB698" s="613"/>
      <c r="JC698" s="613"/>
      <c r="JD698" s="613"/>
      <c r="JE698" s="613"/>
      <c r="JF698" s="613"/>
      <c r="JG698" s="613"/>
      <c r="JH698" s="613"/>
      <c r="JI698" s="613"/>
      <c r="JJ698" s="613"/>
      <c r="JK698" s="613"/>
      <c r="JL698" s="613"/>
      <c r="JM698" s="613"/>
      <c r="JN698" s="613"/>
      <c r="JO698" s="613"/>
      <c r="JP698" s="613"/>
      <c r="JQ698" s="613"/>
      <c r="JR698" s="613"/>
      <c r="JS698" s="613"/>
      <c r="JT698" s="613"/>
      <c r="JU698" s="613"/>
      <c r="JV698" s="613"/>
      <c r="JW698" s="613"/>
      <c r="JX698" s="613"/>
      <c r="JY698" s="613"/>
      <c r="JZ698" s="613"/>
      <c r="KA698" s="613"/>
      <c r="KB698" s="613"/>
      <c r="KC698" s="613"/>
      <c r="KD698" s="613"/>
      <c r="KE698" s="613"/>
      <c r="KF698" s="613"/>
      <c r="KG698" s="613"/>
      <c r="KH698" s="613"/>
      <c r="KI698" s="613"/>
      <c r="KJ698" s="613"/>
      <c r="KK698" s="613"/>
      <c r="KL698" s="613"/>
      <c r="KM698" s="613"/>
      <c r="KN698" s="613"/>
      <c r="KO698" s="613"/>
      <c r="KP698" s="613"/>
      <c r="KQ698" s="613"/>
      <c r="KR698" s="613"/>
      <c r="KS698" s="613"/>
      <c r="KT698" s="613"/>
      <c r="KU698" s="613"/>
      <c r="KV698" s="613"/>
      <c r="KW698" s="613"/>
      <c r="KX698" s="613"/>
      <c r="KY698" s="613"/>
      <c r="KZ698" s="613"/>
      <c r="LA698" s="613"/>
      <c r="LB698" s="613"/>
      <c r="LC698" s="613"/>
      <c r="LD698" s="613"/>
      <c r="LE698" s="613"/>
      <c r="LF698" s="613"/>
      <c r="LG698" s="613"/>
      <c r="LH698" s="613"/>
      <c r="LI698" s="613"/>
      <c r="LJ698" s="613"/>
      <c r="LK698" s="613"/>
      <c r="LL698" s="613"/>
      <c r="LM698" s="613"/>
      <c r="LN698" s="613"/>
      <c r="LO698" s="613"/>
      <c r="LP698" s="613"/>
      <c r="LQ698" s="613"/>
      <c r="LR698" s="613"/>
      <c r="LS698" s="613"/>
      <c r="LT698" s="613"/>
      <c r="LU698" s="613"/>
      <c r="LV698" s="613"/>
      <c r="LW698" s="613"/>
      <c r="LX698" s="613"/>
      <c r="LY698" s="613"/>
      <c r="LZ698" s="613"/>
      <c r="MA698" s="613"/>
      <c r="MB698" s="613"/>
      <c r="MC698" s="613"/>
      <c r="MD698" s="613"/>
      <c r="ME698" s="613"/>
      <c r="MF698" s="613"/>
      <c r="MG698" s="613"/>
      <c r="MH698" s="613"/>
      <c r="MI698" s="613"/>
      <c r="MJ698" s="613"/>
      <c r="MK698" s="613"/>
      <c r="ML698" s="613"/>
      <c r="MM698" s="613"/>
      <c r="MN698" s="613"/>
      <c r="MO698" s="613"/>
      <c r="MP698" s="613"/>
      <c r="MQ698" s="613"/>
      <c r="MR698" s="613"/>
      <c r="MS698" s="613"/>
      <c r="MT698" s="613"/>
      <c r="MU698" s="613"/>
      <c r="MV698" s="613"/>
      <c r="MW698" s="613"/>
      <c r="MX698" s="613"/>
      <c r="MY698" s="613"/>
      <c r="MZ698" s="613"/>
      <c r="NA698" s="613"/>
      <c r="NB698" s="613"/>
      <c r="NC698" s="613"/>
      <c r="ND698" s="613"/>
      <c r="NE698" s="613"/>
      <c r="NF698" s="613"/>
      <c r="NG698" s="613"/>
      <c r="NH698" s="613"/>
      <c r="NI698" s="613"/>
      <c r="NJ698" s="613"/>
      <c r="NK698" s="613"/>
      <c r="NL698" s="613"/>
      <c r="NM698" s="613"/>
      <c r="NN698" s="613"/>
      <c r="NO698" s="613"/>
      <c r="NP698" s="613"/>
      <c r="NQ698" s="613"/>
      <c r="NR698" s="613"/>
      <c r="NS698" s="613"/>
      <c r="NT698" s="613"/>
      <c r="NU698" s="613"/>
      <c r="NV698" s="613"/>
      <c r="NW698" s="613"/>
      <c r="NX698" s="613"/>
      <c r="NY698" s="613"/>
      <c r="NZ698" s="613"/>
      <c r="OA698" s="613"/>
      <c r="OB698" s="613"/>
      <c r="OC698" s="613"/>
      <c r="OD698" s="613"/>
      <c r="OE698" s="613"/>
      <c r="OF698" s="613"/>
      <c r="OG698" s="613"/>
      <c r="OH698" s="613"/>
      <c r="OI698" s="613"/>
      <c r="OJ698" s="613"/>
      <c r="OK698" s="613"/>
      <c r="OL698" s="613"/>
      <c r="OM698" s="613"/>
      <c r="ON698" s="613"/>
      <c r="OO698" s="613"/>
      <c r="OP698" s="613"/>
      <c r="OQ698" s="613"/>
      <c r="OR698" s="613"/>
      <c r="OS698" s="613"/>
      <c r="OT698" s="613"/>
      <c r="OU698" s="613"/>
      <c r="OV698" s="613"/>
      <c r="OW698" s="613"/>
      <c r="OX698" s="613"/>
      <c r="OY698" s="613"/>
      <c r="OZ698" s="613"/>
      <c r="PA698" s="613"/>
      <c r="PB698" s="613"/>
      <c r="PC698" s="613"/>
      <c r="PD698" s="613"/>
      <c r="PE698" s="613"/>
      <c r="PF698" s="613"/>
      <c r="PG698" s="613"/>
      <c r="PH698" s="613"/>
      <c r="PI698" s="613"/>
      <c r="PJ698" s="613"/>
      <c r="PK698" s="613"/>
      <c r="PL698" s="613"/>
      <c r="PM698" s="613"/>
      <c r="PN698" s="613"/>
      <c r="PO698" s="613"/>
      <c r="PP698" s="613"/>
      <c r="PQ698" s="613"/>
      <c r="PR698" s="613"/>
      <c r="PS698" s="613"/>
      <c r="PT698" s="613"/>
      <c r="PU698" s="613"/>
      <c r="PV698" s="613"/>
      <c r="PW698" s="613"/>
      <c r="PX698" s="613"/>
      <c r="PY698" s="613"/>
      <c r="PZ698" s="613"/>
      <c r="QA698" s="613"/>
      <c r="QB698" s="613"/>
      <c r="QC698" s="613"/>
      <c r="QD698" s="613"/>
      <c r="QE698" s="613"/>
      <c r="QF698" s="613"/>
      <c r="QG698" s="613"/>
      <c r="QH698" s="613"/>
      <c r="QI698" s="613"/>
      <c r="QJ698" s="613"/>
      <c r="QK698" s="613"/>
      <c r="QL698" s="613"/>
      <c r="QM698" s="613"/>
      <c r="QN698" s="613"/>
      <c r="QO698" s="613"/>
      <c r="QP698" s="613"/>
      <c r="QQ698" s="613"/>
      <c r="QR698" s="613"/>
      <c r="QS698" s="613"/>
      <c r="QT698" s="613"/>
      <c r="QU698" s="613"/>
      <c r="QV698" s="613"/>
      <c r="QW698" s="613"/>
      <c r="QX698" s="613"/>
      <c r="QY698" s="613"/>
      <c r="QZ698" s="613"/>
      <c r="RA698" s="613"/>
      <c r="RB698" s="613"/>
      <c r="RC698" s="613"/>
      <c r="RD698" s="613"/>
      <c r="RE698" s="613"/>
      <c r="RF698" s="613"/>
      <c r="RG698" s="613"/>
      <c r="RH698" s="613"/>
      <c r="RI698" s="613"/>
      <c r="RJ698" s="613"/>
      <c r="RK698" s="613"/>
      <c r="RL698" s="613"/>
      <c r="RM698" s="613"/>
      <c r="RN698" s="613"/>
      <c r="RO698" s="613"/>
      <c r="RP698" s="613"/>
      <c r="RQ698" s="613"/>
      <c r="RR698" s="613"/>
      <c r="RS698" s="613"/>
      <c r="RT698" s="613"/>
      <c r="RU698" s="613"/>
      <c r="RV698" s="613"/>
      <c r="RW698" s="613"/>
      <c r="RX698" s="613"/>
      <c r="RY698" s="613"/>
      <c r="RZ698" s="613"/>
      <c r="SA698" s="613"/>
      <c r="SB698" s="613"/>
      <c r="SC698" s="613"/>
      <c r="SD698" s="613"/>
      <c r="SE698" s="613"/>
      <c r="SF698" s="613"/>
      <c r="SG698" s="613"/>
      <c r="SH698" s="613"/>
      <c r="SI698" s="613"/>
      <c r="SJ698" s="613"/>
      <c r="SK698" s="613"/>
      <c r="SL698" s="613"/>
      <c r="SM698" s="613"/>
      <c r="SN698" s="613"/>
      <c r="SO698" s="613"/>
      <c r="SP698" s="613"/>
      <c r="SQ698" s="613"/>
      <c r="SR698" s="613"/>
      <c r="SS698" s="613"/>
      <c r="ST698" s="613"/>
      <c r="SU698" s="613"/>
      <c r="SV698" s="613"/>
      <c r="SW698" s="613"/>
      <c r="SX698" s="613"/>
      <c r="SY698" s="613"/>
      <c r="SZ698" s="613"/>
      <c r="TA698" s="613"/>
      <c r="TB698" s="613"/>
      <c r="TC698" s="613"/>
      <c r="TD698" s="613"/>
      <c r="TE698" s="613"/>
      <c r="TF698" s="613"/>
      <c r="TG698" s="613"/>
      <c r="TH698" s="613"/>
      <c r="TI698" s="613"/>
      <c r="TJ698" s="613"/>
      <c r="TK698" s="613"/>
      <c r="TL698" s="613"/>
      <c r="TM698" s="613"/>
      <c r="TN698" s="613"/>
      <c r="TO698" s="613"/>
      <c r="TP698" s="613"/>
      <c r="TQ698" s="613"/>
      <c r="TR698" s="613"/>
      <c r="TS698" s="613"/>
      <c r="TT698" s="613"/>
      <c r="TU698" s="613"/>
      <c r="TV698" s="613"/>
      <c r="TW698" s="613"/>
      <c r="TX698" s="613"/>
      <c r="TY698" s="613"/>
      <c r="TZ698" s="613"/>
      <c r="UA698" s="613"/>
      <c r="UB698" s="613"/>
      <c r="UC698" s="613"/>
      <c r="UD698" s="613"/>
      <c r="UE698" s="613"/>
      <c r="UF698" s="613"/>
      <c r="UG698" s="613"/>
      <c r="UH698" s="613"/>
      <c r="UI698" s="613"/>
      <c r="UJ698" s="613"/>
      <c r="UK698" s="613"/>
      <c r="UL698" s="613"/>
      <c r="UM698" s="613"/>
      <c r="UN698" s="613"/>
      <c r="UO698" s="613"/>
      <c r="UP698" s="613"/>
      <c r="UQ698" s="613"/>
      <c r="UR698" s="613"/>
      <c r="US698" s="613"/>
      <c r="UT698" s="613"/>
      <c r="UU698" s="613"/>
      <c r="UV698" s="613"/>
      <c r="UW698" s="613"/>
      <c r="UX698" s="613"/>
      <c r="UY698" s="613"/>
      <c r="UZ698" s="613"/>
      <c r="VA698" s="613"/>
      <c r="VB698" s="613"/>
      <c r="VC698" s="613"/>
      <c r="VD698" s="613"/>
      <c r="VE698" s="613"/>
      <c r="VF698" s="613"/>
      <c r="VG698" s="613"/>
      <c r="VH698" s="613"/>
      <c r="VI698" s="613"/>
      <c r="VJ698" s="613"/>
      <c r="VK698" s="613"/>
      <c r="VL698" s="613"/>
      <c r="VM698" s="613"/>
      <c r="VN698" s="613"/>
      <c r="VO698" s="613"/>
      <c r="VP698" s="613"/>
      <c r="VQ698" s="613"/>
      <c r="VR698" s="613"/>
      <c r="VS698" s="613"/>
      <c r="VT698" s="613"/>
      <c r="VU698" s="613"/>
      <c r="VV698" s="613"/>
      <c r="VW698" s="613"/>
      <c r="VX698" s="613"/>
      <c r="VY698" s="613"/>
      <c r="VZ698" s="613"/>
      <c r="WA698" s="613"/>
      <c r="WB698" s="613"/>
      <c r="WC698" s="613"/>
      <c r="WD698" s="613"/>
      <c r="WE698" s="613"/>
      <c r="WF698" s="613"/>
      <c r="WG698" s="613"/>
      <c r="WH698" s="613"/>
      <c r="WI698" s="613"/>
      <c r="WJ698" s="613"/>
      <c r="WK698" s="613"/>
      <c r="WL698" s="613"/>
      <c r="WM698" s="613"/>
      <c r="WN698" s="613"/>
      <c r="WO698" s="613"/>
      <c r="WP698" s="613"/>
      <c r="WQ698" s="613"/>
      <c r="WR698" s="613"/>
      <c r="WS698" s="613"/>
      <c r="WT698" s="613"/>
      <c r="WU698" s="613"/>
      <c r="WV698" s="613"/>
      <c r="WW698" s="613"/>
      <c r="WX698" s="613"/>
      <c r="WY698" s="613"/>
      <c r="WZ698" s="613"/>
      <c r="XA698" s="613"/>
      <c r="XB698" s="613"/>
      <c r="XC698" s="613"/>
      <c r="XD698" s="613"/>
      <c r="XE698" s="613"/>
      <c r="XF698" s="613"/>
      <c r="XG698" s="613"/>
      <c r="XH698" s="613"/>
      <c r="XI698" s="613"/>
      <c r="XJ698" s="613"/>
      <c r="XK698" s="613"/>
      <c r="XL698" s="613"/>
      <c r="XM698" s="613"/>
      <c r="XN698" s="613"/>
      <c r="XO698" s="613"/>
      <c r="XP698" s="613"/>
      <c r="XQ698" s="613"/>
      <c r="XR698" s="613"/>
      <c r="XS698" s="613"/>
      <c r="XT698" s="613"/>
      <c r="XU698" s="613"/>
      <c r="XV698" s="613"/>
      <c r="XW698" s="613"/>
      <c r="XX698" s="613"/>
      <c r="XY698" s="613"/>
      <c r="XZ698" s="613"/>
      <c r="YA698" s="613"/>
      <c r="YB698" s="613"/>
      <c r="YC698" s="613"/>
      <c r="YD698" s="613"/>
      <c r="YE698" s="613"/>
      <c r="YF698" s="613"/>
      <c r="YG698" s="613"/>
      <c r="YH698" s="613"/>
      <c r="YI698" s="613"/>
      <c r="YJ698" s="613"/>
      <c r="YK698" s="613"/>
      <c r="YL698" s="613"/>
      <c r="YM698" s="613"/>
      <c r="YN698" s="613"/>
      <c r="YO698" s="613"/>
      <c r="YP698" s="613"/>
      <c r="YQ698" s="613"/>
      <c r="YR698" s="613"/>
      <c r="YS698" s="613"/>
      <c r="YT698" s="613"/>
      <c r="YU698" s="613"/>
      <c r="YV698" s="613"/>
      <c r="YW698" s="613"/>
      <c r="YX698" s="613"/>
      <c r="YY698" s="613"/>
      <c r="YZ698" s="613"/>
      <c r="ZA698" s="613"/>
      <c r="ZB698" s="613"/>
      <c r="ZC698" s="613"/>
      <c r="ZD698" s="613"/>
      <c r="ZE698" s="613"/>
      <c r="ZF698" s="613"/>
      <c r="ZG698" s="613"/>
      <c r="ZH698" s="613"/>
      <c r="ZI698" s="613"/>
      <c r="ZJ698" s="613"/>
      <c r="ZK698" s="613"/>
      <c r="ZL698" s="613"/>
      <c r="ZM698" s="613"/>
      <c r="ZN698" s="613"/>
      <c r="ZO698" s="613"/>
      <c r="ZP698" s="613"/>
      <c r="ZQ698" s="613"/>
      <c r="ZR698" s="613"/>
      <c r="ZS698" s="613"/>
      <c r="ZT698" s="613"/>
      <c r="ZU698" s="613"/>
      <c r="ZV698" s="613"/>
      <c r="ZW698" s="613"/>
      <c r="ZX698" s="613"/>
      <c r="ZY698" s="613"/>
      <c r="ZZ698" s="613"/>
      <c r="AAA698" s="613"/>
      <c r="AAB698" s="613"/>
      <c r="AAC698" s="613"/>
      <c r="AAD698" s="613"/>
      <c r="AAE698" s="613"/>
      <c r="AAF698" s="613"/>
      <c r="AAG698" s="613"/>
      <c r="AAH698" s="613"/>
      <c r="AAI698" s="613"/>
      <c r="AAJ698" s="613"/>
      <c r="AAK698" s="613"/>
      <c r="AAL698" s="613"/>
      <c r="AAM698" s="613"/>
      <c r="AAN698" s="613"/>
      <c r="AAO698" s="613"/>
      <c r="AAP698" s="613"/>
      <c r="AAQ698" s="613"/>
      <c r="AAR698" s="613"/>
      <c r="AAS698" s="613"/>
      <c r="AAT698" s="613"/>
      <c r="AAU698" s="613"/>
      <c r="AAV698" s="613"/>
      <c r="AAW698" s="613"/>
      <c r="AAX698" s="613"/>
      <c r="AAY698" s="613"/>
      <c r="AAZ698" s="613"/>
      <c r="ABA698" s="613"/>
      <c r="ABB698" s="613"/>
      <c r="ABC698" s="613"/>
      <c r="ABD698" s="613"/>
      <c r="ABE698" s="613"/>
      <c r="ABF698" s="613"/>
      <c r="ABG698" s="613"/>
      <c r="ABH698" s="613"/>
      <c r="ABI698" s="613"/>
      <c r="ABJ698" s="613"/>
      <c r="ABK698" s="613"/>
      <c r="ABL698" s="613"/>
      <c r="ABM698" s="613"/>
      <c r="ABN698" s="613"/>
      <c r="ABO698" s="613"/>
      <c r="ABP698" s="613"/>
      <c r="ABQ698" s="613"/>
      <c r="ABR698" s="613"/>
      <c r="ABS698" s="613"/>
      <c r="ABT698" s="613"/>
      <c r="ABU698" s="613"/>
      <c r="ABV698" s="613"/>
      <c r="ABW698" s="613"/>
      <c r="ABX698" s="613"/>
      <c r="ABY698" s="613"/>
      <c r="ABZ698" s="613"/>
      <c r="ACA698" s="613"/>
      <c r="ACB698" s="613"/>
      <c r="ACC698" s="613"/>
      <c r="ACD698" s="613"/>
      <c r="ACE698" s="613"/>
      <c r="ACF698" s="613"/>
      <c r="ACG698" s="613"/>
      <c r="ACH698" s="613"/>
      <c r="ACI698" s="613"/>
      <c r="ACJ698" s="613"/>
      <c r="ACK698" s="613"/>
      <c r="ACL698" s="613"/>
      <c r="ACM698" s="613"/>
      <c r="ACN698" s="613"/>
      <c r="ACO698" s="613"/>
      <c r="ACP698" s="613"/>
      <c r="ACQ698" s="613"/>
      <c r="ACR698" s="613"/>
      <c r="ACS698" s="613"/>
      <c r="ACT698" s="613"/>
      <c r="ACU698" s="613"/>
      <c r="ACV698" s="613"/>
      <c r="ACW698" s="613"/>
      <c r="ACX698" s="613"/>
      <c r="ACY698" s="613"/>
      <c r="ACZ698" s="613"/>
      <c r="ADA698" s="613"/>
      <c r="ADB698" s="613"/>
      <c r="ADC698" s="613"/>
      <c r="ADD698" s="613"/>
      <c r="ADE698" s="613"/>
      <c r="ADF698" s="613"/>
      <c r="ADG698" s="613"/>
      <c r="ADH698" s="613"/>
      <c r="ADI698" s="613"/>
      <c r="ADJ698" s="613"/>
      <c r="ADK698" s="613"/>
      <c r="ADL698" s="613"/>
      <c r="ADM698" s="613"/>
      <c r="ADN698" s="613"/>
      <c r="ADO698" s="613"/>
      <c r="ADP698" s="613"/>
      <c r="ADQ698" s="613"/>
      <c r="ADR698" s="613"/>
      <c r="ADS698" s="613"/>
      <c r="ADT698" s="613"/>
      <c r="ADU698" s="613"/>
      <c r="ADV698" s="613"/>
      <c r="ADW698" s="613"/>
      <c r="ADX698" s="613"/>
      <c r="ADY698" s="613"/>
      <c r="ADZ698" s="613"/>
      <c r="AEA698" s="613"/>
      <c r="AEB698" s="613"/>
      <c r="AEC698" s="613"/>
      <c r="AED698" s="613"/>
      <c r="AEE698" s="613"/>
      <c r="AEF698" s="613"/>
      <c r="AEG698" s="613"/>
      <c r="AEH698" s="613"/>
      <c r="AEI698" s="613"/>
      <c r="AEJ698" s="613"/>
      <c r="AEK698" s="613"/>
      <c r="AEL698" s="613"/>
      <c r="AEM698" s="613"/>
      <c r="AEN698" s="613"/>
      <c r="AEO698" s="613"/>
      <c r="AEP698" s="613"/>
      <c r="AEQ698" s="613"/>
      <c r="AER698" s="613"/>
      <c r="AES698" s="613"/>
      <c r="AET698" s="613"/>
      <c r="AEU698" s="613"/>
      <c r="AEV698" s="613"/>
      <c r="AEW698" s="613"/>
      <c r="AEX698" s="613"/>
      <c r="AEY698" s="613"/>
      <c r="AEZ698" s="613"/>
      <c r="AFA698" s="613"/>
      <c r="AFB698" s="613"/>
      <c r="AFC698" s="613"/>
      <c r="AFD698" s="613"/>
      <c r="AFE698" s="613"/>
      <c r="AFF698" s="613"/>
      <c r="AFG698" s="613"/>
      <c r="AFH698" s="613"/>
      <c r="AFI698" s="613"/>
      <c r="AFJ698" s="613"/>
      <c r="AFK698" s="613"/>
      <c r="AFL698" s="613"/>
      <c r="AFM698" s="613"/>
      <c r="AFN698" s="613"/>
      <c r="AFO698" s="613"/>
      <c r="AFP698" s="613"/>
      <c r="AFQ698" s="613"/>
      <c r="AFR698" s="613"/>
      <c r="AFS698" s="613"/>
      <c r="AFT698" s="613"/>
      <c r="AFU698" s="613"/>
      <c r="AFV698" s="613"/>
      <c r="AFW698" s="613"/>
      <c r="AFX698" s="613"/>
      <c r="AFY698" s="613"/>
      <c r="AFZ698" s="613"/>
      <c r="AGA698" s="613"/>
      <c r="AGB698" s="613"/>
      <c r="AGC698" s="613"/>
      <c r="AGD698" s="613"/>
      <c r="AGE698" s="613"/>
      <c r="AGF698" s="613"/>
      <c r="AGG698" s="613"/>
      <c r="AGH698" s="613"/>
      <c r="AGI698" s="613"/>
      <c r="AGJ698" s="613"/>
      <c r="AGK698" s="613"/>
      <c r="AGL698" s="613"/>
      <c r="AGM698" s="613"/>
      <c r="AGN698" s="613"/>
      <c r="AGO698" s="613"/>
      <c r="AGP698" s="613"/>
      <c r="AGQ698" s="613"/>
      <c r="AGR698" s="613"/>
      <c r="AGS698" s="613"/>
      <c r="AGT698" s="613"/>
      <c r="AGU698" s="613"/>
      <c r="AGV698" s="613"/>
      <c r="AGW698" s="613"/>
      <c r="AGX698" s="613"/>
      <c r="AGY698" s="613"/>
      <c r="AGZ698" s="613"/>
      <c r="AHA698" s="613"/>
      <c r="AHB698" s="613"/>
      <c r="AHC698" s="613"/>
      <c r="AHD698" s="613"/>
      <c r="AHE698" s="613"/>
      <c r="AHF698" s="613"/>
      <c r="AHG698" s="613"/>
      <c r="AHH698" s="613"/>
      <c r="AHI698" s="613"/>
      <c r="AHJ698" s="613"/>
      <c r="AHK698" s="613"/>
      <c r="AHL698" s="613"/>
      <c r="AHM698" s="613"/>
      <c r="AHN698" s="613"/>
      <c r="AHO698" s="613"/>
      <c r="AHP698" s="613"/>
      <c r="AHQ698" s="613"/>
      <c r="AHR698" s="613"/>
      <c r="AHS698" s="613"/>
      <c r="AHT698" s="613"/>
      <c r="AHU698" s="613"/>
      <c r="AHV698" s="613"/>
      <c r="AHW698" s="613"/>
      <c r="AHX698" s="613"/>
      <c r="AHY698" s="613"/>
      <c r="AHZ698" s="613"/>
      <c r="AIA698" s="613"/>
      <c r="AIB698" s="613"/>
      <c r="AIC698" s="613"/>
      <c r="AID698" s="613"/>
      <c r="AIE698" s="613"/>
      <c r="AIF698" s="613"/>
      <c r="AIG698" s="613"/>
      <c r="AIH698" s="613"/>
      <c r="AII698" s="613"/>
      <c r="AIJ698" s="613"/>
      <c r="AIK698" s="613"/>
      <c r="AIL698" s="613"/>
      <c r="AIM698" s="613"/>
      <c r="AIN698" s="613"/>
      <c r="AIO698" s="613"/>
      <c r="AIP698" s="613"/>
      <c r="AIQ698" s="613"/>
      <c r="AIR698" s="613"/>
      <c r="AIS698" s="613"/>
      <c r="AIT698" s="613"/>
      <c r="AIU698" s="613"/>
      <c r="AIV698" s="613"/>
      <c r="AIW698" s="613"/>
      <c r="AIX698" s="613"/>
      <c r="AIY698" s="613"/>
      <c r="AIZ698" s="613"/>
      <c r="AJA698" s="613"/>
      <c r="AJB698" s="613"/>
      <c r="AJC698" s="613"/>
      <c r="AJD698" s="613"/>
      <c r="AJE698" s="613"/>
      <c r="AJF698" s="613"/>
      <c r="AJG698" s="613"/>
      <c r="AJH698" s="613"/>
      <c r="AJI698" s="613"/>
      <c r="AJJ698" s="613"/>
      <c r="AJK698" s="613"/>
      <c r="AJL698" s="613"/>
      <c r="AJM698" s="613"/>
      <c r="AJN698" s="613"/>
      <c r="AJO698" s="613"/>
      <c r="AJP698" s="613"/>
      <c r="AJQ698" s="613"/>
      <c r="AJR698" s="613"/>
      <c r="AJS698" s="613"/>
      <c r="AJT698" s="613"/>
      <c r="AJU698" s="613"/>
      <c r="AJV698" s="613"/>
      <c r="AJW698" s="613"/>
      <c r="AJX698" s="613"/>
      <c r="AJY698" s="613"/>
      <c r="AJZ698" s="613"/>
      <c r="AKA698" s="613"/>
      <c r="AKB698" s="613"/>
      <c r="AKC698" s="613"/>
      <c r="AKD698" s="613"/>
      <c r="AKE698" s="613"/>
      <c r="AKF698" s="613"/>
      <c r="AKG698" s="613"/>
      <c r="AKH698" s="613"/>
      <c r="AKI698" s="613"/>
      <c r="AKJ698" s="613"/>
      <c r="AKK698" s="613"/>
      <c r="AKL698" s="613"/>
      <c r="AKM698" s="613"/>
      <c r="AKN698" s="613"/>
      <c r="AKO698" s="613"/>
      <c r="AKP698" s="613"/>
      <c r="AKQ698" s="613"/>
      <c r="AKR698" s="613"/>
      <c r="AKS698" s="613"/>
      <c r="AKT698" s="613"/>
      <c r="AKU698" s="613"/>
      <c r="AKV698" s="613"/>
      <c r="AKW698" s="613"/>
      <c r="AKX698" s="613"/>
      <c r="AKY698" s="613"/>
      <c r="AKZ698" s="613"/>
      <c r="ALA698" s="613"/>
      <c r="ALB698" s="613"/>
      <c r="ALC698" s="613"/>
      <c r="ALD698" s="613"/>
      <c r="ALE698" s="613"/>
      <c r="ALF698" s="613"/>
      <c r="ALG698" s="613"/>
      <c r="ALH698" s="613"/>
      <c r="ALI698" s="613"/>
      <c r="ALJ698" s="613"/>
      <c r="ALK698" s="613"/>
      <c r="ALL698" s="613"/>
      <c r="ALM698" s="613"/>
      <c r="ALN698" s="613"/>
      <c r="ALO698" s="613"/>
      <c r="ALP698" s="613"/>
      <c r="ALQ698" s="613"/>
      <c r="ALR698" s="613"/>
      <c r="ALS698" s="613"/>
      <c r="ALT698" s="613"/>
      <c r="ALU698" s="613"/>
      <c r="ALV698" s="613"/>
      <c r="ALW698" s="613"/>
      <c r="ALX698" s="613"/>
      <c r="ALY698" s="613"/>
      <c r="ALZ698" s="613"/>
      <c r="AMA698" s="613"/>
      <c r="AMB698" s="613"/>
      <c r="AMC698" s="613"/>
      <c r="AMD698" s="613"/>
      <c r="AME698" s="613"/>
      <c r="AMF698" s="613"/>
      <c r="AMG698" s="613"/>
      <c r="AMH698" s="613"/>
      <c r="AMI698" s="613"/>
      <c r="AMJ698" s="613"/>
      <c r="AMK698" s="613"/>
      <c r="AML698" s="613"/>
      <c r="AMM698" s="613"/>
      <c r="AMN698" s="613"/>
      <c r="AMO698" s="613"/>
      <c r="AMP698" s="613"/>
      <c r="AMQ698" s="613"/>
      <c r="AMR698" s="613"/>
      <c r="AMS698" s="613"/>
      <c r="AMT698" s="613"/>
      <c r="AMU698" s="613"/>
      <c r="AMV698" s="613"/>
      <c r="AMW698" s="613"/>
      <c r="AMX698" s="613"/>
      <c r="AMY698" s="613"/>
      <c r="AMZ698" s="613"/>
      <c r="ANA698" s="613"/>
      <c r="ANB698" s="613"/>
      <c r="ANC698" s="613"/>
      <c r="AND698" s="613"/>
      <c r="ANE698" s="613"/>
      <c r="ANF698" s="613"/>
      <c r="ANG698" s="613"/>
      <c r="ANH698" s="613"/>
      <c r="ANI698" s="613"/>
      <c r="ANJ698" s="613"/>
      <c r="ANK698" s="613"/>
      <c r="ANL698" s="613"/>
      <c r="ANM698" s="613"/>
      <c r="ANN698" s="613"/>
      <c r="ANO698" s="613"/>
      <c r="ANP698" s="613"/>
      <c r="ANQ698" s="613"/>
      <c r="ANR698" s="613"/>
      <c r="ANS698" s="613"/>
      <c r="ANT698" s="613"/>
      <c r="ANU698" s="613"/>
      <c r="ANV698" s="613"/>
      <c r="ANW698" s="613"/>
      <c r="ANX698" s="613"/>
      <c r="ANY698" s="613"/>
      <c r="ANZ698" s="613"/>
      <c r="AOA698" s="613"/>
      <c r="AOB698" s="613"/>
      <c r="AOC698" s="613"/>
      <c r="AOD698" s="613"/>
      <c r="AOE698" s="613"/>
      <c r="AOF698" s="613"/>
      <c r="AOG698" s="613"/>
      <c r="AOH698" s="613"/>
      <c r="AOI698" s="613"/>
      <c r="AOJ698" s="613"/>
      <c r="AOK698" s="613"/>
      <c r="AOL698" s="613"/>
      <c r="AOM698" s="613"/>
      <c r="AON698" s="613"/>
      <c r="AOO698" s="613"/>
      <c r="AOP698" s="613"/>
      <c r="AOQ698" s="613"/>
      <c r="AOR698" s="613"/>
      <c r="AOS698" s="613"/>
      <c r="AOT698" s="613"/>
      <c r="AOU698" s="613"/>
      <c r="AOV698" s="613"/>
      <c r="AOW698" s="613"/>
      <c r="AOX698" s="613"/>
      <c r="AOY698" s="613"/>
      <c r="AOZ698" s="613"/>
      <c r="APA698" s="613"/>
      <c r="APB698" s="613"/>
      <c r="APC698" s="613"/>
      <c r="APD698" s="613"/>
      <c r="APE698" s="613"/>
      <c r="APF698" s="613"/>
      <c r="APG698" s="613"/>
      <c r="APH698" s="613"/>
      <c r="API698" s="613"/>
      <c r="APJ698" s="613"/>
      <c r="APK698" s="613"/>
      <c r="APL698" s="613"/>
      <c r="APM698" s="613"/>
      <c r="APN698" s="613"/>
      <c r="APO698" s="613"/>
      <c r="APP698" s="613"/>
      <c r="APQ698" s="613"/>
      <c r="APR698" s="613"/>
      <c r="APS698" s="613"/>
      <c r="APT698" s="613"/>
      <c r="APU698" s="613"/>
      <c r="APV698" s="613"/>
      <c r="APW698" s="613"/>
      <c r="APX698" s="613"/>
      <c r="APY698" s="613"/>
      <c r="APZ698" s="613"/>
      <c r="AQA698" s="613"/>
      <c r="AQB698" s="613"/>
      <c r="AQC698" s="613"/>
      <c r="AQD698" s="613"/>
      <c r="AQE698" s="613"/>
      <c r="AQF698" s="613"/>
      <c r="AQG698" s="613"/>
      <c r="AQH698" s="613"/>
      <c r="AQI698" s="613"/>
      <c r="AQJ698" s="613"/>
      <c r="AQK698" s="613"/>
      <c r="AQL698" s="613"/>
      <c r="AQM698" s="613"/>
      <c r="AQN698" s="613"/>
      <c r="AQO698" s="613"/>
      <c r="AQP698" s="613"/>
      <c r="AQQ698" s="613"/>
      <c r="AQR698" s="613"/>
      <c r="AQS698" s="613"/>
      <c r="AQT698" s="613"/>
      <c r="AQU698" s="613"/>
      <c r="AQV698" s="613"/>
      <c r="AQW698" s="613"/>
      <c r="AQX698" s="613"/>
      <c r="AQY698" s="613"/>
      <c r="AQZ698" s="613"/>
      <c r="ARA698" s="613"/>
      <c r="ARB698" s="613"/>
      <c r="ARC698" s="613"/>
      <c r="ARD698" s="613"/>
      <c r="ARE698" s="613"/>
      <c r="ARF698" s="613"/>
      <c r="ARG698" s="613"/>
      <c r="ARH698" s="613"/>
      <c r="ARI698" s="613"/>
      <c r="ARJ698" s="613"/>
      <c r="ARK698" s="613"/>
      <c r="ARL698" s="613"/>
      <c r="ARM698" s="613"/>
      <c r="ARN698" s="613"/>
      <c r="ARO698" s="613"/>
      <c r="ARP698" s="613"/>
      <c r="ARQ698" s="613"/>
      <c r="ARR698" s="613"/>
      <c r="ARS698" s="613"/>
      <c r="ART698" s="613"/>
      <c r="ARU698" s="613"/>
      <c r="ARV698" s="613"/>
      <c r="ARW698" s="613"/>
      <c r="ARX698" s="613"/>
      <c r="ARY698" s="613"/>
      <c r="ARZ698" s="613"/>
      <c r="ASA698" s="613"/>
      <c r="ASB698" s="613"/>
      <c r="ASC698" s="613"/>
      <c r="ASD698" s="613"/>
      <c r="ASE698" s="613"/>
      <c r="ASF698" s="613"/>
      <c r="ASG698" s="613"/>
      <c r="ASH698" s="613"/>
      <c r="ASI698" s="613"/>
      <c r="ASJ698" s="613"/>
      <c r="ASK698" s="613"/>
      <c r="ASL698" s="613"/>
      <c r="ASM698" s="613"/>
      <c r="ASN698" s="613"/>
      <c r="ASO698" s="613"/>
      <c r="ASP698" s="613"/>
      <c r="ASQ698" s="613"/>
      <c r="ASR698" s="613"/>
      <c r="ASS698" s="613"/>
      <c r="AST698" s="613"/>
      <c r="ASU698" s="613"/>
      <c r="ASV698" s="613"/>
      <c r="ASW698" s="613"/>
      <c r="ASX698" s="613"/>
      <c r="ASY698" s="613"/>
      <c r="ASZ698" s="613"/>
      <c r="ATA698" s="613"/>
      <c r="ATB698" s="613"/>
      <c r="ATC698" s="613"/>
      <c r="ATD698" s="613"/>
      <c r="ATE698" s="613"/>
      <c r="ATF698" s="613"/>
      <c r="ATG698" s="613"/>
      <c r="ATH698" s="613"/>
      <c r="ATI698" s="613"/>
      <c r="ATJ698" s="613"/>
      <c r="ATK698" s="613"/>
      <c r="ATL698" s="613"/>
      <c r="ATM698" s="613"/>
      <c r="ATN698" s="613"/>
      <c r="ATO698" s="613"/>
      <c r="ATP698" s="613"/>
      <c r="ATQ698" s="613"/>
      <c r="ATR698" s="613"/>
      <c r="ATS698" s="613"/>
      <c r="ATT698" s="613"/>
      <c r="ATU698" s="613"/>
      <c r="ATV698" s="613"/>
      <c r="ATW698" s="613"/>
      <c r="ATX698" s="613"/>
      <c r="ATY698" s="613"/>
      <c r="ATZ698" s="613"/>
      <c r="AUA698" s="613"/>
      <c r="AUB698" s="613"/>
      <c r="AUC698" s="613"/>
      <c r="AUD698" s="613"/>
      <c r="AUE698" s="613"/>
      <c r="AUF698" s="613"/>
      <c r="AUG698" s="613"/>
      <c r="AUH698" s="613"/>
      <c r="AUI698" s="613"/>
      <c r="AUJ698" s="613"/>
      <c r="AUK698" s="613"/>
      <c r="AUL698" s="613"/>
      <c r="AUM698" s="613"/>
      <c r="AUN698" s="613"/>
      <c r="AUO698" s="613"/>
      <c r="AUP698" s="613"/>
      <c r="AUQ698" s="613"/>
      <c r="AUR698" s="613"/>
      <c r="AUS698" s="613"/>
      <c r="AUT698" s="613"/>
      <c r="AUU698" s="613"/>
      <c r="AUV698" s="613"/>
      <c r="AUW698" s="613"/>
      <c r="AUX698" s="613"/>
      <c r="AUY698" s="613"/>
      <c r="AUZ698" s="613"/>
      <c r="AVA698" s="613"/>
      <c r="AVB698" s="613"/>
      <c r="AVC698" s="613"/>
      <c r="AVD698" s="613"/>
      <c r="AVE698" s="613"/>
      <c r="AVF698" s="613"/>
      <c r="AVG698" s="613"/>
      <c r="AVH698" s="613"/>
      <c r="AVI698" s="613"/>
      <c r="AVJ698" s="613"/>
      <c r="AVK698" s="613"/>
      <c r="AVL698" s="613"/>
      <c r="AVM698" s="613"/>
      <c r="AVN698" s="613"/>
      <c r="AVO698" s="613"/>
      <c r="AVP698" s="613"/>
      <c r="AVQ698" s="613"/>
      <c r="AVR698" s="613"/>
      <c r="AVS698" s="613"/>
      <c r="AVT698" s="613"/>
      <c r="AVU698" s="613"/>
      <c r="AVV698" s="613"/>
      <c r="AVW698" s="613"/>
      <c r="AVX698" s="613"/>
      <c r="AVY698" s="613"/>
      <c r="AVZ698" s="613"/>
      <c r="AWA698" s="613"/>
      <c r="AWB698" s="613"/>
      <c r="AWC698" s="613"/>
      <c r="AWD698" s="613"/>
      <c r="AWE698" s="613"/>
      <c r="AWF698" s="613"/>
      <c r="AWG698" s="613"/>
      <c r="AWH698" s="613"/>
      <c r="AWI698" s="613"/>
      <c r="AWJ698" s="613"/>
      <c r="AWK698" s="613"/>
      <c r="AWL698" s="613"/>
      <c r="AWM698" s="613"/>
      <c r="AWN698" s="613"/>
      <c r="AWO698" s="613"/>
      <c r="AWP698" s="613"/>
      <c r="AWQ698" s="613"/>
      <c r="AWR698" s="613"/>
      <c r="AWS698" s="613"/>
      <c r="AWT698" s="613"/>
      <c r="AWU698" s="613"/>
      <c r="AWV698" s="613"/>
      <c r="AWW698" s="613"/>
      <c r="AWX698" s="613"/>
      <c r="AWY698" s="613"/>
      <c r="AWZ698" s="613"/>
      <c r="AXA698" s="613"/>
      <c r="AXB698" s="613"/>
      <c r="AXC698" s="613"/>
      <c r="AXD698" s="613"/>
      <c r="AXE698" s="613"/>
      <c r="AXF698" s="613"/>
      <c r="AXG698" s="613"/>
      <c r="AXH698" s="613"/>
      <c r="AXI698" s="613"/>
      <c r="AXJ698" s="613"/>
      <c r="AXK698" s="613"/>
      <c r="AXL698" s="613"/>
      <c r="AXM698" s="613"/>
      <c r="AXN698" s="613"/>
      <c r="AXO698" s="613"/>
      <c r="AXP698" s="613"/>
      <c r="AXQ698" s="613"/>
      <c r="AXR698" s="613"/>
      <c r="AXS698" s="613"/>
      <c r="AXT698" s="613"/>
      <c r="AXU698" s="613"/>
      <c r="AXV698" s="613"/>
      <c r="AXW698" s="613"/>
      <c r="AXX698" s="613"/>
      <c r="AXY698" s="613"/>
      <c r="AXZ698" s="613"/>
      <c r="AYA698" s="613"/>
      <c r="AYB698" s="613"/>
      <c r="AYC698" s="613"/>
      <c r="AYD698" s="613"/>
      <c r="AYE698" s="613"/>
      <c r="AYF698" s="613"/>
      <c r="AYG698" s="613"/>
      <c r="AYH698" s="613"/>
      <c r="AYI698" s="613"/>
      <c r="AYJ698" s="613"/>
      <c r="AYK698" s="613"/>
      <c r="AYL698" s="613"/>
      <c r="AYM698" s="613"/>
      <c r="AYN698" s="613"/>
      <c r="AYO698" s="613"/>
      <c r="AYP698" s="613"/>
      <c r="AYQ698" s="613"/>
      <c r="AYR698" s="613"/>
      <c r="AYS698" s="613"/>
      <c r="AYT698" s="613"/>
      <c r="AYU698" s="613"/>
      <c r="AYV698" s="613"/>
      <c r="AYW698" s="613"/>
      <c r="AYX698" s="613"/>
      <c r="AYY698" s="613"/>
      <c r="AYZ698" s="613"/>
      <c r="AZA698" s="613"/>
      <c r="AZB698" s="613"/>
      <c r="AZC698" s="613"/>
      <c r="AZD698" s="613"/>
      <c r="AZE698" s="613"/>
      <c r="AZF698" s="613"/>
      <c r="AZG698" s="613"/>
      <c r="AZH698" s="613"/>
      <c r="AZI698" s="613"/>
      <c r="AZJ698" s="613"/>
      <c r="AZK698" s="613"/>
      <c r="AZL698" s="613"/>
      <c r="AZM698" s="613"/>
      <c r="AZN698" s="613"/>
      <c r="AZO698" s="613"/>
      <c r="AZP698" s="613"/>
      <c r="AZQ698" s="613"/>
      <c r="AZR698" s="613"/>
      <c r="AZS698" s="613"/>
      <c r="AZT698" s="613"/>
      <c r="AZU698" s="613"/>
      <c r="AZV698" s="613"/>
      <c r="AZW698" s="613"/>
      <c r="AZX698" s="613"/>
      <c r="AZY698" s="613"/>
      <c r="AZZ698" s="613"/>
      <c r="BAA698" s="613"/>
      <c r="BAB698" s="613"/>
      <c r="BAC698" s="613"/>
      <c r="BAD698" s="613"/>
      <c r="BAE698" s="613"/>
      <c r="BAF698" s="613"/>
      <c r="BAG698" s="613"/>
      <c r="BAH698" s="613"/>
      <c r="BAI698" s="613"/>
      <c r="BAJ698" s="613"/>
      <c r="BAK698" s="613"/>
      <c r="BAL698" s="613"/>
      <c r="BAM698" s="613"/>
      <c r="BAN698" s="613"/>
      <c r="BAO698" s="613"/>
      <c r="BAP698" s="613"/>
      <c r="BAQ698" s="613"/>
      <c r="BAR698" s="613"/>
      <c r="BAS698" s="613"/>
      <c r="BAT698" s="613"/>
      <c r="BAU698" s="613"/>
      <c r="BAV698" s="613"/>
      <c r="BAW698" s="613"/>
      <c r="BAX698" s="613"/>
      <c r="BAY698" s="613"/>
      <c r="BAZ698" s="613"/>
      <c r="BBA698" s="613"/>
      <c r="BBB698" s="613"/>
      <c r="BBC698" s="613"/>
      <c r="BBD698" s="613"/>
      <c r="BBE698" s="613"/>
      <c r="BBF698" s="613"/>
      <c r="BBG698" s="613"/>
      <c r="BBH698" s="613"/>
      <c r="BBI698" s="613"/>
      <c r="BBJ698" s="613"/>
      <c r="BBK698" s="613"/>
      <c r="BBL698" s="613"/>
      <c r="BBM698" s="613"/>
      <c r="BBN698" s="613"/>
      <c r="BBO698" s="613"/>
      <c r="BBP698" s="613"/>
      <c r="BBQ698" s="613"/>
      <c r="BBR698" s="613"/>
      <c r="BBS698" s="613"/>
      <c r="BBT698" s="613"/>
      <c r="BBU698" s="613"/>
      <c r="BBV698" s="613"/>
      <c r="BBW698" s="613"/>
      <c r="BBX698" s="613"/>
      <c r="BBY698" s="613"/>
      <c r="BBZ698" s="613"/>
      <c r="BCA698" s="613"/>
      <c r="BCB698" s="613"/>
      <c r="BCC698" s="613"/>
      <c r="BCD698" s="613"/>
      <c r="BCE698" s="613"/>
      <c r="BCF698" s="613"/>
      <c r="BCG698" s="613"/>
      <c r="BCH698" s="613"/>
      <c r="BCI698" s="613"/>
      <c r="BCJ698" s="613"/>
      <c r="BCK698" s="613"/>
      <c r="BCL698" s="613"/>
      <c r="BCM698" s="613"/>
      <c r="BCN698" s="613"/>
      <c r="BCO698" s="613"/>
      <c r="BCP698" s="613"/>
      <c r="BCQ698" s="613"/>
      <c r="BCR698" s="613"/>
      <c r="BCS698" s="613"/>
      <c r="BCT698" s="613"/>
      <c r="BCU698" s="613"/>
      <c r="BCV698" s="613"/>
      <c r="BCW698" s="613"/>
      <c r="BCX698" s="613"/>
      <c r="BCY698" s="613"/>
      <c r="BCZ698" s="613"/>
      <c r="BDA698" s="613"/>
      <c r="BDB698" s="613"/>
      <c r="BDC698" s="613"/>
      <c r="BDD698" s="613"/>
      <c r="BDE698" s="613"/>
      <c r="BDF698" s="613"/>
      <c r="BDG698" s="613"/>
      <c r="BDH698" s="613"/>
      <c r="BDI698" s="613"/>
      <c r="BDJ698" s="613"/>
      <c r="BDK698" s="613"/>
      <c r="BDL698" s="613"/>
      <c r="BDM698" s="613"/>
      <c r="BDN698" s="613"/>
      <c r="BDO698" s="613"/>
      <c r="BDP698" s="613"/>
      <c r="BDQ698" s="613"/>
      <c r="BDR698" s="613"/>
      <c r="BDS698" s="613"/>
      <c r="BDT698" s="613"/>
      <c r="BDU698" s="613"/>
      <c r="BDV698" s="613"/>
      <c r="BDW698" s="613"/>
      <c r="BDX698" s="613"/>
      <c r="BDY698" s="613"/>
      <c r="BDZ698" s="613"/>
      <c r="BEA698" s="613"/>
      <c r="BEB698" s="613"/>
      <c r="BEC698" s="613"/>
      <c r="BED698" s="613"/>
      <c r="BEE698" s="613"/>
      <c r="BEF698" s="613"/>
      <c r="BEG698" s="613"/>
      <c r="BEH698" s="613"/>
      <c r="BEI698" s="613"/>
      <c r="BEJ698" s="613"/>
      <c r="BEK698" s="613"/>
      <c r="BEL698" s="613"/>
      <c r="BEM698" s="613"/>
      <c r="BEN698" s="613"/>
      <c r="BEO698" s="613"/>
      <c r="BEP698" s="613"/>
      <c r="BEQ698" s="613"/>
      <c r="BER698" s="613"/>
      <c r="BES698" s="613"/>
      <c r="BET698" s="613"/>
      <c r="BEU698" s="613"/>
      <c r="BEV698" s="613"/>
      <c r="BEW698" s="613"/>
      <c r="BEX698" s="613"/>
      <c r="BEY698" s="613"/>
      <c r="BEZ698" s="613"/>
      <c r="BFA698" s="613"/>
      <c r="BFB698" s="613"/>
      <c r="BFC698" s="613"/>
      <c r="BFD698" s="613"/>
      <c r="BFE698" s="613"/>
      <c r="BFF698" s="613"/>
      <c r="BFG698" s="613"/>
      <c r="BFH698" s="613"/>
      <c r="BFI698" s="613"/>
      <c r="BFJ698" s="613"/>
      <c r="BFK698" s="613"/>
      <c r="BFL698" s="613"/>
      <c r="BFM698" s="613"/>
      <c r="BFN698" s="613"/>
      <c r="BFO698" s="613"/>
      <c r="BFP698" s="613"/>
      <c r="BFQ698" s="613"/>
      <c r="BFR698" s="613"/>
      <c r="BFS698" s="613"/>
      <c r="BFT698" s="613"/>
      <c r="BFU698" s="613"/>
      <c r="BFV698" s="613"/>
      <c r="BFW698" s="613"/>
      <c r="BFX698" s="613"/>
      <c r="BFY698" s="613"/>
      <c r="BFZ698" s="613"/>
      <c r="BGA698" s="613"/>
      <c r="BGB698" s="613"/>
      <c r="BGC698" s="613"/>
      <c r="BGD698" s="613"/>
      <c r="BGE698" s="613"/>
      <c r="BGF698" s="613"/>
      <c r="BGG698" s="613"/>
      <c r="BGH698" s="613"/>
      <c r="BGI698" s="613"/>
      <c r="BGJ698" s="613"/>
      <c r="BGK698" s="613"/>
      <c r="BGL698" s="613"/>
      <c r="BGM698" s="613"/>
      <c r="BGN698" s="613"/>
      <c r="BGO698" s="613"/>
      <c r="BGP698" s="613"/>
      <c r="BGQ698" s="613"/>
      <c r="BGR698" s="613"/>
      <c r="BGS698" s="613"/>
      <c r="BGT698" s="613"/>
      <c r="BGU698" s="613"/>
      <c r="BGV698" s="613"/>
      <c r="BGW698" s="613"/>
      <c r="BGX698" s="613"/>
      <c r="BGY698" s="613"/>
      <c r="BGZ698" s="613"/>
      <c r="BHA698" s="613"/>
      <c r="BHB698" s="613"/>
      <c r="BHC698" s="613"/>
      <c r="BHD698" s="613"/>
      <c r="BHE698" s="613"/>
      <c r="BHF698" s="613"/>
      <c r="BHG698" s="613"/>
      <c r="BHH698" s="613"/>
      <c r="BHI698" s="613"/>
      <c r="BHJ698" s="613"/>
      <c r="BHK698" s="613"/>
      <c r="BHL698" s="613"/>
      <c r="BHM698" s="613"/>
      <c r="BHN698" s="613"/>
      <c r="BHO698" s="613"/>
      <c r="BHP698" s="613"/>
      <c r="BHQ698" s="613"/>
      <c r="BHR698" s="613"/>
      <c r="BHS698" s="613"/>
      <c r="BHT698" s="613"/>
      <c r="BHU698" s="613"/>
      <c r="BHV698" s="613"/>
      <c r="BHW698" s="613"/>
      <c r="BHX698" s="613"/>
      <c r="BHY698" s="613"/>
      <c r="BHZ698" s="613"/>
      <c r="BIA698" s="613"/>
      <c r="BIB698" s="613"/>
      <c r="BIC698" s="613"/>
      <c r="BID698" s="613"/>
      <c r="BIE698" s="613"/>
      <c r="BIF698" s="613"/>
      <c r="BIG698" s="613"/>
      <c r="BIH698" s="613"/>
      <c r="BII698" s="613"/>
      <c r="BIJ698" s="613"/>
      <c r="BIK698" s="613"/>
      <c r="BIL698" s="613"/>
      <c r="BIM698" s="613"/>
      <c r="BIN698" s="613"/>
      <c r="BIO698" s="613"/>
      <c r="BIP698" s="613"/>
      <c r="BIQ698" s="613"/>
      <c r="BIR698" s="613"/>
      <c r="BIS698" s="613"/>
      <c r="BIT698" s="613"/>
      <c r="BIU698" s="613"/>
      <c r="BIV698" s="613"/>
      <c r="BIW698" s="613"/>
      <c r="BIX698" s="613"/>
      <c r="BIY698" s="613"/>
      <c r="BIZ698" s="613"/>
      <c r="BJA698" s="613"/>
      <c r="BJB698" s="613"/>
      <c r="BJC698" s="613"/>
      <c r="BJD698" s="613"/>
      <c r="BJE698" s="613"/>
      <c r="BJF698" s="613"/>
      <c r="BJG698" s="613"/>
      <c r="BJH698" s="613"/>
      <c r="BJI698" s="613"/>
      <c r="BJJ698" s="613"/>
      <c r="BJK698" s="613"/>
      <c r="BJL698" s="613"/>
      <c r="BJM698" s="613"/>
      <c r="BJN698" s="613"/>
      <c r="BJO698" s="613"/>
      <c r="BJP698" s="613"/>
      <c r="BJQ698" s="613"/>
      <c r="BJR698" s="613"/>
      <c r="BJS698" s="613"/>
      <c r="BJT698" s="613"/>
      <c r="BJU698" s="613"/>
      <c r="BJV698" s="613"/>
      <c r="BJW698" s="613"/>
      <c r="BJX698" s="613"/>
      <c r="BJY698" s="613"/>
      <c r="BJZ698" s="613"/>
      <c r="BKA698" s="613"/>
      <c r="BKB698" s="613"/>
      <c r="BKC698" s="613"/>
      <c r="BKD698" s="613"/>
      <c r="BKE698" s="613"/>
      <c r="BKF698" s="613"/>
      <c r="BKG698" s="613"/>
      <c r="BKH698" s="613"/>
      <c r="BKI698" s="613"/>
      <c r="BKJ698" s="613"/>
      <c r="BKK698" s="613"/>
      <c r="BKL698" s="613"/>
      <c r="BKM698" s="613"/>
      <c r="BKN698" s="613"/>
      <c r="BKO698" s="613"/>
      <c r="BKP698" s="613"/>
      <c r="BKQ698" s="613"/>
      <c r="BKR698" s="613"/>
      <c r="BKS698" s="613"/>
      <c r="BKT698" s="613"/>
      <c r="BKU698" s="613"/>
      <c r="BKV698" s="613"/>
      <c r="BKW698" s="613"/>
      <c r="BKX698" s="613"/>
      <c r="BKY698" s="613"/>
      <c r="BKZ698" s="613"/>
      <c r="BLA698" s="613"/>
      <c r="BLB698" s="613"/>
      <c r="BLC698" s="613"/>
      <c r="BLD698" s="613"/>
      <c r="BLE698" s="613"/>
      <c r="BLF698" s="613"/>
      <c r="BLG698" s="613"/>
      <c r="BLH698" s="613"/>
      <c r="BLI698" s="613"/>
      <c r="BLJ698" s="613"/>
      <c r="BLK698" s="613"/>
      <c r="BLL698" s="613"/>
      <c r="BLM698" s="613"/>
      <c r="BLN698" s="613"/>
      <c r="BLO698" s="613"/>
      <c r="BLP698" s="613"/>
      <c r="BLQ698" s="613"/>
      <c r="BLR698" s="613"/>
      <c r="BLS698" s="613"/>
      <c r="BLT698" s="613"/>
      <c r="BLU698" s="613"/>
      <c r="BLV698" s="613"/>
      <c r="BLW698" s="613"/>
      <c r="BLX698" s="613"/>
      <c r="BLY698" s="613"/>
      <c r="BLZ698" s="613"/>
      <c r="BMA698" s="613"/>
      <c r="BMB698" s="613"/>
      <c r="BMC698" s="613"/>
      <c r="BMD698" s="613"/>
      <c r="BME698" s="613"/>
      <c r="BMF698" s="613"/>
      <c r="BMG698" s="613"/>
      <c r="BMH698" s="613"/>
      <c r="BMI698" s="613"/>
      <c r="BMJ698" s="613"/>
      <c r="BMK698" s="613"/>
      <c r="BML698" s="613"/>
      <c r="BMM698" s="613"/>
      <c r="BMN698" s="613"/>
      <c r="BMO698" s="613"/>
      <c r="BMP698" s="613"/>
      <c r="BMQ698" s="613"/>
      <c r="BMR698" s="613"/>
      <c r="BMS698" s="613"/>
      <c r="BMT698" s="613"/>
      <c r="BMU698" s="613"/>
      <c r="BMV698" s="613"/>
      <c r="BMW698" s="613"/>
      <c r="BMX698" s="613"/>
      <c r="BMY698" s="613"/>
      <c r="BMZ698" s="613"/>
      <c r="BNA698" s="613"/>
      <c r="BNB698" s="613"/>
      <c r="BNC698" s="613"/>
      <c r="BND698" s="613"/>
      <c r="BNE698" s="613"/>
      <c r="BNF698" s="613"/>
      <c r="BNG698" s="613"/>
      <c r="BNH698" s="613"/>
      <c r="BNI698" s="613"/>
      <c r="BNJ698" s="613"/>
      <c r="BNK698" s="613"/>
      <c r="BNL698" s="613"/>
      <c r="BNM698" s="613"/>
      <c r="BNN698" s="613"/>
      <c r="BNO698" s="613"/>
      <c r="BNP698" s="613"/>
      <c r="BNQ698" s="613"/>
      <c r="BNR698" s="613"/>
      <c r="BNS698" s="613"/>
      <c r="BNT698" s="613"/>
      <c r="BNU698" s="613"/>
      <c r="BNV698" s="613"/>
      <c r="BNW698" s="613"/>
      <c r="BNX698" s="613"/>
      <c r="BNY698" s="613"/>
      <c r="BNZ698" s="613"/>
      <c r="BOA698" s="613"/>
      <c r="BOB698" s="613"/>
      <c r="BOC698" s="613"/>
      <c r="BOD698" s="613"/>
      <c r="BOE698" s="613"/>
      <c r="BOF698" s="613"/>
      <c r="BOG698" s="613"/>
      <c r="BOH698" s="613"/>
      <c r="BOI698" s="613"/>
      <c r="BOJ698" s="613"/>
      <c r="BOK698" s="613"/>
      <c r="BOL698" s="613"/>
      <c r="BOM698" s="613"/>
      <c r="BON698" s="613"/>
      <c r="BOO698" s="613"/>
      <c r="BOP698" s="613"/>
      <c r="BOQ698" s="613"/>
      <c r="BOR698" s="613"/>
      <c r="BOS698" s="613"/>
      <c r="BOT698" s="613"/>
      <c r="BOU698" s="613"/>
      <c r="BOV698" s="613"/>
      <c r="BOW698" s="613"/>
      <c r="BOX698" s="613"/>
      <c r="BOY698" s="613"/>
      <c r="BOZ698" s="613"/>
      <c r="BPA698" s="613"/>
      <c r="BPB698" s="613"/>
      <c r="BPC698" s="613"/>
      <c r="BPD698" s="613"/>
      <c r="BPE698" s="613"/>
      <c r="BPF698" s="613"/>
      <c r="BPG698" s="613"/>
      <c r="BPH698" s="613"/>
      <c r="BPI698" s="613"/>
      <c r="BPJ698" s="613"/>
      <c r="BPK698" s="613"/>
      <c r="BPL698" s="613"/>
      <c r="BPM698" s="613"/>
      <c r="BPN698" s="613"/>
      <c r="BPO698" s="613"/>
      <c r="BPP698" s="613"/>
      <c r="BPQ698" s="613"/>
      <c r="BPR698" s="613"/>
      <c r="BPS698" s="613"/>
      <c r="BPT698" s="613"/>
      <c r="BPU698" s="613"/>
      <c r="BPV698" s="613"/>
      <c r="BPW698" s="613"/>
      <c r="BPX698" s="613"/>
      <c r="BPY698" s="613"/>
      <c r="BPZ698" s="613"/>
      <c r="BQA698" s="613"/>
      <c r="BQB698" s="613"/>
      <c r="BQC698" s="613"/>
      <c r="BQD698" s="613"/>
      <c r="BQE698" s="613"/>
      <c r="BQF698" s="613"/>
      <c r="BQG698" s="613"/>
      <c r="BQH698" s="613"/>
      <c r="BQI698" s="613"/>
      <c r="BQJ698" s="613"/>
      <c r="BQK698" s="613"/>
      <c r="BQL698" s="613"/>
      <c r="BQM698" s="613"/>
      <c r="BQN698" s="613"/>
      <c r="BQO698" s="613"/>
      <c r="BQP698" s="613"/>
      <c r="BQQ698" s="613"/>
      <c r="BQR698" s="613"/>
      <c r="BQS698" s="613"/>
      <c r="BQT698" s="613"/>
      <c r="BQU698" s="613"/>
      <c r="BQV698" s="613"/>
      <c r="BQW698" s="613"/>
      <c r="BQX698" s="613"/>
      <c r="BQY698" s="613"/>
      <c r="BQZ698" s="613"/>
      <c r="BRA698" s="613"/>
      <c r="BRB698" s="613"/>
      <c r="BRC698" s="613"/>
      <c r="BRD698" s="613"/>
      <c r="BRE698" s="613"/>
      <c r="BRF698" s="613"/>
      <c r="BRG698" s="613"/>
      <c r="BRH698" s="613"/>
      <c r="BRI698" s="613"/>
      <c r="BRJ698" s="613"/>
      <c r="BRK698" s="613"/>
      <c r="BRL698" s="613"/>
      <c r="BRM698" s="613"/>
      <c r="BRN698" s="613"/>
      <c r="BRO698" s="613"/>
      <c r="BRP698" s="613"/>
      <c r="BRQ698" s="613"/>
      <c r="BRR698" s="613"/>
      <c r="BRS698" s="613"/>
      <c r="BRT698" s="613"/>
      <c r="BRU698" s="613"/>
      <c r="BRV698" s="613"/>
      <c r="BRW698" s="613"/>
      <c r="BRX698" s="613"/>
      <c r="BRY698" s="613"/>
      <c r="BRZ698" s="613"/>
      <c r="BSA698" s="613"/>
      <c r="BSB698" s="613"/>
      <c r="BSC698" s="613"/>
      <c r="BSD698" s="613"/>
      <c r="BSE698" s="613"/>
      <c r="BSF698" s="613"/>
      <c r="BSG698" s="613"/>
      <c r="BSH698" s="613"/>
      <c r="BSI698" s="613"/>
      <c r="BSJ698" s="613"/>
      <c r="BSK698" s="613"/>
      <c r="BSL698" s="613"/>
      <c r="BSM698" s="613"/>
      <c r="BSN698" s="613"/>
      <c r="BSO698" s="613"/>
      <c r="BSP698" s="613"/>
      <c r="BSQ698" s="613"/>
      <c r="BSR698" s="613"/>
      <c r="BSS698" s="613"/>
      <c r="BST698" s="613"/>
      <c r="BSU698" s="613"/>
      <c r="BSV698" s="613"/>
      <c r="BSW698" s="613"/>
      <c r="BSX698" s="613"/>
      <c r="BSY698" s="613"/>
      <c r="BSZ698" s="613"/>
      <c r="BTA698" s="613"/>
      <c r="BTB698" s="613"/>
      <c r="BTC698" s="613"/>
      <c r="BTD698" s="613"/>
      <c r="BTE698" s="613"/>
      <c r="BTF698" s="613"/>
      <c r="BTG698" s="613"/>
      <c r="BTH698" s="613"/>
      <c r="BTI698" s="613"/>
      <c r="BTJ698" s="613"/>
      <c r="BTK698" s="613"/>
      <c r="BTL698" s="613"/>
      <c r="BTM698" s="613"/>
      <c r="BTN698" s="613"/>
      <c r="BTO698" s="613"/>
      <c r="BTP698" s="613"/>
      <c r="BTQ698" s="613"/>
      <c r="BTR698" s="613"/>
      <c r="BTS698" s="613"/>
      <c r="BTT698" s="613"/>
      <c r="BTU698" s="613"/>
      <c r="BTV698" s="613"/>
      <c r="BTW698" s="613"/>
      <c r="BTX698" s="613"/>
      <c r="BTY698" s="613"/>
      <c r="BTZ698" s="613"/>
      <c r="BUA698" s="613"/>
      <c r="BUB698" s="613"/>
      <c r="BUC698" s="613"/>
      <c r="BUD698" s="613"/>
      <c r="BUE698" s="613"/>
      <c r="BUF698" s="613"/>
      <c r="BUG698" s="613"/>
      <c r="BUH698" s="613"/>
      <c r="BUI698" s="613"/>
      <c r="BUJ698" s="613"/>
      <c r="BUK698" s="613"/>
      <c r="BUL698" s="613"/>
      <c r="BUM698" s="613"/>
      <c r="BUN698" s="613"/>
      <c r="BUO698" s="613"/>
      <c r="BUP698" s="613"/>
      <c r="BUQ698" s="613"/>
      <c r="BUR698" s="613"/>
      <c r="BUS698" s="613"/>
      <c r="BUT698" s="613"/>
      <c r="BUU698" s="613"/>
      <c r="BUV698" s="613"/>
      <c r="BUW698" s="613"/>
      <c r="BUX698" s="613"/>
      <c r="BUY698" s="613"/>
      <c r="BUZ698" s="613"/>
      <c r="BVA698" s="613"/>
      <c r="BVB698" s="613"/>
      <c r="BVC698" s="613"/>
      <c r="BVD698" s="613"/>
      <c r="BVE698" s="613"/>
      <c r="BVF698" s="613"/>
      <c r="BVG698" s="613"/>
      <c r="BVH698" s="613"/>
      <c r="BVI698" s="613"/>
      <c r="BVJ698" s="613"/>
      <c r="BVK698" s="613"/>
      <c r="BVL698" s="613"/>
      <c r="BVM698" s="613"/>
      <c r="BVN698" s="613"/>
      <c r="BVO698" s="613"/>
      <c r="BVP698" s="613"/>
      <c r="BVQ698" s="613"/>
      <c r="BVR698" s="613"/>
      <c r="BVS698" s="613"/>
      <c r="BVT698" s="613"/>
      <c r="BVU698" s="613"/>
      <c r="BVV698" s="613"/>
      <c r="BVW698" s="613"/>
      <c r="BVX698" s="613"/>
      <c r="BVY698" s="613"/>
      <c r="BVZ698" s="613"/>
      <c r="BWA698" s="613"/>
      <c r="BWB698" s="613"/>
      <c r="BWC698" s="613"/>
      <c r="BWD698" s="613"/>
      <c r="BWE698" s="613"/>
      <c r="BWF698" s="613"/>
      <c r="BWG698" s="613"/>
      <c r="BWH698" s="613"/>
      <c r="BWI698" s="613"/>
      <c r="BWJ698" s="613"/>
      <c r="BWK698" s="613"/>
      <c r="BWL698" s="613"/>
      <c r="BWM698" s="613"/>
      <c r="BWN698" s="613"/>
      <c r="BWO698" s="613"/>
      <c r="BWP698" s="613"/>
      <c r="BWQ698" s="613"/>
      <c r="BWR698" s="613"/>
      <c r="BWS698" s="613"/>
      <c r="BWT698" s="613"/>
      <c r="BWU698" s="613"/>
      <c r="BWV698" s="613"/>
      <c r="BWW698" s="613"/>
      <c r="BWX698" s="613"/>
      <c r="BWY698" s="613"/>
      <c r="BWZ698" s="613"/>
      <c r="BXA698" s="613"/>
      <c r="BXB698" s="613"/>
      <c r="BXC698" s="613"/>
      <c r="BXD698" s="613"/>
      <c r="BXE698" s="613"/>
      <c r="BXF698" s="613"/>
      <c r="BXG698" s="613"/>
      <c r="BXH698" s="613"/>
      <c r="BXI698" s="613"/>
      <c r="BXJ698" s="613"/>
      <c r="BXK698" s="613"/>
      <c r="BXL698" s="613"/>
      <c r="BXM698" s="613"/>
      <c r="BXN698" s="613"/>
      <c r="BXO698" s="613"/>
      <c r="BXP698" s="613"/>
      <c r="BXQ698" s="613"/>
      <c r="BXR698" s="613"/>
      <c r="BXS698" s="613"/>
      <c r="BXT698" s="613"/>
      <c r="BXU698" s="613"/>
      <c r="BXV698" s="613"/>
      <c r="BXW698" s="613"/>
      <c r="BXX698" s="613"/>
      <c r="BXY698" s="613"/>
      <c r="BXZ698" s="613"/>
      <c r="BYA698" s="613"/>
      <c r="BYB698" s="613"/>
      <c r="BYC698" s="613"/>
      <c r="BYD698" s="613"/>
      <c r="BYE698" s="613"/>
      <c r="BYF698" s="613"/>
      <c r="BYG698" s="613"/>
      <c r="BYH698" s="613"/>
      <c r="BYI698" s="613"/>
      <c r="BYJ698" s="613"/>
      <c r="BYK698" s="613"/>
      <c r="BYL698" s="613"/>
      <c r="BYM698" s="613"/>
      <c r="BYN698" s="613"/>
      <c r="BYO698" s="613"/>
      <c r="BYP698" s="613"/>
      <c r="BYQ698" s="613"/>
      <c r="BYR698" s="613"/>
      <c r="BYS698" s="613"/>
      <c r="BYT698" s="613"/>
      <c r="BYU698" s="613"/>
      <c r="BYV698" s="613"/>
      <c r="BYW698" s="613"/>
      <c r="BYX698" s="613"/>
      <c r="BYY698" s="613"/>
      <c r="BYZ698" s="613"/>
      <c r="BZA698" s="613"/>
      <c r="BZB698" s="613"/>
      <c r="BZC698" s="613"/>
      <c r="BZD698" s="613"/>
      <c r="BZE698" s="613"/>
      <c r="BZF698" s="613"/>
      <c r="BZG698" s="613"/>
      <c r="BZH698" s="613"/>
      <c r="BZI698" s="613"/>
      <c r="BZJ698" s="613"/>
      <c r="BZK698" s="613"/>
      <c r="BZL698" s="613"/>
      <c r="BZM698" s="613"/>
      <c r="BZN698" s="613"/>
      <c r="BZO698" s="613"/>
      <c r="BZP698" s="613"/>
      <c r="BZQ698" s="613"/>
      <c r="BZR698" s="613"/>
      <c r="BZS698" s="613"/>
      <c r="BZT698" s="613"/>
      <c r="BZU698" s="613"/>
      <c r="BZV698" s="613"/>
      <c r="BZW698" s="613"/>
      <c r="BZX698" s="613"/>
      <c r="BZY698" s="613"/>
      <c r="BZZ698" s="613"/>
      <c r="CAA698" s="613"/>
      <c r="CAB698" s="613"/>
      <c r="CAC698" s="613"/>
      <c r="CAD698" s="613"/>
      <c r="CAE698" s="613"/>
      <c r="CAF698" s="613"/>
      <c r="CAG698" s="613"/>
      <c r="CAH698" s="613"/>
      <c r="CAI698" s="613"/>
      <c r="CAJ698" s="613"/>
      <c r="CAK698" s="613"/>
      <c r="CAL698" s="613"/>
      <c r="CAM698" s="613"/>
      <c r="CAN698" s="613"/>
      <c r="CAO698" s="613"/>
      <c r="CAP698" s="613"/>
      <c r="CAQ698" s="613"/>
      <c r="CAR698" s="613"/>
      <c r="CAS698" s="613"/>
      <c r="CAT698" s="613"/>
      <c r="CAU698" s="613"/>
      <c r="CAV698" s="613"/>
      <c r="CAW698" s="613"/>
      <c r="CAX698" s="613"/>
      <c r="CAY698" s="613"/>
      <c r="CAZ698" s="613"/>
      <c r="CBA698" s="613"/>
      <c r="CBB698" s="613"/>
      <c r="CBC698" s="613"/>
      <c r="CBD698" s="613"/>
      <c r="CBE698" s="613"/>
      <c r="CBF698" s="613"/>
      <c r="CBG698" s="613"/>
      <c r="CBH698" s="613"/>
      <c r="CBI698" s="613"/>
      <c r="CBJ698" s="613"/>
      <c r="CBK698" s="613"/>
      <c r="CBL698" s="613"/>
      <c r="CBM698" s="613"/>
      <c r="CBN698" s="613"/>
      <c r="CBO698" s="613"/>
      <c r="CBP698" s="613"/>
      <c r="CBQ698" s="613"/>
      <c r="CBR698" s="613"/>
      <c r="CBS698" s="613"/>
      <c r="CBT698" s="613"/>
      <c r="CBU698" s="613"/>
      <c r="CBV698" s="613"/>
      <c r="CBW698" s="613"/>
      <c r="CBX698" s="613"/>
      <c r="CBY698" s="613"/>
      <c r="CBZ698" s="613"/>
      <c r="CCA698" s="613"/>
      <c r="CCB698" s="613"/>
      <c r="CCC698" s="613"/>
      <c r="CCD698" s="613"/>
      <c r="CCE698" s="613"/>
      <c r="CCF698" s="613"/>
      <c r="CCG698" s="613"/>
      <c r="CCH698" s="613"/>
      <c r="CCI698" s="613"/>
      <c r="CCJ698" s="613"/>
      <c r="CCK698" s="613"/>
      <c r="CCL698" s="613"/>
      <c r="CCM698" s="613"/>
      <c r="CCN698" s="613"/>
      <c r="CCO698" s="613"/>
      <c r="CCP698" s="613"/>
      <c r="CCQ698" s="613"/>
      <c r="CCR698" s="613"/>
      <c r="CCS698" s="613"/>
      <c r="CCT698" s="613"/>
      <c r="CCU698" s="613"/>
      <c r="CCV698" s="613"/>
      <c r="CCW698" s="613"/>
      <c r="CCX698" s="613"/>
      <c r="CCY698" s="613"/>
      <c r="CCZ698" s="613"/>
      <c r="CDA698" s="613"/>
      <c r="CDB698" s="613"/>
      <c r="CDC698" s="613"/>
      <c r="CDD698" s="613"/>
      <c r="CDE698" s="613"/>
      <c r="CDF698" s="613"/>
      <c r="CDG698" s="613"/>
      <c r="CDH698" s="613"/>
      <c r="CDI698" s="613"/>
      <c r="CDJ698" s="613"/>
      <c r="CDK698" s="613"/>
      <c r="CDL698" s="613"/>
      <c r="CDM698" s="613"/>
      <c r="CDN698" s="613"/>
      <c r="CDO698" s="613"/>
      <c r="CDP698" s="613"/>
      <c r="CDQ698" s="613"/>
      <c r="CDR698" s="613"/>
      <c r="CDS698" s="613"/>
      <c r="CDT698" s="613"/>
      <c r="CDU698" s="613"/>
      <c r="CDV698" s="613"/>
      <c r="CDW698" s="613"/>
      <c r="CDX698" s="613"/>
      <c r="CDY698" s="613"/>
      <c r="CDZ698" s="613"/>
      <c r="CEA698" s="613"/>
      <c r="CEB698" s="613"/>
      <c r="CEC698" s="613"/>
      <c r="CED698" s="613"/>
      <c r="CEE698" s="613"/>
      <c r="CEF698" s="613"/>
      <c r="CEG698" s="613"/>
      <c r="CEH698" s="613"/>
      <c r="CEI698" s="613"/>
      <c r="CEJ698" s="613"/>
      <c r="CEK698" s="613"/>
      <c r="CEL698" s="613"/>
      <c r="CEM698" s="613"/>
      <c r="CEN698" s="613"/>
      <c r="CEO698" s="613"/>
      <c r="CEP698" s="613"/>
      <c r="CEQ698" s="613"/>
      <c r="CER698" s="613"/>
      <c r="CES698" s="613"/>
      <c r="CET698" s="613"/>
      <c r="CEU698" s="613"/>
      <c r="CEV698" s="613"/>
      <c r="CEW698" s="613"/>
      <c r="CEX698" s="613"/>
      <c r="CEY698" s="613"/>
      <c r="CEZ698" s="613"/>
      <c r="CFA698" s="613"/>
      <c r="CFB698" s="613"/>
      <c r="CFC698" s="613"/>
      <c r="CFD698" s="613"/>
      <c r="CFE698" s="613"/>
      <c r="CFF698" s="613"/>
      <c r="CFG698" s="613"/>
      <c r="CFH698" s="613"/>
      <c r="CFI698" s="613"/>
      <c r="CFJ698" s="613"/>
      <c r="CFK698" s="613"/>
      <c r="CFL698" s="613"/>
      <c r="CFM698" s="613"/>
      <c r="CFN698" s="613"/>
      <c r="CFO698" s="613"/>
      <c r="CFP698" s="613"/>
      <c r="CFQ698" s="613"/>
      <c r="CFR698" s="613"/>
      <c r="CFS698" s="613"/>
      <c r="CFT698" s="613"/>
      <c r="CFU698" s="613"/>
      <c r="CFV698" s="613"/>
      <c r="CFW698" s="613"/>
      <c r="CFX698" s="613"/>
      <c r="CFY698" s="613"/>
      <c r="CFZ698" s="613"/>
      <c r="CGA698" s="613"/>
      <c r="CGB698" s="613"/>
      <c r="CGC698" s="613"/>
      <c r="CGD698" s="613"/>
      <c r="CGE698" s="613"/>
      <c r="CGF698" s="613"/>
      <c r="CGG698" s="613"/>
      <c r="CGH698" s="613"/>
      <c r="CGI698" s="613"/>
      <c r="CGJ698" s="613"/>
      <c r="CGK698" s="613"/>
      <c r="CGL698" s="613"/>
      <c r="CGM698" s="613"/>
      <c r="CGN698" s="613"/>
      <c r="CGO698" s="613"/>
      <c r="CGP698" s="613"/>
      <c r="CGQ698" s="613"/>
      <c r="CGR698" s="613"/>
      <c r="CGS698" s="613"/>
      <c r="CGT698" s="613"/>
      <c r="CGU698" s="613"/>
      <c r="CGV698" s="613"/>
      <c r="CGW698" s="613"/>
      <c r="CGX698" s="613"/>
      <c r="CGY698" s="613"/>
      <c r="CGZ698" s="613"/>
      <c r="CHA698" s="613"/>
      <c r="CHB698" s="613"/>
      <c r="CHC698" s="613"/>
      <c r="CHD698" s="613"/>
      <c r="CHE698" s="613"/>
      <c r="CHF698" s="613"/>
      <c r="CHG698" s="613"/>
      <c r="CHH698" s="613"/>
      <c r="CHI698" s="613"/>
      <c r="CHJ698" s="613"/>
      <c r="CHK698" s="613"/>
      <c r="CHL698" s="613"/>
      <c r="CHM698" s="613"/>
      <c r="CHN698" s="613"/>
      <c r="CHO698" s="613"/>
      <c r="CHP698" s="613"/>
      <c r="CHQ698" s="613"/>
      <c r="CHR698" s="613"/>
      <c r="CHS698" s="613"/>
      <c r="CHT698" s="613"/>
      <c r="CHU698" s="613"/>
      <c r="CHV698" s="613"/>
      <c r="CHW698" s="613"/>
      <c r="CHX698" s="613"/>
      <c r="CHY698" s="613"/>
      <c r="CHZ698" s="613"/>
      <c r="CIA698" s="613"/>
      <c r="CIB698" s="613"/>
      <c r="CIC698" s="613"/>
      <c r="CID698" s="613"/>
      <c r="CIE698" s="613"/>
      <c r="CIF698" s="613"/>
      <c r="CIG698" s="613"/>
      <c r="CIH698" s="613"/>
      <c r="CII698" s="613"/>
      <c r="CIJ698" s="613"/>
      <c r="CIK698" s="613"/>
      <c r="CIL698" s="613"/>
      <c r="CIM698" s="613"/>
      <c r="CIN698" s="613"/>
      <c r="CIO698" s="613"/>
      <c r="CIP698" s="613"/>
      <c r="CIQ698" s="613"/>
      <c r="CIR698" s="613"/>
      <c r="CIS698" s="613"/>
      <c r="CIT698" s="613"/>
      <c r="CIU698" s="613"/>
      <c r="CIV698" s="613"/>
      <c r="CIW698" s="613"/>
      <c r="CIX698" s="613"/>
      <c r="CIY698" s="613"/>
      <c r="CIZ698" s="613"/>
      <c r="CJA698" s="613"/>
      <c r="CJB698" s="613"/>
      <c r="CJC698" s="613"/>
      <c r="CJD698" s="613"/>
      <c r="CJE698" s="613"/>
      <c r="CJF698" s="613"/>
      <c r="CJG698" s="613"/>
      <c r="CJH698" s="613"/>
      <c r="CJI698" s="613"/>
      <c r="CJJ698" s="613"/>
      <c r="CJK698" s="613"/>
      <c r="CJL698" s="613"/>
      <c r="CJM698" s="613"/>
      <c r="CJN698" s="613"/>
      <c r="CJO698" s="613"/>
      <c r="CJP698" s="613"/>
      <c r="CJQ698" s="613"/>
      <c r="CJR698" s="613"/>
      <c r="CJS698" s="613"/>
      <c r="CJT698" s="613"/>
      <c r="CJU698" s="613"/>
      <c r="CJV698" s="613"/>
      <c r="CJW698" s="613"/>
      <c r="CJX698" s="613"/>
      <c r="CJY698" s="613"/>
      <c r="CJZ698" s="613"/>
      <c r="CKA698" s="613"/>
      <c r="CKB698" s="613"/>
      <c r="CKC698" s="613"/>
      <c r="CKD698" s="613"/>
      <c r="CKE698" s="613"/>
      <c r="CKF698" s="613"/>
      <c r="CKG698" s="613"/>
      <c r="CKH698" s="613"/>
      <c r="CKI698" s="613"/>
      <c r="CKJ698" s="613"/>
      <c r="CKK698" s="613"/>
      <c r="CKL698" s="613"/>
      <c r="CKM698" s="613"/>
      <c r="CKN698" s="613"/>
      <c r="CKO698" s="613"/>
      <c r="CKP698" s="613"/>
      <c r="CKQ698" s="613"/>
      <c r="CKR698" s="613"/>
      <c r="CKS698" s="613"/>
      <c r="CKT698" s="613"/>
      <c r="CKU698" s="613"/>
      <c r="CKV698" s="613"/>
      <c r="CKW698" s="613"/>
      <c r="CKX698" s="613"/>
      <c r="CKY698" s="613"/>
      <c r="CKZ698" s="613"/>
      <c r="CLA698" s="613"/>
      <c r="CLB698" s="613"/>
      <c r="CLC698" s="613"/>
      <c r="CLD698" s="613"/>
      <c r="CLE698" s="613"/>
      <c r="CLF698" s="613"/>
      <c r="CLG698" s="613"/>
      <c r="CLH698" s="613"/>
      <c r="CLI698" s="613"/>
      <c r="CLJ698" s="613"/>
      <c r="CLK698" s="613"/>
      <c r="CLL698" s="613"/>
      <c r="CLM698" s="613"/>
      <c r="CLN698" s="613"/>
      <c r="CLO698" s="613"/>
      <c r="CLP698" s="613"/>
      <c r="CLQ698" s="613"/>
      <c r="CLR698" s="613"/>
      <c r="CLS698" s="613"/>
      <c r="CLT698" s="613"/>
      <c r="CLU698" s="613"/>
      <c r="CLV698" s="613"/>
      <c r="CLW698" s="613"/>
      <c r="CLX698" s="613"/>
      <c r="CLY698" s="613"/>
      <c r="CLZ698" s="613"/>
      <c r="CMA698" s="613"/>
      <c r="CMB698" s="613"/>
      <c r="CMC698" s="613"/>
      <c r="CMD698" s="613"/>
      <c r="CME698" s="613"/>
      <c r="CMF698" s="613"/>
      <c r="CMG698" s="613"/>
      <c r="CMH698" s="613"/>
      <c r="CMI698" s="613"/>
      <c r="CMJ698" s="613"/>
      <c r="CMK698" s="613"/>
      <c r="CML698" s="613"/>
      <c r="CMM698" s="613"/>
      <c r="CMN698" s="613"/>
      <c r="CMO698" s="613"/>
      <c r="CMP698" s="613"/>
      <c r="CMQ698" s="613"/>
      <c r="CMR698" s="613"/>
      <c r="CMS698" s="613"/>
      <c r="CMT698" s="613"/>
      <c r="CMU698" s="613"/>
      <c r="CMV698" s="613"/>
      <c r="CMW698" s="613"/>
      <c r="CMX698" s="613"/>
      <c r="CMY698" s="613"/>
      <c r="CMZ698" s="613"/>
      <c r="CNA698" s="613"/>
      <c r="CNB698" s="613"/>
      <c r="CNC698" s="613"/>
      <c r="CND698" s="613"/>
      <c r="CNE698" s="613"/>
      <c r="CNF698" s="613"/>
      <c r="CNG698" s="613"/>
      <c r="CNH698" s="613"/>
      <c r="CNI698" s="613"/>
      <c r="CNJ698" s="613"/>
      <c r="CNK698" s="613"/>
      <c r="CNL698" s="613"/>
      <c r="CNM698" s="613"/>
      <c r="CNN698" s="613"/>
      <c r="CNO698" s="613"/>
      <c r="CNP698" s="613"/>
      <c r="CNQ698" s="613"/>
      <c r="CNR698" s="613"/>
      <c r="CNS698" s="613"/>
      <c r="CNT698" s="613"/>
      <c r="CNU698" s="613"/>
      <c r="CNV698" s="613"/>
      <c r="CNW698" s="613"/>
      <c r="CNX698" s="613"/>
      <c r="CNY698" s="613"/>
      <c r="CNZ698" s="613"/>
      <c r="COA698" s="613"/>
      <c r="COB698" s="613"/>
      <c r="COC698" s="613"/>
      <c r="COD698" s="613"/>
      <c r="COE698" s="613"/>
      <c r="COF698" s="613"/>
      <c r="COG698" s="613"/>
      <c r="COH698" s="613"/>
      <c r="COI698" s="613"/>
      <c r="COJ698" s="613"/>
      <c r="COK698" s="613"/>
      <c r="COL698" s="613"/>
      <c r="COM698" s="613"/>
      <c r="CON698" s="613"/>
      <c r="COO698" s="613"/>
      <c r="COP698" s="613"/>
      <c r="COQ698" s="613"/>
      <c r="COR698" s="613"/>
      <c r="COS698" s="613"/>
      <c r="COT698" s="613"/>
      <c r="COU698" s="613"/>
      <c r="COV698" s="613"/>
      <c r="COW698" s="613"/>
      <c r="COX698" s="613"/>
      <c r="COY698" s="613"/>
      <c r="COZ698" s="613"/>
      <c r="CPA698" s="613"/>
      <c r="CPB698" s="613"/>
      <c r="CPC698" s="613"/>
      <c r="CPD698" s="613"/>
      <c r="CPE698" s="613"/>
      <c r="CPF698" s="613"/>
      <c r="CPG698" s="613"/>
      <c r="CPH698" s="613"/>
      <c r="CPI698" s="613"/>
      <c r="CPJ698" s="613"/>
      <c r="CPK698" s="613"/>
      <c r="CPL698" s="613"/>
      <c r="CPM698" s="613"/>
      <c r="CPN698" s="613"/>
      <c r="CPO698" s="613"/>
      <c r="CPP698" s="613"/>
      <c r="CPQ698" s="613"/>
      <c r="CPR698" s="613"/>
      <c r="CPS698" s="613"/>
      <c r="CPT698" s="613"/>
      <c r="CPU698" s="613"/>
      <c r="CPV698" s="613"/>
      <c r="CPW698" s="613"/>
      <c r="CPX698" s="613"/>
      <c r="CPY698" s="613"/>
      <c r="CPZ698" s="613"/>
      <c r="CQA698" s="613"/>
      <c r="CQB698" s="613"/>
      <c r="CQC698" s="613"/>
      <c r="CQD698" s="613"/>
      <c r="CQE698" s="613"/>
      <c r="CQF698" s="613"/>
      <c r="CQG698" s="613"/>
      <c r="CQH698" s="613"/>
      <c r="CQI698" s="613"/>
      <c r="CQJ698" s="613"/>
      <c r="CQK698" s="613"/>
      <c r="CQL698" s="613"/>
      <c r="CQM698" s="613"/>
      <c r="CQN698" s="613"/>
      <c r="CQO698" s="613"/>
      <c r="CQP698" s="613"/>
      <c r="CQQ698" s="613"/>
      <c r="CQR698" s="613"/>
      <c r="CQS698" s="613"/>
      <c r="CQT698" s="613"/>
      <c r="CQU698" s="613"/>
      <c r="CQV698" s="613"/>
      <c r="CQW698" s="613"/>
      <c r="CQX698" s="613"/>
      <c r="CQY698" s="613"/>
      <c r="CQZ698" s="613"/>
      <c r="CRA698" s="613"/>
      <c r="CRB698" s="613"/>
      <c r="CRC698" s="613"/>
      <c r="CRD698" s="613"/>
      <c r="CRE698" s="613"/>
      <c r="CRF698" s="613"/>
      <c r="CRG698" s="613"/>
      <c r="CRH698" s="613"/>
      <c r="CRI698" s="613"/>
      <c r="CRJ698" s="613"/>
      <c r="CRK698" s="613"/>
      <c r="CRL698" s="613"/>
      <c r="CRM698" s="613"/>
      <c r="CRN698" s="613"/>
      <c r="CRO698" s="613"/>
      <c r="CRP698" s="613"/>
      <c r="CRQ698" s="613"/>
      <c r="CRR698" s="613"/>
      <c r="CRS698" s="613"/>
      <c r="CRT698" s="613"/>
      <c r="CRU698" s="613"/>
      <c r="CRV698" s="613"/>
      <c r="CRW698" s="613"/>
      <c r="CRX698" s="613"/>
      <c r="CRY698" s="613"/>
      <c r="CRZ698" s="613"/>
      <c r="CSA698" s="613"/>
      <c r="CSB698" s="613"/>
      <c r="CSC698" s="613"/>
      <c r="CSD698" s="613"/>
      <c r="CSE698" s="613"/>
      <c r="CSF698" s="613"/>
      <c r="CSG698" s="613"/>
      <c r="CSH698" s="613"/>
      <c r="CSI698" s="613"/>
      <c r="CSJ698" s="613"/>
      <c r="CSK698" s="613"/>
      <c r="CSL698" s="613"/>
      <c r="CSM698" s="613"/>
      <c r="CSN698" s="613"/>
      <c r="CSO698" s="613"/>
      <c r="CSP698" s="613"/>
      <c r="CSQ698" s="613"/>
      <c r="CSR698" s="613"/>
      <c r="CSS698" s="613"/>
      <c r="CST698" s="613"/>
      <c r="CSU698" s="613"/>
      <c r="CSV698" s="613"/>
      <c r="CSW698" s="613"/>
      <c r="CSX698" s="613"/>
      <c r="CSY698" s="613"/>
      <c r="CSZ698" s="613"/>
      <c r="CTA698" s="613"/>
      <c r="CTB698" s="613"/>
      <c r="CTC698" s="613"/>
      <c r="CTD698" s="613"/>
      <c r="CTE698" s="613"/>
      <c r="CTF698" s="613"/>
      <c r="CTG698" s="613"/>
      <c r="CTH698" s="613"/>
      <c r="CTI698" s="613"/>
      <c r="CTJ698" s="613"/>
      <c r="CTK698" s="613"/>
      <c r="CTL698" s="613"/>
      <c r="CTM698" s="613"/>
      <c r="CTN698" s="613"/>
      <c r="CTO698" s="613"/>
      <c r="CTP698" s="613"/>
      <c r="CTQ698" s="613"/>
      <c r="CTR698" s="613"/>
      <c r="CTS698" s="613"/>
      <c r="CTT698" s="613"/>
      <c r="CTU698" s="613"/>
      <c r="CTV698" s="613"/>
      <c r="CTW698" s="613"/>
      <c r="CTX698" s="613"/>
      <c r="CTY698" s="613"/>
      <c r="CTZ698" s="613"/>
      <c r="CUA698" s="613"/>
      <c r="CUB698" s="613"/>
      <c r="CUC698" s="613"/>
      <c r="CUD698" s="613"/>
      <c r="CUE698" s="613"/>
      <c r="CUF698" s="613"/>
      <c r="CUG698" s="613"/>
      <c r="CUH698" s="613"/>
      <c r="CUI698" s="613"/>
      <c r="CUJ698" s="613"/>
      <c r="CUK698" s="613"/>
      <c r="CUL698" s="613"/>
      <c r="CUM698" s="613"/>
      <c r="CUN698" s="613"/>
      <c r="CUO698" s="613"/>
      <c r="CUP698" s="613"/>
      <c r="CUQ698" s="613"/>
      <c r="CUR698" s="613"/>
      <c r="CUS698" s="613"/>
      <c r="CUT698" s="613"/>
      <c r="CUU698" s="613"/>
      <c r="CUV698" s="613"/>
      <c r="CUW698" s="613"/>
      <c r="CUX698" s="613"/>
      <c r="CUY698" s="613"/>
      <c r="CUZ698" s="613"/>
      <c r="CVA698" s="613"/>
      <c r="CVB698" s="613"/>
      <c r="CVC698" s="613"/>
      <c r="CVD698" s="613"/>
      <c r="CVE698" s="613"/>
      <c r="CVF698" s="613"/>
      <c r="CVG698" s="613"/>
      <c r="CVH698" s="613"/>
      <c r="CVI698" s="613"/>
      <c r="CVJ698" s="613"/>
      <c r="CVK698" s="613"/>
      <c r="CVL698" s="613"/>
      <c r="CVM698" s="613"/>
      <c r="CVN698" s="613"/>
      <c r="CVO698" s="613"/>
      <c r="CVP698" s="613"/>
      <c r="CVQ698" s="613"/>
      <c r="CVR698" s="613"/>
      <c r="CVS698" s="613"/>
      <c r="CVT698" s="613"/>
      <c r="CVU698" s="613"/>
      <c r="CVV698" s="613"/>
      <c r="CVW698" s="613"/>
      <c r="CVX698" s="613"/>
      <c r="CVY698" s="613"/>
      <c r="CVZ698" s="613"/>
      <c r="CWA698" s="613"/>
      <c r="CWB698" s="613"/>
      <c r="CWC698" s="613"/>
      <c r="CWD698" s="613"/>
      <c r="CWE698" s="613"/>
      <c r="CWF698" s="613"/>
      <c r="CWG698" s="613"/>
      <c r="CWH698" s="613"/>
      <c r="CWI698" s="613"/>
      <c r="CWJ698" s="613"/>
      <c r="CWK698" s="613"/>
      <c r="CWL698" s="613"/>
      <c r="CWM698" s="613"/>
      <c r="CWN698" s="613"/>
      <c r="CWO698" s="613"/>
      <c r="CWP698" s="613"/>
      <c r="CWQ698" s="613"/>
      <c r="CWR698" s="613"/>
      <c r="CWS698" s="613"/>
      <c r="CWT698" s="613"/>
      <c r="CWU698" s="613"/>
      <c r="CWV698" s="613"/>
      <c r="CWW698" s="613"/>
      <c r="CWX698" s="613"/>
      <c r="CWY698" s="613"/>
      <c r="CWZ698" s="613"/>
      <c r="CXA698" s="613"/>
      <c r="CXB698" s="613"/>
      <c r="CXC698" s="613"/>
      <c r="CXD698" s="613"/>
      <c r="CXE698" s="613"/>
      <c r="CXF698" s="613"/>
      <c r="CXG698" s="613"/>
      <c r="CXH698" s="613"/>
      <c r="CXI698" s="613"/>
      <c r="CXJ698" s="613"/>
      <c r="CXK698" s="613"/>
      <c r="CXL698" s="613"/>
      <c r="CXM698" s="613"/>
      <c r="CXN698" s="613"/>
      <c r="CXO698" s="613"/>
      <c r="CXP698" s="613"/>
      <c r="CXQ698" s="613"/>
      <c r="CXR698" s="613"/>
      <c r="CXS698" s="613"/>
      <c r="CXT698" s="613"/>
      <c r="CXU698" s="613"/>
      <c r="CXV698" s="613"/>
      <c r="CXW698" s="613"/>
      <c r="CXX698" s="613"/>
      <c r="CXY698" s="613"/>
      <c r="CXZ698" s="613"/>
      <c r="CYA698" s="613"/>
      <c r="CYB698" s="613"/>
      <c r="CYC698" s="613"/>
      <c r="CYD698" s="613"/>
      <c r="CYE698" s="613"/>
      <c r="CYF698" s="613"/>
      <c r="CYG698" s="613"/>
      <c r="CYH698" s="613"/>
      <c r="CYI698" s="613"/>
      <c r="CYJ698" s="613"/>
      <c r="CYK698" s="613"/>
      <c r="CYL698" s="613"/>
      <c r="CYM698" s="613"/>
      <c r="CYN698" s="613"/>
      <c r="CYO698" s="613"/>
      <c r="CYP698" s="613"/>
      <c r="CYQ698" s="613"/>
      <c r="CYR698" s="613"/>
      <c r="CYS698" s="613"/>
      <c r="CYT698" s="613"/>
      <c r="CYU698" s="613"/>
      <c r="CYV698" s="613"/>
      <c r="CYW698" s="613"/>
      <c r="CYX698" s="613"/>
      <c r="CYY698" s="613"/>
      <c r="CYZ698" s="613"/>
      <c r="CZA698" s="613"/>
      <c r="CZB698" s="613"/>
      <c r="CZC698" s="613"/>
      <c r="CZD698" s="613"/>
      <c r="CZE698" s="613"/>
      <c r="CZF698" s="613"/>
      <c r="CZG698" s="613"/>
      <c r="CZH698" s="613"/>
      <c r="CZI698" s="613"/>
      <c r="CZJ698" s="613"/>
      <c r="CZK698" s="613"/>
      <c r="CZL698" s="613"/>
      <c r="CZM698" s="613"/>
      <c r="CZN698" s="613"/>
      <c r="CZO698" s="613"/>
      <c r="CZP698" s="613"/>
      <c r="CZQ698" s="613"/>
      <c r="CZR698" s="613"/>
      <c r="CZS698" s="613"/>
      <c r="CZT698" s="613"/>
      <c r="CZU698" s="613"/>
      <c r="CZV698" s="613"/>
      <c r="CZW698" s="613"/>
      <c r="CZX698" s="613"/>
      <c r="CZY698" s="613"/>
      <c r="CZZ698" s="613"/>
      <c r="DAA698" s="613"/>
      <c r="DAB698" s="613"/>
      <c r="DAC698" s="613"/>
      <c r="DAD698" s="613"/>
      <c r="DAE698" s="613"/>
      <c r="DAF698" s="613"/>
      <c r="DAG698" s="613"/>
      <c r="DAH698" s="613"/>
      <c r="DAI698" s="613"/>
      <c r="DAJ698" s="613"/>
      <c r="DAK698" s="613"/>
      <c r="DAL698" s="613"/>
      <c r="DAM698" s="613"/>
      <c r="DAN698" s="613"/>
      <c r="DAO698" s="613"/>
      <c r="DAP698" s="613"/>
      <c r="DAQ698" s="613"/>
      <c r="DAR698" s="613"/>
      <c r="DAS698" s="613"/>
      <c r="DAT698" s="613"/>
      <c r="DAU698" s="613"/>
      <c r="DAV698" s="613"/>
      <c r="DAW698" s="613"/>
      <c r="DAX698" s="613"/>
      <c r="DAY698" s="613"/>
      <c r="DAZ698" s="613"/>
      <c r="DBA698" s="613"/>
      <c r="DBB698" s="613"/>
      <c r="DBC698" s="613"/>
      <c r="DBD698" s="613"/>
      <c r="DBE698" s="613"/>
      <c r="DBF698" s="613"/>
      <c r="DBG698" s="613"/>
      <c r="DBH698" s="613"/>
      <c r="DBI698" s="613"/>
      <c r="DBJ698" s="613"/>
      <c r="DBK698" s="613"/>
      <c r="DBL698" s="613"/>
      <c r="DBM698" s="613"/>
      <c r="DBN698" s="613"/>
      <c r="DBO698" s="613"/>
      <c r="DBP698" s="613"/>
      <c r="DBQ698" s="613"/>
      <c r="DBR698" s="613"/>
      <c r="DBS698" s="613"/>
      <c r="DBT698" s="613"/>
      <c r="DBU698" s="613"/>
      <c r="DBV698" s="613"/>
      <c r="DBW698" s="613"/>
      <c r="DBX698" s="613"/>
      <c r="DBY698" s="613"/>
      <c r="DBZ698" s="613"/>
      <c r="DCA698" s="613"/>
      <c r="DCB698" s="613"/>
      <c r="DCC698" s="613"/>
      <c r="DCD698" s="613"/>
      <c r="DCE698" s="613"/>
      <c r="DCF698" s="613"/>
      <c r="DCG698" s="613"/>
      <c r="DCH698" s="613"/>
      <c r="DCI698" s="613"/>
      <c r="DCJ698" s="613"/>
      <c r="DCK698" s="613"/>
      <c r="DCL698" s="613"/>
      <c r="DCM698" s="613"/>
      <c r="DCN698" s="613"/>
      <c r="DCO698" s="613"/>
      <c r="DCP698" s="613"/>
      <c r="DCQ698" s="613"/>
      <c r="DCR698" s="613"/>
      <c r="DCS698" s="613"/>
      <c r="DCT698" s="613"/>
      <c r="DCU698" s="613"/>
      <c r="DCV698" s="613"/>
      <c r="DCW698" s="613"/>
      <c r="DCX698" s="613"/>
      <c r="DCY698" s="613"/>
      <c r="DCZ698" s="613"/>
      <c r="DDA698" s="613"/>
      <c r="DDB698" s="613"/>
      <c r="DDC698" s="613"/>
      <c r="DDD698" s="613"/>
      <c r="DDE698" s="613"/>
      <c r="DDF698" s="613"/>
      <c r="DDG698" s="613"/>
      <c r="DDH698" s="613"/>
      <c r="DDI698" s="613"/>
      <c r="DDJ698" s="613"/>
      <c r="DDK698" s="613"/>
      <c r="DDL698" s="613"/>
      <c r="DDM698" s="613"/>
      <c r="DDN698" s="613"/>
      <c r="DDO698" s="613"/>
      <c r="DDP698" s="613"/>
      <c r="DDQ698" s="613"/>
      <c r="DDR698" s="613"/>
      <c r="DDS698" s="613"/>
      <c r="DDT698" s="613"/>
      <c r="DDU698" s="613"/>
      <c r="DDV698" s="613"/>
      <c r="DDW698" s="613"/>
      <c r="DDX698" s="613"/>
      <c r="DDY698" s="613"/>
      <c r="DDZ698" s="613"/>
      <c r="DEA698" s="613"/>
      <c r="DEB698" s="613"/>
      <c r="DEC698" s="613"/>
      <c r="DED698" s="613"/>
      <c r="DEE698" s="613"/>
      <c r="DEF698" s="613"/>
      <c r="DEG698" s="613"/>
      <c r="DEH698" s="613"/>
      <c r="DEI698" s="613"/>
      <c r="DEJ698" s="613"/>
      <c r="DEK698" s="613"/>
      <c r="DEL698" s="613"/>
      <c r="DEM698" s="613"/>
      <c r="DEN698" s="613"/>
      <c r="DEO698" s="613"/>
      <c r="DEP698" s="613"/>
      <c r="DEQ698" s="613"/>
      <c r="DER698" s="613"/>
      <c r="DES698" s="613"/>
      <c r="DET698" s="613"/>
      <c r="DEU698" s="613"/>
      <c r="DEV698" s="613"/>
      <c r="DEW698" s="613"/>
      <c r="DEX698" s="613"/>
      <c r="DEY698" s="613"/>
      <c r="DEZ698" s="613"/>
      <c r="DFA698" s="613"/>
      <c r="DFB698" s="613"/>
      <c r="DFC698" s="613"/>
      <c r="DFD698" s="613"/>
      <c r="DFE698" s="613"/>
      <c r="DFF698" s="613"/>
      <c r="DFG698" s="613"/>
      <c r="DFH698" s="613"/>
      <c r="DFI698" s="613"/>
      <c r="DFJ698" s="613"/>
      <c r="DFK698" s="613"/>
      <c r="DFL698" s="613"/>
      <c r="DFM698" s="613"/>
      <c r="DFN698" s="613"/>
      <c r="DFO698" s="613"/>
      <c r="DFP698" s="613"/>
      <c r="DFQ698" s="613"/>
      <c r="DFR698" s="613"/>
      <c r="DFS698" s="613"/>
      <c r="DFT698" s="613"/>
      <c r="DFU698" s="613"/>
      <c r="DFV698" s="613"/>
      <c r="DFW698" s="613"/>
      <c r="DFX698" s="613"/>
      <c r="DFY698" s="613"/>
      <c r="DFZ698" s="613"/>
      <c r="DGA698" s="613"/>
      <c r="DGB698" s="613"/>
      <c r="DGC698" s="613"/>
      <c r="DGD698" s="613"/>
      <c r="DGE698" s="613"/>
      <c r="DGF698" s="613"/>
      <c r="DGG698" s="613"/>
      <c r="DGH698" s="613"/>
      <c r="DGI698" s="613"/>
      <c r="DGJ698" s="613"/>
      <c r="DGK698" s="613"/>
      <c r="DGL698" s="613"/>
      <c r="DGM698" s="613"/>
      <c r="DGN698" s="613"/>
      <c r="DGO698" s="613"/>
      <c r="DGP698" s="613"/>
      <c r="DGQ698" s="613"/>
      <c r="DGR698" s="613"/>
      <c r="DGS698" s="613"/>
      <c r="DGT698" s="613"/>
      <c r="DGU698" s="613"/>
      <c r="DGV698" s="613"/>
      <c r="DGW698" s="613"/>
      <c r="DGX698" s="613"/>
      <c r="DGY698" s="613"/>
      <c r="DGZ698" s="613"/>
      <c r="DHA698" s="613"/>
      <c r="DHB698" s="613"/>
      <c r="DHC698" s="613"/>
      <c r="DHD698" s="613"/>
      <c r="DHE698" s="613"/>
      <c r="DHF698" s="613"/>
      <c r="DHG698" s="613"/>
      <c r="DHH698" s="613"/>
      <c r="DHI698" s="613"/>
      <c r="DHJ698" s="613"/>
      <c r="DHK698" s="613"/>
      <c r="DHL698" s="613"/>
      <c r="DHM698" s="613"/>
      <c r="DHN698" s="613"/>
      <c r="DHO698" s="613"/>
      <c r="DHP698" s="613"/>
      <c r="DHQ698" s="613"/>
      <c r="DHR698" s="613"/>
      <c r="DHS698" s="613"/>
      <c r="DHT698" s="613"/>
      <c r="DHU698" s="613"/>
      <c r="DHV698" s="613"/>
      <c r="DHW698" s="613"/>
      <c r="DHX698" s="613"/>
      <c r="DHY698" s="613"/>
      <c r="DHZ698" s="613"/>
      <c r="DIA698" s="613"/>
      <c r="DIB698" s="613"/>
      <c r="DIC698" s="613"/>
      <c r="DID698" s="613"/>
      <c r="DIE698" s="613"/>
      <c r="DIF698" s="613"/>
      <c r="DIG698" s="613"/>
      <c r="DIH698" s="613"/>
      <c r="DII698" s="613"/>
      <c r="DIJ698" s="613"/>
      <c r="DIK698" s="613"/>
      <c r="DIL698" s="613"/>
      <c r="DIM698" s="613"/>
      <c r="DIN698" s="613"/>
      <c r="DIO698" s="613"/>
      <c r="DIP698" s="613"/>
      <c r="DIQ698" s="613"/>
      <c r="DIR698" s="613"/>
      <c r="DIS698" s="613"/>
      <c r="DIT698" s="613"/>
      <c r="DIU698" s="613"/>
      <c r="DIV698" s="613"/>
      <c r="DIW698" s="613"/>
      <c r="DIX698" s="613"/>
      <c r="DIY698" s="613"/>
      <c r="DIZ698" s="613"/>
      <c r="DJA698" s="613"/>
      <c r="DJB698" s="613"/>
      <c r="DJC698" s="613"/>
      <c r="DJD698" s="613"/>
      <c r="DJE698" s="613"/>
      <c r="DJF698" s="613"/>
      <c r="DJG698" s="613"/>
      <c r="DJH698" s="613"/>
      <c r="DJI698" s="613"/>
      <c r="DJJ698" s="613"/>
      <c r="DJK698" s="613"/>
      <c r="DJL698" s="613"/>
      <c r="DJM698" s="613"/>
      <c r="DJN698" s="613"/>
      <c r="DJO698" s="613"/>
      <c r="DJP698" s="613"/>
      <c r="DJQ698" s="613"/>
      <c r="DJR698" s="613"/>
      <c r="DJS698" s="613"/>
      <c r="DJT698" s="613"/>
      <c r="DJU698" s="613"/>
      <c r="DJV698" s="613"/>
      <c r="DJW698" s="613"/>
      <c r="DJX698" s="613"/>
      <c r="DJY698" s="613"/>
      <c r="DJZ698" s="613"/>
      <c r="DKA698" s="613"/>
      <c r="DKB698" s="613"/>
      <c r="DKC698" s="613"/>
      <c r="DKD698" s="613"/>
      <c r="DKE698" s="613"/>
      <c r="DKF698" s="613"/>
      <c r="DKG698" s="613"/>
      <c r="DKH698" s="613"/>
      <c r="DKI698" s="613"/>
      <c r="DKJ698" s="613"/>
      <c r="DKK698" s="613"/>
      <c r="DKL698" s="613"/>
      <c r="DKM698" s="613"/>
      <c r="DKN698" s="613"/>
      <c r="DKO698" s="613"/>
      <c r="DKP698" s="613"/>
      <c r="DKQ698" s="613"/>
      <c r="DKR698" s="613"/>
      <c r="DKS698" s="613"/>
      <c r="DKT698" s="613"/>
      <c r="DKU698" s="613"/>
      <c r="DKV698" s="613"/>
      <c r="DKW698" s="613"/>
      <c r="DKX698" s="613"/>
      <c r="DKY698" s="613"/>
      <c r="DKZ698" s="613"/>
      <c r="DLA698" s="613"/>
      <c r="DLB698" s="613"/>
      <c r="DLC698" s="613"/>
      <c r="DLD698" s="613"/>
      <c r="DLE698" s="613"/>
      <c r="DLF698" s="613"/>
      <c r="DLG698" s="613"/>
      <c r="DLH698" s="613"/>
      <c r="DLI698" s="613"/>
      <c r="DLJ698" s="613"/>
      <c r="DLK698" s="613"/>
      <c r="DLL698" s="613"/>
      <c r="DLM698" s="613"/>
      <c r="DLN698" s="613"/>
      <c r="DLO698" s="613"/>
      <c r="DLP698" s="613"/>
      <c r="DLQ698" s="613"/>
      <c r="DLR698" s="613"/>
      <c r="DLS698" s="613"/>
      <c r="DLT698" s="613"/>
      <c r="DLU698" s="613"/>
      <c r="DLV698" s="613"/>
      <c r="DLW698" s="613"/>
      <c r="DLX698" s="613"/>
      <c r="DLY698" s="613"/>
      <c r="DLZ698" s="613"/>
      <c r="DMA698" s="613"/>
      <c r="DMB698" s="613"/>
      <c r="DMC698" s="613"/>
      <c r="DMD698" s="613"/>
      <c r="DME698" s="613"/>
      <c r="DMF698" s="613"/>
      <c r="DMG698" s="613"/>
      <c r="DMH698" s="613"/>
      <c r="DMI698" s="613"/>
      <c r="DMJ698" s="613"/>
      <c r="DMK698" s="613"/>
      <c r="DML698" s="613"/>
      <c r="DMM698" s="613"/>
      <c r="DMN698" s="613"/>
      <c r="DMO698" s="613"/>
      <c r="DMP698" s="613"/>
      <c r="DMQ698" s="613"/>
      <c r="DMR698" s="613"/>
      <c r="DMS698" s="613"/>
      <c r="DMT698" s="613"/>
      <c r="DMU698" s="613"/>
      <c r="DMV698" s="613"/>
      <c r="DMW698" s="613"/>
      <c r="DMX698" s="613"/>
      <c r="DMY698" s="613"/>
      <c r="DMZ698" s="613"/>
      <c r="DNA698" s="613"/>
      <c r="DNB698" s="613"/>
      <c r="DNC698" s="613"/>
      <c r="DND698" s="613"/>
      <c r="DNE698" s="613"/>
      <c r="DNF698" s="613"/>
      <c r="DNG698" s="613"/>
      <c r="DNH698" s="613"/>
      <c r="DNI698" s="613"/>
      <c r="DNJ698" s="613"/>
      <c r="DNK698" s="613"/>
      <c r="DNL698" s="613"/>
      <c r="DNM698" s="613"/>
      <c r="DNN698" s="613"/>
      <c r="DNO698" s="613"/>
      <c r="DNP698" s="613"/>
      <c r="DNQ698" s="613"/>
      <c r="DNR698" s="613"/>
      <c r="DNS698" s="613"/>
      <c r="DNT698" s="613"/>
      <c r="DNU698" s="613"/>
      <c r="DNV698" s="613"/>
      <c r="DNW698" s="613"/>
      <c r="DNX698" s="613"/>
      <c r="DNY698" s="613"/>
      <c r="DNZ698" s="613"/>
      <c r="DOA698" s="613"/>
      <c r="DOB698" s="613"/>
      <c r="DOC698" s="613"/>
      <c r="DOD698" s="613"/>
      <c r="DOE698" s="613"/>
      <c r="DOF698" s="613"/>
      <c r="DOG698" s="613"/>
      <c r="DOH698" s="613"/>
      <c r="DOI698" s="613"/>
      <c r="DOJ698" s="613"/>
      <c r="DOK698" s="613"/>
      <c r="DOL698" s="613"/>
      <c r="DOM698" s="613"/>
      <c r="DON698" s="613"/>
      <c r="DOO698" s="613"/>
      <c r="DOP698" s="613"/>
      <c r="DOQ698" s="613"/>
      <c r="DOR698" s="613"/>
      <c r="DOS698" s="613"/>
      <c r="DOT698" s="613"/>
      <c r="DOU698" s="613"/>
      <c r="DOV698" s="613"/>
      <c r="DOW698" s="613"/>
      <c r="DOX698" s="613"/>
      <c r="DOY698" s="613"/>
      <c r="DOZ698" s="613"/>
      <c r="DPA698" s="613"/>
      <c r="DPB698" s="613"/>
      <c r="DPC698" s="613"/>
      <c r="DPD698" s="613"/>
      <c r="DPE698" s="613"/>
      <c r="DPF698" s="613"/>
      <c r="DPG698" s="613"/>
      <c r="DPH698" s="613"/>
      <c r="DPI698" s="613"/>
      <c r="DPJ698" s="613"/>
      <c r="DPK698" s="613"/>
      <c r="DPL698" s="613"/>
      <c r="DPM698" s="613"/>
      <c r="DPN698" s="613"/>
      <c r="DPO698" s="613"/>
      <c r="DPP698" s="613"/>
      <c r="DPQ698" s="613"/>
      <c r="DPR698" s="613"/>
      <c r="DPS698" s="613"/>
      <c r="DPT698" s="613"/>
      <c r="DPU698" s="613"/>
      <c r="DPV698" s="613"/>
      <c r="DPW698" s="613"/>
      <c r="DPX698" s="613"/>
      <c r="DPY698" s="613"/>
      <c r="DPZ698" s="613"/>
      <c r="DQA698" s="613"/>
      <c r="DQB698" s="613"/>
      <c r="DQC698" s="613"/>
      <c r="DQD698" s="613"/>
      <c r="DQE698" s="613"/>
      <c r="DQF698" s="613"/>
      <c r="DQG698" s="613"/>
      <c r="DQH698" s="613"/>
      <c r="DQI698" s="613"/>
      <c r="DQJ698" s="613"/>
      <c r="DQK698" s="613"/>
      <c r="DQL698" s="613"/>
      <c r="DQM698" s="613"/>
      <c r="DQN698" s="613"/>
      <c r="DQO698" s="613"/>
      <c r="DQP698" s="613"/>
      <c r="DQQ698" s="613"/>
      <c r="DQR698" s="613"/>
      <c r="DQS698" s="613"/>
      <c r="DQT698" s="613"/>
      <c r="DQU698" s="613"/>
      <c r="DQV698" s="613"/>
      <c r="DQW698" s="613"/>
      <c r="DQX698" s="613"/>
      <c r="DQY698" s="613"/>
      <c r="DQZ698" s="613"/>
      <c r="DRA698" s="613"/>
      <c r="DRB698" s="613"/>
      <c r="DRC698" s="613"/>
      <c r="DRD698" s="613"/>
      <c r="DRE698" s="613"/>
      <c r="DRF698" s="613"/>
      <c r="DRG698" s="613"/>
      <c r="DRH698" s="613"/>
      <c r="DRI698" s="613"/>
      <c r="DRJ698" s="613"/>
      <c r="DRK698" s="613"/>
      <c r="DRL698" s="613"/>
      <c r="DRM698" s="613"/>
      <c r="DRN698" s="613"/>
      <c r="DRO698" s="613"/>
      <c r="DRP698" s="613"/>
      <c r="DRQ698" s="613"/>
      <c r="DRR698" s="613"/>
      <c r="DRS698" s="613"/>
      <c r="DRT698" s="613"/>
      <c r="DRU698" s="613"/>
      <c r="DRV698" s="613"/>
      <c r="DRW698" s="613"/>
      <c r="DRX698" s="613"/>
      <c r="DRY698" s="613"/>
      <c r="DRZ698" s="613"/>
      <c r="DSA698" s="613"/>
      <c r="DSB698" s="613"/>
      <c r="DSC698" s="613"/>
      <c r="DSD698" s="613"/>
      <c r="DSE698" s="613"/>
      <c r="DSF698" s="613"/>
      <c r="DSG698" s="613"/>
      <c r="DSH698" s="613"/>
      <c r="DSI698" s="613"/>
      <c r="DSJ698" s="613"/>
      <c r="DSK698" s="613"/>
      <c r="DSL698" s="613"/>
      <c r="DSM698" s="613"/>
      <c r="DSN698" s="613"/>
      <c r="DSO698" s="613"/>
      <c r="DSP698" s="613"/>
      <c r="DSQ698" s="613"/>
      <c r="DSR698" s="613"/>
      <c r="DSS698" s="613"/>
      <c r="DST698" s="613"/>
      <c r="DSU698" s="613"/>
      <c r="DSV698" s="613"/>
      <c r="DSW698" s="613"/>
      <c r="DSX698" s="613"/>
      <c r="DSY698" s="613"/>
      <c r="DSZ698" s="613"/>
      <c r="DTA698" s="613"/>
      <c r="DTB698" s="613"/>
      <c r="DTC698" s="613"/>
      <c r="DTD698" s="613"/>
      <c r="DTE698" s="613"/>
      <c r="DTF698" s="613"/>
      <c r="DTG698" s="613"/>
      <c r="DTH698" s="613"/>
      <c r="DTI698" s="613"/>
      <c r="DTJ698" s="613"/>
      <c r="DTK698" s="613"/>
      <c r="DTL698" s="613"/>
      <c r="DTM698" s="613"/>
      <c r="DTN698" s="613"/>
      <c r="DTO698" s="613"/>
      <c r="DTP698" s="613"/>
      <c r="DTQ698" s="613"/>
      <c r="DTR698" s="613"/>
      <c r="DTS698" s="613"/>
      <c r="DTT698" s="613"/>
      <c r="DTU698" s="613"/>
      <c r="DTV698" s="613"/>
      <c r="DTW698" s="613"/>
      <c r="DTX698" s="613"/>
      <c r="DTY698" s="613"/>
      <c r="DTZ698" s="613"/>
      <c r="DUA698" s="613"/>
      <c r="DUB698" s="613"/>
      <c r="DUC698" s="613"/>
      <c r="DUD698" s="613"/>
      <c r="DUE698" s="613"/>
      <c r="DUF698" s="613"/>
      <c r="DUG698" s="613"/>
      <c r="DUH698" s="613"/>
      <c r="DUI698" s="613"/>
      <c r="DUJ698" s="613"/>
      <c r="DUK698" s="613"/>
      <c r="DUL698" s="613"/>
      <c r="DUM698" s="613"/>
      <c r="DUN698" s="613"/>
      <c r="DUO698" s="613"/>
      <c r="DUP698" s="613"/>
      <c r="DUQ698" s="613"/>
      <c r="DUR698" s="613"/>
      <c r="DUS698" s="613"/>
      <c r="DUT698" s="613"/>
      <c r="DUU698" s="613"/>
      <c r="DUV698" s="613"/>
      <c r="DUW698" s="613"/>
      <c r="DUX698" s="613"/>
      <c r="DUY698" s="613"/>
      <c r="DUZ698" s="613"/>
      <c r="DVA698" s="613"/>
      <c r="DVB698" s="613"/>
      <c r="DVC698" s="613"/>
      <c r="DVD698" s="613"/>
      <c r="DVE698" s="613"/>
      <c r="DVF698" s="613"/>
      <c r="DVG698" s="613"/>
      <c r="DVH698" s="613"/>
      <c r="DVI698" s="613"/>
      <c r="DVJ698" s="613"/>
      <c r="DVK698" s="613"/>
      <c r="DVL698" s="613"/>
      <c r="DVM698" s="613"/>
      <c r="DVN698" s="613"/>
      <c r="DVO698" s="613"/>
      <c r="DVP698" s="613"/>
      <c r="DVQ698" s="613"/>
      <c r="DVR698" s="613"/>
      <c r="DVS698" s="613"/>
      <c r="DVT698" s="613"/>
      <c r="DVU698" s="613"/>
      <c r="DVV698" s="613"/>
      <c r="DVW698" s="613"/>
      <c r="DVX698" s="613"/>
      <c r="DVY698" s="613"/>
      <c r="DVZ698" s="613"/>
      <c r="DWA698" s="613"/>
      <c r="DWB698" s="613"/>
      <c r="DWC698" s="613"/>
      <c r="DWD698" s="613"/>
      <c r="DWE698" s="613"/>
      <c r="DWF698" s="613"/>
      <c r="DWG698" s="613"/>
      <c r="DWH698" s="613"/>
      <c r="DWI698" s="613"/>
      <c r="DWJ698" s="613"/>
      <c r="DWK698" s="613"/>
      <c r="DWL698" s="613"/>
      <c r="DWM698" s="613"/>
      <c r="DWN698" s="613"/>
      <c r="DWO698" s="613"/>
      <c r="DWP698" s="613"/>
      <c r="DWQ698" s="613"/>
      <c r="DWR698" s="613"/>
      <c r="DWS698" s="613"/>
      <c r="DWT698" s="613"/>
      <c r="DWU698" s="613"/>
      <c r="DWV698" s="613"/>
      <c r="DWW698" s="613"/>
      <c r="DWX698" s="613"/>
      <c r="DWY698" s="613"/>
      <c r="DWZ698" s="613"/>
      <c r="DXA698" s="613"/>
      <c r="DXB698" s="613"/>
      <c r="DXC698" s="613"/>
      <c r="DXD698" s="613"/>
      <c r="DXE698" s="613"/>
      <c r="DXF698" s="613"/>
      <c r="DXG698" s="613"/>
      <c r="DXH698" s="613"/>
      <c r="DXI698" s="613"/>
      <c r="DXJ698" s="613"/>
      <c r="DXK698" s="613"/>
      <c r="DXL698" s="613"/>
      <c r="DXM698" s="613"/>
      <c r="DXN698" s="613"/>
      <c r="DXO698" s="613"/>
      <c r="DXP698" s="613"/>
      <c r="DXQ698" s="613"/>
      <c r="DXR698" s="613"/>
      <c r="DXS698" s="613"/>
      <c r="DXT698" s="613"/>
      <c r="DXU698" s="613"/>
      <c r="DXV698" s="613"/>
      <c r="DXW698" s="613"/>
      <c r="DXX698" s="613"/>
      <c r="DXY698" s="613"/>
      <c r="DXZ698" s="613"/>
      <c r="DYA698" s="613"/>
      <c r="DYB698" s="613"/>
      <c r="DYC698" s="613"/>
      <c r="DYD698" s="613"/>
      <c r="DYE698" s="613"/>
      <c r="DYF698" s="613"/>
      <c r="DYG698" s="613"/>
      <c r="DYH698" s="613"/>
      <c r="DYI698" s="613"/>
      <c r="DYJ698" s="613"/>
      <c r="DYK698" s="613"/>
      <c r="DYL698" s="613"/>
      <c r="DYM698" s="613"/>
      <c r="DYN698" s="613"/>
      <c r="DYO698" s="613"/>
      <c r="DYP698" s="613"/>
      <c r="DYQ698" s="613"/>
      <c r="DYR698" s="613"/>
      <c r="DYS698" s="613"/>
      <c r="DYT698" s="613"/>
      <c r="DYU698" s="613"/>
      <c r="DYV698" s="613"/>
      <c r="DYW698" s="613"/>
      <c r="DYX698" s="613"/>
      <c r="DYY698" s="613"/>
      <c r="DYZ698" s="613"/>
      <c r="DZA698" s="613"/>
      <c r="DZB698" s="613"/>
      <c r="DZC698" s="613"/>
      <c r="DZD698" s="613"/>
      <c r="DZE698" s="613"/>
      <c r="DZF698" s="613"/>
      <c r="DZG698" s="613"/>
      <c r="DZH698" s="613"/>
      <c r="DZI698" s="613"/>
      <c r="DZJ698" s="613"/>
      <c r="DZK698" s="613"/>
      <c r="DZL698" s="613"/>
      <c r="DZM698" s="613"/>
      <c r="DZN698" s="613"/>
      <c r="DZO698" s="613"/>
      <c r="DZP698" s="613"/>
      <c r="DZQ698" s="613"/>
      <c r="DZR698" s="613"/>
      <c r="DZS698" s="613"/>
      <c r="DZT698" s="613"/>
      <c r="DZU698" s="613"/>
      <c r="DZV698" s="613"/>
      <c r="DZW698" s="613"/>
      <c r="DZX698" s="613"/>
      <c r="DZY698" s="613"/>
      <c r="DZZ698" s="613"/>
      <c r="EAA698" s="613"/>
      <c r="EAB698" s="613"/>
      <c r="EAC698" s="613"/>
      <c r="EAD698" s="613"/>
      <c r="EAE698" s="613"/>
      <c r="EAF698" s="613"/>
      <c r="EAG698" s="613"/>
      <c r="EAH698" s="613"/>
      <c r="EAI698" s="613"/>
      <c r="EAJ698" s="613"/>
      <c r="EAK698" s="613"/>
      <c r="EAL698" s="613"/>
      <c r="EAM698" s="613"/>
      <c r="EAN698" s="613"/>
      <c r="EAO698" s="613"/>
      <c r="EAP698" s="613"/>
      <c r="EAQ698" s="613"/>
      <c r="EAR698" s="613"/>
      <c r="EAS698" s="613"/>
      <c r="EAT698" s="613"/>
      <c r="EAU698" s="613"/>
      <c r="EAV698" s="613"/>
      <c r="EAW698" s="613"/>
      <c r="EAX698" s="613"/>
      <c r="EAY698" s="613"/>
      <c r="EAZ698" s="613"/>
      <c r="EBA698" s="613"/>
      <c r="EBB698" s="613"/>
      <c r="EBC698" s="613"/>
      <c r="EBD698" s="613"/>
      <c r="EBE698" s="613"/>
      <c r="EBF698" s="613"/>
      <c r="EBG698" s="613"/>
      <c r="EBH698" s="613"/>
      <c r="EBI698" s="613"/>
      <c r="EBJ698" s="613"/>
      <c r="EBK698" s="613"/>
      <c r="EBL698" s="613"/>
      <c r="EBM698" s="613"/>
      <c r="EBN698" s="613"/>
      <c r="EBO698" s="613"/>
      <c r="EBP698" s="613"/>
      <c r="EBQ698" s="613"/>
      <c r="EBR698" s="613"/>
      <c r="EBS698" s="613"/>
      <c r="EBT698" s="613"/>
      <c r="EBU698" s="613"/>
      <c r="EBV698" s="613"/>
      <c r="EBW698" s="613"/>
      <c r="EBX698" s="613"/>
      <c r="EBY698" s="613"/>
      <c r="EBZ698" s="613"/>
      <c r="ECA698" s="613"/>
      <c r="ECB698" s="613"/>
      <c r="ECC698" s="613"/>
      <c r="ECD698" s="613"/>
      <c r="ECE698" s="613"/>
      <c r="ECF698" s="613"/>
      <c r="ECG698" s="613"/>
      <c r="ECH698" s="613"/>
      <c r="ECI698" s="613"/>
      <c r="ECJ698" s="613"/>
      <c r="ECK698" s="613"/>
      <c r="ECL698" s="613"/>
      <c r="ECM698" s="613"/>
      <c r="ECN698" s="613"/>
      <c r="ECO698" s="613"/>
      <c r="ECP698" s="613"/>
      <c r="ECQ698" s="613"/>
      <c r="ECR698" s="613"/>
      <c r="ECS698" s="613"/>
      <c r="ECT698" s="613"/>
      <c r="ECU698" s="613"/>
      <c r="ECV698" s="613"/>
      <c r="ECW698" s="613"/>
      <c r="ECX698" s="613"/>
      <c r="ECY698" s="613"/>
      <c r="ECZ698" s="613"/>
      <c r="EDA698" s="613"/>
      <c r="EDB698" s="613"/>
      <c r="EDC698" s="613"/>
      <c r="EDD698" s="613"/>
      <c r="EDE698" s="613"/>
      <c r="EDF698" s="613"/>
      <c r="EDG698" s="613"/>
      <c r="EDH698" s="613"/>
      <c r="EDI698" s="613"/>
      <c r="EDJ698" s="613"/>
      <c r="EDK698" s="613"/>
      <c r="EDL698" s="613"/>
      <c r="EDM698" s="613"/>
      <c r="EDN698" s="613"/>
      <c r="EDO698" s="613"/>
      <c r="EDP698" s="613"/>
      <c r="EDQ698" s="613"/>
      <c r="EDR698" s="613"/>
      <c r="EDS698" s="613"/>
      <c r="EDT698" s="613"/>
      <c r="EDU698" s="613"/>
      <c r="EDV698" s="613"/>
      <c r="EDW698" s="613"/>
      <c r="EDX698" s="613"/>
      <c r="EDY698" s="613"/>
      <c r="EDZ698" s="613"/>
      <c r="EEA698" s="613"/>
      <c r="EEB698" s="613"/>
      <c r="EEC698" s="613"/>
      <c r="EED698" s="613"/>
      <c r="EEE698" s="613"/>
      <c r="EEF698" s="613"/>
      <c r="EEG698" s="613"/>
      <c r="EEH698" s="613"/>
      <c r="EEI698" s="613"/>
      <c r="EEJ698" s="613"/>
      <c r="EEK698" s="613"/>
      <c r="EEL698" s="613"/>
      <c r="EEM698" s="613"/>
      <c r="EEN698" s="613"/>
      <c r="EEO698" s="613"/>
      <c r="EEP698" s="613"/>
      <c r="EEQ698" s="613"/>
      <c r="EER698" s="613"/>
      <c r="EES698" s="613"/>
      <c r="EET698" s="613"/>
      <c r="EEU698" s="613"/>
      <c r="EEV698" s="613"/>
      <c r="EEW698" s="613"/>
      <c r="EEX698" s="613"/>
      <c r="EEY698" s="613"/>
      <c r="EEZ698" s="613"/>
      <c r="EFA698" s="613"/>
      <c r="EFB698" s="613"/>
      <c r="EFC698" s="613"/>
      <c r="EFD698" s="613"/>
      <c r="EFE698" s="613"/>
      <c r="EFF698" s="613"/>
      <c r="EFG698" s="613"/>
      <c r="EFH698" s="613"/>
      <c r="EFI698" s="613"/>
      <c r="EFJ698" s="613"/>
      <c r="EFK698" s="613"/>
      <c r="EFL698" s="613"/>
      <c r="EFM698" s="613"/>
      <c r="EFN698" s="613"/>
      <c r="EFO698" s="613"/>
      <c r="EFP698" s="613"/>
      <c r="EFQ698" s="613"/>
      <c r="EFR698" s="613"/>
      <c r="EFS698" s="613"/>
      <c r="EFT698" s="613"/>
      <c r="EFU698" s="613"/>
      <c r="EFV698" s="613"/>
      <c r="EFW698" s="613"/>
      <c r="EFX698" s="613"/>
      <c r="EFY698" s="613"/>
      <c r="EFZ698" s="613"/>
      <c r="EGA698" s="613"/>
      <c r="EGB698" s="613"/>
      <c r="EGC698" s="613"/>
      <c r="EGD698" s="613"/>
      <c r="EGE698" s="613"/>
      <c r="EGF698" s="613"/>
      <c r="EGG698" s="613"/>
      <c r="EGH698" s="613"/>
      <c r="EGI698" s="613"/>
      <c r="EGJ698" s="613"/>
      <c r="EGK698" s="613"/>
      <c r="EGL698" s="613"/>
      <c r="EGM698" s="613"/>
      <c r="EGN698" s="613"/>
      <c r="EGO698" s="613"/>
      <c r="EGP698" s="613"/>
      <c r="EGQ698" s="613"/>
      <c r="EGR698" s="613"/>
      <c r="EGS698" s="613"/>
      <c r="EGT698" s="613"/>
      <c r="EGU698" s="613"/>
      <c r="EGV698" s="613"/>
      <c r="EGW698" s="613"/>
      <c r="EGX698" s="613"/>
      <c r="EGY698" s="613"/>
      <c r="EGZ698" s="613"/>
      <c r="EHA698" s="613"/>
      <c r="EHB698" s="613"/>
      <c r="EHC698" s="613"/>
      <c r="EHD698" s="613"/>
      <c r="EHE698" s="613"/>
      <c r="EHF698" s="613"/>
      <c r="EHG698" s="613"/>
      <c r="EHH698" s="613"/>
      <c r="EHI698" s="613"/>
      <c r="EHJ698" s="613"/>
      <c r="EHK698" s="613"/>
      <c r="EHL698" s="613"/>
      <c r="EHM698" s="613"/>
      <c r="EHN698" s="613"/>
      <c r="EHO698" s="613"/>
      <c r="EHP698" s="613"/>
      <c r="EHQ698" s="613"/>
      <c r="EHR698" s="613"/>
      <c r="EHS698" s="613"/>
      <c r="EHT698" s="613"/>
      <c r="EHU698" s="613"/>
      <c r="EHV698" s="613"/>
      <c r="EHW698" s="613"/>
      <c r="EHX698" s="613"/>
      <c r="EHY698" s="613"/>
      <c r="EHZ698" s="613"/>
      <c r="EIA698" s="613"/>
      <c r="EIB698" s="613"/>
      <c r="EIC698" s="613"/>
      <c r="EID698" s="613"/>
      <c r="EIE698" s="613"/>
      <c r="EIF698" s="613"/>
      <c r="EIG698" s="613"/>
      <c r="EIH698" s="613"/>
      <c r="EII698" s="613"/>
      <c r="EIJ698" s="613"/>
      <c r="EIK698" s="613"/>
      <c r="EIL698" s="613"/>
      <c r="EIM698" s="613"/>
      <c r="EIN698" s="613"/>
      <c r="EIO698" s="613"/>
      <c r="EIP698" s="613"/>
      <c r="EIQ698" s="613"/>
      <c r="EIR698" s="613"/>
      <c r="EIS698" s="613"/>
      <c r="EIT698" s="613"/>
      <c r="EIU698" s="613"/>
      <c r="EIV698" s="613"/>
      <c r="EIW698" s="613"/>
      <c r="EIX698" s="613"/>
      <c r="EIY698" s="613"/>
      <c r="EIZ698" s="613"/>
      <c r="EJA698" s="613"/>
      <c r="EJB698" s="613"/>
      <c r="EJC698" s="613"/>
      <c r="EJD698" s="613"/>
      <c r="EJE698" s="613"/>
      <c r="EJF698" s="613"/>
      <c r="EJG698" s="613"/>
      <c r="EJH698" s="613"/>
      <c r="EJI698" s="613"/>
      <c r="EJJ698" s="613"/>
      <c r="EJK698" s="613"/>
      <c r="EJL698" s="613"/>
      <c r="EJM698" s="613"/>
      <c r="EJN698" s="613"/>
      <c r="EJO698" s="613"/>
      <c r="EJP698" s="613"/>
      <c r="EJQ698" s="613"/>
      <c r="EJR698" s="613"/>
      <c r="EJS698" s="613"/>
      <c r="EJT698" s="613"/>
      <c r="EJU698" s="613"/>
      <c r="EJV698" s="613"/>
      <c r="EJW698" s="613"/>
      <c r="EJX698" s="613"/>
      <c r="EJY698" s="613"/>
      <c r="EJZ698" s="613"/>
      <c r="EKA698" s="613"/>
      <c r="EKB698" s="613"/>
      <c r="EKC698" s="613"/>
      <c r="EKD698" s="613"/>
      <c r="EKE698" s="613"/>
      <c r="EKF698" s="613"/>
      <c r="EKG698" s="613"/>
      <c r="EKH698" s="613"/>
      <c r="EKI698" s="613"/>
      <c r="EKJ698" s="613"/>
      <c r="EKK698" s="613"/>
      <c r="EKL698" s="613"/>
      <c r="EKM698" s="613"/>
      <c r="EKN698" s="613"/>
      <c r="EKO698" s="613"/>
      <c r="EKP698" s="613"/>
      <c r="EKQ698" s="613"/>
      <c r="EKR698" s="613"/>
      <c r="EKS698" s="613"/>
      <c r="EKT698" s="613"/>
      <c r="EKU698" s="613"/>
      <c r="EKV698" s="613"/>
      <c r="EKW698" s="613"/>
      <c r="EKX698" s="613"/>
      <c r="EKY698" s="613"/>
      <c r="EKZ698" s="613"/>
      <c r="ELA698" s="613"/>
      <c r="ELB698" s="613"/>
      <c r="ELC698" s="613"/>
      <c r="ELD698" s="613"/>
      <c r="ELE698" s="613"/>
      <c r="ELF698" s="613"/>
      <c r="ELG698" s="613"/>
      <c r="ELH698" s="613"/>
      <c r="ELI698" s="613"/>
      <c r="ELJ698" s="613"/>
      <c r="ELK698" s="613"/>
      <c r="ELL698" s="613"/>
      <c r="ELM698" s="613"/>
      <c r="ELN698" s="613"/>
      <c r="ELO698" s="613"/>
      <c r="ELP698" s="613"/>
      <c r="ELQ698" s="613"/>
      <c r="ELR698" s="613"/>
      <c r="ELS698" s="613"/>
      <c r="ELT698" s="613"/>
      <c r="ELU698" s="613"/>
      <c r="ELV698" s="613"/>
      <c r="ELW698" s="613"/>
      <c r="ELX698" s="613"/>
      <c r="ELY698" s="613"/>
      <c r="ELZ698" s="613"/>
      <c r="EMA698" s="613"/>
      <c r="EMB698" s="613"/>
      <c r="EMC698" s="613"/>
      <c r="EMD698" s="613"/>
      <c r="EME698" s="613"/>
      <c r="EMF698" s="613"/>
      <c r="EMG698" s="613"/>
      <c r="EMH698" s="613"/>
      <c r="EMI698" s="613"/>
      <c r="EMJ698" s="613"/>
      <c r="EMK698" s="613"/>
      <c r="EML698" s="613"/>
      <c r="EMM698" s="613"/>
      <c r="EMN698" s="613"/>
      <c r="EMO698" s="613"/>
      <c r="EMP698" s="613"/>
      <c r="EMQ698" s="613"/>
      <c r="EMR698" s="613"/>
      <c r="EMS698" s="613"/>
      <c r="EMT698" s="613"/>
      <c r="EMU698" s="613"/>
      <c r="EMV698" s="613"/>
      <c r="EMW698" s="613"/>
      <c r="EMX698" s="613"/>
      <c r="EMY698" s="613"/>
      <c r="EMZ698" s="613"/>
      <c r="ENA698" s="613"/>
      <c r="ENB698" s="613"/>
      <c r="ENC698" s="613"/>
      <c r="END698" s="613"/>
      <c r="ENE698" s="613"/>
      <c r="ENF698" s="613"/>
      <c r="ENG698" s="613"/>
      <c r="ENH698" s="613"/>
      <c r="ENI698" s="613"/>
      <c r="ENJ698" s="613"/>
      <c r="ENK698" s="613"/>
      <c r="ENL698" s="613"/>
      <c r="ENM698" s="613"/>
      <c r="ENN698" s="613"/>
      <c r="ENO698" s="613"/>
      <c r="ENP698" s="613"/>
      <c r="ENQ698" s="613"/>
      <c r="ENR698" s="613"/>
      <c r="ENS698" s="613"/>
      <c r="ENT698" s="613"/>
      <c r="ENU698" s="613"/>
      <c r="ENV698" s="613"/>
      <c r="ENW698" s="613"/>
      <c r="ENX698" s="613"/>
      <c r="ENY698" s="613"/>
      <c r="ENZ698" s="613"/>
      <c r="EOA698" s="613"/>
      <c r="EOB698" s="613"/>
      <c r="EOC698" s="613"/>
      <c r="EOD698" s="613"/>
      <c r="EOE698" s="613"/>
      <c r="EOF698" s="613"/>
      <c r="EOG698" s="613"/>
      <c r="EOH698" s="613"/>
      <c r="EOI698" s="613"/>
      <c r="EOJ698" s="613"/>
      <c r="EOK698" s="613"/>
      <c r="EOL698" s="613"/>
      <c r="EOM698" s="613"/>
      <c r="EON698" s="613"/>
      <c r="EOO698" s="613"/>
      <c r="EOP698" s="613"/>
      <c r="EOQ698" s="613"/>
      <c r="EOR698" s="613"/>
      <c r="EOS698" s="613"/>
      <c r="EOT698" s="613"/>
      <c r="EOU698" s="613"/>
      <c r="EOV698" s="613"/>
      <c r="EOW698" s="613"/>
      <c r="EOX698" s="613"/>
      <c r="EOY698" s="613"/>
      <c r="EOZ698" s="613"/>
      <c r="EPA698" s="613"/>
      <c r="EPB698" s="613"/>
      <c r="EPC698" s="613"/>
      <c r="EPD698" s="613"/>
      <c r="EPE698" s="613"/>
      <c r="EPF698" s="613"/>
      <c r="EPG698" s="613"/>
      <c r="EPH698" s="613"/>
      <c r="EPI698" s="613"/>
      <c r="EPJ698" s="613"/>
      <c r="EPK698" s="613"/>
      <c r="EPL698" s="613"/>
      <c r="EPM698" s="613"/>
      <c r="EPN698" s="613"/>
      <c r="EPO698" s="613"/>
      <c r="EPP698" s="613"/>
      <c r="EPQ698" s="613"/>
      <c r="EPR698" s="613"/>
      <c r="EPS698" s="613"/>
      <c r="EPT698" s="613"/>
      <c r="EPU698" s="613"/>
      <c r="EPV698" s="613"/>
      <c r="EPW698" s="613"/>
      <c r="EPX698" s="613"/>
      <c r="EPY698" s="613"/>
      <c r="EPZ698" s="613"/>
      <c r="EQA698" s="613"/>
      <c r="EQB698" s="613"/>
      <c r="EQC698" s="613"/>
      <c r="EQD698" s="613"/>
      <c r="EQE698" s="613"/>
      <c r="EQF698" s="613"/>
      <c r="EQG698" s="613"/>
      <c r="EQH698" s="613"/>
      <c r="EQI698" s="613"/>
      <c r="EQJ698" s="613"/>
      <c r="EQK698" s="613"/>
      <c r="EQL698" s="613"/>
      <c r="EQM698" s="613"/>
      <c r="EQN698" s="613"/>
      <c r="EQO698" s="613"/>
      <c r="EQP698" s="613"/>
      <c r="EQQ698" s="613"/>
      <c r="EQR698" s="613"/>
      <c r="EQS698" s="613"/>
      <c r="EQT698" s="613"/>
      <c r="EQU698" s="613"/>
      <c r="EQV698" s="613"/>
      <c r="EQW698" s="613"/>
      <c r="EQX698" s="613"/>
      <c r="EQY698" s="613"/>
      <c r="EQZ698" s="613"/>
      <c r="ERA698" s="613"/>
      <c r="ERB698" s="613"/>
      <c r="ERC698" s="613"/>
      <c r="ERD698" s="613"/>
      <c r="ERE698" s="613"/>
      <c r="ERF698" s="613"/>
      <c r="ERG698" s="613"/>
      <c r="ERH698" s="613"/>
      <c r="ERI698" s="613"/>
      <c r="ERJ698" s="613"/>
      <c r="ERK698" s="613"/>
      <c r="ERL698" s="613"/>
      <c r="ERM698" s="613"/>
      <c r="ERN698" s="613"/>
      <c r="ERO698" s="613"/>
      <c r="ERP698" s="613"/>
      <c r="ERQ698" s="613"/>
      <c r="ERR698" s="613"/>
      <c r="ERS698" s="613"/>
      <c r="ERT698" s="613"/>
      <c r="ERU698" s="613"/>
      <c r="ERV698" s="613"/>
      <c r="ERW698" s="613"/>
      <c r="ERX698" s="613"/>
      <c r="ERY698" s="613"/>
      <c r="ERZ698" s="613"/>
      <c r="ESA698" s="613"/>
      <c r="ESB698" s="613"/>
      <c r="ESC698" s="613"/>
      <c r="ESD698" s="613"/>
      <c r="ESE698" s="613"/>
      <c r="ESF698" s="613"/>
      <c r="ESG698" s="613"/>
      <c r="ESH698" s="613"/>
      <c r="ESI698" s="613"/>
      <c r="ESJ698" s="613"/>
      <c r="ESK698" s="613"/>
      <c r="ESL698" s="613"/>
      <c r="ESM698" s="613"/>
      <c r="ESN698" s="613"/>
      <c r="ESO698" s="613"/>
      <c r="ESP698" s="613"/>
      <c r="ESQ698" s="613"/>
      <c r="ESR698" s="613"/>
      <c r="ESS698" s="613"/>
      <c r="EST698" s="613"/>
      <c r="ESU698" s="613"/>
      <c r="ESV698" s="613"/>
      <c r="ESW698" s="613"/>
      <c r="ESX698" s="613"/>
      <c r="ESY698" s="613"/>
      <c r="ESZ698" s="613"/>
      <c r="ETA698" s="613"/>
      <c r="ETB698" s="613"/>
      <c r="ETC698" s="613"/>
      <c r="ETD698" s="613"/>
      <c r="ETE698" s="613"/>
      <c r="ETF698" s="613"/>
      <c r="ETG698" s="613"/>
      <c r="ETH698" s="613"/>
      <c r="ETI698" s="613"/>
      <c r="ETJ698" s="613"/>
      <c r="ETK698" s="613"/>
      <c r="ETL698" s="613"/>
      <c r="ETM698" s="613"/>
      <c r="ETN698" s="613"/>
      <c r="ETO698" s="613"/>
      <c r="ETP698" s="613"/>
      <c r="ETQ698" s="613"/>
      <c r="ETR698" s="613"/>
      <c r="ETS698" s="613"/>
      <c r="ETT698" s="613"/>
      <c r="ETU698" s="613"/>
      <c r="ETV698" s="613"/>
      <c r="ETW698" s="613"/>
      <c r="ETX698" s="613"/>
      <c r="ETY698" s="613"/>
      <c r="ETZ698" s="613"/>
      <c r="EUA698" s="613"/>
      <c r="EUB698" s="613"/>
      <c r="EUC698" s="613"/>
      <c r="EUD698" s="613"/>
      <c r="EUE698" s="613"/>
      <c r="EUF698" s="613"/>
      <c r="EUG698" s="613"/>
      <c r="EUH698" s="613"/>
      <c r="EUI698" s="613"/>
      <c r="EUJ698" s="613"/>
      <c r="EUK698" s="613"/>
      <c r="EUL698" s="613"/>
      <c r="EUM698" s="613"/>
      <c r="EUN698" s="613"/>
      <c r="EUO698" s="613"/>
      <c r="EUP698" s="613"/>
      <c r="EUQ698" s="613"/>
      <c r="EUR698" s="613"/>
      <c r="EUS698" s="613"/>
      <c r="EUT698" s="613"/>
      <c r="EUU698" s="613"/>
      <c r="EUV698" s="613"/>
      <c r="EUW698" s="613"/>
      <c r="EUX698" s="613"/>
      <c r="EUY698" s="613"/>
      <c r="EUZ698" s="613"/>
      <c r="EVA698" s="613"/>
      <c r="EVB698" s="613"/>
      <c r="EVC698" s="613"/>
      <c r="EVD698" s="613"/>
      <c r="EVE698" s="613"/>
      <c r="EVF698" s="613"/>
      <c r="EVG698" s="613"/>
      <c r="EVH698" s="613"/>
      <c r="EVI698" s="613"/>
      <c r="EVJ698" s="613"/>
      <c r="EVK698" s="613"/>
      <c r="EVL698" s="613"/>
      <c r="EVM698" s="613"/>
      <c r="EVN698" s="613"/>
      <c r="EVO698" s="613"/>
      <c r="EVP698" s="613"/>
      <c r="EVQ698" s="613"/>
      <c r="EVR698" s="613"/>
      <c r="EVS698" s="613"/>
      <c r="EVT698" s="613"/>
      <c r="EVU698" s="613"/>
      <c r="EVV698" s="613"/>
      <c r="EVW698" s="613"/>
      <c r="EVX698" s="613"/>
      <c r="EVY698" s="613"/>
      <c r="EVZ698" s="613"/>
      <c r="EWA698" s="613"/>
      <c r="EWB698" s="613"/>
      <c r="EWC698" s="613"/>
      <c r="EWD698" s="613"/>
      <c r="EWE698" s="613"/>
      <c r="EWF698" s="613"/>
      <c r="EWG698" s="613"/>
      <c r="EWH698" s="613"/>
      <c r="EWI698" s="613"/>
      <c r="EWJ698" s="613"/>
      <c r="EWK698" s="613"/>
      <c r="EWL698" s="613"/>
      <c r="EWM698" s="613"/>
      <c r="EWN698" s="613"/>
      <c r="EWO698" s="613"/>
      <c r="EWP698" s="613"/>
      <c r="EWQ698" s="613"/>
      <c r="EWR698" s="613"/>
      <c r="EWS698" s="613"/>
      <c r="EWT698" s="613"/>
      <c r="EWU698" s="613"/>
      <c r="EWV698" s="613"/>
      <c r="EWW698" s="613"/>
      <c r="EWX698" s="613"/>
      <c r="EWY698" s="613"/>
      <c r="EWZ698" s="613"/>
      <c r="EXA698" s="613"/>
      <c r="EXB698" s="613"/>
      <c r="EXC698" s="613"/>
      <c r="EXD698" s="613"/>
      <c r="EXE698" s="613"/>
      <c r="EXF698" s="613"/>
      <c r="EXG698" s="613"/>
      <c r="EXH698" s="613"/>
      <c r="EXI698" s="613"/>
      <c r="EXJ698" s="613"/>
      <c r="EXK698" s="613"/>
      <c r="EXL698" s="613"/>
      <c r="EXM698" s="613"/>
      <c r="EXN698" s="613"/>
      <c r="EXO698" s="613"/>
      <c r="EXP698" s="613"/>
      <c r="EXQ698" s="613"/>
      <c r="EXR698" s="613"/>
      <c r="EXS698" s="613"/>
      <c r="EXT698" s="613"/>
      <c r="EXU698" s="613"/>
      <c r="EXV698" s="613"/>
      <c r="EXW698" s="613"/>
      <c r="EXX698" s="613"/>
      <c r="EXY698" s="613"/>
      <c r="EXZ698" s="613"/>
      <c r="EYA698" s="613"/>
      <c r="EYB698" s="613"/>
      <c r="EYC698" s="613"/>
      <c r="EYD698" s="613"/>
      <c r="EYE698" s="613"/>
      <c r="EYF698" s="613"/>
      <c r="EYG698" s="613"/>
      <c r="EYH698" s="613"/>
      <c r="EYI698" s="613"/>
      <c r="EYJ698" s="613"/>
      <c r="EYK698" s="613"/>
      <c r="EYL698" s="613"/>
      <c r="EYM698" s="613"/>
      <c r="EYN698" s="613"/>
      <c r="EYO698" s="613"/>
      <c r="EYP698" s="613"/>
      <c r="EYQ698" s="613"/>
      <c r="EYR698" s="613"/>
      <c r="EYS698" s="613"/>
      <c r="EYT698" s="613"/>
      <c r="EYU698" s="613"/>
      <c r="EYV698" s="613"/>
      <c r="EYW698" s="613"/>
      <c r="EYX698" s="613"/>
      <c r="EYY698" s="613"/>
      <c r="EYZ698" s="613"/>
      <c r="EZA698" s="613"/>
      <c r="EZB698" s="613"/>
      <c r="EZC698" s="613"/>
      <c r="EZD698" s="613"/>
      <c r="EZE698" s="613"/>
      <c r="EZF698" s="613"/>
      <c r="EZG698" s="613"/>
      <c r="EZH698" s="613"/>
      <c r="EZI698" s="613"/>
      <c r="EZJ698" s="613"/>
      <c r="EZK698" s="613"/>
      <c r="EZL698" s="613"/>
      <c r="EZM698" s="613"/>
      <c r="EZN698" s="613"/>
      <c r="EZO698" s="613"/>
      <c r="EZP698" s="613"/>
      <c r="EZQ698" s="613"/>
      <c r="EZR698" s="613"/>
      <c r="EZS698" s="613"/>
      <c r="EZT698" s="613"/>
      <c r="EZU698" s="613"/>
      <c r="EZV698" s="613"/>
      <c r="EZW698" s="613"/>
      <c r="EZX698" s="613"/>
      <c r="EZY698" s="613"/>
      <c r="EZZ698" s="613"/>
      <c r="FAA698" s="613"/>
      <c r="FAB698" s="613"/>
      <c r="FAC698" s="613"/>
      <c r="FAD698" s="613"/>
      <c r="FAE698" s="613"/>
      <c r="FAF698" s="613"/>
      <c r="FAG698" s="613"/>
      <c r="FAH698" s="613"/>
      <c r="FAI698" s="613"/>
      <c r="FAJ698" s="613"/>
      <c r="FAK698" s="613"/>
      <c r="FAL698" s="613"/>
      <c r="FAM698" s="613"/>
      <c r="FAN698" s="613"/>
      <c r="FAO698" s="613"/>
      <c r="FAP698" s="613"/>
      <c r="FAQ698" s="613"/>
      <c r="FAR698" s="613"/>
      <c r="FAS698" s="613"/>
      <c r="FAT698" s="613"/>
      <c r="FAU698" s="613"/>
      <c r="FAV698" s="613"/>
      <c r="FAW698" s="613"/>
      <c r="FAX698" s="613"/>
      <c r="FAY698" s="613"/>
      <c r="FAZ698" s="613"/>
      <c r="FBA698" s="613"/>
      <c r="FBB698" s="613"/>
      <c r="FBC698" s="613"/>
      <c r="FBD698" s="613"/>
      <c r="FBE698" s="613"/>
      <c r="FBF698" s="613"/>
      <c r="FBG698" s="613"/>
      <c r="FBH698" s="613"/>
      <c r="FBI698" s="613"/>
      <c r="FBJ698" s="613"/>
      <c r="FBK698" s="613"/>
      <c r="FBL698" s="613"/>
      <c r="FBM698" s="613"/>
      <c r="FBN698" s="613"/>
      <c r="FBO698" s="613"/>
      <c r="FBP698" s="613"/>
      <c r="FBQ698" s="613"/>
      <c r="FBR698" s="613"/>
      <c r="FBS698" s="613"/>
      <c r="FBT698" s="613"/>
      <c r="FBU698" s="613"/>
      <c r="FBV698" s="613"/>
      <c r="FBW698" s="613"/>
      <c r="FBX698" s="613"/>
      <c r="FBY698" s="613"/>
      <c r="FBZ698" s="613"/>
      <c r="FCA698" s="613"/>
      <c r="FCB698" s="613"/>
      <c r="FCC698" s="613"/>
      <c r="FCD698" s="613"/>
      <c r="FCE698" s="613"/>
      <c r="FCF698" s="613"/>
      <c r="FCG698" s="613"/>
      <c r="FCH698" s="613"/>
      <c r="FCI698" s="613"/>
      <c r="FCJ698" s="613"/>
      <c r="FCK698" s="613"/>
      <c r="FCL698" s="613"/>
      <c r="FCM698" s="613"/>
      <c r="FCN698" s="613"/>
      <c r="FCO698" s="613"/>
      <c r="FCP698" s="613"/>
      <c r="FCQ698" s="613"/>
      <c r="FCR698" s="613"/>
      <c r="FCS698" s="613"/>
      <c r="FCT698" s="613"/>
      <c r="FCU698" s="613"/>
      <c r="FCV698" s="613"/>
      <c r="FCW698" s="613"/>
      <c r="FCX698" s="613"/>
      <c r="FCY698" s="613"/>
      <c r="FCZ698" s="613"/>
      <c r="FDA698" s="613"/>
      <c r="FDB698" s="613"/>
      <c r="FDC698" s="613"/>
      <c r="FDD698" s="613"/>
      <c r="FDE698" s="613"/>
      <c r="FDF698" s="613"/>
      <c r="FDG698" s="613"/>
      <c r="FDH698" s="613"/>
      <c r="FDI698" s="613"/>
      <c r="FDJ698" s="613"/>
      <c r="FDK698" s="613"/>
      <c r="FDL698" s="613"/>
      <c r="FDM698" s="613"/>
      <c r="FDN698" s="613"/>
      <c r="FDO698" s="613"/>
      <c r="FDP698" s="613"/>
      <c r="FDQ698" s="613"/>
      <c r="FDR698" s="613"/>
      <c r="FDS698" s="613"/>
      <c r="FDT698" s="613"/>
      <c r="FDU698" s="613"/>
      <c r="FDV698" s="613"/>
      <c r="FDW698" s="613"/>
      <c r="FDX698" s="613"/>
      <c r="FDY698" s="613"/>
      <c r="FDZ698" s="613"/>
      <c r="FEA698" s="613"/>
      <c r="FEB698" s="613"/>
      <c r="FEC698" s="613"/>
      <c r="FED698" s="613"/>
      <c r="FEE698" s="613"/>
      <c r="FEF698" s="613"/>
      <c r="FEG698" s="613"/>
      <c r="FEH698" s="613"/>
      <c r="FEI698" s="613"/>
      <c r="FEJ698" s="613"/>
      <c r="FEK698" s="613"/>
      <c r="FEL698" s="613"/>
      <c r="FEM698" s="613"/>
      <c r="FEN698" s="613"/>
      <c r="FEO698" s="613"/>
      <c r="FEP698" s="613"/>
      <c r="FEQ698" s="613"/>
      <c r="FER698" s="613"/>
      <c r="FES698" s="613"/>
      <c r="FET698" s="613"/>
      <c r="FEU698" s="613"/>
      <c r="FEV698" s="613"/>
      <c r="FEW698" s="613"/>
      <c r="FEX698" s="613"/>
      <c r="FEY698" s="613"/>
      <c r="FEZ698" s="613"/>
      <c r="FFA698" s="613"/>
      <c r="FFB698" s="613"/>
      <c r="FFC698" s="613"/>
      <c r="FFD698" s="613"/>
      <c r="FFE698" s="613"/>
      <c r="FFF698" s="613"/>
      <c r="FFG698" s="613"/>
      <c r="FFH698" s="613"/>
      <c r="FFI698" s="613"/>
      <c r="FFJ698" s="613"/>
      <c r="FFK698" s="613"/>
      <c r="FFL698" s="613"/>
      <c r="FFM698" s="613"/>
      <c r="FFN698" s="613"/>
      <c r="FFO698" s="613"/>
      <c r="FFP698" s="613"/>
      <c r="FFQ698" s="613"/>
      <c r="FFR698" s="613"/>
      <c r="FFS698" s="613"/>
      <c r="FFT698" s="613"/>
      <c r="FFU698" s="613"/>
      <c r="FFV698" s="613"/>
      <c r="FFW698" s="613"/>
      <c r="FFX698" s="613"/>
      <c r="FFY698" s="613"/>
      <c r="FFZ698" s="613"/>
      <c r="FGA698" s="613"/>
      <c r="FGB698" s="613"/>
      <c r="FGC698" s="613"/>
      <c r="FGD698" s="613"/>
      <c r="FGE698" s="613"/>
      <c r="FGF698" s="613"/>
      <c r="FGG698" s="613"/>
      <c r="FGH698" s="613"/>
      <c r="FGI698" s="613"/>
      <c r="FGJ698" s="613"/>
      <c r="FGK698" s="613"/>
      <c r="FGL698" s="613"/>
      <c r="FGM698" s="613"/>
      <c r="FGN698" s="613"/>
      <c r="FGO698" s="613"/>
      <c r="FGP698" s="613"/>
      <c r="FGQ698" s="613"/>
      <c r="FGR698" s="613"/>
      <c r="FGS698" s="613"/>
      <c r="FGT698" s="613"/>
      <c r="FGU698" s="613"/>
      <c r="FGV698" s="613"/>
      <c r="FGW698" s="613"/>
      <c r="FGX698" s="613"/>
      <c r="FGY698" s="613"/>
      <c r="FGZ698" s="613"/>
      <c r="FHA698" s="613"/>
      <c r="FHB698" s="613"/>
      <c r="FHC698" s="613"/>
      <c r="FHD698" s="613"/>
      <c r="FHE698" s="613"/>
      <c r="FHF698" s="613"/>
      <c r="FHG698" s="613"/>
      <c r="FHH698" s="613"/>
      <c r="FHI698" s="613"/>
      <c r="FHJ698" s="613"/>
      <c r="FHK698" s="613"/>
      <c r="FHL698" s="613"/>
      <c r="FHM698" s="613"/>
      <c r="FHN698" s="613"/>
      <c r="FHO698" s="613"/>
      <c r="FHP698" s="613"/>
      <c r="FHQ698" s="613"/>
      <c r="FHR698" s="613"/>
      <c r="FHS698" s="613"/>
      <c r="FHT698" s="613"/>
      <c r="FHU698" s="613"/>
      <c r="FHV698" s="613"/>
      <c r="FHW698" s="613"/>
      <c r="FHX698" s="613"/>
      <c r="FHY698" s="613"/>
      <c r="FHZ698" s="613"/>
      <c r="FIA698" s="613"/>
      <c r="FIB698" s="613"/>
      <c r="FIC698" s="613"/>
      <c r="FID698" s="613"/>
      <c r="FIE698" s="613"/>
      <c r="FIF698" s="613"/>
      <c r="FIG698" s="613"/>
      <c r="FIH698" s="613"/>
      <c r="FII698" s="613"/>
      <c r="FIJ698" s="613"/>
      <c r="FIK698" s="613"/>
      <c r="FIL698" s="613"/>
      <c r="FIM698" s="613"/>
      <c r="FIN698" s="613"/>
      <c r="FIO698" s="613"/>
      <c r="FIP698" s="613"/>
      <c r="FIQ698" s="613"/>
      <c r="FIR698" s="613"/>
      <c r="FIS698" s="613"/>
      <c r="FIT698" s="613"/>
      <c r="FIU698" s="613"/>
      <c r="FIV698" s="613"/>
      <c r="FIW698" s="613"/>
      <c r="FIX698" s="613"/>
      <c r="FIY698" s="613"/>
      <c r="FIZ698" s="613"/>
      <c r="FJA698" s="613"/>
      <c r="FJB698" s="613"/>
      <c r="FJC698" s="613"/>
      <c r="FJD698" s="613"/>
      <c r="FJE698" s="613"/>
      <c r="FJF698" s="613"/>
      <c r="FJG698" s="613"/>
      <c r="FJH698" s="613"/>
      <c r="FJI698" s="613"/>
      <c r="FJJ698" s="613"/>
      <c r="FJK698" s="613"/>
      <c r="FJL698" s="613"/>
      <c r="FJM698" s="613"/>
      <c r="FJN698" s="613"/>
      <c r="FJO698" s="613"/>
      <c r="FJP698" s="613"/>
      <c r="FJQ698" s="613"/>
      <c r="FJR698" s="613"/>
      <c r="FJS698" s="613"/>
      <c r="FJT698" s="613"/>
      <c r="FJU698" s="613"/>
      <c r="FJV698" s="613"/>
      <c r="FJW698" s="613"/>
      <c r="FJX698" s="613"/>
      <c r="FJY698" s="613"/>
      <c r="FJZ698" s="613"/>
      <c r="FKA698" s="613"/>
      <c r="FKB698" s="613"/>
      <c r="FKC698" s="613"/>
      <c r="FKD698" s="613"/>
      <c r="FKE698" s="613"/>
      <c r="FKF698" s="613"/>
      <c r="FKG698" s="613"/>
      <c r="FKH698" s="613"/>
      <c r="FKI698" s="613"/>
      <c r="FKJ698" s="613"/>
      <c r="FKK698" s="613"/>
      <c r="FKL698" s="613"/>
      <c r="FKM698" s="613"/>
      <c r="FKN698" s="613"/>
      <c r="FKO698" s="613"/>
      <c r="FKP698" s="613"/>
      <c r="FKQ698" s="613"/>
      <c r="FKR698" s="613"/>
      <c r="FKS698" s="613"/>
      <c r="FKT698" s="613"/>
      <c r="FKU698" s="613"/>
      <c r="FKV698" s="613"/>
      <c r="FKW698" s="613"/>
      <c r="FKX698" s="613"/>
      <c r="FKY698" s="613"/>
      <c r="FKZ698" s="613"/>
      <c r="FLA698" s="613"/>
      <c r="FLB698" s="613"/>
      <c r="FLC698" s="613"/>
      <c r="FLD698" s="613"/>
      <c r="FLE698" s="613"/>
      <c r="FLF698" s="613"/>
      <c r="FLG698" s="613"/>
      <c r="FLH698" s="613"/>
      <c r="FLI698" s="613"/>
      <c r="FLJ698" s="613"/>
      <c r="FLK698" s="613"/>
      <c r="FLL698" s="613"/>
      <c r="FLM698" s="613"/>
      <c r="FLN698" s="613"/>
      <c r="FLO698" s="613"/>
      <c r="FLP698" s="613"/>
      <c r="FLQ698" s="613"/>
      <c r="FLR698" s="613"/>
      <c r="FLS698" s="613"/>
      <c r="FLT698" s="613"/>
      <c r="FLU698" s="613"/>
      <c r="FLV698" s="613"/>
      <c r="FLW698" s="613"/>
      <c r="FLX698" s="613"/>
      <c r="FLY698" s="613"/>
      <c r="FLZ698" s="613"/>
      <c r="FMA698" s="613"/>
      <c r="FMB698" s="613"/>
      <c r="FMC698" s="613"/>
      <c r="FMD698" s="613"/>
      <c r="FME698" s="613"/>
      <c r="FMF698" s="613"/>
      <c r="FMG698" s="613"/>
      <c r="FMH698" s="613"/>
      <c r="FMI698" s="613"/>
      <c r="FMJ698" s="613"/>
      <c r="FMK698" s="613"/>
      <c r="FML698" s="613"/>
      <c r="FMM698" s="613"/>
      <c r="FMN698" s="613"/>
      <c r="FMO698" s="613"/>
      <c r="FMP698" s="613"/>
      <c r="FMQ698" s="613"/>
      <c r="FMR698" s="613"/>
      <c r="FMS698" s="613"/>
      <c r="FMT698" s="613"/>
      <c r="FMU698" s="613"/>
      <c r="FMV698" s="613"/>
      <c r="FMW698" s="613"/>
      <c r="FMX698" s="613"/>
      <c r="FMY698" s="613"/>
      <c r="FMZ698" s="613"/>
      <c r="FNA698" s="613"/>
      <c r="FNB698" s="613"/>
      <c r="FNC698" s="613"/>
      <c r="FND698" s="613"/>
      <c r="FNE698" s="613"/>
      <c r="FNF698" s="613"/>
      <c r="FNG698" s="613"/>
      <c r="FNH698" s="613"/>
      <c r="FNI698" s="613"/>
      <c r="FNJ698" s="613"/>
      <c r="FNK698" s="613"/>
      <c r="FNL698" s="613"/>
      <c r="FNM698" s="613"/>
      <c r="FNN698" s="613"/>
      <c r="FNO698" s="613"/>
      <c r="FNP698" s="613"/>
      <c r="FNQ698" s="613"/>
      <c r="FNR698" s="613"/>
      <c r="FNS698" s="613"/>
      <c r="FNT698" s="613"/>
      <c r="FNU698" s="613"/>
      <c r="FNV698" s="613"/>
      <c r="FNW698" s="613"/>
      <c r="FNX698" s="613"/>
      <c r="FNY698" s="613"/>
      <c r="FNZ698" s="613"/>
      <c r="FOA698" s="613"/>
      <c r="FOB698" s="613"/>
      <c r="FOC698" s="613"/>
      <c r="FOD698" s="613"/>
      <c r="FOE698" s="613"/>
      <c r="FOF698" s="613"/>
      <c r="FOG698" s="613"/>
      <c r="FOH698" s="613"/>
      <c r="FOI698" s="613"/>
      <c r="FOJ698" s="613"/>
      <c r="FOK698" s="613"/>
      <c r="FOL698" s="613"/>
      <c r="FOM698" s="613"/>
      <c r="FON698" s="613"/>
      <c r="FOO698" s="613"/>
      <c r="FOP698" s="613"/>
      <c r="FOQ698" s="613"/>
      <c r="FOR698" s="613"/>
      <c r="FOS698" s="613"/>
      <c r="FOT698" s="613"/>
      <c r="FOU698" s="613"/>
      <c r="FOV698" s="613"/>
      <c r="FOW698" s="613"/>
      <c r="FOX698" s="613"/>
      <c r="FOY698" s="613"/>
      <c r="FOZ698" s="613"/>
      <c r="FPA698" s="613"/>
      <c r="FPB698" s="613"/>
      <c r="FPC698" s="613"/>
      <c r="FPD698" s="613"/>
      <c r="FPE698" s="613"/>
      <c r="FPF698" s="613"/>
      <c r="FPG698" s="613"/>
      <c r="FPH698" s="613"/>
      <c r="FPI698" s="613"/>
      <c r="FPJ698" s="613"/>
      <c r="FPK698" s="613"/>
      <c r="FPL698" s="613"/>
      <c r="FPM698" s="613"/>
      <c r="FPN698" s="613"/>
      <c r="FPO698" s="613"/>
      <c r="FPP698" s="613"/>
      <c r="FPQ698" s="613"/>
      <c r="FPR698" s="613"/>
      <c r="FPS698" s="613"/>
      <c r="FPT698" s="613"/>
      <c r="FPU698" s="613"/>
      <c r="FPV698" s="613"/>
      <c r="FPW698" s="613"/>
      <c r="FPX698" s="613"/>
      <c r="FPY698" s="613"/>
      <c r="FPZ698" s="613"/>
      <c r="FQA698" s="613"/>
      <c r="FQB698" s="613"/>
      <c r="FQC698" s="613"/>
      <c r="FQD698" s="613"/>
      <c r="FQE698" s="613"/>
      <c r="FQF698" s="613"/>
      <c r="FQG698" s="613"/>
      <c r="FQH698" s="613"/>
      <c r="FQI698" s="613"/>
      <c r="FQJ698" s="613"/>
      <c r="FQK698" s="613"/>
      <c r="FQL698" s="613"/>
      <c r="FQM698" s="613"/>
      <c r="FQN698" s="613"/>
      <c r="FQO698" s="613"/>
      <c r="FQP698" s="613"/>
      <c r="FQQ698" s="613"/>
      <c r="FQR698" s="613"/>
      <c r="FQS698" s="613"/>
      <c r="FQT698" s="613"/>
      <c r="FQU698" s="613"/>
      <c r="FQV698" s="613"/>
      <c r="FQW698" s="613"/>
      <c r="FQX698" s="613"/>
      <c r="FQY698" s="613"/>
      <c r="FQZ698" s="613"/>
      <c r="FRA698" s="613"/>
      <c r="FRB698" s="613"/>
      <c r="FRC698" s="613"/>
      <c r="FRD698" s="613"/>
      <c r="FRE698" s="613"/>
      <c r="FRF698" s="613"/>
      <c r="FRG698" s="613"/>
      <c r="FRH698" s="613"/>
      <c r="FRI698" s="613"/>
      <c r="FRJ698" s="613"/>
      <c r="FRK698" s="613"/>
      <c r="FRL698" s="613"/>
      <c r="FRM698" s="613"/>
      <c r="FRN698" s="613"/>
      <c r="FRO698" s="613"/>
      <c r="FRP698" s="613"/>
      <c r="FRQ698" s="613"/>
      <c r="FRR698" s="613"/>
      <c r="FRS698" s="613"/>
      <c r="FRT698" s="613"/>
      <c r="FRU698" s="613"/>
      <c r="FRV698" s="613"/>
      <c r="FRW698" s="613"/>
      <c r="FRX698" s="613"/>
      <c r="FRY698" s="613"/>
      <c r="FRZ698" s="613"/>
      <c r="FSA698" s="613"/>
      <c r="FSB698" s="613"/>
      <c r="FSC698" s="613"/>
      <c r="FSD698" s="613"/>
      <c r="FSE698" s="613"/>
      <c r="FSF698" s="613"/>
      <c r="FSG698" s="613"/>
      <c r="FSH698" s="613"/>
      <c r="FSI698" s="613"/>
      <c r="FSJ698" s="613"/>
      <c r="FSK698" s="613"/>
      <c r="FSL698" s="613"/>
      <c r="FSM698" s="613"/>
      <c r="FSN698" s="613"/>
      <c r="FSO698" s="613"/>
      <c r="FSP698" s="613"/>
      <c r="FSQ698" s="613"/>
      <c r="FSR698" s="613"/>
      <c r="FSS698" s="613"/>
      <c r="FST698" s="613"/>
      <c r="FSU698" s="613"/>
      <c r="FSV698" s="613"/>
      <c r="FSW698" s="613"/>
      <c r="FSX698" s="613"/>
      <c r="FSY698" s="613"/>
      <c r="FSZ698" s="613"/>
      <c r="FTA698" s="613"/>
      <c r="FTB698" s="613"/>
      <c r="FTC698" s="613"/>
      <c r="FTD698" s="613"/>
      <c r="FTE698" s="613"/>
      <c r="FTF698" s="613"/>
      <c r="FTG698" s="613"/>
      <c r="FTH698" s="613"/>
      <c r="FTI698" s="613"/>
      <c r="FTJ698" s="613"/>
      <c r="FTK698" s="613"/>
      <c r="FTL698" s="613"/>
      <c r="FTM698" s="613"/>
      <c r="FTN698" s="613"/>
      <c r="FTO698" s="613"/>
      <c r="FTP698" s="613"/>
      <c r="FTQ698" s="613"/>
      <c r="FTR698" s="613"/>
      <c r="FTS698" s="613"/>
      <c r="FTT698" s="613"/>
      <c r="FTU698" s="613"/>
      <c r="FTV698" s="613"/>
      <c r="FTW698" s="613"/>
      <c r="FTX698" s="613"/>
      <c r="FTY698" s="613"/>
      <c r="FTZ698" s="613"/>
      <c r="FUA698" s="613"/>
      <c r="FUB698" s="613"/>
      <c r="FUC698" s="613"/>
      <c r="FUD698" s="613"/>
      <c r="FUE698" s="613"/>
      <c r="FUF698" s="613"/>
      <c r="FUG698" s="613"/>
      <c r="FUH698" s="613"/>
      <c r="FUI698" s="613"/>
      <c r="FUJ698" s="613"/>
      <c r="FUK698" s="613"/>
      <c r="FUL698" s="613"/>
      <c r="FUM698" s="613"/>
      <c r="FUN698" s="613"/>
      <c r="FUO698" s="613"/>
      <c r="FUP698" s="613"/>
      <c r="FUQ698" s="613"/>
      <c r="FUR698" s="613"/>
      <c r="FUS698" s="613"/>
      <c r="FUT698" s="613"/>
      <c r="FUU698" s="613"/>
      <c r="FUV698" s="613"/>
      <c r="FUW698" s="613"/>
      <c r="FUX698" s="613"/>
      <c r="FUY698" s="613"/>
      <c r="FUZ698" s="613"/>
      <c r="FVA698" s="613"/>
      <c r="FVB698" s="613"/>
      <c r="FVC698" s="613"/>
      <c r="FVD698" s="613"/>
      <c r="FVE698" s="613"/>
      <c r="FVF698" s="613"/>
      <c r="FVG698" s="613"/>
      <c r="FVH698" s="613"/>
      <c r="FVI698" s="613"/>
      <c r="FVJ698" s="613"/>
      <c r="FVK698" s="613"/>
      <c r="FVL698" s="613"/>
      <c r="FVM698" s="613"/>
      <c r="FVN698" s="613"/>
      <c r="FVO698" s="613"/>
      <c r="FVP698" s="613"/>
      <c r="FVQ698" s="613"/>
      <c r="FVR698" s="613"/>
      <c r="FVS698" s="613"/>
      <c r="FVT698" s="613"/>
      <c r="FVU698" s="613"/>
      <c r="FVV698" s="613"/>
      <c r="FVW698" s="613"/>
      <c r="FVX698" s="613"/>
      <c r="FVY698" s="613"/>
      <c r="FVZ698" s="613"/>
      <c r="FWA698" s="613"/>
      <c r="FWB698" s="613"/>
      <c r="FWC698" s="613"/>
      <c r="FWD698" s="613"/>
      <c r="FWE698" s="613"/>
      <c r="FWF698" s="613"/>
      <c r="FWG698" s="613"/>
      <c r="FWH698" s="613"/>
      <c r="FWI698" s="613"/>
      <c r="FWJ698" s="613"/>
      <c r="FWK698" s="613"/>
      <c r="FWL698" s="613"/>
      <c r="FWM698" s="613"/>
      <c r="FWN698" s="613"/>
      <c r="FWO698" s="613"/>
      <c r="FWP698" s="613"/>
      <c r="FWQ698" s="613"/>
      <c r="FWR698" s="613"/>
      <c r="FWS698" s="613"/>
      <c r="FWT698" s="613"/>
      <c r="FWU698" s="613"/>
      <c r="FWV698" s="613"/>
      <c r="FWW698" s="613"/>
      <c r="FWX698" s="613"/>
      <c r="FWY698" s="613"/>
      <c r="FWZ698" s="613"/>
      <c r="FXA698" s="613"/>
      <c r="FXB698" s="613"/>
      <c r="FXC698" s="613"/>
      <c r="FXD698" s="613"/>
      <c r="FXE698" s="613"/>
      <c r="FXF698" s="613"/>
      <c r="FXG698" s="613"/>
      <c r="FXH698" s="613"/>
      <c r="FXI698" s="613"/>
      <c r="FXJ698" s="613"/>
      <c r="FXK698" s="613"/>
      <c r="FXL698" s="613"/>
      <c r="FXM698" s="613"/>
      <c r="FXN698" s="613"/>
      <c r="FXO698" s="613"/>
      <c r="FXP698" s="613"/>
      <c r="FXQ698" s="613"/>
      <c r="FXR698" s="613"/>
      <c r="FXS698" s="613"/>
      <c r="FXT698" s="613"/>
      <c r="FXU698" s="613"/>
      <c r="FXV698" s="613"/>
      <c r="FXW698" s="613"/>
      <c r="FXX698" s="613"/>
      <c r="FXY698" s="613"/>
      <c r="FXZ698" s="613"/>
      <c r="FYA698" s="613"/>
      <c r="FYB698" s="613"/>
      <c r="FYC698" s="613"/>
      <c r="FYD698" s="613"/>
      <c r="FYE698" s="613"/>
      <c r="FYF698" s="613"/>
      <c r="FYG698" s="613"/>
      <c r="FYH698" s="613"/>
      <c r="FYI698" s="613"/>
      <c r="FYJ698" s="613"/>
      <c r="FYK698" s="613"/>
      <c r="FYL698" s="613"/>
      <c r="FYM698" s="613"/>
      <c r="FYN698" s="613"/>
      <c r="FYO698" s="613"/>
      <c r="FYP698" s="613"/>
      <c r="FYQ698" s="613"/>
      <c r="FYR698" s="613"/>
      <c r="FYS698" s="613"/>
      <c r="FYT698" s="613"/>
      <c r="FYU698" s="613"/>
      <c r="FYV698" s="613"/>
      <c r="FYW698" s="613"/>
      <c r="FYX698" s="613"/>
      <c r="FYY698" s="613"/>
      <c r="FYZ698" s="613"/>
      <c r="FZA698" s="613"/>
      <c r="FZB698" s="613"/>
      <c r="FZC698" s="613"/>
      <c r="FZD698" s="613"/>
      <c r="FZE698" s="613"/>
      <c r="FZF698" s="613"/>
      <c r="FZG698" s="613"/>
      <c r="FZH698" s="613"/>
      <c r="FZI698" s="613"/>
      <c r="FZJ698" s="613"/>
      <c r="FZK698" s="613"/>
      <c r="FZL698" s="613"/>
      <c r="FZM698" s="613"/>
      <c r="FZN698" s="613"/>
      <c r="FZO698" s="613"/>
      <c r="FZP698" s="613"/>
      <c r="FZQ698" s="613"/>
      <c r="FZR698" s="613"/>
      <c r="FZS698" s="613"/>
      <c r="FZT698" s="613"/>
      <c r="FZU698" s="613"/>
      <c r="FZV698" s="613"/>
      <c r="FZW698" s="613"/>
      <c r="FZX698" s="613"/>
      <c r="FZY698" s="613"/>
      <c r="FZZ698" s="613"/>
      <c r="GAA698" s="613"/>
      <c r="GAB698" s="613"/>
      <c r="GAC698" s="613"/>
      <c r="GAD698" s="613"/>
      <c r="GAE698" s="613"/>
      <c r="GAF698" s="613"/>
      <c r="GAG698" s="613"/>
      <c r="GAH698" s="613"/>
      <c r="GAI698" s="613"/>
      <c r="GAJ698" s="613"/>
      <c r="GAK698" s="613"/>
      <c r="GAL698" s="613"/>
      <c r="GAM698" s="613"/>
      <c r="GAN698" s="613"/>
      <c r="GAO698" s="613"/>
      <c r="GAP698" s="613"/>
      <c r="GAQ698" s="613"/>
      <c r="GAR698" s="613"/>
      <c r="GAS698" s="613"/>
      <c r="GAT698" s="613"/>
      <c r="GAU698" s="613"/>
      <c r="GAV698" s="613"/>
      <c r="GAW698" s="613"/>
      <c r="GAX698" s="613"/>
      <c r="GAY698" s="613"/>
      <c r="GAZ698" s="613"/>
      <c r="GBA698" s="613"/>
      <c r="GBB698" s="613"/>
      <c r="GBC698" s="613"/>
      <c r="GBD698" s="613"/>
      <c r="GBE698" s="613"/>
      <c r="GBF698" s="613"/>
      <c r="GBG698" s="613"/>
      <c r="GBH698" s="613"/>
      <c r="GBI698" s="613"/>
      <c r="GBJ698" s="613"/>
      <c r="GBK698" s="613"/>
      <c r="GBL698" s="613"/>
      <c r="GBM698" s="613"/>
      <c r="GBN698" s="613"/>
      <c r="GBO698" s="613"/>
      <c r="GBP698" s="613"/>
      <c r="GBQ698" s="613"/>
      <c r="GBR698" s="613"/>
      <c r="GBS698" s="613"/>
      <c r="GBT698" s="613"/>
      <c r="GBU698" s="613"/>
      <c r="GBV698" s="613"/>
      <c r="GBW698" s="613"/>
      <c r="GBX698" s="613"/>
      <c r="GBY698" s="613"/>
      <c r="GBZ698" s="613"/>
      <c r="GCA698" s="613"/>
      <c r="GCB698" s="613"/>
      <c r="GCC698" s="613"/>
      <c r="GCD698" s="613"/>
      <c r="GCE698" s="613"/>
      <c r="GCF698" s="613"/>
      <c r="GCG698" s="613"/>
      <c r="GCH698" s="613"/>
      <c r="GCI698" s="613"/>
      <c r="GCJ698" s="613"/>
      <c r="GCK698" s="613"/>
      <c r="GCL698" s="613"/>
      <c r="GCM698" s="613"/>
      <c r="GCN698" s="613"/>
      <c r="GCO698" s="613"/>
      <c r="GCP698" s="613"/>
      <c r="GCQ698" s="613"/>
      <c r="GCR698" s="613"/>
      <c r="GCS698" s="613"/>
      <c r="GCT698" s="613"/>
      <c r="GCU698" s="613"/>
      <c r="GCV698" s="613"/>
      <c r="GCW698" s="613"/>
      <c r="GCX698" s="613"/>
      <c r="GCY698" s="613"/>
      <c r="GCZ698" s="613"/>
      <c r="GDA698" s="613"/>
      <c r="GDB698" s="613"/>
      <c r="GDC698" s="613"/>
      <c r="GDD698" s="613"/>
      <c r="GDE698" s="613"/>
      <c r="GDF698" s="613"/>
      <c r="GDG698" s="613"/>
      <c r="GDH698" s="613"/>
      <c r="GDI698" s="613"/>
      <c r="GDJ698" s="613"/>
      <c r="GDK698" s="613"/>
      <c r="GDL698" s="613"/>
      <c r="GDM698" s="613"/>
      <c r="GDN698" s="613"/>
      <c r="GDO698" s="613"/>
      <c r="GDP698" s="613"/>
      <c r="GDQ698" s="613"/>
      <c r="GDR698" s="613"/>
      <c r="GDS698" s="613"/>
      <c r="GDT698" s="613"/>
      <c r="GDU698" s="613"/>
      <c r="GDV698" s="613"/>
      <c r="GDW698" s="613"/>
      <c r="GDX698" s="613"/>
      <c r="GDY698" s="613"/>
      <c r="GDZ698" s="613"/>
      <c r="GEA698" s="613"/>
      <c r="GEB698" s="613"/>
      <c r="GEC698" s="613"/>
      <c r="GED698" s="613"/>
      <c r="GEE698" s="613"/>
      <c r="GEF698" s="613"/>
      <c r="GEG698" s="613"/>
      <c r="GEH698" s="613"/>
      <c r="GEI698" s="613"/>
      <c r="GEJ698" s="613"/>
      <c r="GEK698" s="613"/>
      <c r="GEL698" s="613"/>
      <c r="GEM698" s="613"/>
      <c r="GEN698" s="613"/>
      <c r="GEO698" s="613"/>
      <c r="GEP698" s="613"/>
      <c r="GEQ698" s="613"/>
      <c r="GER698" s="613"/>
      <c r="GES698" s="613"/>
      <c r="GET698" s="613"/>
      <c r="GEU698" s="613"/>
      <c r="GEV698" s="613"/>
      <c r="GEW698" s="613"/>
      <c r="GEX698" s="613"/>
      <c r="GEY698" s="613"/>
      <c r="GEZ698" s="613"/>
      <c r="GFA698" s="613"/>
      <c r="GFB698" s="613"/>
      <c r="GFC698" s="613"/>
      <c r="GFD698" s="613"/>
      <c r="GFE698" s="613"/>
      <c r="GFF698" s="613"/>
      <c r="GFG698" s="613"/>
      <c r="GFH698" s="613"/>
      <c r="GFI698" s="613"/>
      <c r="GFJ698" s="613"/>
      <c r="GFK698" s="613"/>
      <c r="GFL698" s="613"/>
      <c r="GFM698" s="613"/>
      <c r="GFN698" s="613"/>
      <c r="GFO698" s="613"/>
      <c r="GFP698" s="613"/>
      <c r="GFQ698" s="613"/>
      <c r="GFR698" s="613"/>
      <c r="GFS698" s="613"/>
      <c r="GFT698" s="613"/>
      <c r="GFU698" s="613"/>
      <c r="GFV698" s="613"/>
      <c r="GFW698" s="613"/>
      <c r="GFX698" s="613"/>
      <c r="GFY698" s="613"/>
      <c r="GFZ698" s="613"/>
      <c r="GGA698" s="613"/>
      <c r="GGB698" s="613"/>
      <c r="GGC698" s="613"/>
      <c r="GGD698" s="613"/>
      <c r="GGE698" s="613"/>
      <c r="GGF698" s="613"/>
      <c r="GGG698" s="613"/>
      <c r="GGH698" s="613"/>
      <c r="GGI698" s="613"/>
      <c r="GGJ698" s="613"/>
      <c r="GGK698" s="613"/>
      <c r="GGL698" s="613"/>
      <c r="GGM698" s="613"/>
      <c r="GGN698" s="613"/>
      <c r="GGO698" s="613"/>
      <c r="GGP698" s="613"/>
      <c r="GGQ698" s="613"/>
      <c r="GGR698" s="613"/>
      <c r="GGS698" s="613"/>
      <c r="GGT698" s="613"/>
      <c r="GGU698" s="613"/>
      <c r="GGV698" s="613"/>
      <c r="GGW698" s="613"/>
      <c r="GGX698" s="613"/>
      <c r="GGY698" s="613"/>
      <c r="GGZ698" s="613"/>
      <c r="GHA698" s="613"/>
      <c r="GHB698" s="613"/>
      <c r="GHC698" s="613"/>
      <c r="GHD698" s="613"/>
      <c r="GHE698" s="613"/>
      <c r="GHF698" s="613"/>
      <c r="GHG698" s="613"/>
      <c r="GHH698" s="613"/>
      <c r="GHI698" s="613"/>
      <c r="GHJ698" s="613"/>
      <c r="GHK698" s="613"/>
      <c r="GHL698" s="613"/>
      <c r="GHM698" s="613"/>
      <c r="GHN698" s="613"/>
      <c r="GHO698" s="613"/>
      <c r="GHP698" s="613"/>
      <c r="GHQ698" s="613"/>
      <c r="GHR698" s="613"/>
      <c r="GHS698" s="613"/>
      <c r="GHT698" s="613"/>
      <c r="GHU698" s="613"/>
      <c r="GHV698" s="613"/>
      <c r="GHW698" s="613"/>
      <c r="GHX698" s="613"/>
      <c r="GHY698" s="613"/>
      <c r="GHZ698" s="613"/>
      <c r="GIA698" s="613"/>
      <c r="GIB698" s="613"/>
      <c r="GIC698" s="613"/>
      <c r="GID698" s="613"/>
      <c r="GIE698" s="613"/>
      <c r="GIF698" s="613"/>
      <c r="GIG698" s="613"/>
      <c r="GIH698" s="613"/>
      <c r="GII698" s="613"/>
      <c r="GIJ698" s="613"/>
      <c r="GIK698" s="613"/>
      <c r="GIL698" s="613"/>
      <c r="GIM698" s="613"/>
      <c r="GIN698" s="613"/>
      <c r="GIO698" s="613"/>
      <c r="GIP698" s="613"/>
      <c r="GIQ698" s="613"/>
      <c r="GIR698" s="613"/>
      <c r="GIS698" s="613"/>
      <c r="GIT698" s="613"/>
      <c r="GIU698" s="613"/>
      <c r="GIV698" s="613"/>
      <c r="GIW698" s="613"/>
      <c r="GIX698" s="613"/>
      <c r="GIY698" s="613"/>
      <c r="GIZ698" s="613"/>
      <c r="GJA698" s="613"/>
      <c r="GJB698" s="613"/>
      <c r="GJC698" s="613"/>
      <c r="GJD698" s="613"/>
      <c r="GJE698" s="613"/>
      <c r="GJF698" s="613"/>
      <c r="GJG698" s="613"/>
      <c r="GJH698" s="613"/>
      <c r="GJI698" s="613"/>
      <c r="GJJ698" s="613"/>
      <c r="GJK698" s="613"/>
      <c r="GJL698" s="613"/>
      <c r="GJM698" s="613"/>
      <c r="GJN698" s="613"/>
      <c r="GJO698" s="613"/>
      <c r="GJP698" s="613"/>
      <c r="GJQ698" s="613"/>
      <c r="GJR698" s="613"/>
      <c r="GJS698" s="613"/>
      <c r="GJT698" s="613"/>
      <c r="GJU698" s="613"/>
      <c r="GJV698" s="613"/>
      <c r="GJW698" s="613"/>
      <c r="GJX698" s="613"/>
      <c r="GJY698" s="613"/>
      <c r="GJZ698" s="613"/>
      <c r="GKA698" s="613"/>
      <c r="GKB698" s="613"/>
      <c r="GKC698" s="613"/>
      <c r="GKD698" s="613"/>
      <c r="GKE698" s="613"/>
      <c r="GKF698" s="613"/>
      <c r="GKG698" s="613"/>
      <c r="GKH698" s="613"/>
      <c r="GKI698" s="613"/>
      <c r="GKJ698" s="613"/>
      <c r="GKK698" s="613"/>
      <c r="GKL698" s="613"/>
      <c r="GKM698" s="613"/>
      <c r="GKN698" s="613"/>
      <c r="GKO698" s="613"/>
      <c r="GKP698" s="613"/>
      <c r="GKQ698" s="613"/>
      <c r="GKR698" s="613"/>
      <c r="GKS698" s="613"/>
      <c r="GKT698" s="613"/>
      <c r="GKU698" s="613"/>
      <c r="GKV698" s="613"/>
      <c r="GKW698" s="613"/>
      <c r="GKX698" s="613"/>
      <c r="GKY698" s="613"/>
      <c r="GKZ698" s="613"/>
      <c r="GLA698" s="613"/>
      <c r="GLB698" s="613"/>
      <c r="GLC698" s="613"/>
      <c r="GLD698" s="613"/>
      <c r="GLE698" s="613"/>
      <c r="GLF698" s="613"/>
      <c r="GLG698" s="613"/>
      <c r="GLH698" s="613"/>
      <c r="GLI698" s="613"/>
      <c r="GLJ698" s="613"/>
      <c r="GLK698" s="613"/>
      <c r="GLL698" s="613"/>
      <c r="GLM698" s="613"/>
      <c r="GLN698" s="613"/>
      <c r="GLO698" s="613"/>
      <c r="GLP698" s="613"/>
      <c r="GLQ698" s="613"/>
      <c r="GLR698" s="613"/>
      <c r="GLS698" s="613"/>
      <c r="GLT698" s="613"/>
      <c r="GLU698" s="613"/>
      <c r="GLV698" s="613"/>
      <c r="GLW698" s="613"/>
      <c r="GLX698" s="613"/>
      <c r="GLY698" s="613"/>
      <c r="GLZ698" s="613"/>
      <c r="GMA698" s="613"/>
      <c r="GMB698" s="613"/>
      <c r="GMC698" s="613"/>
      <c r="GMD698" s="613"/>
      <c r="GME698" s="613"/>
      <c r="GMF698" s="613"/>
      <c r="GMG698" s="613"/>
      <c r="GMH698" s="613"/>
      <c r="GMI698" s="613"/>
      <c r="GMJ698" s="613"/>
      <c r="GMK698" s="613"/>
      <c r="GML698" s="613"/>
      <c r="GMM698" s="613"/>
      <c r="GMN698" s="613"/>
      <c r="GMO698" s="613"/>
      <c r="GMP698" s="613"/>
      <c r="GMQ698" s="613"/>
      <c r="GMR698" s="613"/>
      <c r="GMS698" s="613"/>
      <c r="GMT698" s="613"/>
      <c r="GMU698" s="613"/>
      <c r="GMV698" s="613"/>
      <c r="GMW698" s="613"/>
      <c r="GMX698" s="613"/>
      <c r="GMY698" s="613"/>
      <c r="GMZ698" s="613"/>
      <c r="GNA698" s="613"/>
      <c r="GNB698" s="613"/>
      <c r="GNC698" s="613"/>
      <c r="GND698" s="613"/>
      <c r="GNE698" s="613"/>
      <c r="GNF698" s="613"/>
      <c r="GNG698" s="613"/>
      <c r="GNH698" s="613"/>
      <c r="GNI698" s="613"/>
      <c r="GNJ698" s="613"/>
      <c r="GNK698" s="613"/>
      <c r="GNL698" s="613"/>
      <c r="GNM698" s="613"/>
      <c r="GNN698" s="613"/>
      <c r="GNO698" s="613"/>
      <c r="GNP698" s="613"/>
      <c r="GNQ698" s="613"/>
      <c r="GNR698" s="613"/>
      <c r="GNS698" s="613"/>
      <c r="GNT698" s="613"/>
      <c r="GNU698" s="613"/>
      <c r="GNV698" s="613"/>
      <c r="GNW698" s="613"/>
      <c r="GNX698" s="613"/>
      <c r="GNY698" s="613"/>
      <c r="GNZ698" s="613"/>
      <c r="GOA698" s="613"/>
      <c r="GOB698" s="613"/>
      <c r="GOC698" s="613"/>
      <c r="GOD698" s="613"/>
      <c r="GOE698" s="613"/>
      <c r="GOF698" s="613"/>
      <c r="GOG698" s="613"/>
      <c r="GOH698" s="613"/>
      <c r="GOI698" s="613"/>
      <c r="GOJ698" s="613"/>
      <c r="GOK698" s="613"/>
      <c r="GOL698" s="613"/>
      <c r="GOM698" s="613"/>
      <c r="GON698" s="613"/>
      <c r="GOO698" s="613"/>
      <c r="GOP698" s="613"/>
      <c r="GOQ698" s="613"/>
      <c r="GOR698" s="613"/>
      <c r="GOS698" s="613"/>
      <c r="GOT698" s="613"/>
      <c r="GOU698" s="613"/>
      <c r="GOV698" s="613"/>
      <c r="GOW698" s="613"/>
      <c r="GOX698" s="613"/>
      <c r="GOY698" s="613"/>
      <c r="GOZ698" s="613"/>
      <c r="GPA698" s="613"/>
      <c r="GPB698" s="613"/>
      <c r="GPC698" s="613"/>
      <c r="GPD698" s="613"/>
      <c r="GPE698" s="613"/>
      <c r="GPF698" s="613"/>
      <c r="GPG698" s="613"/>
      <c r="GPH698" s="613"/>
      <c r="GPI698" s="613"/>
      <c r="GPJ698" s="613"/>
      <c r="GPK698" s="613"/>
      <c r="GPL698" s="613"/>
      <c r="GPM698" s="613"/>
      <c r="GPN698" s="613"/>
      <c r="GPO698" s="613"/>
      <c r="GPP698" s="613"/>
      <c r="GPQ698" s="613"/>
      <c r="GPR698" s="613"/>
      <c r="GPS698" s="613"/>
      <c r="GPT698" s="613"/>
      <c r="GPU698" s="613"/>
      <c r="GPV698" s="613"/>
      <c r="GPW698" s="613"/>
      <c r="GPX698" s="613"/>
      <c r="GPY698" s="613"/>
      <c r="GPZ698" s="613"/>
      <c r="GQA698" s="613"/>
      <c r="GQB698" s="613"/>
      <c r="GQC698" s="613"/>
      <c r="GQD698" s="613"/>
      <c r="GQE698" s="613"/>
      <c r="GQF698" s="613"/>
      <c r="GQG698" s="613"/>
      <c r="GQH698" s="613"/>
      <c r="GQI698" s="613"/>
      <c r="GQJ698" s="613"/>
      <c r="GQK698" s="613"/>
      <c r="GQL698" s="613"/>
      <c r="GQM698" s="613"/>
      <c r="GQN698" s="613"/>
      <c r="GQO698" s="613"/>
      <c r="GQP698" s="613"/>
      <c r="GQQ698" s="613"/>
      <c r="GQR698" s="613"/>
      <c r="GQS698" s="613"/>
      <c r="GQT698" s="613"/>
      <c r="GQU698" s="613"/>
      <c r="GQV698" s="613"/>
      <c r="GQW698" s="613"/>
      <c r="GQX698" s="613"/>
      <c r="GQY698" s="613"/>
      <c r="GQZ698" s="613"/>
      <c r="GRA698" s="613"/>
      <c r="GRB698" s="613"/>
      <c r="GRC698" s="613"/>
      <c r="GRD698" s="613"/>
      <c r="GRE698" s="613"/>
      <c r="GRF698" s="613"/>
      <c r="GRG698" s="613"/>
      <c r="GRH698" s="613"/>
      <c r="GRI698" s="613"/>
      <c r="GRJ698" s="613"/>
      <c r="GRK698" s="613"/>
      <c r="GRL698" s="613"/>
      <c r="GRM698" s="613"/>
      <c r="GRN698" s="613"/>
      <c r="GRO698" s="613"/>
      <c r="GRP698" s="613"/>
      <c r="GRQ698" s="613"/>
      <c r="GRR698" s="613"/>
      <c r="GRS698" s="613"/>
      <c r="GRT698" s="613"/>
      <c r="GRU698" s="613"/>
      <c r="GRV698" s="613"/>
      <c r="GRW698" s="613"/>
      <c r="GRX698" s="613"/>
      <c r="GRY698" s="613"/>
      <c r="GRZ698" s="613"/>
      <c r="GSA698" s="613"/>
      <c r="GSB698" s="613"/>
      <c r="GSC698" s="613"/>
      <c r="GSD698" s="613"/>
      <c r="GSE698" s="613"/>
      <c r="GSF698" s="613"/>
      <c r="GSG698" s="613"/>
      <c r="GSH698" s="613"/>
      <c r="GSI698" s="613"/>
      <c r="GSJ698" s="613"/>
      <c r="GSK698" s="613"/>
      <c r="GSL698" s="613"/>
      <c r="GSM698" s="613"/>
      <c r="GSN698" s="613"/>
      <c r="GSO698" s="613"/>
      <c r="GSP698" s="613"/>
      <c r="GSQ698" s="613"/>
      <c r="GSR698" s="613"/>
      <c r="GSS698" s="613"/>
      <c r="GST698" s="613"/>
      <c r="GSU698" s="613"/>
      <c r="GSV698" s="613"/>
      <c r="GSW698" s="613"/>
      <c r="GSX698" s="613"/>
      <c r="GSY698" s="613"/>
      <c r="GSZ698" s="613"/>
      <c r="GTA698" s="613"/>
      <c r="GTB698" s="613"/>
      <c r="GTC698" s="613"/>
      <c r="GTD698" s="613"/>
      <c r="GTE698" s="613"/>
      <c r="GTF698" s="613"/>
      <c r="GTG698" s="613"/>
      <c r="GTH698" s="613"/>
      <c r="GTI698" s="613"/>
      <c r="GTJ698" s="613"/>
      <c r="GTK698" s="613"/>
      <c r="GTL698" s="613"/>
      <c r="GTM698" s="613"/>
      <c r="GTN698" s="613"/>
      <c r="GTO698" s="613"/>
      <c r="GTP698" s="613"/>
      <c r="GTQ698" s="613"/>
      <c r="GTR698" s="613"/>
      <c r="GTS698" s="613"/>
      <c r="GTT698" s="613"/>
      <c r="GTU698" s="613"/>
      <c r="GTV698" s="613"/>
      <c r="GTW698" s="613"/>
      <c r="GTX698" s="613"/>
      <c r="GTY698" s="613"/>
      <c r="GTZ698" s="613"/>
      <c r="GUA698" s="613"/>
      <c r="GUB698" s="613"/>
      <c r="GUC698" s="613"/>
      <c r="GUD698" s="613"/>
      <c r="GUE698" s="613"/>
      <c r="GUF698" s="613"/>
      <c r="GUG698" s="613"/>
      <c r="GUH698" s="613"/>
      <c r="GUI698" s="613"/>
      <c r="GUJ698" s="613"/>
      <c r="GUK698" s="613"/>
      <c r="GUL698" s="613"/>
      <c r="GUM698" s="613"/>
      <c r="GUN698" s="613"/>
      <c r="GUO698" s="613"/>
      <c r="GUP698" s="613"/>
      <c r="GUQ698" s="613"/>
      <c r="GUR698" s="613"/>
      <c r="GUS698" s="613"/>
      <c r="GUT698" s="613"/>
      <c r="GUU698" s="613"/>
      <c r="GUV698" s="613"/>
      <c r="GUW698" s="613"/>
      <c r="GUX698" s="613"/>
      <c r="GUY698" s="613"/>
      <c r="GUZ698" s="613"/>
      <c r="GVA698" s="613"/>
      <c r="GVB698" s="613"/>
      <c r="GVC698" s="613"/>
      <c r="GVD698" s="613"/>
      <c r="GVE698" s="613"/>
      <c r="GVF698" s="613"/>
      <c r="GVG698" s="613"/>
      <c r="GVH698" s="613"/>
      <c r="GVI698" s="613"/>
      <c r="GVJ698" s="613"/>
      <c r="GVK698" s="613"/>
      <c r="GVL698" s="613"/>
      <c r="GVM698" s="613"/>
      <c r="GVN698" s="613"/>
      <c r="GVO698" s="613"/>
      <c r="GVP698" s="613"/>
      <c r="GVQ698" s="613"/>
      <c r="GVR698" s="613"/>
      <c r="GVS698" s="613"/>
      <c r="GVT698" s="613"/>
      <c r="GVU698" s="613"/>
      <c r="GVV698" s="613"/>
      <c r="GVW698" s="613"/>
      <c r="GVX698" s="613"/>
      <c r="GVY698" s="613"/>
      <c r="GVZ698" s="613"/>
      <c r="GWA698" s="613"/>
      <c r="GWB698" s="613"/>
      <c r="GWC698" s="613"/>
      <c r="GWD698" s="613"/>
      <c r="GWE698" s="613"/>
      <c r="GWF698" s="613"/>
      <c r="GWG698" s="613"/>
      <c r="GWH698" s="613"/>
      <c r="GWI698" s="613"/>
      <c r="GWJ698" s="613"/>
      <c r="GWK698" s="613"/>
      <c r="GWL698" s="613"/>
      <c r="GWM698" s="613"/>
      <c r="GWN698" s="613"/>
      <c r="GWO698" s="613"/>
      <c r="GWP698" s="613"/>
      <c r="GWQ698" s="613"/>
      <c r="GWR698" s="613"/>
      <c r="GWS698" s="613"/>
      <c r="GWT698" s="613"/>
      <c r="GWU698" s="613"/>
      <c r="GWV698" s="613"/>
      <c r="GWW698" s="613"/>
      <c r="GWX698" s="613"/>
      <c r="GWY698" s="613"/>
      <c r="GWZ698" s="613"/>
      <c r="GXA698" s="613"/>
      <c r="GXB698" s="613"/>
      <c r="GXC698" s="613"/>
      <c r="GXD698" s="613"/>
      <c r="GXE698" s="613"/>
      <c r="GXF698" s="613"/>
      <c r="GXG698" s="613"/>
      <c r="GXH698" s="613"/>
      <c r="GXI698" s="613"/>
      <c r="GXJ698" s="613"/>
      <c r="GXK698" s="613"/>
      <c r="GXL698" s="613"/>
      <c r="GXM698" s="613"/>
      <c r="GXN698" s="613"/>
      <c r="GXO698" s="613"/>
      <c r="GXP698" s="613"/>
      <c r="GXQ698" s="613"/>
      <c r="GXR698" s="613"/>
      <c r="GXS698" s="613"/>
      <c r="GXT698" s="613"/>
      <c r="GXU698" s="613"/>
      <c r="GXV698" s="613"/>
      <c r="GXW698" s="613"/>
      <c r="GXX698" s="613"/>
      <c r="GXY698" s="613"/>
      <c r="GXZ698" s="613"/>
      <c r="GYA698" s="613"/>
      <c r="GYB698" s="613"/>
      <c r="GYC698" s="613"/>
      <c r="GYD698" s="613"/>
      <c r="GYE698" s="613"/>
      <c r="GYF698" s="613"/>
      <c r="GYG698" s="613"/>
      <c r="GYH698" s="613"/>
      <c r="GYI698" s="613"/>
      <c r="GYJ698" s="613"/>
      <c r="GYK698" s="613"/>
      <c r="GYL698" s="613"/>
      <c r="GYM698" s="613"/>
      <c r="GYN698" s="613"/>
      <c r="GYO698" s="613"/>
      <c r="GYP698" s="613"/>
      <c r="GYQ698" s="613"/>
      <c r="GYR698" s="613"/>
      <c r="GYS698" s="613"/>
      <c r="GYT698" s="613"/>
      <c r="GYU698" s="613"/>
      <c r="GYV698" s="613"/>
      <c r="GYW698" s="613"/>
      <c r="GYX698" s="613"/>
      <c r="GYY698" s="613"/>
      <c r="GYZ698" s="613"/>
      <c r="GZA698" s="613"/>
      <c r="GZB698" s="613"/>
      <c r="GZC698" s="613"/>
      <c r="GZD698" s="613"/>
      <c r="GZE698" s="613"/>
      <c r="GZF698" s="613"/>
      <c r="GZG698" s="613"/>
      <c r="GZH698" s="613"/>
      <c r="GZI698" s="613"/>
      <c r="GZJ698" s="613"/>
      <c r="GZK698" s="613"/>
      <c r="GZL698" s="613"/>
      <c r="GZM698" s="613"/>
      <c r="GZN698" s="613"/>
      <c r="GZO698" s="613"/>
      <c r="GZP698" s="613"/>
      <c r="GZQ698" s="613"/>
      <c r="GZR698" s="613"/>
      <c r="GZS698" s="613"/>
      <c r="GZT698" s="613"/>
      <c r="GZU698" s="613"/>
      <c r="GZV698" s="613"/>
      <c r="GZW698" s="613"/>
      <c r="GZX698" s="613"/>
      <c r="GZY698" s="613"/>
      <c r="GZZ698" s="613"/>
      <c r="HAA698" s="613"/>
      <c r="HAB698" s="613"/>
      <c r="HAC698" s="613"/>
      <c r="HAD698" s="613"/>
      <c r="HAE698" s="613"/>
      <c r="HAF698" s="613"/>
      <c r="HAG698" s="613"/>
      <c r="HAH698" s="613"/>
      <c r="HAI698" s="613"/>
      <c r="HAJ698" s="613"/>
      <c r="HAK698" s="613"/>
      <c r="HAL698" s="613"/>
      <c r="HAM698" s="613"/>
      <c r="HAN698" s="613"/>
      <c r="HAO698" s="613"/>
      <c r="HAP698" s="613"/>
      <c r="HAQ698" s="613"/>
      <c r="HAR698" s="613"/>
      <c r="HAS698" s="613"/>
      <c r="HAT698" s="613"/>
      <c r="HAU698" s="613"/>
      <c r="HAV698" s="613"/>
      <c r="HAW698" s="613"/>
      <c r="HAX698" s="613"/>
      <c r="HAY698" s="613"/>
      <c r="HAZ698" s="613"/>
      <c r="HBA698" s="613"/>
      <c r="HBB698" s="613"/>
      <c r="HBC698" s="613"/>
      <c r="HBD698" s="613"/>
      <c r="HBE698" s="613"/>
      <c r="HBF698" s="613"/>
      <c r="HBG698" s="613"/>
      <c r="HBH698" s="613"/>
      <c r="HBI698" s="613"/>
      <c r="HBJ698" s="613"/>
      <c r="HBK698" s="613"/>
      <c r="HBL698" s="613"/>
      <c r="HBM698" s="613"/>
      <c r="HBN698" s="613"/>
      <c r="HBO698" s="613"/>
      <c r="HBP698" s="613"/>
      <c r="HBQ698" s="613"/>
      <c r="HBR698" s="613"/>
      <c r="HBS698" s="613"/>
      <c r="HBT698" s="613"/>
      <c r="HBU698" s="613"/>
      <c r="HBV698" s="613"/>
      <c r="HBW698" s="613"/>
      <c r="HBX698" s="613"/>
      <c r="HBY698" s="613"/>
      <c r="HBZ698" s="613"/>
      <c r="HCA698" s="613"/>
      <c r="HCB698" s="613"/>
      <c r="HCC698" s="613"/>
      <c r="HCD698" s="613"/>
      <c r="HCE698" s="613"/>
      <c r="HCF698" s="613"/>
      <c r="HCG698" s="613"/>
      <c r="HCH698" s="613"/>
      <c r="HCI698" s="613"/>
      <c r="HCJ698" s="613"/>
      <c r="HCK698" s="613"/>
      <c r="HCL698" s="613"/>
      <c r="HCM698" s="613"/>
      <c r="HCN698" s="613"/>
      <c r="HCO698" s="613"/>
      <c r="HCP698" s="613"/>
      <c r="HCQ698" s="613"/>
      <c r="HCR698" s="613"/>
      <c r="HCS698" s="613"/>
      <c r="HCT698" s="613"/>
      <c r="HCU698" s="613"/>
      <c r="HCV698" s="613"/>
      <c r="HCW698" s="613"/>
      <c r="HCX698" s="613"/>
      <c r="HCY698" s="613"/>
      <c r="HCZ698" s="613"/>
      <c r="HDA698" s="613"/>
      <c r="HDB698" s="613"/>
      <c r="HDC698" s="613"/>
      <c r="HDD698" s="613"/>
      <c r="HDE698" s="613"/>
      <c r="HDF698" s="613"/>
      <c r="HDG698" s="613"/>
      <c r="HDH698" s="613"/>
      <c r="HDI698" s="613"/>
      <c r="HDJ698" s="613"/>
      <c r="HDK698" s="613"/>
      <c r="HDL698" s="613"/>
      <c r="HDM698" s="613"/>
      <c r="HDN698" s="613"/>
      <c r="HDO698" s="613"/>
      <c r="HDP698" s="613"/>
      <c r="HDQ698" s="613"/>
      <c r="HDR698" s="613"/>
      <c r="HDS698" s="613"/>
      <c r="HDT698" s="613"/>
      <c r="HDU698" s="613"/>
      <c r="HDV698" s="613"/>
      <c r="HDW698" s="613"/>
      <c r="HDX698" s="613"/>
      <c r="HDY698" s="613"/>
      <c r="HDZ698" s="613"/>
      <c r="HEA698" s="613"/>
      <c r="HEB698" s="613"/>
      <c r="HEC698" s="613"/>
      <c r="HED698" s="613"/>
      <c r="HEE698" s="613"/>
      <c r="HEF698" s="613"/>
      <c r="HEG698" s="613"/>
      <c r="HEH698" s="613"/>
      <c r="HEI698" s="613"/>
      <c r="HEJ698" s="613"/>
      <c r="HEK698" s="613"/>
      <c r="HEL698" s="613"/>
      <c r="HEM698" s="613"/>
      <c r="HEN698" s="613"/>
      <c r="HEO698" s="613"/>
      <c r="HEP698" s="613"/>
      <c r="HEQ698" s="613"/>
      <c r="HER698" s="613"/>
      <c r="HES698" s="613"/>
      <c r="HET698" s="613"/>
      <c r="HEU698" s="613"/>
      <c r="HEV698" s="613"/>
      <c r="HEW698" s="613"/>
      <c r="HEX698" s="613"/>
      <c r="HEY698" s="613"/>
      <c r="HEZ698" s="613"/>
      <c r="HFA698" s="613"/>
      <c r="HFB698" s="613"/>
      <c r="HFC698" s="613"/>
      <c r="HFD698" s="613"/>
      <c r="HFE698" s="613"/>
      <c r="HFF698" s="613"/>
      <c r="HFG698" s="613"/>
      <c r="HFH698" s="613"/>
      <c r="HFI698" s="613"/>
      <c r="HFJ698" s="613"/>
      <c r="HFK698" s="613"/>
      <c r="HFL698" s="613"/>
      <c r="HFM698" s="613"/>
      <c r="HFN698" s="613"/>
      <c r="HFO698" s="613"/>
      <c r="HFP698" s="613"/>
      <c r="HFQ698" s="613"/>
      <c r="HFR698" s="613"/>
      <c r="HFS698" s="613"/>
      <c r="HFT698" s="613"/>
      <c r="HFU698" s="613"/>
      <c r="HFV698" s="613"/>
      <c r="HFW698" s="613"/>
      <c r="HFX698" s="613"/>
      <c r="HFY698" s="613"/>
      <c r="HFZ698" s="613"/>
      <c r="HGA698" s="613"/>
      <c r="HGB698" s="613"/>
      <c r="HGC698" s="613"/>
      <c r="HGD698" s="613"/>
      <c r="HGE698" s="613"/>
      <c r="HGF698" s="613"/>
      <c r="HGG698" s="613"/>
      <c r="HGH698" s="613"/>
      <c r="HGI698" s="613"/>
      <c r="HGJ698" s="613"/>
      <c r="HGK698" s="613"/>
      <c r="HGL698" s="613"/>
      <c r="HGM698" s="613"/>
      <c r="HGN698" s="613"/>
      <c r="HGO698" s="613"/>
      <c r="HGP698" s="613"/>
      <c r="HGQ698" s="613"/>
      <c r="HGR698" s="613"/>
      <c r="HGS698" s="613"/>
      <c r="HGT698" s="613"/>
      <c r="HGU698" s="613"/>
      <c r="HGV698" s="613"/>
      <c r="HGW698" s="613"/>
      <c r="HGX698" s="613"/>
      <c r="HGY698" s="613"/>
      <c r="HGZ698" s="613"/>
      <c r="HHA698" s="613"/>
      <c r="HHB698" s="613"/>
      <c r="HHC698" s="613"/>
      <c r="HHD698" s="613"/>
      <c r="HHE698" s="613"/>
      <c r="HHF698" s="613"/>
      <c r="HHG698" s="613"/>
      <c r="HHH698" s="613"/>
      <c r="HHI698" s="613"/>
      <c r="HHJ698" s="613"/>
      <c r="HHK698" s="613"/>
      <c r="HHL698" s="613"/>
      <c r="HHM698" s="613"/>
      <c r="HHN698" s="613"/>
      <c r="HHO698" s="613"/>
      <c r="HHP698" s="613"/>
      <c r="HHQ698" s="613"/>
      <c r="HHR698" s="613"/>
      <c r="HHS698" s="613"/>
      <c r="HHT698" s="613"/>
      <c r="HHU698" s="613"/>
      <c r="HHV698" s="613"/>
      <c r="HHW698" s="613"/>
      <c r="HHX698" s="613"/>
      <c r="HHY698" s="613"/>
      <c r="HHZ698" s="613"/>
      <c r="HIA698" s="613"/>
      <c r="HIB698" s="613"/>
      <c r="HIC698" s="613"/>
      <c r="HID698" s="613"/>
      <c r="HIE698" s="613"/>
      <c r="HIF698" s="613"/>
      <c r="HIG698" s="613"/>
      <c r="HIH698" s="613"/>
      <c r="HII698" s="613"/>
      <c r="HIJ698" s="613"/>
      <c r="HIK698" s="613"/>
      <c r="HIL698" s="613"/>
      <c r="HIM698" s="613"/>
      <c r="HIN698" s="613"/>
      <c r="HIO698" s="613"/>
      <c r="HIP698" s="613"/>
      <c r="HIQ698" s="613"/>
      <c r="HIR698" s="613"/>
      <c r="HIS698" s="613"/>
      <c r="HIT698" s="613"/>
      <c r="HIU698" s="613"/>
      <c r="HIV698" s="613"/>
      <c r="HIW698" s="613"/>
      <c r="HIX698" s="613"/>
      <c r="HIY698" s="613"/>
      <c r="HIZ698" s="613"/>
      <c r="HJA698" s="613"/>
      <c r="HJB698" s="613"/>
      <c r="HJC698" s="613"/>
      <c r="HJD698" s="613"/>
      <c r="HJE698" s="613"/>
      <c r="HJF698" s="613"/>
      <c r="HJG698" s="613"/>
      <c r="HJH698" s="613"/>
      <c r="HJI698" s="613"/>
      <c r="HJJ698" s="613"/>
      <c r="HJK698" s="613"/>
      <c r="HJL698" s="613"/>
      <c r="HJM698" s="613"/>
      <c r="HJN698" s="613"/>
      <c r="HJO698" s="613"/>
      <c r="HJP698" s="613"/>
      <c r="HJQ698" s="613"/>
      <c r="HJR698" s="613"/>
      <c r="HJS698" s="613"/>
      <c r="HJT698" s="613"/>
      <c r="HJU698" s="613"/>
      <c r="HJV698" s="613"/>
      <c r="HJW698" s="613"/>
      <c r="HJX698" s="613"/>
      <c r="HJY698" s="613"/>
      <c r="HJZ698" s="613"/>
      <c r="HKA698" s="613"/>
      <c r="HKB698" s="613"/>
      <c r="HKC698" s="613"/>
      <c r="HKD698" s="613"/>
      <c r="HKE698" s="613"/>
      <c r="HKF698" s="613"/>
      <c r="HKG698" s="613"/>
      <c r="HKH698" s="613"/>
      <c r="HKI698" s="613"/>
      <c r="HKJ698" s="613"/>
      <c r="HKK698" s="613"/>
      <c r="HKL698" s="613"/>
      <c r="HKM698" s="613"/>
      <c r="HKN698" s="613"/>
      <c r="HKO698" s="613"/>
      <c r="HKP698" s="613"/>
      <c r="HKQ698" s="613"/>
      <c r="HKR698" s="613"/>
      <c r="HKS698" s="613"/>
      <c r="HKT698" s="613"/>
      <c r="HKU698" s="613"/>
      <c r="HKV698" s="613"/>
      <c r="HKW698" s="613"/>
      <c r="HKX698" s="613"/>
      <c r="HKY698" s="613"/>
      <c r="HKZ698" s="613"/>
      <c r="HLA698" s="613"/>
      <c r="HLB698" s="613"/>
      <c r="HLC698" s="613"/>
      <c r="HLD698" s="613"/>
      <c r="HLE698" s="613"/>
      <c r="HLF698" s="613"/>
      <c r="HLG698" s="613"/>
      <c r="HLH698" s="613"/>
      <c r="HLI698" s="613"/>
      <c r="HLJ698" s="613"/>
      <c r="HLK698" s="613"/>
      <c r="HLL698" s="613"/>
      <c r="HLM698" s="613"/>
      <c r="HLN698" s="613"/>
      <c r="HLO698" s="613"/>
      <c r="HLP698" s="613"/>
      <c r="HLQ698" s="613"/>
      <c r="HLR698" s="613"/>
      <c r="HLS698" s="613"/>
      <c r="HLT698" s="613"/>
      <c r="HLU698" s="613"/>
      <c r="HLV698" s="613"/>
      <c r="HLW698" s="613"/>
      <c r="HLX698" s="613"/>
      <c r="HLY698" s="613"/>
      <c r="HLZ698" s="613"/>
      <c r="HMA698" s="613"/>
      <c r="HMB698" s="613"/>
      <c r="HMC698" s="613"/>
      <c r="HMD698" s="613"/>
      <c r="HME698" s="613"/>
      <c r="HMF698" s="613"/>
      <c r="HMG698" s="613"/>
      <c r="HMH698" s="613"/>
      <c r="HMI698" s="613"/>
      <c r="HMJ698" s="613"/>
      <c r="HMK698" s="613"/>
      <c r="HML698" s="613"/>
      <c r="HMM698" s="613"/>
      <c r="HMN698" s="613"/>
      <c r="HMO698" s="613"/>
      <c r="HMP698" s="613"/>
      <c r="HMQ698" s="613"/>
      <c r="HMR698" s="613"/>
      <c r="HMS698" s="613"/>
      <c r="HMT698" s="613"/>
      <c r="HMU698" s="613"/>
      <c r="HMV698" s="613"/>
      <c r="HMW698" s="613"/>
      <c r="HMX698" s="613"/>
      <c r="HMY698" s="613"/>
      <c r="HMZ698" s="613"/>
      <c r="HNA698" s="613"/>
      <c r="HNB698" s="613"/>
      <c r="HNC698" s="613"/>
      <c r="HND698" s="613"/>
      <c r="HNE698" s="613"/>
      <c r="HNF698" s="613"/>
      <c r="HNG698" s="613"/>
      <c r="HNH698" s="613"/>
      <c r="HNI698" s="613"/>
      <c r="HNJ698" s="613"/>
      <c r="HNK698" s="613"/>
      <c r="HNL698" s="613"/>
      <c r="HNM698" s="613"/>
      <c r="HNN698" s="613"/>
      <c r="HNO698" s="613"/>
      <c r="HNP698" s="613"/>
      <c r="HNQ698" s="613"/>
      <c r="HNR698" s="613"/>
      <c r="HNS698" s="613"/>
      <c r="HNT698" s="613"/>
      <c r="HNU698" s="613"/>
      <c r="HNV698" s="613"/>
      <c r="HNW698" s="613"/>
      <c r="HNX698" s="613"/>
      <c r="HNY698" s="613"/>
      <c r="HNZ698" s="613"/>
      <c r="HOA698" s="613"/>
      <c r="HOB698" s="613"/>
      <c r="HOC698" s="613"/>
      <c r="HOD698" s="613"/>
      <c r="HOE698" s="613"/>
      <c r="HOF698" s="613"/>
      <c r="HOG698" s="613"/>
      <c r="HOH698" s="613"/>
      <c r="HOI698" s="613"/>
      <c r="HOJ698" s="613"/>
      <c r="HOK698" s="613"/>
      <c r="HOL698" s="613"/>
      <c r="HOM698" s="613"/>
      <c r="HON698" s="613"/>
      <c r="HOO698" s="613"/>
      <c r="HOP698" s="613"/>
      <c r="HOQ698" s="613"/>
      <c r="HOR698" s="613"/>
      <c r="HOS698" s="613"/>
      <c r="HOT698" s="613"/>
      <c r="HOU698" s="613"/>
      <c r="HOV698" s="613"/>
      <c r="HOW698" s="613"/>
      <c r="HOX698" s="613"/>
      <c r="HOY698" s="613"/>
      <c r="HOZ698" s="613"/>
      <c r="HPA698" s="613"/>
      <c r="HPB698" s="613"/>
      <c r="HPC698" s="613"/>
      <c r="HPD698" s="613"/>
      <c r="HPE698" s="613"/>
      <c r="HPF698" s="613"/>
      <c r="HPG698" s="613"/>
      <c r="HPH698" s="613"/>
      <c r="HPI698" s="613"/>
      <c r="HPJ698" s="613"/>
      <c r="HPK698" s="613"/>
      <c r="HPL698" s="613"/>
      <c r="HPM698" s="613"/>
      <c r="HPN698" s="613"/>
      <c r="HPO698" s="613"/>
      <c r="HPP698" s="613"/>
      <c r="HPQ698" s="613"/>
      <c r="HPR698" s="613"/>
      <c r="HPS698" s="613"/>
      <c r="HPT698" s="613"/>
      <c r="HPU698" s="613"/>
      <c r="HPV698" s="613"/>
      <c r="HPW698" s="613"/>
      <c r="HPX698" s="613"/>
      <c r="HPY698" s="613"/>
      <c r="HPZ698" s="613"/>
      <c r="HQA698" s="613"/>
      <c r="HQB698" s="613"/>
      <c r="HQC698" s="613"/>
      <c r="HQD698" s="613"/>
      <c r="HQE698" s="613"/>
      <c r="HQF698" s="613"/>
      <c r="HQG698" s="613"/>
      <c r="HQH698" s="613"/>
      <c r="HQI698" s="613"/>
      <c r="HQJ698" s="613"/>
      <c r="HQK698" s="613"/>
      <c r="HQL698" s="613"/>
      <c r="HQM698" s="613"/>
      <c r="HQN698" s="613"/>
      <c r="HQO698" s="613"/>
      <c r="HQP698" s="613"/>
      <c r="HQQ698" s="613"/>
      <c r="HQR698" s="613"/>
      <c r="HQS698" s="613"/>
      <c r="HQT698" s="613"/>
      <c r="HQU698" s="613"/>
      <c r="HQV698" s="613"/>
      <c r="HQW698" s="613"/>
      <c r="HQX698" s="613"/>
      <c r="HQY698" s="613"/>
      <c r="HQZ698" s="613"/>
      <c r="HRA698" s="613"/>
      <c r="HRB698" s="613"/>
      <c r="HRC698" s="613"/>
      <c r="HRD698" s="613"/>
      <c r="HRE698" s="613"/>
      <c r="HRF698" s="613"/>
      <c r="HRG698" s="613"/>
      <c r="HRH698" s="613"/>
      <c r="HRI698" s="613"/>
      <c r="HRJ698" s="613"/>
      <c r="HRK698" s="613"/>
      <c r="HRL698" s="613"/>
      <c r="HRM698" s="613"/>
      <c r="HRN698" s="613"/>
      <c r="HRO698" s="613"/>
      <c r="HRP698" s="613"/>
      <c r="HRQ698" s="613"/>
      <c r="HRR698" s="613"/>
      <c r="HRS698" s="613"/>
      <c r="HRT698" s="613"/>
      <c r="HRU698" s="613"/>
      <c r="HRV698" s="613"/>
      <c r="HRW698" s="613"/>
      <c r="HRX698" s="613"/>
      <c r="HRY698" s="613"/>
      <c r="HRZ698" s="613"/>
      <c r="HSA698" s="613"/>
      <c r="HSB698" s="613"/>
      <c r="HSC698" s="613"/>
      <c r="HSD698" s="613"/>
      <c r="HSE698" s="613"/>
      <c r="HSF698" s="613"/>
      <c r="HSG698" s="613"/>
      <c r="HSH698" s="613"/>
      <c r="HSI698" s="613"/>
      <c r="HSJ698" s="613"/>
      <c r="HSK698" s="613"/>
      <c r="HSL698" s="613"/>
      <c r="HSM698" s="613"/>
      <c r="HSN698" s="613"/>
      <c r="HSO698" s="613"/>
      <c r="HSP698" s="613"/>
      <c r="HSQ698" s="613"/>
      <c r="HSR698" s="613"/>
      <c r="HSS698" s="613"/>
      <c r="HST698" s="613"/>
      <c r="HSU698" s="613"/>
      <c r="HSV698" s="613"/>
      <c r="HSW698" s="613"/>
      <c r="HSX698" s="613"/>
      <c r="HSY698" s="613"/>
      <c r="HSZ698" s="613"/>
      <c r="HTA698" s="613"/>
      <c r="HTB698" s="613"/>
      <c r="HTC698" s="613"/>
      <c r="HTD698" s="613"/>
      <c r="HTE698" s="613"/>
      <c r="HTF698" s="613"/>
      <c r="HTG698" s="613"/>
      <c r="HTH698" s="613"/>
      <c r="HTI698" s="613"/>
      <c r="HTJ698" s="613"/>
      <c r="HTK698" s="613"/>
      <c r="HTL698" s="613"/>
      <c r="HTM698" s="613"/>
      <c r="HTN698" s="613"/>
      <c r="HTO698" s="613"/>
      <c r="HTP698" s="613"/>
      <c r="HTQ698" s="613"/>
      <c r="HTR698" s="613"/>
      <c r="HTS698" s="613"/>
      <c r="HTT698" s="613"/>
      <c r="HTU698" s="613"/>
      <c r="HTV698" s="613"/>
      <c r="HTW698" s="613"/>
      <c r="HTX698" s="613"/>
      <c r="HTY698" s="613"/>
      <c r="HTZ698" s="613"/>
      <c r="HUA698" s="613"/>
      <c r="HUB698" s="613"/>
      <c r="HUC698" s="613"/>
      <c r="HUD698" s="613"/>
      <c r="HUE698" s="613"/>
      <c r="HUF698" s="613"/>
      <c r="HUG698" s="613"/>
      <c r="HUH698" s="613"/>
      <c r="HUI698" s="613"/>
      <c r="HUJ698" s="613"/>
      <c r="HUK698" s="613"/>
      <c r="HUL698" s="613"/>
      <c r="HUM698" s="613"/>
      <c r="HUN698" s="613"/>
      <c r="HUO698" s="613"/>
      <c r="HUP698" s="613"/>
      <c r="HUQ698" s="613"/>
      <c r="HUR698" s="613"/>
      <c r="HUS698" s="613"/>
      <c r="HUT698" s="613"/>
      <c r="HUU698" s="613"/>
      <c r="HUV698" s="613"/>
      <c r="HUW698" s="613"/>
      <c r="HUX698" s="613"/>
      <c r="HUY698" s="613"/>
      <c r="HUZ698" s="613"/>
      <c r="HVA698" s="613"/>
      <c r="HVB698" s="613"/>
      <c r="HVC698" s="613"/>
      <c r="HVD698" s="613"/>
      <c r="HVE698" s="613"/>
      <c r="HVF698" s="613"/>
      <c r="HVG698" s="613"/>
      <c r="HVH698" s="613"/>
      <c r="HVI698" s="613"/>
      <c r="HVJ698" s="613"/>
      <c r="HVK698" s="613"/>
      <c r="HVL698" s="613"/>
      <c r="HVM698" s="613"/>
      <c r="HVN698" s="613"/>
      <c r="HVO698" s="613"/>
      <c r="HVP698" s="613"/>
      <c r="HVQ698" s="613"/>
      <c r="HVR698" s="613"/>
      <c r="HVS698" s="613"/>
      <c r="HVT698" s="613"/>
      <c r="HVU698" s="613"/>
      <c r="HVV698" s="613"/>
      <c r="HVW698" s="613"/>
      <c r="HVX698" s="613"/>
      <c r="HVY698" s="613"/>
      <c r="HVZ698" s="613"/>
      <c r="HWA698" s="613"/>
      <c r="HWB698" s="613"/>
      <c r="HWC698" s="613"/>
      <c r="HWD698" s="613"/>
      <c r="HWE698" s="613"/>
      <c r="HWF698" s="613"/>
      <c r="HWG698" s="613"/>
      <c r="HWH698" s="613"/>
      <c r="HWI698" s="613"/>
      <c r="HWJ698" s="613"/>
      <c r="HWK698" s="613"/>
      <c r="HWL698" s="613"/>
      <c r="HWM698" s="613"/>
      <c r="HWN698" s="613"/>
      <c r="HWO698" s="613"/>
      <c r="HWP698" s="613"/>
      <c r="HWQ698" s="613"/>
      <c r="HWR698" s="613"/>
      <c r="HWS698" s="613"/>
      <c r="HWT698" s="613"/>
      <c r="HWU698" s="613"/>
      <c r="HWV698" s="613"/>
      <c r="HWW698" s="613"/>
      <c r="HWX698" s="613"/>
      <c r="HWY698" s="613"/>
      <c r="HWZ698" s="613"/>
      <c r="HXA698" s="613"/>
      <c r="HXB698" s="613"/>
      <c r="HXC698" s="613"/>
      <c r="HXD698" s="613"/>
      <c r="HXE698" s="613"/>
      <c r="HXF698" s="613"/>
      <c r="HXG698" s="613"/>
      <c r="HXH698" s="613"/>
      <c r="HXI698" s="613"/>
      <c r="HXJ698" s="613"/>
      <c r="HXK698" s="613"/>
      <c r="HXL698" s="613"/>
      <c r="HXM698" s="613"/>
      <c r="HXN698" s="613"/>
      <c r="HXO698" s="613"/>
      <c r="HXP698" s="613"/>
      <c r="HXQ698" s="613"/>
      <c r="HXR698" s="613"/>
      <c r="HXS698" s="613"/>
      <c r="HXT698" s="613"/>
      <c r="HXU698" s="613"/>
      <c r="HXV698" s="613"/>
      <c r="HXW698" s="613"/>
      <c r="HXX698" s="613"/>
      <c r="HXY698" s="613"/>
      <c r="HXZ698" s="613"/>
      <c r="HYA698" s="613"/>
      <c r="HYB698" s="613"/>
      <c r="HYC698" s="613"/>
      <c r="HYD698" s="613"/>
      <c r="HYE698" s="613"/>
      <c r="HYF698" s="613"/>
      <c r="HYG698" s="613"/>
      <c r="HYH698" s="613"/>
      <c r="HYI698" s="613"/>
      <c r="HYJ698" s="613"/>
      <c r="HYK698" s="613"/>
      <c r="HYL698" s="613"/>
      <c r="HYM698" s="613"/>
      <c r="HYN698" s="613"/>
      <c r="HYO698" s="613"/>
      <c r="HYP698" s="613"/>
      <c r="HYQ698" s="613"/>
      <c r="HYR698" s="613"/>
      <c r="HYS698" s="613"/>
      <c r="HYT698" s="613"/>
      <c r="HYU698" s="613"/>
      <c r="HYV698" s="613"/>
      <c r="HYW698" s="613"/>
      <c r="HYX698" s="613"/>
      <c r="HYY698" s="613"/>
      <c r="HYZ698" s="613"/>
      <c r="HZA698" s="613"/>
      <c r="HZB698" s="613"/>
      <c r="HZC698" s="613"/>
      <c r="HZD698" s="613"/>
      <c r="HZE698" s="613"/>
      <c r="HZF698" s="613"/>
      <c r="HZG698" s="613"/>
      <c r="HZH698" s="613"/>
      <c r="HZI698" s="613"/>
      <c r="HZJ698" s="613"/>
      <c r="HZK698" s="613"/>
      <c r="HZL698" s="613"/>
      <c r="HZM698" s="613"/>
      <c r="HZN698" s="613"/>
      <c r="HZO698" s="613"/>
      <c r="HZP698" s="613"/>
      <c r="HZQ698" s="613"/>
      <c r="HZR698" s="613"/>
      <c r="HZS698" s="613"/>
      <c r="HZT698" s="613"/>
      <c r="HZU698" s="613"/>
      <c r="HZV698" s="613"/>
      <c r="HZW698" s="613"/>
      <c r="HZX698" s="613"/>
      <c r="HZY698" s="613"/>
      <c r="HZZ698" s="613"/>
      <c r="IAA698" s="613"/>
      <c r="IAB698" s="613"/>
      <c r="IAC698" s="613"/>
      <c r="IAD698" s="613"/>
      <c r="IAE698" s="613"/>
      <c r="IAF698" s="613"/>
      <c r="IAG698" s="613"/>
      <c r="IAH698" s="613"/>
      <c r="IAI698" s="613"/>
      <c r="IAJ698" s="613"/>
      <c r="IAK698" s="613"/>
      <c r="IAL698" s="613"/>
      <c r="IAM698" s="613"/>
      <c r="IAN698" s="613"/>
      <c r="IAO698" s="613"/>
      <c r="IAP698" s="613"/>
      <c r="IAQ698" s="613"/>
      <c r="IAR698" s="613"/>
      <c r="IAS698" s="613"/>
      <c r="IAT698" s="613"/>
      <c r="IAU698" s="613"/>
      <c r="IAV698" s="613"/>
      <c r="IAW698" s="613"/>
      <c r="IAX698" s="613"/>
      <c r="IAY698" s="613"/>
      <c r="IAZ698" s="613"/>
      <c r="IBA698" s="613"/>
      <c r="IBB698" s="613"/>
      <c r="IBC698" s="613"/>
      <c r="IBD698" s="613"/>
      <c r="IBE698" s="613"/>
      <c r="IBF698" s="613"/>
      <c r="IBG698" s="613"/>
      <c r="IBH698" s="613"/>
      <c r="IBI698" s="613"/>
      <c r="IBJ698" s="613"/>
      <c r="IBK698" s="613"/>
      <c r="IBL698" s="613"/>
      <c r="IBM698" s="613"/>
      <c r="IBN698" s="613"/>
      <c r="IBO698" s="613"/>
      <c r="IBP698" s="613"/>
      <c r="IBQ698" s="613"/>
      <c r="IBR698" s="613"/>
      <c r="IBS698" s="613"/>
      <c r="IBT698" s="613"/>
      <c r="IBU698" s="613"/>
      <c r="IBV698" s="613"/>
      <c r="IBW698" s="613"/>
      <c r="IBX698" s="613"/>
      <c r="IBY698" s="613"/>
      <c r="IBZ698" s="613"/>
      <c r="ICA698" s="613"/>
      <c r="ICB698" s="613"/>
      <c r="ICC698" s="613"/>
      <c r="ICD698" s="613"/>
      <c r="ICE698" s="613"/>
      <c r="ICF698" s="613"/>
      <c r="ICG698" s="613"/>
      <c r="ICH698" s="613"/>
      <c r="ICI698" s="613"/>
      <c r="ICJ698" s="613"/>
      <c r="ICK698" s="613"/>
      <c r="ICL698" s="613"/>
      <c r="ICM698" s="613"/>
      <c r="ICN698" s="613"/>
      <c r="ICO698" s="613"/>
      <c r="ICP698" s="613"/>
      <c r="ICQ698" s="613"/>
      <c r="ICR698" s="613"/>
      <c r="ICS698" s="613"/>
      <c r="ICT698" s="613"/>
      <c r="ICU698" s="613"/>
      <c r="ICV698" s="613"/>
      <c r="ICW698" s="613"/>
      <c r="ICX698" s="613"/>
      <c r="ICY698" s="613"/>
      <c r="ICZ698" s="613"/>
      <c r="IDA698" s="613"/>
      <c r="IDB698" s="613"/>
      <c r="IDC698" s="613"/>
      <c r="IDD698" s="613"/>
      <c r="IDE698" s="613"/>
      <c r="IDF698" s="613"/>
      <c r="IDG698" s="613"/>
      <c r="IDH698" s="613"/>
      <c r="IDI698" s="613"/>
      <c r="IDJ698" s="613"/>
      <c r="IDK698" s="613"/>
      <c r="IDL698" s="613"/>
      <c r="IDM698" s="613"/>
      <c r="IDN698" s="613"/>
      <c r="IDO698" s="613"/>
      <c r="IDP698" s="613"/>
      <c r="IDQ698" s="613"/>
      <c r="IDR698" s="613"/>
      <c r="IDS698" s="613"/>
      <c r="IDT698" s="613"/>
      <c r="IDU698" s="613"/>
      <c r="IDV698" s="613"/>
      <c r="IDW698" s="613"/>
      <c r="IDX698" s="613"/>
      <c r="IDY698" s="613"/>
      <c r="IDZ698" s="613"/>
      <c r="IEA698" s="613"/>
      <c r="IEB698" s="613"/>
      <c r="IEC698" s="613"/>
      <c r="IED698" s="613"/>
      <c r="IEE698" s="613"/>
      <c r="IEF698" s="613"/>
      <c r="IEG698" s="613"/>
      <c r="IEH698" s="613"/>
      <c r="IEI698" s="613"/>
      <c r="IEJ698" s="613"/>
      <c r="IEK698" s="613"/>
      <c r="IEL698" s="613"/>
      <c r="IEM698" s="613"/>
      <c r="IEN698" s="613"/>
      <c r="IEO698" s="613"/>
      <c r="IEP698" s="613"/>
      <c r="IEQ698" s="613"/>
      <c r="IER698" s="613"/>
      <c r="IES698" s="613"/>
      <c r="IET698" s="613"/>
      <c r="IEU698" s="613"/>
      <c r="IEV698" s="613"/>
      <c r="IEW698" s="613"/>
      <c r="IEX698" s="613"/>
      <c r="IEY698" s="613"/>
      <c r="IEZ698" s="613"/>
      <c r="IFA698" s="613"/>
      <c r="IFB698" s="613"/>
      <c r="IFC698" s="613"/>
      <c r="IFD698" s="613"/>
      <c r="IFE698" s="613"/>
      <c r="IFF698" s="613"/>
      <c r="IFG698" s="613"/>
      <c r="IFH698" s="613"/>
      <c r="IFI698" s="613"/>
      <c r="IFJ698" s="613"/>
      <c r="IFK698" s="613"/>
      <c r="IFL698" s="613"/>
      <c r="IFM698" s="613"/>
      <c r="IFN698" s="613"/>
      <c r="IFO698" s="613"/>
      <c r="IFP698" s="613"/>
      <c r="IFQ698" s="613"/>
      <c r="IFR698" s="613"/>
      <c r="IFS698" s="613"/>
      <c r="IFT698" s="613"/>
      <c r="IFU698" s="613"/>
      <c r="IFV698" s="613"/>
      <c r="IFW698" s="613"/>
      <c r="IFX698" s="613"/>
      <c r="IFY698" s="613"/>
      <c r="IFZ698" s="613"/>
      <c r="IGA698" s="613"/>
      <c r="IGB698" s="613"/>
      <c r="IGC698" s="613"/>
      <c r="IGD698" s="613"/>
      <c r="IGE698" s="613"/>
      <c r="IGF698" s="613"/>
      <c r="IGG698" s="613"/>
      <c r="IGH698" s="613"/>
      <c r="IGI698" s="613"/>
      <c r="IGJ698" s="613"/>
      <c r="IGK698" s="613"/>
      <c r="IGL698" s="613"/>
      <c r="IGM698" s="613"/>
      <c r="IGN698" s="613"/>
      <c r="IGO698" s="613"/>
      <c r="IGP698" s="613"/>
      <c r="IGQ698" s="613"/>
      <c r="IGR698" s="613"/>
      <c r="IGS698" s="613"/>
      <c r="IGT698" s="613"/>
      <c r="IGU698" s="613"/>
      <c r="IGV698" s="613"/>
      <c r="IGW698" s="613"/>
      <c r="IGX698" s="613"/>
      <c r="IGY698" s="613"/>
      <c r="IGZ698" s="613"/>
      <c r="IHA698" s="613"/>
      <c r="IHB698" s="613"/>
      <c r="IHC698" s="613"/>
      <c r="IHD698" s="613"/>
      <c r="IHE698" s="613"/>
      <c r="IHF698" s="613"/>
      <c r="IHG698" s="613"/>
      <c r="IHH698" s="613"/>
      <c r="IHI698" s="613"/>
      <c r="IHJ698" s="613"/>
      <c r="IHK698" s="613"/>
      <c r="IHL698" s="613"/>
      <c r="IHM698" s="613"/>
      <c r="IHN698" s="613"/>
      <c r="IHO698" s="613"/>
      <c r="IHP698" s="613"/>
      <c r="IHQ698" s="613"/>
      <c r="IHR698" s="613"/>
      <c r="IHS698" s="613"/>
      <c r="IHT698" s="613"/>
      <c r="IHU698" s="613"/>
      <c r="IHV698" s="613"/>
      <c r="IHW698" s="613"/>
      <c r="IHX698" s="613"/>
      <c r="IHY698" s="613"/>
      <c r="IHZ698" s="613"/>
      <c r="IIA698" s="613"/>
      <c r="IIB698" s="613"/>
      <c r="IIC698" s="613"/>
      <c r="IID698" s="613"/>
      <c r="IIE698" s="613"/>
      <c r="IIF698" s="613"/>
      <c r="IIG698" s="613"/>
      <c r="IIH698" s="613"/>
      <c r="III698" s="613"/>
      <c r="IIJ698" s="613"/>
      <c r="IIK698" s="613"/>
      <c r="IIL698" s="613"/>
      <c r="IIM698" s="613"/>
      <c r="IIN698" s="613"/>
      <c r="IIO698" s="613"/>
      <c r="IIP698" s="613"/>
      <c r="IIQ698" s="613"/>
      <c r="IIR698" s="613"/>
      <c r="IIS698" s="613"/>
      <c r="IIT698" s="613"/>
      <c r="IIU698" s="613"/>
      <c r="IIV698" s="613"/>
      <c r="IIW698" s="613"/>
      <c r="IIX698" s="613"/>
      <c r="IIY698" s="613"/>
      <c r="IIZ698" s="613"/>
      <c r="IJA698" s="613"/>
      <c r="IJB698" s="613"/>
      <c r="IJC698" s="613"/>
      <c r="IJD698" s="613"/>
      <c r="IJE698" s="613"/>
      <c r="IJF698" s="613"/>
      <c r="IJG698" s="613"/>
      <c r="IJH698" s="613"/>
      <c r="IJI698" s="613"/>
      <c r="IJJ698" s="613"/>
      <c r="IJK698" s="613"/>
      <c r="IJL698" s="613"/>
      <c r="IJM698" s="613"/>
      <c r="IJN698" s="613"/>
      <c r="IJO698" s="613"/>
      <c r="IJP698" s="613"/>
      <c r="IJQ698" s="613"/>
      <c r="IJR698" s="613"/>
      <c r="IJS698" s="613"/>
      <c r="IJT698" s="613"/>
      <c r="IJU698" s="613"/>
      <c r="IJV698" s="613"/>
      <c r="IJW698" s="613"/>
      <c r="IJX698" s="613"/>
      <c r="IJY698" s="613"/>
      <c r="IJZ698" s="613"/>
      <c r="IKA698" s="613"/>
      <c r="IKB698" s="613"/>
      <c r="IKC698" s="613"/>
      <c r="IKD698" s="613"/>
      <c r="IKE698" s="613"/>
      <c r="IKF698" s="613"/>
      <c r="IKG698" s="613"/>
      <c r="IKH698" s="613"/>
      <c r="IKI698" s="613"/>
      <c r="IKJ698" s="613"/>
      <c r="IKK698" s="613"/>
      <c r="IKL698" s="613"/>
      <c r="IKM698" s="613"/>
      <c r="IKN698" s="613"/>
      <c r="IKO698" s="613"/>
      <c r="IKP698" s="613"/>
      <c r="IKQ698" s="613"/>
      <c r="IKR698" s="613"/>
      <c r="IKS698" s="613"/>
      <c r="IKT698" s="613"/>
      <c r="IKU698" s="613"/>
      <c r="IKV698" s="613"/>
      <c r="IKW698" s="613"/>
      <c r="IKX698" s="613"/>
      <c r="IKY698" s="613"/>
      <c r="IKZ698" s="613"/>
      <c r="ILA698" s="613"/>
      <c r="ILB698" s="613"/>
      <c r="ILC698" s="613"/>
      <c r="ILD698" s="613"/>
      <c r="ILE698" s="613"/>
      <c r="ILF698" s="613"/>
      <c r="ILG698" s="613"/>
      <c r="ILH698" s="613"/>
      <c r="ILI698" s="613"/>
      <c r="ILJ698" s="613"/>
      <c r="ILK698" s="613"/>
      <c r="ILL698" s="613"/>
      <c r="ILM698" s="613"/>
      <c r="ILN698" s="613"/>
      <c r="ILO698" s="613"/>
      <c r="ILP698" s="613"/>
      <c r="ILQ698" s="613"/>
      <c r="ILR698" s="613"/>
      <c r="ILS698" s="613"/>
      <c r="ILT698" s="613"/>
      <c r="ILU698" s="613"/>
      <c r="ILV698" s="613"/>
      <c r="ILW698" s="613"/>
      <c r="ILX698" s="613"/>
      <c r="ILY698" s="613"/>
      <c r="ILZ698" s="613"/>
      <c r="IMA698" s="613"/>
      <c r="IMB698" s="613"/>
      <c r="IMC698" s="613"/>
      <c r="IMD698" s="613"/>
      <c r="IME698" s="613"/>
      <c r="IMF698" s="613"/>
      <c r="IMG698" s="613"/>
      <c r="IMH698" s="613"/>
      <c r="IMI698" s="613"/>
      <c r="IMJ698" s="613"/>
      <c r="IMK698" s="613"/>
      <c r="IML698" s="613"/>
      <c r="IMM698" s="613"/>
      <c r="IMN698" s="613"/>
      <c r="IMO698" s="613"/>
      <c r="IMP698" s="613"/>
      <c r="IMQ698" s="613"/>
      <c r="IMR698" s="613"/>
      <c r="IMS698" s="613"/>
      <c r="IMT698" s="613"/>
      <c r="IMU698" s="613"/>
      <c r="IMV698" s="613"/>
      <c r="IMW698" s="613"/>
      <c r="IMX698" s="613"/>
      <c r="IMY698" s="613"/>
      <c r="IMZ698" s="613"/>
      <c r="INA698" s="613"/>
      <c r="INB698" s="613"/>
      <c r="INC698" s="613"/>
      <c r="IND698" s="613"/>
      <c r="INE698" s="613"/>
      <c r="INF698" s="613"/>
      <c r="ING698" s="613"/>
      <c r="INH698" s="613"/>
      <c r="INI698" s="613"/>
      <c r="INJ698" s="613"/>
      <c r="INK698" s="613"/>
      <c r="INL698" s="613"/>
      <c r="INM698" s="613"/>
      <c r="INN698" s="613"/>
      <c r="INO698" s="613"/>
      <c r="INP698" s="613"/>
      <c r="INQ698" s="613"/>
      <c r="INR698" s="613"/>
      <c r="INS698" s="613"/>
      <c r="INT698" s="613"/>
      <c r="INU698" s="613"/>
      <c r="INV698" s="613"/>
      <c r="INW698" s="613"/>
      <c r="INX698" s="613"/>
      <c r="INY698" s="613"/>
      <c r="INZ698" s="613"/>
      <c r="IOA698" s="613"/>
      <c r="IOB698" s="613"/>
      <c r="IOC698" s="613"/>
      <c r="IOD698" s="613"/>
      <c r="IOE698" s="613"/>
      <c r="IOF698" s="613"/>
      <c r="IOG698" s="613"/>
      <c r="IOH698" s="613"/>
      <c r="IOI698" s="613"/>
      <c r="IOJ698" s="613"/>
      <c r="IOK698" s="613"/>
      <c r="IOL698" s="613"/>
      <c r="IOM698" s="613"/>
      <c r="ION698" s="613"/>
      <c r="IOO698" s="613"/>
      <c r="IOP698" s="613"/>
      <c r="IOQ698" s="613"/>
      <c r="IOR698" s="613"/>
      <c r="IOS698" s="613"/>
      <c r="IOT698" s="613"/>
      <c r="IOU698" s="613"/>
      <c r="IOV698" s="613"/>
      <c r="IOW698" s="613"/>
      <c r="IOX698" s="613"/>
      <c r="IOY698" s="613"/>
      <c r="IOZ698" s="613"/>
      <c r="IPA698" s="613"/>
      <c r="IPB698" s="613"/>
      <c r="IPC698" s="613"/>
      <c r="IPD698" s="613"/>
      <c r="IPE698" s="613"/>
      <c r="IPF698" s="613"/>
      <c r="IPG698" s="613"/>
      <c r="IPH698" s="613"/>
      <c r="IPI698" s="613"/>
      <c r="IPJ698" s="613"/>
      <c r="IPK698" s="613"/>
      <c r="IPL698" s="613"/>
      <c r="IPM698" s="613"/>
      <c r="IPN698" s="613"/>
      <c r="IPO698" s="613"/>
      <c r="IPP698" s="613"/>
      <c r="IPQ698" s="613"/>
      <c r="IPR698" s="613"/>
      <c r="IPS698" s="613"/>
      <c r="IPT698" s="613"/>
      <c r="IPU698" s="613"/>
      <c r="IPV698" s="613"/>
      <c r="IPW698" s="613"/>
      <c r="IPX698" s="613"/>
      <c r="IPY698" s="613"/>
      <c r="IPZ698" s="613"/>
      <c r="IQA698" s="613"/>
      <c r="IQB698" s="613"/>
      <c r="IQC698" s="613"/>
      <c r="IQD698" s="613"/>
      <c r="IQE698" s="613"/>
      <c r="IQF698" s="613"/>
      <c r="IQG698" s="613"/>
      <c r="IQH698" s="613"/>
      <c r="IQI698" s="613"/>
      <c r="IQJ698" s="613"/>
      <c r="IQK698" s="613"/>
      <c r="IQL698" s="613"/>
      <c r="IQM698" s="613"/>
      <c r="IQN698" s="613"/>
      <c r="IQO698" s="613"/>
      <c r="IQP698" s="613"/>
      <c r="IQQ698" s="613"/>
      <c r="IQR698" s="613"/>
      <c r="IQS698" s="613"/>
      <c r="IQT698" s="613"/>
      <c r="IQU698" s="613"/>
      <c r="IQV698" s="613"/>
      <c r="IQW698" s="613"/>
      <c r="IQX698" s="613"/>
      <c r="IQY698" s="613"/>
      <c r="IQZ698" s="613"/>
      <c r="IRA698" s="613"/>
      <c r="IRB698" s="613"/>
      <c r="IRC698" s="613"/>
      <c r="IRD698" s="613"/>
      <c r="IRE698" s="613"/>
      <c r="IRF698" s="613"/>
      <c r="IRG698" s="613"/>
      <c r="IRH698" s="613"/>
      <c r="IRI698" s="613"/>
      <c r="IRJ698" s="613"/>
      <c r="IRK698" s="613"/>
      <c r="IRL698" s="613"/>
      <c r="IRM698" s="613"/>
      <c r="IRN698" s="613"/>
      <c r="IRO698" s="613"/>
      <c r="IRP698" s="613"/>
      <c r="IRQ698" s="613"/>
      <c r="IRR698" s="613"/>
      <c r="IRS698" s="613"/>
      <c r="IRT698" s="613"/>
      <c r="IRU698" s="613"/>
      <c r="IRV698" s="613"/>
      <c r="IRW698" s="613"/>
      <c r="IRX698" s="613"/>
      <c r="IRY698" s="613"/>
      <c r="IRZ698" s="613"/>
      <c r="ISA698" s="613"/>
      <c r="ISB698" s="613"/>
      <c r="ISC698" s="613"/>
      <c r="ISD698" s="613"/>
      <c r="ISE698" s="613"/>
      <c r="ISF698" s="613"/>
      <c r="ISG698" s="613"/>
      <c r="ISH698" s="613"/>
      <c r="ISI698" s="613"/>
      <c r="ISJ698" s="613"/>
      <c r="ISK698" s="613"/>
      <c r="ISL698" s="613"/>
      <c r="ISM698" s="613"/>
      <c r="ISN698" s="613"/>
      <c r="ISO698" s="613"/>
      <c r="ISP698" s="613"/>
      <c r="ISQ698" s="613"/>
      <c r="ISR698" s="613"/>
      <c r="ISS698" s="613"/>
      <c r="IST698" s="613"/>
      <c r="ISU698" s="613"/>
      <c r="ISV698" s="613"/>
      <c r="ISW698" s="613"/>
      <c r="ISX698" s="613"/>
      <c r="ISY698" s="613"/>
      <c r="ISZ698" s="613"/>
      <c r="ITA698" s="613"/>
      <c r="ITB698" s="613"/>
      <c r="ITC698" s="613"/>
      <c r="ITD698" s="613"/>
      <c r="ITE698" s="613"/>
      <c r="ITF698" s="613"/>
      <c r="ITG698" s="613"/>
      <c r="ITH698" s="613"/>
      <c r="ITI698" s="613"/>
      <c r="ITJ698" s="613"/>
      <c r="ITK698" s="613"/>
      <c r="ITL698" s="613"/>
      <c r="ITM698" s="613"/>
      <c r="ITN698" s="613"/>
      <c r="ITO698" s="613"/>
      <c r="ITP698" s="613"/>
      <c r="ITQ698" s="613"/>
      <c r="ITR698" s="613"/>
      <c r="ITS698" s="613"/>
      <c r="ITT698" s="613"/>
      <c r="ITU698" s="613"/>
      <c r="ITV698" s="613"/>
      <c r="ITW698" s="613"/>
      <c r="ITX698" s="613"/>
      <c r="ITY698" s="613"/>
      <c r="ITZ698" s="613"/>
      <c r="IUA698" s="613"/>
      <c r="IUB698" s="613"/>
      <c r="IUC698" s="613"/>
      <c r="IUD698" s="613"/>
      <c r="IUE698" s="613"/>
      <c r="IUF698" s="613"/>
      <c r="IUG698" s="613"/>
      <c r="IUH698" s="613"/>
      <c r="IUI698" s="613"/>
      <c r="IUJ698" s="613"/>
      <c r="IUK698" s="613"/>
      <c r="IUL698" s="613"/>
      <c r="IUM698" s="613"/>
      <c r="IUN698" s="613"/>
      <c r="IUO698" s="613"/>
      <c r="IUP698" s="613"/>
      <c r="IUQ698" s="613"/>
      <c r="IUR698" s="613"/>
      <c r="IUS698" s="613"/>
      <c r="IUT698" s="613"/>
      <c r="IUU698" s="613"/>
      <c r="IUV698" s="613"/>
      <c r="IUW698" s="613"/>
      <c r="IUX698" s="613"/>
      <c r="IUY698" s="613"/>
      <c r="IUZ698" s="613"/>
      <c r="IVA698" s="613"/>
      <c r="IVB698" s="613"/>
      <c r="IVC698" s="613"/>
      <c r="IVD698" s="613"/>
      <c r="IVE698" s="613"/>
      <c r="IVF698" s="613"/>
      <c r="IVG698" s="613"/>
      <c r="IVH698" s="613"/>
      <c r="IVI698" s="613"/>
      <c r="IVJ698" s="613"/>
      <c r="IVK698" s="613"/>
      <c r="IVL698" s="613"/>
      <c r="IVM698" s="613"/>
      <c r="IVN698" s="613"/>
      <c r="IVO698" s="613"/>
      <c r="IVP698" s="613"/>
      <c r="IVQ698" s="613"/>
      <c r="IVR698" s="613"/>
      <c r="IVS698" s="613"/>
      <c r="IVT698" s="613"/>
      <c r="IVU698" s="613"/>
      <c r="IVV698" s="613"/>
      <c r="IVW698" s="613"/>
      <c r="IVX698" s="613"/>
      <c r="IVY698" s="613"/>
      <c r="IVZ698" s="613"/>
      <c r="IWA698" s="613"/>
      <c r="IWB698" s="613"/>
      <c r="IWC698" s="613"/>
      <c r="IWD698" s="613"/>
      <c r="IWE698" s="613"/>
      <c r="IWF698" s="613"/>
      <c r="IWG698" s="613"/>
      <c r="IWH698" s="613"/>
      <c r="IWI698" s="613"/>
      <c r="IWJ698" s="613"/>
      <c r="IWK698" s="613"/>
      <c r="IWL698" s="613"/>
      <c r="IWM698" s="613"/>
      <c r="IWN698" s="613"/>
      <c r="IWO698" s="613"/>
      <c r="IWP698" s="613"/>
      <c r="IWQ698" s="613"/>
      <c r="IWR698" s="613"/>
      <c r="IWS698" s="613"/>
      <c r="IWT698" s="613"/>
      <c r="IWU698" s="613"/>
      <c r="IWV698" s="613"/>
      <c r="IWW698" s="613"/>
      <c r="IWX698" s="613"/>
      <c r="IWY698" s="613"/>
      <c r="IWZ698" s="613"/>
      <c r="IXA698" s="613"/>
      <c r="IXB698" s="613"/>
      <c r="IXC698" s="613"/>
      <c r="IXD698" s="613"/>
      <c r="IXE698" s="613"/>
      <c r="IXF698" s="613"/>
      <c r="IXG698" s="613"/>
      <c r="IXH698" s="613"/>
      <c r="IXI698" s="613"/>
      <c r="IXJ698" s="613"/>
      <c r="IXK698" s="613"/>
      <c r="IXL698" s="613"/>
      <c r="IXM698" s="613"/>
      <c r="IXN698" s="613"/>
      <c r="IXO698" s="613"/>
      <c r="IXP698" s="613"/>
      <c r="IXQ698" s="613"/>
      <c r="IXR698" s="613"/>
      <c r="IXS698" s="613"/>
      <c r="IXT698" s="613"/>
      <c r="IXU698" s="613"/>
      <c r="IXV698" s="613"/>
      <c r="IXW698" s="613"/>
      <c r="IXX698" s="613"/>
      <c r="IXY698" s="613"/>
      <c r="IXZ698" s="613"/>
      <c r="IYA698" s="613"/>
      <c r="IYB698" s="613"/>
      <c r="IYC698" s="613"/>
      <c r="IYD698" s="613"/>
      <c r="IYE698" s="613"/>
      <c r="IYF698" s="613"/>
      <c r="IYG698" s="613"/>
      <c r="IYH698" s="613"/>
      <c r="IYI698" s="613"/>
      <c r="IYJ698" s="613"/>
      <c r="IYK698" s="613"/>
      <c r="IYL698" s="613"/>
      <c r="IYM698" s="613"/>
      <c r="IYN698" s="613"/>
      <c r="IYO698" s="613"/>
      <c r="IYP698" s="613"/>
      <c r="IYQ698" s="613"/>
      <c r="IYR698" s="613"/>
      <c r="IYS698" s="613"/>
      <c r="IYT698" s="613"/>
      <c r="IYU698" s="613"/>
      <c r="IYV698" s="613"/>
      <c r="IYW698" s="613"/>
      <c r="IYX698" s="613"/>
      <c r="IYY698" s="613"/>
      <c r="IYZ698" s="613"/>
      <c r="IZA698" s="613"/>
      <c r="IZB698" s="613"/>
      <c r="IZC698" s="613"/>
      <c r="IZD698" s="613"/>
      <c r="IZE698" s="613"/>
      <c r="IZF698" s="613"/>
      <c r="IZG698" s="613"/>
      <c r="IZH698" s="613"/>
      <c r="IZI698" s="613"/>
      <c r="IZJ698" s="613"/>
      <c r="IZK698" s="613"/>
      <c r="IZL698" s="613"/>
      <c r="IZM698" s="613"/>
      <c r="IZN698" s="613"/>
      <c r="IZO698" s="613"/>
      <c r="IZP698" s="613"/>
      <c r="IZQ698" s="613"/>
      <c r="IZR698" s="613"/>
      <c r="IZS698" s="613"/>
      <c r="IZT698" s="613"/>
      <c r="IZU698" s="613"/>
      <c r="IZV698" s="613"/>
      <c r="IZW698" s="613"/>
      <c r="IZX698" s="613"/>
      <c r="IZY698" s="613"/>
      <c r="IZZ698" s="613"/>
      <c r="JAA698" s="613"/>
      <c r="JAB698" s="613"/>
      <c r="JAC698" s="613"/>
      <c r="JAD698" s="613"/>
      <c r="JAE698" s="613"/>
      <c r="JAF698" s="613"/>
      <c r="JAG698" s="613"/>
      <c r="JAH698" s="613"/>
      <c r="JAI698" s="613"/>
      <c r="JAJ698" s="613"/>
      <c r="JAK698" s="613"/>
      <c r="JAL698" s="613"/>
      <c r="JAM698" s="613"/>
      <c r="JAN698" s="613"/>
      <c r="JAO698" s="613"/>
      <c r="JAP698" s="613"/>
      <c r="JAQ698" s="613"/>
      <c r="JAR698" s="613"/>
      <c r="JAS698" s="613"/>
      <c r="JAT698" s="613"/>
      <c r="JAU698" s="613"/>
      <c r="JAV698" s="613"/>
      <c r="JAW698" s="613"/>
      <c r="JAX698" s="613"/>
      <c r="JAY698" s="613"/>
      <c r="JAZ698" s="613"/>
      <c r="JBA698" s="613"/>
      <c r="JBB698" s="613"/>
      <c r="JBC698" s="613"/>
      <c r="JBD698" s="613"/>
      <c r="JBE698" s="613"/>
      <c r="JBF698" s="613"/>
      <c r="JBG698" s="613"/>
      <c r="JBH698" s="613"/>
      <c r="JBI698" s="613"/>
      <c r="JBJ698" s="613"/>
      <c r="JBK698" s="613"/>
      <c r="JBL698" s="613"/>
      <c r="JBM698" s="613"/>
      <c r="JBN698" s="613"/>
      <c r="JBO698" s="613"/>
      <c r="JBP698" s="613"/>
      <c r="JBQ698" s="613"/>
      <c r="JBR698" s="613"/>
      <c r="JBS698" s="613"/>
      <c r="JBT698" s="613"/>
      <c r="JBU698" s="613"/>
      <c r="JBV698" s="613"/>
      <c r="JBW698" s="613"/>
      <c r="JBX698" s="613"/>
      <c r="JBY698" s="613"/>
      <c r="JBZ698" s="613"/>
      <c r="JCA698" s="613"/>
      <c r="JCB698" s="613"/>
      <c r="JCC698" s="613"/>
      <c r="JCD698" s="613"/>
      <c r="JCE698" s="613"/>
      <c r="JCF698" s="613"/>
      <c r="JCG698" s="613"/>
      <c r="JCH698" s="613"/>
      <c r="JCI698" s="613"/>
      <c r="JCJ698" s="613"/>
      <c r="JCK698" s="613"/>
      <c r="JCL698" s="613"/>
      <c r="JCM698" s="613"/>
      <c r="JCN698" s="613"/>
      <c r="JCO698" s="613"/>
      <c r="JCP698" s="613"/>
      <c r="JCQ698" s="613"/>
      <c r="JCR698" s="613"/>
      <c r="JCS698" s="613"/>
      <c r="JCT698" s="613"/>
      <c r="JCU698" s="613"/>
      <c r="JCV698" s="613"/>
      <c r="JCW698" s="613"/>
      <c r="JCX698" s="613"/>
      <c r="JCY698" s="613"/>
      <c r="JCZ698" s="613"/>
      <c r="JDA698" s="613"/>
      <c r="JDB698" s="613"/>
      <c r="JDC698" s="613"/>
      <c r="JDD698" s="613"/>
      <c r="JDE698" s="613"/>
      <c r="JDF698" s="613"/>
      <c r="JDG698" s="613"/>
      <c r="JDH698" s="613"/>
      <c r="JDI698" s="613"/>
      <c r="JDJ698" s="613"/>
      <c r="JDK698" s="613"/>
      <c r="JDL698" s="613"/>
      <c r="JDM698" s="613"/>
      <c r="JDN698" s="613"/>
      <c r="JDO698" s="613"/>
      <c r="JDP698" s="613"/>
      <c r="JDQ698" s="613"/>
      <c r="JDR698" s="613"/>
      <c r="JDS698" s="613"/>
      <c r="JDT698" s="613"/>
      <c r="JDU698" s="613"/>
      <c r="JDV698" s="613"/>
      <c r="JDW698" s="613"/>
      <c r="JDX698" s="613"/>
      <c r="JDY698" s="613"/>
      <c r="JDZ698" s="613"/>
      <c r="JEA698" s="613"/>
      <c r="JEB698" s="613"/>
      <c r="JEC698" s="613"/>
      <c r="JED698" s="613"/>
      <c r="JEE698" s="613"/>
      <c r="JEF698" s="613"/>
      <c r="JEG698" s="613"/>
      <c r="JEH698" s="613"/>
      <c r="JEI698" s="613"/>
      <c r="JEJ698" s="613"/>
      <c r="JEK698" s="613"/>
      <c r="JEL698" s="613"/>
      <c r="JEM698" s="613"/>
      <c r="JEN698" s="613"/>
      <c r="JEO698" s="613"/>
      <c r="JEP698" s="613"/>
      <c r="JEQ698" s="613"/>
      <c r="JER698" s="613"/>
      <c r="JES698" s="613"/>
      <c r="JET698" s="613"/>
      <c r="JEU698" s="613"/>
      <c r="JEV698" s="613"/>
      <c r="JEW698" s="613"/>
      <c r="JEX698" s="613"/>
      <c r="JEY698" s="613"/>
      <c r="JEZ698" s="613"/>
      <c r="JFA698" s="613"/>
      <c r="JFB698" s="613"/>
      <c r="JFC698" s="613"/>
      <c r="JFD698" s="613"/>
      <c r="JFE698" s="613"/>
      <c r="JFF698" s="613"/>
      <c r="JFG698" s="613"/>
      <c r="JFH698" s="613"/>
      <c r="JFI698" s="613"/>
      <c r="JFJ698" s="613"/>
      <c r="JFK698" s="613"/>
      <c r="JFL698" s="613"/>
      <c r="JFM698" s="613"/>
      <c r="JFN698" s="613"/>
      <c r="JFO698" s="613"/>
      <c r="JFP698" s="613"/>
      <c r="JFQ698" s="613"/>
      <c r="JFR698" s="613"/>
      <c r="JFS698" s="613"/>
      <c r="JFT698" s="613"/>
      <c r="JFU698" s="613"/>
      <c r="JFV698" s="613"/>
      <c r="JFW698" s="613"/>
      <c r="JFX698" s="613"/>
      <c r="JFY698" s="613"/>
      <c r="JFZ698" s="613"/>
      <c r="JGA698" s="613"/>
      <c r="JGB698" s="613"/>
      <c r="JGC698" s="613"/>
      <c r="JGD698" s="613"/>
      <c r="JGE698" s="613"/>
      <c r="JGF698" s="613"/>
      <c r="JGG698" s="613"/>
      <c r="JGH698" s="613"/>
      <c r="JGI698" s="613"/>
      <c r="JGJ698" s="613"/>
      <c r="JGK698" s="613"/>
      <c r="JGL698" s="613"/>
      <c r="JGM698" s="613"/>
      <c r="JGN698" s="613"/>
      <c r="JGO698" s="613"/>
      <c r="JGP698" s="613"/>
      <c r="JGQ698" s="613"/>
      <c r="JGR698" s="613"/>
      <c r="JGS698" s="613"/>
      <c r="JGT698" s="613"/>
      <c r="JGU698" s="613"/>
      <c r="JGV698" s="613"/>
      <c r="JGW698" s="613"/>
      <c r="JGX698" s="613"/>
      <c r="JGY698" s="613"/>
      <c r="JGZ698" s="613"/>
      <c r="JHA698" s="613"/>
      <c r="JHB698" s="613"/>
      <c r="JHC698" s="613"/>
      <c r="JHD698" s="613"/>
      <c r="JHE698" s="613"/>
      <c r="JHF698" s="613"/>
      <c r="JHG698" s="613"/>
      <c r="JHH698" s="613"/>
      <c r="JHI698" s="613"/>
      <c r="JHJ698" s="613"/>
      <c r="JHK698" s="613"/>
      <c r="JHL698" s="613"/>
      <c r="JHM698" s="613"/>
      <c r="JHN698" s="613"/>
      <c r="JHO698" s="613"/>
      <c r="JHP698" s="613"/>
      <c r="JHQ698" s="613"/>
      <c r="JHR698" s="613"/>
      <c r="JHS698" s="613"/>
      <c r="JHT698" s="613"/>
      <c r="JHU698" s="613"/>
      <c r="JHV698" s="613"/>
      <c r="JHW698" s="613"/>
      <c r="JHX698" s="613"/>
      <c r="JHY698" s="613"/>
      <c r="JHZ698" s="613"/>
      <c r="JIA698" s="613"/>
      <c r="JIB698" s="613"/>
      <c r="JIC698" s="613"/>
      <c r="JID698" s="613"/>
      <c r="JIE698" s="613"/>
      <c r="JIF698" s="613"/>
      <c r="JIG698" s="613"/>
      <c r="JIH698" s="613"/>
      <c r="JII698" s="613"/>
      <c r="JIJ698" s="613"/>
      <c r="JIK698" s="613"/>
      <c r="JIL698" s="613"/>
      <c r="JIM698" s="613"/>
      <c r="JIN698" s="613"/>
      <c r="JIO698" s="613"/>
      <c r="JIP698" s="613"/>
      <c r="JIQ698" s="613"/>
      <c r="JIR698" s="613"/>
      <c r="JIS698" s="613"/>
      <c r="JIT698" s="613"/>
      <c r="JIU698" s="613"/>
      <c r="JIV698" s="613"/>
      <c r="JIW698" s="613"/>
      <c r="JIX698" s="613"/>
      <c r="JIY698" s="613"/>
      <c r="JIZ698" s="613"/>
      <c r="JJA698" s="613"/>
      <c r="JJB698" s="613"/>
      <c r="JJC698" s="613"/>
      <c r="JJD698" s="613"/>
      <c r="JJE698" s="613"/>
      <c r="JJF698" s="613"/>
      <c r="JJG698" s="613"/>
      <c r="JJH698" s="613"/>
      <c r="JJI698" s="613"/>
      <c r="JJJ698" s="613"/>
      <c r="JJK698" s="613"/>
      <c r="JJL698" s="613"/>
      <c r="JJM698" s="613"/>
      <c r="JJN698" s="613"/>
      <c r="JJO698" s="613"/>
      <c r="JJP698" s="613"/>
      <c r="JJQ698" s="613"/>
      <c r="JJR698" s="613"/>
      <c r="JJS698" s="613"/>
      <c r="JJT698" s="613"/>
      <c r="JJU698" s="613"/>
      <c r="JJV698" s="613"/>
      <c r="JJW698" s="613"/>
      <c r="JJX698" s="613"/>
      <c r="JJY698" s="613"/>
      <c r="JJZ698" s="613"/>
      <c r="JKA698" s="613"/>
      <c r="JKB698" s="613"/>
      <c r="JKC698" s="613"/>
      <c r="JKD698" s="613"/>
      <c r="JKE698" s="613"/>
      <c r="JKF698" s="613"/>
      <c r="JKG698" s="613"/>
      <c r="JKH698" s="613"/>
      <c r="JKI698" s="613"/>
      <c r="JKJ698" s="613"/>
      <c r="JKK698" s="613"/>
      <c r="JKL698" s="613"/>
      <c r="JKM698" s="613"/>
      <c r="JKN698" s="613"/>
      <c r="JKO698" s="613"/>
      <c r="JKP698" s="613"/>
      <c r="JKQ698" s="613"/>
      <c r="JKR698" s="613"/>
      <c r="JKS698" s="613"/>
      <c r="JKT698" s="613"/>
      <c r="JKU698" s="613"/>
      <c r="JKV698" s="613"/>
      <c r="JKW698" s="613"/>
      <c r="JKX698" s="613"/>
      <c r="JKY698" s="613"/>
      <c r="JKZ698" s="613"/>
      <c r="JLA698" s="613"/>
      <c r="JLB698" s="613"/>
      <c r="JLC698" s="613"/>
      <c r="JLD698" s="613"/>
      <c r="JLE698" s="613"/>
      <c r="JLF698" s="613"/>
      <c r="JLG698" s="613"/>
      <c r="JLH698" s="613"/>
      <c r="JLI698" s="613"/>
      <c r="JLJ698" s="613"/>
      <c r="JLK698" s="613"/>
      <c r="JLL698" s="613"/>
      <c r="JLM698" s="613"/>
      <c r="JLN698" s="613"/>
      <c r="JLO698" s="613"/>
      <c r="JLP698" s="613"/>
      <c r="JLQ698" s="613"/>
      <c r="JLR698" s="613"/>
      <c r="JLS698" s="613"/>
      <c r="JLT698" s="613"/>
      <c r="JLU698" s="613"/>
      <c r="JLV698" s="613"/>
      <c r="JLW698" s="613"/>
      <c r="JLX698" s="613"/>
      <c r="JLY698" s="613"/>
      <c r="JLZ698" s="613"/>
      <c r="JMA698" s="613"/>
      <c r="JMB698" s="613"/>
      <c r="JMC698" s="613"/>
      <c r="JMD698" s="613"/>
      <c r="JME698" s="613"/>
      <c r="JMF698" s="613"/>
      <c r="JMG698" s="613"/>
      <c r="JMH698" s="613"/>
      <c r="JMI698" s="613"/>
      <c r="JMJ698" s="613"/>
      <c r="JMK698" s="613"/>
      <c r="JML698" s="613"/>
      <c r="JMM698" s="613"/>
      <c r="JMN698" s="613"/>
      <c r="JMO698" s="613"/>
      <c r="JMP698" s="613"/>
      <c r="JMQ698" s="613"/>
      <c r="JMR698" s="613"/>
      <c r="JMS698" s="613"/>
      <c r="JMT698" s="613"/>
      <c r="JMU698" s="613"/>
      <c r="JMV698" s="613"/>
      <c r="JMW698" s="613"/>
      <c r="JMX698" s="613"/>
      <c r="JMY698" s="613"/>
      <c r="JMZ698" s="613"/>
      <c r="JNA698" s="613"/>
      <c r="JNB698" s="613"/>
      <c r="JNC698" s="613"/>
      <c r="JND698" s="613"/>
      <c r="JNE698" s="613"/>
      <c r="JNF698" s="613"/>
      <c r="JNG698" s="613"/>
      <c r="JNH698" s="613"/>
      <c r="JNI698" s="613"/>
      <c r="JNJ698" s="613"/>
      <c r="JNK698" s="613"/>
      <c r="JNL698" s="613"/>
      <c r="JNM698" s="613"/>
      <c r="JNN698" s="613"/>
      <c r="JNO698" s="613"/>
      <c r="JNP698" s="613"/>
      <c r="JNQ698" s="613"/>
      <c r="JNR698" s="613"/>
      <c r="JNS698" s="613"/>
      <c r="JNT698" s="613"/>
      <c r="JNU698" s="613"/>
      <c r="JNV698" s="613"/>
      <c r="JNW698" s="613"/>
      <c r="JNX698" s="613"/>
      <c r="JNY698" s="613"/>
      <c r="JNZ698" s="613"/>
      <c r="JOA698" s="613"/>
      <c r="JOB698" s="613"/>
      <c r="JOC698" s="613"/>
      <c r="JOD698" s="613"/>
      <c r="JOE698" s="613"/>
      <c r="JOF698" s="613"/>
      <c r="JOG698" s="613"/>
      <c r="JOH698" s="613"/>
      <c r="JOI698" s="613"/>
      <c r="JOJ698" s="613"/>
      <c r="JOK698" s="613"/>
      <c r="JOL698" s="613"/>
      <c r="JOM698" s="613"/>
      <c r="JON698" s="613"/>
      <c r="JOO698" s="613"/>
      <c r="JOP698" s="613"/>
      <c r="JOQ698" s="613"/>
      <c r="JOR698" s="613"/>
      <c r="JOS698" s="613"/>
      <c r="JOT698" s="613"/>
      <c r="JOU698" s="613"/>
      <c r="JOV698" s="613"/>
      <c r="JOW698" s="613"/>
      <c r="JOX698" s="613"/>
      <c r="JOY698" s="613"/>
      <c r="JOZ698" s="613"/>
      <c r="JPA698" s="613"/>
      <c r="JPB698" s="613"/>
      <c r="JPC698" s="613"/>
      <c r="JPD698" s="613"/>
      <c r="JPE698" s="613"/>
      <c r="JPF698" s="613"/>
      <c r="JPG698" s="613"/>
      <c r="JPH698" s="613"/>
      <c r="JPI698" s="613"/>
      <c r="JPJ698" s="613"/>
      <c r="JPK698" s="613"/>
      <c r="JPL698" s="613"/>
      <c r="JPM698" s="613"/>
      <c r="JPN698" s="613"/>
      <c r="JPO698" s="613"/>
      <c r="JPP698" s="613"/>
      <c r="JPQ698" s="613"/>
      <c r="JPR698" s="613"/>
      <c r="JPS698" s="613"/>
      <c r="JPT698" s="613"/>
      <c r="JPU698" s="613"/>
      <c r="JPV698" s="613"/>
      <c r="JPW698" s="613"/>
      <c r="JPX698" s="613"/>
      <c r="JPY698" s="613"/>
      <c r="JPZ698" s="613"/>
      <c r="JQA698" s="613"/>
      <c r="JQB698" s="613"/>
      <c r="JQC698" s="613"/>
      <c r="JQD698" s="613"/>
      <c r="JQE698" s="613"/>
      <c r="JQF698" s="613"/>
      <c r="JQG698" s="613"/>
      <c r="JQH698" s="613"/>
      <c r="JQI698" s="613"/>
      <c r="JQJ698" s="613"/>
      <c r="JQK698" s="613"/>
      <c r="JQL698" s="613"/>
      <c r="JQM698" s="613"/>
      <c r="JQN698" s="613"/>
      <c r="JQO698" s="613"/>
      <c r="JQP698" s="613"/>
      <c r="JQQ698" s="613"/>
      <c r="JQR698" s="613"/>
      <c r="JQS698" s="613"/>
      <c r="JQT698" s="613"/>
      <c r="JQU698" s="613"/>
      <c r="JQV698" s="613"/>
      <c r="JQW698" s="613"/>
      <c r="JQX698" s="613"/>
      <c r="JQY698" s="613"/>
      <c r="JQZ698" s="613"/>
      <c r="JRA698" s="613"/>
      <c r="JRB698" s="613"/>
      <c r="JRC698" s="613"/>
      <c r="JRD698" s="613"/>
      <c r="JRE698" s="613"/>
      <c r="JRF698" s="613"/>
      <c r="JRG698" s="613"/>
      <c r="JRH698" s="613"/>
      <c r="JRI698" s="613"/>
      <c r="JRJ698" s="613"/>
      <c r="JRK698" s="613"/>
      <c r="JRL698" s="613"/>
      <c r="JRM698" s="613"/>
      <c r="JRN698" s="613"/>
      <c r="JRO698" s="613"/>
      <c r="JRP698" s="613"/>
      <c r="JRQ698" s="613"/>
      <c r="JRR698" s="613"/>
      <c r="JRS698" s="613"/>
      <c r="JRT698" s="613"/>
      <c r="JRU698" s="613"/>
      <c r="JRV698" s="613"/>
      <c r="JRW698" s="613"/>
      <c r="JRX698" s="613"/>
      <c r="JRY698" s="613"/>
      <c r="JRZ698" s="613"/>
      <c r="JSA698" s="613"/>
      <c r="JSB698" s="613"/>
      <c r="JSC698" s="613"/>
      <c r="JSD698" s="613"/>
      <c r="JSE698" s="613"/>
      <c r="JSF698" s="613"/>
      <c r="JSG698" s="613"/>
      <c r="JSH698" s="613"/>
      <c r="JSI698" s="613"/>
      <c r="JSJ698" s="613"/>
      <c r="JSK698" s="613"/>
      <c r="JSL698" s="613"/>
      <c r="JSM698" s="613"/>
      <c r="JSN698" s="613"/>
      <c r="JSO698" s="613"/>
      <c r="JSP698" s="613"/>
      <c r="JSQ698" s="613"/>
      <c r="JSR698" s="613"/>
      <c r="JSS698" s="613"/>
      <c r="JST698" s="613"/>
      <c r="JSU698" s="613"/>
      <c r="JSV698" s="613"/>
      <c r="JSW698" s="613"/>
      <c r="JSX698" s="613"/>
      <c r="JSY698" s="613"/>
      <c r="JSZ698" s="613"/>
      <c r="JTA698" s="613"/>
      <c r="JTB698" s="613"/>
      <c r="JTC698" s="613"/>
      <c r="JTD698" s="613"/>
      <c r="JTE698" s="613"/>
      <c r="JTF698" s="613"/>
      <c r="JTG698" s="613"/>
      <c r="JTH698" s="613"/>
      <c r="JTI698" s="613"/>
      <c r="JTJ698" s="613"/>
      <c r="JTK698" s="613"/>
      <c r="JTL698" s="613"/>
      <c r="JTM698" s="613"/>
      <c r="JTN698" s="613"/>
      <c r="JTO698" s="613"/>
      <c r="JTP698" s="613"/>
      <c r="JTQ698" s="613"/>
      <c r="JTR698" s="613"/>
      <c r="JTS698" s="613"/>
      <c r="JTT698" s="613"/>
      <c r="JTU698" s="613"/>
      <c r="JTV698" s="613"/>
      <c r="JTW698" s="613"/>
      <c r="JTX698" s="613"/>
      <c r="JTY698" s="613"/>
      <c r="JTZ698" s="613"/>
      <c r="JUA698" s="613"/>
      <c r="JUB698" s="613"/>
      <c r="JUC698" s="613"/>
      <c r="JUD698" s="613"/>
      <c r="JUE698" s="613"/>
      <c r="JUF698" s="613"/>
      <c r="JUG698" s="613"/>
      <c r="JUH698" s="613"/>
      <c r="JUI698" s="613"/>
      <c r="JUJ698" s="613"/>
      <c r="JUK698" s="613"/>
      <c r="JUL698" s="613"/>
      <c r="JUM698" s="613"/>
      <c r="JUN698" s="613"/>
      <c r="JUO698" s="613"/>
      <c r="JUP698" s="613"/>
      <c r="JUQ698" s="613"/>
      <c r="JUR698" s="613"/>
      <c r="JUS698" s="613"/>
      <c r="JUT698" s="613"/>
      <c r="JUU698" s="613"/>
      <c r="JUV698" s="613"/>
      <c r="JUW698" s="613"/>
      <c r="JUX698" s="613"/>
      <c r="JUY698" s="613"/>
      <c r="JUZ698" s="613"/>
      <c r="JVA698" s="613"/>
      <c r="JVB698" s="613"/>
      <c r="JVC698" s="613"/>
      <c r="JVD698" s="613"/>
      <c r="JVE698" s="613"/>
      <c r="JVF698" s="613"/>
      <c r="JVG698" s="613"/>
      <c r="JVH698" s="613"/>
      <c r="JVI698" s="613"/>
      <c r="JVJ698" s="613"/>
      <c r="JVK698" s="613"/>
      <c r="JVL698" s="613"/>
      <c r="JVM698" s="613"/>
      <c r="JVN698" s="613"/>
      <c r="JVO698" s="613"/>
      <c r="JVP698" s="613"/>
      <c r="JVQ698" s="613"/>
      <c r="JVR698" s="613"/>
      <c r="JVS698" s="613"/>
      <c r="JVT698" s="613"/>
      <c r="JVU698" s="613"/>
      <c r="JVV698" s="613"/>
      <c r="JVW698" s="613"/>
      <c r="JVX698" s="613"/>
      <c r="JVY698" s="613"/>
      <c r="JVZ698" s="613"/>
      <c r="JWA698" s="613"/>
      <c r="JWB698" s="613"/>
      <c r="JWC698" s="613"/>
      <c r="JWD698" s="613"/>
      <c r="JWE698" s="613"/>
      <c r="JWF698" s="613"/>
      <c r="JWG698" s="613"/>
      <c r="JWH698" s="613"/>
      <c r="JWI698" s="613"/>
      <c r="JWJ698" s="613"/>
      <c r="JWK698" s="613"/>
      <c r="JWL698" s="613"/>
      <c r="JWM698" s="613"/>
      <c r="JWN698" s="613"/>
      <c r="JWO698" s="613"/>
      <c r="JWP698" s="613"/>
      <c r="JWQ698" s="613"/>
      <c r="JWR698" s="613"/>
      <c r="JWS698" s="613"/>
      <c r="JWT698" s="613"/>
      <c r="JWU698" s="613"/>
      <c r="JWV698" s="613"/>
      <c r="JWW698" s="613"/>
      <c r="JWX698" s="613"/>
      <c r="JWY698" s="613"/>
      <c r="JWZ698" s="613"/>
      <c r="JXA698" s="613"/>
      <c r="JXB698" s="613"/>
      <c r="JXC698" s="613"/>
      <c r="JXD698" s="613"/>
      <c r="JXE698" s="613"/>
      <c r="JXF698" s="613"/>
      <c r="JXG698" s="613"/>
      <c r="JXH698" s="613"/>
      <c r="JXI698" s="613"/>
      <c r="JXJ698" s="613"/>
      <c r="JXK698" s="613"/>
      <c r="JXL698" s="613"/>
      <c r="JXM698" s="613"/>
      <c r="JXN698" s="613"/>
      <c r="JXO698" s="613"/>
      <c r="JXP698" s="613"/>
      <c r="JXQ698" s="613"/>
      <c r="JXR698" s="613"/>
      <c r="JXS698" s="613"/>
      <c r="JXT698" s="613"/>
      <c r="JXU698" s="613"/>
      <c r="JXV698" s="613"/>
      <c r="JXW698" s="613"/>
      <c r="JXX698" s="613"/>
      <c r="JXY698" s="613"/>
      <c r="JXZ698" s="613"/>
      <c r="JYA698" s="613"/>
      <c r="JYB698" s="613"/>
      <c r="JYC698" s="613"/>
      <c r="JYD698" s="613"/>
      <c r="JYE698" s="613"/>
      <c r="JYF698" s="613"/>
      <c r="JYG698" s="613"/>
      <c r="JYH698" s="613"/>
      <c r="JYI698" s="613"/>
      <c r="JYJ698" s="613"/>
      <c r="JYK698" s="613"/>
      <c r="JYL698" s="613"/>
      <c r="JYM698" s="613"/>
      <c r="JYN698" s="613"/>
      <c r="JYO698" s="613"/>
      <c r="JYP698" s="613"/>
      <c r="JYQ698" s="613"/>
      <c r="JYR698" s="613"/>
      <c r="JYS698" s="613"/>
      <c r="JYT698" s="613"/>
      <c r="JYU698" s="613"/>
      <c r="JYV698" s="613"/>
      <c r="JYW698" s="613"/>
      <c r="JYX698" s="613"/>
      <c r="JYY698" s="613"/>
      <c r="JYZ698" s="613"/>
      <c r="JZA698" s="613"/>
      <c r="JZB698" s="613"/>
      <c r="JZC698" s="613"/>
      <c r="JZD698" s="613"/>
      <c r="JZE698" s="613"/>
      <c r="JZF698" s="613"/>
      <c r="JZG698" s="613"/>
      <c r="JZH698" s="613"/>
      <c r="JZI698" s="613"/>
      <c r="JZJ698" s="613"/>
      <c r="JZK698" s="613"/>
      <c r="JZL698" s="613"/>
      <c r="JZM698" s="613"/>
      <c r="JZN698" s="613"/>
      <c r="JZO698" s="613"/>
      <c r="JZP698" s="613"/>
      <c r="JZQ698" s="613"/>
      <c r="JZR698" s="613"/>
      <c r="JZS698" s="613"/>
      <c r="JZT698" s="613"/>
      <c r="JZU698" s="613"/>
      <c r="JZV698" s="613"/>
      <c r="JZW698" s="613"/>
      <c r="JZX698" s="613"/>
      <c r="JZY698" s="613"/>
      <c r="JZZ698" s="613"/>
      <c r="KAA698" s="613"/>
      <c r="KAB698" s="613"/>
      <c r="KAC698" s="613"/>
      <c r="KAD698" s="613"/>
      <c r="KAE698" s="613"/>
      <c r="KAF698" s="613"/>
      <c r="KAG698" s="613"/>
      <c r="KAH698" s="613"/>
      <c r="KAI698" s="613"/>
      <c r="KAJ698" s="613"/>
      <c r="KAK698" s="613"/>
      <c r="KAL698" s="613"/>
      <c r="KAM698" s="613"/>
      <c r="KAN698" s="613"/>
      <c r="KAO698" s="613"/>
      <c r="KAP698" s="613"/>
      <c r="KAQ698" s="613"/>
      <c r="KAR698" s="613"/>
      <c r="KAS698" s="613"/>
      <c r="KAT698" s="613"/>
      <c r="KAU698" s="613"/>
      <c r="KAV698" s="613"/>
      <c r="KAW698" s="613"/>
      <c r="KAX698" s="613"/>
      <c r="KAY698" s="613"/>
      <c r="KAZ698" s="613"/>
      <c r="KBA698" s="613"/>
      <c r="KBB698" s="613"/>
      <c r="KBC698" s="613"/>
      <c r="KBD698" s="613"/>
      <c r="KBE698" s="613"/>
      <c r="KBF698" s="613"/>
      <c r="KBG698" s="613"/>
      <c r="KBH698" s="613"/>
      <c r="KBI698" s="613"/>
      <c r="KBJ698" s="613"/>
      <c r="KBK698" s="613"/>
      <c r="KBL698" s="613"/>
      <c r="KBM698" s="613"/>
      <c r="KBN698" s="613"/>
      <c r="KBO698" s="613"/>
      <c r="KBP698" s="613"/>
      <c r="KBQ698" s="613"/>
      <c r="KBR698" s="613"/>
      <c r="KBS698" s="613"/>
      <c r="KBT698" s="613"/>
      <c r="KBU698" s="613"/>
      <c r="KBV698" s="613"/>
      <c r="KBW698" s="613"/>
      <c r="KBX698" s="613"/>
      <c r="KBY698" s="613"/>
      <c r="KBZ698" s="613"/>
      <c r="KCA698" s="613"/>
      <c r="KCB698" s="613"/>
      <c r="KCC698" s="613"/>
      <c r="KCD698" s="613"/>
      <c r="KCE698" s="613"/>
      <c r="KCF698" s="613"/>
      <c r="KCG698" s="613"/>
      <c r="KCH698" s="613"/>
      <c r="KCI698" s="613"/>
      <c r="KCJ698" s="613"/>
      <c r="KCK698" s="613"/>
      <c r="KCL698" s="613"/>
      <c r="KCM698" s="613"/>
      <c r="KCN698" s="613"/>
      <c r="KCO698" s="613"/>
      <c r="KCP698" s="613"/>
      <c r="KCQ698" s="613"/>
      <c r="KCR698" s="613"/>
      <c r="KCS698" s="613"/>
      <c r="KCT698" s="613"/>
      <c r="KCU698" s="613"/>
      <c r="KCV698" s="613"/>
      <c r="KCW698" s="613"/>
      <c r="KCX698" s="613"/>
      <c r="KCY698" s="613"/>
      <c r="KCZ698" s="613"/>
      <c r="KDA698" s="613"/>
      <c r="KDB698" s="613"/>
      <c r="KDC698" s="613"/>
      <c r="KDD698" s="613"/>
      <c r="KDE698" s="613"/>
      <c r="KDF698" s="613"/>
      <c r="KDG698" s="613"/>
      <c r="KDH698" s="613"/>
      <c r="KDI698" s="613"/>
      <c r="KDJ698" s="613"/>
      <c r="KDK698" s="613"/>
      <c r="KDL698" s="613"/>
      <c r="KDM698" s="613"/>
      <c r="KDN698" s="613"/>
      <c r="KDO698" s="613"/>
      <c r="KDP698" s="613"/>
      <c r="KDQ698" s="613"/>
      <c r="KDR698" s="613"/>
      <c r="KDS698" s="613"/>
      <c r="KDT698" s="613"/>
      <c r="KDU698" s="613"/>
      <c r="KDV698" s="613"/>
      <c r="KDW698" s="613"/>
      <c r="KDX698" s="613"/>
      <c r="KDY698" s="613"/>
      <c r="KDZ698" s="613"/>
      <c r="KEA698" s="613"/>
      <c r="KEB698" s="613"/>
      <c r="KEC698" s="613"/>
      <c r="KED698" s="613"/>
      <c r="KEE698" s="613"/>
      <c r="KEF698" s="613"/>
      <c r="KEG698" s="613"/>
      <c r="KEH698" s="613"/>
      <c r="KEI698" s="613"/>
      <c r="KEJ698" s="613"/>
      <c r="KEK698" s="613"/>
      <c r="KEL698" s="613"/>
      <c r="KEM698" s="613"/>
      <c r="KEN698" s="613"/>
      <c r="KEO698" s="613"/>
      <c r="KEP698" s="613"/>
      <c r="KEQ698" s="613"/>
      <c r="KER698" s="613"/>
      <c r="KES698" s="613"/>
      <c r="KET698" s="613"/>
      <c r="KEU698" s="613"/>
      <c r="KEV698" s="613"/>
      <c r="KEW698" s="613"/>
      <c r="KEX698" s="613"/>
      <c r="KEY698" s="613"/>
      <c r="KEZ698" s="613"/>
      <c r="KFA698" s="613"/>
      <c r="KFB698" s="613"/>
      <c r="KFC698" s="613"/>
      <c r="KFD698" s="613"/>
      <c r="KFE698" s="613"/>
      <c r="KFF698" s="613"/>
      <c r="KFG698" s="613"/>
      <c r="KFH698" s="613"/>
      <c r="KFI698" s="613"/>
      <c r="KFJ698" s="613"/>
      <c r="KFK698" s="613"/>
      <c r="KFL698" s="613"/>
      <c r="KFM698" s="613"/>
      <c r="KFN698" s="613"/>
      <c r="KFO698" s="613"/>
      <c r="KFP698" s="613"/>
      <c r="KFQ698" s="613"/>
      <c r="KFR698" s="613"/>
      <c r="KFS698" s="613"/>
      <c r="KFT698" s="613"/>
      <c r="KFU698" s="613"/>
      <c r="KFV698" s="613"/>
      <c r="KFW698" s="613"/>
      <c r="KFX698" s="613"/>
      <c r="KFY698" s="613"/>
      <c r="KFZ698" s="613"/>
      <c r="KGA698" s="613"/>
      <c r="KGB698" s="613"/>
      <c r="KGC698" s="613"/>
      <c r="KGD698" s="613"/>
      <c r="KGE698" s="613"/>
      <c r="KGF698" s="613"/>
      <c r="KGG698" s="613"/>
      <c r="KGH698" s="613"/>
      <c r="KGI698" s="613"/>
      <c r="KGJ698" s="613"/>
      <c r="KGK698" s="613"/>
      <c r="KGL698" s="613"/>
      <c r="KGM698" s="613"/>
      <c r="KGN698" s="613"/>
      <c r="KGO698" s="613"/>
      <c r="KGP698" s="613"/>
      <c r="KGQ698" s="613"/>
      <c r="KGR698" s="613"/>
      <c r="KGS698" s="613"/>
      <c r="KGT698" s="613"/>
      <c r="KGU698" s="613"/>
      <c r="KGV698" s="613"/>
      <c r="KGW698" s="613"/>
      <c r="KGX698" s="613"/>
      <c r="KGY698" s="613"/>
      <c r="KGZ698" s="613"/>
      <c r="KHA698" s="613"/>
      <c r="KHB698" s="613"/>
      <c r="KHC698" s="613"/>
      <c r="KHD698" s="613"/>
      <c r="KHE698" s="613"/>
      <c r="KHF698" s="613"/>
      <c r="KHG698" s="613"/>
      <c r="KHH698" s="613"/>
      <c r="KHI698" s="613"/>
      <c r="KHJ698" s="613"/>
      <c r="KHK698" s="613"/>
      <c r="KHL698" s="613"/>
      <c r="KHM698" s="613"/>
      <c r="KHN698" s="613"/>
      <c r="KHO698" s="613"/>
      <c r="KHP698" s="613"/>
      <c r="KHQ698" s="613"/>
      <c r="KHR698" s="613"/>
      <c r="KHS698" s="613"/>
      <c r="KHT698" s="613"/>
      <c r="KHU698" s="613"/>
      <c r="KHV698" s="613"/>
      <c r="KHW698" s="613"/>
      <c r="KHX698" s="613"/>
      <c r="KHY698" s="613"/>
      <c r="KHZ698" s="613"/>
      <c r="KIA698" s="613"/>
      <c r="KIB698" s="613"/>
      <c r="KIC698" s="613"/>
      <c r="KID698" s="613"/>
      <c r="KIE698" s="613"/>
      <c r="KIF698" s="613"/>
      <c r="KIG698" s="613"/>
      <c r="KIH698" s="613"/>
      <c r="KII698" s="613"/>
      <c r="KIJ698" s="613"/>
      <c r="KIK698" s="613"/>
      <c r="KIL698" s="613"/>
      <c r="KIM698" s="613"/>
      <c r="KIN698" s="613"/>
      <c r="KIO698" s="613"/>
      <c r="KIP698" s="613"/>
      <c r="KIQ698" s="613"/>
      <c r="KIR698" s="613"/>
      <c r="KIS698" s="613"/>
      <c r="KIT698" s="613"/>
      <c r="KIU698" s="613"/>
      <c r="KIV698" s="613"/>
      <c r="KIW698" s="613"/>
      <c r="KIX698" s="613"/>
      <c r="KIY698" s="613"/>
      <c r="KIZ698" s="613"/>
      <c r="KJA698" s="613"/>
      <c r="KJB698" s="613"/>
      <c r="KJC698" s="613"/>
      <c r="KJD698" s="613"/>
      <c r="KJE698" s="613"/>
      <c r="KJF698" s="613"/>
      <c r="KJG698" s="613"/>
      <c r="KJH698" s="613"/>
      <c r="KJI698" s="613"/>
      <c r="KJJ698" s="613"/>
      <c r="KJK698" s="613"/>
      <c r="KJL698" s="613"/>
      <c r="KJM698" s="613"/>
      <c r="KJN698" s="613"/>
      <c r="KJO698" s="613"/>
      <c r="KJP698" s="613"/>
      <c r="KJQ698" s="613"/>
      <c r="KJR698" s="613"/>
      <c r="KJS698" s="613"/>
      <c r="KJT698" s="613"/>
      <c r="KJU698" s="613"/>
      <c r="KJV698" s="613"/>
      <c r="KJW698" s="613"/>
      <c r="KJX698" s="613"/>
      <c r="KJY698" s="613"/>
      <c r="KJZ698" s="613"/>
      <c r="KKA698" s="613"/>
      <c r="KKB698" s="613"/>
      <c r="KKC698" s="613"/>
      <c r="KKD698" s="613"/>
      <c r="KKE698" s="613"/>
      <c r="KKF698" s="613"/>
      <c r="KKG698" s="613"/>
      <c r="KKH698" s="613"/>
      <c r="KKI698" s="613"/>
      <c r="KKJ698" s="613"/>
      <c r="KKK698" s="613"/>
      <c r="KKL698" s="613"/>
      <c r="KKM698" s="613"/>
      <c r="KKN698" s="613"/>
      <c r="KKO698" s="613"/>
      <c r="KKP698" s="613"/>
      <c r="KKQ698" s="613"/>
      <c r="KKR698" s="613"/>
      <c r="KKS698" s="613"/>
      <c r="KKT698" s="613"/>
      <c r="KKU698" s="613"/>
      <c r="KKV698" s="613"/>
      <c r="KKW698" s="613"/>
      <c r="KKX698" s="613"/>
      <c r="KKY698" s="613"/>
      <c r="KKZ698" s="613"/>
      <c r="KLA698" s="613"/>
      <c r="KLB698" s="613"/>
      <c r="KLC698" s="613"/>
      <c r="KLD698" s="613"/>
      <c r="KLE698" s="613"/>
      <c r="KLF698" s="613"/>
      <c r="KLG698" s="613"/>
      <c r="KLH698" s="613"/>
      <c r="KLI698" s="613"/>
      <c r="KLJ698" s="613"/>
      <c r="KLK698" s="613"/>
      <c r="KLL698" s="613"/>
      <c r="KLM698" s="613"/>
      <c r="KLN698" s="613"/>
      <c r="KLO698" s="613"/>
      <c r="KLP698" s="613"/>
      <c r="KLQ698" s="613"/>
      <c r="KLR698" s="613"/>
      <c r="KLS698" s="613"/>
      <c r="KLT698" s="613"/>
      <c r="KLU698" s="613"/>
      <c r="KLV698" s="613"/>
      <c r="KLW698" s="613"/>
      <c r="KLX698" s="613"/>
      <c r="KLY698" s="613"/>
      <c r="KLZ698" s="613"/>
      <c r="KMA698" s="613"/>
      <c r="KMB698" s="613"/>
      <c r="KMC698" s="613"/>
      <c r="KMD698" s="613"/>
      <c r="KME698" s="613"/>
      <c r="KMF698" s="613"/>
      <c r="KMG698" s="613"/>
      <c r="KMH698" s="613"/>
      <c r="KMI698" s="613"/>
      <c r="KMJ698" s="613"/>
      <c r="KMK698" s="613"/>
      <c r="KML698" s="613"/>
      <c r="KMM698" s="613"/>
      <c r="KMN698" s="613"/>
      <c r="KMO698" s="613"/>
      <c r="KMP698" s="613"/>
      <c r="KMQ698" s="613"/>
      <c r="KMR698" s="613"/>
      <c r="KMS698" s="613"/>
      <c r="KMT698" s="613"/>
      <c r="KMU698" s="613"/>
      <c r="KMV698" s="613"/>
      <c r="KMW698" s="613"/>
      <c r="KMX698" s="613"/>
      <c r="KMY698" s="613"/>
      <c r="KMZ698" s="613"/>
      <c r="KNA698" s="613"/>
      <c r="KNB698" s="613"/>
      <c r="KNC698" s="613"/>
      <c r="KND698" s="613"/>
      <c r="KNE698" s="613"/>
      <c r="KNF698" s="613"/>
      <c r="KNG698" s="613"/>
      <c r="KNH698" s="613"/>
      <c r="KNI698" s="613"/>
      <c r="KNJ698" s="613"/>
      <c r="KNK698" s="613"/>
      <c r="KNL698" s="613"/>
      <c r="KNM698" s="613"/>
      <c r="KNN698" s="613"/>
      <c r="KNO698" s="613"/>
      <c r="KNP698" s="613"/>
      <c r="KNQ698" s="613"/>
      <c r="KNR698" s="613"/>
      <c r="KNS698" s="613"/>
      <c r="KNT698" s="613"/>
      <c r="KNU698" s="613"/>
      <c r="KNV698" s="613"/>
      <c r="KNW698" s="613"/>
      <c r="KNX698" s="613"/>
      <c r="KNY698" s="613"/>
      <c r="KNZ698" s="613"/>
      <c r="KOA698" s="613"/>
      <c r="KOB698" s="613"/>
      <c r="KOC698" s="613"/>
      <c r="KOD698" s="613"/>
      <c r="KOE698" s="613"/>
      <c r="KOF698" s="613"/>
      <c r="KOG698" s="613"/>
      <c r="KOH698" s="613"/>
      <c r="KOI698" s="613"/>
      <c r="KOJ698" s="613"/>
      <c r="KOK698" s="613"/>
      <c r="KOL698" s="613"/>
      <c r="KOM698" s="613"/>
      <c r="KON698" s="613"/>
      <c r="KOO698" s="613"/>
      <c r="KOP698" s="613"/>
      <c r="KOQ698" s="613"/>
      <c r="KOR698" s="613"/>
      <c r="KOS698" s="613"/>
      <c r="KOT698" s="613"/>
      <c r="KOU698" s="613"/>
      <c r="KOV698" s="613"/>
      <c r="KOW698" s="613"/>
      <c r="KOX698" s="613"/>
      <c r="KOY698" s="613"/>
      <c r="KOZ698" s="613"/>
      <c r="KPA698" s="613"/>
      <c r="KPB698" s="613"/>
      <c r="KPC698" s="613"/>
      <c r="KPD698" s="613"/>
      <c r="KPE698" s="613"/>
      <c r="KPF698" s="613"/>
      <c r="KPG698" s="613"/>
      <c r="KPH698" s="613"/>
      <c r="KPI698" s="613"/>
      <c r="KPJ698" s="613"/>
      <c r="KPK698" s="613"/>
      <c r="KPL698" s="613"/>
      <c r="KPM698" s="613"/>
      <c r="KPN698" s="613"/>
      <c r="KPO698" s="613"/>
      <c r="KPP698" s="613"/>
      <c r="KPQ698" s="613"/>
      <c r="KPR698" s="613"/>
      <c r="KPS698" s="613"/>
      <c r="KPT698" s="613"/>
      <c r="KPU698" s="613"/>
      <c r="KPV698" s="613"/>
      <c r="KPW698" s="613"/>
      <c r="KPX698" s="613"/>
      <c r="KPY698" s="613"/>
      <c r="KPZ698" s="613"/>
      <c r="KQA698" s="613"/>
      <c r="KQB698" s="613"/>
      <c r="KQC698" s="613"/>
      <c r="KQD698" s="613"/>
      <c r="KQE698" s="613"/>
      <c r="KQF698" s="613"/>
      <c r="KQG698" s="613"/>
      <c r="KQH698" s="613"/>
      <c r="KQI698" s="613"/>
      <c r="KQJ698" s="613"/>
      <c r="KQK698" s="613"/>
      <c r="KQL698" s="613"/>
      <c r="KQM698" s="613"/>
      <c r="KQN698" s="613"/>
      <c r="KQO698" s="613"/>
      <c r="KQP698" s="613"/>
      <c r="KQQ698" s="613"/>
      <c r="KQR698" s="613"/>
      <c r="KQS698" s="613"/>
      <c r="KQT698" s="613"/>
      <c r="KQU698" s="613"/>
      <c r="KQV698" s="613"/>
      <c r="KQW698" s="613"/>
      <c r="KQX698" s="613"/>
      <c r="KQY698" s="613"/>
      <c r="KQZ698" s="613"/>
      <c r="KRA698" s="613"/>
      <c r="KRB698" s="613"/>
      <c r="KRC698" s="613"/>
      <c r="KRD698" s="613"/>
      <c r="KRE698" s="613"/>
      <c r="KRF698" s="613"/>
      <c r="KRG698" s="613"/>
      <c r="KRH698" s="613"/>
      <c r="KRI698" s="613"/>
      <c r="KRJ698" s="613"/>
      <c r="KRK698" s="613"/>
      <c r="KRL698" s="613"/>
      <c r="KRM698" s="613"/>
      <c r="KRN698" s="613"/>
      <c r="KRO698" s="613"/>
      <c r="KRP698" s="613"/>
      <c r="KRQ698" s="613"/>
      <c r="KRR698" s="613"/>
      <c r="KRS698" s="613"/>
      <c r="KRT698" s="613"/>
      <c r="KRU698" s="613"/>
      <c r="KRV698" s="613"/>
      <c r="KRW698" s="613"/>
      <c r="KRX698" s="613"/>
      <c r="KRY698" s="613"/>
      <c r="KRZ698" s="613"/>
      <c r="KSA698" s="613"/>
      <c r="KSB698" s="613"/>
      <c r="KSC698" s="613"/>
      <c r="KSD698" s="613"/>
      <c r="KSE698" s="613"/>
      <c r="KSF698" s="613"/>
      <c r="KSG698" s="613"/>
      <c r="KSH698" s="613"/>
      <c r="KSI698" s="613"/>
      <c r="KSJ698" s="613"/>
      <c r="KSK698" s="613"/>
      <c r="KSL698" s="613"/>
      <c r="KSM698" s="613"/>
      <c r="KSN698" s="613"/>
      <c r="KSO698" s="613"/>
      <c r="KSP698" s="613"/>
      <c r="KSQ698" s="613"/>
      <c r="KSR698" s="613"/>
      <c r="KSS698" s="613"/>
      <c r="KST698" s="613"/>
      <c r="KSU698" s="613"/>
      <c r="KSV698" s="613"/>
      <c r="KSW698" s="613"/>
      <c r="KSX698" s="613"/>
      <c r="KSY698" s="613"/>
      <c r="KSZ698" s="613"/>
      <c r="KTA698" s="613"/>
      <c r="KTB698" s="613"/>
      <c r="KTC698" s="613"/>
      <c r="KTD698" s="613"/>
      <c r="KTE698" s="613"/>
      <c r="KTF698" s="613"/>
      <c r="KTG698" s="613"/>
      <c r="KTH698" s="613"/>
      <c r="KTI698" s="613"/>
      <c r="KTJ698" s="613"/>
      <c r="KTK698" s="613"/>
      <c r="KTL698" s="613"/>
      <c r="KTM698" s="613"/>
      <c r="KTN698" s="613"/>
      <c r="KTO698" s="613"/>
      <c r="KTP698" s="613"/>
      <c r="KTQ698" s="613"/>
      <c r="KTR698" s="613"/>
      <c r="KTS698" s="613"/>
      <c r="KTT698" s="613"/>
      <c r="KTU698" s="613"/>
      <c r="KTV698" s="613"/>
      <c r="KTW698" s="613"/>
      <c r="KTX698" s="613"/>
      <c r="KTY698" s="613"/>
      <c r="KTZ698" s="613"/>
      <c r="KUA698" s="613"/>
      <c r="KUB698" s="613"/>
      <c r="KUC698" s="613"/>
      <c r="KUD698" s="613"/>
      <c r="KUE698" s="613"/>
      <c r="KUF698" s="613"/>
      <c r="KUG698" s="613"/>
      <c r="KUH698" s="613"/>
      <c r="KUI698" s="613"/>
      <c r="KUJ698" s="613"/>
      <c r="KUK698" s="613"/>
      <c r="KUL698" s="613"/>
      <c r="KUM698" s="613"/>
      <c r="KUN698" s="613"/>
      <c r="KUO698" s="613"/>
      <c r="KUP698" s="613"/>
      <c r="KUQ698" s="613"/>
      <c r="KUR698" s="613"/>
      <c r="KUS698" s="613"/>
      <c r="KUT698" s="613"/>
      <c r="KUU698" s="613"/>
      <c r="KUV698" s="613"/>
      <c r="KUW698" s="613"/>
      <c r="KUX698" s="613"/>
      <c r="KUY698" s="613"/>
      <c r="KUZ698" s="613"/>
      <c r="KVA698" s="613"/>
      <c r="KVB698" s="613"/>
      <c r="KVC698" s="613"/>
      <c r="KVD698" s="613"/>
      <c r="KVE698" s="613"/>
      <c r="KVF698" s="613"/>
      <c r="KVG698" s="613"/>
      <c r="KVH698" s="613"/>
      <c r="KVI698" s="613"/>
      <c r="KVJ698" s="613"/>
      <c r="KVK698" s="613"/>
      <c r="KVL698" s="613"/>
      <c r="KVM698" s="613"/>
      <c r="KVN698" s="613"/>
      <c r="KVO698" s="613"/>
      <c r="KVP698" s="613"/>
      <c r="KVQ698" s="613"/>
      <c r="KVR698" s="613"/>
      <c r="KVS698" s="613"/>
      <c r="KVT698" s="613"/>
      <c r="KVU698" s="613"/>
      <c r="KVV698" s="613"/>
      <c r="KVW698" s="613"/>
      <c r="KVX698" s="613"/>
      <c r="KVY698" s="613"/>
      <c r="KVZ698" s="613"/>
      <c r="KWA698" s="613"/>
      <c r="KWB698" s="613"/>
      <c r="KWC698" s="613"/>
      <c r="KWD698" s="613"/>
      <c r="KWE698" s="613"/>
      <c r="KWF698" s="613"/>
      <c r="KWG698" s="613"/>
      <c r="KWH698" s="613"/>
      <c r="KWI698" s="613"/>
      <c r="KWJ698" s="613"/>
      <c r="KWK698" s="613"/>
      <c r="KWL698" s="613"/>
      <c r="KWM698" s="613"/>
      <c r="KWN698" s="613"/>
      <c r="KWO698" s="613"/>
      <c r="KWP698" s="613"/>
      <c r="KWQ698" s="613"/>
      <c r="KWR698" s="613"/>
      <c r="KWS698" s="613"/>
      <c r="KWT698" s="613"/>
      <c r="KWU698" s="613"/>
      <c r="KWV698" s="613"/>
      <c r="KWW698" s="613"/>
      <c r="KWX698" s="613"/>
      <c r="KWY698" s="613"/>
      <c r="KWZ698" s="613"/>
      <c r="KXA698" s="613"/>
      <c r="KXB698" s="613"/>
      <c r="KXC698" s="613"/>
      <c r="KXD698" s="613"/>
      <c r="KXE698" s="613"/>
      <c r="KXF698" s="613"/>
      <c r="KXG698" s="613"/>
      <c r="KXH698" s="613"/>
      <c r="KXI698" s="613"/>
      <c r="KXJ698" s="613"/>
      <c r="KXK698" s="613"/>
      <c r="KXL698" s="613"/>
      <c r="KXM698" s="613"/>
      <c r="KXN698" s="613"/>
      <c r="KXO698" s="613"/>
      <c r="KXP698" s="613"/>
      <c r="KXQ698" s="613"/>
      <c r="KXR698" s="613"/>
      <c r="KXS698" s="613"/>
      <c r="KXT698" s="613"/>
      <c r="KXU698" s="613"/>
      <c r="KXV698" s="613"/>
      <c r="KXW698" s="613"/>
      <c r="KXX698" s="613"/>
      <c r="KXY698" s="613"/>
      <c r="KXZ698" s="613"/>
      <c r="KYA698" s="613"/>
      <c r="KYB698" s="613"/>
      <c r="KYC698" s="613"/>
      <c r="KYD698" s="613"/>
      <c r="KYE698" s="613"/>
      <c r="KYF698" s="613"/>
      <c r="KYG698" s="613"/>
      <c r="KYH698" s="613"/>
      <c r="KYI698" s="613"/>
      <c r="KYJ698" s="613"/>
      <c r="KYK698" s="613"/>
      <c r="KYL698" s="613"/>
      <c r="KYM698" s="613"/>
      <c r="KYN698" s="613"/>
      <c r="KYO698" s="613"/>
      <c r="KYP698" s="613"/>
      <c r="KYQ698" s="613"/>
      <c r="KYR698" s="613"/>
      <c r="KYS698" s="613"/>
      <c r="KYT698" s="613"/>
      <c r="KYU698" s="613"/>
      <c r="KYV698" s="613"/>
      <c r="KYW698" s="613"/>
      <c r="KYX698" s="613"/>
      <c r="KYY698" s="613"/>
      <c r="KYZ698" s="613"/>
      <c r="KZA698" s="613"/>
      <c r="KZB698" s="613"/>
      <c r="KZC698" s="613"/>
      <c r="KZD698" s="613"/>
      <c r="KZE698" s="613"/>
      <c r="KZF698" s="613"/>
      <c r="KZG698" s="613"/>
      <c r="KZH698" s="613"/>
      <c r="KZI698" s="613"/>
      <c r="KZJ698" s="613"/>
      <c r="KZK698" s="613"/>
      <c r="KZL698" s="613"/>
      <c r="KZM698" s="613"/>
      <c r="KZN698" s="613"/>
      <c r="KZO698" s="613"/>
      <c r="KZP698" s="613"/>
      <c r="KZQ698" s="613"/>
      <c r="KZR698" s="613"/>
      <c r="KZS698" s="613"/>
      <c r="KZT698" s="613"/>
      <c r="KZU698" s="613"/>
      <c r="KZV698" s="613"/>
      <c r="KZW698" s="613"/>
      <c r="KZX698" s="613"/>
      <c r="KZY698" s="613"/>
      <c r="KZZ698" s="613"/>
      <c r="LAA698" s="613"/>
      <c r="LAB698" s="613"/>
      <c r="LAC698" s="613"/>
      <c r="LAD698" s="613"/>
      <c r="LAE698" s="613"/>
      <c r="LAF698" s="613"/>
      <c r="LAG698" s="613"/>
      <c r="LAH698" s="613"/>
      <c r="LAI698" s="613"/>
      <c r="LAJ698" s="613"/>
      <c r="LAK698" s="613"/>
      <c r="LAL698" s="613"/>
      <c r="LAM698" s="613"/>
      <c r="LAN698" s="613"/>
      <c r="LAO698" s="613"/>
      <c r="LAP698" s="613"/>
      <c r="LAQ698" s="613"/>
      <c r="LAR698" s="613"/>
      <c r="LAS698" s="613"/>
      <c r="LAT698" s="613"/>
      <c r="LAU698" s="613"/>
      <c r="LAV698" s="613"/>
      <c r="LAW698" s="613"/>
      <c r="LAX698" s="613"/>
      <c r="LAY698" s="613"/>
      <c r="LAZ698" s="613"/>
      <c r="LBA698" s="613"/>
      <c r="LBB698" s="613"/>
      <c r="LBC698" s="613"/>
      <c r="LBD698" s="613"/>
      <c r="LBE698" s="613"/>
      <c r="LBF698" s="613"/>
      <c r="LBG698" s="613"/>
      <c r="LBH698" s="613"/>
      <c r="LBI698" s="613"/>
      <c r="LBJ698" s="613"/>
      <c r="LBK698" s="613"/>
      <c r="LBL698" s="613"/>
      <c r="LBM698" s="613"/>
      <c r="LBN698" s="613"/>
      <c r="LBO698" s="613"/>
      <c r="LBP698" s="613"/>
      <c r="LBQ698" s="613"/>
      <c r="LBR698" s="613"/>
      <c r="LBS698" s="613"/>
      <c r="LBT698" s="613"/>
      <c r="LBU698" s="613"/>
      <c r="LBV698" s="613"/>
      <c r="LBW698" s="613"/>
      <c r="LBX698" s="613"/>
      <c r="LBY698" s="613"/>
      <c r="LBZ698" s="613"/>
      <c r="LCA698" s="613"/>
      <c r="LCB698" s="613"/>
      <c r="LCC698" s="613"/>
      <c r="LCD698" s="613"/>
      <c r="LCE698" s="613"/>
      <c r="LCF698" s="613"/>
      <c r="LCG698" s="613"/>
      <c r="LCH698" s="613"/>
      <c r="LCI698" s="613"/>
      <c r="LCJ698" s="613"/>
      <c r="LCK698" s="613"/>
      <c r="LCL698" s="613"/>
      <c r="LCM698" s="613"/>
      <c r="LCN698" s="613"/>
      <c r="LCO698" s="613"/>
      <c r="LCP698" s="613"/>
      <c r="LCQ698" s="613"/>
      <c r="LCR698" s="613"/>
      <c r="LCS698" s="613"/>
      <c r="LCT698" s="613"/>
      <c r="LCU698" s="613"/>
      <c r="LCV698" s="613"/>
      <c r="LCW698" s="613"/>
      <c r="LCX698" s="613"/>
      <c r="LCY698" s="613"/>
      <c r="LCZ698" s="613"/>
      <c r="LDA698" s="613"/>
      <c r="LDB698" s="613"/>
      <c r="LDC698" s="613"/>
      <c r="LDD698" s="613"/>
      <c r="LDE698" s="613"/>
      <c r="LDF698" s="613"/>
      <c r="LDG698" s="613"/>
      <c r="LDH698" s="613"/>
      <c r="LDI698" s="613"/>
      <c r="LDJ698" s="613"/>
      <c r="LDK698" s="613"/>
      <c r="LDL698" s="613"/>
      <c r="LDM698" s="613"/>
      <c r="LDN698" s="613"/>
      <c r="LDO698" s="613"/>
      <c r="LDP698" s="613"/>
      <c r="LDQ698" s="613"/>
      <c r="LDR698" s="613"/>
      <c r="LDS698" s="613"/>
      <c r="LDT698" s="613"/>
      <c r="LDU698" s="613"/>
      <c r="LDV698" s="613"/>
      <c r="LDW698" s="613"/>
      <c r="LDX698" s="613"/>
      <c r="LDY698" s="613"/>
      <c r="LDZ698" s="613"/>
      <c r="LEA698" s="613"/>
      <c r="LEB698" s="613"/>
      <c r="LEC698" s="613"/>
      <c r="LED698" s="613"/>
      <c r="LEE698" s="613"/>
      <c r="LEF698" s="613"/>
      <c r="LEG698" s="613"/>
      <c r="LEH698" s="613"/>
      <c r="LEI698" s="613"/>
      <c r="LEJ698" s="613"/>
      <c r="LEK698" s="613"/>
      <c r="LEL698" s="613"/>
      <c r="LEM698" s="613"/>
      <c r="LEN698" s="613"/>
      <c r="LEO698" s="613"/>
      <c r="LEP698" s="613"/>
      <c r="LEQ698" s="613"/>
      <c r="LER698" s="613"/>
      <c r="LES698" s="613"/>
      <c r="LET698" s="613"/>
      <c r="LEU698" s="613"/>
      <c r="LEV698" s="613"/>
      <c r="LEW698" s="613"/>
      <c r="LEX698" s="613"/>
      <c r="LEY698" s="613"/>
      <c r="LEZ698" s="613"/>
      <c r="LFA698" s="613"/>
      <c r="LFB698" s="613"/>
      <c r="LFC698" s="613"/>
      <c r="LFD698" s="613"/>
      <c r="LFE698" s="613"/>
      <c r="LFF698" s="613"/>
      <c r="LFG698" s="613"/>
      <c r="LFH698" s="613"/>
      <c r="LFI698" s="613"/>
      <c r="LFJ698" s="613"/>
      <c r="LFK698" s="613"/>
      <c r="LFL698" s="613"/>
      <c r="LFM698" s="613"/>
      <c r="LFN698" s="613"/>
      <c r="LFO698" s="613"/>
      <c r="LFP698" s="613"/>
      <c r="LFQ698" s="613"/>
      <c r="LFR698" s="613"/>
      <c r="LFS698" s="613"/>
      <c r="LFT698" s="613"/>
      <c r="LFU698" s="613"/>
      <c r="LFV698" s="613"/>
      <c r="LFW698" s="613"/>
      <c r="LFX698" s="613"/>
      <c r="LFY698" s="613"/>
      <c r="LFZ698" s="613"/>
      <c r="LGA698" s="613"/>
      <c r="LGB698" s="613"/>
      <c r="LGC698" s="613"/>
      <c r="LGD698" s="613"/>
      <c r="LGE698" s="613"/>
      <c r="LGF698" s="613"/>
      <c r="LGG698" s="613"/>
      <c r="LGH698" s="613"/>
      <c r="LGI698" s="613"/>
      <c r="LGJ698" s="613"/>
      <c r="LGK698" s="613"/>
      <c r="LGL698" s="613"/>
      <c r="LGM698" s="613"/>
      <c r="LGN698" s="613"/>
      <c r="LGO698" s="613"/>
      <c r="LGP698" s="613"/>
      <c r="LGQ698" s="613"/>
      <c r="LGR698" s="613"/>
      <c r="LGS698" s="613"/>
      <c r="LGT698" s="613"/>
      <c r="LGU698" s="613"/>
      <c r="LGV698" s="613"/>
      <c r="LGW698" s="613"/>
      <c r="LGX698" s="613"/>
      <c r="LGY698" s="613"/>
      <c r="LGZ698" s="613"/>
      <c r="LHA698" s="613"/>
      <c r="LHB698" s="613"/>
      <c r="LHC698" s="613"/>
      <c r="LHD698" s="613"/>
      <c r="LHE698" s="613"/>
      <c r="LHF698" s="613"/>
      <c r="LHG698" s="613"/>
      <c r="LHH698" s="613"/>
      <c r="LHI698" s="613"/>
      <c r="LHJ698" s="613"/>
      <c r="LHK698" s="613"/>
      <c r="LHL698" s="613"/>
      <c r="LHM698" s="613"/>
      <c r="LHN698" s="613"/>
      <c r="LHO698" s="613"/>
      <c r="LHP698" s="613"/>
      <c r="LHQ698" s="613"/>
      <c r="LHR698" s="613"/>
      <c r="LHS698" s="613"/>
      <c r="LHT698" s="613"/>
      <c r="LHU698" s="613"/>
      <c r="LHV698" s="613"/>
      <c r="LHW698" s="613"/>
      <c r="LHX698" s="613"/>
      <c r="LHY698" s="613"/>
      <c r="LHZ698" s="613"/>
      <c r="LIA698" s="613"/>
      <c r="LIB698" s="613"/>
      <c r="LIC698" s="613"/>
      <c r="LID698" s="613"/>
      <c r="LIE698" s="613"/>
      <c r="LIF698" s="613"/>
      <c r="LIG698" s="613"/>
      <c r="LIH698" s="613"/>
      <c r="LII698" s="613"/>
      <c r="LIJ698" s="613"/>
      <c r="LIK698" s="613"/>
      <c r="LIL698" s="613"/>
      <c r="LIM698" s="613"/>
      <c r="LIN698" s="613"/>
      <c r="LIO698" s="613"/>
      <c r="LIP698" s="613"/>
      <c r="LIQ698" s="613"/>
      <c r="LIR698" s="613"/>
      <c r="LIS698" s="613"/>
      <c r="LIT698" s="613"/>
      <c r="LIU698" s="613"/>
      <c r="LIV698" s="613"/>
      <c r="LIW698" s="613"/>
      <c r="LIX698" s="613"/>
      <c r="LIY698" s="613"/>
      <c r="LIZ698" s="613"/>
      <c r="LJA698" s="613"/>
      <c r="LJB698" s="613"/>
      <c r="LJC698" s="613"/>
      <c r="LJD698" s="613"/>
      <c r="LJE698" s="613"/>
      <c r="LJF698" s="613"/>
      <c r="LJG698" s="613"/>
      <c r="LJH698" s="613"/>
      <c r="LJI698" s="613"/>
      <c r="LJJ698" s="613"/>
      <c r="LJK698" s="613"/>
      <c r="LJL698" s="613"/>
      <c r="LJM698" s="613"/>
      <c r="LJN698" s="613"/>
      <c r="LJO698" s="613"/>
      <c r="LJP698" s="613"/>
      <c r="LJQ698" s="613"/>
      <c r="LJR698" s="613"/>
      <c r="LJS698" s="613"/>
      <c r="LJT698" s="613"/>
      <c r="LJU698" s="613"/>
      <c r="LJV698" s="613"/>
      <c r="LJW698" s="613"/>
      <c r="LJX698" s="613"/>
      <c r="LJY698" s="613"/>
      <c r="LJZ698" s="613"/>
      <c r="LKA698" s="613"/>
      <c r="LKB698" s="613"/>
      <c r="LKC698" s="613"/>
      <c r="LKD698" s="613"/>
      <c r="LKE698" s="613"/>
      <c r="LKF698" s="613"/>
      <c r="LKG698" s="613"/>
      <c r="LKH698" s="613"/>
      <c r="LKI698" s="613"/>
      <c r="LKJ698" s="613"/>
      <c r="LKK698" s="613"/>
      <c r="LKL698" s="613"/>
      <c r="LKM698" s="613"/>
      <c r="LKN698" s="613"/>
      <c r="LKO698" s="613"/>
      <c r="LKP698" s="613"/>
      <c r="LKQ698" s="613"/>
      <c r="LKR698" s="613"/>
      <c r="LKS698" s="613"/>
      <c r="LKT698" s="613"/>
      <c r="LKU698" s="613"/>
      <c r="LKV698" s="613"/>
      <c r="LKW698" s="613"/>
      <c r="LKX698" s="613"/>
      <c r="LKY698" s="613"/>
      <c r="LKZ698" s="613"/>
      <c r="LLA698" s="613"/>
      <c r="LLB698" s="613"/>
      <c r="LLC698" s="613"/>
      <c r="LLD698" s="613"/>
      <c r="LLE698" s="613"/>
      <c r="LLF698" s="613"/>
      <c r="LLG698" s="613"/>
      <c r="LLH698" s="613"/>
      <c r="LLI698" s="613"/>
      <c r="LLJ698" s="613"/>
      <c r="LLK698" s="613"/>
      <c r="LLL698" s="613"/>
      <c r="LLM698" s="613"/>
      <c r="LLN698" s="613"/>
      <c r="LLO698" s="613"/>
      <c r="LLP698" s="613"/>
      <c r="LLQ698" s="613"/>
      <c r="LLR698" s="613"/>
      <c r="LLS698" s="613"/>
      <c r="LLT698" s="613"/>
      <c r="LLU698" s="613"/>
      <c r="LLV698" s="613"/>
      <c r="LLW698" s="613"/>
      <c r="LLX698" s="613"/>
      <c r="LLY698" s="613"/>
      <c r="LLZ698" s="613"/>
      <c r="LMA698" s="613"/>
      <c r="LMB698" s="613"/>
      <c r="LMC698" s="613"/>
      <c r="LMD698" s="613"/>
      <c r="LME698" s="613"/>
      <c r="LMF698" s="613"/>
      <c r="LMG698" s="613"/>
      <c r="LMH698" s="613"/>
      <c r="LMI698" s="613"/>
      <c r="LMJ698" s="613"/>
      <c r="LMK698" s="613"/>
      <c r="LML698" s="613"/>
      <c r="LMM698" s="613"/>
      <c r="LMN698" s="613"/>
      <c r="LMO698" s="613"/>
      <c r="LMP698" s="613"/>
      <c r="LMQ698" s="613"/>
      <c r="LMR698" s="613"/>
      <c r="LMS698" s="613"/>
      <c r="LMT698" s="613"/>
      <c r="LMU698" s="613"/>
      <c r="LMV698" s="613"/>
      <c r="LMW698" s="613"/>
      <c r="LMX698" s="613"/>
      <c r="LMY698" s="613"/>
      <c r="LMZ698" s="613"/>
      <c r="LNA698" s="613"/>
      <c r="LNB698" s="613"/>
      <c r="LNC698" s="613"/>
      <c r="LND698" s="613"/>
      <c r="LNE698" s="613"/>
      <c r="LNF698" s="613"/>
      <c r="LNG698" s="613"/>
      <c r="LNH698" s="613"/>
      <c r="LNI698" s="613"/>
      <c r="LNJ698" s="613"/>
      <c r="LNK698" s="613"/>
      <c r="LNL698" s="613"/>
      <c r="LNM698" s="613"/>
      <c r="LNN698" s="613"/>
      <c r="LNO698" s="613"/>
      <c r="LNP698" s="613"/>
      <c r="LNQ698" s="613"/>
      <c r="LNR698" s="613"/>
      <c r="LNS698" s="613"/>
      <c r="LNT698" s="613"/>
      <c r="LNU698" s="613"/>
      <c r="LNV698" s="613"/>
      <c r="LNW698" s="613"/>
      <c r="LNX698" s="613"/>
      <c r="LNY698" s="613"/>
      <c r="LNZ698" s="613"/>
      <c r="LOA698" s="613"/>
      <c r="LOB698" s="613"/>
      <c r="LOC698" s="613"/>
      <c r="LOD698" s="613"/>
      <c r="LOE698" s="613"/>
      <c r="LOF698" s="613"/>
      <c r="LOG698" s="613"/>
      <c r="LOH698" s="613"/>
      <c r="LOI698" s="613"/>
      <c r="LOJ698" s="613"/>
      <c r="LOK698" s="613"/>
      <c r="LOL698" s="613"/>
      <c r="LOM698" s="613"/>
      <c r="LON698" s="613"/>
      <c r="LOO698" s="613"/>
      <c r="LOP698" s="613"/>
      <c r="LOQ698" s="613"/>
      <c r="LOR698" s="613"/>
      <c r="LOS698" s="613"/>
      <c r="LOT698" s="613"/>
      <c r="LOU698" s="613"/>
      <c r="LOV698" s="613"/>
      <c r="LOW698" s="613"/>
      <c r="LOX698" s="613"/>
      <c r="LOY698" s="613"/>
      <c r="LOZ698" s="613"/>
      <c r="LPA698" s="613"/>
      <c r="LPB698" s="613"/>
      <c r="LPC698" s="613"/>
      <c r="LPD698" s="613"/>
      <c r="LPE698" s="613"/>
      <c r="LPF698" s="613"/>
      <c r="LPG698" s="613"/>
      <c r="LPH698" s="613"/>
      <c r="LPI698" s="613"/>
      <c r="LPJ698" s="613"/>
      <c r="LPK698" s="613"/>
      <c r="LPL698" s="613"/>
      <c r="LPM698" s="613"/>
      <c r="LPN698" s="613"/>
      <c r="LPO698" s="613"/>
      <c r="LPP698" s="613"/>
      <c r="LPQ698" s="613"/>
      <c r="LPR698" s="613"/>
      <c r="LPS698" s="613"/>
      <c r="LPT698" s="613"/>
      <c r="LPU698" s="613"/>
      <c r="LPV698" s="613"/>
      <c r="LPW698" s="613"/>
      <c r="LPX698" s="613"/>
      <c r="LPY698" s="613"/>
      <c r="LPZ698" s="613"/>
      <c r="LQA698" s="613"/>
      <c r="LQB698" s="613"/>
      <c r="LQC698" s="613"/>
      <c r="LQD698" s="613"/>
      <c r="LQE698" s="613"/>
      <c r="LQF698" s="613"/>
      <c r="LQG698" s="613"/>
      <c r="LQH698" s="613"/>
      <c r="LQI698" s="613"/>
      <c r="LQJ698" s="613"/>
      <c r="LQK698" s="613"/>
      <c r="LQL698" s="613"/>
      <c r="LQM698" s="613"/>
      <c r="LQN698" s="613"/>
      <c r="LQO698" s="613"/>
      <c r="LQP698" s="613"/>
      <c r="LQQ698" s="613"/>
      <c r="LQR698" s="613"/>
      <c r="LQS698" s="613"/>
      <c r="LQT698" s="613"/>
      <c r="LQU698" s="613"/>
      <c r="LQV698" s="613"/>
      <c r="LQW698" s="613"/>
      <c r="LQX698" s="613"/>
      <c r="LQY698" s="613"/>
      <c r="LQZ698" s="613"/>
      <c r="LRA698" s="613"/>
      <c r="LRB698" s="613"/>
      <c r="LRC698" s="613"/>
      <c r="LRD698" s="613"/>
      <c r="LRE698" s="613"/>
      <c r="LRF698" s="613"/>
      <c r="LRG698" s="613"/>
      <c r="LRH698" s="613"/>
      <c r="LRI698" s="613"/>
      <c r="LRJ698" s="613"/>
      <c r="LRK698" s="613"/>
      <c r="LRL698" s="613"/>
      <c r="LRM698" s="613"/>
      <c r="LRN698" s="613"/>
      <c r="LRO698" s="613"/>
      <c r="LRP698" s="613"/>
      <c r="LRQ698" s="613"/>
      <c r="LRR698" s="613"/>
      <c r="LRS698" s="613"/>
      <c r="LRT698" s="613"/>
      <c r="LRU698" s="613"/>
      <c r="LRV698" s="613"/>
      <c r="LRW698" s="613"/>
      <c r="LRX698" s="613"/>
      <c r="LRY698" s="613"/>
      <c r="LRZ698" s="613"/>
      <c r="LSA698" s="613"/>
      <c r="LSB698" s="613"/>
      <c r="LSC698" s="613"/>
      <c r="LSD698" s="613"/>
      <c r="LSE698" s="613"/>
      <c r="LSF698" s="613"/>
      <c r="LSG698" s="613"/>
      <c r="LSH698" s="613"/>
      <c r="LSI698" s="613"/>
      <c r="LSJ698" s="613"/>
      <c r="LSK698" s="613"/>
      <c r="LSL698" s="613"/>
      <c r="LSM698" s="613"/>
      <c r="LSN698" s="613"/>
      <c r="LSO698" s="613"/>
      <c r="LSP698" s="613"/>
      <c r="LSQ698" s="613"/>
      <c r="LSR698" s="613"/>
      <c r="LSS698" s="613"/>
      <c r="LST698" s="613"/>
      <c r="LSU698" s="613"/>
      <c r="LSV698" s="613"/>
      <c r="LSW698" s="613"/>
      <c r="LSX698" s="613"/>
      <c r="LSY698" s="613"/>
      <c r="LSZ698" s="613"/>
      <c r="LTA698" s="613"/>
      <c r="LTB698" s="613"/>
      <c r="LTC698" s="613"/>
      <c r="LTD698" s="613"/>
      <c r="LTE698" s="613"/>
      <c r="LTF698" s="613"/>
      <c r="LTG698" s="613"/>
      <c r="LTH698" s="613"/>
      <c r="LTI698" s="613"/>
      <c r="LTJ698" s="613"/>
      <c r="LTK698" s="613"/>
      <c r="LTL698" s="613"/>
      <c r="LTM698" s="613"/>
      <c r="LTN698" s="613"/>
      <c r="LTO698" s="613"/>
      <c r="LTP698" s="613"/>
      <c r="LTQ698" s="613"/>
      <c r="LTR698" s="613"/>
      <c r="LTS698" s="613"/>
      <c r="LTT698" s="613"/>
      <c r="LTU698" s="613"/>
      <c r="LTV698" s="613"/>
      <c r="LTW698" s="613"/>
      <c r="LTX698" s="613"/>
      <c r="LTY698" s="613"/>
      <c r="LTZ698" s="613"/>
      <c r="LUA698" s="613"/>
      <c r="LUB698" s="613"/>
      <c r="LUC698" s="613"/>
      <c r="LUD698" s="613"/>
      <c r="LUE698" s="613"/>
      <c r="LUF698" s="613"/>
      <c r="LUG698" s="613"/>
      <c r="LUH698" s="613"/>
      <c r="LUI698" s="613"/>
      <c r="LUJ698" s="613"/>
      <c r="LUK698" s="613"/>
      <c r="LUL698" s="613"/>
      <c r="LUM698" s="613"/>
      <c r="LUN698" s="613"/>
      <c r="LUO698" s="613"/>
      <c r="LUP698" s="613"/>
      <c r="LUQ698" s="613"/>
      <c r="LUR698" s="613"/>
      <c r="LUS698" s="613"/>
      <c r="LUT698" s="613"/>
      <c r="LUU698" s="613"/>
      <c r="LUV698" s="613"/>
      <c r="LUW698" s="613"/>
      <c r="LUX698" s="613"/>
      <c r="LUY698" s="613"/>
      <c r="LUZ698" s="613"/>
      <c r="LVA698" s="613"/>
      <c r="LVB698" s="613"/>
      <c r="LVC698" s="613"/>
      <c r="LVD698" s="613"/>
      <c r="LVE698" s="613"/>
      <c r="LVF698" s="613"/>
      <c r="LVG698" s="613"/>
      <c r="LVH698" s="613"/>
      <c r="LVI698" s="613"/>
      <c r="LVJ698" s="613"/>
      <c r="LVK698" s="613"/>
      <c r="LVL698" s="613"/>
      <c r="LVM698" s="613"/>
      <c r="LVN698" s="613"/>
      <c r="LVO698" s="613"/>
      <c r="LVP698" s="613"/>
      <c r="LVQ698" s="613"/>
      <c r="LVR698" s="613"/>
      <c r="LVS698" s="613"/>
      <c r="LVT698" s="613"/>
      <c r="LVU698" s="613"/>
      <c r="LVV698" s="613"/>
      <c r="LVW698" s="613"/>
      <c r="LVX698" s="613"/>
      <c r="LVY698" s="613"/>
      <c r="LVZ698" s="613"/>
      <c r="LWA698" s="613"/>
      <c r="LWB698" s="613"/>
      <c r="LWC698" s="613"/>
      <c r="LWD698" s="613"/>
      <c r="LWE698" s="613"/>
      <c r="LWF698" s="613"/>
      <c r="LWG698" s="613"/>
      <c r="LWH698" s="613"/>
      <c r="LWI698" s="613"/>
      <c r="LWJ698" s="613"/>
      <c r="LWK698" s="613"/>
      <c r="LWL698" s="613"/>
      <c r="LWM698" s="613"/>
      <c r="LWN698" s="613"/>
      <c r="LWO698" s="613"/>
      <c r="LWP698" s="613"/>
      <c r="LWQ698" s="613"/>
      <c r="LWR698" s="613"/>
      <c r="LWS698" s="613"/>
      <c r="LWT698" s="613"/>
      <c r="LWU698" s="613"/>
      <c r="LWV698" s="613"/>
      <c r="LWW698" s="613"/>
      <c r="LWX698" s="613"/>
      <c r="LWY698" s="613"/>
      <c r="LWZ698" s="613"/>
      <c r="LXA698" s="613"/>
      <c r="LXB698" s="613"/>
      <c r="LXC698" s="613"/>
      <c r="LXD698" s="613"/>
      <c r="LXE698" s="613"/>
      <c r="LXF698" s="613"/>
      <c r="LXG698" s="613"/>
      <c r="LXH698" s="613"/>
      <c r="LXI698" s="613"/>
      <c r="LXJ698" s="613"/>
      <c r="LXK698" s="613"/>
      <c r="LXL698" s="613"/>
      <c r="LXM698" s="613"/>
      <c r="LXN698" s="613"/>
      <c r="LXO698" s="613"/>
      <c r="LXP698" s="613"/>
      <c r="LXQ698" s="613"/>
      <c r="LXR698" s="613"/>
      <c r="LXS698" s="613"/>
      <c r="LXT698" s="613"/>
      <c r="LXU698" s="613"/>
      <c r="LXV698" s="613"/>
      <c r="LXW698" s="613"/>
      <c r="LXX698" s="613"/>
      <c r="LXY698" s="613"/>
      <c r="LXZ698" s="613"/>
      <c r="LYA698" s="613"/>
      <c r="LYB698" s="613"/>
      <c r="LYC698" s="613"/>
      <c r="LYD698" s="613"/>
      <c r="LYE698" s="613"/>
      <c r="LYF698" s="613"/>
      <c r="LYG698" s="613"/>
      <c r="LYH698" s="613"/>
      <c r="LYI698" s="613"/>
      <c r="LYJ698" s="613"/>
      <c r="LYK698" s="613"/>
      <c r="LYL698" s="613"/>
      <c r="LYM698" s="613"/>
      <c r="LYN698" s="613"/>
      <c r="LYO698" s="613"/>
      <c r="LYP698" s="613"/>
      <c r="LYQ698" s="613"/>
      <c r="LYR698" s="613"/>
      <c r="LYS698" s="613"/>
      <c r="LYT698" s="613"/>
      <c r="LYU698" s="613"/>
      <c r="LYV698" s="613"/>
      <c r="LYW698" s="613"/>
      <c r="LYX698" s="613"/>
      <c r="LYY698" s="613"/>
      <c r="LYZ698" s="613"/>
      <c r="LZA698" s="613"/>
      <c r="LZB698" s="613"/>
      <c r="LZC698" s="613"/>
      <c r="LZD698" s="613"/>
      <c r="LZE698" s="613"/>
      <c r="LZF698" s="613"/>
      <c r="LZG698" s="613"/>
      <c r="LZH698" s="613"/>
      <c r="LZI698" s="613"/>
      <c r="LZJ698" s="613"/>
      <c r="LZK698" s="613"/>
      <c r="LZL698" s="613"/>
      <c r="LZM698" s="613"/>
      <c r="LZN698" s="613"/>
      <c r="LZO698" s="613"/>
      <c r="LZP698" s="613"/>
      <c r="LZQ698" s="613"/>
      <c r="LZR698" s="613"/>
      <c r="LZS698" s="613"/>
      <c r="LZT698" s="613"/>
      <c r="LZU698" s="613"/>
      <c r="LZV698" s="613"/>
      <c r="LZW698" s="613"/>
      <c r="LZX698" s="613"/>
      <c r="LZY698" s="613"/>
      <c r="LZZ698" s="613"/>
      <c r="MAA698" s="613"/>
      <c r="MAB698" s="613"/>
      <c r="MAC698" s="613"/>
      <c r="MAD698" s="613"/>
      <c r="MAE698" s="613"/>
      <c r="MAF698" s="613"/>
      <c r="MAG698" s="613"/>
      <c r="MAH698" s="613"/>
      <c r="MAI698" s="613"/>
      <c r="MAJ698" s="613"/>
      <c r="MAK698" s="613"/>
      <c r="MAL698" s="613"/>
      <c r="MAM698" s="613"/>
      <c r="MAN698" s="613"/>
      <c r="MAO698" s="613"/>
      <c r="MAP698" s="613"/>
      <c r="MAQ698" s="613"/>
      <c r="MAR698" s="613"/>
      <c r="MAS698" s="613"/>
      <c r="MAT698" s="613"/>
      <c r="MAU698" s="613"/>
      <c r="MAV698" s="613"/>
      <c r="MAW698" s="613"/>
      <c r="MAX698" s="613"/>
      <c r="MAY698" s="613"/>
      <c r="MAZ698" s="613"/>
      <c r="MBA698" s="613"/>
      <c r="MBB698" s="613"/>
      <c r="MBC698" s="613"/>
      <c r="MBD698" s="613"/>
      <c r="MBE698" s="613"/>
      <c r="MBF698" s="613"/>
      <c r="MBG698" s="613"/>
      <c r="MBH698" s="613"/>
      <c r="MBI698" s="613"/>
      <c r="MBJ698" s="613"/>
      <c r="MBK698" s="613"/>
      <c r="MBL698" s="613"/>
      <c r="MBM698" s="613"/>
      <c r="MBN698" s="613"/>
      <c r="MBO698" s="613"/>
      <c r="MBP698" s="613"/>
      <c r="MBQ698" s="613"/>
      <c r="MBR698" s="613"/>
      <c r="MBS698" s="613"/>
      <c r="MBT698" s="613"/>
      <c r="MBU698" s="613"/>
      <c r="MBV698" s="613"/>
      <c r="MBW698" s="613"/>
      <c r="MBX698" s="613"/>
      <c r="MBY698" s="613"/>
      <c r="MBZ698" s="613"/>
      <c r="MCA698" s="613"/>
      <c r="MCB698" s="613"/>
      <c r="MCC698" s="613"/>
      <c r="MCD698" s="613"/>
      <c r="MCE698" s="613"/>
      <c r="MCF698" s="613"/>
      <c r="MCG698" s="613"/>
      <c r="MCH698" s="613"/>
      <c r="MCI698" s="613"/>
      <c r="MCJ698" s="613"/>
      <c r="MCK698" s="613"/>
      <c r="MCL698" s="613"/>
      <c r="MCM698" s="613"/>
      <c r="MCN698" s="613"/>
      <c r="MCO698" s="613"/>
      <c r="MCP698" s="613"/>
      <c r="MCQ698" s="613"/>
      <c r="MCR698" s="613"/>
      <c r="MCS698" s="613"/>
      <c r="MCT698" s="613"/>
      <c r="MCU698" s="613"/>
      <c r="MCV698" s="613"/>
      <c r="MCW698" s="613"/>
      <c r="MCX698" s="613"/>
      <c r="MCY698" s="613"/>
      <c r="MCZ698" s="613"/>
      <c r="MDA698" s="613"/>
      <c r="MDB698" s="613"/>
      <c r="MDC698" s="613"/>
      <c r="MDD698" s="613"/>
      <c r="MDE698" s="613"/>
      <c r="MDF698" s="613"/>
      <c r="MDG698" s="613"/>
      <c r="MDH698" s="613"/>
      <c r="MDI698" s="613"/>
      <c r="MDJ698" s="613"/>
      <c r="MDK698" s="613"/>
      <c r="MDL698" s="613"/>
      <c r="MDM698" s="613"/>
      <c r="MDN698" s="613"/>
      <c r="MDO698" s="613"/>
      <c r="MDP698" s="613"/>
      <c r="MDQ698" s="613"/>
      <c r="MDR698" s="613"/>
      <c r="MDS698" s="613"/>
      <c r="MDT698" s="613"/>
      <c r="MDU698" s="613"/>
      <c r="MDV698" s="613"/>
      <c r="MDW698" s="613"/>
      <c r="MDX698" s="613"/>
      <c r="MDY698" s="613"/>
      <c r="MDZ698" s="613"/>
      <c r="MEA698" s="613"/>
      <c r="MEB698" s="613"/>
      <c r="MEC698" s="613"/>
      <c r="MED698" s="613"/>
      <c r="MEE698" s="613"/>
      <c r="MEF698" s="613"/>
      <c r="MEG698" s="613"/>
      <c r="MEH698" s="613"/>
      <c r="MEI698" s="613"/>
      <c r="MEJ698" s="613"/>
      <c r="MEK698" s="613"/>
      <c r="MEL698" s="613"/>
      <c r="MEM698" s="613"/>
      <c r="MEN698" s="613"/>
      <c r="MEO698" s="613"/>
      <c r="MEP698" s="613"/>
      <c r="MEQ698" s="613"/>
      <c r="MER698" s="613"/>
      <c r="MES698" s="613"/>
      <c r="MET698" s="613"/>
      <c r="MEU698" s="613"/>
      <c r="MEV698" s="613"/>
      <c r="MEW698" s="613"/>
      <c r="MEX698" s="613"/>
      <c r="MEY698" s="613"/>
      <c r="MEZ698" s="613"/>
      <c r="MFA698" s="613"/>
      <c r="MFB698" s="613"/>
      <c r="MFC698" s="613"/>
      <c r="MFD698" s="613"/>
      <c r="MFE698" s="613"/>
      <c r="MFF698" s="613"/>
      <c r="MFG698" s="613"/>
      <c r="MFH698" s="613"/>
      <c r="MFI698" s="613"/>
      <c r="MFJ698" s="613"/>
      <c r="MFK698" s="613"/>
      <c r="MFL698" s="613"/>
      <c r="MFM698" s="613"/>
      <c r="MFN698" s="613"/>
      <c r="MFO698" s="613"/>
      <c r="MFP698" s="613"/>
      <c r="MFQ698" s="613"/>
      <c r="MFR698" s="613"/>
      <c r="MFS698" s="613"/>
      <c r="MFT698" s="613"/>
      <c r="MFU698" s="613"/>
      <c r="MFV698" s="613"/>
      <c r="MFW698" s="613"/>
      <c r="MFX698" s="613"/>
      <c r="MFY698" s="613"/>
      <c r="MFZ698" s="613"/>
      <c r="MGA698" s="613"/>
      <c r="MGB698" s="613"/>
      <c r="MGC698" s="613"/>
      <c r="MGD698" s="613"/>
      <c r="MGE698" s="613"/>
      <c r="MGF698" s="613"/>
      <c r="MGG698" s="613"/>
      <c r="MGH698" s="613"/>
      <c r="MGI698" s="613"/>
      <c r="MGJ698" s="613"/>
      <c r="MGK698" s="613"/>
      <c r="MGL698" s="613"/>
      <c r="MGM698" s="613"/>
      <c r="MGN698" s="613"/>
      <c r="MGO698" s="613"/>
      <c r="MGP698" s="613"/>
      <c r="MGQ698" s="613"/>
      <c r="MGR698" s="613"/>
      <c r="MGS698" s="613"/>
      <c r="MGT698" s="613"/>
      <c r="MGU698" s="613"/>
      <c r="MGV698" s="613"/>
      <c r="MGW698" s="613"/>
      <c r="MGX698" s="613"/>
      <c r="MGY698" s="613"/>
      <c r="MGZ698" s="613"/>
      <c r="MHA698" s="613"/>
      <c r="MHB698" s="613"/>
      <c r="MHC698" s="613"/>
      <c r="MHD698" s="613"/>
      <c r="MHE698" s="613"/>
      <c r="MHF698" s="613"/>
      <c r="MHG698" s="613"/>
      <c r="MHH698" s="613"/>
      <c r="MHI698" s="613"/>
      <c r="MHJ698" s="613"/>
      <c r="MHK698" s="613"/>
      <c r="MHL698" s="613"/>
      <c r="MHM698" s="613"/>
      <c r="MHN698" s="613"/>
      <c r="MHO698" s="613"/>
      <c r="MHP698" s="613"/>
      <c r="MHQ698" s="613"/>
      <c r="MHR698" s="613"/>
      <c r="MHS698" s="613"/>
      <c r="MHT698" s="613"/>
      <c r="MHU698" s="613"/>
      <c r="MHV698" s="613"/>
      <c r="MHW698" s="613"/>
      <c r="MHX698" s="613"/>
      <c r="MHY698" s="613"/>
      <c r="MHZ698" s="613"/>
      <c r="MIA698" s="613"/>
      <c r="MIB698" s="613"/>
      <c r="MIC698" s="613"/>
      <c r="MID698" s="613"/>
      <c r="MIE698" s="613"/>
      <c r="MIF698" s="613"/>
      <c r="MIG698" s="613"/>
      <c r="MIH698" s="613"/>
      <c r="MII698" s="613"/>
      <c r="MIJ698" s="613"/>
      <c r="MIK698" s="613"/>
      <c r="MIL698" s="613"/>
      <c r="MIM698" s="613"/>
      <c r="MIN698" s="613"/>
      <c r="MIO698" s="613"/>
      <c r="MIP698" s="613"/>
      <c r="MIQ698" s="613"/>
      <c r="MIR698" s="613"/>
      <c r="MIS698" s="613"/>
      <c r="MIT698" s="613"/>
      <c r="MIU698" s="613"/>
      <c r="MIV698" s="613"/>
      <c r="MIW698" s="613"/>
      <c r="MIX698" s="613"/>
      <c r="MIY698" s="613"/>
      <c r="MIZ698" s="613"/>
      <c r="MJA698" s="613"/>
      <c r="MJB698" s="613"/>
      <c r="MJC698" s="613"/>
      <c r="MJD698" s="613"/>
      <c r="MJE698" s="613"/>
      <c r="MJF698" s="613"/>
      <c r="MJG698" s="613"/>
      <c r="MJH698" s="613"/>
      <c r="MJI698" s="613"/>
      <c r="MJJ698" s="613"/>
      <c r="MJK698" s="613"/>
      <c r="MJL698" s="613"/>
      <c r="MJM698" s="613"/>
      <c r="MJN698" s="613"/>
      <c r="MJO698" s="613"/>
      <c r="MJP698" s="613"/>
      <c r="MJQ698" s="613"/>
      <c r="MJR698" s="613"/>
      <c r="MJS698" s="613"/>
      <c r="MJT698" s="613"/>
      <c r="MJU698" s="613"/>
      <c r="MJV698" s="613"/>
      <c r="MJW698" s="613"/>
      <c r="MJX698" s="613"/>
      <c r="MJY698" s="613"/>
      <c r="MJZ698" s="613"/>
      <c r="MKA698" s="613"/>
      <c r="MKB698" s="613"/>
      <c r="MKC698" s="613"/>
      <c r="MKD698" s="613"/>
      <c r="MKE698" s="613"/>
      <c r="MKF698" s="613"/>
      <c r="MKG698" s="613"/>
      <c r="MKH698" s="613"/>
      <c r="MKI698" s="613"/>
      <c r="MKJ698" s="613"/>
      <c r="MKK698" s="613"/>
      <c r="MKL698" s="613"/>
      <c r="MKM698" s="613"/>
      <c r="MKN698" s="613"/>
      <c r="MKO698" s="613"/>
      <c r="MKP698" s="613"/>
      <c r="MKQ698" s="613"/>
      <c r="MKR698" s="613"/>
      <c r="MKS698" s="613"/>
      <c r="MKT698" s="613"/>
      <c r="MKU698" s="613"/>
      <c r="MKV698" s="613"/>
      <c r="MKW698" s="613"/>
      <c r="MKX698" s="613"/>
      <c r="MKY698" s="613"/>
      <c r="MKZ698" s="613"/>
      <c r="MLA698" s="613"/>
      <c r="MLB698" s="613"/>
      <c r="MLC698" s="613"/>
      <c r="MLD698" s="613"/>
      <c r="MLE698" s="613"/>
      <c r="MLF698" s="613"/>
      <c r="MLG698" s="613"/>
      <c r="MLH698" s="613"/>
      <c r="MLI698" s="613"/>
      <c r="MLJ698" s="613"/>
      <c r="MLK698" s="613"/>
      <c r="MLL698" s="613"/>
      <c r="MLM698" s="613"/>
      <c r="MLN698" s="613"/>
      <c r="MLO698" s="613"/>
      <c r="MLP698" s="613"/>
      <c r="MLQ698" s="613"/>
      <c r="MLR698" s="613"/>
      <c r="MLS698" s="613"/>
      <c r="MLT698" s="613"/>
      <c r="MLU698" s="613"/>
      <c r="MLV698" s="613"/>
      <c r="MLW698" s="613"/>
      <c r="MLX698" s="613"/>
      <c r="MLY698" s="613"/>
      <c r="MLZ698" s="613"/>
      <c r="MMA698" s="613"/>
      <c r="MMB698" s="613"/>
      <c r="MMC698" s="613"/>
      <c r="MMD698" s="613"/>
      <c r="MME698" s="613"/>
      <c r="MMF698" s="613"/>
      <c r="MMG698" s="613"/>
      <c r="MMH698" s="613"/>
      <c r="MMI698" s="613"/>
      <c r="MMJ698" s="613"/>
      <c r="MMK698" s="613"/>
      <c r="MML698" s="613"/>
      <c r="MMM698" s="613"/>
      <c r="MMN698" s="613"/>
      <c r="MMO698" s="613"/>
      <c r="MMP698" s="613"/>
      <c r="MMQ698" s="613"/>
      <c r="MMR698" s="613"/>
      <c r="MMS698" s="613"/>
      <c r="MMT698" s="613"/>
      <c r="MMU698" s="613"/>
      <c r="MMV698" s="613"/>
      <c r="MMW698" s="613"/>
      <c r="MMX698" s="613"/>
      <c r="MMY698" s="613"/>
      <c r="MMZ698" s="613"/>
      <c r="MNA698" s="613"/>
      <c r="MNB698" s="613"/>
      <c r="MNC698" s="613"/>
      <c r="MND698" s="613"/>
      <c r="MNE698" s="613"/>
      <c r="MNF698" s="613"/>
      <c r="MNG698" s="613"/>
      <c r="MNH698" s="613"/>
      <c r="MNI698" s="613"/>
      <c r="MNJ698" s="613"/>
      <c r="MNK698" s="613"/>
      <c r="MNL698" s="613"/>
      <c r="MNM698" s="613"/>
      <c r="MNN698" s="613"/>
      <c r="MNO698" s="613"/>
      <c r="MNP698" s="613"/>
      <c r="MNQ698" s="613"/>
      <c r="MNR698" s="613"/>
      <c r="MNS698" s="613"/>
      <c r="MNT698" s="613"/>
      <c r="MNU698" s="613"/>
      <c r="MNV698" s="613"/>
      <c r="MNW698" s="613"/>
      <c r="MNX698" s="613"/>
      <c r="MNY698" s="613"/>
      <c r="MNZ698" s="613"/>
      <c r="MOA698" s="613"/>
      <c r="MOB698" s="613"/>
      <c r="MOC698" s="613"/>
      <c r="MOD698" s="613"/>
      <c r="MOE698" s="613"/>
      <c r="MOF698" s="613"/>
      <c r="MOG698" s="613"/>
      <c r="MOH698" s="613"/>
      <c r="MOI698" s="613"/>
      <c r="MOJ698" s="613"/>
      <c r="MOK698" s="613"/>
      <c r="MOL698" s="613"/>
      <c r="MOM698" s="613"/>
      <c r="MON698" s="613"/>
      <c r="MOO698" s="613"/>
      <c r="MOP698" s="613"/>
      <c r="MOQ698" s="613"/>
      <c r="MOR698" s="613"/>
      <c r="MOS698" s="613"/>
      <c r="MOT698" s="613"/>
      <c r="MOU698" s="613"/>
      <c r="MOV698" s="613"/>
      <c r="MOW698" s="613"/>
      <c r="MOX698" s="613"/>
      <c r="MOY698" s="613"/>
      <c r="MOZ698" s="613"/>
      <c r="MPA698" s="613"/>
      <c r="MPB698" s="613"/>
      <c r="MPC698" s="613"/>
      <c r="MPD698" s="613"/>
      <c r="MPE698" s="613"/>
      <c r="MPF698" s="613"/>
      <c r="MPG698" s="613"/>
      <c r="MPH698" s="613"/>
      <c r="MPI698" s="613"/>
      <c r="MPJ698" s="613"/>
      <c r="MPK698" s="613"/>
      <c r="MPL698" s="613"/>
      <c r="MPM698" s="613"/>
      <c r="MPN698" s="613"/>
      <c r="MPO698" s="613"/>
      <c r="MPP698" s="613"/>
      <c r="MPQ698" s="613"/>
      <c r="MPR698" s="613"/>
      <c r="MPS698" s="613"/>
      <c r="MPT698" s="613"/>
      <c r="MPU698" s="613"/>
      <c r="MPV698" s="613"/>
      <c r="MPW698" s="613"/>
      <c r="MPX698" s="613"/>
      <c r="MPY698" s="613"/>
      <c r="MPZ698" s="613"/>
      <c r="MQA698" s="613"/>
      <c r="MQB698" s="613"/>
      <c r="MQC698" s="613"/>
      <c r="MQD698" s="613"/>
      <c r="MQE698" s="613"/>
      <c r="MQF698" s="613"/>
      <c r="MQG698" s="613"/>
      <c r="MQH698" s="613"/>
      <c r="MQI698" s="613"/>
      <c r="MQJ698" s="613"/>
      <c r="MQK698" s="613"/>
      <c r="MQL698" s="613"/>
      <c r="MQM698" s="613"/>
      <c r="MQN698" s="613"/>
      <c r="MQO698" s="613"/>
      <c r="MQP698" s="613"/>
      <c r="MQQ698" s="613"/>
      <c r="MQR698" s="613"/>
      <c r="MQS698" s="613"/>
      <c r="MQT698" s="613"/>
      <c r="MQU698" s="613"/>
      <c r="MQV698" s="613"/>
      <c r="MQW698" s="613"/>
      <c r="MQX698" s="613"/>
      <c r="MQY698" s="613"/>
      <c r="MQZ698" s="613"/>
      <c r="MRA698" s="613"/>
      <c r="MRB698" s="613"/>
      <c r="MRC698" s="613"/>
      <c r="MRD698" s="613"/>
      <c r="MRE698" s="613"/>
      <c r="MRF698" s="613"/>
      <c r="MRG698" s="613"/>
      <c r="MRH698" s="613"/>
      <c r="MRI698" s="613"/>
      <c r="MRJ698" s="613"/>
      <c r="MRK698" s="613"/>
      <c r="MRL698" s="613"/>
      <c r="MRM698" s="613"/>
      <c r="MRN698" s="613"/>
      <c r="MRO698" s="613"/>
      <c r="MRP698" s="613"/>
      <c r="MRQ698" s="613"/>
      <c r="MRR698" s="613"/>
      <c r="MRS698" s="613"/>
      <c r="MRT698" s="613"/>
      <c r="MRU698" s="613"/>
      <c r="MRV698" s="613"/>
      <c r="MRW698" s="613"/>
      <c r="MRX698" s="613"/>
      <c r="MRY698" s="613"/>
      <c r="MRZ698" s="613"/>
      <c r="MSA698" s="613"/>
      <c r="MSB698" s="613"/>
      <c r="MSC698" s="613"/>
      <c r="MSD698" s="613"/>
      <c r="MSE698" s="613"/>
      <c r="MSF698" s="613"/>
      <c r="MSG698" s="613"/>
      <c r="MSH698" s="613"/>
      <c r="MSI698" s="613"/>
      <c r="MSJ698" s="613"/>
      <c r="MSK698" s="613"/>
      <c r="MSL698" s="613"/>
      <c r="MSM698" s="613"/>
      <c r="MSN698" s="613"/>
      <c r="MSO698" s="613"/>
      <c r="MSP698" s="613"/>
      <c r="MSQ698" s="613"/>
      <c r="MSR698" s="613"/>
      <c r="MSS698" s="613"/>
      <c r="MST698" s="613"/>
      <c r="MSU698" s="613"/>
      <c r="MSV698" s="613"/>
      <c r="MSW698" s="613"/>
      <c r="MSX698" s="613"/>
      <c r="MSY698" s="613"/>
      <c r="MSZ698" s="613"/>
      <c r="MTA698" s="613"/>
      <c r="MTB698" s="613"/>
      <c r="MTC698" s="613"/>
      <c r="MTD698" s="613"/>
      <c r="MTE698" s="613"/>
      <c r="MTF698" s="613"/>
      <c r="MTG698" s="613"/>
      <c r="MTH698" s="613"/>
      <c r="MTI698" s="613"/>
      <c r="MTJ698" s="613"/>
      <c r="MTK698" s="613"/>
      <c r="MTL698" s="613"/>
      <c r="MTM698" s="613"/>
      <c r="MTN698" s="613"/>
      <c r="MTO698" s="613"/>
      <c r="MTP698" s="613"/>
      <c r="MTQ698" s="613"/>
      <c r="MTR698" s="613"/>
      <c r="MTS698" s="613"/>
      <c r="MTT698" s="613"/>
      <c r="MTU698" s="613"/>
      <c r="MTV698" s="613"/>
      <c r="MTW698" s="613"/>
      <c r="MTX698" s="613"/>
      <c r="MTY698" s="613"/>
      <c r="MTZ698" s="613"/>
      <c r="MUA698" s="613"/>
      <c r="MUB698" s="613"/>
      <c r="MUC698" s="613"/>
      <c r="MUD698" s="613"/>
      <c r="MUE698" s="613"/>
      <c r="MUF698" s="613"/>
      <c r="MUG698" s="613"/>
      <c r="MUH698" s="613"/>
      <c r="MUI698" s="613"/>
      <c r="MUJ698" s="613"/>
      <c r="MUK698" s="613"/>
      <c r="MUL698" s="613"/>
      <c r="MUM698" s="613"/>
      <c r="MUN698" s="613"/>
      <c r="MUO698" s="613"/>
      <c r="MUP698" s="613"/>
      <c r="MUQ698" s="613"/>
      <c r="MUR698" s="613"/>
      <c r="MUS698" s="613"/>
      <c r="MUT698" s="613"/>
      <c r="MUU698" s="613"/>
      <c r="MUV698" s="613"/>
      <c r="MUW698" s="613"/>
      <c r="MUX698" s="613"/>
      <c r="MUY698" s="613"/>
      <c r="MUZ698" s="613"/>
      <c r="MVA698" s="613"/>
      <c r="MVB698" s="613"/>
      <c r="MVC698" s="613"/>
      <c r="MVD698" s="613"/>
      <c r="MVE698" s="613"/>
      <c r="MVF698" s="613"/>
      <c r="MVG698" s="613"/>
      <c r="MVH698" s="613"/>
      <c r="MVI698" s="613"/>
      <c r="MVJ698" s="613"/>
      <c r="MVK698" s="613"/>
      <c r="MVL698" s="613"/>
      <c r="MVM698" s="613"/>
      <c r="MVN698" s="613"/>
      <c r="MVO698" s="613"/>
      <c r="MVP698" s="613"/>
      <c r="MVQ698" s="613"/>
      <c r="MVR698" s="613"/>
      <c r="MVS698" s="613"/>
      <c r="MVT698" s="613"/>
      <c r="MVU698" s="613"/>
      <c r="MVV698" s="613"/>
      <c r="MVW698" s="613"/>
      <c r="MVX698" s="613"/>
      <c r="MVY698" s="613"/>
      <c r="MVZ698" s="613"/>
      <c r="MWA698" s="613"/>
      <c r="MWB698" s="613"/>
      <c r="MWC698" s="613"/>
      <c r="MWD698" s="613"/>
      <c r="MWE698" s="613"/>
      <c r="MWF698" s="613"/>
      <c r="MWG698" s="613"/>
      <c r="MWH698" s="613"/>
      <c r="MWI698" s="613"/>
      <c r="MWJ698" s="613"/>
      <c r="MWK698" s="613"/>
      <c r="MWL698" s="613"/>
      <c r="MWM698" s="613"/>
      <c r="MWN698" s="613"/>
      <c r="MWO698" s="613"/>
      <c r="MWP698" s="613"/>
      <c r="MWQ698" s="613"/>
      <c r="MWR698" s="613"/>
      <c r="MWS698" s="613"/>
      <c r="MWT698" s="613"/>
      <c r="MWU698" s="613"/>
      <c r="MWV698" s="613"/>
      <c r="MWW698" s="613"/>
      <c r="MWX698" s="613"/>
      <c r="MWY698" s="613"/>
      <c r="MWZ698" s="613"/>
      <c r="MXA698" s="613"/>
      <c r="MXB698" s="613"/>
      <c r="MXC698" s="613"/>
      <c r="MXD698" s="613"/>
      <c r="MXE698" s="613"/>
      <c r="MXF698" s="613"/>
      <c r="MXG698" s="613"/>
      <c r="MXH698" s="613"/>
      <c r="MXI698" s="613"/>
      <c r="MXJ698" s="613"/>
      <c r="MXK698" s="613"/>
      <c r="MXL698" s="613"/>
      <c r="MXM698" s="613"/>
      <c r="MXN698" s="613"/>
      <c r="MXO698" s="613"/>
      <c r="MXP698" s="613"/>
      <c r="MXQ698" s="613"/>
      <c r="MXR698" s="613"/>
      <c r="MXS698" s="613"/>
      <c r="MXT698" s="613"/>
      <c r="MXU698" s="613"/>
      <c r="MXV698" s="613"/>
      <c r="MXW698" s="613"/>
      <c r="MXX698" s="613"/>
      <c r="MXY698" s="613"/>
      <c r="MXZ698" s="613"/>
      <c r="MYA698" s="613"/>
      <c r="MYB698" s="613"/>
      <c r="MYC698" s="613"/>
      <c r="MYD698" s="613"/>
      <c r="MYE698" s="613"/>
      <c r="MYF698" s="613"/>
      <c r="MYG698" s="613"/>
      <c r="MYH698" s="613"/>
      <c r="MYI698" s="613"/>
      <c r="MYJ698" s="613"/>
      <c r="MYK698" s="613"/>
      <c r="MYL698" s="613"/>
      <c r="MYM698" s="613"/>
      <c r="MYN698" s="613"/>
      <c r="MYO698" s="613"/>
      <c r="MYP698" s="613"/>
      <c r="MYQ698" s="613"/>
      <c r="MYR698" s="613"/>
      <c r="MYS698" s="613"/>
      <c r="MYT698" s="613"/>
      <c r="MYU698" s="613"/>
      <c r="MYV698" s="613"/>
      <c r="MYW698" s="613"/>
      <c r="MYX698" s="613"/>
      <c r="MYY698" s="613"/>
      <c r="MYZ698" s="613"/>
      <c r="MZA698" s="613"/>
      <c r="MZB698" s="613"/>
      <c r="MZC698" s="613"/>
      <c r="MZD698" s="613"/>
      <c r="MZE698" s="613"/>
      <c r="MZF698" s="613"/>
      <c r="MZG698" s="613"/>
      <c r="MZH698" s="613"/>
      <c r="MZI698" s="613"/>
      <c r="MZJ698" s="613"/>
      <c r="MZK698" s="613"/>
      <c r="MZL698" s="613"/>
      <c r="MZM698" s="613"/>
      <c r="MZN698" s="613"/>
      <c r="MZO698" s="613"/>
      <c r="MZP698" s="613"/>
      <c r="MZQ698" s="613"/>
      <c r="MZR698" s="613"/>
      <c r="MZS698" s="613"/>
      <c r="MZT698" s="613"/>
      <c r="MZU698" s="613"/>
      <c r="MZV698" s="613"/>
      <c r="MZW698" s="613"/>
      <c r="MZX698" s="613"/>
      <c r="MZY698" s="613"/>
      <c r="MZZ698" s="613"/>
      <c r="NAA698" s="613"/>
      <c r="NAB698" s="613"/>
      <c r="NAC698" s="613"/>
      <c r="NAD698" s="613"/>
      <c r="NAE698" s="613"/>
      <c r="NAF698" s="613"/>
      <c r="NAG698" s="613"/>
      <c r="NAH698" s="613"/>
      <c r="NAI698" s="613"/>
      <c r="NAJ698" s="613"/>
      <c r="NAK698" s="613"/>
      <c r="NAL698" s="613"/>
      <c r="NAM698" s="613"/>
      <c r="NAN698" s="613"/>
      <c r="NAO698" s="613"/>
      <c r="NAP698" s="613"/>
      <c r="NAQ698" s="613"/>
      <c r="NAR698" s="613"/>
      <c r="NAS698" s="613"/>
      <c r="NAT698" s="613"/>
      <c r="NAU698" s="613"/>
      <c r="NAV698" s="613"/>
      <c r="NAW698" s="613"/>
      <c r="NAX698" s="613"/>
      <c r="NAY698" s="613"/>
      <c r="NAZ698" s="613"/>
      <c r="NBA698" s="613"/>
      <c r="NBB698" s="613"/>
      <c r="NBC698" s="613"/>
      <c r="NBD698" s="613"/>
      <c r="NBE698" s="613"/>
      <c r="NBF698" s="613"/>
      <c r="NBG698" s="613"/>
      <c r="NBH698" s="613"/>
      <c r="NBI698" s="613"/>
      <c r="NBJ698" s="613"/>
      <c r="NBK698" s="613"/>
      <c r="NBL698" s="613"/>
      <c r="NBM698" s="613"/>
      <c r="NBN698" s="613"/>
      <c r="NBO698" s="613"/>
      <c r="NBP698" s="613"/>
      <c r="NBQ698" s="613"/>
      <c r="NBR698" s="613"/>
      <c r="NBS698" s="613"/>
      <c r="NBT698" s="613"/>
      <c r="NBU698" s="613"/>
      <c r="NBV698" s="613"/>
      <c r="NBW698" s="613"/>
      <c r="NBX698" s="613"/>
      <c r="NBY698" s="613"/>
      <c r="NBZ698" s="613"/>
      <c r="NCA698" s="613"/>
      <c r="NCB698" s="613"/>
      <c r="NCC698" s="613"/>
      <c r="NCD698" s="613"/>
      <c r="NCE698" s="613"/>
      <c r="NCF698" s="613"/>
      <c r="NCG698" s="613"/>
      <c r="NCH698" s="613"/>
      <c r="NCI698" s="613"/>
      <c r="NCJ698" s="613"/>
      <c r="NCK698" s="613"/>
      <c r="NCL698" s="613"/>
      <c r="NCM698" s="613"/>
      <c r="NCN698" s="613"/>
      <c r="NCO698" s="613"/>
      <c r="NCP698" s="613"/>
      <c r="NCQ698" s="613"/>
      <c r="NCR698" s="613"/>
      <c r="NCS698" s="613"/>
      <c r="NCT698" s="613"/>
      <c r="NCU698" s="613"/>
      <c r="NCV698" s="613"/>
      <c r="NCW698" s="613"/>
      <c r="NCX698" s="613"/>
      <c r="NCY698" s="613"/>
      <c r="NCZ698" s="613"/>
      <c r="NDA698" s="613"/>
      <c r="NDB698" s="613"/>
      <c r="NDC698" s="613"/>
      <c r="NDD698" s="613"/>
      <c r="NDE698" s="613"/>
      <c r="NDF698" s="613"/>
      <c r="NDG698" s="613"/>
      <c r="NDH698" s="613"/>
      <c r="NDI698" s="613"/>
      <c r="NDJ698" s="613"/>
      <c r="NDK698" s="613"/>
      <c r="NDL698" s="613"/>
      <c r="NDM698" s="613"/>
      <c r="NDN698" s="613"/>
      <c r="NDO698" s="613"/>
      <c r="NDP698" s="613"/>
      <c r="NDQ698" s="613"/>
      <c r="NDR698" s="613"/>
      <c r="NDS698" s="613"/>
      <c r="NDT698" s="613"/>
      <c r="NDU698" s="613"/>
      <c r="NDV698" s="613"/>
      <c r="NDW698" s="613"/>
      <c r="NDX698" s="613"/>
      <c r="NDY698" s="613"/>
      <c r="NDZ698" s="613"/>
      <c r="NEA698" s="613"/>
      <c r="NEB698" s="613"/>
      <c r="NEC698" s="613"/>
      <c r="NED698" s="613"/>
      <c r="NEE698" s="613"/>
      <c r="NEF698" s="613"/>
      <c r="NEG698" s="613"/>
      <c r="NEH698" s="613"/>
      <c r="NEI698" s="613"/>
      <c r="NEJ698" s="613"/>
      <c r="NEK698" s="613"/>
      <c r="NEL698" s="613"/>
      <c r="NEM698" s="613"/>
      <c r="NEN698" s="613"/>
      <c r="NEO698" s="613"/>
      <c r="NEP698" s="613"/>
      <c r="NEQ698" s="613"/>
      <c r="NER698" s="613"/>
      <c r="NES698" s="613"/>
      <c r="NET698" s="613"/>
      <c r="NEU698" s="613"/>
      <c r="NEV698" s="613"/>
      <c r="NEW698" s="613"/>
      <c r="NEX698" s="613"/>
      <c r="NEY698" s="613"/>
      <c r="NEZ698" s="613"/>
      <c r="NFA698" s="613"/>
      <c r="NFB698" s="613"/>
      <c r="NFC698" s="613"/>
      <c r="NFD698" s="613"/>
      <c r="NFE698" s="613"/>
      <c r="NFF698" s="613"/>
      <c r="NFG698" s="613"/>
      <c r="NFH698" s="613"/>
      <c r="NFI698" s="613"/>
      <c r="NFJ698" s="613"/>
      <c r="NFK698" s="613"/>
      <c r="NFL698" s="613"/>
      <c r="NFM698" s="613"/>
      <c r="NFN698" s="613"/>
      <c r="NFO698" s="613"/>
      <c r="NFP698" s="613"/>
      <c r="NFQ698" s="613"/>
      <c r="NFR698" s="613"/>
      <c r="NFS698" s="613"/>
      <c r="NFT698" s="613"/>
      <c r="NFU698" s="613"/>
      <c r="NFV698" s="613"/>
      <c r="NFW698" s="613"/>
      <c r="NFX698" s="613"/>
      <c r="NFY698" s="613"/>
      <c r="NFZ698" s="613"/>
      <c r="NGA698" s="613"/>
      <c r="NGB698" s="613"/>
      <c r="NGC698" s="613"/>
      <c r="NGD698" s="613"/>
      <c r="NGE698" s="613"/>
      <c r="NGF698" s="613"/>
      <c r="NGG698" s="613"/>
      <c r="NGH698" s="613"/>
      <c r="NGI698" s="613"/>
      <c r="NGJ698" s="613"/>
      <c r="NGK698" s="613"/>
      <c r="NGL698" s="613"/>
      <c r="NGM698" s="613"/>
      <c r="NGN698" s="613"/>
      <c r="NGO698" s="613"/>
      <c r="NGP698" s="613"/>
      <c r="NGQ698" s="613"/>
      <c r="NGR698" s="613"/>
      <c r="NGS698" s="613"/>
      <c r="NGT698" s="613"/>
      <c r="NGU698" s="613"/>
      <c r="NGV698" s="613"/>
      <c r="NGW698" s="613"/>
      <c r="NGX698" s="613"/>
      <c r="NGY698" s="613"/>
      <c r="NGZ698" s="613"/>
      <c r="NHA698" s="613"/>
      <c r="NHB698" s="613"/>
      <c r="NHC698" s="613"/>
      <c r="NHD698" s="613"/>
      <c r="NHE698" s="613"/>
      <c r="NHF698" s="613"/>
      <c r="NHG698" s="613"/>
      <c r="NHH698" s="613"/>
      <c r="NHI698" s="613"/>
      <c r="NHJ698" s="613"/>
      <c r="NHK698" s="613"/>
      <c r="NHL698" s="613"/>
      <c r="NHM698" s="613"/>
      <c r="NHN698" s="613"/>
      <c r="NHO698" s="613"/>
      <c r="NHP698" s="613"/>
      <c r="NHQ698" s="613"/>
      <c r="NHR698" s="613"/>
      <c r="NHS698" s="613"/>
      <c r="NHT698" s="613"/>
      <c r="NHU698" s="613"/>
      <c r="NHV698" s="613"/>
      <c r="NHW698" s="613"/>
      <c r="NHX698" s="613"/>
      <c r="NHY698" s="613"/>
      <c r="NHZ698" s="613"/>
      <c r="NIA698" s="613"/>
      <c r="NIB698" s="613"/>
      <c r="NIC698" s="613"/>
      <c r="NID698" s="613"/>
      <c r="NIE698" s="613"/>
      <c r="NIF698" s="613"/>
      <c r="NIG698" s="613"/>
      <c r="NIH698" s="613"/>
      <c r="NII698" s="613"/>
      <c r="NIJ698" s="613"/>
      <c r="NIK698" s="613"/>
      <c r="NIL698" s="613"/>
      <c r="NIM698" s="613"/>
      <c r="NIN698" s="613"/>
      <c r="NIO698" s="613"/>
      <c r="NIP698" s="613"/>
      <c r="NIQ698" s="613"/>
      <c r="NIR698" s="613"/>
      <c r="NIS698" s="613"/>
      <c r="NIT698" s="613"/>
      <c r="NIU698" s="613"/>
      <c r="NIV698" s="613"/>
      <c r="NIW698" s="613"/>
      <c r="NIX698" s="613"/>
      <c r="NIY698" s="613"/>
      <c r="NIZ698" s="613"/>
      <c r="NJA698" s="613"/>
      <c r="NJB698" s="613"/>
      <c r="NJC698" s="613"/>
      <c r="NJD698" s="613"/>
      <c r="NJE698" s="613"/>
      <c r="NJF698" s="613"/>
      <c r="NJG698" s="613"/>
      <c r="NJH698" s="613"/>
      <c r="NJI698" s="613"/>
      <c r="NJJ698" s="613"/>
      <c r="NJK698" s="613"/>
      <c r="NJL698" s="613"/>
      <c r="NJM698" s="613"/>
      <c r="NJN698" s="613"/>
      <c r="NJO698" s="613"/>
      <c r="NJP698" s="613"/>
      <c r="NJQ698" s="613"/>
      <c r="NJR698" s="613"/>
      <c r="NJS698" s="613"/>
      <c r="NJT698" s="613"/>
      <c r="NJU698" s="613"/>
      <c r="NJV698" s="613"/>
      <c r="NJW698" s="613"/>
      <c r="NJX698" s="613"/>
      <c r="NJY698" s="613"/>
      <c r="NJZ698" s="613"/>
      <c r="NKA698" s="613"/>
      <c r="NKB698" s="613"/>
      <c r="NKC698" s="613"/>
      <c r="NKD698" s="613"/>
      <c r="NKE698" s="613"/>
      <c r="NKF698" s="613"/>
      <c r="NKG698" s="613"/>
      <c r="NKH698" s="613"/>
      <c r="NKI698" s="613"/>
      <c r="NKJ698" s="613"/>
      <c r="NKK698" s="613"/>
      <c r="NKL698" s="613"/>
      <c r="NKM698" s="613"/>
      <c r="NKN698" s="613"/>
      <c r="NKO698" s="613"/>
      <c r="NKP698" s="613"/>
      <c r="NKQ698" s="613"/>
      <c r="NKR698" s="613"/>
      <c r="NKS698" s="613"/>
      <c r="NKT698" s="613"/>
      <c r="NKU698" s="613"/>
      <c r="NKV698" s="613"/>
      <c r="NKW698" s="613"/>
      <c r="NKX698" s="613"/>
      <c r="NKY698" s="613"/>
      <c r="NKZ698" s="613"/>
      <c r="NLA698" s="613"/>
      <c r="NLB698" s="613"/>
      <c r="NLC698" s="613"/>
      <c r="NLD698" s="613"/>
      <c r="NLE698" s="613"/>
      <c r="NLF698" s="613"/>
      <c r="NLG698" s="613"/>
      <c r="NLH698" s="613"/>
      <c r="NLI698" s="613"/>
      <c r="NLJ698" s="613"/>
      <c r="NLK698" s="613"/>
      <c r="NLL698" s="613"/>
      <c r="NLM698" s="613"/>
      <c r="NLN698" s="613"/>
      <c r="NLO698" s="613"/>
      <c r="NLP698" s="613"/>
      <c r="NLQ698" s="613"/>
      <c r="NLR698" s="613"/>
      <c r="NLS698" s="613"/>
      <c r="NLT698" s="613"/>
      <c r="NLU698" s="613"/>
      <c r="NLV698" s="613"/>
      <c r="NLW698" s="613"/>
      <c r="NLX698" s="613"/>
      <c r="NLY698" s="613"/>
      <c r="NLZ698" s="613"/>
      <c r="NMA698" s="613"/>
      <c r="NMB698" s="613"/>
      <c r="NMC698" s="613"/>
      <c r="NMD698" s="613"/>
      <c r="NME698" s="613"/>
      <c r="NMF698" s="613"/>
      <c r="NMG698" s="613"/>
      <c r="NMH698" s="613"/>
      <c r="NMI698" s="613"/>
      <c r="NMJ698" s="613"/>
      <c r="NMK698" s="613"/>
      <c r="NML698" s="613"/>
      <c r="NMM698" s="613"/>
      <c r="NMN698" s="613"/>
      <c r="NMO698" s="613"/>
      <c r="NMP698" s="613"/>
      <c r="NMQ698" s="613"/>
      <c r="NMR698" s="613"/>
      <c r="NMS698" s="613"/>
      <c r="NMT698" s="613"/>
      <c r="NMU698" s="613"/>
      <c r="NMV698" s="613"/>
      <c r="NMW698" s="613"/>
      <c r="NMX698" s="613"/>
      <c r="NMY698" s="613"/>
      <c r="NMZ698" s="613"/>
      <c r="NNA698" s="613"/>
      <c r="NNB698" s="613"/>
      <c r="NNC698" s="613"/>
      <c r="NND698" s="613"/>
      <c r="NNE698" s="613"/>
      <c r="NNF698" s="613"/>
      <c r="NNG698" s="613"/>
      <c r="NNH698" s="613"/>
      <c r="NNI698" s="613"/>
      <c r="NNJ698" s="613"/>
      <c r="NNK698" s="613"/>
      <c r="NNL698" s="613"/>
      <c r="NNM698" s="613"/>
      <c r="NNN698" s="613"/>
      <c r="NNO698" s="613"/>
      <c r="NNP698" s="613"/>
      <c r="NNQ698" s="613"/>
      <c r="NNR698" s="613"/>
      <c r="NNS698" s="613"/>
      <c r="NNT698" s="613"/>
      <c r="NNU698" s="613"/>
      <c r="NNV698" s="613"/>
      <c r="NNW698" s="613"/>
      <c r="NNX698" s="613"/>
      <c r="NNY698" s="613"/>
      <c r="NNZ698" s="613"/>
      <c r="NOA698" s="613"/>
      <c r="NOB698" s="613"/>
      <c r="NOC698" s="613"/>
      <c r="NOD698" s="613"/>
      <c r="NOE698" s="613"/>
      <c r="NOF698" s="613"/>
      <c r="NOG698" s="613"/>
      <c r="NOH698" s="613"/>
      <c r="NOI698" s="613"/>
      <c r="NOJ698" s="613"/>
      <c r="NOK698" s="613"/>
      <c r="NOL698" s="613"/>
      <c r="NOM698" s="613"/>
      <c r="NON698" s="613"/>
      <c r="NOO698" s="613"/>
      <c r="NOP698" s="613"/>
      <c r="NOQ698" s="613"/>
      <c r="NOR698" s="613"/>
      <c r="NOS698" s="613"/>
      <c r="NOT698" s="613"/>
      <c r="NOU698" s="613"/>
      <c r="NOV698" s="613"/>
      <c r="NOW698" s="613"/>
      <c r="NOX698" s="613"/>
      <c r="NOY698" s="613"/>
      <c r="NOZ698" s="613"/>
      <c r="NPA698" s="613"/>
      <c r="NPB698" s="613"/>
      <c r="NPC698" s="613"/>
      <c r="NPD698" s="613"/>
      <c r="NPE698" s="613"/>
      <c r="NPF698" s="613"/>
      <c r="NPG698" s="613"/>
      <c r="NPH698" s="613"/>
      <c r="NPI698" s="613"/>
      <c r="NPJ698" s="613"/>
      <c r="NPK698" s="613"/>
      <c r="NPL698" s="613"/>
      <c r="NPM698" s="613"/>
      <c r="NPN698" s="613"/>
      <c r="NPO698" s="613"/>
      <c r="NPP698" s="613"/>
      <c r="NPQ698" s="613"/>
      <c r="NPR698" s="613"/>
      <c r="NPS698" s="613"/>
      <c r="NPT698" s="613"/>
      <c r="NPU698" s="613"/>
      <c r="NPV698" s="613"/>
      <c r="NPW698" s="613"/>
      <c r="NPX698" s="613"/>
      <c r="NPY698" s="613"/>
      <c r="NPZ698" s="613"/>
      <c r="NQA698" s="613"/>
      <c r="NQB698" s="613"/>
      <c r="NQC698" s="613"/>
      <c r="NQD698" s="613"/>
      <c r="NQE698" s="613"/>
      <c r="NQF698" s="613"/>
      <c r="NQG698" s="613"/>
      <c r="NQH698" s="613"/>
      <c r="NQI698" s="613"/>
      <c r="NQJ698" s="613"/>
      <c r="NQK698" s="613"/>
      <c r="NQL698" s="613"/>
      <c r="NQM698" s="613"/>
      <c r="NQN698" s="613"/>
      <c r="NQO698" s="613"/>
      <c r="NQP698" s="613"/>
      <c r="NQQ698" s="613"/>
      <c r="NQR698" s="613"/>
      <c r="NQS698" s="613"/>
      <c r="NQT698" s="613"/>
      <c r="NQU698" s="613"/>
      <c r="NQV698" s="613"/>
      <c r="NQW698" s="613"/>
      <c r="NQX698" s="613"/>
      <c r="NQY698" s="613"/>
      <c r="NQZ698" s="613"/>
      <c r="NRA698" s="613"/>
      <c r="NRB698" s="613"/>
      <c r="NRC698" s="613"/>
      <c r="NRD698" s="613"/>
      <c r="NRE698" s="613"/>
      <c r="NRF698" s="613"/>
      <c r="NRG698" s="613"/>
      <c r="NRH698" s="613"/>
      <c r="NRI698" s="613"/>
      <c r="NRJ698" s="613"/>
      <c r="NRK698" s="613"/>
      <c r="NRL698" s="613"/>
      <c r="NRM698" s="613"/>
      <c r="NRN698" s="613"/>
      <c r="NRO698" s="613"/>
      <c r="NRP698" s="613"/>
      <c r="NRQ698" s="613"/>
      <c r="NRR698" s="613"/>
      <c r="NRS698" s="613"/>
      <c r="NRT698" s="613"/>
      <c r="NRU698" s="613"/>
      <c r="NRV698" s="613"/>
      <c r="NRW698" s="613"/>
      <c r="NRX698" s="613"/>
      <c r="NRY698" s="613"/>
      <c r="NRZ698" s="613"/>
      <c r="NSA698" s="613"/>
      <c r="NSB698" s="613"/>
      <c r="NSC698" s="613"/>
      <c r="NSD698" s="613"/>
      <c r="NSE698" s="613"/>
      <c r="NSF698" s="613"/>
      <c r="NSG698" s="613"/>
      <c r="NSH698" s="613"/>
      <c r="NSI698" s="613"/>
      <c r="NSJ698" s="613"/>
      <c r="NSK698" s="613"/>
      <c r="NSL698" s="613"/>
      <c r="NSM698" s="613"/>
      <c r="NSN698" s="613"/>
      <c r="NSO698" s="613"/>
      <c r="NSP698" s="613"/>
      <c r="NSQ698" s="613"/>
      <c r="NSR698" s="613"/>
      <c r="NSS698" s="613"/>
      <c r="NST698" s="613"/>
      <c r="NSU698" s="613"/>
      <c r="NSV698" s="613"/>
      <c r="NSW698" s="613"/>
      <c r="NSX698" s="613"/>
      <c r="NSY698" s="613"/>
      <c r="NSZ698" s="613"/>
      <c r="NTA698" s="613"/>
      <c r="NTB698" s="613"/>
      <c r="NTC698" s="613"/>
      <c r="NTD698" s="613"/>
      <c r="NTE698" s="613"/>
      <c r="NTF698" s="613"/>
      <c r="NTG698" s="613"/>
      <c r="NTH698" s="613"/>
      <c r="NTI698" s="613"/>
      <c r="NTJ698" s="613"/>
      <c r="NTK698" s="613"/>
      <c r="NTL698" s="613"/>
      <c r="NTM698" s="613"/>
      <c r="NTN698" s="613"/>
      <c r="NTO698" s="613"/>
      <c r="NTP698" s="613"/>
      <c r="NTQ698" s="613"/>
      <c r="NTR698" s="613"/>
      <c r="NTS698" s="613"/>
      <c r="NTT698" s="613"/>
      <c r="NTU698" s="613"/>
      <c r="NTV698" s="613"/>
      <c r="NTW698" s="613"/>
      <c r="NTX698" s="613"/>
      <c r="NTY698" s="613"/>
      <c r="NTZ698" s="613"/>
      <c r="NUA698" s="613"/>
      <c r="NUB698" s="613"/>
      <c r="NUC698" s="613"/>
      <c r="NUD698" s="613"/>
      <c r="NUE698" s="613"/>
      <c r="NUF698" s="613"/>
      <c r="NUG698" s="613"/>
      <c r="NUH698" s="613"/>
      <c r="NUI698" s="613"/>
      <c r="NUJ698" s="613"/>
      <c r="NUK698" s="613"/>
      <c r="NUL698" s="613"/>
      <c r="NUM698" s="613"/>
      <c r="NUN698" s="613"/>
      <c r="NUO698" s="613"/>
      <c r="NUP698" s="613"/>
      <c r="NUQ698" s="613"/>
      <c r="NUR698" s="613"/>
      <c r="NUS698" s="613"/>
      <c r="NUT698" s="613"/>
      <c r="NUU698" s="613"/>
      <c r="NUV698" s="613"/>
      <c r="NUW698" s="613"/>
      <c r="NUX698" s="613"/>
      <c r="NUY698" s="613"/>
      <c r="NUZ698" s="613"/>
      <c r="NVA698" s="613"/>
      <c r="NVB698" s="613"/>
      <c r="NVC698" s="613"/>
      <c r="NVD698" s="613"/>
      <c r="NVE698" s="613"/>
      <c r="NVF698" s="613"/>
      <c r="NVG698" s="613"/>
      <c r="NVH698" s="613"/>
      <c r="NVI698" s="613"/>
      <c r="NVJ698" s="613"/>
      <c r="NVK698" s="613"/>
      <c r="NVL698" s="613"/>
      <c r="NVM698" s="613"/>
      <c r="NVN698" s="613"/>
      <c r="NVO698" s="613"/>
      <c r="NVP698" s="613"/>
      <c r="NVQ698" s="613"/>
      <c r="NVR698" s="613"/>
      <c r="NVS698" s="613"/>
      <c r="NVT698" s="613"/>
      <c r="NVU698" s="613"/>
      <c r="NVV698" s="613"/>
      <c r="NVW698" s="613"/>
      <c r="NVX698" s="613"/>
      <c r="NVY698" s="613"/>
      <c r="NVZ698" s="613"/>
      <c r="NWA698" s="613"/>
      <c r="NWB698" s="613"/>
      <c r="NWC698" s="613"/>
      <c r="NWD698" s="613"/>
      <c r="NWE698" s="613"/>
      <c r="NWF698" s="613"/>
      <c r="NWG698" s="613"/>
      <c r="NWH698" s="613"/>
      <c r="NWI698" s="613"/>
      <c r="NWJ698" s="613"/>
      <c r="NWK698" s="613"/>
      <c r="NWL698" s="613"/>
      <c r="NWM698" s="613"/>
      <c r="NWN698" s="613"/>
      <c r="NWO698" s="613"/>
      <c r="NWP698" s="613"/>
      <c r="NWQ698" s="613"/>
      <c r="NWR698" s="613"/>
      <c r="NWS698" s="613"/>
      <c r="NWT698" s="613"/>
      <c r="NWU698" s="613"/>
      <c r="NWV698" s="613"/>
      <c r="NWW698" s="613"/>
      <c r="NWX698" s="613"/>
      <c r="NWY698" s="613"/>
      <c r="NWZ698" s="613"/>
      <c r="NXA698" s="613"/>
      <c r="NXB698" s="613"/>
      <c r="NXC698" s="613"/>
      <c r="NXD698" s="613"/>
      <c r="NXE698" s="613"/>
      <c r="NXF698" s="613"/>
      <c r="NXG698" s="613"/>
      <c r="NXH698" s="613"/>
      <c r="NXI698" s="613"/>
      <c r="NXJ698" s="613"/>
      <c r="NXK698" s="613"/>
      <c r="NXL698" s="613"/>
      <c r="NXM698" s="613"/>
      <c r="NXN698" s="613"/>
      <c r="NXO698" s="613"/>
      <c r="NXP698" s="613"/>
      <c r="NXQ698" s="613"/>
      <c r="NXR698" s="613"/>
      <c r="NXS698" s="613"/>
      <c r="NXT698" s="613"/>
      <c r="NXU698" s="613"/>
      <c r="NXV698" s="613"/>
      <c r="NXW698" s="613"/>
      <c r="NXX698" s="613"/>
      <c r="NXY698" s="613"/>
      <c r="NXZ698" s="613"/>
      <c r="NYA698" s="613"/>
      <c r="NYB698" s="613"/>
      <c r="NYC698" s="613"/>
      <c r="NYD698" s="613"/>
      <c r="NYE698" s="613"/>
      <c r="NYF698" s="613"/>
      <c r="NYG698" s="613"/>
      <c r="NYH698" s="613"/>
      <c r="NYI698" s="613"/>
      <c r="NYJ698" s="613"/>
      <c r="NYK698" s="613"/>
      <c r="NYL698" s="613"/>
      <c r="NYM698" s="613"/>
      <c r="NYN698" s="613"/>
      <c r="NYO698" s="613"/>
      <c r="NYP698" s="613"/>
      <c r="NYQ698" s="613"/>
      <c r="NYR698" s="613"/>
      <c r="NYS698" s="613"/>
      <c r="NYT698" s="613"/>
      <c r="NYU698" s="613"/>
      <c r="NYV698" s="613"/>
      <c r="NYW698" s="613"/>
      <c r="NYX698" s="613"/>
      <c r="NYY698" s="613"/>
      <c r="NYZ698" s="613"/>
      <c r="NZA698" s="613"/>
      <c r="NZB698" s="613"/>
      <c r="NZC698" s="613"/>
      <c r="NZD698" s="613"/>
      <c r="NZE698" s="613"/>
      <c r="NZF698" s="613"/>
      <c r="NZG698" s="613"/>
      <c r="NZH698" s="613"/>
      <c r="NZI698" s="613"/>
      <c r="NZJ698" s="613"/>
      <c r="NZK698" s="613"/>
      <c r="NZL698" s="613"/>
      <c r="NZM698" s="613"/>
      <c r="NZN698" s="613"/>
      <c r="NZO698" s="613"/>
      <c r="NZP698" s="613"/>
      <c r="NZQ698" s="613"/>
      <c r="NZR698" s="613"/>
      <c r="NZS698" s="613"/>
      <c r="NZT698" s="613"/>
      <c r="NZU698" s="613"/>
      <c r="NZV698" s="613"/>
      <c r="NZW698" s="613"/>
      <c r="NZX698" s="613"/>
      <c r="NZY698" s="613"/>
      <c r="NZZ698" s="613"/>
      <c r="OAA698" s="613"/>
      <c r="OAB698" s="613"/>
      <c r="OAC698" s="613"/>
      <c r="OAD698" s="613"/>
      <c r="OAE698" s="613"/>
      <c r="OAF698" s="613"/>
      <c r="OAG698" s="613"/>
      <c r="OAH698" s="613"/>
      <c r="OAI698" s="613"/>
      <c r="OAJ698" s="613"/>
      <c r="OAK698" s="613"/>
      <c r="OAL698" s="613"/>
      <c r="OAM698" s="613"/>
      <c r="OAN698" s="613"/>
      <c r="OAO698" s="613"/>
      <c r="OAP698" s="613"/>
      <c r="OAQ698" s="613"/>
      <c r="OAR698" s="613"/>
      <c r="OAS698" s="613"/>
      <c r="OAT698" s="613"/>
      <c r="OAU698" s="613"/>
      <c r="OAV698" s="613"/>
      <c r="OAW698" s="613"/>
      <c r="OAX698" s="613"/>
      <c r="OAY698" s="613"/>
      <c r="OAZ698" s="613"/>
      <c r="OBA698" s="613"/>
      <c r="OBB698" s="613"/>
      <c r="OBC698" s="613"/>
      <c r="OBD698" s="613"/>
      <c r="OBE698" s="613"/>
      <c r="OBF698" s="613"/>
      <c r="OBG698" s="613"/>
      <c r="OBH698" s="613"/>
      <c r="OBI698" s="613"/>
      <c r="OBJ698" s="613"/>
      <c r="OBK698" s="613"/>
      <c r="OBL698" s="613"/>
      <c r="OBM698" s="613"/>
      <c r="OBN698" s="613"/>
      <c r="OBO698" s="613"/>
      <c r="OBP698" s="613"/>
      <c r="OBQ698" s="613"/>
      <c r="OBR698" s="613"/>
      <c r="OBS698" s="613"/>
      <c r="OBT698" s="613"/>
      <c r="OBU698" s="613"/>
      <c r="OBV698" s="613"/>
      <c r="OBW698" s="613"/>
      <c r="OBX698" s="613"/>
      <c r="OBY698" s="613"/>
      <c r="OBZ698" s="613"/>
      <c r="OCA698" s="613"/>
      <c r="OCB698" s="613"/>
      <c r="OCC698" s="613"/>
      <c r="OCD698" s="613"/>
      <c r="OCE698" s="613"/>
      <c r="OCF698" s="613"/>
      <c r="OCG698" s="613"/>
      <c r="OCH698" s="613"/>
      <c r="OCI698" s="613"/>
      <c r="OCJ698" s="613"/>
      <c r="OCK698" s="613"/>
      <c r="OCL698" s="613"/>
      <c r="OCM698" s="613"/>
      <c r="OCN698" s="613"/>
      <c r="OCO698" s="613"/>
      <c r="OCP698" s="613"/>
      <c r="OCQ698" s="613"/>
      <c r="OCR698" s="613"/>
      <c r="OCS698" s="613"/>
      <c r="OCT698" s="613"/>
      <c r="OCU698" s="613"/>
      <c r="OCV698" s="613"/>
      <c r="OCW698" s="613"/>
      <c r="OCX698" s="613"/>
      <c r="OCY698" s="613"/>
      <c r="OCZ698" s="613"/>
      <c r="ODA698" s="613"/>
      <c r="ODB698" s="613"/>
      <c r="ODC698" s="613"/>
      <c r="ODD698" s="613"/>
      <c r="ODE698" s="613"/>
      <c r="ODF698" s="613"/>
      <c r="ODG698" s="613"/>
      <c r="ODH698" s="613"/>
      <c r="ODI698" s="613"/>
      <c r="ODJ698" s="613"/>
      <c r="ODK698" s="613"/>
      <c r="ODL698" s="613"/>
      <c r="ODM698" s="613"/>
      <c r="ODN698" s="613"/>
      <c r="ODO698" s="613"/>
      <c r="ODP698" s="613"/>
      <c r="ODQ698" s="613"/>
      <c r="ODR698" s="613"/>
      <c r="ODS698" s="613"/>
      <c r="ODT698" s="613"/>
      <c r="ODU698" s="613"/>
      <c r="ODV698" s="613"/>
      <c r="ODW698" s="613"/>
      <c r="ODX698" s="613"/>
      <c r="ODY698" s="613"/>
      <c r="ODZ698" s="613"/>
      <c r="OEA698" s="613"/>
      <c r="OEB698" s="613"/>
      <c r="OEC698" s="613"/>
      <c r="OED698" s="613"/>
      <c r="OEE698" s="613"/>
      <c r="OEF698" s="613"/>
      <c r="OEG698" s="613"/>
      <c r="OEH698" s="613"/>
      <c r="OEI698" s="613"/>
      <c r="OEJ698" s="613"/>
      <c r="OEK698" s="613"/>
      <c r="OEL698" s="613"/>
      <c r="OEM698" s="613"/>
      <c r="OEN698" s="613"/>
      <c r="OEO698" s="613"/>
      <c r="OEP698" s="613"/>
      <c r="OEQ698" s="613"/>
      <c r="OER698" s="613"/>
      <c r="OES698" s="613"/>
      <c r="OET698" s="613"/>
      <c r="OEU698" s="613"/>
      <c r="OEV698" s="613"/>
      <c r="OEW698" s="613"/>
      <c r="OEX698" s="613"/>
      <c r="OEY698" s="613"/>
      <c r="OEZ698" s="613"/>
      <c r="OFA698" s="613"/>
      <c r="OFB698" s="613"/>
      <c r="OFC698" s="613"/>
      <c r="OFD698" s="613"/>
      <c r="OFE698" s="613"/>
      <c r="OFF698" s="613"/>
      <c r="OFG698" s="613"/>
      <c r="OFH698" s="613"/>
      <c r="OFI698" s="613"/>
      <c r="OFJ698" s="613"/>
      <c r="OFK698" s="613"/>
      <c r="OFL698" s="613"/>
      <c r="OFM698" s="613"/>
      <c r="OFN698" s="613"/>
      <c r="OFO698" s="613"/>
      <c r="OFP698" s="613"/>
      <c r="OFQ698" s="613"/>
      <c r="OFR698" s="613"/>
      <c r="OFS698" s="613"/>
      <c r="OFT698" s="613"/>
      <c r="OFU698" s="613"/>
      <c r="OFV698" s="613"/>
      <c r="OFW698" s="613"/>
      <c r="OFX698" s="613"/>
      <c r="OFY698" s="613"/>
      <c r="OFZ698" s="613"/>
      <c r="OGA698" s="613"/>
      <c r="OGB698" s="613"/>
      <c r="OGC698" s="613"/>
      <c r="OGD698" s="613"/>
      <c r="OGE698" s="613"/>
      <c r="OGF698" s="613"/>
      <c r="OGG698" s="613"/>
      <c r="OGH698" s="613"/>
      <c r="OGI698" s="613"/>
      <c r="OGJ698" s="613"/>
      <c r="OGK698" s="613"/>
      <c r="OGL698" s="613"/>
      <c r="OGM698" s="613"/>
      <c r="OGN698" s="613"/>
      <c r="OGO698" s="613"/>
      <c r="OGP698" s="613"/>
      <c r="OGQ698" s="613"/>
      <c r="OGR698" s="613"/>
      <c r="OGS698" s="613"/>
      <c r="OGT698" s="613"/>
      <c r="OGU698" s="613"/>
      <c r="OGV698" s="613"/>
      <c r="OGW698" s="613"/>
      <c r="OGX698" s="613"/>
      <c r="OGY698" s="613"/>
      <c r="OGZ698" s="613"/>
      <c r="OHA698" s="613"/>
      <c r="OHB698" s="613"/>
      <c r="OHC698" s="613"/>
      <c r="OHD698" s="613"/>
      <c r="OHE698" s="613"/>
      <c r="OHF698" s="613"/>
      <c r="OHG698" s="613"/>
      <c r="OHH698" s="613"/>
      <c r="OHI698" s="613"/>
      <c r="OHJ698" s="613"/>
      <c r="OHK698" s="613"/>
      <c r="OHL698" s="613"/>
      <c r="OHM698" s="613"/>
      <c r="OHN698" s="613"/>
      <c r="OHO698" s="613"/>
      <c r="OHP698" s="613"/>
      <c r="OHQ698" s="613"/>
      <c r="OHR698" s="613"/>
      <c r="OHS698" s="613"/>
      <c r="OHT698" s="613"/>
      <c r="OHU698" s="613"/>
      <c r="OHV698" s="613"/>
      <c r="OHW698" s="613"/>
      <c r="OHX698" s="613"/>
      <c r="OHY698" s="613"/>
      <c r="OHZ698" s="613"/>
      <c r="OIA698" s="613"/>
      <c r="OIB698" s="613"/>
      <c r="OIC698" s="613"/>
      <c r="OID698" s="613"/>
      <c r="OIE698" s="613"/>
      <c r="OIF698" s="613"/>
      <c r="OIG698" s="613"/>
      <c r="OIH698" s="613"/>
      <c r="OII698" s="613"/>
      <c r="OIJ698" s="613"/>
      <c r="OIK698" s="613"/>
      <c r="OIL698" s="613"/>
      <c r="OIM698" s="613"/>
      <c r="OIN698" s="613"/>
      <c r="OIO698" s="613"/>
      <c r="OIP698" s="613"/>
      <c r="OIQ698" s="613"/>
      <c r="OIR698" s="613"/>
      <c r="OIS698" s="613"/>
      <c r="OIT698" s="613"/>
      <c r="OIU698" s="613"/>
      <c r="OIV698" s="613"/>
      <c r="OIW698" s="613"/>
      <c r="OIX698" s="613"/>
      <c r="OIY698" s="613"/>
      <c r="OIZ698" s="613"/>
      <c r="OJA698" s="613"/>
      <c r="OJB698" s="613"/>
      <c r="OJC698" s="613"/>
      <c r="OJD698" s="613"/>
      <c r="OJE698" s="613"/>
      <c r="OJF698" s="613"/>
      <c r="OJG698" s="613"/>
      <c r="OJH698" s="613"/>
      <c r="OJI698" s="613"/>
      <c r="OJJ698" s="613"/>
      <c r="OJK698" s="613"/>
      <c r="OJL698" s="613"/>
      <c r="OJM698" s="613"/>
      <c r="OJN698" s="613"/>
      <c r="OJO698" s="613"/>
      <c r="OJP698" s="613"/>
      <c r="OJQ698" s="613"/>
      <c r="OJR698" s="613"/>
      <c r="OJS698" s="613"/>
      <c r="OJT698" s="613"/>
      <c r="OJU698" s="613"/>
      <c r="OJV698" s="613"/>
      <c r="OJW698" s="613"/>
      <c r="OJX698" s="613"/>
      <c r="OJY698" s="613"/>
      <c r="OJZ698" s="613"/>
      <c r="OKA698" s="613"/>
      <c r="OKB698" s="613"/>
      <c r="OKC698" s="613"/>
      <c r="OKD698" s="613"/>
      <c r="OKE698" s="613"/>
      <c r="OKF698" s="613"/>
      <c r="OKG698" s="613"/>
      <c r="OKH698" s="613"/>
      <c r="OKI698" s="613"/>
      <c r="OKJ698" s="613"/>
      <c r="OKK698" s="613"/>
      <c r="OKL698" s="613"/>
      <c r="OKM698" s="613"/>
      <c r="OKN698" s="613"/>
      <c r="OKO698" s="613"/>
      <c r="OKP698" s="613"/>
      <c r="OKQ698" s="613"/>
      <c r="OKR698" s="613"/>
      <c r="OKS698" s="613"/>
      <c r="OKT698" s="613"/>
      <c r="OKU698" s="613"/>
      <c r="OKV698" s="613"/>
      <c r="OKW698" s="613"/>
      <c r="OKX698" s="613"/>
      <c r="OKY698" s="613"/>
      <c r="OKZ698" s="613"/>
      <c r="OLA698" s="613"/>
      <c r="OLB698" s="613"/>
      <c r="OLC698" s="613"/>
      <c r="OLD698" s="613"/>
      <c r="OLE698" s="613"/>
      <c r="OLF698" s="613"/>
      <c r="OLG698" s="613"/>
      <c r="OLH698" s="613"/>
      <c r="OLI698" s="613"/>
      <c r="OLJ698" s="613"/>
      <c r="OLK698" s="613"/>
      <c r="OLL698" s="613"/>
      <c r="OLM698" s="613"/>
      <c r="OLN698" s="613"/>
      <c r="OLO698" s="613"/>
      <c r="OLP698" s="613"/>
      <c r="OLQ698" s="613"/>
      <c r="OLR698" s="613"/>
      <c r="OLS698" s="613"/>
      <c r="OLT698" s="613"/>
      <c r="OLU698" s="613"/>
      <c r="OLV698" s="613"/>
      <c r="OLW698" s="613"/>
      <c r="OLX698" s="613"/>
      <c r="OLY698" s="613"/>
      <c r="OLZ698" s="613"/>
      <c r="OMA698" s="613"/>
      <c r="OMB698" s="613"/>
      <c r="OMC698" s="613"/>
      <c r="OMD698" s="613"/>
      <c r="OME698" s="613"/>
      <c r="OMF698" s="613"/>
      <c r="OMG698" s="613"/>
      <c r="OMH698" s="613"/>
      <c r="OMI698" s="613"/>
      <c r="OMJ698" s="613"/>
      <c r="OMK698" s="613"/>
      <c r="OML698" s="613"/>
      <c r="OMM698" s="613"/>
      <c r="OMN698" s="613"/>
      <c r="OMO698" s="613"/>
      <c r="OMP698" s="613"/>
      <c r="OMQ698" s="613"/>
      <c r="OMR698" s="613"/>
      <c r="OMS698" s="613"/>
      <c r="OMT698" s="613"/>
      <c r="OMU698" s="613"/>
      <c r="OMV698" s="613"/>
      <c r="OMW698" s="613"/>
      <c r="OMX698" s="613"/>
      <c r="OMY698" s="613"/>
      <c r="OMZ698" s="613"/>
      <c r="ONA698" s="613"/>
      <c r="ONB698" s="613"/>
      <c r="ONC698" s="613"/>
      <c r="OND698" s="613"/>
      <c r="ONE698" s="613"/>
      <c r="ONF698" s="613"/>
      <c r="ONG698" s="613"/>
      <c r="ONH698" s="613"/>
      <c r="ONI698" s="613"/>
      <c r="ONJ698" s="613"/>
      <c r="ONK698" s="613"/>
      <c r="ONL698" s="613"/>
      <c r="ONM698" s="613"/>
      <c r="ONN698" s="613"/>
      <c r="ONO698" s="613"/>
      <c r="ONP698" s="613"/>
      <c r="ONQ698" s="613"/>
      <c r="ONR698" s="613"/>
      <c r="ONS698" s="613"/>
      <c r="ONT698" s="613"/>
      <c r="ONU698" s="613"/>
      <c r="ONV698" s="613"/>
      <c r="ONW698" s="613"/>
      <c r="ONX698" s="613"/>
      <c r="ONY698" s="613"/>
      <c r="ONZ698" s="613"/>
      <c r="OOA698" s="613"/>
      <c r="OOB698" s="613"/>
      <c r="OOC698" s="613"/>
      <c r="OOD698" s="613"/>
      <c r="OOE698" s="613"/>
      <c r="OOF698" s="613"/>
      <c r="OOG698" s="613"/>
      <c r="OOH698" s="613"/>
      <c r="OOI698" s="613"/>
      <c r="OOJ698" s="613"/>
      <c r="OOK698" s="613"/>
      <c r="OOL698" s="613"/>
      <c r="OOM698" s="613"/>
      <c r="OON698" s="613"/>
      <c r="OOO698" s="613"/>
      <c r="OOP698" s="613"/>
      <c r="OOQ698" s="613"/>
      <c r="OOR698" s="613"/>
      <c r="OOS698" s="613"/>
      <c r="OOT698" s="613"/>
      <c r="OOU698" s="613"/>
      <c r="OOV698" s="613"/>
      <c r="OOW698" s="613"/>
      <c r="OOX698" s="613"/>
      <c r="OOY698" s="613"/>
      <c r="OOZ698" s="613"/>
      <c r="OPA698" s="613"/>
      <c r="OPB698" s="613"/>
      <c r="OPC698" s="613"/>
      <c r="OPD698" s="613"/>
      <c r="OPE698" s="613"/>
      <c r="OPF698" s="613"/>
      <c r="OPG698" s="613"/>
      <c r="OPH698" s="613"/>
      <c r="OPI698" s="613"/>
      <c r="OPJ698" s="613"/>
      <c r="OPK698" s="613"/>
      <c r="OPL698" s="613"/>
      <c r="OPM698" s="613"/>
      <c r="OPN698" s="613"/>
      <c r="OPO698" s="613"/>
      <c r="OPP698" s="613"/>
      <c r="OPQ698" s="613"/>
      <c r="OPR698" s="613"/>
      <c r="OPS698" s="613"/>
      <c r="OPT698" s="613"/>
      <c r="OPU698" s="613"/>
      <c r="OPV698" s="613"/>
      <c r="OPW698" s="613"/>
      <c r="OPX698" s="613"/>
      <c r="OPY698" s="613"/>
      <c r="OPZ698" s="613"/>
      <c r="OQA698" s="613"/>
      <c r="OQB698" s="613"/>
      <c r="OQC698" s="613"/>
      <c r="OQD698" s="613"/>
      <c r="OQE698" s="613"/>
      <c r="OQF698" s="613"/>
      <c r="OQG698" s="613"/>
      <c r="OQH698" s="613"/>
      <c r="OQI698" s="613"/>
      <c r="OQJ698" s="613"/>
      <c r="OQK698" s="613"/>
      <c r="OQL698" s="613"/>
      <c r="OQM698" s="613"/>
      <c r="OQN698" s="613"/>
      <c r="OQO698" s="613"/>
      <c r="OQP698" s="613"/>
      <c r="OQQ698" s="613"/>
      <c r="OQR698" s="613"/>
      <c r="OQS698" s="613"/>
      <c r="OQT698" s="613"/>
      <c r="OQU698" s="613"/>
      <c r="OQV698" s="613"/>
      <c r="OQW698" s="613"/>
      <c r="OQX698" s="613"/>
      <c r="OQY698" s="613"/>
      <c r="OQZ698" s="613"/>
      <c r="ORA698" s="613"/>
      <c r="ORB698" s="613"/>
      <c r="ORC698" s="613"/>
      <c r="ORD698" s="613"/>
      <c r="ORE698" s="613"/>
      <c r="ORF698" s="613"/>
      <c r="ORG698" s="613"/>
      <c r="ORH698" s="613"/>
      <c r="ORI698" s="613"/>
      <c r="ORJ698" s="613"/>
      <c r="ORK698" s="613"/>
      <c r="ORL698" s="613"/>
      <c r="ORM698" s="613"/>
      <c r="ORN698" s="613"/>
      <c r="ORO698" s="613"/>
      <c r="ORP698" s="613"/>
      <c r="ORQ698" s="613"/>
      <c r="ORR698" s="613"/>
      <c r="ORS698" s="613"/>
      <c r="ORT698" s="613"/>
      <c r="ORU698" s="613"/>
      <c r="ORV698" s="613"/>
      <c r="ORW698" s="613"/>
      <c r="ORX698" s="613"/>
      <c r="ORY698" s="613"/>
      <c r="ORZ698" s="613"/>
      <c r="OSA698" s="613"/>
      <c r="OSB698" s="613"/>
      <c r="OSC698" s="613"/>
      <c r="OSD698" s="613"/>
      <c r="OSE698" s="613"/>
      <c r="OSF698" s="613"/>
      <c r="OSG698" s="613"/>
      <c r="OSH698" s="613"/>
      <c r="OSI698" s="613"/>
      <c r="OSJ698" s="613"/>
      <c r="OSK698" s="613"/>
      <c r="OSL698" s="613"/>
      <c r="OSM698" s="613"/>
      <c r="OSN698" s="613"/>
      <c r="OSO698" s="613"/>
      <c r="OSP698" s="613"/>
      <c r="OSQ698" s="613"/>
      <c r="OSR698" s="613"/>
      <c r="OSS698" s="613"/>
      <c r="OST698" s="613"/>
      <c r="OSU698" s="613"/>
      <c r="OSV698" s="613"/>
      <c r="OSW698" s="613"/>
      <c r="OSX698" s="613"/>
      <c r="OSY698" s="613"/>
      <c r="OSZ698" s="613"/>
      <c r="OTA698" s="613"/>
      <c r="OTB698" s="613"/>
      <c r="OTC698" s="613"/>
      <c r="OTD698" s="613"/>
      <c r="OTE698" s="613"/>
      <c r="OTF698" s="613"/>
      <c r="OTG698" s="613"/>
      <c r="OTH698" s="613"/>
      <c r="OTI698" s="613"/>
      <c r="OTJ698" s="613"/>
      <c r="OTK698" s="613"/>
      <c r="OTL698" s="613"/>
      <c r="OTM698" s="613"/>
      <c r="OTN698" s="613"/>
      <c r="OTO698" s="613"/>
      <c r="OTP698" s="613"/>
      <c r="OTQ698" s="613"/>
      <c r="OTR698" s="613"/>
      <c r="OTS698" s="613"/>
      <c r="OTT698" s="613"/>
      <c r="OTU698" s="613"/>
      <c r="OTV698" s="613"/>
      <c r="OTW698" s="613"/>
      <c r="OTX698" s="613"/>
      <c r="OTY698" s="613"/>
      <c r="OTZ698" s="613"/>
      <c r="OUA698" s="613"/>
      <c r="OUB698" s="613"/>
      <c r="OUC698" s="613"/>
      <c r="OUD698" s="613"/>
      <c r="OUE698" s="613"/>
      <c r="OUF698" s="613"/>
      <c r="OUG698" s="613"/>
      <c r="OUH698" s="613"/>
      <c r="OUI698" s="613"/>
      <c r="OUJ698" s="613"/>
      <c r="OUK698" s="613"/>
      <c r="OUL698" s="613"/>
      <c r="OUM698" s="613"/>
      <c r="OUN698" s="613"/>
      <c r="OUO698" s="613"/>
      <c r="OUP698" s="613"/>
      <c r="OUQ698" s="613"/>
      <c r="OUR698" s="613"/>
      <c r="OUS698" s="613"/>
      <c r="OUT698" s="613"/>
      <c r="OUU698" s="613"/>
      <c r="OUV698" s="613"/>
      <c r="OUW698" s="613"/>
      <c r="OUX698" s="613"/>
      <c r="OUY698" s="613"/>
      <c r="OUZ698" s="613"/>
      <c r="OVA698" s="613"/>
      <c r="OVB698" s="613"/>
      <c r="OVC698" s="613"/>
      <c r="OVD698" s="613"/>
      <c r="OVE698" s="613"/>
      <c r="OVF698" s="613"/>
      <c r="OVG698" s="613"/>
      <c r="OVH698" s="613"/>
      <c r="OVI698" s="613"/>
      <c r="OVJ698" s="613"/>
      <c r="OVK698" s="613"/>
      <c r="OVL698" s="613"/>
      <c r="OVM698" s="613"/>
      <c r="OVN698" s="613"/>
      <c r="OVO698" s="613"/>
      <c r="OVP698" s="613"/>
      <c r="OVQ698" s="613"/>
      <c r="OVR698" s="613"/>
      <c r="OVS698" s="613"/>
      <c r="OVT698" s="613"/>
      <c r="OVU698" s="613"/>
      <c r="OVV698" s="613"/>
      <c r="OVW698" s="613"/>
      <c r="OVX698" s="613"/>
      <c r="OVY698" s="613"/>
      <c r="OVZ698" s="613"/>
      <c r="OWA698" s="613"/>
      <c r="OWB698" s="613"/>
      <c r="OWC698" s="613"/>
      <c r="OWD698" s="613"/>
      <c r="OWE698" s="613"/>
      <c r="OWF698" s="613"/>
      <c r="OWG698" s="613"/>
      <c r="OWH698" s="613"/>
      <c r="OWI698" s="613"/>
      <c r="OWJ698" s="613"/>
      <c r="OWK698" s="613"/>
      <c r="OWL698" s="613"/>
      <c r="OWM698" s="613"/>
      <c r="OWN698" s="613"/>
      <c r="OWO698" s="613"/>
      <c r="OWP698" s="613"/>
      <c r="OWQ698" s="613"/>
      <c r="OWR698" s="613"/>
      <c r="OWS698" s="613"/>
      <c r="OWT698" s="613"/>
      <c r="OWU698" s="613"/>
      <c r="OWV698" s="613"/>
      <c r="OWW698" s="613"/>
      <c r="OWX698" s="613"/>
      <c r="OWY698" s="613"/>
      <c r="OWZ698" s="613"/>
      <c r="OXA698" s="613"/>
      <c r="OXB698" s="613"/>
      <c r="OXC698" s="613"/>
      <c r="OXD698" s="613"/>
      <c r="OXE698" s="613"/>
      <c r="OXF698" s="613"/>
      <c r="OXG698" s="613"/>
      <c r="OXH698" s="613"/>
      <c r="OXI698" s="613"/>
      <c r="OXJ698" s="613"/>
      <c r="OXK698" s="613"/>
      <c r="OXL698" s="613"/>
      <c r="OXM698" s="613"/>
      <c r="OXN698" s="613"/>
      <c r="OXO698" s="613"/>
      <c r="OXP698" s="613"/>
      <c r="OXQ698" s="613"/>
      <c r="OXR698" s="613"/>
      <c r="OXS698" s="613"/>
      <c r="OXT698" s="613"/>
      <c r="OXU698" s="613"/>
      <c r="OXV698" s="613"/>
      <c r="OXW698" s="613"/>
      <c r="OXX698" s="613"/>
      <c r="OXY698" s="613"/>
      <c r="OXZ698" s="613"/>
      <c r="OYA698" s="613"/>
      <c r="OYB698" s="613"/>
      <c r="OYC698" s="613"/>
      <c r="OYD698" s="613"/>
      <c r="OYE698" s="613"/>
      <c r="OYF698" s="613"/>
      <c r="OYG698" s="613"/>
      <c r="OYH698" s="613"/>
      <c r="OYI698" s="613"/>
      <c r="OYJ698" s="613"/>
      <c r="OYK698" s="613"/>
      <c r="OYL698" s="613"/>
      <c r="OYM698" s="613"/>
      <c r="OYN698" s="613"/>
      <c r="OYO698" s="613"/>
      <c r="OYP698" s="613"/>
      <c r="OYQ698" s="613"/>
      <c r="OYR698" s="613"/>
      <c r="OYS698" s="613"/>
      <c r="OYT698" s="613"/>
      <c r="OYU698" s="613"/>
      <c r="OYV698" s="613"/>
      <c r="OYW698" s="613"/>
      <c r="OYX698" s="613"/>
      <c r="OYY698" s="613"/>
      <c r="OYZ698" s="613"/>
      <c r="OZA698" s="613"/>
      <c r="OZB698" s="613"/>
      <c r="OZC698" s="613"/>
      <c r="OZD698" s="613"/>
      <c r="OZE698" s="613"/>
      <c r="OZF698" s="613"/>
      <c r="OZG698" s="613"/>
      <c r="OZH698" s="613"/>
      <c r="OZI698" s="613"/>
      <c r="OZJ698" s="613"/>
      <c r="OZK698" s="613"/>
      <c r="OZL698" s="613"/>
      <c r="OZM698" s="613"/>
      <c r="OZN698" s="613"/>
      <c r="OZO698" s="613"/>
      <c r="OZP698" s="613"/>
      <c r="OZQ698" s="613"/>
      <c r="OZR698" s="613"/>
      <c r="OZS698" s="613"/>
      <c r="OZT698" s="613"/>
      <c r="OZU698" s="613"/>
      <c r="OZV698" s="613"/>
      <c r="OZW698" s="613"/>
      <c r="OZX698" s="613"/>
      <c r="OZY698" s="613"/>
      <c r="OZZ698" s="613"/>
      <c r="PAA698" s="613"/>
      <c r="PAB698" s="613"/>
      <c r="PAC698" s="613"/>
      <c r="PAD698" s="613"/>
      <c r="PAE698" s="613"/>
      <c r="PAF698" s="613"/>
      <c r="PAG698" s="613"/>
      <c r="PAH698" s="613"/>
      <c r="PAI698" s="613"/>
      <c r="PAJ698" s="613"/>
      <c r="PAK698" s="613"/>
      <c r="PAL698" s="613"/>
      <c r="PAM698" s="613"/>
      <c r="PAN698" s="613"/>
      <c r="PAO698" s="613"/>
      <c r="PAP698" s="613"/>
      <c r="PAQ698" s="613"/>
      <c r="PAR698" s="613"/>
      <c r="PAS698" s="613"/>
      <c r="PAT698" s="613"/>
      <c r="PAU698" s="613"/>
      <c r="PAV698" s="613"/>
      <c r="PAW698" s="613"/>
      <c r="PAX698" s="613"/>
      <c r="PAY698" s="613"/>
      <c r="PAZ698" s="613"/>
      <c r="PBA698" s="613"/>
      <c r="PBB698" s="613"/>
      <c r="PBC698" s="613"/>
      <c r="PBD698" s="613"/>
      <c r="PBE698" s="613"/>
      <c r="PBF698" s="613"/>
      <c r="PBG698" s="613"/>
      <c r="PBH698" s="613"/>
      <c r="PBI698" s="613"/>
      <c r="PBJ698" s="613"/>
      <c r="PBK698" s="613"/>
      <c r="PBL698" s="613"/>
      <c r="PBM698" s="613"/>
      <c r="PBN698" s="613"/>
      <c r="PBO698" s="613"/>
      <c r="PBP698" s="613"/>
      <c r="PBQ698" s="613"/>
      <c r="PBR698" s="613"/>
      <c r="PBS698" s="613"/>
      <c r="PBT698" s="613"/>
      <c r="PBU698" s="613"/>
      <c r="PBV698" s="613"/>
      <c r="PBW698" s="613"/>
      <c r="PBX698" s="613"/>
      <c r="PBY698" s="613"/>
      <c r="PBZ698" s="613"/>
      <c r="PCA698" s="613"/>
      <c r="PCB698" s="613"/>
      <c r="PCC698" s="613"/>
      <c r="PCD698" s="613"/>
      <c r="PCE698" s="613"/>
      <c r="PCF698" s="613"/>
      <c r="PCG698" s="613"/>
      <c r="PCH698" s="613"/>
      <c r="PCI698" s="613"/>
      <c r="PCJ698" s="613"/>
      <c r="PCK698" s="613"/>
      <c r="PCL698" s="613"/>
      <c r="PCM698" s="613"/>
      <c r="PCN698" s="613"/>
      <c r="PCO698" s="613"/>
      <c r="PCP698" s="613"/>
      <c r="PCQ698" s="613"/>
      <c r="PCR698" s="613"/>
      <c r="PCS698" s="613"/>
      <c r="PCT698" s="613"/>
      <c r="PCU698" s="613"/>
      <c r="PCV698" s="613"/>
      <c r="PCW698" s="613"/>
      <c r="PCX698" s="613"/>
      <c r="PCY698" s="613"/>
      <c r="PCZ698" s="613"/>
      <c r="PDA698" s="613"/>
      <c r="PDB698" s="613"/>
      <c r="PDC698" s="613"/>
      <c r="PDD698" s="613"/>
      <c r="PDE698" s="613"/>
      <c r="PDF698" s="613"/>
      <c r="PDG698" s="613"/>
      <c r="PDH698" s="613"/>
      <c r="PDI698" s="613"/>
      <c r="PDJ698" s="613"/>
      <c r="PDK698" s="613"/>
      <c r="PDL698" s="613"/>
      <c r="PDM698" s="613"/>
      <c r="PDN698" s="613"/>
      <c r="PDO698" s="613"/>
      <c r="PDP698" s="613"/>
      <c r="PDQ698" s="613"/>
      <c r="PDR698" s="613"/>
      <c r="PDS698" s="613"/>
      <c r="PDT698" s="613"/>
      <c r="PDU698" s="613"/>
      <c r="PDV698" s="613"/>
      <c r="PDW698" s="613"/>
      <c r="PDX698" s="613"/>
      <c r="PDY698" s="613"/>
      <c r="PDZ698" s="613"/>
      <c r="PEA698" s="613"/>
      <c r="PEB698" s="613"/>
      <c r="PEC698" s="613"/>
      <c r="PED698" s="613"/>
      <c r="PEE698" s="613"/>
      <c r="PEF698" s="613"/>
      <c r="PEG698" s="613"/>
      <c r="PEH698" s="613"/>
      <c r="PEI698" s="613"/>
      <c r="PEJ698" s="613"/>
      <c r="PEK698" s="613"/>
      <c r="PEL698" s="613"/>
      <c r="PEM698" s="613"/>
      <c r="PEN698" s="613"/>
      <c r="PEO698" s="613"/>
      <c r="PEP698" s="613"/>
      <c r="PEQ698" s="613"/>
      <c r="PER698" s="613"/>
      <c r="PES698" s="613"/>
      <c r="PET698" s="613"/>
      <c r="PEU698" s="613"/>
      <c r="PEV698" s="613"/>
      <c r="PEW698" s="613"/>
      <c r="PEX698" s="613"/>
      <c r="PEY698" s="613"/>
      <c r="PEZ698" s="613"/>
      <c r="PFA698" s="613"/>
      <c r="PFB698" s="613"/>
      <c r="PFC698" s="613"/>
      <c r="PFD698" s="613"/>
      <c r="PFE698" s="613"/>
      <c r="PFF698" s="613"/>
      <c r="PFG698" s="613"/>
      <c r="PFH698" s="613"/>
      <c r="PFI698" s="613"/>
      <c r="PFJ698" s="613"/>
      <c r="PFK698" s="613"/>
      <c r="PFL698" s="613"/>
      <c r="PFM698" s="613"/>
      <c r="PFN698" s="613"/>
      <c r="PFO698" s="613"/>
      <c r="PFP698" s="613"/>
      <c r="PFQ698" s="613"/>
      <c r="PFR698" s="613"/>
      <c r="PFS698" s="613"/>
      <c r="PFT698" s="613"/>
      <c r="PFU698" s="613"/>
      <c r="PFV698" s="613"/>
      <c r="PFW698" s="613"/>
      <c r="PFX698" s="613"/>
      <c r="PFY698" s="613"/>
      <c r="PFZ698" s="613"/>
      <c r="PGA698" s="613"/>
      <c r="PGB698" s="613"/>
      <c r="PGC698" s="613"/>
      <c r="PGD698" s="613"/>
      <c r="PGE698" s="613"/>
      <c r="PGF698" s="613"/>
      <c r="PGG698" s="613"/>
      <c r="PGH698" s="613"/>
      <c r="PGI698" s="613"/>
      <c r="PGJ698" s="613"/>
      <c r="PGK698" s="613"/>
      <c r="PGL698" s="613"/>
      <c r="PGM698" s="613"/>
      <c r="PGN698" s="613"/>
      <c r="PGO698" s="613"/>
      <c r="PGP698" s="613"/>
      <c r="PGQ698" s="613"/>
      <c r="PGR698" s="613"/>
      <c r="PGS698" s="613"/>
      <c r="PGT698" s="613"/>
      <c r="PGU698" s="613"/>
      <c r="PGV698" s="613"/>
      <c r="PGW698" s="613"/>
      <c r="PGX698" s="613"/>
      <c r="PGY698" s="613"/>
      <c r="PGZ698" s="613"/>
      <c r="PHA698" s="613"/>
      <c r="PHB698" s="613"/>
      <c r="PHC698" s="613"/>
      <c r="PHD698" s="613"/>
      <c r="PHE698" s="613"/>
      <c r="PHF698" s="613"/>
      <c r="PHG698" s="613"/>
      <c r="PHH698" s="613"/>
      <c r="PHI698" s="613"/>
      <c r="PHJ698" s="613"/>
      <c r="PHK698" s="613"/>
      <c r="PHL698" s="613"/>
      <c r="PHM698" s="613"/>
      <c r="PHN698" s="613"/>
      <c r="PHO698" s="613"/>
      <c r="PHP698" s="613"/>
      <c r="PHQ698" s="613"/>
      <c r="PHR698" s="613"/>
      <c r="PHS698" s="613"/>
      <c r="PHT698" s="613"/>
      <c r="PHU698" s="613"/>
      <c r="PHV698" s="613"/>
      <c r="PHW698" s="613"/>
      <c r="PHX698" s="613"/>
      <c r="PHY698" s="613"/>
      <c r="PHZ698" s="613"/>
      <c r="PIA698" s="613"/>
      <c r="PIB698" s="613"/>
      <c r="PIC698" s="613"/>
      <c r="PID698" s="613"/>
      <c r="PIE698" s="613"/>
      <c r="PIF698" s="613"/>
      <c r="PIG698" s="613"/>
      <c r="PIH698" s="613"/>
      <c r="PII698" s="613"/>
      <c r="PIJ698" s="613"/>
      <c r="PIK698" s="613"/>
      <c r="PIL698" s="613"/>
      <c r="PIM698" s="613"/>
      <c r="PIN698" s="613"/>
      <c r="PIO698" s="613"/>
      <c r="PIP698" s="613"/>
      <c r="PIQ698" s="613"/>
      <c r="PIR698" s="613"/>
      <c r="PIS698" s="613"/>
      <c r="PIT698" s="613"/>
      <c r="PIU698" s="613"/>
      <c r="PIV698" s="613"/>
      <c r="PIW698" s="613"/>
      <c r="PIX698" s="613"/>
      <c r="PIY698" s="613"/>
      <c r="PIZ698" s="613"/>
      <c r="PJA698" s="613"/>
      <c r="PJB698" s="613"/>
      <c r="PJC698" s="613"/>
      <c r="PJD698" s="613"/>
      <c r="PJE698" s="613"/>
      <c r="PJF698" s="613"/>
      <c r="PJG698" s="613"/>
      <c r="PJH698" s="613"/>
      <c r="PJI698" s="613"/>
      <c r="PJJ698" s="613"/>
      <c r="PJK698" s="613"/>
      <c r="PJL698" s="613"/>
      <c r="PJM698" s="613"/>
      <c r="PJN698" s="613"/>
      <c r="PJO698" s="613"/>
      <c r="PJP698" s="613"/>
      <c r="PJQ698" s="613"/>
      <c r="PJR698" s="613"/>
      <c r="PJS698" s="613"/>
      <c r="PJT698" s="613"/>
      <c r="PJU698" s="613"/>
      <c r="PJV698" s="613"/>
      <c r="PJW698" s="613"/>
      <c r="PJX698" s="613"/>
      <c r="PJY698" s="613"/>
      <c r="PJZ698" s="613"/>
      <c r="PKA698" s="613"/>
      <c r="PKB698" s="613"/>
      <c r="PKC698" s="613"/>
      <c r="PKD698" s="613"/>
      <c r="PKE698" s="613"/>
      <c r="PKF698" s="613"/>
      <c r="PKG698" s="613"/>
      <c r="PKH698" s="613"/>
      <c r="PKI698" s="613"/>
      <c r="PKJ698" s="613"/>
      <c r="PKK698" s="613"/>
      <c r="PKL698" s="613"/>
      <c r="PKM698" s="613"/>
      <c r="PKN698" s="613"/>
      <c r="PKO698" s="613"/>
      <c r="PKP698" s="613"/>
      <c r="PKQ698" s="613"/>
      <c r="PKR698" s="613"/>
      <c r="PKS698" s="613"/>
      <c r="PKT698" s="613"/>
      <c r="PKU698" s="613"/>
      <c r="PKV698" s="613"/>
      <c r="PKW698" s="613"/>
      <c r="PKX698" s="613"/>
      <c r="PKY698" s="613"/>
      <c r="PKZ698" s="613"/>
      <c r="PLA698" s="613"/>
      <c r="PLB698" s="613"/>
      <c r="PLC698" s="613"/>
      <c r="PLD698" s="613"/>
      <c r="PLE698" s="613"/>
      <c r="PLF698" s="613"/>
      <c r="PLG698" s="613"/>
      <c r="PLH698" s="613"/>
      <c r="PLI698" s="613"/>
      <c r="PLJ698" s="613"/>
      <c r="PLK698" s="613"/>
      <c r="PLL698" s="613"/>
      <c r="PLM698" s="613"/>
      <c r="PLN698" s="613"/>
      <c r="PLO698" s="613"/>
      <c r="PLP698" s="613"/>
      <c r="PLQ698" s="613"/>
      <c r="PLR698" s="613"/>
      <c r="PLS698" s="613"/>
      <c r="PLT698" s="613"/>
      <c r="PLU698" s="613"/>
      <c r="PLV698" s="613"/>
      <c r="PLW698" s="613"/>
      <c r="PLX698" s="613"/>
      <c r="PLY698" s="613"/>
      <c r="PLZ698" s="613"/>
      <c r="PMA698" s="613"/>
      <c r="PMB698" s="613"/>
      <c r="PMC698" s="613"/>
      <c r="PMD698" s="613"/>
      <c r="PME698" s="613"/>
      <c r="PMF698" s="613"/>
      <c r="PMG698" s="613"/>
      <c r="PMH698" s="613"/>
      <c r="PMI698" s="613"/>
      <c r="PMJ698" s="613"/>
      <c r="PMK698" s="613"/>
      <c r="PML698" s="613"/>
      <c r="PMM698" s="613"/>
      <c r="PMN698" s="613"/>
      <c r="PMO698" s="613"/>
      <c r="PMP698" s="613"/>
      <c r="PMQ698" s="613"/>
      <c r="PMR698" s="613"/>
      <c r="PMS698" s="613"/>
      <c r="PMT698" s="613"/>
      <c r="PMU698" s="613"/>
      <c r="PMV698" s="613"/>
      <c r="PMW698" s="613"/>
      <c r="PMX698" s="613"/>
      <c r="PMY698" s="613"/>
      <c r="PMZ698" s="613"/>
      <c r="PNA698" s="613"/>
      <c r="PNB698" s="613"/>
      <c r="PNC698" s="613"/>
      <c r="PND698" s="613"/>
      <c r="PNE698" s="613"/>
      <c r="PNF698" s="613"/>
      <c r="PNG698" s="613"/>
      <c r="PNH698" s="613"/>
      <c r="PNI698" s="613"/>
      <c r="PNJ698" s="613"/>
      <c r="PNK698" s="613"/>
      <c r="PNL698" s="613"/>
      <c r="PNM698" s="613"/>
      <c r="PNN698" s="613"/>
      <c r="PNO698" s="613"/>
      <c r="PNP698" s="613"/>
      <c r="PNQ698" s="613"/>
      <c r="PNR698" s="613"/>
      <c r="PNS698" s="613"/>
      <c r="PNT698" s="613"/>
      <c r="PNU698" s="613"/>
      <c r="PNV698" s="613"/>
      <c r="PNW698" s="613"/>
      <c r="PNX698" s="613"/>
      <c r="PNY698" s="613"/>
      <c r="PNZ698" s="613"/>
      <c r="POA698" s="613"/>
      <c r="POB698" s="613"/>
      <c r="POC698" s="613"/>
      <c r="POD698" s="613"/>
      <c r="POE698" s="613"/>
      <c r="POF698" s="613"/>
      <c r="POG698" s="613"/>
      <c r="POH698" s="613"/>
      <c r="POI698" s="613"/>
      <c r="POJ698" s="613"/>
      <c r="POK698" s="613"/>
      <c r="POL698" s="613"/>
      <c r="POM698" s="613"/>
      <c r="PON698" s="613"/>
      <c r="POO698" s="613"/>
      <c r="POP698" s="613"/>
      <c r="POQ698" s="613"/>
      <c r="POR698" s="613"/>
      <c r="POS698" s="613"/>
      <c r="POT698" s="613"/>
      <c r="POU698" s="613"/>
      <c r="POV698" s="613"/>
      <c r="POW698" s="613"/>
      <c r="POX698" s="613"/>
      <c r="POY698" s="613"/>
      <c r="POZ698" s="613"/>
      <c r="PPA698" s="613"/>
      <c r="PPB698" s="613"/>
      <c r="PPC698" s="613"/>
      <c r="PPD698" s="613"/>
      <c r="PPE698" s="613"/>
      <c r="PPF698" s="613"/>
      <c r="PPG698" s="613"/>
      <c r="PPH698" s="613"/>
      <c r="PPI698" s="613"/>
      <c r="PPJ698" s="613"/>
      <c r="PPK698" s="613"/>
      <c r="PPL698" s="613"/>
      <c r="PPM698" s="613"/>
      <c r="PPN698" s="613"/>
      <c r="PPO698" s="613"/>
      <c r="PPP698" s="613"/>
      <c r="PPQ698" s="613"/>
      <c r="PPR698" s="613"/>
      <c r="PPS698" s="613"/>
      <c r="PPT698" s="613"/>
      <c r="PPU698" s="613"/>
      <c r="PPV698" s="613"/>
      <c r="PPW698" s="613"/>
      <c r="PPX698" s="613"/>
      <c r="PPY698" s="613"/>
      <c r="PPZ698" s="613"/>
      <c r="PQA698" s="613"/>
      <c r="PQB698" s="613"/>
      <c r="PQC698" s="613"/>
      <c r="PQD698" s="613"/>
      <c r="PQE698" s="613"/>
      <c r="PQF698" s="613"/>
      <c r="PQG698" s="613"/>
      <c r="PQH698" s="613"/>
      <c r="PQI698" s="613"/>
      <c r="PQJ698" s="613"/>
      <c r="PQK698" s="613"/>
      <c r="PQL698" s="613"/>
      <c r="PQM698" s="613"/>
      <c r="PQN698" s="613"/>
      <c r="PQO698" s="613"/>
      <c r="PQP698" s="613"/>
      <c r="PQQ698" s="613"/>
      <c r="PQR698" s="613"/>
      <c r="PQS698" s="613"/>
      <c r="PQT698" s="613"/>
      <c r="PQU698" s="613"/>
      <c r="PQV698" s="613"/>
      <c r="PQW698" s="613"/>
      <c r="PQX698" s="613"/>
      <c r="PQY698" s="613"/>
      <c r="PQZ698" s="613"/>
      <c r="PRA698" s="613"/>
      <c r="PRB698" s="613"/>
      <c r="PRC698" s="613"/>
      <c r="PRD698" s="613"/>
      <c r="PRE698" s="613"/>
      <c r="PRF698" s="613"/>
      <c r="PRG698" s="613"/>
      <c r="PRH698" s="613"/>
      <c r="PRI698" s="613"/>
      <c r="PRJ698" s="613"/>
      <c r="PRK698" s="613"/>
      <c r="PRL698" s="613"/>
      <c r="PRM698" s="613"/>
      <c r="PRN698" s="613"/>
      <c r="PRO698" s="613"/>
      <c r="PRP698" s="613"/>
      <c r="PRQ698" s="613"/>
      <c r="PRR698" s="613"/>
      <c r="PRS698" s="613"/>
      <c r="PRT698" s="613"/>
      <c r="PRU698" s="613"/>
      <c r="PRV698" s="613"/>
      <c r="PRW698" s="613"/>
      <c r="PRX698" s="613"/>
      <c r="PRY698" s="613"/>
      <c r="PRZ698" s="613"/>
      <c r="PSA698" s="613"/>
      <c r="PSB698" s="613"/>
      <c r="PSC698" s="613"/>
      <c r="PSD698" s="613"/>
      <c r="PSE698" s="613"/>
      <c r="PSF698" s="613"/>
      <c r="PSG698" s="613"/>
      <c r="PSH698" s="613"/>
      <c r="PSI698" s="613"/>
      <c r="PSJ698" s="613"/>
      <c r="PSK698" s="613"/>
      <c r="PSL698" s="613"/>
      <c r="PSM698" s="613"/>
      <c r="PSN698" s="613"/>
      <c r="PSO698" s="613"/>
      <c r="PSP698" s="613"/>
      <c r="PSQ698" s="613"/>
      <c r="PSR698" s="613"/>
      <c r="PSS698" s="613"/>
      <c r="PST698" s="613"/>
      <c r="PSU698" s="613"/>
      <c r="PSV698" s="613"/>
      <c r="PSW698" s="613"/>
      <c r="PSX698" s="613"/>
      <c r="PSY698" s="613"/>
      <c r="PSZ698" s="613"/>
      <c r="PTA698" s="613"/>
      <c r="PTB698" s="613"/>
      <c r="PTC698" s="613"/>
      <c r="PTD698" s="613"/>
      <c r="PTE698" s="613"/>
      <c r="PTF698" s="613"/>
      <c r="PTG698" s="613"/>
      <c r="PTH698" s="613"/>
      <c r="PTI698" s="613"/>
      <c r="PTJ698" s="613"/>
      <c r="PTK698" s="613"/>
      <c r="PTL698" s="613"/>
      <c r="PTM698" s="613"/>
      <c r="PTN698" s="613"/>
      <c r="PTO698" s="613"/>
      <c r="PTP698" s="613"/>
      <c r="PTQ698" s="613"/>
      <c r="PTR698" s="613"/>
      <c r="PTS698" s="613"/>
      <c r="PTT698" s="613"/>
      <c r="PTU698" s="613"/>
      <c r="PTV698" s="613"/>
      <c r="PTW698" s="613"/>
      <c r="PTX698" s="613"/>
      <c r="PTY698" s="613"/>
      <c r="PTZ698" s="613"/>
      <c r="PUA698" s="613"/>
      <c r="PUB698" s="613"/>
      <c r="PUC698" s="613"/>
      <c r="PUD698" s="613"/>
      <c r="PUE698" s="613"/>
      <c r="PUF698" s="613"/>
      <c r="PUG698" s="613"/>
      <c r="PUH698" s="613"/>
      <c r="PUI698" s="613"/>
      <c r="PUJ698" s="613"/>
      <c r="PUK698" s="613"/>
      <c r="PUL698" s="613"/>
      <c r="PUM698" s="613"/>
      <c r="PUN698" s="613"/>
      <c r="PUO698" s="613"/>
      <c r="PUP698" s="613"/>
      <c r="PUQ698" s="613"/>
      <c r="PUR698" s="613"/>
      <c r="PUS698" s="613"/>
      <c r="PUT698" s="613"/>
      <c r="PUU698" s="613"/>
      <c r="PUV698" s="613"/>
      <c r="PUW698" s="613"/>
      <c r="PUX698" s="613"/>
      <c r="PUY698" s="613"/>
      <c r="PUZ698" s="613"/>
      <c r="PVA698" s="613"/>
      <c r="PVB698" s="613"/>
      <c r="PVC698" s="613"/>
      <c r="PVD698" s="613"/>
      <c r="PVE698" s="613"/>
      <c r="PVF698" s="613"/>
      <c r="PVG698" s="613"/>
      <c r="PVH698" s="613"/>
      <c r="PVI698" s="613"/>
      <c r="PVJ698" s="613"/>
      <c r="PVK698" s="613"/>
      <c r="PVL698" s="613"/>
      <c r="PVM698" s="613"/>
      <c r="PVN698" s="613"/>
      <c r="PVO698" s="613"/>
      <c r="PVP698" s="613"/>
      <c r="PVQ698" s="613"/>
      <c r="PVR698" s="613"/>
      <c r="PVS698" s="613"/>
      <c r="PVT698" s="613"/>
      <c r="PVU698" s="613"/>
      <c r="PVV698" s="613"/>
      <c r="PVW698" s="613"/>
      <c r="PVX698" s="613"/>
      <c r="PVY698" s="613"/>
      <c r="PVZ698" s="613"/>
      <c r="PWA698" s="613"/>
      <c r="PWB698" s="613"/>
      <c r="PWC698" s="613"/>
      <c r="PWD698" s="613"/>
      <c r="PWE698" s="613"/>
      <c r="PWF698" s="613"/>
      <c r="PWG698" s="613"/>
      <c r="PWH698" s="613"/>
      <c r="PWI698" s="613"/>
      <c r="PWJ698" s="613"/>
      <c r="PWK698" s="613"/>
      <c r="PWL698" s="613"/>
      <c r="PWM698" s="613"/>
      <c r="PWN698" s="613"/>
      <c r="PWO698" s="613"/>
      <c r="PWP698" s="613"/>
      <c r="PWQ698" s="613"/>
      <c r="PWR698" s="613"/>
      <c r="PWS698" s="613"/>
      <c r="PWT698" s="613"/>
      <c r="PWU698" s="613"/>
      <c r="PWV698" s="613"/>
      <c r="PWW698" s="613"/>
      <c r="PWX698" s="613"/>
      <c r="PWY698" s="613"/>
      <c r="PWZ698" s="613"/>
      <c r="PXA698" s="613"/>
      <c r="PXB698" s="613"/>
      <c r="PXC698" s="613"/>
      <c r="PXD698" s="613"/>
      <c r="PXE698" s="613"/>
      <c r="PXF698" s="613"/>
      <c r="PXG698" s="613"/>
      <c r="PXH698" s="613"/>
      <c r="PXI698" s="613"/>
      <c r="PXJ698" s="613"/>
      <c r="PXK698" s="613"/>
      <c r="PXL698" s="613"/>
      <c r="PXM698" s="613"/>
      <c r="PXN698" s="613"/>
      <c r="PXO698" s="613"/>
      <c r="PXP698" s="613"/>
      <c r="PXQ698" s="613"/>
      <c r="PXR698" s="613"/>
      <c r="PXS698" s="613"/>
      <c r="PXT698" s="613"/>
      <c r="PXU698" s="613"/>
      <c r="PXV698" s="613"/>
      <c r="PXW698" s="613"/>
      <c r="PXX698" s="613"/>
      <c r="PXY698" s="613"/>
      <c r="PXZ698" s="613"/>
      <c r="PYA698" s="613"/>
      <c r="PYB698" s="613"/>
      <c r="PYC698" s="613"/>
      <c r="PYD698" s="613"/>
      <c r="PYE698" s="613"/>
      <c r="PYF698" s="613"/>
      <c r="PYG698" s="613"/>
      <c r="PYH698" s="613"/>
      <c r="PYI698" s="613"/>
      <c r="PYJ698" s="613"/>
      <c r="PYK698" s="613"/>
      <c r="PYL698" s="613"/>
      <c r="PYM698" s="613"/>
      <c r="PYN698" s="613"/>
      <c r="PYO698" s="613"/>
      <c r="PYP698" s="613"/>
      <c r="PYQ698" s="613"/>
      <c r="PYR698" s="613"/>
      <c r="PYS698" s="613"/>
      <c r="PYT698" s="613"/>
      <c r="PYU698" s="613"/>
      <c r="PYV698" s="613"/>
      <c r="PYW698" s="613"/>
      <c r="PYX698" s="613"/>
      <c r="PYY698" s="613"/>
      <c r="PYZ698" s="613"/>
      <c r="PZA698" s="613"/>
      <c r="PZB698" s="613"/>
      <c r="PZC698" s="613"/>
      <c r="PZD698" s="613"/>
      <c r="PZE698" s="613"/>
      <c r="PZF698" s="613"/>
      <c r="PZG698" s="613"/>
      <c r="PZH698" s="613"/>
      <c r="PZI698" s="613"/>
      <c r="PZJ698" s="613"/>
      <c r="PZK698" s="613"/>
      <c r="PZL698" s="613"/>
      <c r="PZM698" s="613"/>
      <c r="PZN698" s="613"/>
      <c r="PZO698" s="613"/>
      <c r="PZP698" s="613"/>
      <c r="PZQ698" s="613"/>
      <c r="PZR698" s="613"/>
      <c r="PZS698" s="613"/>
      <c r="PZT698" s="613"/>
      <c r="PZU698" s="613"/>
      <c r="PZV698" s="613"/>
      <c r="PZW698" s="613"/>
      <c r="PZX698" s="613"/>
      <c r="PZY698" s="613"/>
      <c r="PZZ698" s="613"/>
      <c r="QAA698" s="613"/>
      <c r="QAB698" s="613"/>
      <c r="QAC698" s="613"/>
      <c r="QAD698" s="613"/>
      <c r="QAE698" s="613"/>
      <c r="QAF698" s="613"/>
      <c r="QAG698" s="613"/>
      <c r="QAH698" s="613"/>
      <c r="QAI698" s="613"/>
      <c r="QAJ698" s="613"/>
      <c r="QAK698" s="613"/>
      <c r="QAL698" s="613"/>
      <c r="QAM698" s="613"/>
      <c r="QAN698" s="613"/>
      <c r="QAO698" s="613"/>
      <c r="QAP698" s="613"/>
      <c r="QAQ698" s="613"/>
      <c r="QAR698" s="613"/>
      <c r="QAS698" s="613"/>
      <c r="QAT698" s="613"/>
      <c r="QAU698" s="613"/>
      <c r="QAV698" s="613"/>
      <c r="QAW698" s="613"/>
      <c r="QAX698" s="613"/>
      <c r="QAY698" s="613"/>
      <c r="QAZ698" s="613"/>
      <c r="QBA698" s="613"/>
      <c r="QBB698" s="613"/>
      <c r="QBC698" s="613"/>
      <c r="QBD698" s="613"/>
      <c r="QBE698" s="613"/>
      <c r="QBF698" s="613"/>
      <c r="QBG698" s="613"/>
      <c r="QBH698" s="613"/>
      <c r="QBI698" s="613"/>
      <c r="QBJ698" s="613"/>
      <c r="QBK698" s="613"/>
      <c r="QBL698" s="613"/>
      <c r="QBM698" s="613"/>
      <c r="QBN698" s="613"/>
      <c r="QBO698" s="613"/>
      <c r="QBP698" s="613"/>
      <c r="QBQ698" s="613"/>
      <c r="QBR698" s="613"/>
      <c r="QBS698" s="613"/>
      <c r="QBT698" s="613"/>
      <c r="QBU698" s="613"/>
      <c r="QBV698" s="613"/>
      <c r="QBW698" s="613"/>
      <c r="QBX698" s="613"/>
      <c r="QBY698" s="613"/>
      <c r="QBZ698" s="613"/>
      <c r="QCA698" s="613"/>
      <c r="QCB698" s="613"/>
      <c r="QCC698" s="613"/>
      <c r="QCD698" s="613"/>
      <c r="QCE698" s="613"/>
      <c r="QCF698" s="613"/>
      <c r="QCG698" s="613"/>
      <c r="QCH698" s="613"/>
      <c r="QCI698" s="613"/>
      <c r="QCJ698" s="613"/>
      <c r="QCK698" s="613"/>
      <c r="QCL698" s="613"/>
      <c r="QCM698" s="613"/>
      <c r="QCN698" s="613"/>
      <c r="QCO698" s="613"/>
      <c r="QCP698" s="613"/>
      <c r="QCQ698" s="613"/>
      <c r="QCR698" s="613"/>
      <c r="QCS698" s="613"/>
      <c r="QCT698" s="613"/>
      <c r="QCU698" s="613"/>
      <c r="QCV698" s="613"/>
      <c r="QCW698" s="613"/>
      <c r="QCX698" s="613"/>
      <c r="QCY698" s="613"/>
      <c r="QCZ698" s="613"/>
      <c r="QDA698" s="613"/>
      <c r="QDB698" s="613"/>
      <c r="QDC698" s="613"/>
      <c r="QDD698" s="613"/>
      <c r="QDE698" s="613"/>
      <c r="QDF698" s="613"/>
      <c r="QDG698" s="613"/>
      <c r="QDH698" s="613"/>
      <c r="QDI698" s="613"/>
      <c r="QDJ698" s="613"/>
      <c r="QDK698" s="613"/>
      <c r="QDL698" s="613"/>
      <c r="QDM698" s="613"/>
      <c r="QDN698" s="613"/>
      <c r="QDO698" s="613"/>
      <c r="QDP698" s="613"/>
      <c r="QDQ698" s="613"/>
      <c r="QDR698" s="613"/>
      <c r="QDS698" s="613"/>
      <c r="QDT698" s="613"/>
      <c r="QDU698" s="613"/>
      <c r="QDV698" s="613"/>
      <c r="QDW698" s="613"/>
      <c r="QDX698" s="613"/>
      <c r="QDY698" s="613"/>
      <c r="QDZ698" s="613"/>
      <c r="QEA698" s="613"/>
      <c r="QEB698" s="613"/>
      <c r="QEC698" s="613"/>
      <c r="QED698" s="613"/>
      <c r="QEE698" s="613"/>
      <c r="QEF698" s="613"/>
      <c r="QEG698" s="613"/>
      <c r="QEH698" s="613"/>
      <c r="QEI698" s="613"/>
      <c r="QEJ698" s="613"/>
      <c r="QEK698" s="613"/>
      <c r="QEL698" s="613"/>
      <c r="QEM698" s="613"/>
      <c r="QEN698" s="613"/>
      <c r="QEO698" s="613"/>
      <c r="QEP698" s="613"/>
      <c r="QEQ698" s="613"/>
      <c r="QER698" s="613"/>
      <c r="QES698" s="613"/>
      <c r="QET698" s="613"/>
      <c r="QEU698" s="613"/>
      <c r="QEV698" s="613"/>
      <c r="QEW698" s="613"/>
      <c r="QEX698" s="613"/>
      <c r="QEY698" s="613"/>
      <c r="QEZ698" s="613"/>
      <c r="QFA698" s="613"/>
      <c r="QFB698" s="613"/>
      <c r="QFC698" s="613"/>
      <c r="QFD698" s="613"/>
      <c r="QFE698" s="613"/>
      <c r="QFF698" s="613"/>
      <c r="QFG698" s="613"/>
      <c r="QFH698" s="613"/>
      <c r="QFI698" s="613"/>
      <c r="QFJ698" s="613"/>
      <c r="QFK698" s="613"/>
      <c r="QFL698" s="613"/>
      <c r="QFM698" s="613"/>
      <c r="QFN698" s="613"/>
      <c r="QFO698" s="613"/>
      <c r="QFP698" s="613"/>
      <c r="QFQ698" s="613"/>
      <c r="QFR698" s="613"/>
      <c r="QFS698" s="613"/>
      <c r="QFT698" s="613"/>
      <c r="QFU698" s="613"/>
      <c r="QFV698" s="613"/>
      <c r="QFW698" s="613"/>
      <c r="QFX698" s="613"/>
      <c r="QFY698" s="613"/>
      <c r="QFZ698" s="613"/>
      <c r="QGA698" s="613"/>
      <c r="QGB698" s="613"/>
      <c r="QGC698" s="613"/>
      <c r="QGD698" s="613"/>
      <c r="QGE698" s="613"/>
      <c r="QGF698" s="613"/>
      <c r="QGG698" s="613"/>
      <c r="QGH698" s="613"/>
      <c r="QGI698" s="613"/>
      <c r="QGJ698" s="613"/>
      <c r="QGK698" s="613"/>
      <c r="QGL698" s="613"/>
      <c r="QGM698" s="613"/>
      <c r="QGN698" s="613"/>
      <c r="QGO698" s="613"/>
      <c r="QGP698" s="613"/>
      <c r="QGQ698" s="613"/>
      <c r="QGR698" s="613"/>
      <c r="QGS698" s="613"/>
      <c r="QGT698" s="613"/>
      <c r="QGU698" s="613"/>
      <c r="QGV698" s="613"/>
      <c r="QGW698" s="613"/>
      <c r="QGX698" s="613"/>
      <c r="QGY698" s="613"/>
      <c r="QGZ698" s="613"/>
      <c r="QHA698" s="613"/>
      <c r="QHB698" s="613"/>
      <c r="QHC698" s="613"/>
      <c r="QHD698" s="613"/>
      <c r="QHE698" s="613"/>
      <c r="QHF698" s="613"/>
      <c r="QHG698" s="613"/>
      <c r="QHH698" s="613"/>
      <c r="QHI698" s="613"/>
      <c r="QHJ698" s="613"/>
      <c r="QHK698" s="613"/>
      <c r="QHL698" s="613"/>
      <c r="QHM698" s="613"/>
      <c r="QHN698" s="613"/>
      <c r="QHO698" s="613"/>
      <c r="QHP698" s="613"/>
      <c r="QHQ698" s="613"/>
      <c r="QHR698" s="613"/>
      <c r="QHS698" s="613"/>
      <c r="QHT698" s="613"/>
      <c r="QHU698" s="613"/>
      <c r="QHV698" s="613"/>
      <c r="QHW698" s="613"/>
      <c r="QHX698" s="613"/>
      <c r="QHY698" s="613"/>
      <c r="QHZ698" s="613"/>
      <c r="QIA698" s="613"/>
      <c r="QIB698" s="613"/>
      <c r="QIC698" s="613"/>
      <c r="QID698" s="613"/>
      <c r="QIE698" s="613"/>
      <c r="QIF698" s="613"/>
      <c r="QIG698" s="613"/>
      <c r="QIH698" s="613"/>
      <c r="QII698" s="613"/>
      <c r="QIJ698" s="613"/>
      <c r="QIK698" s="613"/>
      <c r="QIL698" s="613"/>
      <c r="QIM698" s="613"/>
      <c r="QIN698" s="613"/>
      <c r="QIO698" s="613"/>
      <c r="QIP698" s="613"/>
      <c r="QIQ698" s="613"/>
      <c r="QIR698" s="613"/>
      <c r="QIS698" s="613"/>
      <c r="QIT698" s="613"/>
      <c r="QIU698" s="613"/>
      <c r="QIV698" s="613"/>
      <c r="QIW698" s="613"/>
      <c r="QIX698" s="613"/>
      <c r="QIY698" s="613"/>
      <c r="QIZ698" s="613"/>
      <c r="QJA698" s="613"/>
      <c r="QJB698" s="613"/>
      <c r="QJC698" s="613"/>
      <c r="QJD698" s="613"/>
      <c r="QJE698" s="613"/>
      <c r="QJF698" s="613"/>
      <c r="QJG698" s="613"/>
      <c r="QJH698" s="613"/>
      <c r="QJI698" s="613"/>
      <c r="QJJ698" s="613"/>
      <c r="QJK698" s="613"/>
      <c r="QJL698" s="613"/>
      <c r="QJM698" s="613"/>
      <c r="QJN698" s="613"/>
      <c r="QJO698" s="613"/>
      <c r="QJP698" s="613"/>
      <c r="QJQ698" s="613"/>
      <c r="QJR698" s="613"/>
      <c r="QJS698" s="613"/>
      <c r="QJT698" s="613"/>
      <c r="QJU698" s="613"/>
      <c r="QJV698" s="613"/>
      <c r="QJW698" s="613"/>
      <c r="QJX698" s="613"/>
      <c r="QJY698" s="613"/>
      <c r="QJZ698" s="613"/>
      <c r="QKA698" s="613"/>
      <c r="QKB698" s="613"/>
      <c r="QKC698" s="613"/>
      <c r="QKD698" s="613"/>
      <c r="QKE698" s="613"/>
      <c r="QKF698" s="613"/>
      <c r="QKG698" s="613"/>
      <c r="QKH698" s="613"/>
      <c r="QKI698" s="613"/>
      <c r="QKJ698" s="613"/>
      <c r="QKK698" s="613"/>
      <c r="QKL698" s="613"/>
      <c r="QKM698" s="613"/>
      <c r="QKN698" s="613"/>
      <c r="QKO698" s="613"/>
      <c r="QKP698" s="613"/>
      <c r="QKQ698" s="613"/>
      <c r="QKR698" s="613"/>
      <c r="QKS698" s="613"/>
      <c r="QKT698" s="613"/>
      <c r="QKU698" s="613"/>
      <c r="QKV698" s="613"/>
      <c r="QKW698" s="613"/>
      <c r="QKX698" s="613"/>
      <c r="QKY698" s="613"/>
      <c r="QKZ698" s="613"/>
      <c r="QLA698" s="613"/>
      <c r="QLB698" s="613"/>
      <c r="QLC698" s="613"/>
      <c r="QLD698" s="613"/>
      <c r="QLE698" s="613"/>
      <c r="QLF698" s="613"/>
      <c r="QLG698" s="613"/>
      <c r="QLH698" s="613"/>
      <c r="QLI698" s="613"/>
      <c r="QLJ698" s="613"/>
      <c r="QLK698" s="613"/>
      <c r="QLL698" s="613"/>
      <c r="QLM698" s="613"/>
      <c r="QLN698" s="613"/>
      <c r="QLO698" s="613"/>
      <c r="QLP698" s="613"/>
      <c r="QLQ698" s="613"/>
      <c r="QLR698" s="613"/>
      <c r="QLS698" s="613"/>
      <c r="QLT698" s="613"/>
      <c r="QLU698" s="613"/>
      <c r="QLV698" s="613"/>
      <c r="QLW698" s="613"/>
      <c r="QLX698" s="613"/>
      <c r="QLY698" s="613"/>
      <c r="QLZ698" s="613"/>
      <c r="QMA698" s="613"/>
      <c r="QMB698" s="613"/>
      <c r="QMC698" s="613"/>
      <c r="QMD698" s="613"/>
      <c r="QME698" s="613"/>
      <c r="QMF698" s="613"/>
      <c r="QMG698" s="613"/>
      <c r="QMH698" s="613"/>
      <c r="QMI698" s="613"/>
      <c r="QMJ698" s="613"/>
      <c r="QMK698" s="613"/>
      <c r="QML698" s="613"/>
      <c r="QMM698" s="613"/>
      <c r="QMN698" s="613"/>
      <c r="QMO698" s="613"/>
      <c r="QMP698" s="613"/>
      <c r="QMQ698" s="613"/>
      <c r="QMR698" s="613"/>
      <c r="QMS698" s="613"/>
      <c r="QMT698" s="613"/>
      <c r="QMU698" s="613"/>
      <c r="QMV698" s="613"/>
      <c r="QMW698" s="613"/>
      <c r="QMX698" s="613"/>
      <c r="QMY698" s="613"/>
      <c r="QMZ698" s="613"/>
      <c r="QNA698" s="613"/>
      <c r="QNB698" s="613"/>
      <c r="QNC698" s="613"/>
      <c r="QND698" s="613"/>
      <c r="QNE698" s="613"/>
      <c r="QNF698" s="613"/>
      <c r="QNG698" s="613"/>
      <c r="QNH698" s="613"/>
      <c r="QNI698" s="613"/>
      <c r="QNJ698" s="613"/>
      <c r="QNK698" s="613"/>
      <c r="QNL698" s="613"/>
      <c r="QNM698" s="613"/>
      <c r="QNN698" s="613"/>
      <c r="QNO698" s="613"/>
      <c r="QNP698" s="613"/>
      <c r="QNQ698" s="613"/>
      <c r="QNR698" s="613"/>
      <c r="QNS698" s="613"/>
      <c r="QNT698" s="613"/>
      <c r="QNU698" s="613"/>
      <c r="QNV698" s="613"/>
      <c r="QNW698" s="613"/>
      <c r="QNX698" s="613"/>
      <c r="QNY698" s="613"/>
      <c r="QNZ698" s="613"/>
      <c r="QOA698" s="613"/>
      <c r="QOB698" s="613"/>
      <c r="QOC698" s="613"/>
      <c r="QOD698" s="613"/>
      <c r="QOE698" s="613"/>
      <c r="QOF698" s="613"/>
      <c r="QOG698" s="613"/>
      <c r="QOH698" s="613"/>
      <c r="QOI698" s="613"/>
      <c r="QOJ698" s="613"/>
      <c r="QOK698" s="613"/>
      <c r="QOL698" s="613"/>
      <c r="QOM698" s="613"/>
      <c r="QON698" s="613"/>
      <c r="QOO698" s="613"/>
      <c r="QOP698" s="613"/>
      <c r="QOQ698" s="613"/>
      <c r="QOR698" s="613"/>
      <c r="QOS698" s="613"/>
      <c r="QOT698" s="613"/>
      <c r="QOU698" s="613"/>
      <c r="QOV698" s="613"/>
      <c r="QOW698" s="613"/>
      <c r="QOX698" s="613"/>
      <c r="QOY698" s="613"/>
      <c r="QOZ698" s="613"/>
      <c r="QPA698" s="613"/>
      <c r="QPB698" s="613"/>
      <c r="QPC698" s="613"/>
      <c r="QPD698" s="613"/>
      <c r="QPE698" s="613"/>
      <c r="QPF698" s="613"/>
      <c r="QPG698" s="613"/>
      <c r="QPH698" s="613"/>
      <c r="QPI698" s="613"/>
      <c r="QPJ698" s="613"/>
      <c r="QPK698" s="613"/>
      <c r="QPL698" s="613"/>
      <c r="QPM698" s="613"/>
      <c r="QPN698" s="613"/>
      <c r="QPO698" s="613"/>
      <c r="QPP698" s="613"/>
      <c r="QPQ698" s="613"/>
      <c r="QPR698" s="613"/>
      <c r="QPS698" s="613"/>
      <c r="QPT698" s="613"/>
      <c r="QPU698" s="613"/>
      <c r="QPV698" s="613"/>
      <c r="QPW698" s="613"/>
      <c r="QPX698" s="613"/>
      <c r="QPY698" s="613"/>
      <c r="QPZ698" s="613"/>
      <c r="QQA698" s="613"/>
      <c r="QQB698" s="613"/>
      <c r="QQC698" s="613"/>
      <c r="QQD698" s="613"/>
      <c r="QQE698" s="613"/>
      <c r="QQF698" s="613"/>
      <c r="QQG698" s="613"/>
      <c r="QQH698" s="613"/>
      <c r="QQI698" s="613"/>
      <c r="QQJ698" s="613"/>
      <c r="QQK698" s="613"/>
      <c r="QQL698" s="613"/>
      <c r="QQM698" s="613"/>
      <c r="QQN698" s="613"/>
      <c r="QQO698" s="613"/>
      <c r="QQP698" s="613"/>
      <c r="QQQ698" s="613"/>
      <c r="QQR698" s="613"/>
      <c r="QQS698" s="613"/>
      <c r="QQT698" s="613"/>
      <c r="QQU698" s="613"/>
      <c r="QQV698" s="613"/>
      <c r="QQW698" s="613"/>
      <c r="QQX698" s="613"/>
      <c r="QQY698" s="613"/>
      <c r="QQZ698" s="613"/>
      <c r="QRA698" s="613"/>
      <c r="QRB698" s="613"/>
      <c r="QRC698" s="613"/>
      <c r="QRD698" s="613"/>
      <c r="QRE698" s="613"/>
      <c r="QRF698" s="613"/>
      <c r="QRG698" s="613"/>
      <c r="QRH698" s="613"/>
      <c r="QRI698" s="613"/>
      <c r="QRJ698" s="613"/>
      <c r="QRK698" s="613"/>
      <c r="QRL698" s="613"/>
      <c r="QRM698" s="613"/>
      <c r="QRN698" s="613"/>
      <c r="QRO698" s="613"/>
      <c r="QRP698" s="613"/>
      <c r="QRQ698" s="613"/>
      <c r="QRR698" s="613"/>
      <c r="QRS698" s="613"/>
      <c r="QRT698" s="613"/>
      <c r="QRU698" s="613"/>
      <c r="QRV698" s="613"/>
      <c r="QRW698" s="613"/>
      <c r="QRX698" s="613"/>
      <c r="QRY698" s="613"/>
      <c r="QRZ698" s="613"/>
      <c r="QSA698" s="613"/>
      <c r="QSB698" s="613"/>
      <c r="QSC698" s="613"/>
      <c r="QSD698" s="613"/>
      <c r="QSE698" s="613"/>
      <c r="QSF698" s="613"/>
      <c r="QSG698" s="613"/>
      <c r="QSH698" s="613"/>
      <c r="QSI698" s="613"/>
      <c r="QSJ698" s="613"/>
      <c r="QSK698" s="613"/>
      <c r="QSL698" s="613"/>
      <c r="QSM698" s="613"/>
      <c r="QSN698" s="613"/>
      <c r="QSO698" s="613"/>
      <c r="QSP698" s="613"/>
      <c r="QSQ698" s="613"/>
      <c r="QSR698" s="613"/>
      <c r="QSS698" s="613"/>
      <c r="QST698" s="613"/>
      <c r="QSU698" s="613"/>
      <c r="QSV698" s="613"/>
      <c r="QSW698" s="613"/>
      <c r="QSX698" s="613"/>
      <c r="QSY698" s="613"/>
      <c r="QSZ698" s="613"/>
      <c r="QTA698" s="613"/>
      <c r="QTB698" s="613"/>
      <c r="QTC698" s="613"/>
      <c r="QTD698" s="613"/>
      <c r="QTE698" s="613"/>
      <c r="QTF698" s="613"/>
      <c r="QTG698" s="613"/>
      <c r="QTH698" s="613"/>
      <c r="QTI698" s="613"/>
      <c r="QTJ698" s="613"/>
      <c r="QTK698" s="613"/>
      <c r="QTL698" s="613"/>
      <c r="QTM698" s="613"/>
      <c r="QTN698" s="613"/>
      <c r="QTO698" s="613"/>
      <c r="QTP698" s="613"/>
      <c r="QTQ698" s="613"/>
      <c r="QTR698" s="613"/>
      <c r="QTS698" s="613"/>
      <c r="QTT698" s="613"/>
      <c r="QTU698" s="613"/>
      <c r="QTV698" s="613"/>
      <c r="QTW698" s="613"/>
      <c r="QTX698" s="613"/>
      <c r="QTY698" s="613"/>
      <c r="QTZ698" s="613"/>
      <c r="QUA698" s="613"/>
      <c r="QUB698" s="613"/>
      <c r="QUC698" s="613"/>
      <c r="QUD698" s="613"/>
      <c r="QUE698" s="613"/>
      <c r="QUF698" s="613"/>
      <c r="QUG698" s="613"/>
      <c r="QUH698" s="613"/>
      <c r="QUI698" s="613"/>
      <c r="QUJ698" s="613"/>
      <c r="QUK698" s="613"/>
      <c r="QUL698" s="613"/>
      <c r="QUM698" s="613"/>
      <c r="QUN698" s="613"/>
      <c r="QUO698" s="613"/>
      <c r="QUP698" s="613"/>
      <c r="QUQ698" s="613"/>
      <c r="QUR698" s="613"/>
      <c r="QUS698" s="613"/>
      <c r="QUT698" s="613"/>
      <c r="QUU698" s="613"/>
      <c r="QUV698" s="613"/>
      <c r="QUW698" s="613"/>
      <c r="QUX698" s="613"/>
      <c r="QUY698" s="613"/>
      <c r="QUZ698" s="613"/>
      <c r="QVA698" s="613"/>
      <c r="QVB698" s="613"/>
      <c r="QVC698" s="613"/>
      <c r="QVD698" s="613"/>
      <c r="QVE698" s="613"/>
      <c r="QVF698" s="613"/>
      <c r="QVG698" s="613"/>
      <c r="QVH698" s="613"/>
      <c r="QVI698" s="613"/>
      <c r="QVJ698" s="613"/>
      <c r="QVK698" s="613"/>
      <c r="QVL698" s="613"/>
      <c r="QVM698" s="613"/>
      <c r="QVN698" s="613"/>
      <c r="QVO698" s="613"/>
      <c r="QVP698" s="613"/>
      <c r="QVQ698" s="613"/>
      <c r="QVR698" s="613"/>
      <c r="QVS698" s="613"/>
      <c r="QVT698" s="613"/>
      <c r="QVU698" s="613"/>
      <c r="QVV698" s="613"/>
      <c r="QVW698" s="613"/>
      <c r="QVX698" s="613"/>
      <c r="QVY698" s="613"/>
      <c r="QVZ698" s="613"/>
      <c r="QWA698" s="613"/>
      <c r="QWB698" s="613"/>
      <c r="QWC698" s="613"/>
      <c r="QWD698" s="613"/>
      <c r="QWE698" s="613"/>
      <c r="QWF698" s="613"/>
      <c r="QWG698" s="613"/>
      <c r="QWH698" s="613"/>
      <c r="QWI698" s="613"/>
      <c r="QWJ698" s="613"/>
      <c r="QWK698" s="613"/>
      <c r="QWL698" s="613"/>
      <c r="QWM698" s="613"/>
      <c r="QWN698" s="613"/>
      <c r="QWO698" s="613"/>
      <c r="QWP698" s="613"/>
      <c r="QWQ698" s="613"/>
      <c r="QWR698" s="613"/>
      <c r="QWS698" s="613"/>
      <c r="QWT698" s="613"/>
      <c r="QWU698" s="613"/>
      <c r="QWV698" s="613"/>
      <c r="QWW698" s="613"/>
      <c r="QWX698" s="613"/>
      <c r="QWY698" s="613"/>
      <c r="QWZ698" s="613"/>
      <c r="QXA698" s="613"/>
      <c r="QXB698" s="613"/>
      <c r="QXC698" s="613"/>
      <c r="QXD698" s="613"/>
      <c r="QXE698" s="613"/>
      <c r="QXF698" s="613"/>
      <c r="QXG698" s="613"/>
      <c r="QXH698" s="613"/>
      <c r="QXI698" s="613"/>
      <c r="QXJ698" s="613"/>
      <c r="QXK698" s="613"/>
      <c r="QXL698" s="613"/>
      <c r="QXM698" s="613"/>
      <c r="QXN698" s="613"/>
      <c r="QXO698" s="613"/>
      <c r="QXP698" s="613"/>
      <c r="QXQ698" s="613"/>
      <c r="QXR698" s="613"/>
      <c r="QXS698" s="613"/>
      <c r="QXT698" s="613"/>
      <c r="QXU698" s="613"/>
      <c r="QXV698" s="613"/>
      <c r="QXW698" s="613"/>
      <c r="QXX698" s="613"/>
      <c r="QXY698" s="613"/>
      <c r="QXZ698" s="613"/>
      <c r="QYA698" s="613"/>
      <c r="QYB698" s="613"/>
      <c r="QYC698" s="613"/>
      <c r="QYD698" s="613"/>
      <c r="QYE698" s="613"/>
      <c r="QYF698" s="613"/>
      <c r="QYG698" s="613"/>
      <c r="QYH698" s="613"/>
      <c r="QYI698" s="613"/>
      <c r="QYJ698" s="613"/>
      <c r="QYK698" s="613"/>
      <c r="QYL698" s="613"/>
      <c r="QYM698" s="613"/>
      <c r="QYN698" s="613"/>
      <c r="QYO698" s="613"/>
      <c r="QYP698" s="613"/>
      <c r="QYQ698" s="613"/>
      <c r="QYR698" s="613"/>
      <c r="QYS698" s="613"/>
      <c r="QYT698" s="613"/>
      <c r="QYU698" s="613"/>
      <c r="QYV698" s="613"/>
      <c r="QYW698" s="613"/>
      <c r="QYX698" s="613"/>
      <c r="QYY698" s="613"/>
      <c r="QYZ698" s="613"/>
      <c r="QZA698" s="613"/>
      <c r="QZB698" s="613"/>
      <c r="QZC698" s="613"/>
      <c r="QZD698" s="613"/>
      <c r="QZE698" s="613"/>
      <c r="QZF698" s="613"/>
      <c r="QZG698" s="613"/>
      <c r="QZH698" s="613"/>
      <c r="QZI698" s="613"/>
      <c r="QZJ698" s="613"/>
      <c r="QZK698" s="613"/>
      <c r="QZL698" s="613"/>
      <c r="QZM698" s="613"/>
      <c r="QZN698" s="613"/>
      <c r="QZO698" s="613"/>
      <c r="QZP698" s="613"/>
      <c r="QZQ698" s="613"/>
      <c r="QZR698" s="613"/>
      <c r="QZS698" s="613"/>
      <c r="QZT698" s="613"/>
      <c r="QZU698" s="613"/>
      <c r="QZV698" s="613"/>
      <c r="QZW698" s="613"/>
      <c r="QZX698" s="613"/>
      <c r="QZY698" s="613"/>
      <c r="QZZ698" s="613"/>
      <c r="RAA698" s="613"/>
      <c r="RAB698" s="613"/>
      <c r="RAC698" s="613"/>
      <c r="RAD698" s="613"/>
      <c r="RAE698" s="613"/>
      <c r="RAF698" s="613"/>
      <c r="RAG698" s="613"/>
      <c r="RAH698" s="613"/>
      <c r="RAI698" s="613"/>
      <c r="RAJ698" s="613"/>
      <c r="RAK698" s="613"/>
      <c r="RAL698" s="613"/>
      <c r="RAM698" s="613"/>
      <c r="RAN698" s="613"/>
      <c r="RAO698" s="613"/>
      <c r="RAP698" s="613"/>
      <c r="RAQ698" s="613"/>
      <c r="RAR698" s="613"/>
      <c r="RAS698" s="613"/>
      <c r="RAT698" s="613"/>
      <c r="RAU698" s="613"/>
      <c r="RAV698" s="613"/>
      <c r="RAW698" s="613"/>
      <c r="RAX698" s="613"/>
      <c r="RAY698" s="613"/>
      <c r="RAZ698" s="613"/>
      <c r="RBA698" s="613"/>
      <c r="RBB698" s="613"/>
      <c r="RBC698" s="613"/>
      <c r="RBD698" s="613"/>
      <c r="RBE698" s="613"/>
      <c r="RBF698" s="613"/>
      <c r="RBG698" s="613"/>
      <c r="RBH698" s="613"/>
      <c r="RBI698" s="613"/>
      <c r="RBJ698" s="613"/>
      <c r="RBK698" s="613"/>
      <c r="RBL698" s="613"/>
      <c r="RBM698" s="613"/>
      <c r="RBN698" s="613"/>
      <c r="RBO698" s="613"/>
      <c r="RBP698" s="613"/>
      <c r="RBQ698" s="613"/>
      <c r="RBR698" s="613"/>
      <c r="RBS698" s="613"/>
      <c r="RBT698" s="613"/>
      <c r="RBU698" s="613"/>
      <c r="RBV698" s="613"/>
      <c r="RBW698" s="613"/>
      <c r="RBX698" s="613"/>
      <c r="RBY698" s="613"/>
      <c r="RBZ698" s="613"/>
      <c r="RCA698" s="613"/>
      <c r="RCB698" s="613"/>
      <c r="RCC698" s="613"/>
      <c r="RCD698" s="613"/>
      <c r="RCE698" s="613"/>
      <c r="RCF698" s="613"/>
      <c r="RCG698" s="613"/>
      <c r="RCH698" s="613"/>
      <c r="RCI698" s="613"/>
      <c r="RCJ698" s="613"/>
      <c r="RCK698" s="613"/>
      <c r="RCL698" s="613"/>
      <c r="RCM698" s="613"/>
      <c r="RCN698" s="613"/>
      <c r="RCO698" s="613"/>
      <c r="RCP698" s="613"/>
      <c r="RCQ698" s="613"/>
      <c r="RCR698" s="613"/>
      <c r="RCS698" s="613"/>
      <c r="RCT698" s="613"/>
      <c r="RCU698" s="613"/>
      <c r="RCV698" s="613"/>
      <c r="RCW698" s="613"/>
      <c r="RCX698" s="613"/>
      <c r="RCY698" s="613"/>
      <c r="RCZ698" s="613"/>
      <c r="RDA698" s="613"/>
      <c r="RDB698" s="613"/>
      <c r="RDC698" s="613"/>
      <c r="RDD698" s="613"/>
      <c r="RDE698" s="613"/>
      <c r="RDF698" s="613"/>
      <c r="RDG698" s="613"/>
      <c r="RDH698" s="613"/>
      <c r="RDI698" s="613"/>
      <c r="RDJ698" s="613"/>
      <c r="RDK698" s="613"/>
      <c r="RDL698" s="613"/>
      <c r="RDM698" s="613"/>
      <c r="RDN698" s="613"/>
      <c r="RDO698" s="613"/>
      <c r="RDP698" s="613"/>
      <c r="RDQ698" s="613"/>
      <c r="RDR698" s="613"/>
      <c r="RDS698" s="613"/>
      <c r="RDT698" s="613"/>
      <c r="RDU698" s="613"/>
      <c r="RDV698" s="613"/>
      <c r="RDW698" s="613"/>
      <c r="RDX698" s="613"/>
      <c r="RDY698" s="613"/>
      <c r="RDZ698" s="613"/>
      <c r="REA698" s="613"/>
      <c r="REB698" s="613"/>
      <c r="REC698" s="613"/>
      <c r="RED698" s="613"/>
      <c r="REE698" s="613"/>
      <c r="REF698" s="613"/>
      <c r="REG698" s="613"/>
      <c r="REH698" s="613"/>
      <c r="REI698" s="613"/>
      <c r="REJ698" s="613"/>
      <c r="REK698" s="613"/>
      <c r="REL698" s="613"/>
      <c r="REM698" s="613"/>
      <c r="REN698" s="613"/>
      <c r="REO698" s="613"/>
      <c r="REP698" s="613"/>
      <c r="REQ698" s="613"/>
      <c r="RER698" s="613"/>
      <c r="RES698" s="613"/>
      <c r="RET698" s="613"/>
      <c r="REU698" s="613"/>
      <c r="REV698" s="613"/>
      <c r="REW698" s="613"/>
      <c r="REX698" s="613"/>
      <c r="REY698" s="613"/>
      <c r="REZ698" s="613"/>
      <c r="RFA698" s="613"/>
      <c r="RFB698" s="613"/>
      <c r="RFC698" s="613"/>
      <c r="RFD698" s="613"/>
      <c r="RFE698" s="613"/>
      <c r="RFF698" s="613"/>
      <c r="RFG698" s="613"/>
      <c r="RFH698" s="613"/>
      <c r="RFI698" s="613"/>
      <c r="RFJ698" s="613"/>
      <c r="RFK698" s="613"/>
      <c r="RFL698" s="613"/>
      <c r="RFM698" s="613"/>
      <c r="RFN698" s="613"/>
      <c r="RFO698" s="613"/>
      <c r="RFP698" s="613"/>
      <c r="RFQ698" s="613"/>
      <c r="RFR698" s="613"/>
      <c r="RFS698" s="613"/>
      <c r="RFT698" s="613"/>
      <c r="RFU698" s="613"/>
      <c r="RFV698" s="613"/>
      <c r="RFW698" s="613"/>
      <c r="RFX698" s="613"/>
      <c r="RFY698" s="613"/>
      <c r="RFZ698" s="613"/>
      <c r="RGA698" s="613"/>
      <c r="RGB698" s="613"/>
      <c r="RGC698" s="613"/>
      <c r="RGD698" s="613"/>
      <c r="RGE698" s="613"/>
      <c r="RGF698" s="613"/>
      <c r="RGG698" s="613"/>
      <c r="RGH698" s="613"/>
      <c r="RGI698" s="613"/>
      <c r="RGJ698" s="613"/>
      <c r="RGK698" s="613"/>
      <c r="RGL698" s="613"/>
      <c r="RGM698" s="613"/>
      <c r="RGN698" s="613"/>
      <c r="RGO698" s="613"/>
      <c r="RGP698" s="613"/>
      <c r="RGQ698" s="613"/>
      <c r="RGR698" s="613"/>
      <c r="RGS698" s="613"/>
      <c r="RGT698" s="613"/>
      <c r="RGU698" s="613"/>
      <c r="RGV698" s="613"/>
      <c r="RGW698" s="613"/>
      <c r="RGX698" s="613"/>
      <c r="RGY698" s="613"/>
      <c r="RGZ698" s="613"/>
      <c r="RHA698" s="613"/>
      <c r="RHB698" s="613"/>
      <c r="RHC698" s="613"/>
      <c r="RHD698" s="613"/>
      <c r="RHE698" s="613"/>
      <c r="RHF698" s="613"/>
      <c r="RHG698" s="613"/>
      <c r="RHH698" s="613"/>
      <c r="RHI698" s="613"/>
      <c r="RHJ698" s="613"/>
      <c r="RHK698" s="613"/>
      <c r="RHL698" s="613"/>
      <c r="RHM698" s="613"/>
      <c r="RHN698" s="613"/>
      <c r="RHO698" s="613"/>
      <c r="RHP698" s="613"/>
      <c r="RHQ698" s="613"/>
      <c r="RHR698" s="613"/>
      <c r="RHS698" s="613"/>
      <c r="RHT698" s="613"/>
      <c r="RHU698" s="613"/>
      <c r="RHV698" s="613"/>
      <c r="RHW698" s="613"/>
      <c r="RHX698" s="613"/>
      <c r="RHY698" s="613"/>
      <c r="RHZ698" s="613"/>
      <c r="RIA698" s="613"/>
      <c r="RIB698" s="613"/>
      <c r="RIC698" s="613"/>
      <c r="RID698" s="613"/>
      <c r="RIE698" s="613"/>
      <c r="RIF698" s="613"/>
      <c r="RIG698" s="613"/>
      <c r="RIH698" s="613"/>
      <c r="RII698" s="613"/>
      <c r="RIJ698" s="613"/>
      <c r="RIK698" s="613"/>
      <c r="RIL698" s="613"/>
      <c r="RIM698" s="613"/>
      <c r="RIN698" s="613"/>
      <c r="RIO698" s="613"/>
      <c r="RIP698" s="613"/>
      <c r="RIQ698" s="613"/>
      <c r="RIR698" s="613"/>
      <c r="RIS698" s="613"/>
      <c r="RIT698" s="613"/>
      <c r="RIU698" s="613"/>
      <c r="RIV698" s="613"/>
      <c r="RIW698" s="613"/>
      <c r="RIX698" s="613"/>
      <c r="RIY698" s="613"/>
      <c r="RIZ698" s="613"/>
      <c r="RJA698" s="613"/>
      <c r="RJB698" s="613"/>
      <c r="RJC698" s="613"/>
      <c r="RJD698" s="613"/>
      <c r="RJE698" s="613"/>
      <c r="RJF698" s="613"/>
      <c r="RJG698" s="613"/>
      <c r="RJH698" s="613"/>
      <c r="RJI698" s="613"/>
      <c r="RJJ698" s="613"/>
      <c r="RJK698" s="613"/>
      <c r="RJL698" s="613"/>
      <c r="RJM698" s="613"/>
      <c r="RJN698" s="613"/>
      <c r="RJO698" s="613"/>
      <c r="RJP698" s="613"/>
      <c r="RJQ698" s="613"/>
      <c r="RJR698" s="613"/>
      <c r="RJS698" s="613"/>
      <c r="RJT698" s="613"/>
      <c r="RJU698" s="613"/>
      <c r="RJV698" s="613"/>
      <c r="RJW698" s="613"/>
      <c r="RJX698" s="613"/>
      <c r="RJY698" s="613"/>
      <c r="RJZ698" s="613"/>
      <c r="RKA698" s="613"/>
      <c r="RKB698" s="613"/>
      <c r="RKC698" s="613"/>
      <c r="RKD698" s="613"/>
      <c r="RKE698" s="613"/>
      <c r="RKF698" s="613"/>
      <c r="RKG698" s="613"/>
      <c r="RKH698" s="613"/>
      <c r="RKI698" s="613"/>
      <c r="RKJ698" s="613"/>
      <c r="RKK698" s="613"/>
      <c r="RKL698" s="613"/>
      <c r="RKM698" s="613"/>
      <c r="RKN698" s="613"/>
      <c r="RKO698" s="613"/>
      <c r="RKP698" s="613"/>
      <c r="RKQ698" s="613"/>
      <c r="RKR698" s="613"/>
      <c r="RKS698" s="613"/>
      <c r="RKT698" s="613"/>
      <c r="RKU698" s="613"/>
      <c r="RKV698" s="613"/>
      <c r="RKW698" s="613"/>
      <c r="RKX698" s="613"/>
      <c r="RKY698" s="613"/>
      <c r="RKZ698" s="613"/>
      <c r="RLA698" s="613"/>
      <c r="RLB698" s="613"/>
      <c r="RLC698" s="613"/>
      <c r="RLD698" s="613"/>
      <c r="RLE698" s="613"/>
      <c r="RLF698" s="613"/>
      <c r="RLG698" s="613"/>
      <c r="RLH698" s="613"/>
      <c r="RLI698" s="613"/>
      <c r="RLJ698" s="613"/>
      <c r="RLK698" s="613"/>
      <c r="RLL698" s="613"/>
      <c r="RLM698" s="613"/>
      <c r="RLN698" s="613"/>
      <c r="RLO698" s="613"/>
      <c r="RLP698" s="613"/>
      <c r="RLQ698" s="613"/>
      <c r="RLR698" s="613"/>
      <c r="RLS698" s="613"/>
      <c r="RLT698" s="613"/>
      <c r="RLU698" s="613"/>
      <c r="RLV698" s="613"/>
      <c r="RLW698" s="613"/>
      <c r="RLX698" s="613"/>
      <c r="RLY698" s="613"/>
      <c r="RLZ698" s="613"/>
      <c r="RMA698" s="613"/>
      <c r="RMB698" s="613"/>
      <c r="RMC698" s="613"/>
      <c r="RMD698" s="613"/>
      <c r="RME698" s="613"/>
      <c r="RMF698" s="613"/>
      <c r="RMG698" s="613"/>
      <c r="RMH698" s="613"/>
      <c r="RMI698" s="613"/>
      <c r="RMJ698" s="613"/>
      <c r="RMK698" s="613"/>
      <c r="RML698" s="613"/>
      <c r="RMM698" s="613"/>
      <c r="RMN698" s="613"/>
      <c r="RMO698" s="613"/>
      <c r="RMP698" s="613"/>
      <c r="RMQ698" s="613"/>
      <c r="RMR698" s="613"/>
      <c r="RMS698" s="613"/>
      <c r="RMT698" s="613"/>
      <c r="RMU698" s="613"/>
      <c r="RMV698" s="613"/>
      <c r="RMW698" s="613"/>
      <c r="RMX698" s="613"/>
      <c r="RMY698" s="613"/>
      <c r="RMZ698" s="613"/>
      <c r="RNA698" s="613"/>
      <c r="RNB698" s="613"/>
      <c r="RNC698" s="613"/>
      <c r="RND698" s="613"/>
      <c r="RNE698" s="613"/>
      <c r="RNF698" s="613"/>
      <c r="RNG698" s="613"/>
      <c r="RNH698" s="613"/>
      <c r="RNI698" s="613"/>
      <c r="RNJ698" s="613"/>
      <c r="RNK698" s="613"/>
      <c r="RNL698" s="613"/>
      <c r="RNM698" s="613"/>
      <c r="RNN698" s="613"/>
      <c r="RNO698" s="613"/>
      <c r="RNP698" s="613"/>
      <c r="RNQ698" s="613"/>
      <c r="RNR698" s="613"/>
      <c r="RNS698" s="613"/>
      <c r="RNT698" s="613"/>
      <c r="RNU698" s="613"/>
      <c r="RNV698" s="613"/>
      <c r="RNW698" s="613"/>
      <c r="RNX698" s="613"/>
      <c r="RNY698" s="613"/>
      <c r="RNZ698" s="613"/>
      <c r="ROA698" s="613"/>
      <c r="ROB698" s="613"/>
      <c r="ROC698" s="613"/>
      <c r="ROD698" s="613"/>
      <c r="ROE698" s="613"/>
      <c r="ROF698" s="613"/>
      <c r="ROG698" s="613"/>
      <c r="ROH698" s="613"/>
      <c r="ROI698" s="613"/>
      <c r="ROJ698" s="613"/>
      <c r="ROK698" s="613"/>
      <c r="ROL698" s="613"/>
      <c r="ROM698" s="613"/>
      <c r="RON698" s="613"/>
      <c r="ROO698" s="613"/>
      <c r="ROP698" s="613"/>
      <c r="ROQ698" s="613"/>
      <c r="ROR698" s="613"/>
      <c r="ROS698" s="613"/>
      <c r="ROT698" s="613"/>
      <c r="ROU698" s="613"/>
      <c r="ROV698" s="613"/>
      <c r="ROW698" s="613"/>
      <c r="ROX698" s="613"/>
      <c r="ROY698" s="613"/>
      <c r="ROZ698" s="613"/>
      <c r="RPA698" s="613"/>
      <c r="RPB698" s="613"/>
      <c r="RPC698" s="613"/>
      <c r="RPD698" s="613"/>
      <c r="RPE698" s="613"/>
      <c r="RPF698" s="613"/>
      <c r="RPG698" s="613"/>
      <c r="RPH698" s="613"/>
      <c r="RPI698" s="613"/>
      <c r="RPJ698" s="613"/>
      <c r="RPK698" s="613"/>
      <c r="RPL698" s="613"/>
      <c r="RPM698" s="613"/>
      <c r="RPN698" s="613"/>
      <c r="RPO698" s="613"/>
      <c r="RPP698" s="613"/>
      <c r="RPQ698" s="613"/>
      <c r="RPR698" s="613"/>
      <c r="RPS698" s="613"/>
      <c r="RPT698" s="613"/>
      <c r="RPU698" s="613"/>
      <c r="RPV698" s="613"/>
      <c r="RPW698" s="613"/>
      <c r="RPX698" s="613"/>
      <c r="RPY698" s="613"/>
      <c r="RPZ698" s="613"/>
      <c r="RQA698" s="613"/>
      <c r="RQB698" s="613"/>
      <c r="RQC698" s="613"/>
      <c r="RQD698" s="613"/>
      <c r="RQE698" s="613"/>
      <c r="RQF698" s="613"/>
      <c r="RQG698" s="613"/>
      <c r="RQH698" s="613"/>
      <c r="RQI698" s="613"/>
      <c r="RQJ698" s="613"/>
      <c r="RQK698" s="613"/>
      <c r="RQL698" s="613"/>
      <c r="RQM698" s="613"/>
      <c r="RQN698" s="613"/>
      <c r="RQO698" s="613"/>
      <c r="RQP698" s="613"/>
      <c r="RQQ698" s="613"/>
      <c r="RQR698" s="613"/>
      <c r="RQS698" s="613"/>
      <c r="RQT698" s="613"/>
      <c r="RQU698" s="613"/>
      <c r="RQV698" s="613"/>
      <c r="RQW698" s="613"/>
      <c r="RQX698" s="613"/>
      <c r="RQY698" s="613"/>
      <c r="RQZ698" s="613"/>
      <c r="RRA698" s="613"/>
      <c r="RRB698" s="613"/>
      <c r="RRC698" s="613"/>
      <c r="RRD698" s="613"/>
      <c r="RRE698" s="613"/>
      <c r="RRF698" s="613"/>
      <c r="RRG698" s="613"/>
      <c r="RRH698" s="613"/>
      <c r="RRI698" s="613"/>
      <c r="RRJ698" s="613"/>
      <c r="RRK698" s="613"/>
      <c r="RRL698" s="613"/>
      <c r="RRM698" s="613"/>
      <c r="RRN698" s="613"/>
      <c r="RRO698" s="613"/>
      <c r="RRP698" s="613"/>
      <c r="RRQ698" s="613"/>
      <c r="RRR698" s="613"/>
      <c r="RRS698" s="613"/>
      <c r="RRT698" s="613"/>
      <c r="RRU698" s="613"/>
      <c r="RRV698" s="613"/>
      <c r="RRW698" s="613"/>
      <c r="RRX698" s="613"/>
      <c r="RRY698" s="613"/>
      <c r="RRZ698" s="613"/>
      <c r="RSA698" s="613"/>
      <c r="RSB698" s="613"/>
      <c r="RSC698" s="613"/>
      <c r="RSD698" s="613"/>
      <c r="RSE698" s="613"/>
      <c r="RSF698" s="613"/>
      <c r="RSG698" s="613"/>
      <c r="RSH698" s="613"/>
      <c r="RSI698" s="613"/>
      <c r="RSJ698" s="613"/>
      <c r="RSK698" s="613"/>
      <c r="RSL698" s="613"/>
      <c r="RSM698" s="613"/>
      <c r="RSN698" s="613"/>
      <c r="RSO698" s="613"/>
      <c r="RSP698" s="613"/>
      <c r="RSQ698" s="613"/>
      <c r="RSR698" s="613"/>
      <c r="RSS698" s="613"/>
      <c r="RST698" s="613"/>
      <c r="RSU698" s="613"/>
      <c r="RSV698" s="613"/>
      <c r="RSW698" s="613"/>
      <c r="RSX698" s="613"/>
      <c r="RSY698" s="613"/>
      <c r="RSZ698" s="613"/>
      <c r="RTA698" s="613"/>
      <c r="RTB698" s="613"/>
      <c r="RTC698" s="613"/>
      <c r="RTD698" s="613"/>
      <c r="RTE698" s="613"/>
      <c r="RTF698" s="613"/>
      <c r="RTG698" s="613"/>
      <c r="RTH698" s="613"/>
      <c r="RTI698" s="613"/>
      <c r="RTJ698" s="613"/>
      <c r="RTK698" s="613"/>
      <c r="RTL698" s="613"/>
      <c r="RTM698" s="613"/>
      <c r="RTN698" s="613"/>
      <c r="RTO698" s="613"/>
      <c r="RTP698" s="613"/>
      <c r="RTQ698" s="613"/>
      <c r="RTR698" s="613"/>
      <c r="RTS698" s="613"/>
      <c r="RTT698" s="613"/>
      <c r="RTU698" s="613"/>
      <c r="RTV698" s="613"/>
      <c r="RTW698" s="613"/>
      <c r="RTX698" s="613"/>
      <c r="RTY698" s="613"/>
      <c r="RTZ698" s="613"/>
      <c r="RUA698" s="613"/>
      <c r="RUB698" s="613"/>
      <c r="RUC698" s="613"/>
      <c r="RUD698" s="613"/>
      <c r="RUE698" s="613"/>
      <c r="RUF698" s="613"/>
      <c r="RUG698" s="613"/>
      <c r="RUH698" s="613"/>
      <c r="RUI698" s="613"/>
      <c r="RUJ698" s="613"/>
      <c r="RUK698" s="613"/>
      <c r="RUL698" s="613"/>
      <c r="RUM698" s="613"/>
      <c r="RUN698" s="613"/>
      <c r="RUO698" s="613"/>
      <c r="RUP698" s="613"/>
      <c r="RUQ698" s="613"/>
      <c r="RUR698" s="613"/>
      <c r="RUS698" s="613"/>
      <c r="RUT698" s="613"/>
      <c r="RUU698" s="613"/>
      <c r="RUV698" s="613"/>
      <c r="RUW698" s="613"/>
      <c r="RUX698" s="613"/>
      <c r="RUY698" s="613"/>
      <c r="RUZ698" s="613"/>
      <c r="RVA698" s="613"/>
      <c r="RVB698" s="613"/>
      <c r="RVC698" s="613"/>
      <c r="RVD698" s="613"/>
      <c r="RVE698" s="613"/>
      <c r="RVF698" s="613"/>
      <c r="RVG698" s="613"/>
      <c r="RVH698" s="613"/>
      <c r="RVI698" s="613"/>
      <c r="RVJ698" s="613"/>
      <c r="RVK698" s="613"/>
      <c r="RVL698" s="613"/>
      <c r="RVM698" s="613"/>
      <c r="RVN698" s="613"/>
      <c r="RVO698" s="613"/>
      <c r="RVP698" s="613"/>
      <c r="RVQ698" s="613"/>
      <c r="RVR698" s="613"/>
      <c r="RVS698" s="613"/>
      <c r="RVT698" s="613"/>
      <c r="RVU698" s="613"/>
      <c r="RVV698" s="613"/>
      <c r="RVW698" s="613"/>
      <c r="RVX698" s="613"/>
      <c r="RVY698" s="613"/>
      <c r="RVZ698" s="613"/>
      <c r="RWA698" s="613"/>
      <c r="RWB698" s="613"/>
      <c r="RWC698" s="613"/>
      <c r="RWD698" s="613"/>
      <c r="RWE698" s="613"/>
      <c r="RWF698" s="613"/>
      <c r="RWG698" s="613"/>
      <c r="RWH698" s="613"/>
      <c r="RWI698" s="613"/>
      <c r="RWJ698" s="613"/>
      <c r="RWK698" s="613"/>
      <c r="RWL698" s="613"/>
      <c r="RWM698" s="613"/>
      <c r="RWN698" s="613"/>
      <c r="RWO698" s="613"/>
      <c r="RWP698" s="613"/>
      <c r="RWQ698" s="613"/>
      <c r="RWR698" s="613"/>
      <c r="RWS698" s="613"/>
      <c r="RWT698" s="613"/>
      <c r="RWU698" s="613"/>
      <c r="RWV698" s="613"/>
      <c r="RWW698" s="613"/>
      <c r="RWX698" s="613"/>
      <c r="RWY698" s="613"/>
      <c r="RWZ698" s="613"/>
      <c r="RXA698" s="613"/>
      <c r="RXB698" s="613"/>
      <c r="RXC698" s="613"/>
      <c r="RXD698" s="613"/>
      <c r="RXE698" s="613"/>
      <c r="RXF698" s="613"/>
      <c r="RXG698" s="613"/>
      <c r="RXH698" s="613"/>
      <c r="RXI698" s="613"/>
      <c r="RXJ698" s="613"/>
      <c r="RXK698" s="613"/>
      <c r="RXL698" s="613"/>
      <c r="RXM698" s="613"/>
      <c r="RXN698" s="613"/>
      <c r="RXO698" s="613"/>
      <c r="RXP698" s="613"/>
      <c r="RXQ698" s="613"/>
      <c r="RXR698" s="613"/>
      <c r="RXS698" s="613"/>
      <c r="RXT698" s="613"/>
      <c r="RXU698" s="613"/>
      <c r="RXV698" s="613"/>
      <c r="RXW698" s="613"/>
      <c r="RXX698" s="613"/>
      <c r="RXY698" s="613"/>
      <c r="RXZ698" s="613"/>
      <c r="RYA698" s="613"/>
      <c r="RYB698" s="613"/>
      <c r="RYC698" s="613"/>
      <c r="RYD698" s="613"/>
      <c r="RYE698" s="613"/>
      <c r="RYF698" s="613"/>
      <c r="RYG698" s="613"/>
      <c r="RYH698" s="613"/>
      <c r="RYI698" s="613"/>
      <c r="RYJ698" s="613"/>
      <c r="RYK698" s="613"/>
      <c r="RYL698" s="613"/>
      <c r="RYM698" s="613"/>
      <c r="RYN698" s="613"/>
      <c r="RYO698" s="613"/>
      <c r="RYP698" s="613"/>
      <c r="RYQ698" s="613"/>
      <c r="RYR698" s="613"/>
      <c r="RYS698" s="613"/>
      <c r="RYT698" s="613"/>
      <c r="RYU698" s="613"/>
      <c r="RYV698" s="613"/>
      <c r="RYW698" s="613"/>
      <c r="RYX698" s="613"/>
      <c r="RYY698" s="613"/>
      <c r="RYZ698" s="613"/>
      <c r="RZA698" s="613"/>
      <c r="RZB698" s="613"/>
      <c r="RZC698" s="613"/>
      <c r="RZD698" s="613"/>
      <c r="RZE698" s="613"/>
      <c r="RZF698" s="613"/>
      <c r="RZG698" s="613"/>
      <c r="RZH698" s="613"/>
      <c r="RZI698" s="613"/>
      <c r="RZJ698" s="613"/>
      <c r="RZK698" s="613"/>
      <c r="RZL698" s="613"/>
      <c r="RZM698" s="613"/>
      <c r="RZN698" s="613"/>
      <c r="RZO698" s="613"/>
      <c r="RZP698" s="613"/>
      <c r="RZQ698" s="613"/>
      <c r="RZR698" s="613"/>
      <c r="RZS698" s="613"/>
      <c r="RZT698" s="613"/>
      <c r="RZU698" s="613"/>
      <c r="RZV698" s="613"/>
      <c r="RZW698" s="613"/>
      <c r="RZX698" s="613"/>
      <c r="RZY698" s="613"/>
      <c r="RZZ698" s="613"/>
      <c r="SAA698" s="613"/>
      <c r="SAB698" s="613"/>
      <c r="SAC698" s="613"/>
      <c r="SAD698" s="613"/>
      <c r="SAE698" s="613"/>
      <c r="SAF698" s="613"/>
      <c r="SAG698" s="613"/>
      <c r="SAH698" s="613"/>
      <c r="SAI698" s="613"/>
      <c r="SAJ698" s="613"/>
      <c r="SAK698" s="613"/>
      <c r="SAL698" s="613"/>
      <c r="SAM698" s="613"/>
      <c r="SAN698" s="613"/>
      <c r="SAO698" s="613"/>
      <c r="SAP698" s="613"/>
      <c r="SAQ698" s="613"/>
      <c r="SAR698" s="613"/>
      <c r="SAS698" s="613"/>
      <c r="SAT698" s="613"/>
      <c r="SAU698" s="613"/>
      <c r="SAV698" s="613"/>
      <c r="SAW698" s="613"/>
      <c r="SAX698" s="613"/>
      <c r="SAY698" s="613"/>
      <c r="SAZ698" s="613"/>
      <c r="SBA698" s="613"/>
      <c r="SBB698" s="613"/>
      <c r="SBC698" s="613"/>
      <c r="SBD698" s="613"/>
      <c r="SBE698" s="613"/>
      <c r="SBF698" s="613"/>
      <c r="SBG698" s="613"/>
      <c r="SBH698" s="613"/>
      <c r="SBI698" s="613"/>
      <c r="SBJ698" s="613"/>
      <c r="SBK698" s="613"/>
      <c r="SBL698" s="613"/>
      <c r="SBM698" s="613"/>
      <c r="SBN698" s="613"/>
      <c r="SBO698" s="613"/>
      <c r="SBP698" s="613"/>
      <c r="SBQ698" s="613"/>
      <c r="SBR698" s="613"/>
      <c r="SBS698" s="613"/>
      <c r="SBT698" s="613"/>
      <c r="SBU698" s="613"/>
      <c r="SBV698" s="613"/>
      <c r="SBW698" s="613"/>
      <c r="SBX698" s="613"/>
      <c r="SBY698" s="613"/>
      <c r="SBZ698" s="613"/>
      <c r="SCA698" s="613"/>
      <c r="SCB698" s="613"/>
      <c r="SCC698" s="613"/>
      <c r="SCD698" s="613"/>
      <c r="SCE698" s="613"/>
      <c r="SCF698" s="613"/>
      <c r="SCG698" s="613"/>
      <c r="SCH698" s="613"/>
      <c r="SCI698" s="613"/>
      <c r="SCJ698" s="613"/>
      <c r="SCK698" s="613"/>
      <c r="SCL698" s="613"/>
      <c r="SCM698" s="613"/>
      <c r="SCN698" s="613"/>
      <c r="SCO698" s="613"/>
      <c r="SCP698" s="613"/>
      <c r="SCQ698" s="613"/>
      <c r="SCR698" s="613"/>
      <c r="SCS698" s="613"/>
      <c r="SCT698" s="613"/>
      <c r="SCU698" s="613"/>
      <c r="SCV698" s="613"/>
      <c r="SCW698" s="613"/>
      <c r="SCX698" s="613"/>
      <c r="SCY698" s="613"/>
      <c r="SCZ698" s="613"/>
      <c r="SDA698" s="613"/>
      <c r="SDB698" s="613"/>
      <c r="SDC698" s="613"/>
      <c r="SDD698" s="613"/>
      <c r="SDE698" s="613"/>
      <c r="SDF698" s="613"/>
      <c r="SDG698" s="613"/>
      <c r="SDH698" s="613"/>
      <c r="SDI698" s="613"/>
      <c r="SDJ698" s="613"/>
      <c r="SDK698" s="613"/>
      <c r="SDL698" s="613"/>
      <c r="SDM698" s="613"/>
      <c r="SDN698" s="613"/>
      <c r="SDO698" s="613"/>
      <c r="SDP698" s="613"/>
      <c r="SDQ698" s="613"/>
      <c r="SDR698" s="613"/>
      <c r="SDS698" s="613"/>
      <c r="SDT698" s="613"/>
      <c r="SDU698" s="613"/>
      <c r="SDV698" s="613"/>
      <c r="SDW698" s="613"/>
      <c r="SDX698" s="613"/>
      <c r="SDY698" s="613"/>
      <c r="SDZ698" s="613"/>
      <c r="SEA698" s="613"/>
      <c r="SEB698" s="613"/>
      <c r="SEC698" s="613"/>
      <c r="SED698" s="613"/>
      <c r="SEE698" s="613"/>
      <c r="SEF698" s="613"/>
      <c r="SEG698" s="613"/>
      <c r="SEH698" s="613"/>
      <c r="SEI698" s="613"/>
      <c r="SEJ698" s="613"/>
      <c r="SEK698" s="613"/>
      <c r="SEL698" s="613"/>
      <c r="SEM698" s="613"/>
      <c r="SEN698" s="613"/>
      <c r="SEO698" s="613"/>
      <c r="SEP698" s="613"/>
      <c r="SEQ698" s="613"/>
      <c r="SER698" s="613"/>
      <c r="SES698" s="613"/>
      <c r="SET698" s="613"/>
      <c r="SEU698" s="613"/>
      <c r="SEV698" s="613"/>
      <c r="SEW698" s="613"/>
      <c r="SEX698" s="613"/>
      <c r="SEY698" s="613"/>
      <c r="SEZ698" s="613"/>
      <c r="SFA698" s="613"/>
      <c r="SFB698" s="613"/>
      <c r="SFC698" s="613"/>
      <c r="SFD698" s="613"/>
      <c r="SFE698" s="613"/>
      <c r="SFF698" s="613"/>
      <c r="SFG698" s="613"/>
      <c r="SFH698" s="613"/>
      <c r="SFI698" s="613"/>
      <c r="SFJ698" s="613"/>
      <c r="SFK698" s="613"/>
      <c r="SFL698" s="613"/>
      <c r="SFM698" s="613"/>
      <c r="SFN698" s="613"/>
      <c r="SFO698" s="613"/>
      <c r="SFP698" s="613"/>
      <c r="SFQ698" s="613"/>
      <c r="SFR698" s="613"/>
      <c r="SFS698" s="613"/>
      <c r="SFT698" s="613"/>
      <c r="SFU698" s="613"/>
      <c r="SFV698" s="613"/>
      <c r="SFW698" s="613"/>
      <c r="SFX698" s="613"/>
      <c r="SFY698" s="613"/>
      <c r="SFZ698" s="613"/>
      <c r="SGA698" s="613"/>
      <c r="SGB698" s="613"/>
      <c r="SGC698" s="613"/>
      <c r="SGD698" s="613"/>
      <c r="SGE698" s="613"/>
      <c r="SGF698" s="613"/>
      <c r="SGG698" s="613"/>
      <c r="SGH698" s="613"/>
      <c r="SGI698" s="613"/>
      <c r="SGJ698" s="613"/>
      <c r="SGK698" s="613"/>
      <c r="SGL698" s="613"/>
      <c r="SGM698" s="613"/>
      <c r="SGN698" s="613"/>
      <c r="SGO698" s="613"/>
      <c r="SGP698" s="613"/>
      <c r="SGQ698" s="613"/>
      <c r="SGR698" s="613"/>
      <c r="SGS698" s="613"/>
      <c r="SGT698" s="613"/>
      <c r="SGU698" s="613"/>
      <c r="SGV698" s="613"/>
      <c r="SGW698" s="613"/>
      <c r="SGX698" s="613"/>
      <c r="SGY698" s="613"/>
      <c r="SGZ698" s="613"/>
      <c r="SHA698" s="613"/>
      <c r="SHB698" s="613"/>
      <c r="SHC698" s="613"/>
      <c r="SHD698" s="613"/>
      <c r="SHE698" s="613"/>
      <c r="SHF698" s="613"/>
      <c r="SHG698" s="613"/>
      <c r="SHH698" s="613"/>
      <c r="SHI698" s="613"/>
      <c r="SHJ698" s="613"/>
      <c r="SHK698" s="613"/>
      <c r="SHL698" s="613"/>
      <c r="SHM698" s="613"/>
      <c r="SHN698" s="613"/>
      <c r="SHO698" s="613"/>
      <c r="SHP698" s="613"/>
      <c r="SHQ698" s="613"/>
      <c r="SHR698" s="613"/>
      <c r="SHS698" s="613"/>
      <c r="SHT698" s="613"/>
      <c r="SHU698" s="613"/>
      <c r="SHV698" s="613"/>
      <c r="SHW698" s="613"/>
      <c r="SHX698" s="613"/>
      <c r="SHY698" s="613"/>
      <c r="SHZ698" s="613"/>
      <c r="SIA698" s="613"/>
      <c r="SIB698" s="613"/>
      <c r="SIC698" s="613"/>
      <c r="SID698" s="613"/>
      <c r="SIE698" s="613"/>
      <c r="SIF698" s="613"/>
      <c r="SIG698" s="613"/>
      <c r="SIH698" s="613"/>
      <c r="SII698" s="613"/>
      <c r="SIJ698" s="613"/>
      <c r="SIK698" s="613"/>
      <c r="SIL698" s="613"/>
      <c r="SIM698" s="613"/>
      <c r="SIN698" s="613"/>
      <c r="SIO698" s="613"/>
      <c r="SIP698" s="613"/>
      <c r="SIQ698" s="613"/>
      <c r="SIR698" s="613"/>
      <c r="SIS698" s="613"/>
      <c r="SIT698" s="613"/>
      <c r="SIU698" s="613"/>
      <c r="SIV698" s="613"/>
      <c r="SIW698" s="613"/>
      <c r="SIX698" s="613"/>
      <c r="SIY698" s="613"/>
      <c r="SIZ698" s="613"/>
      <c r="SJA698" s="613"/>
      <c r="SJB698" s="613"/>
      <c r="SJC698" s="613"/>
      <c r="SJD698" s="613"/>
      <c r="SJE698" s="613"/>
      <c r="SJF698" s="613"/>
      <c r="SJG698" s="613"/>
      <c r="SJH698" s="613"/>
      <c r="SJI698" s="613"/>
      <c r="SJJ698" s="613"/>
      <c r="SJK698" s="613"/>
      <c r="SJL698" s="613"/>
      <c r="SJM698" s="613"/>
      <c r="SJN698" s="613"/>
      <c r="SJO698" s="613"/>
      <c r="SJP698" s="613"/>
      <c r="SJQ698" s="613"/>
      <c r="SJR698" s="613"/>
      <c r="SJS698" s="613"/>
      <c r="SJT698" s="613"/>
      <c r="SJU698" s="613"/>
      <c r="SJV698" s="613"/>
      <c r="SJW698" s="613"/>
      <c r="SJX698" s="613"/>
      <c r="SJY698" s="613"/>
      <c r="SJZ698" s="613"/>
      <c r="SKA698" s="613"/>
      <c r="SKB698" s="613"/>
      <c r="SKC698" s="613"/>
      <c r="SKD698" s="613"/>
      <c r="SKE698" s="613"/>
      <c r="SKF698" s="613"/>
      <c r="SKG698" s="613"/>
      <c r="SKH698" s="613"/>
      <c r="SKI698" s="613"/>
      <c r="SKJ698" s="613"/>
      <c r="SKK698" s="613"/>
      <c r="SKL698" s="613"/>
      <c r="SKM698" s="613"/>
      <c r="SKN698" s="613"/>
      <c r="SKO698" s="613"/>
      <c r="SKP698" s="613"/>
      <c r="SKQ698" s="613"/>
      <c r="SKR698" s="613"/>
      <c r="SKS698" s="613"/>
      <c r="SKT698" s="613"/>
      <c r="SKU698" s="613"/>
      <c r="SKV698" s="613"/>
      <c r="SKW698" s="613"/>
      <c r="SKX698" s="613"/>
      <c r="SKY698" s="613"/>
      <c r="SKZ698" s="613"/>
      <c r="SLA698" s="613"/>
      <c r="SLB698" s="613"/>
      <c r="SLC698" s="613"/>
      <c r="SLD698" s="613"/>
      <c r="SLE698" s="613"/>
      <c r="SLF698" s="613"/>
      <c r="SLG698" s="613"/>
      <c r="SLH698" s="613"/>
      <c r="SLI698" s="613"/>
      <c r="SLJ698" s="613"/>
      <c r="SLK698" s="613"/>
      <c r="SLL698" s="613"/>
      <c r="SLM698" s="613"/>
      <c r="SLN698" s="613"/>
      <c r="SLO698" s="613"/>
      <c r="SLP698" s="613"/>
      <c r="SLQ698" s="613"/>
      <c r="SLR698" s="613"/>
      <c r="SLS698" s="613"/>
      <c r="SLT698" s="613"/>
      <c r="SLU698" s="613"/>
      <c r="SLV698" s="613"/>
      <c r="SLW698" s="613"/>
      <c r="SLX698" s="613"/>
      <c r="SLY698" s="613"/>
      <c r="SLZ698" s="613"/>
      <c r="SMA698" s="613"/>
      <c r="SMB698" s="613"/>
      <c r="SMC698" s="613"/>
      <c r="SMD698" s="613"/>
      <c r="SME698" s="613"/>
      <c r="SMF698" s="613"/>
      <c r="SMG698" s="613"/>
      <c r="SMH698" s="613"/>
      <c r="SMI698" s="613"/>
      <c r="SMJ698" s="613"/>
      <c r="SMK698" s="613"/>
      <c r="SML698" s="613"/>
      <c r="SMM698" s="613"/>
      <c r="SMN698" s="613"/>
      <c r="SMO698" s="613"/>
      <c r="SMP698" s="613"/>
      <c r="SMQ698" s="613"/>
      <c r="SMR698" s="613"/>
      <c r="SMS698" s="613"/>
      <c r="SMT698" s="613"/>
      <c r="SMU698" s="613"/>
      <c r="SMV698" s="613"/>
      <c r="SMW698" s="613"/>
      <c r="SMX698" s="613"/>
      <c r="SMY698" s="613"/>
      <c r="SMZ698" s="613"/>
      <c r="SNA698" s="613"/>
      <c r="SNB698" s="613"/>
      <c r="SNC698" s="613"/>
      <c r="SND698" s="613"/>
      <c r="SNE698" s="613"/>
      <c r="SNF698" s="613"/>
      <c r="SNG698" s="613"/>
      <c r="SNH698" s="613"/>
      <c r="SNI698" s="613"/>
      <c r="SNJ698" s="613"/>
      <c r="SNK698" s="613"/>
      <c r="SNL698" s="613"/>
      <c r="SNM698" s="613"/>
      <c r="SNN698" s="613"/>
      <c r="SNO698" s="613"/>
      <c r="SNP698" s="613"/>
      <c r="SNQ698" s="613"/>
      <c r="SNR698" s="613"/>
      <c r="SNS698" s="613"/>
      <c r="SNT698" s="613"/>
      <c r="SNU698" s="613"/>
      <c r="SNV698" s="613"/>
      <c r="SNW698" s="613"/>
      <c r="SNX698" s="613"/>
      <c r="SNY698" s="613"/>
      <c r="SNZ698" s="613"/>
      <c r="SOA698" s="613"/>
      <c r="SOB698" s="613"/>
      <c r="SOC698" s="613"/>
      <c r="SOD698" s="613"/>
      <c r="SOE698" s="613"/>
      <c r="SOF698" s="613"/>
      <c r="SOG698" s="613"/>
      <c r="SOH698" s="613"/>
      <c r="SOI698" s="613"/>
      <c r="SOJ698" s="613"/>
      <c r="SOK698" s="613"/>
      <c r="SOL698" s="613"/>
      <c r="SOM698" s="613"/>
      <c r="SON698" s="613"/>
      <c r="SOO698" s="613"/>
      <c r="SOP698" s="613"/>
      <c r="SOQ698" s="613"/>
      <c r="SOR698" s="613"/>
      <c r="SOS698" s="613"/>
      <c r="SOT698" s="613"/>
      <c r="SOU698" s="613"/>
      <c r="SOV698" s="613"/>
      <c r="SOW698" s="613"/>
      <c r="SOX698" s="613"/>
      <c r="SOY698" s="613"/>
      <c r="SOZ698" s="613"/>
      <c r="SPA698" s="613"/>
      <c r="SPB698" s="613"/>
      <c r="SPC698" s="613"/>
      <c r="SPD698" s="613"/>
      <c r="SPE698" s="613"/>
      <c r="SPF698" s="613"/>
      <c r="SPG698" s="613"/>
      <c r="SPH698" s="613"/>
      <c r="SPI698" s="613"/>
      <c r="SPJ698" s="613"/>
      <c r="SPK698" s="613"/>
      <c r="SPL698" s="613"/>
      <c r="SPM698" s="613"/>
      <c r="SPN698" s="613"/>
      <c r="SPO698" s="613"/>
      <c r="SPP698" s="613"/>
      <c r="SPQ698" s="613"/>
      <c r="SPR698" s="613"/>
      <c r="SPS698" s="613"/>
      <c r="SPT698" s="613"/>
      <c r="SPU698" s="613"/>
      <c r="SPV698" s="613"/>
      <c r="SPW698" s="613"/>
      <c r="SPX698" s="613"/>
      <c r="SPY698" s="613"/>
      <c r="SPZ698" s="613"/>
      <c r="SQA698" s="613"/>
      <c r="SQB698" s="613"/>
      <c r="SQC698" s="613"/>
      <c r="SQD698" s="613"/>
      <c r="SQE698" s="613"/>
      <c r="SQF698" s="613"/>
      <c r="SQG698" s="613"/>
      <c r="SQH698" s="613"/>
      <c r="SQI698" s="613"/>
      <c r="SQJ698" s="613"/>
      <c r="SQK698" s="613"/>
      <c r="SQL698" s="613"/>
      <c r="SQM698" s="613"/>
      <c r="SQN698" s="613"/>
      <c r="SQO698" s="613"/>
      <c r="SQP698" s="613"/>
      <c r="SQQ698" s="613"/>
      <c r="SQR698" s="613"/>
      <c r="SQS698" s="613"/>
      <c r="SQT698" s="613"/>
      <c r="SQU698" s="613"/>
      <c r="SQV698" s="613"/>
      <c r="SQW698" s="613"/>
      <c r="SQX698" s="613"/>
      <c r="SQY698" s="613"/>
      <c r="SQZ698" s="613"/>
      <c r="SRA698" s="613"/>
      <c r="SRB698" s="613"/>
      <c r="SRC698" s="613"/>
      <c r="SRD698" s="613"/>
      <c r="SRE698" s="613"/>
      <c r="SRF698" s="613"/>
      <c r="SRG698" s="613"/>
      <c r="SRH698" s="613"/>
      <c r="SRI698" s="613"/>
      <c r="SRJ698" s="613"/>
      <c r="SRK698" s="613"/>
      <c r="SRL698" s="613"/>
      <c r="SRM698" s="613"/>
      <c r="SRN698" s="613"/>
      <c r="SRO698" s="613"/>
      <c r="SRP698" s="613"/>
      <c r="SRQ698" s="613"/>
      <c r="SRR698" s="613"/>
      <c r="SRS698" s="613"/>
      <c r="SRT698" s="613"/>
      <c r="SRU698" s="613"/>
      <c r="SRV698" s="613"/>
      <c r="SRW698" s="613"/>
      <c r="SRX698" s="613"/>
      <c r="SRY698" s="613"/>
      <c r="SRZ698" s="613"/>
      <c r="SSA698" s="613"/>
      <c r="SSB698" s="613"/>
      <c r="SSC698" s="613"/>
      <c r="SSD698" s="613"/>
      <c r="SSE698" s="613"/>
      <c r="SSF698" s="613"/>
      <c r="SSG698" s="613"/>
      <c r="SSH698" s="613"/>
      <c r="SSI698" s="613"/>
      <c r="SSJ698" s="613"/>
      <c r="SSK698" s="613"/>
      <c r="SSL698" s="613"/>
      <c r="SSM698" s="613"/>
      <c r="SSN698" s="613"/>
      <c r="SSO698" s="613"/>
      <c r="SSP698" s="613"/>
      <c r="SSQ698" s="613"/>
      <c r="SSR698" s="613"/>
      <c r="SSS698" s="613"/>
      <c r="SST698" s="613"/>
      <c r="SSU698" s="613"/>
      <c r="SSV698" s="613"/>
      <c r="SSW698" s="613"/>
      <c r="SSX698" s="613"/>
      <c r="SSY698" s="613"/>
      <c r="SSZ698" s="613"/>
      <c r="STA698" s="613"/>
      <c r="STB698" s="613"/>
      <c r="STC698" s="613"/>
      <c r="STD698" s="613"/>
      <c r="STE698" s="613"/>
      <c r="STF698" s="613"/>
      <c r="STG698" s="613"/>
      <c r="STH698" s="613"/>
      <c r="STI698" s="613"/>
      <c r="STJ698" s="613"/>
      <c r="STK698" s="613"/>
      <c r="STL698" s="613"/>
      <c r="STM698" s="613"/>
      <c r="STN698" s="613"/>
      <c r="STO698" s="613"/>
      <c r="STP698" s="613"/>
      <c r="STQ698" s="613"/>
      <c r="STR698" s="613"/>
      <c r="STS698" s="613"/>
      <c r="STT698" s="613"/>
      <c r="STU698" s="613"/>
      <c r="STV698" s="613"/>
      <c r="STW698" s="613"/>
      <c r="STX698" s="613"/>
      <c r="STY698" s="613"/>
      <c r="STZ698" s="613"/>
      <c r="SUA698" s="613"/>
      <c r="SUB698" s="613"/>
      <c r="SUC698" s="613"/>
      <c r="SUD698" s="613"/>
      <c r="SUE698" s="613"/>
      <c r="SUF698" s="613"/>
      <c r="SUG698" s="613"/>
      <c r="SUH698" s="613"/>
      <c r="SUI698" s="613"/>
      <c r="SUJ698" s="613"/>
      <c r="SUK698" s="613"/>
      <c r="SUL698" s="613"/>
      <c r="SUM698" s="613"/>
      <c r="SUN698" s="613"/>
      <c r="SUO698" s="613"/>
      <c r="SUP698" s="613"/>
      <c r="SUQ698" s="613"/>
      <c r="SUR698" s="613"/>
      <c r="SUS698" s="613"/>
      <c r="SUT698" s="613"/>
      <c r="SUU698" s="613"/>
      <c r="SUV698" s="613"/>
      <c r="SUW698" s="613"/>
      <c r="SUX698" s="613"/>
      <c r="SUY698" s="613"/>
      <c r="SUZ698" s="613"/>
      <c r="SVA698" s="613"/>
      <c r="SVB698" s="613"/>
      <c r="SVC698" s="613"/>
      <c r="SVD698" s="613"/>
      <c r="SVE698" s="613"/>
      <c r="SVF698" s="613"/>
      <c r="SVG698" s="613"/>
      <c r="SVH698" s="613"/>
      <c r="SVI698" s="613"/>
      <c r="SVJ698" s="613"/>
      <c r="SVK698" s="613"/>
      <c r="SVL698" s="613"/>
      <c r="SVM698" s="613"/>
      <c r="SVN698" s="613"/>
      <c r="SVO698" s="613"/>
      <c r="SVP698" s="613"/>
      <c r="SVQ698" s="613"/>
      <c r="SVR698" s="613"/>
      <c r="SVS698" s="613"/>
      <c r="SVT698" s="613"/>
      <c r="SVU698" s="613"/>
      <c r="SVV698" s="613"/>
      <c r="SVW698" s="613"/>
      <c r="SVX698" s="613"/>
      <c r="SVY698" s="613"/>
      <c r="SVZ698" s="613"/>
      <c r="SWA698" s="613"/>
      <c r="SWB698" s="613"/>
      <c r="SWC698" s="613"/>
      <c r="SWD698" s="613"/>
      <c r="SWE698" s="613"/>
      <c r="SWF698" s="613"/>
      <c r="SWG698" s="613"/>
      <c r="SWH698" s="613"/>
      <c r="SWI698" s="613"/>
      <c r="SWJ698" s="613"/>
      <c r="SWK698" s="613"/>
      <c r="SWL698" s="613"/>
      <c r="SWM698" s="613"/>
      <c r="SWN698" s="613"/>
      <c r="SWO698" s="613"/>
      <c r="SWP698" s="613"/>
      <c r="SWQ698" s="613"/>
      <c r="SWR698" s="613"/>
      <c r="SWS698" s="613"/>
      <c r="SWT698" s="613"/>
      <c r="SWU698" s="613"/>
      <c r="SWV698" s="613"/>
      <c r="SWW698" s="613"/>
      <c r="SWX698" s="613"/>
      <c r="SWY698" s="613"/>
      <c r="SWZ698" s="613"/>
      <c r="SXA698" s="613"/>
      <c r="SXB698" s="613"/>
      <c r="SXC698" s="613"/>
      <c r="SXD698" s="613"/>
      <c r="SXE698" s="613"/>
      <c r="SXF698" s="613"/>
      <c r="SXG698" s="613"/>
      <c r="SXH698" s="613"/>
      <c r="SXI698" s="613"/>
      <c r="SXJ698" s="613"/>
      <c r="SXK698" s="613"/>
      <c r="SXL698" s="613"/>
      <c r="SXM698" s="613"/>
      <c r="SXN698" s="613"/>
      <c r="SXO698" s="613"/>
      <c r="SXP698" s="613"/>
      <c r="SXQ698" s="613"/>
      <c r="SXR698" s="613"/>
      <c r="SXS698" s="613"/>
      <c r="SXT698" s="613"/>
      <c r="SXU698" s="613"/>
      <c r="SXV698" s="613"/>
      <c r="SXW698" s="613"/>
      <c r="SXX698" s="613"/>
      <c r="SXY698" s="613"/>
      <c r="SXZ698" s="613"/>
      <c r="SYA698" s="613"/>
      <c r="SYB698" s="613"/>
      <c r="SYC698" s="613"/>
      <c r="SYD698" s="613"/>
      <c r="SYE698" s="613"/>
      <c r="SYF698" s="613"/>
      <c r="SYG698" s="613"/>
      <c r="SYH698" s="613"/>
      <c r="SYI698" s="613"/>
      <c r="SYJ698" s="613"/>
      <c r="SYK698" s="613"/>
      <c r="SYL698" s="613"/>
      <c r="SYM698" s="613"/>
      <c r="SYN698" s="613"/>
      <c r="SYO698" s="613"/>
      <c r="SYP698" s="613"/>
      <c r="SYQ698" s="613"/>
      <c r="SYR698" s="613"/>
      <c r="SYS698" s="613"/>
      <c r="SYT698" s="613"/>
      <c r="SYU698" s="613"/>
      <c r="SYV698" s="613"/>
      <c r="SYW698" s="613"/>
      <c r="SYX698" s="613"/>
      <c r="SYY698" s="613"/>
      <c r="SYZ698" s="613"/>
      <c r="SZA698" s="613"/>
      <c r="SZB698" s="613"/>
      <c r="SZC698" s="613"/>
      <c r="SZD698" s="613"/>
      <c r="SZE698" s="613"/>
      <c r="SZF698" s="613"/>
      <c r="SZG698" s="613"/>
      <c r="SZH698" s="613"/>
      <c r="SZI698" s="613"/>
      <c r="SZJ698" s="613"/>
      <c r="SZK698" s="613"/>
      <c r="SZL698" s="613"/>
      <c r="SZM698" s="613"/>
      <c r="SZN698" s="613"/>
      <c r="SZO698" s="613"/>
      <c r="SZP698" s="613"/>
      <c r="SZQ698" s="613"/>
      <c r="SZR698" s="613"/>
      <c r="SZS698" s="613"/>
      <c r="SZT698" s="613"/>
      <c r="SZU698" s="613"/>
      <c r="SZV698" s="613"/>
      <c r="SZW698" s="613"/>
      <c r="SZX698" s="613"/>
      <c r="SZY698" s="613"/>
      <c r="SZZ698" s="613"/>
      <c r="TAA698" s="613"/>
      <c r="TAB698" s="613"/>
      <c r="TAC698" s="613"/>
      <c r="TAD698" s="613"/>
      <c r="TAE698" s="613"/>
      <c r="TAF698" s="613"/>
      <c r="TAG698" s="613"/>
      <c r="TAH698" s="613"/>
      <c r="TAI698" s="613"/>
      <c r="TAJ698" s="613"/>
      <c r="TAK698" s="613"/>
      <c r="TAL698" s="613"/>
      <c r="TAM698" s="613"/>
      <c r="TAN698" s="613"/>
      <c r="TAO698" s="613"/>
      <c r="TAP698" s="613"/>
      <c r="TAQ698" s="613"/>
      <c r="TAR698" s="613"/>
      <c r="TAS698" s="613"/>
      <c r="TAT698" s="613"/>
      <c r="TAU698" s="613"/>
      <c r="TAV698" s="613"/>
      <c r="TAW698" s="613"/>
      <c r="TAX698" s="613"/>
      <c r="TAY698" s="613"/>
      <c r="TAZ698" s="613"/>
      <c r="TBA698" s="613"/>
      <c r="TBB698" s="613"/>
      <c r="TBC698" s="613"/>
      <c r="TBD698" s="613"/>
      <c r="TBE698" s="613"/>
      <c r="TBF698" s="613"/>
      <c r="TBG698" s="613"/>
      <c r="TBH698" s="613"/>
      <c r="TBI698" s="613"/>
      <c r="TBJ698" s="613"/>
      <c r="TBK698" s="613"/>
      <c r="TBL698" s="613"/>
      <c r="TBM698" s="613"/>
      <c r="TBN698" s="613"/>
      <c r="TBO698" s="613"/>
      <c r="TBP698" s="613"/>
      <c r="TBQ698" s="613"/>
      <c r="TBR698" s="613"/>
      <c r="TBS698" s="613"/>
      <c r="TBT698" s="613"/>
      <c r="TBU698" s="613"/>
      <c r="TBV698" s="613"/>
      <c r="TBW698" s="613"/>
      <c r="TBX698" s="613"/>
      <c r="TBY698" s="613"/>
      <c r="TBZ698" s="613"/>
      <c r="TCA698" s="613"/>
      <c r="TCB698" s="613"/>
      <c r="TCC698" s="613"/>
      <c r="TCD698" s="613"/>
      <c r="TCE698" s="613"/>
      <c r="TCF698" s="613"/>
      <c r="TCG698" s="613"/>
      <c r="TCH698" s="613"/>
      <c r="TCI698" s="613"/>
      <c r="TCJ698" s="613"/>
      <c r="TCK698" s="613"/>
      <c r="TCL698" s="613"/>
      <c r="TCM698" s="613"/>
      <c r="TCN698" s="613"/>
      <c r="TCO698" s="613"/>
      <c r="TCP698" s="613"/>
      <c r="TCQ698" s="613"/>
      <c r="TCR698" s="613"/>
      <c r="TCS698" s="613"/>
      <c r="TCT698" s="613"/>
      <c r="TCU698" s="613"/>
      <c r="TCV698" s="613"/>
      <c r="TCW698" s="613"/>
      <c r="TCX698" s="613"/>
      <c r="TCY698" s="613"/>
      <c r="TCZ698" s="613"/>
      <c r="TDA698" s="613"/>
      <c r="TDB698" s="613"/>
      <c r="TDC698" s="613"/>
      <c r="TDD698" s="613"/>
      <c r="TDE698" s="613"/>
      <c r="TDF698" s="613"/>
      <c r="TDG698" s="613"/>
      <c r="TDH698" s="613"/>
      <c r="TDI698" s="613"/>
      <c r="TDJ698" s="613"/>
      <c r="TDK698" s="613"/>
      <c r="TDL698" s="613"/>
      <c r="TDM698" s="613"/>
      <c r="TDN698" s="613"/>
      <c r="TDO698" s="613"/>
      <c r="TDP698" s="613"/>
      <c r="TDQ698" s="613"/>
      <c r="TDR698" s="613"/>
      <c r="TDS698" s="613"/>
      <c r="TDT698" s="613"/>
      <c r="TDU698" s="613"/>
      <c r="TDV698" s="613"/>
      <c r="TDW698" s="613"/>
      <c r="TDX698" s="613"/>
      <c r="TDY698" s="613"/>
      <c r="TDZ698" s="613"/>
      <c r="TEA698" s="613"/>
      <c r="TEB698" s="613"/>
      <c r="TEC698" s="613"/>
      <c r="TED698" s="613"/>
      <c r="TEE698" s="613"/>
      <c r="TEF698" s="613"/>
      <c r="TEG698" s="613"/>
      <c r="TEH698" s="613"/>
      <c r="TEI698" s="613"/>
      <c r="TEJ698" s="613"/>
      <c r="TEK698" s="613"/>
      <c r="TEL698" s="613"/>
      <c r="TEM698" s="613"/>
      <c r="TEN698" s="613"/>
      <c r="TEO698" s="613"/>
      <c r="TEP698" s="613"/>
      <c r="TEQ698" s="613"/>
      <c r="TER698" s="613"/>
      <c r="TES698" s="613"/>
      <c r="TET698" s="613"/>
      <c r="TEU698" s="613"/>
      <c r="TEV698" s="613"/>
      <c r="TEW698" s="613"/>
      <c r="TEX698" s="613"/>
      <c r="TEY698" s="613"/>
      <c r="TEZ698" s="613"/>
      <c r="TFA698" s="613"/>
      <c r="TFB698" s="613"/>
      <c r="TFC698" s="613"/>
      <c r="TFD698" s="613"/>
      <c r="TFE698" s="613"/>
      <c r="TFF698" s="613"/>
      <c r="TFG698" s="613"/>
      <c r="TFH698" s="613"/>
      <c r="TFI698" s="613"/>
      <c r="TFJ698" s="613"/>
      <c r="TFK698" s="613"/>
      <c r="TFL698" s="613"/>
      <c r="TFM698" s="613"/>
      <c r="TFN698" s="613"/>
      <c r="TFO698" s="613"/>
      <c r="TFP698" s="613"/>
      <c r="TFQ698" s="613"/>
      <c r="TFR698" s="613"/>
      <c r="TFS698" s="613"/>
      <c r="TFT698" s="613"/>
      <c r="TFU698" s="613"/>
      <c r="TFV698" s="613"/>
      <c r="TFW698" s="613"/>
      <c r="TFX698" s="613"/>
      <c r="TFY698" s="613"/>
      <c r="TFZ698" s="613"/>
      <c r="TGA698" s="613"/>
      <c r="TGB698" s="613"/>
      <c r="TGC698" s="613"/>
      <c r="TGD698" s="613"/>
      <c r="TGE698" s="613"/>
      <c r="TGF698" s="613"/>
      <c r="TGG698" s="613"/>
      <c r="TGH698" s="613"/>
      <c r="TGI698" s="613"/>
      <c r="TGJ698" s="613"/>
      <c r="TGK698" s="613"/>
      <c r="TGL698" s="613"/>
      <c r="TGM698" s="613"/>
      <c r="TGN698" s="613"/>
      <c r="TGO698" s="613"/>
      <c r="TGP698" s="613"/>
      <c r="TGQ698" s="613"/>
      <c r="TGR698" s="613"/>
      <c r="TGS698" s="613"/>
      <c r="TGT698" s="613"/>
      <c r="TGU698" s="613"/>
      <c r="TGV698" s="613"/>
      <c r="TGW698" s="613"/>
      <c r="TGX698" s="613"/>
      <c r="TGY698" s="613"/>
      <c r="TGZ698" s="613"/>
      <c r="THA698" s="613"/>
      <c r="THB698" s="613"/>
      <c r="THC698" s="613"/>
      <c r="THD698" s="613"/>
      <c r="THE698" s="613"/>
      <c r="THF698" s="613"/>
      <c r="THG698" s="613"/>
      <c r="THH698" s="613"/>
      <c r="THI698" s="613"/>
      <c r="THJ698" s="613"/>
      <c r="THK698" s="613"/>
      <c r="THL698" s="613"/>
      <c r="THM698" s="613"/>
      <c r="THN698" s="613"/>
      <c r="THO698" s="613"/>
      <c r="THP698" s="613"/>
      <c r="THQ698" s="613"/>
      <c r="THR698" s="613"/>
      <c r="THS698" s="613"/>
      <c r="THT698" s="613"/>
      <c r="THU698" s="613"/>
      <c r="THV698" s="613"/>
      <c r="THW698" s="613"/>
      <c r="THX698" s="613"/>
      <c r="THY698" s="613"/>
      <c r="THZ698" s="613"/>
      <c r="TIA698" s="613"/>
      <c r="TIB698" s="613"/>
      <c r="TIC698" s="613"/>
      <c r="TID698" s="613"/>
      <c r="TIE698" s="613"/>
      <c r="TIF698" s="613"/>
      <c r="TIG698" s="613"/>
      <c r="TIH698" s="613"/>
      <c r="TII698" s="613"/>
      <c r="TIJ698" s="613"/>
      <c r="TIK698" s="613"/>
      <c r="TIL698" s="613"/>
      <c r="TIM698" s="613"/>
      <c r="TIN698" s="613"/>
      <c r="TIO698" s="613"/>
      <c r="TIP698" s="613"/>
      <c r="TIQ698" s="613"/>
      <c r="TIR698" s="613"/>
      <c r="TIS698" s="613"/>
      <c r="TIT698" s="613"/>
      <c r="TIU698" s="613"/>
      <c r="TIV698" s="613"/>
      <c r="TIW698" s="613"/>
      <c r="TIX698" s="613"/>
      <c r="TIY698" s="613"/>
      <c r="TIZ698" s="613"/>
      <c r="TJA698" s="613"/>
      <c r="TJB698" s="613"/>
      <c r="TJC698" s="613"/>
      <c r="TJD698" s="613"/>
      <c r="TJE698" s="613"/>
      <c r="TJF698" s="613"/>
      <c r="TJG698" s="613"/>
      <c r="TJH698" s="613"/>
      <c r="TJI698" s="613"/>
      <c r="TJJ698" s="613"/>
      <c r="TJK698" s="613"/>
      <c r="TJL698" s="613"/>
      <c r="TJM698" s="613"/>
      <c r="TJN698" s="613"/>
      <c r="TJO698" s="613"/>
      <c r="TJP698" s="613"/>
      <c r="TJQ698" s="613"/>
      <c r="TJR698" s="613"/>
      <c r="TJS698" s="613"/>
      <c r="TJT698" s="613"/>
      <c r="TJU698" s="613"/>
      <c r="TJV698" s="613"/>
      <c r="TJW698" s="613"/>
      <c r="TJX698" s="613"/>
      <c r="TJY698" s="613"/>
      <c r="TJZ698" s="613"/>
      <c r="TKA698" s="613"/>
      <c r="TKB698" s="613"/>
      <c r="TKC698" s="613"/>
      <c r="TKD698" s="613"/>
      <c r="TKE698" s="613"/>
      <c r="TKF698" s="613"/>
      <c r="TKG698" s="613"/>
      <c r="TKH698" s="613"/>
      <c r="TKI698" s="613"/>
      <c r="TKJ698" s="613"/>
      <c r="TKK698" s="613"/>
      <c r="TKL698" s="613"/>
      <c r="TKM698" s="613"/>
      <c r="TKN698" s="613"/>
      <c r="TKO698" s="613"/>
      <c r="TKP698" s="613"/>
      <c r="TKQ698" s="613"/>
      <c r="TKR698" s="613"/>
      <c r="TKS698" s="613"/>
      <c r="TKT698" s="613"/>
      <c r="TKU698" s="613"/>
      <c r="TKV698" s="613"/>
      <c r="TKW698" s="613"/>
      <c r="TKX698" s="613"/>
      <c r="TKY698" s="613"/>
      <c r="TKZ698" s="613"/>
      <c r="TLA698" s="613"/>
      <c r="TLB698" s="613"/>
      <c r="TLC698" s="613"/>
      <c r="TLD698" s="613"/>
      <c r="TLE698" s="613"/>
      <c r="TLF698" s="613"/>
      <c r="TLG698" s="613"/>
      <c r="TLH698" s="613"/>
      <c r="TLI698" s="613"/>
      <c r="TLJ698" s="613"/>
      <c r="TLK698" s="613"/>
      <c r="TLL698" s="613"/>
      <c r="TLM698" s="613"/>
      <c r="TLN698" s="613"/>
      <c r="TLO698" s="613"/>
      <c r="TLP698" s="613"/>
      <c r="TLQ698" s="613"/>
      <c r="TLR698" s="613"/>
      <c r="TLS698" s="613"/>
      <c r="TLT698" s="613"/>
      <c r="TLU698" s="613"/>
      <c r="TLV698" s="613"/>
      <c r="TLW698" s="613"/>
      <c r="TLX698" s="613"/>
      <c r="TLY698" s="613"/>
      <c r="TLZ698" s="613"/>
      <c r="TMA698" s="613"/>
      <c r="TMB698" s="613"/>
      <c r="TMC698" s="613"/>
      <c r="TMD698" s="613"/>
      <c r="TME698" s="613"/>
      <c r="TMF698" s="613"/>
      <c r="TMG698" s="613"/>
      <c r="TMH698" s="613"/>
      <c r="TMI698" s="613"/>
      <c r="TMJ698" s="613"/>
      <c r="TMK698" s="613"/>
      <c r="TML698" s="613"/>
      <c r="TMM698" s="613"/>
      <c r="TMN698" s="613"/>
      <c r="TMO698" s="613"/>
      <c r="TMP698" s="613"/>
      <c r="TMQ698" s="613"/>
      <c r="TMR698" s="613"/>
      <c r="TMS698" s="613"/>
      <c r="TMT698" s="613"/>
      <c r="TMU698" s="613"/>
      <c r="TMV698" s="613"/>
      <c r="TMW698" s="613"/>
      <c r="TMX698" s="613"/>
      <c r="TMY698" s="613"/>
      <c r="TMZ698" s="613"/>
      <c r="TNA698" s="613"/>
      <c r="TNB698" s="613"/>
      <c r="TNC698" s="613"/>
      <c r="TND698" s="613"/>
      <c r="TNE698" s="613"/>
      <c r="TNF698" s="613"/>
      <c r="TNG698" s="613"/>
      <c r="TNH698" s="613"/>
      <c r="TNI698" s="613"/>
      <c r="TNJ698" s="613"/>
      <c r="TNK698" s="613"/>
      <c r="TNL698" s="613"/>
      <c r="TNM698" s="613"/>
      <c r="TNN698" s="613"/>
      <c r="TNO698" s="613"/>
      <c r="TNP698" s="613"/>
      <c r="TNQ698" s="613"/>
      <c r="TNR698" s="613"/>
      <c r="TNS698" s="613"/>
      <c r="TNT698" s="613"/>
      <c r="TNU698" s="613"/>
      <c r="TNV698" s="613"/>
      <c r="TNW698" s="613"/>
      <c r="TNX698" s="613"/>
      <c r="TNY698" s="613"/>
      <c r="TNZ698" s="613"/>
      <c r="TOA698" s="613"/>
      <c r="TOB698" s="613"/>
      <c r="TOC698" s="613"/>
      <c r="TOD698" s="613"/>
      <c r="TOE698" s="613"/>
      <c r="TOF698" s="613"/>
      <c r="TOG698" s="613"/>
      <c r="TOH698" s="613"/>
      <c r="TOI698" s="613"/>
      <c r="TOJ698" s="613"/>
      <c r="TOK698" s="613"/>
      <c r="TOL698" s="613"/>
      <c r="TOM698" s="613"/>
      <c r="TON698" s="613"/>
      <c r="TOO698" s="613"/>
      <c r="TOP698" s="613"/>
      <c r="TOQ698" s="613"/>
      <c r="TOR698" s="613"/>
      <c r="TOS698" s="613"/>
      <c r="TOT698" s="613"/>
      <c r="TOU698" s="613"/>
      <c r="TOV698" s="613"/>
      <c r="TOW698" s="613"/>
      <c r="TOX698" s="613"/>
      <c r="TOY698" s="613"/>
      <c r="TOZ698" s="613"/>
      <c r="TPA698" s="613"/>
      <c r="TPB698" s="613"/>
      <c r="TPC698" s="613"/>
      <c r="TPD698" s="613"/>
      <c r="TPE698" s="613"/>
      <c r="TPF698" s="613"/>
      <c r="TPG698" s="613"/>
      <c r="TPH698" s="613"/>
      <c r="TPI698" s="613"/>
      <c r="TPJ698" s="613"/>
      <c r="TPK698" s="613"/>
      <c r="TPL698" s="613"/>
      <c r="TPM698" s="613"/>
      <c r="TPN698" s="613"/>
      <c r="TPO698" s="613"/>
      <c r="TPP698" s="613"/>
      <c r="TPQ698" s="613"/>
      <c r="TPR698" s="613"/>
      <c r="TPS698" s="613"/>
      <c r="TPT698" s="613"/>
      <c r="TPU698" s="613"/>
      <c r="TPV698" s="613"/>
      <c r="TPW698" s="613"/>
      <c r="TPX698" s="613"/>
      <c r="TPY698" s="613"/>
      <c r="TPZ698" s="613"/>
      <c r="TQA698" s="613"/>
      <c r="TQB698" s="613"/>
      <c r="TQC698" s="613"/>
      <c r="TQD698" s="613"/>
      <c r="TQE698" s="613"/>
      <c r="TQF698" s="613"/>
      <c r="TQG698" s="613"/>
      <c r="TQH698" s="613"/>
      <c r="TQI698" s="613"/>
      <c r="TQJ698" s="613"/>
      <c r="TQK698" s="613"/>
      <c r="TQL698" s="613"/>
      <c r="TQM698" s="613"/>
      <c r="TQN698" s="613"/>
      <c r="TQO698" s="613"/>
      <c r="TQP698" s="613"/>
      <c r="TQQ698" s="613"/>
      <c r="TQR698" s="613"/>
      <c r="TQS698" s="613"/>
      <c r="TQT698" s="613"/>
      <c r="TQU698" s="613"/>
      <c r="TQV698" s="613"/>
      <c r="TQW698" s="613"/>
      <c r="TQX698" s="613"/>
      <c r="TQY698" s="613"/>
      <c r="TQZ698" s="613"/>
      <c r="TRA698" s="613"/>
      <c r="TRB698" s="613"/>
      <c r="TRC698" s="613"/>
      <c r="TRD698" s="613"/>
      <c r="TRE698" s="613"/>
      <c r="TRF698" s="613"/>
      <c r="TRG698" s="613"/>
      <c r="TRH698" s="613"/>
      <c r="TRI698" s="613"/>
      <c r="TRJ698" s="613"/>
      <c r="TRK698" s="613"/>
      <c r="TRL698" s="613"/>
      <c r="TRM698" s="613"/>
      <c r="TRN698" s="613"/>
      <c r="TRO698" s="613"/>
      <c r="TRP698" s="613"/>
      <c r="TRQ698" s="613"/>
      <c r="TRR698" s="613"/>
      <c r="TRS698" s="613"/>
      <c r="TRT698" s="613"/>
      <c r="TRU698" s="613"/>
      <c r="TRV698" s="613"/>
      <c r="TRW698" s="613"/>
      <c r="TRX698" s="613"/>
      <c r="TRY698" s="613"/>
      <c r="TRZ698" s="613"/>
      <c r="TSA698" s="613"/>
      <c r="TSB698" s="613"/>
      <c r="TSC698" s="613"/>
      <c r="TSD698" s="613"/>
      <c r="TSE698" s="613"/>
      <c r="TSF698" s="613"/>
      <c r="TSG698" s="613"/>
      <c r="TSH698" s="613"/>
      <c r="TSI698" s="613"/>
      <c r="TSJ698" s="613"/>
      <c r="TSK698" s="613"/>
      <c r="TSL698" s="613"/>
      <c r="TSM698" s="613"/>
      <c r="TSN698" s="613"/>
      <c r="TSO698" s="613"/>
      <c r="TSP698" s="613"/>
      <c r="TSQ698" s="613"/>
      <c r="TSR698" s="613"/>
      <c r="TSS698" s="613"/>
      <c r="TST698" s="613"/>
      <c r="TSU698" s="613"/>
      <c r="TSV698" s="613"/>
      <c r="TSW698" s="613"/>
      <c r="TSX698" s="613"/>
      <c r="TSY698" s="613"/>
      <c r="TSZ698" s="613"/>
      <c r="TTA698" s="613"/>
      <c r="TTB698" s="613"/>
      <c r="TTC698" s="613"/>
      <c r="TTD698" s="613"/>
      <c r="TTE698" s="613"/>
      <c r="TTF698" s="613"/>
      <c r="TTG698" s="613"/>
      <c r="TTH698" s="613"/>
      <c r="TTI698" s="613"/>
      <c r="TTJ698" s="613"/>
      <c r="TTK698" s="613"/>
      <c r="TTL698" s="613"/>
      <c r="TTM698" s="613"/>
      <c r="TTN698" s="613"/>
      <c r="TTO698" s="613"/>
      <c r="TTP698" s="613"/>
      <c r="TTQ698" s="613"/>
      <c r="TTR698" s="613"/>
      <c r="TTS698" s="613"/>
      <c r="TTT698" s="613"/>
      <c r="TTU698" s="613"/>
      <c r="TTV698" s="613"/>
      <c r="TTW698" s="613"/>
      <c r="TTX698" s="613"/>
      <c r="TTY698" s="613"/>
      <c r="TTZ698" s="613"/>
      <c r="TUA698" s="613"/>
      <c r="TUB698" s="613"/>
      <c r="TUC698" s="613"/>
      <c r="TUD698" s="613"/>
      <c r="TUE698" s="613"/>
      <c r="TUF698" s="613"/>
      <c r="TUG698" s="613"/>
      <c r="TUH698" s="613"/>
      <c r="TUI698" s="613"/>
      <c r="TUJ698" s="613"/>
      <c r="TUK698" s="613"/>
      <c r="TUL698" s="613"/>
      <c r="TUM698" s="613"/>
      <c r="TUN698" s="613"/>
      <c r="TUO698" s="613"/>
      <c r="TUP698" s="613"/>
      <c r="TUQ698" s="613"/>
      <c r="TUR698" s="613"/>
      <c r="TUS698" s="613"/>
      <c r="TUT698" s="613"/>
      <c r="TUU698" s="613"/>
      <c r="TUV698" s="613"/>
      <c r="TUW698" s="613"/>
      <c r="TUX698" s="613"/>
      <c r="TUY698" s="613"/>
      <c r="TUZ698" s="613"/>
      <c r="TVA698" s="613"/>
      <c r="TVB698" s="613"/>
      <c r="TVC698" s="613"/>
      <c r="TVD698" s="613"/>
      <c r="TVE698" s="613"/>
      <c r="TVF698" s="613"/>
      <c r="TVG698" s="613"/>
      <c r="TVH698" s="613"/>
      <c r="TVI698" s="613"/>
      <c r="TVJ698" s="613"/>
      <c r="TVK698" s="613"/>
      <c r="TVL698" s="613"/>
      <c r="TVM698" s="613"/>
      <c r="TVN698" s="613"/>
      <c r="TVO698" s="613"/>
      <c r="TVP698" s="613"/>
      <c r="TVQ698" s="613"/>
      <c r="TVR698" s="613"/>
      <c r="TVS698" s="613"/>
      <c r="TVT698" s="613"/>
      <c r="TVU698" s="613"/>
      <c r="TVV698" s="613"/>
      <c r="TVW698" s="613"/>
      <c r="TVX698" s="613"/>
      <c r="TVY698" s="613"/>
      <c r="TVZ698" s="613"/>
      <c r="TWA698" s="613"/>
      <c r="TWB698" s="613"/>
      <c r="TWC698" s="613"/>
      <c r="TWD698" s="613"/>
      <c r="TWE698" s="613"/>
      <c r="TWF698" s="613"/>
      <c r="TWG698" s="613"/>
      <c r="TWH698" s="613"/>
      <c r="TWI698" s="613"/>
      <c r="TWJ698" s="613"/>
      <c r="TWK698" s="613"/>
      <c r="TWL698" s="613"/>
      <c r="TWM698" s="613"/>
      <c r="TWN698" s="613"/>
      <c r="TWO698" s="613"/>
      <c r="TWP698" s="613"/>
      <c r="TWQ698" s="613"/>
      <c r="TWR698" s="613"/>
      <c r="TWS698" s="613"/>
      <c r="TWT698" s="613"/>
      <c r="TWU698" s="613"/>
      <c r="TWV698" s="613"/>
      <c r="TWW698" s="613"/>
      <c r="TWX698" s="613"/>
      <c r="TWY698" s="613"/>
      <c r="TWZ698" s="613"/>
      <c r="TXA698" s="613"/>
      <c r="TXB698" s="613"/>
      <c r="TXC698" s="613"/>
      <c r="TXD698" s="613"/>
      <c r="TXE698" s="613"/>
      <c r="TXF698" s="613"/>
      <c r="TXG698" s="613"/>
      <c r="TXH698" s="613"/>
      <c r="TXI698" s="613"/>
      <c r="TXJ698" s="613"/>
      <c r="TXK698" s="613"/>
      <c r="TXL698" s="613"/>
      <c r="TXM698" s="613"/>
      <c r="TXN698" s="613"/>
      <c r="TXO698" s="613"/>
      <c r="TXP698" s="613"/>
      <c r="TXQ698" s="613"/>
      <c r="TXR698" s="613"/>
      <c r="TXS698" s="613"/>
      <c r="TXT698" s="613"/>
      <c r="TXU698" s="613"/>
      <c r="TXV698" s="613"/>
      <c r="TXW698" s="613"/>
      <c r="TXX698" s="613"/>
      <c r="TXY698" s="613"/>
      <c r="TXZ698" s="613"/>
      <c r="TYA698" s="613"/>
      <c r="TYB698" s="613"/>
      <c r="TYC698" s="613"/>
      <c r="TYD698" s="613"/>
      <c r="TYE698" s="613"/>
      <c r="TYF698" s="613"/>
      <c r="TYG698" s="613"/>
      <c r="TYH698" s="613"/>
      <c r="TYI698" s="613"/>
      <c r="TYJ698" s="613"/>
      <c r="TYK698" s="613"/>
      <c r="TYL698" s="613"/>
      <c r="TYM698" s="613"/>
      <c r="TYN698" s="613"/>
      <c r="TYO698" s="613"/>
      <c r="TYP698" s="613"/>
      <c r="TYQ698" s="613"/>
      <c r="TYR698" s="613"/>
      <c r="TYS698" s="613"/>
      <c r="TYT698" s="613"/>
      <c r="TYU698" s="613"/>
      <c r="TYV698" s="613"/>
      <c r="TYW698" s="613"/>
      <c r="TYX698" s="613"/>
      <c r="TYY698" s="613"/>
      <c r="TYZ698" s="613"/>
      <c r="TZA698" s="613"/>
      <c r="TZB698" s="613"/>
      <c r="TZC698" s="613"/>
      <c r="TZD698" s="613"/>
      <c r="TZE698" s="613"/>
      <c r="TZF698" s="613"/>
      <c r="TZG698" s="613"/>
      <c r="TZH698" s="613"/>
      <c r="TZI698" s="613"/>
      <c r="TZJ698" s="613"/>
      <c r="TZK698" s="613"/>
      <c r="TZL698" s="613"/>
      <c r="TZM698" s="613"/>
      <c r="TZN698" s="613"/>
      <c r="TZO698" s="613"/>
      <c r="TZP698" s="613"/>
      <c r="TZQ698" s="613"/>
      <c r="TZR698" s="613"/>
      <c r="TZS698" s="613"/>
      <c r="TZT698" s="613"/>
      <c r="TZU698" s="613"/>
      <c r="TZV698" s="613"/>
      <c r="TZW698" s="613"/>
      <c r="TZX698" s="613"/>
      <c r="TZY698" s="613"/>
      <c r="TZZ698" s="613"/>
      <c r="UAA698" s="613"/>
      <c r="UAB698" s="613"/>
      <c r="UAC698" s="613"/>
      <c r="UAD698" s="613"/>
      <c r="UAE698" s="613"/>
      <c r="UAF698" s="613"/>
      <c r="UAG698" s="613"/>
      <c r="UAH698" s="613"/>
      <c r="UAI698" s="613"/>
      <c r="UAJ698" s="613"/>
      <c r="UAK698" s="613"/>
      <c r="UAL698" s="613"/>
      <c r="UAM698" s="613"/>
      <c r="UAN698" s="613"/>
      <c r="UAO698" s="613"/>
      <c r="UAP698" s="613"/>
      <c r="UAQ698" s="613"/>
      <c r="UAR698" s="613"/>
      <c r="UAS698" s="613"/>
      <c r="UAT698" s="613"/>
      <c r="UAU698" s="613"/>
      <c r="UAV698" s="613"/>
      <c r="UAW698" s="613"/>
      <c r="UAX698" s="613"/>
      <c r="UAY698" s="613"/>
      <c r="UAZ698" s="613"/>
      <c r="UBA698" s="613"/>
      <c r="UBB698" s="613"/>
      <c r="UBC698" s="613"/>
      <c r="UBD698" s="613"/>
      <c r="UBE698" s="613"/>
      <c r="UBF698" s="613"/>
      <c r="UBG698" s="613"/>
      <c r="UBH698" s="613"/>
      <c r="UBI698" s="613"/>
      <c r="UBJ698" s="613"/>
      <c r="UBK698" s="613"/>
      <c r="UBL698" s="613"/>
      <c r="UBM698" s="613"/>
      <c r="UBN698" s="613"/>
      <c r="UBO698" s="613"/>
      <c r="UBP698" s="613"/>
      <c r="UBQ698" s="613"/>
      <c r="UBR698" s="613"/>
      <c r="UBS698" s="613"/>
      <c r="UBT698" s="613"/>
      <c r="UBU698" s="613"/>
      <c r="UBV698" s="613"/>
      <c r="UBW698" s="613"/>
      <c r="UBX698" s="613"/>
      <c r="UBY698" s="613"/>
      <c r="UBZ698" s="613"/>
      <c r="UCA698" s="613"/>
      <c r="UCB698" s="613"/>
      <c r="UCC698" s="613"/>
      <c r="UCD698" s="613"/>
      <c r="UCE698" s="613"/>
      <c r="UCF698" s="613"/>
      <c r="UCG698" s="613"/>
      <c r="UCH698" s="613"/>
      <c r="UCI698" s="613"/>
      <c r="UCJ698" s="613"/>
      <c r="UCK698" s="613"/>
      <c r="UCL698" s="613"/>
      <c r="UCM698" s="613"/>
      <c r="UCN698" s="613"/>
      <c r="UCO698" s="613"/>
      <c r="UCP698" s="613"/>
      <c r="UCQ698" s="613"/>
      <c r="UCR698" s="613"/>
      <c r="UCS698" s="613"/>
      <c r="UCT698" s="613"/>
      <c r="UCU698" s="613"/>
      <c r="UCV698" s="613"/>
      <c r="UCW698" s="613"/>
      <c r="UCX698" s="613"/>
      <c r="UCY698" s="613"/>
      <c r="UCZ698" s="613"/>
      <c r="UDA698" s="613"/>
      <c r="UDB698" s="613"/>
      <c r="UDC698" s="613"/>
      <c r="UDD698" s="613"/>
      <c r="UDE698" s="613"/>
      <c r="UDF698" s="613"/>
      <c r="UDG698" s="613"/>
      <c r="UDH698" s="613"/>
      <c r="UDI698" s="613"/>
      <c r="UDJ698" s="613"/>
      <c r="UDK698" s="613"/>
      <c r="UDL698" s="613"/>
      <c r="UDM698" s="613"/>
      <c r="UDN698" s="613"/>
      <c r="UDO698" s="613"/>
      <c r="UDP698" s="613"/>
      <c r="UDQ698" s="613"/>
      <c r="UDR698" s="613"/>
      <c r="UDS698" s="613"/>
      <c r="UDT698" s="613"/>
      <c r="UDU698" s="613"/>
      <c r="UDV698" s="613"/>
      <c r="UDW698" s="613"/>
      <c r="UDX698" s="613"/>
      <c r="UDY698" s="613"/>
      <c r="UDZ698" s="613"/>
      <c r="UEA698" s="613"/>
      <c r="UEB698" s="613"/>
      <c r="UEC698" s="613"/>
      <c r="UED698" s="613"/>
      <c r="UEE698" s="613"/>
      <c r="UEF698" s="613"/>
      <c r="UEG698" s="613"/>
      <c r="UEH698" s="613"/>
      <c r="UEI698" s="613"/>
      <c r="UEJ698" s="613"/>
      <c r="UEK698" s="613"/>
      <c r="UEL698" s="613"/>
      <c r="UEM698" s="613"/>
      <c r="UEN698" s="613"/>
      <c r="UEO698" s="613"/>
      <c r="UEP698" s="613"/>
      <c r="UEQ698" s="613"/>
      <c r="UER698" s="613"/>
      <c r="UES698" s="613"/>
      <c r="UET698" s="613"/>
      <c r="UEU698" s="613"/>
      <c r="UEV698" s="613"/>
      <c r="UEW698" s="613"/>
      <c r="UEX698" s="613"/>
      <c r="UEY698" s="613"/>
      <c r="UEZ698" s="613"/>
      <c r="UFA698" s="613"/>
      <c r="UFB698" s="613"/>
      <c r="UFC698" s="613"/>
      <c r="UFD698" s="613"/>
      <c r="UFE698" s="613"/>
      <c r="UFF698" s="613"/>
      <c r="UFG698" s="613"/>
      <c r="UFH698" s="613"/>
      <c r="UFI698" s="613"/>
      <c r="UFJ698" s="613"/>
      <c r="UFK698" s="613"/>
      <c r="UFL698" s="613"/>
      <c r="UFM698" s="613"/>
      <c r="UFN698" s="613"/>
      <c r="UFO698" s="613"/>
      <c r="UFP698" s="613"/>
      <c r="UFQ698" s="613"/>
      <c r="UFR698" s="613"/>
      <c r="UFS698" s="613"/>
      <c r="UFT698" s="613"/>
      <c r="UFU698" s="613"/>
      <c r="UFV698" s="613"/>
      <c r="UFW698" s="613"/>
      <c r="UFX698" s="613"/>
      <c r="UFY698" s="613"/>
      <c r="UFZ698" s="613"/>
      <c r="UGA698" s="613"/>
      <c r="UGB698" s="613"/>
      <c r="UGC698" s="613"/>
      <c r="UGD698" s="613"/>
      <c r="UGE698" s="613"/>
      <c r="UGF698" s="613"/>
      <c r="UGG698" s="613"/>
      <c r="UGH698" s="613"/>
      <c r="UGI698" s="613"/>
      <c r="UGJ698" s="613"/>
      <c r="UGK698" s="613"/>
      <c r="UGL698" s="613"/>
      <c r="UGM698" s="613"/>
      <c r="UGN698" s="613"/>
      <c r="UGO698" s="613"/>
      <c r="UGP698" s="613"/>
      <c r="UGQ698" s="613"/>
      <c r="UGR698" s="613"/>
      <c r="UGS698" s="613"/>
      <c r="UGT698" s="613"/>
      <c r="UGU698" s="613"/>
      <c r="UGV698" s="613"/>
      <c r="UGW698" s="613"/>
      <c r="UGX698" s="613"/>
      <c r="UGY698" s="613"/>
      <c r="UGZ698" s="613"/>
      <c r="UHA698" s="613"/>
      <c r="UHB698" s="613"/>
      <c r="UHC698" s="613"/>
      <c r="UHD698" s="613"/>
      <c r="UHE698" s="613"/>
      <c r="UHF698" s="613"/>
      <c r="UHG698" s="613"/>
      <c r="UHH698" s="613"/>
      <c r="UHI698" s="613"/>
      <c r="UHJ698" s="613"/>
      <c r="UHK698" s="613"/>
      <c r="UHL698" s="613"/>
      <c r="UHM698" s="613"/>
      <c r="UHN698" s="613"/>
      <c r="UHO698" s="613"/>
      <c r="UHP698" s="613"/>
      <c r="UHQ698" s="613"/>
      <c r="UHR698" s="613"/>
      <c r="UHS698" s="613"/>
      <c r="UHT698" s="613"/>
      <c r="UHU698" s="613"/>
      <c r="UHV698" s="613"/>
      <c r="UHW698" s="613"/>
      <c r="UHX698" s="613"/>
      <c r="UHY698" s="613"/>
      <c r="UHZ698" s="613"/>
      <c r="UIA698" s="613"/>
      <c r="UIB698" s="613"/>
      <c r="UIC698" s="613"/>
      <c r="UID698" s="613"/>
      <c r="UIE698" s="613"/>
      <c r="UIF698" s="613"/>
      <c r="UIG698" s="613"/>
      <c r="UIH698" s="613"/>
      <c r="UII698" s="613"/>
      <c r="UIJ698" s="613"/>
      <c r="UIK698" s="613"/>
      <c r="UIL698" s="613"/>
      <c r="UIM698" s="613"/>
      <c r="UIN698" s="613"/>
      <c r="UIO698" s="613"/>
      <c r="UIP698" s="613"/>
      <c r="UIQ698" s="613"/>
      <c r="UIR698" s="613"/>
      <c r="UIS698" s="613"/>
      <c r="UIT698" s="613"/>
      <c r="UIU698" s="613"/>
      <c r="UIV698" s="613"/>
      <c r="UIW698" s="613"/>
      <c r="UIX698" s="613"/>
      <c r="UIY698" s="613"/>
      <c r="UIZ698" s="613"/>
      <c r="UJA698" s="613"/>
      <c r="UJB698" s="613"/>
      <c r="UJC698" s="613"/>
      <c r="UJD698" s="613"/>
      <c r="UJE698" s="613"/>
      <c r="UJF698" s="613"/>
      <c r="UJG698" s="613"/>
      <c r="UJH698" s="613"/>
      <c r="UJI698" s="613"/>
      <c r="UJJ698" s="613"/>
      <c r="UJK698" s="613"/>
      <c r="UJL698" s="613"/>
      <c r="UJM698" s="613"/>
      <c r="UJN698" s="613"/>
      <c r="UJO698" s="613"/>
      <c r="UJP698" s="613"/>
      <c r="UJQ698" s="613"/>
      <c r="UJR698" s="613"/>
      <c r="UJS698" s="613"/>
      <c r="UJT698" s="613"/>
      <c r="UJU698" s="613"/>
      <c r="UJV698" s="613"/>
      <c r="UJW698" s="613"/>
      <c r="UJX698" s="613"/>
      <c r="UJY698" s="613"/>
      <c r="UJZ698" s="613"/>
      <c r="UKA698" s="613"/>
      <c r="UKB698" s="613"/>
      <c r="UKC698" s="613"/>
      <c r="UKD698" s="613"/>
      <c r="UKE698" s="613"/>
      <c r="UKF698" s="613"/>
      <c r="UKG698" s="613"/>
      <c r="UKH698" s="613"/>
      <c r="UKI698" s="613"/>
      <c r="UKJ698" s="613"/>
      <c r="UKK698" s="613"/>
      <c r="UKL698" s="613"/>
      <c r="UKM698" s="613"/>
      <c r="UKN698" s="613"/>
      <c r="UKO698" s="613"/>
      <c r="UKP698" s="613"/>
      <c r="UKQ698" s="613"/>
      <c r="UKR698" s="613"/>
      <c r="UKS698" s="613"/>
      <c r="UKT698" s="613"/>
      <c r="UKU698" s="613"/>
      <c r="UKV698" s="613"/>
      <c r="UKW698" s="613"/>
      <c r="UKX698" s="613"/>
      <c r="UKY698" s="613"/>
      <c r="UKZ698" s="613"/>
      <c r="ULA698" s="613"/>
      <c r="ULB698" s="613"/>
      <c r="ULC698" s="613"/>
      <c r="ULD698" s="613"/>
      <c r="ULE698" s="613"/>
      <c r="ULF698" s="613"/>
      <c r="ULG698" s="613"/>
      <c r="ULH698" s="613"/>
      <c r="ULI698" s="613"/>
      <c r="ULJ698" s="613"/>
      <c r="ULK698" s="613"/>
      <c r="ULL698" s="613"/>
      <c r="ULM698" s="613"/>
      <c r="ULN698" s="613"/>
      <c r="ULO698" s="613"/>
      <c r="ULP698" s="613"/>
      <c r="ULQ698" s="613"/>
      <c r="ULR698" s="613"/>
      <c r="ULS698" s="613"/>
      <c r="ULT698" s="613"/>
      <c r="ULU698" s="613"/>
      <c r="ULV698" s="613"/>
      <c r="ULW698" s="613"/>
      <c r="ULX698" s="613"/>
      <c r="ULY698" s="613"/>
      <c r="ULZ698" s="613"/>
      <c r="UMA698" s="613"/>
      <c r="UMB698" s="613"/>
      <c r="UMC698" s="613"/>
      <c r="UMD698" s="613"/>
      <c r="UME698" s="613"/>
      <c r="UMF698" s="613"/>
      <c r="UMG698" s="613"/>
      <c r="UMH698" s="613"/>
      <c r="UMI698" s="613"/>
      <c r="UMJ698" s="613"/>
      <c r="UMK698" s="613"/>
      <c r="UML698" s="613"/>
      <c r="UMM698" s="613"/>
      <c r="UMN698" s="613"/>
      <c r="UMO698" s="613"/>
      <c r="UMP698" s="613"/>
      <c r="UMQ698" s="613"/>
      <c r="UMR698" s="613"/>
      <c r="UMS698" s="613"/>
      <c r="UMT698" s="613"/>
      <c r="UMU698" s="613"/>
      <c r="UMV698" s="613"/>
      <c r="UMW698" s="613"/>
      <c r="UMX698" s="613"/>
      <c r="UMY698" s="613"/>
      <c r="UMZ698" s="613"/>
      <c r="UNA698" s="613"/>
      <c r="UNB698" s="613"/>
      <c r="UNC698" s="613"/>
      <c r="UND698" s="613"/>
      <c r="UNE698" s="613"/>
      <c r="UNF698" s="613"/>
      <c r="UNG698" s="613"/>
      <c r="UNH698" s="613"/>
      <c r="UNI698" s="613"/>
      <c r="UNJ698" s="613"/>
      <c r="UNK698" s="613"/>
      <c r="UNL698" s="613"/>
      <c r="UNM698" s="613"/>
      <c r="UNN698" s="613"/>
      <c r="UNO698" s="613"/>
      <c r="UNP698" s="613"/>
      <c r="UNQ698" s="613"/>
      <c r="UNR698" s="613"/>
      <c r="UNS698" s="613"/>
      <c r="UNT698" s="613"/>
      <c r="UNU698" s="613"/>
      <c r="UNV698" s="613"/>
      <c r="UNW698" s="613"/>
      <c r="UNX698" s="613"/>
      <c r="UNY698" s="613"/>
      <c r="UNZ698" s="613"/>
      <c r="UOA698" s="613"/>
      <c r="UOB698" s="613"/>
      <c r="UOC698" s="613"/>
      <c r="UOD698" s="613"/>
      <c r="UOE698" s="613"/>
      <c r="UOF698" s="613"/>
      <c r="UOG698" s="613"/>
      <c r="UOH698" s="613"/>
      <c r="UOI698" s="613"/>
      <c r="UOJ698" s="613"/>
      <c r="UOK698" s="613"/>
      <c r="UOL698" s="613"/>
      <c r="UOM698" s="613"/>
      <c r="UON698" s="613"/>
      <c r="UOO698" s="613"/>
      <c r="UOP698" s="613"/>
      <c r="UOQ698" s="613"/>
      <c r="UOR698" s="613"/>
      <c r="UOS698" s="613"/>
      <c r="UOT698" s="613"/>
      <c r="UOU698" s="613"/>
      <c r="UOV698" s="613"/>
      <c r="UOW698" s="613"/>
      <c r="UOX698" s="613"/>
      <c r="UOY698" s="613"/>
      <c r="UOZ698" s="613"/>
      <c r="UPA698" s="613"/>
      <c r="UPB698" s="613"/>
      <c r="UPC698" s="613"/>
      <c r="UPD698" s="613"/>
      <c r="UPE698" s="613"/>
      <c r="UPF698" s="613"/>
      <c r="UPG698" s="613"/>
      <c r="UPH698" s="613"/>
      <c r="UPI698" s="613"/>
      <c r="UPJ698" s="613"/>
      <c r="UPK698" s="613"/>
      <c r="UPL698" s="613"/>
      <c r="UPM698" s="613"/>
      <c r="UPN698" s="613"/>
      <c r="UPO698" s="613"/>
      <c r="UPP698" s="613"/>
      <c r="UPQ698" s="613"/>
      <c r="UPR698" s="613"/>
      <c r="UPS698" s="613"/>
      <c r="UPT698" s="613"/>
      <c r="UPU698" s="613"/>
      <c r="UPV698" s="613"/>
      <c r="UPW698" s="613"/>
      <c r="UPX698" s="613"/>
      <c r="UPY698" s="613"/>
      <c r="UPZ698" s="613"/>
      <c r="UQA698" s="613"/>
      <c r="UQB698" s="613"/>
      <c r="UQC698" s="613"/>
      <c r="UQD698" s="613"/>
      <c r="UQE698" s="613"/>
      <c r="UQF698" s="613"/>
      <c r="UQG698" s="613"/>
      <c r="UQH698" s="613"/>
      <c r="UQI698" s="613"/>
      <c r="UQJ698" s="613"/>
      <c r="UQK698" s="613"/>
      <c r="UQL698" s="613"/>
      <c r="UQM698" s="613"/>
      <c r="UQN698" s="613"/>
      <c r="UQO698" s="613"/>
      <c r="UQP698" s="613"/>
      <c r="UQQ698" s="613"/>
      <c r="UQR698" s="613"/>
      <c r="UQS698" s="613"/>
      <c r="UQT698" s="613"/>
      <c r="UQU698" s="613"/>
      <c r="UQV698" s="613"/>
      <c r="UQW698" s="613"/>
      <c r="UQX698" s="613"/>
      <c r="UQY698" s="613"/>
      <c r="UQZ698" s="613"/>
      <c r="URA698" s="613"/>
      <c r="URB698" s="613"/>
      <c r="URC698" s="613"/>
      <c r="URD698" s="613"/>
      <c r="URE698" s="613"/>
      <c r="URF698" s="613"/>
      <c r="URG698" s="613"/>
      <c r="URH698" s="613"/>
      <c r="URI698" s="613"/>
      <c r="URJ698" s="613"/>
      <c r="URK698" s="613"/>
      <c r="URL698" s="613"/>
      <c r="URM698" s="613"/>
      <c r="URN698" s="613"/>
      <c r="URO698" s="613"/>
      <c r="URP698" s="613"/>
      <c r="URQ698" s="613"/>
      <c r="URR698" s="613"/>
      <c r="URS698" s="613"/>
      <c r="URT698" s="613"/>
      <c r="URU698" s="613"/>
      <c r="URV698" s="613"/>
      <c r="URW698" s="613"/>
      <c r="URX698" s="613"/>
      <c r="URY698" s="613"/>
      <c r="URZ698" s="613"/>
      <c r="USA698" s="613"/>
      <c r="USB698" s="613"/>
      <c r="USC698" s="613"/>
      <c r="USD698" s="613"/>
      <c r="USE698" s="613"/>
      <c r="USF698" s="613"/>
      <c r="USG698" s="613"/>
      <c r="USH698" s="613"/>
      <c r="USI698" s="613"/>
      <c r="USJ698" s="613"/>
      <c r="USK698" s="613"/>
      <c r="USL698" s="613"/>
      <c r="USM698" s="613"/>
      <c r="USN698" s="613"/>
      <c r="USO698" s="613"/>
      <c r="USP698" s="613"/>
      <c r="USQ698" s="613"/>
      <c r="USR698" s="613"/>
      <c r="USS698" s="613"/>
      <c r="UST698" s="613"/>
      <c r="USU698" s="613"/>
      <c r="USV698" s="613"/>
      <c r="USW698" s="613"/>
      <c r="USX698" s="613"/>
      <c r="USY698" s="613"/>
      <c r="USZ698" s="613"/>
      <c r="UTA698" s="613"/>
      <c r="UTB698" s="613"/>
      <c r="UTC698" s="613"/>
      <c r="UTD698" s="613"/>
      <c r="UTE698" s="613"/>
      <c r="UTF698" s="613"/>
      <c r="UTG698" s="613"/>
      <c r="UTH698" s="613"/>
      <c r="UTI698" s="613"/>
      <c r="UTJ698" s="613"/>
      <c r="UTK698" s="613"/>
      <c r="UTL698" s="613"/>
      <c r="UTM698" s="613"/>
      <c r="UTN698" s="613"/>
      <c r="UTO698" s="613"/>
      <c r="UTP698" s="613"/>
      <c r="UTQ698" s="613"/>
      <c r="UTR698" s="613"/>
      <c r="UTS698" s="613"/>
      <c r="UTT698" s="613"/>
      <c r="UTU698" s="613"/>
      <c r="UTV698" s="613"/>
      <c r="UTW698" s="613"/>
      <c r="UTX698" s="613"/>
      <c r="UTY698" s="613"/>
      <c r="UTZ698" s="613"/>
      <c r="UUA698" s="613"/>
      <c r="UUB698" s="613"/>
      <c r="UUC698" s="613"/>
      <c r="UUD698" s="613"/>
      <c r="UUE698" s="613"/>
      <c r="UUF698" s="613"/>
      <c r="UUG698" s="613"/>
      <c r="UUH698" s="613"/>
      <c r="UUI698" s="613"/>
      <c r="UUJ698" s="613"/>
      <c r="UUK698" s="613"/>
      <c r="UUL698" s="613"/>
      <c r="UUM698" s="613"/>
      <c r="UUN698" s="613"/>
      <c r="UUO698" s="613"/>
      <c r="UUP698" s="613"/>
      <c r="UUQ698" s="613"/>
      <c r="UUR698" s="613"/>
      <c r="UUS698" s="613"/>
      <c r="UUT698" s="613"/>
      <c r="UUU698" s="613"/>
      <c r="UUV698" s="613"/>
      <c r="UUW698" s="613"/>
      <c r="UUX698" s="613"/>
      <c r="UUY698" s="613"/>
      <c r="UUZ698" s="613"/>
      <c r="UVA698" s="613"/>
      <c r="UVB698" s="613"/>
      <c r="UVC698" s="613"/>
      <c r="UVD698" s="613"/>
      <c r="UVE698" s="613"/>
      <c r="UVF698" s="613"/>
      <c r="UVG698" s="613"/>
      <c r="UVH698" s="613"/>
      <c r="UVI698" s="613"/>
      <c r="UVJ698" s="613"/>
      <c r="UVK698" s="613"/>
      <c r="UVL698" s="613"/>
      <c r="UVM698" s="613"/>
      <c r="UVN698" s="613"/>
      <c r="UVO698" s="613"/>
      <c r="UVP698" s="613"/>
      <c r="UVQ698" s="613"/>
      <c r="UVR698" s="613"/>
      <c r="UVS698" s="613"/>
      <c r="UVT698" s="613"/>
      <c r="UVU698" s="613"/>
      <c r="UVV698" s="613"/>
      <c r="UVW698" s="613"/>
      <c r="UVX698" s="613"/>
      <c r="UVY698" s="613"/>
      <c r="UVZ698" s="613"/>
      <c r="UWA698" s="613"/>
      <c r="UWB698" s="613"/>
      <c r="UWC698" s="613"/>
      <c r="UWD698" s="613"/>
      <c r="UWE698" s="613"/>
      <c r="UWF698" s="613"/>
      <c r="UWG698" s="613"/>
      <c r="UWH698" s="613"/>
      <c r="UWI698" s="613"/>
      <c r="UWJ698" s="613"/>
      <c r="UWK698" s="613"/>
      <c r="UWL698" s="613"/>
      <c r="UWM698" s="613"/>
      <c r="UWN698" s="613"/>
      <c r="UWO698" s="613"/>
      <c r="UWP698" s="613"/>
      <c r="UWQ698" s="613"/>
      <c r="UWR698" s="613"/>
      <c r="UWS698" s="613"/>
      <c r="UWT698" s="613"/>
      <c r="UWU698" s="613"/>
      <c r="UWV698" s="613"/>
      <c r="UWW698" s="613"/>
      <c r="UWX698" s="613"/>
      <c r="UWY698" s="613"/>
      <c r="UWZ698" s="613"/>
      <c r="UXA698" s="613"/>
      <c r="UXB698" s="613"/>
      <c r="UXC698" s="613"/>
      <c r="UXD698" s="613"/>
      <c r="UXE698" s="613"/>
      <c r="UXF698" s="613"/>
      <c r="UXG698" s="613"/>
      <c r="UXH698" s="613"/>
      <c r="UXI698" s="613"/>
      <c r="UXJ698" s="613"/>
      <c r="UXK698" s="613"/>
      <c r="UXL698" s="613"/>
      <c r="UXM698" s="613"/>
      <c r="UXN698" s="613"/>
      <c r="UXO698" s="613"/>
      <c r="UXP698" s="613"/>
      <c r="UXQ698" s="613"/>
      <c r="UXR698" s="613"/>
      <c r="UXS698" s="613"/>
      <c r="UXT698" s="613"/>
      <c r="UXU698" s="613"/>
      <c r="UXV698" s="613"/>
      <c r="UXW698" s="613"/>
      <c r="UXX698" s="613"/>
      <c r="UXY698" s="613"/>
      <c r="UXZ698" s="613"/>
      <c r="UYA698" s="613"/>
      <c r="UYB698" s="613"/>
      <c r="UYC698" s="613"/>
      <c r="UYD698" s="613"/>
      <c r="UYE698" s="613"/>
      <c r="UYF698" s="613"/>
      <c r="UYG698" s="613"/>
      <c r="UYH698" s="613"/>
      <c r="UYI698" s="613"/>
      <c r="UYJ698" s="613"/>
      <c r="UYK698" s="613"/>
      <c r="UYL698" s="613"/>
      <c r="UYM698" s="613"/>
      <c r="UYN698" s="613"/>
      <c r="UYO698" s="613"/>
      <c r="UYP698" s="613"/>
      <c r="UYQ698" s="613"/>
      <c r="UYR698" s="613"/>
      <c r="UYS698" s="613"/>
      <c r="UYT698" s="613"/>
      <c r="UYU698" s="613"/>
      <c r="UYV698" s="613"/>
      <c r="UYW698" s="613"/>
      <c r="UYX698" s="613"/>
      <c r="UYY698" s="613"/>
      <c r="UYZ698" s="613"/>
      <c r="UZA698" s="613"/>
      <c r="UZB698" s="613"/>
      <c r="UZC698" s="613"/>
      <c r="UZD698" s="613"/>
      <c r="UZE698" s="613"/>
      <c r="UZF698" s="613"/>
      <c r="UZG698" s="613"/>
      <c r="UZH698" s="613"/>
      <c r="UZI698" s="613"/>
      <c r="UZJ698" s="613"/>
      <c r="UZK698" s="613"/>
      <c r="UZL698" s="613"/>
      <c r="UZM698" s="613"/>
      <c r="UZN698" s="613"/>
      <c r="UZO698" s="613"/>
      <c r="UZP698" s="613"/>
      <c r="UZQ698" s="613"/>
      <c r="UZR698" s="613"/>
      <c r="UZS698" s="613"/>
      <c r="UZT698" s="613"/>
      <c r="UZU698" s="613"/>
      <c r="UZV698" s="613"/>
      <c r="UZW698" s="613"/>
      <c r="UZX698" s="613"/>
      <c r="UZY698" s="613"/>
      <c r="UZZ698" s="613"/>
      <c r="VAA698" s="613"/>
      <c r="VAB698" s="613"/>
      <c r="VAC698" s="613"/>
      <c r="VAD698" s="613"/>
      <c r="VAE698" s="613"/>
      <c r="VAF698" s="613"/>
      <c r="VAG698" s="613"/>
      <c r="VAH698" s="613"/>
      <c r="VAI698" s="613"/>
      <c r="VAJ698" s="613"/>
      <c r="VAK698" s="613"/>
      <c r="VAL698" s="613"/>
      <c r="VAM698" s="613"/>
      <c r="VAN698" s="613"/>
      <c r="VAO698" s="613"/>
      <c r="VAP698" s="613"/>
      <c r="VAQ698" s="613"/>
      <c r="VAR698" s="613"/>
      <c r="VAS698" s="613"/>
      <c r="VAT698" s="613"/>
      <c r="VAU698" s="613"/>
      <c r="VAV698" s="613"/>
      <c r="VAW698" s="613"/>
      <c r="VAX698" s="613"/>
      <c r="VAY698" s="613"/>
      <c r="VAZ698" s="613"/>
      <c r="VBA698" s="613"/>
      <c r="VBB698" s="613"/>
      <c r="VBC698" s="613"/>
      <c r="VBD698" s="613"/>
      <c r="VBE698" s="613"/>
      <c r="VBF698" s="613"/>
      <c r="VBG698" s="613"/>
      <c r="VBH698" s="613"/>
      <c r="VBI698" s="613"/>
      <c r="VBJ698" s="613"/>
      <c r="VBK698" s="613"/>
      <c r="VBL698" s="613"/>
      <c r="VBM698" s="613"/>
      <c r="VBN698" s="613"/>
      <c r="VBO698" s="613"/>
      <c r="VBP698" s="613"/>
      <c r="VBQ698" s="613"/>
      <c r="VBR698" s="613"/>
      <c r="VBS698" s="613"/>
      <c r="VBT698" s="613"/>
      <c r="VBU698" s="613"/>
      <c r="VBV698" s="613"/>
      <c r="VBW698" s="613"/>
      <c r="VBX698" s="613"/>
      <c r="VBY698" s="613"/>
      <c r="VBZ698" s="613"/>
      <c r="VCA698" s="613"/>
      <c r="VCB698" s="613"/>
      <c r="VCC698" s="613"/>
      <c r="VCD698" s="613"/>
      <c r="VCE698" s="613"/>
      <c r="VCF698" s="613"/>
      <c r="VCG698" s="613"/>
      <c r="VCH698" s="613"/>
      <c r="VCI698" s="613"/>
      <c r="VCJ698" s="613"/>
      <c r="VCK698" s="613"/>
      <c r="VCL698" s="613"/>
      <c r="VCM698" s="613"/>
      <c r="VCN698" s="613"/>
      <c r="VCO698" s="613"/>
      <c r="VCP698" s="613"/>
      <c r="VCQ698" s="613"/>
      <c r="VCR698" s="613"/>
      <c r="VCS698" s="613"/>
      <c r="VCT698" s="613"/>
      <c r="VCU698" s="613"/>
      <c r="VCV698" s="613"/>
      <c r="VCW698" s="613"/>
      <c r="VCX698" s="613"/>
      <c r="VCY698" s="613"/>
      <c r="VCZ698" s="613"/>
      <c r="VDA698" s="613"/>
      <c r="VDB698" s="613"/>
      <c r="VDC698" s="613"/>
      <c r="VDD698" s="613"/>
      <c r="VDE698" s="613"/>
      <c r="VDF698" s="613"/>
      <c r="VDG698" s="613"/>
      <c r="VDH698" s="613"/>
      <c r="VDI698" s="613"/>
      <c r="VDJ698" s="613"/>
      <c r="VDK698" s="613"/>
      <c r="VDL698" s="613"/>
      <c r="VDM698" s="613"/>
      <c r="VDN698" s="613"/>
      <c r="VDO698" s="613"/>
      <c r="VDP698" s="613"/>
      <c r="VDQ698" s="613"/>
      <c r="VDR698" s="613"/>
      <c r="VDS698" s="613"/>
      <c r="VDT698" s="613"/>
      <c r="VDU698" s="613"/>
      <c r="VDV698" s="613"/>
      <c r="VDW698" s="613"/>
      <c r="VDX698" s="613"/>
      <c r="VDY698" s="613"/>
      <c r="VDZ698" s="613"/>
      <c r="VEA698" s="613"/>
      <c r="VEB698" s="613"/>
      <c r="VEC698" s="613"/>
      <c r="VED698" s="613"/>
      <c r="VEE698" s="613"/>
      <c r="VEF698" s="613"/>
      <c r="VEG698" s="613"/>
      <c r="VEH698" s="613"/>
      <c r="VEI698" s="613"/>
      <c r="VEJ698" s="613"/>
      <c r="VEK698" s="613"/>
      <c r="VEL698" s="613"/>
      <c r="VEM698" s="613"/>
      <c r="VEN698" s="613"/>
      <c r="VEO698" s="613"/>
      <c r="VEP698" s="613"/>
      <c r="VEQ698" s="613"/>
      <c r="VER698" s="613"/>
      <c r="VES698" s="613"/>
      <c r="VET698" s="613"/>
      <c r="VEU698" s="613"/>
      <c r="VEV698" s="613"/>
      <c r="VEW698" s="613"/>
      <c r="VEX698" s="613"/>
      <c r="VEY698" s="613"/>
      <c r="VEZ698" s="613"/>
      <c r="VFA698" s="613"/>
      <c r="VFB698" s="613"/>
      <c r="VFC698" s="613"/>
      <c r="VFD698" s="613"/>
      <c r="VFE698" s="613"/>
      <c r="VFF698" s="613"/>
      <c r="VFG698" s="613"/>
      <c r="VFH698" s="613"/>
      <c r="VFI698" s="613"/>
      <c r="VFJ698" s="613"/>
      <c r="VFK698" s="613"/>
      <c r="VFL698" s="613"/>
      <c r="VFM698" s="613"/>
      <c r="VFN698" s="613"/>
      <c r="VFO698" s="613"/>
      <c r="VFP698" s="613"/>
      <c r="VFQ698" s="613"/>
      <c r="VFR698" s="613"/>
      <c r="VFS698" s="613"/>
      <c r="VFT698" s="613"/>
      <c r="VFU698" s="613"/>
      <c r="VFV698" s="613"/>
      <c r="VFW698" s="613"/>
      <c r="VFX698" s="613"/>
      <c r="VFY698" s="613"/>
      <c r="VFZ698" s="613"/>
      <c r="VGA698" s="613"/>
      <c r="VGB698" s="613"/>
      <c r="VGC698" s="613"/>
      <c r="VGD698" s="613"/>
      <c r="VGE698" s="613"/>
      <c r="VGF698" s="613"/>
      <c r="VGG698" s="613"/>
      <c r="VGH698" s="613"/>
      <c r="VGI698" s="613"/>
      <c r="VGJ698" s="613"/>
      <c r="VGK698" s="613"/>
      <c r="VGL698" s="613"/>
      <c r="VGM698" s="613"/>
      <c r="VGN698" s="613"/>
      <c r="VGO698" s="613"/>
      <c r="VGP698" s="613"/>
      <c r="VGQ698" s="613"/>
      <c r="VGR698" s="613"/>
      <c r="VGS698" s="613"/>
      <c r="VGT698" s="613"/>
      <c r="VGU698" s="613"/>
      <c r="VGV698" s="613"/>
      <c r="VGW698" s="613"/>
      <c r="VGX698" s="613"/>
      <c r="VGY698" s="613"/>
      <c r="VGZ698" s="613"/>
      <c r="VHA698" s="613"/>
      <c r="VHB698" s="613"/>
      <c r="VHC698" s="613"/>
      <c r="VHD698" s="613"/>
      <c r="VHE698" s="613"/>
      <c r="VHF698" s="613"/>
      <c r="VHG698" s="613"/>
      <c r="VHH698" s="613"/>
      <c r="VHI698" s="613"/>
      <c r="VHJ698" s="613"/>
      <c r="VHK698" s="613"/>
      <c r="VHL698" s="613"/>
      <c r="VHM698" s="613"/>
      <c r="VHN698" s="613"/>
      <c r="VHO698" s="613"/>
      <c r="VHP698" s="613"/>
      <c r="VHQ698" s="613"/>
      <c r="VHR698" s="613"/>
      <c r="VHS698" s="613"/>
      <c r="VHT698" s="613"/>
      <c r="VHU698" s="613"/>
      <c r="VHV698" s="613"/>
      <c r="VHW698" s="613"/>
      <c r="VHX698" s="613"/>
      <c r="VHY698" s="613"/>
      <c r="VHZ698" s="613"/>
      <c r="VIA698" s="613"/>
      <c r="VIB698" s="613"/>
      <c r="VIC698" s="613"/>
      <c r="VID698" s="613"/>
      <c r="VIE698" s="613"/>
      <c r="VIF698" s="613"/>
      <c r="VIG698" s="613"/>
      <c r="VIH698" s="613"/>
      <c r="VII698" s="613"/>
      <c r="VIJ698" s="613"/>
      <c r="VIK698" s="613"/>
      <c r="VIL698" s="613"/>
      <c r="VIM698" s="613"/>
      <c r="VIN698" s="613"/>
      <c r="VIO698" s="613"/>
      <c r="VIP698" s="613"/>
      <c r="VIQ698" s="613"/>
      <c r="VIR698" s="613"/>
      <c r="VIS698" s="613"/>
      <c r="VIT698" s="613"/>
      <c r="VIU698" s="613"/>
      <c r="VIV698" s="613"/>
      <c r="VIW698" s="613"/>
      <c r="VIX698" s="613"/>
      <c r="VIY698" s="613"/>
      <c r="VIZ698" s="613"/>
      <c r="VJA698" s="613"/>
      <c r="VJB698" s="613"/>
      <c r="VJC698" s="613"/>
      <c r="VJD698" s="613"/>
      <c r="VJE698" s="613"/>
      <c r="VJF698" s="613"/>
      <c r="VJG698" s="613"/>
      <c r="VJH698" s="613"/>
      <c r="VJI698" s="613"/>
      <c r="VJJ698" s="613"/>
      <c r="VJK698" s="613"/>
      <c r="VJL698" s="613"/>
      <c r="VJM698" s="613"/>
      <c r="VJN698" s="613"/>
      <c r="VJO698" s="613"/>
      <c r="VJP698" s="613"/>
      <c r="VJQ698" s="613"/>
      <c r="VJR698" s="613"/>
      <c r="VJS698" s="613"/>
      <c r="VJT698" s="613"/>
      <c r="VJU698" s="613"/>
      <c r="VJV698" s="613"/>
      <c r="VJW698" s="613"/>
      <c r="VJX698" s="613"/>
      <c r="VJY698" s="613"/>
      <c r="VJZ698" s="613"/>
      <c r="VKA698" s="613"/>
      <c r="VKB698" s="613"/>
      <c r="VKC698" s="613"/>
      <c r="VKD698" s="613"/>
      <c r="VKE698" s="613"/>
      <c r="VKF698" s="613"/>
      <c r="VKG698" s="613"/>
      <c r="VKH698" s="613"/>
      <c r="VKI698" s="613"/>
      <c r="VKJ698" s="613"/>
      <c r="VKK698" s="613"/>
      <c r="VKL698" s="613"/>
      <c r="VKM698" s="613"/>
      <c r="VKN698" s="613"/>
      <c r="VKO698" s="613"/>
      <c r="VKP698" s="613"/>
      <c r="VKQ698" s="613"/>
      <c r="VKR698" s="613"/>
      <c r="VKS698" s="613"/>
      <c r="VKT698" s="613"/>
      <c r="VKU698" s="613"/>
      <c r="VKV698" s="613"/>
      <c r="VKW698" s="613"/>
      <c r="VKX698" s="613"/>
      <c r="VKY698" s="613"/>
      <c r="VKZ698" s="613"/>
      <c r="VLA698" s="613"/>
      <c r="VLB698" s="613"/>
      <c r="VLC698" s="613"/>
      <c r="VLD698" s="613"/>
      <c r="VLE698" s="613"/>
      <c r="VLF698" s="613"/>
      <c r="VLG698" s="613"/>
      <c r="VLH698" s="613"/>
      <c r="VLI698" s="613"/>
      <c r="VLJ698" s="613"/>
      <c r="VLK698" s="613"/>
      <c r="VLL698" s="613"/>
      <c r="VLM698" s="613"/>
      <c r="VLN698" s="613"/>
      <c r="VLO698" s="613"/>
      <c r="VLP698" s="613"/>
      <c r="VLQ698" s="613"/>
      <c r="VLR698" s="613"/>
      <c r="VLS698" s="613"/>
      <c r="VLT698" s="613"/>
      <c r="VLU698" s="613"/>
      <c r="VLV698" s="613"/>
      <c r="VLW698" s="613"/>
      <c r="VLX698" s="613"/>
      <c r="VLY698" s="613"/>
      <c r="VLZ698" s="613"/>
      <c r="VMA698" s="613"/>
      <c r="VMB698" s="613"/>
      <c r="VMC698" s="613"/>
      <c r="VMD698" s="613"/>
      <c r="VME698" s="613"/>
      <c r="VMF698" s="613"/>
      <c r="VMG698" s="613"/>
      <c r="VMH698" s="613"/>
      <c r="VMI698" s="613"/>
      <c r="VMJ698" s="613"/>
      <c r="VMK698" s="613"/>
      <c r="VML698" s="613"/>
      <c r="VMM698" s="613"/>
      <c r="VMN698" s="613"/>
      <c r="VMO698" s="613"/>
      <c r="VMP698" s="613"/>
      <c r="VMQ698" s="613"/>
      <c r="VMR698" s="613"/>
      <c r="VMS698" s="613"/>
      <c r="VMT698" s="613"/>
      <c r="VMU698" s="613"/>
      <c r="VMV698" s="613"/>
      <c r="VMW698" s="613"/>
      <c r="VMX698" s="613"/>
      <c r="VMY698" s="613"/>
      <c r="VMZ698" s="613"/>
      <c r="VNA698" s="613"/>
      <c r="VNB698" s="613"/>
      <c r="VNC698" s="613"/>
      <c r="VND698" s="613"/>
      <c r="VNE698" s="613"/>
      <c r="VNF698" s="613"/>
      <c r="VNG698" s="613"/>
      <c r="VNH698" s="613"/>
      <c r="VNI698" s="613"/>
      <c r="VNJ698" s="613"/>
      <c r="VNK698" s="613"/>
      <c r="VNL698" s="613"/>
      <c r="VNM698" s="613"/>
      <c r="VNN698" s="613"/>
      <c r="VNO698" s="613"/>
      <c r="VNP698" s="613"/>
      <c r="VNQ698" s="613"/>
      <c r="VNR698" s="613"/>
      <c r="VNS698" s="613"/>
      <c r="VNT698" s="613"/>
      <c r="VNU698" s="613"/>
      <c r="VNV698" s="613"/>
      <c r="VNW698" s="613"/>
      <c r="VNX698" s="613"/>
      <c r="VNY698" s="613"/>
      <c r="VNZ698" s="613"/>
      <c r="VOA698" s="613"/>
      <c r="VOB698" s="613"/>
      <c r="VOC698" s="613"/>
      <c r="VOD698" s="613"/>
      <c r="VOE698" s="613"/>
      <c r="VOF698" s="613"/>
      <c r="VOG698" s="613"/>
      <c r="VOH698" s="613"/>
      <c r="VOI698" s="613"/>
      <c r="VOJ698" s="613"/>
      <c r="VOK698" s="613"/>
      <c r="VOL698" s="613"/>
      <c r="VOM698" s="613"/>
      <c r="VON698" s="613"/>
      <c r="VOO698" s="613"/>
      <c r="VOP698" s="613"/>
      <c r="VOQ698" s="613"/>
      <c r="VOR698" s="613"/>
      <c r="VOS698" s="613"/>
      <c r="VOT698" s="613"/>
      <c r="VOU698" s="613"/>
      <c r="VOV698" s="613"/>
      <c r="VOW698" s="613"/>
      <c r="VOX698" s="613"/>
      <c r="VOY698" s="613"/>
      <c r="VOZ698" s="613"/>
      <c r="VPA698" s="613"/>
      <c r="VPB698" s="613"/>
      <c r="VPC698" s="613"/>
      <c r="VPD698" s="613"/>
      <c r="VPE698" s="613"/>
      <c r="VPF698" s="613"/>
      <c r="VPG698" s="613"/>
      <c r="VPH698" s="613"/>
      <c r="VPI698" s="613"/>
      <c r="VPJ698" s="613"/>
      <c r="VPK698" s="613"/>
      <c r="VPL698" s="613"/>
      <c r="VPM698" s="613"/>
      <c r="VPN698" s="613"/>
      <c r="VPO698" s="613"/>
      <c r="VPP698" s="613"/>
      <c r="VPQ698" s="613"/>
      <c r="VPR698" s="613"/>
      <c r="VPS698" s="613"/>
      <c r="VPT698" s="613"/>
      <c r="VPU698" s="613"/>
      <c r="VPV698" s="613"/>
      <c r="VPW698" s="613"/>
      <c r="VPX698" s="613"/>
      <c r="VPY698" s="613"/>
      <c r="VPZ698" s="613"/>
      <c r="VQA698" s="613"/>
      <c r="VQB698" s="613"/>
      <c r="VQC698" s="613"/>
      <c r="VQD698" s="613"/>
      <c r="VQE698" s="613"/>
      <c r="VQF698" s="613"/>
      <c r="VQG698" s="613"/>
      <c r="VQH698" s="613"/>
      <c r="VQI698" s="613"/>
      <c r="VQJ698" s="613"/>
      <c r="VQK698" s="613"/>
      <c r="VQL698" s="613"/>
      <c r="VQM698" s="613"/>
      <c r="VQN698" s="613"/>
      <c r="VQO698" s="613"/>
      <c r="VQP698" s="613"/>
      <c r="VQQ698" s="613"/>
      <c r="VQR698" s="613"/>
      <c r="VQS698" s="613"/>
      <c r="VQT698" s="613"/>
      <c r="VQU698" s="613"/>
      <c r="VQV698" s="613"/>
      <c r="VQW698" s="613"/>
      <c r="VQX698" s="613"/>
      <c r="VQY698" s="613"/>
      <c r="VQZ698" s="613"/>
      <c r="VRA698" s="613"/>
      <c r="VRB698" s="613"/>
      <c r="VRC698" s="613"/>
      <c r="VRD698" s="613"/>
      <c r="VRE698" s="613"/>
      <c r="VRF698" s="613"/>
      <c r="VRG698" s="613"/>
      <c r="VRH698" s="613"/>
      <c r="VRI698" s="613"/>
      <c r="VRJ698" s="613"/>
      <c r="VRK698" s="613"/>
      <c r="VRL698" s="613"/>
      <c r="VRM698" s="613"/>
      <c r="VRN698" s="613"/>
      <c r="VRO698" s="613"/>
      <c r="VRP698" s="613"/>
      <c r="VRQ698" s="613"/>
      <c r="VRR698" s="613"/>
      <c r="VRS698" s="613"/>
      <c r="VRT698" s="613"/>
      <c r="VRU698" s="613"/>
      <c r="VRV698" s="613"/>
      <c r="VRW698" s="613"/>
      <c r="VRX698" s="613"/>
      <c r="VRY698" s="613"/>
      <c r="VRZ698" s="613"/>
      <c r="VSA698" s="613"/>
      <c r="VSB698" s="613"/>
      <c r="VSC698" s="613"/>
      <c r="VSD698" s="613"/>
      <c r="VSE698" s="613"/>
      <c r="VSF698" s="613"/>
      <c r="VSG698" s="613"/>
      <c r="VSH698" s="613"/>
      <c r="VSI698" s="613"/>
      <c r="VSJ698" s="613"/>
      <c r="VSK698" s="613"/>
      <c r="VSL698" s="613"/>
      <c r="VSM698" s="613"/>
      <c r="VSN698" s="613"/>
      <c r="VSO698" s="613"/>
      <c r="VSP698" s="613"/>
      <c r="VSQ698" s="613"/>
      <c r="VSR698" s="613"/>
      <c r="VSS698" s="613"/>
      <c r="VST698" s="613"/>
      <c r="VSU698" s="613"/>
      <c r="VSV698" s="613"/>
      <c r="VSW698" s="613"/>
      <c r="VSX698" s="613"/>
      <c r="VSY698" s="613"/>
      <c r="VSZ698" s="613"/>
      <c r="VTA698" s="613"/>
      <c r="VTB698" s="613"/>
      <c r="VTC698" s="613"/>
      <c r="VTD698" s="613"/>
      <c r="VTE698" s="613"/>
      <c r="VTF698" s="613"/>
      <c r="VTG698" s="613"/>
      <c r="VTH698" s="613"/>
      <c r="VTI698" s="613"/>
      <c r="VTJ698" s="613"/>
      <c r="VTK698" s="613"/>
      <c r="VTL698" s="613"/>
      <c r="VTM698" s="613"/>
      <c r="VTN698" s="613"/>
      <c r="VTO698" s="613"/>
      <c r="VTP698" s="613"/>
      <c r="VTQ698" s="613"/>
      <c r="VTR698" s="613"/>
      <c r="VTS698" s="613"/>
      <c r="VTT698" s="613"/>
      <c r="VTU698" s="613"/>
      <c r="VTV698" s="613"/>
      <c r="VTW698" s="613"/>
      <c r="VTX698" s="613"/>
      <c r="VTY698" s="613"/>
      <c r="VTZ698" s="613"/>
      <c r="VUA698" s="613"/>
      <c r="VUB698" s="613"/>
      <c r="VUC698" s="613"/>
      <c r="VUD698" s="613"/>
      <c r="VUE698" s="613"/>
      <c r="VUF698" s="613"/>
      <c r="VUG698" s="613"/>
      <c r="VUH698" s="613"/>
      <c r="VUI698" s="613"/>
      <c r="VUJ698" s="613"/>
      <c r="VUK698" s="613"/>
      <c r="VUL698" s="613"/>
      <c r="VUM698" s="613"/>
      <c r="VUN698" s="613"/>
      <c r="VUO698" s="613"/>
      <c r="VUP698" s="613"/>
      <c r="VUQ698" s="613"/>
      <c r="VUR698" s="613"/>
      <c r="VUS698" s="613"/>
      <c r="VUT698" s="613"/>
      <c r="VUU698" s="613"/>
      <c r="VUV698" s="613"/>
      <c r="VUW698" s="613"/>
      <c r="VUX698" s="613"/>
      <c r="VUY698" s="613"/>
      <c r="VUZ698" s="613"/>
      <c r="VVA698" s="613"/>
      <c r="VVB698" s="613"/>
      <c r="VVC698" s="613"/>
      <c r="VVD698" s="613"/>
      <c r="VVE698" s="613"/>
      <c r="VVF698" s="613"/>
      <c r="VVG698" s="613"/>
      <c r="VVH698" s="613"/>
      <c r="VVI698" s="613"/>
      <c r="VVJ698" s="613"/>
      <c r="VVK698" s="613"/>
      <c r="VVL698" s="613"/>
      <c r="VVM698" s="613"/>
      <c r="VVN698" s="613"/>
      <c r="VVO698" s="613"/>
      <c r="VVP698" s="613"/>
      <c r="VVQ698" s="613"/>
      <c r="VVR698" s="613"/>
      <c r="VVS698" s="613"/>
      <c r="VVT698" s="613"/>
      <c r="VVU698" s="613"/>
      <c r="VVV698" s="613"/>
      <c r="VVW698" s="613"/>
      <c r="VVX698" s="613"/>
      <c r="VVY698" s="613"/>
      <c r="VVZ698" s="613"/>
      <c r="VWA698" s="613"/>
      <c r="VWB698" s="613"/>
      <c r="VWC698" s="613"/>
      <c r="VWD698" s="613"/>
      <c r="VWE698" s="613"/>
      <c r="VWF698" s="613"/>
      <c r="VWG698" s="613"/>
      <c r="VWH698" s="613"/>
      <c r="VWI698" s="613"/>
      <c r="VWJ698" s="613"/>
      <c r="VWK698" s="613"/>
      <c r="VWL698" s="613"/>
      <c r="VWM698" s="613"/>
      <c r="VWN698" s="613"/>
      <c r="VWO698" s="613"/>
      <c r="VWP698" s="613"/>
      <c r="VWQ698" s="613"/>
      <c r="VWR698" s="613"/>
      <c r="VWS698" s="613"/>
      <c r="VWT698" s="613"/>
      <c r="VWU698" s="613"/>
      <c r="VWV698" s="613"/>
      <c r="VWW698" s="613"/>
      <c r="VWX698" s="613"/>
      <c r="VWY698" s="613"/>
      <c r="VWZ698" s="613"/>
      <c r="VXA698" s="613"/>
      <c r="VXB698" s="613"/>
      <c r="VXC698" s="613"/>
      <c r="VXD698" s="613"/>
      <c r="VXE698" s="613"/>
      <c r="VXF698" s="613"/>
      <c r="VXG698" s="613"/>
      <c r="VXH698" s="613"/>
      <c r="VXI698" s="613"/>
      <c r="VXJ698" s="613"/>
      <c r="VXK698" s="613"/>
      <c r="VXL698" s="613"/>
      <c r="VXM698" s="613"/>
      <c r="VXN698" s="613"/>
      <c r="VXO698" s="613"/>
      <c r="VXP698" s="613"/>
      <c r="VXQ698" s="613"/>
      <c r="VXR698" s="613"/>
      <c r="VXS698" s="613"/>
      <c r="VXT698" s="613"/>
      <c r="VXU698" s="613"/>
      <c r="VXV698" s="613"/>
      <c r="VXW698" s="613"/>
      <c r="VXX698" s="613"/>
      <c r="VXY698" s="613"/>
      <c r="VXZ698" s="613"/>
      <c r="VYA698" s="613"/>
      <c r="VYB698" s="613"/>
      <c r="VYC698" s="613"/>
      <c r="VYD698" s="613"/>
      <c r="VYE698" s="613"/>
      <c r="VYF698" s="613"/>
      <c r="VYG698" s="613"/>
      <c r="VYH698" s="613"/>
      <c r="VYI698" s="613"/>
      <c r="VYJ698" s="613"/>
      <c r="VYK698" s="613"/>
      <c r="VYL698" s="613"/>
      <c r="VYM698" s="613"/>
      <c r="VYN698" s="613"/>
      <c r="VYO698" s="613"/>
      <c r="VYP698" s="613"/>
      <c r="VYQ698" s="613"/>
      <c r="VYR698" s="613"/>
      <c r="VYS698" s="613"/>
      <c r="VYT698" s="613"/>
      <c r="VYU698" s="613"/>
      <c r="VYV698" s="613"/>
      <c r="VYW698" s="613"/>
      <c r="VYX698" s="613"/>
      <c r="VYY698" s="613"/>
      <c r="VYZ698" s="613"/>
      <c r="VZA698" s="613"/>
      <c r="VZB698" s="613"/>
      <c r="VZC698" s="613"/>
      <c r="VZD698" s="613"/>
      <c r="VZE698" s="613"/>
      <c r="VZF698" s="613"/>
      <c r="VZG698" s="613"/>
      <c r="VZH698" s="613"/>
      <c r="VZI698" s="613"/>
      <c r="VZJ698" s="613"/>
      <c r="VZK698" s="613"/>
      <c r="VZL698" s="613"/>
      <c r="VZM698" s="613"/>
      <c r="VZN698" s="613"/>
      <c r="VZO698" s="613"/>
      <c r="VZP698" s="613"/>
      <c r="VZQ698" s="613"/>
      <c r="VZR698" s="613"/>
      <c r="VZS698" s="613"/>
      <c r="VZT698" s="613"/>
      <c r="VZU698" s="613"/>
      <c r="VZV698" s="613"/>
      <c r="VZW698" s="613"/>
      <c r="VZX698" s="613"/>
      <c r="VZY698" s="613"/>
      <c r="VZZ698" s="613"/>
      <c r="WAA698" s="613"/>
      <c r="WAB698" s="613"/>
      <c r="WAC698" s="613"/>
      <c r="WAD698" s="613"/>
      <c r="WAE698" s="613"/>
      <c r="WAF698" s="613"/>
      <c r="WAG698" s="613"/>
      <c r="WAH698" s="613"/>
      <c r="WAI698" s="613"/>
      <c r="WAJ698" s="613"/>
      <c r="WAK698" s="613"/>
      <c r="WAL698" s="613"/>
      <c r="WAM698" s="613"/>
      <c r="WAN698" s="613"/>
      <c r="WAO698" s="613"/>
      <c r="WAP698" s="613"/>
      <c r="WAQ698" s="613"/>
      <c r="WAR698" s="613"/>
      <c r="WAS698" s="613"/>
      <c r="WAT698" s="613"/>
      <c r="WAU698" s="613"/>
      <c r="WAV698" s="613"/>
      <c r="WAW698" s="613"/>
      <c r="WAX698" s="613"/>
      <c r="WAY698" s="613"/>
      <c r="WAZ698" s="613"/>
      <c r="WBA698" s="613"/>
      <c r="WBB698" s="613"/>
      <c r="WBC698" s="613"/>
      <c r="WBD698" s="613"/>
      <c r="WBE698" s="613"/>
      <c r="WBF698" s="613"/>
      <c r="WBG698" s="613"/>
      <c r="WBH698" s="613"/>
      <c r="WBI698" s="613"/>
      <c r="WBJ698" s="613"/>
      <c r="WBK698" s="613"/>
      <c r="WBL698" s="613"/>
      <c r="WBM698" s="613"/>
      <c r="WBN698" s="613"/>
      <c r="WBO698" s="613"/>
      <c r="WBP698" s="613"/>
      <c r="WBQ698" s="613"/>
      <c r="WBR698" s="613"/>
      <c r="WBS698" s="613"/>
      <c r="WBT698" s="613"/>
      <c r="WBU698" s="613"/>
      <c r="WBV698" s="613"/>
      <c r="WBW698" s="613"/>
      <c r="WBX698" s="613"/>
      <c r="WBY698" s="613"/>
      <c r="WBZ698" s="613"/>
      <c r="WCA698" s="613"/>
      <c r="WCB698" s="613"/>
      <c r="WCC698" s="613"/>
      <c r="WCD698" s="613"/>
      <c r="WCE698" s="613"/>
      <c r="WCF698" s="613"/>
      <c r="WCG698" s="613"/>
      <c r="WCH698" s="613"/>
      <c r="WCI698" s="613"/>
      <c r="WCJ698" s="613"/>
      <c r="WCK698" s="613"/>
      <c r="WCL698" s="613"/>
      <c r="WCM698" s="613"/>
      <c r="WCN698" s="613"/>
      <c r="WCO698" s="613"/>
      <c r="WCP698" s="613"/>
      <c r="WCQ698" s="613"/>
      <c r="WCR698" s="613"/>
      <c r="WCS698" s="613"/>
      <c r="WCT698" s="613"/>
      <c r="WCU698" s="613"/>
      <c r="WCV698" s="613"/>
      <c r="WCW698" s="613"/>
      <c r="WCX698" s="613"/>
      <c r="WCY698" s="613"/>
      <c r="WCZ698" s="613"/>
      <c r="WDA698" s="613"/>
      <c r="WDB698" s="613"/>
      <c r="WDC698" s="613"/>
      <c r="WDD698" s="613"/>
      <c r="WDE698" s="613"/>
      <c r="WDF698" s="613"/>
      <c r="WDG698" s="613"/>
      <c r="WDH698" s="613"/>
      <c r="WDI698" s="613"/>
      <c r="WDJ698" s="613"/>
      <c r="WDK698" s="613"/>
      <c r="WDL698" s="613"/>
      <c r="WDM698" s="613"/>
      <c r="WDN698" s="613"/>
      <c r="WDO698" s="613"/>
      <c r="WDP698" s="613"/>
      <c r="WDQ698" s="613"/>
      <c r="WDR698" s="613"/>
      <c r="WDS698" s="613"/>
      <c r="WDT698" s="613"/>
      <c r="WDU698" s="613"/>
      <c r="WDV698" s="613"/>
      <c r="WDW698" s="613"/>
      <c r="WDX698" s="613"/>
      <c r="WDY698" s="613"/>
      <c r="WDZ698" s="613"/>
      <c r="WEA698" s="613"/>
      <c r="WEB698" s="613"/>
      <c r="WEC698" s="613"/>
      <c r="WED698" s="613"/>
      <c r="WEE698" s="613"/>
      <c r="WEF698" s="613"/>
      <c r="WEG698" s="613"/>
      <c r="WEH698" s="613"/>
      <c r="WEI698" s="613"/>
      <c r="WEJ698" s="613"/>
      <c r="WEK698" s="613"/>
      <c r="WEL698" s="613"/>
      <c r="WEM698" s="613"/>
      <c r="WEN698" s="613"/>
      <c r="WEO698" s="613"/>
      <c r="WEP698" s="613"/>
      <c r="WEQ698" s="613"/>
      <c r="WER698" s="613"/>
      <c r="WES698" s="613"/>
      <c r="WET698" s="613"/>
      <c r="WEU698" s="613"/>
      <c r="WEV698" s="613"/>
      <c r="WEW698" s="613"/>
      <c r="WEX698" s="613"/>
      <c r="WEY698" s="613"/>
      <c r="WEZ698" s="613"/>
      <c r="WFA698" s="613"/>
      <c r="WFB698" s="613"/>
      <c r="WFC698" s="613"/>
      <c r="WFD698" s="613"/>
      <c r="WFE698" s="613"/>
      <c r="WFF698" s="613"/>
      <c r="WFG698" s="613"/>
      <c r="WFH698" s="613"/>
      <c r="WFI698" s="613"/>
      <c r="WFJ698" s="613"/>
      <c r="WFK698" s="613"/>
      <c r="WFL698" s="613"/>
      <c r="WFM698" s="613"/>
      <c r="WFN698" s="613"/>
      <c r="WFO698" s="613"/>
      <c r="WFP698" s="613"/>
      <c r="WFQ698" s="613"/>
      <c r="WFR698" s="613"/>
      <c r="WFS698" s="613"/>
      <c r="WFT698" s="613"/>
      <c r="WFU698" s="613"/>
      <c r="WFV698" s="613"/>
      <c r="WFW698" s="613"/>
      <c r="WFX698" s="613"/>
      <c r="WFY698" s="613"/>
      <c r="WFZ698" s="613"/>
      <c r="WGA698" s="613"/>
      <c r="WGB698" s="613"/>
      <c r="WGC698" s="613"/>
      <c r="WGD698" s="613"/>
      <c r="WGE698" s="613"/>
      <c r="WGF698" s="613"/>
      <c r="WGG698" s="613"/>
      <c r="WGH698" s="613"/>
      <c r="WGI698" s="613"/>
      <c r="WGJ698" s="613"/>
      <c r="WGK698" s="613"/>
      <c r="WGL698" s="613"/>
      <c r="WGM698" s="613"/>
      <c r="WGN698" s="613"/>
      <c r="WGO698" s="613"/>
      <c r="WGP698" s="613"/>
      <c r="WGQ698" s="613"/>
      <c r="WGR698" s="613"/>
      <c r="WGS698" s="613"/>
      <c r="WGT698" s="613"/>
      <c r="WGU698" s="613"/>
      <c r="WGV698" s="613"/>
      <c r="WGW698" s="613"/>
      <c r="WGX698" s="613"/>
      <c r="WGY698" s="613"/>
      <c r="WGZ698" s="613"/>
      <c r="WHA698" s="613"/>
      <c r="WHB698" s="613"/>
      <c r="WHC698" s="613"/>
      <c r="WHD698" s="613"/>
      <c r="WHE698" s="613"/>
      <c r="WHF698" s="613"/>
      <c r="WHG698" s="613"/>
      <c r="WHH698" s="613"/>
      <c r="WHI698" s="613"/>
      <c r="WHJ698" s="613"/>
      <c r="WHK698" s="613"/>
      <c r="WHL698" s="613"/>
      <c r="WHM698" s="613"/>
      <c r="WHN698" s="613"/>
      <c r="WHO698" s="613"/>
      <c r="WHP698" s="613"/>
      <c r="WHQ698" s="613"/>
      <c r="WHR698" s="613"/>
      <c r="WHS698" s="613"/>
      <c r="WHT698" s="613"/>
      <c r="WHU698" s="613"/>
      <c r="WHV698" s="613"/>
      <c r="WHW698" s="613"/>
      <c r="WHX698" s="613"/>
      <c r="WHY698" s="613"/>
      <c r="WHZ698" s="613"/>
      <c r="WIA698" s="613"/>
      <c r="WIB698" s="613"/>
      <c r="WIC698" s="613"/>
      <c r="WID698" s="613"/>
      <c r="WIE698" s="613"/>
      <c r="WIF698" s="613"/>
      <c r="WIG698" s="613"/>
      <c r="WIH698" s="613"/>
      <c r="WII698" s="613"/>
      <c r="WIJ698" s="613"/>
      <c r="WIK698" s="613"/>
      <c r="WIL698" s="613"/>
      <c r="WIM698" s="613"/>
      <c r="WIN698" s="613"/>
      <c r="WIO698" s="613"/>
      <c r="WIP698" s="613"/>
      <c r="WIQ698" s="613"/>
      <c r="WIR698" s="613"/>
      <c r="WIS698" s="613"/>
      <c r="WIT698" s="613"/>
      <c r="WIU698" s="613"/>
      <c r="WIV698" s="613"/>
      <c r="WIW698" s="613"/>
      <c r="WIX698" s="613"/>
      <c r="WIY698" s="613"/>
      <c r="WIZ698" s="613"/>
      <c r="WJA698" s="613"/>
      <c r="WJB698" s="613"/>
      <c r="WJC698" s="613"/>
      <c r="WJD698" s="613"/>
      <c r="WJE698" s="613"/>
      <c r="WJF698" s="613"/>
      <c r="WJG698" s="613"/>
      <c r="WJH698" s="613"/>
      <c r="WJI698" s="613"/>
      <c r="WJJ698" s="613"/>
      <c r="WJK698" s="613"/>
      <c r="WJL698" s="613"/>
      <c r="WJM698" s="613"/>
      <c r="WJN698" s="613"/>
      <c r="WJO698" s="613"/>
      <c r="WJP698" s="613"/>
      <c r="WJQ698" s="613"/>
      <c r="WJR698" s="613"/>
      <c r="WJS698" s="613"/>
      <c r="WJT698" s="613"/>
      <c r="WJU698" s="613"/>
      <c r="WJV698" s="613"/>
      <c r="WJW698" s="613"/>
      <c r="WJX698" s="613"/>
      <c r="WJY698" s="613"/>
      <c r="WJZ698" s="613"/>
      <c r="WKA698" s="613"/>
      <c r="WKB698" s="613"/>
      <c r="WKC698" s="613"/>
      <c r="WKD698" s="613"/>
      <c r="WKE698" s="613"/>
      <c r="WKF698" s="613"/>
      <c r="WKG698" s="613"/>
      <c r="WKH698" s="613"/>
      <c r="WKI698" s="613"/>
      <c r="WKJ698" s="613"/>
      <c r="WKK698" s="613"/>
      <c r="WKL698" s="613"/>
      <c r="WKM698" s="613"/>
      <c r="WKN698" s="613"/>
      <c r="WKO698" s="613"/>
      <c r="WKP698" s="613"/>
      <c r="WKQ698" s="613"/>
      <c r="WKR698" s="613"/>
      <c r="WKS698" s="613"/>
      <c r="WKT698" s="613"/>
      <c r="WKU698" s="613"/>
      <c r="WKV698" s="613"/>
      <c r="WKW698" s="613"/>
      <c r="WKX698" s="613"/>
      <c r="WKY698" s="613"/>
      <c r="WKZ698" s="613"/>
      <c r="WLA698" s="613"/>
      <c r="WLB698" s="613"/>
      <c r="WLC698" s="613"/>
      <c r="WLD698" s="613"/>
      <c r="WLE698" s="613"/>
      <c r="WLF698" s="613"/>
      <c r="WLG698" s="613"/>
      <c r="WLH698" s="613"/>
      <c r="WLI698" s="613"/>
      <c r="WLJ698" s="613"/>
      <c r="WLK698" s="613"/>
      <c r="WLL698" s="613"/>
      <c r="WLM698" s="613"/>
      <c r="WLN698" s="613"/>
      <c r="WLO698" s="613"/>
      <c r="WLP698" s="613"/>
      <c r="WLQ698" s="613"/>
      <c r="WLR698" s="613"/>
      <c r="WLS698" s="613"/>
      <c r="WLT698" s="613"/>
      <c r="WLU698" s="613"/>
      <c r="WLV698" s="613"/>
      <c r="WLW698" s="613"/>
      <c r="WLX698" s="613"/>
      <c r="WLY698" s="613"/>
      <c r="WLZ698" s="613"/>
      <c r="WMA698" s="613"/>
      <c r="WMB698" s="613"/>
      <c r="WMC698" s="613"/>
      <c r="WMD698" s="613"/>
      <c r="WME698" s="613"/>
      <c r="WMF698" s="613"/>
      <c r="WMG698" s="613"/>
      <c r="WMH698" s="613"/>
      <c r="WMI698" s="613"/>
      <c r="WMJ698" s="613"/>
      <c r="WMK698" s="613"/>
      <c r="WML698" s="613"/>
      <c r="WMM698" s="613"/>
      <c r="WMN698" s="613"/>
      <c r="WMO698" s="613"/>
      <c r="WMP698" s="613"/>
      <c r="WMQ698" s="613"/>
      <c r="WMR698" s="613"/>
      <c r="WMS698" s="613"/>
      <c r="WMT698" s="613"/>
      <c r="WMU698" s="613"/>
      <c r="WMV698" s="613"/>
      <c r="WMW698" s="613"/>
      <c r="WMX698" s="613"/>
      <c r="WMY698" s="613"/>
      <c r="WMZ698" s="613"/>
      <c r="WNA698" s="613"/>
      <c r="WNB698" s="613"/>
      <c r="WNC698" s="613"/>
      <c r="WND698" s="613"/>
      <c r="WNE698" s="613"/>
      <c r="WNF698" s="613"/>
      <c r="WNG698" s="613"/>
      <c r="WNH698" s="613"/>
      <c r="WNI698" s="613"/>
      <c r="WNJ698" s="613"/>
      <c r="WNK698" s="613"/>
      <c r="WNL698" s="613"/>
      <c r="WNM698" s="613"/>
      <c r="WNN698" s="613"/>
      <c r="WNO698" s="613"/>
      <c r="WNP698" s="613"/>
      <c r="WNQ698" s="613"/>
      <c r="WNR698" s="613"/>
      <c r="WNS698" s="613"/>
      <c r="WNT698" s="613"/>
      <c r="WNU698" s="613"/>
      <c r="WNV698" s="613"/>
      <c r="WNW698" s="613"/>
      <c r="WNX698" s="613"/>
      <c r="WNY698" s="613"/>
      <c r="WNZ698" s="613"/>
      <c r="WOA698" s="613"/>
      <c r="WOB698" s="613"/>
      <c r="WOC698" s="613"/>
      <c r="WOD698" s="613"/>
      <c r="WOE698" s="613"/>
      <c r="WOF698" s="613"/>
      <c r="WOG698" s="613"/>
      <c r="WOH698" s="613"/>
      <c r="WOI698" s="613"/>
      <c r="WOJ698" s="613"/>
      <c r="WOK698" s="613"/>
      <c r="WOL698" s="613"/>
      <c r="WOM698" s="613"/>
      <c r="WON698" s="613"/>
      <c r="WOO698" s="613"/>
      <c r="WOP698" s="613"/>
      <c r="WOQ698" s="613"/>
      <c r="WOR698" s="613"/>
      <c r="WOS698" s="613"/>
      <c r="WOT698" s="613"/>
      <c r="WOU698" s="613"/>
      <c r="WOV698" s="613"/>
      <c r="WOW698" s="613"/>
      <c r="WOX698" s="613"/>
      <c r="WOY698" s="613"/>
      <c r="WOZ698" s="613"/>
      <c r="WPA698" s="613"/>
      <c r="WPB698" s="613"/>
      <c r="WPC698" s="613"/>
      <c r="WPD698" s="613"/>
      <c r="WPE698" s="613"/>
      <c r="WPF698" s="613"/>
      <c r="WPG698" s="613"/>
      <c r="WPH698" s="613"/>
      <c r="WPI698" s="613"/>
      <c r="WPJ698" s="613"/>
      <c r="WPK698" s="613"/>
      <c r="WPL698" s="613"/>
      <c r="WPM698" s="613"/>
      <c r="WPN698" s="613"/>
      <c r="WPO698" s="613"/>
      <c r="WPP698" s="613"/>
      <c r="WPQ698" s="613"/>
      <c r="WPR698" s="613"/>
      <c r="WPS698" s="613"/>
      <c r="WPT698" s="613"/>
      <c r="WPU698" s="613"/>
      <c r="WPV698" s="613"/>
      <c r="WPW698" s="613"/>
      <c r="WPX698" s="613"/>
      <c r="WPY698" s="613"/>
      <c r="WPZ698" s="613"/>
      <c r="WQA698" s="613"/>
      <c r="WQB698" s="613"/>
      <c r="WQC698" s="613"/>
      <c r="WQD698" s="613"/>
      <c r="WQE698" s="613"/>
      <c r="WQF698" s="613"/>
      <c r="WQG698" s="613"/>
      <c r="WQH698" s="613"/>
      <c r="WQI698" s="613"/>
      <c r="WQJ698" s="613"/>
      <c r="WQK698" s="613"/>
      <c r="WQL698" s="613"/>
      <c r="WQM698" s="613"/>
      <c r="WQN698" s="613"/>
      <c r="WQO698" s="613"/>
      <c r="WQP698" s="613"/>
      <c r="WQQ698" s="613"/>
      <c r="WQR698" s="613"/>
      <c r="WQS698" s="613"/>
      <c r="WQT698" s="613"/>
      <c r="WQU698" s="613"/>
      <c r="WQV698" s="613"/>
      <c r="WQW698" s="613"/>
      <c r="WQX698" s="613"/>
      <c r="WQY698" s="613"/>
      <c r="WQZ698" s="613"/>
      <c r="WRA698" s="613"/>
      <c r="WRB698" s="613"/>
      <c r="WRC698" s="613"/>
      <c r="WRD698" s="613"/>
      <c r="WRE698" s="613"/>
      <c r="WRF698" s="613"/>
      <c r="WRG698" s="613"/>
      <c r="WRH698" s="613"/>
      <c r="WRI698" s="613"/>
      <c r="WRJ698" s="613"/>
      <c r="WRK698" s="613"/>
      <c r="WRL698" s="613"/>
      <c r="WRM698" s="613"/>
      <c r="WRN698" s="613"/>
      <c r="WRO698" s="613"/>
      <c r="WRP698" s="613"/>
      <c r="WRQ698" s="613"/>
      <c r="WRR698" s="613"/>
      <c r="WRS698" s="613"/>
      <c r="WRT698" s="613"/>
      <c r="WRU698" s="613"/>
      <c r="WRV698" s="613"/>
      <c r="WRW698" s="613"/>
      <c r="WRX698" s="613"/>
      <c r="WRY698" s="613"/>
      <c r="WRZ698" s="613"/>
      <c r="WSA698" s="613"/>
      <c r="WSB698" s="613"/>
      <c r="WSC698" s="613"/>
      <c r="WSD698" s="613"/>
      <c r="WSE698" s="613"/>
      <c r="WSF698" s="613"/>
      <c r="WSG698" s="613"/>
      <c r="WSH698" s="613"/>
      <c r="WSI698" s="613"/>
      <c r="WSJ698" s="613"/>
      <c r="WSK698" s="613"/>
      <c r="WSL698" s="613"/>
      <c r="WSM698" s="613"/>
      <c r="WSN698" s="613"/>
      <c r="WSO698" s="613"/>
      <c r="WSP698" s="613"/>
      <c r="WSQ698" s="613"/>
      <c r="WSR698" s="613"/>
      <c r="WSS698" s="613"/>
      <c r="WST698" s="613"/>
      <c r="WSU698" s="613"/>
      <c r="WSV698" s="613"/>
      <c r="WSW698" s="613"/>
      <c r="WSX698" s="613"/>
      <c r="WSY698" s="613"/>
      <c r="WSZ698" s="613"/>
      <c r="WTA698" s="613"/>
      <c r="WTB698" s="613"/>
      <c r="WTC698" s="613"/>
      <c r="WTD698" s="613"/>
      <c r="WTE698" s="613"/>
      <c r="WTF698" s="613"/>
      <c r="WTG698" s="613"/>
      <c r="WTH698" s="613"/>
      <c r="WTI698" s="613"/>
      <c r="WTJ698" s="613"/>
      <c r="WTK698" s="613"/>
      <c r="WTL698" s="613"/>
      <c r="WTM698" s="613"/>
      <c r="WTN698" s="613"/>
      <c r="WTO698" s="613"/>
      <c r="WTP698" s="613"/>
      <c r="WTQ698" s="613"/>
      <c r="WTR698" s="613"/>
      <c r="WTS698" s="613"/>
      <c r="WTT698" s="613"/>
      <c r="WTU698" s="613"/>
      <c r="WTV698" s="613"/>
      <c r="WTW698" s="613"/>
      <c r="WTX698" s="613"/>
      <c r="WTY698" s="613"/>
      <c r="WTZ698" s="613"/>
      <c r="WUA698" s="613"/>
      <c r="WUB698" s="613"/>
      <c r="WUC698" s="613"/>
      <c r="WUD698" s="613"/>
      <c r="WUE698" s="613"/>
      <c r="WUF698" s="613"/>
      <c r="WUG698" s="613"/>
      <c r="WUH698" s="613"/>
      <c r="WUI698" s="613"/>
      <c r="WUJ698" s="613"/>
      <c r="WUK698" s="613"/>
      <c r="WUL698" s="613"/>
      <c r="WUM698" s="613"/>
      <c r="WUN698" s="613"/>
      <c r="WUO698" s="613"/>
      <c r="WUP698" s="613"/>
      <c r="WUQ698" s="613"/>
      <c r="WUR698" s="613"/>
      <c r="WUS698" s="613"/>
      <c r="WUT698" s="613"/>
      <c r="WUU698" s="613"/>
      <c r="WUV698" s="613"/>
      <c r="WUW698" s="613"/>
      <c r="WUX698" s="613"/>
      <c r="WUY698" s="613"/>
      <c r="WUZ698" s="613"/>
      <c r="WVA698" s="613"/>
      <c r="WVB698" s="613"/>
      <c r="WVC698" s="613"/>
      <c r="WVD698" s="613"/>
      <c r="WVE698" s="613"/>
      <c r="WVF698" s="613"/>
      <c r="WVG698" s="613"/>
      <c r="WVH698" s="613"/>
      <c r="WVI698" s="613"/>
      <c r="WVJ698" s="613"/>
      <c r="WVK698" s="613"/>
      <c r="WVL698" s="613"/>
      <c r="WVM698" s="613"/>
      <c r="WVN698" s="613"/>
      <c r="WVO698" s="613"/>
      <c r="WVP698" s="613"/>
      <c r="WVQ698" s="613"/>
      <c r="WVR698" s="613"/>
      <c r="WVS698" s="613"/>
      <c r="WVT698" s="613"/>
      <c r="WVU698" s="613"/>
      <c r="WVV698" s="613"/>
      <c r="WVW698" s="613"/>
      <c r="WVX698" s="613"/>
      <c r="WVY698" s="613"/>
      <c r="WVZ698" s="613"/>
      <c r="WWA698" s="613"/>
      <c r="WWB698" s="613"/>
      <c r="WWC698" s="613"/>
      <c r="WWD698" s="613"/>
      <c r="WWE698" s="613"/>
      <c r="WWF698" s="613"/>
      <c r="WWG698" s="613"/>
      <c r="WWH698" s="613"/>
      <c r="WWI698" s="613"/>
      <c r="WWJ698" s="613"/>
      <c r="WWK698" s="613"/>
      <c r="WWL698" s="613"/>
      <c r="WWM698" s="613"/>
      <c r="WWN698" s="613"/>
      <c r="WWO698" s="613"/>
      <c r="WWP698" s="613"/>
      <c r="WWQ698" s="613"/>
      <c r="WWR698" s="613"/>
      <c r="WWS698" s="613"/>
      <c r="WWT698" s="613"/>
      <c r="WWU698" s="613"/>
      <c r="WWV698" s="613"/>
      <c r="WWW698" s="613"/>
      <c r="WWX698" s="613"/>
      <c r="WWY698" s="613"/>
      <c r="WWZ698" s="613"/>
      <c r="WXA698" s="613"/>
      <c r="WXB698" s="613"/>
      <c r="WXC698" s="613"/>
      <c r="WXD698" s="613"/>
      <c r="WXE698" s="613"/>
      <c r="WXF698" s="613"/>
      <c r="WXG698" s="613"/>
      <c r="WXH698" s="613"/>
      <c r="WXI698" s="613"/>
      <c r="WXJ698" s="613"/>
      <c r="WXK698" s="613"/>
      <c r="WXL698" s="613"/>
      <c r="WXM698" s="613"/>
      <c r="WXN698" s="613"/>
      <c r="WXO698" s="613"/>
      <c r="WXP698" s="613"/>
      <c r="WXQ698" s="613"/>
      <c r="WXR698" s="613"/>
      <c r="WXS698" s="613"/>
      <c r="WXT698" s="613"/>
      <c r="WXU698" s="613"/>
      <c r="WXV698" s="613"/>
      <c r="WXW698" s="613"/>
      <c r="WXX698" s="613"/>
      <c r="WXY698" s="613"/>
      <c r="WXZ698" s="613"/>
      <c r="WYA698" s="613"/>
      <c r="WYB698" s="613"/>
      <c r="WYC698" s="613"/>
      <c r="WYD698" s="613"/>
      <c r="WYE698" s="613"/>
      <c r="WYF698" s="613"/>
      <c r="WYG698" s="613"/>
      <c r="WYH698" s="613"/>
      <c r="WYI698" s="613"/>
      <c r="WYJ698" s="613"/>
      <c r="WYK698" s="613"/>
      <c r="WYL698" s="613"/>
      <c r="WYM698" s="613"/>
      <c r="WYN698" s="613"/>
      <c r="WYO698" s="613"/>
      <c r="WYP698" s="613"/>
      <c r="WYQ698" s="613"/>
      <c r="WYR698" s="613"/>
      <c r="WYS698" s="613"/>
      <c r="WYT698" s="613"/>
      <c r="WYU698" s="613"/>
      <c r="WYV698" s="613"/>
      <c r="WYW698" s="613"/>
      <c r="WYX698" s="613"/>
      <c r="WYY698" s="613"/>
      <c r="WYZ698" s="613"/>
      <c r="WZA698" s="613"/>
      <c r="WZB698" s="613"/>
      <c r="WZC698" s="613"/>
      <c r="WZD698" s="613"/>
      <c r="WZE698" s="613"/>
      <c r="WZF698" s="613"/>
      <c r="WZG698" s="613"/>
      <c r="WZH698" s="613"/>
      <c r="WZI698" s="613"/>
      <c r="WZJ698" s="613"/>
      <c r="WZK698" s="613"/>
      <c r="WZL698" s="613"/>
      <c r="WZM698" s="613"/>
      <c r="WZN698" s="613"/>
      <c r="WZO698" s="613"/>
      <c r="WZP698" s="613"/>
      <c r="WZQ698" s="613"/>
      <c r="WZR698" s="613"/>
      <c r="WZS698" s="613"/>
      <c r="WZT698" s="613"/>
      <c r="WZU698" s="613"/>
      <c r="WZV698" s="613"/>
      <c r="WZW698" s="613"/>
      <c r="WZX698" s="613"/>
      <c r="WZY698" s="613"/>
      <c r="WZZ698" s="613"/>
      <c r="XAA698" s="613"/>
      <c r="XAB698" s="613"/>
      <c r="XAC698" s="613"/>
      <c r="XAD698" s="613"/>
      <c r="XAE698" s="613"/>
      <c r="XAF698" s="613"/>
      <c r="XAG698" s="613"/>
      <c r="XAH698" s="613"/>
      <c r="XAI698" s="613"/>
      <c r="XAJ698" s="613"/>
      <c r="XAK698" s="613"/>
      <c r="XAL698" s="613"/>
      <c r="XAM698" s="613"/>
      <c r="XAN698" s="613"/>
      <c r="XAO698" s="613"/>
      <c r="XAP698" s="613"/>
      <c r="XAQ698" s="613"/>
      <c r="XAR698" s="613"/>
      <c r="XAS698" s="613"/>
      <c r="XAT698" s="613"/>
      <c r="XAU698" s="613"/>
      <c r="XAV698" s="613"/>
      <c r="XAW698" s="613"/>
      <c r="XAX698" s="613"/>
      <c r="XAY698" s="613"/>
      <c r="XAZ698" s="613"/>
      <c r="XBA698" s="613"/>
      <c r="XBB698" s="613"/>
      <c r="XBC698" s="613"/>
      <c r="XBD698" s="613"/>
      <c r="XBE698" s="613"/>
      <c r="XBF698" s="613"/>
      <c r="XBG698" s="613"/>
      <c r="XBH698" s="613"/>
      <c r="XBI698" s="613"/>
      <c r="XBJ698" s="613"/>
      <c r="XBK698" s="613"/>
      <c r="XBL698" s="613"/>
      <c r="XBM698" s="613"/>
      <c r="XBN698" s="613"/>
      <c r="XBO698" s="613"/>
      <c r="XBP698" s="613"/>
      <c r="XBQ698" s="613"/>
      <c r="XBR698" s="613"/>
      <c r="XBS698" s="613"/>
      <c r="XBT698" s="613"/>
      <c r="XBU698" s="613"/>
      <c r="XBV698" s="613"/>
      <c r="XBW698" s="613"/>
      <c r="XBX698" s="613"/>
      <c r="XBY698" s="613"/>
      <c r="XBZ698" s="613"/>
      <c r="XCA698" s="613"/>
      <c r="XCB698" s="613"/>
      <c r="XCC698" s="613"/>
      <c r="XCD698" s="613"/>
      <c r="XCE698" s="613"/>
      <c r="XCF698" s="613"/>
      <c r="XCG698" s="613"/>
      <c r="XCH698" s="613"/>
      <c r="XCI698" s="613"/>
      <c r="XCJ698" s="613"/>
      <c r="XCK698" s="613"/>
      <c r="XCL698" s="613"/>
      <c r="XCM698" s="613"/>
      <c r="XCN698" s="613"/>
      <c r="XCO698" s="613"/>
      <c r="XCP698" s="613"/>
      <c r="XCQ698" s="613"/>
    </row>
    <row r="699" spans="1:16319" ht="56.1" customHeight="1" x14ac:dyDescent="0.2">
      <c r="A699" s="772" t="s">
        <v>3016</v>
      </c>
      <c r="B699" s="773"/>
      <c r="C699" s="766"/>
      <c r="D699" s="752">
        <v>122</v>
      </c>
      <c r="E699" s="752"/>
      <c r="F699" s="752" t="s">
        <v>2481</v>
      </c>
      <c r="G699" s="753" t="s">
        <v>53</v>
      </c>
      <c r="H699" s="752" t="s">
        <v>329</v>
      </c>
      <c r="I699" s="754" t="s">
        <v>330</v>
      </c>
      <c r="J699" s="754" t="s">
        <v>369</v>
      </c>
      <c r="K699" s="755" t="s">
        <v>376</v>
      </c>
      <c r="L699" s="756"/>
      <c r="M699" s="757" t="s">
        <v>58</v>
      </c>
      <c r="N699" s="774" t="s">
        <v>1361</v>
      </c>
      <c r="O699" s="757" t="s">
        <v>2996</v>
      </c>
      <c r="P699" s="757" t="s">
        <v>81</v>
      </c>
      <c r="Q699" s="758" t="s">
        <v>334</v>
      </c>
      <c r="R699" s="757" t="s">
        <v>334</v>
      </c>
      <c r="S699" s="757" t="s">
        <v>377</v>
      </c>
      <c r="T699" s="757"/>
      <c r="U699" s="759" t="s">
        <v>63</v>
      </c>
      <c r="V699" s="759" t="s">
        <v>63</v>
      </c>
      <c r="W699" s="760">
        <v>86444</v>
      </c>
      <c r="X699" s="760"/>
      <c r="Y699" s="754" t="s">
        <v>226</v>
      </c>
      <c r="Z699" s="754"/>
      <c r="AA699" s="760">
        <v>86444</v>
      </c>
      <c r="AB699" s="761" t="s">
        <v>82</v>
      </c>
      <c r="AC699" s="761"/>
      <c r="AD699" s="762"/>
      <c r="AE699" s="763" t="s">
        <v>66</v>
      </c>
      <c r="AF699" s="762"/>
      <c r="AG699" s="762"/>
      <c r="AH699" s="762"/>
      <c r="AI699" s="762"/>
      <c r="AJ699" s="762"/>
      <c r="AK699" s="762"/>
      <c r="AL699" s="762"/>
      <c r="AM699" s="762"/>
      <c r="AN699" s="762"/>
      <c r="AO699" s="762"/>
      <c r="AP699" s="762"/>
      <c r="AQ699" s="762"/>
      <c r="AR699" s="762"/>
      <c r="AS699" s="762"/>
      <c r="AT699" s="762"/>
      <c r="AU699" s="763"/>
      <c r="AV699" s="763"/>
      <c r="AW699" s="763"/>
      <c r="AX699" s="763"/>
      <c r="AY699" s="763"/>
      <c r="AZ699" s="763"/>
      <c r="BA699" s="757"/>
      <c r="BB699" s="757" t="s">
        <v>340</v>
      </c>
      <c r="BC699" s="757" t="s">
        <v>3041</v>
      </c>
      <c r="BD699" s="751"/>
      <c r="BE699" s="751"/>
      <c r="BF699" s="613"/>
      <c r="BG699" s="613"/>
      <c r="BH699" s="613"/>
      <c r="BI699" s="613"/>
      <c r="BJ699" s="613"/>
      <c r="BK699" s="613"/>
      <c r="BL699" s="613"/>
      <c r="BM699" s="613"/>
      <c r="BN699" s="613"/>
      <c r="BO699" s="613"/>
      <c r="BP699" s="613"/>
      <c r="BQ699" s="613"/>
      <c r="BR699" s="613"/>
      <c r="BS699" s="613"/>
      <c r="BT699" s="613"/>
      <c r="BU699" s="613"/>
      <c r="BV699" s="613"/>
      <c r="BW699" s="613"/>
      <c r="BX699" s="613"/>
      <c r="BY699" s="613"/>
      <c r="BZ699" s="613"/>
      <c r="CA699" s="613"/>
      <c r="CB699" s="613"/>
      <c r="CC699" s="613"/>
      <c r="CD699" s="613"/>
      <c r="CE699" s="613"/>
      <c r="CF699" s="613"/>
      <c r="CG699" s="613"/>
      <c r="CH699" s="613"/>
      <c r="CI699" s="613"/>
      <c r="CJ699" s="613"/>
      <c r="CK699" s="613"/>
      <c r="CL699" s="613"/>
      <c r="CM699" s="613"/>
      <c r="CN699" s="613"/>
      <c r="CO699" s="613"/>
      <c r="CP699" s="613"/>
      <c r="CQ699" s="613"/>
      <c r="CR699" s="613"/>
      <c r="CS699" s="613"/>
      <c r="CT699" s="613"/>
      <c r="CU699" s="613"/>
      <c r="CV699" s="613"/>
      <c r="CW699" s="613"/>
      <c r="CX699" s="613"/>
      <c r="CY699" s="613"/>
      <c r="CZ699" s="613"/>
      <c r="DA699" s="613"/>
      <c r="DB699" s="613"/>
      <c r="DC699" s="613"/>
      <c r="DD699" s="613"/>
      <c r="DE699" s="613"/>
      <c r="DF699" s="613"/>
      <c r="DG699" s="613"/>
      <c r="DH699" s="613"/>
      <c r="DI699" s="613"/>
      <c r="DJ699" s="613"/>
      <c r="DK699" s="613"/>
      <c r="DL699" s="613"/>
      <c r="DM699" s="613"/>
      <c r="DN699" s="613"/>
      <c r="DO699" s="613"/>
      <c r="DP699" s="613"/>
      <c r="DQ699" s="613"/>
      <c r="DR699" s="613"/>
      <c r="DS699" s="613"/>
      <c r="DT699" s="613"/>
      <c r="DU699" s="613"/>
      <c r="DV699" s="613"/>
      <c r="DW699" s="613"/>
      <c r="DX699" s="613"/>
      <c r="DY699" s="613"/>
      <c r="DZ699" s="613"/>
      <c r="EA699" s="613"/>
      <c r="EB699" s="613"/>
      <c r="EC699" s="613"/>
      <c r="ED699" s="613"/>
      <c r="EE699" s="613"/>
      <c r="EF699" s="613"/>
      <c r="EG699" s="613"/>
      <c r="EH699" s="613"/>
      <c r="EI699" s="613"/>
      <c r="EJ699" s="613"/>
      <c r="EK699" s="613"/>
      <c r="EL699" s="613"/>
      <c r="EM699" s="613"/>
      <c r="EN699" s="613"/>
      <c r="EO699" s="613"/>
      <c r="EP699" s="613"/>
      <c r="EQ699" s="613"/>
      <c r="ER699" s="613"/>
      <c r="ES699" s="613"/>
      <c r="ET699" s="613"/>
      <c r="EU699" s="613"/>
      <c r="EV699" s="613"/>
      <c r="EW699" s="613"/>
      <c r="EX699" s="613"/>
      <c r="EY699" s="613"/>
      <c r="EZ699" s="613"/>
      <c r="FA699" s="613"/>
      <c r="FB699" s="613"/>
      <c r="FC699" s="613"/>
      <c r="FD699" s="613"/>
      <c r="FE699" s="613"/>
      <c r="FF699" s="613"/>
      <c r="FG699" s="613"/>
      <c r="FH699" s="613"/>
      <c r="FI699" s="613"/>
      <c r="FJ699" s="613"/>
      <c r="FK699" s="613"/>
      <c r="FL699" s="613"/>
      <c r="FM699" s="613"/>
      <c r="FN699" s="613"/>
      <c r="FO699" s="613"/>
      <c r="FP699" s="613"/>
      <c r="FQ699" s="613"/>
      <c r="FR699" s="613"/>
      <c r="FS699" s="613"/>
      <c r="FT699" s="613"/>
      <c r="FU699" s="613"/>
      <c r="FV699" s="613"/>
      <c r="FW699" s="613"/>
      <c r="FX699" s="613"/>
      <c r="FY699" s="613"/>
      <c r="FZ699" s="613"/>
      <c r="GA699" s="613"/>
      <c r="GB699" s="613"/>
      <c r="GC699" s="613"/>
      <c r="GD699" s="613"/>
      <c r="GE699" s="613"/>
      <c r="GF699" s="613"/>
      <c r="GG699" s="613"/>
      <c r="GH699" s="613"/>
      <c r="GI699" s="613"/>
      <c r="GJ699" s="613"/>
      <c r="GK699" s="613"/>
      <c r="GL699" s="613"/>
      <c r="GM699" s="613"/>
      <c r="GN699" s="613"/>
      <c r="GO699" s="613"/>
      <c r="GP699" s="613"/>
      <c r="GQ699" s="613"/>
      <c r="GR699" s="613"/>
      <c r="GS699" s="613"/>
      <c r="GT699" s="613"/>
      <c r="GU699" s="613"/>
      <c r="GV699" s="613"/>
      <c r="GW699" s="613"/>
      <c r="GX699" s="613"/>
      <c r="GY699" s="613"/>
      <c r="GZ699" s="613"/>
      <c r="HA699" s="613"/>
      <c r="HB699" s="613"/>
      <c r="HC699" s="613"/>
      <c r="HD699" s="613"/>
      <c r="HE699" s="613"/>
      <c r="HF699" s="613"/>
      <c r="HG699" s="613"/>
      <c r="HH699" s="613"/>
      <c r="HI699" s="613"/>
      <c r="HJ699" s="613"/>
      <c r="HK699" s="613"/>
      <c r="HL699" s="613"/>
      <c r="HM699" s="613"/>
      <c r="HN699" s="613"/>
      <c r="HO699" s="613"/>
      <c r="HP699" s="613"/>
      <c r="HQ699" s="613"/>
      <c r="HR699" s="613"/>
      <c r="HS699" s="613"/>
      <c r="HT699" s="613"/>
      <c r="HU699" s="613"/>
      <c r="HV699" s="613"/>
      <c r="HW699" s="613"/>
      <c r="HX699" s="613"/>
      <c r="HY699" s="613"/>
      <c r="HZ699" s="613"/>
      <c r="IA699" s="613"/>
      <c r="IB699" s="613"/>
      <c r="IC699" s="613"/>
      <c r="ID699" s="613"/>
      <c r="IE699" s="613"/>
      <c r="IF699" s="613"/>
      <c r="IG699" s="613"/>
      <c r="IH699" s="613"/>
      <c r="II699" s="613"/>
      <c r="IJ699" s="613"/>
      <c r="IK699" s="613"/>
      <c r="IL699" s="613"/>
      <c r="IM699" s="613"/>
      <c r="IN699" s="613"/>
      <c r="IO699" s="613"/>
      <c r="IP699" s="613"/>
      <c r="IQ699" s="613"/>
      <c r="IR699" s="613"/>
      <c r="IS699" s="613"/>
      <c r="IT699" s="613"/>
      <c r="IU699" s="613"/>
      <c r="IV699" s="613"/>
      <c r="IW699" s="613"/>
      <c r="IX699" s="613"/>
      <c r="IY699" s="613"/>
      <c r="IZ699" s="613"/>
      <c r="JA699" s="613"/>
      <c r="JB699" s="613"/>
      <c r="JC699" s="613"/>
      <c r="JD699" s="613"/>
      <c r="JE699" s="613"/>
      <c r="JF699" s="613"/>
      <c r="JG699" s="613"/>
      <c r="JH699" s="613"/>
      <c r="JI699" s="613"/>
      <c r="JJ699" s="613"/>
      <c r="JK699" s="613"/>
      <c r="JL699" s="613"/>
      <c r="JM699" s="613"/>
      <c r="JN699" s="613"/>
      <c r="JO699" s="613"/>
      <c r="JP699" s="613"/>
      <c r="JQ699" s="613"/>
      <c r="JR699" s="613"/>
      <c r="JS699" s="613"/>
      <c r="JT699" s="613"/>
      <c r="JU699" s="613"/>
      <c r="JV699" s="613"/>
      <c r="JW699" s="613"/>
      <c r="JX699" s="613"/>
      <c r="JY699" s="613"/>
      <c r="JZ699" s="613"/>
      <c r="KA699" s="613"/>
      <c r="KB699" s="613"/>
      <c r="KC699" s="613"/>
      <c r="KD699" s="613"/>
      <c r="KE699" s="613"/>
      <c r="KF699" s="613"/>
      <c r="KG699" s="613"/>
      <c r="KH699" s="613"/>
      <c r="KI699" s="613"/>
      <c r="KJ699" s="613"/>
      <c r="KK699" s="613"/>
      <c r="KL699" s="613"/>
      <c r="KM699" s="613"/>
      <c r="KN699" s="613"/>
      <c r="KO699" s="613"/>
      <c r="KP699" s="613"/>
      <c r="KQ699" s="613"/>
      <c r="KR699" s="613"/>
      <c r="KS699" s="613"/>
      <c r="KT699" s="613"/>
      <c r="KU699" s="613"/>
      <c r="KV699" s="613"/>
      <c r="KW699" s="613"/>
      <c r="KX699" s="613"/>
      <c r="KY699" s="613"/>
      <c r="KZ699" s="613"/>
      <c r="LA699" s="613"/>
      <c r="LB699" s="613"/>
      <c r="LC699" s="613"/>
      <c r="LD699" s="613"/>
      <c r="LE699" s="613"/>
      <c r="LF699" s="613"/>
      <c r="LG699" s="613"/>
      <c r="LH699" s="613"/>
      <c r="LI699" s="613"/>
      <c r="LJ699" s="613"/>
      <c r="LK699" s="613"/>
      <c r="LL699" s="613"/>
      <c r="LM699" s="613"/>
      <c r="LN699" s="613"/>
      <c r="LO699" s="613"/>
      <c r="LP699" s="613"/>
      <c r="LQ699" s="613"/>
      <c r="LR699" s="613"/>
      <c r="LS699" s="613"/>
      <c r="LT699" s="613"/>
      <c r="LU699" s="613"/>
      <c r="LV699" s="613"/>
      <c r="LW699" s="613"/>
      <c r="LX699" s="613"/>
      <c r="LY699" s="613"/>
      <c r="LZ699" s="613"/>
      <c r="MA699" s="613"/>
      <c r="MB699" s="613"/>
      <c r="MC699" s="613"/>
      <c r="MD699" s="613"/>
      <c r="ME699" s="613"/>
      <c r="MF699" s="613"/>
      <c r="MG699" s="613"/>
      <c r="MH699" s="613"/>
      <c r="MI699" s="613"/>
      <c r="MJ699" s="613"/>
      <c r="MK699" s="613"/>
      <c r="ML699" s="613"/>
      <c r="MM699" s="613"/>
      <c r="MN699" s="613"/>
      <c r="MO699" s="613"/>
      <c r="MP699" s="613"/>
      <c r="MQ699" s="613"/>
      <c r="MR699" s="613"/>
      <c r="MS699" s="613"/>
      <c r="MT699" s="613"/>
      <c r="MU699" s="613"/>
      <c r="MV699" s="613"/>
      <c r="MW699" s="613"/>
      <c r="MX699" s="613"/>
      <c r="MY699" s="613"/>
      <c r="MZ699" s="613"/>
      <c r="NA699" s="613"/>
      <c r="NB699" s="613"/>
      <c r="NC699" s="613"/>
      <c r="ND699" s="613"/>
      <c r="NE699" s="613"/>
      <c r="NF699" s="613"/>
      <c r="NG699" s="613"/>
      <c r="NH699" s="613"/>
      <c r="NI699" s="613"/>
      <c r="NJ699" s="613"/>
      <c r="NK699" s="613"/>
      <c r="NL699" s="613"/>
      <c r="NM699" s="613"/>
      <c r="NN699" s="613"/>
      <c r="NO699" s="613"/>
      <c r="NP699" s="613"/>
      <c r="NQ699" s="613"/>
      <c r="NR699" s="613"/>
      <c r="NS699" s="613"/>
      <c r="NT699" s="613"/>
      <c r="NU699" s="613"/>
      <c r="NV699" s="613"/>
      <c r="NW699" s="613"/>
      <c r="NX699" s="613"/>
      <c r="NY699" s="613"/>
      <c r="NZ699" s="613"/>
      <c r="OA699" s="613"/>
      <c r="OB699" s="613"/>
      <c r="OC699" s="613"/>
      <c r="OD699" s="613"/>
      <c r="OE699" s="613"/>
      <c r="OF699" s="613"/>
      <c r="OG699" s="613"/>
      <c r="OH699" s="613"/>
      <c r="OI699" s="613"/>
      <c r="OJ699" s="613"/>
      <c r="OK699" s="613"/>
      <c r="OL699" s="613"/>
      <c r="OM699" s="613"/>
      <c r="ON699" s="613"/>
      <c r="OO699" s="613"/>
      <c r="OP699" s="613"/>
      <c r="OQ699" s="613"/>
      <c r="OR699" s="613"/>
      <c r="OS699" s="613"/>
      <c r="OT699" s="613"/>
      <c r="OU699" s="613"/>
      <c r="OV699" s="613"/>
      <c r="OW699" s="613"/>
      <c r="OX699" s="613"/>
      <c r="OY699" s="613"/>
      <c r="OZ699" s="613"/>
      <c r="PA699" s="613"/>
      <c r="PB699" s="613"/>
      <c r="PC699" s="613"/>
      <c r="PD699" s="613"/>
      <c r="PE699" s="613"/>
      <c r="PF699" s="613"/>
      <c r="PG699" s="613"/>
      <c r="PH699" s="613"/>
      <c r="PI699" s="613"/>
      <c r="PJ699" s="613"/>
      <c r="PK699" s="613"/>
      <c r="PL699" s="613"/>
      <c r="PM699" s="613"/>
      <c r="PN699" s="613"/>
      <c r="PO699" s="613"/>
      <c r="PP699" s="613"/>
      <c r="PQ699" s="613"/>
      <c r="PR699" s="613"/>
      <c r="PS699" s="613"/>
      <c r="PT699" s="613"/>
      <c r="PU699" s="613"/>
      <c r="PV699" s="613"/>
      <c r="PW699" s="613"/>
      <c r="PX699" s="613"/>
      <c r="PY699" s="613"/>
      <c r="PZ699" s="613"/>
      <c r="QA699" s="613"/>
      <c r="QB699" s="613"/>
      <c r="QC699" s="613"/>
      <c r="QD699" s="613"/>
      <c r="QE699" s="613"/>
      <c r="QF699" s="613"/>
      <c r="QG699" s="613"/>
      <c r="QH699" s="613"/>
      <c r="QI699" s="613"/>
      <c r="QJ699" s="613"/>
      <c r="QK699" s="613"/>
      <c r="QL699" s="613"/>
      <c r="QM699" s="613"/>
      <c r="QN699" s="613"/>
      <c r="QO699" s="613"/>
      <c r="QP699" s="613"/>
      <c r="QQ699" s="613"/>
      <c r="QR699" s="613"/>
      <c r="QS699" s="613"/>
      <c r="QT699" s="613"/>
      <c r="QU699" s="613"/>
      <c r="QV699" s="613"/>
      <c r="QW699" s="613"/>
      <c r="QX699" s="613"/>
      <c r="QY699" s="613"/>
      <c r="QZ699" s="613"/>
      <c r="RA699" s="613"/>
      <c r="RB699" s="613"/>
      <c r="RC699" s="613"/>
      <c r="RD699" s="613"/>
      <c r="RE699" s="613"/>
      <c r="RF699" s="613"/>
      <c r="RG699" s="613"/>
      <c r="RH699" s="613"/>
      <c r="RI699" s="613"/>
      <c r="RJ699" s="613"/>
      <c r="RK699" s="613"/>
      <c r="RL699" s="613"/>
      <c r="RM699" s="613"/>
      <c r="RN699" s="613"/>
      <c r="RO699" s="613"/>
      <c r="RP699" s="613"/>
      <c r="RQ699" s="613"/>
      <c r="RR699" s="613"/>
      <c r="RS699" s="613"/>
      <c r="RT699" s="613"/>
      <c r="RU699" s="613"/>
      <c r="RV699" s="613"/>
      <c r="RW699" s="613"/>
      <c r="RX699" s="613"/>
      <c r="RY699" s="613"/>
      <c r="RZ699" s="613"/>
      <c r="SA699" s="613"/>
      <c r="SB699" s="613"/>
      <c r="SC699" s="613"/>
      <c r="SD699" s="613"/>
      <c r="SE699" s="613"/>
      <c r="SF699" s="613"/>
      <c r="SG699" s="613"/>
      <c r="SH699" s="613"/>
      <c r="SI699" s="613"/>
      <c r="SJ699" s="613"/>
      <c r="SK699" s="613"/>
      <c r="SL699" s="613"/>
      <c r="SM699" s="613"/>
      <c r="SN699" s="613"/>
      <c r="SO699" s="613"/>
      <c r="SP699" s="613"/>
      <c r="SQ699" s="613"/>
      <c r="SR699" s="613"/>
      <c r="SS699" s="613"/>
      <c r="ST699" s="613"/>
      <c r="SU699" s="613"/>
      <c r="SV699" s="613"/>
      <c r="SW699" s="613"/>
      <c r="SX699" s="613"/>
      <c r="SY699" s="613"/>
      <c r="SZ699" s="613"/>
      <c r="TA699" s="613"/>
      <c r="TB699" s="613"/>
      <c r="TC699" s="613"/>
      <c r="TD699" s="613"/>
      <c r="TE699" s="613"/>
      <c r="TF699" s="613"/>
      <c r="TG699" s="613"/>
      <c r="TH699" s="613"/>
      <c r="TI699" s="613"/>
      <c r="TJ699" s="613"/>
      <c r="TK699" s="613"/>
      <c r="TL699" s="613"/>
      <c r="TM699" s="613"/>
      <c r="TN699" s="613"/>
      <c r="TO699" s="613"/>
      <c r="TP699" s="613"/>
      <c r="TQ699" s="613"/>
      <c r="TR699" s="613"/>
      <c r="TS699" s="613"/>
      <c r="TT699" s="613"/>
      <c r="TU699" s="613"/>
      <c r="TV699" s="613"/>
      <c r="TW699" s="613"/>
      <c r="TX699" s="613"/>
      <c r="TY699" s="613"/>
      <c r="TZ699" s="613"/>
      <c r="UA699" s="613"/>
      <c r="UB699" s="613"/>
      <c r="UC699" s="613"/>
      <c r="UD699" s="613"/>
      <c r="UE699" s="613"/>
      <c r="UF699" s="613"/>
      <c r="UG699" s="613"/>
      <c r="UH699" s="613"/>
      <c r="UI699" s="613"/>
      <c r="UJ699" s="613"/>
      <c r="UK699" s="613"/>
      <c r="UL699" s="613"/>
      <c r="UM699" s="613"/>
      <c r="UN699" s="613"/>
      <c r="UO699" s="613"/>
      <c r="UP699" s="613"/>
      <c r="UQ699" s="613"/>
      <c r="UR699" s="613"/>
      <c r="US699" s="613"/>
      <c r="UT699" s="613"/>
      <c r="UU699" s="613"/>
      <c r="UV699" s="613"/>
      <c r="UW699" s="613"/>
      <c r="UX699" s="613"/>
      <c r="UY699" s="613"/>
      <c r="UZ699" s="613"/>
      <c r="VA699" s="613"/>
      <c r="VB699" s="613"/>
      <c r="VC699" s="613"/>
      <c r="VD699" s="613"/>
      <c r="VE699" s="613"/>
      <c r="VF699" s="613"/>
      <c r="VG699" s="613"/>
      <c r="VH699" s="613"/>
      <c r="VI699" s="613"/>
      <c r="VJ699" s="613"/>
      <c r="VK699" s="613"/>
      <c r="VL699" s="613"/>
      <c r="VM699" s="613"/>
      <c r="VN699" s="613"/>
      <c r="VO699" s="613"/>
      <c r="VP699" s="613"/>
      <c r="VQ699" s="613"/>
      <c r="VR699" s="613"/>
      <c r="VS699" s="613"/>
      <c r="VT699" s="613"/>
      <c r="VU699" s="613"/>
      <c r="VV699" s="613"/>
      <c r="VW699" s="613"/>
      <c r="VX699" s="613"/>
      <c r="VY699" s="613"/>
      <c r="VZ699" s="613"/>
      <c r="WA699" s="613"/>
      <c r="WB699" s="613"/>
      <c r="WC699" s="613"/>
      <c r="WD699" s="613"/>
      <c r="WE699" s="613"/>
      <c r="WF699" s="613"/>
      <c r="WG699" s="613"/>
      <c r="WH699" s="613"/>
      <c r="WI699" s="613"/>
      <c r="WJ699" s="613"/>
      <c r="WK699" s="613"/>
      <c r="WL699" s="613"/>
      <c r="WM699" s="613"/>
      <c r="WN699" s="613"/>
      <c r="WO699" s="613"/>
      <c r="WP699" s="613"/>
      <c r="WQ699" s="613"/>
      <c r="WR699" s="613"/>
      <c r="WS699" s="613"/>
      <c r="WT699" s="613"/>
      <c r="WU699" s="613"/>
      <c r="WV699" s="613"/>
      <c r="WW699" s="613"/>
      <c r="WX699" s="613"/>
      <c r="WY699" s="613"/>
      <c r="WZ699" s="613"/>
      <c r="XA699" s="613"/>
      <c r="XB699" s="613"/>
      <c r="XC699" s="613"/>
      <c r="XD699" s="613"/>
      <c r="XE699" s="613"/>
      <c r="XF699" s="613"/>
      <c r="XG699" s="613"/>
      <c r="XH699" s="613"/>
      <c r="XI699" s="613"/>
      <c r="XJ699" s="613"/>
      <c r="XK699" s="613"/>
      <c r="XL699" s="613"/>
      <c r="XM699" s="613"/>
      <c r="XN699" s="613"/>
      <c r="XO699" s="613"/>
      <c r="XP699" s="613"/>
      <c r="XQ699" s="613"/>
      <c r="XR699" s="613"/>
      <c r="XS699" s="613"/>
      <c r="XT699" s="613"/>
      <c r="XU699" s="613"/>
      <c r="XV699" s="613"/>
      <c r="XW699" s="613"/>
      <c r="XX699" s="613"/>
      <c r="XY699" s="613"/>
      <c r="XZ699" s="613"/>
      <c r="YA699" s="613"/>
      <c r="YB699" s="613"/>
      <c r="YC699" s="613"/>
      <c r="YD699" s="613"/>
      <c r="YE699" s="613"/>
      <c r="YF699" s="613"/>
      <c r="YG699" s="613"/>
      <c r="YH699" s="613"/>
      <c r="YI699" s="613"/>
      <c r="YJ699" s="613"/>
      <c r="YK699" s="613"/>
      <c r="YL699" s="613"/>
      <c r="YM699" s="613"/>
      <c r="YN699" s="613"/>
      <c r="YO699" s="613"/>
      <c r="YP699" s="613"/>
      <c r="YQ699" s="613"/>
      <c r="YR699" s="613"/>
      <c r="YS699" s="613"/>
      <c r="YT699" s="613"/>
      <c r="YU699" s="613"/>
      <c r="YV699" s="613"/>
      <c r="YW699" s="613"/>
      <c r="YX699" s="613"/>
      <c r="YY699" s="613"/>
      <c r="YZ699" s="613"/>
      <c r="ZA699" s="613"/>
      <c r="ZB699" s="613"/>
      <c r="ZC699" s="613"/>
      <c r="ZD699" s="613"/>
      <c r="ZE699" s="613"/>
      <c r="ZF699" s="613"/>
      <c r="ZG699" s="613"/>
      <c r="ZH699" s="613"/>
      <c r="ZI699" s="613"/>
      <c r="ZJ699" s="613"/>
      <c r="ZK699" s="613"/>
      <c r="ZL699" s="613"/>
      <c r="ZM699" s="613"/>
      <c r="ZN699" s="613"/>
      <c r="ZO699" s="613"/>
      <c r="ZP699" s="613"/>
      <c r="ZQ699" s="613"/>
      <c r="ZR699" s="613"/>
      <c r="ZS699" s="613"/>
      <c r="ZT699" s="613"/>
      <c r="ZU699" s="613"/>
      <c r="ZV699" s="613"/>
      <c r="ZW699" s="613"/>
      <c r="ZX699" s="613"/>
      <c r="ZY699" s="613"/>
      <c r="ZZ699" s="613"/>
      <c r="AAA699" s="613"/>
      <c r="AAB699" s="613"/>
      <c r="AAC699" s="613"/>
      <c r="AAD699" s="613"/>
      <c r="AAE699" s="613"/>
      <c r="AAF699" s="613"/>
      <c r="AAG699" s="613"/>
      <c r="AAH699" s="613"/>
      <c r="AAI699" s="613"/>
      <c r="AAJ699" s="613"/>
      <c r="AAK699" s="613"/>
      <c r="AAL699" s="613"/>
      <c r="AAM699" s="613"/>
      <c r="AAN699" s="613"/>
      <c r="AAO699" s="613"/>
      <c r="AAP699" s="613"/>
      <c r="AAQ699" s="613"/>
      <c r="AAR699" s="613"/>
      <c r="AAS699" s="613"/>
      <c r="AAT699" s="613"/>
      <c r="AAU699" s="613"/>
      <c r="AAV699" s="613"/>
      <c r="AAW699" s="613"/>
      <c r="AAX699" s="613"/>
      <c r="AAY699" s="613"/>
      <c r="AAZ699" s="613"/>
      <c r="ABA699" s="613"/>
      <c r="ABB699" s="613"/>
      <c r="ABC699" s="613"/>
      <c r="ABD699" s="613"/>
      <c r="ABE699" s="613"/>
      <c r="ABF699" s="613"/>
      <c r="ABG699" s="613"/>
      <c r="ABH699" s="613"/>
      <c r="ABI699" s="613"/>
      <c r="ABJ699" s="613"/>
      <c r="ABK699" s="613"/>
      <c r="ABL699" s="613"/>
      <c r="ABM699" s="613"/>
      <c r="ABN699" s="613"/>
      <c r="ABO699" s="613"/>
      <c r="ABP699" s="613"/>
      <c r="ABQ699" s="613"/>
      <c r="ABR699" s="613"/>
      <c r="ABS699" s="613"/>
      <c r="ABT699" s="613"/>
      <c r="ABU699" s="613"/>
      <c r="ABV699" s="613"/>
      <c r="ABW699" s="613"/>
      <c r="ABX699" s="613"/>
      <c r="ABY699" s="613"/>
      <c r="ABZ699" s="613"/>
      <c r="ACA699" s="613"/>
      <c r="ACB699" s="613"/>
      <c r="ACC699" s="613"/>
      <c r="ACD699" s="613"/>
      <c r="ACE699" s="613"/>
      <c r="ACF699" s="613"/>
      <c r="ACG699" s="613"/>
      <c r="ACH699" s="613"/>
      <c r="ACI699" s="613"/>
      <c r="ACJ699" s="613"/>
      <c r="ACK699" s="613"/>
      <c r="ACL699" s="613"/>
      <c r="ACM699" s="613"/>
      <c r="ACN699" s="613"/>
      <c r="ACO699" s="613"/>
      <c r="ACP699" s="613"/>
      <c r="ACQ699" s="613"/>
      <c r="ACR699" s="613"/>
      <c r="ACS699" s="613"/>
      <c r="ACT699" s="613"/>
      <c r="ACU699" s="613"/>
      <c r="ACV699" s="613"/>
      <c r="ACW699" s="613"/>
      <c r="ACX699" s="613"/>
      <c r="ACY699" s="613"/>
      <c r="ACZ699" s="613"/>
      <c r="ADA699" s="613"/>
      <c r="ADB699" s="613"/>
      <c r="ADC699" s="613"/>
      <c r="ADD699" s="613"/>
      <c r="ADE699" s="613"/>
      <c r="ADF699" s="613"/>
      <c r="ADG699" s="613"/>
      <c r="ADH699" s="613"/>
      <c r="ADI699" s="613"/>
      <c r="ADJ699" s="613"/>
      <c r="ADK699" s="613"/>
      <c r="ADL699" s="613"/>
      <c r="ADM699" s="613"/>
      <c r="ADN699" s="613"/>
      <c r="ADO699" s="613"/>
      <c r="ADP699" s="613"/>
      <c r="ADQ699" s="613"/>
      <c r="ADR699" s="613"/>
      <c r="ADS699" s="613"/>
      <c r="ADT699" s="613"/>
      <c r="ADU699" s="613"/>
      <c r="ADV699" s="613"/>
      <c r="ADW699" s="613"/>
      <c r="ADX699" s="613"/>
      <c r="ADY699" s="613"/>
      <c r="ADZ699" s="613"/>
      <c r="AEA699" s="613"/>
      <c r="AEB699" s="613"/>
      <c r="AEC699" s="613"/>
      <c r="AED699" s="613"/>
      <c r="AEE699" s="613"/>
      <c r="AEF699" s="613"/>
      <c r="AEG699" s="613"/>
      <c r="AEH699" s="613"/>
      <c r="AEI699" s="613"/>
      <c r="AEJ699" s="613"/>
      <c r="AEK699" s="613"/>
      <c r="AEL699" s="613"/>
      <c r="AEM699" s="613"/>
      <c r="AEN699" s="613"/>
      <c r="AEO699" s="613"/>
      <c r="AEP699" s="613"/>
      <c r="AEQ699" s="613"/>
      <c r="AER699" s="613"/>
      <c r="AES699" s="613"/>
      <c r="AET699" s="613"/>
      <c r="AEU699" s="613"/>
      <c r="AEV699" s="613"/>
      <c r="AEW699" s="613"/>
      <c r="AEX699" s="613"/>
      <c r="AEY699" s="613"/>
      <c r="AEZ699" s="613"/>
      <c r="AFA699" s="613"/>
      <c r="AFB699" s="613"/>
      <c r="AFC699" s="613"/>
      <c r="AFD699" s="613"/>
      <c r="AFE699" s="613"/>
      <c r="AFF699" s="613"/>
      <c r="AFG699" s="613"/>
      <c r="AFH699" s="613"/>
      <c r="AFI699" s="613"/>
      <c r="AFJ699" s="613"/>
      <c r="AFK699" s="613"/>
      <c r="AFL699" s="613"/>
      <c r="AFM699" s="613"/>
      <c r="AFN699" s="613"/>
      <c r="AFO699" s="613"/>
      <c r="AFP699" s="613"/>
      <c r="AFQ699" s="613"/>
      <c r="AFR699" s="613"/>
      <c r="AFS699" s="613"/>
      <c r="AFT699" s="613"/>
      <c r="AFU699" s="613"/>
      <c r="AFV699" s="613"/>
      <c r="AFW699" s="613"/>
      <c r="AFX699" s="613"/>
      <c r="AFY699" s="613"/>
      <c r="AFZ699" s="613"/>
      <c r="AGA699" s="613"/>
      <c r="AGB699" s="613"/>
      <c r="AGC699" s="613"/>
      <c r="AGD699" s="613"/>
      <c r="AGE699" s="613"/>
      <c r="AGF699" s="613"/>
      <c r="AGG699" s="613"/>
      <c r="AGH699" s="613"/>
      <c r="AGI699" s="613"/>
      <c r="AGJ699" s="613"/>
      <c r="AGK699" s="613"/>
      <c r="AGL699" s="613"/>
      <c r="AGM699" s="613"/>
      <c r="AGN699" s="613"/>
      <c r="AGO699" s="613"/>
      <c r="AGP699" s="613"/>
      <c r="AGQ699" s="613"/>
      <c r="AGR699" s="613"/>
      <c r="AGS699" s="613"/>
      <c r="AGT699" s="613"/>
      <c r="AGU699" s="613"/>
      <c r="AGV699" s="613"/>
      <c r="AGW699" s="613"/>
      <c r="AGX699" s="613"/>
      <c r="AGY699" s="613"/>
      <c r="AGZ699" s="613"/>
      <c r="AHA699" s="613"/>
      <c r="AHB699" s="613"/>
      <c r="AHC699" s="613"/>
      <c r="AHD699" s="613"/>
      <c r="AHE699" s="613"/>
      <c r="AHF699" s="613"/>
      <c r="AHG699" s="613"/>
      <c r="AHH699" s="613"/>
      <c r="AHI699" s="613"/>
      <c r="AHJ699" s="613"/>
      <c r="AHK699" s="613"/>
      <c r="AHL699" s="613"/>
      <c r="AHM699" s="613"/>
      <c r="AHN699" s="613"/>
      <c r="AHO699" s="613"/>
      <c r="AHP699" s="613"/>
      <c r="AHQ699" s="613"/>
      <c r="AHR699" s="613"/>
      <c r="AHS699" s="613"/>
      <c r="AHT699" s="613"/>
      <c r="AHU699" s="613"/>
      <c r="AHV699" s="613"/>
      <c r="AHW699" s="613"/>
      <c r="AHX699" s="613"/>
      <c r="AHY699" s="613"/>
      <c r="AHZ699" s="613"/>
      <c r="AIA699" s="613"/>
      <c r="AIB699" s="613"/>
      <c r="AIC699" s="613"/>
      <c r="AID699" s="613"/>
      <c r="AIE699" s="613"/>
      <c r="AIF699" s="613"/>
      <c r="AIG699" s="613"/>
      <c r="AIH699" s="613"/>
      <c r="AII699" s="613"/>
      <c r="AIJ699" s="613"/>
      <c r="AIK699" s="613"/>
      <c r="AIL699" s="613"/>
      <c r="AIM699" s="613"/>
      <c r="AIN699" s="613"/>
      <c r="AIO699" s="613"/>
      <c r="AIP699" s="613"/>
      <c r="AIQ699" s="613"/>
      <c r="AIR699" s="613"/>
      <c r="AIS699" s="613"/>
      <c r="AIT699" s="613"/>
      <c r="AIU699" s="613"/>
      <c r="AIV699" s="613"/>
      <c r="AIW699" s="613"/>
      <c r="AIX699" s="613"/>
      <c r="AIY699" s="613"/>
      <c r="AIZ699" s="613"/>
      <c r="AJA699" s="613"/>
      <c r="AJB699" s="613"/>
      <c r="AJC699" s="613"/>
      <c r="AJD699" s="613"/>
      <c r="AJE699" s="613"/>
      <c r="AJF699" s="613"/>
      <c r="AJG699" s="613"/>
      <c r="AJH699" s="613"/>
      <c r="AJI699" s="613"/>
      <c r="AJJ699" s="613"/>
      <c r="AJK699" s="613"/>
      <c r="AJL699" s="613"/>
      <c r="AJM699" s="613"/>
      <c r="AJN699" s="613"/>
      <c r="AJO699" s="613"/>
      <c r="AJP699" s="613"/>
      <c r="AJQ699" s="613"/>
      <c r="AJR699" s="613"/>
      <c r="AJS699" s="613"/>
      <c r="AJT699" s="613"/>
      <c r="AJU699" s="613"/>
      <c r="AJV699" s="613"/>
      <c r="AJW699" s="613"/>
      <c r="AJX699" s="613"/>
      <c r="AJY699" s="613"/>
      <c r="AJZ699" s="613"/>
      <c r="AKA699" s="613"/>
      <c r="AKB699" s="613"/>
      <c r="AKC699" s="613"/>
      <c r="AKD699" s="613"/>
      <c r="AKE699" s="613"/>
      <c r="AKF699" s="613"/>
      <c r="AKG699" s="613"/>
      <c r="AKH699" s="613"/>
      <c r="AKI699" s="613"/>
      <c r="AKJ699" s="613"/>
      <c r="AKK699" s="613"/>
      <c r="AKL699" s="613"/>
      <c r="AKM699" s="613"/>
      <c r="AKN699" s="613"/>
      <c r="AKO699" s="613"/>
      <c r="AKP699" s="613"/>
      <c r="AKQ699" s="613"/>
      <c r="AKR699" s="613"/>
      <c r="AKS699" s="613"/>
      <c r="AKT699" s="613"/>
      <c r="AKU699" s="613"/>
      <c r="AKV699" s="613"/>
      <c r="AKW699" s="613"/>
      <c r="AKX699" s="613"/>
      <c r="AKY699" s="613"/>
      <c r="AKZ699" s="613"/>
      <c r="ALA699" s="613"/>
      <c r="ALB699" s="613"/>
      <c r="ALC699" s="613"/>
      <c r="ALD699" s="613"/>
      <c r="ALE699" s="613"/>
      <c r="ALF699" s="613"/>
      <c r="ALG699" s="613"/>
      <c r="ALH699" s="613"/>
      <c r="ALI699" s="613"/>
      <c r="ALJ699" s="613"/>
      <c r="ALK699" s="613"/>
      <c r="ALL699" s="613"/>
      <c r="ALM699" s="613"/>
      <c r="ALN699" s="613"/>
      <c r="ALO699" s="613"/>
      <c r="ALP699" s="613"/>
      <c r="ALQ699" s="613"/>
      <c r="ALR699" s="613"/>
      <c r="ALS699" s="613"/>
      <c r="ALT699" s="613"/>
      <c r="ALU699" s="613"/>
      <c r="ALV699" s="613"/>
      <c r="ALW699" s="613"/>
      <c r="ALX699" s="613"/>
      <c r="ALY699" s="613"/>
      <c r="ALZ699" s="613"/>
      <c r="AMA699" s="613"/>
      <c r="AMB699" s="613"/>
      <c r="AMC699" s="613"/>
      <c r="AMD699" s="613"/>
      <c r="AME699" s="613"/>
      <c r="AMF699" s="613"/>
      <c r="AMG699" s="613"/>
      <c r="AMH699" s="613"/>
      <c r="AMI699" s="613"/>
      <c r="AMJ699" s="613"/>
      <c r="AMK699" s="613"/>
      <c r="AML699" s="613"/>
      <c r="AMM699" s="613"/>
      <c r="AMN699" s="613"/>
      <c r="AMO699" s="613"/>
      <c r="AMP699" s="613"/>
      <c r="AMQ699" s="613"/>
      <c r="AMR699" s="613"/>
      <c r="AMS699" s="613"/>
      <c r="AMT699" s="613"/>
      <c r="AMU699" s="613"/>
      <c r="AMV699" s="613"/>
      <c r="AMW699" s="613"/>
      <c r="AMX699" s="613"/>
      <c r="AMY699" s="613"/>
      <c r="AMZ699" s="613"/>
      <c r="ANA699" s="613"/>
      <c r="ANB699" s="613"/>
      <c r="ANC699" s="613"/>
      <c r="AND699" s="613"/>
      <c r="ANE699" s="613"/>
      <c r="ANF699" s="613"/>
      <c r="ANG699" s="613"/>
      <c r="ANH699" s="613"/>
      <c r="ANI699" s="613"/>
      <c r="ANJ699" s="613"/>
      <c r="ANK699" s="613"/>
      <c r="ANL699" s="613"/>
      <c r="ANM699" s="613"/>
      <c r="ANN699" s="613"/>
      <c r="ANO699" s="613"/>
      <c r="ANP699" s="613"/>
      <c r="ANQ699" s="613"/>
      <c r="ANR699" s="613"/>
      <c r="ANS699" s="613"/>
      <c r="ANT699" s="613"/>
      <c r="ANU699" s="613"/>
      <c r="ANV699" s="613"/>
      <c r="ANW699" s="613"/>
      <c r="ANX699" s="613"/>
      <c r="ANY699" s="613"/>
      <c r="ANZ699" s="613"/>
      <c r="AOA699" s="613"/>
      <c r="AOB699" s="613"/>
      <c r="AOC699" s="613"/>
      <c r="AOD699" s="613"/>
      <c r="AOE699" s="613"/>
      <c r="AOF699" s="613"/>
      <c r="AOG699" s="613"/>
      <c r="AOH699" s="613"/>
      <c r="AOI699" s="613"/>
      <c r="AOJ699" s="613"/>
      <c r="AOK699" s="613"/>
      <c r="AOL699" s="613"/>
      <c r="AOM699" s="613"/>
      <c r="AON699" s="613"/>
      <c r="AOO699" s="613"/>
      <c r="AOP699" s="613"/>
      <c r="AOQ699" s="613"/>
      <c r="AOR699" s="613"/>
      <c r="AOS699" s="613"/>
      <c r="AOT699" s="613"/>
      <c r="AOU699" s="613"/>
      <c r="AOV699" s="613"/>
      <c r="AOW699" s="613"/>
      <c r="AOX699" s="613"/>
      <c r="AOY699" s="613"/>
      <c r="AOZ699" s="613"/>
      <c r="APA699" s="613"/>
      <c r="APB699" s="613"/>
      <c r="APC699" s="613"/>
      <c r="APD699" s="613"/>
      <c r="APE699" s="613"/>
      <c r="APF699" s="613"/>
      <c r="APG699" s="613"/>
      <c r="APH699" s="613"/>
      <c r="API699" s="613"/>
      <c r="APJ699" s="613"/>
      <c r="APK699" s="613"/>
      <c r="APL699" s="613"/>
      <c r="APM699" s="613"/>
      <c r="APN699" s="613"/>
      <c r="APO699" s="613"/>
      <c r="APP699" s="613"/>
      <c r="APQ699" s="613"/>
      <c r="APR699" s="613"/>
      <c r="APS699" s="613"/>
      <c r="APT699" s="613"/>
      <c r="APU699" s="613"/>
      <c r="APV699" s="613"/>
      <c r="APW699" s="613"/>
      <c r="APX699" s="613"/>
      <c r="APY699" s="613"/>
      <c r="APZ699" s="613"/>
      <c r="AQA699" s="613"/>
      <c r="AQB699" s="613"/>
      <c r="AQC699" s="613"/>
      <c r="AQD699" s="613"/>
      <c r="AQE699" s="613"/>
      <c r="AQF699" s="613"/>
      <c r="AQG699" s="613"/>
      <c r="AQH699" s="613"/>
      <c r="AQI699" s="613"/>
      <c r="AQJ699" s="613"/>
      <c r="AQK699" s="613"/>
      <c r="AQL699" s="613"/>
      <c r="AQM699" s="613"/>
      <c r="AQN699" s="613"/>
      <c r="AQO699" s="613"/>
      <c r="AQP699" s="613"/>
      <c r="AQQ699" s="613"/>
      <c r="AQR699" s="613"/>
      <c r="AQS699" s="613"/>
      <c r="AQT699" s="613"/>
      <c r="AQU699" s="613"/>
      <c r="AQV699" s="613"/>
      <c r="AQW699" s="613"/>
      <c r="AQX699" s="613"/>
      <c r="AQY699" s="613"/>
      <c r="AQZ699" s="613"/>
      <c r="ARA699" s="613"/>
      <c r="ARB699" s="613"/>
      <c r="ARC699" s="613"/>
      <c r="ARD699" s="613"/>
      <c r="ARE699" s="613"/>
      <c r="ARF699" s="613"/>
      <c r="ARG699" s="613"/>
      <c r="ARH699" s="613"/>
      <c r="ARI699" s="613"/>
      <c r="ARJ699" s="613"/>
      <c r="ARK699" s="613"/>
      <c r="ARL699" s="613"/>
      <c r="ARM699" s="613"/>
      <c r="ARN699" s="613"/>
      <c r="ARO699" s="613"/>
      <c r="ARP699" s="613"/>
      <c r="ARQ699" s="613"/>
      <c r="ARR699" s="613"/>
      <c r="ARS699" s="613"/>
      <c r="ART699" s="613"/>
      <c r="ARU699" s="613"/>
      <c r="ARV699" s="613"/>
      <c r="ARW699" s="613"/>
      <c r="ARX699" s="613"/>
      <c r="ARY699" s="613"/>
      <c r="ARZ699" s="613"/>
      <c r="ASA699" s="613"/>
      <c r="ASB699" s="613"/>
      <c r="ASC699" s="613"/>
      <c r="ASD699" s="613"/>
      <c r="ASE699" s="613"/>
      <c r="ASF699" s="613"/>
      <c r="ASG699" s="613"/>
      <c r="ASH699" s="613"/>
      <c r="ASI699" s="613"/>
      <c r="ASJ699" s="613"/>
      <c r="ASK699" s="613"/>
      <c r="ASL699" s="613"/>
      <c r="ASM699" s="613"/>
      <c r="ASN699" s="613"/>
      <c r="ASO699" s="613"/>
      <c r="ASP699" s="613"/>
      <c r="ASQ699" s="613"/>
      <c r="ASR699" s="613"/>
      <c r="ASS699" s="613"/>
      <c r="AST699" s="613"/>
      <c r="ASU699" s="613"/>
      <c r="ASV699" s="613"/>
      <c r="ASW699" s="613"/>
      <c r="ASX699" s="613"/>
      <c r="ASY699" s="613"/>
      <c r="ASZ699" s="613"/>
      <c r="ATA699" s="613"/>
      <c r="ATB699" s="613"/>
      <c r="ATC699" s="613"/>
      <c r="ATD699" s="613"/>
      <c r="ATE699" s="613"/>
      <c r="ATF699" s="613"/>
      <c r="ATG699" s="613"/>
      <c r="ATH699" s="613"/>
      <c r="ATI699" s="613"/>
      <c r="ATJ699" s="613"/>
      <c r="ATK699" s="613"/>
      <c r="ATL699" s="613"/>
      <c r="ATM699" s="613"/>
      <c r="ATN699" s="613"/>
      <c r="ATO699" s="613"/>
      <c r="ATP699" s="613"/>
      <c r="ATQ699" s="613"/>
      <c r="ATR699" s="613"/>
      <c r="ATS699" s="613"/>
      <c r="ATT699" s="613"/>
      <c r="ATU699" s="613"/>
      <c r="ATV699" s="613"/>
      <c r="ATW699" s="613"/>
      <c r="ATX699" s="613"/>
      <c r="ATY699" s="613"/>
      <c r="ATZ699" s="613"/>
      <c r="AUA699" s="613"/>
      <c r="AUB699" s="613"/>
      <c r="AUC699" s="613"/>
      <c r="AUD699" s="613"/>
      <c r="AUE699" s="613"/>
      <c r="AUF699" s="613"/>
      <c r="AUG699" s="613"/>
      <c r="AUH699" s="613"/>
      <c r="AUI699" s="613"/>
      <c r="AUJ699" s="613"/>
      <c r="AUK699" s="613"/>
      <c r="AUL699" s="613"/>
      <c r="AUM699" s="613"/>
      <c r="AUN699" s="613"/>
      <c r="AUO699" s="613"/>
      <c r="AUP699" s="613"/>
      <c r="AUQ699" s="613"/>
      <c r="AUR699" s="613"/>
      <c r="AUS699" s="613"/>
      <c r="AUT699" s="613"/>
      <c r="AUU699" s="613"/>
      <c r="AUV699" s="613"/>
      <c r="AUW699" s="613"/>
      <c r="AUX699" s="613"/>
      <c r="AUY699" s="613"/>
      <c r="AUZ699" s="613"/>
      <c r="AVA699" s="613"/>
      <c r="AVB699" s="613"/>
      <c r="AVC699" s="613"/>
      <c r="AVD699" s="613"/>
      <c r="AVE699" s="613"/>
      <c r="AVF699" s="613"/>
      <c r="AVG699" s="613"/>
      <c r="AVH699" s="613"/>
      <c r="AVI699" s="613"/>
      <c r="AVJ699" s="613"/>
      <c r="AVK699" s="613"/>
      <c r="AVL699" s="613"/>
      <c r="AVM699" s="613"/>
      <c r="AVN699" s="613"/>
      <c r="AVO699" s="613"/>
      <c r="AVP699" s="613"/>
      <c r="AVQ699" s="613"/>
      <c r="AVR699" s="613"/>
      <c r="AVS699" s="613"/>
      <c r="AVT699" s="613"/>
      <c r="AVU699" s="613"/>
      <c r="AVV699" s="613"/>
      <c r="AVW699" s="613"/>
      <c r="AVX699" s="613"/>
      <c r="AVY699" s="613"/>
      <c r="AVZ699" s="613"/>
      <c r="AWA699" s="613"/>
      <c r="AWB699" s="613"/>
      <c r="AWC699" s="613"/>
      <c r="AWD699" s="613"/>
      <c r="AWE699" s="613"/>
      <c r="AWF699" s="613"/>
      <c r="AWG699" s="613"/>
      <c r="AWH699" s="613"/>
      <c r="AWI699" s="613"/>
      <c r="AWJ699" s="613"/>
      <c r="AWK699" s="613"/>
      <c r="AWL699" s="613"/>
      <c r="AWM699" s="613"/>
      <c r="AWN699" s="613"/>
      <c r="AWO699" s="613"/>
      <c r="AWP699" s="613"/>
      <c r="AWQ699" s="613"/>
      <c r="AWR699" s="613"/>
      <c r="AWS699" s="613"/>
      <c r="AWT699" s="613"/>
      <c r="AWU699" s="613"/>
      <c r="AWV699" s="613"/>
      <c r="AWW699" s="613"/>
      <c r="AWX699" s="613"/>
      <c r="AWY699" s="613"/>
      <c r="AWZ699" s="613"/>
      <c r="AXA699" s="613"/>
      <c r="AXB699" s="613"/>
      <c r="AXC699" s="613"/>
      <c r="AXD699" s="613"/>
      <c r="AXE699" s="613"/>
      <c r="AXF699" s="613"/>
      <c r="AXG699" s="613"/>
      <c r="AXH699" s="613"/>
      <c r="AXI699" s="613"/>
      <c r="AXJ699" s="613"/>
      <c r="AXK699" s="613"/>
      <c r="AXL699" s="613"/>
      <c r="AXM699" s="613"/>
      <c r="AXN699" s="613"/>
      <c r="AXO699" s="613"/>
      <c r="AXP699" s="613"/>
      <c r="AXQ699" s="613"/>
      <c r="AXR699" s="613"/>
      <c r="AXS699" s="613"/>
      <c r="AXT699" s="613"/>
      <c r="AXU699" s="613"/>
      <c r="AXV699" s="613"/>
      <c r="AXW699" s="613"/>
      <c r="AXX699" s="613"/>
      <c r="AXY699" s="613"/>
      <c r="AXZ699" s="613"/>
      <c r="AYA699" s="613"/>
      <c r="AYB699" s="613"/>
      <c r="AYC699" s="613"/>
      <c r="AYD699" s="613"/>
      <c r="AYE699" s="613"/>
      <c r="AYF699" s="613"/>
      <c r="AYG699" s="613"/>
      <c r="AYH699" s="613"/>
      <c r="AYI699" s="613"/>
      <c r="AYJ699" s="613"/>
      <c r="AYK699" s="613"/>
      <c r="AYL699" s="613"/>
      <c r="AYM699" s="613"/>
      <c r="AYN699" s="613"/>
      <c r="AYO699" s="613"/>
      <c r="AYP699" s="613"/>
      <c r="AYQ699" s="613"/>
      <c r="AYR699" s="613"/>
      <c r="AYS699" s="613"/>
      <c r="AYT699" s="613"/>
      <c r="AYU699" s="613"/>
      <c r="AYV699" s="613"/>
      <c r="AYW699" s="613"/>
      <c r="AYX699" s="613"/>
      <c r="AYY699" s="613"/>
      <c r="AYZ699" s="613"/>
      <c r="AZA699" s="613"/>
      <c r="AZB699" s="613"/>
      <c r="AZC699" s="613"/>
      <c r="AZD699" s="613"/>
      <c r="AZE699" s="613"/>
      <c r="AZF699" s="613"/>
      <c r="AZG699" s="613"/>
      <c r="AZH699" s="613"/>
      <c r="AZI699" s="613"/>
      <c r="AZJ699" s="613"/>
      <c r="AZK699" s="613"/>
      <c r="AZL699" s="613"/>
      <c r="AZM699" s="613"/>
      <c r="AZN699" s="613"/>
      <c r="AZO699" s="613"/>
      <c r="AZP699" s="613"/>
      <c r="AZQ699" s="613"/>
      <c r="AZR699" s="613"/>
      <c r="AZS699" s="613"/>
      <c r="AZT699" s="613"/>
      <c r="AZU699" s="613"/>
      <c r="AZV699" s="613"/>
      <c r="AZW699" s="613"/>
      <c r="AZX699" s="613"/>
      <c r="AZY699" s="613"/>
      <c r="AZZ699" s="613"/>
      <c r="BAA699" s="613"/>
      <c r="BAB699" s="613"/>
      <c r="BAC699" s="613"/>
      <c r="BAD699" s="613"/>
      <c r="BAE699" s="613"/>
      <c r="BAF699" s="613"/>
      <c r="BAG699" s="613"/>
      <c r="BAH699" s="613"/>
      <c r="BAI699" s="613"/>
      <c r="BAJ699" s="613"/>
      <c r="BAK699" s="613"/>
      <c r="BAL699" s="613"/>
      <c r="BAM699" s="613"/>
      <c r="BAN699" s="613"/>
      <c r="BAO699" s="613"/>
      <c r="BAP699" s="613"/>
      <c r="BAQ699" s="613"/>
      <c r="BAR699" s="613"/>
      <c r="BAS699" s="613"/>
      <c r="BAT699" s="613"/>
      <c r="BAU699" s="613"/>
      <c r="BAV699" s="613"/>
      <c r="BAW699" s="613"/>
      <c r="BAX699" s="613"/>
      <c r="BAY699" s="613"/>
      <c r="BAZ699" s="613"/>
      <c r="BBA699" s="613"/>
      <c r="BBB699" s="613"/>
      <c r="BBC699" s="613"/>
      <c r="BBD699" s="613"/>
      <c r="BBE699" s="613"/>
      <c r="BBF699" s="613"/>
      <c r="BBG699" s="613"/>
      <c r="BBH699" s="613"/>
      <c r="BBI699" s="613"/>
      <c r="BBJ699" s="613"/>
      <c r="BBK699" s="613"/>
      <c r="BBL699" s="613"/>
      <c r="BBM699" s="613"/>
      <c r="BBN699" s="613"/>
      <c r="BBO699" s="613"/>
      <c r="BBP699" s="613"/>
      <c r="BBQ699" s="613"/>
      <c r="BBR699" s="613"/>
      <c r="BBS699" s="613"/>
      <c r="BBT699" s="613"/>
      <c r="BBU699" s="613"/>
      <c r="BBV699" s="613"/>
      <c r="BBW699" s="613"/>
      <c r="BBX699" s="613"/>
      <c r="BBY699" s="613"/>
      <c r="BBZ699" s="613"/>
      <c r="BCA699" s="613"/>
      <c r="BCB699" s="613"/>
      <c r="BCC699" s="613"/>
      <c r="BCD699" s="613"/>
      <c r="BCE699" s="613"/>
      <c r="BCF699" s="613"/>
      <c r="BCG699" s="613"/>
      <c r="BCH699" s="613"/>
      <c r="BCI699" s="613"/>
      <c r="BCJ699" s="613"/>
      <c r="BCK699" s="613"/>
      <c r="BCL699" s="613"/>
      <c r="BCM699" s="613"/>
      <c r="BCN699" s="613"/>
      <c r="BCO699" s="613"/>
      <c r="BCP699" s="613"/>
      <c r="BCQ699" s="613"/>
      <c r="BCR699" s="613"/>
      <c r="BCS699" s="613"/>
      <c r="BCT699" s="613"/>
      <c r="BCU699" s="613"/>
      <c r="BCV699" s="613"/>
      <c r="BCW699" s="613"/>
      <c r="BCX699" s="613"/>
      <c r="BCY699" s="613"/>
      <c r="BCZ699" s="613"/>
      <c r="BDA699" s="613"/>
      <c r="BDB699" s="613"/>
      <c r="BDC699" s="613"/>
      <c r="BDD699" s="613"/>
      <c r="BDE699" s="613"/>
      <c r="BDF699" s="613"/>
      <c r="BDG699" s="613"/>
      <c r="BDH699" s="613"/>
      <c r="BDI699" s="613"/>
      <c r="BDJ699" s="613"/>
      <c r="BDK699" s="613"/>
      <c r="BDL699" s="613"/>
      <c r="BDM699" s="613"/>
      <c r="BDN699" s="613"/>
      <c r="BDO699" s="613"/>
      <c r="BDP699" s="613"/>
      <c r="BDQ699" s="613"/>
      <c r="BDR699" s="613"/>
      <c r="BDS699" s="613"/>
      <c r="BDT699" s="613"/>
      <c r="BDU699" s="613"/>
      <c r="BDV699" s="613"/>
      <c r="BDW699" s="613"/>
      <c r="BDX699" s="613"/>
      <c r="BDY699" s="613"/>
      <c r="BDZ699" s="613"/>
      <c r="BEA699" s="613"/>
      <c r="BEB699" s="613"/>
      <c r="BEC699" s="613"/>
      <c r="BED699" s="613"/>
      <c r="BEE699" s="613"/>
      <c r="BEF699" s="613"/>
      <c r="BEG699" s="613"/>
      <c r="BEH699" s="613"/>
      <c r="BEI699" s="613"/>
      <c r="BEJ699" s="613"/>
      <c r="BEK699" s="613"/>
      <c r="BEL699" s="613"/>
      <c r="BEM699" s="613"/>
      <c r="BEN699" s="613"/>
      <c r="BEO699" s="613"/>
      <c r="BEP699" s="613"/>
      <c r="BEQ699" s="613"/>
      <c r="BER699" s="613"/>
      <c r="BES699" s="613"/>
      <c r="BET699" s="613"/>
      <c r="BEU699" s="613"/>
      <c r="BEV699" s="613"/>
      <c r="BEW699" s="613"/>
      <c r="BEX699" s="613"/>
      <c r="BEY699" s="613"/>
      <c r="BEZ699" s="613"/>
      <c r="BFA699" s="613"/>
      <c r="BFB699" s="613"/>
      <c r="BFC699" s="613"/>
      <c r="BFD699" s="613"/>
      <c r="BFE699" s="613"/>
      <c r="BFF699" s="613"/>
      <c r="BFG699" s="613"/>
      <c r="BFH699" s="613"/>
      <c r="BFI699" s="613"/>
      <c r="BFJ699" s="613"/>
      <c r="BFK699" s="613"/>
      <c r="BFL699" s="613"/>
      <c r="BFM699" s="613"/>
      <c r="BFN699" s="613"/>
      <c r="BFO699" s="613"/>
      <c r="BFP699" s="613"/>
      <c r="BFQ699" s="613"/>
      <c r="BFR699" s="613"/>
      <c r="BFS699" s="613"/>
      <c r="BFT699" s="613"/>
      <c r="BFU699" s="613"/>
      <c r="BFV699" s="613"/>
      <c r="BFW699" s="613"/>
      <c r="BFX699" s="613"/>
      <c r="BFY699" s="613"/>
      <c r="BFZ699" s="613"/>
      <c r="BGA699" s="613"/>
      <c r="BGB699" s="613"/>
      <c r="BGC699" s="613"/>
      <c r="BGD699" s="613"/>
      <c r="BGE699" s="613"/>
      <c r="BGF699" s="613"/>
      <c r="BGG699" s="613"/>
      <c r="BGH699" s="613"/>
      <c r="BGI699" s="613"/>
      <c r="BGJ699" s="613"/>
      <c r="BGK699" s="613"/>
      <c r="BGL699" s="613"/>
      <c r="BGM699" s="613"/>
      <c r="BGN699" s="613"/>
      <c r="BGO699" s="613"/>
      <c r="BGP699" s="613"/>
      <c r="BGQ699" s="613"/>
      <c r="BGR699" s="613"/>
      <c r="BGS699" s="613"/>
      <c r="BGT699" s="613"/>
      <c r="BGU699" s="613"/>
      <c r="BGV699" s="613"/>
      <c r="BGW699" s="613"/>
      <c r="BGX699" s="613"/>
      <c r="BGY699" s="613"/>
      <c r="BGZ699" s="613"/>
      <c r="BHA699" s="613"/>
      <c r="BHB699" s="613"/>
      <c r="BHC699" s="613"/>
      <c r="BHD699" s="613"/>
      <c r="BHE699" s="613"/>
      <c r="BHF699" s="613"/>
      <c r="BHG699" s="613"/>
      <c r="BHH699" s="613"/>
      <c r="BHI699" s="613"/>
      <c r="BHJ699" s="613"/>
      <c r="BHK699" s="613"/>
      <c r="BHL699" s="613"/>
      <c r="BHM699" s="613"/>
      <c r="BHN699" s="613"/>
      <c r="BHO699" s="613"/>
      <c r="BHP699" s="613"/>
      <c r="BHQ699" s="613"/>
      <c r="BHR699" s="613"/>
      <c r="BHS699" s="613"/>
      <c r="BHT699" s="613"/>
      <c r="BHU699" s="613"/>
      <c r="BHV699" s="613"/>
      <c r="BHW699" s="613"/>
      <c r="BHX699" s="613"/>
      <c r="BHY699" s="613"/>
      <c r="BHZ699" s="613"/>
      <c r="BIA699" s="613"/>
      <c r="BIB699" s="613"/>
      <c r="BIC699" s="613"/>
      <c r="BID699" s="613"/>
      <c r="BIE699" s="613"/>
      <c r="BIF699" s="613"/>
      <c r="BIG699" s="613"/>
      <c r="BIH699" s="613"/>
      <c r="BII699" s="613"/>
      <c r="BIJ699" s="613"/>
      <c r="BIK699" s="613"/>
      <c r="BIL699" s="613"/>
      <c r="BIM699" s="613"/>
      <c r="BIN699" s="613"/>
      <c r="BIO699" s="613"/>
      <c r="BIP699" s="613"/>
      <c r="BIQ699" s="613"/>
      <c r="BIR699" s="613"/>
      <c r="BIS699" s="613"/>
      <c r="BIT699" s="613"/>
      <c r="BIU699" s="613"/>
      <c r="BIV699" s="613"/>
      <c r="BIW699" s="613"/>
      <c r="BIX699" s="613"/>
      <c r="BIY699" s="613"/>
      <c r="BIZ699" s="613"/>
      <c r="BJA699" s="613"/>
      <c r="BJB699" s="613"/>
      <c r="BJC699" s="613"/>
      <c r="BJD699" s="613"/>
      <c r="BJE699" s="613"/>
      <c r="BJF699" s="613"/>
      <c r="BJG699" s="613"/>
      <c r="BJH699" s="613"/>
      <c r="BJI699" s="613"/>
      <c r="BJJ699" s="613"/>
      <c r="BJK699" s="613"/>
      <c r="BJL699" s="613"/>
      <c r="BJM699" s="613"/>
      <c r="BJN699" s="613"/>
      <c r="BJO699" s="613"/>
      <c r="BJP699" s="613"/>
      <c r="BJQ699" s="613"/>
      <c r="BJR699" s="613"/>
      <c r="BJS699" s="613"/>
      <c r="BJT699" s="613"/>
      <c r="BJU699" s="613"/>
      <c r="BJV699" s="613"/>
      <c r="BJW699" s="613"/>
      <c r="BJX699" s="613"/>
      <c r="BJY699" s="613"/>
      <c r="BJZ699" s="613"/>
      <c r="BKA699" s="613"/>
      <c r="BKB699" s="613"/>
      <c r="BKC699" s="613"/>
      <c r="BKD699" s="613"/>
      <c r="BKE699" s="613"/>
      <c r="BKF699" s="613"/>
      <c r="BKG699" s="613"/>
      <c r="BKH699" s="613"/>
      <c r="BKI699" s="613"/>
      <c r="BKJ699" s="613"/>
      <c r="BKK699" s="613"/>
      <c r="BKL699" s="613"/>
      <c r="BKM699" s="613"/>
      <c r="BKN699" s="613"/>
      <c r="BKO699" s="613"/>
      <c r="BKP699" s="613"/>
      <c r="BKQ699" s="613"/>
      <c r="BKR699" s="613"/>
      <c r="BKS699" s="613"/>
      <c r="BKT699" s="613"/>
      <c r="BKU699" s="613"/>
      <c r="BKV699" s="613"/>
      <c r="BKW699" s="613"/>
      <c r="BKX699" s="613"/>
      <c r="BKY699" s="613"/>
      <c r="BKZ699" s="613"/>
      <c r="BLA699" s="613"/>
      <c r="BLB699" s="613"/>
      <c r="BLC699" s="613"/>
      <c r="BLD699" s="613"/>
      <c r="BLE699" s="613"/>
      <c r="BLF699" s="613"/>
      <c r="BLG699" s="613"/>
      <c r="BLH699" s="613"/>
      <c r="BLI699" s="613"/>
      <c r="BLJ699" s="613"/>
      <c r="BLK699" s="613"/>
      <c r="BLL699" s="613"/>
      <c r="BLM699" s="613"/>
      <c r="BLN699" s="613"/>
      <c r="BLO699" s="613"/>
      <c r="BLP699" s="613"/>
      <c r="BLQ699" s="613"/>
      <c r="BLR699" s="613"/>
      <c r="BLS699" s="613"/>
      <c r="BLT699" s="613"/>
      <c r="BLU699" s="613"/>
      <c r="BLV699" s="613"/>
      <c r="BLW699" s="613"/>
      <c r="BLX699" s="613"/>
      <c r="BLY699" s="613"/>
      <c r="BLZ699" s="613"/>
      <c r="BMA699" s="613"/>
      <c r="BMB699" s="613"/>
      <c r="BMC699" s="613"/>
      <c r="BMD699" s="613"/>
      <c r="BME699" s="613"/>
      <c r="BMF699" s="613"/>
      <c r="BMG699" s="613"/>
      <c r="BMH699" s="613"/>
      <c r="BMI699" s="613"/>
      <c r="BMJ699" s="613"/>
      <c r="BMK699" s="613"/>
      <c r="BML699" s="613"/>
      <c r="BMM699" s="613"/>
      <c r="BMN699" s="613"/>
      <c r="BMO699" s="613"/>
      <c r="BMP699" s="613"/>
      <c r="BMQ699" s="613"/>
      <c r="BMR699" s="613"/>
      <c r="BMS699" s="613"/>
      <c r="BMT699" s="613"/>
      <c r="BMU699" s="613"/>
      <c r="BMV699" s="613"/>
      <c r="BMW699" s="613"/>
      <c r="BMX699" s="613"/>
      <c r="BMY699" s="613"/>
      <c r="BMZ699" s="613"/>
      <c r="BNA699" s="613"/>
      <c r="BNB699" s="613"/>
      <c r="BNC699" s="613"/>
      <c r="BND699" s="613"/>
      <c r="BNE699" s="613"/>
      <c r="BNF699" s="613"/>
      <c r="BNG699" s="613"/>
      <c r="BNH699" s="613"/>
      <c r="BNI699" s="613"/>
      <c r="BNJ699" s="613"/>
      <c r="BNK699" s="613"/>
      <c r="BNL699" s="613"/>
      <c r="BNM699" s="613"/>
      <c r="BNN699" s="613"/>
      <c r="BNO699" s="613"/>
      <c r="BNP699" s="613"/>
      <c r="BNQ699" s="613"/>
      <c r="BNR699" s="613"/>
      <c r="BNS699" s="613"/>
      <c r="BNT699" s="613"/>
      <c r="BNU699" s="613"/>
      <c r="BNV699" s="613"/>
      <c r="BNW699" s="613"/>
      <c r="BNX699" s="613"/>
      <c r="BNY699" s="613"/>
      <c r="BNZ699" s="613"/>
      <c r="BOA699" s="613"/>
      <c r="BOB699" s="613"/>
      <c r="BOC699" s="613"/>
      <c r="BOD699" s="613"/>
      <c r="BOE699" s="613"/>
      <c r="BOF699" s="613"/>
      <c r="BOG699" s="613"/>
      <c r="BOH699" s="613"/>
      <c r="BOI699" s="613"/>
      <c r="BOJ699" s="613"/>
      <c r="BOK699" s="613"/>
      <c r="BOL699" s="613"/>
      <c r="BOM699" s="613"/>
      <c r="BON699" s="613"/>
      <c r="BOO699" s="613"/>
      <c r="BOP699" s="613"/>
      <c r="BOQ699" s="613"/>
      <c r="BOR699" s="613"/>
      <c r="BOS699" s="613"/>
      <c r="BOT699" s="613"/>
      <c r="BOU699" s="613"/>
      <c r="BOV699" s="613"/>
      <c r="BOW699" s="613"/>
      <c r="BOX699" s="613"/>
      <c r="BOY699" s="613"/>
      <c r="BOZ699" s="613"/>
      <c r="BPA699" s="613"/>
      <c r="BPB699" s="613"/>
      <c r="BPC699" s="613"/>
      <c r="BPD699" s="613"/>
      <c r="BPE699" s="613"/>
      <c r="BPF699" s="613"/>
      <c r="BPG699" s="613"/>
      <c r="BPH699" s="613"/>
      <c r="BPI699" s="613"/>
      <c r="BPJ699" s="613"/>
      <c r="BPK699" s="613"/>
      <c r="BPL699" s="613"/>
      <c r="BPM699" s="613"/>
      <c r="BPN699" s="613"/>
      <c r="BPO699" s="613"/>
      <c r="BPP699" s="613"/>
      <c r="BPQ699" s="613"/>
      <c r="BPR699" s="613"/>
      <c r="BPS699" s="613"/>
      <c r="BPT699" s="613"/>
      <c r="BPU699" s="613"/>
      <c r="BPV699" s="613"/>
      <c r="BPW699" s="613"/>
      <c r="BPX699" s="613"/>
      <c r="BPY699" s="613"/>
      <c r="BPZ699" s="613"/>
      <c r="BQA699" s="613"/>
      <c r="BQB699" s="613"/>
      <c r="BQC699" s="613"/>
      <c r="BQD699" s="613"/>
      <c r="BQE699" s="613"/>
      <c r="BQF699" s="613"/>
      <c r="BQG699" s="613"/>
      <c r="BQH699" s="613"/>
      <c r="BQI699" s="613"/>
      <c r="BQJ699" s="613"/>
      <c r="BQK699" s="613"/>
      <c r="BQL699" s="613"/>
      <c r="BQM699" s="613"/>
      <c r="BQN699" s="613"/>
      <c r="BQO699" s="613"/>
      <c r="BQP699" s="613"/>
      <c r="BQQ699" s="613"/>
      <c r="BQR699" s="613"/>
      <c r="BQS699" s="613"/>
      <c r="BQT699" s="613"/>
      <c r="BQU699" s="613"/>
      <c r="BQV699" s="613"/>
      <c r="BQW699" s="613"/>
      <c r="BQX699" s="613"/>
      <c r="BQY699" s="613"/>
      <c r="BQZ699" s="613"/>
      <c r="BRA699" s="613"/>
      <c r="BRB699" s="613"/>
      <c r="BRC699" s="613"/>
      <c r="BRD699" s="613"/>
      <c r="BRE699" s="613"/>
      <c r="BRF699" s="613"/>
      <c r="BRG699" s="613"/>
      <c r="BRH699" s="613"/>
      <c r="BRI699" s="613"/>
      <c r="BRJ699" s="613"/>
      <c r="BRK699" s="613"/>
      <c r="BRL699" s="613"/>
      <c r="BRM699" s="613"/>
      <c r="BRN699" s="613"/>
      <c r="BRO699" s="613"/>
      <c r="BRP699" s="613"/>
      <c r="BRQ699" s="613"/>
      <c r="BRR699" s="613"/>
      <c r="BRS699" s="613"/>
      <c r="BRT699" s="613"/>
      <c r="BRU699" s="613"/>
      <c r="BRV699" s="613"/>
      <c r="BRW699" s="613"/>
      <c r="BRX699" s="613"/>
      <c r="BRY699" s="613"/>
      <c r="BRZ699" s="613"/>
      <c r="BSA699" s="613"/>
      <c r="BSB699" s="613"/>
      <c r="BSC699" s="613"/>
      <c r="BSD699" s="613"/>
      <c r="BSE699" s="613"/>
      <c r="BSF699" s="613"/>
      <c r="BSG699" s="613"/>
      <c r="BSH699" s="613"/>
      <c r="BSI699" s="613"/>
      <c r="BSJ699" s="613"/>
      <c r="BSK699" s="613"/>
      <c r="BSL699" s="613"/>
      <c r="BSM699" s="613"/>
      <c r="BSN699" s="613"/>
      <c r="BSO699" s="613"/>
      <c r="BSP699" s="613"/>
      <c r="BSQ699" s="613"/>
      <c r="BSR699" s="613"/>
      <c r="BSS699" s="613"/>
      <c r="BST699" s="613"/>
      <c r="BSU699" s="613"/>
      <c r="BSV699" s="613"/>
      <c r="BSW699" s="613"/>
      <c r="BSX699" s="613"/>
      <c r="BSY699" s="613"/>
      <c r="BSZ699" s="613"/>
      <c r="BTA699" s="613"/>
      <c r="BTB699" s="613"/>
      <c r="BTC699" s="613"/>
      <c r="BTD699" s="613"/>
      <c r="BTE699" s="613"/>
      <c r="BTF699" s="613"/>
      <c r="BTG699" s="613"/>
      <c r="BTH699" s="613"/>
      <c r="BTI699" s="613"/>
      <c r="BTJ699" s="613"/>
      <c r="BTK699" s="613"/>
      <c r="BTL699" s="613"/>
      <c r="BTM699" s="613"/>
      <c r="BTN699" s="613"/>
      <c r="BTO699" s="613"/>
      <c r="BTP699" s="613"/>
      <c r="BTQ699" s="613"/>
      <c r="BTR699" s="613"/>
      <c r="BTS699" s="613"/>
      <c r="BTT699" s="613"/>
      <c r="BTU699" s="613"/>
      <c r="BTV699" s="613"/>
      <c r="BTW699" s="613"/>
      <c r="BTX699" s="613"/>
      <c r="BTY699" s="613"/>
      <c r="BTZ699" s="613"/>
      <c r="BUA699" s="613"/>
      <c r="BUB699" s="613"/>
      <c r="BUC699" s="613"/>
      <c r="BUD699" s="613"/>
      <c r="BUE699" s="613"/>
      <c r="BUF699" s="613"/>
      <c r="BUG699" s="613"/>
      <c r="BUH699" s="613"/>
      <c r="BUI699" s="613"/>
      <c r="BUJ699" s="613"/>
      <c r="BUK699" s="613"/>
      <c r="BUL699" s="613"/>
      <c r="BUM699" s="613"/>
      <c r="BUN699" s="613"/>
      <c r="BUO699" s="613"/>
      <c r="BUP699" s="613"/>
      <c r="BUQ699" s="613"/>
      <c r="BUR699" s="613"/>
      <c r="BUS699" s="613"/>
      <c r="BUT699" s="613"/>
      <c r="BUU699" s="613"/>
      <c r="BUV699" s="613"/>
      <c r="BUW699" s="613"/>
      <c r="BUX699" s="613"/>
      <c r="BUY699" s="613"/>
      <c r="BUZ699" s="613"/>
      <c r="BVA699" s="613"/>
      <c r="BVB699" s="613"/>
      <c r="BVC699" s="613"/>
      <c r="BVD699" s="613"/>
      <c r="BVE699" s="613"/>
      <c r="BVF699" s="613"/>
      <c r="BVG699" s="613"/>
      <c r="BVH699" s="613"/>
      <c r="BVI699" s="613"/>
      <c r="BVJ699" s="613"/>
      <c r="BVK699" s="613"/>
      <c r="BVL699" s="613"/>
      <c r="BVM699" s="613"/>
      <c r="BVN699" s="613"/>
      <c r="BVO699" s="613"/>
      <c r="BVP699" s="613"/>
      <c r="BVQ699" s="613"/>
      <c r="BVR699" s="613"/>
      <c r="BVS699" s="613"/>
      <c r="BVT699" s="613"/>
      <c r="BVU699" s="613"/>
      <c r="BVV699" s="613"/>
      <c r="BVW699" s="613"/>
      <c r="BVX699" s="613"/>
      <c r="BVY699" s="613"/>
      <c r="BVZ699" s="613"/>
      <c r="BWA699" s="613"/>
      <c r="BWB699" s="613"/>
      <c r="BWC699" s="613"/>
      <c r="BWD699" s="613"/>
      <c r="BWE699" s="613"/>
      <c r="BWF699" s="613"/>
      <c r="BWG699" s="613"/>
      <c r="BWH699" s="613"/>
      <c r="BWI699" s="613"/>
      <c r="BWJ699" s="613"/>
      <c r="BWK699" s="613"/>
      <c r="BWL699" s="613"/>
      <c r="BWM699" s="613"/>
      <c r="BWN699" s="613"/>
      <c r="BWO699" s="613"/>
      <c r="BWP699" s="613"/>
      <c r="BWQ699" s="613"/>
      <c r="BWR699" s="613"/>
      <c r="BWS699" s="613"/>
      <c r="BWT699" s="613"/>
      <c r="BWU699" s="613"/>
      <c r="BWV699" s="613"/>
      <c r="BWW699" s="613"/>
      <c r="BWX699" s="613"/>
      <c r="BWY699" s="613"/>
      <c r="BWZ699" s="613"/>
      <c r="BXA699" s="613"/>
      <c r="BXB699" s="613"/>
      <c r="BXC699" s="613"/>
      <c r="BXD699" s="613"/>
      <c r="BXE699" s="613"/>
      <c r="BXF699" s="613"/>
      <c r="BXG699" s="613"/>
      <c r="BXH699" s="613"/>
      <c r="BXI699" s="613"/>
      <c r="BXJ699" s="613"/>
      <c r="BXK699" s="613"/>
      <c r="BXL699" s="613"/>
      <c r="BXM699" s="613"/>
      <c r="BXN699" s="613"/>
      <c r="BXO699" s="613"/>
      <c r="BXP699" s="613"/>
      <c r="BXQ699" s="613"/>
      <c r="BXR699" s="613"/>
      <c r="BXS699" s="613"/>
      <c r="BXT699" s="613"/>
      <c r="BXU699" s="613"/>
      <c r="BXV699" s="613"/>
      <c r="BXW699" s="613"/>
      <c r="BXX699" s="613"/>
      <c r="BXY699" s="613"/>
      <c r="BXZ699" s="613"/>
      <c r="BYA699" s="613"/>
      <c r="BYB699" s="613"/>
      <c r="BYC699" s="613"/>
      <c r="BYD699" s="613"/>
      <c r="BYE699" s="613"/>
      <c r="BYF699" s="613"/>
      <c r="BYG699" s="613"/>
      <c r="BYH699" s="613"/>
      <c r="BYI699" s="613"/>
      <c r="BYJ699" s="613"/>
      <c r="BYK699" s="613"/>
      <c r="BYL699" s="613"/>
      <c r="BYM699" s="613"/>
      <c r="BYN699" s="613"/>
      <c r="BYO699" s="613"/>
      <c r="BYP699" s="613"/>
      <c r="BYQ699" s="613"/>
      <c r="BYR699" s="613"/>
      <c r="BYS699" s="613"/>
      <c r="BYT699" s="613"/>
      <c r="BYU699" s="613"/>
      <c r="BYV699" s="613"/>
      <c r="BYW699" s="613"/>
      <c r="BYX699" s="613"/>
      <c r="BYY699" s="613"/>
      <c r="BYZ699" s="613"/>
      <c r="BZA699" s="613"/>
      <c r="BZB699" s="613"/>
      <c r="BZC699" s="613"/>
      <c r="BZD699" s="613"/>
      <c r="BZE699" s="613"/>
      <c r="BZF699" s="613"/>
      <c r="BZG699" s="613"/>
      <c r="BZH699" s="613"/>
      <c r="BZI699" s="613"/>
      <c r="BZJ699" s="613"/>
      <c r="BZK699" s="613"/>
      <c r="BZL699" s="613"/>
      <c r="BZM699" s="613"/>
      <c r="BZN699" s="613"/>
      <c r="BZO699" s="613"/>
      <c r="BZP699" s="613"/>
      <c r="BZQ699" s="613"/>
      <c r="BZR699" s="613"/>
      <c r="BZS699" s="613"/>
      <c r="BZT699" s="613"/>
      <c r="BZU699" s="613"/>
      <c r="BZV699" s="613"/>
      <c r="BZW699" s="613"/>
      <c r="BZX699" s="613"/>
      <c r="BZY699" s="613"/>
      <c r="BZZ699" s="613"/>
      <c r="CAA699" s="613"/>
      <c r="CAB699" s="613"/>
      <c r="CAC699" s="613"/>
      <c r="CAD699" s="613"/>
      <c r="CAE699" s="613"/>
      <c r="CAF699" s="613"/>
      <c r="CAG699" s="613"/>
      <c r="CAH699" s="613"/>
      <c r="CAI699" s="613"/>
      <c r="CAJ699" s="613"/>
      <c r="CAK699" s="613"/>
      <c r="CAL699" s="613"/>
      <c r="CAM699" s="613"/>
      <c r="CAN699" s="613"/>
      <c r="CAO699" s="613"/>
      <c r="CAP699" s="613"/>
      <c r="CAQ699" s="613"/>
      <c r="CAR699" s="613"/>
      <c r="CAS699" s="613"/>
      <c r="CAT699" s="613"/>
      <c r="CAU699" s="613"/>
      <c r="CAV699" s="613"/>
      <c r="CAW699" s="613"/>
      <c r="CAX699" s="613"/>
      <c r="CAY699" s="613"/>
      <c r="CAZ699" s="613"/>
      <c r="CBA699" s="613"/>
      <c r="CBB699" s="613"/>
      <c r="CBC699" s="613"/>
      <c r="CBD699" s="613"/>
      <c r="CBE699" s="613"/>
      <c r="CBF699" s="613"/>
      <c r="CBG699" s="613"/>
      <c r="CBH699" s="613"/>
      <c r="CBI699" s="613"/>
      <c r="CBJ699" s="613"/>
      <c r="CBK699" s="613"/>
      <c r="CBL699" s="613"/>
      <c r="CBM699" s="613"/>
      <c r="CBN699" s="613"/>
      <c r="CBO699" s="613"/>
      <c r="CBP699" s="613"/>
      <c r="CBQ699" s="613"/>
      <c r="CBR699" s="613"/>
      <c r="CBS699" s="613"/>
      <c r="CBT699" s="613"/>
      <c r="CBU699" s="613"/>
      <c r="CBV699" s="613"/>
      <c r="CBW699" s="613"/>
      <c r="CBX699" s="613"/>
      <c r="CBY699" s="613"/>
      <c r="CBZ699" s="613"/>
      <c r="CCA699" s="613"/>
      <c r="CCB699" s="613"/>
      <c r="CCC699" s="613"/>
      <c r="CCD699" s="613"/>
      <c r="CCE699" s="613"/>
      <c r="CCF699" s="613"/>
      <c r="CCG699" s="613"/>
      <c r="CCH699" s="613"/>
      <c r="CCI699" s="613"/>
      <c r="CCJ699" s="613"/>
      <c r="CCK699" s="613"/>
      <c r="CCL699" s="613"/>
      <c r="CCM699" s="613"/>
      <c r="CCN699" s="613"/>
      <c r="CCO699" s="613"/>
      <c r="CCP699" s="613"/>
      <c r="CCQ699" s="613"/>
      <c r="CCR699" s="613"/>
      <c r="CCS699" s="613"/>
      <c r="CCT699" s="613"/>
      <c r="CCU699" s="613"/>
      <c r="CCV699" s="613"/>
      <c r="CCW699" s="613"/>
      <c r="CCX699" s="613"/>
      <c r="CCY699" s="613"/>
      <c r="CCZ699" s="613"/>
      <c r="CDA699" s="613"/>
      <c r="CDB699" s="613"/>
      <c r="CDC699" s="613"/>
      <c r="CDD699" s="613"/>
      <c r="CDE699" s="613"/>
      <c r="CDF699" s="613"/>
      <c r="CDG699" s="613"/>
      <c r="CDH699" s="613"/>
      <c r="CDI699" s="613"/>
      <c r="CDJ699" s="613"/>
      <c r="CDK699" s="613"/>
      <c r="CDL699" s="613"/>
      <c r="CDM699" s="613"/>
      <c r="CDN699" s="613"/>
      <c r="CDO699" s="613"/>
      <c r="CDP699" s="613"/>
      <c r="CDQ699" s="613"/>
      <c r="CDR699" s="613"/>
      <c r="CDS699" s="613"/>
      <c r="CDT699" s="613"/>
      <c r="CDU699" s="613"/>
      <c r="CDV699" s="613"/>
      <c r="CDW699" s="613"/>
      <c r="CDX699" s="613"/>
      <c r="CDY699" s="613"/>
      <c r="CDZ699" s="613"/>
      <c r="CEA699" s="613"/>
      <c r="CEB699" s="613"/>
      <c r="CEC699" s="613"/>
      <c r="CED699" s="613"/>
      <c r="CEE699" s="613"/>
      <c r="CEF699" s="613"/>
      <c r="CEG699" s="613"/>
      <c r="CEH699" s="613"/>
      <c r="CEI699" s="613"/>
      <c r="CEJ699" s="613"/>
      <c r="CEK699" s="613"/>
      <c r="CEL699" s="613"/>
      <c r="CEM699" s="613"/>
      <c r="CEN699" s="613"/>
      <c r="CEO699" s="613"/>
      <c r="CEP699" s="613"/>
      <c r="CEQ699" s="613"/>
      <c r="CER699" s="613"/>
      <c r="CES699" s="613"/>
      <c r="CET699" s="613"/>
      <c r="CEU699" s="613"/>
      <c r="CEV699" s="613"/>
      <c r="CEW699" s="613"/>
      <c r="CEX699" s="613"/>
      <c r="CEY699" s="613"/>
      <c r="CEZ699" s="613"/>
      <c r="CFA699" s="613"/>
      <c r="CFB699" s="613"/>
      <c r="CFC699" s="613"/>
      <c r="CFD699" s="613"/>
      <c r="CFE699" s="613"/>
      <c r="CFF699" s="613"/>
      <c r="CFG699" s="613"/>
      <c r="CFH699" s="613"/>
      <c r="CFI699" s="613"/>
      <c r="CFJ699" s="613"/>
      <c r="CFK699" s="613"/>
      <c r="CFL699" s="613"/>
      <c r="CFM699" s="613"/>
      <c r="CFN699" s="613"/>
      <c r="CFO699" s="613"/>
      <c r="CFP699" s="613"/>
      <c r="CFQ699" s="613"/>
      <c r="CFR699" s="613"/>
      <c r="CFS699" s="613"/>
      <c r="CFT699" s="613"/>
      <c r="CFU699" s="613"/>
      <c r="CFV699" s="613"/>
      <c r="CFW699" s="613"/>
      <c r="CFX699" s="613"/>
      <c r="CFY699" s="613"/>
      <c r="CFZ699" s="613"/>
      <c r="CGA699" s="613"/>
      <c r="CGB699" s="613"/>
      <c r="CGC699" s="613"/>
      <c r="CGD699" s="613"/>
      <c r="CGE699" s="613"/>
      <c r="CGF699" s="613"/>
      <c r="CGG699" s="613"/>
      <c r="CGH699" s="613"/>
      <c r="CGI699" s="613"/>
      <c r="CGJ699" s="613"/>
      <c r="CGK699" s="613"/>
      <c r="CGL699" s="613"/>
      <c r="CGM699" s="613"/>
      <c r="CGN699" s="613"/>
      <c r="CGO699" s="613"/>
      <c r="CGP699" s="613"/>
      <c r="CGQ699" s="613"/>
      <c r="CGR699" s="613"/>
      <c r="CGS699" s="613"/>
      <c r="CGT699" s="613"/>
      <c r="CGU699" s="613"/>
      <c r="CGV699" s="613"/>
      <c r="CGW699" s="613"/>
      <c r="CGX699" s="613"/>
      <c r="CGY699" s="613"/>
      <c r="CGZ699" s="613"/>
      <c r="CHA699" s="613"/>
      <c r="CHB699" s="613"/>
      <c r="CHC699" s="613"/>
      <c r="CHD699" s="613"/>
      <c r="CHE699" s="613"/>
      <c r="CHF699" s="613"/>
      <c r="CHG699" s="613"/>
      <c r="CHH699" s="613"/>
      <c r="CHI699" s="613"/>
      <c r="CHJ699" s="613"/>
      <c r="CHK699" s="613"/>
      <c r="CHL699" s="613"/>
      <c r="CHM699" s="613"/>
      <c r="CHN699" s="613"/>
      <c r="CHO699" s="613"/>
      <c r="CHP699" s="613"/>
      <c r="CHQ699" s="613"/>
      <c r="CHR699" s="613"/>
      <c r="CHS699" s="613"/>
      <c r="CHT699" s="613"/>
      <c r="CHU699" s="613"/>
      <c r="CHV699" s="613"/>
      <c r="CHW699" s="613"/>
      <c r="CHX699" s="613"/>
      <c r="CHY699" s="613"/>
      <c r="CHZ699" s="613"/>
      <c r="CIA699" s="613"/>
      <c r="CIB699" s="613"/>
      <c r="CIC699" s="613"/>
      <c r="CID699" s="613"/>
      <c r="CIE699" s="613"/>
      <c r="CIF699" s="613"/>
      <c r="CIG699" s="613"/>
      <c r="CIH699" s="613"/>
      <c r="CII699" s="613"/>
      <c r="CIJ699" s="613"/>
      <c r="CIK699" s="613"/>
      <c r="CIL699" s="613"/>
      <c r="CIM699" s="613"/>
      <c r="CIN699" s="613"/>
      <c r="CIO699" s="613"/>
      <c r="CIP699" s="613"/>
      <c r="CIQ699" s="613"/>
      <c r="CIR699" s="613"/>
      <c r="CIS699" s="613"/>
      <c r="CIT699" s="613"/>
      <c r="CIU699" s="613"/>
      <c r="CIV699" s="613"/>
      <c r="CIW699" s="613"/>
      <c r="CIX699" s="613"/>
      <c r="CIY699" s="613"/>
      <c r="CIZ699" s="613"/>
      <c r="CJA699" s="613"/>
      <c r="CJB699" s="613"/>
      <c r="CJC699" s="613"/>
      <c r="CJD699" s="613"/>
      <c r="CJE699" s="613"/>
      <c r="CJF699" s="613"/>
      <c r="CJG699" s="613"/>
      <c r="CJH699" s="613"/>
      <c r="CJI699" s="613"/>
      <c r="CJJ699" s="613"/>
      <c r="CJK699" s="613"/>
      <c r="CJL699" s="613"/>
      <c r="CJM699" s="613"/>
      <c r="CJN699" s="613"/>
      <c r="CJO699" s="613"/>
      <c r="CJP699" s="613"/>
      <c r="CJQ699" s="613"/>
      <c r="CJR699" s="613"/>
      <c r="CJS699" s="613"/>
      <c r="CJT699" s="613"/>
      <c r="CJU699" s="613"/>
      <c r="CJV699" s="613"/>
      <c r="CJW699" s="613"/>
      <c r="CJX699" s="613"/>
      <c r="CJY699" s="613"/>
      <c r="CJZ699" s="613"/>
      <c r="CKA699" s="613"/>
      <c r="CKB699" s="613"/>
      <c r="CKC699" s="613"/>
      <c r="CKD699" s="613"/>
      <c r="CKE699" s="613"/>
      <c r="CKF699" s="613"/>
      <c r="CKG699" s="613"/>
      <c r="CKH699" s="613"/>
      <c r="CKI699" s="613"/>
      <c r="CKJ699" s="613"/>
      <c r="CKK699" s="613"/>
      <c r="CKL699" s="613"/>
      <c r="CKM699" s="613"/>
      <c r="CKN699" s="613"/>
      <c r="CKO699" s="613"/>
      <c r="CKP699" s="613"/>
      <c r="CKQ699" s="613"/>
      <c r="CKR699" s="613"/>
      <c r="CKS699" s="613"/>
      <c r="CKT699" s="613"/>
      <c r="CKU699" s="613"/>
      <c r="CKV699" s="613"/>
      <c r="CKW699" s="613"/>
      <c r="CKX699" s="613"/>
      <c r="CKY699" s="613"/>
      <c r="CKZ699" s="613"/>
      <c r="CLA699" s="613"/>
      <c r="CLB699" s="613"/>
      <c r="CLC699" s="613"/>
      <c r="CLD699" s="613"/>
      <c r="CLE699" s="613"/>
      <c r="CLF699" s="613"/>
      <c r="CLG699" s="613"/>
      <c r="CLH699" s="613"/>
      <c r="CLI699" s="613"/>
      <c r="CLJ699" s="613"/>
      <c r="CLK699" s="613"/>
      <c r="CLL699" s="613"/>
      <c r="CLM699" s="613"/>
      <c r="CLN699" s="613"/>
      <c r="CLO699" s="613"/>
      <c r="CLP699" s="613"/>
      <c r="CLQ699" s="613"/>
      <c r="CLR699" s="613"/>
      <c r="CLS699" s="613"/>
      <c r="CLT699" s="613"/>
      <c r="CLU699" s="613"/>
      <c r="CLV699" s="613"/>
      <c r="CLW699" s="613"/>
      <c r="CLX699" s="613"/>
      <c r="CLY699" s="613"/>
      <c r="CLZ699" s="613"/>
      <c r="CMA699" s="613"/>
      <c r="CMB699" s="613"/>
      <c r="CMC699" s="613"/>
      <c r="CMD699" s="613"/>
      <c r="CME699" s="613"/>
      <c r="CMF699" s="613"/>
      <c r="CMG699" s="613"/>
      <c r="CMH699" s="613"/>
      <c r="CMI699" s="613"/>
      <c r="CMJ699" s="613"/>
      <c r="CMK699" s="613"/>
      <c r="CML699" s="613"/>
      <c r="CMM699" s="613"/>
      <c r="CMN699" s="613"/>
      <c r="CMO699" s="613"/>
      <c r="CMP699" s="613"/>
      <c r="CMQ699" s="613"/>
      <c r="CMR699" s="613"/>
      <c r="CMS699" s="613"/>
      <c r="CMT699" s="613"/>
      <c r="CMU699" s="613"/>
      <c r="CMV699" s="613"/>
      <c r="CMW699" s="613"/>
      <c r="CMX699" s="613"/>
      <c r="CMY699" s="613"/>
      <c r="CMZ699" s="613"/>
      <c r="CNA699" s="613"/>
      <c r="CNB699" s="613"/>
      <c r="CNC699" s="613"/>
      <c r="CND699" s="613"/>
      <c r="CNE699" s="613"/>
      <c r="CNF699" s="613"/>
      <c r="CNG699" s="613"/>
      <c r="CNH699" s="613"/>
      <c r="CNI699" s="613"/>
      <c r="CNJ699" s="613"/>
      <c r="CNK699" s="613"/>
      <c r="CNL699" s="613"/>
      <c r="CNM699" s="613"/>
      <c r="CNN699" s="613"/>
      <c r="CNO699" s="613"/>
      <c r="CNP699" s="613"/>
      <c r="CNQ699" s="613"/>
      <c r="CNR699" s="613"/>
      <c r="CNS699" s="613"/>
      <c r="CNT699" s="613"/>
      <c r="CNU699" s="613"/>
      <c r="CNV699" s="613"/>
      <c r="CNW699" s="613"/>
      <c r="CNX699" s="613"/>
      <c r="CNY699" s="613"/>
      <c r="CNZ699" s="613"/>
      <c r="COA699" s="613"/>
      <c r="COB699" s="613"/>
      <c r="COC699" s="613"/>
      <c r="COD699" s="613"/>
      <c r="COE699" s="613"/>
      <c r="COF699" s="613"/>
      <c r="COG699" s="613"/>
      <c r="COH699" s="613"/>
      <c r="COI699" s="613"/>
      <c r="COJ699" s="613"/>
      <c r="COK699" s="613"/>
      <c r="COL699" s="613"/>
      <c r="COM699" s="613"/>
      <c r="CON699" s="613"/>
      <c r="COO699" s="613"/>
      <c r="COP699" s="613"/>
      <c r="COQ699" s="613"/>
      <c r="COR699" s="613"/>
      <c r="COS699" s="613"/>
      <c r="COT699" s="613"/>
      <c r="COU699" s="613"/>
      <c r="COV699" s="613"/>
      <c r="COW699" s="613"/>
      <c r="COX699" s="613"/>
      <c r="COY699" s="613"/>
      <c r="COZ699" s="613"/>
      <c r="CPA699" s="613"/>
      <c r="CPB699" s="613"/>
      <c r="CPC699" s="613"/>
      <c r="CPD699" s="613"/>
      <c r="CPE699" s="613"/>
      <c r="CPF699" s="613"/>
      <c r="CPG699" s="613"/>
      <c r="CPH699" s="613"/>
      <c r="CPI699" s="613"/>
      <c r="CPJ699" s="613"/>
      <c r="CPK699" s="613"/>
      <c r="CPL699" s="613"/>
      <c r="CPM699" s="613"/>
      <c r="CPN699" s="613"/>
      <c r="CPO699" s="613"/>
      <c r="CPP699" s="613"/>
      <c r="CPQ699" s="613"/>
      <c r="CPR699" s="613"/>
      <c r="CPS699" s="613"/>
      <c r="CPT699" s="613"/>
      <c r="CPU699" s="613"/>
      <c r="CPV699" s="613"/>
      <c r="CPW699" s="613"/>
      <c r="CPX699" s="613"/>
      <c r="CPY699" s="613"/>
      <c r="CPZ699" s="613"/>
      <c r="CQA699" s="613"/>
      <c r="CQB699" s="613"/>
      <c r="CQC699" s="613"/>
      <c r="CQD699" s="613"/>
      <c r="CQE699" s="613"/>
      <c r="CQF699" s="613"/>
      <c r="CQG699" s="613"/>
      <c r="CQH699" s="613"/>
      <c r="CQI699" s="613"/>
      <c r="CQJ699" s="613"/>
      <c r="CQK699" s="613"/>
      <c r="CQL699" s="613"/>
      <c r="CQM699" s="613"/>
      <c r="CQN699" s="613"/>
      <c r="CQO699" s="613"/>
      <c r="CQP699" s="613"/>
      <c r="CQQ699" s="613"/>
      <c r="CQR699" s="613"/>
      <c r="CQS699" s="613"/>
      <c r="CQT699" s="613"/>
      <c r="CQU699" s="613"/>
      <c r="CQV699" s="613"/>
      <c r="CQW699" s="613"/>
      <c r="CQX699" s="613"/>
      <c r="CQY699" s="613"/>
      <c r="CQZ699" s="613"/>
      <c r="CRA699" s="613"/>
      <c r="CRB699" s="613"/>
      <c r="CRC699" s="613"/>
      <c r="CRD699" s="613"/>
      <c r="CRE699" s="613"/>
      <c r="CRF699" s="613"/>
      <c r="CRG699" s="613"/>
      <c r="CRH699" s="613"/>
      <c r="CRI699" s="613"/>
      <c r="CRJ699" s="613"/>
      <c r="CRK699" s="613"/>
      <c r="CRL699" s="613"/>
      <c r="CRM699" s="613"/>
      <c r="CRN699" s="613"/>
      <c r="CRO699" s="613"/>
      <c r="CRP699" s="613"/>
      <c r="CRQ699" s="613"/>
      <c r="CRR699" s="613"/>
      <c r="CRS699" s="613"/>
      <c r="CRT699" s="613"/>
      <c r="CRU699" s="613"/>
      <c r="CRV699" s="613"/>
      <c r="CRW699" s="613"/>
      <c r="CRX699" s="613"/>
      <c r="CRY699" s="613"/>
      <c r="CRZ699" s="613"/>
      <c r="CSA699" s="613"/>
      <c r="CSB699" s="613"/>
      <c r="CSC699" s="613"/>
      <c r="CSD699" s="613"/>
      <c r="CSE699" s="613"/>
      <c r="CSF699" s="613"/>
      <c r="CSG699" s="613"/>
      <c r="CSH699" s="613"/>
      <c r="CSI699" s="613"/>
      <c r="CSJ699" s="613"/>
      <c r="CSK699" s="613"/>
      <c r="CSL699" s="613"/>
      <c r="CSM699" s="613"/>
      <c r="CSN699" s="613"/>
      <c r="CSO699" s="613"/>
      <c r="CSP699" s="613"/>
      <c r="CSQ699" s="613"/>
      <c r="CSR699" s="613"/>
      <c r="CSS699" s="613"/>
      <c r="CST699" s="613"/>
      <c r="CSU699" s="613"/>
      <c r="CSV699" s="613"/>
      <c r="CSW699" s="613"/>
      <c r="CSX699" s="613"/>
      <c r="CSY699" s="613"/>
      <c r="CSZ699" s="613"/>
      <c r="CTA699" s="613"/>
      <c r="CTB699" s="613"/>
      <c r="CTC699" s="613"/>
      <c r="CTD699" s="613"/>
      <c r="CTE699" s="613"/>
      <c r="CTF699" s="613"/>
      <c r="CTG699" s="613"/>
      <c r="CTH699" s="613"/>
      <c r="CTI699" s="613"/>
      <c r="CTJ699" s="613"/>
      <c r="CTK699" s="613"/>
      <c r="CTL699" s="613"/>
      <c r="CTM699" s="613"/>
      <c r="CTN699" s="613"/>
      <c r="CTO699" s="613"/>
      <c r="CTP699" s="613"/>
      <c r="CTQ699" s="613"/>
      <c r="CTR699" s="613"/>
      <c r="CTS699" s="613"/>
      <c r="CTT699" s="613"/>
      <c r="CTU699" s="613"/>
      <c r="CTV699" s="613"/>
      <c r="CTW699" s="613"/>
      <c r="CTX699" s="613"/>
      <c r="CTY699" s="613"/>
      <c r="CTZ699" s="613"/>
      <c r="CUA699" s="613"/>
      <c r="CUB699" s="613"/>
      <c r="CUC699" s="613"/>
      <c r="CUD699" s="613"/>
      <c r="CUE699" s="613"/>
      <c r="CUF699" s="613"/>
      <c r="CUG699" s="613"/>
      <c r="CUH699" s="613"/>
      <c r="CUI699" s="613"/>
      <c r="CUJ699" s="613"/>
      <c r="CUK699" s="613"/>
      <c r="CUL699" s="613"/>
      <c r="CUM699" s="613"/>
      <c r="CUN699" s="613"/>
      <c r="CUO699" s="613"/>
      <c r="CUP699" s="613"/>
      <c r="CUQ699" s="613"/>
      <c r="CUR699" s="613"/>
      <c r="CUS699" s="613"/>
      <c r="CUT699" s="613"/>
      <c r="CUU699" s="613"/>
      <c r="CUV699" s="613"/>
      <c r="CUW699" s="613"/>
      <c r="CUX699" s="613"/>
      <c r="CUY699" s="613"/>
      <c r="CUZ699" s="613"/>
      <c r="CVA699" s="613"/>
      <c r="CVB699" s="613"/>
      <c r="CVC699" s="613"/>
      <c r="CVD699" s="613"/>
      <c r="CVE699" s="613"/>
      <c r="CVF699" s="613"/>
      <c r="CVG699" s="613"/>
      <c r="CVH699" s="613"/>
      <c r="CVI699" s="613"/>
      <c r="CVJ699" s="613"/>
      <c r="CVK699" s="613"/>
      <c r="CVL699" s="613"/>
      <c r="CVM699" s="613"/>
      <c r="CVN699" s="613"/>
      <c r="CVO699" s="613"/>
      <c r="CVP699" s="613"/>
      <c r="CVQ699" s="613"/>
      <c r="CVR699" s="613"/>
      <c r="CVS699" s="613"/>
      <c r="CVT699" s="613"/>
      <c r="CVU699" s="613"/>
      <c r="CVV699" s="613"/>
      <c r="CVW699" s="613"/>
      <c r="CVX699" s="613"/>
      <c r="CVY699" s="613"/>
      <c r="CVZ699" s="613"/>
      <c r="CWA699" s="613"/>
      <c r="CWB699" s="613"/>
      <c r="CWC699" s="613"/>
      <c r="CWD699" s="613"/>
      <c r="CWE699" s="613"/>
      <c r="CWF699" s="613"/>
      <c r="CWG699" s="613"/>
      <c r="CWH699" s="613"/>
      <c r="CWI699" s="613"/>
      <c r="CWJ699" s="613"/>
      <c r="CWK699" s="613"/>
      <c r="CWL699" s="613"/>
      <c r="CWM699" s="613"/>
      <c r="CWN699" s="613"/>
      <c r="CWO699" s="613"/>
      <c r="CWP699" s="613"/>
      <c r="CWQ699" s="613"/>
      <c r="CWR699" s="613"/>
      <c r="CWS699" s="613"/>
      <c r="CWT699" s="613"/>
      <c r="CWU699" s="613"/>
      <c r="CWV699" s="613"/>
      <c r="CWW699" s="613"/>
      <c r="CWX699" s="613"/>
      <c r="CWY699" s="613"/>
      <c r="CWZ699" s="613"/>
      <c r="CXA699" s="613"/>
      <c r="CXB699" s="613"/>
      <c r="CXC699" s="613"/>
      <c r="CXD699" s="613"/>
      <c r="CXE699" s="613"/>
      <c r="CXF699" s="613"/>
      <c r="CXG699" s="613"/>
      <c r="CXH699" s="613"/>
      <c r="CXI699" s="613"/>
      <c r="CXJ699" s="613"/>
      <c r="CXK699" s="613"/>
      <c r="CXL699" s="613"/>
      <c r="CXM699" s="613"/>
      <c r="CXN699" s="613"/>
      <c r="CXO699" s="613"/>
      <c r="CXP699" s="613"/>
      <c r="CXQ699" s="613"/>
      <c r="CXR699" s="613"/>
      <c r="CXS699" s="613"/>
      <c r="CXT699" s="613"/>
      <c r="CXU699" s="613"/>
      <c r="CXV699" s="613"/>
      <c r="CXW699" s="613"/>
      <c r="CXX699" s="613"/>
      <c r="CXY699" s="613"/>
      <c r="CXZ699" s="613"/>
      <c r="CYA699" s="613"/>
      <c r="CYB699" s="613"/>
      <c r="CYC699" s="613"/>
      <c r="CYD699" s="613"/>
      <c r="CYE699" s="613"/>
      <c r="CYF699" s="613"/>
      <c r="CYG699" s="613"/>
      <c r="CYH699" s="613"/>
      <c r="CYI699" s="613"/>
      <c r="CYJ699" s="613"/>
      <c r="CYK699" s="613"/>
      <c r="CYL699" s="613"/>
      <c r="CYM699" s="613"/>
      <c r="CYN699" s="613"/>
      <c r="CYO699" s="613"/>
      <c r="CYP699" s="613"/>
      <c r="CYQ699" s="613"/>
      <c r="CYR699" s="613"/>
      <c r="CYS699" s="613"/>
      <c r="CYT699" s="613"/>
      <c r="CYU699" s="613"/>
      <c r="CYV699" s="613"/>
      <c r="CYW699" s="613"/>
      <c r="CYX699" s="613"/>
      <c r="CYY699" s="613"/>
      <c r="CYZ699" s="613"/>
      <c r="CZA699" s="613"/>
      <c r="CZB699" s="613"/>
      <c r="CZC699" s="613"/>
      <c r="CZD699" s="613"/>
      <c r="CZE699" s="613"/>
      <c r="CZF699" s="613"/>
      <c r="CZG699" s="613"/>
      <c r="CZH699" s="613"/>
      <c r="CZI699" s="613"/>
      <c r="CZJ699" s="613"/>
      <c r="CZK699" s="613"/>
      <c r="CZL699" s="613"/>
      <c r="CZM699" s="613"/>
      <c r="CZN699" s="613"/>
      <c r="CZO699" s="613"/>
      <c r="CZP699" s="613"/>
      <c r="CZQ699" s="613"/>
      <c r="CZR699" s="613"/>
      <c r="CZS699" s="613"/>
      <c r="CZT699" s="613"/>
      <c r="CZU699" s="613"/>
      <c r="CZV699" s="613"/>
      <c r="CZW699" s="613"/>
      <c r="CZX699" s="613"/>
      <c r="CZY699" s="613"/>
      <c r="CZZ699" s="613"/>
      <c r="DAA699" s="613"/>
      <c r="DAB699" s="613"/>
      <c r="DAC699" s="613"/>
      <c r="DAD699" s="613"/>
      <c r="DAE699" s="613"/>
      <c r="DAF699" s="613"/>
      <c r="DAG699" s="613"/>
      <c r="DAH699" s="613"/>
      <c r="DAI699" s="613"/>
      <c r="DAJ699" s="613"/>
      <c r="DAK699" s="613"/>
      <c r="DAL699" s="613"/>
      <c r="DAM699" s="613"/>
      <c r="DAN699" s="613"/>
      <c r="DAO699" s="613"/>
      <c r="DAP699" s="613"/>
      <c r="DAQ699" s="613"/>
      <c r="DAR699" s="613"/>
      <c r="DAS699" s="613"/>
      <c r="DAT699" s="613"/>
      <c r="DAU699" s="613"/>
      <c r="DAV699" s="613"/>
      <c r="DAW699" s="613"/>
      <c r="DAX699" s="613"/>
      <c r="DAY699" s="613"/>
      <c r="DAZ699" s="613"/>
      <c r="DBA699" s="613"/>
      <c r="DBB699" s="613"/>
      <c r="DBC699" s="613"/>
      <c r="DBD699" s="613"/>
      <c r="DBE699" s="613"/>
      <c r="DBF699" s="613"/>
      <c r="DBG699" s="613"/>
      <c r="DBH699" s="613"/>
      <c r="DBI699" s="613"/>
      <c r="DBJ699" s="613"/>
      <c r="DBK699" s="613"/>
      <c r="DBL699" s="613"/>
      <c r="DBM699" s="613"/>
      <c r="DBN699" s="613"/>
      <c r="DBO699" s="613"/>
      <c r="DBP699" s="613"/>
      <c r="DBQ699" s="613"/>
      <c r="DBR699" s="613"/>
      <c r="DBS699" s="613"/>
      <c r="DBT699" s="613"/>
      <c r="DBU699" s="613"/>
      <c r="DBV699" s="613"/>
      <c r="DBW699" s="613"/>
      <c r="DBX699" s="613"/>
      <c r="DBY699" s="613"/>
      <c r="DBZ699" s="613"/>
      <c r="DCA699" s="613"/>
      <c r="DCB699" s="613"/>
      <c r="DCC699" s="613"/>
      <c r="DCD699" s="613"/>
      <c r="DCE699" s="613"/>
      <c r="DCF699" s="613"/>
      <c r="DCG699" s="613"/>
      <c r="DCH699" s="613"/>
      <c r="DCI699" s="613"/>
      <c r="DCJ699" s="613"/>
      <c r="DCK699" s="613"/>
      <c r="DCL699" s="613"/>
      <c r="DCM699" s="613"/>
      <c r="DCN699" s="613"/>
      <c r="DCO699" s="613"/>
      <c r="DCP699" s="613"/>
      <c r="DCQ699" s="613"/>
      <c r="DCR699" s="613"/>
      <c r="DCS699" s="613"/>
      <c r="DCT699" s="613"/>
      <c r="DCU699" s="613"/>
      <c r="DCV699" s="613"/>
      <c r="DCW699" s="613"/>
      <c r="DCX699" s="613"/>
      <c r="DCY699" s="613"/>
      <c r="DCZ699" s="613"/>
      <c r="DDA699" s="613"/>
      <c r="DDB699" s="613"/>
      <c r="DDC699" s="613"/>
      <c r="DDD699" s="613"/>
      <c r="DDE699" s="613"/>
      <c r="DDF699" s="613"/>
      <c r="DDG699" s="613"/>
      <c r="DDH699" s="613"/>
      <c r="DDI699" s="613"/>
      <c r="DDJ699" s="613"/>
      <c r="DDK699" s="613"/>
      <c r="DDL699" s="613"/>
      <c r="DDM699" s="613"/>
      <c r="DDN699" s="613"/>
      <c r="DDO699" s="613"/>
      <c r="DDP699" s="613"/>
      <c r="DDQ699" s="613"/>
      <c r="DDR699" s="613"/>
      <c r="DDS699" s="613"/>
      <c r="DDT699" s="613"/>
      <c r="DDU699" s="613"/>
      <c r="DDV699" s="613"/>
      <c r="DDW699" s="613"/>
      <c r="DDX699" s="613"/>
      <c r="DDY699" s="613"/>
      <c r="DDZ699" s="613"/>
      <c r="DEA699" s="613"/>
      <c r="DEB699" s="613"/>
      <c r="DEC699" s="613"/>
      <c r="DED699" s="613"/>
      <c r="DEE699" s="613"/>
      <c r="DEF699" s="613"/>
      <c r="DEG699" s="613"/>
      <c r="DEH699" s="613"/>
      <c r="DEI699" s="613"/>
      <c r="DEJ699" s="613"/>
      <c r="DEK699" s="613"/>
      <c r="DEL699" s="613"/>
      <c r="DEM699" s="613"/>
      <c r="DEN699" s="613"/>
      <c r="DEO699" s="613"/>
      <c r="DEP699" s="613"/>
      <c r="DEQ699" s="613"/>
      <c r="DER699" s="613"/>
      <c r="DES699" s="613"/>
      <c r="DET699" s="613"/>
      <c r="DEU699" s="613"/>
      <c r="DEV699" s="613"/>
      <c r="DEW699" s="613"/>
      <c r="DEX699" s="613"/>
      <c r="DEY699" s="613"/>
      <c r="DEZ699" s="613"/>
      <c r="DFA699" s="613"/>
      <c r="DFB699" s="613"/>
      <c r="DFC699" s="613"/>
      <c r="DFD699" s="613"/>
      <c r="DFE699" s="613"/>
      <c r="DFF699" s="613"/>
      <c r="DFG699" s="613"/>
      <c r="DFH699" s="613"/>
      <c r="DFI699" s="613"/>
      <c r="DFJ699" s="613"/>
      <c r="DFK699" s="613"/>
      <c r="DFL699" s="613"/>
      <c r="DFM699" s="613"/>
      <c r="DFN699" s="613"/>
      <c r="DFO699" s="613"/>
      <c r="DFP699" s="613"/>
      <c r="DFQ699" s="613"/>
      <c r="DFR699" s="613"/>
      <c r="DFS699" s="613"/>
      <c r="DFT699" s="613"/>
      <c r="DFU699" s="613"/>
      <c r="DFV699" s="613"/>
      <c r="DFW699" s="613"/>
      <c r="DFX699" s="613"/>
      <c r="DFY699" s="613"/>
      <c r="DFZ699" s="613"/>
      <c r="DGA699" s="613"/>
      <c r="DGB699" s="613"/>
      <c r="DGC699" s="613"/>
      <c r="DGD699" s="613"/>
      <c r="DGE699" s="613"/>
      <c r="DGF699" s="613"/>
      <c r="DGG699" s="613"/>
      <c r="DGH699" s="613"/>
      <c r="DGI699" s="613"/>
      <c r="DGJ699" s="613"/>
      <c r="DGK699" s="613"/>
      <c r="DGL699" s="613"/>
      <c r="DGM699" s="613"/>
      <c r="DGN699" s="613"/>
      <c r="DGO699" s="613"/>
      <c r="DGP699" s="613"/>
      <c r="DGQ699" s="613"/>
      <c r="DGR699" s="613"/>
      <c r="DGS699" s="613"/>
      <c r="DGT699" s="613"/>
      <c r="DGU699" s="613"/>
      <c r="DGV699" s="613"/>
      <c r="DGW699" s="613"/>
      <c r="DGX699" s="613"/>
      <c r="DGY699" s="613"/>
      <c r="DGZ699" s="613"/>
      <c r="DHA699" s="613"/>
      <c r="DHB699" s="613"/>
      <c r="DHC699" s="613"/>
      <c r="DHD699" s="613"/>
      <c r="DHE699" s="613"/>
      <c r="DHF699" s="613"/>
      <c r="DHG699" s="613"/>
      <c r="DHH699" s="613"/>
      <c r="DHI699" s="613"/>
      <c r="DHJ699" s="613"/>
      <c r="DHK699" s="613"/>
      <c r="DHL699" s="613"/>
      <c r="DHM699" s="613"/>
      <c r="DHN699" s="613"/>
      <c r="DHO699" s="613"/>
      <c r="DHP699" s="613"/>
      <c r="DHQ699" s="613"/>
      <c r="DHR699" s="613"/>
      <c r="DHS699" s="613"/>
      <c r="DHT699" s="613"/>
      <c r="DHU699" s="613"/>
      <c r="DHV699" s="613"/>
      <c r="DHW699" s="613"/>
      <c r="DHX699" s="613"/>
      <c r="DHY699" s="613"/>
      <c r="DHZ699" s="613"/>
      <c r="DIA699" s="613"/>
      <c r="DIB699" s="613"/>
      <c r="DIC699" s="613"/>
      <c r="DID699" s="613"/>
      <c r="DIE699" s="613"/>
      <c r="DIF699" s="613"/>
      <c r="DIG699" s="613"/>
      <c r="DIH699" s="613"/>
      <c r="DII699" s="613"/>
      <c r="DIJ699" s="613"/>
      <c r="DIK699" s="613"/>
      <c r="DIL699" s="613"/>
      <c r="DIM699" s="613"/>
      <c r="DIN699" s="613"/>
      <c r="DIO699" s="613"/>
      <c r="DIP699" s="613"/>
      <c r="DIQ699" s="613"/>
      <c r="DIR699" s="613"/>
      <c r="DIS699" s="613"/>
      <c r="DIT699" s="613"/>
      <c r="DIU699" s="613"/>
      <c r="DIV699" s="613"/>
      <c r="DIW699" s="613"/>
      <c r="DIX699" s="613"/>
      <c r="DIY699" s="613"/>
      <c r="DIZ699" s="613"/>
      <c r="DJA699" s="613"/>
      <c r="DJB699" s="613"/>
      <c r="DJC699" s="613"/>
      <c r="DJD699" s="613"/>
      <c r="DJE699" s="613"/>
      <c r="DJF699" s="613"/>
      <c r="DJG699" s="613"/>
      <c r="DJH699" s="613"/>
      <c r="DJI699" s="613"/>
      <c r="DJJ699" s="613"/>
      <c r="DJK699" s="613"/>
      <c r="DJL699" s="613"/>
      <c r="DJM699" s="613"/>
      <c r="DJN699" s="613"/>
      <c r="DJO699" s="613"/>
      <c r="DJP699" s="613"/>
      <c r="DJQ699" s="613"/>
      <c r="DJR699" s="613"/>
      <c r="DJS699" s="613"/>
      <c r="DJT699" s="613"/>
      <c r="DJU699" s="613"/>
      <c r="DJV699" s="613"/>
      <c r="DJW699" s="613"/>
      <c r="DJX699" s="613"/>
      <c r="DJY699" s="613"/>
      <c r="DJZ699" s="613"/>
      <c r="DKA699" s="613"/>
      <c r="DKB699" s="613"/>
      <c r="DKC699" s="613"/>
      <c r="DKD699" s="613"/>
      <c r="DKE699" s="613"/>
      <c r="DKF699" s="613"/>
      <c r="DKG699" s="613"/>
      <c r="DKH699" s="613"/>
      <c r="DKI699" s="613"/>
      <c r="DKJ699" s="613"/>
      <c r="DKK699" s="613"/>
      <c r="DKL699" s="613"/>
      <c r="DKM699" s="613"/>
      <c r="DKN699" s="613"/>
      <c r="DKO699" s="613"/>
      <c r="DKP699" s="613"/>
      <c r="DKQ699" s="613"/>
      <c r="DKR699" s="613"/>
      <c r="DKS699" s="613"/>
      <c r="DKT699" s="613"/>
      <c r="DKU699" s="613"/>
      <c r="DKV699" s="613"/>
      <c r="DKW699" s="613"/>
      <c r="DKX699" s="613"/>
      <c r="DKY699" s="613"/>
      <c r="DKZ699" s="613"/>
      <c r="DLA699" s="613"/>
      <c r="DLB699" s="613"/>
      <c r="DLC699" s="613"/>
      <c r="DLD699" s="613"/>
      <c r="DLE699" s="613"/>
      <c r="DLF699" s="613"/>
      <c r="DLG699" s="613"/>
      <c r="DLH699" s="613"/>
      <c r="DLI699" s="613"/>
      <c r="DLJ699" s="613"/>
      <c r="DLK699" s="613"/>
      <c r="DLL699" s="613"/>
      <c r="DLM699" s="613"/>
      <c r="DLN699" s="613"/>
      <c r="DLO699" s="613"/>
      <c r="DLP699" s="613"/>
      <c r="DLQ699" s="613"/>
      <c r="DLR699" s="613"/>
      <c r="DLS699" s="613"/>
      <c r="DLT699" s="613"/>
      <c r="DLU699" s="613"/>
      <c r="DLV699" s="613"/>
      <c r="DLW699" s="613"/>
      <c r="DLX699" s="613"/>
      <c r="DLY699" s="613"/>
      <c r="DLZ699" s="613"/>
      <c r="DMA699" s="613"/>
      <c r="DMB699" s="613"/>
      <c r="DMC699" s="613"/>
      <c r="DMD699" s="613"/>
      <c r="DME699" s="613"/>
      <c r="DMF699" s="613"/>
      <c r="DMG699" s="613"/>
      <c r="DMH699" s="613"/>
      <c r="DMI699" s="613"/>
      <c r="DMJ699" s="613"/>
      <c r="DMK699" s="613"/>
      <c r="DML699" s="613"/>
      <c r="DMM699" s="613"/>
      <c r="DMN699" s="613"/>
      <c r="DMO699" s="613"/>
      <c r="DMP699" s="613"/>
      <c r="DMQ699" s="613"/>
      <c r="DMR699" s="613"/>
      <c r="DMS699" s="613"/>
      <c r="DMT699" s="613"/>
      <c r="DMU699" s="613"/>
      <c r="DMV699" s="613"/>
      <c r="DMW699" s="613"/>
      <c r="DMX699" s="613"/>
      <c r="DMY699" s="613"/>
      <c r="DMZ699" s="613"/>
      <c r="DNA699" s="613"/>
      <c r="DNB699" s="613"/>
      <c r="DNC699" s="613"/>
      <c r="DND699" s="613"/>
      <c r="DNE699" s="613"/>
      <c r="DNF699" s="613"/>
      <c r="DNG699" s="613"/>
      <c r="DNH699" s="613"/>
      <c r="DNI699" s="613"/>
      <c r="DNJ699" s="613"/>
      <c r="DNK699" s="613"/>
      <c r="DNL699" s="613"/>
      <c r="DNM699" s="613"/>
      <c r="DNN699" s="613"/>
      <c r="DNO699" s="613"/>
      <c r="DNP699" s="613"/>
      <c r="DNQ699" s="613"/>
      <c r="DNR699" s="613"/>
      <c r="DNS699" s="613"/>
      <c r="DNT699" s="613"/>
      <c r="DNU699" s="613"/>
      <c r="DNV699" s="613"/>
      <c r="DNW699" s="613"/>
      <c r="DNX699" s="613"/>
      <c r="DNY699" s="613"/>
      <c r="DNZ699" s="613"/>
      <c r="DOA699" s="613"/>
      <c r="DOB699" s="613"/>
      <c r="DOC699" s="613"/>
      <c r="DOD699" s="613"/>
      <c r="DOE699" s="613"/>
      <c r="DOF699" s="613"/>
      <c r="DOG699" s="613"/>
      <c r="DOH699" s="613"/>
      <c r="DOI699" s="613"/>
      <c r="DOJ699" s="613"/>
      <c r="DOK699" s="613"/>
      <c r="DOL699" s="613"/>
      <c r="DOM699" s="613"/>
      <c r="DON699" s="613"/>
      <c r="DOO699" s="613"/>
      <c r="DOP699" s="613"/>
      <c r="DOQ699" s="613"/>
      <c r="DOR699" s="613"/>
      <c r="DOS699" s="613"/>
      <c r="DOT699" s="613"/>
      <c r="DOU699" s="613"/>
      <c r="DOV699" s="613"/>
      <c r="DOW699" s="613"/>
      <c r="DOX699" s="613"/>
      <c r="DOY699" s="613"/>
      <c r="DOZ699" s="613"/>
      <c r="DPA699" s="613"/>
      <c r="DPB699" s="613"/>
      <c r="DPC699" s="613"/>
      <c r="DPD699" s="613"/>
      <c r="DPE699" s="613"/>
      <c r="DPF699" s="613"/>
      <c r="DPG699" s="613"/>
      <c r="DPH699" s="613"/>
      <c r="DPI699" s="613"/>
      <c r="DPJ699" s="613"/>
      <c r="DPK699" s="613"/>
      <c r="DPL699" s="613"/>
      <c r="DPM699" s="613"/>
      <c r="DPN699" s="613"/>
      <c r="DPO699" s="613"/>
      <c r="DPP699" s="613"/>
      <c r="DPQ699" s="613"/>
      <c r="DPR699" s="613"/>
      <c r="DPS699" s="613"/>
      <c r="DPT699" s="613"/>
      <c r="DPU699" s="613"/>
      <c r="DPV699" s="613"/>
      <c r="DPW699" s="613"/>
      <c r="DPX699" s="613"/>
      <c r="DPY699" s="613"/>
      <c r="DPZ699" s="613"/>
      <c r="DQA699" s="613"/>
      <c r="DQB699" s="613"/>
      <c r="DQC699" s="613"/>
      <c r="DQD699" s="613"/>
      <c r="DQE699" s="613"/>
      <c r="DQF699" s="613"/>
      <c r="DQG699" s="613"/>
      <c r="DQH699" s="613"/>
      <c r="DQI699" s="613"/>
      <c r="DQJ699" s="613"/>
      <c r="DQK699" s="613"/>
      <c r="DQL699" s="613"/>
      <c r="DQM699" s="613"/>
      <c r="DQN699" s="613"/>
      <c r="DQO699" s="613"/>
      <c r="DQP699" s="613"/>
      <c r="DQQ699" s="613"/>
      <c r="DQR699" s="613"/>
      <c r="DQS699" s="613"/>
      <c r="DQT699" s="613"/>
      <c r="DQU699" s="613"/>
      <c r="DQV699" s="613"/>
      <c r="DQW699" s="613"/>
      <c r="DQX699" s="613"/>
      <c r="DQY699" s="613"/>
      <c r="DQZ699" s="613"/>
      <c r="DRA699" s="613"/>
      <c r="DRB699" s="613"/>
      <c r="DRC699" s="613"/>
      <c r="DRD699" s="613"/>
      <c r="DRE699" s="613"/>
      <c r="DRF699" s="613"/>
      <c r="DRG699" s="613"/>
      <c r="DRH699" s="613"/>
      <c r="DRI699" s="613"/>
      <c r="DRJ699" s="613"/>
      <c r="DRK699" s="613"/>
      <c r="DRL699" s="613"/>
      <c r="DRM699" s="613"/>
      <c r="DRN699" s="613"/>
      <c r="DRO699" s="613"/>
      <c r="DRP699" s="613"/>
      <c r="DRQ699" s="613"/>
      <c r="DRR699" s="613"/>
      <c r="DRS699" s="613"/>
      <c r="DRT699" s="613"/>
      <c r="DRU699" s="613"/>
      <c r="DRV699" s="613"/>
      <c r="DRW699" s="613"/>
      <c r="DRX699" s="613"/>
      <c r="DRY699" s="613"/>
      <c r="DRZ699" s="613"/>
      <c r="DSA699" s="613"/>
      <c r="DSB699" s="613"/>
      <c r="DSC699" s="613"/>
      <c r="DSD699" s="613"/>
      <c r="DSE699" s="613"/>
      <c r="DSF699" s="613"/>
      <c r="DSG699" s="613"/>
      <c r="DSH699" s="613"/>
      <c r="DSI699" s="613"/>
      <c r="DSJ699" s="613"/>
      <c r="DSK699" s="613"/>
      <c r="DSL699" s="613"/>
      <c r="DSM699" s="613"/>
      <c r="DSN699" s="613"/>
      <c r="DSO699" s="613"/>
      <c r="DSP699" s="613"/>
      <c r="DSQ699" s="613"/>
      <c r="DSR699" s="613"/>
      <c r="DSS699" s="613"/>
      <c r="DST699" s="613"/>
      <c r="DSU699" s="613"/>
      <c r="DSV699" s="613"/>
      <c r="DSW699" s="613"/>
      <c r="DSX699" s="613"/>
      <c r="DSY699" s="613"/>
      <c r="DSZ699" s="613"/>
      <c r="DTA699" s="613"/>
      <c r="DTB699" s="613"/>
      <c r="DTC699" s="613"/>
      <c r="DTD699" s="613"/>
      <c r="DTE699" s="613"/>
      <c r="DTF699" s="613"/>
      <c r="DTG699" s="613"/>
      <c r="DTH699" s="613"/>
      <c r="DTI699" s="613"/>
      <c r="DTJ699" s="613"/>
      <c r="DTK699" s="613"/>
      <c r="DTL699" s="613"/>
      <c r="DTM699" s="613"/>
      <c r="DTN699" s="613"/>
      <c r="DTO699" s="613"/>
      <c r="DTP699" s="613"/>
      <c r="DTQ699" s="613"/>
      <c r="DTR699" s="613"/>
      <c r="DTS699" s="613"/>
      <c r="DTT699" s="613"/>
      <c r="DTU699" s="613"/>
      <c r="DTV699" s="613"/>
      <c r="DTW699" s="613"/>
      <c r="DTX699" s="613"/>
      <c r="DTY699" s="613"/>
      <c r="DTZ699" s="613"/>
      <c r="DUA699" s="613"/>
      <c r="DUB699" s="613"/>
      <c r="DUC699" s="613"/>
      <c r="DUD699" s="613"/>
      <c r="DUE699" s="613"/>
      <c r="DUF699" s="613"/>
      <c r="DUG699" s="613"/>
      <c r="DUH699" s="613"/>
      <c r="DUI699" s="613"/>
      <c r="DUJ699" s="613"/>
      <c r="DUK699" s="613"/>
      <c r="DUL699" s="613"/>
      <c r="DUM699" s="613"/>
      <c r="DUN699" s="613"/>
      <c r="DUO699" s="613"/>
      <c r="DUP699" s="613"/>
      <c r="DUQ699" s="613"/>
      <c r="DUR699" s="613"/>
      <c r="DUS699" s="613"/>
      <c r="DUT699" s="613"/>
      <c r="DUU699" s="613"/>
      <c r="DUV699" s="613"/>
      <c r="DUW699" s="613"/>
      <c r="DUX699" s="613"/>
      <c r="DUY699" s="613"/>
      <c r="DUZ699" s="613"/>
      <c r="DVA699" s="613"/>
      <c r="DVB699" s="613"/>
      <c r="DVC699" s="613"/>
      <c r="DVD699" s="613"/>
      <c r="DVE699" s="613"/>
      <c r="DVF699" s="613"/>
      <c r="DVG699" s="613"/>
      <c r="DVH699" s="613"/>
      <c r="DVI699" s="613"/>
      <c r="DVJ699" s="613"/>
      <c r="DVK699" s="613"/>
      <c r="DVL699" s="613"/>
      <c r="DVM699" s="613"/>
      <c r="DVN699" s="613"/>
      <c r="DVO699" s="613"/>
      <c r="DVP699" s="613"/>
      <c r="DVQ699" s="613"/>
      <c r="DVR699" s="613"/>
      <c r="DVS699" s="613"/>
      <c r="DVT699" s="613"/>
      <c r="DVU699" s="613"/>
      <c r="DVV699" s="613"/>
      <c r="DVW699" s="613"/>
      <c r="DVX699" s="613"/>
      <c r="DVY699" s="613"/>
      <c r="DVZ699" s="613"/>
      <c r="DWA699" s="613"/>
      <c r="DWB699" s="613"/>
      <c r="DWC699" s="613"/>
      <c r="DWD699" s="613"/>
      <c r="DWE699" s="613"/>
      <c r="DWF699" s="613"/>
      <c r="DWG699" s="613"/>
      <c r="DWH699" s="613"/>
      <c r="DWI699" s="613"/>
      <c r="DWJ699" s="613"/>
      <c r="DWK699" s="613"/>
      <c r="DWL699" s="613"/>
      <c r="DWM699" s="613"/>
      <c r="DWN699" s="613"/>
      <c r="DWO699" s="613"/>
      <c r="DWP699" s="613"/>
      <c r="DWQ699" s="613"/>
      <c r="DWR699" s="613"/>
      <c r="DWS699" s="613"/>
      <c r="DWT699" s="613"/>
      <c r="DWU699" s="613"/>
      <c r="DWV699" s="613"/>
      <c r="DWW699" s="613"/>
      <c r="DWX699" s="613"/>
      <c r="DWY699" s="613"/>
      <c r="DWZ699" s="613"/>
      <c r="DXA699" s="613"/>
      <c r="DXB699" s="613"/>
      <c r="DXC699" s="613"/>
      <c r="DXD699" s="613"/>
      <c r="DXE699" s="613"/>
      <c r="DXF699" s="613"/>
      <c r="DXG699" s="613"/>
      <c r="DXH699" s="613"/>
      <c r="DXI699" s="613"/>
      <c r="DXJ699" s="613"/>
      <c r="DXK699" s="613"/>
      <c r="DXL699" s="613"/>
      <c r="DXM699" s="613"/>
      <c r="DXN699" s="613"/>
      <c r="DXO699" s="613"/>
      <c r="DXP699" s="613"/>
      <c r="DXQ699" s="613"/>
      <c r="DXR699" s="613"/>
      <c r="DXS699" s="613"/>
      <c r="DXT699" s="613"/>
      <c r="DXU699" s="613"/>
      <c r="DXV699" s="613"/>
      <c r="DXW699" s="613"/>
      <c r="DXX699" s="613"/>
      <c r="DXY699" s="613"/>
      <c r="DXZ699" s="613"/>
      <c r="DYA699" s="613"/>
      <c r="DYB699" s="613"/>
      <c r="DYC699" s="613"/>
      <c r="DYD699" s="613"/>
      <c r="DYE699" s="613"/>
      <c r="DYF699" s="613"/>
      <c r="DYG699" s="613"/>
      <c r="DYH699" s="613"/>
      <c r="DYI699" s="613"/>
      <c r="DYJ699" s="613"/>
      <c r="DYK699" s="613"/>
      <c r="DYL699" s="613"/>
      <c r="DYM699" s="613"/>
      <c r="DYN699" s="613"/>
      <c r="DYO699" s="613"/>
      <c r="DYP699" s="613"/>
      <c r="DYQ699" s="613"/>
      <c r="DYR699" s="613"/>
      <c r="DYS699" s="613"/>
      <c r="DYT699" s="613"/>
      <c r="DYU699" s="613"/>
      <c r="DYV699" s="613"/>
      <c r="DYW699" s="613"/>
      <c r="DYX699" s="613"/>
      <c r="DYY699" s="613"/>
      <c r="DYZ699" s="613"/>
      <c r="DZA699" s="613"/>
      <c r="DZB699" s="613"/>
      <c r="DZC699" s="613"/>
      <c r="DZD699" s="613"/>
      <c r="DZE699" s="613"/>
      <c r="DZF699" s="613"/>
      <c r="DZG699" s="613"/>
      <c r="DZH699" s="613"/>
      <c r="DZI699" s="613"/>
      <c r="DZJ699" s="613"/>
      <c r="DZK699" s="613"/>
      <c r="DZL699" s="613"/>
      <c r="DZM699" s="613"/>
      <c r="DZN699" s="613"/>
      <c r="DZO699" s="613"/>
      <c r="DZP699" s="613"/>
      <c r="DZQ699" s="613"/>
      <c r="DZR699" s="613"/>
      <c r="DZS699" s="613"/>
      <c r="DZT699" s="613"/>
      <c r="DZU699" s="613"/>
      <c r="DZV699" s="613"/>
      <c r="DZW699" s="613"/>
      <c r="DZX699" s="613"/>
      <c r="DZY699" s="613"/>
      <c r="DZZ699" s="613"/>
      <c r="EAA699" s="613"/>
      <c r="EAB699" s="613"/>
      <c r="EAC699" s="613"/>
      <c r="EAD699" s="613"/>
      <c r="EAE699" s="613"/>
      <c r="EAF699" s="613"/>
      <c r="EAG699" s="613"/>
      <c r="EAH699" s="613"/>
      <c r="EAI699" s="613"/>
      <c r="EAJ699" s="613"/>
      <c r="EAK699" s="613"/>
      <c r="EAL699" s="613"/>
      <c r="EAM699" s="613"/>
      <c r="EAN699" s="613"/>
      <c r="EAO699" s="613"/>
      <c r="EAP699" s="613"/>
      <c r="EAQ699" s="613"/>
      <c r="EAR699" s="613"/>
      <c r="EAS699" s="613"/>
      <c r="EAT699" s="613"/>
      <c r="EAU699" s="613"/>
      <c r="EAV699" s="613"/>
      <c r="EAW699" s="613"/>
      <c r="EAX699" s="613"/>
      <c r="EAY699" s="613"/>
      <c r="EAZ699" s="613"/>
      <c r="EBA699" s="613"/>
      <c r="EBB699" s="613"/>
      <c r="EBC699" s="613"/>
      <c r="EBD699" s="613"/>
      <c r="EBE699" s="613"/>
      <c r="EBF699" s="613"/>
      <c r="EBG699" s="613"/>
      <c r="EBH699" s="613"/>
      <c r="EBI699" s="613"/>
      <c r="EBJ699" s="613"/>
      <c r="EBK699" s="613"/>
      <c r="EBL699" s="613"/>
      <c r="EBM699" s="613"/>
      <c r="EBN699" s="613"/>
      <c r="EBO699" s="613"/>
      <c r="EBP699" s="613"/>
      <c r="EBQ699" s="613"/>
      <c r="EBR699" s="613"/>
      <c r="EBS699" s="613"/>
      <c r="EBT699" s="613"/>
      <c r="EBU699" s="613"/>
      <c r="EBV699" s="613"/>
      <c r="EBW699" s="613"/>
      <c r="EBX699" s="613"/>
      <c r="EBY699" s="613"/>
      <c r="EBZ699" s="613"/>
      <c r="ECA699" s="613"/>
      <c r="ECB699" s="613"/>
      <c r="ECC699" s="613"/>
      <c r="ECD699" s="613"/>
      <c r="ECE699" s="613"/>
      <c r="ECF699" s="613"/>
      <c r="ECG699" s="613"/>
      <c r="ECH699" s="613"/>
      <c r="ECI699" s="613"/>
      <c r="ECJ699" s="613"/>
      <c r="ECK699" s="613"/>
      <c r="ECL699" s="613"/>
      <c r="ECM699" s="613"/>
      <c r="ECN699" s="613"/>
      <c r="ECO699" s="613"/>
      <c r="ECP699" s="613"/>
      <c r="ECQ699" s="613"/>
      <c r="ECR699" s="613"/>
      <c r="ECS699" s="613"/>
      <c r="ECT699" s="613"/>
      <c r="ECU699" s="613"/>
      <c r="ECV699" s="613"/>
      <c r="ECW699" s="613"/>
      <c r="ECX699" s="613"/>
      <c r="ECY699" s="613"/>
      <c r="ECZ699" s="613"/>
      <c r="EDA699" s="613"/>
      <c r="EDB699" s="613"/>
      <c r="EDC699" s="613"/>
      <c r="EDD699" s="613"/>
      <c r="EDE699" s="613"/>
      <c r="EDF699" s="613"/>
      <c r="EDG699" s="613"/>
      <c r="EDH699" s="613"/>
      <c r="EDI699" s="613"/>
      <c r="EDJ699" s="613"/>
      <c r="EDK699" s="613"/>
      <c r="EDL699" s="613"/>
      <c r="EDM699" s="613"/>
      <c r="EDN699" s="613"/>
      <c r="EDO699" s="613"/>
      <c r="EDP699" s="613"/>
      <c r="EDQ699" s="613"/>
      <c r="EDR699" s="613"/>
      <c r="EDS699" s="613"/>
      <c r="EDT699" s="613"/>
      <c r="EDU699" s="613"/>
      <c r="EDV699" s="613"/>
      <c r="EDW699" s="613"/>
      <c r="EDX699" s="613"/>
      <c r="EDY699" s="613"/>
      <c r="EDZ699" s="613"/>
      <c r="EEA699" s="613"/>
      <c r="EEB699" s="613"/>
      <c r="EEC699" s="613"/>
      <c r="EED699" s="613"/>
      <c r="EEE699" s="613"/>
      <c r="EEF699" s="613"/>
      <c r="EEG699" s="613"/>
      <c r="EEH699" s="613"/>
      <c r="EEI699" s="613"/>
      <c r="EEJ699" s="613"/>
      <c r="EEK699" s="613"/>
      <c r="EEL699" s="613"/>
      <c r="EEM699" s="613"/>
      <c r="EEN699" s="613"/>
      <c r="EEO699" s="613"/>
      <c r="EEP699" s="613"/>
      <c r="EEQ699" s="613"/>
      <c r="EER699" s="613"/>
      <c r="EES699" s="613"/>
      <c r="EET699" s="613"/>
      <c r="EEU699" s="613"/>
      <c r="EEV699" s="613"/>
      <c r="EEW699" s="613"/>
      <c r="EEX699" s="613"/>
      <c r="EEY699" s="613"/>
      <c r="EEZ699" s="613"/>
      <c r="EFA699" s="613"/>
      <c r="EFB699" s="613"/>
      <c r="EFC699" s="613"/>
      <c r="EFD699" s="613"/>
      <c r="EFE699" s="613"/>
      <c r="EFF699" s="613"/>
      <c r="EFG699" s="613"/>
      <c r="EFH699" s="613"/>
      <c r="EFI699" s="613"/>
      <c r="EFJ699" s="613"/>
      <c r="EFK699" s="613"/>
      <c r="EFL699" s="613"/>
      <c r="EFM699" s="613"/>
      <c r="EFN699" s="613"/>
      <c r="EFO699" s="613"/>
      <c r="EFP699" s="613"/>
      <c r="EFQ699" s="613"/>
      <c r="EFR699" s="613"/>
      <c r="EFS699" s="613"/>
      <c r="EFT699" s="613"/>
      <c r="EFU699" s="613"/>
      <c r="EFV699" s="613"/>
      <c r="EFW699" s="613"/>
      <c r="EFX699" s="613"/>
      <c r="EFY699" s="613"/>
      <c r="EFZ699" s="613"/>
      <c r="EGA699" s="613"/>
      <c r="EGB699" s="613"/>
      <c r="EGC699" s="613"/>
      <c r="EGD699" s="613"/>
      <c r="EGE699" s="613"/>
      <c r="EGF699" s="613"/>
      <c r="EGG699" s="613"/>
      <c r="EGH699" s="613"/>
      <c r="EGI699" s="613"/>
      <c r="EGJ699" s="613"/>
      <c r="EGK699" s="613"/>
      <c r="EGL699" s="613"/>
      <c r="EGM699" s="613"/>
      <c r="EGN699" s="613"/>
      <c r="EGO699" s="613"/>
      <c r="EGP699" s="613"/>
      <c r="EGQ699" s="613"/>
      <c r="EGR699" s="613"/>
      <c r="EGS699" s="613"/>
      <c r="EGT699" s="613"/>
      <c r="EGU699" s="613"/>
      <c r="EGV699" s="613"/>
      <c r="EGW699" s="613"/>
      <c r="EGX699" s="613"/>
      <c r="EGY699" s="613"/>
      <c r="EGZ699" s="613"/>
      <c r="EHA699" s="613"/>
      <c r="EHB699" s="613"/>
      <c r="EHC699" s="613"/>
      <c r="EHD699" s="613"/>
      <c r="EHE699" s="613"/>
      <c r="EHF699" s="613"/>
      <c r="EHG699" s="613"/>
      <c r="EHH699" s="613"/>
      <c r="EHI699" s="613"/>
      <c r="EHJ699" s="613"/>
      <c r="EHK699" s="613"/>
      <c r="EHL699" s="613"/>
      <c r="EHM699" s="613"/>
      <c r="EHN699" s="613"/>
      <c r="EHO699" s="613"/>
      <c r="EHP699" s="613"/>
      <c r="EHQ699" s="613"/>
      <c r="EHR699" s="613"/>
      <c r="EHS699" s="613"/>
      <c r="EHT699" s="613"/>
      <c r="EHU699" s="613"/>
      <c r="EHV699" s="613"/>
      <c r="EHW699" s="613"/>
      <c r="EHX699" s="613"/>
      <c r="EHY699" s="613"/>
      <c r="EHZ699" s="613"/>
      <c r="EIA699" s="613"/>
      <c r="EIB699" s="613"/>
      <c r="EIC699" s="613"/>
      <c r="EID699" s="613"/>
      <c r="EIE699" s="613"/>
      <c r="EIF699" s="613"/>
      <c r="EIG699" s="613"/>
      <c r="EIH699" s="613"/>
      <c r="EII699" s="613"/>
      <c r="EIJ699" s="613"/>
      <c r="EIK699" s="613"/>
      <c r="EIL699" s="613"/>
      <c r="EIM699" s="613"/>
      <c r="EIN699" s="613"/>
      <c r="EIO699" s="613"/>
      <c r="EIP699" s="613"/>
      <c r="EIQ699" s="613"/>
      <c r="EIR699" s="613"/>
      <c r="EIS699" s="613"/>
      <c r="EIT699" s="613"/>
      <c r="EIU699" s="613"/>
      <c r="EIV699" s="613"/>
      <c r="EIW699" s="613"/>
      <c r="EIX699" s="613"/>
      <c r="EIY699" s="613"/>
      <c r="EIZ699" s="613"/>
      <c r="EJA699" s="613"/>
      <c r="EJB699" s="613"/>
      <c r="EJC699" s="613"/>
      <c r="EJD699" s="613"/>
      <c r="EJE699" s="613"/>
      <c r="EJF699" s="613"/>
      <c r="EJG699" s="613"/>
      <c r="EJH699" s="613"/>
      <c r="EJI699" s="613"/>
      <c r="EJJ699" s="613"/>
      <c r="EJK699" s="613"/>
      <c r="EJL699" s="613"/>
      <c r="EJM699" s="613"/>
      <c r="EJN699" s="613"/>
      <c r="EJO699" s="613"/>
      <c r="EJP699" s="613"/>
      <c r="EJQ699" s="613"/>
      <c r="EJR699" s="613"/>
      <c r="EJS699" s="613"/>
      <c r="EJT699" s="613"/>
      <c r="EJU699" s="613"/>
      <c r="EJV699" s="613"/>
      <c r="EJW699" s="613"/>
      <c r="EJX699" s="613"/>
      <c r="EJY699" s="613"/>
      <c r="EJZ699" s="613"/>
      <c r="EKA699" s="613"/>
      <c r="EKB699" s="613"/>
      <c r="EKC699" s="613"/>
      <c r="EKD699" s="613"/>
      <c r="EKE699" s="613"/>
      <c r="EKF699" s="613"/>
      <c r="EKG699" s="613"/>
      <c r="EKH699" s="613"/>
      <c r="EKI699" s="613"/>
      <c r="EKJ699" s="613"/>
      <c r="EKK699" s="613"/>
      <c r="EKL699" s="613"/>
      <c r="EKM699" s="613"/>
      <c r="EKN699" s="613"/>
      <c r="EKO699" s="613"/>
      <c r="EKP699" s="613"/>
      <c r="EKQ699" s="613"/>
      <c r="EKR699" s="613"/>
      <c r="EKS699" s="613"/>
      <c r="EKT699" s="613"/>
      <c r="EKU699" s="613"/>
      <c r="EKV699" s="613"/>
      <c r="EKW699" s="613"/>
      <c r="EKX699" s="613"/>
      <c r="EKY699" s="613"/>
      <c r="EKZ699" s="613"/>
      <c r="ELA699" s="613"/>
      <c r="ELB699" s="613"/>
      <c r="ELC699" s="613"/>
      <c r="ELD699" s="613"/>
      <c r="ELE699" s="613"/>
      <c r="ELF699" s="613"/>
      <c r="ELG699" s="613"/>
      <c r="ELH699" s="613"/>
      <c r="ELI699" s="613"/>
      <c r="ELJ699" s="613"/>
      <c r="ELK699" s="613"/>
      <c r="ELL699" s="613"/>
      <c r="ELM699" s="613"/>
      <c r="ELN699" s="613"/>
      <c r="ELO699" s="613"/>
      <c r="ELP699" s="613"/>
      <c r="ELQ699" s="613"/>
      <c r="ELR699" s="613"/>
      <c r="ELS699" s="613"/>
      <c r="ELT699" s="613"/>
      <c r="ELU699" s="613"/>
      <c r="ELV699" s="613"/>
      <c r="ELW699" s="613"/>
      <c r="ELX699" s="613"/>
      <c r="ELY699" s="613"/>
      <c r="ELZ699" s="613"/>
      <c r="EMA699" s="613"/>
      <c r="EMB699" s="613"/>
      <c r="EMC699" s="613"/>
      <c r="EMD699" s="613"/>
      <c r="EME699" s="613"/>
      <c r="EMF699" s="613"/>
      <c r="EMG699" s="613"/>
      <c r="EMH699" s="613"/>
      <c r="EMI699" s="613"/>
      <c r="EMJ699" s="613"/>
      <c r="EMK699" s="613"/>
      <c r="EML699" s="613"/>
      <c r="EMM699" s="613"/>
      <c r="EMN699" s="613"/>
      <c r="EMO699" s="613"/>
      <c r="EMP699" s="613"/>
      <c r="EMQ699" s="613"/>
      <c r="EMR699" s="613"/>
      <c r="EMS699" s="613"/>
      <c r="EMT699" s="613"/>
      <c r="EMU699" s="613"/>
      <c r="EMV699" s="613"/>
      <c r="EMW699" s="613"/>
      <c r="EMX699" s="613"/>
      <c r="EMY699" s="613"/>
      <c r="EMZ699" s="613"/>
      <c r="ENA699" s="613"/>
      <c r="ENB699" s="613"/>
      <c r="ENC699" s="613"/>
      <c r="END699" s="613"/>
      <c r="ENE699" s="613"/>
      <c r="ENF699" s="613"/>
      <c r="ENG699" s="613"/>
      <c r="ENH699" s="613"/>
      <c r="ENI699" s="613"/>
      <c r="ENJ699" s="613"/>
      <c r="ENK699" s="613"/>
      <c r="ENL699" s="613"/>
      <c r="ENM699" s="613"/>
      <c r="ENN699" s="613"/>
      <c r="ENO699" s="613"/>
      <c r="ENP699" s="613"/>
      <c r="ENQ699" s="613"/>
      <c r="ENR699" s="613"/>
      <c r="ENS699" s="613"/>
      <c r="ENT699" s="613"/>
      <c r="ENU699" s="613"/>
      <c r="ENV699" s="613"/>
      <c r="ENW699" s="613"/>
      <c r="ENX699" s="613"/>
      <c r="ENY699" s="613"/>
      <c r="ENZ699" s="613"/>
      <c r="EOA699" s="613"/>
      <c r="EOB699" s="613"/>
      <c r="EOC699" s="613"/>
      <c r="EOD699" s="613"/>
      <c r="EOE699" s="613"/>
      <c r="EOF699" s="613"/>
      <c r="EOG699" s="613"/>
      <c r="EOH699" s="613"/>
      <c r="EOI699" s="613"/>
      <c r="EOJ699" s="613"/>
      <c r="EOK699" s="613"/>
      <c r="EOL699" s="613"/>
      <c r="EOM699" s="613"/>
      <c r="EON699" s="613"/>
      <c r="EOO699" s="613"/>
      <c r="EOP699" s="613"/>
      <c r="EOQ699" s="613"/>
      <c r="EOR699" s="613"/>
      <c r="EOS699" s="613"/>
      <c r="EOT699" s="613"/>
      <c r="EOU699" s="613"/>
      <c r="EOV699" s="613"/>
      <c r="EOW699" s="613"/>
      <c r="EOX699" s="613"/>
      <c r="EOY699" s="613"/>
      <c r="EOZ699" s="613"/>
      <c r="EPA699" s="613"/>
      <c r="EPB699" s="613"/>
      <c r="EPC699" s="613"/>
      <c r="EPD699" s="613"/>
      <c r="EPE699" s="613"/>
      <c r="EPF699" s="613"/>
      <c r="EPG699" s="613"/>
      <c r="EPH699" s="613"/>
      <c r="EPI699" s="613"/>
      <c r="EPJ699" s="613"/>
      <c r="EPK699" s="613"/>
      <c r="EPL699" s="613"/>
      <c r="EPM699" s="613"/>
      <c r="EPN699" s="613"/>
      <c r="EPO699" s="613"/>
      <c r="EPP699" s="613"/>
      <c r="EPQ699" s="613"/>
      <c r="EPR699" s="613"/>
      <c r="EPS699" s="613"/>
      <c r="EPT699" s="613"/>
      <c r="EPU699" s="613"/>
      <c r="EPV699" s="613"/>
      <c r="EPW699" s="613"/>
      <c r="EPX699" s="613"/>
      <c r="EPY699" s="613"/>
      <c r="EPZ699" s="613"/>
      <c r="EQA699" s="613"/>
      <c r="EQB699" s="613"/>
      <c r="EQC699" s="613"/>
      <c r="EQD699" s="613"/>
      <c r="EQE699" s="613"/>
      <c r="EQF699" s="613"/>
      <c r="EQG699" s="613"/>
      <c r="EQH699" s="613"/>
      <c r="EQI699" s="613"/>
      <c r="EQJ699" s="613"/>
      <c r="EQK699" s="613"/>
      <c r="EQL699" s="613"/>
      <c r="EQM699" s="613"/>
      <c r="EQN699" s="613"/>
      <c r="EQO699" s="613"/>
      <c r="EQP699" s="613"/>
      <c r="EQQ699" s="613"/>
      <c r="EQR699" s="613"/>
      <c r="EQS699" s="613"/>
      <c r="EQT699" s="613"/>
      <c r="EQU699" s="613"/>
      <c r="EQV699" s="613"/>
      <c r="EQW699" s="613"/>
      <c r="EQX699" s="613"/>
      <c r="EQY699" s="613"/>
      <c r="EQZ699" s="613"/>
      <c r="ERA699" s="613"/>
      <c r="ERB699" s="613"/>
      <c r="ERC699" s="613"/>
      <c r="ERD699" s="613"/>
      <c r="ERE699" s="613"/>
      <c r="ERF699" s="613"/>
      <c r="ERG699" s="613"/>
      <c r="ERH699" s="613"/>
      <c r="ERI699" s="613"/>
      <c r="ERJ699" s="613"/>
      <c r="ERK699" s="613"/>
      <c r="ERL699" s="613"/>
      <c r="ERM699" s="613"/>
      <c r="ERN699" s="613"/>
      <c r="ERO699" s="613"/>
      <c r="ERP699" s="613"/>
      <c r="ERQ699" s="613"/>
      <c r="ERR699" s="613"/>
      <c r="ERS699" s="613"/>
      <c r="ERT699" s="613"/>
      <c r="ERU699" s="613"/>
      <c r="ERV699" s="613"/>
      <c r="ERW699" s="613"/>
      <c r="ERX699" s="613"/>
      <c r="ERY699" s="613"/>
      <c r="ERZ699" s="613"/>
      <c r="ESA699" s="613"/>
      <c r="ESB699" s="613"/>
      <c r="ESC699" s="613"/>
      <c r="ESD699" s="613"/>
      <c r="ESE699" s="613"/>
      <c r="ESF699" s="613"/>
      <c r="ESG699" s="613"/>
      <c r="ESH699" s="613"/>
      <c r="ESI699" s="613"/>
      <c r="ESJ699" s="613"/>
      <c r="ESK699" s="613"/>
      <c r="ESL699" s="613"/>
      <c r="ESM699" s="613"/>
      <c r="ESN699" s="613"/>
      <c r="ESO699" s="613"/>
      <c r="ESP699" s="613"/>
      <c r="ESQ699" s="613"/>
      <c r="ESR699" s="613"/>
      <c r="ESS699" s="613"/>
      <c r="EST699" s="613"/>
      <c r="ESU699" s="613"/>
      <c r="ESV699" s="613"/>
      <c r="ESW699" s="613"/>
      <c r="ESX699" s="613"/>
      <c r="ESY699" s="613"/>
      <c r="ESZ699" s="613"/>
      <c r="ETA699" s="613"/>
      <c r="ETB699" s="613"/>
      <c r="ETC699" s="613"/>
      <c r="ETD699" s="613"/>
      <c r="ETE699" s="613"/>
      <c r="ETF699" s="613"/>
      <c r="ETG699" s="613"/>
      <c r="ETH699" s="613"/>
      <c r="ETI699" s="613"/>
      <c r="ETJ699" s="613"/>
      <c r="ETK699" s="613"/>
      <c r="ETL699" s="613"/>
      <c r="ETM699" s="613"/>
      <c r="ETN699" s="613"/>
      <c r="ETO699" s="613"/>
      <c r="ETP699" s="613"/>
      <c r="ETQ699" s="613"/>
      <c r="ETR699" s="613"/>
      <c r="ETS699" s="613"/>
      <c r="ETT699" s="613"/>
      <c r="ETU699" s="613"/>
      <c r="ETV699" s="613"/>
      <c r="ETW699" s="613"/>
      <c r="ETX699" s="613"/>
      <c r="ETY699" s="613"/>
      <c r="ETZ699" s="613"/>
      <c r="EUA699" s="613"/>
      <c r="EUB699" s="613"/>
      <c r="EUC699" s="613"/>
      <c r="EUD699" s="613"/>
      <c r="EUE699" s="613"/>
      <c r="EUF699" s="613"/>
      <c r="EUG699" s="613"/>
      <c r="EUH699" s="613"/>
      <c r="EUI699" s="613"/>
      <c r="EUJ699" s="613"/>
      <c r="EUK699" s="613"/>
      <c r="EUL699" s="613"/>
      <c r="EUM699" s="613"/>
      <c r="EUN699" s="613"/>
      <c r="EUO699" s="613"/>
      <c r="EUP699" s="613"/>
      <c r="EUQ699" s="613"/>
      <c r="EUR699" s="613"/>
      <c r="EUS699" s="613"/>
      <c r="EUT699" s="613"/>
      <c r="EUU699" s="613"/>
      <c r="EUV699" s="613"/>
      <c r="EUW699" s="613"/>
      <c r="EUX699" s="613"/>
      <c r="EUY699" s="613"/>
      <c r="EUZ699" s="613"/>
      <c r="EVA699" s="613"/>
      <c r="EVB699" s="613"/>
      <c r="EVC699" s="613"/>
      <c r="EVD699" s="613"/>
      <c r="EVE699" s="613"/>
      <c r="EVF699" s="613"/>
      <c r="EVG699" s="613"/>
      <c r="EVH699" s="613"/>
      <c r="EVI699" s="613"/>
      <c r="EVJ699" s="613"/>
      <c r="EVK699" s="613"/>
      <c r="EVL699" s="613"/>
      <c r="EVM699" s="613"/>
      <c r="EVN699" s="613"/>
      <c r="EVO699" s="613"/>
      <c r="EVP699" s="613"/>
      <c r="EVQ699" s="613"/>
      <c r="EVR699" s="613"/>
      <c r="EVS699" s="613"/>
      <c r="EVT699" s="613"/>
      <c r="EVU699" s="613"/>
      <c r="EVV699" s="613"/>
      <c r="EVW699" s="613"/>
      <c r="EVX699" s="613"/>
      <c r="EVY699" s="613"/>
      <c r="EVZ699" s="613"/>
      <c r="EWA699" s="613"/>
      <c r="EWB699" s="613"/>
      <c r="EWC699" s="613"/>
      <c r="EWD699" s="613"/>
      <c r="EWE699" s="613"/>
      <c r="EWF699" s="613"/>
      <c r="EWG699" s="613"/>
      <c r="EWH699" s="613"/>
      <c r="EWI699" s="613"/>
      <c r="EWJ699" s="613"/>
      <c r="EWK699" s="613"/>
      <c r="EWL699" s="613"/>
      <c r="EWM699" s="613"/>
      <c r="EWN699" s="613"/>
      <c r="EWO699" s="613"/>
      <c r="EWP699" s="613"/>
      <c r="EWQ699" s="613"/>
      <c r="EWR699" s="613"/>
      <c r="EWS699" s="613"/>
      <c r="EWT699" s="613"/>
      <c r="EWU699" s="613"/>
      <c r="EWV699" s="613"/>
      <c r="EWW699" s="613"/>
      <c r="EWX699" s="613"/>
      <c r="EWY699" s="613"/>
      <c r="EWZ699" s="613"/>
      <c r="EXA699" s="613"/>
      <c r="EXB699" s="613"/>
      <c r="EXC699" s="613"/>
      <c r="EXD699" s="613"/>
      <c r="EXE699" s="613"/>
      <c r="EXF699" s="613"/>
      <c r="EXG699" s="613"/>
      <c r="EXH699" s="613"/>
      <c r="EXI699" s="613"/>
      <c r="EXJ699" s="613"/>
      <c r="EXK699" s="613"/>
      <c r="EXL699" s="613"/>
      <c r="EXM699" s="613"/>
      <c r="EXN699" s="613"/>
      <c r="EXO699" s="613"/>
      <c r="EXP699" s="613"/>
      <c r="EXQ699" s="613"/>
      <c r="EXR699" s="613"/>
      <c r="EXS699" s="613"/>
      <c r="EXT699" s="613"/>
      <c r="EXU699" s="613"/>
      <c r="EXV699" s="613"/>
      <c r="EXW699" s="613"/>
      <c r="EXX699" s="613"/>
      <c r="EXY699" s="613"/>
      <c r="EXZ699" s="613"/>
      <c r="EYA699" s="613"/>
      <c r="EYB699" s="613"/>
      <c r="EYC699" s="613"/>
      <c r="EYD699" s="613"/>
      <c r="EYE699" s="613"/>
      <c r="EYF699" s="613"/>
      <c r="EYG699" s="613"/>
      <c r="EYH699" s="613"/>
      <c r="EYI699" s="613"/>
      <c r="EYJ699" s="613"/>
      <c r="EYK699" s="613"/>
      <c r="EYL699" s="613"/>
      <c r="EYM699" s="613"/>
      <c r="EYN699" s="613"/>
      <c r="EYO699" s="613"/>
      <c r="EYP699" s="613"/>
      <c r="EYQ699" s="613"/>
      <c r="EYR699" s="613"/>
      <c r="EYS699" s="613"/>
      <c r="EYT699" s="613"/>
      <c r="EYU699" s="613"/>
      <c r="EYV699" s="613"/>
      <c r="EYW699" s="613"/>
      <c r="EYX699" s="613"/>
      <c r="EYY699" s="613"/>
      <c r="EYZ699" s="613"/>
      <c r="EZA699" s="613"/>
      <c r="EZB699" s="613"/>
      <c r="EZC699" s="613"/>
      <c r="EZD699" s="613"/>
      <c r="EZE699" s="613"/>
      <c r="EZF699" s="613"/>
      <c r="EZG699" s="613"/>
      <c r="EZH699" s="613"/>
      <c r="EZI699" s="613"/>
      <c r="EZJ699" s="613"/>
      <c r="EZK699" s="613"/>
      <c r="EZL699" s="613"/>
      <c r="EZM699" s="613"/>
      <c r="EZN699" s="613"/>
      <c r="EZO699" s="613"/>
      <c r="EZP699" s="613"/>
      <c r="EZQ699" s="613"/>
      <c r="EZR699" s="613"/>
      <c r="EZS699" s="613"/>
      <c r="EZT699" s="613"/>
      <c r="EZU699" s="613"/>
      <c r="EZV699" s="613"/>
      <c r="EZW699" s="613"/>
      <c r="EZX699" s="613"/>
      <c r="EZY699" s="613"/>
      <c r="EZZ699" s="613"/>
      <c r="FAA699" s="613"/>
      <c r="FAB699" s="613"/>
      <c r="FAC699" s="613"/>
      <c r="FAD699" s="613"/>
      <c r="FAE699" s="613"/>
      <c r="FAF699" s="613"/>
      <c r="FAG699" s="613"/>
      <c r="FAH699" s="613"/>
      <c r="FAI699" s="613"/>
      <c r="FAJ699" s="613"/>
      <c r="FAK699" s="613"/>
      <c r="FAL699" s="613"/>
      <c r="FAM699" s="613"/>
      <c r="FAN699" s="613"/>
      <c r="FAO699" s="613"/>
      <c r="FAP699" s="613"/>
      <c r="FAQ699" s="613"/>
      <c r="FAR699" s="613"/>
      <c r="FAS699" s="613"/>
      <c r="FAT699" s="613"/>
      <c r="FAU699" s="613"/>
      <c r="FAV699" s="613"/>
      <c r="FAW699" s="613"/>
      <c r="FAX699" s="613"/>
      <c r="FAY699" s="613"/>
      <c r="FAZ699" s="613"/>
      <c r="FBA699" s="613"/>
      <c r="FBB699" s="613"/>
      <c r="FBC699" s="613"/>
      <c r="FBD699" s="613"/>
      <c r="FBE699" s="613"/>
      <c r="FBF699" s="613"/>
      <c r="FBG699" s="613"/>
      <c r="FBH699" s="613"/>
      <c r="FBI699" s="613"/>
      <c r="FBJ699" s="613"/>
      <c r="FBK699" s="613"/>
      <c r="FBL699" s="613"/>
      <c r="FBM699" s="613"/>
      <c r="FBN699" s="613"/>
      <c r="FBO699" s="613"/>
      <c r="FBP699" s="613"/>
      <c r="FBQ699" s="613"/>
      <c r="FBR699" s="613"/>
      <c r="FBS699" s="613"/>
      <c r="FBT699" s="613"/>
      <c r="FBU699" s="613"/>
      <c r="FBV699" s="613"/>
      <c r="FBW699" s="613"/>
      <c r="FBX699" s="613"/>
      <c r="FBY699" s="613"/>
      <c r="FBZ699" s="613"/>
      <c r="FCA699" s="613"/>
      <c r="FCB699" s="613"/>
      <c r="FCC699" s="613"/>
      <c r="FCD699" s="613"/>
      <c r="FCE699" s="613"/>
      <c r="FCF699" s="613"/>
      <c r="FCG699" s="613"/>
      <c r="FCH699" s="613"/>
      <c r="FCI699" s="613"/>
      <c r="FCJ699" s="613"/>
      <c r="FCK699" s="613"/>
      <c r="FCL699" s="613"/>
      <c r="FCM699" s="613"/>
      <c r="FCN699" s="613"/>
      <c r="FCO699" s="613"/>
      <c r="FCP699" s="613"/>
      <c r="FCQ699" s="613"/>
      <c r="FCR699" s="613"/>
      <c r="FCS699" s="613"/>
      <c r="FCT699" s="613"/>
      <c r="FCU699" s="613"/>
      <c r="FCV699" s="613"/>
      <c r="FCW699" s="613"/>
      <c r="FCX699" s="613"/>
      <c r="FCY699" s="613"/>
      <c r="FCZ699" s="613"/>
      <c r="FDA699" s="613"/>
      <c r="FDB699" s="613"/>
      <c r="FDC699" s="613"/>
      <c r="FDD699" s="613"/>
      <c r="FDE699" s="613"/>
      <c r="FDF699" s="613"/>
      <c r="FDG699" s="613"/>
      <c r="FDH699" s="613"/>
      <c r="FDI699" s="613"/>
      <c r="FDJ699" s="613"/>
      <c r="FDK699" s="613"/>
      <c r="FDL699" s="613"/>
      <c r="FDM699" s="613"/>
      <c r="FDN699" s="613"/>
      <c r="FDO699" s="613"/>
      <c r="FDP699" s="613"/>
      <c r="FDQ699" s="613"/>
      <c r="FDR699" s="613"/>
      <c r="FDS699" s="613"/>
      <c r="FDT699" s="613"/>
      <c r="FDU699" s="613"/>
      <c r="FDV699" s="613"/>
      <c r="FDW699" s="613"/>
      <c r="FDX699" s="613"/>
      <c r="FDY699" s="613"/>
      <c r="FDZ699" s="613"/>
      <c r="FEA699" s="613"/>
      <c r="FEB699" s="613"/>
      <c r="FEC699" s="613"/>
      <c r="FED699" s="613"/>
      <c r="FEE699" s="613"/>
      <c r="FEF699" s="613"/>
      <c r="FEG699" s="613"/>
      <c r="FEH699" s="613"/>
      <c r="FEI699" s="613"/>
      <c r="FEJ699" s="613"/>
      <c r="FEK699" s="613"/>
      <c r="FEL699" s="613"/>
      <c r="FEM699" s="613"/>
      <c r="FEN699" s="613"/>
      <c r="FEO699" s="613"/>
      <c r="FEP699" s="613"/>
      <c r="FEQ699" s="613"/>
      <c r="FER699" s="613"/>
      <c r="FES699" s="613"/>
      <c r="FET699" s="613"/>
      <c r="FEU699" s="613"/>
      <c r="FEV699" s="613"/>
      <c r="FEW699" s="613"/>
      <c r="FEX699" s="613"/>
      <c r="FEY699" s="613"/>
      <c r="FEZ699" s="613"/>
      <c r="FFA699" s="613"/>
      <c r="FFB699" s="613"/>
      <c r="FFC699" s="613"/>
      <c r="FFD699" s="613"/>
      <c r="FFE699" s="613"/>
      <c r="FFF699" s="613"/>
      <c r="FFG699" s="613"/>
      <c r="FFH699" s="613"/>
      <c r="FFI699" s="613"/>
      <c r="FFJ699" s="613"/>
      <c r="FFK699" s="613"/>
      <c r="FFL699" s="613"/>
      <c r="FFM699" s="613"/>
      <c r="FFN699" s="613"/>
      <c r="FFO699" s="613"/>
      <c r="FFP699" s="613"/>
      <c r="FFQ699" s="613"/>
      <c r="FFR699" s="613"/>
      <c r="FFS699" s="613"/>
      <c r="FFT699" s="613"/>
      <c r="FFU699" s="613"/>
      <c r="FFV699" s="613"/>
      <c r="FFW699" s="613"/>
      <c r="FFX699" s="613"/>
      <c r="FFY699" s="613"/>
      <c r="FFZ699" s="613"/>
      <c r="FGA699" s="613"/>
      <c r="FGB699" s="613"/>
      <c r="FGC699" s="613"/>
      <c r="FGD699" s="613"/>
      <c r="FGE699" s="613"/>
      <c r="FGF699" s="613"/>
      <c r="FGG699" s="613"/>
      <c r="FGH699" s="613"/>
      <c r="FGI699" s="613"/>
      <c r="FGJ699" s="613"/>
      <c r="FGK699" s="613"/>
      <c r="FGL699" s="613"/>
      <c r="FGM699" s="613"/>
      <c r="FGN699" s="613"/>
      <c r="FGO699" s="613"/>
      <c r="FGP699" s="613"/>
      <c r="FGQ699" s="613"/>
      <c r="FGR699" s="613"/>
      <c r="FGS699" s="613"/>
      <c r="FGT699" s="613"/>
      <c r="FGU699" s="613"/>
      <c r="FGV699" s="613"/>
      <c r="FGW699" s="613"/>
      <c r="FGX699" s="613"/>
      <c r="FGY699" s="613"/>
      <c r="FGZ699" s="613"/>
      <c r="FHA699" s="613"/>
      <c r="FHB699" s="613"/>
      <c r="FHC699" s="613"/>
      <c r="FHD699" s="613"/>
      <c r="FHE699" s="613"/>
      <c r="FHF699" s="613"/>
      <c r="FHG699" s="613"/>
      <c r="FHH699" s="613"/>
      <c r="FHI699" s="613"/>
      <c r="FHJ699" s="613"/>
      <c r="FHK699" s="613"/>
      <c r="FHL699" s="613"/>
      <c r="FHM699" s="613"/>
      <c r="FHN699" s="613"/>
      <c r="FHO699" s="613"/>
      <c r="FHP699" s="613"/>
      <c r="FHQ699" s="613"/>
      <c r="FHR699" s="613"/>
      <c r="FHS699" s="613"/>
      <c r="FHT699" s="613"/>
      <c r="FHU699" s="613"/>
      <c r="FHV699" s="613"/>
      <c r="FHW699" s="613"/>
      <c r="FHX699" s="613"/>
      <c r="FHY699" s="613"/>
      <c r="FHZ699" s="613"/>
      <c r="FIA699" s="613"/>
      <c r="FIB699" s="613"/>
      <c r="FIC699" s="613"/>
      <c r="FID699" s="613"/>
      <c r="FIE699" s="613"/>
      <c r="FIF699" s="613"/>
      <c r="FIG699" s="613"/>
      <c r="FIH699" s="613"/>
      <c r="FII699" s="613"/>
      <c r="FIJ699" s="613"/>
      <c r="FIK699" s="613"/>
      <c r="FIL699" s="613"/>
      <c r="FIM699" s="613"/>
      <c r="FIN699" s="613"/>
      <c r="FIO699" s="613"/>
      <c r="FIP699" s="613"/>
      <c r="FIQ699" s="613"/>
      <c r="FIR699" s="613"/>
      <c r="FIS699" s="613"/>
      <c r="FIT699" s="613"/>
      <c r="FIU699" s="613"/>
      <c r="FIV699" s="613"/>
      <c r="FIW699" s="613"/>
      <c r="FIX699" s="613"/>
      <c r="FIY699" s="613"/>
      <c r="FIZ699" s="613"/>
      <c r="FJA699" s="613"/>
      <c r="FJB699" s="613"/>
      <c r="FJC699" s="613"/>
      <c r="FJD699" s="613"/>
      <c r="FJE699" s="613"/>
      <c r="FJF699" s="613"/>
      <c r="FJG699" s="613"/>
      <c r="FJH699" s="613"/>
      <c r="FJI699" s="613"/>
      <c r="FJJ699" s="613"/>
      <c r="FJK699" s="613"/>
      <c r="FJL699" s="613"/>
      <c r="FJM699" s="613"/>
      <c r="FJN699" s="613"/>
      <c r="FJO699" s="613"/>
      <c r="FJP699" s="613"/>
      <c r="FJQ699" s="613"/>
      <c r="FJR699" s="613"/>
      <c r="FJS699" s="613"/>
      <c r="FJT699" s="613"/>
      <c r="FJU699" s="613"/>
      <c r="FJV699" s="613"/>
      <c r="FJW699" s="613"/>
      <c r="FJX699" s="613"/>
      <c r="FJY699" s="613"/>
      <c r="FJZ699" s="613"/>
      <c r="FKA699" s="613"/>
      <c r="FKB699" s="613"/>
      <c r="FKC699" s="613"/>
      <c r="FKD699" s="613"/>
      <c r="FKE699" s="613"/>
      <c r="FKF699" s="613"/>
      <c r="FKG699" s="613"/>
      <c r="FKH699" s="613"/>
      <c r="FKI699" s="613"/>
      <c r="FKJ699" s="613"/>
      <c r="FKK699" s="613"/>
      <c r="FKL699" s="613"/>
      <c r="FKM699" s="613"/>
      <c r="FKN699" s="613"/>
      <c r="FKO699" s="613"/>
      <c r="FKP699" s="613"/>
      <c r="FKQ699" s="613"/>
      <c r="FKR699" s="613"/>
      <c r="FKS699" s="613"/>
      <c r="FKT699" s="613"/>
      <c r="FKU699" s="613"/>
      <c r="FKV699" s="613"/>
      <c r="FKW699" s="613"/>
      <c r="FKX699" s="613"/>
      <c r="FKY699" s="613"/>
      <c r="FKZ699" s="613"/>
      <c r="FLA699" s="613"/>
      <c r="FLB699" s="613"/>
      <c r="FLC699" s="613"/>
      <c r="FLD699" s="613"/>
      <c r="FLE699" s="613"/>
      <c r="FLF699" s="613"/>
      <c r="FLG699" s="613"/>
      <c r="FLH699" s="613"/>
      <c r="FLI699" s="613"/>
      <c r="FLJ699" s="613"/>
      <c r="FLK699" s="613"/>
      <c r="FLL699" s="613"/>
      <c r="FLM699" s="613"/>
      <c r="FLN699" s="613"/>
      <c r="FLO699" s="613"/>
      <c r="FLP699" s="613"/>
      <c r="FLQ699" s="613"/>
      <c r="FLR699" s="613"/>
      <c r="FLS699" s="613"/>
      <c r="FLT699" s="613"/>
      <c r="FLU699" s="613"/>
      <c r="FLV699" s="613"/>
      <c r="FLW699" s="613"/>
      <c r="FLX699" s="613"/>
      <c r="FLY699" s="613"/>
      <c r="FLZ699" s="613"/>
      <c r="FMA699" s="613"/>
      <c r="FMB699" s="613"/>
      <c r="FMC699" s="613"/>
      <c r="FMD699" s="613"/>
      <c r="FME699" s="613"/>
      <c r="FMF699" s="613"/>
      <c r="FMG699" s="613"/>
      <c r="FMH699" s="613"/>
      <c r="FMI699" s="613"/>
      <c r="FMJ699" s="613"/>
      <c r="FMK699" s="613"/>
      <c r="FML699" s="613"/>
      <c r="FMM699" s="613"/>
      <c r="FMN699" s="613"/>
      <c r="FMO699" s="613"/>
      <c r="FMP699" s="613"/>
      <c r="FMQ699" s="613"/>
      <c r="FMR699" s="613"/>
      <c r="FMS699" s="613"/>
      <c r="FMT699" s="613"/>
      <c r="FMU699" s="613"/>
      <c r="FMV699" s="613"/>
      <c r="FMW699" s="613"/>
      <c r="FMX699" s="613"/>
      <c r="FMY699" s="613"/>
      <c r="FMZ699" s="613"/>
      <c r="FNA699" s="613"/>
      <c r="FNB699" s="613"/>
      <c r="FNC699" s="613"/>
      <c r="FND699" s="613"/>
      <c r="FNE699" s="613"/>
      <c r="FNF699" s="613"/>
      <c r="FNG699" s="613"/>
      <c r="FNH699" s="613"/>
      <c r="FNI699" s="613"/>
      <c r="FNJ699" s="613"/>
      <c r="FNK699" s="613"/>
      <c r="FNL699" s="613"/>
      <c r="FNM699" s="613"/>
      <c r="FNN699" s="613"/>
      <c r="FNO699" s="613"/>
      <c r="FNP699" s="613"/>
      <c r="FNQ699" s="613"/>
      <c r="FNR699" s="613"/>
      <c r="FNS699" s="613"/>
      <c r="FNT699" s="613"/>
      <c r="FNU699" s="613"/>
      <c r="FNV699" s="613"/>
      <c r="FNW699" s="613"/>
      <c r="FNX699" s="613"/>
      <c r="FNY699" s="613"/>
      <c r="FNZ699" s="613"/>
      <c r="FOA699" s="613"/>
      <c r="FOB699" s="613"/>
      <c r="FOC699" s="613"/>
      <c r="FOD699" s="613"/>
      <c r="FOE699" s="613"/>
      <c r="FOF699" s="613"/>
      <c r="FOG699" s="613"/>
      <c r="FOH699" s="613"/>
      <c r="FOI699" s="613"/>
      <c r="FOJ699" s="613"/>
      <c r="FOK699" s="613"/>
      <c r="FOL699" s="613"/>
      <c r="FOM699" s="613"/>
      <c r="FON699" s="613"/>
      <c r="FOO699" s="613"/>
      <c r="FOP699" s="613"/>
      <c r="FOQ699" s="613"/>
      <c r="FOR699" s="613"/>
      <c r="FOS699" s="613"/>
      <c r="FOT699" s="613"/>
      <c r="FOU699" s="613"/>
      <c r="FOV699" s="613"/>
      <c r="FOW699" s="613"/>
      <c r="FOX699" s="613"/>
      <c r="FOY699" s="613"/>
      <c r="FOZ699" s="613"/>
      <c r="FPA699" s="613"/>
      <c r="FPB699" s="613"/>
      <c r="FPC699" s="613"/>
      <c r="FPD699" s="613"/>
      <c r="FPE699" s="613"/>
      <c r="FPF699" s="613"/>
      <c r="FPG699" s="613"/>
      <c r="FPH699" s="613"/>
      <c r="FPI699" s="613"/>
      <c r="FPJ699" s="613"/>
      <c r="FPK699" s="613"/>
      <c r="FPL699" s="613"/>
      <c r="FPM699" s="613"/>
      <c r="FPN699" s="613"/>
      <c r="FPO699" s="613"/>
      <c r="FPP699" s="613"/>
      <c r="FPQ699" s="613"/>
      <c r="FPR699" s="613"/>
      <c r="FPS699" s="613"/>
      <c r="FPT699" s="613"/>
      <c r="FPU699" s="613"/>
      <c r="FPV699" s="613"/>
      <c r="FPW699" s="613"/>
      <c r="FPX699" s="613"/>
      <c r="FPY699" s="613"/>
      <c r="FPZ699" s="613"/>
      <c r="FQA699" s="613"/>
      <c r="FQB699" s="613"/>
      <c r="FQC699" s="613"/>
      <c r="FQD699" s="613"/>
      <c r="FQE699" s="613"/>
      <c r="FQF699" s="613"/>
      <c r="FQG699" s="613"/>
      <c r="FQH699" s="613"/>
      <c r="FQI699" s="613"/>
      <c r="FQJ699" s="613"/>
      <c r="FQK699" s="613"/>
      <c r="FQL699" s="613"/>
      <c r="FQM699" s="613"/>
      <c r="FQN699" s="613"/>
      <c r="FQO699" s="613"/>
      <c r="FQP699" s="613"/>
      <c r="FQQ699" s="613"/>
      <c r="FQR699" s="613"/>
      <c r="FQS699" s="613"/>
      <c r="FQT699" s="613"/>
      <c r="FQU699" s="613"/>
      <c r="FQV699" s="613"/>
      <c r="FQW699" s="613"/>
      <c r="FQX699" s="613"/>
      <c r="FQY699" s="613"/>
      <c r="FQZ699" s="613"/>
      <c r="FRA699" s="613"/>
      <c r="FRB699" s="613"/>
      <c r="FRC699" s="613"/>
      <c r="FRD699" s="613"/>
      <c r="FRE699" s="613"/>
      <c r="FRF699" s="613"/>
      <c r="FRG699" s="613"/>
      <c r="FRH699" s="613"/>
      <c r="FRI699" s="613"/>
      <c r="FRJ699" s="613"/>
      <c r="FRK699" s="613"/>
      <c r="FRL699" s="613"/>
      <c r="FRM699" s="613"/>
      <c r="FRN699" s="613"/>
      <c r="FRO699" s="613"/>
      <c r="FRP699" s="613"/>
      <c r="FRQ699" s="613"/>
      <c r="FRR699" s="613"/>
      <c r="FRS699" s="613"/>
      <c r="FRT699" s="613"/>
      <c r="FRU699" s="613"/>
      <c r="FRV699" s="613"/>
      <c r="FRW699" s="613"/>
      <c r="FRX699" s="613"/>
      <c r="FRY699" s="613"/>
      <c r="FRZ699" s="613"/>
      <c r="FSA699" s="613"/>
      <c r="FSB699" s="613"/>
      <c r="FSC699" s="613"/>
      <c r="FSD699" s="613"/>
      <c r="FSE699" s="613"/>
      <c r="FSF699" s="613"/>
      <c r="FSG699" s="613"/>
      <c r="FSH699" s="613"/>
      <c r="FSI699" s="613"/>
      <c r="FSJ699" s="613"/>
      <c r="FSK699" s="613"/>
      <c r="FSL699" s="613"/>
      <c r="FSM699" s="613"/>
      <c r="FSN699" s="613"/>
      <c r="FSO699" s="613"/>
      <c r="FSP699" s="613"/>
      <c r="FSQ699" s="613"/>
      <c r="FSR699" s="613"/>
      <c r="FSS699" s="613"/>
      <c r="FST699" s="613"/>
      <c r="FSU699" s="613"/>
      <c r="FSV699" s="613"/>
      <c r="FSW699" s="613"/>
      <c r="FSX699" s="613"/>
      <c r="FSY699" s="613"/>
      <c r="FSZ699" s="613"/>
      <c r="FTA699" s="613"/>
      <c r="FTB699" s="613"/>
      <c r="FTC699" s="613"/>
      <c r="FTD699" s="613"/>
      <c r="FTE699" s="613"/>
      <c r="FTF699" s="613"/>
      <c r="FTG699" s="613"/>
      <c r="FTH699" s="613"/>
      <c r="FTI699" s="613"/>
      <c r="FTJ699" s="613"/>
      <c r="FTK699" s="613"/>
      <c r="FTL699" s="613"/>
      <c r="FTM699" s="613"/>
      <c r="FTN699" s="613"/>
      <c r="FTO699" s="613"/>
      <c r="FTP699" s="613"/>
      <c r="FTQ699" s="613"/>
      <c r="FTR699" s="613"/>
      <c r="FTS699" s="613"/>
      <c r="FTT699" s="613"/>
      <c r="FTU699" s="613"/>
      <c r="FTV699" s="613"/>
      <c r="FTW699" s="613"/>
      <c r="FTX699" s="613"/>
      <c r="FTY699" s="613"/>
      <c r="FTZ699" s="613"/>
      <c r="FUA699" s="613"/>
      <c r="FUB699" s="613"/>
      <c r="FUC699" s="613"/>
      <c r="FUD699" s="613"/>
      <c r="FUE699" s="613"/>
      <c r="FUF699" s="613"/>
      <c r="FUG699" s="613"/>
      <c r="FUH699" s="613"/>
      <c r="FUI699" s="613"/>
      <c r="FUJ699" s="613"/>
      <c r="FUK699" s="613"/>
      <c r="FUL699" s="613"/>
      <c r="FUM699" s="613"/>
      <c r="FUN699" s="613"/>
      <c r="FUO699" s="613"/>
      <c r="FUP699" s="613"/>
      <c r="FUQ699" s="613"/>
      <c r="FUR699" s="613"/>
      <c r="FUS699" s="613"/>
      <c r="FUT699" s="613"/>
      <c r="FUU699" s="613"/>
      <c r="FUV699" s="613"/>
      <c r="FUW699" s="613"/>
      <c r="FUX699" s="613"/>
      <c r="FUY699" s="613"/>
      <c r="FUZ699" s="613"/>
      <c r="FVA699" s="613"/>
      <c r="FVB699" s="613"/>
      <c r="FVC699" s="613"/>
      <c r="FVD699" s="613"/>
      <c r="FVE699" s="613"/>
      <c r="FVF699" s="613"/>
      <c r="FVG699" s="613"/>
      <c r="FVH699" s="613"/>
      <c r="FVI699" s="613"/>
      <c r="FVJ699" s="613"/>
      <c r="FVK699" s="613"/>
      <c r="FVL699" s="613"/>
      <c r="FVM699" s="613"/>
      <c r="FVN699" s="613"/>
      <c r="FVO699" s="613"/>
      <c r="FVP699" s="613"/>
      <c r="FVQ699" s="613"/>
      <c r="FVR699" s="613"/>
      <c r="FVS699" s="613"/>
      <c r="FVT699" s="613"/>
      <c r="FVU699" s="613"/>
      <c r="FVV699" s="613"/>
      <c r="FVW699" s="613"/>
      <c r="FVX699" s="613"/>
      <c r="FVY699" s="613"/>
      <c r="FVZ699" s="613"/>
      <c r="FWA699" s="613"/>
      <c r="FWB699" s="613"/>
      <c r="FWC699" s="613"/>
      <c r="FWD699" s="613"/>
      <c r="FWE699" s="613"/>
      <c r="FWF699" s="613"/>
      <c r="FWG699" s="613"/>
      <c r="FWH699" s="613"/>
      <c r="FWI699" s="613"/>
      <c r="FWJ699" s="613"/>
      <c r="FWK699" s="613"/>
      <c r="FWL699" s="613"/>
      <c r="FWM699" s="613"/>
      <c r="FWN699" s="613"/>
      <c r="FWO699" s="613"/>
      <c r="FWP699" s="613"/>
      <c r="FWQ699" s="613"/>
      <c r="FWR699" s="613"/>
      <c r="FWS699" s="613"/>
      <c r="FWT699" s="613"/>
      <c r="FWU699" s="613"/>
      <c r="FWV699" s="613"/>
      <c r="FWW699" s="613"/>
      <c r="FWX699" s="613"/>
      <c r="FWY699" s="613"/>
      <c r="FWZ699" s="613"/>
      <c r="FXA699" s="613"/>
      <c r="FXB699" s="613"/>
      <c r="FXC699" s="613"/>
      <c r="FXD699" s="613"/>
      <c r="FXE699" s="613"/>
      <c r="FXF699" s="613"/>
      <c r="FXG699" s="613"/>
      <c r="FXH699" s="613"/>
      <c r="FXI699" s="613"/>
      <c r="FXJ699" s="613"/>
      <c r="FXK699" s="613"/>
      <c r="FXL699" s="613"/>
      <c r="FXM699" s="613"/>
      <c r="FXN699" s="613"/>
      <c r="FXO699" s="613"/>
      <c r="FXP699" s="613"/>
      <c r="FXQ699" s="613"/>
      <c r="FXR699" s="613"/>
      <c r="FXS699" s="613"/>
      <c r="FXT699" s="613"/>
      <c r="FXU699" s="613"/>
      <c r="FXV699" s="613"/>
      <c r="FXW699" s="613"/>
      <c r="FXX699" s="613"/>
      <c r="FXY699" s="613"/>
      <c r="FXZ699" s="613"/>
      <c r="FYA699" s="613"/>
      <c r="FYB699" s="613"/>
      <c r="FYC699" s="613"/>
      <c r="FYD699" s="613"/>
      <c r="FYE699" s="613"/>
      <c r="FYF699" s="613"/>
      <c r="FYG699" s="613"/>
      <c r="FYH699" s="613"/>
      <c r="FYI699" s="613"/>
      <c r="FYJ699" s="613"/>
      <c r="FYK699" s="613"/>
      <c r="FYL699" s="613"/>
      <c r="FYM699" s="613"/>
      <c r="FYN699" s="613"/>
      <c r="FYO699" s="613"/>
      <c r="FYP699" s="613"/>
      <c r="FYQ699" s="613"/>
      <c r="FYR699" s="613"/>
      <c r="FYS699" s="613"/>
      <c r="FYT699" s="613"/>
      <c r="FYU699" s="613"/>
      <c r="FYV699" s="613"/>
      <c r="FYW699" s="613"/>
      <c r="FYX699" s="613"/>
      <c r="FYY699" s="613"/>
      <c r="FYZ699" s="613"/>
      <c r="FZA699" s="613"/>
      <c r="FZB699" s="613"/>
      <c r="FZC699" s="613"/>
      <c r="FZD699" s="613"/>
      <c r="FZE699" s="613"/>
      <c r="FZF699" s="613"/>
      <c r="FZG699" s="613"/>
      <c r="FZH699" s="613"/>
      <c r="FZI699" s="613"/>
      <c r="FZJ699" s="613"/>
      <c r="FZK699" s="613"/>
      <c r="FZL699" s="613"/>
      <c r="FZM699" s="613"/>
      <c r="FZN699" s="613"/>
      <c r="FZO699" s="613"/>
      <c r="FZP699" s="613"/>
      <c r="FZQ699" s="613"/>
      <c r="FZR699" s="613"/>
      <c r="FZS699" s="613"/>
      <c r="FZT699" s="613"/>
      <c r="FZU699" s="613"/>
      <c r="FZV699" s="613"/>
      <c r="FZW699" s="613"/>
      <c r="FZX699" s="613"/>
      <c r="FZY699" s="613"/>
      <c r="FZZ699" s="613"/>
      <c r="GAA699" s="613"/>
      <c r="GAB699" s="613"/>
      <c r="GAC699" s="613"/>
      <c r="GAD699" s="613"/>
      <c r="GAE699" s="613"/>
      <c r="GAF699" s="613"/>
      <c r="GAG699" s="613"/>
      <c r="GAH699" s="613"/>
      <c r="GAI699" s="613"/>
      <c r="GAJ699" s="613"/>
      <c r="GAK699" s="613"/>
      <c r="GAL699" s="613"/>
      <c r="GAM699" s="613"/>
      <c r="GAN699" s="613"/>
      <c r="GAO699" s="613"/>
      <c r="GAP699" s="613"/>
      <c r="GAQ699" s="613"/>
      <c r="GAR699" s="613"/>
      <c r="GAS699" s="613"/>
      <c r="GAT699" s="613"/>
      <c r="GAU699" s="613"/>
      <c r="GAV699" s="613"/>
      <c r="GAW699" s="613"/>
      <c r="GAX699" s="613"/>
      <c r="GAY699" s="613"/>
      <c r="GAZ699" s="613"/>
      <c r="GBA699" s="613"/>
      <c r="GBB699" s="613"/>
      <c r="GBC699" s="613"/>
      <c r="GBD699" s="613"/>
      <c r="GBE699" s="613"/>
      <c r="GBF699" s="613"/>
      <c r="GBG699" s="613"/>
      <c r="GBH699" s="613"/>
      <c r="GBI699" s="613"/>
      <c r="GBJ699" s="613"/>
      <c r="GBK699" s="613"/>
      <c r="GBL699" s="613"/>
      <c r="GBM699" s="613"/>
      <c r="GBN699" s="613"/>
      <c r="GBO699" s="613"/>
      <c r="GBP699" s="613"/>
      <c r="GBQ699" s="613"/>
      <c r="GBR699" s="613"/>
      <c r="GBS699" s="613"/>
      <c r="GBT699" s="613"/>
      <c r="GBU699" s="613"/>
      <c r="GBV699" s="613"/>
      <c r="GBW699" s="613"/>
      <c r="GBX699" s="613"/>
      <c r="GBY699" s="613"/>
      <c r="GBZ699" s="613"/>
      <c r="GCA699" s="613"/>
      <c r="GCB699" s="613"/>
      <c r="GCC699" s="613"/>
      <c r="GCD699" s="613"/>
      <c r="GCE699" s="613"/>
      <c r="GCF699" s="613"/>
      <c r="GCG699" s="613"/>
      <c r="GCH699" s="613"/>
      <c r="GCI699" s="613"/>
      <c r="GCJ699" s="613"/>
      <c r="GCK699" s="613"/>
      <c r="GCL699" s="613"/>
      <c r="GCM699" s="613"/>
      <c r="GCN699" s="613"/>
      <c r="GCO699" s="613"/>
      <c r="GCP699" s="613"/>
      <c r="GCQ699" s="613"/>
      <c r="GCR699" s="613"/>
      <c r="GCS699" s="613"/>
      <c r="GCT699" s="613"/>
      <c r="GCU699" s="613"/>
      <c r="GCV699" s="613"/>
      <c r="GCW699" s="613"/>
      <c r="GCX699" s="613"/>
      <c r="GCY699" s="613"/>
      <c r="GCZ699" s="613"/>
      <c r="GDA699" s="613"/>
      <c r="GDB699" s="613"/>
      <c r="GDC699" s="613"/>
      <c r="GDD699" s="613"/>
      <c r="GDE699" s="613"/>
      <c r="GDF699" s="613"/>
      <c r="GDG699" s="613"/>
      <c r="GDH699" s="613"/>
      <c r="GDI699" s="613"/>
      <c r="GDJ699" s="613"/>
      <c r="GDK699" s="613"/>
      <c r="GDL699" s="613"/>
      <c r="GDM699" s="613"/>
      <c r="GDN699" s="613"/>
      <c r="GDO699" s="613"/>
      <c r="GDP699" s="613"/>
      <c r="GDQ699" s="613"/>
      <c r="GDR699" s="613"/>
      <c r="GDS699" s="613"/>
      <c r="GDT699" s="613"/>
      <c r="GDU699" s="613"/>
      <c r="GDV699" s="613"/>
      <c r="GDW699" s="613"/>
      <c r="GDX699" s="613"/>
      <c r="GDY699" s="613"/>
      <c r="GDZ699" s="613"/>
      <c r="GEA699" s="613"/>
      <c r="GEB699" s="613"/>
      <c r="GEC699" s="613"/>
      <c r="GED699" s="613"/>
      <c r="GEE699" s="613"/>
      <c r="GEF699" s="613"/>
      <c r="GEG699" s="613"/>
      <c r="GEH699" s="613"/>
      <c r="GEI699" s="613"/>
      <c r="GEJ699" s="613"/>
      <c r="GEK699" s="613"/>
      <c r="GEL699" s="613"/>
      <c r="GEM699" s="613"/>
      <c r="GEN699" s="613"/>
      <c r="GEO699" s="613"/>
      <c r="GEP699" s="613"/>
      <c r="GEQ699" s="613"/>
      <c r="GER699" s="613"/>
      <c r="GES699" s="613"/>
      <c r="GET699" s="613"/>
      <c r="GEU699" s="613"/>
      <c r="GEV699" s="613"/>
      <c r="GEW699" s="613"/>
      <c r="GEX699" s="613"/>
      <c r="GEY699" s="613"/>
      <c r="GEZ699" s="613"/>
      <c r="GFA699" s="613"/>
      <c r="GFB699" s="613"/>
      <c r="GFC699" s="613"/>
      <c r="GFD699" s="613"/>
      <c r="GFE699" s="613"/>
      <c r="GFF699" s="613"/>
      <c r="GFG699" s="613"/>
      <c r="GFH699" s="613"/>
      <c r="GFI699" s="613"/>
      <c r="GFJ699" s="613"/>
      <c r="GFK699" s="613"/>
      <c r="GFL699" s="613"/>
      <c r="GFM699" s="613"/>
      <c r="GFN699" s="613"/>
      <c r="GFO699" s="613"/>
      <c r="GFP699" s="613"/>
      <c r="GFQ699" s="613"/>
      <c r="GFR699" s="613"/>
      <c r="GFS699" s="613"/>
      <c r="GFT699" s="613"/>
      <c r="GFU699" s="613"/>
      <c r="GFV699" s="613"/>
      <c r="GFW699" s="613"/>
      <c r="GFX699" s="613"/>
      <c r="GFY699" s="613"/>
      <c r="GFZ699" s="613"/>
      <c r="GGA699" s="613"/>
      <c r="GGB699" s="613"/>
      <c r="GGC699" s="613"/>
      <c r="GGD699" s="613"/>
      <c r="GGE699" s="613"/>
      <c r="GGF699" s="613"/>
      <c r="GGG699" s="613"/>
      <c r="GGH699" s="613"/>
      <c r="GGI699" s="613"/>
      <c r="GGJ699" s="613"/>
      <c r="GGK699" s="613"/>
      <c r="GGL699" s="613"/>
      <c r="GGM699" s="613"/>
      <c r="GGN699" s="613"/>
      <c r="GGO699" s="613"/>
      <c r="GGP699" s="613"/>
      <c r="GGQ699" s="613"/>
      <c r="GGR699" s="613"/>
      <c r="GGS699" s="613"/>
      <c r="GGT699" s="613"/>
      <c r="GGU699" s="613"/>
      <c r="GGV699" s="613"/>
      <c r="GGW699" s="613"/>
      <c r="GGX699" s="613"/>
      <c r="GGY699" s="613"/>
      <c r="GGZ699" s="613"/>
      <c r="GHA699" s="613"/>
      <c r="GHB699" s="613"/>
      <c r="GHC699" s="613"/>
      <c r="GHD699" s="613"/>
      <c r="GHE699" s="613"/>
      <c r="GHF699" s="613"/>
      <c r="GHG699" s="613"/>
      <c r="GHH699" s="613"/>
      <c r="GHI699" s="613"/>
      <c r="GHJ699" s="613"/>
      <c r="GHK699" s="613"/>
      <c r="GHL699" s="613"/>
      <c r="GHM699" s="613"/>
      <c r="GHN699" s="613"/>
      <c r="GHO699" s="613"/>
      <c r="GHP699" s="613"/>
      <c r="GHQ699" s="613"/>
      <c r="GHR699" s="613"/>
      <c r="GHS699" s="613"/>
      <c r="GHT699" s="613"/>
      <c r="GHU699" s="613"/>
      <c r="GHV699" s="613"/>
      <c r="GHW699" s="613"/>
      <c r="GHX699" s="613"/>
      <c r="GHY699" s="613"/>
      <c r="GHZ699" s="613"/>
      <c r="GIA699" s="613"/>
      <c r="GIB699" s="613"/>
      <c r="GIC699" s="613"/>
      <c r="GID699" s="613"/>
      <c r="GIE699" s="613"/>
      <c r="GIF699" s="613"/>
      <c r="GIG699" s="613"/>
      <c r="GIH699" s="613"/>
      <c r="GII699" s="613"/>
      <c r="GIJ699" s="613"/>
      <c r="GIK699" s="613"/>
      <c r="GIL699" s="613"/>
      <c r="GIM699" s="613"/>
      <c r="GIN699" s="613"/>
      <c r="GIO699" s="613"/>
      <c r="GIP699" s="613"/>
      <c r="GIQ699" s="613"/>
      <c r="GIR699" s="613"/>
      <c r="GIS699" s="613"/>
      <c r="GIT699" s="613"/>
      <c r="GIU699" s="613"/>
      <c r="GIV699" s="613"/>
      <c r="GIW699" s="613"/>
      <c r="GIX699" s="613"/>
      <c r="GIY699" s="613"/>
      <c r="GIZ699" s="613"/>
      <c r="GJA699" s="613"/>
      <c r="GJB699" s="613"/>
      <c r="GJC699" s="613"/>
      <c r="GJD699" s="613"/>
      <c r="GJE699" s="613"/>
      <c r="GJF699" s="613"/>
      <c r="GJG699" s="613"/>
      <c r="GJH699" s="613"/>
      <c r="GJI699" s="613"/>
      <c r="GJJ699" s="613"/>
      <c r="GJK699" s="613"/>
      <c r="GJL699" s="613"/>
      <c r="GJM699" s="613"/>
      <c r="GJN699" s="613"/>
      <c r="GJO699" s="613"/>
      <c r="GJP699" s="613"/>
      <c r="GJQ699" s="613"/>
      <c r="GJR699" s="613"/>
      <c r="GJS699" s="613"/>
      <c r="GJT699" s="613"/>
      <c r="GJU699" s="613"/>
      <c r="GJV699" s="613"/>
      <c r="GJW699" s="613"/>
      <c r="GJX699" s="613"/>
      <c r="GJY699" s="613"/>
      <c r="GJZ699" s="613"/>
      <c r="GKA699" s="613"/>
      <c r="GKB699" s="613"/>
      <c r="GKC699" s="613"/>
      <c r="GKD699" s="613"/>
      <c r="GKE699" s="613"/>
      <c r="GKF699" s="613"/>
      <c r="GKG699" s="613"/>
      <c r="GKH699" s="613"/>
      <c r="GKI699" s="613"/>
      <c r="GKJ699" s="613"/>
      <c r="GKK699" s="613"/>
      <c r="GKL699" s="613"/>
      <c r="GKM699" s="613"/>
      <c r="GKN699" s="613"/>
      <c r="GKO699" s="613"/>
      <c r="GKP699" s="613"/>
      <c r="GKQ699" s="613"/>
      <c r="GKR699" s="613"/>
      <c r="GKS699" s="613"/>
      <c r="GKT699" s="613"/>
      <c r="GKU699" s="613"/>
      <c r="GKV699" s="613"/>
      <c r="GKW699" s="613"/>
      <c r="GKX699" s="613"/>
      <c r="GKY699" s="613"/>
      <c r="GKZ699" s="613"/>
      <c r="GLA699" s="613"/>
      <c r="GLB699" s="613"/>
      <c r="GLC699" s="613"/>
      <c r="GLD699" s="613"/>
      <c r="GLE699" s="613"/>
      <c r="GLF699" s="613"/>
      <c r="GLG699" s="613"/>
      <c r="GLH699" s="613"/>
      <c r="GLI699" s="613"/>
      <c r="GLJ699" s="613"/>
      <c r="GLK699" s="613"/>
      <c r="GLL699" s="613"/>
      <c r="GLM699" s="613"/>
      <c r="GLN699" s="613"/>
      <c r="GLO699" s="613"/>
      <c r="GLP699" s="613"/>
      <c r="GLQ699" s="613"/>
      <c r="GLR699" s="613"/>
      <c r="GLS699" s="613"/>
      <c r="GLT699" s="613"/>
      <c r="GLU699" s="613"/>
      <c r="GLV699" s="613"/>
      <c r="GLW699" s="613"/>
      <c r="GLX699" s="613"/>
      <c r="GLY699" s="613"/>
      <c r="GLZ699" s="613"/>
      <c r="GMA699" s="613"/>
      <c r="GMB699" s="613"/>
      <c r="GMC699" s="613"/>
      <c r="GMD699" s="613"/>
      <c r="GME699" s="613"/>
      <c r="GMF699" s="613"/>
      <c r="GMG699" s="613"/>
      <c r="GMH699" s="613"/>
      <c r="GMI699" s="613"/>
      <c r="GMJ699" s="613"/>
      <c r="GMK699" s="613"/>
      <c r="GML699" s="613"/>
      <c r="GMM699" s="613"/>
      <c r="GMN699" s="613"/>
      <c r="GMO699" s="613"/>
      <c r="GMP699" s="613"/>
      <c r="GMQ699" s="613"/>
      <c r="GMR699" s="613"/>
      <c r="GMS699" s="613"/>
      <c r="GMT699" s="613"/>
      <c r="GMU699" s="613"/>
      <c r="GMV699" s="613"/>
      <c r="GMW699" s="613"/>
      <c r="GMX699" s="613"/>
      <c r="GMY699" s="613"/>
      <c r="GMZ699" s="613"/>
      <c r="GNA699" s="613"/>
      <c r="GNB699" s="613"/>
      <c r="GNC699" s="613"/>
      <c r="GND699" s="613"/>
      <c r="GNE699" s="613"/>
      <c r="GNF699" s="613"/>
      <c r="GNG699" s="613"/>
      <c r="GNH699" s="613"/>
      <c r="GNI699" s="613"/>
      <c r="GNJ699" s="613"/>
      <c r="GNK699" s="613"/>
      <c r="GNL699" s="613"/>
      <c r="GNM699" s="613"/>
      <c r="GNN699" s="613"/>
      <c r="GNO699" s="613"/>
      <c r="GNP699" s="613"/>
      <c r="GNQ699" s="613"/>
      <c r="GNR699" s="613"/>
      <c r="GNS699" s="613"/>
      <c r="GNT699" s="613"/>
      <c r="GNU699" s="613"/>
      <c r="GNV699" s="613"/>
      <c r="GNW699" s="613"/>
      <c r="GNX699" s="613"/>
      <c r="GNY699" s="613"/>
      <c r="GNZ699" s="613"/>
      <c r="GOA699" s="613"/>
      <c r="GOB699" s="613"/>
      <c r="GOC699" s="613"/>
      <c r="GOD699" s="613"/>
      <c r="GOE699" s="613"/>
      <c r="GOF699" s="613"/>
      <c r="GOG699" s="613"/>
      <c r="GOH699" s="613"/>
      <c r="GOI699" s="613"/>
      <c r="GOJ699" s="613"/>
      <c r="GOK699" s="613"/>
      <c r="GOL699" s="613"/>
      <c r="GOM699" s="613"/>
      <c r="GON699" s="613"/>
      <c r="GOO699" s="613"/>
      <c r="GOP699" s="613"/>
      <c r="GOQ699" s="613"/>
      <c r="GOR699" s="613"/>
      <c r="GOS699" s="613"/>
      <c r="GOT699" s="613"/>
      <c r="GOU699" s="613"/>
      <c r="GOV699" s="613"/>
      <c r="GOW699" s="613"/>
      <c r="GOX699" s="613"/>
      <c r="GOY699" s="613"/>
      <c r="GOZ699" s="613"/>
      <c r="GPA699" s="613"/>
      <c r="GPB699" s="613"/>
      <c r="GPC699" s="613"/>
      <c r="GPD699" s="613"/>
      <c r="GPE699" s="613"/>
      <c r="GPF699" s="613"/>
      <c r="GPG699" s="613"/>
      <c r="GPH699" s="613"/>
      <c r="GPI699" s="613"/>
      <c r="GPJ699" s="613"/>
      <c r="GPK699" s="613"/>
      <c r="GPL699" s="613"/>
      <c r="GPM699" s="613"/>
      <c r="GPN699" s="613"/>
      <c r="GPO699" s="613"/>
      <c r="GPP699" s="613"/>
      <c r="GPQ699" s="613"/>
      <c r="GPR699" s="613"/>
      <c r="GPS699" s="613"/>
      <c r="GPT699" s="613"/>
      <c r="GPU699" s="613"/>
      <c r="GPV699" s="613"/>
      <c r="GPW699" s="613"/>
      <c r="GPX699" s="613"/>
      <c r="GPY699" s="613"/>
      <c r="GPZ699" s="613"/>
      <c r="GQA699" s="613"/>
      <c r="GQB699" s="613"/>
      <c r="GQC699" s="613"/>
      <c r="GQD699" s="613"/>
      <c r="GQE699" s="613"/>
      <c r="GQF699" s="613"/>
      <c r="GQG699" s="613"/>
      <c r="GQH699" s="613"/>
      <c r="GQI699" s="613"/>
      <c r="GQJ699" s="613"/>
      <c r="GQK699" s="613"/>
      <c r="GQL699" s="613"/>
      <c r="GQM699" s="613"/>
      <c r="GQN699" s="613"/>
      <c r="GQO699" s="613"/>
      <c r="GQP699" s="613"/>
      <c r="GQQ699" s="613"/>
      <c r="GQR699" s="613"/>
      <c r="GQS699" s="613"/>
      <c r="GQT699" s="613"/>
      <c r="GQU699" s="613"/>
      <c r="GQV699" s="613"/>
      <c r="GQW699" s="613"/>
      <c r="GQX699" s="613"/>
      <c r="GQY699" s="613"/>
      <c r="GQZ699" s="613"/>
      <c r="GRA699" s="613"/>
      <c r="GRB699" s="613"/>
      <c r="GRC699" s="613"/>
      <c r="GRD699" s="613"/>
      <c r="GRE699" s="613"/>
      <c r="GRF699" s="613"/>
      <c r="GRG699" s="613"/>
      <c r="GRH699" s="613"/>
      <c r="GRI699" s="613"/>
      <c r="GRJ699" s="613"/>
      <c r="GRK699" s="613"/>
      <c r="GRL699" s="613"/>
      <c r="GRM699" s="613"/>
      <c r="GRN699" s="613"/>
      <c r="GRO699" s="613"/>
      <c r="GRP699" s="613"/>
      <c r="GRQ699" s="613"/>
      <c r="GRR699" s="613"/>
      <c r="GRS699" s="613"/>
      <c r="GRT699" s="613"/>
      <c r="GRU699" s="613"/>
      <c r="GRV699" s="613"/>
      <c r="GRW699" s="613"/>
      <c r="GRX699" s="613"/>
      <c r="GRY699" s="613"/>
      <c r="GRZ699" s="613"/>
      <c r="GSA699" s="613"/>
      <c r="GSB699" s="613"/>
      <c r="GSC699" s="613"/>
      <c r="GSD699" s="613"/>
      <c r="GSE699" s="613"/>
      <c r="GSF699" s="613"/>
      <c r="GSG699" s="613"/>
      <c r="GSH699" s="613"/>
      <c r="GSI699" s="613"/>
      <c r="GSJ699" s="613"/>
      <c r="GSK699" s="613"/>
      <c r="GSL699" s="613"/>
      <c r="GSM699" s="613"/>
      <c r="GSN699" s="613"/>
      <c r="GSO699" s="613"/>
      <c r="GSP699" s="613"/>
      <c r="GSQ699" s="613"/>
      <c r="GSR699" s="613"/>
      <c r="GSS699" s="613"/>
      <c r="GST699" s="613"/>
      <c r="GSU699" s="613"/>
      <c r="GSV699" s="613"/>
      <c r="GSW699" s="613"/>
      <c r="GSX699" s="613"/>
      <c r="GSY699" s="613"/>
      <c r="GSZ699" s="613"/>
      <c r="GTA699" s="613"/>
      <c r="GTB699" s="613"/>
      <c r="GTC699" s="613"/>
      <c r="GTD699" s="613"/>
      <c r="GTE699" s="613"/>
      <c r="GTF699" s="613"/>
      <c r="GTG699" s="613"/>
      <c r="GTH699" s="613"/>
      <c r="GTI699" s="613"/>
      <c r="GTJ699" s="613"/>
      <c r="GTK699" s="613"/>
      <c r="GTL699" s="613"/>
      <c r="GTM699" s="613"/>
      <c r="GTN699" s="613"/>
      <c r="GTO699" s="613"/>
      <c r="GTP699" s="613"/>
      <c r="GTQ699" s="613"/>
      <c r="GTR699" s="613"/>
      <c r="GTS699" s="613"/>
      <c r="GTT699" s="613"/>
      <c r="GTU699" s="613"/>
      <c r="GTV699" s="613"/>
      <c r="GTW699" s="613"/>
      <c r="GTX699" s="613"/>
      <c r="GTY699" s="613"/>
      <c r="GTZ699" s="613"/>
      <c r="GUA699" s="613"/>
      <c r="GUB699" s="613"/>
      <c r="GUC699" s="613"/>
      <c r="GUD699" s="613"/>
      <c r="GUE699" s="613"/>
      <c r="GUF699" s="613"/>
      <c r="GUG699" s="613"/>
      <c r="GUH699" s="613"/>
      <c r="GUI699" s="613"/>
      <c r="GUJ699" s="613"/>
      <c r="GUK699" s="613"/>
      <c r="GUL699" s="613"/>
      <c r="GUM699" s="613"/>
      <c r="GUN699" s="613"/>
      <c r="GUO699" s="613"/>
      <c r="GUP699" s="613"/>
      <c r="GUQ699" s="613"/>
      <c r="GUR699" s="613"/>
      <c r="GUS699" s="613"/>
      <c r="GUT699" s="613"/>
      <c r="GUU699" s="613"/>
      <c r="GUV699" s="613"/>
      <c r="GUW699" s="613"/>
      <c r="GUX699" s="613"/>
      <c r="GUY699" s="613"/>
      <c r="GUZ699" s="613"/>
      <c r="GVA699" s="613"/>
      <c r="GVB699" s="613"/>
      <c r="GVC699" s="613"/>
      <c r="GVD699" s="613"/>
      <c r="GVE699" s="613"/>
      <c r="GVF699" s="613"/>
      <c r="GVG699" s="613"/>
      <c r="GVH699" s="613"/>
      <c r="GVI699" s="613"/>
      <c r="GVJ699" s="613"/>
      <c r="GVK699" s="613"/>
      <c r="GVL699" s="613"/>
      <c r="GVM699" s="613"/>
      <c r="GVN699" s="613"/>
      <c r="GVO699" s="613"/>
      <c r="GVP699" s="613"/>
      <c r="GVQ699" s="613"/>
      <c r="GVR699" s="613"/>
      <c r="GVS699" s="613"/>
      <c r="GVT699" s="613"/>
      <c r="GVU699" s="613"/>
      <c r="GVV699" s="613"/>
      <c r="GVW699" s="613"/>
      <c r="GVX699" s="613"/>
      <c r="GVY699" s="613"/>
      <c r="GVZ699" s="613"/>
      <c r="GWA699" s="613"/>
      <c r="GWB699" s="613"/>
      <c r="GWC699" s="613"/>
      <c r="GWD699" s="613"/>
      <c r="GWE699" s="613"/>
      <c r="GWF699" s="613"/>
      <c r="GWG699" s="613"/>
      <c r="GWH699" s="613"/>
      <c r="GWI699" s="613"/>
      <c r="GWJ699" s="613"/>
      <c r="GWK699" s="613"/>
      <c r="GWL699" s="613"/>
      <c r="GWM699" s="613"/>
      <c r="GWN699" s="613"/>
      <c r="GWO699" s="613"/>
      <c r="GWP699" s="613"/>
      <c r="GWQ699" s="613"/>
      <c r="GWR699" s="613"/>
      <c r="GWS699" s="613"/>
      <c r="GWT699" s="613"/>
      <c r="GWU699" s="613"/>
      <c r="GWV699" s="613"/>
      <c r="GWW699" s="613"/>
      <c r="GWX699" s="613"/>
      <c r="GWY699" s="613"/>
      <c r="GWZ699" s="613"/>
      <c r="GXA699" s="613"/>
      <c r="GXB699" s="613"/>
      <c r="GXC699" s="613"/>
      <c r="GXD699" s="613"/>
      <c r="GXE699" s="613"/>
      <c r="GXF699" s="613"/>
      <c r="GXG699" s="613"/>
      <c r="GXH699" s="613"/>
      <c r="GXI699" s="613"/>
      <c r="GXJ699" s="613"/>
      <c r="GXK699" s="613"/>
      <c r="GXL699" s="613"/>
      <c r="GXM699" s="613"/>
      <c r="GXN699" s="613"/>
      <c r="GXO699" s="613"/>
      <c r="GXP699" s="613"/>
      <c r="GXQ699" s="613"/>
      <c r="GXR699" s="613"/>
      <c r="GXS699" s="613"/>
      <c r="GXT699" s="613"/>
      <c r="GXU699" s="613"/>
      <c r="GXV699" s="613"/>
      <c r="GXW699" s="613"/>
      <c r="GXX699" s="613"/>
      <c r="GXY699" s="613"/>
      <c r="GXZ699" s="613"/>
      <c r="GYA699" s="613"/>
      <c r="GYB699" s="613"/>
      <c r="GYC699" s="613"/>
      <c r="GYD699" s="613"/>
      <c r="GYE699" s="613"/>
      <c r="GYF699" s="613"/>
      <c r="GYG699" s="613"/>
      <c r="GYH699" s="613"/>
      <c r="GYI699" s="613"/>
      <c r="GYJ699" s="613"/>
      <c r="GYK699" s="613"/>
      <c r="GYL699" s="613"/>
      <c r="GYM699" s="613"/>
      <c r="GYN699" s="613"/>
      <c r="GYO699" s="613"/>
      <c r="GYP699" s="613"/>
      <c r="GYQ699" s="613"/>
      <c r="GYR699" s="613"/>
      <c r="GYS699" s="613"/>
      <c r="GYT699" s="613"/>
      <c r="GYU699" s="613"/>
      <c r="GYV699" s="613"/>
      <c r="GYW699" s="613"/>
      <c r="GYX699" s="613"/>
      <c r="GYY699" s="613"/>
      <c r="GYZ699" s="613"/>
      <c r="GZA699" s="613"/>
      <c r="GZB699" s="613"/>
      <c r="GZC699" s="613"/>
      <c r="GZD699" s="613"/>
      <c r="GZE699" s="613"/>
      <c r="GZF699" s="613"/>
      <c r="GZG699" s="613"/>
      <c r="GZH699" s="613"/>
      <c r="GZI699" s="613"/>
      <c r="GZJ699" s="613"/>
      <c r="GZK699" s="613"/>
      <c r="GZL699" s="613"/>
      <c r="GZM699" s="613"/>
      <c r="GZN699" s="613"/>
      <c r="GZO699" s="613"/>
      <c r="GZP699" s="613"/>
      <c r="GZQ699" s="613"/>
      <c r="GZR699" s="613"/>
      <c r="GZS699" s="613"/>
      <c r="GZT699" s="613"/>
      <c r="GZU699" s="613"/>
      <c r="GZV699" s="613"/>
      <c r="GZW699" s="613"/>
      <c r="GZX699" s="613"/>
      <c r="GZY699" s="613"/>
      <c r="GZZ699" s="613"/>
      <c r="HAA699" s="613"/>
      <c r="HAB699" s="613"/>
      <c r="HAC699" s="613"/>
      <c r="HAD699" s="613"/>
      <c r="HAE699" s="613"/>
      <c r="HAF699" s="613"/>
      <c r="HAG699" s="613"/>
      <c r="HAH699" s="613"/>
      <c r="HAI699" s="613"/>
      <c r="HAJ699" s="613"/>
      <c r="HAK699" s="613"/>
      <c r="HAL699" s="613"/>
      <c r="HAM699" s="613"/>
      <c r="HAN699" s="613"/>
      <c r="HAO699" s="613"/>
      <c r="HAP699" s="613"/>
      <c r="HAQ699" s="613"/>
      <c r="HAR699" s="613"/>
      <c r="HAS699" s="613"/>
      <c r="HAT699" s="613"/>
      <c r="HAU699" s="613"/>
      <c r="HAV699" s="613"/>
      <c r="HAW699" s="613"/>
      <c r="HAX699" s="613"/>
      <c r="HAY699" s="613"/>
      <c r="HAZ699" s="613"/>
      <c r="HBA699" s="613"/>
      <c r="HBB699" s="613"/>
      <c r="HBC699" s="613"/>
      <c r="HBD699" s="613"/>
      <c r="HBE699" s="613"/>
      <c r="HBF699" s="613"/>
      <c r="HBG699" s="613"/>
      <c r="HBH699" s="613"/>
      <c r="HBI699" s="613"/>
      <c r="HBJ699" s="613"/>
      <c r="HBK699" s="613"/>
      <c r="HBL699" s="613"/>
      <c r="HBM699" s="613"/>
      <c r="HBN699" s="613"/>
      <c r="HBO699" s="613"/>
      <c r="HBP699" s="613"/>
      <c r="HBQ699" s="613"/>
      <c r="HBR699" s="613"/>
      <c r="HBS699" s="613"/>
      <c r="HBT699" s="613"/>
      <c r="HBU699" s="613"/>
      <c r="HBV699" s="613"/>
      <c r="HBW699" s="613"/>
      <c r="HBX699" s="613"/>
      <c r="HBY699" s="613"/>
      <c r="HBZ699" s="613"/>
      <c r="HCA699" s="613"/>
      <c r="HCB699" s="613"/>
      <c r="HCC699" s="613"/>
      <c r="HCD699" s="613"/>
      <c r="HCE699" s="613"/>
      <c r="HCF699" s="613"/>
      <c r="HCG699" s="613"/>
      <c r="HCH699" s="613"/>
      <c r="HCI699" s="613"/>
      <c r="HCJ699" s="613"/>
      <c r="HCK699" s="613"/>
      <c r="HCL699" s="613"/>
      <c r="HCM699" s="613"/>
      <c r="HCN699" s="613"/>
      <c r="HCO699" s="613"/>
      <c r="HCP699" s="613"/>
      <c r="HCQ699" s="613"/>
      <c r="HCR699" s="613"/>
      <c r="HCS699" s="613"/>
      <c r="HCT699" s="613"/>
      <c r="HCU699" s="613"/>
      <c r="HCV699" s="613"/>
      <c r="HCW699" s="613"/>
      <c r="HCX699" s="613"/>
      <c r="HCY699" s="613"/>
      <c r="HCZ699" s="613"/>
      <c r="HDA699" s="613"/>
      <c r="HDB699" s="613"/>
      <c r="HDC699" s="613"/>
      <c r="HDD699" s="613"/>
      <c r="HDE699" s="613"/>
      <c r="HDF699" s="613"/>
      <c r="HDG699" s="613"/>
      <c r="HDH699" s="613"/>
      <c r="HDI699" s="613"/>
      <c r="HDJ699" s="613"/>
      <c r="HDK699" s="613"/>
      <c r="HDL699" s="613"/>
      <c r="HDM699" s="613"/>
      <c r="HDN699" s="613"/>
      <c r="HDO699" s="613"/>
      <c r="HDP699" s="613"/>
      <c r="HDQ699" s="613"/>
      <c r="HDR699" s="613"/>
      <c r="HDS699" s="613"/>
      <c r="HDT699" s="613"/>
      <c r="HDU699" s="613"/>
      <c r="HDV699" s="613"/>
      <c r="HDW699" s="613"/>
      <c r="HDX699" s="613"/>
      <c r="HDY699" s="613"/>
      <c r="HDZ699" s="613"/>
      <c r="HEA699" s="613"/>
      <c r="HEB699" s="613"/>
      <c r="HEC699" s="613"/>
      <c r="HED699" s="613"/>
      <c r="HEE699" s="613"/>
      <c r="HEF699" s="613"/>
      <c r="HEG699" s="613"/>
      <c r="HEH699" s="613"/>
      <c r="HEI699" s="613"/>
      <c r="HEJ699" s="613"/>
      <c r="HEK699" s="613"/>
      <c r="HEL699" s="613"/>
      <c r="HEM699" s="613"/>
      <c r="HEN699" s="613"/>
      <c r="HEO699" s="613"/>
      <c r="HEP699" s="613"/>
      <c r="HEQ699" s="613"/>
      <c r="HER699" s="613"/>
      <c r="HES699" s="613"/>
      <c r="HET699" s="613"/>
      <c r="HEU699" s="613"/>
      <c r="HEV699" s="613"/>
      <c r="HEW699" s="613"/>
      <c r="HEX699" s="613"/>
      <c r="HEY699" s="613"/>
      <c r="HEZ699" s="613"/>
      <c r="HFA699" s="613"/>
      <c r="HFB699" s="613"/>
      <c r="HFC699" s="613"/>
      <c r="HFD699" s="613"/>
      <c r="HFE699" s="613"/>
      <c r="HFF699" s="613"/>
      <c r="HFG699" s="613"/>
      <c r="HFH699" s="613"/>
      <c r="HFI699" s="613"/>
      <c r="HFJ699" s="613"/>
      <c r="HFK699" s="613"/>
      <c r="HFL699" s="613"/>
      <c r="HFM699" s="613"/>
      <c r="HFN699" s="613"/>
      <c r="HFO699" s="613"/>
      <c r="HFP699" s="613"/>
      <c r="HFQ699" s="613"/>
      <c r="HFR699" s="613"/>
      <c r="HFS699" s="613"/>
      <c r="HFT699" s="613"/>
      <c r="HFU699" s="613"/>
      <c r="HFV699" s="613"/>
      <c r="HFW699" s="613"/>
      <c r="HFX699" s="613"/>
      <c r="HFY699" s="613"/>
      <c r="HFZ699" s="613"/>
      <c r="HGA699" s="613"/>
      <c r="HGB699" s="613"/>
      <c r="HGC699" s="613"/>
      <c r="HGD699" s="613"/>
      <c r="HGE699" s="613"/>
      <c r="HGF699" s="613"/>
      <c r="HGG699" s="613"/>
      <c r="HGH699" s="613"/>
      <c r="HGI699" s="613"/>
      <c r="HGJ699" s="613"/>
      <c r="HGK699" s="613"/>
      <c r="HGL699" s="613"/>
      <c r="HGM699" s="613"/>
      <c r="HGN699" s="613"/>
      <c r="HGO699" s="613"/>
      <c r="HGP699" s="613"/>
      <c r="HGQ699" s="613"/>
      <c r="HGR699" s="613"/>
      <c r="HGS699" s="613"/>
      <c r="HGT699" s="613"/>
      <c r="HGU699" s="613"/>
      <c r="HGV699" s="613"/>
      <c r="HGW699" s="613"/>
      <c r="HGX699" s="613"/>
      <c r="HGY699" s="613"/>
      <c r="HGZ699" s="613"/>
      <c r="HHA699" s="613"/>
      <c r="HHB699" s="613"/>
      <c r="HHC699" s="613"/>
      <c r="HHD699" s="613"/>
      <c r="HHE699" s="613"/>
      <c r="HHF699" s="613"/>
      <c r="HHG699" s="613"/>
      <c r="HHH699" s="613"/>
      <c r="HHI699" s="613"/>
      <c r="HHJ699" s="613"/>
      <c r="HHK699" s="613"/>
      <c r="HHL699" s="613"/>
      <c r="HHM699" s="613"/>
      <c r="HHN699" s="613"/>
      <c r="HHO699" s="613"/>
      <c r="HHP699" s="613"/>
      <c r="HHQ699" s="613"/>
      <c r="HHR699" s="613"/>
      <c r="HHS699" s="613"/>
      <c r="HHT699" s="613"/>
      <c r="HHU699" s="613"/>
      <c r="HHV699" s="613"/>
      <c r="HHW699" s="613"/>
      <c r="HHX699" s="613"/>
      <c r="HHY699" s="613"/>
      <c r="HHZ699" s="613"/>
      <c r="HIA699" s="613"/>
      <c r="HIB699" s="613"/>
      <c r="HIC699" s="613"/>
      <c r="HID699" s="613"/>
      <c r="HIE699" s="613"/>
      <c r="HIF699" s="613"/>
      <c r="HIG699" s="613"/>
      <c r="HIH699" s="613"/>
      <c r="HII699" s="613"/>
      <c r="HIJ699" s="613"/>
      <c r="HIK699" s="613"/>
      <c r="HIL699" s="613"/>
      <c r="HIM699" s="613"/>
      <c r="HIN699" s="613"/>
      <c r="HIO699" s="613"/>
      <c r="HIP699" s="613"/>
      <c r="HIQ699" s="613"/>
      <c r="HIR699" s="613"/>
      <c r="HIS699" s="613"/>
      <c r="HIT699" s="613"/>
      <c r="HIU699" s="613"/>
      <c r="HIV699" s="613"/>
      <c r="HIW699" s="613"/>
      <c r="HIX699" s="613"/>
      <c r="HIY699" s="613"/>
      <c r="HIZ699" s="613"/>
      <c r="HJA699" s="613"/>
      <c r="HJB699" s="613"/>
      <c r="HJC699" s="613"/>
      <c r="HJD699" s="613"/>
      <c r="HJE699" s="613"/>
      <c r="HJF699" s="613"/>
      <c r="HJG699" s="613"/>
      <c r="HJH699" s="613"/>
      <c r="HJI699" s="613"/>
      <c r="HJJ699" s="613"/>
      <c r="HJK699" s="613"/>
      <c r="HJL699" s="613"/>
      <c r="HJM699" s="613"/>
      <c r="HJN699" s="613"/>
      <c r="HJO699" s="613"/>
      <c r="HJP699" s="613"/>
      <c r="HJQ699" s="613"/>
      <c r="HJR699" s="613"/>
      <c r="HJS699" s="613"/>
      <c r="HJT699" s="613"/>
      <c r="HJU699" s="613"/>
      <c r="HJV699" s="613"/>
      <c r="HJW699" s="613"/>
      <c r="HJX699" s="613"/>
      <c r="HJY699" s="613"/>
      <c r="HJZ699" s="613"/>
      <c r="HKA699" s="613"/>
      <c r="HKB699" s="613"/>
      <c r="HKC699" s="613"/>
      <c r="HKD699" s="613"/>
      <c r="HKE699" s="613"/>
      <c r="HKF699" s="613"/>
      <c r="HKG699" s="613"/>
      <c r="HKH699" s="613"/>
      <c r="HKI699" s="613"/>
      <c r="HKJ699" s="613"/>
      <c r="HKK699" s="613"/>
      <c r="HKL699" s="613"/>
      <c r="HKM699" s="613"/>
      <c r="HKN699" s="613"/>
      <c r="HKO699" s="613"/>
      <c r="HKP699" s="613"/>
      <c r="HKQ699" s="613"/>
      <c r="HKR699" s="613"/>
      <c r="HKS699" s="613"/>
      <c r="HKT699" s="613"/>
      <c r="HKU699" s="613"/>
      <c r="HKV699" s="613"/>
      <c r="HKW699" s="613"/>
      <c r="HKX699" s="613"/>
      <c r="HKY699" s="613"/>
      <c r="HKZ699" s="613"/>
      <c r="HLA699" s="613"/>
      <c r="HLB699" s="613"/>
      <c r="HLC699" s="613"/>
      <c r="HLD699" s="613"/>
      <c r="HLE699" s="613"/>
      <c r="HLF699" s="613"/>
      <c r="HLG699" s="613"/>
      <c r="HLH699" s="613"/>
      <c r="HLI699" s="613"/>
      <c r="HLJ699" s="613"/>
      <c r="HLK699" s="613"/>
      <c r="HLL699" s="613"/>
      <c r="HLM699" s="613"/>
      <c r="HLN699" s="613"/>
      <c r="HLO699" s="613"/>
      <c r="HLP699" s="613"/>
      <c r="HLQ699" s="613"/>
      <c r="HLR699" s="613"/>
      <c r="HLS699" s="613"/>
      <c r="HLT699" s="613"/>
      <c r="HLU699" s="613"/>
      <c r="HLV699" s="613"/>
      <c r="HLW699" s="613"/>
      <c r="HLX699" s="613"/>
      <c r="HLY699" s="613"/>
      <c r="HLZ699" s="613"/>
      <c r="HMA699" s="613"/>
      <c r="HMB699" s="613"/>
      <c r="HMC699" s="613"/>
      <c r="HMD699" s="613"/>
      <c r="HME699" s="613"/>
      <c r="HMF699" s="613"/>
      <c r="HMG699" s="613"/>
      <c r="HMH699" s="613"/>
      <c r="HMI699" s="613"/>
      <c r="HMJ699" s="613"/>
      <c r="HMK699" s="613"/>
      <c r="HML699" s="613"/>
      <c r="HMM699" s="613"/>
      <c r="HMN699" s="613"/>
      <c r="HMO699" s="613"/>
      <c r="HMP699" s="613"/>
      <c r="HMQ699" s="613"/>
      <c r="HMR699" s="613"/>
      <c r="HMS699" s="613"/>
      <c r="HMT699" s="613"/>
      <c r="HMU699" s="613"/>
      <c r="HMV699" s="613"/>
      <c r="HMW699" s="613"/>
      <c r="HMX699" s="613"/>
      <c r="HMY699" s="613"/>
      <c r="HMZ699" s="613"/>
      <c r="HNA699" s="613"/>
      <c r="HNB699" s="613"/>
      <c r="HNC699" s="613"/>
      <c r="HND699" s="613"/>
      <c r="HNE699" s="613"/>
      <c r="HNF699" s="613"/>
      <c r="HNG699" s="613"/>
      <c r="HNH699" s="613"/>
      <c r="HNI699" s="613"/>
      <c r="HNJ699" s="613"/>
      <c r="HNK699" s="613"/>
      <c r="HNL699" s="613"/>
      <c r="HNM699" s="613"/>
      <c r="HNN699" s="613"/>
      <c r="HNO699" s="613"/>
      <c r="HNP699" s="613"/>
      <c r="HNQ699" s="613"/>
      <c r="HNR699" s="613"/>
      <c r="HNS699" s="613"/>
      <c r="HNT699" s="613"/>
      <c r="HNU699" s="613"/>
      <c r="HNV699" s="613"/>
      <c r="HNW699" s="613"/>
      <c r="HNX699" s="613"/>
      <c r="HNY699" s="613"/>
      <c r="HNZ699" s="613"/>
      <c r="HOA699" s="613"/>
      <c r="HOB699" s="613"/>
      <c r="HOC699" s="613"/>
      <c r="HOD699" s="613"/>
      <c r="HOE699" s="613"/>
      <c r="HOF699" s="613"/>
      <c r="HOG699" s="613"/>
      <c r="HOH699" s="613"/>
      <c r="HOI699" s="613"/>
      <c r="HOJ699" s="613"/>
      <c r="HOK699" s="613"/>
      <c r="HOL699" s="613"/>
      <c r="HOM699" s="613"/>
      <c r="HON699" s="613"/>
      <c r="HOO699" s="613"/>
      <c r="HOP699" s="613"/>
      <c r="HOQ699" s="613"/>
      <c r="HOR699" s="613"/>
      <c r="HOS699" s="613"/>
      <c r="HOT699" s="613"/>
      <c r="HOU699" s="613"/>
      <c r="HOV699" s="613"/>
      <c r="HOW699" s="613"/>
      <c r="HOX699" s="613"/>
      <c r="HOY699" s="613"/>
      <c r="HOZ699" s="613"/>
      <c r="HPA699" s="613"/>
      <c r="HPB699" s="613"/>
      <c r="HPC699" s="613"/>
      <c r="HPD699" s="613"/>
      <c r="HPE699" s="613"/>
      <c r="HPF699" s="613"/>
      <c r="HPG699" s="613"/>
      <c r="HPH699" s="613"/>
      <c r="HPI699" s="613"/>
      <c r="HPJ699" s="613"/>
      <c r="HPK699" s="613"/>
      <c r="HPL699" s="613"/>
      <c r="HPM699" s="613"/>
      <c r="HPN699" s="613"/>
      <c r="HPO699" s="613"/>
      <c r="HPP699" s="613"/>
      <c r="HPQ699" s="613"/>
      <c r="HPR699" s="613"/>
      <c r="HPS699" s="613"/>
      <c r="HPT699" s="613"/>
      <c r="HPU699" s="613"/>
      <c r="HPV699" s="613"/>
      <c r="HPW699" s="613"/>
      <c r="HPX699" s="613"/>
      <c r="HPY699" s="613"/>
      <c r="HPZ699" s="613"/>
      <c r="HQA699" s="613"/>
      <c r="HQB699" s="613"/>
      <c r="HQC699" s="613"/>
      <c r="HQD699" s="613"/>
      <c r="HQE699" s="613"/>
      <c r="HQF699" s="613"/>
      <c r="HQG699" s="613"/>
      <c r="HQH699" s="613"/>
      <c r="HQI699" s="613"/>
      <c r="HQJ699" s="613"/>
      <c r="HQK699" s="613"/>
      <c r="HQL699" s="613"/>
      <c r="HQM699" s="613"/>
      <c r="HQN699" s="613"/>
      <c r="HQO699" s="613"/>
      <c r="HQP699" s="613"/>
      <c r="HQQ699" s="613"/>
      <c r="HQR699" s="613"/>
      <c r="HQS699" s="613"/>
      <c r="HQT699" s="613"/>
      <c r="HQU699" s="613"/>
      <c r="HQV699" s="613"/>
      <c r="HQW699" s="613"/>
      <c r="HQX699" s="613"/>
      <c r="HQY699" s="613"/>
      <c r="HQZ699" s="613"/>
      <c r="HRA699" s="613"/>
      <c r="HRB699" s="613"/>
      <c r="HRC699" s="613"/>
      <c r="HRD699" s="613"/>
      <c r="HRE699" s="613"/>
      <c r="HRF699" s="613"/>
      <c r="HRG699" s="613"/>
      <c r="HRH699" s="613"/>
      <c r="HRI699" s="613"/>
      <c r="HRJ699" s="613"/>
      <c r="HRK699" s="613"/>
      <c r="HRL699" s="613"/>
      <c r="HRM699" s="613"/>
      <c r="HRN699" s="613"/>
      <c r="HRO699" s="613"/>
      <c r="HRP699" s="613"/>
      <c r="HRQ699" s="613"/>
      <c r="HRR699" s="613"/>
      <c r="HRS699" s="613"/>
      <c r="HRT699" s="613"/>
      <c r="HRU699" s="613"/>
      <c r="HRV699" s="613"/>
      <c r="HRW699" s="613"/>
      <c r="HRX699" s="613"/>
      <c r="HRY699" s="613"/>
      <c r="HRZ699" s="613"/>
      <c r="HSA699" s="613"/>
      <c r="HSB699" s="613"/>
      <c r="HSC699" s="613"/>
      <c r="HSD699" s="613"/>
      <c r="HSE699" s="613"/>
      <c r="HSF699" s="613"/>
      <c r="HSG699" s="613"/>
      <c r="HSH699" s="613"/>
      <c r="HSI699" s="613"/>
      <c r="HSJ699" s="613"/>
      <c r="HSK699" s="613"/>
      <c r="HSL699" s="613"/>
      <c r="HSM699" s="613"/>
      <c r="HSN699" s="613"/>
      <c r="HSO699" s="613"/>
      <c r="HSP699" s="613"/>
      <c r="HSQ699" s="613"/>
      <c r="HSR699" s="613"/>
      <c r="HSS699" s="613"/>
      <c r="HST699" s="613"/>
      <c r="HSU699" s="613"/>
      <c r="HSV699" s="613"/>
      <c r="HSW699" s="613"/>
      <c r="HSX699" s="613"/>
      <c r="HSY699" s="613"/>
      <c r="HSZ699" s="613"/>
      <c r="HTA699" s="613"/>
      <c r="HTB699" s="613"/>
      <c r="HTC699" s="613"/>
      <c r="HTD699" s="613"/>
      <c r="HTE699" s="613"/>
      <c r="HTF699" s="613"/>
      <c r="HTG699" s="613"/>
      <c r="HTH699" s="613"/>
      <c r="HTI699" s="613"/>
      <c r="HTJ699" s="613"/>
      <c r="HTK699" s="613"/>
      <c r="HTL699" s="613"/>
      <c r="HTM699" s="613"/>
      <c r="HTN699" s="613"/>
      <c r="HTO699" s="613"/>
      <c r="HTP699" s="613"/>
      <c r="HTQ699" s="613"/>
      <c r="HTR699" s="613"/>
      <c r="HTS699" s="613"/>
      <c r="HTT699" s="613"/>
      <c r="HTU699" s="613"/>
      <c r="HTV699" s="613"/>
      <c r="HTW699" s="613"/>
      <c r="HTX699" s="613"/>
      <c r="HTY699" s="613"/>
      <c r="HTZ699" s="613"/>
      <c r="HUA699" s="613"/>
      <c r="HUB699" s="613"/>
      <c r="HUC699" s="613"/>
      <c r="HUD699" s="613"/>
      <c r="HUE699" s="613"/>
      <c r="HUF699" s="613"/>
      <c r="HUG699" s="613"/>
      <c r="HUH699" s="613"/>
      <c r="HUI699" s="613"/>
      <c r="HUJ699" s="613"/>
      <c r="HUK699" s="613"/>
      <c r="HUL699" s="613"/>
      <c r="HUM699" s="613"/>
      <c r="HUN699" s="613"/>
      <c r="HUO699" s="613"/>
      <c r="HUP699" s="613"/>
      <c r="HUQ699" s="613"/>
      <c r="HUR699" s="613"/>
      <c r="HUS699" s="613"/>
      <c r="HUT699" s="613"/>
      <c r="HUU699" s="613"/>
      <c r="HUV699" s="613"/>
      <c r="HUW699" s="613"/>
      <c r="HUX699" s="613"/>
      <c r="HUY699" s="613"/>
      <c r="HUZ699" s="613"/>
      <c r="HVA699" s="613"/>
      <c r="HVB699" s="613"/>
      <c r="HVC699" s="613"/>
      <c r="HVD699" s="613"/>
      <c r="HVE699" s="613"/>
      <c r="HVF699" s="613"/>
      <c r="HVG699" s="613"/>
      <c r="HVH699" s="613"/>
      <c r="HVI699" s="613"/>
      <c r="HVJ699" s="613"/>
      <c r="HVK699" s="613"/>
      <c r="HVL699" s="613"/>
      <c r="HVM699" s="613"/>
      <c r="HVN699" s="613"/>
      <c r="HVO699" s="613"/>
      <c r="HVP699" s="613"/>
      <c r="HVQ699" s="613"/>
      <c r="HVR699" s="613"/>
      <c r="HVS699" s="613"/>
      <c r="HVT699" s="613"/>
      <c r="HVU699" s="613"/>
      <c r="HVV699" s="613"/>
      <c r="HVW699" s="613"/>
      <c r="HVX699" s="613"/>
      <c r="HVY699" s="613"/>
      <c r="HVZ699" s="613"/>
      <c r="HWA699" s="613"/>
      <c r="HWB699" s="613"/>
      <c r="HWC699" s="613"/>
      <c r="HWD699" s="613"/>
      <c r="HWE699" s="613"/>
      <c r="HWF699" s="613"/>
      <c r="HWG699" s="613"/>
      <c r="HWH699" s="613"/>
      <c r="HWI699" s="613"/>
      <c r="HWJ699" s="613"/>
      <c r="HWK699" s="613"/>
      <c r="HWL699" s="613"/>
      <c r="HWM699" s="613"/>
      <c r="HWN699" s="613"/>
      <c r="HWO699" s="613"/>
      <c r="HWP699" s="613"/>
      <c r="HWQ699" s="613"/>
      <c r="HWR699" s="613"/>
      <c r="HWS699" s="613"/>
      <c r="HWT699" s="613"/>
      <c r="HWU699" s="613"/>
      <c r="HWV699" s="613"/>
      <c r="HWW699" s="613"/>
      <c r="HWX699" s="613"/>
      <c r="HWY699" s="613"/>
      <c r="HWZ699" s="613"/>
      <c r="HXA699" s="613"/>
      <c r="HXB699" s="613"/>
      <c r="HXC699" s="613"/>
      <c r="HXD699" s="613"/>
      <c r="HXE699" s="613"/>
      <c r="HXF699" s="613"/>
      <c r="HXG699" s="613"/>
      <c r="HXH699" s="613"/>
      <c r="HXI699" s="613"/>
      <c r="HXJ699" s="613"/>
      <c r="HXK699" s="613"/>
      <c r="HXL699" s="613"/>
      <c r="HXM699" s="613"/>
      <c r="HXN699" s="613"/>
      <c r="HXO699" s="613"/>
      <c r="HXP699" s="613"/>
      <c r="HXQ699" s="613"/>
      <c r="HXR699" s="613"/>
      <c r="HXS699" s="613"/>
      <c r="HXT699" s="613"/>
      <c r="HXU699" s="613"/>
      <c r="HXV699" s="613"/>
      <c r="HXW699" s="613"/>
      <c r="HXX699" s="613"/>
      <c r="HXY699" s="613"/>
      <c r="HXZ699" s="613"/>
      <c r="HYA699" s="613"/>
      <c r="HYB699" s="613"/>
      <c r="HYC699" s="613"/>
      <c r="HYD699" s="613"/>
      <c r="HYE699" s="613"/>
      <c r="HYF699" s="613"/>
      <c r="HYG699" s="613"/>
      <c r="HYH699" s="613"/>
      <c r="HYI699" s="613"/>
      <c r="HYJ699" s="613"/>
      <c r="HYK699" s="613"/>
      <c r="HYL699" s="613"/>
      <c r="HYM699" s="613"/>
      <c r="HYN699" s="613"/>
      <c r="HYO699" s="613"/>
      <c r="HYP699" s="613"/>
      <c r="HYQ699" s="613"/>
      <c r="HYR699" s="613"/>
      <c r="HYS699" s="613"/>
      <c r="HYT699" s="613"/>
      <c r="HYU699" s="613"/>
      <c r="HYV699" s="613"/>
      <c r="HYW699" s="613"/>
      <c r="HYX699" s="613"/>
      <c r="HYY699" s="613"/>
      <c r="HYZ699" s="613"/>
      <c r="HZA699" s="613"/>
      <c r="HZB699" s="613"/>
      <c r="HZC699" s="613"/>
      <c r="HZD699" s="613"/>
      <c r="HZE699" s="613"/>
      <c r="HZF699" s="613"/>
      <c r="HZG699" s="613"/>
      <c r="HZH699" s="613"/>
      <c r="HZI699" s="613"/>
      <c r="HZJ699" s="613"/>
      <c r="HZK699" s="613"/>
      <c r="HZL699" s="613"/>
      <c r="HZM699" s="613"/>
      <c r="HZN699" s="613"/>
      <c r="HZO699" s="613"/>
      <c r="HZP699" s="613"/>
      <c r="HZQ699" s="613"/>
      <c r="HZR699" s="613"/>
      <c r="HZS699" s="613"/>
      <c r="HZT699" s="613"/>
      <c r="HZU699" s="613"/>
      <c r="HZV699" s="613"/>
      <c r="HZW699" s="613"/>
      <c r="HZX699" s="613"/>
      <c r="HZY699" s="613"/>
      <c r="HZZ699" s="613"/>
      <c r="IAA699" s="613"/>
      <c r="IAB699" s="613"/>
      <c r="IAC699" s="613"/>
      <c r="IAD699" s="613"/>
      <c r="IAE699" s="613"/>
      <c r="IAF699" s="613"/>
      <c r="IAG699" s="613"/>
      <c r="IAH699" s="613"/>
      <c r="IAI699" s="613"/>
      <c r="IAJ699" s="613"/>
      <c r="IAK699" s="613"/>
      <c r="IAL699" s="613"/>
      <c r="IAM699" s="613"/>
      <c r="IAN699" s="613"/>
      <c r="IAO699" s="613"/>
      <c r="IAP699" s="613"/>
      <c r="IAQ699" s="613"/>
      <c r="IAR699" s="613"/>
      <c r="IAS699" s="613"/>
      <c r="IAT699" s="613"/>
      <c r="IAU699" s="613"/>
      <c r="IAV699" s="613"/>
      <c r="IAW699" s="613"/>
      <c r="IAX699" s="613"/>
      <c r="IAY699" s="613"/>
      <c r="IAZ699" s="613"/>
      <c r="IBA699" s="613"/>
      <c r="IBB699" s="613"/>
      <c r="IBC699" s="613"/>
      <c r="IBD699" s="613"/>
      <c r="IBE699" s="613"/>
      <c r="IBF699" s="613"/>
      <c r="IBG699" s="613"/>
      <c r="IBH699" s="613"/>
      <c r="IBI699" s="613"/>
      <c r="IBJ699" s="613"/>
      <c r="IBK699" s="613"/>
      <c r="IBL699" s="613"/>
      <c r="IBM699" s="613"/>
      <c r="IBN699" s="613"/>
      <c r="IBO699" s="613"/>
      <c r="IBP699" s="613"/>
      <c r="IBQ699" s="613"/>
      <c r="IBR699" s="613"/>
      <c r="IBS699" s="613"/>
      <c r="IBT699" s="613"/>
      <c r="IBU699" s="613"/>
      <c r="IBV699" s="613"/>
      <c r="IBW699" s="613"/>
      <c r="IBX699" s="613"/>
      <c r="IBY699" s="613"/>
      <c r="IBZ699" s="613"/>
      <c r="ICA699" s="613"/>
      <c r="ICB699" s="613"/>
      <c r="ICC699" s="613"/>
      <c r="ICD699" s="613"/>
      <c r="ICE699" s="613"/>
      <c r="ICF699" s="613"/>
      <c r="ICG699" s="613"/>
      <c r="ICH699" s="613"/>
      <c r="ICI699" s="613"/>
      <c r="ICJ699" s="613"/>
      <c r="ICK699" s="613"/>
      <c r="ICL699" s="613"/>
      <c r="ICM699" s="613"/>
      <c r="ICN699" s="613"/>
      <c r="ICO699" s="613"/>
      <c r="ICP699" s="613"/>
      <c r="ICQ699" s="613"/>
      <c r="ICR699" s="613"/>
      <c r="ICS699" s="613"/>
      <c r="ICT699" s="613"/>
      <c r="ICU699" s="613"/>
      <c r="ICV699" s="613"/>
      <c r="ICW699" s="613"/>
      <c r="ICX699" s="613"/>
      <c r="ICY699" s="613"/>
      <c r="ICZ699" s="613"/>
      <c r="IDA699" s="613"/>
      <c r="IDB699" s="613"/>
      <c r="IDC699" s="613"/>
      <c r="IDD699" s="613"/>
      <c r="IDE699" s="613"/>
      <c r="IDF699" s="613"/>
      <c r="IDG699" s="613"/>
      <c r="IDH699" s="613"/>
      <c r="IDI699" s="613"/>
      <c r="IDJ699" s="613"/>
      <c r="IDK699" s="613"/>
      <c r="IDL699" s="613"/>
      <c r="IDM699" s="613"/>
      <c r="IDN699" s="613"/>
      <c r="IDO699" s="613"/>
      <c r="IDP699" s="613"/>
      <c r="IDQ699" s="613"/>
      <c r="IDR699" s="613"/>
      <c r="IDS699" s="613"/>
      <c r="IDT699" s="613"/>
      <c r="IDU699" s="613"/>
      <c r="IDV699" s="613"/>
      <c r="IDW699" s="613"/>
      <c r="IDX699" s="613"/>
      <c r="IDY699" s="613"/>
      <c r="IDZ699" s="613"/>
      <c r="IEA699" s="613"/>
      <c r="IEB699" s="613"/>
      <c r="IEC699" s="613"/>
      <c r="IED699" s="613"/>
      <c r="IEE699" s="613"/>
      <c r="IEF699" s="613"/>
      <c r="IEG699" s="613"/>
      <c r="IEH699" s="613"/>
      <c r="IEI699" s="613"/>
      <c r="IEJ699" s="613"/>
      <c r="IEK699" s="613"/>
      <c r="IEL699" s="613"/>
      <c r="IEM699" s="613"/>
      <c r="IEN699" s="613"/>
      <c r="IEO699" s="613"/>
      <c r="IEP699" s="613"/>
      <c r="IEQ699" s="613"/>
      <c r="IER699" s="613"/>
      <c r="IES699" s="613"/>
      <c r="IET699" s="613"/>
      <c r="IEU699" s="613"/>
      <c r="IEV699" s="613"/>
      <c r="IEW699" s="613"/>
      <c r="IEX699" s="613"/>
      <c r="IEY699" s="613"/>
      <c r="IEZ699" s="613"/>
      <c r="IFA699" s="613"/>
      <c r="IFB699" s="613"/>
      <c r="IFC699" s="613"/>
      <c r="IFD699" s="613"/>
      <c r="IFE699" s="613"/>
      <c r="IFF699" s="613"/>
      <c r="IFG699" s="613"/>
      <c r="IFH699" s="613"/>
      <c r="IFI699" s="613"/>
      <c r="IFJ699" s="613"/>
      <c r="IFK699" s="613"/>
      <c r="IFL699" s="613"/>
      <c r="IFM699" s="613"/>
      <c r="IFN699" s="613"/>
      <c r="IFO699" s="613"/>
      <c r="IFP699" s="613"/>
      <c r="IFQ699" s="613"/>
      <c r="IFR699" s="613"/>
      <c r="IFS699" s="613"/>
      <c r="IFT699" s="613"/>
      <c r="IFU699" s="613"/>
      <c r="IFV699" s="613"/>
      <c r="IFW699" s="613"/>
      <c r="IFX699" s="613"/>
      <c r="IFY699" s="613"/>
      <c r="IFZ699" s="613"/>
      <c r="IGA699" s="613"/>
      <c r="IGB699" s="613"/>
      <c r="IGC699" s="613"/>
      <c r="IGD699" s="613"/>
      <c r="IGE699" s="613"/>
      <c r="IGF699" s="613"/>
      <c r="IGG699" s="613"/>
      <c r="IGH699" s="613"/>
      <c r="IGI699" s="613"/>
      <c r="IGJ699" s="613"/>
      <c r="IGK699" s="613"/>
      <c r="IGL699" s="613"/>
      <c r="IGM699" s="613"/>
      <c r="IGN699" s="613"/>
      <c r="IGO699" s="613"/>
      <c r="IGP699" s="613"/>
      <c r="IGQ699" s="613"/>
      <c r="IGR699" s="613"/>
      <c r="IGS699" s="613"/>
      <c r="IGT699" s="613"/>
      <c r="IGU699" s="613"/>
      <c r="IGV699" s="613"/>
      <c r="IGW699" s="613"/>
      <c r="IGX699" s="613"/>
      <c r="IGY699" s="613"/>
      <c r="IGZ699" s="613"/>
      <c r="IHA699" s="613"/>
      <c r="IHB699" s="613"/>
      <c r="IHC699" s="613"/>
      <c r="IHD699" s="613"/>
      <c r="IHE699" s="613"/>
      <c r="IHF699" s="613"/>
      <c r="IHG699" s="613"/>
      <c r="IHH699" s="613"/>
      <c r="IHI699" s="613"/>
      <c r="IHJ699" s="613"/>
      <c r="IHK699" s="613"/>
      <c r="IHL699" s="613"/>
      <c r="IHM699" s="613"/>
      <c r="IHN699" s="613"/>
      <c r="IHO699" s="613"/>
      <c r="IHP699" s="613"/>
      <c r="IHQ699" s="613"/>
      <c r="IHR699" s="613"/>
      <c r="IHS699" s="613"/>
      <c r="IHT699" s="613"/>
      <c r="IHU699" s="613"/>
      <c r="IHV699" s="613"/>
      <c r="IHW699" s="613"/>
      <c r="IHX699" s="613"/>
      <c r="IHY699" s="613"/>
      <c r="IHZ699" s="613"/>
      <c r="IIA699" s="613"/>
      <c r="IIB699" s="613"/>
      <c r="IIC699" s="613"/>
      <c r="IID699" s="613"/>
      <c r="IIE699" s="613"/>
      <c r="IIF699" s="613"/>
      <c r="IIG699" s="613"/>
      <c r="IIH699" s="613"/>
      <c r="III699" s="613"/>
      <c r="IIJ699" s="613"/>
      <c r="IIK699" s="613"/>
      <c r="IIL699" s="613"/>
      <c r="IIM699" s="613"/>
      <c r="IIN699" s="613"/>
      <c r="IIO699" s="613"/>
      <c r="IIP699" s="613"/>
      <c r="IIQ699" s="613"/>
      <c r="IIR699" s="613"/>
      <c r="IIS699" s="613"/>
      <c r="IIT699" s="613"/>
      <c r="IIU699" s="613"/>
      <c r="IIV699" s="613"/>
      <c r="IIW699" s="613"/>
      <c r="IIX699" s="613"/>
      <c r="IIY699" s="613"/>
      <c r="IIZ699" s="613"/>
      <c r="IJA699" s="613"/>
      <c r="IJB699" s="613"/>
      <c r="IJC699" s="613"/>
      <c r="IJD699" s="613"/>
      <c r="IJE699" s="613"/>
      <c r="IJF699" s="613"/>
      <c r="IJG699" s="613"/>
      <c r="IJH699" s="613"/>
      <c r="IJI699" s="613"/>
      <c r="IJJ699" s="613"/>
      <c r="IJK699" s="613"/>
      <c r="IJL699" s="613"/>
      <c r="IJM699" s="613"/>
      <c r="IJN699" s="613"/>
      <c r="IJO699" s="613"/>
      <c r="IJP699" s="613"/>
      <c r="IJQ699" s="613"/>
      <c r="IJR699" s="613"/>
      <c r="IJS699" s="613"/>
      <c r="IJT699" s="613"/>
      <c r="IJU699" s="613"/>
      <c r="IJV699" s="613"/>
      <c r="IJW699" s="613"/>
      <c r="IJX699" s="613"/>
      <c r="IJY699" s="613"/>
      <c r="IJZ699" s="613"/>
      <c r="IKA699" s="613"/>
      <c r="IKB699" s="613"/>
      <c r="IKC699" s="613"/>
      <c r="IKD699" s="613"/>
      <c r="IKE699" s="613"/>
      <c r="IKF699" s="613"/>
      <c r="IKG699" s="613"/>
      <c r="IKH699" s="613"/>
      <c r="IKI699" s="613"/>
      <c r="IKJ699" s="613"/>
      <c r="IKK699" s="613"/>
      <c r="IKL699" s="613"/>
      <c r="IKM699" s="613"/>
      <c r="IKN699" s="613"/>
      <c r="IKO699" s="613"/>
      <c r="IKP699" s="613"/>
      <c r="IKQ699" s="613"/>
      <c r="IKR699" s="613"/>
      <c r="IKS699" s="613"/>
      <c r="IKT699" s="613"/>
      <c r="IKU699" s="613"/>
      <c r="IKV699" s="613"/>
      <c r="IKW699" s="613"/>
      <c r="IKX699" s="613"/>
      <c r="IKY699" s="613"/>
      <c r="IKZ699" s="613"/>
      <c r="ILA699" s="613"/>
      <c r="ILB699" s="613"/>
      <c r="ILC699" s="613"/>
      <c r="ILD699" s="613"/>
      <c r="ILE699" s="613"/>
      <c r="ILF699" s="613"/>
      <c r="ILG699" s="613"/>
      <c r="ILH699" s="613"/>
      <c r="ILI699" s="613"/>
      <c r="ILJ699" s="613"/>
      <c r="ILK699" s="613"/>
      <c r="ILL699" s="613"/>
      <c r="ILM699" s="613"/>
      <c r="ILN699" s="613"/>
      <c r="ILO699" s="613"/>
      <c r="ILP699" s="613"/>
      <c r="ILQ699" s="613"/>
      <c r="ILR699" s="613"/>
      <c r="ILS699" s="613"/>
      <c r="ILT699" s="613"/>
      <c r="ILU699" s="613"/>
      <c r="ILV699" s="613"/>
      <c r="ILW699" s="613"/>
      <c r="ILX699" s="613"/>
      <c r="ILY699" s="613"/>
      <c r="ILZ699" s="613"/>
      <c r="IMA699" s="613"/>
      <c r="IMB699" s="613"/>
      <c r="IMC699" s="613"/>
      <c r="IMD699" s="613"/>
      <c r="IME699" s="613"/>
      <c r="IMF699" s="613"/>
      <c r="IMG699" s="613"/>
      <c r="IMH699" s="613"/>
      <c r="IMI699" s="613"/>
      <c r="IMJ699" s="613"/>
      <c r="IMK699" s="613"/>
      <c r="IML699" s="613"/>
      <c r="IMM699" s="613"/>
      <c r="IMN699" s="613"/>
      <c r="IMO699" s="613"/>
      <c r="IMP699" s="613"/>
      <c r="IMQ699" s="613"/>
      <c r="IMR699" s="613"/>
      <c r="IMS699" s="613"/>
      <c r="IMT699" s="613"/>
      <c r="IMU699" s="613"/>
      <c r="IMV699" s="613"/>
      <c r="IMW699" s="613"/>
      <c r="IMX699" s="613"/>
      <c r="IMY699" s="613"/>
      <c r="IMZ699" s="613"/>
      <c r="INA699" s="613"/>
      <c r="INB699" s="613"/>
      <c r="INC699" s="613"/>
      <c r="IND699" s="613"/>
      <c r="INE699" s="613"/>
      <c r="INF699" s="613"/>
      <c r="ING699" s="613"/>
      <c r="INH699" s="613"/>
      <c r="INI699" s="613"/>
      <c r="INJ699" s="613"/>
      <c r="INK699" s="613"/>
      <c r="INL699" s="613"/>
      <c r="INM699" s="613"/>
      <c r="INN699" s="613"/>
      <c r="INO699" s="613"/>
      <c r="INP699" s="613"/>
      <c r="INQ699" s="613"/>
      <c r="INR699" s="613"/>
      <c r="INS699" s="613"/>
      <c r="INT699" s="613"/>
      <c r="INU699" s="613"/>
      <c r="INV699" s="613"/>
      <c r="INW699" s="613"/>
      <c r="INX699" s="613"/>
      <c r="INY699" s="613"/>
      <c r="INZ699" s="613"/>
      <c r="IOA699" s="613"/>
      <c r="IOB699" s="613"/>
      <c r="IOC699" s="613"/>
      <c r="IOD699" s="613"/>
      <c r="IOE699" s="613"/>
      <c r="IOF699" s="613"/>
      <c r="IOG699" s="613"/>
      <c r="IOH699" s="613"/>
      <c r="IOI699" s="613"/>
      <c r="IOJ699" s="613"/>
      <c r="IOK699" s="613"/>
      <c r="IOL699" s="613"/>
      <c r="IOM699" s="613"/>
      <c r="ION699" s="613"/>
      <c r="IOO699" s="613"/>
      <c r="IOP699" s="613"/>
      <c r="IOQ699" s="613"/>
      <c r="IOR699" s="613"/>
      <c r="IOS699" s="613"/>
      <c r="IOT699" s="613"/>
      <c r="IOU699" s="613"/>
      <c r="IOV699" s="613"/>
      <c r="IOW699" s="613"/>
      <c r="IOX699" s="613"/>
      <c r="IOY699" s="613"/>
      <c r="IOZ699" s="613"/>
      <c r="IPA699" s="613"/>
      <c r="IPB699" s="613"/>
      <c r="IPC699" s="613"/>
      <c r="IPD699" s="613"/>
      <c r="IPE699" s="613"/>
      <c r="IPF699" s="613"/>
      <c r="IPG699" s="613"/>
      <c r="IPH699" s="613"/>
      <c r="IPI699" s="613"/>
      <c r="IPJ699" s="613"/>
      <c r="IPK699" s="613"/>
      <c r="IPL699" s="613"/>
      <c r="IPM699" s="613"/>
      <c r="IPN699" s="613"/>
      <c r="IPO699" s="613"/>
      <c r="IPP699" s="613"/>
      <c r="IPQ699" s="613"/>
      <c r="IPR699" s="613"/>
      <c r="IPS699" s="613"/>
      <c r="IPT699" s="613"/>
      <c r="IPU699" s="613"/>
      <c r="IPV699" s="613"/>
      <c r="IPW699" s="613"/>
      <c r="IPX699" s="613"/>
      <c r="IPY699" s="613"/>
      <c r="IPZ699" s="613"/>
      <c r="IQA699" s="613"/>
      <c r="IQB699" s="613"/>
      <c r="IQC699" s="613"/>
      <c r="IQD699" s="613"/>
      <c r="IQE699" s="613"/>
      <c r="IQF699" s="613"/>
      <c r="IQG699" s="613"/>
      <c r="IQH699" s="613"/>
      <c r="IQI699" s="613"/>
      <c r="IQJ699" s="613"/>
      <c r="IQK699" s="613"/>
      <c r="IQL699" s="613"/>
      <c r="IQM699" s="613"/>
      <c r="IQN699" s="613"/>
      <c r="IQO699" s="613"/>
      <c r="IQP699" s="613"/>
      <c r="IQQ699" s="613"/>
      <c r="IQR699" s="613"/>
      <c r="IQS699" s="613"/>
      <c r="IQT699" s="613"/>
      <c r="IQU699" s="613"/>
      <c r="IQV699" s="613"/>
      <c r="IQW699" s="613"/>
      <c r="IQX699" s="613"/>
      <c r="IQY699" s="613"/>
      <c r="IQZ699" s="613"/>
      <c r="IRA699" s="613"/>
      <c r="IRB699" s="613"/>
      <c r="IRC699" s="613"/>
      <c r="IRD699" s="613"/>
      <c r="IRE699" s="613"/>
      <c r="IRF699" s="613"/>
      <c r="IRG699" s="613"/>
      <c r="IRH699" s="613"/>
      <c r="IRI699" s="613"/>
      <c r="IRJ699" s="613"/>
      <c r="IRK699" s="613"/>
      <c r="IRL699" s="613"/>
      <c r="IRM699" s="613"/>
      <c r="IRN699" s="613"/>
      <c r="IRO699" s="613"/>
      <c r="IRP699" s="613"/>
      <c r="IRQ699" s="613"/>
      <c r="IRR699" s="613"/>
      <c r="IRS699" s="613"/>
      <c r="IRT699" s="613"/>
      <c r="IRU699" s="613"/>
      <c r="IRV699" s="613"/>
      <c r="IRW699" s="613"/>
      <c r="IRX699" s="613"/>
      <c r="IRY699" s="613"/>
      <c r="IRZ699" s="613"/>
      <c r="ISA699" s="613"/>
      <c r="ISB699" s="613"/>
      <c r="ISC699" s="613"/>
      <c r="ISD699" s="613"/>
      <c r="ISE699" s="613"/>
      <c r="ISF699" s="613"/>
      <c r="ISG699" s="613"/>
      <c r="ISH699" s="613"/>
      <c r="ISI699" s="613"/>
      <c r="ISJ699" s="613"/>
      <c r="ISK699" s="613"/>
      <c r="ISL699" s="613"/>
      <c r="ISM699" s="613"/>
      <c r="ISN699" s="613"/>
      <c r="ISO699" s="613"/>
      <c r="ISP699" s="613"/>
      <c r="ISQ699" s="613"/>
      <c r="ISR699" s="613"/>
      <c r="ISS699" s="613"/>
      <c r="IST699" s="613"/>
      <c r="ISU699" s="613"/>
      <c r="ISV699" s="613"/>
      <c r="ISW699" s="613"/>
      <c r="ISX699" s="613"/>
      <c r="ISY699" s="613"/>
      <c r="ISZ699" s="613"/>
      <c r="ITA699" s="613"/>
      <c r="ITB699" s="613"/>
      <c r="ITC699" s="613"/>
      <c r="ITD699" s="613"/>
      <c r="ITE699" s="613"/>
      <c r="ITF699" s="613"/>
      <c r="ITG699" s="613"/>
      <c r="ITH699" s="613"/>
      <c r="ITI699" s="613"/>
      <c r="ITJ699" s="613"/>
      <c r="ITK699" s="613"/>
      <c r="ITL699" s="613"/>
      <c r="ITM699" s="613"/>
      <c r="ITN699" s="613"/>
      <c r="ITO699" s="613"/>
      <c r="ITP699" s="613"/>
      <c r="ITQ699" s="613"/>
      <c r="ITR699" s="613"/>
      <c r="ITS699" s="613"/>
      <c r="ITT699" s="613"/>
      <c r="ITU699" s="613"/>
      <c r="ITV699" s="613"/>
      <c r="ITW699" s="613"/>
      <c r="ITX699" s="613"/>
      <c r="ITY699" s="613"/>
      <c r="ITZ699" s="613"/>
      <c r="IUA699" s="613"/>
      <c r="IUB699" s="613"/>
      <c r="IUC699" s="613"/>
      <c r="IUD699" s="613"/>
      <c r="IUE699" s="613"/>
      <c r="IUF699" s="613"/>
      <c r="IUG699" s="613"/>
      <c r="IUH699" s="613"/>
      <c r="IUI699" s="613"/>
      <c r="IUJ699" s="613"/>
      <c r="IUK699" s="613"/>
      <c r="IUL699" s="613"/>
      <c r="IUM699" s="613"/>
      <c r="IUN699" s="613"/>
      <c r="IUO699" s="613"/>
      <c r="IUP699" s="613"/>
      <c r="IUQ699" s="613"/>
      <c r="IUR699" s="613"/>
      <c r="IUS699" s="613"/>
      <c r="IUT699" s="613"/>
      <c r="IUU699" s="613"/>
      <c r="IUV699" s="613"/>
      <c r="IUW699" s="613"/>
      <c r="IUX699" s="613"/>
      <c r="IUY699" s="613"/>
      <c r="IUZ699" s="613"/>
      <c r="IVA699" s="613"/>
      <c r="IVB699" s="613"/>
      <c r="IVC699" s="613"/>
      <c r="IVD699" s="613"/>
      <c r="IVE699" s="613"/>
      <c r="IVF699" s="613"/>
      <c r="IVG699" s="613"/>
      <c r="IVH699" s="613"/>
      <c r="IVI699" s="613"/>
      <c r="IVJ699" s="613"/>
      <c r="IVK699" s="613"/>
      <c r="IVL699" s="613"/>
      <c r="IVM699" s="613"/>
      <c r="IVN699" s="613"/>
      <c r="IVO699" s="613"/>
      <c r="IVP699" s="613"/>
      <c r="IVQ699" s="613"/>
      <c r="IVR699" s="613"/>
      <c r="IVS699" s="613"/>
      <c r="IVT699" s="613"/>
      <c r="IVU699" s="613"/>
      <c r="IVV699" s="613"/>
      <c r="IVW699" s="613"/>
      <c r="IVX699" s="613"/>
      <c r="IVY699" s="613"/>
      <c r="IVZ699" s="613"/>
      <c r="IWA699" s="613"/>
      <c r="IWB699" s="613"/>
      <c r="IWC699" s="613"/>
      <c r="IWD699" s="613"/>
      <c r="IWE699" s="613"/>
      <c r="IWF699" s="613"/>
      <c r="IWG699" s="613"/>
      <c r="IWH699" s="613"/>
      <c r="IWI699" s="613"/>
      <c r="IWJ699" s="613"/>
      <c r="IWK699" s="613"/>
      <c r="IWL699" s="613"/>
      <c r="IWM699" s="613"/>
      <c r="IWN699" s="613"/>
      <c r="IWO699" s="613"/>
      <c r="IWP699" s="613"/>
      <c r="IWQ699" s="613"/>
      <c r="IWR699" s="613"/>
      <c r="IWS699" s="613"/>
      <c r="IWT699" s="613"/>
      <c r="IWU699" s="613"/>
      <c r="IWV699" s="613"/>
      <c r="IWW699" s="613"/>
      <c r="IWX699" s="613"/>
      <c r="IWY699" s="613"/>
      <c r="IWZ699" s="613"/>
      <c r="IXA699" s="613"/>
      <c r="IXB699" s="613"/>
      <c r="IXC699" s="613"/>
      <c r="IXD699" s="613"/>
      <c r="IXE699" s="613"/>
      <c r="IXF699" s="613"/>
      <c r="IXG699" s="613"/>
      <c r="IXH699" s="613"/>
      <c r="IXI699" s="613"/>
      <c r="IXJ699" s="613"/>
      <c r="IXK699" s="613"/>
      <c r="IXL699" s="613"/>
      <c r="IXM699" s="613"/>
      <c r="IXN699" s="613"/>
      <c r="IXO699" s="613"/>
      <c r="IXP699" s="613"/>
      <c r="IXQ699" s="613"/>
      <c r="IXR699" s="613"/>
      <c r="IXS699" s="613"/>
      <c r="IXT699" s="613"/>
      <c r="IXU699" s="613"/>
      <c r="IXV699" s="613"/>
      <c r="IXW699" s="613"/>
      <c r="IXX699" s="613"/>
      <c r="IXY699" s="613"/>
      <c r="IXZ699" s="613"/>
      <c r="IYA699" s="613"/>
      <c r="IYB699" s="613"/>
      <c r="IYC699" s="613"/>
      <c r="IYD699" s="613"/>
      <c r="IYE699" s="613"/>
      <c r="IYF699" s="613"/>
      <c r="IYG699" s="613"/>
      <c r="IYH699" s="613"/>
      <c r="IYI699" s="613"/>
      <c r="IYJ699" s="613"/>
      <c r="IYK699" s="613"/>
      <c r="IYL699" s="613"/>
      <c r="IYM699" s="613"/>
      <c r="IYN699" s="613"/>
      <c r="IYO699" s="613"/>
      <c r="IYP699" s="613"/>
      <c r="IYQ699" s="613"/>
      <c r="IYR699" s="613"/>
      <c r="IYS699" s="613"/>
      <c r="IYT699" s="613"/>
      <c r="IYU699" s="613"/>
      <c r="IYV699" s="613"/>
      <c r="IYW699" s="613"/>
      <c r="IYX699" s="613"/>
      <c r="IYY699" s="613"/>
      <c r="IYZ699" s="613"/>
      <c r="IZA699" s="613"/>
      <c r="IZB699" s="613"/>
      <c r="IZC699" s="613"/>
      <c r="IZD699" s="613"/>
      <c r="IZE699" s="613"/>
      <c r="IZF699" s="613"/>
      <c r="IZG699" s="613"/>
      <c r="IZH699" s="613"/>
      <c r="IZI699" s="613"/>
      <c r="IZJ699" s="613"/>
      <c r="IZK699" s="613"/>
      <c r="IZL699" s="613"/>
      <c r="IZM699" s="613"/>
      <c r="IZN699" s="613"/>
      <c r="IZO699" s="613"/>
      <c r="IZP699" s="613"/>
      <c r="IZQ699" s="613"/>
      <c r="IZR699" s="613"/>
      <c r="IZS699" s="613"/>
      <c r="IZT699" s="613"/>
      <c r="IZU699" s="613"/>
      <c r="IZV699" s="613"/>
      <c r="IZW699" s="613"/>
      <c r="IZX699" s="613"/>
      <c r="IZY699" s="613"/>
      <c r="IZZ699" s="613"/>
      <c r="JAA699" s="613"/>
      <c r="JAB699" s="613"/>
      <c r="JAC699" s="613"/>
      <c r="JAD699" s="613"/>
      <c r="JAE699" s="613"/>
      <c r="JAF699" s="613"/>
      <c r="JAG699" s="613"/>
      <c r="JAH699" s="613"/>
      <c r="JAI699" s="613"/>
      <c r="JAJ699" s="613"/>
      <c r="JAK699" s="613"/>
      <c r="JAL699" s="613"/>
      <c r="JAM699" s="613"/>
      <c r="JAN699" s="613"/>
      <c r="JAO699" s="613"/>
      <c r="JAP699" s="613"/>
      <c r="JAQ699" s="613"/>
      <c r="JAR699" s="613"/>
      <c r="JAS699" s="613"/>
      <c r="JAT699" s="613"/>
      <c r="JAU699" s="613"/>
      <c r="JAV699" s="613"/>
      <c r="JAW699" s="613"/>
      <c r="JAX699" s="613"/>
      <c r="JAY699" s="613"/>
      <c r="JAZ699" s="613"/>
      <c r="JBA699" s="613"/>
      <c r="JBB699" s="613"/>
      <c r="JBC699" s="613"/>
      <c r="JBD699" s="613"/>
      <c r="JBE699" s="613"/>
      <c r="JBF699" s="613"/>
      <c r="JBG699" s="613"/>
      <c r="JBH699" s="613"/>
      <c r="JBI699" s="613"/>
      <c r="JBJ699" s="613"/>
      <c r="JBK699" s="613"/>
      <c r="JBL699" s="613"/>
      <c r="JBM699" s="613"/>
      <c r="JBN699" s="613"/>
      <c r="JBO699" s="613"/>
      <c r="JBP699" s="613"/>
      <c r="JBQ699" s="613"/>
      <c r="JBR699" s="613"/>
      <c r="JBS699" s="613"/>
      <c r="JBT699" s="613"/>
      <c r="JBU699" s="613"/>
      <c r="JBV699" s="613"/>
      <c r="JBW699" s="613"/>
      <c r="JBX699" s="613"/>
      <c r="JBY699" s="613"/>
      <c r="JBZ699" s="613"/>
      <c r="JCA699" s="613"/>
      <c r="JCB699" s="613"/>
      <c r="JCC699" s="613"/>
      <c r="JCD699" s="613"/>
      <c r="JCE699" s="613"/>
      <c r="JCF699" s="613"/>
      <c r="JCG699" s="613"/>
      <c r="JCH699" s="613"/>
      <c r="JCI699" s="613"/>
      <c r="JCJ699" s="613"/>
      <c r="JCK699" s="613"/>
      <c r="JCL699" s="613"/>
      <c r="JCM699" s="613"/>
      <c r="JCN699" s="613"/>
      <c r="JCO699" s="613"/>
      <c r="JCP699" s="613"/>
      <c r="JCQ699" s="613"/>
      <c r="JCR699" s="613"/>
      <c r="JCS699" s="613"/>
      <c r="JCT699" s="613"/>
      <c r="JCU699" s="613"/>
      <c r="JCV699" s="613"/>
      <c r="JCW699" s="613"/>
      <c r="JCX699" s="613"/>
      <c r="JCY699" s="613"/>
      <c r="JCZ699" s="613"/>
      <c r="JDA699" s="613"/>
      <c r="JDB699" s="613"/>
      <c r="JDC699" s="613"/>
      <c r="JDD699" s="613"/>
      <c r="JDE699" s="613"/>
      <c r="JDF699" s="613"/>
      <c r="JDG699" s="613"/>
      <c r="JDH699" s="613"/>
      <c r="JDI699" s="613"/>
      <c r="JDJ699" s="613"/>
      <c r="JDK699" s="613"/>
      <c r="JDL699" s="613"/>
      <c r="JDM699" s="613"/>
      <c r="JDN699" s="613"/>
      <c r="JDO699" s="613"/>
      <c r="JDP699" s="613"/>
      <c r="JDQ699" s="613"/>
      <c r="JDR699" s="613"/>
      <c r="JDS699" s="613"/>
      <c r="JDT699" s="613"/>
      <c r="JDU699" s="613"/>
      <c r="JDV699" s="613"/>
      <c r="JDW699" s="613"/>
      <c r="JDX699" s="613"/>
      <c r="JDY699" s="613"/>
      <c r="JDZ699" s="613"/>
      <c r="JEA699" s="613"/>
      <c r="JEB699" s="613"/>
      <c r="JEC699" s="613"/>
      <c r="JED699" s="613"/>
      <c r="JEE699" s="613"/>
      <c r="JEF699" s="613"/>
      <c r="JEG699" s="613"/>
      <c r="JEH699" s="613"/>
      <c r="JEI699" s="613"/>
      <c r="JEJ699" s="613"/>
      <c r="JEK699" s="613"/>
      <c r="JEL699" s="613"/>
      <c r="JEM699" s="613"/>
      <c r="JEN699" s="613"/>
      <c r="JEO699" s="613"/>
      <c r="JEP699" s="613"/>
      <c r="JEQ699" s="613"/>
      <c r="JER699" s="613"/>
      <c r="JES699" s="613"/>
      <c r="JET699" s="613"/>
      <c r="JEU699" s="613"/>
      <c r="JEV699" s="613"/>
      <c r="JEW699" s="613"/>
      <c r="JEX699" s="613"/>
      <c r="JEY699" s="613"/>
      <c r="JEZ699" s="613"/>
      <c r="JFA699" s="613"/>
      <c r="JFB699" s="613"/>
      <c r="JFC699" s="613"/>
      <c r="JFD699" s="613"/>
      <c r="JFE699" s="613"/>
      <c r="JFF699" s="613"/>
      <c r="JFG699" s="613"/>
      <c r="JFH699" s="613"/>
      <c r="JFI699" s="613"/>
      <c r="JFJ699" s="613"/>
      <c r="JFK699" s="613"/>
      <c r="JFL699" s="613"/>
      <c r="JFM699" s="613"/>
      <c r="JFN699" s="613"/>
      <c r="JFO699" s="613"/>
      <c r="JFP699" s="613"/>
      <c r="JFQ699" s="613"/>
      <c r="JFR699" s="613"/>
      <c r="JFS699" s="613"/>
      <c r="JFT699" s="613"/>
      <c r="JFU699" s="613"/>
      <c r="JFV699" s="613"/>
      <c r="JFW699" s="613"/>
      <c r="JFX699" s="613"/>
      <c r="JFY699" s="613"/>
      <c r="JFZ699" s="613"/>
      <c r="JGA699" s="613"/>
      <c r="JGB699" s="613"/>
      <c r="JGC699" s="613"/>
      <c r="JGD699" s="613"/>
      <c r="JGE699" s="613"/>
      <c r="JGF699" s="613"/>
      <c r="JGG699" s="613"/>
      <c r="JGH699" s="613"/>
      <c r="JGI699" s="613"/>
      <c r="JGJ699" s="613"/>
      <c r="JGK699" s="613"/>
      <c r="JGL699" s="613"/>
      <c r="JGM699" s="613"/>
      <c r="JGN699" s="613"/>
      <c r="JGO699" s="613"/>
      <c r="JGP699" s="613"/>
      <c r="JGQ699" s="613"/>
      <c r="JGR699" s="613"/>
      <c r="JGS699" s="613"/>
      <c r="JGT699" s="613"/>
      <c r="JGU699" s="613"/>
      <c r="JGV699" s="613"/>
      <c r="JGW699" s="613"/>
      <c r="JGX699" s="613"/>
      <c r="JGY699" s="613"/>
      <c r="JGZ699" s="613"/>
      <c r="JHA699" s="613"/>
      <c r="JHB699" s="613"/>
      <c r="JHC699" s="613"/>
      <c r="JHD699" s="613"/>
      <c r="JHE699" s="613"/>
      <c r="JHF699" s="613"/>
      <c r="JHG699" s="613"/>
      <c r="JHH699" s="613"/>
      <c r="JHI699" s="613"/>
      <c r="JHJ699" s="613"/>
      <c r="JHK699" s="613"/>
      <c r="JHL699" s="613"/>
      <c r="JHM699" s="613"/>
      <c r="JHN699" s="613"/>
      <c r="JHO699" s="613"/>
      <c r="JHP699" s="613"/>
      <c r="JHQ699" s="613"/>
      <c r="JHR699" s="613"/>
      <c r="JHS699" s="613"/>
      <c r="JHT699" s="613"/>
      <c r="JHU699" s="613"/>
      <c r="JHV699" s="613"/>
      <c r="JHW699" s="613"/>
      <c r="JHX699" s="613"/>
      <c r="JHY699" s="613"/>
      <c r="JHZ699" s="613"/>
      <c r="JIA699" s="613"/>
      <c r="JIB699" s="613"/>
      <c r="JIC699" s="613"/>
      <c r="JID699" s="613"/>
      <c r="JIE699" s="613"/>
      <c r="JIF699" s="613"/>
      <c r="JIG699" s="613"/>
      <c r="JIH699" s="613"/>
      <c r="JII699" s="613"/>
      <c r="JIJ699" s="613"/>
      <c r="JIK699" s="613"/>
      <c r="JIL699" s="613"/>
      <c r="JIM699" s="613"/>
      <c r="JIN699" s="613"/>
      <c r="JIO699" s="613"/>
      <c r="JIP699" s="613"/>
      <c r="JIQ699" s="613"/>
      <c r="JIR699" s="613"/>
      <c r="JIS699" s="613"/>
      <c r="JIT699" s="613"/>
      <c r="JIU699" s="613"/>
      <c r="JIV699" s="613"/>
      <c r="JIW699" s="613"/>
      <c r="JIX699" s="613"/>
      <c r="JIY699" s="613"/>
      <c r="JIZ699" s="613"/>
      <c r="JJA699" s="613"/>
      <c r="JJB699" s="613"/>
      <c r="JJC699" s="613"/>
      <c r="JJD699" s="613"/>
      <c r="JJE699" s="613"/>
      <c r="JJF699" s="613"/>
      <c r="JJG699" s="613"/>
      <c r="JJH699" s="613"/>
      <c r="JJI699" s="613"/>
      <c r="JJJ699" s="613"/>
      <c r="JJK699" s="613"/>
      <c r="JJL699" s="613"/>
      <c r="JJM699" s="613"/>
      <c r="JJN699" s="613"/>
      <c r="JJO699" s="613"/>
      <c r="JJP699" s="613"/>
      <c r="JJQ699" s="613"/>
      <c r="JJR699" s="613"/>
      <c r="JJS699" s="613"/>
      <c r="JJT699" s="613"/>
      <c r="JJU699" s="613"/>
      <c r="JJV699" s="613"/>
      <c r="JJW699" s="613"/>
      <c r="JJX699" s="613"/>
      <c r="JJY699" s="613"/>
      <c r="JJZ699" s="613"/>
      <c r="JKA699" s="613"/>
      <c r="JKB699" s="613"/>
      <c r="JKC699" s="613"/>
      <c r="JKD699" s="613"/>
      <c r="JKE699" s="613"/>
      <c r="JKF699" s="613"/>
      <c r="JKG699" s="613"/>
      <c r="JKH699" s="613"/>
      <c r="JKI699" s="613"/>
      <c r="JKJ699" s="613"/>
      <c r="JKK699" s="613"/>
      <c r="JKL699" s="613"/>
      <c r="JKM699" s="613"/>
      <c r="JKN699" s="613"/>
      <c r="JKO699" s="613"/>
      <c r="JKP699" s="613"/>
      <c r="JKQ699" s="613"/>
      <c r="JKR699" s="613"/>
      <c r="JKS699" s="613"/>
      <c r="JKT699" s="613"/>
      <c r="JKU699" s="613"/>
      <c r="JKV699" s="613"/>
      <c r="JKW699" s="613"/>
      <c r="JKX699" s="613"/>
      <c r="JKY699" s="613"/>
      <c r="JKZ699" s="613"/>
      <c r="JLA699" s="613"/>
      <c r="JLB699" s="613"/>
      <c r="JLC699" s="613"/>
      <c r="JLD699" s="613"/>
      <c r="JLE699" s="613"/>
      <c r="JLF699" s="613"/>
      <c r="JLG699" s="613"/>
      <c r="JLH699" s="613"/>
      <c r="JLI699" s="613"/>
      <c r="JLJ699" s="613"/>
      <c r="JLK699" s="613"/>
      <c r="JLL699" s="613"/>
      <c r="JLM699" s="613"/>
      <c r="JLN699" s="613"/>
      <c r="JLO699" s="613"/>
      <c r="JLP699" s="613"/>
      <c r="JLQ699" s="613"/>
      <c r="JLR699" s="613"/>
      <c r="JLS699" s="613"/>
      <c r="JLT699" s="613"/>
      <c r="JLU699" s="613"/>
      <c r="JLV699" s="613"/>
      <c r="JLW699" s="613"/>
      <c r="JLX699" s="613"/>
      <c r="JLY699" s="613"/>
      <c r="JLZ699" s="613"/>
      <c r="JMA699" s="613"/>
      <c r="JMB699" s="613"/>
      <c r="JMC699" s="613"/>
      <c r="JMD699" s="613"/>
      <c r="JME699" s="613"/>
      <c r="JMF699" s="613"/>
      <c r="JMG699" s="613"/>
      <c r="JMH699" s="613"/>
      <c r="JMI699" s="613"/>
      <c r="JMJ699" s="613"/>
      <c r="JMK699" s="613"/>
      <c r="JML699" s="613"/>
      <c r="JMM699" s="613"/>
      <c r="JMN699" s="613"/>
      <c r="JMO699" s="613"/>
      <c r="JMP699" s="613"/>
      <c r="JMQ699" s="613"/>
      <c r="JMR699" s="613"/>
      <c r="JMS699" s="613"/>
      <c r="JMT699" s="613"/>
      <c r="JMU699" s="613"/>
      <c r="JMV699" s="613"/>
      <c r="JMW699" s="613"/>
      <c r="JMX699" s="613"/>
      <c r="JMY699" s="613"/>
      <c r="JMZ699" s="613"/>
      <c r="JNA699" s="613"/>
      <c r="JNB699" s="613"/>
      <c r="JNC699" s="613"/>
      <c r="JND699" s="613"/>
      <c r="JNE699" s="613"/>
      <c r="JNF699" s="613"/>
      <c r="JNG699" s="613"/>
      <c r="JNH699" s="613"/>
      <c r="JNI699" s="613"/>
      <c r="JNJ699" s="613"/>
      <c r="JNK699" s="613"/>
      <c r="JNL699" s="613"/>
      <c r="JNM699" s="613"/>
      <c r="JNN699" s="613"/>
      <c r="JNO699" s="613"/>
      <c r="JNP699" s="613"/>
      <c r="JNQ699" s="613"/>
      <c r="JNR699" s="613"/>
      <c r="JNS699" s="613"/>
      <c r="JNT699" s="613"/>
      <c r="JNU699" s="613"/>
      <c r="JNV699" s="613"/>
      <c r="JNW699" s="613"/>
      <c r="JNX699" s="613"/>
      <c r="JNY699" s="613"/>
      <c r="JNZ699" s="613"/>
      <c r="JOA699" s="613"/>
      <c r="JOB699" s="613"/>
      <c r="JOC699" s="613"/>
      <c r="JOD699" s="613"/>
      <c r="JOE699" s="613"/>
      <c r="JOF699" s="613"/>
      <c r="JOG699" s="613"/>
      <c r="JOH699" s="613"/>
      <c r="JOI699" s="613"/>
      <c r="JOJ699" s="613"/>
      <c r="JOK699" s="613"/>
      <c r="JOL699" s="613"/>
      <c r="JOM699" s="613"/>
      <c r="JON699" s="613"/>
      <c r="JOO699" s="613"/>
      <c r="JOP699" s="613"/>
      <c r="JOQ699" s="613"/>
      <c r="JOR699" s="613"/>
      <c r="JOS699" s="613"/>
      <c r="JOT699" s="613"/>
      <c r="JOU699" s="613"/>
      <c r="JOV699" s="613"/>
      <c r="JOW699" s="613"/>
      <c r="JOX699" s="613"/>
      <c r="JOY699" s="613"/>
      <c r="JOZ699" s="613"/>
      <c r="JPA699" s="613"/>
      <c r="JPB699" s="613"/>
      <c r="JPC699" s="613"/>
      <c r="JPD699" s="613"/>
      <c r="JPE699" s="613"/>
      <c r="JPF699" s="613"/>
      <c r="JPG699" s="613"/>
      <c r="JPH699" s="613"/>
      <c r="JPI699" s="613"/>
      <c r="JPJ699" s="613"/>
      <c r="JPK699" s="613"/>
      <c r="JPL699" s="613"/>
      <c r="JPM699" s="613"/>
      <c r="JPN699" s="613"/>
      <c r="JPO699" s="613"/>
      <c r="JPP699" s="613"/>
      <c r="JPQ699" s="613"/>
      <c r="JPR699" s="613"/>
      <c r="JPS699" s="613"/>
      <c r="JPT699" s="613"/>
      <c r="JPU699" s="613"/>
      <c r="JPV699" s="613"/>
      <c r="JPW699" s="613"/>
      <c r="JPX699" s="613"/>
      <c r="JPY699" s="613"/>
      <c r="JPZ699" s="613"/>
      <c r="JQA699" s="613"/>
      <c r="JQB699" s="613"/>
      <c r="JQC699" s="613"/>
      <c r="JQD699" s="613"/>
      <c r="JQE699" s="613"/>
      <c r="JQF699" s="613"/>
      <c r="JQG699" s="613"/>
      <c r="JQH699" s="613"/>
      <c r="JQI699" s="613"/>
      <c r="JQJ699" s="613"/>
      <c r="JQK699" s="613"/>
      <c r="JQL699" s="613"/>
      <c r="JQM699" s="613"/>
      <c r="JQN699" s="613"/>
      <c r="JQO699" s="613"/>
      <c r="JQP699" s="613"/>
      <c r="JQQ699" s="613"/>
      <c r="JQR699" s="613"/>
      <c r="JQS699" s="613"/>
      <c r="JQT699" s="613"/>
      <c r="JQU699" s="613"/>
      <c r="JQV699" s="613"/>
      <c r="JQW699" s="613"/>
      <c r="JQX699" s="613"/>
      <c r="JQY699" s="613"/>
      <c r="JQZ699" s="613"/>
      <c r="JRA699" s="613"/>
      <c r="JRB699" s="613"/>
      <c r="JRC699" s="613"/>
      <c r="JRD699" s="613"/>
      <c r="JRE699" s="613"/>
      <c r="JRF699" s="613"/>
      <c r="JRG699" s="613"/>
      <c r="JRH699" s="613"/>
      <c r="JRI699" s="613"/>
      <c r="JRJ699" s="613"/>
      <c r="JRK699" s="613"/>
      <c r="JRL699" s="613"/>
      <c r="JRM699" s="613"/>
      <c r="JRN699" s="613"/>
      <c r="JRO699" s="613"/>
      <c r="JRP699" s="613"/>
      <c r="JRQ699" s="613"/>
      <c r="JRR699" s="613"/>
      <c r="JRS699" s="613"/>
      <c r="JRT699" s="613"/>
      <c r="JRU699" s="613"/>
      <c r="JRV699" s="613"/>
      <c r="JRW699" s="613"/>
      <c r="JRX699" s="613"/>
      <c r="JRY699" s="613"/>
      <c r="JRZ699" s="613"/>
      <c r="JSA699" s="613"/>
      <c r="JSB699" s="613"/>
      <c r="JSC699" s="613"/>
      <c r="JSD699" s="613"/>
      <c r="JSE699" s="613"/>
      <c r="JSF699" s="613"/>
      <c r="JSG699" s="613"/>
      <c r="JSH699" s="613"/>
      <c r="JSI699" s="613"/>
      <c r="JSJ699" s="613"/>
      <c r="JSK699" s="613"/>
      <c r="JSL699" s="613"/>
      <c r="JSM699" s="613"/>
      <c r="JSN699" s="613"/>
      <c r="JSO699" s="613"/>
      <c r="JSP699" s="613"/>
      <c r="JSQ699" s="613"/>
      <c r="JSR699" s="613"/>
      <c r="JSS699" s="613"/>
      <c r="JST699" s="613"/>
      <c r="JSU699" s="613"/>
      <c r="JSV699" s="613"/>
      <c r="JSW699" s="613"/>
      <c r="JSX699" s="613"/>
      <c r="JSY699" s="613"/>
      <c r="JSZ699" s="613"/>
      <c r="JTA699" s="613"/>
      <c r="JTB699" s="613"/>
      <c r="JTC699" s="613"/>
      <c r="JTD699" s="613"/>
      <c r="JTE699" s="613"/>
      <c r="JTF699" s="613"/>
      <c r="JTG699" s="613"/>
      <c r="JTH699" s="613"/>
      <c r="JTI699" s="613"/>
      <c r="JTJ699" s="613"/>
      <c r="JTK699" s="613"/>
      <c r="JTL699" s="613"/>
      <c r="JTM699" s="613"/>
      <c r="JTN699" s="613"/>
      <c r="JTO699" s="613"/>
      <c r="JTP699" s="613"/>
      <c r="JTQ699" s="613"/>
      <c r="JTR699" s="613"/>
      <c r="JTS699" s="613"/>
      <c r="JTT699" s="613"/>
      <c r="JTU699" s="613"/>
      <c r="JTV699" s="613"/>
      <c r="JTW699" s="613"/>
      <c r="JTX699" s="613"/>
      <c r="JTY699" s="613"/>
      <c r="JTZ699" s="613"/>
      <c r="JUA699" s="613"/>
      <c r="JUB699" s="613"/>
      <c r="JUC699" s="613"/>
      <c r="JUD699" s="613"/>
      <c r="JUE699" s="613"/>
      <c r="JUF699" s="613"/>
      <c r="JUG699" s="613"/>
      <c r="JUH699" s="613"/>
      <c r="JUI699" s="613"/>
      <c r="JUJ699" s="613"/>
      <c r="JUK699" s="613"/>
      <c r="JUL699" s="613"/>
      <c r="JUM699" s="613"/>
      <c r="JUN699" s="613"/>
      <c r="JUO699" s="613"/>
      <c r="JUP699" s="613"/>
      <c r="JUQ699" s="613"/>
      <c r="JUR699" s="613"/>
      <c r="JUS699" s="613"/>
      <c r="JUT699" s="613"/>
      <c r="JUU699" s="613"/>
      <c r="JUV699" s="613"/>
      <c r="JUW699" s="613"/>
      <c r="JUX699" s="613"/>
      <c r="JUY699" s="613"/>
      <c r="JUZ699" s="613"/>
      <c r="JVA699" s="613"/>
      <c r="JVB699" s="613"/>
      <c r="JVC699" s="613"/>
      <c r="JVD699" s="613"/>
      <c r="JVE699" s="613"/>
      <c r="JVF699" s="613"/>
      <c r="JVG699" s="613"/>
      <c r="JVH699" s="613"/>
      <c r="JVI699" s="613"/>
      <c r="JVJ699" s="613"/>
      <c r="JVK699" s="613"/>
      <c r="JVL699" s="613"/>
      <c r="JVM699" s="613"/>
      <c r="JVN699" s="613"/>
      <c r="JVO699" s="613"/>
      <c r="JVP699" s="613"/>
      <c r="JVQ699" s="613"/>
      <c r="JVR699" s="613"/>
      <c r="JVS699" s="613"/>
      <c r="JVT699" s="613"/>
      <c r="JVU699" s="613"/>
      <c r="JVV699" s="613"/>
      <c r="JVW699" s="613"/>
      <c r="JVX699" s="613"/>
      <c r="JVY699" s="613"/>
      <c r="JVZ699" s="613"/>
      <c r="JWA699" s="613"/>
      <c r="JWB699" s="613"/>
      <c r="JWC699" s="613"/>
      <c r="JWD699" s="613"/>
      <c r="JWE699" s="613"/>
      <c r="JWF699" s="613"/>
      <c r="JWG699" s="613"/>
      <c r="JWH699" s="613"/>
      <c r="JWI699" s="613"/>
      <c r="JWJ699" s="613"/>
      <c r="JWK699" s="613"/>
      <c r="JWL699" s="613"/>
      <c r="JWM699" s="613"/>
      <c r="JWN699" s="613"/>
      <c r="JWO699" s="613"/>
      <c r="JWP699" s="613"/>
      <c r="JWQ699" s="613"/>
      <c r="JWR699" s="613"/>
      <c r="JWS699" s="613"/>
      <c r="JWT699" s="613"/>
      <c r="JWU699" s="613"/>
      <c r="JWV699" s="613"/>
      <c r="JWW699" s="613"/>
      <c r="JWX699" s="613"/>
      <c r="JWY699" s="613"/>
      <c r="JWZ699" s="613"/>
      <c r="JXA699" s="613"/>
      <c r="JXB699" s="613"/>
      <c r="JXC699" s="613"/>
      <c r="JXD699" s="613"/>
      <c r="JXE699" s="613"/>
      <c r="JXF699" s="613"/>
      <c r="JXG699" s="613"/>
      <c r="JXH699" s="613"/>
      <c r="JXI699" s="613"/>
      <c r="JXJ699" s="613"/>
      <c r="JXK699" s="613"/>
      <c r="JXL699" s="613"/>
      <c r="JXM699" s="613"/>
      <c r="JXN699" s="613"/>
      <c r="JXO699" s="613"/>
      <c r="JXP699" s="613"/>
      <c r="JXQ699" s="613"/>
      <c r="JXR699" s="613"/>
      <c r="JXS699" s="613"/>
      <c r="JXT699" s="613"/>
      <c r="JXU699" s="613"/>
      <c r="JXV699" s="613"/>
      <c r="JXW699" s="613"/>
      <c r="JXX699" s="613"/>
      <c r="JXY699" s="613"/>
      <c r="JXZ699" s="613"/>
      <c r="JYA699" s="613"/>
      <c r="JYB699" s="613"/>
      <c r="JYC699" s="613"/>
      <c r="JYD699" s="613"/>
      <c r="JYE699" s="613"/>
      <c r="JYF699" s="613"/>
      <c r="JYG699" s="613"/>
      <c r="JYH699" s="613"/>
      <c r="JYI699" s="613"/>
      <c r="JYJ699" s="613"/>
      <c r="JYK699" s="613"/>
      <c r="JYL699" s="613"/>
      <c r="JYM699" s="613"/>
      <c r="JYN699" s="613"/>
      <c r="JYO699" s="613"/>
      <c r="JYP699" s="613"/>
      <c r="JYQ699" s="613"/>
      <c r="JYR699" s="613"/>
      <c r="JYS699" s="613"/>
      <c r="JYT699" s="613"/>
      <c r="JYU699" s="613"/>
      <c r="JYV699" s="613"/>
      <c r="JYW699" s="613"/>
      <c r="JYX699" s="613"/>
      <c r="JYY699" s="613"/>
      <c r="JYZ699" s="613"/>
      <c r="JZA699" s="613"/>
      <c r="JZB699" s="613"/>
      <c r="JZC699" s="613"/>
      <c r="JZD699" s="613"/>
      <c r="JZE699" s="613"/>
      <c r="JZF699" s="613"/>
      <c r="JZG699" s="613"/>
      <c r="JZH699" s="613"/>
      <c r="JZI699" s="613"/>
      <c r="JZJ699" s="613"/>
      <c r="JZK699" s="613"/>
      <c r="JZL699" s="613"/>
      <c r="JZM699" s="613"/>
      <c r="JZN699" s="613"/>
      <c r="JZO699" s="613"/>
      <c r="JZP699" s="613"/>
      <c r="JZQ699" s="613"/>
      <c r="JZR699" s="613"/>
      <c r="JZS699" s="613"/>
      <c r="JZT699" s="613"/>
      <c r="JZU699" s="613"/>
      <c r="JZV699" s="613"/>
      <c r="JZW699" s="613"/>
      <c r="JZX699" s="613"/>
      <c r="JZY699" s="613"/>
      <c r="JZZ699" s="613"/>
      <c r="KAA699" s="613"/>
      <c r="KAB699" s="613"/>
      <c r="KAC699" s="613"/>
      <c r="KAD699" s="613"/>
      <c r="KAE699" s="613"/>
      <c r="KAF699" s="613"/>
      <c r="KAG699" s="613"/>
      <c r="KAH699" s="613"/>
      <c r="KAI699" s="613"/>
      <c r="KAJ699" s="613"/>
      <c r="KAK699" s="613"/>
      <c r="KAL699" s="613"/>
      <c r="KAM699" s="613"/>
      <c r="KAN699" s="613"/>
      <c r="KAO699" s="613"/>
      <c r="KAP699" s="613"/>
      <c r="KAQ699" s="613"/>
      <c r="KAR699" s="613"/>
      <c r="KAS699" s="613"/>
      <c r="KAT699" s="613"/>
      <c r="KAU699" s="613"/>
      <c r="KAV699" s="613"/>
      <c r="KAW699" s="613"/>
      <c r="KAX699" s="613"/>
      <c r="KAY699" s="613"/>
      <c r="KAZ699" s="613"/>
      <c r="KBA699" s="613"/>
      <c r="KBB699" s="613"/>
      <c r="KBC699" s="613"/>
      <c r="KBD699" s="613"/>
      <c r="KBE699" s="613"/>
      <c r="KBF699" s="613"/>
      <c r="KBG699" s="613"/>
      <c r="KBH699" s="613"/>
      <c r="KBI699" s="613"/>
      <c r="KBJ699" s="613"/>
      <c r="KBK699" s="613"/>
      <c r="KBL699" s="613"/>
      <c r="KBM699" s="613"/>
      <c r="KBN699" s="613"/>
      <c r="KBO699" s="613"/>
      <c r="KBP699" s="613"/>
      <c r="KBQ699" s="613"/>
      <c r="KBR699" s="613"/>
      <c r="KBS699" s="613"/>
      <c r="KBT699" s="613"/>
      <c r="KBU699" s="613"/>
      <c r="KBV699" s="613"/>
      <c r="KBW699" s="613"/>
      <c r="KBX699" s="613"/>
      <c r="KBY699" s="613"/>
      <c r="KBZ699" s="613"/>
      <c r="KCA699" s="613"/>
      <c r="KCB699" s="613"/>
      <c r="KCC699" s="613"/>
      <c r="KCD699" s="613"/>
      <c r="KCE699" s="613"/>
      <c r="KCF699" s="613"/>
      <c r="KCG699" s="613"/>
      <c r="KCH699" s="613"/>
      <c r="KCI699" s="613"/>
      <c r="KCJ699" s="613"/>
      <c r="KCK699" s="613"/>
      <c r="KCL699" s="613"/>
      <c r="KCM699" s="613"/>
      <c r="KCN699" s="613"/>
      <c r="KCO699" s="613"/>
      <c r="KCP699" s="613"/>
      <c r="KCQ699" s="613"/>
      <c r="KCR699" s="613"/>
      <c r="KCS699" s="613"/>
      <c r="KCT699" s="613"/>
      <c r="KCU699" s="613"/>
      <c r="KCV699" s="613"/>
      <c r="KCW699" s="613"/>
      <c r="KCX699" s="613"/>
      <c r="KCY699" s="613"/>
      <c r="KCZ699" s="613"/>
      <c r="KDA699" s="613"/>
      <c r="KDB699" s="613"/>
      <c r="KDC699" s="613"/>
      <c r="KDD699" s="613"/>
      <c r="KDE699" s="613"/>
      <c r="KDF699" s="613"/>
      <c r="KDG699" s="613"/>
      <c r="KDH699" s="613"/>
      <c r="KDI699" s="613"/>
      <c r="KDJ699" s="613"/>
      <c r="KDK699" s="613"/>
      <c r="KDL699" s="613"/>
      <c r="KDM699" s="613"/>
      <c r="KDN699" s="613"/>
      <c r="KDO699" s="613"/>
      <c r="KDP699" s="613"/>
      <c r="KDQ699" s="613"/>
      <c r="KDR699" s="613"/>
      <c r="KDS699" s="613"/>
      <c r="KDT699" s="613"/>
      <c r="KDU699" s="613"/>
      <c r="KDV699" s="613"/>
      <c r="KDW699" s="613"/>
      <c r="KDX699" s="613"/>
      <c r="KDY699" s="613"/>
      <c r="KDZ699" s="613"/>
      <c r="KEA699" s="613"/>
      <c r="KEB699" s="613"/>
      <c r="KEC699" s="613"/>
      <c r="KED699" s="613"/>
      <c r="KEE699" s="613"/>
      <c r="KEF699" s="613"/>
      <c r="KEG699" s="613"/>
      <c r="KEH699" s="613"/>
      <c r="KEI699" s="613"/>
      <c r="KEJ699" s="613"/>
      <c r="KEK699" s="613"/>
      <c r="KEL699" s="613"/>
      <c r="KEM699" s="613"/>
      <c r="KEN699" s="613"/>
      <c r="KEO699" s="613"/>
      <c r="KEP699" s="613"/>
      <c r="KEQ699" s="613"/>
      <c r="KER699" s="613"/>
      <c r="KES699" s="613"/>
      <c r="KET699" s="613"/>
      <c r="KEU699" s="613"/>
      <c r="KEV699" s="613"/>
      <c r="KEW699" s="613"/>
      <c r="KEX699" s="613"/>
      <c r="KEY699" s="613"/>
      <c r="KEZ699" s="613"/>
      <c r="KFA699" s="613"/>
      <c r="KFB699" s="613"/>
      <c r="KFC699" s="613"/>
      <c r="KFD699" s="613"/>
      <c r="KFE699" s="613"/>
      <c r="KFF699" s="613"/>
      <c r="KFG699" s="613"/>
      <c r="KFH699" s="613"/>
      <c r="KFI699" s="613"/>
      <c r="KFJ699" s="613"/>
      <c r="KFK699" s="613"/>
      <c r="KFL699" s="613"/>
      <c r="KFM699" s="613"/>
      <c r="KFN699" s="613"/>
      <c r="KFO699" s="613"/>
      <c r="KFP699" s="613"/>
      <c r="KFQ699" s="613"/>
      <c r="KFR699" s="613"/>
      <c r="KFS699" s="613"/>
      <c r="KFT699" s="613"/>
      <c r="KFU699" s="613"/>
      <c r="KFV699" s="613"/>
      <c r="KFW699" s="613"/>
      <c r="KFX699" s="613"/>
      <c r="KFY699" s="613"/>
      <c r="KFZ699" s="613"/>
      <c r="KGA699" s="613"/>
      <c r="KGB699" s="613"/>
      <c r="KGC699" s="613"/>
      <c r="KGD699" s="613"/>
      <c r="KGE699" s="613"/>
      <c r="KGF699" s="613"/>
      <c r="KGG699" s="613"/>
      <c r="KGH699" s="613"/>
      <c r="KGI699" s="613"/>
      <c r="KGJ699" s="613"/>
      <c r="KGK699" s="613"/>
      <c r="KGL699" s="613"/>
      <c r="KGM699" s="613"/>
      <c r="KGN699" s="613"/>
      <c r="KGO699" s="613"/>
      <c r="KGP699" s="613"/>
      <c r="KGQ699" s="613"/>
      <c r="KGR699" s="613"/>
      <c r="KGS699" s="613"/>
      <c r="KGT699" s="613"/>
      <c r="KGU699" s="613"/>
      <c r="KGV699" s="613"/>
      <c r="KGW699" s="613"/>
      <c r="KGX699" s="613"/>
      <c r="KGY699" s="613"/>
      <c r="KGZ699" s="613"/>
      <c r="KHA699" s="613"/>
      <c r="KHB699" s="613"/>
      <c r="KHC699" s="613"/>
      <c r="KHD699" s="613"/>
      <c r="KHE699" s="613"/>
      <c r="KHF699" s="613"/>
      <c r="KHG699" s="613"/>
      <c r="KHH699" s="613"/>
      <c r="KHI699" s="613"/>
      <c r="KHJ699" s="613"/>
      <c r="KHK699" s="613"/>
      <c r="KHL699" s="613"/>
      <c r="KHM699" s="613"/>
      <c r="KHN699" s="613"/>
      <c r="KHO699" s="613"/>
      <c r="KHP699" s="613"/>
      <c r="KHQ699" s="613"/>
      <c r="KHR699" s="613"/>
      <c r="KHS699" s="613"/>
      <c r="KHT699" s="613"/>
      <c r="KHU699" s="613"/>
      <c r="KHV699" s="613"/>
      <c r="KHW699" s="613"/>
      <c r="KHX699" s="613"/>
      <c r="KHY699" s="613"/>
      <c r="KHZ699" s="613"/>
      <c r="KIA699" s="613"/>
      <c r="KIB699" s="613"/>
      <c r="KIC699" s="613"/>
      <c r="KID699" s="613"/>
      <c r="KIE699" s="613"/>
      <c r="KIF699" s="613"/>
      <c r="KIG699" s="613"/>
      <c r="KIH699" s="613"/>
      <c r="KII699" s="613"/>
      <c r="KIJ699" s="613"/>
      <c r="KIK699" s="613"/>
      <c r="KIL699" s="613"/>
      <c r="KIM699" s="613"/>
      <c r="KIN699" s="613"/>
      <c r="KIO699" s="613"/>
      <c r="KIP699" s="613"/>
      <c r="KIQ699" s="613"/>
      <c r="KIR699" s="613"/>
      <c r="KIS699" s="613"/>
      <c r="KIT699" s="613"/>
      <c r="KIU699" s="613"/>
      <c r="KIV699" s="613"/>
      <c r="KIW699" s="613"/>
      <c r="KIX699" s="613"/>
      <c r="KIY699" s="613"/>
      <c r="KIZ699" s="613"/>
      <c r="KJA699" s="613"/>
      <c r="KJB699" s="613"/>
      <c r="KJC699" s="613"/>
      <c r="KJD699" s="613"/>
      <c r="KJE699" s="613"/>
      <c r="KJF699" s="613"/>
      <c r="KJG699" s="613"/>
      <c r="KJH699" s="613"/>
      <c r="KJI699" s="613"/>
      <c r="KJJ699" s="613"/>
      <c r="KJK699" s="613"/>
      <c r="KJL699" s="613"/>
      <c r="KJM699" s="613"/>
      <c r="KJN699" s="613"/>
      <c r="KJO699" s="613"/>
      <c r="KJP699" s="613"/>
      <c r="KJQ699" s="613"/>
      <c r="KJR699" s="613"/>
      <c r="KJS699" s="613"/>
      <c r="KJT699" s="613"/>
      <c r="KJU699" s="613"/>
      <c r="KJV699" s="613"/>
      <c r="KJW699" s="613"/>
      <c r="KJX699" s="613"/>
      <c r="KJY699" s="613"/>
      <c r="KJZ699" s="613"/>
      <c r="KKA699" s="613"/>
      <c r="KKB699" s="613"/>
      <c r="KKC699" s="613"/>
      <c r="KKD699" s="613"/>
      <c r="KKE699" s="613"/>
      <c r="KKF699" s="613"/>
      <c r="KKG699" s="613"/>
      <c r="KKH699" s="613"/>
      <c r="KKI699" s="613"/>
      <c r="KKJ699" s="613"/>
      <c r="KKK699" s="613"/>
      <c r="KKL699" s="613"/>
      <c r="KKM699" s="613"/>
      <c r="KKN699" s="613"/>
      <c r="KKO699" s="613"/>
      <c r="KKP699" s="613"/>
      <c r="KKQ699" s="613"/>
      <c r="KKR699" s="613"/>
      <c r="KKS699" s="613"/>
      <c r="KKT699" s="613"/>
      <c r="KKU699" s="613"/>
      <c r="KKV699" s="613"/>
      <c r="KKW699" s="613"/>
      <c r="KKX699" s="613"/>
      <c r="KKY699" s="613"/>
      <c r="KKZ699" s="613"/>
      <c r="KLA699" s="613"/>
      <c r="KLB699" s="613"/>
      <c r="KLC699" s="613"/>
      <c r="KLD699" s="613"/>
      <c r="KLE699" s="613"/>
      <c r="KLF699" s="613"/>
      <c r="KLG699" s="613"/>
      <c r="KLH699" s="613"/>
      <c r="KLI699" s="613"/>
      <c r="KLJ699" s="613"/>
      <c r="KLK699" s="613"/>
      <c r="KLL699" s="613"/>
      <c r="KLM699" s="613"/>
      <c r="KLN699" s="613"/>
      <c r="KLO699" s="613"/>
      <c r="KLP699" s="613"/>
      <c r="KLQ699" s="613"/>
      <c r="KLR699" s="613"/>
      <c r="KLS699" s="613"/>
      <c r="KLT699" s="613"/>
      <c r="KLU699" s="613"/>
      <c r="KLV699" s="613"/>
      <c r="KLW699" s="613"/>
      <c r="KLX699" s="613"/>
      <c r="KLY699" s="613"/>
      <c r="KLZ699" s="613"/>
      <c r="KMA699" s="613"/>
      <c r="KMB699" s="613"/>
      <c r="KMC699" s="613"/>
      <c r="KMD699" s="613"/>
      <c r="KME699" s="613"/>
      <c r="KMF699" s="613"/>
      <c r="KMG699" s="613"/>
      <c r="KMH699" s="613"/>
      <c r="KMI699" s="613"/>
      <c r="KMJ699" s="613"/>
      <c r="KMK699" s="613"/>
      <c r="KML699" s="613"/>
      <c r="KMM699" s="613"/>
      <c r="KMN699" s="613"/>
      <c r="KMO699" s="613"/>
      <c r="KMP699" s="613"/>
      <c r="KMQ699" s="613"/>
      <c r="KMR699" s="613"/>
      <c r="KMS699" s="613"/>
      <c r="KMT699" s="613"/>
      <c r="KMU699" s="613"/>
      <c r="KMV699" s="613"/>
      <c r="KMW699" s="613"/>
      <c r="KMX699" s="613"/>
      <c r="KMY699" s="613"/>
      <c r="KMZ699" s="613"/>
      <c r="KNA699" s="613"/>
      <c r="KNB699" s="613"/>
      <c r="KNC699" s="613"/>
      <c r="KND699" s="613"/>
      <c r="KNE699" s="613"/>
      <c r="KNF699" s="613"/>
      <c r="KNG699" s="613"/>
      <c r="KNH699" s="613"/>
      <c r="KNI699" s="613"/>
      <c r="KNJ699" s="613"/>
      <c r="KNK699" s="613"/>
      <c r="KNL699" s="613"/>
      <c r="KNM699" s="613"/>
      <c r="KNN699" s="613"/>
      <c r="KNO699" s="613"/>
      <c r="KNP699" s="613"/>
      <c r="KNQ699" s="613"/>
      <c r="KNR699" s="613"/>
      <c r="KNS699" s="613"/>
      <c r="KNT699" s="613"/>
      <c r="KNU699" s="613"/>
      <c r="KNV699" s="613"/>
      <c r="KNW699" s="613"/>
      <c r="KNX699" s="613"/>
      <c r="KNY699" s="613"/>
      <c r="KNZ699" s="613"/>
      <c r="KOA699" s="613"/>
      <c r="KOB699" s="613"/>
      <c r="KOC699" s="613"/>
      <c r="KOD699" s="613"/>
      <c r="KOE699" s="613"/>
      <c r="KOF699" s="613"/>
      <c r="KOG699" s="613"/>
      <c r="KOH699" s="613"/>
      <c r="KOI699" s="613"/>
      <c r="KOJ699" s="613"/>
      <c r="KOK699" s="613"/>
      <c r="KOL699" s="613"/>
      <c r="KOM699" s="613"/>
      <c r="KON699" s="613"/>
      <c r="KOO699" s="613"/>
      <c r="KOP699" s="613"/>
      <c r="KOQ699" s="613"/>
      <c r="KOR699" s="613"/>
      <c r="KOS699" s="613"/>
      <c r="KOT699" s="613"/>
      <c r="KOU699" s="613"/>
      <c r="KOV699" s="613"/>
      <c r="KOW699" s="613"/>
      <c r="KOX699" s="613"/>
      <c r="KOY699" s="613"/>
      <c r="KOZ699" s="613"/>
      <c r="KPA699" s="613"/>
      <c r="KPB699" s="613"/>
      <c r="KPC699" s="613"/>
      <c r="KPD699" s="613"/>
      <c r="KPE699" s="613"/>
      <c r="KPF699" s="613"/>
      <c r="KPG699" s="613"/>
      <c r="KPH699" s="613"/>
      <c r="KPI699" s="613"/>
      <c r="KPJ699" s="613"/>
      <c r="KPK699" s="613"/>
      <c r="KPL699" s="613"/>
      <c r="KPM699" s="613"/>
      <c r="KPN699" s="613"/>
      <c r="KPO699" s="613"/>
      <c r="KPP699" s="613"/>
      <c r="KPQ699" s="613"/>
      <c r="KPR699" s="613"/>
      <c r="KPS699" s="613"/>
      <c r="KPT699" s="613"/>
      <c r="KPU699" s="613"/>
      <c r="KPV699" s="613"/>
      <c r="KPW699" s="613"/>
      <c r="KPX699" s="613"/>
      <c r="KPY699" s="613"/>
      <c r="KPZ699" s="613"/>
      <c r="KQA699" s="613"/>
      <c r="KQB699" s="613"/>
      <c r="KQC699" s="613"/>
      <c r="KQD699" s="613"/>
      <c r="KQE699" s="613"/>
      <c r="KQF699" s="613"/>
      <c r="KQG699" s="613"/>
      <c r="KQH699" s="613"/>
      <c r="KQI699" s="613"/>
      <c r="KQJ699" s="613"/>
      <c r="KQK699" s="613"/>
      <c r="KQL699" s="613"/>
      <c r="KQM699" s="613"/>
      <c r="KQN699" s="613"/>
      <c r="KQO699" s="613"/>
      <c r="KQP699" s="613"/>
      <c r="KQQ699" s="613"/>
      <c r="KQR699" s="613"/>
      <c r="KQS699" s="613"/>
      <c r="KQT699" s="613"/>
      <c r="KQU699" s="613"/>
      <c r="KQV699" s="613"/>
      <c r="KQW699" s="613"/>
      <c r="KQX699" s="613"/>
      <c r="KQY699" s="613"/>
      <c r="KQZ699" s="613"/>
      <c r="KRA699" s="613"/>
      <c r="KRB699" s="613"/>
      <c r="KRC699" s="613"/>
      <c r="KRD699" s="613"/>
      <c r="KRE699" s="613"/>
      <c r="KRF699" s="613"/>
      <c r="KRG699" s="613"/>
      <c r="KRH699" s="613"/>
      <c r="KRI699" s="613"/>
      <c r="KRJ699" s="613"/>
      <c r="KRK699" s="613"/>
      <c r="KRL699" s="613"/>
      <c r="KRM699" s="613"/>
      <c r="KRN699" s="613"/>
      <c r="KRO699" s="613"/>
      <c r="KRP699" s="613"/>
      <c r="KRQ699" s="613"/>
      <c r="KRR699" s="613"/>
      <c r="KRS699" s="613"/>
      <c r="KRT699" s="613"/>
      <c r="KRU699" s="613"/>
      <c r="KRV699" s="613"/>
      <c r="KRW699" s="613"/>
      <c r="KRX699" s="613"/>
      <c r="KRY699" s="613"/>
      <c r="KRZ699" s="613"/>
      <c r="KSA699" s="613"/>
      <c r="KSB699" s="613"/>
      <c r="KSC699" s="613"/>
      <c r="KSD699" s="613"/>
      <c r="KSE699" s="613"/>
      <c r="KSF699" s="613"/>
      <c r="KSG699" s="613"/>
      <c r="KSH699" s="613"/>
      <c r="KSI699" s="613"/>
      <c r="KSJ699" s="613"/>
      <c r="KSK699" s="613"/>
      <c r="KSL699" s="613"/>
      <c r="KSM699" s="613"/>
      <c r="KSN699" s="613"/>
      <c r="KSO699" s="613"/>
      <c r="KSP699" s="613"/>
      <c r="KSQ699" s="613"/>
      <c r="KSR699" s="613"/>
      <c r="KSS699" s="613"/>
      <c r="KST699" s="613"/>
      <c r="KSU699" s="613"/>
      <c r="KSV699" s="613"/>
      <c r="KSW699" s="613"/>
      <c r="KSX699" s="613"/>
      <c r="KSY699" s="613"/>
      <c r="KSZ699" s="613"/>
      <c r="KTA699" s="613"/>
      <c r="KTB699" s="613"/>
      <c r="KTC699" s="613"/>
      <c r="KTD699" s="613"/>
      <c r="KTE699" s="613"/>
      <c r="KTF699" s="613"/>
      <c r="KTG699" s="613"/>
      <c r="KTH699" s="613"/>
      <c r="KTI699" s="613"/>
      <c r="KTJ699" s="613"/>
      <c r="KTK699" s="613"/>
      <c r="KTL699" s="613"/>
      <c r="KTM699" s="613"/>
      <c r="KTN699" s="613"/>
      <c r="KTO699" s="613"/>
      <c r="KTP699" s="613"/>
      <c r="KTQ699" s="613"/>
      <c r="KTR699" s="613"/>
      <c r="KTS699" s="613"/>
      <c r="KTT699" s="613"/>
      <c r="KTU699" s="613"/>
      <c r="KTV699" s="613"/>
      <c r="KTW699" s="613"/>
      <c r="KTX699" s="613"/>
      <c r="KTY699" s="613"/>
      <c r="KTZ699" s="613"/>
      <c r="KUA699" s="613"/>
      <c r="KUB699" s="613"/>
      <c r="KUC699" s="613"/>
      <c r="KUD699" s="613"/>
      <c r="KUE699" s="613"/>
      <c r="KUF699" s="613"/>
      <c r="KUG699" s="613"/>
      <c r="KUH699" s="613"/>
      <c r="KUI699" s="613"/>
      <c r="KUJ699" s="613"/>
      <c r="KUK699" s="613"/>
      <c r="KUL699" s="613"/>
      <c r="KUM699" s="613"/>
      <c r="KUN699" s="613"/>
      <c r="KUO699" s="613"/>
      <c r="KUP699" s="613"/>
      <c r="KUQ699" s="613"/>
      <c r="KUR699" s="613"/>
      <c r="KUS699" s="613"/>
      <c r="KUT699" s="613"/>
      <c r="KUU699" s="613"/>
      <c r="KUV699" s="613"/>
      <c r="KUW699" s="613"/>
      <c r="KUX699" s="613"/>
      <c r="KUY699" s="613"/>
      <c r="KUZ699" s="613"/>
      <c r="KVA699" s="613"/>
      <c r="KVB699" s="613"/>
      <c r="KVC699" s="613"/>
      <c r="KVD699" s="613"/>
      <c r="KVE699" s="613"/>
      <c r="KVF699" s="613"/>
      <c r="KVG699" s="613"/>
      <c r="KVH699" s="613"/>
      <c r="KVI699" s="613"/>
      <c r="KVJ699" s="613"/>
      <c r="KVK699" s="613"/>
      <c r="KVL699" s="613"/>
      <c r="KVM699" s="613"/>
      <c r="KVN699" s="613"/>
      <c r="KVO699" s="613"/>
      <c r="KVP699" s="613"/>
      <c r="KVQ699" s="613"/>
      <c r="KVR699" s="613"/>
      <c r="KVS699" s="613"/>
      <c r="KVT699" s="613"/>
      <c r="KVU699" s="613"/>
      <c r="KVV699" s="613"/>
      <c r="KVW699" s="613"/>
      <c r="KVX699" s="613"/>
      <c r="KVY699" s="613"/>
      <c r="KVZ699" s="613"/>
      <c r="KWA699" s="613"/>
      <c r="KWB699" s="613"/>
      <c r="KWC699" s="613"/>
      <c r="KWD699" s="613"/>
      <c r="KWE699" s="613"/>
      <c r="KWF699" s="613"/>
      <c r="KWG699" s="613"/>
      <c r="KWH699" s="613"/>
      <c r="KWI699" s="613"/>
      <c r="KWJ699" s="613"/>
      <c r="KWK699" s="613"/>
      <c r="KWL699" s="613"/>
      <c r="KWM699" s="613"/>
      <c r="KWN699" s="613"/>
      <c r="KWO699" s="613"/>
      <c r="KWP699" s="613"/>
      <c r="KWQ699" s="613"/>
      <c r="KWR699" s="613"/>
      <c r="KWS699" s="613"/>
      <c r="KWT699" s="613"/>
      <c r="KWU699" s="613"/>
      <c r="KWV699" s="613"/>
      <c r="KWW699" s="613"/>
      <c r="KWX699" s="613"/>
      <c r="KWY699" s="613"/>
      <c r="KWZ699" s="613"/>
      <c r="KXA699" s="613"/>
      <c r="KXB699" s="613"/>
      <c r="KXC699" s="613"/>
      <c r="KXD699" s="613"/>
      <c r="KXE699" s="613"/>
      <c r="KXF699" s="613"/>
      <c r="KXG699" s="613"/>
      <c r="KXH699" s="613"/>
      <c r="KXI699" s="613"/>
      <c r="KXJ699" s="613"/>
      <c r="KXK699" s="613"/>
      <c r="KXL699" s="613"/>
      <c r="KXM699" s="613"/>
      <c r="KXN699" s="613"/>
      <c r="KXO699" s="613"/>
      <c r="KXP699" s="613"/>
      <c r="KXQ699" s="613"/>
      <c r="KXR699" s="613"/>
      <c r="KXS699" s="613"/>
      <c r="KXT699" s="613"/>
      <c r="KXU699" s="613"/>
      <c r="KXV699" s="613"/>
      <c r="KXW699" s="613"/>
      <c r="KXX699" s="613"/>
      <c r="KXY699" s="613"/>
      <c r="KXZ699" s="613"/>
      <c r="KYA699" s="613"/>
      <c r="KYB699" s="613"/>
      <c r="KYC699" s="613"/>
      <c r="KYD699" s="613"/>
      <c r="KYE699" s="613"/>
      <c r="KYF699" s="613"/>
      <c r="KYG699" s="613"/>
      <c r="KYH699" s="613"/>
      <c r="KYI699" s="613"/>
      <c r="KYJ699" s="613"/>
      <c r="KYK699" s="613"/>
      <c r="KYL699" s="613"/>
      <c r="KYM699" s="613"/>
      <c r="KYN699" s="613"/>
      <c r="KYO699" s="613"/>
      <c r="KYP699" s="613"/>
      <c r="KYQ699" s="613"/>
      <c r="KYR699" s="613"/>
      <c r="KYS699" s="613"/>
      <c r="KYT699" s="613"/>
      <c r="KYU699" s="613"/>
      <c r="KYV699" s="613"/>
      <c r="KYW699" s="613"/>
      <c r="KYX699" s="613"/>
      <c r="KYY699" s="613"/>
      <c r="KYZ699" s="613"/>
      <c r="KZA699" s="613"/>
      <c r="KZB699" s="613"/>
      <c r="KZC699" s="613"/>
      <c r="KZD699" s="613"/>
      <c r="KZE699" s="613"/>
      <c r="KZF699" s="613"/>
      <c r="KZG699" s="613"/>
      <c r="KZH699" s="613"/>
      <c r="KZI699" s="613"/>
      <c r="KZJ699" s="613"/>
      <c r="KZK699" s="613"/>
      <c r="KZL699" s="613"/>
      <c r="KZM699" s="613"/>
      <c r="KZN699" s="613"/>
      <c r="KZO699" s="613"/>
      <c r="KZP699" s="613"/>
      <c r="KZQ699" s="613"/>
      <c r="KZR699" s="613"/>
      <c r="KZS699" s="613"/>
      <c r="KZT699" s="613"/>
      <c r="KZU699" s="613"/>
      <c r="KZV699" s="613"/>
      <c r="KZW699" s="613"/>
      <c r="KZX699" s="613"/>
      <c r="KZY699" s="613"/>
      <c r="KZZ699" s="613"/>
      <c r="LAA699" s="613"/>
      <c r="LAB699" s="613"/>
      <c r="LAC699" s="613"/>
      <c r="LAD699" s="613"/>
      <c r="LAE699" s="613"/>
      <c r="LAF699" s="613"/>
      <c r="LAG699" s="613"/>
      <c r="LAH699" s="613"/>
      <c r="LAI699" s="613"/>
      <c r="LAJ699" s="613"/>
      <c r="LAK699" s="613"/>
      <c r="LAL699" s="613"/>
      <c r="LAM699" s="613"/>
      <c r="LAN699" s="613"/>
      <c r="LAO699" s="613"/>
      <c r="LAP699" s="613"/>
      <c r="LAQ699" s="613"/>
      <c r="LAR699" s="613"/>
      <c r="LAS699" s="613"/>
      <c r="LAT699" s="613"/>
      <c r="LAU699" s="613"/>
      <c r="LAV699" s="613"/>
      <c r="LAW699" s="613"/>
      <c r="LAX699" s="613"/>
      <c r="LAY699" s="613"/>
      <c r="LAZ699" s="613"/>
      <c r="LBA699" s="613"/>
      <c r="LBB699" s="613"/>
      <c r="LBC699" s="613"/>
      <c r="LBD699" s="613"/>
      <c r="LBE699" s="613"/>
      <c r="LBF699" s="613"/>
      <c r="LBG699" s="613"/>
      <c r="LBH699" s="613"/>
      <c r="LBI699" s="613"/>
      <c r="LBJ699" s="613"/>
      <c r="LBK699" s="613"/>
      <c r="LBL699" s="613"/>
      <c r="LBM699" s="613"/>
      <c r="LBN699" s="613"/>
      <c r="LBO699" s="613"/>
      <c r="LBP699" s="613"/>
      <c r="LBQ699" s="613"/>
      <c r="LBR699" s="613"/>
      <c r="LBS699" s="613"/>
      <c r="LBT699" s="613"/>
      <c r="LBU699" s="613"/>
      <c r="LBV699" s="613"/>
      <c r="LBW699" s="613"/>
      <c r="LBX699" s="613"/>
      <c r="LBY699" s="613"/>
      <c r="LBZ699" s="613"/>
      <c r="LCA699" s="613"/>
      <c r="LCB699" s="613"/>
      <c r="LCC699" s="613"/>
      <c r="LCD699" s="613"/>
      <c r="LCE699" s="613"/>
      <c r="LCF699" s="613"/>
      <c r="LCG699" s="613"/>
      <c r="LCH699" s="613"/>
      <c r="LCI699" s="613"/>
      <c r="LCJ699" s="613"/>
      <c r="LCK699" s="613"/>
      <c r="LCL699" s="613"/>
      <c r="LCM699" s="613"/>
      <c r="LCN699" s="613"/>
      <c r="LCO699" s="613"/>
      <c r="LCP699" s="613"/>
      <c r="LCQ699" s="613"/>
      <c r="LCR699" s="613"/>
      <c r="LCS699" s="613"/>
      <c r="LCT699" s="613"/>
      <c r="LCU699" s="613"/>
      <c r="LCV699" s="613"/>
      <c r="LCW699" s="613"/>
      <c r="LCX699" s="613"/>
      <c r="LCY699" s="613"/>
      <c r="LCZ699" s="613"/>
      <c r="LDA699" s="613"/>
      <c r="LDB699" s="613"/>
      <c r="LDC699" s="613"/>
      <c r="LDD699" s="613"/>
      <c r="LDE699" s="613"/>
      <c r="LDF699" s="613"/>
      <c r="LDG699" s="613"/>
      <c r="LDH699" s="613"/>
      <c r="LDI699" s="613"/>
      <c r="LDJ699" s="613"/>
      <c r="LDK699" s="613"/>
      <c r="LDL699" s="613"/>
      <c r="LDM699" s="613"/>
      <c r="LDN699" s="613"/>
      <c r="LDO699" s="613"/>
      <c r="LDP699" s="613"/>
      <c r="LDQ699" s="613"/>
      <c r="LDR699" s="613"/>
      <c r="LDS699" s="613"/>
      <c r="LDT699" s="613"/>
      <c r="LDU699" s="613"/>
      <c r="LDV699" s="613"/>
      <c r="LDW699" s="613"/>
      <c r="LDX699" s="613"/>
      <c r="LDY699" s="613"/>
      <c r="LDZ699" s="613"/>
      <c r="LEA699" s="613"/>
      <c r="LEB699" s="613"/>
      <c r="LEC699" s="613"/>
      <c r="LED699" s="613"/>
      <c r="LEE699" s="613"/>
      <c r="LEF699" s="613"/>
      <c r="LEG699" s="613"/>
      <c r="LEH699" s="613"/>
      <c r="LEI699" s="613"/>
      <c r="LEJ699" s="613"/>
      <c r="LEK699" s="613"/>
      <c r="LEL699" s="613"/>
      <c r="LEM699" s="613"/>
      <c r="LEN699" s="613"/>
      <c r="LEO699" s="613"/>
      <c r="LEP699" s="613"/>
      <c r="LEQ699" s="613"/>
      <c r="LER699" s="613"/>
      <c r="LES699" s="613"/>
      <c r="LET699" s="613"/>
      <c r="LEU699" s="613"/>
      <c r="LEV699" s="613"/>
      <c r="LEW699" s="613"/>
      <c r="LEX699" s="613"/>
      <c r="LEY699" s="613"/>
      <c r="LEZ699" s="613"/>
      <c r="LFA699" s="613"/>
      <c r="LFB699" s="613"/>
      <c r="LFC699" s="613"/>
      <c r="LFD699" s="613"/>
      <c r="LFE699" s="613"/>
      <c r="LFF699" s="613"/>
      <c r="LFG699" s="613"/>
      <c r="LFH699" s="613"/>
      <c r="LFI699" s="613"/>
      <c r="LFJ699" s="613"/>
      <c r="LFK699" s="613"/>
      <c r="LFL699" s="613"/>
      <c r="LFM699" s="613"/>
      <c r="LFN699" s="613"/>
      <c r="LFO699" s="613"/>
      <c r="LFP699" s="613"/>
      <c r="LFQ699" s="613"/>
      <c r="LFR699" s="613"/>
      <c r="LFS699" s="613"/>
      <c r="LFT699" s="613"/>
      <c r="LFU699" s="613"/>
      <c r="LFV699" s="613"/>
      <c r="LFW699" s="613"/>
      <c r="LFX699" s="613"/>
      <c r="LFY699" s="613"/>
      <c r="LFZ699" s="613"/>
      <c r="LGA699" s="613"/>
      <c r="LGB699" s="613"/>
      <c r="LGC699" s="613"/>
      <c r="LGD699" s="613"/>
      <c r="LGE699" s="613"/>
      <c r="LGF699" s="613"/>
      <c r="LGG699" s="613"/>
      <c r="LGH699" s="613"/>
      <c r="LGI699" s="613"/>
      <c r="LGJ699" s="613"/>
      <c r="LGK699" s="613"/>
      <c r="LGL699" s="613"/>
      <c r="LGM699" s="613"/>
      <c r="LGN699" s="613"/>
      <c r="LGO699" s="613"/>
      <c r="LGP699" s="613"/>
      <c r="LGQ699" s="613"/>
      <c r="LGR699" s="613"/>
      <c r="LGS699" s="613"/>
      <c r="LGT699" s="613"/>
      <c r="LGU699" s="613"/>
      <c r="LGV699" s="613"/>
      <c r="LGW699" s="613"/>
      <c r="LGX699" s="613"/>
      <c r="LGY699" s="613"/>
      <c r="LGZ699" s="613"/>
      <c r="LHA699" s="613"/>
      <c r="LHB699" s="613"/>
      <c r="LHC699" s="613"/>
      <c r="LHD699" s="613"/>
      <c r="LHE699" s="613"/>
      <c r="LHF699" s="613"/>
      <c r="LHG699" s="613"/>
      <c r="LHH699" s="613"/>
      <c r="LHI699" s="613"/>
      <c r="LHJ699" s="613"/>
      <c r="LHK699" s="613"/>
      <c r="LHL699" s="613"/>
      <c r="LHM699" s="613"/>
      <c r="LHN699" s="613"/>
      <c r="LHO699" s="613"/>
      <c r="LHP699" s="613"/>
      <c r="LHQ699" s="613"/>
      <c r="LHR699" s="613"/>
      <c r="LHS699" s="613"/>
      <c r="LHT699" s="613"/>
      <c r="LHU699" s="613"/>
      <c r="LHV699" s="613"/>
      <c r="LHW699" s="613"/>
      <c r="LHX699" s="613"/>
      <c r="LHY699" s="613"/>
      <c r="LHZ699" s="613"/>
      <c r="LIA699" s="613"/>
      <c r="LIB699" s="613"/>
      <c r="LIC699" s="613"/>
      <c r="LID699" s="613"/>
      <c r="LIE699" s="613"/>
      <c r="LIF699" s="613"/>
      <c r="LIG699" s="613"/>
      <c r="LIH699" s="613"/>
      <c r="LII699" s="613"/>
      <c r="LIJ699" s="613"/>
      <c r="LIK699" s="613"/>
      <c r="LIL699" s="613"/>
      <c r="LIM699" s="613"/>
      <c r="LIN699" s="613"/>
      <c r="LIO699" s="613"/>
      <c r="LIP699" s="613"/>
      <c r="LIQ699" s="613"/>
      <c r="LIR699" s="613"/>
      <c r="LIS699" s="613"/>
      <c r="LIT699" s="613"/>
      <c r="LIU699" s="613"/>
      <c r="LIV699" s="613"/>
      <c r="LIW699" s="613"/>
      <c r="LIX699" s="613"/>
      <c r="LIY699" s="613"/>
      <c r="LIZ699" s="613"/>
      <c r="LJA699" s="613"/>
      <c r="LJB699" s="613"/>
      <c r="LJC699" s="613"/>
      <c r="LJD699" s="613"/>
      <c r="LJE699" s="613"/>
      <c r="LJF699" s="613"/>
      <c r="LJG699" s="613"/>
      <c r="LJH699" s="613"/>
      <c r="LJI699" s="613"/>
      <c r="LJJ699" s="613"/>
      <c r="LJK699" s="613"/>
      <c r="LJL699" s="613"/>
      <c r="LJM699" s="613"/>
      <c r="LJN699" s="613"/>
      <c r="LJO699" s="613"/>
      <c r="LJP699" s="613"/>
      <c r="LJQ699" s="613"/>
      <c r="LJR699" s="613"/>
      <c r="LJS699" s="613"/>
      <c r="LJT699" s="613"/>
      <c r="LJU699" s="613"/>
      <c r="LJV699" s="613"/>
      <c r="LJW699" s="613"/>
      <c r="LJX699" s="613"/>
      <c r="LJY699" s="613"/>
      <c r="LJZ699" s="613"/>
      <c r="LKA699" s="613"/>
      <c r="LKB699" s="613"/>
      <c r="LKC699" s="613"/>
      <c r="LKD699" s="613"/>
      <c r="LKE699" s="613"/>
      <c r="LKF699" s="613"/>
      <c r="LKG699" s="613"/>
      <c r="LKH699" s="613"/>
      <c r="LKI699" s="613"/>
      <c r="LKJ699" s="613"/>
      <c r="LKK699" s="613"/>
      <c r="LKL699" s="613"/>
      <c r="LKM699" s="613"/>
      <c r="LKN699" s="613"/>
      <c r="LKO699" s="613"/>
      <c r="LKP699" s="613"/>
      <c r="LKQ699" s="613"/>
      <c r="LKR699" s="613"/>
      <c r="LKS699" s="613"/>
      <c r="LKT699" s="613"/>
      <c r="LKU699" s="613"/>
      <c r="LKV699" s="613"/>
      <c r="LKW699" s="613"/>
      <c r="LKX699" s="613"/>
      <c r="LKY699" s="613"/>
      <c r="LKZ699" s="613"/>
      <c r="LLA699" s="613"/>
      <c r="LLB699" s="613"/>
      <c r="LLC699" s="613"/>
      <c r="LLD699" s="613"/>
      <c r="LLE699" s="613"/>
      <c r="LLF699" s="613"/>
      <c r="LLG699" s="613"/>
      <c r="LLH699" s="613"/>
      <c r="LLI699" s="613"/>
      <c r="LLJ699" s="613"/>
      <c r="LLK699" s="613"/>
      <c r="LLL699" s="613"/>
      <c r="LLM699" s="613"/>
      <c r="LLN699" s="613"/>
      <c r="LLO699" s="613"/>
      <c r="LLP699" s="613"/>
      <c r="LLQ699" s="613"/>
      <c r="LLR699" s="613"/>
      <c r="LLS699" s="613"/>
      <c r="LLT699" s="613"/>
      <c r="LLU699" s="613"/>
      <c r="LLV699" s="613"/>
      <c r="LLW699" s="613"/>
      <c r="LLX699" s="613"/>
      <c r="LLY699" s="613"/>
      <c r="LLZ699" s="613"/>
      <c r="LMA699" s="613"/>
      <c r="LMB699" s="613"/>
      <c r="LMC699" s="613"/>
      <c r="LMD699" s="613"/>
      <c r="LME699" s="613"/>
      <c r="LMF699" s="613"/>
      <c r="LMG699" s="613"/>
      <c r="LMH699" s="613"/>
      <c r="LMI699" s="613"/>
      <c r="LMJ699" s="613"/>
      <c r="LMK699" s="613"/>
      <c r="LML699" s="613"/>
      <c r="LMM699" s="613"/>
      <c r="LMN699" s="613"/>
      <c r="LMO699" s="613"/>
      <c r="LMP699" s="613"/>
      <c r="LMQ699" s="613"/>
      <c r="LMR699" s="613"/>
      <c r="LMS699" s="613"/>
      <c r="LMT699" s="613"/>
      <c r="LMU699" s="613"/>
      <c r="LMV699" s="613"/>
      <c r="LMW699" s="613"/>
      <c r="LMX699" s="613"/>
      <c r="LMY699" s="613"/>
      <c r="LMZ699" s="613"/>
      <c r="LNA699" s="613"/>
      <c r="LNB699" s="613"/>
      <c r="LNC699" s="613"/>
      <c r="LND699" s="613"/>
      <c r="LNE699" s="613"/>
      <c r="LNF699" s="613"/>
      <c r="LNG699" s="613"/>
      <c r="LNH699" s="613"/>
      <c r="LNI699" s="613"/>
      <c r="LNJ699" s="613"/>
      <c r="LNK699" s="613"/>
      <c r="LNL699" s="613"/>
      <c r="LNM699" s="613"/>
      <c r="LNN699" s="613"/>
      <c r="LNO699" s="613"/>
      <c r="LNP699" s="613"/>
      <c r="LNQ699" s="613"/>
      <c r="LNR699" s="613"/>
      <c r="LNS699" s="613"/>
      <c r="LNT699" s="613"/>
      <c r="LNU699" s="613"/>
      <c r="LNV699" s="613"/>
      <c r="LNW699" s="613"/>
      <c r="LNX699" s="613"/>
      <c r="LNY699" s="613"/>
      <c r="LNZ699" s="613"/>
      <c r="LOA699" s="613"/>
      <c r="LOB699" s="613"/>
      <c r="LOC699" s="613"/>
      <c r="LOD699" s="613"/>
      <c r="LOE699" s="613"/>
      <c r="LOF699" s="613"/>
      <c r="LOG699" s="613"/>
      <c r="LOH699" s="613"/>
      <c r="LOI699" s="613"/>
      <c r="LOJ699" s="613"/>
      <c r="LOK699" s="613"/>
      <c r="LOL699" s="613"/>
      <c r="LOM699" s="613"/>
      <c r="LON699" s="613"/>
      <c r="LOO699" s="613"/>
      <c r="LOP699" s="613"/>
      <c r="LOQ699" s="613"/>
      <c r="LOR699" s="613"/>
      <c r="LOS699" s="613"/>
      <c r="LOT699" s="613"/>
      <c r="LOU699" s="613"/>
      <c r="LOV699" s="613"/>
      <c r="LOW699" s="613"/>
      <c r="LOX699" s="613"/>
      <c r="LOY699" s="613"/>
      <c r="LOZ699" s="613"/>
      <c r="LPA699" s="613"/>
      <c r="LPB699" s="613"/>
      <c r="LPC699" s="613"/>
      <c r="LPD699" s="613"/>
      <c r="LPE699" s="613"/>
      <c r="LPF699" s="613"/>
      <c r="LPG699" s="613"/>
      <c r="LPH699" s="613"/>
      <c r="LPI699" s="613"/>
      <c r="LPJ699" s="613"/>
      <c r="LPK699" s="613"/>
      <c r="LPL699" s="613"/>
      <c r="LPM699" s="613"/>
      <c r="LPN699" s="613"/>
      <c r="LPO699" s="613"/>
      <c r="LPP699" s="613"/>
      <c r="LPQ699" s="613"/>
      <c r="LPR699" s="613"/>
      <c r="LPS699" s="613"/>
      <c r="LPT699" s="613"/>
      <c r="LPU699" s="613"/>
      <c r="LPV699" s="613"/>
      <c r="LPW699" s="613"/>
      <c r="LPX699" s="613"/>
      <c r="LPY699" s="613"/>
      <c r="LPZ699" s="613"/>
      <c r="LQA699" s="613"/>
      <c r="LQB699" s="613"/>
      <c r="LQC699" s="613"/>
      <c r="LQD699" s="613"/>
      <c r="LQE699" s="613"/>
      <c r="LQF699" s="613"/>
      <c r="LQG699" s="613"/>
      <c r="LQH699" s="613"/>
      <c r="LQI699" s="613"/>
      <c r="LQJ699" s="613"/>
      <c r="LQK699" s="613"/>
      <c r="LQL699" s="613"/>
      <c r="LQM699" s="613"/>
      <c r="LQN699" s="613"/>
      <c r="LQO699" s="613"/>
      <c r="LQP699" s="613"/>
      <c r="LQQ699" s="613"/>
      <c r="LQR699" s="613"/>
      <c r="LQS699" s="613"/>
      <c r="LQT699" s="613"/>
      <c r="LQU699" s="613"/>
      <c r="LQV699" s="613"/>
      <c r="LQW699" s="613"/>
      <c r="LQX699" s="613"/>
      <c r="LQY699" s="613"/>
      <c r="LQZ699" s="613"/>
      <c r="LRA699" s="613"/>
      <c r="LRB699" s="613"/>
      <c r="LRC699" s="613"/>
      <c r="LRD699" s="613"/>
      <c r="LRE699" s="613"/>
      <c r="LRF699" s="613"/>
      <c r="LRG699" s="613"/>
      <c r="LRH699" s="613"/>
      <c r="LRI699" s="613"/>
      <c r="LRJ699" s="613"/>
      <c r="LRK699" s="613"/>
      <c r="LRL699" s="613"/>
      <c r="LRM699" s="613"/>
      <c r="LRN699" s="613"/>
      <c r="LRO699" s="613"/>
      <c r="LRP699" s="613"/>
      <c r="LRQ699" s="613"/>
      <c r="LRR699" s="613"/>
      <c r="LRS699" s="613"/>
      <c r="LRT699" s="613"/>
      <c r="LRU699" s="613"/>
      <c r="LRV699" s="613"/>
      <c r="LRW699" s="613"/>
      <c r="LRX699" s="613"/>
      <c r="LRY699" s="613"/>
      <c r="LRZ699" s="613"/>
      <c r="LSA699" s="613"/>
      <c r="LSB699" s="613"/>
      <c r="LSC699" s="613"/>
      <c r="LSD699" s="613"/>
      <c r="LSE699" s="613"/>
      <c r="LSF699" s="613"/>
      <c r="LSG699" s="613"/>
      <c r="LSH699" s="613"/>
      <c r="LSI699" s="613"/>
      <c r="LSJ699" s="613"/>
      <c r="LSK699" s="613"/>
      <c r="LSL699" s="613"/>
      <c r="LSM699" s="613"/>
      <c r="LSN699" s="613"/>
      <c r="LSO699" s="613"/>
      <c r="LSP699" s="613"/>
      <c r="LSQ699" s="613"/>
      <c r="LSR699" s="613"/>
      <c r="LSS699" s="613"/>
      <c r="LST699" s="613"/>
      <c r="LSU699" s="613"/>
      <c r="LSV699" s="613"/>
      <c r="LSW699" s="613"/>
      <c r="LSX699" s="613"/>
      <c r="LSY699" s="613"/>
      <c r="LSZ699" s="613"/>
      <c r="LTA699" s="613"/>
      <c r="LTB699" s="613"/>
      <c r="LTC699" s="613"/>
      <c r="LTD699" s="613"/>
      <c r="LTE699" s="613"/>
      <c r="LTF699" s="613"/>
      <c r="LTG699" s="613"/>
      <c r="LTH699" s="613"/>
      <c r="LTI699" s="613"/>
      <c r="LTJ699" s="613"/>
      <c r="LTK699" s="613"/>
      <c r="LTL699" s="613"/>
      <c r="LTM699" s="613"/>
      <c r="LTN699" s="613"/>
      <c r="LTO699" s="613"/>
      <c r="LTP699" s="613"/>
      <c r="LTQ699" s="613"/>
      <c r="LTR699" s="613"/>
      <c r="LTS699" s="613"/>
      <c r="LTT699" s="613"/>
      <c r="LTU699" s="613"/>
      <c r="LTV699" s="613"/>
      <c r="LTW699" s="613"/>
      <c r="LTX699" s="613"/>
      <c r="LTY699" s="613"/>
      <c r="LTZ699" s="613"/>
      <c r="LUA699" s="613"/>
      <c r="LUB699" s="613"/>
      <c r="LUC699" s="613"/>
      <c r="LUD699" s="613"/>
      <c r="LUE699" s="613"/>
      <c r="LUF699" s="613"/>
      <c r="LUG699" s="613"/>
      <c r="LUH699" s="613"/>
      <c r="LUI699" s="613"/>
      <c r="LUJ699" s="613"/>
      <c r="LUK699" s="613"/>
      <c r="LUL699" s="613"/>
      <c r="LUM699" s="613"/>
      <c r="LUN699" s="613"/>
      <c r="LUO699" s="613"/>
      <c r="LUP699" s="613"/>
      <c r="LUQ699" s="613"/>
      <c r="LUR699" s="613"/>
      <c r="LUS699" s="613"/>
      <c r="LUT699" s="613"/>
      <c r="LUU699" s="613"/>
      <c r="LUV699" s="613"/>
      <c r="LUW699" s="613"/>
      <c r="LUX699" s="613"/>
      <c r="LUY699" s="613"/>
      <c r="LUZ699" s="613"/>
      <c r="LVA699" s="613"/>
      <c r="LVB699" s="613"/>
      <c r="LVC699" s="613"/>
      <c r="LVD699" s="613"/>
      <c r="LVE699" s="613"/>
      <c r="LVF699" s="613"/>
      <c r="LVG699" s="613"/>
      <c r="LVH699" s="613"/>
      <c r="LVI699" s="613"/>
      <c r="LVJ699" s="613"/>
      <c r="LVK699" s="613"/>
      <c r="LVL699" s="613"/>
      <c r="LVM699" s="613"/>
      <c r="LVN699" s="613"/>
      <c r="LVO699" s="613"/>
      <c r="LVP699" s="613"/>
      <c r="LVQ699" s="613"/>
      <c r="LVR699" s="613"/>
      <c r="LVS699" s="613"/>
      <c r="LVT699" s="613"/>
      <c r="LVU699" s="613"/>
      <c r="LVV699" s="613"/>
      <c r="LVW699" s="613"/>
      <c r="LVX699" s="613"/>
      <c r="LVY699" s="613"/>
      <c r="LVZ699" s="613"/>
      <c r="LWA699" s="613"/>
      <c r="LWB699" s="613"/>
      <c r="LWC699" s="613"/>
      <c r="LWD699" s="613"/>
      <c r="LWE699" s="613"/>
      <c r="LWF699" s="613"/>
      <c r="LWG699" s="613"/>
      <c r="LWH699" s="613"/>
      <c r="LWI699" s="613"/>
      <c r="LWJ699" s="613"/>
      <c r="LWK699" s="613"/>
      <c r="LWL699" s="613"/>
      <c r="LWM699" s="613"/>
      <c r="LWN699" s="613"/>
      <c r="LWO699" s="613"/>
      <c r="LWP699" s="613"/>
      <c r="LWQ699" s="613"/>
      <c r="LWR699" s="613"/>
      <c r="LWS699" s="613"/>
      <c r="LWT699" s="613"/>
      <c r="LWU699" s="613"/>
      <c r="LWV699" s="613"/>
      <c r="LWW699" s="613"/>
      <c r="LWX699" s="613"/>
      <c r="LWY699" s="613"/>
      <c r="LWZ699" s="613"/>
      <c r="LXA699" s="613"/>
      <c r="LXB699" s="613"/>
      <c r="LXC699" s="613"/>
      <c r="LXD699" s="613"/>
      <c r="LXE699" s="613"/>
      <c r="LXF699" s="613"/>
      <c r="LXG699" s="613"/>
      <c r="LXH699" s="613"/>
      <c r="LXI699" s="613"/>
      <c r="LXJ699" s="613"/>
      <c r="LXK699" s="613"/>
      <c r="LXL699" s="613"/>
      <c r="LXM699" s="613"/>
      <c r="LXN699" s="613"/>
      <c r="LXO699" s="613"/>
      <c r="LXP699" s="613"/>
      <c r="LXQ699" s="613"/>
      <c r="LXR699" s="613"/>
      <c r="LXS699" s="613"/>
      <c r="LXT699" s="613"/>
      <c r="LXU699" s="613"/>
      <c r="LXV699" s="613"/>
      <c r="LXW699" s="613"/>
      <c r="LXX699" s="613"/>
      <c r="LXY699" s="613"/>
      <c r="LXZ699" s="613"/>
      <c r="LYA699" s="613"/>
      <c r="LYB699" s="613"/>
      <c r="LYC699" s="613"/>
      <c r="LYD699" s="613"/>
      <c r="LYE699" s="613"/>
      <c r="LYF699" s="613"/>
      <c r="LYG699" s="613"/>
      <c r="LYH699" s="613"/>
      <c r="LYI699" s="613"/>
      <c r="LYJ699" s="613"/>
      <c r="LYK699" s="613"/>
      <c r="LYL699" s="613"/>
      <c r="LYM699" s="613"/>
      <c r="LYN699" s="613"/>
      <c r="LYO699" s="613"/>
      <c r="LYP699" s="613"/>
      <c r="LYQ699" s="613"/>
      <c r="LYR699" s="613"/>
      <c r="LYS699" s="613"/>
      <c r="LYT699" s="613"/>
      <c r="LYU699" s="613"/>
      <c r="LYV699" s="613"/>
      <c r="LYW699" s="613"/>
      <c r="LYX699" s="613"/>
      <c r="LYY699" s="613"/>
      <c r="LYZ699" s="613"/>
      <c r="LZA699" s="613"/>
      <c r="LZB699" s="613"/>
      <c r="LZC699" s="613"/>
      <c r="LZD699" s="613"/>
      <c r="LZE699" s="613"/>
      <c r="LZF699" s="613"/>
      <c r="LZG699" s="613"/>
      <c r="LZH699" s="613"/>
      <c r="LZI699" s="613"/>
      <c r="LZJ699" s="613"/>
      <c r="LZK699" s="613"/>
      <c r="LZL699" s="613"/>
      <c r="LZM699" s="613"/>
      <c r="LZN699" s="613"/>
      <c r="LZO699" s="613"/>
      <c r="LZP699" s="613"/>
      <c r="LZQ699" s="613"/>
      <c r="LZR699" s="613"/>
      <c r="LZS699" s="613"/>
      <c r="LZT699" s="613"/>
      <c r="LZU699" s="613"/>
      <c r="LZV699" s="613"/>
      <c r="LZW699" s="613"/>
      <c r="LZX699" s="613"/>
      <c r="LZY699" s="613"/>
      <c r="LZZ699" s="613"/>
      <c r="MAA699" s="613"/>
      <c r="MAB699" s="613"/>
      <c r="MAC699" s="613"/>
      <c r="MAD699" s="613"/>
      <c r="MAE699" s="613"/>
      <c r="MAF699" s="613"/>
      <c r="MAG699" s="613"/>
      <c r="MAH699" s="613"/>
      <c r="MAI699" s="613"/>
      <c r="MAJ699" s="613"/>
      <c r="MAK699" s="613"/>
      <c r="MAL699" s="613"/>
      <c r="MAM699" s="613"/>
      <c r="MAN699" s="613"/>
      <c r="MAO699" s="613"/>
      <c r="MAP699" s="613"/>
      <c r="MAQ699" s="613"/>
      <c r="MAR699" s="613"/>
      <c r="MAS699" s="613"/>
      <c r="MAT699" s="613"/>
      <c r="MAU699" s="613"/>
      <c r="MAV699" s="613"/>
      <c r="MAW699" s="613"/>
      <c r="MAX699" s="613"/>
      <c r="MAY699" s="613"/>
      <c r="MAZ699" s="613"/>
      <c r="MBA699" s="613"/>
      <c r="MBB699" s="613"/>
      <c r="MBC699" s="613"/>
      <c r="MBD699" s="613"/>
      <c r="MBE699" s="613"/>
      <c r="MBF699" s="613"/>
      <c r="MBG699" s="613"/>
      <c r="MBH699" s="613"/>
      <c r="MBI699" s="613"/>
      <c r="MBJ699" s="613"/>
      <c r="MBK699" s="613"/>
      <c r="MBL699" s="613"/>
      <c r="MBM699" s="613"/>
      <c r="MBN699" s="613"/>
      <c r="MBO699" s="613"/>
      <c r="MBP699" s="613"/>
      <c r="MBQ699" s="613"/>
      <c r="MBR699" s="613"/>
      <c r="MBS699" s="613"/>
      <c r="MBT699" s="613"/>
      <c r="MBU699" s="613"/>
      <c r="MBV699" s="613"/>
      <c r="MBW699" s="613"/>
      <c r="MBX699" s="613"/>
      <c r="MBY699" s="613"/>
      <c r="MBZ699" s="613"/>
      <c r="MCA699" s="613"/>
      <c r="MCB699" s="613"/>
      <c r="MCC699" s="613"/>
      <c r="MCD699" s="613"/>
      <c r="MCE699" s="613"/>
      <c r="MCF699" s="613"/>
      <c r="MCG699" s="613"/>
      <c r="MCH699" s="613"/>
      <c r="MCI699" s="613"/>
      <c r="MCJ699" s="613"/>
      <c r="MCK699" s="613"/>
      <c r="MCL699" s="613"/>
      <c r="MCM699" s="613"/>
      <c r="MCN699" s="613"/>
      <c r="MCO699" s="613"/>
      <c r="MCP699" s="613"/>
      <c r="MCQ699" s="613"/>
      <c r="MCR699" s="613"/>
      <c r="MCS699" s="613"/>
      <c r="MCT699" s="613"/>
      <c r="MCU699" s="613"/>
      <c r="MCV699" s="613"/>
      <c r="MCW699" s="613"/>
      <c r="MCX699" s="613"/>
      <c r="MCY699" s="613"/>
      <c r="MCZ699" s="613"/>
      <c r="MDA699" s="613"/>
      <c r="MDB699" s="613"/>
      <c r="MDC699" s="613"/>
      <c r="MDD699" s="613"/>
      <c r="MDE699" s="613"/>
      <c r="MDF699" s="613"/>
      <c r="MDG699" s="613"/>
      <c r="MDH699" s="613"/>
      <c r="MDI699" s="613"/>
      <c r="MDJ699" s="613"/>
      <c r="MDK699" s="613"/>
      <c r="MDL699" s="613"/>
      <c r="MDM699" s="613"/>
      <c r="MDN699" s="613"/>
      <c r="MDO699" s="613"/>
      <c r="MDP699" s="613"/>
      <c r="MDQ699" s="613"/>
      <c r="MDR699" s="613"/>
      <c r="MDS699" s="613"/>
      <c r="MDT699" s="613"/>
      <c r="MDU699" s="613"/>
      <c r="MDV699" s="613"/>
      <c r="MDW699" s="613"/>
      <c r="MDX699" s="613"/>
      <c r="MDY699" s="613"/>
      <c r="MDZ699" s="613"/>
      <c r="MEA699" s="613"/>
      <c r="MEB699" s="613"/>
      <c r="MEC699" s="613"/>
      <c r="MED699" s="613"/>
      <c r="MEE699" s="613"/>
      <c r="MEF699" s="613"/>
      <c r="MEG699" s="613"/>
      <c r="MEH699" s="613"/>
      <c r="MEI699" s="613"/>
      <c r="MEJ699" s="613"/>
      <c r="MEK699" s="613"/>
      <c r="MEL699" s="613"/>
      <c r="MEM699" s="613"/>
      <c r="MEN699" s="613"/>
      <c r="MEO699" s="613"/>
      <c r="MEP699" s="613"/>
      <c r="MEQ699" s="613"/>
      <c r="MER699" s="613"/>
      <c r="MES699" s="613"/>
      <c r="MET699" s="613"/>
      <c r="MEU699" s="613"/>
      <c r="MEV699" s="613"/>
      <c r="MEW699" s="613"/>
      <c r="MEX699" s="613"/>
      <c r="MEY699" s="613"/>
      <c r="MEZ699" s="613"/>
      <c r="MFA699" s="613"/>
      <c r="MFB699" s="613"/>
      <c r="MFC699" s="613"/>
      <c r="MFD699" s="613"/>
      <c r="MFE699" s="613"/>
      <c r="MFF699" s="613"/>
      <c r="MFG699" s="613"/>
      <c r="MFH699" s="613"/>
      <c r="MFI699" s="613"/>
      <c r="MFJ699" s="613"/>
      <c r="MFK699" s="613"/>
      <c r="MFL699" s="613"/>
      <c r="MFM699" s="613"/>
      <c r="MFN699" s="613"/>
      <c r="MFO699" s="613"/>
      <c r="MFP699" s="613"/>
      <c r="MFQ699" s="613"/>
      <c r="MFR699" s="613"/>
      <c r="MFS699" s="613"/>
      <c r="MFT699" s="613"/>
      <c r="MFU699" s="613"/>
      <c r="MFV699" s="613"/>
      <c r="MFW699" s="613"/>
      <c r="MFX699" s="613"/>
      <c r="MFY699" s="613"/>
      <c r="MFZ699" s="613"/>
      <c r="MGA699" s="613"/>
      <c r="MGB699" s="613"/>
      <c r="MGC699" s="613"/>
      <c r="MGD699" s="613"/>
      <c r="MGE699" s="613"/>
      <c r="MGF699" s="613"/>
      <c r="MGG699" s="613"/>
      <c r="MGH699" s="613"/>
      <c r="MGI699" s="613"/>
      <c r="MGJ699" s="613"/>
      <c r="MGK699" s="613"/>
      <c r="MGL699" s="613"/>
      <c r="MGM699" s="613"/>
      <c r="MGN699" s="613"/>
      <c r="MGO699" s="613"/>
      <c r="MGP699" s="613"/>
      <c r="MGQ699" s="613"/>
      <c r="MGR699" s="613"/>
      <c r="MGS699" s="613"/>
      <c r="MGT699" s="613"/>
      <c r="MGU699" s="613"/>
      <c r="MGV699" s="613"/>
      <c r="MGW699" s="613"/>
      <c r="MGX699" s="613"/>
      <c r="MGY699" s="613"/>
      <c r="MGZ699" s="613"/>
      <c r="MHA699" s="613"/>
      <c r="MHB699" s="613"/>
      <c r="MHC699" s="613"/>
      <c r="MHD699" s="613"/>
      <c r="MHE699" s="613"/>
      <c r="MHF699" s="613"/>
      <c r="MHG699" s="613"/>
      <c r="MHH699" s="613"/>
      <c r="MHI699" s="613"/>
      <c r="MHJ699" s="613"/>
      <c r="MHK699" s="613"/>
      <c r="MHL699" s="613"/>
      <c r="MHM699" s="613"/>
      <c r="MHN699" s="613"/>
      <c r="MHO699" s="613"/>
      <c r="MHP699" s="613"/>
      <c r="MHQ699" s="613"/>
      <c r="MHR699" s="613"/>
      <c r="MHS699" s="613"/>
      <c r="MHT699" s="613"/>
      <c r="MHU699" s="613"/>
      <c r="MHV699" s="613"/>
      <c r="MHW699" s="613"/>
      <c r="MHX699" s="613"/>
      <c r="MHY699" s="613"/>
      <c r="MHZ699" s="613"/>
      <c r="MIA699" s="613"/>
      <c r="MIB699" s="613"/>
      <c r="MIC699" s="613"/>
      <c r="MID699" s="613"/>
      <c r="MIE699" s="613"/>
      <c r="MIF699" s="613"/>
      <c r="MIG699" s="613"/>
      <c r="MIH699" s="613"/>
      <c r="MII699" s="613"/>
      <c r="MIJ699" s="613"/>
      <c r="MIK699" s="613"/>
      <c r="MIL699" s="613"/>
      <c r="MIM699" s="613"/>
      <c r="MIN699" s="613"/>
      <c r="MIO699" s="613"/>
      <c r="MIP699" s="613"/>
      <c r="MIQ699" s="613"/>
      <c r="MIR699" s="613"/>
      <c r="MIS699" s="613"/>
      <c r="MIT699" s="613"/>
      <c r="MIU699" s="613"/>
      <c r="MIV699" s="613"/>
      <c r="MIW699" s="613"/>
      <c r="MIX699" s="613"/>
      <c r="MIY699" s="613"/>
      <c r="MIZ699" s="613"/>
      <c r="MJA699" s="613"/>
      <c r="MJB699" s="613"/>
      <c r="MJC699" s="613"/>
      <c r="MJD699" s="613"/>
      <c r="MJE699" s="613"/>
      <c r="MJF699" s="613"/>
      <c r="MJG699" s="613"/>
      <c r="MJH699" s="613"/>
      <c r="MJI699" s="613"/>
      <c r="MJJ699" s="613"/>
      <c r="MJK699" s="613"/>
      <c r="MJL699" s="613"/>
      <c r="MJM699" s="613"/>
      <c r="MJN699" s="613"/>
      <c r="MJO699" s="613"/>
      <c r="MJP699" s="613"/>
      <c r="MJQ699" s="613"/>
      <c r="MJR699" s="613"/>
      <c r="MJS699" s="613"/>
      <c r="MJT699" s="613"/>
      <c r="MJU699" s="613"/>
      <c r="MJV699" s="613"/>
      <c r="MJW699" s="613"/>
      <c r="MJX699" s="613"/>
      <c r="MJY699" s="613"/>
      <c r="MJZ699" s="613"/>
      <c r="MKA699" s="613"/>
      <c r="MKB699" s="613"/>
      <c r="MKC699" s="613"/>
      <c r="MKD699" s="613"/>
      <c r="MKE699" s="613"/>
      <c r="MKF699" s="613"/>
      <c r="MKG699" s="613"/>
      <c r="MKH699" s="613"/>
      <c r="MKI699" s="613"/>
      <c r="MKJ699" s="613"/>
      <c r="MKK699" s="613"/>
      <c r="MKL699" s="613"/>
      <c r="MKM699" s="613"/>
      <c r="MKN699" s="613"/>
      <c r="MKO699" s="613"/>
      <c r="MKP699" s="613"/>
      <c r="MKQ699" s="613"/>
      <c r="MKR699" s="613"/>
      <c r="MKS699" s="613"/>
      <c r="MKT699" s="613"/>
      <c r="MKU699" s="613"/>
      <c r="MKV699" s="613"/>
      <c r="MKW699" s="613"/>
      <c r="MKX699" s="613"/>
      <c r="MKY699" s="613"/>
      <c r="MKZ699" s="613"/>
      <c r="MLA699" s="613"/>
      <c r="MLB699" s="613"/>
      <c r="MLC699" s="613"/>
      <c r="MLD699" s="613"/>
      <c r="MLE699" s="613"/>
      <c r="MLF699" s="613"/>
      <c r="MLG699" s="613"/>
      <c r="MLH699" s="613"/>
      <c r="MLI699" s="613"/>
      <c r="MLJ699" s="613"/>
      <c r="MLK699" s="613"/>
      <c r="MLL699" s="613"/>
      <c r="MLM699" s="613"/>
      <c r="MLN699" s="613"/>
      <c r="MLO699" s="613"/>
      <c r="MLP699" s="613"/>
      <c r="MLQ699" s="613"/>
      <c r="MLR699" s="613"/>
      <c r="MLS699" s="613"/>
      <c r="MLT699" s="613"/>
      <c r="MLU699" s="613"/>
      <c r="MLV699" s="613"/>
      <c r="MLW699" s="613"/>
      <c r="MLX699" s="613"/>
      <c r="MLY699" s="613"/>
      <c r="MLZ699" s="613"/>
      <c r="MMA699" s="613"/>
      <c r="MMB699" s="613"/>
      <c r="MMC699" s="613"/>
      <c r="MMD699" s="613"/>
      <c r="MME699" s="613"/>
      <c r="MMF699" s="613"/>
      <c r="MMG699" s="613"/>
      <c r="MMH699" s="613"/>
      <c r="MMI699" s="613"/>
      <c r="MMJ699" s="613"/>
      <c r="MMK699" s="613"/>
      <c r="MML699" s="613"/>
      <c r="MMM699" s="613"/>
      <c r="MMN699" s="613"/>
      <c r="MMO699" s="613"/>
      <c r="MMP699" s="613"/>
      <c r="MMQ699" s="613"/>
      <c r="MMR699" s="613"/>
      <c r="MMS699" s="613"/>
      <c r="MMT699" s="613"/>
      <c r="MMU699" s="613"/>
      <c r="MMV699" s="613"/>
      <c r="MMW699" s="613"/>
      <c r="MMX699" s="613"/>
      <c r="MMY699" s="613"/>
      <c r="MMZ699" s="613"/>
      <c r="MNA699" s="613"/>
      <c r="MNB699" s="613"/>
      <c r="MNC699" s="613"/>
      <c r="MND699" s="613"/>
      <c r="MNE699" s="613"/>
      <c r="MNF699" s="613"/>
      <c r="MNG699" s="613"/>
      <c r="MNH699" s="613"/>
      <c r="MNI699" s="613"/>
      <c r="MNJ699" s="613"/>
      <c r="MNK699" s="613"/>
      <c r="MNL699" s="613"/>
      <c r="MNM699" s="613"/>
      <c r="MNN699" s="613"/>
      <c r="MNO699" s="613"/>
      <c r="MNP699" s="613"/>
      <c r="MNQ699" s="613"/>
      <c r="MNR699" s="613"/>
      <c r="MNS699" s="613"/>
      <c r="MNT699" s="613"/>
      <c r="MNU699" s="613"/>
      <c r="MNV699" s="613"/>
      <c r="MNW699" s="613"/>
      <c r="MNX699" s="613"/>
      <c r="MNY699" s="613"/>
      <c r="MNZ699" s="613"/>
      <c r="MOA699" s="613"/>
      <c r="MOB699" s="613"/>
      <c r="MOC699" s="613"/>
      <c r="MOD699" s="613"/>
      <c r="MOE699" s="613"/>
      <c r="MOF699" s="613"/>
      <c r="MOG699" s="613"/>
      <c r="MOH699" s="613"/>
      <c r="MOI699" s="613"/>
      <c r="MOJ699" s="613"/>
      <c r="MOK699" s="613"/>
      <c r="MOL699" s="613"/>
      <c r="MOM699" s="613"/>
      <c r="MON699" s="613"/>
      <c r="MOO699" s="613"/>
      <c r="MOP699" s="613"/>
      <c r="MOQ699" s="613"/>
      <c r="MOR699" s="613"/>
      <c r="MOS699" s="613"/>
      <c r="MOT699" s="613"/>
      <c r="MOU699" s="613"/>
      <c r="MOV699" s="613"/>
      <c r="MOW699" s="613"/>
      <c r="MOX699" s="613"/>
      <c r="MOY699" s="613"/>
      <c r="MOZ699" s="613"/>
      <c r="MPA699" s="613"/>
      <c r="MPB699" s="613"/>
      <c r="MPC699" s="613"/>
      <c r="MPD699" s="613"/>
      <c r="MPE699" s="613"/>
      <c r="MPF699" s="613"/>
      <c r="MPG699" s="613"/>
      <c r="MPH699" s="613"/>
      <c r="MPI699" s="613"/>
      <c r="MPJ699" s="613"/>
      <c r="MPK699" s="613"/>
      <c r="MPL699" s="613"/>
      <c r="MPM699" s="613"/>
      <c r="MPN699" s="613"/>
      <c r="MPO699" s="613"/>
      <c r="MPP699" s="613"/>
      <c r="MPQ699" s="613"/>
      <c r="MPR699" s="613"/>
      <c r="MPS699" s="613"/>
      <c r="MPT699" s="613"/>
      <c r="MPU699" s="613"/>
      <c r="MPV699" s="613"/>
      <c r="MPW699" s="613"/>
      <c r="MPX699" s="613"/>
      <c r="MPY699" s="613"/>
      <c r="MPZ699" s="613"/>
      <c r="MQA699" s="613"/>
      <c r="MQB699" s="613"/>
      <c r="MQC699" s="613"/>
      <c r="MQD699" s="613"/>
      <c r="MQE699" s="613"/>
      <c r="MQF699" s="613"/>
      <c r="MQG699" s="613"/>
      <c r="MQH699" s="613"/>
      <c r="MQI699" s="613"/>
      <c r="MQJ699" s="613"/>
      <c r="MQK699" s="613"/>
      <c r="MQL699" s="613"/>
      <c r="MQM699" s="613"/>
      <c r="MQN699" s="613"/>
      <c r="MQO699" s="613"/>
      <c r="MQP699" s="613"/>
      <c r="MQQ699" s="613"/>
      <c r="MQR699" s="613"/>
      <c r="MQS699" s="613"/>
      <c r="MQT699" s="613"/>
      <c r="MQU699" s="613"/>
      <c r="MQV699" s="613"/>
      <c r="MQW699" s="613"/>
      <c r="MQX699" s="613"/>
      <c r="MQY699" s="613"/>
      <c r="MQZ699" s="613"/>
      <c r="MRA699" s="613"/>
      <c r="MRB699" s="613"/>
      <c r="MRC699" s="613"/>
      <c r="MRD699" s="613"/>
      <c r="MRE699" s="613"/>
      <c r="MRF699" s="613"/>
      <c r="MRG699" s="613"/>
      <c r="MRH699" s="613"/>
      <c r="MRI699" s="613"/>
      <c r="MRJ699" s="613"/>
      <c r="MRK699" s="613"/>
      <c r="MRL699" s="613"/>
      <c r="MRM699" s="613"/>
      <c r="MRN699" s="613"/>
      <c r="MRO699" s="613"/>
      <c r="MRP699" s="613"/>
      <c r="MRQ699" s="613"/>
      <c r="MRR699" s="613"/>
      <c r="MRS699" s="613"/>
      <c r="MRT699" s="613"/>
      <c r="MRU699" s="613"/>
      <c r="MRV699" s="613"/>
      <c r="MRW699" s="613"/>
      <c r="MRX699" s="613"/>
      <c r="MRY699" s="613"/>
      <c r="MRZ699" s="613"/>
      <c r="MSA699" s="613"/>
      <c r="MSB699" s="613"/>
      <c r="MSC699" s="613"/>
      <c r="MSD699" s="613"/>
      <c r="MSE699" s="613"/>
      <c r="MSF699" s="613"/>
      <c r="MSG699" s="613"/>
      <c r="MSH699" s="613"/>
      <c r="MSI699" s="613"/>
      <c r="MSJ699" s="613"/>
      <c r="MSK699" s="613"/>
      <c r="MSL699" s="613"/>
      <c r="MSM699" s="613"/>
      <c r="MSN699" s="613"/>
      <c r="MSO699" s="613"/>
      <c r="MSP699" s="613"/>
      <c r="MSQ699" s="613"/>
      <c r="MSR699" s="613"/>
      <c r="MSS699" s="613"/>
      <c r="MST699" s="613"/>
      <c r="MSU699" s="613"/>
      <c r="MSV699" s="613"/>
      <c r="MSW699" s="613"/>
      <c r="MSX699" s="613"/>
      <c r="MSY699" s="613"/>
      <c r="MSZ699" s="613"/>
      <c r="MTA699" s="613"/>
      <c r="MTB699" s="613"/>
      <c r="MTC699" s="613"/>
      <c r="MTD699" s="613"/>
      <c r="MTE699" s="613"/>
      <c r="MTF699" s="613"/>
      <c r="MTG699" s="613"/>
      <c r="MTH699" s="613"/>
      <c r="MTI699" s="613"/>
      <c r="MTJ699" s="613"/>
      <c r="MTK699" s="613"/>
      <c r="MTL699" s="613"/>
      <c r="MTM699" s="613"/>
      <c r="MTN699" s="613"/>
      <c r="MTO699" s="613"/>
      <c r="MTP699" s="613"/>
      <c r="MTQ699" s="613"/>
      <c r="MTR699" s="613"/>
      <c r="MTS699" s="613"/>
      <c r="MTT699" s="613"/>
      <c r="MTU699" s="613"/>
      <c r="MTV699" s="613"/>
      <c r="MTW699" s="613"/>
      <c r="MTX699" s="613"/>
      <c r="MTY699" s="613"/>
      <c r="MTZ699" s="613"/>
      <c r="MUA699" s="613"/>
      <c r="MUB699" s="613"/>
      <c r="MUC699" s="613"/>
      <c r="MUD699" s="613"/>
      <c r="MUE699" s="613"/>
      <c r="MUF699" s="613"/>
      <c r="MUG699" s="613"/>
      <c r="MUH699" s="613"/>
      <c r="MUI699" s="613"/>
      <c r="MUJ699" s="613"/>
      <c r="MUK699" s="613"/>
      <c r="MUL699" s="613"/>
      <c r="MUM699" s="613"/>
      <c r="MUN699" s="613"/>
      <c r="MUO699" s="613"/>
      <c r="MUP699" s="613"/>
      <c r="MUQ699" s="613"/>
      <c r="MUR699" s="613"/>
      <c r="MUS699" s="613"/>
      <c r="MUT699" s="613"/>
      <c r="MUU699" s="613"/>
      <c r="MUV699" s="613"/>
      <c r="MUW699" s="613"/>
      <c r="MUX699" s="613"/>
      <c r="MUY699" s="613"/>
      <c r="MUZ699" s="613"/>
      <c r="MVA699" s="613"/>
      <c r="MVB699" s="613"/>
      <c r="MVC699" s="613"/>
      <c r="MVD699" s="613"/>
      <c r="MVE699" s="613"/>
      <c r="MVF699" s="613"/>
      <c r="MVG699" s="613"/>
      <c r="MVH699" s="613"/>
      <c r="MVI699" s="613"/>
      <c r="MVJ699" s="613"/>
      <c r="MVK699" s="613"/>
      <c r="MVL699" s="613"/>
      <c r="MVM699" s="613"/>
      <c r="MVN699" s="613"/>
      <c r="MVO699" s="613"/>
      <c r="MVP699" s="613"/>
      <c r="MVQ699" s="613"/>
      <c r="MVR699" s="613"/>
      <c r="MVS699" s="613"/>
      <c r="MVT699" s="613"/>
      <c r="MVU699" s="613"/>
      <c r="MVV699" s="613"/>
      <c r="MVW699" s="613"/>
      <c r="MVX699" s="613"/>
      <c r="MVY699" s="613"/>
      <c r="MVZ699" s="613"/>
      <c r="MWA699" s="613"/>
      <c r="MWB699" s="613"/>
      <c r="MWC699" s="613"/>
      <c r="MWD699" s="613"/>
      <c r="MWE699" s="613"/>
      <c r="MWF699" s="613"/>
      <c r="MWG699" s="613"/>
      <c r="MWH699" s="613"/>
      <c r="MWI699" s="613"/>
      <c r="MWJ699" s="613"/>
      <c r="MWK699" s="613"/>
      <c r="MWL699" s="613"/>
      <c r="MWM699" s="613"/>
      <c r="MWN699" s="613"/>
      <c r="MWO699" s="613"/>
      <c r="MWP699" s="613"/>
      <c r="MWQ699" s="613"/>
      <c r="MWR699" s="613"/>
      <c r="MWS699" s="613"/>
      <c r="MWT699" s="613"/>
      <c r="MWU699" s="613"/>
      <c r="MWV699" s="613"/>
      <c r="MWW699" s="613"/>
      <c r="MWX699" s="613"/>
      <c r="MWY699" s="613"/>
      <c r="MWZ699" s="613"/>
      <c r="MXA699" s="613"/>
      <c r="MXB699" s="613"/>
      <c r="MXC699" s="613"/>
      <c r="MXD699" s="613"/>
      <c r="MXE699" s="613"/>
      <c r="MXF699" s="613"/>
      <c r="MXG699" s="613"/>
      <c r="MXH699" s="613"/>
      <c r="MXI699" s="613"/>
      <c r="MXJ699" s="613"/>
      <c r="MXK699" s="613"/>
      <c r="MXL699" s="613"/>
      <c r="MXM699" s="613"/>
      <c r="MXN699" s="613"/>
      <c r="MXO699" s="613"/>
      <c r="MXP699" s="613"/>
      <c r="MXQ699" s="613"/>
      <c r="MXR699" s="613"/>
      <c r="MXS699" s="613"/>
      <c r="MXT699" s="613"/>
      <c r="MXU699" s="613"/>
      <c r="MXV699" s="613"/>
      <c r="MXW699" s="613"/>
      <c r="MXX699" s="613"/>
      <c r="MXY699" s="613"/>
      <c r="MXZ699" s="613"/>
      <c r="MYA699" s="613"/>
      <c r="MYB699" s="613"/>
      <c r="MYC699" s="613"/>
      <c r="MYD699" s="613"/>
      <c r="MYE699" s="613"/>
      <c r="MYF699" s="613"/>
      <c r="MYG699" s="613"/>
      <c r="MYH699" s="613"/>
      <c r="MYI699" s="613"/>
      <c r="MYJ699" s="613"/>
      <c r="MYK699" s="613"/>
      <c r="MYL699" s="613"/>
      <c r="MYM699" s="613"/>
      <c r="MYN699" s="613"/>
      <c r="MYO699" s="613"/>
      <c r="MYP699" s="613"/>
      <c r="MYQ699" s="613"/>
      <c r="MYR699" s="613"/>
      <c r="MYS699" s="613"/>
      <c r="MYT699" s="613"/>
      <c r="MYU699" s="613"/>
      <c r="MYV699" s="613"/>
      <c r="MYW699" s="613"/>
      <c r="MYX699" s="613"/>
      <c r="MYY699" s="613"/>
      <c r="MYZ699" s="613"/>
      <c r="MZA699" s="613"/>
      <c r="MZB699" s="613"/>
      <c r="MZC699" s="613"/>
      <c r="MZD699" s="613"/>
      <c r="MZE699" s="613"/>
      <c r="MZF699" s="613"/>
      <c r="MZG699" s="613"/>
      <c r="MZH699" s="613"/>
      <c r="MZI699" s="613"/>
      <c r="MZJ699" s="613"/>
      <c r="MZK699" s="613"/>
      <c r="MZL699" s="613"/>
      <c r="MZM699" s="613"/>
      <c r="MZN699" s="613"/>
      <c r="MZO699" s="613"/>
      <c r="MZP699" s="613"/>
      <c r="MZQ699" s="613"/>
      <c r="MZR699" s="613"/>
      <c r="MZS699" s="613"/>
      <c r="MZT699" s="613"/>
      <c r="MZU699" s="613"/>
      <c r="MZV699" s="613"/>
      <c r="MZW699" s="613"/>
      <c r="MZX699" s="613"/>
      <c r="MZY699" s="613"/>
      <c r="MZZ699" s="613"/>
      <c r="NAA699" s="613"/>
      <c r="NAB699" s="613"/>
      <c r="NAC699" s="613"/>
      <c r="NAD699" s="613"/>
      <c r="NAE699" s="613"/>
      <c r="NAF699" s="613"/>
      <c r="NAG699" s="613"/>
      <c r="NAH699" s="613"/>
      <c r="NAI699" s="613"/>
      <c r="NAJ699" s="613"/>
      <c r="NAK699" s="613"/>
      <c r="NAL699" s="613"/>
      <c r="NAM699" s="613"/>
      <c r="NAN699" s="613"/>
      <c r="NAO699" s="613"/>
      <c r="NAP699" s="613"/>
      <c r="NAQ699" s="613"/>
      <c r="NAR699" s="613"/>
      <c r="NAS699" s="613"/>
      <c r="NAT699" s="613"/>
      <c r="NAU699" s="613"/>
      <c r="NAV699" s="613"/>
      <c r="NAW699" s="613"/>
      <c r="NAX699" s="613"/>
      <c r="NAY699" s="613"/>
      <c r="NAZ699" s="613"/>
      <c r="NBA699" s="613"/>
      <c r="NBB699" s="613"/>
      <c r="NBC699" s="613"/>
      <c r="NBD699" s="613"/>
      <c r="NBE699" s="613"/>
      <c r="NBF699" s="613"/>
      <c r="NBG699" s="613"/>
      <c r="NBH699" s="613"/>
      <c r="NBI699" s="613"/>
      <c r="NBJ699" s="613"/>
      <c r="NBK699" s="613"/>
      <c r="NBL699" s="613"/>
      <c r="NBM699" s="613"/>
      <c r="NBN699" s="613"/>
      <c r="NBO699" s="613"/>
      <c r="NBP699" s="613"/>
      <c r="NBQ699" s="613"/>
      <c r="NBR699" s="613"/>
      <c r="NBS699" s="613"/>
      <c r="NBT699" s="613"/>
      <c r="NBU699" s="613"/>
      <c r="NBV699" s="613"/>
      <c r="NBW699" s="613"/>
      <c r="NBX699" s="613"/>
      <c r="NBY699" s="613"/>
      <c r="NBZ699" s="613"/>
      <c r="NCA699" s="613"/>
      <c r="NCB699" s="613"/>
      <c r="NCC699" s="613"/>
      <c r="NCD699" s="613"/>
      <c r="NCE699" s="613"/>
      <c r="NCF699" s="613"/>
      <c r="NCG699" s="613"/>
      <c r="NCH699" s="613"/>
      <c r="NCI699" s="613"/>
      <c r="NCJ699" s="613"/>
      <c r="NCK699" s="613"/>
      <c r="NCL699" s="613"/>
      <c r="NCM699" s="613"/>
      <c r="NCN699" s="613"/>
      <c r="NCO699" s="613"/>
      <c r="NCP699" s="613"/>
      <c r="NCQ699" s="613"/>
      <c r="NCR699" s="613"/>
      <c r="NCS699" s="613"/>
      <c r="NCT699" s="613"/>
      <c r="NCU699" s="613"/>
      <c r="NCV699" s="613"/>
      <c r="NCW699" s="613"/>
      <c r="NCX699" s="613"/>
      <c r="NCY699" s="613"/>
      <c r="NCZ699" s="613"/>
      <c r="NDA699" s="613"/>
      <c r="NDB699" s="613"/>
      <c r="NDC699" s="613"/>
      <c r="NDD699" s="613"/>
      <c r="NDE699" s="613"/>
      <c r="NDF699" s="613"/>
      <c r="NDG699" s="613"/>
      <c r="NDH699" s="613"/>
      <c r="NDI699" s="613"/>
      <c r="NDJ699" s="613"/>
      <c r="NDK699" s="613"/>
      <c r="NDL699" s="613"/>
      <c r="NDM699" s="613"/>
      <c r="NDN699" s="613"/>
      <c r="NDO699" s="613"/>
      <c r="NDP699" s="613"/>
      <c r="NDQ699" s="613"/>
      <c r="NDR699" s="613"/>
      <c r="NDS699" s="613"/>
      <c r="NDT699" s="613"/>
      <c r="NDU699" s="613"/>
      <c r="NDV699" s="613"/>
      <c r="NDW699" s="613"/>
      <c r="NDX699" s="613"/>
      <c r="NDY699" s="613"/>
      <c r="NDZ699" s="613"/>
      <c r="NEA699" s="613"/>
      <c r="NEB699" s="613"/>
      <c r="NEC699" s="613"/>
      <c r="NED699" s="613"/>
      <c r="NEE699" s="613"/>
      <c r="NEF699" s="613"/>
      <c r="NEG699" s="613"/>
      <c r="NEH699" s="613"/>
      <c r="NEI699" s="613"/>
      <c r="NEJ699" s="613"/>
      <c r="NEK699" s="613"/>
      <c r="NEL699" s="613"/>
      <c r="NEM699" s="613"/>
      <c r="NEN699" s="613"/>
      <c r="NEO699" s="613"/>
      <c r="NEP699" s="613"/>
      <c r="NEQ699" s="613"/>
      <c r="NER699" s="613"/>
      <c r="NES699" s="613"/>
      <c r="NET699" s="613"/>
      <c r="NEU699" s="613"/>
      <c r="NEV699" s="613"/>
      <c r="NEW699" s="613"/>
      <c r="NEX699" s="613"/>
      <c r="NEY699" s="613"/>
      <c r="NEZ699" s="613"/>
      <c r="NFA699" s="613"/>
      <c r="NFB699" s="613"/>
      <c r="NFC699" s="613"/>
      <c r="NFD699" s="613"/>
      <c r="NFE699" s="613"/>
      <c r="NFF699" s="613"/>
      <c r="NFG699" s="613"/>
      <c r="NFH699" s="613"/>
      <c r="NFI699" s="613"/>
      <c r="NFJ699" s="613"/>
      <c r="NFK699" s="613"/>
      <c r="NFL699" s="613"/>
      <c r="NFM699" s="613"/>
      <c r="NFN699" s="613"/>
      <c r="NFO699" s="613"/>
      <c r="NFP699" s="613"/>
      <c r="NFQ699" s="613"/>
      <c r="NFR699" s="613"/>
      <c r="NFS699" s="613"/>
      <c r="NFT699" s="613"/>
      <c r="NFU699" s="613"/>
      <c r="NFV699" s="613"/>
      <c r="NFW699" s="613"/>
      <c r="NFX699" s="613"/>
      <c r="NFY699" s="613"/>
      <c r="NFZ699" s="613"/>
      <c r="NGA699" s="613"/>
      <c r="NGB699" s="613"/>
      <c r="NGC699" s="613"/>
      <c r="NGD699" s="613"/>
      <c r="NGE699" s="613"/>
      <c r="NGF699" s="613"/>
      <c r="NGG699" s="613"/>
      <c r="NGH699" s="613"/>
      <c r="NGI699" s="613"/>
      <c r="NGJ699" s="613"/>
      <c r="NGK699" s="613"/>
      <c r="NGL699" s="613"/>
      <c r="NGM699" s="613"/>
      <c r="NGN699" s="613"/>
      <c r="NGO699" s="613"/>
      <c r="NGP699" s="613"/>
      <c r="NGQ699" s="613"/>
      <c r="NGR699" s="613"/>
      <c r="NGS699" s="613"/>
      <c r="NGT699" s="613"/>
      <c r="NGU699" s="613"/>
      <c r="NGV699" s="613"/>
      <c r="NGW699" s="613"/>
      <c r="NGX699" s="613"/>
      <c r="NGY699" s="613"/>
      <c r="NGZ699" s="613"/>
      <c r="NHA699" s="613"/>
      <c r="NHB699" s="613"/>
      <c r="NHC699" s="613"/>
      <c r="NHD699" s="613"/>
      <c r="NHE699" s="613"/>
      <c r="NHF699" s="613"/>
      <c r="NHG699" s="613"/>
      <c r="NHH699" s="613"/>
      <c r="NHI699" s="613"/>
      <c r="NHJ699" s="613"/>
      <c r="NHK699" s="613"/>
      <c r="NHL699" s="613"/>
      <c r="NHM699" s="613"/>
      <c r="NHN699" s="613"/>
      <c r="NHO699" s="613"/>
      <c r="NHP699" s="613"/>
      <c r="NHQ699" s="613"/>
      <c r="NHR699" s="613"/>
      <c r="NHS699" s="613"/>
      <c r="NHT699" s="613"/>
      <c r="NHU699" s="613"/>
      <c r="NHV699" s="613"/>
      <c r="NHW699" s="613"/>
      <c r="NHX699" s="613"/>
      <c r="NHY699" s="613"/>
      <c r="NHZ699" s="613"/>
      <c r="NIA699" s="613"/>
      <c r="NIB699" s="613"/>
      <c r="NIC699" s="613"/>
      <c r="NID699" s="613"/>
      <c r="NIE699" s="613"/>
      <c r="NIF699" s="613"/>
      <c r="NIG699" s="613"/>
      <c r="NIH699" s="613"/>
      <c r="NII699" s="613"/>
      <c r="NIJ699" s="613"/>
      <c r="NIK699" s="613"/>
      <c r="NIL699" s="613"/>
      <c r="NIM699" s="613"/>
      <c r="NIN699" s="613"/>
      <c r="NIO699" s="613"/>
      <c r="NIP699" s="613"/>
      <c r="NIQ699" s="613"/>
      <c r="NIR699" s="613"/>
      <c r="NIS699" s="613"/>
      <c r="NIT699" s="613"/>
      <c r="NIU699" s="613"/>
      <c r="NIV699" s="613"/>
      <c r="NIW699" s="613"/>
      <c r="NIX699" s="613"/>
      <c r="NIY699" s="613"/>
      <c r="NIZ699" s="613"/>
      <c r="NJA699" s="613"/>
      <c r="NJB699" s="613"/>
      <c r="NJC699" s="613"/>
      <c r="NJD699" s="613"/>
      <c r="NJE699" s="613"/>
      <c r="NJF699" s="613"/>
      <c r="NJG699" s="613"/>
      <c r="NJH699" s="613"/>
      <c r="NJI699" s="613"/>
      <c r="NJJ699" s="613"/>
      <c r="NJK699" s="613"/>
      <c r="NJL699" s="613"/>
      <c r="NJM699" s="613"/>
      <c r="NJN699" s="613"/>
      <c r="NJO699" s="613"/>
      <c r="NJP699" s="613"/>
      <c r="NJQ699" s="613"/>
      <c r="NJR699" s="613"/>
      <c r="NJS699" s="613"/>
      <c r="NJT699" s="613"/>
      <c r="NJU699" s="613"/>
      <c r="NJV699" s="613"/>
      <c r="NJW699" s="613"/>
      <c r="NJX699" s="613"/>
      <c r="NJY699" s="613"/>
      <c r="NJZ699" s="613"/>
      <c r="NKA699" s="613"/>
      <c r="NKB699" s="613"/>
      <c r="NKC699" s="613"/>
      <c r="NKD699" s="613"/>
      <c r="NKE699" s="613"/>
      <c r="NKF699" s="613"/>
      <c r="NKG699" s="613"/>
      <c r="NKH699" s="613"/>
      <c r="NKI699" s="613"/>
      <c r="NKJ699" s="613"/>
      <c r="NKK699" s="613"/>
      <c r="NKL699" s="613"/>
      <c r="NKM699" s="613"/>
      <c r="NKN699" s="613"/>
      <c r="NKO699" s="613"/>
      <c r="NKP699" s="613"/>
      <c r="NKQ699" s="613"/>
      <c r="NKR699" s="613"/>
      <c r="NKS699" s="613"/>
      <c r="NKT699" s="613"/>
      <c r="NKU699" s="613"/>
      <c r="NKV699" s="613"/>
      <c r="NKW699" s="613"/>
      <c r="NKX699" s="613"/>
      <c r="NKY699" s="613"/>
      <c r="NKZ699" s="613"/>
      <c r="NLA699" s="613"/>
      <c r="NLB699" s="613"/>
      <c r="NLC699" s="613"/>
      <c r="NLD699" s="613"/>
      <c r="NLE699" s="613"/>
      <c r="NLF699" s="613"/>
      <c r="NLG699" s="613"/>
      <c r="NLH699" s="613"/>
      <c r="NLI699" s="613"/>
      <c r="NLJ699" s="613"/>
      <c r="NLK699" s="613"/>
      <c r="NLL699" s="613"/>
      <c r="NLM699" s="613"/>
      <c r="NLN699" s="613"/>
      <c r="NLO699" s="613"/>
      <c r="NLP699" s="613"/>
      <c r="NLQ699" s="613"/>
      <c r="NLR699" s="613"/>
      <c r="NLS699" s="613"/>
      <c r="NLT699" s="613"/>
      <c r="NLU699" s="613"/>
      <c r="NLV699" s="613"/>
      <c r="NLW699" s="613"/>
      <c r="NLX699" s="613"/>
      <c r="NLY699" s="613"/>
      <c r="NLZ699" s="613"/>
      <c r="NMA699" s="613"/>
      <c r="NMB699" s="613"/>
      <c r="NMC699" s="613"/>
      <c r="NMD699" s="613"/>
      <c r="NME699" s="613"/>
      <c r="NMF699" s="613"/>
      <c r="NMG699" s="613"/>
      <c r="NMH699" s="613"/>
      <c r="NMI699" s="613"/>
      <c r="NMJ699" s="613"/>
      <c r="NMK699" s="613"/>
      <c r="NML699" s="613"/>
      <c r="NMM699" s="613"/>
      <c r="NMN699" s="613"/>
      <c r="NMO699" s="613"/>
      <c r="NMP699" s="613"/>
      <c r="NMQ699" s="613"/>
      <c r="NMR699" s="613"/>
      <c r="NMS699" s="613"/>
      <c r="NMT699" s="613"/>
      <c r="NMU699" s="613"/>
      <c r="NMV699" s="613"/>
      <c r="NMW699" s="613"/>
      <c r="NMX699" s="613"/>
      <c r="NMY699" s="613"/>
      <c r="NMZ699" s="613"/>
      <c r="NNA699" s="613"/>
      <c r="NNB699" s="613"/>
      <c r="NNC699" s="613"/>
      <c r="NND699" s="613"/>
      <c r="NNE699" s="613"/>
      <c r="NNF699" s="613"/>
      <c r="NNG699" s="613"/>
      <c r="NNH699" s="613"/>
      <c r="NNI699" s="613"/>
      <c r="NNJ699" s="613"/>
      <c r="NNK699" s="613"/>
      <c r="NNL699" s="613"/>
      <c r="NNM699" s="613"/>
      <c r="NNN699" s="613"/>
      <c r="NNO699" s="613"/>
      <c r="NNP699" s="613"/>
      <c r="NNQ699" s="613"/>
      <c r="NNR699" s="613"/>
      <c r="NNS699" s="613"/>
      <c r="NNT699" s="613"/>
      <c r="NNU699" s="613"/>
      <c r="NNV699" s="613"/>
      <c r="NNW699" s="613"/>
      <c r="NNX699" s="613"/>
      <c r="NNY699" s="613"/>
      <c r="NNZ699" s="613"/>
      <c r="NOA699" s="613"/>
      <c r="NOB699" s="613"/>
      <c r="NOC699" s="613"/>
      <c r="NOD699" s="613"/>
      <c r="NOE699" s="613"/>
      <c r="NOF699" s="613"/>
      <c r="NOG699" s="613"/>
      <c r="NOH699" s="613"/>
      <c r="NOI699" s="613"/>
      <c r="NOJ699" s="613"/>
      <c r="NOK699" s="613"/>
      <c r="NOL699" s="613"/>
      <c r="NOM699" s="613"/>
      <c r="NON699" s="613"/>
      <c r="NOO699" s="613"/>
      <c r="NOP699" s="613"/>
      <c r="NOQ699" s="613"/>
      <c r="NOR699" s="613"/>
      <c r="NOS699" s="613"/>
      <c r="NOT699" s="613"/>
      <c r="NOU699" s="613"/>
      <c r="NOV699" s="613"/>
      <c r="NOW699" s="613"/>
      <c r="NOX699" s="613"/>
      <c r="NOY699" s="613"/>
      <c r="NOZ699" s="613"/>
      <c r="NPA699" s="613"/>
      <c r="NPB699" s="613"/>
      <c r="NPC699" s="613"/>
      <c r="NPD699" s="613"/>
      <c r="NPE699" s="613"/>
      <c r="NPF699" s="613"/>
      <c r="NPG699" s="613"/>
      <c r="NPH699" s="613"/>
      <c r="NPI699" s="613"/>
      <c r="NPJ699" s="613"/>
      <c r="NPK699" s="613"/>
      <c r="NPL699" s="613"/>
      <c r="NPM699" s="613"/>
      <c r="NPN699" s="613"/>
      <c r="NPO699" s="613"/>
      <c r="NPP699" s="613"/>
      <c r="NPQ699" s="613"/>
      <c r="NPR699" s="613"/>
      <c r="NPS699" s="613"/>
      <c r="NPT699" s="613"/>
      <c r="NPU699" s="613"/>
      <c r="NPV699" s="613"/>
      <c r="NPW699" s="613"/>
      <c r="NPX699" s="613"/>
      <c r="NPY699" s="613"/>
      <c r="NPZ699" s="613"/>
      <c r="NQA699" s="613"/>
      <c r="NQB699" s="613"/>
      <c r="NQC699" s="613"/>
      <c r="NQD699" s="613"/>
      <c r="NQE699" s="613"/>
      <c r="NQF699" s="613"/>
      <c r="NQG699" s="613"/>
      <c r="NQH699" s="613"/>
      <c r="NQI699" s="613"/>
      <c r="NQJ699" s="613"/>
      <c r="NQK699" s="613"/>
      <c r="NQL699" s="613"/>
      <c r="NQM699" s="613"/>
      <c r="NQN699" s="613"/>
      <c r="NQO699" s="613"/>
      <c r="NQP699" s="613"/>
      <c r="NQQ699" s="613"/>
      <c r="NQR699" s="613"/>
      <c r="NQS699" s="613"/>
      <c r="NQT699" s="613"/>
      <c r="NQU699" s="613"/>
      <c r="NQV699" s="613"/>
      <c r="NQW699" s="613"/>
      <c r="NQX699" s="613"/>
      <c r="NQY699" s="613"/>
      <c r="NQZ699" s="613"/>
      <c r="NRA699" s="613"/>
      <c r="NRB699" s="613"/>
      <c r="NRC699" s="613"/>
      <c r="NRD699" s="613"/>
      <c r="NRE699" s="613"/>
      <c r="NRF699" s="613"/>
      <c r="NRG699" s="613"/>
      <c r="NRH699" s="613"/>
      <c r="NRI699" s="613"/>
      <c r="NRJ699" s="613"/>
      <c r="NRK699" s="613"/>
      <c r="NRL699" s="613"/>
      <c r="NRM699" s="613"/>
      <c r="NRN699" s="613"/>
      <c r="NRO699" s="613"/>
      <c r="NRP699" s="613"/>
      <c r="NRQ699" s="613"/>
      <c r="NRR699" s="613"/>
      <c r="NRS699" s="613"/>
      <c r="NRT699" s="613"/>
      <c r="NRU699" s="613"/>
      <c r="NRV699" s="613"/>
      <c r="NRW699" s="613"/>
      <c r="NRX699" s="613"/>
      <c r="NRY699" s="613"/>
      <c r="NRZ699" s="613"/>
      <c r="NSA699" s="613"/>
      <c r="NSB699" s="613"/>
      <c r="NSC699" s="613"/>
      <c r="NSD699" s="613"/>
      <c r="NSE699" s="613"/>
      <c r="NSF699" s="613"/>
      <c r="NSG699" s="613"/>
      <c r="NSH699" s="613"/>
      <c r="NSI699" s="613"/>
      <c r="NSJ699" s="613"/>
      <c r="NSK699" s="613"/>
      <c r="NSL699" s="613"/>
      <c r="NSM699" s="613"/>
      <c r="NSN699" s="613"/>
      <c r="NSO699" s="613"/>
      <c r="NSP699" s="613"/>
      <c r="NSQ699" s="613"/>
      <c r="NSR699" s="613"/>
      <c r="NSS699" s="613"/>
      <c r="NST699" s="613"/>
      <c r="NSU699" s="613"/>
      <c r="NSV699" s="613"/>
      <c r="NSW699" s="613"/>
      <c r="NSX699" s="613"/>
      <c r="NSY699" s="613"/>
      <c r="NSZ699" s="613"/>
      <c r="NTA699" s="613"/>
      <c r="NTB699" s="613"/>
      <c r="NTC699" s="613"/>
      <c r="NTD699" s="613"/>
      <c r="NTE699" s="613"/>
      <c r="NTF699" s="613"/>
      <c r="NTG699" s="613"/>
      <c r="NTH699" s="613"/>
      <c r="NTI699" s="613"/>
      <c r="NTJ699" s="613"/>
      <c r="NTK699" s="613"/>
      <c r="NTL699" s="613"/>
      <c r="NTM699" s="613"/>
      <c r="NTN699" s="613"/>
      <c r="NTO699" s="613"/>
      <c r="NTP699" s="613"/>
      <c r="NTQ699" s="613"/>
      <c r="NTR699" s="613"/>
      <c r="NTS699" s="613"/>
      <c r="NTT699" s="613"/>
      <c r="NTU699" s="613"/>
      <c r="NTV699" s="613"/>
      <c r="NTW699" s="613"/>
      <c r="NTX699" s="613"/>
      <c r="NTY699" s="613"/>
      <c r="NTZ699" s="613"/>
      <c r="NUA699" s="613"/>
      <c r="NUB699" s="613"/>
      <c r="NUC699" s="613"/>
      <c r="NUD699" s="613"/>
      <c r="NUE699" s="613"/>
      <c r="NUF699" s="613"/>
      <c r="NUG699" s="613"/>
      <c r="NUH699" s="613"/>
      <c r="NUI699" s="613"/>
      <c r="NUJ699" s="613"/>
      <c r="NUK699" s="613"/>
      <c r="NUL699" s="613"/>
      <c r="NUM699" s="613"/>
      <c r="NUN699" s="613"/>
      <c r="NUO699" s="613"/>
      <c r="NUP699" s="613"/>
      <c r="NUQ699" s="613"/>
      <c r="NUR699" s="613"/>
      <c r="NUS699" s="613"/>
      <c r="NUT699" s="613"/>
      <c r="NUU699" s="613"/>
      <c r="NUV699" s="613"/>
      <c r="NUW699" s="613"/>
      <c r="NUX699" s="613"/>
      <c r="NUY699" s="613"/>
      <c r="NUZ699" s="613"/>
      <c r="NVA699" s="613"/>
      <c r="NVB699" s="613"/>
      <c r="NVC699" s="613"/>
      <c r="NVD699" s="613"/>
      <c r="NVE699" s="613"/>
      <c r="NVF699" s="613"/>
      <c r="NVG699" s="613"/>
      <c r="NVH699" s="613"/>
      <c r="NVI699" s="613"/>
      <c r="NVJ699" s="613"/>
      <c r="NVK699" s="613"/>
      <c r="NVL699" s="613"/>
      <c r="NVM699" s="613"/>
      <c r="NVN699" s="613"/>
      <c r="NVO699" s="613"/>
      <c r="NVP699" s="613"/>
      <c r="NVQ699" s="613"/>
      <c r="NVR699" s="613"/>
      <c r="NVS699" s="613"/>
      <c r="NVT699" s="613"/>
      <c r="NVU699" s="613"/>
      <c r="NVV699" s="613"/>
      <c r="NVW699" s="613"/>
      <c r="NVX699" s="613"/>
      <c r="NVY699" s="613"/>
      <c r="NVZ699" s="613"/>
      <c r="NWA699" s="613"/>
      <c r="NWB699" s="613"/>
      <c r="NWC699" s="613"/>
      <c r="NWD699" s="613"/>
      <c r="NWE699" s="613"/>
      <c r="NWF699" s="613"/>
      <c r="NWG699" s="613"/>
      <c r="NWH699" s="613"/>
      <c r="NWI699" s="613"/>
      <c r="NWJ699" s="613"/>
      <c r="NWK699" s="613"/>
      <c r="NWL699" s="613"/>
      <c r="NWM699" s="613"/>
      <c r="NWN699" s="613"/>
      <c r="NWO699" s="613"/>
      <c r="NWP699" s="613"/>
      <c r="NWQ699" s="613"/>
      <c r="NWR699" s="613"/>
      <c r="NWS699" s="613"/>
      <c r="NWT699" s="613"/>
      <c r="NWU699" s="613"/>
      <c r="NWV699" s="613"/>
      <c r="NWW699" s="613"/>
      <c r="NWX699" s="613"/>
      <c r="NWY699" s="613"/>
      <c r="NWZ699" s="613"/>
      <c r="NXA699" s="613"/>
      <c r="NXB699" s="613"/>
      <c r="NXC699" s="613"/>
      <c r="NXD699" s="613"/>
      <c r="NXE699" s="613"/>
      <c r="NXF699" s="613"/>
      <c r="NXG699" s="613"/>
      <c r="NXH699" s="613"/>
      <c r="NXI699" s="613"/>
      <c r="NXJ699" s="613"/>
      <c r="NXK699" s="613"/>
      <c r="NXL699" s="613"/>
      <c r="NXM699" s="613"/>
      <c r="NXN699" s="613"/>
      <c r="NXO699" s="613"/>
      <c r="NXP699" s="613"/>
      <c r="NXQ699" s="613"/>
      <c r="NXR699" s="613"/>
      <c r="NXS699" s="613"/>
      <c r="NXT699" s="613"/>
      <c r="NXU699" s="613"/>
      <c r="NXV699" s="613"/>
      <c r="NXW699" s="613"/>
      <c r="NXX699" s="613"/>
      <c r="NXY699" s="613"/>
      <c r="NXZ699" s="613"/>
      <c r="NYA699" s="613"/>
      <c r="NYB699" s="613"/>
      <c r="NYC699" s="613"/>
      <c r="NYD699" s="613"/>
      <c r="NYE699" s="613"/>
      <c r="NYF699" s="613"/>
      <c r="NYG699" s="613"/>
      <c r="NYH699" s="613"/>
      <c r="NYI699" s="613"/>
      <c r="NYJ699" s="613"/>
      <c r="NYK699" s="613"/>
      <c r="NYL699" s="613"/>
      <c r="NYM699" s="613"/>
      <c r="NYN699" s="613"/>
      <c r="NYO699" s="613"/>
      <c r="NYP699" s="613"/>
      <c r="NYQ699" s="613"/>
      <c r="NYR699" s="613"/>
      <c r="NYS699" s="613"/>
      <c r="NYT699" s="613"/>
      <c r="NYU699" s="613"/>
      <c r="NYV699" s="613"/>
      <c r="NYW699" s="613"/>
      <c r="NYX699" s="613"/>
      <c r="NYY699" s="613"/>
      <c r="NYZ699" s="613"/>
      <c r="NZA699" s="613"/>
      <c r="NZB699" s="613"/>
      <c r="NZC699" s="613"/>
      <c r="NZD699" s="613"/>
      <c r="NZE699" s="613"/>
      <c r="NZF699" s="613"/>
      <c r="NZG699" s="613"/>
      <c r="NZH699" s="613"/>
      <c r="NZI699" s="613"/>
      <c r="NZJ699" s="613"/>
      <c r="NZK699" s="613"/>
      <c r="NZL699" s="613"/>
      <c r="NZM699" s="613"/>
      <c r="NZN699" s="613"/>
      <c r="NZO699" s="613"/>
      <c r="NZP699" s="613"/>
      <c r="NZQ699" s="613"/>
      <c r="NZR699" s="613"/>
      <c r="NZS699" s="613"/>
      <c r="NZT699" s="613"/>
      <c r="NZU699" s="613"/>
      <c r="NZV699" s="613"/>
      <c r="NZW699" s="613"/>
      <c r="NZX699" s="613"/>
      <c r="NZY699" s="613"/>
      <c r="NZZ699" s="613"/>
      <c r="OAA699" s="613"/>
      <c r="OAB699" s="613"/>
      <c r="OAC699" s="613"/>
      <c r="OAD699" s="613"/>
      <c r="OAE699" s="613"/>
      <c r="OAF699" s="613"/>
      <c r="OAG699" s="613"/>
      <c r="OAH699" s="613"/>
      <c r="OAI699" s="613"/>
      <c r="OAJ699" s="613"/>
      <c r="OAK699" s="613"/>
      <c r="OAL699" s="613"/>
      <c r="OAM699" s="613"/>
      <c r="OAN699" s="613"/>
      <c r="OAO699" s="613"/>
      <c r="OAP699" s="613"/>
      <c r="OAQ699" s="613"/>
      <c r="OAR699" s="613"/>
      <c r="OAS699" s="613"/>
      <c r="OAT699" s="613"/>
      <c r="OAU699" s="613"/>
      <c r="OAV699" s="613"/>
      <c r="OAW699" s="613"/>
      <c r="OAX699" s="613"/>
      <c r="OAY699" s="613"/>
      <c r="OAZ699" s="613"/>
      <c r="OBA699" s="613"/>
      <c r="OBB699" s="613"/>
      <c r="OBC699" s="613"/>
      <c r="OBD699" s="613"/>
      <c r="OBE699" s="613"/>
      <c r="OBF699" s="613"/>
      <c r="OBG699" s="613"/>
      <c r="OBH699" s="613"/>
      <c r="OBI699" s="613"/>
      <c r="OBJ699" s="613"/>
      <c r="OBK699" s="613"/>
      <c r="OBL699" s="613"/>
      <c r="OBM699" s="613"/>
      <c r="OBN699" s="613"/>
      <c r="OBO699" s="613"/>
      <c r="OBP699" s="613"/>
      <c r="OBQ699" s="613"/>
      <c r="OBR699" s="613"/>
      <c r="OBS699" s="613"/>
      <c r="OBT699" s="613"/>
      <c r="OBU699" s="613"/>
      <c r="OBV699" s="613"/>
      <c r="OBW699" s="613"/>
      <c r="OBX699" s="613"/>
      <c r="OBY699" s="613"/>
      <c r="OBZ699" s="613"/>
      <c r="OCA699" s="613"/>
      <c r="OCB699" s="613"/>
      <c r="OCC699" s="613"/>
      <c r="OCD699" s="613"/>
      <c r="OCE699" s="613"/>
      <c r="OCF699" s="613"/>
      <c r="OCG699" s="613"/>
      <c r="OCH699" s="613"/>
      <c r="OCI699" s="613"/>
      <c r="OCJ699" s="613"/>
      <c r="OCK699" s="613"/>
      <c r="OCL699" s="613"/>
      <c r="OCM699" s="613"/>
      <c r="OCN699" s="613"/>
      <c r="OCO699" s="613"/>
      <c r="OCP699" s="613"/>
      <c r="OCQ699" s="613"/>
      <c r="OCR699" s="613"/>
      <c r="OCS699" s="613"/>
      <c r="OCT699" s="613"/>
      <c r="OCU699" s="613"/>
      <c r="OCV699" s="613"/>
      <c r="OCW699" s="613"/>
      <c r="OCX699" s="613"/>
      <c r="OCY699" s="613"/>
      <c r="OCZ699" s="613"/>
      <c r="ODA699" s="613"/>
      <c r="ODB699" s="613"/>
      <c r="ODC699" s="613"/>
      <c r="ODD699" s="613"/>
      <c r="ODE699" s="613"/>
      <c r="ODF699" s="613"/>
      <c r="ODG699" s="613"/>
      <c r="ODH699" s="613"/>
      <c r="ODI699" s="613"/>
      <c r="ODJ699" s="613"/>
      <c r="ODK699" s="613"/>
      <c r="ODL699" s="613"/>
      <c r="ODM699" s="613"/>
      <c r="ODN699" s="613"/>
      <c r="ODO699" s="613"/>
      <c r="ODP699" s="613"/>
      <c r="ODQ699" s="613"/>
      <c r="ODR699" s="613"/>
      <c r="ODS699" s="613"/>
      <c r="ODT699" s="613"/>
      <c r="ODU699" s="613"/>
      <c r="ODV699" s="613"/>
      <c r="ODW699" s="613"/>
      <c r="ODX699" s="613"/>
      <c r="ODY699" s="613"/>
      <c r="ODZ699" s="613"/>
      <c r="OEA699" s="613"/>
      <c r="OEB699" s="613"/>
      <c r="OEC699" s="613"/>
      <c r="OED699" s="613"/>
      <c r="OEE699" s="613"/>
      <c r="OEF699" s="613"/>
      <c r="OEG699" s="613"/>
      <c r="OEH699" s="613"/>
      <c r="OEI699" s="613"/>
      <c r="OEJ699" s="613"/>
      <c r="OEK699" s="613"/>
      <c r="OEL699" s="613"/>
      <c r="OEM699" s="613"/>
      <c r="OEN699" s="613"/>
      <c r="OEO699" s="613"/>
      <c r="OEP699" s="613"/>
      <c r="OEQ699" s="613"/>
      <c r="OER699" s="613"/>
      <c r="OES699" s="613"/>
      <c r="OET699" s="613"/>
      <c r="OEU699" s="613"/>
      <c r="OEV699" s="613"/>
      <c r="OEW699" s="613"/>
      <c r="OEX699" s="613"/>
      <c r="OEY699" s="613"/>
      <c r="OEZ699" s="613"/>
      <c r="OFA699" s="613"/>
      <c r="OFB699" s="613"/>
      <c r="OFC699" s="613"/>
      <c r="OFD699" s="613"/>
      <c r="OFE699" s="613"/>
      <c r="OFF699" s="613"/>
      <c r="OFG699" s="613"/>
      <c r="OFH699" s="613"/>
      <c r="OFI699" s="613"/>
      <c r="OFJ699" s="613"/>
      <c r="OFK699" s="613"/>
      <c r="OFL699" s="613"/>
      <c r="OFM699" s="613"/>
      <c r="OFN699" s="613"/>
      <c r="OFO699" s="613"/>
      <c r="OFP699" s="613"/>
      <c r="OFQ699" s="613"/>
      <c r="OFR699" s="613"/>
      <c r="OFS699" s="613"/>
      <c r="OFT699" s="613"/>
      <c r="OFU699" s="613"/>
      <c r="OFV699" s="613"/>
      <c r="OFW699" s="613"/>
      <c r="OFX699" s="613"/>
      <c r="OFY699" s="613"/>
      <c r="OFZ699" s="613"/>
      <c r="OGA699" s="613"/>
      <c r="OGB699" s="613"/>
      <c r="OGC699" s="613"/>
      <c r="OGD699" s="613"/>
      <c r="OGE699" s="613"/>
      <c r="OGF699" s="613"/>
      <c r="OGG699" s="613"/>
      <c r="OGH699" s="613"/>
      <c r="OGI699" s="613"/>
      <c r="OGJ699" s="613"/>
      <c r="OGK699" s="613"/>
      <c r="OGL699" s="613"/>
      <c r="OGM699" s="613"/>
      <c r="OGN699" s="613"/>
      <c r="OGO699" s="613"/>
      <c r="OGP699" s="613"/>
      <c r="OGQ699" s="613"/>
      <c r="OGR699" s="613"/>
      <c r="OGS699" s="613"/>
      <c r="OGT699" s="613"/>
      <c r="OGU699" s="613"/>
      <c r="OGV699" s="613"/>
      <c r="OGW699" s="613"/>
      <c r="OGX699" s="613"/>
      <c r="OGY699" s="613"/>
      <c r="OGZ699" s="613"/>
      <c r="OHA699" s="613"/>
      <c r="OHB699" s="613"/>
      <c r="OHC699" s="613"/>
      <c r="OHD699" s="613"/>
      <c r="OHE699" s="613"/>
      <c r="OHF699" s="613"/>
      <c r="OHG699" s="613"/>
      <c r="OHH699" s="613"/>
      <c r="OHI699" s="613"/>
      <c r="OHJ699" s="613"/>
      <c r="OHK699" s="613"/>
      <c r="OHL699" s="613"/>
      <c r="OHM699" s="613"/>
      <c r="OHN699" s="613"/>
      <c r="OHO699" s="613"/>
      <c r="OHP699" s="613"/>
      <c r="OHQ699" s="613"/>
      <c r="OHR699" s="613"/>
      <c r="OHS699" s="613"/>
      <c r="OHT699" s="613"/>
      <c r="OHU699" s="613"/>
      <c r="OHV699" s="613"/>
      <c r="OHW699" s="613"/>
      <c r="OHX699" s="613"/>
      <c r="OHY699" s="613"/>
      <c r="OHZ699" s="613"/>
      <c r="OIA699" s="613"/>
      <c r="OIB699" s="613"/>
      <c r="OIC699" s="613"/>
      <c r="OID699" s="613"/>
      <c r="OIE699" s="613"/>
      <c r="OIF699" s="613"/>
      <c r="OIG699" s="613"/>
      <c r="OIH699" s="613"/>
      <c r="OII699" s="613"/>
      <c r="OIJ699" s="613"/>
      <c r="OIK699" s="613"/>
      <c r="OIL699" s="613"/>
      <c r="OIM699" s="613"/>
      <c r="OIN699" s="613"/>
      <c r="OIO699" s="613"/>
      <c r="OIP699" s="613"/>
      <c r="OIQ699" s="613"/>
      <c r="OIR699" s="613"/>
      <c r="OIS699" s="613"/>
      <c r="OIT699" s="613"/>
      <c r="OIU699" s="613"/>
      <c r="OIV699" s="613"/>
      <c r="OIW699" s="613"/>
      <c r="OIX699" s="613"/>
      <c r="OIY699" s="613"/>
      <c r="OIZ699" s="613"/>
      <c r="OJA699" s="613"/>
      <c r="OJB699" s="613"/>
      <c r="OJC699" s="613"/>
      <c r="OJD699" s="613"/>
      <c r="OJE699" s="613"/>
      <c r="OJF699" s="613"/>
      <c r="OJG699" s="613"/>
      <c r="OJH699" s="613"/>
      <c r="OJI699" s="613"/>
      <c r="OJJ699" s="613"/>
      <c r="OJK699" s="613"/>
      <c r="OJL699" s="613"/>
      <c r="OJM699" s="613"/>
      <c r="OJN699" s="613"/>
      <c r="OJO699" s="613"/>
      <c r="OJP699" s="613"/>
      <c r="OJQ699" s="613"/>
      <c r="OJR699" s="613"/>
      <c r="OJS699" s="613"/>
      <c r="OJT699" s="613"/>
      <c r="OJU699" s="613"/>
      <c r="OJV699" s="613"/>
      <c r="OJW699" s="613"/>
      <c r="OJX699" s="613"/>
      <c r="OJY699" s="613"/>
      <c r="OJZ699" s="613"/>
      <c r="OKA699" s="613"/>
      <c r="OKB699" s="613"/>
      <c r="OKC699" s="613"/>
      <c r="OKD699" s="613"/>
      <c r="OKE699" s="613"/>
      <c r="OKF699" s="613"/>
      <c r="OKG699" s="613"/>
      <c r="OKH699" s="613"/>
      <c r="OKI699" s="613"/>
      <c r="OKJ699" s="613"/>
      <c r="OKK699" s="613"/>
      <c r="OKL699" s="613"/>
      <c r="OKM699" s="613"/>
      <c r="OKN699" s="613"/>
      <c r="OKO699" s="613"/>
      <c r="OKP699" s="613"/>
      <c r="OKQ699" s="613"/>
      <c r="OKR699" s="613"/>
      <c r="OKS699" s="613"/>
      <c r="OKT699" s="613"/>
      <c r="OKU699" s="613"/>
      <c r="OKV699" s="613"/>
      <c r="OKW699" s="613"/>
      <c r="OKX699" s="613"/>
      <c r="OKY699" s="613"/>
      <c r="OKZ699" s="613"/>
      <c r="OLA699" s="613"/>
      <c r="OLB699" s="613"/>
      <c r="OLC699" s="613"/>
      <c r="OLD699" s="613"/>
      <c r="OLE699" s="613"/>
      <c r="OLF699" s="613"/>
      <c r="OLG699" s="613"/>
      <c r="OLH699" s="613"/>
      <c r="OLI699" s="613"/>
      <c r="OLJ699" s="613"/>
      <c r="OLK699" s="613"/>
      <c r="OLL699" s="613"/>
      <c r="OLM699" s="613"/>
      <c r="OLN699" s="613"/>
      <c r="OLO699" s="613"/>
      <c r="OLP699" s="613"/>
      <c r="OLQ699" s="613"/>
      <c r="OLR699" s="613"/>
      <c r="OLS699" s="613"/>
      <c r="OLT699" s="613"/>
      <c r="OLU699" s="613"/>
      <c r="OLV699" s="613"/>
      <c r="OLW699" s="613"/>
      <c r="OLX699" s="613"/>
      <c r="OLY699" s="613"/>
      <c r="OLZ699" s="613"/>
      <c r="OMA699" s="613"/>
      <c r="OMB699" s="613"/>
      <c r="OMC699" s="613"/>
      <c r="OMD699" s="613"/>
      <c r="OME699" s="613"/>
      <c r="OMF699" s="613"/>
      <c r="OMG699" s="613"/>
      <c r="OMH699" s="613"/>
      <c r="OMI699" s="613"/>
      <c r="OMJ699" s="613"/>
      <c r="OMK699" s="613"/>
      <c r="OML699" s="613"/>
      <c r="OMM699" s="613"/>
      <c r="OMN699" s="613"/>
      <c r="OMO699" s="613"/>
      <c r="OMP699" s="613"/>
      <c r="OMQ699" s="613"/>
      <c r="OMR699" s="613"/>
      <c r="OMS699" s="613"/>
      <c r="OMT699" s="613"/>
      <c r="OMU699" s="613"/>
      <c r="OMV699" s="613"/>
      <c r="OMW699" s="613"/>
      <c r="OMX699" s="613"/>
      <c r="OMY699" s="613"/>
      <c r="OMZ699" s="613"/>
      <c r="ONA699" s="613"/>
      <c r="ONB699" s="613"/>
      <c r="ONC699" s="613"/>
      <c r="OND699" s="613"/>
      <c r="ONE699" s="613"/>
      <c r="ONF699" s="613"/>
      <c r="ONG699" s="613"/>
      <c r="ONH699" s="613"/>
      <c r="ONI699" s="613"/>
      <c r="ONJ699" s="613"/>
      <c r="ONK699" s="613"/>
      <c r="ONL699" s="613"/>
      <c r="ONM699" s="613"/>
      <c r="ONN699" s="613"/>
      <c r="ONO699" s="613"/>
      <c r="ONP699" s="613"/>
      <c r="ONQ699" s="613"/>
      <c r="ONR699" s="613"/>
      <c r="ONS699" s="613"/>
      <c r="ONT699" s="613"/>
      <c r="ONU699" s="613"/>
      <c r="ONV699" s="613"/>
      <c r="ONW699" s="613"/>
      <c r="ONX699" s="613"/>
      <c r="ONY699" s="613"/>
      <c r="ONZ699" s="613"/>
      <c r="OOA699" s="613"/>
      <c r="OOB699" s="613"/>
      <c r="OOC699" s="613"/>
      <c r="OOD699" s="613"/>
      <c r="OOE699" s="613"/>
      <c r="OOF699" s="613"/>
      <c r="OOG699" s="613"/>
      <c r="OOH699" s="613"/>
      <c r="OOI699" s="613"/>
      <c r="OOJ699" s="613"/>
      <c r="OOK699" s="613"/>
      <c r="OOL699" s="613"/>
      <c r="OOM699" s="613"/>
      <c r="OON699" s="613"/>
      <c r="OOO699" s="613"/>
      <c r="OOP699" s="613"/>
      <c r="OOQ699" s="613"/>
      <c r="OOR699" s="613"/>
      <c r="OOS699" s="613"/>
      <c r="OOT699" s="613"/>
      <c r="OOU699" s="613"/>
      <c r="OOV699" s="613"/>
      <c r="OOW699" s="613"/>
      <c r="OOX699" s="613"/>
      <c r="OOY699" s="613"/>
      <c r="OOZ699" s="613"/>
      <c r="OPA699" s="613"/>
      <c r="OPB699" s="613"/>
      <c r="OPC699" s="613"/>
      <c r="OPD699" s="613"/>
      <c r="OPE699" s="613"/>
      <c r="OPF699" s="613"/>
      <c r="OPG699" s="613"/>
      <c r="OPH699" s="613"/>
      <c r="OPI699" s="613"/>
      <c r="OPJ699" s="613"/>
      <c r="OPK699" s="613"/>
      <c r="OPL699" s="613"/>
      <c r="OPM699" s="613"/>
      <c r="OPN699" s="613"/>
      <c r="OPO699" s="613"/>
      <c r="OPP699" s="613"/>
      <c r="OPQ699" s="613"/>
      <c r="OPR699" s="613"/>
      <c r="OPS699" s="613"/>
      <c r="OPT699" s="613"/>
      <c r="OPU699" s="613"/>
      <c r="OPV699" s="613"/>
      <c r="OPW699" s="613"/>
      <c r="OPX699" s="613"/>
      <c r="OPY699" s="613"/>
      <c r="OPZ699" s="613"/>
      <c r="OQA699" s="613"/>
      <c r="OQB699" s="613"/>
      <c r="OQC699" s="613"/>
      <c r="OQD699" s="613"/>
      <c r="OQE699" s="613"/>
      <c r="OQF699" s="613"/>
      <c r="OQG699" s="613"/>
      <c r="OQH699" s="613"/>
      <c r="OQI699" s="613"/>
      <c r="OQJ699" s="613"/>
      <c r="OQK699" s="613"/>
      <c r="OQL699" s="613"/>
      <c r="OQM699" s="613"/>
      <c r="OQN699" s="613"/>
      <c r="OQO699" s="613"/>
      <c r="OQP699" s="613"/>
      <c r="OQQ699" s="613"/>
      <c r="OQR699" s="613"/>
      <c r="OQS699" s="613"/>
      <c r="OQT699" s="613"/>
      <c r="OQU699" s="613"/>
      <c r="OQV699" s="613"/>
      <c r="OQW699" s="613"/>
      <c r="OQX699" s="613"/>
      <c r="OQY699" s="613"/>
      <c r="OQZ699" s="613"/>
      <c r="ORA699" s="613"/>
      <c r="ORB699" s="613"/>
      <c r="ORC699" s="613"/>
      <c r="ORD699" s="613"/>
      <c r="ORE699" s="613"/>
      <c r="ORF699" s="613"/>
      <c r="ORG699" s="613"/>
      <c r="ORH699" s="613"/>
      <c r="ORI699" s="613"/>
      <c r="ORJ699" s="613"/>
      <c r="ORK699" s="613"/>
      <c r="ORL699" s="613"/>
      <c r="ORM699" s="613"/>
      <c r="ORN699" s="613"/>
      <c r="ORO699" s="613"/>
      <c r="ORP699" s="613"/>
      <c r="ORQ699" s="613"/>
      <c r="ORR699" s="613"/>
      <c r="ORS699" s="613"/>
      <c r="ORT699" s="613"/>
      <c r="ORU699" s="613"/>
      <c r="ORV699" s="613"/>
      <c r="ORW699" s="613"/>
      <c r="ORX699" s="613"/>
      <c r="ORY699" s="613"/>
      <c r="ORZ699" s="613"/>
      <c r="OSA699" s="613"/>
      <c r="OSB699" s="613"/>
      <c r="OSC699" s="613"/>
      <c r="OSD699" s="613"/>
      <c r="OSE699" s="613"/>
      <c r="OSF699" s="613"/>
      <c r="OSG699" s="613"/>
      <c r="OSH699" s="613"/>
      <c r="OSI699" s="613"/>
      <c r="OSJ699" s="613"/>
      <c r="OSK699" s="613"/>
      <c r="OSL699" s="613"/>
      <c r="OSM699" s="613"/>
      <c r="OSN699" s="613"/>
      <c r="OSO699" s="613"/>
      <c r="OSP699" s="613"/>
      <c r="OSQ699" s="613"/>
      <c r="OSR699" s="613"/>
      <c r="OSS699" s="613"/>
      <c r="OST699" s="613"/>
      <c r="OSU699" s="613"/>
      <c r="OSV699" s="613"/>
      <c r="OSW699" s="613"/>
      <c r="OSX699" s="613"/>
      <c r="OSY699" s="613"/>
      <c r="OSZ699" s="613"/>
      <c r="OTA699" s="613"/>
      <c r="OTB699" s="613"/>
      <c r="OTC699" s="613"/>
      <c r="OTD699" s="613"/>
      <c r="OTE699" s="613"/>
      <c r="OTF699" s="613"/>
      <c r="OTG699" s="613"/>
      <c r="OTH699" s="613"/>
      <c r="OTI699" s="613"/>
      <c r="OTJ699" s="613"/>
      <c r="OTK699" s="613"/>
      <c r="OTL699" s="613"/>
      <c r="OTM699" s="613"/>
      <c r="OTN699" s="613"/>
      <c r="OTO699" s="613"/>
      <c r="OTP699" s="613"/>
      <c r="OTQ699" s="613"/>
      <c r="OTR699" s="613"/>
      <c r="OTS699" s="613"/>
      <c r="OTT699" s="613"/>
      <c r="OTU699" s="613"/>
      <c r="OTV699" s="613"/>
      <c r="OTW699" s="613"/>
      <c r="OTX699" s="613"/>
      <c r="OTY699" s="613"/>
      <c r="OTZ699" s="613"/>
      <c r="OUA699" s="613"/>
      <c r="OUB699" s="613"/>
      <c r="OUC699" s="613"/>
      <c r="OUD699" s="613"/>
      <c r="OUE699" s="613"/>
      <c r="OUF699" s="613"/>
      <c r="OUG699" s="613"/>
      <c r="OUH699" s="613"/>
      <c r="OUI699" s="613"/>
      <c r="OUJ699" s="613"/>
      <c r="OUK699" s="613"/>
      <c r="OUL699" s="613"/>
      <c r="OUM699" s="613"/>
      <c r="OUN699" s="613"/>
      <c r="OUO699" s="613"/>
      <c r="OUP699" s="613"/>
      <c r="OUQ699" s="613"/>
      <c r="OUR699" s="613"/>
      <c r="OUS699" s="613"/>
      <c r="OUT699" s="613"/>
      <c r="OUU699" s="613"/>
      <c r="OUV699" s="613"/>
      <c r="OUW699" s="613"/>
      <c r="OUX699" s="613"/>
      <c r="OUY699" s="613"/>
      <c r="OUZ699" s="613"/>
      <c r="OVA699" s="613"/>
      <c r="OVB699" s="613"/>
      <c r="OVC699" s="613"/>
      <c r="OVD699" s="613"/>
      <c r="OVE699" s="613"/>
      <c r="OVF699" s="613"/>
      <c r="OVG699" s="613"/>
      <c r="OVH699" s="613"/>
      <c r="OVI699" s="613"/>
      <c r="OVJ699" s="613"/>
      <c r="OVK699" s="613"/>
      <c r="OVL699" s="613"/>
      <c r="OVM699" s="613"/>
      <c r="OVN699" s="613"/>
      <c r="OVO699" s="613"/>
      <c r="OVP699" s="613"/>
      <c r="OVQ699" s="613"/>
      <c r="OVR699" s="613"/>
      <c r="OVS699" s="613"/>
      <c r="OVT699" s="613"/>
      <c r="OVU699" s="613"/>
      <c r="OVV699" s="613"/>
      <c r="OVW699" s="613"/>
      <c r="OVX699" s="613"/>
      <c r="OVY699" s="613"/>
      <c r="OVZ699" s="613"/>
      <c r="OWA699" s="613"/>
      <c r="OWB699" s="613"/>
      <c r="OWC699" s="613"/>
      <c r="OWD699" s="613"/>
      <c r="OWE699" s="613"/>
      <c r="OWF699" s="613"/>
      <c r="OWG699" s="613"/>
      <c r="OWH699" s="613"/>
      <c r="OWI699" s="613"/>
      <c r="OWJ699" s="613"/>
      <c r="OWK699" s="613"/>
      <c r="OWL699" s="613"/>
      <c r="OWM699" s="613"/>
      <c r="OWN699" s="613"/>
      <c r="OWO699" s="613"/>
      <c r="OWP699" s="613"/>
      <c r="OWQ699" s="613"/>
      <c r="OWR699" s="613"/>
      <c r="OWS699" s="613"/>
      <c r="OWT699" s="613"/>
      <c r="OWU699" s="613"/>
      <c r="OWV699" s="613"/>
      <c r="OWW699" s="613"/>
      <c r="OWX699" s="613"/>
      <c r="OWY699" s="613"/>
      <c r="OWZ699" s="613"/>
      <c r="OXA699" s="613"/>
      <c r="OXB699" s="613"/>
      <c r="OXC699" s="613"/>
      <c r="OXD699" s="613"/>
      <c r="OXE699" s="613"/>
      <c r="OXF699" s="613"/>
      <c r="OXG699" s="613"/>
      <c r="OXH699" s="613"/>
      <c r="OXI699" s="613"/>
      <c r="OXJ699" s="613"/>
      <c r="OXK699" s="613"/>
      <c r="OXL699" s="613"/>
      <c r="OXM699" s="613"/>
      <c r="OXN699" s="613"/>
      <c r="OXO699" s="613"/>
      <c r="OXP699" s="613"/>
      <c r="OXQ699" s="613"/>
      <c r="OXR699" s="613"/>
      <c r="OXS699" s="613"/>
      <c r="OXT699" s="613"/>
      <c r="OXU699" s="613"/>
      <c r="OXV699" s="613"/>
      <c r="OXW699" s="613"/>
      <c r="OXX699" s="613"/>
      <c r="OXY699" s="613"/>
      <c r="OXZ699" s="613"/>
      <c r="OYA699" s="613"/>
      <c r="OYB699" s="613"/>
      <c r="OYC699" s="613"/>
      <c r="OYD699" s="613"/>
      <c r="OYE699" s="613"/>
      <c r="OYF699" s="613"/>
      <c r="OYG699" s="613"/>
      <c r="OYH699" s="613"/>
      <c r="OYI699" s="613"/>
      <c r="OYJ699" s="613"/>
      <c r="OYK699" s="613"/>
      <c r="OYL699" s="613"/>
      <c r="OYM699" s="613"/>
      <c r="OYN699" s="613"/>
      <c r="OYO699" s="613"/>
      <c r="OYP699" s="613"/>
      <c r="OYQ699" s="613"/>
      <c r="OYR699" s="613"/>
      <c r="OYS699" s="613"/>
      <c r="OYT699" s="613"/>
      <c r="OYU699" s="613"/>
      <c r="OYV699" s="613"/>
      <c r="OYW699" s="613"/>
      <c r="OYX699" s="613"/>
      <c r="OYY699" s="613"/>
      <c r="OYZ699" s="613"/>
      <c r="OZA699" s="613"/>
      <c r="OZB699" s="613"/>
      <c r="OZC699" s="613"/>
      <c r="OZD699" s="613"/>
      <c r="OZE699" s="613"/>
      <c r="OZF699" s="613"/>
      <c r="OZG699" s="613"/>
      <c r="OZH699" s="613"/>
      <c r="OZI699" s="613"/>
      <c r="OZJ699" s="613"/>
      <c r="OZK699" s="613"/>
      <c r="OZL699" s="613"/>
      <c r="OZM699" s="613"/>
      <c r="OZN699" s="613"/>
      <c r="OZO699" s="613"/>
      <c r="OZP699" s="613"/>
      <c r="OZQ699" s="613"/>
      <c r="OZR699" s="613"/>
      <c r="OZS699" s="613"/>
      <c r="OZT699" s="613"/>
      <c r="OZU699" s="613"/>
      <c r="OZV699" s="613"/>
      <c r="OZW699" s="613"/>
      <c r="OZX699" s="613"/>
      <c r="OZY699" s="613"/>
      <c r="OZZ699" s="613"/>
      <c r="PAA699" s="613"/>
      <c r="PAB699" s="613"/>
      <c r="PAC699" s="613"/>
      <c r="PAD699" s="613"/>
      <c r="PAE699" s="613"/>
      <c r="PAF699" s="613"/>
      <c r="PAG699" s="613"/>
      <c r="PAH699" s="613"/>
      <c r="PAI699" s="613"/>
      <c r="PAJ699" s="613"/>
      <c r="PAK699" s="613"/>
      <c r="PAL699" s="613"/>
      <c r="PAM699" s="613"/>
      <c r="PAN699" s="613"/>
      <c r="PAO699" s="613"/>
      <c r="PAP699" s="613"/>
      <c r="PAQ699" s="613"/>
      <c r="PAR699" s="613"/>
      <c r="PAS699" s="613"/>
      <c r="PAT699" s="613"/>
      <c r="PAU699" s="613"/>
      <c r="PAV699" s="613"/>
      <c r="PAW699" s="613"/>
      <c r="PAX699" s="613"/>
      <c r="PAY699" s="613"/>
      <c r="PAZ699" s="613"/>
      <c r="PBA699" s="613"/>
      <c r="PBB699" s="613"/>
      <c r="PBC699" s="613"/>
      <c r="PBD699" s="613"/>
      <c r="PBE699" s="613"/>
      <c r="PBF699" s="613"/>
      <c r="PBG699" s="613"/>
      <c r="PBH699" s="613"/>
      <c r="PBI699" s="613"/>
      <c r="PBJ699" s="613"/>
      <c r="PBK699" s="613"/>
      <c r="PBL699" s="613"/>
      <c r="PBM699" s="613"/>
      <c r="PBN699" s="613"/>
      <c r="PBO699" s="613"/>
      <c r="PBP699" s="613"/>
      <c r="PBQ699" s="613"/>
      <c r="PBR699" s="613"/>
      <c r="PBS699" s="613"/>
      <c r="PBT699" s="613"/>
      <c r="PBU699" s="613"/>
      <c r="PBV699" s="613"/>
      <c r="PBW699" s="613"/>
      <c r="PBX699" s="613"/>
      <c r="PBY699" s="613"/>
      <c r="PBZ699" s="613"/>
      <c r="PCA699" s="613"/>
      <c r="PCB699" s="613"/>
      <c r="PCC699" s="613"/>
      <c r="PCD699" s="613"/>
      <c r="PCE699" s="613"/>
      <c r="PCF699" s="613"/>
      <c r="PCG699" s="613"/>
      <c r="PCH699" s="613"/>
      <c r="PCI699" s="613"/>
      <c r="PCJ699" s="613"/>
      <c r="PCK699" s="613"/>
      <c r="PCL699" s="613"/>
      <c r="PCM699" s="613"/>
      <c r="PCN699" s="613"/>
      <c r="PCO699" s="613"/>
      <c r="PCP699" s="613"/>
      <c r="PCQ699" s="613"/>
      <c r="PCR699" s="613"/>
      <c r="PCS699" s="613"/>
      <c r="PCT699" s="613"/>
      <c r="PCU699" s="613"/>
      <c r="PCV699" s="613"/>
      <c r="PCW699" s="613"/>
      <c r="PCX699" s="613"/>
      <c r="PCY699" s="613"/>
      <c r="PCZ699" s="613"/>
      <c r="PDA699" s="613"/>
      <c r="PDB699" s="613"/>
      <c r="PDC699" s="613"/>
      <c r="PDD699" s="613"/>
      <c r="PDE699" s="613"/>
      <c r="PDF699" s="613"/>
      <c r="PDG699" s="613"/>
      <c r="PDH699" s="613"/>
      <c r="PDI699" s="613"/>
      <c r="PDJ699" s="613"/>
      <c r="PDK699" s="613"/>
      <c r="PDL699" s="613"/>
      <c r="PDM699" s="613"/>
      <c r="PDN699" s="613"/>
      <c r="PDO699" s="613"/>
      <c r="PDP699" s="613"/>
      <c r="PDQ699" s="613"/>
      <c r="PDR699" s="613"/>
      <c r="PDS699" s="613"/>
      <c r="PDT699" s="613"/>
      <c r="PDU699" s="613"/>
      <c r="PDV699" s="613"/>
      <c r="PDW699" s="613"/>
      <c r="PDX699" s="613"/>
      <c r="PDY699" s="613"/>
      <c r="PDZ699" s="613"/>
      <c r="PEA699" s="613"/>
      <c r="PEB699" s="613"/>
      <c r="PEC699" s="613"/>
      <c r="PED699" s="613"/>
      <c r="PEE699" s="613"/>
      <c r="PEF699" s="613"/>
      <c r="PEG699" s="613"/>
      <c r="PEH699" s="613"/>
      <c r="PEI699" s="613"/>
      <c r="PEJ699" s="613"/>
      <c r="PEK699" s="613"/>
      <c r="PEL699" s="613"/>
      <c r="PEM699" s="613"/>
      <c r="PEN699" s="613"/>
      <c r="PEO699" s="613"/>
      <c r="PEP699" s="613"/>
      <c r="PEQ699" s="613"/>
      <c r="PER699" s="613"/>
      <c r="PES699" s="613"/>
      <c r="PET699" s="613"/>
      <c r="PEU699" s="613"/>
      <c r="PEV699" s="613"/>
      <c r="PEW699" s="613"/>
      <c r="PEX699" s="613"/>
      <c r="PEY699" s="613"/>
      <c r="PEZ699" s="613"/>
      <c r="PFA699" s="613"/>
      <c r="PFB699" s="613"/>
      <c r="PFC699" s="613"/>
      <c r="PFD699" s="613"/>
      <c r="PFE699" s="613"/>
      <c r="PFF699" s="613"/>
      <c r="PFG699" s="613"/>
      <c r="PFH699" s="613"/>
      <c r="PFI699" s="613"/>
      <c r="PFJ699" s="613"/>
      <c r="PFK699" s="613"/>
      <c r="PFL699" s="613"/>
      <c r="PFM699" s="613"/>
      <c r="PFN699" s="613"/>
      <c r="PFO699" s="613"/>
      <c r="PFP699" s="613"/>
      <c r="PFQ699" s="613"/>
      <c r="PFR699" s="613"/>
      <c r="PFS699" s="613"/>
      <c r="PFT699" s="613"/>
      <c r="PFU699" s="613"/>
      <c r="PFV699" s="613"/>
      <c r="PFW699" s="613"/>
      <c r="PFX699" s="613"/>
      <c r="PFY699" s="613"/>
      <c r="PFZ699" s="613"/>
      <c r="PGA699" s="613"/>
      <c r="PGB699" s="613"/>
      <c r="PGC699" s="613"/>
      <c r="PGD699" s="613"/>
      <c r="PGE699" s="613"/>
      <c r="PGF699" s="613"/>
      <c r="PGG699" s="613"/>
      <c r="PGH699" s="613"/>
      <c r="PGI699" s="613"/>
      <c r="PGJ699" s="613"/>
      <c r="PGK699" s="613"/>
      <c r="PGL699" s="613"/>
      <c r="PGM699" s="613"/>
      <c r="PGN699" s="613"/>
      <c r="PGO699" s="613"/>
      <c r="PGP699" s="613"/>
      <c r="PGQ699" s="613"/>
      <c r="PGR699" s="613"/>
      <c r="PGS699" s="613"/>
      <c r="PGT699" s="613"/>
      <c r="PGU699" s="613"/>
      <c r="PGV699" s="613"/>
      <c r="PGW699" s="613"/>
      <c r="PGX699" s="613"/>
      <c r="PGY699" s="613"/>
      <c r="PGZ699" s="613"/>
      <c r="PHA699" s="613"/>
      <c r="PHB699" s="613"/>
      <c r="PHC699" s="613"/>
      <c r="PHD699" s="613"/>
      <c r="PHE699" s="613"/>
      <c r="PHF699" s="613"/>
      <c r="PHG699" s="613"/>
      <c r="PHH699" s="613"/>
      <c r="PHI699" s="613"/>
      <c r="PHJ699" s="613"/>
      <c r="PHK699" s="613"/>
      <c r="PHL699" s="613"/>
      <c r="PHM699" s="613"/>
      <c r="PHN699" s="613"/>
      <c r="PHO699" s="613"/>
      <c r="PHP699" s="613"/>
      <c r="PHQ699" s="613"/>
      <c r="PHR699" s="613"/>
      <c r="PHS699" s="613"/>
      <c r="PHT699" s="613"/>
      <c r="PHU699" s="613"/>
      <c r="PHV699" s="613"/>
      <c r="PHW699" s="613"/>
      <c r="PHX699" s="613"/>
      <c r="PHY699" s="613"/>
      <c r="PHZ699" s="613"/>
      <c r="PIA699" s="613"/>
      <c r="PIB699" s="613"/>
      <c r="PIC699" s="613"/>
      <c r="PID699" s="613"/>
      <c r="PIE699" s="613"/>
      <c r="PIF699" s="613"/>
      <c r="PIG699" s="613"/>
      <c r="PIH699" s="613"/>
      <c r="PII699" s="613"/>
      <c r="PIJ699" s="613"/>
      <c r="PIK699" s="613"/>
      <c r="PIL699" s="613"/>
      <c r="PIM699" s="613"/>
      <c r="PIN699" s="613"/>
      <c r="PIO699" s="613"/>
      <c r="PIP699" s="613"/>
      <c r="PIQ699" s="613"/>
      <c r="PIR699" s="613"/>
      <c r="PIS699" s="613"/>
      <c r="PIT699" s="613"/>
      <c r="PIU699" s="613"/>
      <c r="PIV699" s="613"/>
      <c r="PIW699" s="613"/>
      <c r="PIX699" s="613"/>
      <c r="PIY699" s="613"/>
      <c r="PIZ699" s="613"/>
      <c r="PJA699" s="613"/>
      <c r="PJB699" s="613"/>
      <c r="PJC699" s="613"/>
      <c r="PJD699" s="613"/>
      <c r="PJE699" s="613"/>
      <c r="PJF699" s="613"/>
      <c r="PJG699" s="613"/>
      <c r="PJH699" s="613"/>
      <c r="PJI699" s="613"/>
      <c r="PJJ699" s="613"/>
      <c r="PJK699" s="613"/>
      <c r="PJL699" s="613"/>
      <c r="PJM699" s="613"/>
      <c r="PJN699" s="613"/>
      <c r="PJO699" s="613"/>
      <c r="PJP699" s="613"/>
      <c r="PJQ699" s="613"/>
      <c r="PJR699" s="613"/>
      <c r="PJS699" s="613"/>
      <c r="PJT699" s="613"/>
      <c r="PJU699" s="613"/>
      <c r="PJV699" s="613"/>
      <c r="PJW699" s="613"/>
      <c r="PJX699" s="613"/>
      <c r="PJY699" s="613"/>
      <c r="PJZ699" s="613"/>
      <c r="PKA699" s="613"/>
      <c r="PKB699" s="613"/>
      <c r="PKC699" s="613"/>
      <c r="PKD699" s="613"/>
      <c r="PKE699" s="613"/>
      <c r="PKF699" s="613"/>
      <c r="PKG699" s="613"/>
      <c r="PKH699" s="613"/>
      <c r="PKI699" s="613"/>
      <c r="PKJ699" s="613"/>
      <c r="PKK699" s="613"/>
      <c r="PKL699" s="613"/>
      <c r="PKM699" s="613"/>
      <c r="PKN699" s="613"/>
      <c r="PKO699" s="613"/>
      <c r="PKP699" s="613"/>
      <c r="PKQ699" s="613"/>
      <c r="PKR699" s="613"/>
      <c r="PKS699" s="613"/>
      <c r="PKT699" s="613"/>
      <c r="PKU699" s="613"/>
      <c r="PKV699" s="613"/>
      <c r="PKW699" s="613"/>
      <c r="PKX699" s="613"/>
      <c r="PKY699" s="613"/>
      <c r="PKZ699" s="613"/>
      <c r="PLA699" s="613"/>
      <c r="PLB699" s="613"/>
      <c r="PLC699" s="613"/>
      <c r="PLD699" s="613"/>
      <c r="PLE699" s="613"/>
      <c r="PLF699" s="613"/>
      <c r="PLG699" s="613"/>
      <c r="PLH699" s="613"/>
      <c r="PLI699" s="613"/>
      <c r="PLJ699" s="613"/>
      <c r="PLK699" s="613"/>
      <c r="PLL699" s="613"/>
      <c r="PLM699" s="613"/>
      <c r="PLN699" s="613"/>
      <c r="PLO699" s="613"/>
      <c r="PLP699" s="613"/>
      <c r="PLQ699" s="613"/>
      <c r="PLR699" s="613"/>
      <c r="PLS699" s="613"/>
      <c r="PLT699" s="613"/>
      <c r="PLU699" s="613"/>
      <c r="PLV699" s="613"/>
      <c r="PLW699" s="613"/>
      <c r="PLX699" s="613"/>
      <c r="PLY699" s="613"/>
      <c r="PLZ699" s="613"/>
      <c r="PMA699" s="613"/>
      <c r="PMB699" s="613"/>
      <c r="PMC699" s="613"/>
      <c r="PMD699" s="613"/>
      <c r="PME699" s="613"/>
      <c r="PMF699" s="613"/>
      <c r="PMG699" s="613"/>
      <c r="PMH699" s="613"/>
      <c r="PMI699" s="613"/>
      <c r="PMJ699" s="613"/>
      <c r="PMK699" s="613"/>
      <c r="PML699" s="613"/>
      <c r="PMM699" s="613"/>
      <c r="PMN699" s="613"/>
      <c r="PMO699" s="613"/>
      <c r="PMP699" s="613"/>
      <c r="PMQ699" s="613"/>
      <c r="PMR699" s="613"/>
      <c r="PMS699" s="613"/>
      <c r="PMT699" s="613"/>
      <c r="PMU699" s="613"/>
      <c r="PMV699" s="613"/>
      <c r="PMW699" s="613"/>
      <c r="PMX699" s="613"/>
      <c r="PMY699" s="613"/>
      <c r="PMZ699" s="613"/>
      <c r="PNA699" s="613"/>
      <c r="PNB699" s="613"/>
      <c r="PNC699" s="613"/>
      <c r="PND699" s="613"/>
      <c r="PNE699" s="613"/>
      <c r="PNF699" s="613"/>
      <c r="PNG699" s="613"/>
      <c r="PNH699" s="613"/>
      <c r="PNI699" s="613"/>
      <c r="PNJ699" s="613"/>
      <c r="PNK699" s="613"/>
      <c r="PNL699" s="613"/>
      <c r="PNM699" s="613"/>
      <c r="PNN699" s="613"/>
      <c r="PNO699" s="613"/>
      <c r="PNP699" s="613"/>
      <c r="PNQ699" s="613"/>
      <c r="PNR699" s="613"/>
      <c r="PNS699" s="613"/>
      <c r="PNT699" s="613"/>
      <c r="PNU699" s="613"/>
      <c r="PNV699" s="613"/>
      <c r="PNW699" s="613"/>
      <c r="PNX699" s="613"/>
      <c r="PNY699" s="613"/>
      <c r="PNZ699" s="613"/>
      <c r="POA699" s="613"/>
      <c r="POB699" s="613"/>
      <c r="POC699" s="613"/>
      <c r="POD699" s="613"/>
      <c r="POE699" s="613"/>
      <c r="POF699" s="613"/>
      <c r="POG699" s="613"/>
      <c r="POH699" s="613"/>
      <c r="POI699" s="613"/>
      <c r="POJ699" s="613"/>
      <c r="POK699" s="613"/>
      <c r="POL699" s="613"/>
      <c r="POM699" s="613"/>
      <c r="PON699" s="613"/>
      <c r="POO699" s="613"/>
      <c r="POP699" s="613"/>
      <c r="POQ699" s="613"/>
      <c r="POR699" s="613"/>
      <c r="POS699" s="613"/>
      <c r="POT699" s="613"/>
      <c r="POU699" s="613"/>
      <c r="POV699" s="613"/>
      <c r="POW699" s="613"/>
      <c r="POX699" s="613"/>
      <c r="POY699" s="613"/>
      <c r="POZ699" s="613"/>
      <c r="PPA699" s="613"/>
      <c r="PPB699" s="613"/>
      <c r="PPC699" s="613"/>
      <c r="PPD699" s="613"/>
      <c r="PPE699" s="613"/>
      <c r="PPF699" s="613"/>
      <c r="PPG699" s="613"/>
      <c r="PPH699" s="613"/>
      <c r="PPI699" s="613"/>
      <c r="PPJ699" s="613"/>
      <c r="PPK699" s="613"/>
      <c r="PPL699" s="613"/>
      <c r="PPM699" s="613"/>
      <c r="PPN699" s="613"/>
      <c r="PPO699" s="613"/>
      <c r="PPP699" s="613"/>
      <c r="PPQ699" s="613"/>
      <c r="PPR699" s="613"/>
      <c r="PPS699" s="613"/>
      <c r="PPT699" s="613"/>
      <c r="PPU699" s="613"/>
      <c r="PPV699" s="613"/>
      <c r="PPW699" s="613"/>
      <c r="PPX699" s="613"/>
      <c r="PPY699" s="613"/>
      <c r="PPZ699" s="613"/>
      <c r="PQA699" s="613"/>
      <c r="PQB699" s="613"/>
      <c r="PQC699" s="613"/>
      <c r="PQD699" s="613"/>
      <c r="PQE699" s="613"/>
      <c r="PQF699" s="613"/>
      <c r="PQG699" s="613"/>
      <c r="PQH699" s="613"/>
      <c r="PQI699" s="613"/>
      <c r="PQJ699" s="613"/>
      <c r="PQK699" s="613"/>
      <c r="PQL699" s="613"/>
      <c r="PQM699" s="613"/>
      <c r="PQN699" s="613"/>
      <c r="PQO699" s="613"/>
      <c r="PQP699" s="613"/>
      <c r="PQQ699" s="613"/>
      <c r="PQR699" s="613"/>
      <c r="PQS699" s="613"/>
      <c r="PQT699" s="613"/>
      <c r="PQU699" s="613"/>
      <c r="PQV699" s="613"/>
      <c r="PQW699" s="613"/>
      <c r="PQX699" s="613"/>
      <c r="PQY699" s="613"/>
      <c r="PQZ699" s="613"/>
      <c r="PRA699" s="613"/>
      <c r="PRB699" s="613"/>
      <c r="PRC699" s="613"/>
      <c r="PRD699" s="613"/>
      <c r="PRE699" s="613"/>
      <c r="PRF699" s="613"/>
      <c r="PRG699" s="613"/>
      <c r="PRH699" s="613"/>
      <c r="PRI699" s="613"/>
      <c r="PRJ699" s="613"/>
      <c r="PRK699" s="613"/>
      <c r="PRL699" s="613"/>
      <c r="PRM699" s="613"/>
      <c r="PRN699" s="613"/>
      <c r="PRO699" s="613"/>
      <c r="PRP699" s="613"/>
      <c r="PRQ699" s="613"/>
      <c r="PRR699" s="613"/>
      <c r="PRS699" s="613"/>
      <c r="PRT699" s="613"/>
      <c r="PRU699" s="613"/>
      <c r="PRV699" s="613"/>
      <c r="PRW699" s="613"/>
      <c r="PRX699" s="613"/>
      <c r="PRY699" s="613"/>
      <c r="PRZ699" s="613"/>
      <c r="PSA699" s="613"/>
      <c r="PSB699" s="613"/>
      <c r="PSC699" s="613"/>
      <c r="PSD699" s="613"/>
      <c r="PSE699" s="613"/>
      <c r="PSF699" s="613"/>
      <c r="PSG699" s="613"/>
      <c r="PSH699" s="613"/>
      <c r="PSI699" s="613"/>
      <c r="PSJ699" s="613"/>
      <c r="PSK699" s="613"/>
      <c r="PSL699" s="613"/>
      <c r="PSM699" s="613"/>
      <c r="PSN699" s="613"/>
      <c r="PSO699" s="613"/>
      <c r="PSP699" s="613"/>
      <c r="PSQ699" s="613"/>
      <c r="PSR699" s="613"/>
      <c r="PSS699" s="613"/>
      <c r="PST699" s="613"/>
      <c r="PSU699" s="613"/>
      <c r="PSV699" s="613"/>
      <c r="PSW699" s="613"/>
      <c r="PSX699" s="613"/>
      <c r="PSY699" s="613"/>
      <c r="PSZ699" s="613"/>
      <c r="PTA699" s="613"/>
      <c r="PTB699" s="613"/>
      <c r="PTC699" s="613"/>
      <c r="PTD699" s="613"/>
      <c r="PTE699" s="613"/>
      <c r="PTF699" s="613"/>
      <c r="PTG699" s="613"/>
      <c r="PTH699" s="613"/>
      <c r="PTI699" s="613"/>
      <c r="PTJ699" s="613"/>
      <c r="PTK699" s="613"/>
      <c r="PTL699" s="613"/>
      <c r="PTM699" s="613"/>
      <c r="PTN699" s="613"/>
      <c r="PTO699" s="613"/>
      <c r="PTP699" s="613"/>
      <c r="PTQ699" s="613"/>
      <c r="PTR699" s="613"/>
      <c r="PTS699" s="613"/>
      <c r="PTT699" s="613"/>
      <c r="PTU699" s="613"/>
      <c r="PTV699" s="613"/>
      <c r="PTW699" s="613"/>
      <c r="PTX699" s="613"/>
      <c r="PTY699" s="613"/>
      <c r="PTZ699" s="613"/>
      <c r="PUA699" s="613"/>
      <c r="PUB699" s="613"/>
      <c r="PUC699" s="613"/>
      <c r="PUD699" s="613"/>
      <c r="PUE699" s="613"/>
      <c r="PUF699" s="613"/>
      <c r="PUG699" s="613"/>
      <c r="PUH699" s="613"/>
      <c r="PUI699" s="613"/>
      <c r="PUJ699" s="613"/>
      <c r="PUK699" s="613"/>
      <c r="PUL699" s="613"/>
      <c r="PUM699" s="613"/>
      <c r="PUN699" s="613"/>
      <c r="PUO699" s="613"/>
      <c r="PUP699" s="613"/>
      <c r="PUQ699" s="613"/>
      <c r="PUR699" s="613"/>
      <c r="PUS699" s="613"/>
      <c r="PUT699" s="613"/>
      <c r="PUU699" s="613"/>
      <c r="PUV699" s="613"/>
      <c r="PUW699" s="613"/>
      <c r="PUX699" s="613"/>
      <c r="PUY699" s="613"/>
      <c r="PUZ699" s="613"/>
      <c r="PVA699" s="613"/>
      <c r="PVB699" s="613"/>
      <c r="PVC699" s="613"/>
      <c r="PVD699" s="613"/>
      <c r="PVE699" s="613"/>
      <c r="PVF699" s="613"/>
      <c r="PVG699" s="613"/>
      <c r="PVH699" s="613"/>
      <c r="PVI699" s="613"/>
      <c r="PVJ699" s="613"/>
      <c r="PVK699" s="613"/>
      <c r="PVL699" s="613"/>
      <c r="PVM699" s="613"/>
      <c r="PVN699" s="613"/>
      <c r="PVO699" s="613"/>
      <c r="PVP699" s="613"/>
      <c r="PVQ699" s="613"/>
      <c r="PVR699" s="613"/>
      <c r="PVS699" s="613"/>
      <c r="PVT699" s="613"/>
      <c r="PVU699" s="613"/>
      <c r="PVV699" s="613"/>
      <c r="PVW699" s="613"/>
      <c r="PVX699" s="613"/>
      <c r="PVY699" s="613"/>
      <c r="PVZ699" s="613"/>
      <c r="PWA699" s="613"/>
      <c r="PWB699" s="613"/>
      <c r="PWC699" s="613"/>
      <c r="PWD699" s="613"/>
      <c r="PWE699" s="613"/>
      <c r="PWF699" s="613"/>
      <c r="PWG699" s="613"/>
      <c r="PWH699" s="613"/>
      <c r="PWI699" s="613"/>
      <c r="PWJ699" s="613"/>
      <c r="PWK699" s="613"/>
      <c r="PWL699" s="613"/>
      <c r="PWM699" s="613"/>
      <c r="PWN699" s="613"/>
      <c r="PWO699" s="613"/>
      <c r="PWP699" s="613"/>
      <c r="PWQ699" s="613"/>
      <c r="PWR699" s="613"/>
      <c r="PWS699" s="613"/>
      <c r="PWT699" s="613"/>
      <c r="PWU699" s="613"/>
      <c r="PWV699" s="613"/>
      <c r="PWW699" s="613"/>
      <c r="PWX699" s="613"/>
      <c r="PWY699" s="613"/>
      <c r="PWZ699" s="613"/>
      <c r="PXA699" s="613"/>
      <c r="PXB699" s="613"/>
      <c r="PXC699" s="613"/>
      <c r="PXD699" s="613"/>
      <c r="PXE699" s="613"/>
      <c r="PXF699" s="613"/>
      <c r="PXG699" s="613"/>
      <c r="PXH699" s="613"/>
      <c r="PXI699" s="613"/>
      <c r="PXJ699" s="613"/>
      <c r="PXK699" s="613"/>
      <c r="PXL699" s="613"/>
      <c r="PXM699" s="613"/>
      <c r="PXN699" s="613"/>
      <c r="PXO699" s="613"/>
      <c r="PXP699" s="613"/>
      <c r="PXQ699" s="613"/>
      <c r="PXR699" s="613"/>
      <c r="PXS699" s="613"/>
      <c r="PXT699" s="613"/>
      <c r="PXU699" s="613"/>
      <c r="PXV699" s="613"/>
      <c r="PXW699" s="613"/>
      <c r="PXX699" s="613"/>
      <c r="PXY699" s="613"/>
      <c r="PXZ699" s="613"/>
      <c r="PYA699" s="613"/>
      <c r="PYB699" s="613"/>
      <c r="PYC699" s="613"/>
      <c r="PYD699" s="613"/>
      <c r="PYE699" s="613"/>
      <c r="PYF699" s="613"/>
      <c r="PYG699" s="613"/>
      <c r="PYH699" s="613"/>
      <c r="PYI699" s="613"/>
      <c r="PYJ699" s="613"/>
      <c r="PYK699" s="613"/>
      <c r="PYL699" s="613"/>
      <c r="PYM699" s="613"/>
      <c r="PYN699" s="613"/>
      <c r="PYO699" s="613"/>
      <c r="PYP699" s="613"/>
      <c r="PYQ699" s="613"/>
      <c r="PYR699" s="613"/>
      <c r="PYS699" s="613"/>
      <c r="PYT699" s="613"/>
      <c r="PYU699" s="613"/>
      <c r="PYV699" s="613"/>
      <c r="PYW699" s="613"/>
      <c r="PYX699" s="613"/>
      <c r="PYY699" s="613"/>
      <c r="PYZ699" s="613"/>
      <c r="PZA699" s="613"/>
      <c r="PZB699" s="613"/>
      <c r="PZC699" s="613"/>
      <c r="PZD699" s="613"/>
      <c r="PZE699" s="613"/>
      <c r="PZF699" s="613"/>
      <c r="PZG699" s="613"/>
      <c r="PZH699" s="613"/>
      <c r="PZI699" s="613"/>
      <c r="PZJ699" s="613"/>
      <c r="PZK699" s="613"/>
      <c r="PZL699" s="613"/>
      <c r="PZM699" s="613"/>
      <c r="PZN699" s="613"/>
      <c r="PZO699" s="613"/>
      <c r="PZP699" s="613"/>
      <c r="PZQ699" s="613"/>
      <c r="PZR699" s="613"/>
      <c r="PZS699" s="613"/>
      <c r="PZT699" s="613"/>
      <c r="PZU699" s="613"/>
      <c r="PZV699" s="613"/>
      <c r="PZW699" s="613"/>
      <c r="PZX699" s="613"/>
      <c r="PZY699" s="613"/>
      <c r="PZZ699" s="613"/>
      <c r="QAA699" s="613"/>
      <c r="QAB699" s="613"/>
      <c r="QAC699" s="613"/>
      <c r="QAD699" s="613"/>
      <c r="QAE699" s="613"/>
      <c r="QAF699" s="613"/>
      <c r="QAG699" s="613"/>
      <c r="QAH699" s="613"/>
      <c r="QAI699" s="613"/>
      <c r="QAJ699" s="613"/>
      <c r="QAK699" s="613"/>
      <c r="QAL699" s="613"/>
      <c r="QAM699" s="613"/>
      <c r="QAN699" s="613"/>
      <c r="QAO699" s="613"/>
      <c r="QAP699" s="613"/>
      <c r="QAQ699" s="613"/>
      <c r="QAR699" s="613"/>
      <c r="QAS699" s="613"/>
      <c r="QAT699" s="613"/>
      <c r="QAU699" s="613"/>
      <c r="QAV699" s="613"/>
      <c r="QAW699" s="613"/>
      <c r="QAX699" s="613"/>
      <c r="QAY699" s="613"/>
      <c r="QAZ699" s="613"/>
      <c r="QBA699" s="613"/>
      <c r="QBB699" s="613"/>
      <c r="QBC699" s="613"/>
      <c r="QBD699" s="613"/>
      <c r="QBE699" s="613"/>
      <c r="QBF699" s="613"/>
      <c r="QBG699" s="613"/>
      <c r="QBH699" s="613"/>
      <c r="QBI699" s="613"/>
      <c r="QBJ699" s="613"/>
      <c r="QBK699" s="613"/>
      <c r="QBL699" s="613"/>
      <c r="QBM699" s="613"/>
      <c r="QBN699" s="613"/>
      <c r="QBO699" s="613"/>
      <c r="QBP699" s="613"/>
      <c r="QBQ699" s="613"/>
      <c r="QBR699" s="613"/>
      <c r="QBS699" s="613"/>
      <c r="QBT699" s="613"/>
      <c r="QBU699" s="613"/>
      <c r="QBV699" s="613"/>
      <c r="QBW699" s="613"/>
      <c r="QBX699" s="613"/>
      <c r="QBY699" s="613"/>
      <c r="QBZ699" s="613"/>
      <c r="QCA699" s="613"/>
      <c r="QCB699" s="613"/>
      <c r="QCC699" s="613"/>
      <c r="QCD699" s="613"/>
      <c r="QCE699" s="613"/>
      <c r="QCF699" s="613"/>
      <c r="QCG699" s="613"/>
      <c r="QCH699" s="613"/>
      <c r="QCI699" s="613"/>
      <c r="QCJ699" s="613"/>
      <c r="QCK699" s="613"/>
      <c r="QCL699" s="613"/>
      <c r="QCM699" s="613"/>
      <c r="QCN699" s="613"/>
      <c r="QCO699" s="613"/>
      <c r="QCP699" s="613"/>
      <c r="QCQ699" s="613"/>
      <c r="QCR699" s="613"/>
      <c r="QCS699" s="613"/>
      <c r="QCT699" s="613"/>
      <c r="QCU699" s="613"/>
      <c r="QCV699" s="613"/>
      <c r="QCW699" s="613"/>
      <c r="QCX699" s="613"/>
      <c r="QCY699" s="613"/>
      <c r="QCZ699" s="613"/>
      <c r="QDA699" s="613"/>
      <c r="QDB699" s="613"/>
      <c r="QDC699" s="613"/>
      <c r="QDD699" s="613"/>
      <c r="QDE699" s="613"/>
      <c r="QDF699" s="613"/>
      <c r="QDG699" s="613"/>
      <c r="QDH699" s="613"/>
      <c r="QDI699" s="613"/>
      <c r="QDJ699" s="613"/>
      <c r="QDK699" s="613"/>
      <c r="QDL699" s="613"/>
      <c r="QDM699" s="613"/>
      <c r="QDN699" s="613"/>
      <c r="QDO699" s="613"/>
      <c r="QDP699" s="613"/>
      <c r="QDQ699" s="613"/>
      <c r="QDR699" s="613"/>
      <c r="QDS699" s="613"/>
      <c r="QDT699" s="613"/>
      <c r="QDU699" s="613"/>
      <c r="QDV699" s="613"/>
      <c r="QDW699" s="613"/>
      <c r="QDX699" s="613"/>
      <c r="QDY699" s="613"/>
      <c r="QDZ699" s="613"/>
      <c r="QEA699" s="613"/>
      <c r="QEB699" s="613"/>
      <c r="QEC699" s="613"/>
      <c r="QED699" s="613"/>
      <c r="QEE699" s="613"/>
      <c r="QEF699" s="613"/>
      <c r="QEG699" s="613"/>
      <c r="QEH699" s="613"/>
      <c r="QEI699" s="613"/>
      <c r="QEJ699" s="613"/>
      <c r="QEK699" s="613"/>
      <c r="QEL699" s="613"/>
      <c r="QEM699" s="613"/>
      <c r="QEN699" s="613"/>
      <c r="QEO699" s="613"/>
      <c r="QEP699" s="613"/>
      <c r="QEQ699" s="613"/>
      <c r="QER699" s="613"/>
      <c r="QES699" s="613"/>
      <c r="QET699" s="613"/>
      <c r="QEU699" s="613"/>
      <c r="QEV699" s="613"/>
      <c r="QEW699" s="613"/>
      <c r="QEX699" s="613"/>
      <c r="QEY699" s="613"/>
      <c r="QEZ699" s="613"/>
      <c r="QFA699" s="613"/>
      <c r="QFB699" s="613"/>
      <c r="QFC699" s="613"/>
      <c r="QFD699" s="613"/>
      <c r="QFE699" s="613"/>
      <c r="QFF699" s="613"/>
      <c r="QFG699" s="613"/>
      <c r="QFH699" s="613"/>
      <c r="QFI699" s="613"/>
      <c r="QFJ699" s="613"/>
      <c r="QFK699" s="613"/>
      <c r="QFL699" s="613"/>
      <c r="QFM699" s="613"/>
      <c r="QFN699" s="613"/>
      <c r="QFO699" s="613"/>
      <c r="QFP699" s="613"/>
      <c r="QFQ699" s="613"/>
      <c r="QFR699" s="613"/>
      <c r="QFS699" s="613"/>
      <c r="QFT699" s="613"/>
      <c r="QFU699" s="613"/>
      <c r="QFV699" s="613"/>
      <c r="QFW699" s="613"/>
      <c r="QFX699" s="613"/>
      <c r="QFY699" s="613"/>
      <c r="QFZ699" s="613"/>
      <c r="QGA699" s="613"/>
      <c r="QGB699" s="613"/>
      <c r="QGC699" s="613"/>
      <c r="QGD699" s="613"/>
      <c r="QGE699" s="613"/>
      <c r="QGF699" s="613"/>
      <c r="QGG699" s="613"/>
      <c r="QGH699" s="613"/>
      <c r="QGI699" s="613"/>
      <c r="QGJ699" s="613"/>
      <c r="QGK699" s="613"/>
      <c r="QGL699" s="613"/>
      <c r="QGM699" s="613"/>
      <c r="QGN699" s="613"/>
      <c r="QGO699" s="613"/>
      <c r="QGP699" s="613"/>
      <c r="QGQ699" s="613"/>
      <c r="QGR699" s="613"/>
      <c r="QGS699" s="613"/>
      <c r="QGT699" s="613"/>
      <c r="QGU699" s="613"/>
      <c r="QGV699" s="613"/>
      <c r="QGW699" s="613"/>
      <c r="QGX699" s="613"/>
      <c r="QGY699" s="613"/>
      <c r="QGZ699" s="613"/>
      <c r="QHA699" s="613"/>
      <c r="QHB699" s="613"/>
      <c r="QHC699" s="613"/>
      <c r="QHD699" s="613"/>
      <c r="QHE699" s="613"/>
      <c r="QHF699" s="613"/>
      <c r="QHG699" s="613"/>
      <c r="QHH699" s="613"/>
      <c r="QHI699" s="613"/>
      <c r="QHJ699" s="613"/>
      <c r="QHK699" s="613"/>
      <c r="QHL699" s="613"/>
      <c r="QHM699" s="613"/>
      <c r="QHN699" s="613"/>
      <c r="QHO699" s="613"/>
      <c r="QHP699" s="613"/>
      <c r="QHQ699" s="613"/>
      <c r="QHR699" s="613"/>
      <c r="QHS699" s="613"/>
      <c r="QHT699" s="613"/>
      <c r="QHU699" s="613"/>
      <c r="QHV699" s="613"/>
      <c r="QHW699" s="613"/>
      <c r="QHX699" s="613"/>
      <c r="QHY699" s="613"/>
      <c r="QHZ699" s="613"/>
      <c r="QIA699" s="613"/>
      <c r="QIB699" s="613"/>
      <c r="QIC699" s="613"/>
      <c r="QID699" s="613"/>
      <c r="QIE699" s="613"/>
      <c r="QIF699" s="613"/>
      <c r="QIG699" s="613"/>
      <c r="QIH699" s="613"/>
      <c r="QII699" s="613"/>
      <c r="QIJ699" s="613"/>
      <c r="QIK699" s="613"/>
      <c r="QIL699" s="613"/>
      <c r="QIM699" s="613"/>
      <c r="QIN699" s="613"/>
      <c r="QIO699" s="613"/>
      <c r="QIP699" s="613"/>
      <c r="QIQ699" s="613"/>
      <c r="QIR699" s="613"/>
      <c r="QIS699" s="613"/>
      <c r="QIT699" s="613"/>
      <c r="QIU699" s="613"/>
      <c r="QIV699" s="613"/>
      <c r="QIW699" s="613"/>
      <c r="QIX699" s="613"/>
      <c r="QIY699" s="613"/>
      <c r="QIZ699" s="613"/>
      <c r="QJA699" s="613"/>
      <c r="QJB699" s="613"/>
      <c r="QJC699" s="613"/>
      <c r="QJD699" s="613"/>
      <c r="QJE699" s="613"/>
      <c r="QJF699" s="613"/>
      <c r="QJG699" s="613"/>
      <c r="QJH699" s="613"/>
      <c r="QJI699" s="613"/>
      <c r="QJJ699" s="613"/>
      <c r="QJK699" s="613"/>
      <c r="QJL699" s="613"/>
      <c r="QJM699" s="613"/>
      <c r="QJN699" s="613"/>
      <c r="QJO699" s="613"/>
      <c r="QJP699" s="613"/>
      <c r="QJQ699" s="613"/>
      <c r="QJR699" s="613"/>
      <c r="QJS699" s="613"/>
      <c r="QJT699" s="613"/>
      <c r="QJU699" s="613"/>
      <c r="QJV699" s="613"/>
      <c r="QJW699" s="613"/>
      <c r="QJX699" s="613"/>
      <c r="QJY699" s="613"/>
      <c r="QJZ699" s="613"/>
      <c r="QKA699" s="613"/>
      <c r="QKB699" s="613"/>
      <c r="QKC699" s="613"/>
      <c r="QKD699" s="613"/>
      <c r="QKE699" s="613"/>
      <c r="QKF699" s="613"/>
      <c r="QKG699" s="613"/>
      <c r="QKH699" s="613"/>
      <c r="QKI699" s="613"/>
      <c r="QKJ699" s="613"/>
      <c r="QKK699" s="613"/>
      <c r="QKL699" s="613"/>
      <c r="QKM699" s="613"/>
      <c r="QKN699" s="613"/>
      <c r="QKO699" s="613"/>
      <c r="QKP699" s="613"/>
      <c r="QKQ699" s="613"/>
      <c r="QKR699" s="613"/>
      <c r="QKS699" s="613"/>
      <c r="QKT699" s="613"/>
      <c r="QKU699" s="613"/>
      <c r="QKV699" s="613"/>
      <c r="QKW699" s="613"/>
      <c r="QKX699" s="613"/>
      <c r="QKY699" s="613"/>
      <c r="QKZ699" s="613"/>
      <c r="QLA699" s="613"/>
      <c r="QLB699" s="613"/>
      <c r="QLC699" s="613"/>
      <c r="QLD699" s="613"/>
      <c r="QLE699" s="613"/>
      <c r="QLF699" s="613"/>
      <c r="QLG699" s="613"/>
      <c r="QLH699" s="613"/>
      <c r="QLI699" s="613"/>
      <c r="QLJ699" s="613"/>
      <c r="QLK699" s="613"/>
      <c r="QLL699" s="613"/>
      <c r="QLM699" s="613"/>
      <c r="QLN699" s="613"/>
      <c r="QLO699" s="613"/>
      <c r="QLP699" s="613"/>
      <c r="QLQ699" s="613"/>
      <c r="QLR699" s="613"/>
      <c r="QLS699" s="613"/>
      <c r="QLT699" s="613"/>
      <c r="QLU699" s="613"/>
      <c r="QLV699" s="613"/>
      <c r="QLW699" s="613"/>
      <c r="QLX699" s="613"/>
      <c r="QLY699" s="613"/>
      <c r="QLZ699" s="613"/>
      <c r="QMA699" s="613"/>
      <c r="QMB699" s="613"/>
      <c r="QMC699" s="613"/>
      <c r="QMD699" s="613"/>
      <c r="QME699" s="613"/>
      <c r="QMF699" s="613"/>
      <c r="QMG699" s="613"/>
      <c r="QMH699" s="613"/>
      <c r="QMI699" s="613"/>
      <c r="QMJ699" s="613"/>
      <c r="QMK699" s="613"/>
      <c r="QML699" s="613"/>
      <c r="QMM699" s="613"/>
      <c r="QMN699" s="613"/>
      <c r="QMO699" s="613"/>
      <c r="QMP699" s="613"/>
      <c r="QMQ699" s="613"/>
      <c r="QMR699" s="613"/>
      <c r="QMS699" s="613"/>
      <c r="QMT699" s="613"/>
      <c r="QMU699" s="613"/>
      <c r="QMV699" s="613"/>
      <c r="QMW699" s="613"/>
      <c r="QMX699" s="613"/>
      <c r="QMY699" s="613"/>
      <c r="QMZ699" s="613"/>
      <c r="QNA699" s="613"/>
      <c r="QNB699" s="613"/>
      <c r="QNC699" s="613"/>
      <c r="QND699" s="613"/>
      <c r="QNE699" s="613"/>
      <c r="QNF699" s="613"/>
      <c r="QNG699" s="613"/>
      <c r="QNH699" s="613"/>
      <c r="QNI699" s="613"/>
      <c r="QNJ699" s="613"/>
      <c r="QNK699" s="613"/>
      <c r="QNL699" s="613"/>
      <c r="QNM699" s="613"/>
      <c r="QNN699" s="613"/>
      <c r="QNO699" s="613"/>
      <c r="QNP699" s="613"/>
      <c r="QNQ699" s="613"/>
      <c r="QNR699" s="613"/>
      <c r="QNS699" s="613"/>
      <c r="QNT699" s="613"/>
      <c r="QNU699" s="613"/>
      <c r="QNV699" s="613"/>
      <c r="QNW699" s="613"/>
      <c r="QNX699" s="613"/>
      <c r="QNY699" s="613"/>
      <c r="QNZ699" s="613"/>
      <c r="QOA699" s="613"/>
      <c r="QOB699" s="613"/>
      <c r="QOC699" s="613"/>
      <c r="QOD699" s="613"/>
      <c r="QOE699" s="613"/>
      <c r="QOF699" s="613"/>
      <c r="QOG699" s="613"/>
      <c r="QOH699" s="613"/>
      <c r="QOI699" s="613"/>
      <c r="QOJ699" s="613"/>
      <c r="QOK699" s="613"/>
      <c r="QOL699" s="613"/>
      <c r="QOM699" s="613"/>
      <c r="QON699" s="613"/>
      <c r="QOO699" s="613"/>
      <c r="QOP699" s="613"/>
      <c r="QOQ699" s="613"/>
      <c r="QOR699" s="613"/>
      <c r="QOS699" s="613"/>
      <c r="QOT699" s="613"/>
      <c r="QOU699" s="613"/>
      <c r="QOV699" s="613"/>
      <c r="QOW699" s="613"/>
      <c r="QOX699" s="613"/>
      <c r="QOY699" s="613"/>
      <c r="QOZ699" s="613"/>
      <c r="QPA699" s="613"/>
      <c r="QPB699" s="613"/>
      <c r="QPC699" s="613"/>
      <c r="QPD699" s="613"/>
      <c r="QPE699" s="613"/>
      <c r="QPF699" s="613"/>
      <c r="QPG699" s="613"/>
      <c r="QPH699" s="613"/>
      <c r="QPI699" s="613"/>
      <c r="QPJ699" s="613"/>
      <c r="QPK699" s="613"/>
      <c r="QPL699" s="613"/>
      <c r="QPM699" s="613"/>
      <c r="QPN699" s="613"/>
      <c r="QPO699" s="613"/>
      <c r="QPP699" s="613"/>
      <c r="QPQ699" s="613"/>
      <c r="QPR699" s="613"/>
      <c r="QPS699" s="613"/>
      <c r="QPT699" s="613"/>
      <c r="QPU699" s="613"/>
      <c r="QPV699" s="613"/>
      <c r="QPW699" s="613"/>
      <c r="QPX699" s="613"/>
      <c r="QPY699" s="613"/>
      <c r="QPZ699" s="613"/>
      <c r="QQA699" s="613"/>
      <c r="QQB699" s="613"/>
      <c r="QQC699" s="613"/>
      <c r="QQD699" s="613"/>
      <c r="QQE699" s="613"/>
      <c r="QQF699" s="613"/>
      <c r="QQG699" s="613"/>
      <c r="QQH699" s="613"/>
      <c r="QQI699" s="613"/>
      <c r="QQJ699" s="613"/>
      <c r="QQK699" s="613"/>
      <c r="QQL699" s="613"/>
      <c r="QQM699" s="613"/>
      <c r="QQN699" s="613"/>
      <c r="QQO699" s="613"/>
      <c r="QQP699" s="613"/>
      <c r="QQQ699" s="613"/>
      <c r="QQR699" s="613"/>
      <c r="QQS699" s="613"/>
      <c r="QQT699" s="613"/>
      <c r="QQU699" s="613"/>
      <c r="QQV699" s="613"/>
      <c r="QQW699" s="613"/>
      <c r="QQX699" s="613"/>
      <c r="QQY699" s="613"/>
      <c r="QQZ699" s="613"/>
      <c r="QRA699" s="613"/>
      <c r="QRB699" s="613"/>
      <c r="QRC699" s="613"/>
      <c r="QRD699" s="613"/>
      <c r="QRE699" s="613"/>
      <c r="QRF699" s="613"/>
      <c r="QRG699" s="613"/>
      <c r="QRH699" s="613"/>
      <c r="QRI699" s="613"/>
      <c r="QRJ699" s="613"/>
      <c r="QRK699" s="613"/>
      <c r="QRL699" s="613"/>
      <c r="QRM699" s="613"/>
      <c r="QRN699" s="613"/>
      <c r="QRO699" s="613"/>
      <c r="QRP699" s="613"/>
      <c r="QRQ699" s="613"/>
      <c r="QRR699" s="613"/>
      <c r="QRS699" s="613"/>
      <c r="QRT699" s="613"/>
      <c r="QRU699" s="613"/>
      <c r="QRV699" s="613"/>
      <c r="QRW699" s="613"/>
      <c r="QRX699" s="613"/>
      <c r="QRY699" s="613"/>
      <c r="QRZ699" s="613"/>
      <c r="QSA699" s="613"/>
      <c r="QSB699" s="613"/>
      <c r="QSC699" s="613"/>
      <c r="QSD699" s="613"/>
      <c r="QSE699" s="613"/>
      <c r="QSF699" s="613"/>
      <c r="QSG699" s="613"/>
      <c r="QSH699" s="613"/>
      <c r="QSI699" s="613"/>
      <c r="QSJ699" s="613"/>
      <c r="QSK699" s="613"/>
      <c r="QSL699" s="613"/>
      <c r="QSM699" s="613"/>
      <c r="QSN699" s="613"/>
      <c r="QSO699" s="613"/>
      <c r="QSP699" s="613"/>
      <c r="QSQ699" s="613"/>
      <c r="QSR699" s="613"/>
      <c r="QSS699" s="613"/>
      <c r="QST699" s="613"/>
      <c r="QSU699" s="613"/>
      <c r="QSV699" s="613"/>
      <c r="QSW699" s="613"/>
      <c r="QSX699" s="613"/>
      <c r="QSY699" s="613"/>
      <c r="QSZ699" s="613"/>
      <c r="QTA699" s="613"/>
      <c r="QTB699" s="613"/>
      <c r="QTC699" s="613"/>
      <c r="QTD699" s="613"/>
      <c r="QTE699" s="613"/>
      <c r="QTF699" s="613"/>
      <c r="QTG699" s="613"/>
      <c r="QTH699" s="613"/>
      <c r="QTI699" s="613"/>
      <c r="QTJ699" s="613"/>
      <c r="QTK699" s="613"/>
      <c r="QTL699" s="613"/>
      <c r="QTM699" s="613"/>
      <c r="QTN699" s="613"/>
      <c r="QTO699" s="613"/>
      <c r="QTP699" s="613"/>
      <c r="QTQ699" s="613"/>
      <c r="QTR699" s="613"/>
      <c r="QTS699" s="613"/>
      <c r="QTT699" s="613"/>
      <c r="QTU699" s="613"/>
      <c r="QTV699" s="613"/>
      <c r="QTW699" s="613"/>
      <c r="QTX699" s="613"/>
      <c r="QTY699" s="613"/>
      <c r="QTZ699" s="613"/>
      <c r="QUA699" s="613"/>
      <c r="QUB699" s="613"/>
      <c r="QUC699" s="613"/>
      <c r="QUD699" s="613"/>
      <c r="QUE699" s="613"/>
      <c r="QUF699" s="613"/>
      <c r="QUG699" s="613"/>
      <c r="QUH699" s="613"/>
      <c r="QUI699" s="613"/>
      <c r="QUJ699" s="613"/>
      <c r="QUK699" s="613"/>
      <c r="QUL699" s="613"/>
      <c r="QUM699" s="613"/>
      <c r="QUN699" s="613"/>
      <c r="QUO699" s="613"/>
      <c r="QUP699" s="613"/>
      <c r="QUQ699" s="613"/>
      <c r="QUR699" s="613"/>
      <c r="QUS699" s="613"/>
      <c r="QUT699" s="613"/>
      <c r="QUU699" s="613"/>
      <c r="QUV699" s="613"/>
      <c r="QUW699" s="613"/>
      <c r="QUX699" s="613"/>
      <c r="QUY699" s="613"/>
      <c r="QUZ699" s="613"/>
      <c r="QVA699" s="613"/>
      <c r="QVB699" s="613"/>
      <c r="QVC699" s="613"/>
      <c r="QVD699" s="613"/>
      <c r="QVE699" s="613"/>
      <c r="QVF699" s="613"/>
      <c r="QVG699" s="613"/>
      <c r="QVH699" s="613"/>
      <c r="QVI699" s="613"/>
      <c r="QVJ699" s="613"/>
      <c r="QVK699" s="613"/>
      <c r="QVL699" s="613"/>
      <c r="QVM699" s="613"/>
      <c r="QVN699" s="613"/>
      <c r="QVO699" s="613"/>
      <c r="QVP699" s="613"/>
      <c r="QVQ699" s="613"/>
      <c r="QVR699" s="613"/>
      <c r="QVS699" s="613"/>
      <c r="QVT699" s="613"/>
      <c r="QVU699" s="613"/>
      <c r="QVV699" s="613"/>
      <c r="QVW699" s="613"/>
      <c r="QVX699" s="613"/>
      <c r="QVY699" s="613"/>
      <c r="QVZ699" s="613"/>
      <c r="QWA699" s="613"/>
      <c r="QWB699" s="613"/>
      <c r="QWC699" s="613"/>
      <c r="QWD699" s="613"/>
      <c r="QWE699" s="613"/>
      <c r="QWF699" s="613"/>
      <c r="QWG699" s="613"/>
      <c r="QWH699" s="613"/>
      <c r="QWI699" s="613"/>
      <c r="QWJ699" s="613"/>
      <c r="QWK699" s="613"/>
      <c r="QWL699" s="613"/>
      <c r="QWM699" s="613"/>
      <c r="QWN699" s="613"/>
      <c r="QWO699" s="613"/>
      <c r="QWP699" s="613"/>
      <c r="QWQ699" s="613"/>
      <c r="QWR699" s="613"/>
      <c r="QWS699" s="613"/>
      <c r="QWT699" s="613"/>
      <c r="QWU699" s="613"/>
      <c r="QWV699" s="613"/>
      <c r="QWW699" s="613"/>
      <c r="QWX699" s="613"/>
      <c r="QWY699" s="613"/>
      <c r="QWZ699" s="613"/>
      <c r="QXA699" s="613"/>
      <c r="QXB699" s="613"/>
      <c r="QXC699" s="613"/>
      <c r="QXD699" s="613"/>
      <c r="QXE699" s="613"/>
      <c r="QXF699" s="613"/>
      <c r="QXG699" s="613"/>
      <c r="QXH699" s="613"/>
      <c r="QXI699" s="613"/>
      <c r="QXJ699" s="613"/>
      <c r="QXK699" s="613"/>
      <c r="QXL699" s="613"/>
      <c r="QXM699" s="613"/>
      <c r="QXN699" s="613"/>
      <c r="QXO699" s="613"/>
      <c r="QXP699" s="613"/>
      <c r="QXQ699" s="613"/>
      <c r="QXR699" s="613"/>
      <c r="QXS699" s="613"/>
      <c r="QXT699" s="613"/>
      <c r="QXU699" s="613"/>
      <c r="QXV699" s="613"/>
      <c r="QXW699" s="613"/>
      <c r="QXX699" s="613"/>
      <c r="QXY699" s="613"/>
      <c r="QXZ699" s="613"/>
      <c r="QYA699" s="613"/>
      <c r="QYB699" s="613"/>
      <c r="QYC699" s="613"/>
      <c r="QYD699" s="613"/>
      <c r="QYE699" s="613"/>
      <c r="QYF699" s="613"/>
      <c r="QYG699" s="613"/>
      <c r="QYH699" s="613"/>
      <c r="QYI699" s="613"/>
      <c r="QYJ699" s="613"/>
      <c r="QYK699" s="613"/>
      <c r="QYL699" s="613"/>
      <c r="QYM699" s="613"/>
      <c r="QYN699" s="613"/>
      <c r="QYO699" s="613"/>
      <c r="QYP699" s="613"/>
      <c r="QYQ699" s="613"/>
      <c r="QYR699" s="613"/>
      <c r="QYS699" s="613"/>
      <c r="QYT699" s="613"/>
      <c r="QYU699" s="613"/>
      <c r="QYV699" s="613"/>
      <c r="QYW699" s="613"/>
      <c r="QYX699" s="613"/>
      <c r="QYY699" s="613"/>
      <c r="QYZ699" s="613"/>
      <c r="QZA699" s="613"/>
      <c r="QZB699" s="613"/>
      <c r="QZC699" s="613"/>
      <c r="QZD699" s="613"/>
      <c r="QZE699" s="613"/>
      <c r="QZF699" s="613"/>
      <c r="QZG699" s="613"/>
      <c r="QZH699" s="613"/>
      <c r="QZI699" s="613"/>
      <c r="QZJ699" s="613"/>
      <c r="QZK699" s="613"/>
      <c r="QZL699" s="613"/>
      <c r="QZM699" s="613"/>
      <c r="QZN699" s="613"/>
      <c r="QZO699" s="613"/>
      <c r="QZP699" s="613"/>
      <c r="QZQ699" s="613"/>
      <c r="QZR699" s="613"/>
      <c r="QZS699" s="613"/>
      <c r="QZT699" s="613"/>
      <c r="QZU699" s="613"/>
      <c r="QZV699" s="613"/>
      <c r="QZW699" s="613"/>
      <c r="QZX699" s="613"/>
      <c r="QZY699" s="613"/>
      <c r="QZZ699" s="613"/>
      <c r="RAA699" s="613"/>
      <c r="RAB699" s="613"/>
      <c r="RAC699" s="613"/>
      <c r="RAD699" s="613"/>
      <c r="RAE699" s="613"/>
      <c r="RAF699" s="613"/>
      <c r="RAG699" s="613"/>
      <c r="RAH699" s="613"/>
      <c r="RAI699" s="613"/>
      <c r="RAJ699" s="613"/>
      <c r="RAK699" s="613"/>
      <c r="RAL699" s="613"/>
      <c r="RAM699" s="613"/>
      <c r="RAN699" s="613"/>
      <c r="RAO699" s="613"/>
      <c r="RAP699" s="613"/>
      <c r="RAQ699" s="613"/>
      <c r="RAR699" s="613"/>
      <c r="RAS699" s="613"/>
      <c r="RAT699" s="613"/>
      <c r="RAU699" s="613"/>
      <c r="RAV699" s="613"/>
      <c r="RAW699" s="613"/>
      <c r="RAX699" s="613"/>
      <c r="RAY699" s="613"/>
      <c r="RAZ699" s="613"/>
      <c r="RBA699" s="613"/>
      <c r="RBB699" s="613"/>
      <c r="RBC699" s="613"/>
      <c r="RBD699" s="613"/>
      <c r="RBE699" s="613"/>
      <c r="RBF699" s="613"/>
      <c r="RBG699" s="613"/>
      <c r="RBH699" s="613"/>
      <c r="RBI699" s="613"/>
      <c r="RBJ699" s="613"/>
      <c r="RBK699" s="613"/>
      <c r="RBL699" s="613"/>
      <c r="RBM699" s="613"/>
      <c r="RBN699" s="613"/>
      <c r="RBO699" s="613"/>
      <c r="RBP699" s="613"/>
      <c r="RBQ699" s="613"/>
      <c r="RBR699" s="613"/>
      <c r="RBS699" s="613"/>
      <c r="RBT699" s="613"/>
      <c r="RBU699" s="613"/>
      <c r="RBV699" s="613"/>
      <c r="RBW699" s="613"/>
      <c r="RBX699" s="613"/>
      <c r="RBY699" s="613"/>
      <c r="RBZ699" s="613"/>
      <c r="RCA699" s="613"/>
      <c r="RCB699" s="613"/>
      <c r="RCC699" s="613"/>
      <c r="RCD699" s="613"/>
      <c r="RCE699" s="613"/>
      <c r="RCF699" s="613"/>
      <c r="RCG699" s="613"/>
      <c r="RCH699" s="613"/>
      <c r="RCI699" s="613"/>
      <c r="RCJ699" s="613"/>
      <c r="RCK699" s="613"/>
      <c r="RCL699" s="613"/>
      <c r="RCM699" s="613"/>
      <c r="RCN699" s="613"/>
      <c r="RCO699" s="613"/>
      <c r="RCP699" s="613"/>
      <c r="RCQ699" s="613"/>
      <c r="RCR699" s="613"/>
      <c r="RCS699" s="613"/>
      <c r="RCT699" s="613"/>
      <c r="RCU699" s="613"/>
      <c r="RCV699" s="613"/>
      <c r="RCW699" s="613"/>
      <c r="RCX699" s="613"/>
      <c r="RCY699" s="613"/>
      <c r="RCZ699" s="613"/>
      <c r="RDA699" s="613"/>
      <c r="RDB699" s="613"/>
      <c r="RDC699" s="613"/>
      <c r="RDD699" s="613"/>
      <c r="RDE699" s="613"/>
      <c r="RDF699" s="613"/>
      <c r="RDG699" s="613"/>
      <c r="RDH699" s="613"/>
      <c r="RDI699" s="613"/>
      <c r="RDJ699" s="613"/>
      <c r="RDK699" s="613"/>
      <c r="RDL699" s="613"/>
      <c r="RDM699" s="613"/>
      <c r="RDN699" s="613"/>
      <c r="RDO699" s="613"/>
      <c r="RDP699" s="613"/>
      <c r="RDQ699" s="613"/>
      <c r="RDR699" s="613"/>
      <c r="RDS699" s="613"/>
      <c r="RDT699" s="613"/>
      <c r="RDU699" s="613"/>
      <c r="RDV699" s="613"/>
      <c r="RDW699" s="613"/>
      <c r="RDX699" s="613"/>
      <c r="RDY699" s="613"/>
      <c r="RDZ699" s="613"/>
      <c r="REA699" s="613"/>
      <c r="REB699" s="613"/>
      <c r="REC699" s="613"/>
      <c r="RED699" s="613"/>
      <c r="REE699" s="613"/>
      <c r="REF699" s="613"/>
      <c r="REG699" s="613"/>
      <c r="REH699" s="613"/>
      <c r="REI699" s="613"/>
      <c r="REJ699" s="613"/>
      <c r="REK699" s="613"/>
      <c r="REL699" s="613"/>
      <c r="REM699" s="613"/>
      <c r="REN699" s="613"/>
      <c r="REO699" s="613"/>
      <c r="REP699" s="613"/>
      <c r="REQ699" s="613"/>
      <c r="RER699" s="613"/>
      <c r="RES699" s="613"/>
      <c r="RET699" s="613"/>
      <c r="REU699" s="613"/>
      <c r="REV699" s="613"/>
      <c r="REW699" s="613"/>
      <c r="REX699" s="613"/>
      <c r="REY699" s="613"/>
      <c r="REZ699" s="613"/>
      <c r="RFA699" s="613"/>
      <c r="RFB699" s="613"/>
      <c r="RFC699" s="613"/>
      <c r="RFD699" s="613"/>
      <c r="RFE699" s="613"/>
      <c r="RFF699" s="613"/>
      <c r="RFG699" s="613"/>
      <c r="RFH699" s="613"/>
      <c r="RFI699" s="613"/>
      <c r="RFJ699" s="613"/>
      <c r="RFK699" s="613"/>
      <c r="RFL699" s="613"/>
      <c r="RFM699" s="613"/>
      <c r="RFN699" s="613"/>
      <c r="RFO699" s="613"/>
      <c r="RFP699" s="613"/>
      <c r="RFQ699" s="613"/>
      <c r="RFR699" s="613"/>
      <c r="RFS699" s="613"/>
      <c r="RFT699" s="613"/>
      <c r="RFU699" s="613"/>
      <c r="RFV699" s="613"/>
      <c r="RFW699" s="613"/>
      <c r="RFX699" s="613"/>
      <c r="RFY699" s="613"/>
      <c r="RFZ699" s="613"/>
      <c r="RGA699" s="613"/>
      <c r="RGB699" s="613"/>
      <c r="RGC699" s="613"/>
      <c r="RGD699" s="613"/>
      <c r="RGE699" s="613"/>
      <c r="RGF699" s="613"/>
      <c r="RGG699" s="613"/>
      <c r="RGH699" s="613"/>
      <c r="RGI699" s="613"/>
      <c r="RGJ699" s="613"/>
      <c r="RGK699" s="613"/>
      <c r="RGL699" s="613"/>
      <c r="RGM699" s="613"/>
      <c r="RGN699" s="613"/>
      <c r="RGO699" s="613"/>
      <c r="RGP699" s="613"/>
      <c r="RGQ699" s="613"/>
      <c r="RGR699" s="613"/>
      <c r="RGS699" s="613"/>
      <c r="RGT699" s="613"/>
      <c r="RGU699" s="613"/>
      <c r="RGV699" s="613"/>
      <c r="RGW699" s="613"/>
      <c r="RGX699" s="613"/>
      <c r="RGY699" s="613"/>
      <c r="RGZ699" s="613"/>
      <c r="RHA699" s="613"/>
      <c r="RHB699" s="613"/>
      <c r="RHC699" s="613"/>
      <c r="RHD699" s="613"/>
      <c r="RHE699" s="613"/>
      <c r="RHF699" s="613"/>
      <c r="RHG699" s="613"/>
      <c r="RHH699" s="613"/>
      <c r="RHI699" s="613"/>
      <c r="RHJ699" s="613"/>
      <c r="RHK699" s="613"/>
      <c r="RHL699" s="613"/>
      <c r="RHM699" s="613"/>
      <c r="RHN699" s="613"/>
      <c r="RHO699" s="613"/>
      <c r="RHP699" s="613"/>
      <c r="RHQ699" s="613"/>
      <c r="RHR699" s="613"/>
      <c r="RHS699" s="613"/>
      <c r="RHT699" s="613"/>
      <c r="RHU699" s="613"/>
      <c r="RHV699" s="613"/>
      <c r="RHW699" s="613"/>
      <c r="RHX699" s="613"/>
      <c r="RHY699" s="613"/>
      <c r="RHZ699" s="613"/>
      <c r="RIA699" s="613"/>
      <c r="RIB699" s="613"/>
      <c r="RIC699" s="613"/>
      <c r="RID699" s="613"/>
      <c r="RIE699" s="613"/>
      <c r="RIF699" s="613"/>
      <c r="RIG699" s="613"/>
      <c r="RIH699" s="613"/>
      <c r="RII699" s="613"/>
      <c r="RIJ699" s="613"/>
      <c r="RIK699" s="613"/>
      <c r="RIL699" s="613"/>
      <c r="RIM699" s="613"/>
      <c r="RIN699" s="613"/>
      <c r="RIO699" s="613"/>
      <c r="RIP699" s="613"/>
      <c r="RIQ699" s="613"/>
      <c r="RIR699" s="613"/>
      <c r="RIS699" s="613"/>
      <c r="RIT699" s="613"/>
      <c r="RIU699" s="613"/>
      <c r="RIV699" s="613"/>
      <c r="RIW699" s="613"/>
      <c r="RIX699" s="613"/>
      <c r="RIY699" s="613"/>
      <c r="RIZ699" s="613"/>
      <c r="RJA699" s="613"/>
      <c r="RJB699" s="613"/>
      <c r="RJC699" s="613"/>
      <c r="RJD699" s="613"/>
      <c r="RJE699" s="613"/>
      <c r="RJF699" s="613"/>
      <c r="RJG699" s="613"/>
      <c r="RJH699" s="613"/>
      <c r="RJI699" s="613"/>
      <c r="RJJ699" s="613"/>
      <c r="RJK699" s="613"/>
      <c r="RJL699" s="613"/>
      <c r="RJM699" s="613"/>
      <c r="RJN699" s="613"/>
      <c r="RJO699" s="613"/>
      <c r="RJP699" s="613"/>
      <c r="RJQ699" s="613"/>
      <c r="RJR699" s="613"/>
      <c r="RJS699" s="613"/>
      <c r="RJT699" s="613"/>
      <c r="RJU699" s="613"/>
      <c r="RJV699" s="613"/>
      <c r="RJW699" s="613"/>
      <c r="RJX699" s="613"/>
      <c r="RJY699" s="613"/>
      <c r="RJZ699" s="613"/>
      <c r="RKA699" s="613"/>
      <c r="RKB699" s="613"/>
      <c r="RKC699" s="613"/>
      <c r="RKD699" s="613"/>
      <c r="RKE699" s="613"/>
      <c r="RKF699" s="613"/>
      <c r="RKG699" s="613"/>
      <c r="RKH699" s="613"/>
      <c r="RKI699" s="613"/>
      <c r="RKJ699" s="613"/>
      <c r="RKK699" s="613"/>
      <c r="RKL699" s="613"/>
      <c r="RKM699" s="613"/>
      <c r="RKN699" s="613"/>
      <c r="RKO699" s="613"/>
      <c r="RKP699" s="613"/>
      <c r="RKQ699" s="613"/>
      <c r="RKR699" s="613"/>
      <c r="RKS699" s="613"/>
      <c r="RKT699" s="613"/>
      <c r="RKU699" s="613"/>
      <c r="RKV699" s="613"/>
      <c r="RKW699" s="613"/>
      <c r="RKX699" s="613"/>
      <c r="RKY699" s="613"/>
      <c r="RKZ699" s="613"/>
      <c r="RLA699" s="613"/>
      <c r="RLB699" s="613"/>
      <c r="RLC699" s="613"/>
      <c r="RLD699" s="613"/>
      <c r="RLE699" s="613"/>
      <c r="RLF699" s="613"/>
      <c r="RLG699" s="613"/>
      <c r="RLH699" s="613"/>
      <c r="RLI699" s="613"/>
      <c r="RLJ699" s="613"/>
      <c r="RLK699" s="613"/>
      <c r="RLL699" s="613"/>
      <c r="RLM699" s="613"/>
      <c r="RLN699" s="613"/>
      <c r="RLO699" s="613"/>
      <c r="RLP699" s="613"/>
      <c r="RLQ699" s="613"/>
      <c r="RLR699" s="613"/>
      <c r="RLS699" s="613"/>
      <c r="RLT699" s="613"/>
      <c r="RLU699" s="613"/>
      <c r="RLV699" s="613"/>
      <c r="RLW699" s="613"/>
      <c r="RLX699" s="613"/>
      <c r="RLY699" s="613"/>
      <c r="RLZ699" s="613"/>
      <c r="RMA699" s="613"/>
      <c r="RMB699" s="613"/>
      <c r="RMC699" s="613"/>
      <c r="RMD699" s="613"/>
      <c r="RME699" s="613"/>
      <c r="RMF699" s="613"/>
      <c r="RMG699" s="613"/>
      <c r="RMH699" s="613"/>
      <c r="RMI699" s="613"/>
      <c r="RMJ699" s="613"/>
      <c r="RMK699" s="613"/>
      <c r="RML699" s="613"/>
      <c r="RMM699" s="613"/>
      <c r="RMN699" s="613"/>
      <c r="RMO699" s="613"/>
      <c r="RMP699" s="613"/>
      <c r="RMQ699" s="613"/>
      <c r="RMR699" s="613"/>
      <c r="RMS699" s="613"/>
      <c r="RMT699" s="613"/>
      <c r="RMU699" s="613"/>
      <c r="RMV699" s="613"/>
      <c r="RMW699" s="613"/>
      <c r="RMX699" s="613"/>
      <c r="RMY699" s="613"/>
      <c r="RMZ699" s="613"/>
      <c r="RNA699" s="613"/>
      <c r="RNB699" s="613"/>
      <c r="RNC699" s="613"/>
      <c r="RND699" s="613"/>
      <c r="RNE699" s="613"/>
      <c r="RNF699" s="613"/>
      <c r="RNG699" s="613"/>
      <c r="RNH699" s="613"/>
      <c r="RNI699" s="613"/>
      <c r="RNJ699" s="613"/>
      <c r="RNK699" s="613"/>
      <c r="RNL699" s="613"/>
      <c r="RNM699" s="613"/>
      <c r="RNN699" s="613"/>
      <c r="RNO699" s="613"/>
      <c r="RNP699" s="613"/>
      <c r="RNQ699" s="613"/>
      <c r="RNR699" s="613"/>
      <c r="RNS699" s="613"/>
      <c r="RNT699" s="613"/>
      <c r="RNU699" s="613"/>
      <c r="RNV699" s="613"/>
      <c r="RNW699" s="613"/>
      <c r="RNX699" s="613"/>
      <c r="RNY699" s="613"/>
      <c r="RNZ699" s="613"/>
      <c r="ROA699" s="613"/>
      <c r="ROB699" s="613"/>
      <c r="ROC699" s="613"/>
      <c r="ROD699" s="613"/>
      <c r="ROE699" s="613"/>
      <c r="ROF699" s="613"/>
      <c r="ROG699" s="613"/>
      <c r="ROH699" s="613"/>
      <c r="ROI699" s="613"/>
      <c r="ROJ699" s="613"/>
      <c r="ROK699" s="613"/>
      <c r="ROL699" s="613"/>
      <c r="ROM699" s="613"/>
      <c r="RON699" s="613"/>
      <c r="ROO699" s="613"/>
      <c r="ROP699" s="613"/>
      <c r="ROQ699" s="613"/>
      <c r="ROR699" s="613"/>
      <c r="ROS699" s="613"/>
      <c r="ROT699" s="613"/>
      <c r="ROU699" s="613"/>
      <c r="ROV699" s="613"/>
      <c r="ROW699" s="613"/>
      <c r="ROX699" s="613"/>
      <c r="ROY699" s="613"/>
      <c r="ROZ699" s="613"/>
      <c r="RPA699" s="613"/>
      <c r="RPB699" s="613"/>
      <c r="RPC699" s="613"/>
      <c r="RPD699" s="613"/>
      <c r="RPE699" s="613"/>
      <c r="RPF699" s="613"/>
      <c r="RPG699" s="613"/>
      <c r="RPH699" s="613"/>
      <c r="RPI699" s="613"/>
      <c r="RPJ699" s="613"/>
      <c r="RPK699" s="613"/>
      <c r="RPL699" s="613"/>
      <c r="RPM699" s="613"/>
      <c r="RPN699" s="613"/>
      <c r="RPO699" s="613"/>
      <c r="RPP699" s="613"/>
      <c r="RPQ699" s="613"/>
      <c r="RPR699" s="613"/>
      <c r="RPS699" s="613"/>
      <c r="RPT699" s="613"/>
      <c r="RPU699" s="613"/>
      <c r="RPV699" s="613"/>
      <c r="RPW699" s="613"/>
      <c r="RPX699" s="613"/>
      <c r="RPY699" s="613"/>
      <c r="RPZ699" s="613"/>
      <c r="RQA699" s="613"/>
      <c r="RQB699" s="613"/>
      <c r="RQC699" s="613"/>
      <c r="RQD699" s="613"/>
      <c r="RQE699" s="613"/>
      <c r="RQF699" s="613"/>
      <c r="RQG699" s="613"/>
      <c r="RQH699" s="613"/>
      <c r="RQI699" s="613"/>
      <c r="RQJ699" s="613"/>
      <c r="RQK699" s="613"/>
      <c r="RQL699" s="613"/>
      <c r="RQM699" s="613"/>
      <c r="RQN699" s="613"/>
      <c r="RQO699" s="613"/>
      <c r="RQP699" s="613"/>
      <c r="RQQ699" s="613"/>
      <c r="RQR699" s="613"/>
      <c r="RQS699" s="613"/>
      <c r="RQT699" s="613"/>
      <c r="RQU699" s="613"/>
      <c r="RQV699" s="613"/>
      <c r="RQW699" s="613"/>
      <c r="RQX699" s="613"/>
      <c r="RQY699" s="613"/>
      <c r="RQZ699" s="613"/>
      <c r="RRA699" s="613"/>
      <c r="RRB699" s="613"/>
      <c r="RRC699" s="613"/>
      <c r="RRD699" s="613"/>
      <c r="RRE699" s="613"/>
      <c r="RRF699" s="613"/>
      <c r="RRG699" s="613"/>
      <c r="RRH699" s="613"/>
      <c r="RRI699" s="613"/>
      <c r="RRJ699" s="613"/>
      <c r="RRK699" s="613"/>
      <c r="RRL699" s="613"/>
      <c r="RRM699" s="613"/>
      <c r="RRN699" s="613"/>
      <c r="RRO699" s="613"/>
      <c r="RRP699" s="613"/>
      <c r="RRQ699" s="613"/>
      <c r="RRR699" s="613"/>
      <c r="RRS699" s="613"/>
      <c r="RRT699" s="613"/>
      <c r="RRU699" s="613"/>
      <c r="RRV699" s="613"/>
      <c r="RRW699" s="613"/>
      <c r="RRX699" s="613"/>
      <c r="RRY699" s="613"/>
      <c r="RRZ699" s="613"/>
      <c r="RSA699" s="613"/>
      <c r="RSB699" s="613"/>
      <c r="RSC699" s="613"/>
      <c r="RSD699" s="613"/>
      <c r="RSE699" s="613"/>
      <c r="RSF699" s="613"/>
      <c r="RSG699" s="613"/>
      <c r="RSH699" s="613"/>
      <c r="RSI699" s="613"/>
      <c r="RSJ699" s="613"/>
      <c r="RSK699" s="613"/>
      <c r="RSL699" s="613"/>
      <c r="RSM699" s="613"/>
      <c r="RSN699" s="613"/>
      <c r="RSO699" s="613"/>
      <c r="RSP699" s="613"/>
      <c r="RSQ699" s="613"/>
      <c r="RSR699" s="613"/>
      <c r="RSS699" s="613"/>
      <c r="RST699" s="613"/>
      <c r="RSU699" s="613"/>
      <c r="RSV699" s="613"/>
      <c r="RSW699" s="613"/>
      <c r="RSX699" s="613"/>
      <c r="RSY699" s="613"/>
      <c r="RSZ699" s="613"/>
      <c r="RTA699" s="613"/>
      <c r="RTB699" s="613"/>
      <c r="RTC699" s="613"/>
      <c r="RTD699" s="613"/>
      <c r="RTE699" s="613"/>
      <c r="RTF699" s="613"/>
      <c r="RTG699" s="613"/>
      <c r="RTH699" s="613"/>
      <c r="RTI699" s="613"/>
      <c r="RTJ699" s="613"/>
      <c r="RTK699" s="613"/>
      <c r="RTL699" s="613"/>
      <c r="RTM699" s="613"/>
      <c r="RTN699" s="613"/>
      <c r="RTO699" s="613"/>
      <c r="RTP699" s="613"/>
      <c r="RTQ699" s="613"/>
      <c r="RTR699" s="613"/>
      <c r="RTS699" s="613"/>
      <c r="RTT699" s="613"/>
      <c r="RTU699" s="613"/>
      <c r="RTV699" s="613"/>
      <c r="RTW699" s="613"/>
      <c r="RTX699" s="613"/>
      <c r="RTY699" s="613"/>
      <c r="RTZ699" s="613"/>
      <c r="RUA699" s="613"/>
      <c r="RUB699" s="613"/>
      <c r="RUC699" s="613"/>
      <c r="RUD699" s="613"/>
      <c r="RUE699" s="613"/>
      <c r="RUF699" s="613"/>
      <c r="RUG699" s="613"/>
      <c r="RUH699" s="613"/>
      <c r="RUI699" s="613"/>
      <c r="RUJ699" s="613"/>
      <c r="RUK699" s="613"/>
      <c r="RUL699" s="613"/>
      <c r="RUM699" s="613"/>
      <c r="RUN699" s="613"/>
      <c r="RUO699" s="613"/>
      <c r="RUP699" s="613"/>
      <c r="RUQ699" s="613"/>
      <c r="RUR699" s="613"/>
      <c r="RUS699" s="613"/>
      <c r="RUT699" s="613"/>
      <c r="RUU699" s="613"/>
      <c r="RUV699" s="613"/>
      <c r="RUW699" s="613"/>
      <c r="RUX699" s="613"/>
      <c r="RUY699" s="613"/>
      <c r="RUZ699" s="613"/>
      <c r="RVA699" s="613"/>
      <c r="RVB699" s="613"/>
      <c r="RVC699" s="613"/>
      <c r="RVD699" s="613"/>
      <c r="RVE699" s="613"/>
      <c r="RVF699" s="613"/>
      <c r="RVG699" s="613"/>
      <c r="RVH699" s="613"/>
      <c r="RVI699" s="613"/>
      <c r="RVJ699" s="613"/>
      <c r="RVK699" s="613"/>
      <c r="RVL699" s="613"/>
      <c r="RVM699" s="613"/>
      <c r="RVN699" s="613"/>
      <c r="RVO699" s="613"/>
      <c r="RVP699" s="613"/>
      <c r="RVQ699" s="613"/>
      <c r="RVR699" s="613"/>
      <c r="RVS699" s="613"/>
      <c r="RVT699" s="613"/>
      <c r="RVU699" s="613"/>
      <c r="RVV699" s="613"/>
      <c r="RVW699" s="613"/>
      <c r="RVX699" s="613"/>
      <c r="RVY699" s="613"/>
      <c r="RVZ699" s="613"/>
      <c r="RWA699" s="613"/>
      <c r="RWB699" s="613"/>
      <c r="RWC699" s="613"/>
      <c r="RWD699" s="613"/>
      <c r="RWE699" s="613"/>
      <c r="RWF699" s="613"/>
      <c r="RWG699" s="613"/>
      <c r="RWH699" s="613"/>
      <c r="RWI699" s="613"/>
      <c r="RWJ699" s="613"/>
      <c r="RWK699" s="613"/>
      <c r="RWL699" s="613"/>
      <c r="RWM699" s="613"/>
      <c r="RWN699" s="613"/>
      <c r="RWO699" s="613"/>
      <c r="RWP699" s="613"/>
      <c r="RWQ699" s="613"/>
      <c r="RWR699" s="613"/>
      <c r="RWS699" s="613"/>
      <c r="RWT699" s="613"/>
      <c r="RWU699" s="613"/>
      <c r="RWV699" s="613"/>
      <c r="RWW699" s="613"/>
      <c r="RWX699" s="613"/>
      <c r="RWY699" s="613"/>
      <c r="RWZ699" s="613"/>
      <c r="RXA699" s="613"/>
      <c r="RXB699" s="613"/>
      <c r="RXC699" s="613"/>
      <c r="RXD699" s="613"/>
      <c r="RXE699" s="613"/>
      <c r="RXF699" s="613"/>
      <c r="RXG699" s="613"/>
      <c r="RXH699" s="613"/>
      <c r="RXI699" s="613"/>
      <c r="RXJ699" s="613"/>
      <c r="RXK699" s="613"/>
      <c r="RXL699" s="613"/>
      <c r="RXM699" s="613"/>
      <c r="RXN699" s="613"/>
      <c r="RXO699" s="613"/>
      <c r="RXP699" s="613"/>
      <c r="RXQ699" s="613"/>
      <c r="RXR699" s="613"/>
      <c r="RXS699" s="613"/>
      <c r="RXT699" s="613"/>
      <c r="RXU699" s="613"/>
      <c r="RXV699" s="613"/>
      <c r="RXW699" s="613"/>
      <c r="RXX699" s="613"/>
      <c r="RXY699" s="613"/>
      <c r="RXZ699" s="613"/>
      <c r="RYA699" s="613"/>
      <c r="RYB699" s="613"/>
      <c r="RYC699" s="613"/>
      <c r="RYD699" s="613"/>
      <c r="RYE699" s="613"/>
      <c r="RYF699" s="613"/>
      <c r="RYG699" s="613"/>
      <c r="RYH699" s="613"/>
      <c r="RYI699" s="613"/>
      <c r="RYJ699" s="613"/>
      <c r="RYK699" s="613"/>
      <c r="RYL699" s="613"/>
      <c r="RYM699" s="613"/>
      <c r="RYN699" s="613"/>
      <c r="RYO699" s="613"/>
      <c r="RYP699" s="613"/>
      <c r="RYQ699" s="613"/>
      <c r="RYR699" s="613"/>
      <c r="RYS699" s="613"/>
      <c r="RYT699" s="613"/>
      <c r="RYU699" s="613"/>
      <c r="RYV699" s="613"/>
      <c r="RYW699" s="613"/>
      <c r="RYX699" s="613"/>
      <c r="RYY699" s="613"/>
      <c r="RYZ699" s="613"/>
      <c r="RZA699" s="613"/>
      <c r="RZB699" s="613"/>
      <c r="RZC699" s="613"/>
      <c r="RZD699" s="613"/>
      <c r="RZE699" s="613"/>
      <c r="RZF699" s="613"/>
      <c r="RZG699" s="613"/>
      <c r="RZH699" s="613"/>
      <c r="RZI699" s="613"/>
      <c r="RZJ699" s="613"/>
      <c r="RZK699" s="613"/>
      <c r="RZL699" s="613"/>
      <c r="RZM699" s="613"/>
      <c r="RZN699" s="613"/>
      <c r="RZO699" s="613"/>
      <c r="RZP699" s="613"/>
      <c r="RZQ699" s="613"/>
      <c r="RZR699" s="613"/>
      <c r="RZS699" s="613"/>
      <c r="RZT699" s="613"/>
      <c r="RZU699" s="613"/>
      <c r="RZV699" s="613"/>
      <c r="RZW699" s="613"/>
      <c r="RZX699" s="613"/>
      <c r="RZY699" s="613"/>
      <c r="RZZ699" s="613"/>
      <c r="SAA699" s="613"/>
      <c r="SAB699" s="613"/>
      <c r="SAC699" s="613"/>
      <c r="SAD699" s="613"/>
      <c r="SAE699" s="613"/>
      <c r="SAF699" s="613"/>
      <c r="SAG699" s="613"/>
      <c r="SAH699" s="613"/>
      <c r="SAI699" s="613"/>
      <c r="SAJ699" s="613"/>
      <c r="SAK699" s="613"/>
      <c r="SAL699" s="613"/>
      <c r="SAM699" s="613"/>
      <c r="SAN699" s="613"/>
      <c r="SAO699" s="613"/>
      <c r="SAP699" s="613"/>
      <c r="SAQ699" s="613"/>
      <c r="SAR699" s="613"/>
      <c r="SAS699" s="613"/>
      <c r="SAT699" s="613"/>
      <c r="SAU699" s="613"/>
      <c r="SAV699" s="613"/>
      <c r="SAW699" s="613"/>
      <c r="SAX699" s="613"/>
      <c r="SAY699" s="613"/>
      <c r="SAZ699" s="613"/>
      <c r="SBA699" s="613"/>
      <c r="SBB699" s="613"/>
      <c r="SBC699" s="613"/>
      <c r="SBD699" s="613"/>
      <c r="SBE699" s="613"/>
      <c r="SBF699" s="613"/>
      <c r="SBG699" s="613"/>
      <c r="SBH699" s="613"/>
      <c r="SBI699" s="613"/>
      <c r="SBJ699" s="613"/>
      <c r="SBK699" s="613"/>
      <c r="SBL699" s="613"/>
      <c r="SBM699" s="613"/>
      <c r="SBN699" s="613"/>
      <c r="SBO699" s="613"/>
      <c r="SBP699" s="613"/>
      <c r="SBQ699" s="613"/>
      <c r="SBR699" s="613"/>
      <c r="SBS699" s="613"/>
      <c r="SBT699" s="613"/>
      <c r="SBU699" s="613"/>
      <c r="SBV699" s="613"/>
      <c r="SBW699" s="613"/>
      <c r="SBX699" s="613"/>
      <c r="SBY699" s="613"/>
      <c r="SBZ699" s="613"/>
      <c r="SCA699" s="613"/>
      <c r="SCB699" s="613"/>
      <c r="SCC699" s="613"/>
      <c r="SCD699" s="613"/>
      <c r="SCE699" s="613"/>
      <c r="SCF699" s="613"/>
      <c r="SCG699" s="613"/>
      <c r="SCH699" s="613"/>
      <c r="SCI699" s="613"/>
      <c r="SCJ699" s="613"/>
      <c r="SCK699" s="613"/>
      <c r="SCL699" s="613"/>
      <c r="SCM699" s="613"/>
      <c r="SCN699" s="613"/>
      <c r="SCO699" s="613"/>
      <c r="SCP699" s="613"/>
      <c r="SCQ699" s="613"/>
      <c r="SCR699" s="613"/>
      <c r="SCS699" s="613"/>
      <c r="SCT699" s="613"/>
      <c r="SCU699" s="613"/>
      <c r="SCV699" s="613"/>
      <c r="SCW699" s="613"/>
      <c r="SCX699" s="613"/>
      <c r="SCY699" s="613"/>
      <c r="SCZ699" s="613"/>
      <c r="SDA699" s="613"/>
      <c r="SDB699" s="613"/>
      <c r="SDC699" s="613"/>
      <c r="SDD699" s="613"/>
      <c r="SDE699" s="613"/>
      <c r="SDF699" s="613"/>
      <c r="SDG699" s="613"/>
      <c r="SDH699" s="613"/>
      <c r="SDI699" s="613"/>
      <c r="SDJ699" s="613"/>
      <c r="SDK699" s="613"/>
      <c r="SDL699" s="613"/>
      <c r="SDM699" s="613"/>
      <c r="SDN699" s="613"/>
      <c r="SDO699" s="613"/>
      <c r="SDP699" s="613"/>
      <c r="SDQ699" s="613"/>
      <c r="SDR699" s="613"/>
      <c r="SDS699" s="613"/>
      <c r="SDT699" s="613"/>
      <c r="SDU699" s="613"/>
      <c r="SDV699" s="613"/>
      <c r="SDW699" s="613"/>
      <c r="SDX699" s="613"/>
      <c r="SDY699" s="613"/>
      <c r="SDZ699" s="613"/>
      <c r="SEA699" s="613"/>
      <c r="SEB699" s="613"/>
      <c r="SEC699" s="613"/>
      <c r="SED699" s="613"/>
      <c r="SEE699" s="613"/>
      <c r="SEF699" s="613"/>
      <c r="SEG699" s="613"/>
      <c r="SEH699" s="613"/>
      <c r="SEI699" s="613"/>
      <c r="SEJ699" s="613"/>
      <c r="SEK699" s="613"/>
      <c r="SEL699" s="613"/>
      <c r="SEM699" s="613"/>
      <c r="SEN699" s="613"/>
      <c r="SEO699" s="613"/>
      <c r="SEP699" s="613"/>
      <c r="SEQ699" s="613"/>
      <c r="SER699" s="613"/>
      <c r="SES699" s="613"/>
      <c r="SET699" s="613"/>
      <c r="SEU699" s="613"/>
      <c r="SEV699" s="613"/>
      <c r="SEW699" s="613"/>
      <c r="SEX699" s="613"/>
      <c r="SEY699" s="613"/>
      <c r="SEZ699" s="613"/>
      <c r="SFA699" s="613"/>
      <c r="SFB699" s="613"/>
      <c r="SFC699" s="613"/>
      <c r="SFD699" s="613"/>
      <c r="SFE699" s="613"/>
      <c r="SFF699" s="613"/>
      <c r="SFG699" s="613"/>
      <c r="SFH699" s="613"/>
      <c r="SFI699" s="613"/>
      <c r="SFJ699" s="613"/>
      <c r="SFK699" s="613"/>
      <c r="SFL699" s="613"/>
      <c r="SFM699" s="613"/>
      <c r="SFN699" s="613"/>
      <c r="SFO699" s="613"/>
      <c r="SFP699" s="613"/>
      <c r="SFQ699" s="613"/>
      <c r="SFR699" s="613"/>
      <c r="SFS699" s="613"/>
      <c r="SFT699" s="613"/>
      <c r="SFU699" s="613"/>
      <c r="SFV699" s="613"/>
      <c r="SFW699" s="613"/>
      <c r="SFX699" s="613"/>
      <c r="SFY699" s="613"/>
      <c r="SFZ699" s="613"/>
      <c r="SGA699" s="613"/>
      <c r="SGB699" s="613"/>
      <c r="SGC699" s="613"/>
      <c r="SGD699" s="613"/>
      <c r="SGE699" s="613"/>
      <c r="SGF699" s="613"/>
      <c r="SGG699" s="613"/>
      <c r="SGH699" s="613"/>
      <c r="SGI699" s="613"/>
      <c r="SGJ699" s="613"/>
      <c r="SGK699" s="613"/>
      <c r="SGL699" s="613"/>
      <c r="SGM699" s="613"/>
      <c r="SGN699" s="613"/>
      <c r="SGO699" s="613"/>
      <c r="SGP699" s="613"/>
      <c r="SGQ699" s="613"/>
      <c r="SGR699" s="613"/>
      <c r="SGS699" s="613"/>
      <c r="SGT699" s="613"/>
      <c r="SGU699" s="613"/>
      <c r="SGV699" s="613"/>
      <c r="SGW699" s="613"/>
      <c r="SGX699" s="613"/>
      <c r="SGY699" s="613"/>
      <c r="SGZ699" s="613"/>
      <c r="SHA699" s="613"/>
      <c r="SHB699" s="613"/>
      <c r="SHC699" s="613"/>
      <c r="SHD699" s="613"/>
      <c r="SHE699" s="613"/>
      <c r="SHF699" s="613"/>
      <c r="SHG699" s="613"/>
      <c r="SHH699" s="613"/>
      <c r="SHI699" s="613"/>
      <c r="SHJ699" s="613"/>
      <c r="SHK699" s="613"/>
      <c r="SHL699" s="613"/>
      <c r="SHM699" s="613"/>
      <c r="SHN699" s="613"/>
      <c r="SHO699" s="613"/>
      <c r="SHP699" s="613"/>
      <c r="SHQ699" s="613"/>
      <c r="SHR699" s="613"/>
      <c r="SHS699" s="613"/>
      <c r="SHT699" s="613"/>
      <c r="SHU699" s="613"/>
      <c r="SHV699" s="613"/>
      <c r="SHW699" s="613"/>
      <c r="SHX699" s="613"/>
      <c r="SHY699" s="613"/>
      <c r="SHZ699" s="613"/>
      <c r="SIA699" s="613"/>
      <c r="SIB699" s="613"/>
      <c r="SIC699" s="613"/>
      <c r="SID699" s="613"/>
      <c r="SIE699" s="613"/>
      <c r="SIF699" s="613"/>
      <c r="SIG699" s="613"/>
      <c r="SIH699" s="613"/>
      <c r="SII699" s="613"/>
      <c r="SIJ699" s="613"/>
      <c r="SIK699" s="613"/>
      <c r="SIL699" s="613"/>
      <c r="SIM699" s="613"/>
      <c r="SIN699" s="613"/>
      <c r="SIO699" s="613"/>
      <c r="SIP699" s="613"/>
      <c r="SIQ699" s="613"/>
      <c r="SIR699" s="613"/>
      <c r="SIS699" s="613"/>
      <c r="SIT699" s="613"/>
      <c r="SIU699" s="613"/>
      <c r="SIV699" s="613"/>
      <c r="SIW699" s="613"/>
      <c r="SIX699" s="613"/>
      <c r="SIY699" s="613"/>
      <c r="SIZ699" s="613"/>
      <c r="SJA699" s="613"/>
      <c r="SJB699" s="613"/>
      <c r="SJC699" s="613"/>
      <c r="SJD699" s="613"/>
      <c r="SJE699" s="613"/>
      <c r="SJF699" s="613"/>
      <c r="SJG699" s="613"/>
      <c r="SJH699" s="613"/>
      <c r="SJI699" s="613"/>
      <c r="SJJ699" s="613"/>
      <c r="SJK699" s="613"/>
      <c r="SJL699" s="613"/>
      <c r="SJM699" s="613"/>
      <c r="SJN699" s="613"/>
      <c r="SJO699" s="613"/>
      <c r="SJP699" s="613"/>
      <c r="SJQ699" s="613"/>
      <c r="SJR699" s="613"/>
      <c r="SJS699" s="613"/>
      <c r="SJT699" s="613"/>
      <c r="SJU699" s="613"/>
      <c r="SJV699" s="613"/>
      <c r="SJW699" s="613"/>
      <c r="SJX699" s="613"/>
      <c r="SJY699" s="613"/>
      <c r="SJZ699" s="613"/>
      <c r="SKA699" s="613"/>
      <c r="SKB699" s="613"/>
      <c r="SKC699" s="613"/>
      <c r="SKD699" s="613"/>
      <c r="SKE699" s="613"/>
      <c r="SKF699" s="613"/>
      <c r="SKG699" s="613"/>
      <c r="SKH699" s="613"/>
      <c r="SKI699" s="613"/>
      <c r="SKJ699" s="613"/>
      <c r="SKK699" s="613"/>
      <c r="SKL699" s="613"/>
      <c r="SKM699" s="613"/>
      <c r="SKN699" s="613"/>
      <c r="SKO699" s="613"/>
      <c r="SKP699" s="613"/>
      <c r="SKQ699" s="613"/>
      <c r="SKR699" s="613"/>
      <c r="SKS699" s="613"/>
      <c r="SKT699" s="613"/>
      <c r="SKU699" s="613"/>
      <c r="SKV699" s="613"/>
      <c r="SKW699" s="613"/>
      <c r="SKX699" s="613"/>
      <c r="SKY699" s="613"/>
      <c r="SKZ699" s="613"/>
      <c r="SLA699" s="613"/>
      <c r="SLB699" s="613"/>
      <c r="SLC699" s="613"/>
      <c r="SLD699" s="613"/>
      <c r="SLE699" s="613"/>
      <c r="SLF699" s="613"/>
      <c r="SLG699" s="613"/>
      <c r="SLH699" s="613"/>
      <c r="SLI699" s="613"/>
      <c r="SLJ699" s="613"/>
      <c r="SLK699" s="613"/>
      <c r="SLL699" s="613"/>
      <c r="SLM699" s="613"/>
      <c r="SLN699" s="613"/>
      <c r="SLO699" s="613"/>
      <c r="SLP699" s="613"/>
      <c r="SLQ699" s="613"/>
      <c r="SLR699" s="613"/>
      <c r="SLS699" s="613"/>
      <c r="SLT699" s="613"/>
      <c r="SLU699" s="613"/>
      <c r="SLV699" s="613"/>
      <c r="SLW699" s="613"/>
      <c r="SLX699" s="613"/>
      <c r="SLY699" s="613"/>
      <c r="SLZ699" s="613"/>
      <c r="SMA699" s="613"/>
      <c r="SMB699" s="613"/>
      <c r="SMC699" s="613"/>
      <c r="SMD699" s="613"/>
      <c r="SME699" s="613"/>
      <c r="SMF699" s="613"/>
      <c r="SMG699" s="613"/>
      <c r="SMH699" s="613"/>
      <c r="SMI699" s="613"/>
      <c r="SMJ699" s="613"/>
      <c r="SMK699" s="613"/>
      <c r="SML699" s="613"/>
      <c r="SMM699" s="613"/>
      <c r="SMN699" s="613"/>
      <c r="SMO699" s="613"/>
      <c r="SMP699" s="613"/>
      <c r="SMQ699" s="613"/>
      <c r="SMR699" s="613"/>
      <c r="SMS699" s="613"/>
      <c r="SMT699" s="613"/>
      <c r="SMU699" s="613"/>
      <c r="SMV699" s="613"/>
      <c r="SMW699" s="613"/>
      <c r="SMX699" s="613"/>
      <c r="SMY699" s="613"/>
      <c r="SMZ699" s="613"/>
      <c r="SNA699" s="613"/>
      <c r="SNB699" s="613"/>
      <c r="SNC699" s="613"/>
      <c r="SND699" s="613"/>
      <c r="SNE699" s="613"/>
      <c r="SNF699" s="613"/>
      <c r="SNG699" s="613"/>
      <c r="SNH699" s="613"/>
      <c r="SNI699" s="613"/>
      <c r="SNJ699" s="613"/>
      <c r="SNK699" s="613"/>
      <c r="SNL699" s="613"/>
      <c r="SNM699" s="613"/>
      <c r="SNN699" s="613"/>
      <c r="SNO699" s="613"/>
      <c r="SNP699" s="613"/>
      <c r="SNQ699" s="613"/>
      <c r="SNR699" s="613"/>
      <c r="SNS699" s="613"/>
      <c r="SNT699" s="613"/>
      <c r="SNU699" s="613"/>
      <c r="SNV699" s="613"/>
      <c r="SNW699" s="613"/>
      <c r="SNX699" s="613"/>
      <c r="SNY699" s="613"/>
      <c r="SNZ699" s="613"/>
      <c r="SOA699" s="613"/>
      <c r="SOB699" s="613"/>
      <c r="SOC699" s="613"/>
      <c r="SOD699" s="613"/>
      <c r="SOE699" s="613"/>
      <c r="SOF699" s="613"/>
      <c r="SOG699" s="613"/>
      <c r="SOH699" s="613"/>
      <c r="SOI699" s="613"/>
      <c r="SOJ699" s="613"/>
      <c r="SOK699" s="613"/>
      <c r="SOL699" s="613"/>
      <c r="SOM699" s="613"/>
      <c r="SON699" s="613"/>
      <c r="SOO699" s="613"/>
      <c r="SOP699" s="613"/>
      <c r="SOQ699" s="613"/>
      <c r="SOR699" s="613"/>
      <c r="SOS699" s="613"/>
      <c r="SOT699" s="613"/>
      <c r="SOU699" s="613"/>
      <c r="SOV699" s="613"/>
      <c r="SOW699" s="613"/>
      <c r="SOX699" s="613"/>
      <c r="SOY699" s="613"/>
      <c r="SOZ699" s="613"/>
      <c r="SPA699" s="613"/>
      <c r="SPB699" s="613"/>
      <c r="SPC699" s="613"/>
      <c r="SPD699" s="613"/>
      <c r="SPE699" s="613"/>
      <c r="SPF699" s="613"/>
      <c r="SPG699" s="613"/>
      <c r="SPH699" s="613"/>
      <c r="SPI699" s="613"/>
      <c r="SPJ699" s="613"/>
      <c r="SPK699" s="613"/>
      <c r="SPL699" s="613"/>
      <c r="SPM699" s="613"/>
      <c r="SPN699" s="613"/>
      <c r="SPO699" s="613"/>
      <c r="SPP699" s="613"/>
      <c r="SPQ699" s="613"/>
      <c r="SPR699" s="613"/>
      <c r="SPS699" s="613"/>
      <c r="SPT699" s="613"/>
      <c r="SPU699" s="613"/>
      <c r="SPV699" s="613"/>
      <c r="SPW699" s="613"/>
      <c r="SPX699" s="613"/>
      <c r="SPY699" s="613"/>
      <c r="SPZ699" s="613"/>
      <c r="SQA699" s="613"/>
      <c r="SQB699" s="613"/>
      <c r="SQC699" s="613"/>
      <c r="SQD699" s="613"/>
      <c r="SQE699" s="613"/>
      <c r="SQF699" s="613"/>
      <c r="SQG699" s="613"/>
      <c r="SQH699" s="613"/>
      <c r="SQI699" s="613"/>
      <c r="SQJ699" s="613"/>
      <c r="SQK699" s="613"/>
      <c r="SQL699" s="613"/>
      <c r="SQM699" s="613"/>
      <c r="SQN699" s="613"/>
      <c r="SQO699" s="613"/>
      <c r="SQP699" s="613"/>
      <c r="SQQ699" s="613"/>
      <c r="SQR699" s="613"/>
      <c r="SQS699" s="613"/>
      <c r="SQT699" s="613"/>
      <c r="SQU699" s="613"/>
      <c r="SQV699" s="613"/>
      <c r="SQW699" s="613"/>
      <c r="SQX699" s="613"/>
      <c r="SQY699" s="613"/>
      <c r="SQZ699" s="613"/>
      <c r="SRA699" s="613"/>
      <c r="SRB699" s="613"/>
      <c r="SRC699" s="613"/>
      <c r="SRD699" s="613"/>
      <c r="SRE699" s="613"/>
      <c r="SRF699" s="613"/>
      <c r="SRG699" s="613"/>
      <c r="SRH699" s="613"/>
      <c r="SRI699" s="613"/>
      <c r="SRJ699" s="613"/>
      <c r="SRK699" s="613"/>
      <c r="SRL699" s="613"/>
      <c r="SRM699" s="613"/>
      <c r="SRN699" s="613"/>
      <c r="SRO699" s="613"/>
      <c r="SRP699" s="613"/>
      <c r="SRQ699" s="613"/>
      <c r="SRR699" s="613"/>
      <c r="SRS699" s="613"/>
      <c r="SRT699" s="613"/>
      <c r="SRU699" s="613"/>
      <c r="SRV699" s="613"/>
      <c r="SRW699" s="613"/>
      <c r="SRX699" s="613"/>
      <c r="SRY699" s="613"/>
      <c r="SRZ699" s="613"/>
      <c r="SSA699" s="613"/>
      <c r="SSB699" s="613"/>
      <c r="SSC699" s="613"/>
      <c r="SSD699" s="613"/>
      <c r="SSE699" s="613"/>
      <c r="SSF699" s="613"/>
      <c r="SSG699" s="613"/>
      <c r="SSH699" s="613"/>
      <c r="SSI699" s="613"/>
      <c r="SSJ699" s="613"/>
      <c r="SSK699" s="613"/>
      <c r="SSL699" s="613"/>
      <c r="SSM699" s="613"/>
      <c r="SSN699" s="613"/>
      <c r="SSO699" s="613"/>
      <c r="SSP699" s="613"/>
      <c r="SSQ699" s="613"/>
      <c r="SSR699" s="613"/>
      <c r="SSS699" s="613"/>
      <c r="SST699" s="613"/>
      <c r="SSU699" s="613"/>
      <c r="SSV699" s="613"/>
      <c r="SSW699" s="613"/>
      <c r="SSX699" s="613"/>
      <c r="SSY699" s="613"/>
      <c r="SSZ699" s="613"/>
      <c r="STA699" s="613"/>
      <c r="STB699" s="613"/>
      <c r="STC699" s="613"/>
      <c r="STD699" s="613"/>
      <c r="STE699" s="613"/>
      <c r="STF699" s="613"/>
      <c r="STG699" s="613"/>
      <c r="STH699" s="613"/>
      <c r="STI699" s="613"/>
      <c r="STJ699" s="613"/>
      <c r="STK699" s="613"/>
      <c r="STL699" s="613"/>
      <c r="STM699" s="613"/>
      <c r="STN699" s="613"/>
      <c r="STO699" s="613"/>
      <c r="STP699" s="613"/>
      <c r="STQ699" s="613"/>
      <c r="STR699" s="613"/>
      <c r="STS699" s="613"/>
      <c r="STT699" s="613"/>
      <c r="STU699" s="613"/>
      <c r="STV699" s="613"/>
      <c r="STW699" s="613"/>
      <c r="STX699" s="613"/>
      <c r="STY699" s="613"/>
      <c r="STZ699" s="613"/>
      <c r="SUA699" s="613"/>
      <c r="SUB699" s="613"/>
      <c r="SUC699" s="613"/>
      <c r="SUD699" s="613"/>
      <c r="SUE699" s="613"/>
      <c r="SUF699" s="613"/>
      <c r="SUG699" s="613"/>
      <c r="SUH699" s="613"/>
      <c r="SUI699" s="613"/>
      <c r="SUJ699" s="613"/>
      <c r="SUK699" s="613"/>
      <c r="SUL699" s="613"/>
      <c r="SUM699" s="613"/>
      <c r="SUN699" s="613"/>
      <c r="SUO699" s="613"/>
      <c r="SUP699" s="613"/>
      <c r="SUQ699" s="613"/>
      <c r="SUR699" s="613"/>
      <c r="SUS699" s="613"/>
      <c r="SUT699" s="613"/>
      <c r="SUU699" s="613"/>
      <c r="SUV699" s="613"/>
      <c r="SUW699" s="613"/>
      <c r="SUX699" s="613"/>
      <c r="SUY699" s="613"/>
      <c r="SUZ699" s="613"/>
      <c r="SVA699" s="613"/>
      <c r="SVB699" s="613"/>
      <c r="SVC699" s="613"/>
      <c r="SVD699" s="613"/>
      <c r="SVE699" s="613"/>
      <c r="SVF699" s="613"/>
      <c r="SVG699" s="613"/>
      <c r="SVH699" s="613"/>
      <c r="SVI699" s="613"/>
      <c r="SVJ699" s="613"/>
      <c r="SVK699" s="613"/>
      <c r="SVL699" s="613"/>
      <c r="SVM699" s="613"/>
      <c r="SVN699" s="613"/>
      <c r="SVO699" s="613"/>
      <c r="SVP699" s="613"/>
      <c r="SVQ699" s="613"/>
      <c r="SVR699" s="613"/>
      <c r="SVS699" s="613"/>
      <c r="SVT699" s="613"/>
      <c r="SVU699" s="613"/>
      <c r="SVV699" s="613"/>
      <c r="SVW699" s="613"/>
      <c r="SVX699" s="613"/>
      <c r="SVY699" s="613"/>
      <c r="SVZ699" s="613"/>
      <c r="SWA699" s="613"/>
      <c r="SWB699" s="613"/>
      <c r="SWC699" s="613"/>
      <c r="SWD699" s="613"/>
      <c r="SWE699" s="613"/>
      <c r="SWF699" s="613"/>
      <c r="SWG699" s="613"/>
      <c r="SWH699" s="613"/>
      <c r="SWI699" s="613"/>
      <c r="SWJ699" s="613"/>
      <c r="SWK699" s="613"/>
      <c r="SWL699" s="613"/>
      <c r="SWM699" s="613"/>
      <c r="SWN699" s="613"/>
      <c r="SWO699" s="613"/>
      <c r="SWP699" s="613"/>
      <c r="SWQ699" s="613"/>
      <c r="SWR699" s="613"/>
      <c r="SWS699" s="613"/>
      <c r="SWT699" s="613"/>
      <c r="SWU699" s="613"/>
      <c r="SWV699" s="613"/>
      <c r="SWW699" s="613"/>
      <c r="SWX699" s="613"/>
      <c r="SWY699" s="613"/>
      <c r="SWZ699" s="613"/>
      <c r="SXA699" s="613"/>
      <c r="SXB699" s="613"/>
      <c r="SXC699" s="613"/>
      <c r="SXD699" s="613"/>
      <c r="SXE699" s="613"/>
      <c r="SXF699" s="613"/>
      <c r="SXG699" s="613"/>
      <c r="SXH699" s="613"/>
      <c r="SXI699" s="613"/>
      <c r="SXJ699" s="613"/>
      <c r="SXK699" s="613"/>
      <c r="SXL699" s="613"/>
      <c r="SXM699" s="613"/>
      <c r="SXN699" s="613"/>
      <c r="SXO699" s="613"/>
      <c r="SXP699" s="613"/>
      <c r="SXQ699" s="613"/>
      <c r="SXR699" s="613"/>
      <c r="SXS699" s="613"/>
      <c r="SXT699" s="613"/>
      <c r="SXU699" s="613"/>
      <c r="SXV699" s="613"/>
      <c r="SXW699" s="613"/>
      <c r="SXX699" s="613"/>
      <c r="SXY699" s="613"/>
      <c r="SXZ699" s="613"/>
      <c r="SYA699" s="613"/>
      <c r="SYB699" s="613"/>
      <c r="SYC699" s="613"/>
      <c r="SYD699" s="613"/>
      <c r="SYE699" s="613"/>
      <c r="SYF699" s="613"/>
      <c r="SYG699" s="613"/>
      <c r="SYH699" s="613"/>
      <c r="SYI699" s="613"/>
      <c r="SYJ699" s="613"/>
      <c r="SYK699" s="613"/>
      <c r="SYL699" s="613"/>
      <c r="SYM699" s="613"/>
      <c r="SYN699" s="613"/>
      <c r="SYO699" s="613"/>
      <c r="SYP699" s="613"/>
      <c r="SYQ699" s="613"/>
      <c r="SYR699" s="613"/>
      <c r="SYS699" s="613"/>
      <c r="SYT699" s="613"/>
      <c r="SYU699" s="613"/>
      <c r="SYV699" s="613"/>
      <c r="SYW699" s="613"/>
      <c r="SYX699" s="613"/>
      <c r="SYY699" s="613"/>
      <c r="SYZ699" s="613"/>
      <c r="SZA699" s="613"/>
      <c r="SZB699" s="613"/>
      <c r="SZC699" s="613"/>
      <c r="SZD699" s="613"/>
      <c r="SZE699" s="613"/>
      <c r="SZF699" s="613"/>
      <c r="SZG699" s="613"/>
      <c r="SZH699" s="613"/>
      <c r="SZI699" s="613"/>
      <c r="SZJ699" s="613"/>
      <c r="SZK699" s="613"/>
      <c r="SZL699" s="613"/>
      <c r="SZM699" s="613"/>
      <c r="SZN699" s="613"/>
      <c r="SZO699" s="613"/>
      <c r="SZP699" s="613"/>
      <c r="SZQ699" s="613"/>
      <c r="SZR699" s="613"/>
      <c r="SZS699" s="613"/>
      <c r="SZT699" s="613"/>
      <c r="SZU699" s="613"/>
      <c r="SZV699" s="613"/>
      <c r="SZW699" s="613"/>
      <c r="SZX699" s="613"/>
      <c r="SZY699" s="613"/>
      <c r="SZZ699" s="613"/>
      <c r="TAA699" s="613"/>
      <c r="TAB699" s="613"/>
      <c r="TAC699" s="613"/>
      <c r="TAD699" s="613"/>
      <c r="TAE699" s="613"/>
      <c r="TAF699" s="613"/>
      <c r="TAG699" s="613"/>
      <c r="TAH699" s="613"/>
      <c r="TAI699" s="613"/>
      <c r="TAJ699" s="613"/>
      <c r="TAK699" s="613"/>
      <c r="TAL699" s="613"/>
      <c r="TAM699" s="613"/>
      <c r="TAN699" s="613"/>
      <c r="TAO699" s="613"/>
      <c r="TAP699" s="613"/>
      <c r="TAQ699" s="613"/>
      <c r="TAR699" s="613"/>
      <c r="TAS699" s="613"/>
      <c r="TAT699" s="613"/>
      <c r="TAU699" s="613"/>
      <c r="TAV699" s="613"/>
      <c r="TAW699" s="613"/>
      <c r="TAX699" s="613"/>
      <c r="TAY699" s="613"/>
      <c r="TAZ699" s="613"/>
      <c r="TBA699" s="613"/>
      <c r="TBB699" s="613"/>
      <c r="TBC699" s="613"/>
      <c r="TBD699" s="613"/>
      <c r="TBE699" s="613"/>
      <c r="TBF699" s="613"/>
      <c r="TBG699" s="613"/>
      <c r="TBH699" s="613"/>
      <c r="TBI699" s="613"/>
      <c r="TBJ699" s="613"/>
      <c r="TBK699" s="613"/>
      <c r="TBL699" s="613"/>
      <c r="TBM699" s="613"/>
      <c r="TBN699" s="613"/>
      <c r="TBO699" s="613"/>
      <c r="TBP699" s="613"/>
      <c r="TBQ699" s="613"/>
      <c r="TBR699" s="613"/>
      <c r="TBS699" s="613"/>
      <c r="TBT699" s="613"/>
      <c r="TBU699" s="613"/>
      <c r="TBV699" s="613"/>
      <c r="TBW699" s="613"/>
      <c r="TBX699" s="613"/>
      <c r="TBY699" s="613"/>
      <c r="TBZ699" s="613"/>
      <c r="TCA699" s="613"/>
      <c r="TCB699" s="613"/>
      <c r="TCC699" s="613"/>
      <c r="TCD699" s="613"/>
      <c r="TCE699" s="613"/>
      <c r="TCF699" s="613"/>
      <c r="TCG699" s="613"/>
      <c r="TCH699" s="613"/>
      <c r="TCI699" s="613"/>
      <c r="TCJ699" s="613"/>
      <c r="TCK699" s="613"/>
      <c r="TCL699" s="613"/>
      <c r="TCM699" s="613"/>
      <c r="TCN699" s="613"/>
      <c r="TCO699" s="613"/>
      <c r="TCP699" s="613"/>
      <c r="TCQ699" s="613"/>
      <c r="TCR699" s="613"/>
      <c r="TCS699" s="613"/>
      <c r="TCT699" s="613"/>
      <c r="TCU699" s="613"/>
      <c r="TCV699" s="613"/>
      <c r="TCW699" s="613"/>
      <c r="TCX699" s="613"/>
      <c r="TCY699" s="613"/>
      <c r="TCZ699" s="613"/>
      <c r="TDA699" s="613"/>
      <c r="TDB699" s="613"/>
      <c r="TDC699" s="613"/>
      <c r="TDD699" s="613"/>
      <c r="TDE699" s="613"/>
      <c r="TDF699" s="613"/>
      <c r="TDG699" s="613"/>
      <c r="TDH699" s="613"/>
      <c r="TDI699" s="613"/>
      <c r="TDJ699" s="613"/>
      <c r="TDK699" s="613"/>
      <c r="TDL699" s="613"/>
      <c r="TDM699" s="613"/>
      <c r="TDN699" s="613"/>
      <c r="TDO699" s="613"/>
      <c r="TDP699" s="613"/>
      <c r="TDQ699" s="613"/>
      <c r="TDR699" s="613"/>
      <c r="TDS699" s="613"/>
      <c r="TDT699" s="613"/>
      <c r="TDU699" s="613"/>
      <c r="TDV699" s="613"/>
      <c r="TDW699" s="613"/>
      <c r="TDX699" s="613"/>
      <c r="TDY699" s="613"/>
      <c r="TDZ699" s="613"/>
      <c r="TEA699" s="613"/>
      <c r="TEB699" s="613"/>
      <c r="TEC699" s="613"/>
      <c r="TED699" s="613"/>
      <c r="TEE699" s="613"/>
      <c r="TEF699" s="613"/>
      <c r="TEG699" s="613"/>
      <c r="TEH699" s="613"/>
      <c r="TEI699" s="613"/>
      <c r="TEJ699" s="613"/>
      <c r="TEK699" s="613"/>
      <c r="TEL699" s="613"/>
      <c r="TEM699" s="613"/>
      <c r="TEN699" s="613"/>
      <c r="TEO699" s="613"/>
      <c r="TEP699" s="613"/>
      <c r="TEQ699" s="613"/>
      <c r="TER699" s="613"/>
      <c r="TES699" s="613"/>
      <c r="TET699" s="613"/>
      <c r="TEU699" s="613"/>
      <c r="TEV699" s="613"/>
      <c r="TEW699" s="613"/>
      <c r="TEX699" s="613"/>
      <c r="TEY699" s="613"/>
      <c r="TEZ699" s="613"/>
      <c r="TFA699" s="613"/>
      <c r="TFB699" s="613"/>
      <c r="TFC699" s="613"/>
      <c r="TFD699" s="613"/>
      <c r="TFE699" s="613"/>
      <c r="TFF699" s="613"/>
      <c r="TFG699" s="613"/>
      <c r="TFH699" s="613"/>
      <c r="TFI699" s="613"/>
      <c r="TFJ699" s="613"/>
      <c r="TFK699" s="613"/>
      <c r="TFL699" s="613"/>
      <c r="TFM699" s="613"/>
      <c r="TFN699" s="613"/>
      <c r="TFO699" s="613"/>
      <c r="TFP699" s="613"/>
      <c r="TFQ699" s="613"/>
      <c r="TFR699" s="613"/>
      <c r="TFS699" s="613"/>
      <c r="TFT699" s="613"/>
      <c r="TFU699" s="613"/>
      <c r="TFV699" s="613"/>
      <c r="TFW699" s="613"/>
      <c r="TFX699" s="613"/>
      <c r="TFY699" s="613"/>
      <c r="TFZ699" s="613"/>
      <c r="TGA699" s="613"/>
      <c r="TGB699" s="613"/>
      <c r="TGC699" s="613"/>
      <c r="TGD699" s="613"/>
      <c r="TGE699" s="613"/>
      <c r="TGF699" s="613"/>
      <c r="TGG699" s="613"/>
      <c r="TGH699" s="613"/>
      <c r="TGI699" s="613"/>
      <c r="TGJ699" s="613"/>
      <c r="TGK699" s="613"/>
      <c r="TGL699" s="613"/>
      <c r="TGM699" s="613"/>
      <c r="TGN699" s="613"/>
      <c r="TGO699" s="613"/>
      <c r="TGP699" s="613"/>
      <c r="TGQ699" s="613"/>
      <c r="TGR699" s="613"/>
      <c r="TGS699" s="613"/>
      <c r="TGT699" s="613"/>
      <c r="TGU699" s="613"/>
      <c r="TGV699" s="613"/>
      <c r="TGW699" s="613"/>
      <c r="TGX699" s="613"/>
      <c r="TGY699" s="613"/>
      <c r="TGZ699" s="613"/>
      <c r="THA699" s="613"/>
      <c r="THB699" s="613"/>
      <c r="THC699" s="613"/>
      <c r="THD699" s="613"/>
      <c r="THE699" s="613"/>
      <c r="THF699" s="613"/>
      <c r="THG699" s="613"/>
      <c r="THH699" s="613"/>
      <c r="THI699" s="613"/>
      <c r="THJ699" s="613"/>
      <c r="THK699" s="613"/>
      <c r="THL699" s="613"/>
      <c r="THM699" s="613"/>
      <c r="THN699" s="613"/>
      <c r="THO699" s="613"/>
      <c r="THP699" s="613"/>
      <c r="THQ699" s="613"/>
      <c r="THR699" s="613"/>
      <c r="THS699" s="613"/>
      <c r="THT699" s="613"/>
      <c r="THU699" s="613"/>
      <c r="THV699" s="613"/>
      <c r="THW699" s="613"/>
      <c r="THX699" s="613"/>
      <c r="THY699" s="613"/>
      <c r="THZ699" s="613"/>
      <c r="TIA699" s="613"/>
      <c r="TIB699" s="613"/>
      <c r="TIC699" s="613"/>
      <c r="TID699" s="613"/>
      <c r="TIE699" s="613"/>
      <c r="TIF699" s="613"/>
      <c r="TIG699" s="613"/>
      <c r="TIH699" s="613"/>
      <c r="TII699" s="613"/>
      <c r="TIJ699" s="613"/>
      <c r="TIK699" s="613"/>
      <c r="TIL699" s="613"/>
      <c r="TIM699" s="613"/>
      <c r="TIN699" s="613"/>
      <c r="TIO699" s="613"/>
      <c r="TIP699" s="613"/>
      <c r="TIQ699" s="613"/>
      <c r="TIR699" s="613"/>
      <c r="TIS699" s="613"/>
      <c r="TIT699" s="613"/>
      <c r="TIU699" s="613"/>
      <c r="TIV699" s="613"/>
      <c r="TIW699" s="613"/>
      <c r="TIX699" s="613"/>
      <c r="TIY699" s="613"/>
      <c r="TIZ699" s="613"/>
      <c r="TJA699" s="613"/>
      <c r="TJB699" s="613"/>
      <c r="TJC699" s="613"/>
      <c r="TJD699" s="613"/>
      <c r="TJE699" s="613"/>
      <c r="TJF699" s="613"/>
      <c r="TJG699" s="613"/>
      <c r="TJH699" s="613"/>
      <c r="TJI699" s="613"/>
      <c r="TJJ699" s="613"/>
      <c r="TJK699" s="613"/>
      <c r="TJL699" s="613"/>
      <c r="TJM699" s="613"/>
      <c r="TJN699" s="613"/>
      <c r="TJO699" s="613"/>
      <c r="TJP699" s="613"/>
      <c r="TJQ699" s="613"/>
      <c r="TJR699" s="613"/>
      <c r="TJS699" s="613"/>
      <c r="TJT699" s="613"/>
      <c r="TJU699" s="613"/>
      <c r="TJV699" s="613"/>
      <c r="TJW699" s="613"/>
      <c r="TJX699" s="613"/>
      <c r="TJY699" s="613"/>
      <c r="TJZ699" s="613"/>
      <c r="TKA699" s="613"/>
      <c r="TKB699" s="613"/>
      <c r="TKC699" s="613"/>
      <c r="TKD699" s="613"/>
      <c r="TKE699" s="613"/>
      <c r="TKF699" s="613"/>
      <c r="TKG699" s="613"/>
      <c r="TKH699" s="613"/>
      <c r="TKI699" s="613"/>
      <c r="TKJ699" s="613"/>
      <c r="TKK699" s="613"/>
      <c r="TKL699" s="613"/>
      <c r="TKM699" s="613"/>
      <c r="TKN699" s="613"/>
      <c r="TKO699" s="613"/>
      <c r="TKP699" s="613"/>
      <c r="TKQ699" s="613"/>
      <c r="TKR699" s="613"/>
      <c r="TKS699" s="613"/>
      <c r="TKT699" s="613"/>
      <c r="TKU699" s="613"/>
      <c r="TKV699" s="613"/>
      <c r="TKW699" s="613"/>
      <c r="TKX699" s="613"/>
      <c r="TKY699" s="613"/>
      <c r="TKZ699" s="613"/>
      <c r="TLA699" s="613"/>
      <c r="TLB699" s="613"/>
      <c r="TLC699" s="613"/>
      <c r="TLD699" s="613"/>
      <c r="TLE699" s="613"/>
      <c r="TLF699" s="613"/>
      <c r="TLG699" s="613"/>
      <c r="TLH699" s="613"/>
      <c r="TLI699" s="613"/>
      <c r="TLJ699" s="613"/>
      <c r="TLK699" s="613"/>
      <c r="TLL699" s="613"/>
      <c r="TLM699" s="613"/>
      <c r="TLN699" s="613"/>
      <c r="TLO699" s="613"/>
      <c r="TLP699" s="613"/>
      <c r="TLQ699" s="613"/>
      <c r="TLR699" s="613"/>
      <c r="TLS699" s="613"/>
      <c r="TLT699" s="613"/>
      <c r="TLU699" s="613"/>
      <c r="TLV699" s="613"/>
      <c r="TLW699" s="613"/>
      <c r="TLX699" s="613"/>
      <c r="TLY699" s="613"/>
      <c r="TLZ699" s="613"/>
      <c r="TMA699" s="613"/>
      <c r="TMB699" s="613"/>
      <c r="TMC699" s="613"/>
      <c r="TMD699" s="613"/>
      <c r="TME699" s="613"/>
      <c r="TMF699" s="613"/>
      <c r="TMG699" s="613"/>
      <c r="TMH699" s="613"/>
      <c r="TMI699" s="613"/>
      <c r="TMJ699" s="613"/>
      <c r="TMK699" s="613"/>
      <c r="TML699" s="613"/>
      <c r="TMM699" s="613"/>
      <c r="TMN699" s="613"/>
      <c r="TMO699" s="613"/>
      <c r="TMP699" s="613"/>
      <c r="TMQ699" s="613"/>
      <c r="TMR699" s="613"/>
      <c r="TMS699" s="613"/>
      <c r="TMT699" s="613"/>
      <c r="TMU699" s="613"/>
      <c r="TMV699" s="613"/>
      <c r="TMW699" s="613"/>
      <c r="TMX699" s="613"/>
      <c r="TMY699" s="613"/>
      <c r="TMZ699" s="613"/>
      <c r="TNA699" s="613"/>
      <c r="TNB699" s="613"/>
      <c r="TNC699" s="613"/>
      <c r="TND699" s="613"/>
      <c r="TNE699" s="613"/>
      <c r="TNF699" s="613"/>
      <c r="TNG699" s="613"/>
      <c r="TNH699" s="613"/>
      <c r="TNI699" s="613"/>
      <c r="TNJ699" s="613"/>
      <c r="TNK699" s="613"/>
      <c r="TNL699" s="613"/>
      <c r="TNM699" s="613"/>
      <c r="TNN699" s="613"/>
      <c r="TNO699" s="613"/>
      <c r="TNP699" s="613"/>
      <c r="TNQ699" s="613"/>
      <c r="TNR699" s="613"/>
      <c r="TNS699" s="613"/>
      <c r="TNT699" s="613"/>
      <c r="TNU699" s="613"/>
      <c r="TNV699" s="613"/>
      <c r="TNW699" s="613"/>
      <c r="TNX699" s="613"/>
      <c r="TNY699" s="613"/>
      <c r="TNZ699" s="613"/>
      <c r="TOA699" s="613"/>
      <c r="TOB699" s="613"/>
      <c r="TOC699" s="613"/>
      <c r="TOD699" s="613"/>
      <c r="TOE699" s="613"/>
      <c r="TOF699" s="613"/>
      <c r="TOG699" s="613"/>
      <c r="TOH699" s="613"/>
      <c r="TOI699" s="613"/>
      <c r="TOJ699" s="613"/>
      <c r="TOK699" s="613"/>
      <c r="TOL699" s="613"/>
      <c r="TOM699" s="613"/>
      <c r="TON699" s="613"/>
      <c r="TOO699" s="613"/>
      <c r="TOP699" s="613"/>
      <c r="TOQ699" s="613"/>
      <c r="TOR699" s="613"/>
      <c r="TOS699" s="613"/>
      <c r="TOT699" s="613"/>
      <c r="TOU699" s="613"/>
      <c r="TOV699" s="613"/>
      <c r="TOW699" s="613"/>
      <c r="TOX699" s="613"/>
      <c r="TOY699" s="613"/>
      <c r="TOZ699" s="613"/>
      <c r="TPA699" s="613"/>
      <c r="TPB699" s="613"/>
      <c r="TPC699" s="613"/>
      <c r="TPD699" s="613"/>
      <c r="TPE699" s="613"/>
      <c r="TPF699" s="613"/>
      <c r="TPG699" s="613"/>
      <c r="TPH699" s="613"/>
      <c r="TPI699" s="613"/>
      <c r="TPJ699" s="613"/>
      <c r="TPK699" s="613"/>
      <c r="TPL699" s="613"/>
      <c r="TPM699" s="613"/>
      <c r="TPN699" s="613"/>
      <c r="TPO699" s="613"/>
      <c r="TPP699" s="613"/>
      <c r="TPQ699" s="613"/>
      <c r="TPR699" s="613"/>
      <c r="TPS699" s="613"/>
      <c r="TPT699" s="613"/>
      <c r="TPU699" s="613"/>
      <c r="TPV699" s="613"/>
      <c r="TPW699" s="613"/>
      <c r="TPX699" s="613"/>
      <c r="TPY699" s="613"/>
      <c r="TPZ699" s="613"/>
      <c r="TQA699" s="613"/>
      <c r="TQB699" s="613"/>
      <c r="TQC699" s="613"/>
      <c r="TQD699" s="613"/>
      <c r="TQE699" s="613"/>
      <c r="TQF699" s="613"/>
      <c r="TQG699" s="613"/>
      <c r="TQH699" s="613"/>
      <c r="TQI699" s="613"/>
      <c r="TQJ699" s="613"/>
      <c r="TQK699" s="613"/>
      <c r="TQL699" s="613"/>
      <c r="TQM699" s="613"/>
      <c r="TQN699" s="613"/>
      <c r="TQO699" s="613"/>
      <c r="TQP699" s="613"/>
      <c r="TQQ699" s="613"/>
      <c r="TQR699" s="613"/>
      <c r="TQS699" s="613"/>
      <c r="TQT699" s="613"/>
      <c r="TQU699" s="613"/>
      <c r="TQV699" s="613"/>
      <c r="TQW699" s="613"/>
      <c r="TQX699" s="613"/>
      <c r="TQY699" s="613"/>
      <c r="TQZ699" s="613"/>
      <c r="TRA699" s="613"/>
      <c r="TRB699" s="613"/>
      <c r="TRC699" s="613"/>
      <c r="TRD699" s="613"/>
      <c r="TRE699" s="613"/>
      <c r="TRF699" s="613"/>
      <c r="TRG699" s="613"/>
      <c r="TRH699" s="613"/>
      <c r="TRI699" s="613"/>
      <c r="TRJ699" s="613"/>
      <c r="TRK699" s="613"/>
      <c r="TRL699" s="613"/>
      <c r="TRM699" s="613"/>
      <c r="TRN699" s="613"/>
      <c r="TRO699" s="613"/>
      <c r="TRP699" s="613"/>
      <c r="TRQ699" s="613"/>
      <c r="TRR699" s="613"/>
      <c r="TRS699" s="613"/>
      <c r="TRT699" s="613"/>
      <c r="TRU699" s="613"/>
      <c r="TRV699" s="613"/>
      <c r="TRW699" s="613"/>
      <c r="TRX699" s="613"/>
      <c r="TRY699" s="613"/>
      <c r="TRZ699" s="613"/>
      <c r="TSA699" s="613"/>
      <c r="TSB699" s="613"/>
      <c r="TSC699" s="613"/>
      <c r="TSD699" s="613"/>
      <c r="TSE699" s="613"/>
      <c r="TSF699" s="613"/>
      <c r="TSG699" s="613"/>
      <c r="TSH699" s="613"/>
      <c r="TSI699" s="613"/>
      <c r="TSJ699" s="613"/>
      <c r="TSK699" s="613"/>
      <c r="TSL699" s="613"/>
      <c r="TSM699" s="613"/>
      <c r="TSN699" s="613"/>
      <c r="TSO699" s="613"/>
      <c r="TSP699" s="613"/>
      <c r="TSQ699" s="613"/>
      <c r="TSR699" s="613"/>
      <c r="TSS699" s="613"/>
      <c r="TST699" s="613"/>
      <c r="TSU699" s="613"/>
      <c r="TSV699" s="613"/>
      <c r="TSW699" s="613"/>
      <c r="TSX699" s="613"/>
      <c r="TSY699" s="613"/>
      <c r="TSZ699" s="613"/>
      <c r="TTA699" s="613"/>
      <c r="TTB699" s="613"/>
      <c r="TTC699" s="613"/>
      <c r="TTD699" s="613"/>
      <c r="TTE699" s="613"/>
      <c r="TTF699" s="613"/>
      <c r="TTG699" s="613"/>
      <c r="TTH699" s="613"/>
      <c r="TTI699" s="613"/>
      <c r="TTJ699" s="613"/>
      <c r="TTK699" s="613"/>
      <c r="TTL699" s="613"/>
      <c r="TTM699" s="613"/>
      <c r="TTN699" s="613"/>
      <c r="TTO699" s="613"/>
      <c r="TTP699" s="613"/>
      <c r="TTQ699" s="613"/>
      <c r="TTR699" s="613"/>
      <c r="TTS699" s="613"/>
      <c r="TTT699" s="613"/>
      <c r="TTU699" s="613"/>
      <c r="TTV699" s="613"/>
      <c r="TTW699" s="613"/>
      <c r="TTX699" s="613"/>
      <c r="TTY699" s="613"/>
      <c r="TTZ699" s="613"/>
      <c r="TUA699" s="613"/>
      <c r="TUB699" s="613"/>
      <c r="TUC699" s="613"/>
      <c r="TUD699" s="613"/>
      <c r="TUE699" s="613"/>
      <c r="TUF699" s="613"/>
      <c r="TUG699" s="613"/>
      <c r="TUH699" s="613"/>
      <c r="TUI699" s="613"/>
      <c r="TUJ699" s="613"/>
      <c r="TUK699" s="613"/>
      <c r="TUL699" s="613"/>
      <c r="TUM699" s="613"/>
      <c r="TUN699" s="613"/>
      <c r="TUO699" s="613"/>
      <c r="TUP699" s="613"/>
      <c r="TUQ699" s="613"/>
      <c r="TUR699" s="613"/>
      <c r="TUS699" s="613"/>
      <c r="TUT699" s="613"/>
      <c r="TUU699" s="613"/>
      <c r="TUV699" s="613"/>
      <c r="TUW699" s="613"/>
      <c r="TUX699" s="613"/>
      <c r="TUY699" s="613"/>
      <c r="TUZ699" s="613"/>
      <c r="TVA699" s="613"/>
      <c r="TVB699" s="613"/>
      <c r="TVC699" s="613"/>
      <c r="TVD699" s="613"/>
      <c r="TVE699" s="613"/>
      <c r="TVF699" s="613"/>
      <c r="TVG699" s="613"/>
      <c r="TVH699" s="613"/>
      <c r="TVI699" s="613"/>
      <c r="TVJ699" s="613"/>
      <c r="TVK699" s="613"/>
      <c r="TVL699" s="613"/>
      <c r="TVM699" s="613"/>
      <c r="TVN699" s="613"/>
      <c r="TVO699" s="613"/>
      <c r="TVP699" s="613"/>
      <c r="TVQ699" s="613"/>
      <c r="TVR699" s="613"/>
      <c r="TVS699" s="613"/>
      <c r="TVT699" s="613"/>
      <c r="TVU699" s="613"/>
      <c r="TVV699" s="613"/>
      <c r="TVW699" s="613"/>
      <c r="TVX699" s="613"/>
      <c r="TVY699" s="613"/>
      <c r="TVZ699" s="613"/>
      <c r="TWA699" s="613"/>
      <c r="TWB699" s="613"/>
      <c r="TWC699" s="613"/>
      <c r="TWD699" s="613"/>
      <c r="TWE699" s="613"/>
      <c r="TWF699" s="613"/>
      <c r="TWG699" s="613"/>
      <c r="TWH699" s="613"/>
      <c r="TWI699" s="613"/>
      <c r="TWJ699" s="613"/>
      <c r="TWK699" s="613"/>
      <c r="TWL699" s="613"/>
      <c r="TWM699" s="613"/>
      <c r="TWN699" s="613"/>
      <c r="TWO699" s="613"/>
      <c r="TWP699" s="613"/>
      <c r="TWQ699" s="613"/>
      <c r="TWR699" s="613"/>
      <c r="TWS699" s="613"/>
      <c r="TWT699" s="613"/>
      <c r="TWU699" s="613"/>
      <c r="TWV699" s="613"/>
      <c r="TWW699" s="613"/>
      <c r="TWX699" s="613"/>
      <c r="TWY699" s="613"/>
      <c r="TWZ699" s="613"/>
      <c r="TXA699" s="613"/>
      <c r="TXB699" s="613"/>
      <c r="TXC699" s="613"/>
      <c r="TXD699" s="613"/>
      <c r="TXE699" s="613"/>
      <c r="TXF699" s="613"/>
      <c r="TXG699" s="613"/>
      <c r="TXH699" s="613"/>
      <c r="TXI699" s="613"/>
      <c r="TXJ699" s="613"/>
      <c r="TXK699" s="613"/>
      <c r="TXL699" s="613"/>
      <c r="TXM699" s="613"/>
      <c r="TXN699" s="613"/>
      <c r="TXO699" s="613"/>
      <c r="TXP699" s="613"/>
      <c r="TXQ699" s="613"/>
      <c r="TXR699" s="613"/>
      <c r="TXS699" s="613"/>
      <c r="TXT699" s="613"/>
      <c r="TXU699" s="613"/>
      <c r="TXV699" s="613"/>
      <c r="TXW699" s="613"/>
      <c r="TXX699" s="613"/>
      <c r="TXY699" s="613"/>
      <c r="TXZ699" s="613"/>
      <c r="TYA699" s="613"/>
      <c r="TYB699" s="613"/>
      <c r="TYC699" s="613"/>
      <c r="TYD699" s="613"/>
      <c r="TYE699" s="613"/>
      <c r="TYF699" s="613"/>
      <c r="TYG699" s="613"/>
      <c r="TYH699" s="613"/>
      <c r="TYI699" s="613"/>
      <c r="TYJ699" s="613"/>
      <c r="TYK699" s="613"/>
      <c r="TYL699" s="613"/>
      <c r="TYM699" s="613"/>
      <c r="TYN699" s="613"/>
      <c r="TYO699" s="613"/>
      <c r="TYP699" s="613"/>
      <c r="TYQ699" s="613"/>
      <c r="TYR699" s="613"/>
      <c r="TYS699" s="613"/>
      <c r="TYT699" s="613"/>
      <c r="TYU699" s="613"/>
      <c r="TYV699" s="613"/>
      <c r="TYW699" s="613"/>
      <c r="TYX699" s="613"/>
      <c r="TYY699" s="613"/>
      <c r="TYZ699" s="613"/>
      <c r="TZA699" s="613"/>
      <c r="TZB699" s="613"/>
      <c r="TZC699" s="613"/>
      <c r="TZD699" s="613"/>
      <c r="TZE699" s="613"/>
      <c r="TZF699" s="613"/>
      <c r="TZG699" s="613"/>
      <c r="TZH699" s="613"/>
      <c r="TZI699" s="613"/>
      <c r="TZJ699" s="613"/>
      <c r="TZK699" s="613"/>
      <c r="TZL699" s="613"/>
      <c r="TZM699" s="613"/>
      <c r="TZN699" s="613"/>
      <c r="TZO699" s="613"/>
      <c r="TZP699" s="613"/>
      <c r="TZQ699" s="613"/>
      <c r="TZR699" s="613"/>
      <c r="TZS699" s="613"/>
      <c r="TZT699" s="613"/>
      <c r="TZU699" s="613"/>
      <c r="TZV699" s="613"/>
      <c r="TZW699" s="613"/>
      <c r="TZX699" s="613"/>
      <c r="TZY699" s="613"/>
      <c r="TZZ699" s="613"/>
      <c r="UAA699" s="613"/>
      <c r="UAB699" s="613"/>
      <c r="UAC699" s="613"/>
      <c r="UAD699" s="613"/>
      <c r="UAE699" s="613"/>
      <c r="UAF699" s="613"/>
      <c r="UAG699" s="613"/>
      <c r="UAH699" s="613"/>
      <c r="UAI699" s="613"/>
      <c r="UAJ699" s="613"/>
      <c r="UAK699" s="613"/>
      <c r="UAL699" s="613"/>
      <c r="UAM699" s="613"/>
      <c r="UAN699" s="613"/>
      <c r="UAO699" s="613"/>
      <c r="UAP699" s="613"/>
      <c r="UAQ699" s="613"/>
      <c r="UAR699" s="613"/>
      <c r="UAS699" s="613"/>
      <c r="UAT699" s="613"/>
      <c r="UAU699" s="613"/>
      <c r="UAV699" s="613"/>
      <c r="UAW699" s="613"/>
      <c r="UAX699" s="613"/>
      <c r="UAY699" s="613"/>
      <c r="UAZ699" s="613"/>
      <c r="UBA699" s="613"/>
      <c r="UBB699" s="613"/>
      <c r="UBC699" s="613"/>
      <c r="UBD699" s="613"/>
      <c r="UBE699" s="613"/>
      <c r="UBF699" s="613"/>
      <c r="UBG699" s="613"/>
      <c r="UBH699" s="613"/>
      <c r="UBI699" s="613"/>
      <c r="UBJ699" s="613"/>
      <c r="UBK699" s="613"/>
      <c r="UBL699" s="613"/>
      <c r="UBM699" s="613"/>
      <c r="UBN699" s="613"/>
      <c r="UBO699" s="613"/>
      <c r="UBP699" s="613"/>
      <c r="UBQ699" s="613"/>
      <c r="UBR699" s="613"/>
      <c r="UBS699" s="613"/>
      <c r="UBT699" s="613"/>
      <c r="UBU699" s="613"/>
      <c r="UBV699" s="613"/>
      <c r="UBW699" s="613"/>
      <c r="UBX699" s="613"/>
      <c r="UBY699" s="613"/>
      <c r="UBZ699" s="613"/>
      <c r="UCA699" s="613"/>
      <c r="UCB699" s="613"/>
      <c r="UCC699" s="613"/>
      <c r="UCD699" s="613"/>
      <c r="UCE699" s="613"/>
      <c r="UCF699" s="613"/>
      <c r="UCG699" s="613"/>
      <c r="UCH699" s="613"/>
      <c r="UCI699" s="613"/>
      <c r="UCJ699" s="613"/>
      <c r="UCK699" s="613"/>
      <c r="UCL699" s="613"/>
      <c r="UCM699" s="613"/>
      <c r="UCN699" s="613"/>
      <c r="UCO699" s="613"/>
      <c r="UCP699" s="613"/>
      <c r="UCQ699" s="613"/>
      <c r="UCR699" s="613"/>
      <c r="UCS699" s="613"/>
      <c r="UCT699" s="613"/>
      <c r="UCU699" s="613"/>
      <c r="UCV699" s="613"/>
      <c r="UCW699" s="613"/>
      <c r="UCX699" s="613"/>
      <c r="UCY699" s="613"/>
      <c r="UCZ699" s="613"/>
      <c r="UDA699" s="613"/>
      <c r="UDB699" s="613"/>
      <c r="UDC699" s="613"/>
      <c r="UDD699" s="613"/>
      <c r="UDE699" s="613"/>
      <c r="UDF699" s="613"/>
      <c r="UDG699" s="613"/>
      <c r="UDH699" s="613"/>
      <c r="UDI699" s="613"/>
      <c r="UDJ699" s="613"/>
      <c r="UDK699" s="613"/>
      <c r="UDL699" s="613"/>
      <c r="UDM699" s="613"/>
      <c r="UDN699" s="613"/>
      <c r="UDO699" s="613"/>
      <c r="UDP699" s="613"/>
      <c r="UDQ699" s="613"/>
      <c r="UDR699" s="613"/>
      <c r="UDS699" s="613"/>
      <c r="UDT699" s="613"/>
      <c r="UDU699" s="613"/>
      <c r="UDV699" s="613"/>
      <c r="UDW699" s="613"/>
      <c r="UDX699" s="613"/>
      <c r="UDY699" s="613"/>
      <c r="UDZ699" s="613"/>
      <c r="UEA699" s="613"/>
      <c r="UEB699" s="613"/>
      <c r="UEC699" s="613"/>
      <c r="UED699" s="613"/>
      <c r="UEE699" s="613"/>
      <c r="UEF699" s="613"/>
      <c r="UEG699" s="613"/>
      <c r="UEH699" s="613"/>
      <c r="UEI699" s="613"/>
      <c r="UEJ699" s="613"/>
      <c r="UEK699" s="613"/>
      <c r="UEL699" s="613"/>
      <c r="UEM699" s="613"/>
      <c r="UEN699" s="613"/>
      <c r="UEO699" s="613"/>
      <c r="UEP699" s="613"/>
      <c r="UEQ699" s="613"/>
      <c r="UER699" s="613"/>
      <c r="UES699" s="613"/>
      <c r="UET699" s="613"/>
      <c r="UEU699" s="613"/>
      <c r="UEV699" s="613"/>
      <c r="UEW699" s="613"/>
      <c r="UEX699" s="613"/>
      <c r="UEY699" s="613"/>
      <c r="UEZ699" s="613"/>
      <c r="UFA699" s="613"/>
      <c r="UFB699" s="613"/>
      <c r="UFC699" s="613"/>
      <c r="UFD699" s="613"/>
      <c r="UFE699" s="613"/>
      <c r="UFF699" s="613"/>
      <c r="UFG699" s="613"/>
      <c r="UFH699" s="613"/>
      <c r="UFI699" s="613"/>
      <c r="UFJ699" s="613"/>
      <c r="UFK699" s="613"/>
      <c r="UFL699" s="613"/>
      <c r="UFM699" s="613"/>
      <c r="UFN699" s="613"/>
      <c r="UFO699" s="613"/>
      <c r="UFP699" s="613"/>
      <c r="UFQ699" s="613"/>
      <c r="UFR699" s="613"/>
      <c r="UFS699" s="613"/>
      <c r="UFT699" s="613"/>
      <c r="UFU699" s="613"/>
      <c r="UFV699" s="613"/>
      <c r="UFW699" s="613"/>
      <c r="UFX699" s="613"/>
      <c r="UFY699" s="613"/>
      <c r="UFZ699" s="613"/>
      <c r="UGA699" s="613"/>
      <c r="UGB699" s="613"/>
      <c r="UGC699" s="613"/>
      <c r="UGD699" s="613"/>
      <c r="UGE699" s="613"/>
      <c r="UGF699" s="613"/>
      <c r="UGG699" s="613"/>
      <c r="UGH699" s="613"/>
      <c r="UGI699" s="613"/>
      <c r="UGJ699" s="613"/>
      <c r="UGK699" s="613"/>
      <c r="UGL699" s="613"/>
      <c r="UGM699" s="613"/>
      <c r="UGN699" s="613"/>
      <c r="UGO699" s="613"/>
      <c r="UGP699" s="613"/>
      <c r="UGQ699" s="613"/>
      <c r="UGR699" s="613"/>
      <c r="UGS699" s="613"/>
      <c r="UGT699" s="613"/>
      <c r="UGU699" s="613"/>
      <c r="UGV699" s="613"/>
      <c r="UGW699" s="613"/>
      <c r="UGX699" s="613"/>
      <c r="UGY699" s="613"/>
      <c r="UGZ699" s="613"/>
      <c r="UHA699" s="613"/>
      <c r="UHB699" s="613"/>
      <c r="UHC699" s="613"/>
      <c r="UHD699" s="613"/>
      <c r="UHE699" s="613"/>
      <c r="UHF699" s="613"/>
      <c r="UHG699" s="613"/>
      <c r="UHH699" s="613"/>
      <c r="UHI699" s="613"/>
      <c r="UHJ699" s="613"/>
      <c r="UHK699" s="613"/>
      <c r="UHL699" s="613"/>
      <c r="UHM699" s="613"/>
      <c r="UHN699" s="613"/>
      <c r="UHO699" s="613"/>
      <c r="UHP699" s="613"/>
      <c r="UHQ699" s="613"/>
      <c r="UHR699" s="613"/>
      <c r="UHS699" s="613"/>
      <c r="UHT699" s="613"/>
      <c r="UHU699" s="613"/>
      <c r="UHV699" s="613"/>
      <c r="UHW699" s="613"/>
      <c r="UHX699" s="613"/>
      <c r="UHY699" s="613"/>
      <c r="UHZ699" s="613"/>
      <c r="UIA699" s="613"/>
      <c r="UIB699" s="613"/>
      <c r="UIC699" s="613"/>
      <c r="UID699" s="613"/>
      <c r="UIE699" s="613"/>
      <c r="UIF699" s="613"/>
      <c r="UIG699" s="613"/>
      <c r="UIH699" s="613"/>
      <c r="UII699" s="613"/>
      <c r="UIJ699" s="613"/>
      <c r="UIK699" s="613"/>
      <c r="UIL699" s="613"/>
      <c r="UIM699" s="613"/>
      <c r="UIN699" s="613"/>
      <c r="UIO699" s="613"/>
      <c r="UIP699" s="613"/>
      <c r="UIQ699" s="613"/>
      <c r="UIR699" s="613"/>
      <c r="UIS699" s="613"/>
      <c r="UIT699" s="613"/>
      <c r="UIU699" s="613"/>
      <c r="UIV699" s="613"/>
      <c r="UIW699" s="613"/>
      <c r="UIX699" s="613"/>
      <c r="UIY699" s="613"/>
      <c r="UIZ699" s="613"/>
      <c r="UJA699" s="613"/>
      <c r="UJB699" s="613"/>
      <c r="UJC699" s="613"/>
      <c r="UJD699" s="613"/>
      <c r="UJE699" s="613"/>
      <c r="UJF699" s="613"/>
      <c r="UJG699" s="613"/>
      <c r="UJH699" s="613"/>
      <c r="UJI699" s="613"/>
      <c r="UJJ699" s="613"/>
      <c r="UJK699" s="613"/>
      <c r="UJL699" s="613"/>
      <c r="UJM699" s="613"/>
      <c r="UJN699" s="613"/>
      <c r="UJO699" s="613"/>
      <c r="UJP699" s="613"/>
      <c r="UJQ699" s="613"/>
      <c r="UJR699" s="613"/>
      <c r="UJS699" s="613"/>
      <c r="UJT699" s="613"/>
      <c r="UJU699" s="613"/>
      <c r="UJV699" s="613"/>
      <c r="UJW699" s="613"/>
      <c r="UJX699" s="613"/>
      <c r="UJY699" s="613"/>
      <c r="UJZ699" s="613"/>
      <c r="UKA699" s="613"/>
      <c r="UKB699" s="613"/>
      <c r="UKC699" s="613"/>
      <c r="UKD699" s="613"/>
      <c r="UKE699" s="613"/>
      <c r="UKF699" s="613"/>
      <c r="UKG699" s="613"/>
      <c r="UKH699" s="613"/>
      <c r="UKI699" s="613"/>
      <c r="UKJ699" s="613"/>
      <c r="UKK699" s="613"/>
      <c r="UKL699" s="613"/>
      <c r="UKM699" s="613"/>
      <c r="UKN699" s="613"/>
      <c r="UKO699" s="613"/>
      <c r="UKP699" s="613"/>
      <c r="UKQ699" s="613"/>
      <c r="UKR699" s="613"/>
      <c r="UKS699" s="613"/>
      <c r="UKT699" s="613"/>
      <c r="UKU699" s="613"/>
      <c r="UKV699" s="613"/>
      <c r="UKW699" s="613"/>
      <c r="UKX699" s="613"/>
      <c r="UKY699" s="613"/>
      <c r="UKZ699" s="613"/>
      <c r="ULA699" s="613"/>
      <c r="ULB699" s="613"/>
      <c r="ULC699" s="613"/>
      <c r="ULD699" s="613"/>
      <c r="ULE699" s="613"/>
      <c r="ULF699" s="613"/>
      <c r="ULG699" s="613"/>
      <c r="ULH699" s="613"/>
      <c r="ULI699" s="613"/>
      <c r="ULJ699" s="613"/>
      <c r="ULK699" s="613"/>
      <c r="ULL699" s="613"/>
      <c r="ULM699" s="613"/>
      <c r="ULN699" s="613"/>
      <c r="ULO699" s="613"/>
      <c r="ULP699" s="613"/>
      <c r="ULQ699" s="613"/>
      <c r="ULR699" s="613"/>
      <c r="ULS699" s="613"/>
      <c r="ULT699" s="613"/>
      <c r="ULU699" s="613"/>
      <c r="ULV699" s="613"/>
      <c r="ULW699" s="613"/>
      <c r="ULX699" s="613"/>
      <c r="ULY699" s="613"/>
      <c r="ULZ699" s="613"/>
      <c r="UMA699" s="613"/>
      <c r="UMB699" s="613"/>
      <c r="UMC699" s="613"/>
      <c r="UMD699" s="613"/>
      <c r="UME699" s="613"/>
      <c r="UMF699" s="613"/>
      <c r="UMG699" s="613"/>
      <c r="UMH699" s="613"/>
      <c r="UMI699" s="613"/>
      <c r="UMJ699" s="613"/>
      <c r="UMK699" s="613"/>
      <c r="UML699" s="613"/>
      <c r="UMM699" s="613"/>
      <c r="UMN699" s="613"/>
      <c r="UMO699" s="613"/>
      <c r="UMP699" s="613"/>
      <c r="UMQ699" s="613"/>
      <c r="UMR699" s="613"/>
      <c r="UMS699" s="613"/>
      <c r="UMT699" s="613"/>
      <c r="UMU699" s="613"/>
      <c r="UMV699" s="613"/>
      <c r="UMW699" s="613"/>
      <c r="UMX699" s="613"/>
      <c r="UMY699" s="613"/>
      <c r="UMZ699" s="613"/>
      <c r="UNA699" s="613"/>
      <c r="UNB699" s="613"/>
      <c r="UNC699" s="613"/>
      <c r="UND699" s="613"/>
      <c r="UNE699" s="613"/>
      <c r="UNF699" s="613"/>
      <c r="UNG699" s="613"/>
      <c r="UNH699" s="613"/>
      <c r="UNI699" s="613"/>
      <c r="UNJ699" s="613"/>
      <c r="UNK699" s="613"/>
      <c r="UNL699" s="613"/>
      <c r="UNM699" s="613"/>
      <c r="UNN699" s="613"/>
      <c r="UNO699" s="613"/>
      <c r="UNP699" s="613"/>
      <c r="UNQ699" s="613"/>
      <c r="UNR699" s="613"/>
      <c r="UNS699" s="613"/>
      <c r="UNT699" s="613"/>
      <c r="UNU699" s="613"/>
      <c r="UNV699" s="613"/>
      <c r="UNW699" s="613"/>
      <c r="UNX699" s="613"/>
      <c r="UNY699" s="613"/>
      <c r="UNZ699" s="613"/>
      <c r="UOA699" s="613"/>
      <c r="UOB699" s="613"/>
      <c r="UOC699" s="613"/>
      <c r="UOD699" s="613"/>
      <c r="UOE699" s="613"/>
      <c r="UOF699" s="613"/>
      <c r="UOG699" s="613"/>
      <c r="UOH699" s="613"/>
      <c r="UOI699" s="613"/>
      <c r="UOJ699" s="613"/>
      <c r="UOK699" s="613"/>
      <c r="UOL699" s="613"/>
      <c r="UOM699" s="613"/>
      <c r="UON699" s="613"/>
      <c r="UOO699" s="613"/>
      <c r="UOP699" s="613"/>
      <c r="UOQ699" s="613"/>
      <c r="UOR699" s="613"/>
      <c r="UOS699" s="613"/>
      <c r="UOT699" s="613"/>
      <c r="UOU699" s="613"/>
      <c r="UOV699" s="613"/>
      <c r="UOW699" s="613"/>
      <c r="UOX699" s="613"/>
      <c r="UOY699" s="613"/>
      <c r="UOZ699" s="613"/>
      <c r="UPA699" s="613"/>
      <c r="UPB699" s="613"/>
      <c r="UPC699" s="613"/>
      <c r="UPD699" s="613"/>
      <c r="UPE699" s="613"/>
      <c r="UPF699" s="613"/>
      <c r="UPG699" s="613"/>
      <c r="UPH699" s="613"/>
      <c r="UPI699" s="613"/>
      <c r="UPJ699" s="613"/>
      <c r="UPK699" s="613"/>
      <c r="UPL699" s="613"/>
      <c r="UPM699" s="613"/>
      <c r="UPN699" s="613"/>
      <c r="UPO699" s="613"/>
      <c r="UPP699" s="613"/>
      <c r="UPQ699" s="613"/>
      <c r="UPR699" s="613"/>
      <c r="UPS699" s="613"/>
      <c r="UPT699" s="613"/>
      <c r="UPU699" s="613"/>
      <c r="UPV699" s="613"/>
      <c r="UPW699" s="613"/>
      <c r="UPX699" s="613"/>
      <c r="UPY699" s="613"/>
      <c r="UPZ699" s="613"/>
      <c r="UQA699" s="613"/>
      <c r="UQB699" s="613"/>
      <c r="UQC699" s="613"/>
      <c r="UQD699" s="613"/>
      <c r="UQE699" s="613"/>
      <c r="UQF699" s="613"/>
      <c r="UQG699" s="613"/>
      <c r="UQH699" s="613"/>
      <c r="UQI699" s="613"/>
      <c r="UQJ699" s="613"/>
      <c r="UQK699" s="613"/>
      <c r="UQL699" s="613"/>
      <c r="UQM699" s="613"/>
      <c r="UQN699" s="613"/>
      <c r="UQO699" s="613"/>
      <c r="UQP699" s="613"/>
      <c r="UQQ699" s="613"/>
      <c r="UQR699" s="613"/>
      <c r="UQS699" s="613"/>
      <c r="UQT699" s="613"/>
      <c r="UQU699" s="613"/>
      <c r="UQV699" s="613"/>
      <c r="UQW699" s="613"/>
      <c r="UQX699" s="613"/>
      <c r="UQY699" s="613"/>
      <c r="UQZ699" s="613"/>
      <c r="URA699" s="613"/>
      <c r="URB699" s="613"/>
      <c r="URC699" s="613"/>
      <c r="URD699" s="613"/>
      <c r="URE699" s="613"/>
      <c r="URF699" s="613"/>
      <c r="URG699" s="613"/>
      <c r="URH699" s="613"/>
      <c r="URI699" s="613"/>
      <c r="URJ699" s="613"/>
      <c r="URK699" s="613"/>
      <c r="URL699" s="613"/>
      <c r="URM699" s="613"/>
      <c r="URN699" s="613"/>
      <c r="URO699" s="613"/>
      <c r="URP699" s="613"/>
      <c r="URQ699" s="613"/>
      <c r="URR699" s="613"/>
      <c r="URS699" s="613"/>
      <c r="URT699" s="613"/>
      <c r="URU699" s="613"/>
      <c r="URV699" s="613"/>
      <c r="URW699" s="613"/>
      <c r="URX699" s="613"/>
      <c r="URY699" s="613"/>
      <c r="URZ699" s="613"/>
      <c r="USA699" s="613"/>
      <c r="USB699" s="613"/>
      <c r="USC699" s="613"/>
      <c r="USD699" s="613"/>
      <c r="USE699" s="613"/>
      <c r="USF699" s="613"/>
      <c r="USG699" s="613"/>
      <c r="USH699" s="613"/>
      <c r="USI699" s="613"/>
      <c r="USJ699" s="613"/>
      <c r="USK699" s="613"/>
      <c r="USL699" s="613"/>
      <c r="USM699" s="613"/>
      <c r="USN699" s="613"/>
      <c r="USO699" s="613"/>
      <c r="USP699" s="613"/>
      <c r="USQ699" s="613"/>
      <c r="USR699" s="613"/>
      <c r="USS699" s="613"/>
      <c r="UST699" s="613"/>
      <c r="USU699" s="613"/>
      <c r="USV699" s="613"/>
      <c r="USW699" s="613"/>
      <c r="USX699" s="613"/>
      <c r="USY699" s="613"/>
      <c r="USZ699" s="613"/>
      <c r="UTA699" s="613"/>
      <c r="UTB699" s="613"/>
      <c r="UTC699" s="613"/>
      <c r="UTD699" s="613"/>
      <c r="UTE699" s="613"/>
      <c r="UTF699" s="613"/>
      <c r="UTG699" s="613"/>
      <c r="UTH699" s="613"/>
      <c r="UTI699" s="613"/>
      <c r="UTJ699" s="613"/>
      <c r="UTK699" s="613"/>
      <c r="UTL699" s="613"/>
      <c r="UTM699" s="613"/>
      <c r="UTN699" s="613"/>
      <c r="UTO699" s="613"/>
      <c r="UTP699" s="613"/>
      <c r="UTQ699" s="613"/>
      <c r="UTR699" s="613"/>
      <c r="UTS699" s="613"/>
      <c r="UTT699" s="613"/>
      <c r="UTU699" s="613"/>
      <c r="UTV699" s="613"/>
      <c r="UTW699" s="613"/>
      <c r="UTX699" s="613"/>
      <c r="UTY699" s="613"/>
      <c r="UTZ699" s="613"/>
      <c r="UUA699" s="613"/>
      <c r="UUB699" s="613"/>
      <c r="UUC699" s="613"/>
      <c r="UUD699" s="613"/>
      <c r="UUE699" s="613"/>
      <c r="UUF699" s="613"/>
      <c r="UUG699" s="613"/>
      <c r="UUH699" s="613"/>
      <c r="UUI699" s="613"/>
      <c r="UUJ699" s="613"/>
      <c r="UUK699" s="613"/>
      <c r="UUL699" s="613"/>
      <c r="UUM699" s="613"/>
      <c r="UUN699" s="613"/>
      <c r="UUO699" s="613"/>
      <c r="UUP699" s="613"/>
      <c r="UUQ699" s="613"/>
      <c r="UUR699" s="613"/>
      <c r="UUS699" s="613"/>
      <c r="UUT699" s="613"/>
      <c r="UUU699" s="613"/>
      <c r="UUV699" s="613"/>
      <c r="UUW699" s="613"/>
      <c r="UUX699" s="613"/>
      <c r="UUY699" s="613"/>
      <c r="UUZ699" s="613"/>
      <c r="UVA699" s="613"/>
      <c r="UVB699" s="613"/>
      <c r="UVC699" s="613"/>
      <c r="UVD699" s="613"/>
      <c r="UVE699" s="613"/>
      <c r="UVF699" s="613"/>
      <c r="UVG699" s="613"/>
      <c r="UVH699" s="613"/>
      <c r="UVI699" s="613"/>
      <c r="UVJ699" s="613"/>
      <c r="UVK699" s="613"/>
      <c r="UVL699" s="613"/>
      <c r="UVM699" s="613"/>
      <c r="UVN699" s="613"/>
      <c r="UVO699" s="613"/>
      <c r="UVP699" s="613"/>
      <c r="UVQ699" s="613"/>
      <c r="UVR699" s="613"/>
      <c r="UVS699" s="613"/>
      <c r="UVT699" s="613"/>
      <c r="UVU699" s="613"/>
      <c r="UVV699" s="613"/>
      <c r="UVW699" s="613"/>
      <c r="UVX699" s="613"/>
      <c r="UVY699" s="613"/>
      <c r="UVZ699" s="613"/>
      <c r="UWA699" s="613"/>
      <c r="UWB699" s="613"/>
      <c r="UWC699" s="613"/>
      <c r="UWD699" s="613"/>
      <c r="UWE699" s="613"/>
      <c r="UWF699" s="613"/>
      <c r="UWG699" s="613"/>
      <c r="UWH699" s="613"/>
      <c r="UWI699" s="613"/>
      <c r="UWJ699" s="613"/>
      <c r="UWK699" s="613"/>
      <c r="UWL699" s="613"/>
      <c r="UWM699" s="613"/>
      <c r="UWN699" s="613"/>
      <c r="UWO699" s="613"/>
      <c r="UWP699" s="613"/>
      <c r="UWQ699" s="613"/>
      <c r="UWR699" s="613"/>
      <c r="UWS699" s="613"/>
      <c r="UWT699" s="613"/>
      <c r="UWU699" s="613"/>
      <c r="UWV699" s="613"/>
      <c r="UWW699" s="613"/>
      <c r="UWX699" s="613"/>
      <c r="UWY699" s="613"/>
      <c r="UWZ699" s="613"/>
      <c r="UXA699" s="613"/>
      <c r="UXB699" s="613"/>
      <c r="UXC699" s="613"/>
      <c r="UXD699" s="613"/>
      <c r="UXE699" s="613"/>
      <c r="UXF699" s="613"/>
      <c r="UXG699" s="613"/>
      <c r="UXH699" s="613"/>
      <c r="UXI699" s="613"/>
      <c r="UXJ699" s="613"/>
      <c r="UXK699" s="613"/>
      <c r="UXL699" s="613"/>
      <c r="UXM699" s="613"/>
      <c r="UXN699" s="613"/>
      <c r="UXO699" s="613"/>
      <c r="UXP699" s="613"/>
      <c r="UXQ699" s="613"/>
      <c r="UXR699" s="613"/>
      <c r="UXS699" s="613"/>
      <c r="UXT699" s="613"/>
      <c r="UXU699" s="613"/>
      <c r="UXV699" s="613"/>
      <c r="UXW699" s="613"/>
      <c r="UXX699" s="613"/>
      <c r="UXY699" s="613"/>
      <c r="UXZ699" s="613"/>
      <c r="UYA699" s="613"/>
      <c r="UYB699" s="613"/>
      <c r="UYC699" s="613"/>
      <c r="UYD699" s="613"/>
      <c r="UYE699" s="613"/>
      <c r="UYF699" s="613"/>
      <c r="UYG699" s="613"/>
      <c r="UYH699" s="613"/>
      <c r="UYI699" s="613"/>
      <c r="UYJ699" s="613"/>
      <c r="UYK699" s="613"/>
      <c r="UYL699" s="613"/>
      <c r="UYM699" s="613"/>
      <c r="UYN699" s="613"/>
      <c r="UYO699" s="613"/>
      <c r="UYP699" s="613"/>
      <c r="UYQ699" s="613"/>
      <c r="UYR699" s="613"/>
      <c r="UYS699" s="613"/>
      <c r="UYT699" s="613"/>
      <c r="UYU699" s="613"/>
      <c r="UYV699" s="613"/>
      <c r="UYW699" s="613"/>
      <c r="UYX699" s="613"/>
      <c r="UYY699" s="613"/>
      <c r="UYZ699" s="613"/>
      <c r="UZA699" s="613"/>
      <c r="UZB699" s="613"/>
      <c r="UZC699" s="613"/>
      <c r="UZD699" s="613"/>
      <c r="UZE699" s="613"/>
      <c r="UZF699" s="613"/>
      <c r="UZG699" s="613"/>
      <c r="UZH699" s="613"/>
      <c r="UZI699" s="613"/>
      <c r="UZJ699" s="613"/>
      <c r="UZK699" s="613"/>
      <c r="UZL699" s="613"/>
      <c r="UZM699" s="613"/>
      <c r="UZN699" s="613"/>
      <c r="UZO699" s="613"/>
      <c r="UZP699" s="613"/>
      <c r="UZQ699" s="613"/>
      <c r="UZR699" s="613"/>
      <c r="UZS699" s="613"/>
      <c r="UZT699" s="613"/>
      <c r="UZU699" s="613"/>
      <c r="UZV699" s="613"/>
      <c r="UZW699" s="613"/>
      <c r="UZX699" s="613"/>
      <c r="UZY699" s="613"/>
      <c r="UZZ699" s="613"/>
      <c r="VAA699" s="613"/>
      <c r="VAB699" s="613"/>
      <c r="VAC699" s="613"/>
      <c r="VAD699" s="613"/>
      <c r="VAE699" s="613"/>
      <c r="VAF699" s="613"/>
      <c r="VAG699" s="613"/>
      <c r="VAH699" s="613"/>
      <c r="VAI699" s="613"/>
      <c r="VAJ699" s="613"/>
      <c r="VAK699" s="613"/>
      <c r="VAL699" s="613"/>
      <c r="VAM699" s="613"/>
      <c r="VAN699" s="613"/>
      <c r="VAO699" s="613"/>
      <c r="VAP699" s="613"/>
      <c r="VAQ699" s="613"/>
      <c r="VAR699" s="613"/>
      <c r="VAS699" s="613"/>
      <c r="VAT699" s="613"/>
      <c r="VAU699" s="613"/>
      <c r="VAV699" s="613"/>
      <c r="VAW699" s="613"/>
      <c r="VAX699" s="613"/>
      <c r="VAY699" s="613"/>
      <c r="VAZ699" s="613"/>
      <c r="VBA699" s="613"/>
      <c r="VBB699" s="613"/>
      <c r="VBC699" s="613"/>
      <c r="VBD699" s="613"/>
      <c r="VBE699" s="613"/>
      <c r="VBF699" s="613"/>
      <c r="VBG699" s="613"/>
      <c r="VBH699" s="613"/>
      <c r="VBI699" s="613"/>
      <c r="VBJ699" s="613"/>
      <c r="VBK699" s="613"/>
      <c r="VBL699" s="613"/>
      <c r="VBM699" s="613"/>
      <c r="VBN699" s="613"/>
      <c r="VBO699" s="613"/>
      <c r="VBP699" s="613"/>
      <c r="VBQ699" s="613"/>
      <c r="VBR699" s="613"/>
      <c r="VBS699" s="613"/>
      <c r="VBT699" s="613"/>
      <c r="VBU699" s="613"/>
      <c r="VBV699" s="613"/>
      <c r="VBW699" s="613"/>
      <c r="VBX699" s="613"/>
      <c r="VBY699" s="613"/>
      <c r="VBZ699" s="613"/>
      <c r="VCA699" s="613"/>
      <c r="VCB699" s="613"/>
      <c r="VCC699" s="613"/>
      <c r="VCD699" s="613"/>
      <c r="VCE699" s="613"/>
      <c r="VCF699" s="613"/>
      <c r="VCG699" s="613"/>
      <c r="VCH699" s="613"/>
      <c r="VCI699" s="613"/>
      <c r="VCJ699" s="613"/>
      <c r="VCK699" s="613"/>
      <c r="VCL699" s="613"/>
      <c r="VCM699" s="613"/>
      <c r="VCN699" s="613"/>
      <c r="VCO699" s="613"/>
      <c r="VCP699" s="613"/>
      <c r="VCQ699" s="613"/>
      <c r="VCR699" s="613"/>
      <c r="VCS699" s="613"/>
      <c r="VCT699" s="613"/>
      <c r="VCU699" s="613"/>
      <c r="VCV699" s="613"/>
      <c r="VCW699" s="613"/>
      <c r="VCX699" s="613"/>
      <c r="VCY699" s="613"/>
      <c r="VCZ699" s="613"/>
      <c r="VDA699" s="613"/>
      <c r="VDB699" s="613"/>
      <c r="VDC699" s="613"/>
      <c r="VDD699" s="613"/>
      <c r="VDE699" s="613"/>
      <c r="VDF699" s="613"/>
      <c r="VDG699" s="613"/>
      <c r="VDH699" s="613"/>
      <c r="VDI699" s="613"/>
      <c r="VDJ699" s="613"/>
      <c r="VDK699" s="613"/>
      <c r="VDL699" s="613"/>
      <c r="VDM699" s="613"/>
      <c r="VDN699" s="613"/>
      <c r="VDO699" s="613"/>
      <c r="VDP699" s="613"/>
      <c r="VDQ699" s="613"/>
      <c r="VDR699" s="613"/>
      <c r="VDS699" s="613"/>
      <c r="VDT699" s="613"/>
      <c r="VDU699" s="613"/>
      <c r="VDV699" s="613"/>
      <c r="VDW699" s="613"/>
      <c r="VDX699" s="613"/>
      <c r="VDY699" s="613"/>
      <c r="VDZ699" s="613"/>
      <c r="VEA699" s="613"/>
      <c r="VEB699" s="613"/>
      <c r="VEC699" s="613"/>
      <c r="VED699" s="613"/>
      <c r="VEE699" s="613"/>
      <c r="VEF699" s="613"/>
      <c r="VEG699" s="613"/>
      <c r="VEH699" s="613"/>
      <c r="VEI699" s="613"/>
      <c r="VEJ699" s="613"/>
      <c r="VEK699" s="613"/>
      <c r="VEL699" s="613"/>
      <c r="VEM699" s="613"/>
      <c r="VEN699" s="613"/>
      <c r="VEO699" s="613"/>
      <c r="VEP699" s="613"/>
      <c r="VEQ699" s="613"/>
      <c r="VER699" s="613"/>
      <c r="VES699" s="613"/>
      <c r="VET699" s="613"/>
      <c r="VEU699" s="613"/>
      <c r="VEV699" s="613"/>
      <c r="VEW699" s="613"/>
      <c r="VEX699" s="613"/>
      <c r="VEY699" s="613"/>
      <c r="VEZ699" s="613"/>
      <c r="VFA699" s="613"/>
      <c r="VFB699" s="613"/>
      <c r="VFC699" s="613"/>
      <c r="VFD699" s="613"/>
      <c r="VFE699" s="613"/>
      <c r="VFF699" s="613"/>
      <c r="VFG699" s="613"/>
      <c r="VFH699" s="613"/>
      <c r="VFI699" s="613"/>
      <c r="VFJ699" s="613"/>
      <c r="VFK699" s="613"/>
      <c r="VFL699" s="613"/>
      <c r="VFM699" s="613"/>
      <c r="VFN699" s="613"/>
      <c r="VFO699" s="613"/>
      <c r="VFP699" s="613"/>
      <c r="VFQ699" s="613"/>
      <c r="VFR699" s="613"/>
      <c r="VFS699" s="613"/>
      <c r="VFT699" s="613"/>
      <c r="VFU699" s="613"/>
      <c r="VFV699" s="613"/>
      <c r="VFW699" s="613"/>
      <c r="VFX699" s="613"/>
      <c r="VFY699" s="613"/>
      <c r="VFZ699" s="613"/>
      <c r="VGA699" s="613"/>
      <c r="VGB699" s="613"/>
      <c r="VGC699" s="613"/>
      <c r="VGD699" s="613"/>
      <c r="VGE699" s="613"/>
      <c r="VGF699" s="613"/>
      <c r="VGG699" s="613"/>
      <c r="VGH699" s="613"/>
      <c r="VGI699" s="613"/>
      <c r="VGJ699" s="613"/>
      <c r="VGK699" s="613"/>
      <c r="VGL699" s="613"/>
      <c r="VGM699" s="613"/>
      <c r="VGN699" s="613"/>
      <c r="VGO699" s="613"/>
      <c r="VGP699" s="613"/>
      <c r="VGQ699" s="613"/>
      <c r="VGR699" s="613"/>
      <c r="VGS699" s="613"/>
      <c r="VGT699" s="613"/>
      <c r="VGU699" s="613"/>
      <c r="VGV699" s="613"/>
      <c r="VGW699" s="613"/>
      <c r="VGX699" s="613"/>
      <c r="VGY699" s="613"/>
      <c r="VGZ699" s="613"/>
      <c r="VHA699" s="613"/>
      <c r="VHB699" s="613"/>
      <c r="VHC699" s="613"/>
      <c r="VHD699" s="613"/>
      <c r="VHE699" s="613"/>
      <c r="VHF699" s="613"/>
      <c r="VHG699" s="613"/>
      <c r="VHH699" s="613"/>
      <c r="VHI699" s="613"/>
      <c r="VHJ699" s="613"/>
      <c r="VHK699" s="613"/>
      <c r="VHL699" s="613"/>
      <c r="VHM699" s="613"/>
      <c r="VHN699" s="613"/>
      <c r="VHO699" s="613"/>
      <c r="VHP699" s="613"/>
      <c r="VHQ699" s="613"/>
      <c r="VHR699" s="613"/>
      <c r="VHS699" s="613"/>
      <c r="VHT699" s="613"/>
      <c r="VHU699" s="613"/>
      <c r="VHV699" s="613"/>
      <c r="VHW699" s="613"/>
      <c r="VHX699" s="613"/>
      <c r="VHY699" s="613"/>
      <c r="VHZ699" s="613"/>
      <c r="VIA699" s="613"/>
      <c r="VIB699" s="613"/>
      <c r="VIC699" s="613"/>
      <c r="VID699" s="613"/>
      <c r="VIE699" s="613"/>
      <c r="VIF699" s="613"/>
      <c r="VIG699" s="613"/>
      <c r="VIH699" s="613"/>
      <c r="VII699" s="613"/>
      <c r="VIJ699" s="613"/>
      <c r="VIK699" s="613"/>
      <c r="VIL699" s="613"/>
      <c r="VIM699" s="613"/>
      <c r="VIN699" s="613"/>
      <c r="VIO699" s="613"/>
      <c r="VIP699" s="613"/>
      <c r="VIQ699" s="613"/>
      <c r="VIR699" s="613"/>
      <c r="VIS699" s="613"/>
      <c r="VIT699" s="613"/>
      <c r="VIU699" s="613"/>
      <c r="VIV699" s="613"/>
      <c r="VIW699" s="613"/>
      <c r="VIX699" s="613"/>
      <c r="VIY699" s="613"/>
      <c r="VIZ699" s="613"/>
      <c r="VJA699" s="613"/>
      <c r="VJB699" s="613"/>
      <c r="VJC699" s="613"/>
      <c r="VJD699" s="613"/>
      <c r="VJE699" s="613"/>
      <c r="VJF699" s="613"/>
      <c r="VJG699" s="613"/>
      <c r="VJH699" s="613"/>
      <c r="VJI699" s="613"/>
      <c r="VJJ699" s="613"/>
      <c r="VJK699" s="613"/>
      <c r="VJL699" s="613"/>
      <c r="VJM699" s="613"/>
      <c r="VJN699" s="613"/>
      <c r="VJO699" s="613"/>
      <c r="VJP699" s="613"/>
      <c r="VJQ699" s="613"/>
      <c r="VJR699" s="613"/>
      <c r="VJS699" s="613"/>
      <c r="VJT699" s="613"/>
      <c r="VJU699" s="613"/>
      <c r="VJV699" s="613"/>
      <c r="VJW699" s="613"/>
      <c r="VJX699" s="613"/>
      <c r="VJY699" s="613"/>
      <c r="VJZ699" s="613"/>
      <c r="VKA699" s="613"/>
      <c r="VKB699" s="613"/>
      <c r="VKC699" s="613"/>
      <c r="VKD699" s="613"/>
      <c r="VKE699" s="613"/>
      <c r="VKF699" s="613"/>
      <c r="VKG699" s="613"/>
      <c r="VKH699" s="613"/>
      <c r="VKI699" s="613"/>
      <c r="VKJ699" s="613"/>
      <c r="VKK699" s="613"/>
      <c r="VKL699" s="613"/>
      <c r="VKM699" s="613"/>
      <c r="VKN699" s="613"/>
      <c r="VKO699" s="613"/>
      <c r="VKP699" s="613"/>
      <c r="VKQ699" s="613"/>
      <c r="VKR699" s="613"/>
      <c r="VKS699" s="613"/>
      <c r="VKT699" s="613"/>
      <c r="VKU699" s="613"/>
      <c r="VKV699" s="613"/>
      <c r="VKW699" s="613"/>
      <c r="VKX699" s="613"/>
      <c r="VKY699" s="613"/>
      <c r="VKZ699" s="613"/>
      <c r="VLA699" s="613"/>
      <c r="VLB699" s="613"/>
      <c r="VLC699" s="613"/>
      <c r="VLD699" s="613"/>
      <c r="VLE699" s="613"/>
      <c r="VLF699" s="613"/>
      <c r="VLG699" s="613"/>
      <c r="VLH699" s="613"/>
      <c r="VLI699" s="613"/>
      <c r="VLJ699" s="613"/>
      <c r="VLK699" s="613"/>
      <c r="VLL699" s="613"/>
      <c r="VLM699" s="613"/>
      <c r="VLN699" s="613"/>
      <c r="VLO699" s="613"/>
      <c r="VLP699" s="613"/>
      <c r="VLQ699" s="613"/>
      <c r="VLR699" s="613"/>
      <c r="VLS699" s="613"/>
      <c r="VLT699" s="613"/>
      <c r="VLU699" s="613"/>
      <c r="VLV699" s="613"/>
      <c r="VLW699" s="613"/>
      <c r="VLX699" s="613"/>
      <c r="VLY699" s="613"/>
      <c r="VLZ699" s="613"/>
      <c r="VMA699" s="613"/>
      <c r="VMB699" s="613"/>
      <c r="VMC699" s="613"/>
      <c r="VMD699" s="613"/>
      <c r="VME699" s="613"/>
      <c r="VMF699" s="613"/>
      <c r="VMG699" s="613"/>
      <c r="VMH699" s="613"/>
      <c r="VMI699" s="613"/>
      <c r="VMJ699" s="613"/>
      <c r="VMK699" s="613"/>
      <c r="VML699" s="613"/>
      <c r="VMM699" s="613"/>
      <c r="VMN699" s="613"/>
      <c r="VMO699" s="613"/>
      <c r="VMP699" s="613"/>
      <c r="VMQ699" s="613"/>
      <c r="VMR699" s="613"/>
      <c r="VMS699" s="613"/>
      <c r="VMT699" s="613"/>
      <c r="VMU699" s="613"/>
      <c r="VMV699" s="613"/>
      <c r="VMW699" s="613"/>
      <c r="VMX699" s="613"/>
      <c r="VMY699" s="613"/>
      <c r="VMZ699" s="613"/>
      <c r="VNA699" s="613"/>
      <c r="VNB699" s="613"/>
      <c r="VNC699" s="613"/>
      <c r="VND699" s="613"/>
      <c r="VNE699" s="613"/>
      <c r="VNF699" s="613"/>
      <c r="VNG699" s="613"/>
      <c r="VNH699" s="613"/>
      <c r="VNI699" s="613"/>
      <c r="VNJ699" s="613"/>
      <c r="VNK699" s="613"/>
      <c r="VNL699" s="613"/>
      <c r="VNM699" s="613"/>
      <c r="VNN699" s="613"/>
      <c r="VNO699" s="613"/>
      <c r="VNP699" s="613"/>
      <c r="VNQ699" s="613"/>
      <c r="VNR699" s="613"/>
      <c r="VNS699" s="613"/>
      <c r="VNT699" s="613"/>
      <c r="VNU699" s="613"/>
      <c r="VNV699" s="613"/>
      <c r="VNW699" s="613"/>
      <c r="VNX699" s="613"/>
      <c r="VNY699" s="613"/>
      <c r="VNZ699" s="613"/>
      <c r="VOA699" s="613"/>
      <c r="VOB699" s="613"/>
      <c r="VOC699" s="613"/>
      <c r="VOD699" s="613"/>
      <c r="VOE699" s="613"/>
      <c r="VOF699" s="613"/>
      <c r="VOG699" s="613"/>
      <c r="VOH699" s="613"/>
      <c r="VOI699" s="613"/>
      <c r="VOJ699" s="613"/>
      <c r="VOK699" s="613"/>
      <c r="VOL699" s="613"/>
      <c r="VOM699" s="613"/>
      <c r="VON699" s="613"/>
      <c r="VOO699" s="613"/>
      <c r="VOP699" s="613"/>
      <c r="VOQ699" s="613"/>
      <c r="VOR699" s="613"/>
      <c r="VOS699" s="613"/>
      <c r="VOT699" s="613"/>
      <c r="VOU699" s="613"/>
      <c r="VOV699" s="613"/>
      <c r="VOW699" s="613"/>
      <c r="VOX699" s="613"/>
      <c r="VOY699" s="613"/>
      <c r="VOZ699" s="613"/>
      <c r="VPA699" s="613"/>
      <c r="VPB699" s="613"/>
      <c r="VPC699" s="613"/>
      <c r="VPD699" s="613"/>
      <c r="VPE699" s="613"/>
      <c r="VPF699" s="613"/>
      <c r="VPG699" s="613"/>
      <c r="VPH699" s="613"/>
      <c r="VPI699" s="613"/>
      <c r="VPJ699" s="613"/>
      <c r="VPK699" s="613"/>
      <c r="VPL699" s="613"/>
      <c r="VPM699" s="613"/>
      <c r="VPN699" s="613"/>
      <c r="VPO699" s="613"/>
      <c r="VPP699" s="613"/>
      <c r="VPQ699" s="613"/>
      <c r="VPR699" s="613"/>
      <c r="VPS699" s="613"/>
      <c r="VPT699" s="613"/>
      <c r="VPU699" s="613"/>
      <c r="VPV699" s="613"/>
      <c r="VPW699" s="613"/>
      <c r="VPX699" s="613"/>
      <c r="VPY699" s="613"/>
      <c r="VPZ699" s="613"/>
      <c r="VQA699" s="613"/>
      <c r="VQB699" s="613"/>
      <c r="VQC699" s="613"/>
      <c r="VQD699" s="613"/>
      <c r="VQE699" s="613"/>
      <c r="VQF699" s="613"/>
      <c r="VQG699" s="613"/>
      <c r="VQH699" s="613"/>
      <c r="VQI699" s="613"/>
      <c r="VQJ699" s="613"/>
      <c r="VQK699" s="613"/>
      <c r="VQL699" s="613"/>
      <c r="VQM699" s="613"/>
      <c r="VQN699" s="613"/>
      <c r="VQO699" s="613"/>
      <c r="VQP699" s="613"/>
      <c r="VQQ699" s="613"/>
      <c r="VQR699" s="613"/>
      <c r="VQS699" s="613"/>
      <c r="VQT699" s="613"/>
      <c r="VQU699" s="613"/>
      <c r="VQV699" s="613"/>
      <c r="VQW699" s="613"/>
      <c r="VQX699" s="613"/>
      <c r="VQY699" s="613"/>
      <c r="VQZ699" s="613"/>
      <c r="VRA699" s="613"/>
      <c r="VRB699" s="613"/>
      <c r="VRC699" s="613"/>
      <c r="VRD699" s="613"/>
      <c r="VRE699" s="613"/>
      <c r="VRF699" s="613"/>
      <c r="VRG699" s="613"/>
      <c r="VRH699" s="613"/>
      <c r="VRI699" s="613"/>
      <c r="VRJ699" s="613"/>
      <c r="VRK699" s="613"/>
      <c r="VRL699" s="613"/>
      <c r="VRM699" s="613"/>
      <c r="VRN699" s="613"/>
      <c r="VRO699" s="613"/>
      <c r="VRP699" s="613"/>
      <c r="VRQ699" s="613"/>
      <c r="VRR699" s="613"/>
      <c r="VRS699" s="613"/>
      <c r="VRT699" s="613"/>
      <c r="VRU699" s="613"/>
      <c r="VRV699" s="613"/>
      <c r="VRW699" s="613"/>
      <c r="VRX699" s="613"/>
      <c r="VRY699" s="613"/>
      <c r="VRZ699" s="613"/>
      <c r="VSA699" s="613"/>
      <c r="VSB699" s="613"/>
      <c r="VSC699" s="613"/>
      <c r="VSD699" s="613"/>
      <c r="VSE699" s="613"/>
      <c r="VSF699" s="613"/>
      <c r="VSG699" s="613"/>
      <c r="VSH699" s="613"/>
      <c r="VSI699" s="613"/>
      <c r="VSJ699" s="613"/>
      <c r="VSK699" s="613"/>
      <c r="VSL699" s="613"/>
      <c r="VSM699" s="613"/>
      <c r="VSN699" s="613"/>
      <c r="VSO699" s="613"/>
      <c r="VSP699" s="613"/>
      <c r="VSQ699" s="613"/>
      <c r="VSR699" s="613"/>
      <c r="VSS699" s="613"/>
      <c r="VST699" s="613"/>
      <c r="VSU699" s="613"/>
      <c r="VSV699" s="613"/>
      <c r="VSW699" s="613"/>
      <c r="VSX699" s="613"/>
      <c r="VSY699" s="613"/>
      <c r="VSZ699" s="613"/>
      <c r="VTA699" s="613"/>
      <c r="VTB699" s="613"/>
      <c r="VTC699" s="613"/>
      <c r="VTD699" s="613"/>
      <c r="VTE699" s="613"/>
      <c r="VTF699" s="613"/>
      <c r="VTG699" s="613"/>
      <c r="VTH699" s="613"/>
      <c r="VTI699" s="613"/>
      <c r="VTJ699" s="613"/>
      <c r="VTK699" s="613"/>
      <c r="VTL699" s="613"/>
      <c r="VTM699" s="613"/>
      <c r="VTN699" s="613"/>
      <c r="VTO699" s="613"/>
      <c r="VTP699" s="613"/>
      <c r="VTQ699" s="613"/>
      <c r="VTR699" s="613"/>
      <c r="VTS699" s="613"/>
      <c r="VTT699" s="613"/>
      <c r="VTU699" s="613"/>
      <c r="VTV699" s="613"/>
      <c r="VTW699" s="613"/>
      <c r="VTX699" s="613"/>
      <c r="VTY699" s="613"/>
      <c r="VTZ699" s="613"/>
      <c r="VUA699" s="613"/>
      <c r="VUB699" s="613"/>
      <c r="VUC699" s="613"/>
      <c r="VUD699" s="613"/>
      <c r="VUE699" s="613"/>
      <c r="VUF699" s="613"/>
      <c r="VUG699" s="613"/>
      <c r="VUH699" s="613"/>
      <c r="VUI699" s="613"/>
      <c r="VUJ699" s="613"/>
      <c r="VUK699" s="613"/>
      <c r="VUL699" s="613"/>
      <c r="VUM699" s="613"/>
      <c r="VUN699" s="613"/>
      <c r="VUO699" s="613"/>
      <c r="VUP699" s="613"/>
      <c r="VUQ699" s="613"/>
      <c r="VUR699" s="613"/>
      <c r="VUS699" s="613"/>
      <c r="VUT699" s="613"/>
      <c r="VUU699" s="613"/>
      <c r="VUV699" s="613"/>
      <c r="VUW699" s="613"/>
      <c r="VUX699" s="613"/>
      <c r="VUY699" s="613"/>
      <c r="VUZ699" s="613"/>
      <c r="VVA699" s="613"/>
      <c r="VVB699" s="613"/>
      <c r="VVC699" s="613"/>
      <c r="VVD699" s="613"/>
      <c r="VVE699" s="613"/>
      <c r="VVF699" s="613"/>
      <c r="VVG699" s="613"/>
      <c r="VVH699" s="613"/>
      <c r="VVI699" s="613"/>
      <c r="VVJ699" s="613"/>
      <c r="VVK699" s="613"/>
      <c r="VVL699" s="613"/>
      <c r="VVM699" s="613"/>
      <c r="VVN699" s="613"/>
      <c r="VVO699" s="613"/>
      <c r="VVP699" s="613"/>
      <c r="VVQ699" s="613"/>
      <c r="VVR699" s="613"/>
      <c r="VVS699" s="613"/>
      <c r="VVT699" s="613"/>
      <c r="VVU699" s="613"/>
      <c r="VVV699" s="613"/>
      <c r="VVW699" s="613"/>
      <c r="VVX699" s="613"/>
      <c r="VVY699" s="613"/>
      <c r="VVZ699" s="613"/>
      <c r="VWA699" s="613"/>
      <c r="VWB699" s="613"/>
      <c r="VWC699" s="613"/>
      <c r="VWD699" s="613"/>
      <c r="VWE699" s="613"/>
      <c r="VWF699" s="613"/>
      <c r="VWG699" s="613"/>
      <c r="VWH699" s="613"/>
      <c r="VWI699" s="613"/>
      <c r="VWJ699" s="613"/>
      <c r="VWK699" s="613"/>
      <c r="VWL699" s="613"/>
      <c r="VWM699" s="613"/>
      <c r="VWN699" s="613"/>
      <c r="VWO699" s="613"/>
      <c r="VWP699" s="613"/>
      <c r="VWQ699" s="613"/>
      <c r="VWR699" s="613"/>
      <c r="VWS699" s="613"/>
      <c r="VWT699" s="613"/>
      <c r="VWU699" s="613"/>
      <c r="VWV699" s="613"/>
      <c r="VWW699" s="613"/>
      <c r="VWX699" s="613"/>
      <c r="VWY699" s="613"/>
      <c r="VWZ699" s="613"/>
      <c r="VXA699" s="613"/>
      <c r="VXB699" s="613"/>
      <c r="VXC699" s="613"/>
      <c r="VXD699" s="613"/>
      <c r="VXE699" s="613"/>
      <c r="VXF699" s="613"/>
      <c r="VXG699" s="613"/>
      <c r="VXH699" s="613"/>
      <c r="VXI699" s="613"/>
      <c r="VXJ699" s="613"/>
      <c r="VXK699" s="613"/>
      <c r="VXL699" s="613"/>
      <c r="VXM699" s="613"/>
      <c r="VXN699" s="613"/>
      <c r="VXO699" s="613"/>
      <c r="VXP699" s="613"/>
      <c r="VXQ699" s="613"/>
      <c r="VXR699" s="613"/>
      <c r="VXS699" s="613"/>
      <c r="VXT699" s="613"/>
      <c r="VXU699" s="613"/>
      <c r="VXV699" s="613"/>
      <c r="VXW699" s="613"/>
      <c r="VXX699" s="613"/>
      <c r="VXY699" s="613"/>
      <c r="VXZ699" s="613"/>
      <c r="VYA699" s="613"/>
      <c r="VYB699" s="613"/>
      <c r="VYC699" s="613"/>
      <c r="VYD699" s="613"/>
      <c r="VYE699" s="613"/>
      <c r="VYF699" s="613"/>
      <c r="VYG699" s="613"/>
      <c r="VYH699" s="613"/>
      <c r="VYI699" s="613"/>
      <c r="VYJ699" s="613"/>
      <c r="VYK699" s="613"/>
      <c r="VYL699" s="613"/>
      <c r="VYM699" s="613"/>
      <c r="VYN699" s="613"/>
      <c r="VYO699" s="613"/>
      <c r="VYP699" s="613"/>
      <c r="VYQ699" s="613"/>
      <c r="VYR699" s="613"/>
      <c r="VYS699" s="613"/>
      <c r="VYT699" s="613"/>
      <c r="VYU699" s="613"/>
      <c r="VYV699" s="613"/>
      <c r="VYW699" s="613"/>
      <c r="VYX699" s="613"/>
      <c r="VYY699" s="613"/>
      <c r="VYZ699" s="613"/>
      <c r="VZA699" s="613"/>
      <c r="VZB699" s="613"/>
      <c r="VZC699" s="613"/>
      <c r="VZD699" s="613"/>
      <c r="VZE699" s="613"/>
      <c r="VZF699" s="613"/>
      <c r="VZG699" s="613"/>
      <c r="VZH699" s="613"/>
      <c r="VZI699" s="613"/>
      <c r="VZJ699" s="613"/>
      <c r="VZK699" s="613"/>
      <c r="VZL699" s="613"/>
      <c r="VZM699" s="613"/>
      <c r="VZN699" s="613"/>
      <c r="VZO699" s="613"/>
      <c r="VZP699" s="613"/>
      <c r="VZQ699" s="613"/>
      <c r="VZR699" s="613"/>
      <c r="VZS699" s="613"/>
      <c r="VZT699" s="613"/>
      <c r="VZU699" s="613"/>
      <c r="VZV699" s="613"/>
      <c r="VZW699" s="613"/>
      <c r="VZX699" s="613"/>
      <c r="VZY699" s="613"/>
      <c r="VZZ699" s="613"/>
      <c r="WAA699" s="613"/>
      <c r="WAB699" s="613"/>
      <c r="WAC699" s="613"/>
      <c r="WAD699" s="613"/>
      <c r="WAE699" s="613"/>
      <c r="WAF699" s="613"/>
      <c r="WAG699" s="613"/>
      <c r="WAH699" s="613"/>
      <c r="WAI699" s="613"/>
      <c r="WAJ699" s="613"/>
      <c r="WAK699" s="613"/>
      <c r="WAL699" s="613"/>
      <c r="WAM699" s="613"/>
      <c r="WAN699" s="613"/>
      <c r="WAO699" s="613"/>
      <c r="WAP699" s="613"/>
      <c r="WAQ699" s="613"/>
      <c r="WAR699" s="613"/>
      <c r="WAS699" s="613"/>
      <c r="WAT699" s="613"/>
      <c r="WAU699" s="613"/>
      <c r="WAV699" s="613"/>
      <c r="WAW699" s="613"/>
      <c r="WAX699" s="613"/>
      <c r="WAY699" s="613"/>
      <c r="WAZ699" s="613"/>
      <c r="WBA699" s="613"/>
      <c r="WBB699" s="613"/>
      <c r="WBC699" s="613"/>
      <c r="WBD699" s="613"/>
      <c r="WBE699" s="613"/>
      <c r="WBF699" s="613"/>
      <c r="WBG699" s="613"/>
      <c r="WBH699" s="613"/>
      <c r="WBI699" s="613"/>
      <c r="WBJ699" s="613"/>
      <c r="WBK699" s="613"/>
      <c r="WBL699" s="613"/>
      <c r="WBM699" s="613"/>
      <c r="WBN699" s="613"/>
      <c r="WBO699" s="613"/>
      <c r="WBP699" s="613"/>
      <c r="WBQ699" s="613"/>
      <c r="WBR699" s="613"/>
      <c r="WBS699" s="613"/>
      <c r="WBT699" s="613"/>
      <c r="WBU699" s="613"/>
      <c r="WBV699" s="613"/>
      <c r="WBW699" s="613"/>
      <c r="WBX699" s="613"/>
      <c r="WBY699" s="613"/>
      <c r="WBZ699" s="613"/>
      <c r="WCA699" s="613"/>
      <c r="WCB699" s="613"/>
      <c r="WCC699" s="613"/>
      <c r="WCD699" s="613"/>
      <c r="WCE699" s="613"/>
      <c r="WCF699" s="613"/>
      <c r="WCG699" s="613"/>
      <c r="WCH699" s="613"/>
      <c r="WCI699" s="613"/>
      <c r="WCJ699" s="613"/>
      <c r="WCK699" s="613"/>
      <c r="WCL699" s="613"/>
      <c r="WCM699" s="613"/>
      <c r="WCN699" s="613"/>
      <c r="WCO699" s="613"/>
      <c r="WCP699" s="613"/>
      <c r="WCQ699" s="613"/>
      <c r="WCR699" s="613"/>
      <c r="WCS699" s="613"/>
      <c r="WCT699" s="613"/>
      <c r="WCU699" s="613"/>
      <c r="WCV699" s="613"/>
      <c r="WCW699" s="613"/>
      <c r="WCX699" s="613"/>
      <c r="WCY699" s="613"/>
      <c r="WCZ699" s="613"/>
      <c r="WDA699" s="613"/>
      <c r="WDB699" s="613"/>
      <c r="WDC699" s="613"/>
      <c r="WDD699" s="613"/>
      <c r="WDE699" s="613"/>
      <c r="WDF699" s="613"/>
      <c r="WDG699" s="613"/>
      <c r="WDH699" s="613"/>
      <c r="WDI699" s="613"/>
      <c r="WDJ699" s="613"/>
      <c r="WDK699" s="613"/>
      <c r="WDL699" s="613"/>
      <c r="WDM699" s="613"/>
      <c r="WDN699" s="613"/>
      <c r="WDO699" s="613"/>
      <c r="WDP699" s="613"/>
      <c r="WDQ699" s="613"/>
      <c r="WDR699" s="613"/>
      <c r="WDS699" s="613"/>
      <c r="WDT699" s="613"/>
      <c r="WDU699" s="613"/>
      <c r="WDV699" s="613"/>
      <c r="WDW699" s="613"/>
      <c r="WDX699" s="613"/>
      <c r="WDY699" s="613"/>
      <c r="WDZ699" s="613"/>
      <c r="WEA699" s="613"/>
      <c r="WEB699" s="613"/>
      <c r="WEC699" s="613"/>
      <c r="WED699" s="613"/>
      <c r="WEE699" s="613"/>
      <c r="WEF699" s="613"/>
      <c r="WEG699" s="613"/>
      <c r="WEH699" s="613"/>
      <c r="WEI699" s="613"/>
      <c r="WEJ699" s="613"/>
      <c r="WEK699" s="613"/>
      <c r="WEL699" s="613"/>
      <c r="WEM699" s="613"/>
      <c r="WEN699" s="613"/>
      <c r="WEO699" s="613"/>
      <c r="WEP699" s="613"/>
      <c r="WEQ699" s="613"/>
      <c r="WER699" s="613"/>
      <c r="WES699" s="613"/>
      <c r="WET699" s="613"/>
      <c r="WEU699" s="613"/>
      <c r="WEV699" s="613"/>
      <c r="WEW699" s="613"/>
      <c r="WEX699" s="613"/>
      <c r="WEY699" s="613"/>
      <c r="WEZ699" s="613"/>
      <c r="WFA699" s="613"/>
      <c r="WFB699" s="613"/>
      <c r="WFC699" s="613"/>
      <c r="WFD699" s="613"/>
      <c r="WFE699" s="613"/>
      <c r="WFF699" s="613"/>
      <c r="WFG699" s="613"/>
      <c r="WFH699" s="613"/>
      <c r="WFI699" s="613"/>
      <c r="WFJ699" s="613"/>
      <c r="WFK699" s="613"/>
      <c r="WFL699" s="613"/>
      <c r="WFM699" s="613"/>
      <c r="WFN699" s="613"/>
      <c r="WFO699" s="613"/>
      <c r="WFP699" s="613"/>
      <c r="WFQ699" s="613"/>
      <c r="WFR699" s="613"/>
      <c r="WFS699" s="613"/>
      <c r="WFT699" s="613"/>
      <c r="WFU699" s="613"/>
      <c r="WFV699" s="613"/>
      <c r="WFW699" s="613"/>
      <c r="WFX699" s="613"/>
      <c r="WFY699" s="613"/>
      <c r="WFZ699" s="613"/>
      <c r="WGA699" s="613"/>
      <c r="WGB699" s="613"/>
      <c r="WGC699" s="613"/>
      <c r="WGD699" s="613"/>
      <c r="WGE699" s="613"/>
      <c r="WGF699" s="613"/>
      <c r="WGG699" s="613"/>
      <c r="WGH699" s="613"/>
      <c r="WGI699" s="613"/>
      <c r="WGJ699" s="613"/>
      <c r="WGK699" s="613"/>
      <c r="WGL699" s="613"/>
      <c r="WGM699" s="613"/>
      <c r="WGN699" s="613"/>
      <c r="WGO699" s="613"/>
      <c r="WGP699" s="613"/>
      <c r="WGQ699" s="613"/>
      <c r="WGR699" s="613"/>
      <c r="WGS699" s="613"/>
      <c r="WGT699" s="613"/>
      <c r="WGU699" s="613"/>
      <c r="WGV699" s="613"/>
      <c r="WGW699" s="613"/>
      <c r="WGX699" s="613"/>
      <c r="WGY699" s="613"/>
      <c r="WGZ699" s="613"/>
      <c r="WHA699" s="613"/>
      <c r="WHB699" s="613"/>
      <c r="WHC699" s="613"/>
      <c r="WHD699" s="613"/>
      <c r="WHE699" s="613"/>
      <c r="WHF699" s="613"/>
      <c r="WHG699" s="613"/>
      <c r="WHH699" s="613"/>
      <c r="WHI699" s="613"/>
      <c r="WHJ699" s="613"/>
      <c r="WHK699" s="613"/>
      <c r="WHL699" s="613"/>
      <c r="WHM699" s="613"/>
      <c r="WHN699" s="613"/>
      <c r="WHO699" s="613"/>
      <c r="WHP699" s="613"/>
      <c r="WHQ699" s="613"/>
      <c r="WHR699" s="613"/>
      <c r="WHS699" s="613"/>
      <c r="WHT699" s="613"/>
      <c r="WHU699" s="613"/>
      <c r="WHV699" s="613"/>
      <c r="WHW699" s="613"/>
      <c r="WHX699" s="613"/>
      <c r="WHY699" s="613"/>
      <c r="WHZ699" s="613"/>
      <c r="WIA699" s="613"/>
      <c r="WIB699" s="613"/>
      <c r="WIC699" s="613"/>
      <c r="WID699" s="613"/>
      <c r="WIE699" s="613"/>
      <c r="WIF699" s="613"/>
      <c r="WIG699" s="613"/>
      <c r="WIH699" s="613"/>
      <c r="WII699" s="613"/>
      <c r="WIJ699" s="613"/>
      <c r="WIK699" s="613"/>
      <c r="WIL699" s="613"/>
      <c r="WIM699" s="613"/>
      <c r="WIN699" s="613"/>
      <c r="WIO699" s="613"/>
      <c r="WIP699" s="613"/>
      <c r="WIQ699" s="613"/>
      <c r="WIR699" s="613"/>
      <c r="WIS699" s="613"/>
      <c r="WIT699" s="613"/>
      <c r="WIU699" s="613"/>
      <c r="WIV699" s="613"/>
      <c r="WIW699" s="613"/>
      <c r="WIX699" s="613"/>
      <c r="WIY699" s="613"/>
      <c r="WIZ699" s="613"/>
      <c r="WJA699" s="613"/>
      <c r="WJB699" s="613"/>
      <c r="WJC699" s="613"/>
      <c r="WJD699" s="613"/>
      <c r="WJE699" s="613"/>
      <c r="WJF699" s="613"/>
      <c r="WJG699" s="613"/>
      <c r="WJH699" s="613"/>
      <c r="WJI699" s="613"/>
      <c r="WJJ699" s="613"/>
      <c r="WJK699" s="613"/>
      <c r="WJL699" s="613"/>
      <c r="WJM699" s="613"/>
      <c r="WJN699" s="613"/>
      <c r="WJO699" s="613"/>
      <c r="WJP699" s="613"/>
      <c r="WJQ699" s="613"/>
      <c r="WJR699" s="613"/>
      <c r="WJS699" s="613"/>
      <c r="WJT699" s="613"/>
      <c r="WJU699" s="613"/>
      <c r="WJV699" s="613"/>
      <c r="WJW699" s="613"/>
      <c r="WJX699" s="613"/>
      <c r="WJY699" s="613"/>
      <c r="WJZ699" s="613"/>
      <c r="WKA699" s="613"/>
      <c r="WKB699" s="613"/>
      <c r="WKC699" s="613"/>
      <c r="WKD699" s="613"/>
      <c r="WKE699" s="613"/>
      <c r="WKF699" s="613"/>
      <c r="WKG699" s="613"/>
      <c r="WKH699" s="613"/>
      <c r="WKI699" s="613"/>
      <c r="WKJ699" s="613"/>
      <c r="WKK699" s="613"/>
      <c r="WKL699" s="613"/>
      <c r="WKM699" s="613"/>
      <c r="WKN699" s="613"/>
      <c r="WKO699" s="613"/>
      <c r="WKP699" s="613"/>
      <c r="WKQ699" s="613"/>
      <c r="WKR699" s="613"/>
      <c r="WKS699" s="613"/>
      <c r="WKT699" s="613"/>
      <c r="WKU699" s="613"/>
      <c r="WKV699" s="613"/>
      <c r="WKW699" s="613"/>
      <c r="WKX699" s="613"/>
      <c r="WKY699" s="613"/>
      <c r="WKZ699" s="613"/>
      <c r="WLA699" s="613"/>
      <c r="WLB699" s="613"/>
      <c r="WLC699" s="613"/>
      <c r="WLD699" s="613"/>
      <c r="WLE699" s="613"/>
      <c r="WLF699" s="613"/>
      <c r="WLG699" s="613"/>
      <c r="WLH699" s="613"/>
      <c r="WLI699" s="613"/>
      <c r="WLJ699" s="613"/>
      <c r="WLK699" s="613"/>
      <c r="WLL699" s="613"/>
      <c r="WLM699" s="613"/>
      <c r="WLN699" s="613"/>
      <c r="WLO699" s="613"/>
      <c r="WLP699" s="613"/>
      <c r="WLQ699" s="613"/>
      <c r="WLR699" s="613"/>
      <c r="WLS699" s="613"/>
      <c r="WLT699" s="613"/>
      <c r="WLU699" s="613"/>
      <c r="WLV699" s="613"/>
      <c r="WLW699" s="613"/>
      <c r="WLX699" s="613"/>
      <c r="WLY699" s="613"/>
      <c r="WLZ699" s="613"/>
      <c r="WMA699" s="613"/>
      <c r="WMB699" s="613"/>
      <c r="WMC699" s="613"/>
      <c r="WMD699" s="613"/>
      <c r="WME699" s="613"/>
      <c r="WMF699" s="613"/>
      <c r="WMG699" s="613"/>
      <c r="WMH699" s="613"/>
      <c r="WMI699" s="613"/>
      <c r="WMJ699" s="613"/>
      <c r="WMK699" s="613"/>
      <c r="WML699" s="613"/>
      <c r="WMM699" s="613"/>
      <c r="WMN699" s="613"/>
      <c r="WMO699" s="613"/>
      <c r="WMP699" s="613"/>
      <c r="WMQ699" s="613"/>
      <c r="WMR699" s="613"/>
      <c r="WMS699" s="613"/>
      <c r="WMT699" s="613"/>
      <c r="WMU699" s="613"/>
      <c r="WMV699" s="613"/>
      <c r="WMW699" s="613"/>
      <c r="WMX699" s="613"/>
      <c r="WMY699" s="613"/>
      <c r="WMZ699" s="613"/>
      <c r="WNA699" s="613"/>
      <c r="WNB699" s="613"/>
      <c r="WNC699" s="613"/>
      <c r="WND699" s="613"/>
      <c r="WNE699" s="613"/>
      <c r="WNF699" s="613"/>
      <c r="WNG699" s="613"/>
      <c r="WNH699" s="613"/>
      <c r="WNI699" s="613"/>
      <c r="WNJ699" s="613"/>
      <c r="WNK699" s="613"/>
      <c r="WNL699" s="613"/>
      <c r="WNM699" s="613"/>
      <c r="WNN699" s="613"/>
      <c r="WNO699" s="613"/>
      <c r="WNP699" s="613"/>
      <c r="WNQ699" s="613"/>
      <c r="WNR699" s="613"/>
      <c r="WNS699" s="613"/>
      <c r="WNT699" s="613"/>
      <c r="WNU699" s="613"/>
      <c r="WNV699" s="613"/>
      <c r="WNW699" s="613"/>
      <c r="WNX699" s="613"/>
      <c r="WNY699" s="613"/>
      <c r="WNZ699" s="613"/>
      <c r="WOA699" s="613"/>
      <c r="WOB699" s="613"/>
      <c r="WOC699" s="613"/>
      <c r="WOD699" s="613"/>
      <c r="WOE699" s="613"/>
      <c r="WOF699" s="613"/>
      <c r="WOG699" s="613"/>
      <c r="WOH699" s="613"/>
      <c r="WOI699" s="613"/>
      <c r="WOJ699" s="613"/>
      <c r="WOK699" s="613"/>
      <c r="WOL699" s="613"/>
      <c r="WOM699" s="613"/>
      <c r="WON699" s="613"/>
      <c r="WOO699" s="613"/>
      <c r="WOP699" s="613"/>
      <c r="WOQ699" s="613"/>
      <c r="WOR699" s="613"/>
      <c r="WOS699" s="613"/>
      <c r="WOT699" s="613"/>
      <c r="WOU699" s="613"/>
      <c r="WOV699" s="613"/>
      <c r="WOW699" s="613"/>
      <c r="WOX699" s="613"/>
      <c r="WOY699" s="613"/>
      <c r="WOZ699" s="613"/>
      <c r="WPA699" s="613"/>
      <c r="WPB699" s="613"/>
      <c r="WPC699" s="613"/>
      <c r="WPD699" s="613"/>
      <c r="WPE699" s="613"/>
      <c r="WPF699" s="613"/>
      <c r="WPG699" s="613"/>
      <c r="WPH699" s="613"/>
      <c r="WPI699" s="613"/>
      <c r="WPJ699" s="613"/>
      <c r="WPK699" s="613"/>
      <c r="WPL699" s="613"/>
      <c r="WPM699" s="613"/>
      <c r="WPN699" s="613"/>
      <c r="WPO699" s="613"/>
      <c r="WPP699" s="613"/>
      <c r="WPQ699" s="613"/>
      <c r="WPR699" s="613"/>
      <c r="WPS699" s="613"/>
      <c r="WPT699" s="613"/>
      <c r="WPU699" s="613"/>
      <c r="WPV699" s="613"/>
      <c r="WPW699" s="613"/>
      <c r="WPX699" s="613"/>
      <c r="WPY699" s="613"/>
      <c r="WPZ699" s="613"/>
      <c r="WQA699" s="613"/>
      <c r="WQB699" s="613"/>
      <c r="WQC699" s="613"/>
      <c r="WQD699" s="613"/>
      <c r="WQE699" s="613"/>
      <c r="WQF699" s="613"/>
      <c r="WQG699" s="613"/>
      <c r="WQH699" s="613"/>
      <c r="WQI699" s="613"/>
      <c r="WQJ699" s="613"/>
      <c r="WQK699" s="613"/>
      <c r="WQL699" s="613"/>
      <c r="WQM699" s="613"/>
      <c r="WQN699" s="613"/>
      <c r="WQO699" s="613"/>
      <c r="WQP699" s="613"/>
      <c r="WQQ699" s="613"/>
      <c r="WQR699" s="613"/>
      <c r="WQS699" s="613"/>
      <c r="WQT699" s="613"/>
      <c r="WQU699" s="613"/>
      <c r="WQV699" s="613"/>
      <c r="WQW699" s="613"/>
      <c r="WQX699" s="613"/>
      <c r="WQY699" s="613"/>
      <c r="WQZ699" s="613"/>
      <c r="WRA699" s="613"/>
      <c r="WRB699" s="613"/>
      <c r="WRC699" s="613"/>
      <c r="WRD699" s="613"/>
      <c r="WRE699" s="613"/>
      <c r="WRF699" s="613"/>
      <c r="WRG699" s="613"/>
      <c r="WRH699" s="613"/>
      <c r="WRI699" s="613"/>
      <c r="WRJ699" s="613"/>
      <c r="WRK699" s="613"/>
      <c r="WRL699" s="613"/>
      <c r="WRM699" s="613"/>
      <c r="WRN699" s="613"/>
      <c r="WRO699" s="613"/>
      <c r="WRP699" s="613"/>
      <c r="WRQ699" s="613"/>
      <c r="WRR699" s="613"/>
      <c r="WRS699" s="613"/>
      <c r="WRT699" s="613"/>
      <c r="WRU699" s="613"/>
      <c r="WRV699" s="613"/>
      <c r="WRW699" s="613"/>
      <c r="WRX699" s="613"/>
      <c r="WRY699" s="613"/>
      <c r="WRZ699" s="613"/>
      <c r="WSA699" s="613"/>
      <c r="WSB699" s="613"/>
      <c r="WSC699" s="613"/>
      <c r="WSD699" s="613"/>
      <c r="WSE699" s="613"/>
      <c r="WSF699" s="613"/>
      <c r="WSG699" s="613"/>
      <c r="WSH699" s="613"/>
      <c r="WSI699" s="613"/>
      <c r="WSJ699" s="613"/>
      <c r="WSK699" s="613"/>
      <c r="WSL699" s="613"/>
      <c r="WSM699" s="613"/>
      <c r="WSN699" s="613"/>
      <c r="WSO699" s="613"/>
      <c r="WSP699" s="613"/>
      <c r="WSQ699" s="613"/>
      <c r="WSR699" s="613"/>
      <c r="WSS699" s="613"/>
      <c r="WST699" s="613"/>
      <c r="WSU699" s="613"/>
      <c r="WSV699" s="613"/>
      <c r="WSW699" s="613"/>
      <c r="WSX699" s="613"/>
      <c r="WSY699" s="613"/>
      <c r="WSZ699" s="613"/>
      <c r="WTA699" s="613"/>
      <c r="WTB699" s="613"/>
      <c r="WTC699" s="613"/>
      <c r="WTD699" s="613"/>
      <c r="WTE699" s="613"/>
      <c r="WTF699" s="613"/>
      <c r="WTG699" s="613"/>
      <c r="WTH699" s="613"/>
      <c r="WTI699" s="613"/>
      <c r="WTJ699" s="613"/>
      <c r="WTK699" s="613"/>
      <c r="WTL699" s="613"/>
      <c r="WTM699" s="613"/>
      <c r="WTN699" s="613"/>
      <c r="WTO699" s="613"/>
      <c r="WTP699" s="613"/>
      <c r="WTQ699" s="613"/>
      <c r="WTR699" s="613"/>
      <c r="WTS699" s="613"/>
      <c r="WTT699" s="613"/>
      <c r="WTU699" s="613"/>
      <c r="WTV699" s="613"/>
      <c r="WTW699" s="613"/>
      <c r="WTX699" s="613"/>
      <c r="WTY699" s="613"/>
      <c r="WTZ699" s="613"/>
      <c r="WUA699" s="613"/>
      <c r="WUB699" s="613"/>
      <c r="WUC699" s="613"/>
      <c r="WUD699" s="613"/>
      <c r="WUE699" s="613"/>
      <c r="WUF699" s="613"/>
      <c r="WUG699" s="613"/>
      <c r="WUH699" s="613"/>
      <c r="WUI699" s="613"/>
      <c r="WUJ699" s="613"/>
      <c r="WUK699" s="613"/>
      <c r="WUL699" s="613"/>
      <c r="WUM699" s="613"/>
      <c r="WUN699" s="613"/>
      <c r="WUO699" s="613"/>
      <c r="WUP699" s="613"/>
      <c r="WUQ699" s="613"/>
      <c r="WUR699" s="613"/>
      <c r="WUS699" s="613"/>
      <c r="WUT699" s="613"/>
      <c r="WUU699" s="613"/>
      <c r="WUV699" s="613"/>
      <c r="WUW699" s="613"/>
      <c r="WUX699" s="613"/>
      <c r="WUY699" s="613"/>
      <c r="WUZ699" s="613"/>
      <c r="WVA699" s="613"/>
      <c r="WVB699" s="613"/>
      <c r="WVC699" s="613"/>
      <c r="WVD699" s="613"/>
      <c r="WVE699" s="613"/>
      <c r="WVF699" s="613"/>
      <c r="WVG699" s="613"/>
      <c r="WVH699" s="613"/>
      <c r="WVI699" s="613"/>
      <c r="WVJ699" s="613"/>
      <c r="WVK699" s="613"/>
      <c r="WVL699" s="613"/>
      <c r="WVM699" s="613"/>
      <c r="WVN699" s="613"/>
      <c r="WVO699" s="613"/>
      <c r="WVP699" s="613"/>
      <c r="WVQ699" s="613"/>
      <c r="WVR699" s="613"/>
      <c r="WVS699" s="613"/>
      <c r="WVT699" s="613"/>
      <c r="WVU699" s="613"/>
      <c r="WVV699" s="613"/>
      <c r="WVW699" s="613"/>
      <c r="WVX699" s="613"/>
      <c r="WVY699" s="613"/>
      <c r="WVZ699" s="613"/>
      <c r="WWA699" s="613"/>
      <c r="WWB699" s="613"/>
      <c r="WWC699" s="613"/>
      <c r="WWD699" s="613"/>
      <c r="WWE699" s="613"/>
      <c r="WWF699" s="613"/>
      <c r="WWG699" s="613"/>
      <c r="WWH699" s="613"/>
      <c r="WWI699" s="613"/>
      <c r="WWJ699" s="613"/>
      <c r="WWK699" s="613"/>
      <c r="WWL699" s="613"/>
      <c r="WWM699" s="613"/>
      <c r="WWN699" s="613"/>
      <c r="WWO699" s="613"/>
      <c r="WWP699" s="613"/>
      <c r="WWQ699" s="613"/>
      <c r="WWR699" s="613"/>
      <c r="WWS699" s="613"/>
      <c r="WWT699" s="613"/>
      <c r="WWU699" s="613"/>
      <c r="WWV699" s="613"/>
      <c r="WWW699" s="613"/>
      <c r="WWX699" s="613"/>
      <c r="WWY699" s="613"/>
      <c r="WWZ699" s="613"/>
      <c r="WXA699" s="613"/>
      <c r="WXB699" s="613"/>
      <c r="WXC699" s="613"/>
      <c r="WXD699" s="613"/>
      <c r="WXE699" s="613"/>
      <c r="WXF699" s="613"/>
      <c r="WXG699" s="613"/>
      <c r="WXH699" s="613"/>
      <c r="WXI699" s="613"/>
      <c r="WXJ699" s="613"/>
      <c r="WXK699" s="613"/>
      <c r="WXL699" s="613"/>
      <c r="WXM699" s="613"/>
      <c r="WXN699" s="613"/>
      <c r="WXO699" s="613"/>
      <c r="WXP699" s="613"/>
      <c r="WXQ699" s="613"/>
      <c r="WXR699" s="613"/>
      <c r="WXS699" s="613"/>
      <c r="WXT699" s="613"/>
      <c r="WXU699" s="613"/>
      <c r="WXV699" s="613"/>
      <c r="WXW699" s="613"/>
      <c r="WXX699" s="613"/>
      <c r="WXY699" s="613"/>
      <c r="WXZ699" s="613"/>
      <c r="WYA699" s="613"/>
      <c r="WYB699" s="613"/>
      <c r="WYC699" s="613"/>
      <c r="WYD699" s="613"/>
      <c r="WYE699" s="613"/>
      <c r="WYF699" s="613"/>
      <c r="WYG699" s="613"/>
      <c r="WYH699" s="613"/>
      <c r="WYI699" s="613"/>
      <c r="WYJ699" s="613"/>
      <c r="WYK699" s="613"/>
      <c r="WYL699" s="613"/>
      <c r="WYM699" s="613"/>
      <c r="WYN699" s="613"/>
      <c r="WYO699" s="613"/>
      <c r="WYP699" s="613"/>
      <c r="WYQ699" s="613"/>
      <c r="WYR699" s="613"/>
      <c r="WYS699" s="613"/>
      <c r="WYT699" s="613"/>
      <c r="WYU699" s="613"/>
      <c r="WYV699" s="613"/>
      <c r="WYW699" s="613"/>
      <c r="WYX699" s="613"/>
      <c r="WYY699" s="613"/>
      <c r="WYZ699" s="613"/>
      <c r="WZA699" s="613"/>
      <c r="WZB699" s="613"/>
      <c r="WZC699" s="613"/>
      <c r="WZD699" s="613"/>
      <c r="WZE699" s="613"/>
      <c r="WZF699" s="613"/>
      <c r="WZG699" s="613"/>
      <c r="WZH699" s="613"/>
      <c r="WZI699" s="613"/>
      <c r="WZJ699" s="613"/>
      <c r="WZK699" s="613"/>
      <c r="WZL699" s="613"/>
      <c r="WZM699" s="613"/>
      <c r="WZN699" s="613"/>
      <c r="WZO699" s="613"/>
      <c r="WZP699" s="613"/>
      <c r="WZQ699" s="613"/>
      <c r="WZR699" s="613"/>
      <c r="WZS699" s="613"/>
      <c r="WZT699" s="613"/>
      <c r="WZU699" s="613"/>
      <c r="WZV699" s="613"/>
      <c r="WZW699" s="613"/>
      <c r="WZX699" s="613"/>
      <c r="WZY699" s="613"/>
      <c r="WZZ699" s="613"/>
      <c r="XAA699" s="613"/>
      <c r="XAB699" s="613"/>
      <c r="XAC699" s="613"/>
      <c r="XAD699" s="613"/>
      <c r="XAE699" s="613"/>
      <c r="XAF699" s="613"/>
      <c r="XAG699" s="613"/>
      <c r="XAH699" s="613"/>
      <c r="XAI699" s="613"/>
      <c r="XAJ699" s="613"/>
      <c r="XAK699" s="613"/>
      <c r="XAL699" s="613"/>
      <c r="XAM699" s="613"/>
      <c r="XAN699" s="613"/>
      <c r="XAO699" s="613"/>
      <c r="XAP699" s="613"/>
      <c r="XAQ699" s="613"/>
      <c r="XAR699" s="613"/>
      <c r="XAS699" s="613"/>
      <c r="XAT699" s="613"/>
      <c r="XAU699" s="613"/>
      <c r="XAV699" s="613"/>
      <c r="XAW699" s="613"/>
      <c r="XAX699" s="613"/>
      <c r="XAY699" s="613"/>
      <c r="XAZ699" s="613"/>
      <c r="XBA699" s="613"/>
      <c r="XBB699" s="613"/>
      <c r="XBC699" s="613"/>
      <c r="XBD699" s="613"/>
      <c r="XBE699" s="613"/>
      <c r="XBF699" s="613"/>
      <c r="XBG699" s="613"/>
      <c r="XBH699" s="613"/>
      <c r="XBI699" s="613"/>
      <c r="XBJ699" s="613"/>
      <c r="XBK699" s="613"/>
      <c r="XBL699" s="613"/>
      <c r="XBM699" s="613"/>
      <c r="XBN699" s="613"/>
      <c r="XBO699" s="613"/>
      <c r="XBP699" s="613"/>
      <c r="XBQ699" s="613"/>
      <c r="XBR699" s="613"/>
      <c r="XBS699" s="613"/>
      <c r="XBT699" s="613"/>
      <c r="XBU699" s="613"/>
      <c r="XBV699" s="613"/>
      <c r="XBW699" s="613"/>
      <c r="XBX699" s="613"/>
      <c r="XBY699" s="613"/>
      <c r="XBZ699" s="613"/>
      <c r="XCA699" s="613"/>
      <c r="XCB699" s="613"/>
      <c r="XCC699" s="613"/>
      <c r="XCD699" s="613"/>
      <c r="XCE699" s="613"/>
      <c r="XCF699" s="613"/>
      <c r="XCG699" s="613"/>
      <c r="XCH699" s="613"/>
      <c r="XCI699" s="613"/>
      <c r="XCJ699" s="613"/>
      <c r="XCK699" s="613"/>
      <c r="XCL699" s="613"/>
      <c r="XCM699" s="613"/>
      <c r="XCN699" s="613"/>
      <c r="XCO699" s="613"/>
      <c r="XCP699" s="613"/>
      <c r="XCQ699" s="613"/>
    </row>
    <row r="700" spans="1:16319" ht="56.1" customHeight="1" x14ac:dyDescent="0.2">
      <c r="A700" s="494"/>
      <c r="B700" s="494"/>
      <c r="C700" s="494"/>
      <c r="D700" s="481">
        <v>134</v>
      </c>
      <c r="E700" s="481"/>
      <c r="F700" s="481" t="s">
        <v>2481</v>
      </c>
      <c r="G700" s="482" t="s">
        <v>53</v>
      </c>
      <c r="H700" s="481" t="s">
        <v>329</v>
      </c>
      <c r="I700" s="654" t="s">
        <v>330</v>
      </c>
      <c r="J700" s="654" t="s">
        <v>369</v>
      </c>
      <c r="K700" s="495" t="s">
        <v>394</v>
      </c>
      <c r="L700" s="621"/>
      <c r="M700" s="484" t="s">
        <v>58</v>
      </c>
      <c r="N700" s="327" t="s">
        <v>3058</v>
      </c>
      <c r="O700" s="484" t="s">
        <v>2996</v>
      </c>
      <c r="P700" s="484" t="s">
        <v>81</v>
      </c>
      <c r="Q700" s="667" t="s">
        <v>334</v>
      </c>
      <c r="R700" s="484" t="s">
        <v>334</v>
      </c>
      <c r="S700" s="484" t="s">
        <v>395</v>
      </c>
      <c r="T700" s="484"/>
      <c r="U700" s="620" t="s">
        <v>63</v>
      </c>
      <c r="V700" s="620" t="s">
        <v>63</v>
      </c>
      <c r="W700" s="723">
        <v>86444.095912961799</v>
      </c>
      <c r="X700" s="723"/>
      <c r="Y700" s="654" t="s">
        <v>226</v>
      </c>
      <c r="Z700" s="654"/>
      <c r="AA700" s="723">
        <v>86444.095912961799</v>
      </c>
      <c r="AB700" s="652" t="s">
        <v>82</v>
      </c>
      <c r="AC700" s="652"/>
      <c r="AD700" s="496"/>
      <c r="AE700" s="496"/>
      <c r="AF700" s="496"/>
      <c r="AG700" s="496"/>
      <c r="AH700" s="496"/>
      <c r="AI700" s="487"/>
      <c r="AJ700" s="496"/>
      <c r="AK700" s="496"/>
      <c r="AL700" s="496"/>
      <c r="AM700" s="496"/>
      <c r="AN700" s="496"/>
      <c r="AO700" s="496" t="s">
        <v>66</v>
      </c>
      <c r="AP700" s="496"/>
      <c r="AQ700" s="496"/>
      <c r="AR700" s="496"/>
      <c r="AS700" s="496"/>
      <c r="AT700" s="496"/>
      <c r="AU700" s="487"/>
      <c r="AV700" s="487"/>
      <c r="AW700" s="487"/>
      <c r="AX700" s="487"/>
      <c r="AY700" s="487"/>
      <c r="AZ700" s="487"/>
      <c r="BA700" s="484"/>
      <c r="BB700" s="484"/>
      <c r="BC700" s="484"/>
      <c r="BD700" s="494"/>
      <c r="BE700" s="494"/>
      <c r="BF700" s="613"/>
      <c r="BG700" s="613"/>
      <c r="BH700" s="613"/>
      <c r="BI700" s="613"/>
      <c r="BJ700" s="613"/>
      <c r="BK700" s="613"/>
      <c r="BL700" s="613"/>
      <c r="BM700" s="613"/>
      <c r="BN700" s="613"/>
      <c r="BO700" s="613"/>
      <c r="BP700" s="613"/>
      <c r="BQ700" s="613"/>
      <c r="BR700" s="613"/>
      <c r="BS700" s="613"/>
      <c r="BT700" s="613"/>
      <c r="BU700" s="613"/>
      <c r="BV700" s="613"/>
      <c r="BW700" s="613"/>
      <c r="BX700" s="613"/>
      <c r="BY700" s="613"/>
      <c r="BZ700" s="613"/>
      <c r="CA700" s="613"/>
      <c r="CB700" s="613"/>
      <c r="CC700" s="613"/>
      <c r="CD700" s="613"/>
      <c r="CE700" s="613"/>
      <c r="CF700" s="613"/>
      <c r="CG700" s="613"/>
      <c r="CH700" s="613"/>
      <c r="CI700" s="613"/>
      <c r="CJ700" s="613"/>
      <c r="CK700" s="613"/>
      <c r="CL700" s="613"/>
      <c r="CM700" s="613"/>
      <c r="CN700" s="613"/>
      <c r="CO700" s="613"/>
      <c r="CP700" s="613"/>
      <c r="CQ700" s="613"/>
      <c r="CR700" s="613"/>
      <c r="CS700" s="613"/>
      <c r="CT700" s="613"/>
      <c r="CU700" s="613"/>
      <c r="CV700" s="613"/>
      <c r="CW700" s="613"/>
      <c r="CX700" s="613"/>
      <c r="CY700" s="613"/>
      <c r="CZ700" s="613"/>
      <c r="DA700" s="613"/>
      <c r="DB700" s="613"/>
      <c r="DC700" s="613"/>
      <c r="DD700" s="613"/>
      <c r="DE700" s="613"/>
      <c r="DF700" s="613"/>
      <c r="DG700" s="613"/>
      <c r="DH700" s="613"/>
      <c r="DI700" s="613"/>
      <c r="DJ700" s="613"/>
      <c r="DK700" s="613"/>
      <c r="DL700" s="613"/>
      <c r="DM700" s="613"/>
      <c r="DN700" s="613"/>
      <c r="DO700" s="613"/>
      <c r="DP700" s="613"/>
      <c r="DQ700" s="613"/>
      <c r="DR700" s="613"/>
      <c r="DS700" s="613"/>
      <c r="DT700" s="613"/>
      <c r="DU700" s="613"/>
      <c r="DV700" s="613"/>
      <c r="DW700" s="613"/>
      <c r="DX700" s="613"/>
      <c r="DY700" s="613"/>
      <c r="DZ700" s="613"/>
      <c r="EA700" s="613"/>
      <c r="EB700" s="613"/>
      <c r="EC700" s="613"/>
      <c r="ED700" s="613"/>
      <c r="EE700" s="613"/>
      <c r="EF700" s="613"/>
      <c r="EG700" s="613"/>
      <c r="EH700" s="613"/>
      <c r="EI700" s="613"/>
      <c r="EJ700" s="613"/>
      <c r="EK700" s="613"/>
      <c r="EL700" s="613"/>
      <c r="EM700" s="613"/>
      <c r="EN700" s="613"/>
      <c r="EO700" s="613"/>
      <c r="EP700" s="613"/>
      <c r="EQ700" s="613"/>
      <c r="ER700" s="613"/>
      <c r="ES700" s="613"/>
      <c r="ET700" s="613"/>
      <c r="EU700" s="613"/>
      <c r="EV700" s="613"/>
      <c r="EW700" s="613"/>
      <c r="EX700" s="613"/>
      <c r="EY700" s="613"/>
      <c r="EZ700" s="613"/>
      <c r="FA700" s="613"/>
      <c r="FB700" s="613"/>
      <c r="FC700" s="613"/>
      <c r="FD700" s="613"/>
      <c r="FE700" s="613"/>
      <c r="FF700" s="613"/>
      <c r="FG700" s="613"/>
      <c r="FH700" s="613"/>
      <c r="FI700" s="613"/>
      <c r="FJ700" s="613"/>
      <c r="FK700" s="613"/>
      <c r="FL700" s="613"/>
      <c r="FM700" s="613"/>
      <c r="FN700" s="613"/>
      <c r="FO700" s="613"/>
      <c r="FP700" s="613"/>
      <c r="FQ700" s="613"/>
      <c r="FR700" s="613"/>
      <c r="FS700" s="613"/>
      <c r="FT700" s="613"/>
      <c r="FU700" s="613"/>
      <c r="FV700" s="613"/>
      <c r="FW700" s="613"/>
      <c r="FX700" s="613"/>
      <c r="FY700" s="613"/>
      <c r="FZ700" s="613"/>
      <c r="GA700" s="613"/>
      <c r="GB700" s="613"/>
      <c r="GC700" s="613"/>
      <c r="GD700" s="613"/>
      <c r="GE700" s="613"/>
      <c r="GF700" s="613"/>
      <c r="GG700" s="613"/>
      <c r="GH700" s="613"/>
      <c r="GI700" s="613"/>
      <c r="GJ700" s="613"/>
      <c r="GK700" s="613"/>
      <c r="GL700" s="613"/>
      <c r="GM700" s="613"/>
      <c r="GN700" s="613"/>
      <c r="GO700" s="613"/>
      <c r="GP700" s="613"/>
      <c r="GQ700" s="613"/>
      <c r="GR700" s="613"/>
      <c r="GS700" s="613"/>
      <c r="GT700" s="613"/>
      <c r="GU700" s="613"/>
      <c r="GV700" s="613"/>
      <c r="GW700" s="613"/>
      <c r="GX700" s="613"/>
      <c r="GY700" s="613"/>
      <c r="GZ700" s="613"/>
      <c r="HA700" s="613"/>
      <c r="HB700" s="613"/>
      <c r="HC700" s="613"/>
      <c r="HD700" s="613"/>
      <c r="HE700" s="613"/>
      <c r="HF700" s="613"/>
      <c r="HG700" s="613"/>
      <c r="HH700" s="613"/>
      <c r="HI700" s="613"/>
      <c r="HJ700" s="613"/>
      <c r="HK700" s="613"/>
      <c r="HL700" s="613"/>
      <c r="HM700" s="613"/>
      <c r="HN700" s="613"/>
      <c r="HO700" s="613"/>
      <c r="HP700" s="613"/>
      <c r="HQ700" s="613"/>
      <c r="HR700" s="613"/>
      <c r="HS700" s="613"/>
      <c r="HT700" s="613"/>
      <c r="HU700" s="613"/>
      <c r="HV700" s="613"/>
      <c r="HW700" s="613"/>
      <c r="HX700" s="613"/>
      <c r="HY700" s="613"/>
      <c r="HZ700" s="613"/>
      <c r="IA700" s="613"/>
      <c r="IB700" s="613"/>
      <c r="IC700" s="613"/>
      <c r="ID700" s="613"/>
      <c r="IE700" s="613"/>
      <c r="IF700" s="613"/>
      <c r="IG700" s="613"/>
      <c r="IH700" s="613"/>
      <c r="II700" s="613"/>
      <c r="IJ700" s="613"/>
      <c r="IK700" s="613"/>
      <c r="IL700" s="613"/>
      <c r="IM700" s="613"/>
      <c r="IN700" s="613"/>
      <c r="IO700" s="613"/>
      <c r="IP700" s="613"/>
      <c r="IQ700" s="613"/>
      <c r="IR700" s="613"/>
      <c r="IS700" s="613"/>
      <c r="IT700" s="613"/>
      <c r="IU700" s="613"/>
      <c r="IV700" s="613"/>
      <c r="IW700" s="613"/>
      <c r="IX700" s="613"/>
      <c r="IY700" s="613"/>
      <c r="IZ700" s="613"/>
      <c r="JA700" s="613"/>
      <c r="JB700" s="613"/>
      <c r="JC700" s="613"/>
      <c r="JD700" s="613"/>
      <c r="JE700" s="613"/>
      <c r="JF700" s="613"/>
      <c r="JG700" s="613"/>
      <c r="JH700" s="613"/>
      <c r="JI700" s="613"/>
      <c r="JJ700" s="613"/>
      <c r="JK700" s="613"/>
      <c r="JL700" s="613"/>
      <c r="JM700" s="613"/>
      <c r="JN700" s="613"/>
      <c r="JO700" s="613"/>
      <c r="JP700" s="613"/>
      <c r="JQ700" s="613"/>
      <c r="JR700" s="613"/>
      <c r="JS700" s="613"/>
      <c r="JT700" s="613"/>
      <c r="JU700" s="613"/>
      <c r="JV700" s="613"/>
      <c r="JW700" s="613"/>
      <c r="JX700" s="613"/>
      <c r="JY700" s="613"/>
      <c r="JZ700" s="613"/>
      <c r="KA700" s="613"/>
      <c r="KB700" s="613"/>
      <c r="KC700" s="613"/>
      <c r="KD700" s="613"/>
      <c r="KE700" s="613"/>
      <c r="KF700" s="613"/>
      <c r="KG700" s="613"/>
      <c r="KH700" s="613"/>
      <c r="KI700" s="613"/>
      <c r="KJ700" s="613"/>
      <c r="KK700" s="613"/>
      <c r="KL700" s="613"/>
      <c r="KM700" s="613"/>
      <c r="KN700" s="613"/>
      <c r="KO700" s="613"/>
      <c r="KP700" s="613"/>
      <c r="KQ700" s="613"/>
      <c r="KR700" s="613"/>
      <c r="KS700" s="613"/>
      <c r="KT700" s="613"/>
      <c r="KU700" s="613"/>
      <c r="KV700" s="613"/>
      <c r="KW700" s="613"/>
      <c r="KX700" s="613"/>
      <c r="KY700" s="613"/>
      <c r="KZ700" s="613"/>
      <c r="LA700" s="613"/>
      <c r="LB700" s="613"/>
      <c r="LC700" s="613"/>
      <c r="LD700" s="613"/>
      <c r="LE700" s="613"/>
      <c r="LF700" s="613"/>
      <c r="LG700" s="613"/>
      <c r="LH700" s="613"/>
      <c r="LI700" s="613"/>
      <c r="LJ700" s="613"/>
      <c r="LK700" s="613"/>
      <c r="LL700" s="613"/>
      <c r="LM700" s="613"/>
      <c r="LN700" s="613"/>
      <c r="LO700" s="613"/>
      <c r="LP700" s="613"/>
      <c r="LQ700" s="613"/>
      <c r="LR700" s="613"/>
      <c r="LS700" s="613"/>
      <c r="LT700" s="613"/>
      <c r="LU700" s="613"/>
      <c r="LV700" s="613"/>
      <c r="LW700" s="613"/>
      <c r="LX700" s="613"/>
      <c r="LY700" s="613"/>
      <c r="LZ700" s="613"/>
      <c r="MA700" s="613"/>
      <c r="MB700" s="613"/>
      <c r="MC700" s="613"/>
      <c r="MD700" s="613"/>
      <c r="ME700" s="613"/>
      <c r="MF700" s="613"/>
      <c r="MG700" s="613"/>
      <c r="MH700" s="613"/>
      <c r="MI700" s="613"/>
      <c r="MJ700" s="613"/>
      <c r="MK700" s="613"/>
      <c r="ML700" s="613"/>
      <c r="MM700" s="613"/>
      <c r="MN700" s="613"/>
      <c r="MO700" s="613"/>
      <c r="MP700" s="613"/>
      <c r="MQ700" s="613"/>
      <c r="MR700" s="613"/>
      <c r="MS700" s="613"/>
      <c r="MT700" s="613"/>
      <c r="MU700" s="613"/>
      <c r="MV700" s="613"/>
      <c r="MW700" s="613"/>
      <c r="MX700" s="613"/>
      <c r="MY700" s="613"/>
      <c r="MZ700" s="613"/>
      <c r="NA700" s="613"/>
      <c r="NB700" s="613"/>
      <c r="NC700" s="613"/>
      <c r="ND700" s="613"/>
      <c r="NE700" s="613"/>
      <c r="NF700" s="613"/>
      <c r="NG700" s="613"/>
      <c r="NH700" s="613"/>
      <c r="NI700" s="613"/>
      <c r="NJ700" s="613"/>
      <c r="NK700" s="613"/>
      <c r="NL700" s="613"/>
      <c r="NM700" s="613"/>
      <c r="NN700" s="613"/>
      <c r="NO700" s="613"/>
      <c r="NP700" s="613"/>
      <c r="NQ700" s="613"/>
      <c r="NR700" s="613"/>
      <c r="NS700" s="613"/>
      <c r="NT700" s="613"/>
      <c r="NU700" s="613"/>
      <c r="NV700" s="613"/>
      <c r="NW700" s="613"/>
      <c r="NX700" s="613"/>
      <c r="NY700" s="613"/>
      <c r="NZ700" s="613"/>
      <c r="OA700" s="613"/>
      <c r="OB700" s="613"/>
      <c r="OC700" s="613"/>
      <c r="OD700" s="613"/>
      <c r="OE700" s="613"/>
      <c r="OF700" s="613"/>
      <c r="OG700" s="613"/>
      <c r="OH700" s="613"/>
      <c r="OI700" s="613"/>
      <c r="OJ700" s="613"/>
      <c r="OK700" s="613"/>
      <c r="OL700" s="613"/>
      <c r="OM700" s="613"/>
      <c r="ON700" s="613"/>
      <c r="OO700" s="613"/>
      <c r="OP700" s="613"/>
      <c r="OQ700" s="613"/>
      <c r="OR700" s="613"/>
      <c r="OS700" s="613"/>
      <c r="OT700" s="613"/>
      <c r="OU700" s="613"/>
      <c r="OV700" s="613"/>
      <c r="OW700" s="613"/>
      <c r="OX700" s="613"/>
      <c r="OY700" s="613"/>
      <c r="OZ700" s="613"/>
      <c r="PA700" s="613"/>
      <c r="PB700" s="613"/>
      <c r="PC700" s="613"/>
      <c r="PD700" s="613"/>
      <c r="PE700" s="613"/>
      <c r="PF700" s="613"/>
      <c r="PG700" s="613"/>
      <c r="PH700" s="613"/>
      <c r="PI700" s="613"/>
      <c r="PJ700" s="613"/>
      <c r="PK700" s="613"/>
      <c r="PL700" s="613"/>
      <c r="PM700" s="613"/>
      <c r="PN700" s="613"/>
      <c r="PO700" s="613"/>
      <c r="PP700" s="613"/>
      <c r="PQ700" s="613"/>
      <c r="PR700" s="613"/>
      <c r="PS700" s="613"/>
      <c r="PT700" s="613"/>
      <c r="PU700" s="613"/>
      <c r="PV700" s="613"/>
      <c r="PW700" s="613"/>
      <c r="PX700" s="613"/>
      <c r="PY700" s="613"/>
      <c r="PZ700" s="613"/>
      <c r="QA700" s="613"/>
      <c r="QB700" s="613"/>
      <c r="QC700" s="613"/>
      <c r="QD700" s="613"/>
      <c r="QE700" s="613"/>
      <c r="QF700" s="613"/>
      <c r="QG700" s="613"/>
      <c r="QH700" s="613"/>
      <c r="QI700" s="613"/>
      <c r="QJ700" s="613"/>
      <c r="QK700" s="613"/>
      <c r="QL700" s="613"/>
      <c r="QM700" s="613"/>
      <c r="QN700" s="613"/>
      <c r="QO700" s="613"/>
      <c r="QP700" s="613"/>
      <c r="QQ700" s="613"/>
      <c r="QR700" s="613"/>
      <c r="QS700" s="613"/>
      <c r="QT700" s="613"/>
      <c r="QU700" s="613"/>
      <c r="QV700" s="613"/>
      <c r="QW700" s="613"/>
      <c r="QX700" s="613"/>
      <c r="QY700" s="613"/>
      <c r="QZ700" s="613"/>
      <c r="RA700" s="613"/>
      <c r="RB700" s="613"/>
      <c r="RC700" s="613"/>
      <c r="RD700" s="613"/>
      <c r="RE700" s="613"/>
      <c r="RF700" s="613"/>
      <c r="RG700" s="613"/>
      <c r="RH700" s="613"/>
      <c r="RI700" s="613"/>
      <c r="RJ700" s="613"/>
      <c r="RK700" s="613"/>
      <c r="RL700" s="613"/>
      <c r="RM700" s="613"/>
      <c r="RN700" s="613"/>
      <c r="RO700" s="613"/>
      <c r="RP700" s="613"/>
      <c r="RQ700" s="613"/>
      <c r="RR700" s="613"/>
      <c r="RS700" s="613"/>
      <c r="RT700" s="613"/>
      <c r="RU700" s="613"/>
      <c r="RV700" s="613"/>
      <c r="RW700" s="613"/>
      <c r="RX700" s="613"/>
      <c r="RY700" s="613"/>
      <c r="RZ700" s="613"/>
      <c r="SA700" s="613"/>
      <c r="SB700" s="613"/>
      <c r="SC700" s="613"/>
      <c r="SD700" s="613"/>
      <c r="SE700" s="613"/>
      <c r="SF700" s="613"/>
      <c r="SG700" s="613"/>
      <c r="SH700" s="613"/>
      <c r="SI700" s="613"/>
      <c r="SJ700" s="613"/>
      <c r="SK700" s="613"/>
      <c r="SL700" s="613"/>
      <c r="SM700" s="613"/>
      <c r="SN700" s="613"/>
      <c r="SO700" s="613"/>
      <c r="SP700" s="613"/>
      <c r="SQ700" s="613"/>
      <c r="SR700" s="613"/>
      <c r="SS700" s="613"/>
      <c r="ST700" s="613"/>
      <c r="SU700" s="613"/>
      <c r="SV700" s="613"/>
      <c r="SW700" s="613"/>
      <c r="SX700" s="613"/>
      <c r="SY700" s="613"/>
      <c r="SZ700" s="613"/>
      <c r="TA700" s="613"/>
      <c r="TB700" s="613"/>
      <c r="TC700" s="613"/>
      <c r="TD700" s="613"/>
      <c r="TE700" s="613"/>
      <c r="TF700" s="613"/>
      <c r="TG700" s="613"/>
      <c r="TH700" s="613"/>
      <c r="TI700" s="613"/>
      <c r="TJ700" s="613"/>
      <c r="TK700" s="613"/>
      <c r="TL700" s="613"/>
      <c r="TM700" s="613"/>
      <c r="TN700" s="613"/>
      <c r="TO700" s="613"/>
      <c r="TP700" s="613"/>
      <c r="TQ700" s="613"/>
      <c r="TR700" s="613"/>
      <c r="TS700" s="613"/>
      <c r="TT700" s="613"/>
      <c r="TU700" s="613"/>
      <c r="TV700" s="613"/>
      <c r="TW700" s="613"/>
      <c r="TX700" s="613"/>
      <c r="TY700" s="613"/>
      <c r="TZ700" s="613"/>
      <c r="UA700" s="613"/>
      <c r="UB700" s="613"/>
      <c r="UC700" s="613"/>
      <c r="UD700" s="613"/>
      <c r="UE700" s="613"/>
      <c r="UF700" s="613"/>
      <c r="UG700" s="613"/>
      <c r="UH700" s="613"/>
      <c r="UI700" s="613"/>
      <c r="UJ700" s="613"/>
      <c r="UK700" s="613"/>
      <c r="UL700" s="613"/>
      <c r="UM700" s="613"/>
      <c r="UN700" s="613"/>
      <c r="UO700" s="613"/>
      <c r="UP700" s="613"/>
      <c r="UQ700" s="613"/>
      <c r="UR700" s="613"/>
      <c r="US700" s="613"/>
      <c r="UT700" s="613"/>
      <c r="UU700" s="613"/>
      <c r="UV700" s="613"/>
      <c r="UW700" s="613"/>
      <c r="UX700" s="613"/>
      <c r="UY700" s="613"/>
      <c r="UZ700" s="613"/>
      <c r="VA700" s="613"/>
      <c r="VB700" s="613"/>
      <c r="VC700" s="613"/>
      <c r="VD700" s="613"/>
      <c r="VE700" s="613"/>
      <c r="VF700" s="613"/>
      <c r="VG700" s="613"/>
      <c r="VH700" s="613"/>
      <c r="VI700" s="613"/>
      <c r="VJ700" s="613"/>
      <c r="VK700" s="613"/>
      <c r="VL700" s="613"/>
      <c r="VM700" s="613"/>
      <c r="VN700" s="613"/>
      <c r="VO700" s="613"/>
      <c r="VP700" s="613"/>
      <c r="VQ700" s="613"/>
      <c r="VR700" s="613"/>
      <c r="VS700" s="613"/>
      <c r="VT700" s="613"/>
      <c r="VU700" s="613"/>
      <c r="VV700" s="613"/>
      <c r="VW700" s="613"/>
      <c r="VX700" s="613"/>
      <c r="VY700" s="613"/>
      <c r="VZ700" s="613"/>
      <c r="WA700" s="613"/>
      <c r="WB700" s="613"/>
      <c r="WC700" s="613"/>
      <c r="WD700" s="613"/>
      <c r="WE700" s="613"/>
      <c r="WF700" s="613"/>
      <c r="WG700" s="613"/>
      <c r="WH700" s="613"/>
      <c r="WI700" s="613"/>
      <c r="WJ700" s="613"/>
      <c r="WK700" s="613"/>
      <c r="WL700" s="613"/>
      <c r="WM700" s="613"/>
      <c r="WN700" s="613"/>
      <c r="WO700" s="613"/>
      <c r="WP700" s="613"/>
      <c r="WQ700" s="613"/>
      <c r="WR700" s="613"/>
      <c r="WS700" s="613"/>
      <c r="WT700" s="613"/>
      <c r="WU700" s="613"/>
      <c r="WV700" s="613"/>
      <c r="WW700" s="613"/>
      <c r="WX700" s="613"/>
      <c r="WY700" s="613"/>
      <c r="WZ700" s="613"/>
      <c r="XA700" s="613"/>
      <c r="XB700" s="613"/>
      <c r="XC700" s="613"/>
      <c r="XD700" s="613"/>
      <c r="XE700" s="613"/>
      <c r="XF700" s="613"/>
      <c r="XG700" s="613"/>
      <c r="XH700" s="613"/>
      <c r="XI700" s="613"/>
      <c r="XJ700" s="613"/>
      <c r="XK700" s="613"/>
      <c r="XL700" s="613"/>
      <c r="XM700" s="613"/>
      <c r="XN700" s="613"/>
      <c r="XO700" s="613"/>
      <c r="XP700" s="613"/>
      <c r="XQ700" s="613"/>
      <c r="XR700" s="613"/>
      <c r="XS700" s="613"/>
      <c r="XT700" s="613"/>
      <c r="XU700" s="613"/>
      <c r="XV700" s="613"/>
      <c r="XW700" s="613"/>
      <c r="XX700" s="613"/>
      <c r="XY700" s="613"/>
      <c r="XZ700" s="613"/>
      <c r="YA700" s="613"/>
      <c r="YB700" s="613"/>
      <c r="YC700" s="613"/>
      <c r="YD700" s="613"/>
      <c r="YE700" s="613"/>
      <c r="YF700" s="613"/>
      <c r="YG700" s="613"/>
      <c r="YH700" s="613"/>
      <c r="YI700" s="613"/>
      <c r="YJ700" s="613"/>
      <c r="YK700" s="613"/>
      <c r="YL700" s="613"/>
      <c r="YM700" s="613"/>
      <c r="YN700" s="613"/>
      <c r="YO700" s="613"/>
      <c r="YP700" s="613"/>
      <c r="YQ700" s="613"/>
      <c r="YR700" s="613"/>
      <c r="YS700" s="613"/>
      <c r="YT700" s="613"/>
      <c r="YU700" s="613"/>
      <c r="YV700" s="613"/>
      <c r="YW700" s="613"/>
      <c r="YX700" s="613"/>
      <c r="YY700" s="613"/>
      <c r="YZ700" s="613"/>
      <c r="ZA700" s="613"/>
      <c r="ZB700" s="613"/>
      <c r="ZC700" s="613"/>
      <c r="ZD700" s="613"/>
      <c r="ZE700" s="613"/>
      <c r="ZF700" s="613"/>
      <c r="ZG700" s="613"/>
      <c r="ZH700" s="613"/>
      <c r="ZI700" s="613"/>
      <c r="ZJ700" s="613"/>
      <c r="ZK700" s="613"/>
      <c r="ZL700" s="613"/>
      <c r="ZM700" s="613"/>
      <c r="ZN700" s="613"/>
      <c r="ZO700" s="613"/>
      <c r="ZP700" s="613"/>
      <c r="ZQ700" s="613"/>
      <c r="ZR700" s="613"/>
      <c r="ZS700" s="613"/>
      <c r="ZT700" s="613"/>
      <c r="ZU700" s="613"/>
      <c r="ZV700" s="613"/>
      <c r="ZW700" s="613"/>
      <c r="ZX700" s="613"/>
      <c r="ZY700" s="613"/>
      <c r="ZZ700" s="613"/>
      <c r="AAA700" s="613"/>
      <c r="AAB700" s="613"/>
      <c r="AAC700" s="613"/>
      <c r="AAD700" s="613"/>
      <c r="AAE700" s="613"/>
      <c r="AAF700" s="613"/>
      <c r="AAG700" s="613"/>
      <c r="AAH700" s="613"/>
      <c r="AAI700" s="613"/>
      <c r="AAJ700" s="613"/>
      <c r="AAK700" s="613"/>
      <c r="AAL700" s="613"/>
      <c r="AAM700" s="613"/>
      <c r="AAN700" s="613"/>
      <c r="AAO700" s="613"/>
      <c r="AAP700" s="613"/>
      <c r="AAQ700" s="613"/>
      <c r="AAR700" s="613"/>
      <c r="AAS700" s="613"/>
      <c r="AAT700" s="613"/>
      <c r="AAU700" s="613"/>
      <c r="AAV700" s="613"/>
      <c r="AAW700" s="613"/>
      <c r="AAX700" s="613"/>
      <c r="AAY700" s="613"/>
      <c r="AAZ700" s="613"/>
      <c r="ABA700" s="613"/>
      <c r="ABB700" s="613"/>
      <c r="ABC700" s="613"/>
      <c r="ABD700" s="613"/>
      <c r="ABE700" s="613"/>
      <c r="ABF700" s="613"/>
      <c r="ABG700" s="613"/>
      <c r="ABH700" s="613"/>
      <c r="ABI700" s="613"/>
      <c r="ABJ700" s="613"/>
      <c r="ABK700" s="613"/>
      <c r="ABL700" s="613"/>
      <c r="ABM700" s="613"/>
      <c r="ABN700" s="613"/>
      <c r="ABO700" s="613"/>
      <c r="ABP700" s="613"/>
      <c r="ABQ700" s="613"/>
      <c r="ABR700" s="613"/>
      <c r="ABS700" s="613"/>
      <c r="ABT700" s="613"/>
      <c r="ABU700" s="613"/>
      <c r="ABV700" s="613"/>
      <c r="ABW700" s="613"/>
      <c r="ABX700" s="613"/>
      <c r="ABY700" s="613"/>
      <c r="ABZ700" s="613"/>
      <c r="ACA700" s="613"/>
      <c r="ACB700" s="613"/>
      <c r="ACC700" s="613"/>
      <c r="ACD700" s="613"/>
      <c r="ACE700" s="613"/>
      <c r="ACF700" s="613"/>
      <c r="ACG700" s="613"/>
      <c r="ACH700" s="613"/>
      <c r="ACI700" s="613"/>
      <c r="ACJ700" s="613"/>
      <c r="ACK700" s="613"/>
      <c r="ACL700" s="613"/>
      <c r="ACM700" s="613"/>
      <c r="ACN700" s="613"/>
      <c r="ACO700" s="613"/>
      <c r="ACP700" s="613"/>
      <c r="ACQ700" s="613"/>
      <c r="ACR700" s="613"/>
      <c r="ACS700" s="613"/>
      <c r="ACT700" s="613"/>
      <c r="ACU700" s="613"/>
      <c r="ACV700" s="613"/>
      <c r="ACW700" s="613"/>
      <c r="ACX700" s="613"/>
      <c r="ACY700" s="613"/>
      <c r="ACZ700" s="613"/>
      <c r="ADA700" s="613"/>
      <c r="ADB700" s="613"/>
      <c r="ADC700" s="613"/>
      <c r="ADD700" s="613"/>
      <c r="ADE700" s="613"/>
      <c r="ADF700" s="613"/>
      <c r="ADG700" s="613"/>
      <c r="ADH700" s="613"/>
      <c r="ADI700" s="613"/>
      <c r="ADJ700" s="613"/>
      <c r="ADK700" s="613"/>
      <c r="ADL700" s="613"/>
      <c r="ADM700" s="613"/>
      <c r="ADN700" s="613"/>
      <c r="ADO700" s="613"/>
      <c r="ADP700" s="613"/>
      <c r="ADQ700" s="613"/>
      <c r="ADR700" s="613"/>
      <c r="ADS700" s="613"/>
      <c r="ADT700" s="613"/>
      <c r="ADU700" s="613"/>
      <c r="ADV700" s="613"/>
      <c r="ADW700" s="613"/>
      <c r="ADX700" s="613"/>
      <c r="ADY700" s="613"/>
      <c r="ADZ700" s="613"/>
      <c r="AEA700" s="613"/>
      <c r="AEB700" s="613"/>
      <c r="AEC700" s="613"/>
      <c r="AED700" s="613"/>
      <c r="AEE700" s="613"/>
      <c r="AEF700" s="613"/>
      <c r="AEG700" s="613"/>
      <c r="AEH700" s="613"/>
      <c r="AEI700" s="613"/>
      <c r="AEJ700" s="613"/>
      <c r="AEK700" s="613"/>
      <c r="AEL700" s="613"/>
      <c r="AEM700" s="613"/>
      <c r="AEN700" s="613"/>
      <c r="AEO700" s="613"/>
      <c r="AEP700" s="613"/>
      <c r="AEQ700" s="613"/>
      <c r="AER700" s="613"/>
      <c r="AES700" s="613"/>
      <c r="AET700" s="613"/>
      <c r="AEU700" s="613"/>
      <c r="AEV700" s="613"/>
      <c r="AEW700" s="613"/>
      <c r="AEX700" s="613"/>
      <c r="AEY700" s="613"/>
      <c r="AEZ700" s="613"/>
      <c r="AFA700" s="613"/>
      <c r="AFB700" s="613"/>
      <c r="AFC700" s="613"/>
      <c r="AFD700" s="613"/>
      <c r="AFE700" s="613"/>
      <c r="AFF700" s="613"/>
      <c r="AFG700" s="613"/>
      <c r="AFH700" s="613"/>
      <c r="AFI700" s="613"/>
      <c r="AFJ700" s="613"/>
      <c r="AFK700" s="613"/>
      <c r="AFL700" s="613"/>
      <c r="AFM700" s="613"/>
      <c r="AFN700" s="613"/>
      <c r="AFO700" s="613"/>
      <c r="AFP700" s="613"/>
      <c r="AFQ700" s="613"/>
      <c r="AFR700" s="613"/>
      <c r="AFS700" s="613"/>
      <c r="AFT700" s="613"/>
      <c r="AFU700" s="613"/>
      <c r="AFV700" s="613"/>
      <c r="AFW700" s="613"/>
      <c r="AFX700" s="613"/>
      <c r="AFY700" s="613"/>
      <c r="AFZ700" s="613"/>
      <c r="AGA700" s="613"/>
      <c r="AGB700" s="613"/>
      <c r="AGC700" s="613"/>
      <c r="AGD700" s="613"/>
      <c r="AGE700" s="613"/>
      <c r="AGF700" s="613"/>
      <c r="AGG700" s="613"/>
      <c r="AGH700" s="613"/>
      <c r="AGI700" s="613"/>
      <c r="AGJ700" s="613"/>
      <c r="AGK700" s="613"/>
      <c r="AGL700" s="613"/>
      <c r="AGM700" s="613"/>
      <c r="AGN700" s="613"/>
      <c r="AGO700" s="613"/>
      <c r="AGP700" s="613"/>
      <c r="AGQ700" s="613"/>
      <c r="AGR700" s="613"/>
      <c r="AGS700" s="613"/>
      <c r="AGT700" s="613"/>
      <c r="AGU700" s="613"/>
      <c r="AGV700" s="613"/>
      <c r="AGW700" s="613"/>
      <c r="AGX700" s="613"/>
      <c r="AGY700" s="613"/>
      <c r="AGZ700" s="613"/>
      <c r="AHA700" s="613"/>
      <c r="AHB700" s="613"/>
      <c r="AHC700" s="613"/>
      <c r="AHD700" s="613"/>
      <c r="AHE700" s="613"/>
      <c r="AHF700" s="613"/>
      <c r="AHG700" s="613"/>
      <c r="AHH700" s="613"/>
      <c r="AHI700" s="613"/>
      <c r="AHJ700" s="613"/>
      <c r="AHK700" s="613"/>
      <c r="AHL700" s="613"/>
      <c r="AHM700" s="613"/>
      <c r="AHN700" s="613"/>
      <c r="AHO700" s="613"/>
      <c r="AHP700" s="613"/>
      <c r="AHQ700" s="613"/>
      <c r="AHR700" s="613"/>
      <c r="AHS700" s="613"/>
      <c r="AHT700" s="613"/>
      <c r="AHU700" s="613"/>
      <c r="AHV700" s="613"/>
      <c r="AHW700" s="613"/>
      <c r="AHX700" s="613"/>
      <c r="AHY700" s="613"/>
      <c r="AHZ700" s="613"/>
      <c r="AIA700" s="613"/>
      <c r="AIB700" s="613"/>
      <c r="AIC700" s="613"/>
      <c r="AID700" s="613"/>
      <c r="AIE700" s="613"/>
      <c r="AIF700" s="613"/>
      <c r="AIG700" s="613"/>
      <c r="AIH700" s="613"/>
      <c r="AII700" s="613"/>
      <c r="AIJ700" s="613"/>
      <c r="AIK700" s="613"/>
      <c r="AIL700" s="613"/>
      <c r="AIM700" s="613"/>
      <c r="AIN700" s="613"/>
      <c r="AIO700" s="613"/>
      <c r="AIP700" s="613"/>
      <c r="AIQ700" s="613"/>
      <c r="AIR700" s="613"/>
      <c r="AIS700" s="613"/>
      <c r="AIT700" s="613"/>
      <c r="AIU700" s="613"/>
      <c r="AIV700" s="613"/>
      <c r="AIW700" s="613"/>
      <c r="AIX700" s="613"/>
      <c r="AIY700" s="613"/>
      <c r="AIZ700" s="613"/>
      <c r="AJA700" s="613"/>
      <c r="AJB700" s="613"/>
      <c r="AJC700" s="613"/>
      <c r="AJD700" s="613"/>
      <c r="AJE700" s="613"/>
      <c r="AJF700" s="613"/>
      <c r="AJG700" s="613"/>
      <c r="AJH700" s="613"/>
      <c r="AJI700" s="613"/>
      <c r="AJJ700" s="613"/>
      <c r="AJK700" s="613"/>
      <c r="AJL700" s="613"/>
      <c r="AJM700" s="613"/>
      <c r="AJN700" s="613"/>
      <c r="AJO700" s="613"/>
      <c r="AJP700" s="613"/>
      <c r="AJQ700" s="613"/>
      <c r="AJR700" s="613"/>
      <c r="AJS700" s="613"/>
      <c r="AJT700" s="613"/>
      <c r="AJU700" s="613"/>
      <c r="AJV700" s="613"/>
      <c r="AJW700" s="613"/>
      <c r="AJX700" s="613"/>
      <c r="AJY700" s="613"/>
      <c r="AJZ700" s="613"/>
      <c r="AKA700" s="613"/>
      <c r="AKB700" s="613"/>
      <c r="AKC700" s="613"/>
      <c r="AKD700" s="613"/>
      <c r="AKE700" s="613"/>
      <c r="AKF700" s="613"/>
      <c r="AKG700" s="613"/>
      <c r="AKH700" s="613"/>
      <c r="AKI700" s="613"/>
      <c r="AKJ700" s="613"/>
      <c r="AKK700" s="613"/>
      <c r="AKL700" s="613"/>
      <c r="AKM700" s="613"/>
      <c r="AKN700" s="613"/>
      <c r="AKO700" s="613"/>
      <c r="AKP700" s="613"/>
      <c r="AKQ700" s="613"/>
      <c r="AKR700" s="613"/>
      <c r="AKS700" s="613"/>
      <c r="AKT700" s="613"/>
      <c r="AKU700" s="613"/>
      <c r="AKV700" s="613"/>
      <c r="AKW700" s="613"/>
      <c r="AKX700" s="613"/>
      <c r="AKY700" s="613"/>
      <c r="AKZ700" s="613"/>
      <c r="ALA700" s="613"/>
      <c r="ALB700" s="613"/>
      <c r="ALC700" s="613"/>
      <c r="ALD700" s="613"/>
      <c r="ALE700" s="613"/>
      <c r="ALF700" s="613"/>
      <c r="ALG700" s="613"/>
      <c r="ALH700" s="613"/>
      <c r="ALI700" s="613"/>
      <c r="ALJ700" s="613"/>
      <c r="ALK700" s="613"/>
      <c r="ALL700" s="613"/>
      <c r="ALM700" s="613"/>
      <c r="ALN700" s="613"/>
      <c r="ALO700" s="613"/>
      <c r="ALP700" s="613"/>
      <c r="ALQ700" s="613"/>
      <c r="ALR700" s="613"/>
      <c r="ALS700" s="613"/>
      <c r="ALT700" s="613"/>
      <c r="ALU700" s="613"/>
      <c r="ALV700" s="613"/>
      <c r="ALW700" s="613"/>
      <c r="ALX700" s="613"/>
      <c r="ALY700" s="613"/>
      <c r="ALZ700" s="613"/>
      <c r="AMA700" s="613"/>
      <c r="AMB700" s="613"/>
      <c r="AMC700" s="613"/>
      <c r="AMD700" s="613"/>
      <c r="AME700" s="613"/>
      <c r="AMF700" s="613"/>
      <c r="AMG700" s="613"/>
      <c r="AMH700" s="613"/>
      <c r="AMI700" s="613"/>
      <c r="AMJ700" s="613"/>
      <c r="AMK700" s="613"/>
      <c r="AML700" s="613"/>
      <c r="AMM700" s="613"/>
      <c r="AMN700" s="613"/>
      <c r="AMO700" s="613"/>
      <c r="AMP700" s="613"/>
      <c r="AMQ700" s="613"/>
      <c r="AMR700" s="613"/>
      <c r="AMS700" s="613"/>
      <c r="AMT700" s="613"/>
      <c r="AMU700" s="613"/>
      <c r="AMV700" s="613"/>
      <c r="AMW700" s="613"/>
      <c r="AMX700" s="613"/>
      <c r="AMY700" s="613"/>
      <c r="AMZ700" s="613"/>
      <c r="ANA700" s="613"/>
      <c r="ANB700" s="613"/>
      <c r="ANC700" s="613"/>
      <c r="AND700" s="613"/>
      <c r="ANE700" s="613"/>
      <c r="ANF700" s="613"/>
      <c r="ANG700" s="613"/>
      <c r="ANH700" s="613"/>
      <c r="ANI700" s="613"/>
      <c r="ANJ700" s="613"/>
      <c r="ANK700" s="613"/>
      <c r="ANL700" s="613"/>
      <c r="ANM700" s="613"/>
      <c r="ANN700" s="613"/>
      <c r="ANO700" s="613"/>
      <c r="ANP700" s="613"/>
      <c r="ANQ700" s="613"/>
      <c r="ANR700" s="613"/>
      <c r="ANS700" s="613"/>
      <c r="ANT700" s="613"/>
      <c r="ANU700" s="613"/>
      <c r="ANV700" s="613"/>
      <c r="ANW700" s="613"/>
      <c r="ANX700" s="613"/>
      <c r="ANY700" s="613"/>
      <c r="ANZ700" s="613"/>
      <c r="AOA700" s="613"/>
      <c r="AOB700" s="613"/>
      <c r="AOC700" s="613"/>
      <c r="AOD700" s="613"/>
      <c r="AOE700" s="613"/>
      <c r="AOF700" s="613"/>
      <c r="AOG700" s="613"/>
      <c r="AOH700" s="613"/>
      <c r="AOI700" s="613"/>
      <c r="AOJ700" s="613"/>
      <c r="AOK700" s="613"/>
      <c r="AOL700" s="613"/>
      <c r="AOM700" s="613"/>
      <c r="AON700" s="613"/>
      <c r="AOO700" s="613"/>
      <c r="AOP700" s="613"/>
      <c r="AOQ700" s="613"/>
      <c r="AOR700" s="613"/>
      <c r="AOS700" s="613"/>
      <c r="AOT700" s="613"/>
      <c r="AOU700" s="613"/>
      <c r="AOV700" s="613"/>
      <c r="AOW700" s="613"/>
      <c r="AOX700" s="613"/>
      <c r="AOY700" s="613"/>
      <c r="AOZ700" s="613"/>
      <c r="APA700" s="613"/>
      <c r="APB700" s="613"/>
      <c r="APC700" s="613"/>
      <c r="APD700" s="613"/>
      <c r="APE700" s="613"/>
      <c r="APF700" s="613"/>
      <c r="APG700" s="613"/>
      <c r="APH700" s="613"/>
      <c r="API700" s="613"/>
      <c r="APJ700" s="613"/>
      <c r="APK700" s="613"/>
      <c r="APL700" s="613"/>
      <c r="APM700" s="613"/>
      <c r="APN700" s="613"/>
      <c r="APO700" s="613"/>
      <c r="APP700" s="613"/>
      <c r="APQ700" s="613"/>
      <c r="APR700" s="613"/>
      <c r="APS700" s="613"/>
      <c r="APT700" s="613"/>
      <c r="APU700" s="613"/>
      <c r="APV700" s="613"/>
      <c r="APW700" s="613"/>
      <c r="APX700" s="613"/>
      <c r="APY700" s="613"/>
      <c r="APZ700" s="613"/>
      <c r="AQA700" s="613"/>
      <c r="AQB700" s="613"/>
      <c r="AQC700" s="613"/>
      <c r="AQD700" s="613"/>
      <c r="AQE700" s="613"/>
      <c r="AQF700" s="613"/>
      <c r="AQG700" s="613"/>
      <c r="AQH700" s="613"/>
      <c r="AQI700" s="613"/>
      <c r="AQJ700" s="613"/>
      <c r="AQK700" s="613"/>
      <c r="AQL700" s="613"/>
      <c r="AQM700" s="613"/>
      <c r="AQN700" s="613"/>
      <c r="AQO700" s="613"/>
      <c r="AQP700" s="613"/>
      <c r="AQQ700" s="613"/>
      <c r="AQR700" s="613"/>
      <c r="AQS700" s="613"/>
      <c r="AQT700" s="613"/>
      <c r="AQU700" s="613"/>
      <c r="AQV700" s="613"/>
      <c r="AQW700" s="613"/>
      <c r="AQX700" s="613"/>
      <c r="AQY700" s="613"/>
      <c r="AQZ700" s="613"/>
      <c r="ARA700" s="613"/>
      <c r="ARB700" s="613"/>
      <c r="ARC700" s="613"/>
      <c r="ARD700" s="613"/>
      <c r="ARE700" s="613"/>
      <c r="ARF700" s="613"/>
      <c r="ARG700" s="613"/>
      <c r="ARH700" s="613"/>
      <c r="ARI700" s="613"/>
      <c r="ARJ700" s="613"/>
      <c r="ARK700" s="613"/>
      <c r="ARL700" s="613"/>
      <c r="ARM700" s="613"/>
      <c r="ARN700" s="613"/>
      <c r="ARO700" s="613"/>
      <c r="ARP700" s="613"/>
      <c r="ARQ700" s="613"/>
      <c r="ARR700" s="613"/>
      <c r="ARS700" s="613"/>
      <c r="ART700" s="613"/>
      <c r="ARU700" s="613"/>
      <c r="ARV700" s="613"/>
      <c r="ARW700" s="613"/>
      <c r="ARX700" s="613"/>
      <c r="ARY700" s="613"/>
      <c r="ARZ700" s="613"/>
      <c r="ASA700" s="613"/>
      <c r="ASB700" s="613"/>
      <c r="ASC700" s="613"/>
      <c r="ASD700" s="613"/>
      <c r="ASE700" s="613"/>
      <c r="ASF700" s="613"/>
      <c r="ASG700" s="613"/>
      <c r="ASH700" s="613"/>
      <c r="ASI700" s="613"/>
      <c r="ASJ700" s="613"/>
      <c r="ASK700" s="613"/>
      <c r="ASL700" s="613"/>
      <c r="ASM700" s="613"/>
      <c r="ASN700" s="613"/>
      <c r="ASO700" s="613"/>
      <c r="ASP700" s="613"/>
      <c r="ASQ700" s="613"/>
      <c r="ASR700" s="613"/>
      <c r="ASS700" s="613"/>
      <c r="AST700" s="613"/>
      <c r="ASU700" s="613"/>
      <c r="ASV700" s="613"/>
      <c r="ASW700" s="613"/>
      <c r="ASX700" s="613"/>
      <c r="ASY700" s="613"/>
      <c r="ASZ700" s="613"/>
      <c r="ATA700" s="613"/>
      <c r="ATB700" s="613"/>
      <c r="ATC700" s="613"/>
      <c r="ATD700" s="613"/>
      <c r="ATE700" s="613"/>
      <c r="ATF700" s="613"/>
      <c r="ATG700" s="613"/>
      <c r="ATH700" s="613"/>
      <c r="ATI700" s="613"/>
      <c r="ATJ700" s="613"/>
      <c r="ATK700" s="613"/>
      <c r="ATL700" s="613"/>
      <c r="ATM700" s="613"/>
      <c r="ATN700" s="613"/>
      <c r="ATO700" s="613"/>
      <c r="ATP700" s="613"/>
      <c r="ATQ700" s="613"/>
      <c r="ATR700" s="613"/>
      <c r="ATS700" s="613"/>
      <c r="ATT700" s="613"/>
      <c r="ATU700" s="613"/>
      <c r="ATV700" s="613"/>
      <c r="ATW700" s="613"/>
      <c r="ATX700" s="613"/>
      <c r="ATY700" s="613"/>
      <c r="ATZ700" s="613"/>
      <c r="AUA700" s="613"/>
      <c r="AUB700" s="613"/>
      <c r="AUC700" s="613"/>
      <c r="AUD700" s="613"/>
      <c r="AUE700" s="613"/>
      <c r="AUF700" s="613"/>
      <c r="AUG700" s="613"/>
      <c r="AUH700" s="613"/>
      <c r="AUI700" s="613"/>
      <c r="AUJ700" s="613"/>
      <c r="AUK700" s="613"/>
      <c r="AUL700" s="613"/>
      <c r="AUM700" s="613"/>
      <c r="AUN700" s="613"/>
      <c r="AUO700" s="613"/>
      <c r="AUP700" s="613"/>
      <c r="AUQ700" s="613"/>
      <c r="AUR700" s="613"/>
      <c r="AUS700" s="613"/>
      <c r="AUT700" s="613"/>
      <c r="AUU700" s="613"/>
      <c r="AUV700" s="613"/>
      <c r="AUW700" s="613"/>
      <c r="AUX700" s="613"/>
      <c r="AUY700" s="613"/>
      <c r="AUZ700" s="613"/>
      <c r="AVA700" s="613"/>
      <c r="AVB700" s="613"/>
      <c r="AVC700" s="613"/>
      <c r="AVD700" s="613"/>
      <c r="AVE700" s="613"/>
      <c r="AVF700" s="613"/>
      <c r="AVG700" s="613"/>
      <c r="AVH700" s="613"/>
      <c r="AVI700" s="613"/>
      <c r="AVJ700" s="613"/>
      <c r="AVK700" s="613"/>
      <c r="AVL700" s="613"/>
      <c r="AVM700" s="613"/>
      <c r="AVN700" s="613"/>
      <c r="AVO700" s="613"/>
      <c r="AVP700" s="613"/>
      <c r="AVQ700" s="613"/>
      <c r="AVR700" s="613"/>
      <c r="AVS700" s="613"/>
      <c r="AVT700" s="613"/>
      <c r="AVU700" s="613"/>
      <c r="AVV700" s="613"/>
      <c r="AVW700" s="613"/>
      <c r="AVX700" s="613"/>
      <c r="AVY700" s="613"/>
      <c r="AVZ700" s="613"/>
      <c r="AWA700" s="613"/>
      <c r="AWB700" s="613"/>
      <c r="AWC700" s="613"/>
      <c r="AWD700" s="613"/>
      <c r="AWE700" s="613"/>
      <c r="AWF700" s="613"/>
      <c r="AWG700" s="613"/>
      <c r="AWH700" s="613"/>
      <c r="AWI700" s="613"/>
      <c r="AWJ700" s="613"/>
      <c r="AWK700" s="613"/>
      <c r="AWL700" s="613"/>
      <c r="AWM700" s="613"/>
      <c r="AWN700" s="613"/>
      <c r="AWO700" s="613"/>
      <c r="AWP700" s="613"/>
      <c r="AWQ700" s="613"/>
      <c r="AWR700" s="613"/>
      <c r="AWS700" s="613"/>
      <c r="AWT700" s="613"/>
      <c r="AWU700" s="613"/>
      <c r="AWV700" s="613"/>
      <c r="AWW700" s="613"/>
      <c r="AWX700" s="613"/>
      <c r="AWY700" s="613"/>
      <c r="AWZ700" s="613"/>
      <c r="AXA700" s="613"/>
      <c r="AXB700" s="613"/>
      <c r="AXC700" s="613"/>
      <c r="AXD700" s="613"/>
      <c r="AXE700" s="613"/>
      <c r="AXF700" s="613"/>
      <c r="AXG700" s="613"/>
      <c r="AXH700" s="613"/>
      <c r="AXI700" s="613"/>
      <c r="AXJ700" s="613"/>
      <c r="AXK700" s="613"/>
      <c r="AXL700" s="613"/>
      <c r="AXM700" s="613"/>
      <c r="AXN700" s="613"/>
      <c r="AXO700" s="613"/>
      <c r="AXP700" s="613"/>
      <c r="AXQ700" s="613"/>
      <c r="AXR700" s="613"/>
      <c r="AXS700" s="613"/>
      <c r="AXT700" s="613"/>
      <c r="AXU700" s="613"/>
      <c r="AXV700" s="613"/>
      <c r="AXW700" s="613"/>
      <c r="AXX700" s="613"/>
      <c r="AXY700" s="613"/>
      <c r="AXZ700" s="613"/>
      <c r="AYA700" s="613"/>
      <c r="AYB700" s="613"/>
      <c r="AYC700" s="613"/>
      <c r="AYD700" s="613"/>
      <c r="AYE700" s="613"/>
      <c r="AYF700" s="613"/>
      <c r="AYG700" s="613"/>
      <c r="AYH700" s="613"/>
      <c r="AYI700" s="613"/>
      <c r="AYJ700" s="613"/>
      <c r="AYK700" s="613"/>
      <c r="AYL700" s="613"/>
      <c r="AYM700" s="613"/>
      <c r="AYN700" s="613"/>
      <c r="AYO700" s="613"/>
      <c r="AYP700" s="613"/>
      <c r="AYQ700" s="613"/>
      <c r="AYR700" s="613"/>
      <c r="AYS700" s="613"/>
      <c r="AYT700" s="613"/>
      <c r="AYU700" s="613"/>
      <c r="AYV700" s="613"/>
      <c r="AYW700" s="613"/>
      <c r="AYX700" s="613"/>
      <c r="AYY700" s="613"/>
      <c r="AYZ700" s="613"/>
      <c r="AZA700" s="613"/>
      <c r="AZB700" s="613"/>
      <c r="AZC700" s="613"/>
      <c r="AZD700" s="613"/>
      <c r="AZE700" s="613"/>
      <c r="AZF700" s="613"/>
      <c r="AZG700" s="613"/>
      <c r="AZH700" s="613"/>
      <c r="AZI700" s="613"/>
      <c r="AZJ700" s="613"/>
      <c r="AZK700" s="613"/>
      <c r="AZL700" s="613"/>
      <c r="AZM700" s="613"/>
      <c r="AZN700" s="613"/>
      <c r="AZO700" s="613"/>
      <c r="AZP700" s="613"/>
      <c r="AZQ700" s="613"/>
      <c r="AZR700" s="613"/>
      <c r="AZS700" s="613"/>
      <c r="AZT700" s="613"/>
      <c r="AZU700" s="613"/>
      <c r="AZV700" s="613"/>
      <c r="AZW700" s="613"/>
      <c r="AZX700" s="613"/>
      <c r="AZY700" s="613"/>
      <c r="AZZ700" s="613"/>
      <c r="BAA700" s="613"/>
      <c r="BAB700" s="613"/>
      <c r="BAC700" s="613"/>
      <c r="BAD700" s="613"/>
      <c r="BAE700" s="613"/>
      <c r="BAF700" s="613"/>
      <c r="BAG700" s="613"/>
      <c r="BAH700" s="613"/>
      <c r="BAI700" s="613"/>
      <c r="BAJ700" s="613"/>
      <c r="BAK700" s="613"/>
      <c r="BAL700" s="613"/>
      <c r="BAM700" s="613"/>
      <c r="BAN700" s="613"/>
      <c r="BAO700" s="613"/>
      <c r="BAP700" s="613"/>
      <c r="BAQ700" s="613"/>
      <c r="BAR700" s="613"/>
      <c r="BAS700" s="613"/>
      <c r="BAT700" s="613"/>
      <c r="BAU700" s="613"/>
      <c r="BAV700" s="613"/>
      <c r="BAW700" s="613"/>
      <c r="BAX700" s="613"/>
      <c r="BAY700" s="613"/>
      <c r="BAZ700" s="613"/>
      <c r="BBA700" s="613"/>
      <c r="BBB700" s="613"/>
      <c r="BBC700" s="613"/>
      <c r="BBD700" s="613"/>
      <c r="BBE700" s="613"/>
      <c r="BBF700" s="613"/>
      <c r="BBG700" s="613"/>
      <c r="BBH700" s="613"/>
      <c r="BBI700" s="613"/>
      <c r="BBJ700" s="613"/>
      <c r="BBK700" s="613"/>
      <c r="BBL700" s="613"/>
      <c r="BBM700" s="613"/>
      <c r="BBN700" s="613"/>
      <c r="BBO700" s="613"/>
      <c r="BBP700" s="613"/>
      <c r="BBQ700" s="613"/>
      <c r="BBR700" s="613"/>
      <c r="BBS700" s="613"/>
      <c r="BBT700" s="613"/>
      <c r="BBU700" s="613"/>
      <c r="BBV700" s="613"/>
      <c r="BBW700" s="613"/>
      <c r="BBX700" s="613"/>
      <c r="BBY700" s="613"/>
      <c r="BBZ700" s="613"/>
      <c r="BCA700" s="613"/>
      <c r="BCB700" s="613"/>
      <c r="BCC700" s="613"/>
      <c r="BCD700" s="613"/>
      <c r="BCE700" s="613"/>
      <c r="BCF700" s="613"/>
      <c r="BCG700" s="613"/>
      <c r="BCH700" s="613"/>
      <c r="BCI700" s="613"/>
      <c r="BCJ700" s="613"/>
      <c r="BCK700" s="613"/>
      <c r="BCL700" s="613"/>
      <c r="BCM700" s="613"/>
      <c r="BCN700" s="613"/>
      <c r="BCO700" s="613"/>
      <c r="BCP700" s="613"/>
      <c r="BCQ700" s="613"/>
      <c r="BCR700" s="613"/>
      <c r="BCS700" s="613"/>
      <c r="BCT700" s="613"/>
      <c r="BCU700" s="613"/>
      <c r="BCV700" s="613"/>
      <c r="BCW700" s="613"/>
      <c r="BCX700" s="613"/>
      <c r="BCY700" s="613"/>
      <c r="BCZ700" s="613"/>
      <c r="BDA700" s="613"/>
      <c r="BDB700" s="613"/>
      <c r="BDC700" s="613"/>
      <c r="BDD700" s="613"/>
      <c r="BDE700" s="613"/>
      <c r="BDF700" s="613"/>
      <c r="BDG700" s="613"/>
      <c r="BDH700" s="613"/>
      <c r="BDI700" s="613"/>
      <c r="BDJ700" s="613"/>
      <c r="BDK700" s="613"/>
      <c r="BDL700" s="613"/>
      <c r="BDM700" s="613"/>
      <c r="BDN700" s="613"/>
      <c r="BDO700" s="613"/>
      <c r="BDP700" s="613"/>
      <c r="BDQ700" s="613"/>
      <c r="BDR700" s="613"/>
      <c r="BDS700" s="613"/>
      <c r="BDT700" s="613"/>
      <c r="BDU700" s="613"/>
      <c r="BDV700" s="613"/>
      <c r="BDW700" s="613"/>
      <c r="BDX700" s="613"/>
      <c r="BDY700" s="613"/>
      <c r="BDZ700" s="613"/>
      <c r="BEA700" s="613"/>
      <c r="BEB700" s="613"/>
      <c r="BEC700" s="613"/>
      <c r="BED700" s="613"/>
      <c r="BEE700" s="613"/>
      <c r="BEF700" s="613"/>
      <c r="BEG700" s="613"/>
      <c r="BEH700" s="613"/>
      <c r="BEI700" s="613"/>
      <c r="BEJ700" s="613"/>
      <c r="BEK700" s="613"/>
      <c r="BEL700" s="613"/>
      <c r="BEM700" s="613"/>
      <c r="BEN700" s="613"/>
      <c r="BEO700" s="613"/>
      <c r="BEP700" s="613"/>
      <c r="BEQ700" s="613"/>
      <c r="BER700" s="613"/>
      <c r="BES700" s="613"/>
      <c r="BET700" s="613"/>
      <c r="BEU700" s="613"/>
      <c r="BEV700" s="613"/>
      <c r="BEW700" s="613"/>
      <c r="BEX700" s="613"/>
      <c r="BEY700" s="613"/>
      <c r="BEZ700" s="613"/>
      <c r="BFA700" s="613"/>
      <c r="BFB700" s="613"/>
      <c r="BFC700" s="613"/>
      <c r="BFD700" s="613"/>
      <c r="BFE700" s="613"/>
      <c r="BFF700" s="613"/>
      <c r="BFG700" s="613"/>
      <c r="BFH700" s="613"/>
      <c r="BFI700" s="613"/>
      <c r="BFJ700" s="613"/>
      <c r="BFK700" s="613"/>
      <c r="BFL700" s="613"/>
      <c r="BFM700" s="613"/>
      <c r="BFN700" s="613"/>
      <c r="BFO700" s="613"/>
      <c r="BFP700" s="613"/>
      <c r="BFQ700" s="613"/>
      <c r="BFR700" s="613"/>
      <c r="BFS700" s="613"/>
      <c r="BFT700" s="613"/>
      <c r="BFU700" s="613"/>
      <c r="BFV700" s="613"/>
      <c r="BFW700" s="613"/>
      <c r="BFX700" s="613"/>
      <c r="BFY700" s="613"/>
      <c r="BFZ700" s="613"/>
      <c r="BGA700" s="613"/>
      <c r="BGB700" s="613"/>
      <c r="BGC700" s="613"/>
      <c r="BGD700" s="613"/>
      <c r="BGE700" s="613"/>
      <c r="BGF700" s="613"/>
      <c r="BGG700" s="613"/>
      <c r="BGH700" s="613"/>
      <c r="BGI700" s="613"/>
      <c r="BGJ700" s="613"/>
      <c r="BGK700" s="613"/>
      <c r="BGL700" s="613"/>
      <c r="BGM700" s="613"/>
      <c r="BGN700" s="613"/>
      <c r="BGO700" s="613"/>
      <c r="BGP700" s="613"/>
      <c r="BGQ700" s="613"/>
      <c r="BGR700" s="613"/>
      <c r="BGS700" s="613"/>
      <c r="BGT700" s="613"/>
      <c r="BGU700" s="613"/>
      <c r="BGV700" s="613"/>
      <c r="BGW700" s="613"/>
      <c r="BGX700" s="613"/>
      <c r="BGY700" s="613"/>
      <c r="BGZ700" s="613"/>
      <c r="BHA700" s="613"/>
      <c r="BHB700" s="613"/>
      <c r="BHC700" s="613"/>
      <c r="BHD700" s="613"/>
      <c r="BHE700" s="613"/>
      <c r="BHF700" s="613"/>
      <c r="BHG700" s="613"/>
      <c r="BHH700" s="613"/>
      <c r="BHI700" s="613"/>
      <c r="BHJ700" s="613"/>
      <c r="BHK700" s="613"/>
      <c r="BHL700" s="613"/>
      <c r="BHM700" s="613"/>
      <c r="BHN700" s="613"/>
      <c r="BHO700" s="613"/>
      <c r="BHP700" s="613"/>
      <c r="BHQ700" s="613"/>
      <c r="BHR700" s="613"/>
      <c r="BHS700" s="613"/>
      <c r="BHT700" s="613"/>
      <c r="BHU700" s="613"/>
      <c r="BHV700" s="613"/>
      <c r="BHW700" s="613"/>
      <c r="BHX700" s="613"/>
      <c r="BHY700" s="613"/>
      <c r="BHZ700" s="613"/>
      <c r="BIA700" s="613"/>
      <c r="BIB700" s="613"/>
      <c r="BIC700" s="613"/>
      <c r="BID700" s="613"/>
      <c r="BIE700" s="613"/>
      <c r="BIF700" s="613"/>
      <c r="BIG700" s="613"/>
      <c r="BIH700" s="613"/>
      <c r="BII700" s="613"/>
      <c r="BIJ700" s="613"/>
      <c r="BIK700" s="613"/>
      <c r="BIL700" s="613"/>
      <c r="BIM700" s="613"/>
      <c r="BIN700" s="613"/>
      <c r="BIO700" s="613"/>
      <c r="BIP700" s="613"/>
      <c r="BIQ700" s="613"/>
      <c r="BIR700" s="613"/>
      <c r="BIS700" s="613"/>
      <c r="BIT700" s="613"/>
      <c r="BIU700" s="613"/>
      <c r="BIV700" s="613"/>
      <c r="BIW700" s="613"/>
      <c r="BIX700" s="613"/>
      <c r="BIY700" s="613"/>
      <c r="BIZ700" s="613"/>
      <c r="BJA700" s="613"/>
      <c r="BJB700" s="613"/>
      <c r="BJC700" s="613"/>
      <c r="BJD700" s="613"/>
      <c r="BJE700" s="613"/>
      <c r="BJF700" s="613"/>
      <c r="BJG700" s="613"/>
      <c r="BJH700" s="613"/>
      <c r="BJI700" s="613"/>
      <c r="BJJ700" s="613"/>
      <c r="BJK700" s="613"/>
      <c r="BJL700" s="613"/>
      <c r="BJM700" s="613"/>
      <c r="BJN700" s="613"/>
      <c r="BJO700" s="613"/>
      <c r="BJP700" s="613"/>
      <c r="BJQ700" s="613"/>
      <c r="BJR700" s="613"/>
      <c r="BJS700" s="613"/>
      <c r="BJT700" s="613"/>
      <c r="BJU700" s="613"/>
      <c r="BJV700" s="613"/>
      <c r="BJW700" s="613"/>
      <c r="BJX700" s="613"/>
      <c r="BJY700" s="613"/>
      <c r="BJZ700" s="613"/>
      <c r="BKA700" s="613"/>
      <c r="BKB700" s="613"/>
      <c r="BKC700" s="613"/>
      <c r="BKD700" s="613"/>
      <c r="BKE700" s="613"/>
      <c r="BKF700" s="613"/>
      <c r="BKG700" s="613"/>
      <c r="BKH700" s="613"/>
      <c r="BKI700" s="613"/>
      <c r="BKJ700" s="613"/>
      <c r="BKK700" s="613"/>
      <c r="BKL700" s="613"/>
      <c r="BKM700" s="613"/>
      <c r="BKN700" s="613"/>
      <c r="BKO700" s="613"/>
      <c r="BKP700" s="613"/>
      <c r="BKQ700" s="613"/>
      <c r="BKR700" s="613"/>
      <c r="BKS700" s="613"/>
      <c r="BKT700" s="613"/>
      <c r="BKU700" s="613"/>
      <c r="BKV700" s="613"/>
      <c r="BKW700" s="613"/>
      <c r="BKX700" s="613"/>
      <c r="BKY700" s="613"/>
      <c r="BKZ700" s="613"/>
      <c r="BLA700" s="613"/>
      <c r="BLB700" s="613"/>
      <c r="BLC700" s="613"/>
      <c r="BLD700" s="613"/>
      <c r="BLE700" s="613"/>
      <c r="BLF700" s="613"/>
      <c r="BLG700" s="613"/>
      <c r="BLH700" s="613"/>
      <c r="BLI700" s="613"/>
      <c r="BLJ700" s="613"/>
      <c r="BLK700" s="613"/>
      <c r="BLL700" s="613"/>
      <c r="BLM700" s="613"/>
      <c r="BLN700" s="613"/>
      <c r="BLO700" s="613"/>
      <c r="BLP700" s="613"/>
      <c r="BLQ700" s="613"/>
      <c r="BLR700" s="613"/>
      <c r="BLS700" s="613"/>
      <c r="BLT700" s="613"/>
      <c r="BLU700" s="613"/>
      <c r="BLV700" s="613"/>
      <c r="BLW700" s="613"/>
      <c r="BLX700" s="613"/>
      <c r="BLY700" s="613"/>
      <c r="BLZ700" s="613"/>
      <c r="BMA700" s="613"/>
      <c r="BMB700" s="613"/>
      <c r="BMC700" s="613"/>
      <c r="BMD700" s="613"/>
      <c r="BME700" s="613"/>
      <c r="BMF700" s="613"/>
      <c r="BMG700" s="613"/>
      <c r="BMH700" s="613"/>
      <c r="BMI700" s="613"/>
      <c r="BMJ700" s="613"/>
      <c r="BMK700" s="613"/>
      <c r="BML700" s="613"/>
      <c r="BMM700" s="613"/>
      <c r="BMN700" s="613"/>
      <c r="BMO700" s="613"/>
      <c r="BMP700" s="613"/>
      <c r="BMQ700" s="613"/>
      <c r="BMR700" s="613"/>
      <c r="BMS700" s="613"/>
      <c r="BMT700" s="613"/>
      <c r="BMU700" s="613"/>
      <c r="BMV700" s="613"/>
      <c r="BMW700" s="613"/>
      <c r="BMX700" s="613"/>
      <c r="BMY700" s="613"/>
      <c r="BMZ700" s="613"/>
      <c r="BNA700" s="613"/>
      <c r="BNB700" s="613"/>
      <c r="BNC700" s="613"/>
      <c r="BND700" s="613"/>
      <c r="BNE700" s="613"/>
      <c r="BNF700" s="613"/>
      <c r="BNG700" s="613"/>
      <c r="BNH700" s="613"/>
      <c r="BNI700" s="613"/>
      <c r="BNJ700" s="613"/>
      <c r="BNK700" s="613"/>
      <c r="BNL700" s="613"/>
      <c r="BNM700" s="613"/>
      <c r="BNN700" s="613"/>
      <c r="BNO700" s="613"/>
      <c r="BNP700" s="613"/>
      <c r="BNQ700" s="613"/>
      <c r="BNR700" s="613"/>
      <c r="BNS700" s="613"/>
      <c r="BNT700" s="613"/>
      <c r="BNU700" s="613"/>
      <c r="BNV700" s="613"/>
      <c r="BNW700" s="613"/>
      <c r="BNX700" s="613"/>
      <c r="BNY700" s="613"/>
      <c r="BNZ700" s="613"/>
      <c r="BOA700" s="613"/>
      <c r="BOB700" s="613"/>
      <c r="BOC700" s="613"/>
      <c r="BOD700" s="613"/>
      <c r="BOE700" s="613"/>
      <c r="BOF700" s="613"/>
      <c r="BOG700" s="613"/>
      <c r="BOH700" s="613"/>
      <c r="BOI700" s="613"/>
      <c r="BOJ700" s="613"/>
      <c r="BOK700" s="613"/>
      <c r="BOL700" s="613"/>
      <c r="BOM700" s="613"/>
      <c r="BON700" s="613"/>
      <c r="BOO700" s="613"/>
      <c r="BOP700" s="613"/>
      <c r="BOQ700" s="613"/>
      <c r="BOR700" s="613"/>
      <c r="BOS700" s="613"/>
      <c r="BOT700" s="613"/>
      <c r="BOU700" s="613"/>
      <c r="BOV700" s="613"/>
      <c r="BOW700" s="613"/>
      <c r="BOX700" s="613"/>
      <c r="BOY700" s="613"/>
      <c r="BOZ700" s="613"/>
      <c r="BPA700" s="613"/>
      <c r="BPB700" s="613"/>
      <c r="BPC700" s="613"/>
      <c r="BPD700" s="613"/>
      <c r="BPE700" s="613"/>
      <c r="BPF700" s="613"/>
      <c r="BPG700" s="613"/>
      <c r="BPH700" s="613"/>
      <c r="BPI700" s="613"/>
      <c r="BPJ700" s="613"/>
      <c r="BPK700" s="613"/>
      <c r="BPL700" s="613"/>
      <c r="BPM700" s="613"/>
      <c r="BPN700" s="613"/>
      <c r="BPO700" s="613"/>
      <c r="BPP700" s="613"/>
      <c r="BPQ700" s="613"/>
      <c r="BPR700" s="613"/>
      <c r="BPS700" s="613"/>
      <c r="BPT700" s="613"/>
      <c r="BPU700" s="613"/>
      <c r="BPV700" s="613"/>
      <c r="BPW700" s="613"/>
      <c r="BPX700" s="613"/>
      <c r="BPY700" s="613"/>
      <c r="BPZ700" s="613"/>
      <c r="BQA700" s="613"/>
      <c r="BQB700" s="613"/>
      <c r="BQC700" s="613"/>
      <c r="BQD700" s="613"/>
      <c r="BQE700" s="613"/>
      <c r="BQF700" s="613"/>
      <c r="BQG700" s="613"/>
      <c r="BQH700" s="613"/>
      <c r="BQI700" s="613"/>
      <c r="BQJ700" s="613"/>
      <c r="BQK700" s="613"/>
      <c r="BQL700" s="613"/>
      <c r="BQM700" s="613"/>
      <c r="BQN700" s="613"/>
      <c r="BQO700" s="613"/>
      <c r="BQP700" s="613"/>
      <c r="BQQ700" s="613"/>
      <c r="BQR700" s="613"/>
      <c r="BQS700" s="613"/>
      <c r="BQT700" s="613"/>
      <c r="BQU700" s="613"/>
      <c r="BQV700" s="613"/>
      <c r="BQW700" s="613"/>
      <c r="BQX700" s="613"/>
      <c r="BQY700" s="613"/>
      <c r="BQZ700" s="613"/>
      <c r="BRA700" s="613"/>
      <c r="BRB700" s="613"/>
      <c r="BRC700" s="613"/>
      <c r="BRD700" s="613"/>
      <c r="BRE700" s="613"/>
      <c r="BRF700" s="613"/>
      <c r="BRG700" s="613"/>
      <c r="BRH700" s="613"/>
      <c r="BRI700" s="613"/>
      <c r="BRJ700" s="613"/>
      <c r="BRK700" s="613"/>
      <c r="BRL700" s="613"/>
      <c r="BRM700" s="613"/>
      <c r="BRN700" s="613"/>
      <c r="BRO700" s="613"/>
      <c r="BRP700" s="613"/>
      <c r="BRQ700" s="613"/>
      <c r="BRR700" s="613"/>
      <c r="BRS700" s="613"/>
      <c r="BRT700" s="613"/>
      <c r="BRU700" s="613"/>
      <c r="BRV700" s="613"/>
      <c r="BRW700" s="613"/>
      <c r="BRX700" s="613"/>
      <c r="BRY700" s="613"/>
      <c r="BRZ700" s="613"/>
      <c r="BSA700" s="613"/>
      <c r="BSB700" s="613"/>
      <c r="BSC700" s="613"/>
      <c r="BSD700" s="613"/>
      <c r="BSE700" s="613"/>
      <c r="BSF700" s="613"/>
      <c r="BSG700" s="613"/>
      <c r="BSH700" s="613"/>
      <c r="BSI700" s="613"/>
      <c r="BSJ700" s="613"/>
      <c r="BSK700" s="613"/>
      <c r="BSL700" s="613"/>
      <c r="BSM700" s="613"/>
      <c r="BSN700" s="613"/>
      <c r="BSO700" s="613"/>
      <c r="BSP700" s="613"/>
      <c r="BSQ700" s="613"/>
      <c r="BSR700" s="613"/>
      <c r="BSS700" s="613"/>
      <c r="BST700" s="613"/>
      <c r="BSU700" s="613"/>
      <c r="BSV700" s="613"/>
      <c r="BSW700" s="613"/>
      <c r="BSX700" s="613"/>
      <c r="BSY700" s="613"/>
      <c r="BSZ700" s="613"/>
      <c r="BTA700" s="613"/>
      <c r="BTB700" s="613"/>
      <c r="BTC700" s="613"/>
      <c r="BTD700" s="613"/>
      <c r="BTE700" s="613"/>
      <c r="BTF700" s="613"/>
      <c r="BTG700" s="613"/>
      <c r="BTH700" s="613"/>
      <c r="BTI700" s="613"/>
      <c r="BTJ700" s="613"/>
      <c r="BTK700" s="613"/>
      <c r="BTL700" s="613"/>
      <c r="BTM700" s="613"/>
      <c r="BTN700" s="613"/>
      <c r="BTO700" s="613"/>
      <c r="BTP700" s="613"/>
      <c r="BTQ700" s="613"/>
      <c r="BTR700" s="613"/>
      <c r="BTS700" s="613"/>
      <c r="BTT700" s="613"/>
      <c r="BTU700" s="613"/>
      <c r="BTV700" s="613"/>
      <c r="BTW700" s="613"/>
      <c r="BTX700" s="613"/>
      <c r="BTY700" s="613"/>
      <c r="BTZ700" s="613"/>
      <c r="BUA700" s="613"/>
      <c r="BUB700" s="613"/>
      <c r="BUC700" s="613"/>
      <c r="BUD700" s="613"/>
      <c r="BUE700" s="613"/>
      <c r="BUF700" s="613"/>
      <c r="BUG700" s="613"/>
      <c r="BUH700" s="613"/>
      <c r="BUI700" s="613"/>
      <c r="BUJ700" s="613"/>
      <c r="BUK700" s="613"/>
      <c r="BUL700" s="613"/>
      <c r="BUM700" s="613"/>
      <c r="BUN700" s="613"/>
      <c r="BUO700" s="613"/>
      <c r="BUP700" s="613"/>
      <c r="BUQ700" s="613"/>
      <c r="BUR700" s="613"/>
      <c r="BUS700" s="613"/>
      <c r="BUT700" s="613"/>
      <c r="BUU700" s="613"/>
      <c r="BUV700" s="613"/>
      <c r="BUW700" s="613"/>
      <c r="BUX700" s="613"/>
      <c r="BUY700" s="613"/>
      <c r="BUZ700" s="613"/>
      <c r="BVA700" s="613"/>
      <c r="BVB700" s="613"/>
      <c r="BVC700" s="613"/>
      <c r="BVD700" s="613"/>
      <c r="BVE700" s="613"/>
      <c r="BVF700" s="613"/>
      <c r="BVG700" s="613"/>
      <c r="BVH700" s="613"/>
      <c r="BVI700" s="613"/>
      <c r="BVJ700" s="613"/>
      <c r="BVK700" s="613"/>
      <c r="BVL700" s="613"/>
      <c r="BVM700" s="613"/>
      <c r="BVN700" s="613"/>
      <c r="BVO700" s="613"/>
      <c r="BVP700" s="613"/>
      <c r="BVQ700" s="613"/>
      <c r="BVR700" s="613"/>
      <c r="BVS700" s="613"/>
      <c r="BVT700" s="613"/>
      <c r="BVU700" s="613"/>
      <c r="BVV700" s="613"/>
      <c r="BVW700" s="613"/>
      <c r="BVX700" s="613"/>
      <c r="BVY700" s="613"/>
      <c r="BVZ700" s="613"/>
      <c r="BWA700" s="613"/>
      <c r="BWB700" s="613"/>
      <c r="BWC700" s="613"/>
      <c r="BWD700" s="613"/>
      <c r="BWE700" s="613"/>
      <c r="BWF700" s="613"/>
      <c r="BWG700" s="613"/>
      <c r="BWH700" s="613"/>
      <c r="BWI700" s="613"/>
      <c r="BWJ700" s="613"/>
      <c r="BWK700" s="613"/>
      <c r="BWL700" s="613"/>
      <c r="BWM700" s="613"/>
      <c r="BWN700" s="613"/>
      <c r="BWO700" s="613"/>
      <c r="BWP700" s="613"/>
      <c r="BWQ700" s="613"/>
      <c r="BWR700" s="613"/>
      <c r="BWS700" s="613"/>
      <c r="BWT700" s="613"/>
      <c r="BWU700" s="613"/>
      <c r="BWV700" s="613"/>
      <c r="BWW700" s="613"/>
      <c r="BWX700" s="613"/>
      <c r="BWY700" s="613"/>
      <c r="BWZ700" s="613"/>
      <c r="BXA700" s="613"/>
      <c r="BXB700" s="613"/>
      <c r="BXC700" s="613"/>
      <c r="BXD700" s="613"/>
      <c r="BXE700" s="613"/>
      <c r="BXF700" s="613"/>
      <c r="BXG700" s="613"/>
      <c r="BXH700" s="613"/>
      <c r="BXI700" s="613"/>
      <c r="BXJ700" s="613"/>
      <c r="BXK700" s="613"/>
      <c r="BXL700" s="613"/>
      <c r="BXM700" s="613"/>
      <c r="BXN700" s="613"/>
      <c r="BXO700" s="613"/>
      <c r="BXP700" s="613"/>
      <c r="BXQ700" s="613"/>
      <c r="BXR700" s="613"/>
      <c r="BXS700" s="613"/>
      <c r="BXT700" s="613"/>
      <c r="BXU700" s="613"/>
      <c r="BXV700" s="613"/>
      <c r="BXW700" s="613"/>
      <c r="BXX700" s="613"/>
      <c r="BXY700" s="613"/>
      <c r="BXZ700" s="613"/>
      <c r="BYA700" s="613"/>
      <c r="BYB700" s="613"/>
      <c r="BYC700" s="613"/>
      <c r="BYD700" s="613"/>
      <c r="BYE700" s="613"/>
      <c r="BYF700" s="613"/>
      <c r="BYG700" s="613"/>
      <c r="BYH700" s="613"/>
      <c r="BYI700" s="613"/>
      <c r="BYJ700" s="613"/>
      <c r="BYK700" s="613"/>
      <c r="BYL700" s="613"/>
      <c r="BYM700" s="613"/>
      <c r="BYN700" s="613"/>
      <c r="BYO700" s="613"/>
      <c r="BYP700" s="613"/>
      <c r="BYQ700" s="613"/>
      <c r="BYR700" s="613"/>
      <c r="BYS700" s="613"/>
      <c r="BYT700" s="613"/>
      <c r="BYU700" s="613"/>
      <c r="BYV700" s="613"/>
      <c r="BYW700" s="613"/>
      <c r="BYX700" s="613"/>
      <c r="BYY700" s="613"/>
      <c r="BYZ700" s="613"/>
      <c r="BZA700" s="613"/>
      <c r="BZB700" s="613"/>
      <c r="BZC700" s="613"/>
      <c r="BZD700" s="613"/>
      <c r="BZE700" s="613"/>
      <c r="BZF700" s="613"/>
      <c r="BZG700" s="613"/>
      <c r="BZH700" s="613"/>
      <c r="BZI700" s="613"/>
      <c r="BZJ700" s="613"/>
      <c r="BZK700" s="613"/>
      <c r="BZL700" s="613"/>
      <c r="BZM700" s="613"/>
      <c r="BZN700" s="613"/>
      <c r="BZO700" s="613"/>
      <c r="BZP700" s="613"/>
      <c r="BZQ700" s="613"/>
      <c r="BZR700" s="613"/>
      <c r="BZS700" s="613"/>
      <c r="BZT700" s="613"/>
      <c r="BZU700" s="613"/>
      <c r="BZV700" s="613"/>
      <c r="BZW700" s="613"/>
      <c r="BZX700" s="613"/>
      <c r="BZY700" s="613"/>
      <c r="BZZ700" s="613"/>
      <c r="CAA700" s="613"/>
      <c r="CAB700" s="613"/>
      <c r="CAC700" s="613"/>
      <c r="CAD700" s="613"/>
      <c r="CAE700" s="613"/>
      <c r="CAF700" s="613"/>
      <c r="CAG700" s="613"/>
      <c r="CAH700" s="613"/>
      <c r="CAI700" s="613"/>
      <c r="CAJ700" s="613"/>
      <c r="CAK700" s="613"/>
      <c r="CAL700" s="613"/>
      <c r="CAM700" s="613"/>
      <c r="CAN700" s="613"/>
      <c r="CAO700" s="613"/>
      <c r="CAP700" s="613"/>
      <c r="CAQ700" s="613"/>
      <c r="CAR700" s="613"/>
      <c r="CAS700" s="613"/>
      <c r="CAT700" s="613"/>
      <c r="CAU700" s="613"/>
      <c r="CAV700" s="613"/>
      <c r="CAW700" s="613"/>
      <c r="CAX700" s="613"/>
      <c r="CAY700" s="613"/>
      <c r="CAZ700" s="613"/>
      <c r="CBA700" s="613"/>
      <c r="CBB700" s="613"/>
      <c r="CBC700" s="613"/>
      <c r="CBD700" s="613"/>
      <c r="CBE700" s="613"/>
      <c r="CBF700" s="613"/>
      <c r="CBG700" s="613"/>
      <c r="CBH700" s="613"/>
      <c r="CBI700" s="613"/>
      <c r="CBJ700" s="613"/>
      <c r="CBK700" s="613"/>
      <c r="CBL700" s="613"/>
      <c r="CBM700" s="613"/>
      <c r="CBN700" s="613"/>
      <c r="CBO700" s="613"/>
      <c r="CBP700" s="613"/>
      <c r="CBQ700" s="613"/>
      <c r="CBR700" s="613"/>
      <c r="CBS700" s="613"/>
      <c r="CBT700" s="613"/>
      <c r="CBU700" s="613"/>
      <c r="CBV700" s="613"/>
      <c r="CBW700" s="613"/>
      <c r="CBX700" s="613"/>
      <c r="CBY700" s="613"/>
      <c r="CBZ700" s="613"/>
      <c r="CCA700" s="613"/>
      <c r="CCB700" s="613"/>
      <c r="CCC700" s="613"/>
      <c r="CCD700" s="613"/>
      <c r="CCE700" s="613"/>
      <c r="CCF700" s="613"/>
      <c r="CCG700" s="613"/>
      <c r="CCH700" s="613"/>
      <c r="CCI700" s="613"/>
      <c r="CCJ700" s="613"/>
      <c r="CCK700" s="613"/>
      <c r="CCL700" s="613"/>
      <c r="CCM700" s="613"/>
      <c r="CCN700" s="613"/>
      <c r="CCO700" s="613"/>
      <c r="CCP700" s="613"/>
      <c r="CCQ700" s="613"/>
      <c r="CCR700" s="613"/>
      <c r="CCS700" s="613"/>
      <c r="CCT700" s="613"/>
      <c r="CCU700" s="613"/>
      <c r="CCV700" s="613"/>
      <c r="CCW700" s="613"/>
      <c r="CCX700" s="613"/>
      <c r="CCY700" s="613"/>
      <c r="CCZ700" s="613"/>
      <c r="CDA700" s="613"/>
      <c r="CDB700" s="613"/>
      <c r="CDC700" s="613"/>
      <c r="CDD700" s="613"/>
      <c r="CDE700" s="613"/>
      <c r="CDF700" s="613"/>
      <c r="CDG700" s="613"/>
      <c r="CDH700" s="613"/>
      <c r="CDI700" s="613"/>
      <c r="CDJ700" s="613"/>
      <c r="CDK700" s="613"/>
      <c r="CDL700" s="613"/>
      <c r="CDM700" s="613"/>
      <c r="CDN700" s="613"/>
      <c r="CDO700" s="613"/>
      <c r="CDP700" s="613"/>
      <c r="CDQ700" s="613"/>
      <c r="CDR700" s="613"/>
      <c r="CDS700" s="613"/>
      <c r="CDT700" s="613"/>
      <c r="CDU700" s="613"/>
      <c r="CDV700" s="613"/>
      <c r="CDW700" s="613"/>
      <c r="CDX700" s="613"/>
      <c r="CDY700" s="613"/>
      <c r="CDZ700" s="613"/>
      <c r="CEA700" s="613"/>
      <c r="CEB700" s="613"/>
      <c r="CEC700" s="613"/>
      <c r="CED700" s="613"/>
      <c r="CEE700" s="613"/>
      <c r="CEF700" s="613"/>
      <c r="CEG700" s="613"/>
      <c r="CEH700" s="613"/>
      <c r="CEI700" s="613"/>
      <c r="CEJ700" s="613"/>
      <c r="CEK700" s="613"/>
      <c r="CEL700" s="613"/>
      <c r="CEM700" s="613"/>
      <c r="CEN700" s="613"/>
      <c r="CEO700" s="613"/>
      <c r="CEP700" s="613"/>
      <c r="CEQ700" s="613"/>
      <c r="CER700" s="613"/>
      <c r="CES700" s="613"/>
      <c r="CET700" s="613"/>
      <c r="CEU700" s="613"/>
      <c r="CEV700" s="613"/>
      <c r="CEW700" s="613"/>
      <c r="CEX700" s="613"/>
      <c r="CEY700" s="613"/>
      <c r="CEZ700" s="613"/>
      <c r="CFA700" s="613"/>
      <c r="CFB700" s="613"/>
      <c r="CFC700" s="613"/>
      <c r="CFD700" s="613"/>
      <c r="CFE700" s="613"/>
      <c r="CFF700" s="613"/>
      <c r="CFG700" s="613"/>
      <c r="CFH700" s="613"/>
      <c r="CFI700" s="613"/>
      <c r="CFJ700" s="613"/>
      <c r="CFK700" s="613"/>
      <c r="CFL700" s="613"/>
      <c r="CFM700" s="613"/>
      <c r="CFN700" s="613"/>
      <c r="CFO700" s="613"/>
      <c r="CFP700" s="613"/>
      <c r="CFQ700" s="613"/>
      <c r="CFR700" s="613"/>
      <c r="CFS700" s="613"/>
      <c r="CFT700" s="613"/>
      <c r="CFU700" s="613"/>
      <c r="CFV700" s="613"/>
      <c r="CFW700" s="613"/>
      <c r="CFX700" s="613"/>
      <c r="CFY700" s="613"/>
      <c r="CFZ700" s="613"/>
      <c r="CGA700" s="613"/>
      <c r="CGB700" s="613"/>
      <c r="CGC700" s="613"/>
      <c r="CGD700" s="613"/>
      <c r="CGE700" s="613"/>
      <c r="CGF700" s="613"/>
      <c r="CGG700" s="613"/>
      <c r="CGH700" s="613"/>
      <c r="CGI700" s="613"/>
      <c r="CGJ700" s="613"/>
      <c r="CGK700" s="613"/>
      <c r="CGL700" s="613"/>
      <c r="CGM700" s="613"/>
      <c r="CGN700" s="613"/>
      <c r="CGO700" s="613"/>
      <c r="CGP700" s="613"/>
      <c r="CGQ700" s="613"/>
      <c r="CGR700" s="613"/>
      <c r="CGS700" s="613"/>
      <c r="CGT700" s="613"/>
      <c r="CGU700" s="613"/>
      <c r="CGV700" s="613"/>
      <c r="CGW700" s="613"/>
      <c r="CGX700" s="613"/>
      <c r="CGY700" s="613"/>
      <c r="CGZ700" s="613"/>
      <c r="CHA700" s="613"/>
      <c r="CHB700" s="613"/>
      <c r="CHC700" s="613"/>
      <c r="CHD700" s="613"/>
      <c r="CHE700" s="613"/>
      <c r="CHF700" s="613"/>
      <c r="CHG700" s="613"/>
      <c r="CHH700" s="613"/>
      <c r="CHI700" s="613"/>
      <c r="CHJ700" s="613"/>
      <c r="CHK700" s="613"/>
      <c r="CHL700" s="613"/>
      <c r="CHM700" s="613"/>
      <c r="CHN700" s="613"/>
      <c r="CHO700" s="613"/>
      <c r="CHP700" s="613"/>
      <c r="CHQ700" s="613"/>
      <c r="CHR700" s="613"/>
      <c r="CHS700" s="613"/>
      <c r="CHT700" s="613"/>
      <c r="CHU700" s="613"/>
      <c r="CHV700" s="613"/>
      <c r="CHW700" s="613"/>
      <c r="CHX700" s="613"/>
      <c r="CHY700" s="613"/>
      <c r="CHZ700" s="613"/>
      <c r="CIA700" s="613"/>
      <c r="CIB700" s="613"/>
      <c r="CIC700" s="613"/>
      <c r="CID700" s="613"/>
      <c r="CIE700" s="613"/>
      <c r="CIF700" s="613"/>
      <c r="CIG700" s="613"/>
      <c r="CIH700" s="613"/>
      <c r="CII700" s="613"/>
      <c r="CIJ700" s="613"/>
      <c r="CIK700" s="613"/>
      <c r="CIL700" s="613"/>
      <c r="CIM700" s="613"/>
      <c r="CIN700" s="613"/>
      <c r="CIO700" s="613"/>
      <c r="CIP700" s="613"/>
      <c r="CIQ700" s="613"/>
      <c r="CIR700" s="613"/>
      <c r="CIS700" s="613"/>
      <c r="CIT700" s="613"/>
      <c r="CIU700" s="613"/>
      <c r="CIV700" s="613"/>
      <c r="CIW700" s="613"/>
      <c r="CIX700" s="613"/>
      <c r="CIY700" s="613"/>
      <c r="CIZ700" s="613"/>
      <c r="CJA700" s="613"/>
      <c r="CJB700" s="613"/>
      <c r="CJC700" s="613"/>
      <c r="CJD700" s="613"/>
      <c r="CJE700" s="613"/>
      <c r="CJF700" s="613"/>
      <c r="CJG700" s="613"/>
      <c r="CJH700" s="613"/>
      <c r="CJI700" s="613"/>
      <c r="CJJ700" s="613"/>
      <c r="CJK700" s="613"/>
      <c r="CJL700" s="613"/>
      <c r="CJM700" s="613"/>
      <c r="CJN700" s="613"/>
      <c r="CJO700" s="613"/>
      <c r="CJP700" s="613"/>
      <c r="CJQ700" s="613"/>
      <c r="CJR700" s="613"/>
      <c r="CJS700" s="613"/>
      <c r="CJT700" s="613"/>
      <c r="CJU700" s="613"/>
      <c r="CJV700" s="613"/>
      <c r="CJW700" s="613"/>
      <c r="CJX700" s="613"/>
      <c r="CJY700" s="613"/>
      <c r="CJZ700" s="613"/>
      <c r="CKA700" s="613"/>
      <c r="CKB700" s="613"/>
      <c r="CKC700" s="613"/>
      <c r="CKD700" s="613"/>
      <c r="CKE700" s="613"/>
      <c r="CKF700" s="613"/>
      <c r="CKG700" s="613"/>
      <c r="CKH700" s="613"/>
      <c r="CKI700" s="613"/>
      <c r="CKJ700" s="613"/>
      <c r="CKK700" s="613"/>
      <c r="CKL700" s="613"/>
      <c r="CKM700" s="613"/>
      <c r="CKN700" s="613"/>
      <c r="CKO700" s="613"/>
      <c r="CKP700" s="613"/>
      <c r="CKQ700" s="613"/>
      <c r="CKR700" s="613"/>
      <c r="CKS700" s="613"/>
      <c r="CKT700" s="613"/>
      <c r="CKU700" s="613"/>
      <c r="CKV700" s="613"/>
      <c r="CKW700" s="613"/>
      <c r="CKX700" s="613"/>
      <c r="CKY700" s="613"/>
      <c r="CKZ700" s="613"/>
      <c r="CLA700" s="613"/>
      <c r="CLB700" s="613"/>
      <c r="CLC700" s="613"/>
      <c r="CLD700" s="613"/>
      <c r="CLE700" s="613"/>
      <c r="CLF700" s="613"/>
      <c r="CLG700" s="613"/>
      <c r="CLH700" s="613"/>
      <c r="CLI700" s="613"/>
      <c r="CLJ700" s="613"/>
      <c r="CLK700" s="613"/>
      <c r="CLL700" s="613"/>
      <c r="CLM700" s="613"/>
      <c r="CLN700" s="613"/>
      <c r="CLO700" s="613"/>
      <c r="CLP700" s="613"/>
      <c r="CLQ700" s="613"/>
      <c r="CLR700" s="613"/>
      <c r="CLS700" s="613"/>
      <c r="CLT700" s="613"/>
      <c r="CLU700" s="613"/>
      <c r="CLV700" s="613"/>
      <c r="CLW700" s="613"/>
      <c r="CLX700" s="613"/>
      <c r="CLY700" s="613"/>
      <c r="CLZ700" s="613"/>
      <c r="CMA700" s="613"/>
      <c r="CMB700" s="613"/>
      <c r="CMC700" s="613"/>
      <c r="CMD700" s="613"/>
      <c r="CME700" s="613"/>
      <c r="CMF700" s="613"/>
      <c r="CMG700" s="613"/>
      <c r="CMH700" s="613"/>
      <c r="CMI700" s="613"/>
      <c r="CMJ700" s="613"/>
      <c r="CMK700" s="613"/>
      <c r="CML700" s="613"/>
      <c r="CMM700" s="613"/>
      <c r="CMN700" s="613"/>
      <c r="CMO700" s="613"/>
      <c r="CMP700" s="613"/>
      <c r="CMQ700" s="613"/>
      <c r="CMR700" s="613"/>
      <c r="CMS700" s="613"/>
      <c r="CMT700" s="613"/>
      <c r="CMU700" s="613"/>
      <c r="CMV700" s="613"/>
      <c r="CMW700" s="613"/>
      <c r="CMX700" s="613"/>
      <c r="CMY700" s="613"/>
      <c r="CMZ700" s="613"/>
      <c r="CNA700" s="613"/>
      <c r="CNB700" s="613"/>
      <c r="CNC700" s="613"/>
      <c r="CND700" s="613"/>
      <c r="CNE700" s="613"/>
      <c r="CNF700" s="613"/>
      <c r="CNG700" s="613"/>
      <c r="CNH700" s="613"/>
      <c r="CNI700" s="613"/>
      <c r="CNJ700" s="613"/>
      <c r="CNK700" s="613"/>
      <c r="CNL700" s="613"/>
      <c r="CNM700" s="613"/>
      <c r="CNN700" s="613"/>
      <c r="CNO700" s="613"/>
      <c r="CNP700" s="613"/>
      <c r="CNQ700" s="613"/>
      <c r="CNR700" s="613"/>
      <c r="CNS700" s="613"/>
      <c r="CNT700" s="613"/>
      <c r="CNU700" s="613"/>
      <c r="CNV700" s="613"/>
      <c r="CNW700" s="613"/>
      <c r="CNX700" s="613"/>
      <c r="CNY700" s="613"/>
      <c r="CNZ700" s="613"/>
      <c r="COA700" s="613"/>
      <c r="COB700" s="613"/>
      <c r="COC700" s="613"/>
      <c r="COD700" s="613"/>
      <c r="COE700" s="613"/>
      <c r="COF700" s="613"/>
      <c r="COG700" s="613"/>
      <c r="COH700" s="613"/>
      <c r="COI700" s="613"/>
      <c r="COJ700" s="613"/>
      <c r="COK700" s="613"/>
      <c r="COL700" s="613"/>
      <c r="COM700" s="613"/>
      <c r="CON700" s="613"/>
      <c r="COO700" s="613"/>
      <c r="COP700" s="613"/>
      <c r="COQ700" s="613"/>
      <c r="COR700" s="613"/>
      <c r="COS700" s="613"/>
      <c r="COT700" s="613"/>
      <c r="COU700" s="613"/>
      <c r="COV700" s="613"/>
      <c r="COW700" s="613"/>
      <c r="COX700" s="613"/>
      <c r="COY700" s="613"/>
      <c r="COZ700" s="613"/>
      <c r="CPA700" s="613"/>
      <c r="CPB700" s="613"/>
      <c r="CPC700" s="613"/>
      <c r="CPD700" s="613"/>
      <c r="CPE700" s="613"/>
      <c r="CPF700" s="613"/>
      <c r="CPG700" s="613"/>
      <c r="CPH700" s="613"/>
      <c r="CPI700" s="613"/>
      <c r="CPJ700" s="613"/>
      <c r="CPK700" s="613"/>
      <c r="CPL700" s="613"/>
      <c r="CPM700" s="613"/>
      <c r="CPN700" s="613"/>
      <c r="CPO700" s="613"/>
      <c r="CPP700" s="613"/>
      <c r="CPQ700" s="613"/>
      <c r="CPR700" s="613"/>
      <c r="CPS700" s="613"/>
      <c r="CPT700" s="613"/>
      <c r="CPU700" s="613"/>
      <c r="CPV700" s="613"/>
      <c r="CPW700" s="613"/>
      <c r="CPX700" s="613"/>
      <c r="CPY700" s="613"/>
      <c r="CPZ700" s="613"/>
      <c r="CQA700" s="613"/>
      <c r="CQB700" s="613"/>
      <c r="CQC700" s="613"/>
      <c r="CQD700" s="613"/>
      <c r="CQE700" s="613"/>
      <c r="CQF700" s="613"/>
      <c r="CQG700" s="613"/>
      <c r="CQH700" s="613"/>
      <c r="CQI700" s="613"/>
      <c r="CQJ700" s="613"/>
      <c r="CQK700" s="613"/>
      <c r="CQL700" s="613"/>
      <c r="CQM700" s="613"/>
      <c r="CQN700" s="613"/>
      <c r="CQO700" s="613"/>
      <c r="CQP700" s="613"/>
      <c r="CQQ700" s="613"/>
      <c r="CQR700" s="613"/>
      <c r="CQS700" s="613"/>
      <c r="CQT700" s="613"/>
      <c r="CQU700" s="613"/>
      <c r="CQV700" s="613"/>
      <c r="CQW700" s="613"/>
      <c r="CQX700" s="613"/>
      <c r="CQY700" s="613"/>
      <c r="CQZ700" s="613"/>
      <c r="CRA700" s="613"/>
      <c r="CRB700" s="613"/>
      <c r="CRC700" s="613"/>
      <c r="CRD700" s="613"/>
      <c r="CRE700" s="613"/>
      <c r="CRF700" s="613"/>
      <c r="CRG700" s="613"/>
      <c r="CRH700" s="613"/>
      <c r="CRI700" s="613"/>
      <c r="CRJ700" s="613"/>
      <c r="CRK700" s="613"/>
      <c r="CRL700" s="613"/>
      <c r="CRM700" s="613"/>
      <c r="CRN700" s="613"/>
      <c r="CRO700" s="613"/>
      <c r="CRP700" s="613"/>
      <c r="CRQ700" s="613"/>
      <c r="CRR700" s="613"/>
      <c r="CRS700" s="613"/>
      <c r="CRT700" s="613"/>
      <c r="CRU700" s="613"/>
      <c r="CRV700" s="613"/>
      <c r="CRW700" s="613"/>
      <c r="CRX700" s="613"/>
      <c r="CRY700" s="613"/>
      <c r="CRZ700" s="613"/>
      <c r="CSA700" s="613"/>
      <c r="CSB700" s="613"/>
      <c r="CSC700" s="613"/>
      <c r="CSD700" s="613"/>
      <c r="CSE700" s="613"/>
      <c r="CSF700" s="613"/>
      <c r="CSG700" s="613"/>
      <c r="CSH700" s="613"/>
      <c r="CSI700" s="613"/>
      <c r="CSJ700" s="613"/>
      <c r="CSK700" s="613"/>
      <c r="CSL700" s="613"/>
      <c r="CSM700" s="613"/>
      <c r="CSN700" s="613"/>
      <c r="CSO700" s="613"/>
      <c r="CSP700" s="613"/>
      <c r="CSQ700" s="613"/>
      <c r="CSR700" s="613"/>
      <c r="CSS700" s="613"/>
      <c r="CST700" s="613"/>
      <c r="CSU700" s="613"/>
      <c r="CSV700" s="613"/>
      <c r="CSW700" s="613"/>
      <c r="CSX700" s="613"/>
      <c r="CSY700" s="613"/>
      <c r="CSZ700" s="613"/>
      <c r="CTA700" s="613"/>
      <c r="CTB700" s="613"/>
      <c r="CTC700" s="613"/>
      <c r="CTD700" s="613"/>
      <c r="CTE700" s="613"/>
      <c r="CTF700" s="613"/>
      <c r="CTG700" s="613"/>
      <c r="CTH700" s="613"/>
      <c r="CTI700" s="613"/>
      <c r="CTJ700" s="613"/>
      <c r="CTK700" s="613"/>
      <c r="CTL700" s="613"/>
      <c r="CTM700" s="613"/>
      <c r="CTN700" s="613"/>
      <c r="CTO700" s="613"/>
      <c r="CTP700" s="613"/>
      <c r="CTQ700" s="613"/>
      <c r="CTR700" s="613"/>
      <c r="CTS700" s="613"/>
      <c r="CTT700" s="613"/>
      <c r="CTU700" s="613"/>
      <c r="CTV700" s="613"/>
      <c r="CTW700" s="613"/>
      <c r="CTX700" s="613"/>
      <c r="CTY700" s="613"/>
      <c r="CTZ700" s="613"/>
      <c r="CUA700" s="613"/>
      <c r="CUB700" s="613"/>
      <c r="CUC700" s="613"/>
      <c r="CUD700" s="613"/>
      <c r="CUE700" s="613"/>
      <c r="CUF700" s="613"/>
      <c r="CUG700" s="613"/>
      <c r="CUH700" s="613"/>
      <c r="CUI700" s="613"/>
      <c r="CUJ700" s="613"/>
      <c r="CUK700" s="613"/>
      <c r="CUL700" s="613"/>
      <c r="CUM700" s="613"/>
      <c r="CUN700" s="613"/>
      <c r="CUO700" s="613"/>
      <c r="CUP700" s="613"/>
      <c r="CUQ700" s="613"/>
      <c r="CUR700" s="613"/>
      <c r="CUS700" s="613"/>
      <c r="CUT700" s="613"/>
      <c r="CUU700" s="613"/>
      <c r="CUV700" s="613"/>
      <c r="CUW700" s="613"/>
      <c r="CUX700" s="613"/>
      <c r="CUY700" s="613"/>
      <c r="CUZ700" s="613"/>
      <c r="CVA700" s="613"/>
      <c r="CVB700" s="613"/>
      <c r="CVC700" s="613"/>
      <c r="CVD700" s="613"/>
      <c r="CVE700" s="613"/>
      <c r="CVF700" s="613"/>
      <c r="CVG700" s="613"/>
      <c r="CVH700" s="613"/>
      <c r="CVI700" s="613"/>
      <c r="CVJ700" s="613"/>
      <c r="CVK700" s="613"/>
      <c r="CVL700" s="613"/>
      <c r="CVM700" s="613"/>
      <c r="CVN700" s="613"/>
      <c r="CVO700" s="613"/>
      <c r="CVP700" s="613"/>
      <c r="CVQ700" s="613"/>
      <c r="CVR700" s="613"/>
      <c r="CVS700" s="613"/>
      <c r="CVT700" s="613"/>
      <c r="CVU700" s="613"/>
      <c r="CVV700" s="613"/>
      <c r="CVW700" s="613"/>
      <c r="CVX700" s="613"/>
      <c r="CVY700" s="613"/>
      <c r="CVZ700" s="613"/>
      <c r="CWA700" s="613"/>
      <c r="CWB700" s="613"/>
      <c r="CWC700" s="613"/>
      <c r="CWD700" s="613"/>
      <c r="CWE700" s="613"/>
      <c r="CWF700" s="613"/>
      <c r="CWG700" s="613"/>
      <c r="CWH700" s="613"/>
      <c r="CWI700" s="613"/>
      <c r="CWJ700" s="613"/>
      <c r="CWK700" s="613"/>
      <c r="CWL700" s="613"/>
      <c r="CWM700" s="613"/>
      <c r="CWN700" s="613"/>
      <c r="CWO700" s="613"/>
      <c r="CWP700" s="613"/>
      <c r="CWQ700" s="613"/>
      <c r="CWR700" s="613"/>
      <c r="CWS700" s="613"/>
      <c r="CWT700" s="613"/>
      <c r="CWU700" s="613"/>
      <c r="CWV700" s="613"/>
      <c r="CWW700" s="613"/>
      <c r="CWX700" s="613"/>
      <c r="CWY700" s="613"/>
      <c r="CWZ700" s="613"/>
      <c r="CXA700" s="613"/>
      <c r="CXB700" s="613"/>
      <c r="CXC700" s="613"/>
      <c r="CXD700" s="613"/>
      <c r="CXE700" s="613"/>
      <c r="CXF700" s="613"/>
      <c r="CXG700" s="613"/>
      <c r="CXH700" s="613"/>
      <c r="CXI700" s="613"/>
      <c r="CXJ700" s="613"/>
      <c r="CXK700" s="613"/>
      <c r="CXL700" s="613"/>
      <c r="CXM700" s="613"/>
      <c r="CXN700" s="613"/>
      <c r="CXO700" s="613"/>
      <c r="CXP700" s="613"/>
      <c r="CXQ700" s="613"/>
      <c r="CXR700" s="613"/>
      <c r="CXS700" s="613"/>
      <c r="CXT700" s="613"/>
      <c r="CXU700" s="613"/>
      <c r="CXV700" s="613"/>
      <c r="CXW700" s="613"/>
      <c r="CXX700" s="613"/>
      <c r="CXY700" s="613"/>
      <c r="CXZ700" s="613"/>
      <c r="CYA700" s="613"/>
      <c r="CYB700" s="613"/>
      <c r="CYC700" s="613"/>
      <c r="CYD700" s="613"/>
      <c r="CYE700" s="613"/>
      <c r="CYF700" s="613"/>
      <c r="CYG700" s="613"/>
      <c r="CYH700" s="613"/>
      <c r="CYI700" s="613"/>
      <c r="CYJ700" s="613"/>
      <c r="CYK700" s="613"/>
      <c r="CYL700" s="613"/>
      <c r="CYM700" s="613"/>
      <c r="CYN700" s="613"/>
      <c r="CYO700" s="613"/>
      <c r="CYP700" s="613"/>
      <c r="CYQ700" s="613"/>
      <c r="CYR700" s="613"/>
      <c r="CYS700" s="613"/>
      <c r="CYT700" s="613"/>
      <c r="CYU700" s="613"/>
      <c r="CYV700" s="613"/>
      <c r="CYW700" s="613"/>
      <c r="CYX700" s="613"/>
      <c r="CYY700" s="613"/>
      <c r="CYZ700" s="613"/>
      <c r="CZA700" s="613"/>
      <c r="CZB700" s="613"/>
      <c r="CZC700" s="613"/>
      <c r="CZD700" s="613"/>
      <c r="CZE700" s="613"/>
      <c r="CZF700" s="613"/>
      <c r="CZG700" s="613"/>
      <c r="CZH700" s="613"/>
      <c r="CZI700" s="613"/>
      <c r="CZJ700" s="613"/>
      <c r="CZK700" s="613"/>
      <c r="CZL700" s="613"/>
      <c r="CZM700" s="613"/>
      <c r="CZN700" s="613"/>
      <c r="CZO700" s="613"/>
      <c r="CZP700" s="613"/>
      <c r="CZQ700" s="613"/>
      <c r="CZR700" s="613"/>
      <c r="CZS700" s="613"/>
      <c r="CZT700" s="613"/>
      <c r="CZU700" s="613"/>
      <c r="CZV700" s="613"/>
      <c r="CZW700" s="613"/>
      <c r="CZX700" s="613"/>
      <c r="CZY700" s="613"/>
      <c r="CZZ700" s="613"/>
      <c r="DAA700" s="613"/>
      <c r="DAB700" s="613"/>
      <c r="DAC700" s="613"/>
      <c r="DAD700" s="613"/>
      <c r="DAE700" s="613"/>
      <c r="DAF700" s="613"/>
      <c r="DAG700" s="613"/>
      <c r="DAH700" s="613"/>
      <c r="DAI700" s="613"/>
      <c r="DAJ700" s="613"/>
      <c r="DAK700" s="613"/>
      <c r="DAL700" s="613"/>
      <c r="DAM700" s="613"/>
      <c r="DAN700" s="613"/>
      <c r="DAO700" s="613"/>
      <c r="DAP700" s="613"/>
      <c r="DAQ700" s="613"/>
      <c r="DAR700" s="613"/>
      <c r="DAS700" s="613"/>
      <c r="DAT700" s="613"/>
      <c r="DAU700" s="613"/>
      <c r="DAV700" s="613"/>
      <c r="DAW700" s="613"/>
      <c r="DAX700" s="613"/>
      <c r="DAY700" s="613"/>
      <c r="DAZ700" s="613"/>
      <c r="DBA700" s="613"/>
      <c r="DBB700" s="613"/>
      <c r="DBC700" s="613"/>
      <c r="DBD700" s="613"/>
      <c r="DBE700" s="613"/>
      <c r="DBF700" s="613"/>
      <c r="DBG700" s="613"/>
      <c r="DBH700" s="613"/>
      <c r="DBI700" s="613"/>
      <c r="DBJ700" s="613"/>
      <c r="DBK700" s="613"/>
      <c r="DBL700" s="613"/>
      <c r="DBM700" s="613"/>
      <c r="DBN700" s="613"/>
      <c r="DBO700" s="613"/>
      <c r="DBP700" s="613"/>
      <c r="DBQ700" s="613"/>
      <c r="DBR700" s="613"/>
      <c r="DBS700" s="613"/>
      <c r="DBT700" s="613"/>
      <c r="DBU700" s="613"/>
      <c r="DBV700" s="613"/>
      <c r="DBW700" s="613"/>
      <c r="DBX700" s="613"/>
      <c r="DBY700" s="613"/>
      <c r="DBZ700" s="613"/>
      <c r="DCA700" s="613"/>
      <c r="DCB700" s="613"/>
      <c r="DCC700" s="613"/>
      <c r="DCD700" s="613"/>
      <c r="DCE700" s="613"/>
      <c r="DCF700" s="613"/>
      <c r="DCG700" s="613"/>
      <c r="DCH700" s="613"/>
      <c r="DCI700" s="613"/>
      <c r="DCJ700" s="613"/>
      <c r="DCK700" s="613"/>
      <c r="DCL700" s="613"/>
      <c r="DCM700" s="613"/>
      <c r="DCN700" s="613"/>
      <c r="DCO700" s="613"/>
      <c r="DCP700" s="613"/>
      <c r="DCQ700" s="613"/>
      <c r="DCR700" s="613"/>
      <c r="DCS700" s="613"/>
      <c r="DCT700" s="613"/>
      <c r="DCU700" s="613"/>
      <c r="DCV700" s="613"/>
      <c r="DCW700" s="613"/>
      <c r="DCX700" s="613"/>
      <c r="DCY700" s="613"/>
      <c r="DCZ700" s="613"/>
      <c r="DDA700" s="613"/>
      <c r="DDB700" s="613"/>
      <c r="DDC700" s="613"/>
      <c r="DDD700" s="613"/>
      <c r="DDE700" s="613"/>
      <c r="DDF700" s="613"/>
      <c r="DDG700" s="613"/>
      <c r="DDH700" s="613"/>
      <c r="DDI700" s="613"/>
      <c r="DDJ700" s="613"/>
      <c r="DDK700" s="613"/>
      <c r="DDL700" s="613"/>
      <c r="DDM700" s="613"/>
      <c r="DDN700" s="613"/>
      <c r="DDO700" s="613"/>
      <c r="DDP700" s="613"/>
      <c r="DDQ700" s="613"/>
      <c r="DDR700" s="613"/>
      <c r="DDS700" s="613"/>
      <c r="DDT700" s="613"/>
      <c r="DDU700" s="613"/>
      <c r="DDV700" s="613"/>
      <c r="DDW700" s="613"/>
      <c r="DDX700" s="613"/>
      <c r="DDY700" s="613"/>
      <c r="DDZ700" s="613"/>
      <c r="DEA700" s="613"/>
      <c r="DEB700" s="613"/>
      <c r="DEC700" s="613"/>
      <c r="DED700" s="613"/>
      <c r="DEE700" s="613"/>
      <c r="DEF700" s="613"/>
      <c r="DEG700" s="613"/>
      <c r="DEH700" s="613"/>
      <c r="DEI700" s="613"/>
      <c r="DEJ700" s="613"/>
      <c r="DEK700" s="613"/>
      <c r="DEL700" s="613"/>
      <c r="DEM700" s="613"/>
      <c r="DEN700" s="613"/>
      <c r="DEO700" s="613"/>
      <c r="DEP700" s="613"/>
      <c r="DEQ700" s="613"/>
      <c r="DER700" s="613"/>
      <c r="DES700" s="613"/>
      <c r="DET700" s="613"/>
      <c r="DEU700" s="613"/>
      <c r="DEV700" s="613"/>
      <c r="DEW700" s="613"/>
      <c r="DEX700" s="613"/>
      <c r="DEY700" s="613"/>
      <c r="DEZ700" s="613"/>
      <c r="DFA700" s="613"/>
      <c r="DFB700" s="613"/>
      <c r="DFC700" s="613"/>
      <c r="DFD700" s="613"/>
      <c r="DFE700" s="613"/>
      <c r="DFF700" s="613"/>
      <c r="DFG700" s="613"/>
      <c r="DFH700" s="613"/>
      <c r="DFI700" s="613"/>
      <c r="DFJ700" s="613"/>
      <c r="DFK700" s="613"/>
      <c r="DFL700" s="613"/>
      <c r="DFM700" s="613"/>
      <c r="DFN700" s="613"/>
      <c r="DFO700" s="613"/>
      <c r="DFP700" s="613"/>
      <c r="DFQ700" s="613"/>
      <c r="DFR700" s="613"/>
      <c r="DFS700" s="613"/>
      <c r="DFT700" s="613"/>
      <c r="DFU700" s="613"/>
      <c r="DFV700" s="613"/>
      <c r="DFW700" s="613"/>
      <c r="DFX700" s="613"/>
      <c r="DFY700" s="613"/>
      <c r="DFZ700" s="613"/>
      <c r="DGA700" s="613"/>
      <c r="DGB700" s="613"/>
      <c r="DGC700" s="613"/>
      <c r="DGD700" s="613"/>
      <c r="DGE700" s="613"/>
      <c r="DGF700" s="613"/>
      <c r="DGG700" s="613"/>
      <c r="DGH700" s="613"/>
      <c r="DGI700" s="613"/>
      <c r="DGJ700" s="613"/>
      <c r="DGK700" s="613"/>
      <c r="DGL700" s="613"/>
      <c r="DGM700" s="613"/>
      <c r="DGN700" s="613"/>
      <c r="DGO700" s="613"/>
      <c r="DGP700" s="613"/>
      <c r="DGQ700" s="613"/>
      <c r="DGR700" s="613"/>
      <c r="DGS700" s="613"/>
      <c r="DGT700" s="613"/>
      <c r="DGU700" s="613"/>
      <c r="DGV700" s="613"/>
      <c r="DGW700" s="613"/>
      <c r="DGX700" s="613"/>
      <c r="DGY700" s="613"/>
      <c r="DGZ700" s="613"/>
      <c r="DHA700" s="613"/>
      <c r="DHB700" s="613"/>
      <c r="DHC700" s="613"/>
      <c r="DHD700" s="613"/>
      <c r="DHE700" s="613"/>
      <c r="DHF700" s="613"/>
      <c r="DHG700" s="613"/>
      <c r="DHH700" s="613"/>
      <c r="DHI700" s="613"/>
      <c r="DHJ700" s="613"/>
      <c r="DHK700" s="613"/>
      <c r="DHL700" s="613"/>
      <c r="DHM700" s="613"/>
      <c r="DHN700" s="613"/>
      <c r="DHO700" s="613"/>
      <c r="DHP700" s="613"/>
      <c r="DHQ700" s="613"/>
      <c r="DHR700" s="613"/>
      <c r="DHS700" s="613"/>
      <c r="DHT700" s="613"/>
      <c r="DHU700" s="613"/>
      <c r="DHV700" s="613"/>
      <c r="DHW700" s="613"/>
      <c r="DHX700" s="613"/>
      <c r="DHY700" s="613"/>
      <c r="DHZ700" s="613"/>
      <c r="DIA700" s="613"/>
      <c r="DIB700" s="613"/>
      <c r="DIC700" s="613"/>
      <c r="DID700" s="613"/>
      <c r="DIE700" s="613"/>
      <c r="DIF700" s="613"/>
      <c r="DIG700" s="613"/>
      <c r="DIH700" s="613"/>
      <c r="DII700" s="613"/>
      <c r="DIJ700" s="613"/>
      <c r="DIK700" s="613"/>
      <c r="DIL700" s="613"/>
      <c r="DIM700" s="613"/>
      <c r="DIN700" s="613"/>
      <c r="DIO700" s="613"/>
      <c r="DIP700" s="613"/>
      <c r="DIQ700" s="613"/>
      <c r="DIR700" s="613"/>
      <c r="DIS700" s="613"/>
      <c r="DIT700" s="613"/>
      <c r="DIU700" s="613"/>
      <c r="DIV700" s="613"/>
      <c r="DIW700" s="613"/>
      <c r="DIX700" s="613"/>
      <c r="DIY700" s="613"/>
      <c r="DIZ700" s="613"/>
      <c r="DJA700" s="613"/>
      <c r="DJB700" s="613"/>
      <c r="DJC700" s="613"/>
      <c r="DJD700" s="613"/>
      <c r="DJE700" s="613"/>
      <c r="DJF700" s="613"/>
      <c r="DJG700" s="613"/>
      <c r="DJH700" s="613"/>
      <c r="DJI700" s="613"/>
      <c r="DJJ700" s="613"/>
      <c r="DJK700" s="613"/>
      <c r="DJL700" s="613"/>
      <c r="DJM700" s="613"/>
      <c r="DJN700" s="613"/>
      <c r="DJO700" s="613"/>
      <c r="DJP700" s="613"/>
      <c r="DJQ700" s="613"/>
      <c r="DJR700" s="613"/>
      <c r="DJS700" s="613"/>
      <c r="DJT700" s="613"/>
      <c r="DJU700" s="613"/>
      <c r="DJV700" s="613"/>
      <c r="DJW700" s="613"/>
      <c r="DJX700" s="613"/>
      <c r="DJY700" s="613"/>
      <c r="DJZ700" s="613"/>
      <c r="DKA700" s="613"/>
      <c r="DKB700" s="613"/>
      <c r="DKC700" s="613"/>
      <c r="DKD700" s="613"/>
      <c r="DKE700" s="613"/>
      <c r="DKF700" s="613"/>
      <c r="DKG700" s="613"/>
      <c r="DKH700" s="613"/>
      <c r="DKI700" s="613"/>
      <c r="DKJ700" s="613"/>
      <c r="DKK700" s="613"/>
      <c r="DKL700" s="613"/>
      <c r="DKM700" s="613"/>
      <c r="DKN700" s="613"/>
      <c r="DKO700" s="613"/>
      <c r="DKP700" s="613"/>
      <c r="DKQ700" s="613"/>
      <c r="DKR700" s="613"/>
      <c r="DKS700" s="613"/>
      <c r="DKT700" s="613"/>
      <c r="DKU700" s="613"/>
      <c r="DKV700" s="613"/>
      <c r="DKW700" s="613"/>
      <c r="DKX700" s="613"/>
      <c r="DKY700" s="613"/>
      <c r="DKZ700" s="613"/>
      <c r="DLA700" s="613"/>
      <c r="DLB700" s="613"/>
      <c r="DLC700" s="613"/>
      <c r="DLD700" s="613"/>
      <c r="DLE700" s="613"/>
      <c r="DLF700" s="613"/>
      <c r="DLG700" s="613"/>
      <c r="DLH700" s="613"/>
      <c r="DLI700" s="613"/>
      <c r="DLJ700" s="613"/>
      <c r="DLK700" s="613"/>
      <c r="DLL700" s="613"/>
      <c r="DLM700" s="613"/>
      <c r="DLN700" s="613"/>
      <c r="DLO700" s="613"/>
      <c r="DLP700" s="613"/>
      <c r="DLQ700" s="613"/>
      <c r="DLR700" s="613"/>
      <c r="DLS700" s="613"/>
      <c r="DLT700" s="613"/>
      <c r="DLU700" s="613"/>
      <c r="DLV700" s="613"/>
      <c r="DLW700" s="613"/>
      <c r="DLX700" s="613"/>
      <c r="DLY700" s="613"/>
      <c r="DLZ700" s="613"/>
      <c r="DMA700" s="613"/>
      <c r="DMB700" s="613"/>
      <c r="DMC700" s="613"/>
      <c r="DMD700" s="613"/>
      <c r="DME700" s="613"/>
      <c r="DMF700" s="613"/>
      <c r="DMG700" s="613"/>
      <c r="DMH700" s="613"/>
      <c r="DMI700" s="613"/>
      <c r="DMJ700" s="613"/>
      <c r="DMK700" s="613"/>
      <c r="DML700" s="613"/>
      <c r="DMM700" s="613"/>
      <c r="DMN700" s="613"/>
      <c r="DMO700" s="613"/>
      <c r="DMP700" s="613"/>
      <c r="DMQ700" s="613"/>
      <c r="DMR700" s="613"/>
      <c r="DMS700" s="613"/>
      <c r="DMT700" s="613"/>
      <c r="DMU700" s="613"/>
      <c r="DMV700" s="613"/>
      <c r="DMW700" s="613"/>
      <c r="DMX700" s="613"/>
      <c r="DMY700" s="613"/>
      <c r="DMZ700" s="613"/>
      <c r="DNA700" s="613"/>
      <c r="DNB700" s="613"/>
      <c r="DNC700" s="613"/>
      <c r="DND700" s="613"/>
      <c r="DNE700" s="613"/>
      <c r="DNF700" s="613"/>
      <c r="DNG700" s="613"/>
      <c r="DNH700" s="613"/>
      <c r="DNI700" s="613"/>
      <c r="DNJ700" s="613"/>
      <c r="DNK700" s="613"/>
      <c r="DNL700" s="613"/>
      <c r="DNM700" s="613"/>
      <c r="DNN700" s="613"/>
      <c r="DNO700" s="613"/>
      <c r="DNP700" s="613"/>
      <c r="DNQ700" s="613"/>
      <c r="DNR700" s="613"/>
      <c r="DNS700" s="613"/>
      <c r="DNT700" s="613"/>
      <c r="DNU700" s="613"/>
      <c r="DNV700" s="613"/>
      <c r="DNW700" s="613"/>
      <c r="DNX700" s="613"/>
      <c r="DNY700" s="613"/>
      <c r="DNZ700" s="613"/>
      <c r="DOA700" s="613"/>
      <c r="DOB700" s="613"/>
      <c r="DOC700" s="613"/>
      <c r="DOD700" s="613"/>
      <c r="DOE700" s="613"/>
      <c r="DOF700" s="613"/>
      <c r="DOG700" s="613"/>
      <c r="DOH700" s="613"/>
      <c r="DOI700" s="613"/>
      <c r="DOJ700" s="613"/>
      <c r="DOK700" s="613"/>
      <c r="DOL700" s="613"/>
      <c r="DOM700" s="613"/>
      <c r="DON700" s="613"/>
      <c r="DOO700" s="613"/>
      <c r="DOP700" s="613"/>
      <c r="DOQ700" s="613"/>
      <c r="DOR700" s="613"/>
      <c r="DOS700" s="613"/>
      <c r="DOT700" s="613"/>
      <c r="DOU700" s="613"/>
      <c r="DOV700" s="613"/>
      <c r="DOW700" s="613"/>
      <c r="DOX700" s="613"/>
      <c r="DOY700" s="613"/>
      <c r="DOZ700" s="613"/>
      <c r="DPA700" s="613"/>
      <c r="DPB700" s="613"/>
      <c r="DPC700" s="613"/>
      <c r="DPD700" s="613"/>
      <c r="DPE700" s="613"/>
      <c r="DPF700" s="613"/>
      <c r="DPG700" s="613"/>
      <c r="DPH700" s="613"/>
      <c r="DPI700" s="613"/>
      <c r="DPJ700" s="613"/>
      <c r="DPK700" s="613"/>
      <c r="DPL700" s="613"/>
      <c r="DPM700" s="613"/>
      <c r="DPN700" s="613"/>
      <c r="DPO700" s="613"/>
      <c r="DPP700" s="613"/>
      <c r="DPQ700" s="613"/>
      <c r="DPR700" s="613"/>
      <c r="DPS700" s="613"/>
      <c r="DPT700" s="613"/>
      <c r="DPU700" s="613"/>
      <c r="DPV700" s="613"/>
      <c r="DPW700" s="613"/>
      <c r="DPX700" s="613"/>
      <c r="DPY700" s="613"/>
      <c r="DPZ700" s="613"/>
      <c r="DQA700" s="613"/>
      <c r="DQB700" s="613"/>
      <c r="DQC700" s="613"/>
      <c r="DQD700" s="613"/>
      <c r="DQE700" s="613"/>
      <c r="DQF700" s="613"/>
      <c r="DQG700" s="613"/>
      <c r="DQH700" s="613"/>
      <c r="DQI700" s="613"/>
      <c r="DQJ700" s="613"/>
      <c r="DQK700" s="613"/>
      <c r="DQL700" s="613"/>
      <c r="DQM700" s="613"/>
      <c r="DQN700" s="613"/>
      <c r="DQO700" s="613"/>
      <c r="DQP700" s="613"/>
      <c r="DQQ700" s="613"/>
      <c r="DQR700" s="613"/>
      <c r="DQS700" s="613"/>
      <c r="DQT700" s="613"/>
      <c r="DQU700" s="613"/>
      <c r="DQV700" s="613"/>
      <c r="DQW700" s="613"/>
      <c r="DQX700" s="613"/>
      <c r="DQY700" s="613"/>
      <c r="DQZ700" s="613"/>
      <c r="DRA700" s="613"/>
      <c r="DRB700" s="613"/>
      <c r="DRC700" s="613"/>
      <c r="DRD700" s="613"/>
      <c r="DRE700" s="613"/>
      <c r="DRF700" s="613"/>
      <c r="DRG700" s="613"/>
      <c r="DRH700" s="613"/>
      <c r="DRI700" s="613"/>
      <c r="DRJ700" s="613"/>
      <c r="DRK700" s="613"/>
      <c r="DRL700" s="613"/>
      <c r="DRM700" s="613"/>
      <c r="DRN700" s="613"/>
      <c r="DRO700" s="613"/>
      <c r="DRP700" s="613"/>
      <c r="DRQ700" s="613"/>
      <c r="DRR700" s="613"/>
      <c r="DRS700" s="613"/>
      <c r="DRT700" s="613"/>
      <c r="DRU700" s="613"/>
      <c r="DRV700" s="613"/>
      <c r="DRW700" s="613"/>
      <c r="DRX700" s="613"/>
      <c r="DRY700" s="613"/>
      <c r="DRZ700" s="613"/>
      <c r="DSA700" s="613"/>
      <c r="DSB700" s="613"/>
      <c r="DSC700" s="613"/>
      <c r="DSD700" s="613"/>
      <c r="DSE700" s="613"/>
      <c r="DSF700" s="613"/>
      <c r="DSG700" s="613"/>
      <c r="DSH700" s="613"/>
      <c r="DSI700" s="613"/>
      <c r="DSJ700" s="613"/>
      <c r="DSK700" s="613"/>
      <c r="DSL700" s="613"/>
      <c r="DSM700" s="613"/>
      <c r="DSN700" s="613"/>
      <c r="DSO700" s="613"/>
      <c r="DSP700" s="613"/>
      <c r="DSQ700" s="613"/>
      <c r="DSR700" s="613"/>
      <c r="DSS700" s="613"/>
      <c r="DST700" s="613"/>
      <c r="DSU700" s="613"/>
      <c r="DSV700" s="613"/>
      <c r="DSW700" s="613"/>
      <c r="DSX700" s="613"/>
      <c r="DSY700" s="613"/>
      <c r="DSZ700" s="613"/>
      <c r="DTA700" s="613"/>
      <c r="DTB700" s="613"/>
      <c r="DTC700" s="613"/>
      <c r="DTD700" s="613"/>
      <c r="DTE700" s="613"/>
      <c r="DTF700" s="613"/>
      <c r="DTG700" s="613"/>
      <c r="DTH700" s="613"/>
      <c r="DTI700" s="613"/>
      <c r="DTJ700" s="613"/>
      <c r="DTK700" s="613"/>
      <c r="DTL700" s="613"/>
      <c r="DTM700" s="613"/>
      <c r="DTN700" s="613"/>
      <c r="DTO700" s="613"/>
      <c r="DTP700" s="613"/>
      <c r="DTQ700" s="613"/>
      <c r="DTR700" s="613"/>
      <c r="DTS700" s="613"/>
      <c r="DTT700" s="613"/>
      <c r="DTU700" s="613"/>
      <c r="DTV700" s="613"/>
      <c r="DTW700" s="613"/>
      <c r="DTX700" s="613"/>
      <c r="DTY700" s="613"/>
      <c r="DTZ700" s="613"/>
      <c r="DUA700" s="613"/>
      <c r="DUB700" s="613"/>
      <c r="DUC700" s="613"/>
      <c r="DUD700" s="613"/>
      <c r="DUE700" s="613"/>
      <c r="DUF700" s="613"/>
      <c r="DUG700" s="613"/>
      <c r="DUH700" s="613"/>
      <c r="DUI700" s="613"/>
      <c r="DUJ700" s="613"/>
      <c r="DUK700" s="613"/>
      <c r="DUL700" s="613"/>
      <c r="DUM700" s="613"/>
      <c r="DUN700" s="613"/>
      <c r="DUO700" s="613"/>
      <c r="DUP700" s="613"/>
      <c r="DUQ700" s="613"/>
      <c r="DUR700" s="613"/>
      <c r="DUS700" s="613"/>
      <c r="DUT700" s="613"/>
      <c r="DUU700" s="613"/>
      <c r="DUV700" s="613"/>
      <c r="DUW700" s="613"/>
      <c r="DUX700" s="613"/>
      <c r="DUY700" s="613"/>
      <c r="DUZ700" s="613"/>
      <c r="DVA700" s="613"/>
      <c r="DVB700" s="613"/>
      <c r="DVC700" s="613"/>
      <c r="DVD700" s="613"/>
      <c r="DVE700" s="613"/>
      <c r="DVF700" s="613"/>
      <c r="DVG700" s="613"/>
      <c r="DVH700" s="613"/>
      <c r="DVI700" s="613"/>
      <c r="DVJ700" s="613"/>
      <c r="DVK700" s="613"/>
      <c r="DVL700" s="613"/>
      <c r="DVM700" s="613"/>
      <c r="DVN700" s="613"/>
      <c r="DVO700" s="613"/>
      <c r="DVP700" s="613"/>
      <c r="DVQ700" s="613"/>
      <c r="DVR700" s="613"/>
      <c r="DVS700" s="613"/>
      <c r="DVT700" s="613"/>
      <c r="DVU700" s="613"/>
      <c r="DVV700" s="613"/>
      <c r="DVW700" s="613"/>
      <c r="DVX700" s="613"/>
      <c r="DVY700" s="613"/>
      <c r="DVZ700" s="613"/>
      <c r="DWA700" s="613"/>
      <c r="DWB700" s="613"/>
      <c r="DWC700" s="613"/>
      <c r="DWD700" s="613"/>
      <c r="DWE700" s="613"/>
      <c r="DWF700" s="613"/>
      <c r="DWG700" s="613"/>
      <c r="DWH700" s="613"/>
      <c r="DWI700" s="613"/>
      <c r="DWJ700" s="613"/>
      <c r="DWK700" s="613"/>
      <c r="DWL700" s="613"/>
      <c r="DWM700" s="613"/>
      <c r="DWN700" s="613"/>
      <c r="DWO700" s="613"/>
      <c r="DWP700" s="613"/>
      <c r="DWQ700" s="613"/>
      <c r="DWR700" s="613"/>
      <c r="DWS700" s="613"/>
      <c r="DWT700" s="613"/>
      <c r="DWU700" s="613"/>
      <c r="DWV700" s="613"/>
      <c r="DWW700" s="613"/>
      <c r="DWX700" s="613"/>
      <c r="DWY700" s="613"/>
      <c r="DWZ700" s="613"/>
      <c r="DXA700" s="613"/>
      <c r="DXB700" s="613"/>
      <c r="DXC700" s="613"/>
      <c r="DXD700" s="613"/>
      <c r="DXE700" s="613"/>
      <c r="DXF700" s="613"/>
      <c r="DXG700" s="613"/>
      <c r="DXH700" s="613"/>
      <c r="DXI700" s="613"/>
      <c r="DXJ700" s="613"/>
      <c r="DXK700" s="613"/>
      <c r="DXL700" s="613"/>
      <c r="DXM700" s="613"/>
      <c r="DXN700" s="613"/>
      <c r="DXO700" s="613"/>
      <c r="DXP700" s="613"/>
      <c r="DXQ700" s="613"/>
      <c r="DXR700" s="613"/>
      <c r="DXS700" s="613"/>
      <c r="DXT700" s="613"/>
      <c r="DXU700" s="613"/>
      <c r="DXV700" s="613"/>
      <c r="DXW700" s="613"/>
      <c r="DXX700" s="613"/>
      <c r="DXY700" s="613"/>
      <c r="DXZ700" s="613"/>
      <c r="DYA700" s="613"/>
      <c r="DYB700" s="613"/>
      <c r="DYC700" s="613"/>
      <c r="DYD700" s="613"/>
      <c r="DYE700" s="613"/>
      <c r="DYF700" s="613"/>
      <c r="DYG700" s="613"/>
      <c r="DYH700" s="613"/>
      <c r="DYI700" s="613"/>
      <c r="DYJ700" s="613"/>
      <c r="DYK700" s="613"/>
      <c r="DYL700" s="613"/>
      <c r="DYM700" s="613"/>
      <c r="DYN700" s="613"/>
      <c r="DYO700" s="613"/>
      <c r="DYP700" s="613"/>
      <c r="DYQ700" s="613"/>
      <c r="DYR700" s="613"/>
      <c r="DYS700" s="613"/>
      <c r="DYT700" s="613"/>
      <c r="DYU700" s="613"/>
      <c r="DYV700" s="613"/>
      <c r="DYW700" s="613"/>
      <c r="DYX700" s="613"/>
      <c r="DYY700" s="613"/>
      <c r="DYZ700" s="613"/>
      <c r="DZA700" s="613"/>
      <c r="DZB700" s="613"/>
      <c r="DZC700" s="613"/>
      <c r="DZD700" s="613"/>
      <c r="DZE700" s="613"/>
      <c r="DZF700" s="613"/>
      <c r="DZG700" s="613"/>
      <c r="DZH700" s="613"/>
      <c r="DZI700" s="613"/>
      <c r="DZJ700" s="613"/>
      <c r="DZK700" s="613"/>
      <c r="DZL700" s="613"/>
      <c r="DZM700" s="613"/>
      <c r="DZN700" s="613"/>
      <c r="DZO700" s="613"/>
      <c r="DZP700" s="613"/>
      <c r="DZQ700" s="613"/>
      <c r="DZR700" s="613"/>
      <c r="DZS700" s="613"/>
      <c r="DZT700" s="613"/>
      <c r="DZU700" s="613"/>
      <c r="DZV700" s="613"/>
      <c r="DZW700" s="613"/>
      <c r="DZX700" s="613"/>
      <c r="DZY700" s="613"/>
      <c r="DZZ700" s="613"/>
      <c r="EAA700" s="613"/>
      <c r="EAB700" s="613"/>
      <c r="EAC700" s="613"/>
      <c r="EAD700" s="613"/>
      <c r="EAE700" s="613"/>
      <c r="EAF700" s="613"/>
      <c r="EAG700" s="613"/>
      <c r="EAH700" s="613"/>
      <c r="EAI700" s="613"/>
      <c r="EAJ700" s="613"/>
      <c r="EAK700" s="613"/>
      <c r="EAL700" s="613"/>
      <c r="EAM700" s="613"/>
      <c r="EAN700" s="613"/>
      <c r="EAO700" s="613"/>
      <c r="EAP700" s="613"/>
      <c r="EAQ700" s="613"/>
      <c r="EAR700" s="613"/>
      <c r="EAS700" s="613"/>
      <c r="EAT700" s="613"/>
      <c r="EAU700" s="613"/>
      <c r="EAV700" s="613"/>
      <c r="EAW700" s="613"/>
      <c r="EAX700" s="613"/>
      <c r="EAY700" s="613"/>
      <c r="EAZ700" s="613"/>
      <c r="EBA700" s="613"/>
      <c r="EBB700" s="613"/>
      <c r="EBC700" s="613"/>
      <c r="EBD700" s="613"/>
      <c r="EBE700" s="613"/>
      <c r="EBF700" s="613"/>
      <c r="EBG700" s="613"/>
      <c r="EBH700" s="613"/>
      <c r="EBI700" s="613"/>
      <c r="EBJ700" s="613"/>
      <c r="EBK700" s="613"/>
      <c r="EBL700" s="613"/>
      <c r="EBM700" s="613"/>
      <c r="EBN700" s="613"/>
      <c r="EBO700" s="613"/>
      <c r="EBP700" s="613"/>
      <c r="EBQ700" s="613"/>
      <c r="EBR700" s="613"/>
      <c r="EBS700" s="613"/>
      <c r="EBT700" s="613"/>
      <c r="EBU700" s="613"/>
      <c r="EBV700" s="613"/>
      <c r="EBW700" s="613"/>
      <c r="EBX700" s="613"/>
      <c r="EBY700" s="613"/>
      <c r="EBZ700" s="613"/>
      <c r="ECA700" s="613"/>
      <c r="ECB700" s="613"/>
      <c r="ECC700" s="613"/>
      <c r="ECD700" s="613"/>
      <c r="ECE700" s="613"/>
      <c r="ECF700" s="613"/>
      <c r="ECG700" s="613"/>
      <c r="ECH700" s="613"/>
      <c r="ECI700" s="613"/>
      <c r="ECJ700" s="613"/>
      <c r="ECK700" s="613"/>
      <c r="ECL700" s="613"/>
      <c r="ECM700" s="613"/>
      <c r="ECN700" s="613"/>
      <c r="ECO700" s="613"/>
      <c r="ECP700" s="613"/>
      <c r="ECQ700" s="613"/>
      <c r="ECR700" s="613"/>
      <c r="ECS700" s="613"/>
      <c r="ECT700" s="613"/>
      <c r="ECU700" s="613"/>
      <c r="ECV700" s="613"/>
      <c r="ECW700" s="613"/>
      <c r="ECX700" s="613"/>
      <c r="ECY700" s="613"/>
      <c r="ECZ700" s="613"/>
      <c r="EDA700" s="613"/>
      <c r="EDB700" s="613"/>
      <c r="EDC700" s="613"/>
      <c r="EDD700" s="613"/>
      <c r="EDE700" s="613"/>
      <c r="EDF700" s="613"/>
      <c r="EDG700" s="613"/>
      <c r="EDH700" s="613"/>
      <c r="EDI700" s="613"/>
      <c r="EDJ700" s="613"/>
      <c r="EDK700" s="613"/>
      <c r="EDL700" s="613"/>
      <c r="EDM700" s="613"/>
      <c r="EDN700" s="613"/>
      <c r="EDO700" s="613"/>
      <c r="EDP700" s="613"/>
      <c r="EDQ700" s="613"/>
      <c r="EDR700" s="613"/>
      <c r="EDS700" s="613"/>
      <c r="EDT700" s="613"/>
      <c r="EDU700" s="613"/>
      <c r="EDV700" s="613"/>
      <c r="EDW700" s="613"/>
      <c r="EDX700" s="613"/>
      <c r="EDY700" s="613"/>
      <c r="EDZ700" s="613"/>
      <c r="EEA700" s="613"/>
      <c r="EEB700" s="613"/>
      <c r="EEC700" s="613"/>
      <c r="EED700" s="613"/>
      <c r="EEE700" s="613"/>
      <c r="EEF700" s="613"/>
      <c r="EEG700" s="613"/>
      <c r="EEH700" s="613"/>
      <c r="EEI700" s="613"/>
      <c r="EEJ700" s="613"/>
      <c r="EEK700" s="613"/>
      <c r="EEL700" s="613"/>
      <c r="EEM700" s="613"/>
      <c r="EEN700" s="613"/>
      <c r="EEO700" s="613"/>
      <c r="EEP700" s="613"/>
      <c r="EEQ700" s="613"/>
      <c r="EER700" s="613"/>
      <c r="EES700" s="613"/>
      <c r="EET700" s="613"/>
      <c r="EEU700" s="613"/>
      <c r="EEV700" s="613"/>
      <c r="EEW700" s="613"/>
      <c r="EEX700" s="613"/>
      <c r="EEY700" s="613"/>
      <c r="EEZ700" s="613"/>
      <c r="EFA700" s="613"/>
      <c r="EFB700" s="613"/>
      <c r="EFC700" s="613"/>
      <c r="EFD700" s="613"/>
      <c r="EFE700" s="613"/>
      <c r="EFF700" s="613"/>
      <c r="EFG700" s="613"/>
      <c r="EFH700" s="613"/>
      <c r="EFI700" s="613"/>
      <c r="EFJ700" s="613"/>
      <c r="EFK700" s="613"/>
      <c r="EFL700" s="613"/>
      <c r="EFM700" s="613"/>
      <c r="EFN700" s="613"/>
      <c r="EFO700" s="613"/>
      <c r="EFP700" s="613"/>
      <c r="EFQ700" s="613"/>
      <c r="EFR700" s="613"/>
      <c r="EFS700" s="613"/>
      <c r="EFT700" s="613"/>
      <c r="EFU700" s="613"/>
      <c r="EFV700" s="613"/>
      <c r="EFW700" s="613"/>
      <c r="EFX700" s="613"/>
      <c r="EFY700" s="613"/>
      <c r="EFZ700" s="613"/>
      <c r="EGA700" s="613"/>
      <c r="EGB700" s="613"/>
      <c r="EGC700" s="613"/>
      <c r="EGD700" s="613"/>
      <c r="EGE700" s="613"/>
      <c r="EGF700" s="613"/>
      <c r="EGG700" s="613"/>
      <c r="EGH700" s="613"/>
      <c r="EGI700" s="613"/>
      <c r="EGJ700" s="613"/>
      <c r="EGK700" s="613"/>
      <c r="EGL700" s="613"/>
      <c r="EGM700" s="613"/>
      <c r="EGN700" s="613"/>
      <c r="EGO700" s="613"/>
      <c r="EGP700" s="613"/>
      <c r="EGQ700" s="613"/>
      <c r="EGR700" s="613"/>
      <c r="EGS700" s="613"/>
      <c r="EGT700" s="613"/>
      <c r="EGU700" s="613"/>
      <c r="EGV700" s="613"/>
      <c r="EGW700" s="613"/>
      <c r="EGX700" s="613"/>
      <c r="EGY700" s="613"/>
      <c r="EGZ700" s="613"/>
      <c r="EHA700" s="613"/>
      <c r="EHB700" s="613"/>
      <c r="EHC700" s="613"/>
      <c r="EHD700" s="613"/>
      <c r="EHE700" s="613"/>
      <c r="EHF700" s="613"/>
      <c r="EHG700" s="613"/>
      <c r="EHH700" s="613"/>
      <c r="EHI700" s="613"/>
      <c r="EHJ700" s="613"/>
      <c r="EHK700" s="613"/>
      <c r="EHL700" s="613"/>
      <c r="EHM700" s="613"/>
      <c r="EHN700" s="613"/>
      <c r="EHO700" s="613"/>
      <c r="EHP700" s="613"/>
      <c r="EHQ700" s="613"/>
      <c r="EHR700" s="613"/>
      <c r="EHS700" s="613"/>
      <c r="EHT700" s="613"/>
      <c r="EHU700" s="613"/>
      <c r="EHV700" s="613"/>
      <c r="EHW700" s="613"/>
      <c r="EHX700" s="613"/>
      <c r="EHY700" s="613"/>
      <c r="EHZ700" s="613"/>
      <c r="EIA700" s="613"/>
      <c r="EIB700" s="613"/>
      <c r="EIC700" s="613"/>
      <c r="EID700" s="613"/>
      <c r="EIE700" s="613"/>
      <c r="EIF700" s="613"/>
      <c r="EIG700" s="613"/>
      <c r="EIH700" s="613"/>
      <c r="EII700" s="613"/>
      <c r="EIJ700" s="613"/>
      <c r="EIK700" s="613"/>
      <c r="EIL700" s="613"/>
      <c r="EIM700" s="613"/>
      <c r="EIN700" s="613"/>
      <c r="EIO700" s="613"/>
      <c r="EIP700" s="613"/>
      <c r="EIQ700" s="613"/>
      <c r="EIR700" s="613"/>
      <c r="EIS700" s="613"/>
      <c r="EIT700" s="613"/>
      <c r="EIU700" s="613"/>
      <c r="EIV700" s="613"/>
      <c r="EIW700" s="613"/>
      <c r="EIX700" s="613"/>
      <c r="EIY700" s="613"/>
      <c r="EIZ700" s="613"/>
      <c r="EJA700" s="613"/>
      <c r="EJB700" s="613"/>
      <c r="EJC700" s="613"/>
      <c r="EJD700" s="613"/>
      <c r="EJE700" s="613"/>
      <c r="EJF700" s="613"/>
      <c r="EJG700" s="613"/>
      <c r="EJH700" s="613"/>
      <c r="EJI700" s="613"/>
      <c r="EJJ700" s="613"/>
      <c r="EJK700" s="613"/>
      <c r="EJL700" s="613"/>
      <c r="EJM700" s="613"/>
      <c r="EJN700" s="613"/>
      <c r="EJO700" s="613"/>
      <c r="EJP700" s="613"/>
      <c r="EJQ700" s="613"/>
      <c r="EJR700" s="613"/>
      <c r="EJS700" s="613"/>
      <c r="EJT700" s="613"/>
      <c r="EJU700" s="613"/>
      <c r="EJV700" s="613"/>
      <c r="EJW700" s="613"/>
      <c r="EJX700" s="613"/>
      <c r="EJY700" s="613"/>
      <c r="EJZ700" s="613"/>
      <c r="EKA700" s="613"/>
      <c r="EKB700" s="613"/>
      <c r="EKC700" s="613"/>
      <c r="EKD700" s="613"/>
      <c r="EKE700" s="613"/>
      <c r="EKF700" s="613"/>
      <c r="EKG700" s="613"/>
      <c r="EKH700" s="613"/>
      <c r="EKI700" s="613"/>
      <c r="EKJ700" s="613"/>
      <c r="EKK700" s="613"/>
      <c r="EKL700" s="613"/>
      <c r="EKM700" s="613"/>
      <c r="EKN700" s="613"/>
      <c r="EKO700" s="613"/>
      <c r="EKP700" s="613"/>
      <c r="EKQ700" s="613"/>
      <c r="EKR700" s="613"/>
      <c r="EKS700" s="613"/>
      <c r="EKT700" s="613"/>
      <c r="EKU700" s="613"/>
      <c r="EKV700" s="613"/>
      <c r="EKW700" s="613"/>
      <c r="EKX700" s="613"/>
      <c r="EKY700" s="613"/>
      <c r="EKZ700" s="613"/>
      <c r="ELA700" s="613"/>
      <c r="ELB700" s="613"/>
      <c r="ELC700" s="613"/>
      <c r="ELD700" s="613"/>
      <c r="ELE700" s="613"/>
      <c r="ELF700" s="613"/>
      <c r="ELG700" s="613"/>
      <c r="ELH700" s="613"/>
      <c r="ELI700" s="613"/>
      <c r="ELJ700" s="613"/>
      <c r="ELK700" s="613"/>
      <c r="ELL700" s="613"/>
      <c r="ELM700" s="613"/>
      <c r="ELN700" s="613"/>
      <c r="ELO700" s="613"/>
      <c r="ELP700" s="613"/>
      <c r="ELQ700" s="613"/>
      <c r="ELR700" s="613"/>
      <c r="ELS700" s="613"/>
      <c r="ELT700" s="613"/>
      <c r="ELU700" s="613"/>
      <c r="ELV700" s="613"/>
      <c r="ELW700" s="613"/>
      <c r="ELX700" s="613"/>
      <c r="ELY700" s="613"/>
      <c r="ELZ700" s="613"/>
      <c r="EMA700" s="613"/>
      <c r="EMB700" s="613"/>
      <c r="EMC700" s="613"/>
      <c r="EMD700" s="613"/>
      <c r="EME700" s="613"/>
      <c r="EMF700" s="613"/>
      <c r="EMG700" s="613"/>
      <c r="EMH700" s="613"/>
      <c r="EMI700" s="613"/>
      <c r="EMJ700" s="613"/>
      <c r="EMK700" s="613"/>
      <c r="EML700" s="613"/>
      <c r="EMM700" s="613"/>
      <c r="EMN700" s="613"/>
      <c r="EMO700" s="613"/>
      <c r="EMP700" s="613"/>
      <c r="EMQ700" s="613"/>
      <c r="EMR700" s="613"/>
      <c r="EMS700" s="613"/>
      <c r="EMT700" s="613"/>
      <c r="EMU700" s="613"/>
      <c r="EMV700" s="613"/>
      <c r="EMW700" s="613"/>
      <c r="EMX700" s="613"/>
      <c r="EMY700" s="613"/>
      <c r="EMZ700" s="613"/>
      <c r="ENA700" s="613"/>
      <c r="ENB700" s="613"/>
      <c r="ENC700" s="613"/>
      <c r="END700" s="613"/>
      <c r="ENE700" s="613"/>
      <c r="ENF700" s="613"/>
      <c r="ENG700" s="613"/>
      <c r="ENH700" s="613"/>
      <c r="ENI700" s="613"/>
      <c r="ENJ700" s="613"/>
      <c r="ENK700" s="613"/>
      <c r="ENL700" s="613"/>
      <c r="ENM700" s="613"/>
      <c r="ENN700" s="613"/>
      <c r="ENO700" s="613"/>
      <c r="ENP700" s="613"/>
      <c r="ENQ700" s="613"/>
      <c r="ENR700" s="613"/>
      <c r="ENS700" s="613"/>
      <c r="ENT700" s="613"/>
      <c r="ENU700" s="613"/>
      <c r="ENV700" s="613"/>
      <c r="ENW700" s="613"/>
      <c r="ENX700" s="613"/>
      <c r="ENY700" s="613"/>
      <c r="ENZ700" s="613"/>
      <c r="EOA700" s="613"/>
      <c r="EOB700" s="613"/>
      <c r="EOC700" s="613"/>
      <c r="EOD700" s="613"/>
      <c r="EOE700" s="613"/>
      <c r="EOF700" s="613"/>
      <c r="EOG700" s="613"/>
      <c r="EOH700" s="613"/>
      <c r="EOI700" s="613"/>
      <c r="EOJ700" s="613"/>
      <c r="EOK700" s="613"/>
      <c r="EOL700" s="613"/>
      <c r="EOM700" s="613"/>
      <c r="EON700" s="613"/>
      <c r="EOO700" s="613"/>
      <c r="EOP700" s="613"/>
      <c r="EOQ700" s="613"/>
      <c r="EOR700" s="613"/>
      <c r="EOS700" s="613"/>
      <c r="EOT700" s="613"/>
      <c r="EOU700" s="613"/>
      <c r="EOV700" s="613"/>
      <c r="EOW700" s="613"/>
      <c r="EOX700" s="613"/>
      <c r="EOY700" s="613"/>
      <c r="EOZ700" s="613"/>
      <c r="EPA700" s="613"/>
      <c r="EPB700" s="613"/>
      <c r="EPC700" s="613"/>
      <c r="EPD700" s="613"/>
      <c r="EPE700" s="613"/>
      <c r="EPF700" s="613"/>
      <c r="EPG700" s="613"/>
      <c r="EPH700" s="613"/>
      <c r="EPI700" s="613"/>
      <c r="EPJ700" s="613"/>
      <c r="EPK700" s="613"/>
      <c r="EPL700" s="613"/>
      <c r="EPM700" s="613"/>
      <c r="EPN700" s="613"/>
      <c r="EPO700" s="613"/>
      <c r="EPP700" s="613"/>
      <c r="EPQ700" s="613"/>
      <c r="EPR700" s="613"/>
      <c r="EPS700" s="613"/>
      <c r="EPT700" s="613"/>
      <c r="EPU700" s="613"/>
      <c r="EPV700" s="613"/>
      <c r="EPW700" s="613"/>
      <c r="EPX700" s="613"/>
      <c r="EPY700" s="613"/>
      <c r="EPZ700" s="613"/>
      <c r="EQA700" s="613"/>
      <c r="EQB700" s="613"/>
      <c r="EQC700" s="613"/>
      <c r="EQD700" s="613"/>
      <c r="EQE700" s="613"/>
      <c r="EQF700" s="613"/>
      <c r="EQG700" s="613"/>
      <c r="EQH700" s="613"/>
      <c r="EQI700" s="613"/>
      <c r="EQJ700" s="613"/>
      <c r="EQK700" s="613"/>
      <c r="EQL700" s="613"/>
      <c r="EQM700" s="613"/>
      <c r="EQN700" s="613"/>
      <c r="EQO700" s="613"/>
      <c r="EQP700" s="613"/>
      <c r="EQQ700" s="613"/>
      <c r="EQR700" s="613"/>
      <c r="EQS700" s="613"/>
      <c r="EQT700" s="613"/>
      <c r="EQU700" s="613"/>
      <c r="EQV700" s="613"/>
      <c r="EQW700" s="613"/>
      <c r="EQX700" s="613"/>
      <c r="EQY700" s="613"/>
      <c r="EQZ700" s="613"/>
      <c r="ERA700" s="613"/>
      <c r="ERB700" s="613"/>
      <c r="ERC700" s="613"/>
      <c r="ERD700" s="613"/>
      <c r="ERE700" s="613"/>
      <c r="ERF700" s="613"/>
      <c r="ERG700" s="613"/>
      <c r="ERH700" s="613"/>
      <c r="ERI700" s="613"/>
      <c r="ERJ700" s="613"/>
      <c r="ERK700" s="613"/>
      <c r="ERL700" s="613"/>
      <c r="ERM700" s="613"/>
      <c r="ERN700" s="613"/>
      <c r="ERO700" s="613"/>
      <c r="ERP700" s="613"/>
      <c r="ERQ700" s="613"/>
      <c r="ERR700" s="613"/>
      <c r="ERS700" s="613"/>
      <c r="ERT700" s="613"/>
      <c r="ERU700" s="613"/>
      <c r="ERV700" s="613"/>
      <c r="ERW700" s="613"/>
      <c r="ERX700" s="613"/>
      <c r="ERY700" s="613"/>
      <c r="ERZ700" s="613"/>
      <c r="ESA700" s="613"/>
      <c r="ESB700" s="613"/>
      <c r="ESC700" s="613"/>
      <c r="ESD700" s="613"/>
      <c r="ESE700" s="613"/>
      <c r="ESF700" s="613"/>
      <c r="ESG700" s="613"/>
      <c r="ESH700" s="613"/>
      <c r="ESI700" s="613"/>
      <c r="ESJ700" s="613"/>
      <c r="ESK700" s="613"/>
      <c r="ESL700" s="613"/>
      <c r="ESM700" s="613"/>
      <c r="ESN700" s="613"/>
      <c r="ESO700" s="613"/>
      <c r="ESP700" s="613"/>
      <c r="ESQ700" s="613"/>
      <c r="ESR700" s="613"/>
      <c r="ESS700" s="613"/>
      <c r="EST700" s="613"/>
      <c r="ESU700" s="613"/>
      <c r="ESV700" s="613"/>
      <c r="ESW700" s="613"/>
      <c r="ESX700" s="613"/>
      <c r="ESY700" s="613"/>
      <c r="ESZ700" s="613"/>
      <c r="ETA700" s="613"/>
      <c r="ETB700" s="613"/>
      <c r="ETC700" s="613"/>
      <c r="ETD700" s="613"/>
      <c r="ETE700" s="613"/>
      <c r="ETF700" s="613"/>
      <c r="ETG700" s="613"/>
      <c r="ETH700" s="613"/>
      <c r="ETI700" s="613"/>
      <c r="ETJ700" s="613"/>
      <c r="ETK700" s="613"/>
      <c r="ETL700" s="613"/>
      <c r="ETM700" s="613"/>
      <c r="ETN700" s="613"/>
      <c r="ETO700" s="613"/>
      <c r="ETP700" s="613"/>
      <c r="ETQ700" s="613"/>
      <c r="ETR700" s="613"/>
      <c r="ETS700" s="613"/>
      <c r="ETT700" s="613"/>
      <c r="ETU700" s="613"/>
      <c r="ETV700" s="613"/>
      <c r="ETW700" s="613"/>
      <c r="ETX700" s="613"/>
      <c r="ETY700" s="613"/>
      <c r="ETZ700" s="613"/>
      <c r="EUA700" s="613"/>
      <c r="EUB700" s="613"/>
      <c r="EUC700" s="613"/>
      <c r="EUD700" s="613"/>
      <c r="EUE700" s="613"/>
      <c r="EUF700" s="613"/>
      <c r="EUG700" s="613"/>
      <c r="EUH700" s="613"/>
      <c r="EUI700" s="613"/>
      <c r="EUJ700" s="613"/>
      <c r="EUK700" s="613"/>
      <c r="EUL700" s="613"/>
      <c r="EUM700" s="613"/>
      <c r="EUN700" s="613"/>
      <c r="EUO700" s="613"/>
      <c r="EUP700" s="613"/>
      <c r="EUQ700" s="613"/>
      <c r="EUR700" s="613"/>
      <c r="EUS700" s="613"/>
      <c r="EUT700" s="613"/>
      <c r="EUU700" s="613"/>
      <c r="EUV700" s="613"/>
      <c r="EUW700" s="613"/>
      <c r="EUX700" s="613"/>
      <c r="EUY700" s="613"/>
      <c r="EUZ700" s="613"/>
      <c r="EVA700" s="613"/>
      <c r="EVB700" s="613"/>
      <c r="EVC700" s="613"/>
      <c r="EVD700" s="613"/>
      <c r="EVE700" s="613"/>
      <c r="EVF700" s="613"/>
      <c r="EVG700" s="613"/>
      <c r="EVH700" s="613"/>
      <c r="EVI700" s="613"/>
      <c r="EVJ700" s="613"/>
      <c r="EVK700" s="613"/>
      <c r="EVL700" s="613"/>
      <c r="EVM700" s="613"/>
      <c r="EVN700" s="613"/>
      <c r="EVO700" s="613"/>
      <c r="EVP700" s="613"/>
      <c r="EVQ700" s="613"/>
      <c r="EVR700" s="613"/>
      <c r="EVS700" s="613"/>
      <c r="EVT700" s="613"/>
      <c r="EVU700" s="613"/>
      <c r="EVV700" s="613"/>
      <c r="EVW700" s="613"/>
      <c r="EVX700" s="613"/>
      <c r="EVY700" s="613"/>
      <c r="EVZ700" s="613"/>
      <c r="EWA700" s="613"/>
      <c r="EWB700" s="613"/>
      <c r="EWC700" s="613"/>
      <c r="EWD700" s="613"/>
      <c r="EWE700" s="613"/>
      <c r="EWF700" s="613"/>
      <c r="EWG700" s="613"/>
      <c r="EWH700" s="613"/>
      <c r="EWI700" s="613"/>
      <c r="EWJ700" s="613"/>
      <c r="EWK700" s="613"/>
      <c r="EWL700" s="613"/>
      <c r="EWM700" s="613"/>
      <c r="EWN700" s="613"/>
      <c r="EWO700" s="613"/>
      <c r="EWP700" s="613"/>
      <c r="EWQ700" s="613"/>
      <c r="EWR700" s="613"/>
      <c r="EWS700" s="613"/>
      <c r="EWT700" s="613"/>
      <c r="EWU700" s="613"/>
      <c r="EWV700" s="613"/>
      <c r="EWW700" s="613"/>
      <c r="EWX700" s="613"/>
      <c r="EWY700" s="613"/>
      <c r="EWZ700" s="613"/>
      <c r="EXA700" s="613"/>
      <c r="EXB700" s="613"/>
      <c r="EXC700" s="613"/>
      <c r="EXD700" s="613"/>
      <c r="EXE700" s="613"/>
      <c r="EXF700" s="613"/>
      <c r="EXG700" s="613"/>
      <c r="EXH700" s="613"/>
      <c r="EXI700" s="613"/>
      <c r="EXJ700" s="613"/>
      <c r="EXK700" s="613"/>
      <c r="EXL700" s="613"/>
      <c r="EXM700" s="613"/>
      <c r="EXN700" s="613"/>
      <c r="EXO700" s="613"/>
      <c r="EXP700" s="613"/>
      <c r="EXQ700" s="613"/>
      <c r="EXR700" s="613"/>
      <c r="EXS700" s="613"/>
      <c r="EXT700" s="613"/>
      <c r="EXU700" s="613"/>
      <c r="EXV700" s="613"/>
      <c r="EXW700" s="613"/>
      <c r="EXX700" s="613"/>
      <c r="EXY700" s="613"/>
      <c r="EXZ700" s="613"/>
      <c r="EYA700" s="613"/>
      <c r="EYB700" s="613"/>
      <c r="EYC700" s="613"/>
      <c r="EYD700" s="613"/>
      <c r="EYE700" s="613"/>
      <c r="EYF700" s="613"/>
      <c r="EYG700" s="613"/>
      <c r="EYH700" s="613"/>
      <c r="EYI700" s="613"/>
      <c r="EYJ700" s="613"/>
      <c r="EYK700" s="613"/>
      <c r="EYL700" s="613"/>
      <c r="EYM700" s="613"/>
      <c r="EYN700" s="613"/>
      <c r="EYO700" s="613"/>
      <c r="EYP700" s="613"/>
      <c r="EYQ700" s="613"/>
      <c r="EYR700" s="613"/>
      <c r="EYS700" s="613"/>
      <c r="EYT700" s="613"/>
      <c r="EYU700" s="613"/>
      <c r="EYV700" s="613"/>
      <c r="EYW700" s="613"/>
      <c r="EYX700" s="613"/>
      <c r="EYY700" s="613"/>
      <c r="EYZ700" s="613"/>
      <c r="EZA700" s="613"/>
      <c r="EZB700" s="613"/>
      <c r="EZC700" s="613"/>
      <c r="EZD700" s="613"/>
      <c r="EZE700" s="613"/>
      <c r="EZF700" s="613"/>
      <c r="EZG700" s="613"/>
      <c r="EZH700" s="613"/>
      <c r="EZI700" s="613"/>
      <c r="EZJ700" s="613"/>
      <c r="EZK700" s="613"/>
      <c r="EZL700" s="613"/>
      <c r="EZM700" s="613"/>
      <c r="EZN700" s="613"/>
      <c r="EZO700" s="613"/>
      <c r="EZP700" s="613"/>
      <c r="EZQ700" s="613"/>
      <c r="EZR700" s="613"/>
      <c r="EZS700" s="613"/>
      <c r="EZT700" s="613"/>
      <c r="EZU700" s="613"/>
      <c r="EZV700" s="613"/>
      <c r="EZW700" s="613"/>
      <c r="EZX700" s="613"/>
      <c r="EZY700" s="613"/>
      <c r="EZZ700" s="613"/>
      <c r="FAA700" s="613"/>
      <c r="FAB700" s="613"/>
      <c r="FAC700" s="613"/>
      <c r="FAD700" s="613"/>
      <c r="FAE700" s="613"/>
      <c r="FAF700" s="613"/>
      <c r="FAG700" s="613"/>
      <c r="FAH700" s="613"/>
      <c r="FAI700" s="613"/>
      <c r="FAJ700" s="613"/>
      <c r="FAK700" s="613"/>
      <c r="FAL700" s="613"/>
      <c r="FAM700" s="613"/>
      <c r="FAN700" s="613"/>
      <c r="FAO700" s="613"/>
      <c r="FAP700" s="613"/>
      <c r="FAQ700" s="613"/>
      <c r="FAR700" s="613"/>
      <c r="FAS700" s="613"/>
      <c r="FAT700" s="613"/>
      <c r="FAU700" s="613"/>
      <c r="FAV700" s="613"/>
      <c r="FAW700" s="613"/>
      <c r="FAX700" s="613"/>
      <c r="FAY700" s="613"/>
      <c r="FAZ700" s="613"/>
      <c r="FBA700" s="613"/>
      <c r="FBB700" s="613"/>
      <c r="FBC700" s="613"/>
      <c r="FBD700" s="613"/>
      <c r="FBE700" s="613"/>
      <c r="FBF700" s="613"/>
      <c r="FBG700" s="613"/>
      <c r="FBH700" s="613"/>
      <c r="FBI700" s="613"/>
      <c r="FBJ700" s="613"/>
      <c r="FBK700" s="613"/>
      <c r="FBL700" s="613"/>
      <c r="FBM700" s="613"/>
      <c r="FBN700" s="613"/>
      <c r="FBO700" s="613"/>
      <c r="FBP700" s="613"/>
      <c r="FBQ700" s="613"/>
      <c r="FBR700" s="613"/>
      <c r="FBS700" s="613"/>
      <c r="FBT700" s="613"/>
      <c r="FBU700" s="613"/>
      <c r="FBV700" s="613"/>
      <c r="FBW700" s="613"/>
      <c r="FBX700" s="613"/>
      <c r="FBY700" s="613"/>
      <c r="FBZ700" s="613"/>
      <c r="FCA700" s="613"/>
      <c r="FCB700" s="613"/>
      <c r="FCC700" s="613"/>
      <c r="FCD700" s="613"/>
      <c r="FCE700" s="613"/>
      <c r="FCF700" s="613"/>
      <c r="FCG700" s="613"/>
      <c r="FCH700" s="613"/>
      <c r="FCI700" s="613"/>
      <c r="FCJ700" s="613"/>
      <c r="FCK700" s="613"/>
      <c r="FCL700" s="613"/>
      <c r="FCM700" s="613"/>
      <c r="FCN700" s="613"/>
      <c r="FCO700" s="613"/>
      <c r="FCP700" s="613"/>
      <c r="FCQ700" s="613"/>
      <c r="FCR700" s="613"/>
      <c r="FCS700" s="613"/>
      <c r="FCT700" s="613"/>
      <c r="FCU700" s="613"/>
      <c r="FCV700" s="613"/>
      <c r="FCW700" s="613"/>
      <c r="FCX700" s="613"/>
      <c r="FCY700" s="613"/>
      <c r="FCZ700" s="613"/>
      <c r="FDA700" s="613"/>
      <c r="FDB700" s="613"/>
      <c r="FDC700" s="613"/>
      <c r="FDD700" s="613"/>
      <c r="FDE700" s="613"/>
      <c r="FDF700" s="613"/>
      <c r="FDG700" s="613"/>
      <c r="FDH700" s="613"/>
      <c r="FDI700" s="613"/>
      <c r="FDJ700" s="613"/>
      <c r="FDK700" s="613"/>
      <c r="FDL700" s="613"/>
      <c r="FDM700" s="613"/>
      <c r="FDN700" s="613"/>
      <c r="FDO700" s="613"/>
      <c r="FDP700" s="613"/>
      <c r="FDQ700" s="613"/>
      <c r="FDR700" s="613"/>
      <c r="FDS700" s="613"/>
      <c r="FDT700" s="613"/>
      <c r="FDU700" s="613"/>
      <c r="FDV700" s="613"/>
      <c r="FDW700" s="613"/>
      <c r="FDX700" s="613"/>
      <c r="FDY700" s="613"/>
      <c r="FDZ700" s="613"/>
      <c r="FEA700" s="613"/>
      <c r="FEB700" s="613"/>
      <c r="FEC700" s="613"/>
      <c r="FED700" s="613"/>
      <c r="FEE700" s="613"/>
      <c r="FEF700" s="613"/>
      <c r="FEG700" s="613"/>
      <c r="FEH700" s="613"/>
      <c r="FEI700" s="613"/>
      <c r="FEJ700" s="613"/>
      <c r="FEK700" s="613"/>
      <c r="FEL700" s="613"/>
      <c r="FEM700" s="613"/>
      <c r="FEN700" s="613"/>
      <c r="FEO700" s="613"/>
      <c r="FEP700" s="613"/>
      <c r="FEQ700" s="613"/>
      <c r="FER700" s="613"/>
      <c r="FES700" s="613"/>
      <c r="FET700" s="613"/>
      <c r="FEU700" s="613"/>
      <c r="FEV700" s="613"/>
      <c r="FEW700" s="613"/>
      <c r="FEX700" s="613"/>
      <c r="FEY700" s="613"/>
      <c r="FEZ700" s="613"/>
      <c r="FFA700" s="613"/>
      <c r="FFB700" s="613"/>
      <c r="FFC700" s="613"/>
      <c r="FFD700" s="613"/>
      <c r="FFE700" s="613"/>
      <c r="FFF700" s="613"/>
      <c r="FFG700" s="613"/>
      <c r="FFH700" s="613"/>
      <c r="FFI700" s="613"/>
      <c r="FFJ700" s="613"/>
      <c r="FFK700" s="613"/>
      <c r="FFL700" s="613"/>
      <c r="FFM700" s="613"/>
      <c r="FFN700" s="613"/>
      <c r="FFO700" s="613"/>
      <c r="FFP700" s="613"/>
      <c r="FFQ700" s="613"/>
      <c r="FFR700" s="613"/>
      <c r="FFS700" s="613"/>
      <c r="FFT700" s="613"/>
      <c r="FFU700" s="613"/>
      <c r="FFV700" s="613"/>
      <c r="FFW700" s="613"/>
      <c r="FFX700" s="613"/>
      <c r="FFY700" s="613"/>
      <c r="FFZ700" s="613"/>
      <c r="FGA700" s="613"/>
      <c r="FGB700" s="613"/>
      <c r="FGC700" s="613"/>
      <c r="FGD700" s="613"/>
      <c r="FGE700" s="613"/>
      <c r="FGF700" s="613"/>
      <c r="FGG700" s="613"/>
      <c r="FGH700" s="613"/>
      <c r="FGI700" s="613"/>
      <c r="FGJ700" s="613"/>
      <c r="FGK700" s="613"/>
      <c r="FGL700" s="613"/>
      <c r="FGM700" s="613"/>
      <c r="FGN700" s="613"/>
      <c r="FGO700" s="613"/>
      <c r="FGP700" s="613"/>
      <c r="FGQ700" s="613"/>
      <c r="FGR700" s="613"/>
      <c r="FGS700" s="613"/>
      <c r="FGT700" s="613"/>
      <c r="FGU700" s="613"/>
      <c r="FGV700" s="613"/>
      <c r="FGW700" s="613"/>
      <c r="FGX700" s="613"/>
      <c r="FGY700" s="613"/>
      <c r="FGZ700" s="613"/>
      <c r="FHA700" s="613"/>
      <c r="FHB700" s="613"/>
      <c r="FHC700" s="613"/>
      <c r="FHD700" s="613"/>
      <c r="FHE700" s="613"/>
      <c r="FHF700" s="613"/>
      <c r="FHG700" s="613"/>
      <c r="FHH700" s="613"/>
      <c r="FHI700" s="613"/>
      <c r="FHJ700" s="613"/>
      <c r="FHK700" s="613"/>
      <c r="FHL700" s="613"/>
      <c r="FHM700" s="613"/>
      <c r="FHN700" s="613"/>
      <c r="FHO700" s="613"/>
      <c r="FHP700" s="613"/>
      <c r="FHQ700" s="613"/>
      <c r="FHR700" s="613"/>
      <c r="FHS700" s="613"/>
      <c r="FHT700" s="613"/>
      <c r="FHU700" s="613"/>
      <c r="FHV700" s="613"/>
      <c r="FHW700" s="613"/>
      <c r="FHX700" s="613"/>
      <c r="FHY700" s="613"/>
      <c r="FHZ700" s="613"/>
      <c r="FIA700" s="613"/>
      <c r="FIB700" s="613"/>
      <c r="FIC700" s="613"/>
      <c r="FID700" s="613"/>
      <c r="FIE700" s="613"/>
      <c r="FIF700" s="613"/>
      <c r="FIG700" s="613"/>
      <c r="FIH700" s="613"/>
      <c r="FII700" s="613"/>
      <c r="FIJ700" s="613"/>
      <c r="FIK700" s="613"/>
      <c r="FIL700" s="613"/>
      <c r="FIM700" s="613"/>
      <c r="FIN700" s="613"/>
      <c r="FIO700" s="613"/>
      <c r="FIP700" s="613"/>
      <c r="FIQ700" s="613"/>
      <c r="FIR700" s="613"/>
      <c r="FIS700" s="613"/>
      <c r="FIT700" s="613"/>
      <c r="FIU700" s="613"/>
      <c r="FIV700" s="613"/>
      <c r="FIW700" s="613"/>
      <c r="FIX700" s="613"/>
      <c r="FIY700" s="613"/>
      <c r="FIZ700" s="613"/>
      <c r="FJA700" s="613"/>
      <c r="FJB700" s="613"/>
      <c r="FJC700" s="613"/>
      <c r="FJD700" s="613"/>
      <c r="FJE700" s="613"/>
      <c r="FJF700" s="613"/>
      <c r="FJG700" s="613"/>
      <c r="FJH700" s="613"/>
      <c r="FJI700" s="613"/>
      <c r="FJJ700" s="613"/>
      <c r="FJK700" s="613"/>
      <c r="FJL700" s="613"/>
      <c r="FJM700" s="613"/>
      <c r="FJN700" s="613"/>
      <c r="FJO700" s="613"/>
      <c r="FJP700" s="613"/>
      <c r="FJQ700" s="613"/>
      <c r="FJR700" s="613"/>
      <c r="FJS700" s="613"/>
      <c r="FJT700" s="613"/>
      <c r="FJU700" s="613"/>
      <c r="FJV700" s="613"/>
      <c r="FJW700" s="613"/>
      <c r="FJX700" s="613"/>
      <c r="FJY700" s="613"/>
      <c r="FJZ700" s="613"/>
      <c r="FKA700" s="613"/>
      <c r="FKB700" s="613"/>
      <c r="FKC700" s="613"/>
      <c r="FKD700" s="613"/>
      <c r="FKE700" s="613"/>
      <c r="FKF700" s="613"/>
      <c r="FKG700" s="613"/>
      <c r="FKH700" s="613"/>
      <c r="FKI700" s="613"/>
      <c r="FKJ700" s="613"/>
      <c r="FKK700" s="613"/>
      <c r="FKL700" s="613"/>
      <c r="FKM700" s="613"/>
      <c r="FKN700" s="613"/>
      <c r="FKO700" s="613"/>
      <c r="FKP700" s="613"/>
      <c r="FKQ700" s="613"/>
      <c r="FKR700" s="613"/>
      <c r="FKS700" s="613"/>
      <c r="FKT700" s="613"/>
      <c r="FKU700" s="613"/>
      <c r="FKV700" s="613"/>
      <c r="FKW700" s="613"/>
      <c r="FKX700" s="613"/>
      <c r="FKY700" s="613"/>
      <c r="FKZ700" s="613"/>
      <c r="FLA700" s="613"/>
      <c r="FLB700" s="613"/>
      <c r="FLC700" s="613"/>
      <c r="FLD700" s="613"/>
      <c r="FLE700" s="613"/>
      <c r="FLF700" s="613"/>
      <c r="FLG700" s="613"/>
      <c r="FLH700" s="613"/>
      <c r="FLI700" s="613"/>
      <c r="FLJ700" s="613"/>
      <c r="FLK700" s="613"/>
      <c r="FLL700" s="613"/>
      <c r="FLM700" s="613"/>
      <c r="FLN700" s="613"/>
      <c r="FLO700" s="613"/>
      <c r="FLP700" s="613"/>
      <c r="FLQ700" s="613"/>
      <c r="FLR700" s="613"/>
      <c r="FLS700" s="613"/>
      <c r="FLT700" s="613"/>
      <c r="FLU700" s="613"/>
      <c r="FLV700" s="613"/>
      <c r="FLW700" s="613"/>
      <c r="FLX700" s="613"/>
      <c r="FLY700" s="613"/>
      <c r="FLZ700" s="613"/>
      <c r="FMA700" s="613"/>
      <c r="FMB700" s="613"/>
      <c r="FMC700" s="613"/>
      <c r="FMD700" s="613"/>
      <c r="FME700" s="613"/>
      <c r="FMF700" s="613"/>
      <c r="FMG700" s="613"/>
      <c r="FMH700" s="613"/>
      <c r="FMI700" s="613"/>
      <c r="FMJ700" s="613"/>
      <c r="FMK700" s="613"/>
      <c r="FML700" s="613"/>
      <c r="FMM700" s="613"/>
      <c r="FMN700" s="613"/>
      <c r="FMO700" s="613"/>
      <c r="FMP700" s="613"/>
      <c r="FMQ700" s="613"/>
      <c r="FMR700" s="613"/>
      <c r="FMS700" s="613"/>
      <c r="FMT700" s="613"/>
      <c r="FMU700" s="613"/>
      <c r="FMV700" s="613"/>
      <c r="FMW700" s="613"/>
      <c r="FMX700" s="613"/>
      <c r="FMY700" s="613"/>
      <c r="FMZ700" s="613"/>
      <c r="FNA700" s="613"/>
      <c r="FNB700" s="613"/>
      <c r="FNC700" s="613"/>
      <c r="FND700" s="613"/>
      <c r="FNE700" s="613"/>
      <c r="FNF700" s="613"/>
      <c r="FNG700" s="613"/>
      <c r="FNH700" s="613"/>
      <c r="FNI700" s="613"/>
      <c r="FNJ700" s="613"/>
      <c r="FNK700" s="613"/>
      <c r="FNL700" s="613"/>
      <c r="FNM700" s="613"/>
      <c r="FNN700" s="613"/>
      <c r="FNO700" s="613"/>
      <c r="FNP700" s="613"/>
      <c r="FNQ700" s="613"/>
      <c r="FNR700" s="613"/>
      <c r="FNS700" s="613"/>
      <c r="FNT700" s="613"/>
      <c r="FNU700" s="613"/>
      <c r="FNV700" s="613"/>
      <c r="FNW700" s="613"/>
      <c r="FNX700" s="613"/>
      <c r="FNY700" s="613"/>
      <c r="FNZ700" s="613"/>
      <c r="FOA700" s="613"/>
      <c r="FOB700" s="613"/>
      <c r="FOC700" s="613"/>
      <c r="FOD700" s="613"/>
      <c r="FOE700" s="613"/>
      <c r="FOF700" s="613"/>
      <c r="FOG700" s="613"/>
      <c r="FOH700" s="613"/>
      <c r="FOI700" s="613"/>
      <c r="FOJ700" s="613"/>
      <c r="FOK700" s="613"/>
      <c r="FOL700" s="613"/>
      <c r="FOM700" s="613"/>
      <c r="FON700" s="613"/>
      <c r="FOO700" s="613"/>
      <c r="FOP700" s="613"/>
      <c r="FOQ700" s="613"/>
      <c r="FOR700" s="613"/>
      <c r="FOS700" s="613"/>
      <c r="FOT700" s="613"/>
      <c r="FOU700" s="613"/>
      <c r="FOV700" s="613"/>
      <c r="FOW700" s="613"/>
      <c r="FOX700" s="613"/>
      <c r="FOY700" s="613"/>
      <c r="FOZ700" s="613"/>
      <c r="FPA700" s="613"/>
      <c r="FPB700" s="613"/>
      <c r="FPC700" s="613"/>
      <c r="FPD700" s="613"/>
      <c r="FPE700" s="613"/>
      <c r="FPF700" s="613"/>
      <c r="FPG700" s="613"/>
      <c r="FPH700" s="613"/>
      <c r="FPI700" s="613"/>
      <c r="FPJ700" s="613"/>
      <c r="FPK700" s="613"/>
      <c r="FPL700" s="613"/>
      <c r="FPM700" s="613"/>
      <c r="FPN700" s="613"/>
      <c r="FPO700" s="613"/>
      <c r="FPP700" s="613"/>
      <c r="FPQ700" s="613"/>
      <c r="FPR700" s="613"/>
      <c r="FPS700" s="613"/>
      <c r="FPT700" s="613"/>
      <c r="FPU700" s="613"/>
      <c r="FPV700" s="613"/>
      <c r="FPW700" s="613"/>
      <c r="FPX700" s="613"/>
      <c r="FPY700" s="613"/>
      <c r="FPZ700" s="613"/>
      <c r="FQA700" s="613"/>
      <c r="FQB700" s="613"/>
      <c r="FQC700" s="613"/>
      <c r="FQD700" s="613"/>
      <c r="FQE700" s="613"/>
      <c r="FQF700" s="613"/>
      <c r="FQG700" s="613"/>
      <c r="FQH700" s="613"/>
      <c r="FQI700" s="613"/>
      <c r="FQJ700" s="613"/>
      <c r="FQK700" s="613"/>
      <c r="FQL700" s="613"/>
      <c r="FQM700" s="613"/>
      <c r="FQN700" s="613"/>
      <c r="FQO700" s="613"/>
      <c r="FQP700" s="613"/>
      <c r="FQQ700" s="613"/>
      <c r="FQR700" s="613"/>
      <c r="FQS700" s="613"/>
      <c r="FQT700" s="613"/>
      <c r="FQU700" s="613"/>
      <c r="FQV700" s="613"/>
      <c r="FQW700" s="613"/>
      <c r="FQX700" s="613"/>
      <c r="FQY700" s="613"/>
      <c r="FQZ700" s="613"/>
      <c r="FRA700" s="613"/>
      <c r="FRB700" s="613"/>
      <c r="FRC700" s="613"/>
      <c r="FRD700" s="613"/>
      <c r="FRE700" s="613"/>
      <c r="FRF700" s="613"/>
      <c r="FRG700" s="613"/>
      <c r="FRH700" s="613"/>
      <c r="FRI700" s="613"/>
      <c r="FRJ700" s="613"/>
      <c r="FRK700" s="613"/>
      <c r="FRL700" s="613"/>
      <c r="FRM700" s="613"/>
      <c r="FRN700" s="613"/>
      <c r="FRO700" s="613"/>
      <c r="FRP700" s="613"/>
      <c r="FRQ700" s="613"/>
      <c r="FRR700" s="613"/>
      <c r="FRS700" s="613"/>
      <c r="FRT700" s="613"/>
      <c r="FRU700" s="613"/>
      <c r="FRV700" s="613"/>
      <c r="FRW700" s="613"/>
      <c r="FRX700" s="613"/>
      <c r="FRY700" s="613"/>
      <c r="FRZ700" s="613"/>
      <c r="FSA700" s="613"/>
      <c r="FSB700" s="613"/>
      <c r="FSC700" s="613"/>
      <c r="FSD700" s="613"/>
      <c r="FSE700" s="613"/>
      <c r="FSF700" s="613"/>
      <c r="FSG700" s="613"/>
      <c r="FSH700" s="613"/>
      <c r="FSI700" s="613"/>
      <c r="FSJ700" s="613"/>
      <c r="FSK700" s="613"/>
      <c r="FSL700" s="613"/>
      <c r="FSM700" s="613"/>
      <c r="FSN700" s="613"/>
      <c r="FSO700" s="613"/>
      <c r="FSP700" s="613"/>
      <c r="FSQ700" s="613"/>
      <c r="FSR700" s="613"/>
      <c r="FSS700" s="613"/>
      <c r="FST700" s="613"/>
      <c r="FSU700" s="613"/>
      <c r="FSV700" s="613"/>
      <c r="FSW700" s="613"/>
      <c r="FSX700" s="613"/>
      <c r="FSY700" s="613"/>
      <c r="FSZ700" s="613"/>
      <c r="FTA700" s="613"/>
      <c r="FTB700" s="613"/>
      <c r="FTC700" s="613"/>
      <c r="FTD700" s="613"/>
      <c r="FTE700" s="613"/>
      <c r="FTF700" s="613"/>
      <c r="FTG700" s="613"/>
      <c r="FTH700" s="613"/>
      <c r="FTI700" s="613"/>
      <c r="FTJ700" s="613"/>
      <c r="FTK700" s="613"/>
      <c r="FTL700" s="613"/>
      <c r="FTM700" s="613"/>
      <c r="FTN700" s="613"/>
      <c r="FTO700" s="613"/>
      <c r="FTP700" s="613"/>
      <c r="FTQ700" s="613"/>
      <c r="FTR700" s="613"/>
      <c r="FTS700" s="613"/>
      <c r="FTT700" s="613"/>
      <c r="FTU700" s="613"/>
      <c r="FTV700" s="613"/>
      <c r="FTW700" s="613"/>
      <c r="FTX700" s="613"/>
      <c r="FTY700" s="613"/>
      <c r="FTZ700" s="613"/>
      <c r="FUA700" s="613"/>
      <c r="FUB700" s="613"/>
      <c r="FUC700" s="613"/>
      <c r="FUD700" s="613"/>
      <c r="FUE700" s="613"/>
      <c r="FUF700" s="613"/>
      <c r="FUG700" s="613"/>
      <c r="FUH700" s="613"/>
      <c r="FUI700" s="613"/>
      <c r="FUJ700" s="613"/>
      <c r="FUK700" s="613"/>
      <c r="FUL700" s="613"/>
      <c r="FUM700" s="613"/>
      <c r="FUN700" s="613"/>
      <c r="FUO700" s="613"/>
      <c r="FUP700" s="613"/>
      <c r="FUQ700" s="613"/>
      <c r="FUR700" s="613"/>
      <c r="FUS700" s="613"/>
      <c r="FUT700" s="613"/>
      <c r="FUU700" s="613"/>
      <c r="FUV700" s="613"/>
      <c r="FUW700" s="613"/>
      <c r="FUX700" s="613"/>
      <c r="FUY700" s="613"/>
      <c r="FUZ700" s="613"/>
      <c r="FVA700" s="613"/>
      <c r="FVB700" s="613"/>
      <c r="FVC700" s="613"/>
      <c r="FVD700" s="613"/>
      <c r="FVE700" s="613"/>
      <c r="FVF700" s="613"/>
      <c r="FVG700" s="613"/>
      <c r="FVH700" s="613"/>
      <c r="FVI700" s="613"/>
      <c r="FVJ700" s="613"/>
      <c r="FVK700" s="613"/>
      <c r="FVL700" s="613"/>
      <c r="FVM700" s="613"/>
      <c r="FVN700" s="613"/>
      <c r="FVO700" s="613"/>
      <c r="FVP700" s="613"/>
      <c r="FVQ700" s="613"/>
      <c r="FVR700" s="613"/>
      <c r="FVS700" s="613"/>
      <c r="FVT700" s="613"/>
      <c r="FVU700" s="613"/>
      <c r="FVV700" s="613"/>
      <c r="FVW700" s="613"/>
      <c r="FVX700" s="613"/>
      <c r="FVY700" s="613"/>
      <c r="FVZ700" s="613"/>
      <c r="FWA700" s="613"/>
      <c r="FWB700" s="613"/>
      <c r="FWC700" s="613"/>
      <c r="FWD700" s="613"/>
      <c r="FWE700" s="613"/>
      <c r="FWF700" s="613"/>
      <c r="FWG700" s="613"/>
      <c r="FWH700" s="613"/>
      <c r="FWI700" s="613"/>
      <c r="FWJ700" s="613"/>
      <c r="FWK700" s="613"/>
      <c r="FWL700" s="613"/>
      <c r="FWM700" s="613"/>
      <c r="FWN700" s="613"/>
      <c r="FWO700" s="613"/>
      <c r="FWP700" s="613"/>
      <c r="FWQ700" s="613"/>
      <c r="FWR700" s="613"/>
      <c r="FWS700" s="613"/>
      <c r="FWT700" s="613"/>
      <c r="FWU700" s="613"/>
      <c r="FWV700" s="613"/>
      <c r="FWW700" s="613"/>
      <c r="FWX700" s="613"/>
      <c r="FWY700" s="613"/>
      <c r="FWZ700" s="613"/>
      <c r="FXA700" s="613"/>
      <c r="FXB700" s="613"/>
      <c r="FXC700" s="613"/>
      <c r="FXD700" s="613"/>
      <c r="FXE700" s="613"/>
      <c r="FXF700" s="613"/>
      <c r="FXG700" s="613"/>
      <c r="FXH700" s="613"/>
      <c r="FXI700" s="613"/>
      <c r="FXJ700" s="613"/>
      <c r="FXK700" s="613"/>
      <c r="FXL700" s="613"/>
      <c r="FXM700" s="613"/>
      <c r="FXN700" s="613"/>
      <c r="FXO700" s="613"/>
      <c r="FXP700" s="613"/>
      <c r="FXQ700" s="613"/>
      <c r="FXR700" s="613"/>
      <c r="FXS700" s="613"/>
      <c r="FXT700" s="613"/>
      <c r="FXU700" s="613"/>
      <c r="FXV700" s="613"/>
      <c r="FXW700" s="613"/>
      <c r="FXX700" s="613"/>
      <c r="FXY700" s="613"/>
      <c r="FXZ700" s="613"/>
      <c r="FYA700" s="613"/>
      <c r="FYB700" s="613"/>
      <c r="FYC700" s="613"/>
      <c r="FYD700" s="613"/>
      <c r="FYE700" s="613"/>
      <c r="FYF700" s="613"/>
      <c r="FYG700" s="613"/>
      <c r="FYH700" s="613"/>
      <c r="FYI700" s="613"/>
      <c r="FYJ700" s="613"/>
      <c r="FYK700" s="613"/>
      <c r="FYL700" s="613"/>
      <c r="FYM700" s="613"/>
      <c r="FYN700" s="613"/>
      <c r="FYO700" s="613"/>
      <c r="FYP700" s="613"/>
      <c r="FYQ700" s="613"/>
      <c r="FYR700" s="613"/>
      <c r="FYS700" s="613"/>
      <c r="FYT700" s="613"/>
      <c r="FYU700" s="613"/>
      <c r="FYV700" s="613"/>
      <c r="FYW700" s="613"/>
      <c r="FYX700" s="613"/>
      <c r="FYY700" s="613"/>
      <c r="FYZ700" s="613"/>
      <c r="FZA700" s="613"/>
      <c r="FZB700" s="613"/>
      <c r="FZC700" s="613"/>
      <c r="FZD700" s="613"/>
      <c r="FZE700" s="613"/>
      <c r="FZF700" s="613"/>
      <c r="FZG700" s="613"/>
      <c r="FZH700" s="613"/>
      <c r="FZI700" s="613"/>
      <c r="FZJ700" s="613"/>
      <c r="FZK700" s="613"/>
      <c r="FZL700" s="613"/>
      <c r="FZM700" s="613"/>
      <c r="FZN700" s="613"/>
      <c r="FZO700" s="613"/>
      <c r="FZP700" s="613"/>
      <c r="FZQ700" s="613"/>
      <c r="FZR700" s="613"/>
      <c r="FZS700" s="613"/>
      <c r="FZT700" s="613"/>
      <c r="FZU700" s="613"/>
      <c r="FZV700" s="613"/>
      <c r="FZW700" s="613"/>
      <c r="FZX700" s="613"/>
      <c r="FZY700" s="613"/>
      <c r="FZZ700" s="613"/>
      <c r="GAA700" s="613"/>
      <c r="GAB700" s="613"/>
      <c r="GAC700" s="613"/>
      <c r="GAD700" s="613"/>
      <c r="GAE700" s="613"/>
      <c r="GAF700" s="613"/>
      <c r="GAG700" s="613"/>
      <c r="GAH700" s="613"/>
      <c r="GAI700" s="613"/>
      <c r="GAJ700" s="613"/>
      <c r="GAK700" s="613"/>
      <c r="GAL700" s="613"/>
      <c r="GAM700" s="613"/>
      <c r="GAN700" s="613"/>
      <c r="GAO700" s="613"/>
      <c r="GAP700" s="613"/>
      <c r="GAQ700" s="613"/>
      <c r="GAR700" s="613"/>
      <c r="GAS700" s="613"/>
      <c r="GAT700" s="613"/>
      <c r="GAU700" s="613"/>
      <c r="GAV700" s="613"/>
      <c r="GAW700" s="613"/>
      <c r="GAX700" s="613"/>
      <c r="GAY700" s="613"/>
      <c r="GAZ700" s="613"/>
      <c r="GBA700" s="613"/>
      <c r="GBB700" s="613"/>
      <c r="GBC700" s="613"/>
      <c r="GBD700" s="613"/>
      <c r="GBE700" s="613"/>
      <c r="GBF700" s="613"/>
      <c r="GBG700" s="613"/>
      <c r="GBH700" s="613"/>
      <c r="GBI700" s="613"/>
      <c r="GBJ700" s="613"/>
      <c r="GBK700" s="613"/>
      <c r="GBL700" s="613"/>
      <c r="GBM700" s="613"/>
      <c r="GBN700" s="613"/>
      <c r="GBO700" s="613"/>
      <c r="GBP700" s="613"/>
      <c r="GBQ700" s="613"/>
      <c r="GBR700" s="613"/>
      <c r="GBS700" s="613"/>
      <c r="GBT700" s="613"/>
      <c r="GBU700" s="613"/>
      <c r="GBV700" s="613"/>
      <c r="GBW700" s="613"/>
      <c r="GBX700" s="613"/>
      <c r="GBY700" s="613"/>
      <c r="GBZ700" s="613"/>
      <c r="GCA700" s="613"/>
      <c r="GCB700" s="613"/>
      <c r="GCC700" s="613"/>
      <c r="GCD700" s="613"/>
      <c r="GCE700" s="613"/>
      <c r="GCF700" s="613"/>
      <c r="GCG700" s="613"/>
      <c r="GCH700" s="613"/>
      <c r="GCI700" s="613"/>
      <c r="GCJ700" s="613"/>
      <c r="GCK700" s="613"/>
      <c r="GCL700" s="613"/>
      <c r="GCM700" s="613"/>
      <c r="GCN700" s="613"/>
      <c r="GCO700" s="613"/>
      <c r="GCP700" s="613"/>
      <c r="GCQ700" s="613"/>
      <c r="GCR700" s="613"/>
      <c r="GCS700" s="613"/>
      <c r="GCT700" s="613"/>
      <c r="GCU700" s="613"/>
      <c r="GCV700" s="613"/>
      <c r="GCW700" s="613"/>
      <c r="GCX700" s="613"/>
      <c r="GCY700" s="613"/>
      <c r="GCZ700" s="613"/>
      <c r="GDA700" s="613"/>
      <c r="GDB700" s="613"/>
      <c r="GDC700" s="613"/>
      <c r="GDD700" s="613"/>
      <c r="GDE700" s="613"/>
      <c r="GDF700" s="613"/>
      <c r="GDG700" s="613"/>
      <c r="GDH700" s="613"/>
      <c r="GDI700" s="613"/>
      <c r="GDJ700" s="613"/>
      <c r="GDK700" s="613"/>
      <c r="GDL700" s="613"/>
      <c r="GDM700" s="613"/>
      <c r="GDN700" s="613"/>
      <c r="GDO700" s="613"/>
      <c r="GDP700" s="613"/>
      <c r="GDQ700" s="613"/>
      <c r="GDR700" s="613"/>
      <c r="GDS700" s="613"/>
      <c r="GDT700" s="613"/>
      <c r="GDU700" s="613"/>
      <c r="GDV700" s="613"/>
      <c r="GDW700" s="613"/>
      <c r="GDX700" s="613"/>
      <c r="GDY700" s="613"/>
      <c r="GDZ700" s="613"/>
      <c r="GEA700" s="613"/>
      <c r="GEB700" s="613"/>
      <c r="GEC700" s="613"/>
      <c r="GED700" s="613"/>
      <c r="GEE700" s="613"/>
      <c r="GEF700" s="613"/>
      <c r="GEG700" s="613"/>
      <c r="GEH700" s="613"/>
      <c r="GEI700" s="613"/>
      <c r="GEJ700" s="613"/>
      <c r="GEK700" s="613"/>
      <c r="GEL700" s="613"/>
      <c r="GEM700" s="613"/>
      <c r="GEN700" s="613"/>
      <c r="GEO700" s="613"/>
      <c r="GEP700" s="613"/>
      <c r="GEQ700" s="613"/>
      <c r="GER700" s="613"/>
      <c r="GES700" s="613"/>
      <c r="GET700" s="613"/>
      <c r="GEU700" s="613"/>
      <c r="GEV700" s="613"/>
      <c r="GEW700" s="613"/>
      <c r="GEX700" s="613"/>
      <c r="GEY700" s="613"/>
      <c r="GEZ700" s="613"/>
      <c r="GFA700" s="613"/>
      <c r="GFB700" s="613"/>
      <c r="GFC700" s="613"/>
      <c r="GFD700" s="613"/>
      <c r="GFE700" s="613"/>
      <c r="GFF700" s="613"/>
      <c r="GFG700" s="613"/>
      <c r="GFH700" s="613"/>
      <c r="GFI700" s="613"/>
      <c r="GFJ700" s="613"/>
      <c r="GFK700" s="613"/>
      <c r="GFL700" s="613"/>
      <c r="GFM700" s="613"/>
      <c r="GFN700" s="613"/>
      <c r="GFO700" s="613"/>
      <c r="GFP700" s="613"/>
      <c r="GFQ700" s="613"/>
      <c r="GFR700" s="613"/>
      <c r="GFS700" s="613"/>
      <c r="GFT700" s="613"/>
      <c r="GFU700" s="613"/>
      <c r="GFV700" s="613"/>
      <c r="GFW700" s="613"/>
      <c r="GFX700" s="613"/>
      <c r="GFY700" s="613"/>
      <c r="GFZ700" s="613"/>
      <c r="GGA700" s="613"/>
      <c r="GGB700" s="613"/>
      <c r="GGC700" s="613"/>
      <c r="GGD700" s="613"/>
      <c r="GGE700" s="613"/>
      <c r="GGF700" s="613"/>
      <c r="GGG700" s="613"/>
      <c r="GGH700" s="613"/>
      <c r="GGI700" s="613"/>
      <c r="GGJ700" s="613"/>
      <c r="GGK700" s="613"/>
      <c r="GGL700" s="613"/>
      <c r="GGM700" s="613"/>
      <c r="GGN700" s="613"/>
      <c r="GGO700" s="613"/>
      <c r="GGP700" s="613"/>
      <c r="GGQ700" s="613"/>
      <c r="GGR700" s="613"/>
      <c r="GGS700" s="613"/>
      <c r="GGT700" s="613"/>
      <c r="GGU700" s="613"/>
      <c r="GGV700" s="613"/>
      <c r="GGW700" s="613"/>
      <c r="GGX700" s="613"/>
      <c r="GGY700" s="613"/>
      <c r="GGZ700" s="613"/>
      <c r="GHA700" s="613"/>
      <c r="GHB700" s="613"/>
      <c r="GHC700" s="613"/>
      <c r="GHD700" s="613"/>
      <c r="GHE700" s="613"/>
      <c r="GHF700" s="613"/>
      <c r="GHG700" s="613"/>
      <c r="GHH700" s="613"/>
      <c r="GHI700" s="613"/>
      <c r="GHJ700" s="613"/>
      <c r="GHK700" s="613"/>
      <c r="GHL700" s="613"/>
      <c r="GHM700" s="613"/>
      <c r="GHN700" s="613"/>
      <c r="GHO700" s="613"/>
      <c r="GHP700" s="613"/>
      <c r="GHQ700" s="613"/>
      <c r="GHR700" s="613"/>
      <c r="GHS700" s="613"/>
      <c r="GHT700" s="613"/>
      <c r="GHU700" s="613"/>
      <c r="GHV700" s="613"/>
      <c r="GHW700" s="613"/>
      <c r="GHX700" s="613"/>
      <c r="GHY700" s="613"/>
      <c r="GHZ700" s="613"/>
      <c r="GIA700" s="613"/>
      <c r="GIB700" s="613"/>
      <c r="GIC700" s="613"/>
      <c r="GID700" s="613"/>
      <c r="GIE700" s="613"/>
      <c r="GIF700" s="613"/>
      <c r="GIG700" s="613"/>
      <c r="GIH700" s="613"/>
      <c r="GII700" s="613"/>
      <c r="GIJ700" s="613"/>
      <c r="GIK700" s="613"/>
      <c r="GIL700" s="613"/>
      <c r="GIM700" s="613"/>
      <c r="GIN700" s="613"/>
      <c r="GIO700" s="613"/>
      <c r="GIP700" s="613"/>
      <c r="GIQ700" s="613"/>
      <c r="GIR700" s="613"/>
      <c r="GIS700" s="613"/>
      <c r="GIT700" s="613"/>
      <c r="GIU700" s="613"/>
      <c r="GIV700" s="613"/>
      <c r="GIW700" s="613"/>
      <c r="GIX700" s="613"/>
      <c r="GIY700" s="613"/>
      <c r="GIZ700" s="613"/>
      <c r="GJA700" s="613"/>
      <c r="GJB700" s="613"/>
      <c r="GJC700" s="613"/>
      <c r="GJD700" s="613"/>
      <c r="GJE700" s="613"/>
      <c r="GJF700" s="613"/>
      <c r="GJG700" s="613"/>
      <c r="GJH700" s="613"/>
      <c r="GJI700" s="613"/>
      <c r="GJJ700" s="613"/>
      <c r="GJK700" s="613"/>
      <c r="GJL700" s="613"/>
      <c r="GJM700" s="613"/>
      <c r="GJN700" s="613"/>
      <c r="GJO700" s="613"/>
      <c r="GJP700" s="613"/>
      <c r="GJQ700" s="613"/>
      <c r="GJR700" s="613"/>
      <c r="GJS700" s="613"/>
      <c r="GJT700" s="613"/>
      <c r="GJU700" s="613"/>
      <c r="GJV700" s="613"/>
      <c r="GJW700" s="613"/>
      <c r="GJX700" s="613"/>
      <c r="GJY700" s="613"/>
      <c r="GJZ700" s="613"/>
      <c r="GKA700" s="613"/>
      <c r="GKB700" s="613"/>
      <c r="GKC700" s="613"/>
      <c r="GKD700" s="613"/>
      <c r="GKE700" s="613"/>
      <c r="GKF700" s="613"/>
      <c r="GKG700" s="613"/>
      <c r="GKH700" s="613"/>
      <c r="GKI700" s="613"/>
      <c r="GKJ700" s="613"/>
      <c r="GKK700" s="613"/>
      <c r="GKL700" s="613"/>
      <c r="GKM700" s="613"/>
      <c r="GKN700" s="613"/>
      <c r="GKO700" s="613"/>
      <c r="GKP700" s="613"/>
      <c r="GKQ700" s="613"/>
      <c r="GKR700" s="613"/>
      <c r="GKS700" s="613"/>
      <c r="GKT700" s="613"/>
      <c r="GKU700" s="613"/>
      <c r="GKV700" s="613"/>
      <c r="GKW700" s="613"/>
      <c r="GKX700" s="613"/>
      <c r="GKY700" s="613"/>
      <c r="GKZ700" s="613"/>
      <c r="GLA700" s="613"/>
      <c r="GLB700" s="613"/>
      <c r="GLC700" s="613"/>
      <c r="GLD700" s="613"/>
      <c r="GLE700" s="613"/>
      <c r="GLF700" s="613"/>
      <c r="GLG700" s="613"/>
      <c r="GLH700" s="613"/>
      <c r="GLI700" s="613"/>
      <c r="GLJ700" s="613"/>
      <c r="GLK700" s="613"/>
      <c r="GLL700" s="613"/>
      <c r="GLM700" s="613"/>
      <c r="GLN700" s="613"/>
      <c r="GLO700" s="613"/>
      <c r="GLP700" s="613"/>
      <c r="GLQ700" s="613"/>
      <c r="GLR700" s="613"/>
      <c r="GLS700" s="613"/>
      <c r="GLT700" s="613"/>
      <c r="GLU700" s="613"/>
      <c r="GLV700" s="613"/>
      <c r="GLW700" s="613"/>
      <c r="GLX700" s="613"/>
      <c r="GLY700" s="613"/>
      <c r="GLZ700" s="613"/>
      <c r="GMA700" s="613"/>
      <c r="GMB700" s="613"/>
      <c r="GMC700" s="613"/>
      <c r="GMD700" s="613"/>
      <c r="GME700" s="613"/>
      <c r="GMF700" s="613"/>
      <c r="GMG700" s="613"/>
      <c r="GMH700" s="613"/>
      <c r="GMI700" s="613"/>
      <c r="GMJ700" s="613"/>
      <c r="GMK700" s="613"/>
      <c r="GML700" s="613"/>
      <c r="GMM700" s="613"/>
      <c r="GMN700" s="613"/>
      <c r="GMO700" s="613"/>
      <c r="GMP700" s="613"/>
      <c r="GMQ700" s="613"/>
      <c r="GMR700" s="613"/>
      <c r="GMS700" s="613"/>
      <c r="GMT700" s="613"/>
      <c r="GMU700" s="613"/>
      <c r="GMV700" s="613"/>
      <c r="GMW700" s="613"/>
      <c r="GMX700" s="613"/>
      <c r="GMY700" s="613"/>
      <c r="GMZ700" s="613"/>
      <c r="GNA700" s="613"/>
      <c r="GNB700" s="613"/>
      <c r="GNC700" s="613"/>
      <c r="GND700" s="613"/>
      <c r="GNE700" s="613"/>
      <c r="GNF700" s="613"/>
      <c r="GNG700" s="613"/>
      <c r="GNH700" s="613"/>
      <c r="GNI700" s="613"/>
      <c r="GNJ700" s="613"/>
      <c r="GNK700" s="613"/>
      <c r="GNL700" s="613"/>
      <c r="GNM700" s="613"/>
      <c r="GNN700" s="613"/>
      <c r="GNO700" s="613"/>
      <c r="GNP700" s="613"/>
      <c r="GNQ700" s="613"/>
      <c r="GNR700" s="613"/>
      <c r="GNS700" s="613"/>
      <c r="GNT700" s="613"/>
      <c r="GNU700" s="613"/>
      <c r="GNV700" s="613"/>
      <c r="GNW700" s="613"/>
      <c r="GNX700" s="613"/>
      <c r="GNY700" s="613"/>
      <c r="GNZ700" s="613"/>
      <c r="GOA700" s="613"/>
      <c r="GOB700" s="613"/>
      <c r="GOC700" s="613"/>
      <c r="GOD700" s="613"/>
      <c r="GOE700" s="613"/>
      <c r="GOF700" s="613"/>
      <c r="GOG700" s="613"/>
      <c r="GOH700" s="613"/>
      <c r="GOI700" s="613"/>
      <c r="GOJ700" s="613"/>
      <c r="GOK700" s="613"/>
      <c r="GOL700" s="613"/>
      <c r="GOM700" s="613"/>
      <c r="GON700" s="613"/>
      <c r="GOO700" s="613"/>
      <c r="GOP700" s="613"/>
      <c r="GOQ700" s="613"/>
      <c r="GOR700" s="613"/>
      <c r="GOS700" s="613"/>
      <c r="GOT700" s="613"/>
      <c r="GOU700" s="613"/>
      <c r="GOV700" s="613"/>
      <c r="GOW700" s="613"/>
      <c r="GOX700" s="613"/>
      <c r="GOY700" s="613"/>
      <c r="GOZ700" s="613"/>
      <c r="GPA700" s="613"/>
      <c r="GPB700" s="613"/>
      <c r="GPC700" s="613"/>
      <c r="GPD700" s="613"/>
      <c r="GPE700" s="613"/>
      <c r="GPF700" s="613"/>
      <c r="GPG700" s="613"/>
      <c r="GPH700" s="613"/>
      <c r="GPI700" s="613"/>
      <c r="GPJ700" s="613"/>
      <c r="GPK700" s="613"/>
      <c r="GPL700" s="613"/>
      <c r="GPM700" s="613"/>
      <c r="GPN700" s="613"/>
      <c r="GPO700" s="613"/>
      <c r="GPP700" s="613"/>
      <c r="GPQ700" s="613"/>
      <c r="GPR700" s="613"/>
      <c r="GPS700" s="613"/>
      <c r="GPT700" s="613"/>
      <c r="GPU700" s="613"/>
      <c r="GPV700" s="613"/>
      <c r="GPW700" s="613"/>
      <c r="GPX700" s="613"/>
      <c r="GPY700" s="613"/>
      <c r="GPZ700" s="613"/>
      <c r="GQA700" s="613"/>
      <c r="GQB700" s="613"/>
      <c r="GQC700" s="613"/>
      <c r="GQD700" s="613"/>
      <c r="GQE700" s="613"/>
      <c r="GQF700" s="613"/>
      <c r="GQG700" s="613"/>
      <c r="GQH700" s="613"/>
      <c r="GQI700" s="613"/>
      <c r="GQJ700" s="613"/>
      <c r="GQK700" s="613"/>
      <c r="GQL700" s="613"/>
      <c r="GQM700" s="613"/>
      <c r="GQN700" s="613"/>
      <c r="GQO700" s="613"/>
      <c r="GQP700" s="613"/>
      <c r="GQQ700" s="613"/>
      <c r="GQR700" s="613"/>
      <c r="GQS700" s="613"/>
      <c r="GQT700" s="613"/>
      <c r="GQU700" s="613"/>
      <c r="GQV700" s="613"/>
      <c r="GQW700" s="613"/>
      <c r="GQX700" s="613"/>
      <c r="GQY700" s="613"/>
      <c r="GQZ700" s="613"/>
      <c r="GRA700" s="613"/>
      <c r="GRB700" s="613"/>
      <c r="GRC700" s="613"/>
      <c r="GRD700" s="613"/>
      <c r="GRE700" s="613"/>
      <c r="GRF700" s="613"/>
      <c r="GRG700" s="613"/>
      <c r="GRH700" s="613"/>
      <c r="GRI700" s="613"/>
      <c r="GRJ700" s="613"/>
      <c r="GRK700" s="613"/>
      <c r="GRL700" s="613"/>
      <c r="GRM700" s="613"/>
      <c r="GRN700" s="613"/>
      <c r="GRO700" s="613"/>
      <c r="GRP700" s="613"/>
      <c r="GRQ700" s="613"/>
      <c r="GRR700" s="613"/>
      <c r="GRS700" s="613"/>
      <c r="GRT700" s="613"/>
      <c r="GRU700" s="613"/>
      <c r="GRV700" s="613"/>
      <c r="GRW700" s="613"/>
      <c r="GRX700" s="613"/>
      <c r="GRY700" s="613"/>
      <c r="GRZ700" s="613"/>
      <c r="GSA700" s="613"/>
      <c r="GSB700" s="613"/>
      <c r="GSC700" s="613"/>
      <c r="GSD700" s="613"/>
      <c r="GSE700" s="613"/>
      <c r="GSF700" s="613"/>
      <c r="GSG700" s="613"/>
      <c r="GSH700" s="613"/>
      <c r="GSI700" s="613"/>
      <c r="GSJ700" s="613"/>
      <c r="GSK700" s="613"/>
      <c r="GSL700" s="613"/>
      <c r="GSM700" s="613"/>
      <c r="GSN700" s="613"/>
      <c r="GSO700" s="613"/>
      <c r="GSP700" s="613"/>
      <c r="GSQ700" s="613"/>
      <c r="GSR700" s="613"/>
      <c r="GSS700" s="613"/>
      <c r="GST700" s="613"/>
      <c r="GSU700" s="613"/>
      <c r="GSV700" s="613"/>
      <c r="GSW700" s="613"/>
      <c r="GSX700" s="613"/>
      <c r="GSY700" s="613"/>
      <c r="GSZ700" s="613"/>
      <c r="GTA700" s="613"/>
      <c r="GTB700" s="613"/>
      <c r="GTC700" s="613"/>
      <c r="GTD700" s="613"/>
      <c r="GTE700" s="613"/>
      <c r="GTF700" s="613"/>
      <c r="GTG700" s="613"/>
      <c r="GTH700" s="613"/>
      <c r="GTI700" s="613"/>
      <c r="GTJ700" s="613"/>
      <c r="GTK700" s="613"/>
      <c r="GTL700" s="613"/>
      <c r="GTM700" s="613"/>
      <c r="GTN700" s="613"/>
      <c r="GTO700" s="613"/>
      <c r="GTP700" s="613"/>
      <c r="GTQ700" s="613"/>
      <c r="GTR700" s="613"/>
      <c r="GTS700" s="613"/>
      <c r="GTT700" s="613"/>
      <c r="GTU700" s="613"/>
      <c r="GTV700" s="613"/>
      <c r="GTW700" s="613"/>
      <c r="GTX700" s="613"/>
      <c r="GTY700" s="613"/>
      <c r="GTZ700" s="613"/>
      <c r="GUA700" s="613"/>
      <c r="GUB700" s="613"/>
      <c r="GUC700" s="613"/>
      <c r="GUD700" s="613"/>
      <c r="GUE700" s="613"/>
      <c r="GUF700" s="613"/>
      <c r="GUG700" s="613"/>
      <c r="GUH700" s="613"/>
      <c r="GUI700" s="613"/>
      <c r="GUJ700" s="613"/>
      <c r="GUK700" s="613"/>
      <c r="GUL700" s="613"/>
      <c r="GUM700" s="613"/>
      <c r="GUN700" s="613"/>
      <c r="GUO700" s="613"/>
      <c r="GUP700" s="613"/>
      <c r="GUQ700" s="613"/>
      <c r="GUR700" s="613"/>
      <c r="GUS700" s="613"/>
      <c r="GUT700" s="613"/>
      <c r="GUU700" s="613"/>
      <c r="GUV700" s="613"/>
      <c r="GUW700" s="613"/>
      <c r="GUX700" s="613"/>
      <c r="GUY700" s="613"/>
      <c r="GUZ700" s="613"/>
      <c r="GVA700" s="613"/>
      <c r="GVB700" s="613"/>
      <c r="GVC700" s="613"/>
      <c r="GVD700" s="613"/>
      <c r="GVE700" s="613"/>
      <c r="GVF700" s="613"/>
      <c r="GVG700" s="613"/>
      <c r="GVH700" s="613"/>
      <c r="GVI700" s="613"/>
      <c r="GVJ700" s="613"/>
      <c r="GVK700" s="613"/>
      <c r="GVL700" s="613"/>
      <c r="GVM700" s="613"/>
      <c r="GVN700" s="613"/>
      <c r="GVO700" s="613"/>
      <c r="GVP700" s="613"/>
      <c r="GVQ700" s="613"/>
      <c r="GVR700" s="613"/>
      <c r="GVS700" s="613"/>
      <c r="GVT700" s="613"/>
      <c r="GVU700" s="613"/>
      <c r="GVV700" s="613"/>
      <c r="GVW700" s="613"/>
      <c r="GVX700" s="613"/>
      <c r="GVY700" s="613"/>
      <c r="GVZ700" s="613"/>
      <c r="GWA700" s="613"/>
      <c r="GWB700" s="613"/>
      <c r="GWC700" s="613"/>
      <c r="GWD700" s="613"/>
      <c r="GWE700" s="613"/>
      <c r="GWF700" s="613"/>
      <c r="GWG700" s="613"/>
      <c r="GWH700" s="613"/>
      <c r="GWI700" s="613"/>
      <c r="GWJ700" s="613"/>
      <c r="GWK700" s="613"/>
      <c r="GWL700" s="613"/>
      <c r="GWM700" s="613"/>
      <c r="GWN700" s="613"/>
      <c r="GWO700" s="613"/>
      <c r="GWP700" s="613"/>
      <c r="GWQ700" s="613"/>
      <c r="GWR700" s="613"/>
      <c r="GWS700" s="613"/>
      <c r="GWT700" s="613"/>
      <c r="GWU700" s="613"/>
      <c r="GWV700" s="613"/>
      <c r="GWW700" s="613"/>
      <c r="GWX700" s="613"/>
      <c r="GWY700" s="613"/>
      <c r="GWZ700" s="613"/>
      <c r="GXA700" s="613"/>
      <c r="GXB700" s="613"/>
      <c r="GXC700" s="613"/>
      <c r="GXD700" s="613"/>
      <c r="GXE700" s="613"/>
      <c r="GXF700" s="613"/>
      <c r="GXG700" s="613"/>
      <c r="GXH700" s="613"/>
      <c r="GXI700" s="613"/>
      <c r="GXJ700" s="613"/>
      <c r="GXK700" s="613"/>
      <c r="GXL700" s="613"/>
      <c r="GXM700" s="613"/>
      <c r="GXN700" s="613"/>
      <c r="GXO700" s="613"/>
      <c r="GXP700" s="613"/>
      <c r="GXQ700" s="613"/>
      <c r="GXR700" s="613"/>
      <c r="GXS700" s="613"/>
      <c r="GXT700" s="613"/>
      <c r="GXU700" s="613"/>
      <c r="GXV700" s="613"/>
      <c r="GXW700" s="613"/>
      <c r="GXX700" s="613"/>
      <c r="GXY700" s="613"/>
      <c r="GXZ700" s="613"/>
      <c r="GYA700" s="613"/>
      <c r="GYB700" s="613"/>
      <c r="GYC700" s="613"/>
      <c r="GYD700" s="613"/>
      <c r="GYE700" s="613"/>
      <c r="GYF700" s="613"/>
      <c r="GYG700" s="613"/>
      <c r="GYH700" s="613"/>
      <c r="GYI700" s="613"/>
      <c r="GYJ700" s="613"/>
      <c r="GYK700" s="613"/>
      <c r="GYL700" s="613"/>
      <c r="GYM700" s="613"/>
      <c r="GYN700" s="613"/>
      <c r="GYO700" s="613"/>
      <c r="GYP700" s="613"/>
      <c r="GYQ700" s="613"/>
      <c r="GYR700" s="613"/>
      <c r="GYS700" s="613"/>
      <c r="GYT700" s="613"/>
      <c r="GYU700" s="613"/>
      <c r="GYV700" s="613"/>
      <c r="GYW700" s="613"/>
      <c r="GYX700" s="613"/>
      <c r="GYY700" s="613"/>
      <c r="GYZ700" s="613"/>
      <c r="GZA700" s="613"/>
      <c r="GZB700" s="613"/>
      <c r="GZC700" s="613"/>
      <c r="GZD700" s="613"/>
      <c r="GZE700" s="613"/>
      <c r="GZF700" s="613"/>
      <c r="GZG700" s="613"/>
      <c r="GZH700" s="613"/>
      <c r="GZI700" s="613"/>
      <c r="GZJ700" s="613"/>
      <c r="GZK700" s="613"/>
      <c r="GZL700" s="613"/>
      <c r="GZM700" s="613"/>
      <c r="GZN700" s="613"/>
      <c r="GZO700" s="613"/>
      <c r="GZP700" s="613"/>
      <c r="GZQ700" s="613"/>
      <c r="GZR700" s="613"/>
      <c r="GZS700" s="613"/>
      <c r="GZT700" s="613"/>
      <c r="GZU700" s="613"/>
      <c r="GZV700" s="613"/>
      <c r="GZW700" s="613"/>
      <c r="GZX700" s="613"/>
      <c r="GZY700" s="613"/>
      <c r="GZZ700" s="613"/>
      <c r="HAA700" s="613"/>
      <c r="HAB700" s="613"/>
      <c r="HAC700" s="613"/>
      <c r="HAD700" s="613"/>
      <c r="HAE700" s="613"/>
      <c r="HAF700" s="613"/>
      <c r="HAG700" s="613"/>
      <c r="HAH700" s="613"/>
      <c r="HAI700" s="613"/>
      <c r="HAJ700" s="613"/>
      <c r="HAK700" s="613"/>
      <c r="HAL700" s="613"/>
      <c r="HAM700" s="613"/>
      <c r="HAN700" s="613"/>
      <c r="HAO700" s="613"/>
      <c r="HAP700" s="613"/>
      <c r="HAQ700" s="613"/>
      <c r="HAR700" s="613"/>
      <c r="HAS700" s="613"/>
      <c r="HAT700" s="613"/>
      <c r="HAU700" s="613"/>
      <c r="HAV700" s="613"/>
      <c r="HAW700" s="613"/>
      <c r="HAX700" s="613"/>
      <c r="HAY700" s="613"/>
      <c r="HAZ700" s="613"/>
      <c r="HBA700" s="613"/>
      <c r="HBB700" s="613"/>
      <c r="HBC700" s="613"/>
      <c r="HBD700" s="613"/>
      <c r="HBE700" s="613"/>
      <c r="HBF700" s="613"/>
      <c r="HBG700" s="613"/>
      <c r="HBH700" s="613"/>
      <c r="HBI700" s="613"/>
      <c r="HBJ700" s="613"/>
      <c r="HBK700" s="613"/>
      <c r="HBL700" s="613"/>
      <c r="HBM700" s="613"/>
      <c r="HBN700" s="613"/>
      <c r="HBO700" s="613"/>
      <c r="HBP700" s="613"/>
      <c r="HBQ700" s="613"/>
      <c r="HBR700" s="613"/>
      <c r="HBS700" s="613"/>
      <c r="HBT700" s="613"/>
      <c r="HBU700" s="613"/>
      <c r="HBV700" s="613"/>
      <c r="HBW700" s="613"/>
      <c r="HBX700" s="613"/>
      <c r="HBY700" s="613"/>
      <c r="HBZ700" s="613"/>
      <c r="HCA700" s="613"/>
      <c r="HCB700" s="613"/>
      <c r="HCC700" s="613"/>
      <c r="HCD700" s="613"/>
      <c r="HCE700" s="613"/>
      <c r="HCF700" s="613"/>
      <c r="HCG700" s="613"/>
      <c r="HCH700" s="613"/>
      <c r="HCI700" s="613"/>
      <c r="HCJ700" s="613"/>
      <c r="HCK700" s="613"/>
      <c r="HCL700" s="613"/>
      <c r="HCM700" s="613"/>
      <c r="HCN700" s="613"/>
      <c r="HCO700" s="613"/>
      <c r="HCP700" s="613"/>
      <c r="HCQ700" s="613"/>
      <c r="HCR700" s="613"/>
      <c r="HCS700" s="613"/>
      <c r="HCT700" s="613"/>
      <c r="HCU700" s="613"/>
      <c r="HCV700" s="613"/>
      <c r="HCW700" s="613"/>
      <c r="HCX700" s="613"/>
      <c r="HCY700" s="613"/>
      <c r="HCZ700" s="613"/>
      <c r="HDA700" s="613"/>
      <c r="HDB700" s="613"/>
      <c r="HDC700" s="613"/>
      <c r="HDD700" s="613"/>
      <c r="HDE700" s="613"/>
      <c r="HDF700" s="613"/>
      <c r="HDG700" s="613"/>
      <c r="HDH700" s="613"/>
      <c r="HDI700" s="613"/>
      <c r="HDJ700" s="613"/>
      <c r="HDK700" s="613"/>
      <c r="HDL700" s="613"/>
      <c r="HDM700" s="613"/>
      <c r="HDN700" s="613"/>
      <c r="HDO700" s="613"/>
      <c r="HDP700" s="613"/>
      <c r="HDQ700" s="613"/>
      <c r="HDR700" s="613"/>
      <c r="HDS700" s="613"/>
      <c r="HDT700" s="613"/>
      <c r="HDU700" s="613"/>
      <c r="HDV700" s="613"/>
      <c r="HDW700" s="613"/>
      <c r="HDX700" s="613"/>
      <c r="HDY700" s="613"/>
      <c r="HDZ700" s="613"/>
      <c r="HEA700" s="613"/>
      <c r="HEB700" s="613"/>
      <c r="HEC700" s="613"/>
      <c r="HED700" s="613"/>
      <c r="HEE700" s="613"/>
      <c r="HEF700" s="613"/>
      <c r="HEG700" s="613"/>
      <c r="HEH700" s="613"/>
      <c r="HEI700" s="613"/>
      <c r="HEJ700" s="613"/>
      <c r="HEK700" s="613"/>
      <c r="HEL700" s="613"/>
      <c r="HEM700" s="613"/>
      <c r="HEN700" s="613"/>
      <c r="HEO700" s="613"/>
      <c r="HEP700" s="613"/>
      <c r="HEQ700" s="613"/>
      <c r="HER700" s="613"/>
      <c r="HES700" s="613"/>
      <c r="HET700" s="613"/>
      <c r="HEU700" s="613"/>
      <c r="HEV700" s="613"/>
      <c r="HEW700" s="613"/>
      <c r="HEX700" s="613"/>
      <c r="HEY700" s="613"/>
      <c r="HEZ700" s="613"/>
      <c r="HFA700" s="613"/>
      <c r="HFB700" s="613"/>
      <c r="HFC700" s="613"/>
      <c r="HFD700" s="613"/>
      <c r="HFE700" s="613"/>
      <c r="HFF700" s="613"/>
      <c r="HFG700" s="613"/>
      <c r="HFH700" s="613"/>
      <c r="HFI700" s="613"/>
      <c r="HFJ700" s="613"/>
      <c r="HFK700" s="613"/>
      <c r="HFL700" s="613"/>
      <c r="HFM700" s="613"/>
      <c r="HFN700" s="613"/>
      <c r="HFO700" s="613"/>
      <c r="HFP700" s="613"/>
      <c r="HFQ700" s="613"/>
      <c r="HFR700" s="613"/>
      <c r="HFS700" s="613"/>
      <c r="HFT700" s="613"/>
      <c r="HFU700" s="613"/>
      <c r="HFV700" s="613"/>
      <c r="HFW700" s="613"/>
      <c r="HFX700" s="613"/>
      <c r="HFY700" s="613"/>
      <c r="HFZ700" s="613"/>
      <c r="HGA700" s="613"/>
      <c r="HGB700" s="613"/>
      <c r="HGC700" s="613"/>
      <c r="HGD700" s="613"/>
      <c r="HGE700" s="613"/>
      <c r="HGF700" s="613"/>
      <c r="HGG700" s="613"/>
      <c r="HGH700" s="613"/>
      <c r="HGI700" s="613"/>
      <c r="HGJ700" s="613"/>
      <c r="HGK700" s="613"/>
      <c r="HGL700" s="613"/>
      <c r="HGM700" s="613"/>
      <c r="HGN700" s="613"/>
      <c r="HGO700" s="613"/>
      <c r="HGP700" s="613"/>
      <c r="HGQ700" s="613"/>
      <c r="HGR700" s="613"/>
      <c r="HGS700" s="613"/>
      <c r="HGT700" s="613"/>
      <c r="HGU700" s="613"/>
      <c r="HGV700" s="613"/>
      <c r="HGW700" s="613"/>
      <c r="HGX700" s="613"/>
      <c r="HGY700" s="613"/>
      <c r="HGZ700" s="613"/>
      <c r="HHA700" s="613"/>
      <c r="HHB700" s="613"/>
      <c r="HHC700" s="613"/>
      <c r="HHD700" s="613"/>
      <c r="HHE700" s="613"/>
      <c r="HHF700" s="613"/>
      <c r="HHG700" s="613"/>
      <c r="HHH700" s="613"/>
      <c r="HHI700" s="613"/>
      <c r="HHJ700" s="613"/>
      <c r="HHK700" s="613"/>
      <c r="HHL700" s="613"/>
      <c r="HHM700" s="613"/>
      <c r="HHN700" s="613"/>
      <c r="HHO700" s="613"/>
      <c r="HHP700" s="613"/>
      <c r="HHQ700" s="613"/>
      <c r="HHR700" s="613"/>
      <c r="HHS700" s="613"/>
      <c r="HHT700" s="613"/>
      <c r="HHU700" s="613"/>
      <c r="HHV700" s="613"/>
      <c r="HHW700" s="613"/>
      <c r="HHX700" s="613"/>
      <c r="HHY700" s="613"/>
      <c r="HHZ700" s="613"/>
      <c r="HIA700" s="613"/>
      <c r="HIB700" s="613"/>
      <c r="HIC700" s="613"/>
      <c r="HID700" s="613"/>
      <c r="HIE700" s="613"/>
      <c r="HIF700" s="613"/>
      <c r="HIG700" s="613"/>
      <c r="HIH700" s="613"/>
      <c r="HII700" s="613"/>
      <c r="HIJ700" s="613"/>
      <c r="HIK700" s="613"/>
      <c r="HIL700" s="613"/>
      <c r="HIM700" s="613"/>
      <c r="HIN700" s="613"/>
      <c r="HIO700" s="613"/>
      <c r="HIP700" s="613"/>
      <c r="HIQ700" s="613"/>
      <c r="HIR700" s="613"/>
      <c r="HIS700" s="613"/>
      <c r="HIT700" s="613"/>
      <c r="HIU700" s="613"/>
      <c r="HIV700" s="613"/>
      <c r="HIW700" s="613"/>
      <c r="HIX700" s="613"/>
      <c r="HIY700" s="613"/>
      <c r="HIZ700" s="613"/>
      <c r="HJA700" s="613"/>
      <c r="HJB700" s="613"/>
      <c r="HJC700" s="613"/>
      <c r="HJD700" s="613"/>
      <c r="HJE700" s="613"/>
      <c r="HJF700" s="613"/>
      <c r="HJG700" s="613"/>
      <c r="HJH700" s="613"/>
      <c r="HJI700" s="613"/>
      <c r="HJJ700" s="613"/>
      <c r="HJK700" s="613"/>
      <c r="HJL700" s="613"/>
      <c r="HJM700" s="613"/>
      <c r="HJN700" s="613"/>
      <c r="HJO700" s="613"/>
      <c r="HJP700" s="613"/>
      <c r="HJQ700" s="613"/>
      <c r="HJR700" s="613"/>
      <c r="HJS700" s="613"/>
      <c r="HJT700" s="613"/>
      <c r="HJU700" s="613"/>
      <c r="HJV700" s="613"/>
      <c r="HJW700" s="613"/>
      <c r="HJX700" s="613"/>
      <c r="HJY700" s="613"/>
      <c r="HJZ700" s="613"/>
      <c r="HKA700" s="613"/>
      <c r="HKB700" s="613"/>
      <c r="HKC700" s="613"/>
      <c r="HKD700" s="613"/>
      <c r="HKE700" s="613"/>
      <c r="HKF700" s="613"/>
      <c r="HKG700" s="613"/>
      <c r="HKH700" s="613"/>
      <c r="HKI700" s="613"/>
      <c r="HKJ700" s="613"/>
      <c r="HKK700" s="613"/>
      <c r="HKL700" s="613"/>
      <c r="HKM700" s="613"/>
      <c r="HKN700" s="613"/>
      <c r="HKO700" s="613"/>
      <c r="HKP700" s="613"/>
      <c r="HKQ700" s="613"/>
      <c r="HKR700" s="613"/>
      <c r="HKS700" s="613"/>
      <c r="HKT700" s="613"/>
      <c r="HKU700" s="613"/>
      <c r="HKV700" s="613"/>
      <c r="HKW700" s="613"/>
      <c r="HKX700" s="613"/>
      <c r="HKY700" s="613"/>
      <c r="HKZ700" s="613"/>
      <c r="HLA700" s="613"/>
      <c r="HLB700" s="613"/>
      <c r="HLC700" s="613"/>
      <c r="HLD700" s="613"/>
      <c r="HLE700" s="613"/>
      <c r="HLF700" s="613"/>
      <c r="HLG700" s="613"/>
      <c r="HLH700" s="613"/>
      <c r="HLI700" s="613"/>
      <c r="HLJ700" s="613"/>
      <c r="HLK700" s="613"/>
      <c r="HLL700" s="613"/>
      <c r="HLM700" s="613"/>
      <c r="HLN700" s="613"/>
      <c r="HLO700" s="613"/>
      <c r="HLP700" s="613"/>
      <c r="HLQ700" s="613"/>
      <c r="HLR700" s="613"/>
      <c r="HLS700" s="613"/>
      <c r="HLT700" s="613"/>
      <c r="HLU700" s="613"/>
      <c r="HLV700" s="613"/>
      <c r="HLW700" s="613"/>
      <c r="HLX700" s="613"/>
      <c r="HLY700" s="613"/>
      <c r="HLZ700" s="613"/>
      <c r="HMA700" s="613"/>
      <c r="HMB700" s="613"/>
      <c r="HMC700" s="613"/>
      <c r="HMD700" s="613"/>
      <c r="HME700" s="613"/>
      <c r="HMF700" s="613"/>
      <c r="HMG700" s="613"/>
      <c r="HMH700" s="613"/>
      <c r="HMI700" s="613"/>
      <c r="HMJ700" s="613"/>
      <c r="HMK700" s="613"/>
      <c r="HML700" s="613"/>
      <c r="HMM700" s="613"/>
      <c r="HMN700" s="613"/>
      <c r="HMO700" s="613"/>
      <c r="HMP700" s="613"/>
      <c r="HMQ700" s="613"/>
      <c r="HMR700" s="613"/>
      <c r="HMS700" s="613"/>
      <c r="HMT700" s="613"/>
      <c r="HMU700" s="613"/>
      <c r="HMV700" s="613"/>
      <c r="HMW700" s="613"/>
      <c r="HMX700" s="613"/>
      <c r="HMY700" s="613"/>
      <c r="HMZ700" s="613"/>
      <c r="HNA700" s="613"/>
      <c r="HNB700" s="613"/>
      <c r="HNC700" s="613"/>
      <c r="HND700" s="613"/>
      <c r="HNE700" s="613"/>
      <c r="HNF700" s="613"/>
      <c r="HNG700" s="613"/>
      <c r="HNH700" s="613"/>
      <c r="HNI700" s="613"/>
      <c r="HNJ700" s="613"/>
      <c r="HNK700" s="613"/>
      <c r="HNL700" s="613"/>
      <c r="HNM700" s="613"/>
      <c r="HNN700" s="613"/>
      <c r="HNO700" s="613"/>
      <c r="HNP700" s="613"/>
      <c r="HNQ700" s="613"/>
      <c r="HNR700" s="613"/>
      <c r="HNS700" s="613"/>
      <c r="HNT700" s="613"/>
      <c r="HNU700" s="613"/>
      <c r="HNV700" s="613"/>
      <c r="HNW700" s="613"/>
      <c r="HNX700" s="613"/>
      <c r="HNY700" s="613"/>
      <c r="HNZ700" s="613"/>
      <c r="HOA700" s="613"/>
      <c r="HOB700" s="613"/>
      <c r="HOC700" s="613"/>
      <c r="HOD700" s="613"/>
      <c r="HOE700" s="613"/>
      <c r="HOF700" s="613"/>
      <c r="HOG700" s="613"/>
      <c r="HOH700" s="613"/>
      <c r="HOI700" s="613"/>
      <c r="HOJ700" s="613"/>
      <c r="HOK700" s="613"/>
      <c r="HOL700" s="613"/>
      <c r="HOM700" s="613"/>
      <c r="HON700" s="613"/>
      <c r="HOO700" s="613"/>
      <c r="HOP700" s="613"/>
      <c r="HOQ700" s="613"/>
      <c r="HOR700" s="613"/>
      <c r="HOS700" s="613"/>
      <c r="HOT700" s="613"/>
      <c r="HOU700" s="613"/>
      <c r="HOV700" s="613"/>
      <c r="HOW700" s="613"/>
      <c r="HOX700" s="613"/>
      <c r="HOY700" s="613"/>
      <c r="HOZ700" s="613"/>
      <c r="HPA700" s="613"/>
      <c r="HPB700" s="613"/>
      <c r="HPC700" s="613"/>
      <c r="HPD700" s="613"/>
      <c r="HPE700" s="613"/>
      <c r="HPF700" s="613"/>
      <c r="HPG700" s="613"/>
      <c r="HPH700" s="613"/>
      <c r="HPI700" s="613"/>
      <c r="HPJ700" s="613"/>
      <c r="HPK700" s="613"/>
      <c r="HPL700" s="613"/>
      <c r="HPM700" s="613"/>
      <c r="HPN700" s="613"/>
      <c r="HPO700" s="613"/>
      <c r="HPP700" s="613"/>
      <c r="HPQ700" s="613"/>
      <c r="HPR700" s="613"/>
      <c r="HPS700" s="613"/>
      <c r="HPT700" s="613"/>
      <c r="HPU700" s="613"/>
      <c r="HPV700" s="613"/>
      <c r="HPW700" s="613"/>
      <c r="HPX700" s="613"/>
      <c r="HPY700" s="613"/>
      <c r="HPZ700" s="613"/>
      <c r="HQA700" s="613"/>
      <c r="HQB700" s="613"/>
      <c r="HQC700" s="613"/>
      <c r="HQD700" s="613"/>
      <c r="HQE700" s="613"/>
      <c r="HQF700" s="613"/>
      <c r="HQG700" s="613"/>
      <c r="HQH700" s="613"/>
      <c r="HQI700" s="613"/>
      <c r="HQJ700" s="613"/>
      <c r="HQK700" s="613"/>
      <c r="HQL700" s="613"/>
      <c r="HQM700" s="613"/>
      <c r="HQN700" s="613"/>
      <c r="HQO700" s="613"/>
      <c r="HQP700" s="613"/>
      <c r="HQQ700" s="613"/>
      <c r="HQR700" s="613"/>
      <c r="HQS700" s="613"/>
      <c r="HQT700" s="613"/>
      <c r="HQU700" s="613"/>
      <c r="HQV700" s="613"/>
      <c r="HQW700" s="613"/>
      <c r="HQX700" s="613"/>
      <c r="HQY700" s="613"/>
      <c r="HQZ700" s="613"/>
      <c r="HRA700" s="613"/>
      <c r="HRB700" s="613"/>
      <c r="HRC700" s="613"/>
      <c r="HRD700" s="613"/>
      <c r="HRE700" s="613"/>
      <c r="HRF700" s="613"/>
      <c r="HRG700" s="613"/>
      <c r="HRH700" s="613"/>
      <c r="HRI700" s="613"/>
      <c r="HRJ700" s="613"/>
      <c r="HRK700" s="613"/>
      <c r="HRL700" s="613"/>
      <c r="HRM700" s="613"/>
      <c r="HRN700" s="613"/>
      <c r="HRO700" s="613"/>
      <c r="HRP700" s="613"/>
      <c r="HRQ700" s="613"/>
      <c r="HRR700" s="613"/>
      <c r="HRS700" s="613"/>
      <c r="HRT700" s="613"/>
      <c r="HRU700" s="613"/>
      <c r="HRV700" s="613"/>
      <c r="HRW700" s="613"/>
      <c r="HRX700" s="613"/>
      <c r="HRY700" s="613"/>
      <c r="HRZ700" s="613"/>
      <c r="HSA700" s="613"/>
      <c r="HSB700" s="613"/>
      <c r="HSC700" s="613"/>
      <c r="HSD700" s="613"/>
      <c r="HSE700" s="613"/>
      <c r="HSF700" s="613"/>
      <c r="HSG700" s="613"/>
      <c r="HSH700" s="613"/>
      <c r="HSI700" s="613"/>
      <c r="HSJ700" s="613"/>
      <c r="HSK700" s="613"/>
      <c r="HSL700" s="613"/>
      <c r="HSM700" s="613"/>
      <c r="HSN700" s="613"/>
      <c r="HSO700" s="613"/>
      <c r="HSP700" s="613"/>
      <c r="HSQ700" s="613"/>
      <c r="HSR700" s="613"/>
      <c r="HSS700" s="613"/>
      <c r="HST700" s="613"/>
      <c r="HSU700" s="613"/>
      <c r="HSV700" s="613"/>
      <c r="HSW700" s="613"/>
      <c r="HSX700" s="613"/>
      <c r="HSY700" s="613"/>
      <c r="HSZ700" s="613"/>
      <c r="HTA700" s="613"/>
      <c r="HTB700" s="613"/>
      <c r="HTC700" s="613"/>
      <c r="HTD700" s="613"/>
      <c r="HTE700" s="613"/>
      <c r="HTF700" s="613"/>
      <c r="HTG700" s="613"/>
      <c r="HTH700" s="613"/>
      <c r="HTI700" s="613"/>
      <c r="HTJ700" s="613"/>
      <c r="HTK700" s="613"/>
      <c r="HTL700" s="613"/>
      <c r="HTM700" s="613"/>
      <c r="HTN700" s="613"/>
      <c r="HTO700" s="613"/>
      <c r="HTP700" s="613"/>
      <c r="HTQ700" s="613"/>
      <c r="HTR700" s="613"/>
      <c r="HTS700" s="613"/>
      <c r="HTT700" s="613"/>
      <c r="HTU700" s="613"/>
      <c r="HTV700" s="613"/>
      <c r="HTW700" s="613"/>
      <c r="HTX700" s="613"/>
      <c r="HTY700" s="613"/>
      <c r="HTZ700" s="613"/>
      <c r="HUA700" s="613"/>
      <c r="HUB700" s="613"/>
      <c r="HUC700" s="613"/>
      <c r="HUD700" s="613"/>
      <c r="HUE700" s="613"/>
      <c r="HUF700" s="613"/>
      <c r="HUG700" s="613"/>
      <c r="HUH700" s="613"/>
      <c r="HUI700" s="613"/>
      <c r="HUJ700" s="613"/>
      <c r="HUK700" s="613"/>
      <c r="HUL700" s="613"/>
      <c r="HUM700" s="613"/>
      <c r="HUN700" s="613"/>
      <c r="HUO700" s="613"/>
      <c r="HUP700" s="613"/>
      <c r="HUQ700" s="613"/>
      <c r="HUR700" s="613"/>
      <c r="HUS700" s="613"/>
      <c r="HUT700" s="613"/>
      <c r="HUU700" s="613"/>
      <c r="HUV700" s="613"/>
      <c r="HUW700" s="613"/>
      <c r="HUX700" s="613"/>
      <c r="HUY700" s="613"/>
      <c r="HUZ700" s="613"/>
      <c r="HVA700" s="613"/>
      <c r="HVB700" s="613"/>
      <c r="HVC700" s="613"/>
      <c r="HVD700" s="613"/>
      <c r="HVE700" s="613"/>
      <c r="HVF700" s="613"/>
      <c r="HVG700" s="613"/>
      <c r="HVH700" s="613"/>
      <c r="HVI700" s="613"/>
      <c r="HVJ700" s="613"/>
      <c r="HVK700" s="613"/>
      <c r="HVL700" s="613"/>
      <c r="HVM700" s="613"/>
      <c r="HVN700" s="613"/>
      <c r="HVO700" s="613"/>
      <c r="HVP700" s="613"/>
      <c r="HVQ700" s="613"/>
      <c r="HVR700" s="613"/>
      <c r="HVS700" s="613"/>
      <c r="HVT700" s="613"/>
      <c r="HVU700" s="613"/>
      <c r="HVV700" s="613"/>
      <c r="HVW700" s="613"/>
      <c r="HVX700" s="613"/>
      <c r="HVY700" s="613"/>
      <c r="HVZ700" s="613"/>
      <c r="HWA700" s="613"/>
      <c r="HWB700" s="613"/>
      <c r="HWC700" s="613"/>
      <c r="HWD700" s="613"/>
      <c r="HWE700" s="613"/>
      <c r="HWF700" s="613"/>
      <c r="HWG700" s="613"/>
      <c r="HWH700" s="613"/>
      <c r="HWI700" s="613"/>
      <c r="HWJ700" s="613"/>
      <c r="HWK700" s="613"/>
      <c r="HWL700" s="613"/>
      <c r="HWM700" s="613"/>
      <c r="HWN700" s="613"/>
      <c r="HWO700" s="613"/>
      <c r="HWP700" s="613"/>
      <c r="HWQ700" s="613"/>
      <c r="HWR700" s="613"/>
      <c r="HWS700" s="613"/>
      <c r="HWT700" s="613"/>
      <c r="HWU700" s="613"/>
      <c r="HWV700" s="613"/>
      <c r="HWW700" s="613"/>
      <c r="HWX700" s="613"/>
      <c r="HWY700" s="613"/>
      <c r="HWZ700" s="613"/>
      <c r="HXA700" s="613"/>
      <c r="HXB700" s="613"/>
      <c r="HXC700" s="613"/>
      <c r="HXD700" s="613"/>
      <c r="HXE700" s="613"/>
      <c r="HXF700" s="613"/>
      <c r="HXG700" s="613"/>
      <c r="HXH700" s="613"/>
      <c r="HXI700" s="613"/>
      <c r="HXJ700" s="613"/>
      <c r="HXK700" s="613"/>
      <c r="HXL700" s="613"/>
      <c r="HXM700" s="613"/>
      <c r="HXN700" s="613"/>
      <c r="HXO700" s="613"/>
      <c r="HXP700" s="613"/>
      <c r="HXQ700" s="613"/>
      <c r="HXR700" s="613"/>
      <c r="HXS700" s="613"/>
      <c r="HXT700" s="613"/>
      <c r="HXU700" s="613"/>
      <c r="HXV700" s="613"/>
      <c r="HXW700" s="613"/>
      <c r="HXX700" s="613"/>
      <c r="HXY700" s="613"/>
      <c r="HXZ700" s="613"/>
      <c r="HYA700" s="613"/>
      <c r="HYB700" s="613"/>
      <c r="HYC700" s="613"/>
      <c r="HYD700" s="613"/>
      <c r="HYE700" s="613"/>
      <c r="HYF700" s="613"/>
      <c r="HYG700" s="613"/>
      <c r="HYH700" s="613"/>
      <c r="HYI700" s="613"/>
      <c r="HYJ700" s="613"/>
      <c r="HYK700" s="613"/>
      <c r="HYL700" s="613"/>
      <c r="HYM700" s="613"/>
      <c r="HYN700" s="613"/>
      <c r="HYO700" s="613"/>
      <c r="HYP700" s="613"/>
      <c r="HYQ700" s="613"/>
      <c r="HYR700" s="613"/>
      <c r="HYS700" s="613"/>
      <c r="HYT700" s="613"/>
      <c r="HYU700" s="613"/>
      <c r="HYV700" s="613"/>
      <c r="HYW700" s="613"/>
      <c r="HYX700" s="613"/>
      <c r="HYY700" s="613"/>
      <c r="HYZ700" s="613"/>
      <c r="HZA700" s="613"/>
      <c r="HZB700" s="613"/>
      <c r="HZC700" s="613"/>
      <c r="HZD700" s="613"/>
      <c r="HZE700" s="613"/>
      <c r="HZF700" s="613"/>
      <c r="HZG700" s="613"/>
      <c r="HZH700" s="613"/>
      <c r="HZI700" s="613"/>
      <c r="HZJ700" s="613"/>
      <c r="HZK700" s="613"/>
      <c r="HZL700" s="613"/>
      <c r="HZM700" s="613"/>
      <c r="HZN700" s="613"/>
      <c r="HZO700" s="613"/>
      <c r="HZP700" s="613"/>
      <c r="HZQ700" s="613"/>
      <c r="HZR700" s="613"/>
      <c r="HZS700" s="613"/>
      <c r="HZT700" s="613"/>
      <c r="HZU700" s="613"/>
      <c r="HZV700" s="613"/>
      <c r="HZW700" s="613"/>
      <c r="HZX700" s="613"/>
      <c r="HZY700" s="613"/>
      <c r="HZZ700" s="613"/>
      <c r="IAA700" s="613"/>
      <c r="IAB700" s="613"/>
      <c r="IAC700" s="613"/>
      <c r="IAD700" s="613"/>
      <c r="IAE700" s="613"/>
      <c r="IAF700" s="613"/>
      <c r="IAG700" s="613"/>
      <c r="IAH700" s="613"/>
      <c r="IAI700" s="613"/>
      <c r="IAJ700" s="613"/>
      <c r="IAK700" s="613"/>
      <c r="IAL700" s="613"/>
      <c r="IAM700" s="613"/>
      <c r="IAN700" s="613"/>
      <c r="IAO700" s="613"/>
      <c r="IAP700" s="613"/>
      <c r="IAQ700" s="613"/>
      <c r="IAR700" s="613"/>
      <c r="IAS700" s="613"/>
      <c r="IAT700" s="613"/>
      <c r="IAU700" s="613"/>
      <c r="IAV700" s="613"/>
      <c r="IAW700" s="613"/>
      <c r="IAX700" s="613"/>
      <c r="IAY700" s="613"/>
      <c r="IAZ700" s="613"/>
      <c r="IBA700" s="613"/>
      <c r="IBB700" s="613"/>
      <c r="IBC700" s="613"/>
      <c r="IBD700" s="613"/>
      <c r="IBE700" s="613"/>
      <c r="IBF700" s="613"/>
      <c r="IBG700" s="613"/>
      <c r="IBH700" s="613"/>
      <c r="IBI700" s="613"/>
      <c r="IBJ700" s="613"/>
      <c r="IBK700" s="613"/>
      <c r="IBL700" s="613"/>
      <c r="IBM700" s="613"/>
      <c r="IBN700" s="613"/>
      <c r="IBO700" s="613"/>
      <c r="IBP700" s="613"/>
      <c r="IBQ700" s="613"/>
      <c r="IBR700" s="613"/>
      <c r="IBS700" s="613"/>
      <c r="IBT700" s="613"/>
      <c r="IBU700" s="613"/>
      <c r="IBV700" s="613"/>
      <c r="IBW700" s="613"/>
      <c r="IBX700" s="613"/>
      <c r="IBY700" s="613"/>
      <c r="IBZ700" s="613"/>
      <c r="ICA700" s="613"/>
      <c r="ICB700" s="613"/>
      <c r="ICC700" s="613"/>
      <c r="ICD700" s="613"/>
      <c r="ICE700" s="613"/>
      <c r="ICF700" s="613"/>
      <c r="ICG700" s="613"/>
      <c r="ICH700" s="613"/>
      <c r="ICI700" s="613"/>
      <c r="ICJ700" s="613"/>
      <c r="ICK700" s="613"/>
      <c r="ICL700" s="613"/>
      <c r="ICM700" s="613"/>
      <c r="ICN700" s="613"/>
      <c r="ICO700" s="613"/>
      <c r="ICP700" s="613"/>
      <c r="ICQ700" s="613"/>
      <c r="ICR700" s="613"/>
      <c r="ICS700" s="613"/>
      <c r="ICT700" s="613"/>
      <c r="ICU700" s="613"/>
      <c r="ICV700" s="613"/>
      <c r="ICW700" s="613"/>
      <c r="ICX700" s="613"/>
      <c r="ICY700" s="613"/>
      <c r="ICZ700" s="613"/>
      <c r="IDA700" s="613"/>
      <c r="IDB700" s="613"/>
      <c r="IDC700" s="613"/>
      <c r="IDD700" s="613"/>
      <c r="IDE700" s="613"/>
      <c r="IDF700" s="613"/>
      <c r="IDG700" s="613"/>
      <c r="IDH700" s="613"/>
      <c r="IDI700" s="613"/>
      <c r="IDJ700" s="613"/>
      <c r="IDK700" s="613"/>
      <c r="IDL700" s="613"/>
      <c r="IDM700" s="613"/>
      <c r="IDN700" s="613"/>
      <c r="IDO700" s="613"/>
      <c r="IDP700" s="613"/>
      <c r="IDQ700" s="613"/>
      <c r="IDR700" s="613"/>
      <c r="IDS700" s="613"/>
      <c r="IDT700" s="613"/>
      <c r="IDU700" s="613"/>
      <c r="IDV700" s="613"/>
      <c r="IDW700" s="613"/>
      <c r="IDX700" s="613"/>
      <c r="IDY700" s="613"/>
      <c r="IDZ700" s="613"/>
      <c r="IEA700" s="613"/>
      <c r="IEB700" s="613"/>
      <c r="IEC700" s="613"/>
      <c r="IED700" s="613"/>
      <c r="IEE700" s="613"/>
      <c r="IEF700" s="613"/>
      <c r="IEG700" s="613"/>
      <c r="IEH700" s="613"/>
      <c r="IEI700" s="613"/>
      <c r="IEJ700" s="613"/>
      <c r="IEK700" s="613"/>
      <c r="IEL700" s="613"/>
      <c r="IEM700" s="613"/>
      <c r="IEN700" s="613"/>
      <c r="IEO700" s="613"/>
      <c r="IEP700" s="613"/>
      <c r="IEQ700" s="613"/>
      <c r="IER700" s="613"/>
      <c r="IES700" s="613"/>
      <c r="IET700" s="613"/>
      <c r="IEU700" s="613"/>
      <c r="IEV700" s="613"/>
      <c r="IEW700" s="613"/>
      <c r="IEX700" s="613"/>
      <c r="IEY700" s="613"/>
      <c r="IEZ700" s="613"/>
      <c r="IFA700" s="613"/>
      <c r="IFB700" s="613"/>
      <c r="IFC700" s="613"/>
      <c r="IFD700" s="613"/>
      <c r="IFE700" s="613"/>
      <c r="IFF700" s="613"/>
      <c r="IFG700" s="613"/>
      <c r="IFH700" s="613"/>
      <c r="IFI700" s="613"/>
      <c r="IFJ700" s="613"/>
      <c r="IFK700" s="613"/>
      <c r="IFL700" s="613"/>
      <c r="IFM700" s="613"/>
      <c r="IFN700" s="613"/>
      <c r="IFO700" s="613"/>
      <c r="IFP700" s="613"/>
      <c r="IFQ700" s="613"/>
      <c r="IFR700" s="613"/>
      <c r="IFS700" s="613"/>
      <c r="IFT700" s="613"/>
      <c r="IFU700" s="613"/>
      <c r="IFV700" s="613"/>
      <c r="IFW700" s="613"/>
      <c r="IFX700" s="613"/>
      <c r="IFY700" s="613"/>
      <c r="IFZ700" s="613"/>
      <c r="IGA700" s="613"/>
      <c r="IGB700" s="613"/>
      <c r="IGC700" s="613"/>
      <c r="IGD700" s="613"/>
      <c r="IGE700" s="613"/>
      <c r="IGF700" s="613"/>
      <c r="IGG700" s="613"/>
      <c r="IGH700" s="613"/>
      <c r="IGI700" s="613"/>
      <c r="IGJ700" s="613"/>
      <c r="IGK700" s="613"/>
      <c r="IGL700" s="613"/>
      <c r="IGM700" s="613"/>
      <c r="IGN700" s="613"/>
      <c r="IGO700" s="613"/>
      <c r="IGP700" s="613"/>
      <c r="IGQ700" s="613"/>
      <c r="IGR700" s="613"/>
      <c r="IGS700" s="613"/>
      <c r="IGT700" s="613"/>
      <c r="IGU700" s="613"/>
      <c r="IGV700" s="613"/>
      <c r="IGW700" s="613"/>
      <c r="IGX700" s="613"/>
      <c r="IGY700" s="613"/>
      <c r="IGZ700" s="613"/>
      <c r="IHA700" s="613"/>
      <c r="IHB700" s="613"/>
      <c r="IHC700" s="613"/>
      <c r="IHD700" s="613"/>
      <c r="IHE700" s="613"/>
      <c r="IHF700" s="613"/>
      <c r="IHG700" s="613"/>
      <c r="IHH700" s="613"/>
      <c r="IHI700" s="613"/>
      <c r="IHJ700" s="613"/>
      <c r="IHK700" s="613"/>
      <c r="IHL700" s="613"/>
      <c r="IHM700" s="613"/>
      <c r="IHN700" s="613"/>
      <c r="IHO700" s="613"/>
      <c r="IHP700" s="613"/>
      <c r="IHQ700" s="613"/>
      <c r="IHR700" s="613"/>
      <c r="IHS700" s="613"/>
      <c r="IHT700" s="613"/>
      <c r="IHU700" s="613"/>
      <c r="IHV700" s="613"/>
      <c r="IHW700" s="613"/>
      <c r="IHX700" s="613"/>
      <c r="IHY700" s="613"/>
      <c r="IHZ700" s="613"/>
      <c r="IIA700" s="613"/>
      <c r="IIB700" s="613"/>
      <c r="IIC700" s="613"/>
      <c r="IID700" s="613"/>
      <c r="IIE700" s="613"/>
      <c r="IIF700" s="613"/>
      <c r="IIG700" s="613"/>
      <c r="IIH700" s="613"/>
      <c r="III700" s="613"/>
      <c r="IIJ700" s="613"/>
      <c r="IIK700" s="613"/>
      <c r="IIL700" s="613"/>
      <c r="IIM700" s="613"/>
      <c r="IIN700" s="613"/>
      <c r="IIO700" s="613"/>
      <c r="IIP700" s="613"/>
      <c r="IIQ700" s="613"/>
      <c r="IIR700" s="613"/>
      <c r="IIS700" s="613"/>
      <c r="IIT700" s="613"/>
      <c r="IIU700" s="613"/>
      <c r="IIV700" s="613"/>
      <c r="IIW700" s="613"/>
      <c r="IIX700" s="613"/>
      <c r="IIY700" s="613"/>
      <c r="IIZ700" s="613"/>
      <c r="IJA700" s="613"/>
      <c r="IJB700" s="613"/>
      <c r="IJC700" s="613"/>
      <c r="IJD700" s="613"/>
      <c r="IJE700" s="613"/>
      <c r="IJF700" s="613"/>
      <c r="IJG700" s="613"/>
      <c r="IJH700" s="613"/>
      <c r="IJI700" s="613"/>
      <c r="IJJ700" s="613"/>
      <c r="IJK700" s="613"/>
      <c r="IJL700" s="613"/>
      <c r="IJM700" s="613"/>
      <c r="IJN700" s="613"/>
      <c r="IJO700" s="613"/>
      <c r="IJP700" s="613"/>
      <c r="IJQ700" s="613"/>
      <c r="IJR700" s="613"/>
      <c r="IJS700" s="613"/>
      <c r="IJT700" s="613"/>
      <c r="IJU700" s="613"/>
      <c r="IJV700" s="613"/>
      <c r="IJW700" s="613"/>
      <c r="IJX700" s="613"/>
      <c r="IJY700" s="613"/>
      <c r="IJZ700" s="613"/>
      <c r="IKA700" s="613"/>
      <c r="IKB700" s="613"/>
      <c r="IKC700" s="613"/>
      <c r="IKD700" s="613"/>
      <c r="IKE700" s="613"/>
      <c r="IKF700" s="613"/>
      <c r="IKG700" s="613"/>
      <c r="IKH700" s="613"/>
      <c r="IKI700" s="613"/>
      <c r="IKJ700" s="613"/>
      <c r="IKK700" s="613"/>
      <c r="IKL700" s="613"/>
      <c r="IKM700" s="613"/>
      <c r="IKN700" s="613"/>
      <c r="IKO700" s="613"/>
      <c r="IKP700" s="613"/>
      <c r="IKQ700" s="613"/>
      <c r="IKR700" s="613"/>
      <c r="IKS700" s="613"/>
      <c r="IKT700" s="613"/>
      <c r="IKU700" s="613"/>
      <c r="IKV700" s="613"/>
      <c r="IKW700" s="613"/>
      <c r="IKX700" s="613"/>
      <c r="IKY700" s="613"/>
      <c r="IKZ700" s="613"/>
      <c r="ILA700" s="613"/>
      <c r="ILB700" s="613"/>
      <c r="ILC700" s="613"/>
      <c r="ILD700" s="613"/>
      <c r="ILE700" s="613"/>
      <c r="ILF700" s="613"/>
      <c r="ILG700" s="613"/>
      <c r="ILH700" s="613"/>
      <c r="ILI700" s="613"/>
      <c r="ILJ700" s="613"/>
      <c r="ILK700" s="613"/>
      <c r="ILL700" s="613"/>
      <c r="ILM700" s="613"/>
      <c r="ILN700" s="613"/>
      <c r="ILO700" s="613"/>
      <c r="ILP700" s="613"/>
      <c r="ILQ700" s="613"/>
      <c r="ILR700" s="613"/>
      <c r="ILS700" s="613"/>
      <c r="ILT700" s="613"/>
      <c r="ILU700" s="613"/>
      <c r="ILV700" s="613"/>
      <c r="ILW700" s="613"/>
      <c r="ILX700" s="613"/>
      <c r="ILY700" s="613"/>
      <c r="ILZ700" s="613"/>
      <c r="IMA700" s="613"/>
      <c r="IMB700" s="613"/>
      <c r="IMC700" s="613"/>
      <c r="IMD700" s="613"/>
      <c r="IME700" s="613"/>
      <c r="IMF700" s="613"/>
      <c r="IMG700" s="613"/>
      <c r="IMH700" s="613"/>
      <c r="IMI700" s="613"/>
      <c r="IMJ700" s="613"/>
      <c r="IMK700" s="613"/>
      <c r="IML700" s="613"/>
      <c r="IMM700" s="613"/>
      <c r="IMN700" s="613"/>
      <c r="IMO700" s="613"/>
      <c r="IMP700" s="613"/>
      <c r="IMQ700" s="613"/>
      <c r="IMR700" s="613"/>
      <c r="IMS700" s="613"/>
      <c r="IMT700" s="613"/>
      <c r="IMU700" s="613"/>
      <c r="IMV700" s="613"/>
      <c r="IMW700" s="613"/>
      <c r="IMX700" s="613"/>
      <c r="IMY700" s="613"/>
      <c r="IMZ700" s="613"/>
      <c r="INA700" s="613"/>
      <c r="INB700" s="613"/>
      <c r="INC700" s="613"/>
      <c r="IND700" s="613"/>
      <c r="INE700" s="613"/>
      <c r="INF700" s="613"/>
      <c r="ING700" s="613"/>
      <c r="INH700" s="613"/>
      <c r="INI700" s="613"/>
      <c r="INJ700" s="613"/>
      <c r="INK700" s="613"/>
      <c r="INL700" s="613"/>
      <c r="INM700" s="613"/>
      <c r="INN700" s="613"/>
      <c r="INO700" s="613"/>
      <c r="INP700" s="613"/>
      <c r="INQ700" s="613"/>
      <c r="INR700" s="613"/>
      <c r="INS700" s="613"/>
      <c r="INT700" s="613"/>
      <c r="INU700" s="613"/>
      <c r="INV700" s="613"/>
      <c r="INW700" s="613"/>
      <c r="INX700" s="613"/>
      <c r="INY700" s="613"/>
      <c r="INZ700" s="613"/>
      <c r="IOA700" s="613"/>
      <c r="IOB700" s="613"/>
      <c r="IOC700" s="613"/>
      <c r="IOD700" s="613"/>
      <c r="IOE700" s="613"/>
      <c r="IOF700" s="613"/>
      <c r="IOG700" s="613"/>
      <c r="IOH700" s="613"/>
      <c r="IOI700" s="613"/>
      <c r="IOJ700" s="613"/>
      <c r="IOK700" s="613"/>
      <c r="IOL700" s="613"/>
      <c r="IOM700" s="613"/>
      <c r="ION700" s="613"/>
      <c r="IOO700" s="613"/>
      <c r="IOP700" s="613"/>
      <c r="IOQ700" s="613"/>
      <c r="IOR700" s="613"/>
      <c r="IOS700" s="613"/>
      <c r="IOT700" s="613"/>
      <c r="IOU700" s="613"/>
      <c r="IOV700" s="613"/>
      <c r="IOW700" s="613"/>
      <c r="IOX700" s="613"/>
      <c r="IOY700" s="613"/>
      <c r="IOZ700" s="613"/>
      <c r="IPA700" s="613"/>
      <c r="IPB700" s="613"/>
      <c r="IPC700" s="613"/>
      <c r="IPD700" s="613"/>
      <c r="IPE700" s="613"/>
      <c r="IPF700" s="613"/>
      <c r="IPG700" s="613"/>
      <c r="IPH700" s="613"/>
      <c r="IPI700" s="613"/>
      <c r="IPJ700" s="613"/>
      <c r="IPK700" s="613"/>
      <c r="IPL700" s="613"/>
      <c r="IPM700" s="613"/>
      <c r="IPN700" s="613"/>
      <c r="IPO700" s="613"/>
      <c r="IPP700" s="613"/>
      <c r="IPQ700" s="613"/>
      <c r="IPR700" s="613"/>
      <c r="IPS700" s="613"/>
      <c r="IPT700" s="613"/>
      <c r="IPU700" s="613"/>
      <c r="IPV700" s="613"/>
      <c r="IPW700" s="613"/>
      <c r="IPX700" s="613"/>
      <c r="IPY700" s="613"/>
      <c r="IPZ700" s="613"/>
      <c r="IQA700" s="613"/>
      <c r="IQB700" s="613"/>
      <c r="IQC700" s="613"/>
      <c r="IQD700" s="613"/>
      <c r="IQE700" s="613"/>
      <c r="IQF700" s="613"/>
      <c r="IQG700" s="613"/>
      <c r="IQH700" s="613"/>
      <c r="IQI700" s="613"/>
      <c r="IQJ700" s="613"/>
      <c r="IQK700" s="613"/>
      <c r="IQL700" s="613"/>
      <c r="IQM700" s="613"/>
      <c r="IQN700" s="613"/>
      <c r="IQO700" s="613"/>
      <c r="IQP700" s="613"/>
      <c r="IQQ700" s="613"/>
      <c r="IQR700" s="613"/>
      <c r="IQS700" s="613"/>
      <c r="IQT700" s="613"/>
      <c r="IQU700" s="613"/>
      <c r="IQV700" s="613"/>
      <c r="IQW700" s="613"/>
      <c r="IQX700" s="613"/>
      <c r="IQY700" s="613"/>
      <c r="IQZ700" s="613"/>
      <c r="IRA700" s="613"/>
      <c r="IRB700" s="613"/>
      <c r="IRC700" s="613"/>
      <c r="IRD700" s="613"/>
      <c r="IRE700" s="613"/>
      <c r="IRF700" s="613"/>
      <c r="IRG700" s="613"/>
      <c r="IRH700" s="613"/>
      <c r="IRI700" s="613"/>
      <c r="IRJ700" s="613"/>
      <c r="IRK700" s="613"/>
      <c r="IRL700" s="613"/>
      <c r="IRM700" s="613"/>
      <c r="IRN700" s="613"/>
      <c r="IRO700" s="613"/>
      <c r="IRP700" s="613"/>
      <c r="IRQ700" s="613"/>
      <c r="IRR700" s="613"/>
      <c r="IRS700" s="613"/>
      <c r="IRT700" s="613"/>
      <c r="IRU700" s="613"/>
      <c r="IRV700" s="613"/>
      <c r="IRW700" s="613"/>
      <c r="IRX700" s="613"/>
      <c r="IRY700" s="613"/>
      <c r="IRZ700" s="613"/>
      <c r="ISA700" s="613"/>
      <c r="ISB700" s="613"/>
      <c r="ISC700" s="613"/>
      <c r="ISD700" s="613"/>
      <c r="ISE700" s="613"/>
      <c r="ISF700" s="613"/>
      <c r="ISG700" s="613"/>
      <c r="ISH700" s="613"/>
      <c r="ISI700" s="613"/>
      <c r="ISJ700" s="613"/>
      <c r="ISK700" s="613"/>
      <c r="ISL700" s="613"/>
      <c r="ISM700" s="613"/>
      <c r="ISN700" s="613"/>
      <c r="ISO700" s="613"/>
      <c r="ISP700" s="613"/>
      <c r="ISQ700" s="613"/>
      <c r="ISR700" s="613"/>
      <c r="ISS700" s="613"/>
      <c r="IST700" s="613"/>
      <c r="ISU700" s="613"/>
      <c r="ISV700" s="613"/>
      <c r="ISW700" s="613"/>
      <c r="ISX700" s="613"/>
      <c r="ISY700" s="613"/>
      <c r="ISZ700" s="613"/>
      <c r="ITA700" s="613"/>
      <c r="ITB700" s="613"/>
      <c r="ITC700" s="613"/>
      <c r="ITD700" s="613"/>
      <c r="ITE700" s="613"/>
      <c r="ITF700" s="613"/>
      <c r="ITG700" s="613"/>
      <c r="ITH700" s="613"/>
      <c r="ITI700" s="613"/>
      <c r="ITJ700" s="613"/>
      <c r="ITK700" s="613"/>
      <c r="ITL700" s="613"/>
      <c r="ITM700" s="613"/>
      <c r="ITN700" s="613"/>
      <c r="ITO700" s="613"/>
      <c r="ITP700" s="613"/>
      <c r="ITQ700" s="613"/>
      <c r="ITR700" s="613"/>
      <c r="ITS700" s="613"/>
      <c r="ITT700" s="613"/>
      <c r="ITU700" s="613"/>
      <c r="ITV700" s="613"/>
      <c r="ITW700" s="613"/>
      <c r="ITX700" s="613"/>
      <c r="ITY700" s="613"/>
      <c r="ITZ700" s="613"/>
      <c r="IUA700" s="613"/>
      <c r="IUB700" s="613"/>
      <c r="IUC700" s="613"/>
      <c r="IUD700" s="613"/>
      <c r="IUE700" s="613"/>
      <c r="IUF700" s="613"/>
      <c r="IUG700" s="613"/>
      <c r="IUH700" s="613"/>
      <c r="IUI700" s="613"/>
      <c r="IUJ700" s="613"/>
      <c r="IUK700" s="613"/>
      <c r="IUL700" s="613"/>
      <c r="IUM700" s="613"/>
      <c r="IUN700" s="613"/>
      <c r="IUO700" s="613"/>
      <c r="IUP700" s="613"/>
      <c r="IUQ700" s="613"/>
      <c r="IUR700" s="613"/>
      <c r="IUS700" s="613"/>
      <c r="IUT700" s="613"/>
      <c r="IUU700" s="613"/>
      <c r="IUV700" s="613"/>
      <c r="IUW700" s="613"/>
      <c r="IUX700" s="613"/>
      <c r="IUY700" s="613"/>
      <c r="IUZ700" s="613"/>
      <c r="IVA700" s="613"/>
      <c r="IVB700" s="613"/>
      <c r="IVC700" s="613"/>
      <c r="IVD700" s="613"/>
      <c r="IVE700" s="613"/>
      <c r="IVF700" s="613"/>
      <c r="IVG700" s="613"/>
      <c r="IVH700" s="613"/>
      <c r="IVI700" s="613"/>
      <c r="IVJ700" s="613"/>
      <c r="IVK700" s="613"/>
      <c r="IVL700" s="613"/>
      <c r="IVM700" s="613"/>
      <c r="IVN700" s="613"/>
      <c r="IVO700" s="613"/>
      <c r="IVP700" s="613"/>
      <c r="IVQ700" s="613"/>
      <c r="IVR700" s="613"/>
      <c r="IVS700" s="613"/>
      <c r="IVT700" s="613"/>
      <c r="IVU700" s="613"/>
      <c r="IVV700" s="613"/>
      <c r="IVW700" s="613"/>
      <c r="IVX700" s="613"/>
      <c r="IVY700" s="613"/>
      <c r="IVZ700" s="613"/>
      <c r="IWA700" s="613"/>
      <c r="IWB700" s="613"/>
      <c r="IWC700" s="613"/>
      <c r="IWD700" s="613"/>
      <c r="IWE700" s="613"/>
      <c r="IWF700" s="613"/>
      <c r="IWG700" s="613"/>
      <c r="IWH700" s="613"/>
      <c r="IWI700" s="613"/>
      <c r="IWJ700" s="613"/>
      <c r="IWK700" s="613"/>
      <c r="IWL700" s="613"/>
      <c r="IWM700" s="613"/>
      <c r="IWN700" s="613"/>
      <c r="IWO700" s="613"/>
      <c r="IWP700" s="613"/>
      <c r="IWQ700" s="613"/>
      <c r="IWR700" s="613"/>
      <c r="IWS700" s="613"/>
      <c r="IWT700" s="613"/>
      <c r="IWU700" s="613"/>
      <c r="IWV700" s="613"/>
      <c r="IWW700" s="613"/>
      <c r="IWX700" s="613"/>
      <c r="IWY700" s="613"/>
      <c r="IWZ700" s="613"/>
      <c r="IXA700" s="613"/>
      <c r="IXB700" s="613"/>
      <c r="IXC700" s="613"/>
      <c r="IXD700" s="613"/>
      <c r="IXE700" s="613"/>
      <c r="IXF700" s="613"/>
      <c r="IXG700" s="613"/>
      <c r="IXH700" s="613"/>
      <c r="IXI700" s="613"/>
      <c r="IXJ700" s="613"/>
      <c r="IXK700" s="613"/>
      <c r="IXL700" s="613"/>
      <c r="IXM700" s="613"/>
      <c r="IXN700" s="613"/>
      <c r="IXO700" s="613"/>
      <c r="IXP700" s="613"/>
      <c r="IXQ700" s="613"/>
      <c r="IXR700" s="613"/>
      <c r="IXS700" s="613"/>
      <c r="IXT700" s="613"/>
      <c r="IXU700" s="613"/>
      <c r="IXV700" s="613"/>
      <c r="IXW700" s="613"/>
      <c r="IXX700" s="613"/>
      <c r="IXY700" s="613"/>
      <c r="IXZ700" s="613"/>
      <c r="IYA700" s="613"/>
      <c r="IYB700" s="613"/>
      <c r="IYC700" s="613"/>
      <c r="IYD700" s="613"/>
      <c r="IYE700" s="613"/>
      <c r="IYF700" s="613"/>
      <c r="IYG700" s="613"/>
      <c r="IYH700" s="613"/>
      <c r="IYI700" s="613"/>
      <c r="IYJ700" s="613"/>
      <c r="IYK700" s="613"/>
      <c r="IYL700" s="613"/>
      <c r="IYM700" s="613"/>
      <c r="IYN700" s="613"/>
      <c r="IYO700" s="613"/>
      <c r="IYP700" s="613"/>
      <c r="IYQ700" s="613"/>
      <c r="IYR700" s="613"/>
      <c r="IYS700" s="613"/>
      <c r="IYT700" s="613"/>
      <c r="IYU700" s="613"/>
      <c r="IYV700" s="613"/>
      <c r="IYW700" s="613"/>
      <c r="IYX700" s="613"/>
      <c r="IYY700" s="613"/>
      <c r="IYZ700" s="613"/>
      <c r="IZA700" s="613"/>
      <c r="IZB700" s="613"/>
      <c r="IZC700" s="613"/>
      <c r="IZD700" s="613"/>
      <c r="IZE700" s="613"/>
      <c r="IZF700" s="613"/>
      <c r="IZG700" s="613"/>
      <c r="IZH700" s="613"/>
      <c r="IZI700" s="613"/>
      <c r="IZJ700" s="613"/>
      <c r="IZK700" s="613"/>
      <c r="IZL700" s="613"/>
      <c r="IZM700" s="613"/>
      <c r="IZN700" s="613"/>
      <c r="IZO700" s="613"/>
      <c r="IZP700" s="613"/>
      <c r="IZQ700" s="613"/>
      <c r="IZR700" s="613"/>
      <c r="IZS700" s="613"/>
      <c r="IZT700" s="613"/>
      <c r="IZU700" s="613"/>
      <c r="IZV700" s="613"/>
      <c r="IZW700" s="613"/>
      <c r="IZX700" s="613"/>
      <c r="IZY700" s="613"/>
      <c r="IZZ700" s="613"/>
      <c r="JAA700" s="613"/>
      <c r="JAB700" s="613"/>
      <c r="JAC700" s="613"/>
      <c r="JAD700" s="613"/>
      <c r="JAE700" s="613"/>
      <c r="JAF700" s="613"/>
      <c r="JAG700" s="613"/>
      <c r="JAH700" s="613"/>
      <c r="JAI700" s="613"/>
      <c r="JAJ700" s="613"/>
      <c r="JAK700" s="613"/>
      <c r="JAL700" s="613"/>
      <c r="JAM700" s="613"/>
      <c r="JAN700" s="613"/>
      <c r="JAO700" s="613"/>
      <c r="JAP700" s="613"/>
      <c r="JAQ700" s="613"/>
      <c r="JAR700" s="613"/>
      <c r="JAS700" s="613"/>
      <c r="JAT700" s="613"/>
      <c r="JAU700" s="613"/>
      <c r="JAV700" s="613"/>
      <c r="JAW700" s="613"/>
      <c r="JAX700" s="613"/>
      <c r="JAY700" s="613"/>
      <c r="JAZ700" s="613"/>
      <c r="JBA700" s="613"/>
      <c r="JBB700" s="613"/>
      <c r="JBC700" s="613"/>
      <c r="JBD700" s="613"/>
      <c r="JBE700" s="613"/>
      <c r="JBF700" s="613"/>
      <c r="JBG700" s="613"/>
      <c r="JBH700" s="613"/>
      <c r="JBI700" s="613"/>
      <c r="JBJ700" s="613"/>
      <c r="JBK700" s="613"/>
      <c r="JBL700" s="613"/>
      <c r="JBM700" s="613"/>
      <c r="JBN700" s="613"/>
      <c r="JBO700" s="613"/>
      <c r="JBP700" s="613"/>
      <c r="JBQ700" s="613"/>
      <c r="JBR700" s="613"/>
      <c r="JBS700" s="613"/>
      <c r="JBT700" s="613"/>
      <c r="JBU700" s="613"/>
      <c r="JBV700" s="613"/>
      <c r="JBW700" s="613"/>
      <c r="JBX700" s="613"/>
      <c r="JBY700" s="613"/>
      <c r="JBZ700" s="613"/>
      <c r="JCA700" s="613"/>
      <c r="JCB700" s="613"/>
      <c r="JCC700" s="613"/>
      <c r="JCD700" s="613"/>
      <c r="JCE700" s="613"/>
      <c r="JCF700" s="613"/>
      <c r="JCG700" s="613"/>
      <c r="JCH700" s="613"/>
      <c r="JCI700" s="613"/>
      <c r="JCJ700" s="613"/>
      <c r="JCK700" s="613"/>
      <c r="JCL700" s="613"/>
      <c r="JCM700" s="613"/>
      <c r="JCN700" s="613"/>
      <c r="JCO700" s="613"/>
      <c r="JCP700" s="613"/>
      <c r="JCQ700" s="613"/>
      <c r="JCR700" s="613"/>
      <c r="JCS700" s="613"/>
      <c r="JCT700" s="613"/>
      <c r="JCU700" s="613"/>
      <c r="JCV700" s="613"/>
      <c r="JCW700" s="613"/>
      <c r="JCX700" s="613"/>
      <c r="JCY700" s="613"/>
      <c r="JCZ700" s="613"/>
      <c r="JDA700" s="613"/>
      <c r="JDB700" s="613"/>
      <c r="JDC700" s="613"/>
      <c r="JDD700" s="613"/>
      <c r="JDE700" s="613"/>
      <c r="JDF700" s="613"/>
      <c r="JDG700" s="613"/>
      <c r="JDH700" s="613"/>
      <c r="JDI700" s="613"/>
      <c r="JDJ700" s="613"/>
      <c r="JDK700" s="613"/>
      <c r="JDL700" s="613"/>
      <c r="JDM700" s="613"/>
      <c r="JDN700" s="613"/>
      <c r="JDO700" s="613"/>
      <c r="JDP700" s="613"/>
      <c r="JDQ700" s="613"/>
      <c r="JDR700" s="613"/>
      <c r="JDS700" s="613"/>
      <c r="JDT700" s="613"/>
      <c r="JDU700" s="613"/>
      <c r="JDV700" s="613"/>
      <c r="JDW700" s="613"/>
      <c r="JDX700" s="613"/>
      <c r="JDY700" s="613"/>
      <c r="JDZ700" s="613"/>
      <c r="JEA700" s="613"/>
      <c r="JEB700" s="613"/>
      <c r="JEC700" s="613"/>
      <c r="JED700" s="613"/>
      <c r="JEE700" s="613"/>
      <c r="JEF700" s="613"/>
      <c r="JEG700" s="613"/>
      <c r="JEH700" s="613"/>
      <c r="JEI700" s="613"/>
      <c r="JEJ700" s="613"/>
      <c r="JEK700" s="613"/>
      <c r="JEL700" s="613"/>
      <c r="JEM700" s="613"/>
      <c r="JEN700" s="613"/>
      <c r="JEO700" s="613"/>
      <c r="JEP700" s="613"/>
      <c r="JEQ700" s="613"/>
      <c r="JER700" s="613"/>
      <c r="JES700" s="613"/>
      <c r="JET700" s="613"/>
      <c r="JEU700" s="613"/>
      <c r="JEV700" s="613"/>
      <c r="JEW700" s="613"/>
      <c r="JEX700" s="613"/>
      <c r="JEY700" s="613"/>
      <c r="JEZ700" s="613"/>
      <c r="JFA700" s="613"/>
      <c r="JFB700" s="613"/>
      <c r="JFC700" s="613"/>
      <c r="JFD700" s="613"/>
      <c r="JFE700" s="613"/>
      <c r="JFF700" s="613"/>
      <c r="JFG700" s="613"/>
      <c r="JFH700" s="613"/>
      <c r="JFI700" s="613"/>
      <c r="JFJ700" s="613"/>
      <c r="JFK700" s="613"/>
      <c r="JFL700" s="613"/>
      <c r="JFM700" s="613"/>
      <c r="JFN700" s="613"/>
      <c r="JFO700" s="613"/>
      <c r="JFP700" s="613"/>
      <c r="JFQ700" s="613"/>
      <c r="JFR700" s="613"/>
      <c r="JFS700" s="613"/>
      <c r="JFT700" s="613"/>
      <c r="JFU700" s="613"/>
      <c r="JFV700" s="613"/>
      <c r="JFW700" s="613"/>
      <c r="JFX700" s="613"/>
      <c r="JFY700" s="613"/>
      <c r="JFZ700" s="613"/>
      <c r="JGA700" s="613"/>
      <c r="JGB700" s="613"/>
      <c r="JGC700" s="613"/>
      <c r="JGD700" s="613"/>
      <c r="JGE700" s="613"/>
      <c r="JGF700" s="613"/>
      <c r="JGG700" s="613"/>
      <c r="JGH700" s="613"/>
      <c r="JGI700" s="613"/>
      <c r="JGJ700" s="613"/>
      <c r="JGK700" s="613"/>
      <c r="JGL700" s="613"/>
      <c r="JGM700" s="613"/>
      <c r="JGN700" s="613"/>
      <c r="JGO700" s="613"/>
      <c r="JGP700" s="613"/>
      <c r="JGQ700" s="613"/>
      <c r="JGR700" s="613"/>
      <c r="JGS700" s="613"/>
      <c r="JGT700" s="613"/>
      <c r="JGU700" s="613"/>
      <c r="JGV700" s="613"/>
      <c r="JGW700" s="613"/>
      <c r="JGX700" s="613"/>
      <c r="JGY700" s="613"/>
      <c r="JGZ700" s="613"/>
      <c r="JHA700" s="613"/>
      <c r="JHB700" s="613"/>
      <c r="JHC700" s="613"/>
      <c r="JHD700" s="613"/>
      <c r="JHE700" s="613"/>
      <c r="JHF700" s="613"/>
      <c r="JHG700" s="613"/>
      <c r="JHH700" s="613"/>
      <c r="JHI700" s="613"/>
      <c r="JHJ700" s="613"/>
      <c r="JHK700" s="613"/>
      <c r="JHL700" s="613"/>
      <c r="JHM700" s="613"/>
      <c r="JHN700" s="613"/>
      <c r="JHO700" s="613"/>
      <c r="JHP700" s="613"/>
      <c r="JHQ700" s="613"/>
      <c r="JHR700" s="613"/>
      <c r="JHS700" s="613"/>
      <c r="JHT700" s="613"/>
      <c r="JHU700" s="613"/>
      <c r="JHV700" s="613"/>
      <c r="JHW700" s="613"/>
      <c r="JHX700" s="613"/>
      <c r="JHY700" s="613"/>
      <c r="JHZ700" s="613"/>
      <c r="JIA700" s="613"/>
      <c r="JIB700" s="613"/>
      <c r="JIC700" s="613"/>
      <c r="JID700" s="613"/>
      <c r="JIE700" s="613"/>
      <c r="JIF700" s="613"/>
      <c r="JIG700" s="613"/>
      <c r="JIH700" s="613"/>
      <c r="JII700" s="613"/>
      <c r="JIJ700" s="613"/>
      <c r="JIK700" s="613"/>
      <c r="JIL700" s="613"/>
      <c r="JIM700" s="613"/>
      <c r="JIN700" s="613"/>
      <c r="JIO700" s="613"/>
      <c r="JIP700" s="613"/>
      <c r="JIQ700" s="613"/>
      <c r="JIR700" s="613"/>
      <c r="JIS700" s="613"/>
      <c r="JIT700" s="613"/>
      <c r="JIU700" s="613"/>
      <c r="JIV700" s="613"/>
      <c r="JIW700" s="613"/>
      <c r="JIX700" s="613"/>
      <c r="JIY700" s="613"/>
      <c r="JIZ700" s="613"/>
      <c r="JJA700" s="613"/>
      <c r="JJB700" s="613"/>
      <c r="JJC700" s="613"/>
      <c r="JJD700" s="613"/>
      <c r="JJE700" s="613"/>
      <c r="JJF700" s="613"/>
      <c r="JJG700" s="613"/>
      <c r="JJH700" s="613"/>
      <c r="JJI700" s="613"/>
      <c r="JJJ700" s="613"/>
      <c r="JJK700" s="613"/>
      <c r="JJL700" s="613"/>
      <c r="JJM700" s="613"/>
      <c r="JJN700" s="613"/>
      <c r="JJO700" s="613"/>
      <c r="JJP700" s="613"/>
      <c r="JJQ700" s="613"/>
      <c r="JJR700" s="613"/>
      <c r="JJS700" s="613"/>
      <c r="JJT700" s="613"/>
      <c r="JJU700" s="613"/>
      <c r="JJV700" s="613"/>
      <c r="JJW700" s="613"/>
      <c r="JJX700" s="613"/>
      <c r="JJY700" s="613"/>
      <c r="JJZ700" s="613"/>
      <c r="JKA700" s="613"/>
      <c r="JKB700" s="613"/>
      <c r="JKC700" s="613"/>
      <c r="JKD700" s="613"/>
      <c r="JKE700" s="613"/>
      <c r="JKF700" s="613"/>
      <c r="JKG700" s="613"/>
      <c r="JKH700" s="613"/>
      <c r="JKI700" s="613"/>
      <c r="JKJ700" s="613"/>
      <c r="JKK700" s="613"/>
      <c r="JKL700" s="613"/>
      <c r="JKM700" s="613"/>
      <c r="JKN700" s="613"/>
      <c r="JKO700" s="613"/>
      <c r="JKP700" s="613"/>
      <c r="JKQ700" s="613"/>
      <c r="JKR700" s="613"/>
      <c r="JKS700" s="613"/>
      <c r="JKT700" s="613"/>
      <c r="JKU700" s="613"/>
      <c r="JKV700" s="613"/>
      <c r="JKW700" s="613"/>
      <c r="JKX700" s="613"/>
      <c r="JKY700" s="613"/>
      <c r="JKZ700" s="613"/>
      <c r="JLA700" s="613"/>
      <c r="JLB700" s="613"/>
      <c r="JLC700" s="613"/>
      <c r="JLD700" s="613"/>
      <c r="JLE700" s="613"/>
      <c r="JLF700" s="613"/>
      <c r="JLG700" s="613"/>
      <c r="JLH700" s="613"/>
      <c r="JLI700" s="613"/>
      <c r="JLJ700" s="613"/>
      <c r="JLK700" s="613"/>
      <c r="JLL700" s="613"/>
      <c r="JLM700" s="613"/>
      <c r="JLN700" s="613"/>
      <c r="JLO700" s="613"/>
      <c r="JLP700" s="613"/>
      <c r="JLQ700" s="613"/>
      <c r="JLR700" s="613"/>
      <c r="JLS700" s="613"/>
      <c r="JLT700" s="613"/>
      <c r="JLU700" s="613"/>
      <c r="JLV700" s="613"/>
      <c r="JLW700" s="613"/>
      <c r="JLX700" s="613"/>
      <c r="JLY700" s="613"/>
      <c r="JLZ700" s="613"/>
      <c r="JMA700" s="613"/>
      <c r="JMB700" s="613"/>
      <c r="JMC700" s="613"/>
      <c r="JMD700" s="613"/>
      <c r="JME700" s="613"/>
      <c r="JMF700" s="613"/>
      <c r="JMG700" s="613"/>
      <c r="JMH700" s="613"/>
      <c r="JMI700" s="613"/>
      <c r="JMJ700" s="613"/>
      <c r="JMK700" s="613"/>
      <c r="JML700" s="613"/>
      <c r="JMM700" s="613"/>
      <c r="JMN700" s="613"/>
      <c r="JMO700" s="613"/>
      <c r="JMP700" s="613"/>
      <c r="JMQ700" s="613"/>
      <c r="JMR700" s="613"/>
      <c r="JMS700" s="613"/>
      <c r="JMT700" s="613"/>
      <c r="JMU700" s="613"/>
      <c r="JMV700" s="613"/>
      <c r="JMW700" s="613"/>
      <c r="JMX700" s="613"/>
      <c r="JMY700" s="613"/>
      <c r="JMZ700" s="613"/>
      <c r="JNA700" s="613"/>
      <c r="JNB700" s="613"/>
      <c r="JNC700" s="613"/>
      <c r="JND700" s="613"/>
      <c r="JNE700" s="613"/>
      <c r="JNF700" s="613"/>
      <c r="JNG700" s="613"/>
      <c r="JNH700" s="613"/>
      <c r="JNI700" s="613"/>
      <c r="JNJ700" s="613"/>
      <c r="JNK700" s="613"/>
      <c r="JNL700" s="613"/>
      <c r="JNM700" s="613"/>
      <c r="JNN700" s="613"/>
      <c r="JNO700" s="613"/>
      <c r="JNP700" s="613"/>
      <c r="JNQ700" s="613"/>
      <c r="JNR700" s="613"/>
      <c r="JNS700" s="613"/>
      <c r="JNT700" s="613"/>
      <c r="JNU700" s="613"/>
      <c r="JNV700" s="613"/>
      <c r="JNW700" s="613"/>
      <c r="JNX700" s="613"/>
      <c r="JNY700" s="613"/>
      <c r="JNZ700" s="613"/>
      <c r="JOA700" s="613"/>
      <c r="JOB700" s="613"/>
      <c r="JOC700" s="613"/>
      <c r="JOD700" s="613"/>
      <c r="JOE700" s="613"/>
      <c r="JOF700" s="613"/>
      <c r="JOG700" s="613"/>
      <c r="JOH700" s="613"/>
      <c r="JOI700" s="613"/>
      <c r="JOJ700" s="613"/>
      <c r="JOK700" s="613"/>
      <c r="JOL700" s="613"/>
      <c r="JOM700" s="613"/>
      <c r="JON700" s="613"/>
      <c r="JOO700" s="613"/>
      <c r="JOP700" s="613"/>
      <c r="JOQ700" s="613"/>
      <c r="JOR700" s="613"/>
      <c r="JOS700" s="613"/>
      <c r="JOT700" s="613"/>
      <c r="JOU700" s="613"/>
      <c r="JOV700" s="613"/>
      <c r="JOW700" s="613"/>
      <c r="JOX700" s="613"/>
      <c r="JOY700" s="613"/>
      <c r="JOZ700" s="613"/>
      <c r="JPA700" s="613"/>
      <c r="JPB700" s="613"/>
      <c r="JPC700" s="613"/>
      <c r="JPD700" s="613"/>
      <c r="JPE700" s="613"/>
      <c r="JPF700" s="613"/>
      <c r="JPG700" s="613"/>
      <c r="JPH700" s="613"/>
      <c r="JPI700" s="613"/>
      <c r="JPJ700" s="613"/>
      <c r="JPK700" s="613"/>
      <c r="JPL700" s="613"/>
      <c r="JPM700" s="613"/>
      <c r="JPN700" s="613"/>
      <c r="JPO700" s="613"/>
      <c r="JPP700" s="613"/>
      <c r="JPQ700" s="613"/>
      <c r="JPR700" s="613"/>
      <c r="JPS700" s="613"/>
      <c r="JPT700" s="613"/>
      <c r="JPU700" s="613"/>
      <c r="JPV700" s="613"/>
      <c r="JPW700" s="613"/>
      <c r="JPX700" s="613"/>
      <c r="JPY700" s="613"/>
      <c r="JPZ700" s="613"/>
      <c r="JQA700" s="613"/>
      <c r="JQB700" s="613"/>
      <c r="JQC700" s="613"/>
      <c r="JQD700" s="613"/>
      <c r="JQE700" s="613"/>
      <c r="JQF700" s="613"/>
      <c r="JQG700" s="613"/>
      <c r="JQH700" s="613"/>
      <c r="JQI700" s="613"/>
      <c r="JQJ700" s="613"/>
      <c r="JQK700" s="613"/>
      <c r="JQL700" s="613"/>
      <c r="JQM700" s="613"/>
      <c r="JQN700" s="613"/>
      <c r="JQO700" s="613"/>
      <c r="JQP700" s="613"/>
      <c r="JQQ700" s="613"/>
      <c r="JQR700" s="613"/>
      <c r="JQS700" s="613"/>
      <c r="JQT700" s="613"/>
      <c r="JQU700" s="613"/>
      <c r="JQV700" s="613"/>
      <c r="JQW700" s="613"/>
      <c r="JQX700" s="613"/>
      <c r="JQY700" s="613"/>
      <c r="JQZ700" s="613"/>
      <c r="JRA700" s="613"/>
      <c r="JRB700" s="613"/>
      <c r="JRC700" s="613"/>
      <c r="JRD700" s="613"/>
      <c r="JRE700" s="613"/>
      <c r="JRF700" s="613"/>
      <c r="JRG700" s="613"/>
      <c r="JRH700" s="613"/>
      <c r="JRI700" s="613"/>
      <c r="JRJ700" s="613"/>
      <c r="JRK700" s="613"/>
      <c r="JRL700" s="613"/>
      <c r="JRM700" s="613"/>
      <c r="JRN700" s="613"/>
      <c r="JRO700" s="613"/>
      <c r="JRP700" s="613"/>
      <c r="JRQ700" s="613"/>
      <c r="JRR700" s="613"/>
      <c r="JRS700" s="613"/>
      <c r="JRT700" s="613"/>
      <c r="JRU700" s="613"/>
      <c r="JRV700" s="613"/>
      <c r="JRW700" s="613"/>
      <c r="JRX700" s="613"/>
      <c r="JRY700" s="613"/>
      <c r="JRZ700" s="613"/>
      <c r="JSA700" s="613"/>
      <c r="JSB700" s="613"/>
      <c r="JSC700" s="613"/>
      <c r="JSD700" s="613"/>
      <c r="JSE700" s="613"/>
      <c r="JSF700" s="613"/>
      <c r="JSG700" s="613"/>
      <c r="JSH700" s="613"/>
      <c r="JSI700" s="613"/>
      <c r="JSJ700" s="613"/>
      <c r="JSK700" s="613"/>
      <c r="JSL700" s="613"/>
      <c r="JSM700" s="613"/>
      <c r="JSN700" s="613"/>
      <c r="JSO700" s="613"/>
      <c r="JSP700" s="613"/>
      <c r="JSQ700" s="613"/>
      <c r="JSR700" s="613"/>
      <c r="JSS700" s="613"/>
      <c r="JST700" s="613"/>
      <c r="JSU700" s="613"/>
      <c r="JSV700" s="613"/>
      <c r="JSW700" s="613"/>
      <c r="JSX700" s="613"/>
      <c r="JSY700" s="613"/>
      <c r="JSZ700" s="613"/>
      <c r="JTA700" s="613"/>
      <c r="JTB700" s="613"/>
      <c r="JTC700" s="613"/>
      <c r="JTD700" s="613"/>
      <c r="JTE700" s="613"/>
      <c r="JTF700" s="613"/>
      <c r="JTG700" s="613"/>
      <c r="JTH700" s="613"/>
      <c r="JTI700" s="613"/>
      <c r="JTJ700" s="613"/>
      <c r="JTK700" s="613"/>
      <c r="JTL700" s="613"/>
      <c r="JTM700" s="613"/>
      <c r="JTN700" s="613"/>
      <c r="JTO700" s="613"/>
      <c r="JTP700" s="613"/>
      <c r="JTQ700" s="613"/>
      <c r="JTR700" s="613"/>
      <c r="JTS700" s="613"/>
      <c r="JTT700" s="613"/>
      <c r="JTU700" s="613"/>
      <c r="JTV700" s="613"/>
      <c r="JTW700" s="613"/>
      <c r="JTX700" s="613"/>
      <c r="JTY700" s="613"/>
      <c r="JTZ700" s="613"/>
      <c r="JUA700" s="613"/>
      <c r="JUB700" s="613"/>
      <c r="JUC700" s="613"/>
      <c r="JUD700" s="613"/>
      <c r="JUE700" s="613"/>
      <c r="JUF700" s="613"/>
      <c r="JUG700" s="613"/>
      <c r="JUH700" s="613"/>
      <c r="JUI700" s="613"/>
      <c r="JUJ700" s="613"/>
      <c r="JUK700" s="613"/>
      <c r="JUL700" s="613"/>
      <c r="JUM700" s="613"/>
      <c r="JUN700" s="613"/>
      <c r="JUO700" s="613"/>
      <c r="JUP700" s="613"/>
      <c r="JUQ700" s="613"/>
      <c r="JUR700" s="613"/>
      <c r="JUS700" s="613"/>
      <c r="JUT700" s="613"/>
      <c r="JUU700" s="613"/>
      <c r="JUV700" s="613"/>
      <c r="JUW700" s="613"/>
      <c r="JUX700" s="613"/>
      <c r="JUY700" s="613"/>
      <c r="JUZ700" s="613"/>
      <c r="JVA700" s="613"/>
      <c r="JVB700" s="613"/>
      <c r="JVC700" s="613"/>
      <c r="JVD700" s="613"/>
      <c r="JVE700" s="613"/>
      <c r="JVF700" s="613"/>
      <c r="JVG700" s="613"/>
      <c r="JVH700" s="613"/>
      <c r="JVI700" s="613"/>
      <c r="JVJ700" s="613"/>
      <c r="JVK700" s="613"/>
      <c r="JVL700" s="613"/>
      <c r="JVM700" s="613"/>
      <c r="JVN700" s="613"/>
      <c r="JVO700" s="613"/>
      <c r="JVP700" s="613"/>
      <c r="JVQ700" s="613"/>
      <c r="JVR700" s="613"/>
      <c r="JVS700" s="613"/>
      <c r="JVT700" s="613"/>
      <c r="JVU700" s="613"/>
      <c r="JVV700" s="613"/>
      <c r="JVW700" s="613"/>
      <c r="JVX700" s="613"/>
      <c r="JVY700" s="613"/>
      <c r="JVZ700" s="613"/>
      <c r="JWA700" s="613"/>
      <c r="JWB700" s="613"/>
      <c r="JWC700" s="613"/>
      <c r="JWD700" s="613"/>
      <c r="JWE700" s="613"/>
      <c r="JWF700" s="613"/>
      <c r="JWG700" s="613"/>
      <c r="JWH700" s="613"/>
      <c r="JWI700" s="613"/>
      <c r="JWJ700" s="613"/>
      <c r="JWK700" s="613"/>
      <c r="JWL700" s="613"/>
      <c r="JWM700" s="613"/>
      <c r="JWN700" s="613"/>
      <c r="JWO700" s="613"/>
      <c r="JWP700" s="613"/>
      <c r="JWQ700" s="613"/>
      <c r="JWR700" s="613"/>
      <c r="JWS700" s="613"/>
      <c r="JWT700" s="613"/>
      <c r="JWU700" s="613"/>
      <c r="JWV700" s="613"/>
      <c r="JWW700" s="613"/>
      <c r="JWX700" s="613"/>
      <c r="JWY700" s="613"/>
      <c r="JWZ700" s="613"/>
      <c r="JXA700" s="613"/>
      <c r="JXB700" s="613"/>
      <c r="JXC700" s="613"/>
      <c r="JXD700" s="613"/>
      <c r="JXE700" s="613"/>
      <c r="JXF700" s="613"/>
      <c r="JXG700" s="613"/>
      <c r="JXH700" s="613"/>
      <c r="JXI700" s="613"/>
      <c r="JXJ700" s="613"/>
      <c r="JXK700" s="613"/>
      <c r="JXL700" s="613"/>
      <c r="JXM700" s="613"/>
      <c r="JXN700" s="613"/>
      <c r="JXO700" s="613"/>
      <c r="JXP700" s="613"/>
      <c r="JXQ700" s="613"/>
      <c r="JXR700" s="613"/>
      <c r="JXS700" s="613"/>
      <c r="JXT700" s="613"/>
      <c r="JXU700" s="613"/>
      <c r="JXV700" s="613"/>
      <c r="JXW700" s="613"/>
      <c r="JXX700" s="613"/>
      <c r="JXY700" s="613"/>
      <c r="JXZ700" s="613"/>
      <c r="JYA700" s="613"/>
      <c r="JYB700" s="613"/>
      <c r="JYC700" s="613"/>
      <c r="JYD700" s="613"/>
      <c r="JYE700" s="613"/>
      <c r="JYF700" s="613"/>
      <c r="JYG700" s="613"/>
      <c r="JYH700" s="613"/>
      <c r="JYI700" s="613"/>
      <c r="JYJ700" s="613"/>
      <c r="JYK700" s="613"/>
      <c r="JYL700" s="613"/>
      <c r="JYM700" s="613"/>
      <c r="JYN700" s="613"/>
      <c r="JYO700" s="613"/>
      <c r="JYP700" s="613"/>
      <c r="JYQ700" s="613"/>
      <c r="JYR700" s="613"/>
      <c r="JYS700" s="613"/>
      <c r="JYT700" s="613"/>
      <c r="JYU700" s="613"/>
      <c r="JYV700" s="613"/>
      <c r="JYW700" s="613"/>
      <c r="JYX700" s="613"/>
      <c r="JYY700" s="613"/>
      <c r="JYZ700" s="613"/>
      <c r="JZA700" s="613"/>
      <c r="JZB700" s="613"/>
      <c r="JZC700" s="613"/>
      <c r="JZD700" s="613"/>
      <c r="JZE700" s="613"/>
      <c r="JZF700" s="613"/>
      <c r="JZG700" s="613"/>
      <c r="JZH700" s="613"/>
      <c r="JZI700" s="613"/>
      <c r="JZJ700" s="613"/>
      <c r="JZK700" s="613"/>
      <c r="JZL700" s="613"/>
      <c r="JZM700" s="613"/>
      <c r="JZN700" s="613"/>
      <c r="JZO700" s="613"/>
      <c r="JZP700" s="613"/>
      <c r="JZQ700" s="613"/>
      <c r="JZR700" s="613"/>
      <c r="JZS700" s="613"/>
      <c r="JZT700" s="613"/>
      <c r="JZU700" s="613"/>
      <c r="JZV700" s="613"/>
      <c r="JZW700" s="613"/>
      <c r="JZX700" s="613"/>
      <c r="JZY700" s="613"/>
      <c r="JZZ700" s="613"/>
      <c r="KAA700" s="613"/>
      <c r="KAB700" s="613"/>
      <c r="KAC700" s="613"/>
      <c r="KAD700" s="613"/>
      <c r="KAE700" s="613"/>
      <c r="KAF700" s="613"/>
      <c r="KAG700" s="613"/>
      <c r="KAH700" s="613"/>
      <c r="KAI700" s="613"/>
      <c r="KAJ700" s="613"/>
      <c r="KAK700" s="613"/>
      <c r="KAL700" s="613"/>
      <c r="KAM700" s="613"/>
      <c r="KAN700" s="613"/>
      <c r="KAO700" s="613"/>
      <c r="KAP700" s="613"/>
      <c r="KAQ700" s="613"/>
      <c r="KAR700" s="613"/>
      <c r="KAS700" s="613"/>
      <c r="KAT700" s="613"/>
      <c r="KAU700" s="613"/>
      <c r="KAV700" s="613"/>
      <c r="KAW700" s="613"/>
      <c r="KAX700" s="613"/>
      <c r="KAY700" s="613"/>
      <c r="KAZ700" s="613"/>
      <c r="KBA700" s="613"/>
      <c r="KBB700" s="613"/>
      <c r="KBC700" s="613"/>
      <c r="KBD700" s="613"/>
      <c r="KBE700" s="613"/>
      <c r="KBF700" s="613"/>
      <c r="KBG700" s="613"/>
      <c r="KBH700" s="613"/>
      <c r="KBI700" s="613"/>
      <c r="KBJ700" s="613"/>
      <c r="KBK700" s="613"/>
      <c r="KBL700" s="613"/>
      <c r="KBM700" s="613"/>
      <c r="KBN700" s="613"/>
      <c r="KBO700" s="613"/>
      <c r="KBP700" s="613"/>
      <c r="KBQ700" s="613"/>
      <c r="KBR700" s="613"/>
      <c r="KBS700" s="613"/>
      <c r="KBT700" s="613"/>
      <c r="KBU700" s="613"/>
      <c r="KBV700" s="613"/>
      <c r="KBW700" s="613"/>
      <c r="KBX700" s="613"/>
      <c r="KBY700" s="613"/>
      <c r="KBZ700" s="613"/>
      <c r="KCA700" s="613"/>
      <c r="KCB700" s="613"/>
      <c r="KCC700" s="613"/>
      <c r="KCD700" s="613"/>
      <c r="KCE700" s="613"/>
      <c r="KCF700" s="613"/>
      <c r="KCG700" s="613"/>
      <c r="KCH700" s="613"/>
      <c r="KCI700" s="613"/>
      <c r="KCJ700" s="613"/>
      <c r="KCK700" s="613"/>
      <c r="KCL700" s="613"/>
      <c r="KCM700" s="613"/>
      <c r="KCN700" s="613"/>
      <c r="KCO700" s="613"/>
      <c r="KCP700" s="613"/>
      <c r="KCQ700" s="613"/>
      <c r="KCR700" s="613"/>
      <c r="KCS700" s="613"/>
      <c r="KCT700" s="613"/>
      <c r="KCU700" s="613"/>
      <c r="KCV700" s="613"/>
      <c r="KCW700" s="613"/>
      <c r="KCX700" s="613"/>
      <c r="KCY700" s="613"/>
      <c r="KCZ700" s="613"/>
      <c r="KDA700" s="613"/>
      <c r="KDB700" s="613"/>
      <c r="KDC700" s="613"/>
      <c r="KDD700" s="613"/>
      <c r="KDE700" s="613"/>
      <c r="KDF700" s="613"/>
      <c r="KDG700" s="613"/>
      <c r="KDH700" s="613"/>
      <c r="KDI700" s="613"/>
      <c r="KDJ700" s="613"/>
      <c r="KDK700" s="613"/>
      <c r="KDL700" s="613"/>
      <c r="KDM700" s="613"/>
      <c r="KDN700" s="613"/>
      <c r="KDO700" s="613"/>
      <c r="KDP700" s="613"/>
      <c r="KDQ700" s="613"/>
      <c r="KDR700" s="613"/>
      <c r="KDS700" s="613"/>
      <c r="KDT700" s="613"/>
      <c r="KDU700" s="613"/>
      <c r="KDV700" s="613"/>
      <c r="KDW700" s="613"/>
      <c r="KDX700" s="613"/>
      <c r="KDY700" s="613"/>
      <c r="KDZ700" s="613"/>
      <c r="KEA700" s="613"/>
      <c r="KEB700" s="613"/>
      <c r="KEC700" s="613"/>
      <c r="KED700" s="613"/>
      <c r="KEE700" s="613"/>
      <c r="KEF700" s="613"/>
      <c r="KEG700" s="613"/>
      <c r="KEH700" s="613"/>
      <c r="KEI700" s="613"/>
      <c r="KEJ700" s="613"/>
      <c r="KEK700" s="613"/>
      <c r="KEL700" s="613"/>
      <c r="KEM700" s="613"/>
      <c r="KEN700" s="613"/>
      <c r="KEO700" s="613"/>
      <c r="KEP700" s="613"/>
      <c r="KEQ700" s="613"/>
      <c r="KER700" s="613"/>
      <c r="KES700" s="613"/>
      <c r="KET700" s="613"/>
      <c r="KEU700" s="613"/>
      <c r="KEV700" s="613"/>
      <c r="KEW700" s="613"/>
      <c r="KEX700" s="613"/>
      <c r="KEY700" s="613"/>
      <c r="KEZ700" s="613"/>
      <c r="KFA700" s="613"/>
      <c r="KFB700" s="613"/>
      <c r="KFC700" s="613"/>
      <c r="KFD700" s="613"/>
      <c r="KFE700" s="613"/>
      <c r="KFF700" s="613"/>
      <c r="KFG700" s="613"/>
      <c r="KFH700" s="613"/>
      <c r="KFI700" s="613"/>
      <c r="KFJ700" s="613"/>
      <c r="KFK700" s="613"/>
      <c r="KFL700" s="613"/>
      <c r="KFM700" s="613"/>
      <c r="KFN700" s="613"/>
      <c r="KFO700" s="613"/>
      <c r="KFP700" s="613"/>
      <c r="KFQ700" s="613"/>
      <c r="KFR700" s="613"/>
      <c r="KFS700" s="613"/>
      <c r="KFT700" s="613"/>
      <c r="KFU700" s="613"/>
      <c r="KFV700" s="613"/>
      <c r="KFW700" s="613"/>
      <c r="KFX700" s="613"/>
      <c r="KFY700" s="613"/>
      <c r="KFZ700" s="613"/>
      <c r="KGA700" s="613"/>
      <c r="KGB700" s="613"/>
      <c r="KGC700" s="613"/>
      <c r="KGD700" s="613"/>
      <c r="KGE700" s="613"/>
      <c r="KGF700" s="613"/>
      <c r="KGG700" s="613"/>
      <c r="KGH700" s="613"/>
      <c r="KGI700" s="613"/>
      <c r="KGJ700" s="613"/>
      <c r="KGK700" s="613"/>
      <c r="KGL700" s="613"/>
      <c r="KGM700" s="613"/>
      <c r="KGN700" s="613"/>
      <c r="KGO700" s="613"/>
      <c r="KGP700" s="613"/>
      <c r="KGQ700" s="613"/>
      <c r="KGR700" s="613"/>
      <c r="KGS700" s="613"/>
      <c r="KGT700" s="613"/>
      <c r="KGU700" s="613"/>
      <c r="KGV700" s="613"/>
      <c r="KGW700" s="613"/>
      <c r="KGX700" s="613"/>
      <c r="KGY700" s="613"/>
      <c r="KGZ700" s="613"/>
      <c r="KHA700" s="613"/>
      <c r="KHB700" s="613"/>
      <c r="KHC700" s="613"/>
      <c r="KHD700" s="613"/>
      <c r="KHE700" s="613"/>
      <c r="KHF700" s="613"/>
      <c r="KHG700" s="613"/>
      <c r="KHH700" s="613"/>
      <c r="KHI700" s="613"/>
      <c r="KHJ700" s="613"/>
      <c r="KHK700" s="613"/>
      <c r="KHL700" s="613"/>
      <c r="KHM700" s="613"/>
      <c r="KHN700" s="613"/>
      <c r="KHO700" s="613"/>
      <c r="KHP700" s="613"/>
      <c r="KHQ700" s="613"/>
      <c r="KHR700" s="613"/>
      <c r="KHS700" s="613"/>
      <c r="KHT700" s="613"/>
      <c r="KHU700" s="613"/>
      <c r="KHV700" s="613"/>
      <c r="KHW700" s="613"/>
      <c r="KHX700" s="613"/>
      <c r="KHY700" s="613"/>
      <c r="KHZ700" s="613"/>
      <c r="KIA700" s="613"/>
      <c r="KIB700" s="613"/>
      <c r="KIC700" s="613"/>
      <c r="KID700" s="613"/>
      <c r="KIE700" s="613"/>
      <c r="KIF700" s="613"/>
      <c r="KIG700" s="613"/>
      <c r="KIH700" s="613"/>
      <c r="KII700" s="613"/>
      <c r="KIJ700" s="613"/>
      <c r="KIK700" s="613"/>
      <c r="KIL700" s="613"/>
      <c r="KIM700" s="613"/>
      <c r="KIN700" s="613"/>
      <c r="KIO700" s="613"/>
      <c r="KIP700" s="613"/>
      <c r="KIQ700" s="613"/>
      <c r="KIR700" s="613"/>
      <c r="KIS700" s="613"/>
      <c r="KIT700" s="613"/>
      <c r="KIU700" s="613"/>
      <c r="KIV700" s="613"/>
      <c r="KIW700" s="613"/>
      <c r="KIX700" s="613"/>
      <c r="KIY700" s="613"/>
      <c r="KIZ700" s="613"/>
      <c r="KJA700" s="613"/>
      <c r="KJB700" s="613"/>
      <c r="KJC700" s="613"/>
      <c r="KJD700" s="613"/>
      <c r="KJE700" s="613"/>
      <c r="KJF700" s="613"/>
      <c r="KJG700" s="613"/>
      <c r="KJH700" s="613"/>
      <c r="KJI700" s="613"/>
      <c r="KJJ700" s="613"/>
      <c r="KJK700" s="613"/>
      <c r="KJL700" s="613"/>
      <c r="KJM700" s="613"/>
      <c r="KJN700" s="613"/>
      <c r="KJO700" s="613"/>
      <c r="KJP700" s="613"/>
      <c r="KJQ700" s="613"/>
      <c r="KJR700" s="613"/>
      <c r="KJS700" s="613"/>
      <c r="KJT700" s="613"/>
      <c r="KJU700" s="613"/>
      <c r="KJV700" s="613"/>
      <c r="KJW700" s="613"/>
      <c r="KJX700" s="613"/>
      <c r="KJY700" s="613"/>
      <c r="KJZ700" s="613"/>
      <c r="KKA700" s="613"/>
      <c r="KKB700" s="613"/>
      <c r="KKC700" s="613"/>
      <c r="KKD700" s="613"/>
      <c r="KKE700" s="613"/>
      <c r="KKF700" s="613"/>
      <c r="KKG700" s="613"/>
      <c r="KKH700" s="613"/>
      <c r="KKI700" s="613"/>
      <c r="KKJ700" s="613"/>
      <c r="KKK700" s="613"/>
      <c r="KKL700" s="613"/>
      <c r="KKM700" s="613"/>
      <c r="KKN700" s="613"/>
      <c r="KKO700" s="613"/>
      <c r="KKP700" s="613"/>
      <c r="KKQ700" s="613"/>
      <c r="KKR700" s="613"/>
      <c r="KKS700" s="613"/>
      <c r="KKT700" s="613"/>
      <c r="KKU700" s="613"/>
      <c r="KKV700" s="613"/>
      <c r="KKW700" s="613"/>
      <c r="KKX700" s="613"/>
      <c r="KKY700" s="613"/>
      <c r="KKZ700" s="613"/>
      <c r="KLA700" s="613"/>
      <c r="KLB700" s="613"/>
      <c r="KLC700" s="613"/>
      <c r="KLD700" s="613"/>
      <c r="KLE700" s="613"/>
      <c r="KLF700" s="613"/>
      <c r="KLG700" s="613"/>
      <c r="KLH700" s="613"/>
      <c r="KLI700" s="613"/>
      <c r="KLJ700" s="613"/>
      <c r="KLK700" s="613"/>
      <c r="KLL700" s="613"/>
      <c r="KLM700" s="613"/>
      <c r="KLN700" s="613"/>
      <c r="KLO700" s="613"/>
      <c r="KLP700" s="613"/>
      <c r="KLQ700" s="613"/>
      <c r="KLR700" s="613"/>
      <c r="KLS700" s="613"/>
      <c r="KLT700" s="613"/>
      <c r="KLU700" s="613"/>
      <c r="KLV700" s="613"/>
      <c r="KLW700" s="613"/>
      <c r="KLX700" s="613"/>
      <c r="KLY700" s="613"/>
      <c r="KLZ700" s="613"/>
      <c r="KMA700" s="613"/>
      <c r="KMB700" s="613"/>
      <c r="KMC700" s="613"/>
      <c r="KMD700" s="613"/>
      <c r="KME700" s="613"/>
      <c r="KMF700" s="613"/>
      <c r="KMG700" s="613"/>
      <c r="KMH700" s="613"/>
      <c r="KMI700" s="613"/>
      <c r="KMJ700" s="613"/>
      <c r="KMK700" s="613"/>
      <c r="KML700" s="613"/>
      <c r="KMM700" s="613"/>
      <c r="KMN700" s="613"/>
      <c r="KMO700" s="613"/>
      <c r="KMP700" s="613"/>
      <c r="KMQ700" s="613"/>
      <c r="KMR700" s="613"/>
      <c r="KMS700" s="613"/>
      <c r="KMT700" s="613"/>
      <c r="KMU700" s="613"/>
      <c r="KMV700" s="613"/>
      <c r="KMW700" s="613"/>
      <c r="KMX700" s="613"/>
      <c r="KMY700" s="613"/>
      <c r="KMZ700" s="613"/>
      <c r="KNA700" s="613"/>
      <c r="KNB700" s="613"/>
      <c r="KNC700" s="613"/>
      <c r="KND700" s="613"/>
      <c r="KNE700" s="613"/>
      <c r="KNF700" s="613"/>
      <c r="KNG700" s="613"/>
      <c r="KNH700" s="613"/>
      <c r="KNI700" s="613"/>
      <c r="KNJ700" s="613"/>
      <c r="KNK700" s="613"/>
      <c r="KNL700" s="613"/>
      <c r="KNM700" s="613"/>
      <c r="KNN700" s="613"/>
      <c r="KNO700" s="613"/>
      <c r="KNP700" s="613"/>
      <c r="KNQ700" s="613"/>
      <c r="KNR700" s="613"/>
      <c r="KNS700" s="613"/>
      <c r="KNT700" s="613"/>
      <c r="KNU700" s="613"/>
      <c r="KNV700" s="613"/>
      <c r="KNW700" s="613"/>
      <c r="KNX700" s="613"/>
      <c r="KNY700" s="613"/>
      <c r="KNZ700" s="613"/>
      <c r="KOA700" s="613"/>
      <c r="KOB700" s="613"/>
      <c r="KOC700" s="613"/>
      <c r="KOD700" s="613"/>
      <c r="KOE700" s="613"/>
      <c r="KOF700" s="613"/>
      <c r="KOG700" s="613"/>
      <c r="KOH700" s="613"/>
      <c r="KOI700" s="613"/>
      <c r="KOJ700" s="613"/>
      <c r="KOK700" s="613"/>
      <c r="KOL700" s="613"/>
      <c r="KOM700" s="613"/>
      <c r="KON700" s="613"/>
      <c r="KOO700" s="613"/>
      <c r="KOP700" s="613"/>
      <c r="KOQ700" s="613"/>
      <c r="KOR700" s="613"/>
      <c r="KOS700" s="613"/>
      <c r="KOT700" s="613"/>
      <c r="KOU700" s="613"/>
      <c r="KOV700" s="613"/>
      <c r="KOW700" s="613"/>
      <c r="KOX700" s="613"/>
      <c r="KOY700" s="613"/>
      <c r="KOZ700" s="613"/>
      <c r="KPA700" s="613"/>
      <c r="KPB700" s="613"/>
      <c r="KPC700" s="613"/>
      <c r="KPD700" s="613"/>
      <c r="KPE700" s="613"/>
      <c r="KPF700" s="613"/>
      <c r="KPG700" s="613"/>
      <c r="KPH700" s="613"/>
      <c r="KPI700" s="613"/>
      <c r="KPJ700" s="613"/>
      <c r="KPK700" s="613"/>
      <c r="KPL700" s="613"/>
      <c r="KPM700" s="613"/>
      <c r="KPN700" s="613"/>
      <c r="KPO700" s="613"/>
      <c r="KPP700" s="613"/>
      <c r="KPQ700" s="613"/>
      <c r="KPR700" s="613"/>
      <c r="KPS700" s="613"/>
      <c r="KPT700" s="613"/>
      <c r="KPU700" s="613"/>
      <c r="KPV700" s="613"/>
      <c r="KPW700" s="613"/>
      <c r="KPX700" s="613"/>
      <c r="KPY700" s="613"/>
      <c r="KPZ700" s="613"/>
      <c r="KQA700" s="613"/>
      <c r="KQB700" s="613"/>
      <c r="KQC700" s="613"/>
      <c r="KQD700" s="613"/>
      <c r="KQE700" s="613"/>
      <c r="KQF700" s="613"/>
      <c r="KQG700" s="613"/>
      <c r="KQH700" s="613"/>
      <c r="KQI700" s="613"/>
      <c r="KQJ700" s="613"/>
      <c r="KQK700" s="613"/>
      <c r="KQL700" s="613"/>
      <c r="KQM700" s="613"/>
      <c r="KQN700" s="613"/>
      <c r="KQO700" s="613"/>
      <c r="KQP700" s="613"/>
      <c r="KQQ700" s="613"/>
      <c r="KQR700" s="613"/>
      <c r="KQS700" s="613"/>
      <c r="KQT700" s="613"/>
      <c r="KQU700" s="613"/>
      <c r="KQV700" s="613"/>
      <c r="KQW700" s="613"/>
      <c r="KQX700" s="613"/>
      <c r="KQY700" s="613"/>
      <c r="KQZ700" s="613"/>
      <c r="KRA700" s="613"/>
      <c r="KRB700" s="613"/>
      <c r="KRC700" s="613"/>
      <c r="KRD700" s="613"/>
      <c r="KRE700" s="613"/>
      <c r="KRF700" s="613"/>
      <c r="KRG700" s="613"/>
      <c r="KRH700" s="613"/>
      <c r="KRI700" s="613"/>
      <c r="KRJ700" s="613"/>
      <c r="KRK700" s="613"/>
      <c r="KRL700" s="613"/>
      <c r="KRM700" s="613"/>
      <c r="KRN700" s="613"/>
      <c r="KRO700" s="613"/>
      <c r="KRP700" s="613"/>
      <c r="KRQ700" s="613"/>
      <c r="KRR700" s="613"/>
      <c r="KRS700" s="613"/>
      <c r="KRT700" s="613"/>
      <c r="KRU700" s="613"/>
      <c r="KRV700" s="613"/>
      <c r="KRW700" s="613"/>
      <c r="KRX700" s="613"/>
      <c r="KRY700" s="613"/>
      <c r="KRZ700" s="613"/>
      <c r="KSA700" s="613"/>
      <c r="KSB700" s="613"/>
      <c r="KSC700" s="613"/>
      <c r="KSD700" s="613"/>
      <c r="KSE700" s="613"/>
      <c r="KSF700" s="613"/>
      <c r="KSG700" s="613"/>
      <c r="KSH700" s="613"/>
      <c r="KSI700" s="613"/>
      <c r="KSJ700" s="613"/>
      <c r="KSK700" s="613"/>
      <c r="KSL700" s="613"/>
      <c r="KSM700" s="613"/>
      <c r="KSN700" s="613"/>
      <c r="KSO700" s="613"/>
      <c r="KSP700" s="613"/>
      <c r="KSQ700" s="613"/>
      <c r="KSR700" s="613"/>
      <c r="KSS700" s="613"/>
      <c r="KST700" s="613"/>
      <c r="KSU700" s="613"/>
      <c r="KSV700" s="613"/>
      <c r="KSW700" s="613"/>
      <c r="KSX700" s="613"/>
      <c r="KSY700" s="613"/>
      <c r="KSZ700" s="613"/>
      <c r="KTA700" s="613"/>
      <c r="KTB700" s="613"/>
      <c r="KTC700" s="613"/>
      <c r="KTD700" s="613"/>
      <c r="KTE700" s="613"/>
      <c r="KTF700" s="613"/>
      <c r="KTG700" s="613"/>
      <c r="KTH700" s="613"/>
      <c r="KTI700" s="613"/>
      <c r="KTJ700" s="613"/>
      <c r="KTK700" s="613"/>
      <c r="KTL700" s="613"/>
      <c r="KTM700" s="613"/>
      <c r="KTN700" s="613"/>
      <c r="KTO700" s="613"/>
      <c r="KTP700" s="613"/>
      <c r="KTQ700" s="613"/>
      <c r="KTR700" s="613"/>
      <c r="KTS700" s="613"/>
      <c r="KTT700" s="613"/>
      <c r="KTU700" s="613"/>
      <c r="KTV700" s="613"/>
      <c r="KTW700" s="613"/>
      <c r="KTX700" s="613"/>
      <c r="KTY700" s="613"/>
      <c r="KTZ700" s="613"/>
      <c r="KUA700" s="613"/>
      <c r="KUB700" s="613"/>
      <c r="KUC700" s="613"/>
      <c r="KUD700" s="613"/>
      <c r="KUE700" s="613"/>
      <c r="KUF700" s="613"/>
      <c r="KUG700" s="613"/>
      <c r="KUH700" s="613"/>
      <c r="KUI700" s="613"/>
      <c r="KUJ700" s="613"/>
      <c r="KUK700" s="613"/>
      <c r="KUL700" s="613"/>
      <c r="KUM700" s="613"/>
      <c r="KUN700" s="613"/>
      <c r="KUO700" s="613"/>
      <c r="KUP700" s="613"/>
      <c r="KUQ700" s="613"/>
      <c r="KUR700" s="613"/>
      <c r="KUS700" s="613"/>
      <c r="KUT700" s="613"/>
      <c r="KUU700" s="613"/>
      <c r="KUV700" s="613"/>
      <c r="KUW700" s="613"/>
      <c r="KUX700" s="613"/>
      <c r="KUY700" s="613"/>
      <c r="KUZ700" s="613"/>
      <c r="KVA700" s="613"/>
      <c r="KVB700" s="613"/>
      <c r="KVC700" s="613"/>
      <c r="KVD700" s="613"/>
      <c r="KVE700" s="613"/>
      <c r="KVF700" s="613"/>
      <c r="KVG700" s="613"/>
      <c r="KVH700" s="613"/>
      <c r="KVI700" s="613"/>
      <c r="KVJ700" s="613"/>
      <c r="KVK700" s="613"/>
      <c r="KVL700" s="613"/>
      <c r="KVM700" s="613"/>
      <c r="KVN700" s="613"/>
      <c r="KVO700" s="613"/>
      <c r="KVP700" s="613"/>
      <c r="KVQ700" s="613"/>
      <c r="KVR700" s="613"/>
      <c r="KVS700" s="613"/>
      <c r="KVT700" s="613"/>
      <c r="KVU700" s="613"/>
      <c r="KVV700" s="613"/>
      <c r="KVW700" s="613"/>
      <c r="KVX700" s="613"/>
      <c r="KVY700" s="613"/>
      <c r="KVZ700" s="613"/>
      <c r="KWA700" s="613"/>
      <c r="KWB700" s="613"/>
      <c r="KWC700" s="613"/>
      <c r="KWD700" s="613"/>
      <c r="KWE700" s="613"/>
      <c r="KWF700" s="613"/>
      <c r="KWG700" s="613"/>
      <c r="KWH700" s="613"/>
      <c r="KWI700" s="613"/>
      <c r="KWJ700" s="613"/>
      <c r="KWK700" s="613"/>
      <c r="KWL700" s="613"/>
      <c r="KWM700" s="613"/>
      <c r="KWN700" s="613"/>
      <c r="KWO700" s="613"/>
      <c r="KWP700" s="613"/>
      <c r="KWQ700" s="613"/>
      <c r="KWR700" s="613"/>
      <c r="KWS700" s="613"/>
      <c r="KWT700" s="613"/>
      <c r="KWU700" s="613"/>
      <c r="KWV700" s="613"/>
      <c r="KWW700" s="613"/>
      <c r="KWX700" s="613"/>
      <c r="KWY700" s="613"/>
      <c r="KWZ700" s="613"/>
      <c r="KXA700" s="613"/>
      <c r="KXB700" s="613"/>
      <c r="KXC700" s="613"/>
      <c r="KXD700" s="613"/>
      <c r="KXE700" s="613"/>
      <c r="KXF700" s="613"/>
      <c r="KXG700" s="613"/>
      <c r="KXH700" s="613"/>
      <c r="KXI700" s="613"/>
      <c r="KXJ700" s="613"/>
      <c r="KXK700" s="613"/>
      <c r="KXL700" s="613"/>
      <c r="KXM700" s="613"/>
      <c r="KXN700" s="613"/>
      <c r="KXO700" s="613"/>
      <c r="KXP700" s="613"/>
      <c r="KXQ700" s="613"/>
      <c r="KXR700" s="613"/>
      <c r="KXS700" s="613"/>
      <c r="KXT700" s="613"/>
      <c r="KXU700" s="613"/>
      <c r="KXV700" s="613"/>
      <c r="KXW700" s="613"/>
      <c r="KXX700" s="613"/>
      <c r="KXY700" s="613"/>
      <c r="KXZ700" s="613"/>
      <c r="KYA700" s="613"/>
      <c r="KYB700" s="613"/>
      <c r="KYC700" s="613"/>
      <c r="KYD700" s="613"/>
      <c r="KYE700" s="613"/>
      <c r="KYF700" s="613"/>
      <c r="KYG700" s="613"/>
      <c r="KYH700" s="613"/>
      <c r="KYI700" s="613"/>
      <c r="KYJ700" s="613"/>
      <c r="KYK700" s="613"/>
      <c r="KYL700" s="613"/>
      <c r="KYM700" s="613"/>
      <c r="KYN700" s="613"/>
      <c r="KYO700" s="613"/>
      <c r="KYP700" s="613"/>
      <c r="KYQ700" s="613"/>
      <c r="KYR700" s="613"/>
      <c r="KYS700" s="613"/>
      <c r="KYT700" s="613"/>
      <c r="KYU700" s="613"/>
      <c r="KYV700" s="613"/>
      <c r="KYW700" s="613"/>
      <c r="KYX700" s="613"/>
      <c r="KYY700" s="613"/>
      <c r="KYZ700" s="613"/>
      <c r="KZA700" s="613"/>
      <c r="KZB700" s="613"/>
      <c r="KZC700" s="613"/>
      <c r="KZD700" s="613"/>
      <c r="KZE700" s="613"/>
      <c r="KZF700" s="613"/>
      <c r="KZG700" s="613"/>
      <c r="KZH700" s="613"/>
      <c r="KZI700" s="613"/>
      <c r="KZJ700" s="613"/>
      <c r="KZK700" s="613"/>
      <c r="KZL700" s="613"/>
      <c r="KZM700" s="613"/>
      <c r="KZN700" s="613"/>
      <c r="KZO700" s="613"/>
      <c r="KZP700" s="613"/>
      <c r="KZQ700" s="613"/>
      <c r="KZR700" s="613"/>
      <c r="KZS700" s="613"/>
      <c r="KZT700" s="613"/>
      <c r="KZU700" s="613"/>
      <c r="KZV700" s="613"/>
      <c r="KZW700" s="613"/>
      <c r="KZX700" s="613"/>
      <c r="KZY700" s="613"/>
      <c r="KZZ700" s="613"/>
      <c r="LAA700" s="613"/>
      <c r="LAB700" s="613"/>
      <c r="LAC700" s="613"/>
      <c r="LAD700" s="613"/>
      <c r="LAE700" s="613"/>
      <c r="LAF700" s="613"/>
      <c r="LAG700" s="613"/>
      <c r="LAH700" s="613"/>
      <c r="LAI700" s="613"/>
      <c r="LAJ700" s="613"/>
      <c r="LAK700" s="613"/>
      <c r="LAL700" s="613"/>
      <c r="LAM700" s="613"/>
      <c r="LAN700" s="613"/>
      <c r="LAO700" s="613"/>
      <c r="LAP700" s="613"/>
      <c r="LAQ700" s="613"/>
      <c r="LAR700" s="613"/>
      <c r="LAS700" s="613"/>
      <c r="LAT700" s="613"/>
      <c r="LAU700" s="613"/>
      <c r="LAV700" s="613"/>
      <c r="LAW700" s="613"/>
      <c r="LAX700" s="613"/>
      <c r="LAY700" s="613"/>
      <c r="LAZ700" s="613"/>
      <c r="LBA700" s="613"/>
      <c r="LBB700" s="613"/>
      <c r="LBC700" s="613"/>
      <c r="LBD700" s="613"/>
      <c r="LBE700" s="613"/>
      <c r="LBF700" s="613"/>
      <c r="LBG700" s="613"/>
      <c r="LBH700" s="613"/>
      <c r="LBI700" s="613"/>
      <c r="LBJ700" s="613"/>
      <c r="LBK700" s="613"/>
      <c r="LBL700" s="613"/>
      <c r="LBM700" s="613"/>
      <c r="LBN700" s="613"/>
      <c r="LBO700" s="613"/>
      <c r="LBP700" s="613"/>
      <c r="LBQ700" s="613"/>
      <c r="LBR700" s="613"/>
      <c r="LBS700" s="613"/>
      <c r="LBT700" s="613"/>
      <c r="LBU700" s="613"/>
      <c r="LBV700" s="613"/>
      <c r="LBW700" s="613"/>
      <c r="LBX700" s="613"/>
      <c r="LBY700" s="613"/>
      <c r="LBZ700" s="613"/>
      <c r="LCA700" s="613"/>
      <c r="LCB700" s="613"/>
      <c r="LCC700" s="613"/>
      <c r="LCD700" s="613"/>
      <c r="LCE700" s="613"/>
      <c r="LCF700" s="613"/>
      <c r="LCG700" s="613"/>
      <c r="LCH700" s="613"/>
      <c r="LCI700" s="613"/>
      <c r="LCJ700" s="613"/>
      <c r="LCK700" s="613"/>
      <c r="LCL700" s="613"/>
      <c r="LCM700" s="613"/>
      <c r="LCN700" s="613"/>
      <c r="LCO700" s="613"/>
      <c r="LCP700" s="613"/>
      <c r="LCQ700" s="613"/>
      <c r="LCR700" s="613"/>
      <c r="LCS700" s="613"/>
      <c r="LCT700" s="613"/>
      <c r="LCU700" s="613"/>
      <c r="LCV700" s="613"/>
      <c r="LCW700" s="613"/>
      <c r="LCX700" s="613"/>
      <c r="LCY700" s="613"/>
      <c r="LCZ700" s="613"/>
      <c r="LDA700" s="613"/>
      <c r="LDB700" s="613"/>
      <c r="LDC700" s="613"/>
      <c r="LDD700" s="613"/>
      <c r="LDE700" s="613"/>
      <c r="LDF700" s="613"/>
      <c r="LDG700" s="613"/>
      <c r="LDH700" s="613"/>
      <c r="LDI700" s="613"/>
      <c r="LDJ700" s="613"/>
      <c r="LDK700" s="613"/>
      <c r="LDL700" s="613"/>
      <c r="LDM700" s="613"/>
      <c r="LDN700" s="613"/>
      <c r="LDO700" s="613"/>
      <c r="LDP700" s="613"/>
      <c r="LDQ700" s="613"/>
      <c r="LDR700" s="613"/>
      <c r="LDS700" s="613"/>
      <c r="LDT700" s="613"/>
      <c r="LDU700" s="613"/>
      <c r="LDV700" s="613"/>
      <c r="LDW700" s="613"/>
      <c r="LDX700" s="613"/>
      <c r="LDY700" s="613"/>
      <c r="LDZ700" s="613"/>
      <c r="LEA700" s="613"/>
      <c r="LEB700" s="613"/>
      <c r="LEC700" s="613"/>
      <c r="LED700" s="613"/>
      <c r="LEE700" s="613"/>
      <c r="LEF700" s="613"/>
      <c r="LEG700" s="613"/>
      <c r="LEH700" s="613"/>
      <c r="LEI700" s="613"/>
      <c r="LEJ700" s="613"/>
      <c r="LEK700" s="613"/>
      <c r="LEL700" s="613"/>
      <c r="LEM700" s="613"/>
      <c r="LEN700" s="613"/>
      <c r="LEO700" s="613"/>
      <c r="LEP700" s="613"/>
      <c r="LEQ700" s="613"/>
      <c r="LER700" s="613"/>
      <c r="LES700" s="613"/>
      <c r="LET700" s="613"/>
      <c r="LEU700" s="613"/>
      <c r="LEV700" s="613"/>
      <c r="LEW700" s="613"/>
      <c r="LEX700" s="613"/>
      <c r="LEY700" s="613"/>
      <c r="LEZ700" s="613"/>
      <c r="LFA700" s="613"/>
      <c r="LFB700" s="613"/>
      <c r="LFC700" s="613"/>
      <c r="LFD700" s="613"/>
      <c r="LFE700" s="613"/>
      <c r="LFF700" s="613"/>
      <c r="LFG700" s="613"/>
      <c r="LFH700" s="613"/>
      <c r="LFI700" s="613"/>
      <c r="LFJ700" s="613"/>
      <c r="LFK700" s="613"/>
      <c r="LFL700" s="613"/>
      <c r="LFM700" s="613"/>
      <c r="LFN700" s="613"/>
      <c r="LFO700" s="613"/>
      <c r="LFP700" s="613"/>
      <c r="LFQ700" s="613"/>
      <c r="LFR700" s="613"/>
      <c r="LFS700" s="613"/>
      <c r="LFT700" s="613"/>
      <c r="LFU700" s="613"/>
      <c r="LFV700" s="613"/>
      <c r="LFW700" s="613"/>
      <c r="LFX700" s="613"/>
      <c r="LFY700" s="613"/>
      <c r="LFZ700" s="613"/>
      <c r="LGA700" s="613"/>
      <c r="LGB700" s="613"/>
      <c r="LGC700" s="613"/>
      <c r="LGD700" s="613"/>
      <c r="LGE700" s="613"/>
      <c r="LGF700" s="613"/>
      <c r="LGG700" s="613"/>
      <c r="LGH700" s="613"/>
      <c r="LGI700" s="613"/>
      <c r="LGJ700" s="613"/>
      <c r="LGK700" s="613"/>
      <c r="LGL700" s="613"/>
      <c r="LGM700" s="613"/>
      <c r="LGN700" s="613"/>
      <c r="LGO700" s="613"/>
      <c r="LGP700" s="613"/>
      <c r="LGQ700" s="613"/>
      <c r="LGR700" s="613"/>
      <c r="LGS700" s="613"/>
      <c r="LGT700" s="613"/>
      <c r="LGU700" s="613"/>
      <c r="LGV700" s="613"/>
      <c r="LGW700" s="613"/>
      <c r="LGX700" s="613"/>
      <c r="LGY700" s="613"/>
      <c r="LGZ700" s="613"/>
      <c r="LHA700" s="613"/>
      <c r="LHB700" s="613"/>
      <c r="LHC700" s="613"/>
      <c r="LHD700" s="613"/>
      <c r="LHE700" s="613"/>
      <c r="LHF700" s="613"/>
      <c r="LHG700" s="613"/>
      <c r="LHH700" s="613"/>
      <c r="LHI700" s="613"/>
      <c r="LHJ700" s="613"/>
      <c r="LHK700" s="613"/>
      <c r="LHL700" s="613"/>
      <c r="LHM700" s="613"/>
      <c r="LHN700" s="613"/>
      <c r="LHO700" s="613"/>
      <c r="LHP700" s="613"/>
      <c r="LHQ700" s="613"/>
      <c r="LHR700" s="613"/>
      <c r="LHS700" s="613"/>
      <c r="LHT700" s="613"/>
      <c r="LHU700" s="613"/>
      <c r="LHV700" s="613"/>
      <c r="LHW700" s="613"/>
      <c r="LHX700" s="613"/>
      <c r="LHY700" s="613"/>
      <c r="LHZ700" s="613"/>
      <c r="LIA700" s="613"/>
      <c r="LIB700" s="613"/>
      <c r="LIC700" s="613"/>
      <c r="LID700" s="613"/>
      <c r="LIE700" s="613"/>
      <c r="LIF700" s="613"/>
      <c r="LIG700" s="613"/>
      <c r="LIH700" s="613"/>
      <c r="LII700" s="613"/>
      <c r="LIJ700" s="613"/>
      <c r="LIK700" s="613"/>
      <c r="LIL700" s="613"/>
      <c r="LIM700" s="613"/>
      <c r="LIN700" s="613"/>
      <c r="LIO700" s="613"/>
      <c r="LIP700" s="613"/>
      <c r="LIQ700" s="613"/>
      <c r="LIR700" s="613"/>
      <c r="LIS700" s="613"/>
      <c r="LIT700" s="613"/>
      <c r="LIU700" s="613"/>
      <c r="LIV700" s="613"/>
      <c r="LIW700" s="613"/>
      <c r="LIX700" s="613"/>
      <c r="LIY700" s="613"/>
      <c r="LIZ700" s="613"/>
      <c r="LJA700" s="613"/>
      <c r="LJB700" s="613"/>
      <c r="LJC700" s="613"/>
      <c r="LJD700" s="613"/>
      <c r="LJE700" s="613"/>
      <c r="LJF700" s="613"/>
      <c r="LJG700" s="613"/>
      <c r="LJH700" s="613"/>
      <c r="LJI700" s="613"/>
      <c r="LJJ700" s="613"/>
      <c r="LJK700" s="613"/>
      <c r="LJL700" s="613"/>
      <c r="LJM700" s="613"/>
      <c r="LJN700" s="613"/>
      <c r="LJO700" s="613"/>
      <c r="LJP700" s="613"/>
      <c r="LJQ700" s="613"/>
      <c r="LJR700" s="613"/>
      <c r="LJS700" s="613"/>
      <c r="LJT700" s="613"/>
      <c r="LJU700" s="613"/>
      <c r="LJV700" s="613"/>
      <c r="LJW700" s="613"/>
      <c r="LJX700" s="613"/>
      <c r="LJY700" s="613"/>
      <c r="LJZ700" s="613"/>
      <c r="LKA700" s="613"/>
      <c r="LKB700" s="613"/>
      <c r="LKC700" s="613"/>
      <c r="LKD700" s="613"/>
      <c r="LKE700" s="613"/>
      <c r="LKF700" s="613"/>
      <c r="LKG700" s="613"/>
      <c r="LKH700" s="613"/>
      <c r="LKI700" s="613"/>
      <c r="LKJ700" s="613"/>
      <c r="LKK700" s="613"/>
      <c r="LKL700" s="613"/>
      <c r="LKM700" s="613"/>
      <c r="LKN700" s="613"/>
      <c r="LKO700" s="613"/>
      <c r="LKP700" s="613"/>
      <c r="LKQ700" s="613"/>
      <c r="LKR700" s="613"/>
      <c r="LKS700" s="613"/>
      <c r="LKT700" s="613"/>
      <c r="LKU700" s="613"/>
      <c r="LKV700" s="613"/>
      <c r="LKW700" s="613"/>
      <c r="LKX700" s="613"/>
      <c r="LKY700" s="613"/>
      <c r="LKZ700" s="613"/>
      <c r="LLA700" s="613"/>
      <c r="LLB700" s="613"/>
      <c r="LLC700" s="613"/>
      <c r="LLD700" s="613"/>
      <c r="LLE700" s="613"/>
      <c r="LLF700" s="613"/>
      <c r="LLG700" s="613"/>
      <c r="LLH700" s="613"/>
      <c r="LLI700" s="613"/>
      <c r="LLJ700" s="613"/>
      <c r="LLK700" s="613"/>
      <c r="LLL700" s="613"/>
      <c r="LLM700" s="613"/>
      <c r="LLN700" s="613"/>
      <c r="LLO700" s="613"/>
      <c r="LLP700" s="613"/>
      <c r="LLQ700" s="613"/>
      <c r="LLR700" s="613"/>
      <c r="LLS700" s="613"/>
      <c r="LLT700" s="613"/>
      <c r="LLU700" s="613"/>
      <c r="LLV700" s="613"/>
      <c r="LLW700" s="613"/>
      <c r="LLX700" s="613"/>
      <c r="LLY700" s="613"/>
      <c r="LLZ700" s="613"/>
      <c r="LMA700" s="613"/>
      <c r="LMB700" s="613"/>
      <c r="LMC700" s="613"/>
      <c r="LMD700" s="613"/>
      <c r="LME700" s="613"/>
      <c r="LMF700" s="613"/>
      <c r="LMG700" s="613"/>
      <c r="LMH700" s="613"/>
      <c r="LMI700" s="613"/>
      <c r="LMJ700" s="613"/>
      <c r="LMK700" s="613"/>
      <c r="LML700" s="613"/>
      <c r="LMM700" s="613"/>
      <c r="LMN700" s="613"/>
      <c r="LMO700" s="613"/>
      <c r="LMP700" s="613"/>
      <c r="LMQ700" s="613"/>
      <c r="LMR700" s="613"/>
      <c r="LMS700" s="613"/>
      <c r="LMT700" s="613"/>
      <c r="LMU700" s="613"/>
      <c r="LMV700" s="613"/>
      <c r="LMW700" s="613"/>
      <c r="LMX700" s="613"/>
      <c r="LMY700" s="613"/>
      <c r="LMZ700" s="613"/>
      <c r="LNA700" s="613"/>
      <c r="LNB700" s="613"/>
      <c r="LNC700" s="613"/>
      <c r="LND700" s="613"/>
      <c r="LNE700" s="613"/>
      <c r="LNF700" s="613"/>
      <c r="LNG700" s="613"/>
      <c r="LNH700" s="613"/>
      <c r="LNI700" s="613"/>
      <c r="LNJ700" s="613"/>
      <c r="LNK700" s="613"/>
      <c r="LNL700" s="613"/>
      <c r="LNM700" s="613"/>
      <c r="LNN700" s="613"/>
      <c r="LNO700" s="613"/>
      <c r="LNP700" s="613"/>
      <c r="LNQ700" s="613"/>
      <c r="LNR700" s="613"/>
      <c r="LNS700" s="613"/>
      <c r="LNT700" s="613"/>
      <c r="LNU700" s="613"/>
      <c r="LNV700" s="613"/>
      <c r="LNW700" s="613"/>
      <c r="LNX700" s="613"/>
      <c r="LNY700" s="613"/>
      <c r="LNZ700" s="613"/>
      <c r="LOA700" s="613"/>
      <c r="LOB700" s="613"/>
      <c r="LOC700" s="613"/>
      <c r="LOD700" s="613"/>
      <c r="LOE700" s="613"/>
      <c r="LOF700" s="613"/>
      <c r="LOG700" s="613"/>
      <c r="LOH700" s="613"/>
      <c r="LOI700" s="613"/>
      <c r="LOJ700" s="613"/>
      <c r="LOK700" s="613"/>
      <c r="LOL700" s="613"/>
      <c r="LOM700" s="613"/>
      <c r="LON700" s="613"/>
      <c r="LOO700" s="613"/>
      <c r="LOP700" s="613"/>
      <c r="LOQ700" s="613"/>
      <c r="LOR700" s="613"/>
      <c r="LOS700" s="613"/>
      <c r="LOT700" s="613"/>
      <c r="LOU700" s="613"/>
      <c r="LOV700" s="613"/>
      <c r="LOW700" s="613"/>
      <c r="LOX700" s="613"/>
      <c r="LOY700" s="613"/>
      <c r="LOZ700" s="613"/>
      <c r="LPA700" s="613"/>
      <c r="LPB700" s="613"/>
      <c r="LPC700" s="613"/>
      <c r="LPD700" s="613"/>
      <c r="LPE700" s="613"/>
      <c r="LPF700" s="613"/>
      <c r="LPG700" s="613"/>
      <c r="LPH700" s="613"/>
      <c r="LPI700" s="613"/>
      <c r="LPJ700" s="613"/>
      <c r="LPK700" s="613"/>
      <c r="LPL700" s="613"/>
      <c r="LPM700" s="613"/>
      <c r="LPN700" s="613"/>
      <c r="LPO700" s="613"/>
      <c r="LPP700" s="613"/>
      <c r="LPQ700" s="613"/>
      <c r="LPR700" s="613"/>
      <c r="LPS700" s="613"/>
      <c r="LPT700" s="613"/>
      <c r="LPU700" s="613"/>
      <c r="LPV700" s="613"/>
      <c r="LPW700" s="613"/>
      <c r="LPX700" s="613"/>
      <c r="LPY700" s="613"/>
      <c r="LPZ700" s="613"/>
      <c r="LQA700" s="613"/>
      <c r="LQB700" s="613"/>
      <c r="LQC700" s="613"/>
      <c r="LQD700" s="613"/>
      <c r="LQE700" s="613"/>
      <c r="LQF700" s="613"/>
      <c r="LQG700" s="613"/>
      <c r="LQH700" s="613"/>
      <c r="LQI700" s="613"/>
      <c r="LQJ700" s="613"/>
      <c r="LQK700" s="613"/>
      <c r="LQL700" s="613"/>
      <c r="LQM700" s="613"/>
      <c r="LQN700" s="613"/>
      <c r="LQO700" s="613"/>
      <c r="LQP700" s="613"/>
      <c r="LQQ700" s="613"/>
      <c r="LQR700" s="613"/>
      <c r="LQS700" s="613"/>
      <c r="LQT700" s="613"/>
      <c r="LQU700" s="613"/>
      <c r="LQV700" s="613"/>
      <c r="LQW700" s="613"/>
      <c r="LQX700" s="613"/>
      <c r="LQY700" s="613"/>
      <c r="LQZ700" s="613"/>
      <c r="LRA700" s="613"/>
      <c r="LRB700" s="613"/>
      <c r="LRC700" s="613"/>
      <c r="LRD700" s="613"/>
      <c r="LRE700" s="613"/>
      <c r="LRF700" s="613"/>
      <c r="LRG700" s="613"/>
      <c r="LRH700" s="613"/>
      <c r="LRI700" s="613"/>
      <c r="LRJ700" s="613"/>
      <c r="LRK700" s="613"/>
      <c r="LRL700" s="613"/>
      <c r="LRM700" s="613"/>
      <c r="LRN700" s="613"/>
      <c r="LRO700" s="613"/>
      <c r="LRP700" s="613"/>
      <c r="LRQ700" s="613"/>
      <c r="LRR700" s="613"/>
      <c r="LRS700" s="613"/>
      <c r="LRT700" s="613"/>
      <c r="LRU700" s="613"/>
      <c r="LRV700" s="613"/>
      <c r="LRW700" s="613"/>
      <c r="LRX700" s="613"/>
      <c r="LRY700" s="613"/>
      <c r="LRZ700" s="613"/>
      <c r="LSA700" s="613"/>
      <c r="LSB700" s="613"/>
      <c r="LSC700" s="613"/>
      <c r="LSD700" s="613"/>
      <c r="LSE700" s="613"/>
      <c r="LSF700" s="613"/>
      <c r="LSG700" s="613"/>
      <c r="LSH700" s="613"/>
      <c r="LSI700" s="613"/>
      <c r="LSJ700" s="613"/>
      <c r="LSK700" s="613"/>
      <c r="LSL700" s="613"/>
      <c r="LSM700" s="613"/>
      <c r="LSN700" s="613"/>
      <c r="LSO700" s="613"/>
      <c r="LSP700" s="613"/>
      <c r="LSQ700" s="613"/>
      <c r="LSR700" s="613"/>
      <c r="LSS700" s="613"/>
      <c r="LST700" s="613"/>
      <c r="LSU700" s="613"/>
      <c r="LSV700" s="613"/>
      <c r="LSW700" s="613"/>
      <c r="LSX700" s="613"/>
      <c r="LSY700" s="613"/>
      <c r="LSZ700" s="613"/>
      <c r="LTA700" s="613"/>
      <c r="LTB700" s="613"/>
      <c r="LTC700" s="613"/>
      <c r="LTD700" s="613"/>
      <c r="LTE700" s="613"/>
      <c r="LTF700" s="613"/>
      <c r="LTG700" s="613"/>
      <c r="LTH700" s="613"/>
      <c r="LTI700" s="613"/>
      <c r="LTJ700" s="613"/>
      <c r="LTK700" s="613"/>
      <c r="LTL700" s="613"/>
      <c r="LTM700" s="613"/>
      <c r="LTN700" s="613"/>
      <c r="LTO700" s="613"/>
      <c r="LTP700" s="613"/>
      <c r="LTQ700" s="613"/>
      <c r="LTR700" s="613"/>
      <c r="LTS700" s="613"/>
      <c r="LTT700" s="613"/>
      <c r="LTU700" s="613"/>
      <c r="LTV700" s="613"/>
      <c r="LTW700" s="613"/>
      <c r="LTX700" s="613"/>
      <c r="LTY700" s="613"/>
      <c r="LTZ700" s="613"/>
      <c r="LUA700" s="613"/>
      <c r="LUB700" s="613"/>
      <c r="LUC700" s="613"/>
      <c r="LUD700" s="613"/>
      <c r="LUE700" s="613"/>
      <c r="LUF700" s="613"/>
      <c r="LUG700" s="613"/>
      <c r="LUH700" s="613"/>
      <c r="LUI700" s="613"/>
      <c r="LUJ700" s="613"/>
      <c r="LUK700" s="613"/>
      <c r="LUL700" s="613"/>
      <c r="LUM700" s="613"/>
      <c r="LUN700" s="613"/>
      <c r="LUO700" s="613"/>
      <c r="LUP700" s="613"/>
      <c r="LUQ700" s="613"/>
      <c r="LUR700" s="613"/>
      <c r="LUS700" s="613"/>
      <c r="LUT700" s="613"/>
      <c r="LUU700" s="613"/>
      <c r="LUV700" s="613"/>
      <c r="LUW700" s="613"/>
      <c r="LUX700" s="613"/>
      <c r="LUY700" s="613"/>
      <c r="LUZ700" s="613"/>
      <c r="LVA700" s="613"/>
      <c r="LVB700" s="613"/>
      <c r="LVC700" s="613"/>
      <c r="LVD700" s="613"/>
      <c r="LVE700" s="613"/>
      <c r="LVF700" s="613"/>
      <c r="LVG700" s="613"/>
      <c r="LVH700" s="613"/>
      <c r="LVI700" s="613"/>
      <c r="LVJ700" s="613"/>
      <c r="LVK700" s="613"/>
      <c r="LVL700" s="613"/>
      <c r="LVM700" s="613"/>
      <c r="LVN700" s="613"/>
      <c r="LVO700" s="613"/>
      <c r="LVP700" s="613"/>
      <c r="LVQ700" s="613"/>
      <c r="LVR700" s="613"/>
      <c r="LVS700" s="613"/>
      <c r="LVT700" s="613"/>
      <c r="LVU700" s="613"/>
      <c r="LVV700" s="613"/>
      <c r="LVW700" s="613"/>
      <c r="LVX700" s="613"/>
      <c r="LVY700" s="613"/>
      <c r="LVZ700" s="613"/>
      <c r="LWA700" s="613"/>
      <c r="LWB700" s="613"/>
      <c r="LWC700" s="613"/>
      <c r="LWD700" s="613"/>
      <c r="LWE700" s="613"/>
      <c r="LWF700" s="613"/>
      <c r="LWG700" s="613"/>
      <c r="LWH700" s="613"/>
      <c r="LWI700" s="613"/>
      <c r="LWJ700" s="613"/>
      <c r="LWK700" s="613"/>
      <c r="LWL700" s="613"/>
      <c r="LWM700" s="613"/>
      <c r="LWN700" s="613"/>
      <c r="LWO700" s="613"/>
      <c r="LWP700" s="613"/>
      <c r="LWQ700" s="613"/>
      <c r="LWR700" s="613"/>
      <c r="LWS700" s="613"/>
      <c r="LWT700" s="613"/>
      <c r="LWU700" s="613"/>
      <c r="LWV700" s="613"/>
      <c r="LWW700" s="613"/>
      <c r="LWX700" s="613"/>
      <c r="LWY700" s="613"/>
      <c r="LWZ700" s="613"/>
      <c r="LXA700" s="613"/>
      <c r="LXB700" s="613"/>
      <c r="LXC700" s="613"/>
      <c r="LXD700" s="613"/>
      <c r="LXE700" s="613"/>
      <c r="LXF700" s="613"/>
      <c r="LXG700" s="613"/>
      <c r="LXH700" s="613"/>
      <c r="LXI700" s="613"/>
      <c r="LXJ700" s="613"/>
      <c r="LXK700" s="613"/>
      <c r="LXL700" s="613"/>
      <c r="LXM700" s="613"/>
      <c r="LXN700" s="613"/>
      <c r="LXO700" s="613"/>
      <c r="LXP700" s="613"/>
      <c r="LXQ700" s="613"/>
      <c r="LXR700" s="613"/>
      <c r="LXS700" s="613"/>
      <c r="LXT700" s="613"/>
      <c r="LXU700" s="613"/>
      <c r="LXV700" s="613"/>
      <c r="LXW700" s="613"/>
      <c r="LXX700" s="613"/>
      <c r="LXY700" s="613"/>
      <c r="LXZ700" s="613"/>
      <c r="LYA700" s="613"/>
      <c r="LYB700" s="613"/>
      <c r="LYC700" s="613"/>
      <c r="LYD700" s="613"/>
      <c r="LYE700" s="613"/>
      <c r="LYF700" s="613"/>
      <c r="LYG700" s="613"/>
      <c r="LYH700" s="613"/>
      <c r="LYI700" s="613"/>
      <c r="LYJ700" s="613"/>
      <c r="LYK700" s="613"/>
      <c r="LYL700" s="613"/>
      <c r="LYM700" s="613"/>
      <c r="LYN700" s="613"/>
      <c r="LYO700" s="613"/>
      <c r="LYP700" s="613"/>
      <c r="LYQ700" s="613"/>
      <c r="LYR700" s="613"/>
      <c r="LYS700" s="613"/>
      <c r="LYT700" s="613"/>
      <c r="LYU700" s="613"/>
      <c r="LYV700" s="613"/>
      <c r="LYW700" s="613"/>
      <c r="LYX700" s="613"/>
      <c r="LYY700" s="613"/>
      <c r="LYZ700" s="613"/>
      <c r="LZA700" s="613"/>
      <c r="LZB700" s="613"/>
      <c r="LZC700" s="613"/>
      <c r="LZD700" s="613"/>
      <c r="LZE700" s="613"/>
      <c r="LZF700" s="613"/>
      <c r="LZG700" s="613"/>
      <c r="LZH700" s="613"/>
      <c r="LZI700" s="613"/>
      <c r="LZJ700" s="613"/>
      <c r="LZK700" s="613"/>
      <c r="LZL700" s="613"/>
      <c r="LZM700" s="613"/>
      <c r="LZN700" s="613"/>
      <c r="LZO700" s="613"/>
      <c r="LZP700" s="613"/>
      <c r="LZQ700" s="613"/>
      <c r="LZR700" s="613"/>
      <c r="LZS700" s="613"/>
      <c r="LZT700" s="613"/>
      <c r="LZU700" s="613"/>
      <c r="LZV700" s="613"/>
      <c r="LZW700" s="613"/>
      <c r="LZX700" s="613"/>
      <c r="LZY700" s="613"/>
      <c r="LZZ700" s="613"/>
      <c r="MAA700" s="613"/>
      <c r="MAB700" s="613"/>
      <c r="MAC700" s="613"/>
      <c r="MAD700" s="613"/>
      <c r="MAE700" s="613"/>
      <c r="MAF700" s="613"/>
      <c r="MAG700" s="613"/>
      <c r="MAH700" s="613"/>
      <c r="MAI700" s="613"/>
      <c r="MAJ700" s="613"/>
      <c r="MAK700" s="613"/>
      <c r="MAL700" s="613"/>
      <c r="MAM700" s="613"/>
      <c r="MAN700" s="613"/>
      <c r="MAO700" s="613"/>
      <c r="MAP700" s="613"/>
      <c r="MAQ700" s="613"/>
      <c r="MAR700" s="613"/>
      <c r="MAS700" s="613"/>
      <c r="MAT700" s="613"/>
      <c r="MAU700" s="613"/>
      <c r="MAV700" s="613"/>
      <c r="MAW700" s="613"/>
      <c r="MAX700" s="613"/>
      <c r="MAY700" s="613"/>
      <c r="MAZ700" s="613"/>
      <c r="MBA700" s="613"/>
      <c r="MBB700" s="613"/>
      <c r="MBC700" s="613"/>
      <c r="MBD700" s="613"/>
      <c r="MBE700" s="613"/>
      <c r="MBF700" s="613"/>
      <c r="MBG700" s="613"/>
      <c r="MBH700" s="613"/>
      <c r="MBI700" s="613"/>
      <c r="MBJ700" s="613"/>
      <c r="MBK700" s="613"/>
      <c r="MBL700" s="613"/>
      <c r="MBM700" s="613"/>
      <c r="MBN700" s="613"/>
      <c r="MBO700" s="613"/>
      <c r="MBP700" s="613"/>
      <c r="MBQ700" s="613"/>
      <c r="MBR700" s="613"/>
      <c r="MBS700" s="613"/>
      <c r="MBT700" s="613"/>
      <c r="MBU700" s="613"/>
      <c r="MBV700" s="613"/>
      <c r="MBW700" s="613"/>
      <c r="MBX700" s="613"/>
      <c r="MBY700" s="613"/>
      <c r="MBZ700" s="613"/>
      <c r="MCA700" s="613"/>
      <c r="MCB700" s="613"/>
      <c r="MCC700" s="613"/>
      <c r="MCD700" s="613"/>
      <c r="MCE700" s="613"/>
      <c r="MCF700" s="613"/>
      <c r="MCG700" s="613"/>
      <c r="MCH700" s="613"/>
      <c r="MCI700" s="613"/>
      <c r="MCJ700" s="613"/>
      <c r="MCK700" s="613"/>
      <c r="MCL700" s="613"/>
      <c r="MCM700" s="613"/>
      <c r="MCN700" s="613"/>
      <c r="MCO700" s="613"/>
      <c r="MCP700" s="613"/>
      <c r="MCQ700" s="613"/>
      <c r="MCR700" s="613"/>
      <c r="MCS700" s="613"/>
      <c r="MCT700" s="613"/>
      <c r="MCU700" s="613"/>
      <c r="MCV700" s="613"/>
      <c r="MCW700" s="613"/>
      <c r="MCX700" s="613"/>
      <c r="MCY700" s="613"/>
      <c r="MCZ700" s="613"/>
      <c r="MDA700" s="613"/>
      <c r="MDB700" s="613"/>
      <c r="MDC700" s="613"/>
      <c r="MDD700" s="613"/>
      <c r="MDE700" s="613"/>
      <c r="MDF700" s="613"/>
      <c r="MDG700" s="613"/>
      <c r="MDH700" s="613"/>
      <c r="MDI700" s="613"/>
      <c r="MDJ700" s="613"/>
      <c r="MDK700" s="613"/>
      <c r="MDL700" s="613"/>
      <c r="MDM700" s="613"/>
      <c r="MDN700" s="613"/>
      <c r="MDO700" s="613"/>
      <c r="MDP700" s="613"/>
      <c r="MDQ700" s="613"/>
      <c r="MDR700" s="613"/>
      <c r="MDS700" s="613"/>
      <c r="MDT700" s="613"/>
      <c r="MDU700" s="613"/>
      <c r="MDV700" s="613"/>
      <c r="MDW700" s="613"/>
      <c r="MDX700" s="613"/>
      <c r="MDY700" s="613"/>
      <c r="MDZ700" s="613"/>
      <c r="MEA700" s="613"/>
      <c r="MEB700" s="613"/>
      <c r="MEC700" s="613"/>
      <c r="MED700" s="613"/>
      <c r="MEE700" s="613"/>
      <c r="MEF700" s="613"/>
      <c r="MEG700" s="613"/>
      <c r="MEH700" s="613"/>
      <c r="MEI700" s="613"/>
      <c r="MEJ700" s="613"/>
      <c r="MEK700" s="613"/>
      <c r="MEL700" s="613"/>
      <c r="MEM700" s="613"/>
      <c r="MEN700" s="613"/>
      <c r="MEO700" s="613"/>
      <c r="MEP700" s="613"/>
      <c r="MEQ700" s="613"/>
      <c r="MER700" s="613"/>
      <c r="MES700" s="613"/>
      <c r="MET700" s="613"/>
      <c r="MEU700" s="613"/>
      <c r="MEV700" s="613"/>
      <c r="MEW700" s="613"/>
      <c r="MEX700" s="613"/>
      <c r="MEY700" s="613"/>
      <c r="MEZ700" s="613"/>
      <c r="MFA700" s="613"/>
      <c r="MFB700" s="613"/>
      <c r="MFC700" s="613"/>
      <c r="MFD700" s="613"/>
      <c r="MFE700" s="613"/>
      <c r="MFF700" s="613"/>
      <c r="MFG700" s="613"/>
      <c r="MFH700" s="613"/>
      <c r="MFI700" s="613"/>
      <c r="MFJ700" s="613"/>
      <c r="MFK700" s="613"/>
      <c r="MFL700" s="613"/>
      <c r="MFM700" s="613"/>
      <c r="MFN700" s="613"/>
      <c r="MFO700" s="613"/>
      <c r="MFP700" s="613"/>
      <c r="MFQ700" s="613"/>
      <c r="MFR700" s="613"/>
      <c r="MFS700" s="613"/>
      <c r="MFT700" s="613"/>
      <c r="MFU700" s="613"/>
      <c r="MFV700" s="613"/>
      <c r="MFW700" s="613"/>
      <c r="MFX700" s="613"/>
      <c r="MFY700" s="613"/>
      <c r="MFZ700" s="613"/>
      <c r="MGA700" s="613"/>
      <c r="MGB700" s="613"/>
      <c r="MGC700" s="613"/>
      <c r="MGD700" s="613"/>
      <c r="MGE700" s="613"/>
      <c r="MGF700" s="613"/>
      <c r="MGG700" s="613"/>
      <c r="MGH700" s="613"/>
      <c r="MGI700" s="613"/>
      <c r="MGJ700" s="613"/>
      <c r="MGK700" s="613"/>
      <c r="MGL700" s="613"/>
      <c r="MGM700" s="613"/>
      <c r="MGN700" s="613"/>
      <c r="MGO700" s="613"/>
      <c r="MGP700" s="613"/>
      <c r="MGQ700" s="613"/>
      <c r="MGR700" s="613"/>
      <c r="MGS700" s="613"/>
      <c r="MGT700" s="613"/>
      <c r="MGU700" s="613"/>
      <c r="MGV700" s="613"/>
      <c r="MGW700" s="613"/>
      <c r="MGX700" s="613"/>
      <c r="MGY700" s="613"/>
      <c r="MGZ700" s="613"/>
      <c r="MHA700" s="613"/>
      <c r="MHB700" s="613"/>
      <c r="MHC700" s="613"/>
      <c r="MHD700" s="613"/>
      <c r="MHE700" s="613"/>
      <c r="MHF700" s="613"/>
      <c r="MHG700" s="613"/>
      <c r="MHH700" s="613"/>
      <c r="MHI700" s="613"/>
      <c r="MHJ700" s="613"/>
      <c r="MHK700" s="613"/>
      <c r="MHL700" s="613"/>
      <c r="MHM700" s="613"/>
      <c r="MHN700" s="613"/>
      <c r="MHO700" s="613"/>
      <c r="MHP700" s="613"/>
      <c r="MHQ700" s="613"/>
      <c r="MHR700" s="613"/>
      <c r="MHS700" s="613"/>
      <c r="MHT700" s="613"/>
      <c r="MHU700" s="613"/>
      <c r="MHV700" s="613"/>
      <c r="MHW700" s="613"/>
      <c r="MHX700" s="613"/>
      <c r="MHY700" s="613"/>
      <c r="MHZ700" s="613"/>
      <c r="MIA700" s="613"/>
      <c r="MIB700" s="613"/>
      <c r="MIC700" s="613"/>
      <c r="MID700" s="613"/>
      <c r="MIE700" s="613"/>
      <c r="MIF700" s="613"/>
      <c r="MIG700" s="613"/>
      <c r="MIH700" s="613"/>
      <c r="MII700" s="613"/>
      <c r="MIJ700" s="613"/>
      <c r="MIK700" s="613"/>
      <c r="MIL700" s="613"/>
      <c r="MIM700" s="613"/>
      <c r="MIN700" s="613"/>
      <c r="MIO700" s="613"/>
      <c r="MIP700" s="613"/>
      <c r="MIQ700" s="613"/>
      <c r="MIR700" s="613"/>
      <c r="MIS700" s="613"/>
      <c r="MIT700" s="613"/>
      <c r="MIU700" s="613"/>
      <c r="MIV700" s="613"/>
      <c r="MIW700" s="613"/>
      <c r="MIX700" s="613"/>
      <c r="MIY700" s="613"/>
      <c r="MIZ700" s="613"/>
      <c r="MJA700" s="613"/>
      <c r="MJB700" s="613"/>
      <c r="MJC700" s="613"/>
      <c r="MJD700" s="613"/>
      <c r="MJE700" s="613"/>
      <c r="MJF700" s="613"/>
      <c r="MJG700" s="613"/>
      <c r="MJH700" s="613"/>
      <c r="MJI700" s="613"/>
      <c r="MJJ700" s="613"/>
      <c r="MJK700" s="613"/>
      <c r="MJL700" s="613"/>
      <c r="MJM700" s="613"/>
      <c r="MJN700" s="613"/>
      <c r="MJO700" s="613"/>
      <c r="MJP700" s="613"/>
      <c r="MJQ700" s="613"/>
      <c r="MJR700" s="613"/>
      <c r="MJS700" s="613"/>
      <c r="MJT700" s="613"/>
      <c r="MJU700" s="613"/>
      <c r="MJV700" s="613"/>
      <c r="MJW700" s="613"/>
      <c r="MJX700" s="613"/>
      <c r="MJY700" s="613"/>
      <c r="MJZ700" s="613"/>
      <c r="MKA700" s="613"/>
      <c r="MKB700" s="613"/>
      <c r="MKC700" s="613"/>
      <c r="MKD700" s="613"/>
      <c r="MKE700" s="613"/>
      <c r="MKF700" s="613"/>
      <c r="MKG700" s="613"/>
      <c r="MKH700" s="613"/>
      <c r="MKI700" s="613"/>
      <c r="MKJ700" s="613"/>
      <c r="MKK700" s="613"/>
      <c r="MKL700" s="613"/>
      <c r="MKM700" s="613"/>
      <c r="MKN700" s="613"/>
      <c r="MKO700" s="613"/>
      <c r="MKP700" s="613"/>
      <c r="MKQ700" s="613"/>
      <c r="MKR700" s="613"/>
      <c r="MKS700" s="613"/>
      <c r="MKT700" s="613"/>
      <c r="MKU700" s="613"/>
      <c r="MKV700" s="613"/>
      <c r="MKW700" s="613"/>
      <c r="MKX700" s="613"/>
      <c r="MKY700" s="613"/>
      <c r="MKZ700" s="613"/>
      <c r="MLA700" s="613"/>
      <c r="MLB700" s="613"/>
      <c r="MLC700" s="613"/>
      <c r="MLD700" s="613"/>
      <c r="MLE700" s="613"/>
      <c r="MLF700" s="613"/>
      <c r="MLG700" s="613"/>
      <c r="MLH700" s="613"/>
      <c r="MLI700" s="613"/>
      <c r="MLJ700" s="613"/>
      <c r="MLK700" s="613"/>
      <c r="MLL700" s="613"/>
      <c r="MLM700" s="613"/>
      <c r="MLN700" s="613"/>
      <c r="MLO700" s="613"/>
      <c r="MLP700" s="613"/>
      <c r="MLQ700" s="613"/>
      <c r="MLR700" s="613"/>
      <c r="MLS700" s="613"/>
      <c r="MLT700" s="613"/>
      <c r="MLU700" s="613"/>
      <c r="MLV700" s="613"/>
      <c r="MLW700" s="613"/>
      <c r="MLX700" s="613"/>
      <c r="MLY700" s="613"/>
      <c r="MLZ700" s="613"/>
      <c r="MMA700" s="613"/>
      <c r="MMB700" s="613"/>
      <c r="MMC700" s="613"/>
      <c r="MMD700" s="613"/>
      <c r="MME700" s="613"/>
      <c r="MMF700" s="613"/>
      <c r="MMG700" s="613"/>
      <c r="MMH700" s="613"/>
      <c r="MMI700" s="613"/>
      <c r="MMJ700" s="613"/>
      <c r="MMK700" s="613"/>
      <c r="MML700" s="613"/>
      <c r="MMM700" s="613"/>
      <c r="MMN700" s="613"/>
      <c r="MMO700" s="613"/>
      <c r="MMP700" s="613"/>
      <c r="MMQ700" s="613"/>
      <c r="MMR700" s="613"/>
      <c r="MMS700" s="613"/>
      <c r="MMT700" s="613"/>
      <c r="MMU700" s="613"/>
      <c r="MMV700" s="613"/>
      <c r="MMW700" s="613"/>
      <c r="MMX700" s="613"/>
      <c r="MMY700" s="613"/>
      <c r="MMZ700" s="613"/>
      <c r="MNA700" s="613"/>
      <c r="MNB700" s="613"/>
      <c r="MNC700" s="613"/>
      <c r="MND700" s="613"/>
      <c r="MNE700" s="613"/>
      <c r="MNF700" s="613"/>
      <c r="MNG700" s="613"/>
      <c r="MNH700" s="613"/>
      <c r="MNI700" s="613"/>
      <c r="MNJ700" s="613"/>
      <c r="MNK700" s="613"/>
      <c r="MNL700" s="613"/>
      <c r="MNM700" s="613"/>
      <c r="MNN700" s="613"/>
      <c r="MNO700" s="613"/>
      <c r="MNP700" s="613"/>
      <c r="MNQ700" s="613"/>
      <c r="MNR700" s="613"/>
      <c r="MNS700" s="613"/>
      <c r="MNT700" s="613"/>
      <c r="MNU700" s="613"/>
      <c r="MNV700" s="613"/>
      <c r="MNW700" s="613"/>
      <c r="MNX700" s="613"/>
      <c r="MNY700" s="613"/>
      <c r="MNZ700" s="613"/>
      <c r="MOA700" s="613"/>
      <c r="MOB700" s="613"/>
      <c r="MOC700" s="613"/>
      <c r="MOD700" s="613"/>
      <c r="MOE700" s="613"/>
      <c r="MOF700" s="613"/>
      <c r="MOG700" s="613"/>
      <c r="MOH700" s="613"/>
      <c r="MOI700" s="613"/>
      <c r="MOJ700" s="613"/>
      <c r="MOK700" s="613"/>
      <c r="MOL700" s="613"/>
      <c r="MOM700" s="613"/>
      <c r="MON700" s="613"/>
      <c r="MOO700" s="613"/>
      <c r="MOP700" s="613"/>
      <c r="MOQ700" s="613"/>
      <c r="MOR700" s="613"/>
      <c r="MOS700" s="613"/>
      <c r="MOT700" s="613"/>
      <c r="MOU700" s="613"/>
      <c r="MOV700" s="613"/>
      <c r="MOW700" s="613"/>
      <c r="MOX700" s="613"/>
      <c r="MOY700" s="613"/>
      <c r="MOZ700" s="613"/>
      <c r="MPA700" s="613"/>
      <c r="MPB700" s="613"/>
      <c r="MPC700" s="613"/>
      <c r="MPD700" s="613"/>
      <c r="MPE700" s="613"/>
      <c r="MPF700" s="613"/>
      <c r="MPG700" s="613"/>
      <c r="MPH700" s="613"/>
      <c r="MPI700" s="613"/>
      <c r="MPJ700" s="613"/>
      <c r="MPK700" s="613"/>
      <c r="MPL700" s="613"/>
      <c r="MPM700" s="613"/>
      <c r="MPN700" s="613"/>
      <c r="MPO700" s="613"/>
      <c r="MPP700" s="613"/>
      <c r="MPQ700" s="613"/>
      <c r="MPR700" s="613"/>
      <c r="MPS700" s="613"/>
      <c r="MPT700" s="613"/>
      <c r="MPU700" s="613"/>
      <c r="MPV700" s="613"/>
      <c r="MPW700" s="613"/>
      <c r="MPX700" s="613"/>
      <c r="MPY700" s="613"/>
      <c r="MPZ700" s="613"/>
      <c r="MQA700" s="613"/>
      <c r="MQB700" s="613"/>
      <c r="MQC700" s="613"/>
      <c r="MQD700" s="613"/>
      <c r="MQE700" s="613"/>
      <c r="MQF700" s="613"/>
      <c r="MQG700" s="613"/>
      <c r="MQH700" s="613"/>
      <c r="MQI700" s="613"/>
      <c r="MQJ700" s="613"/>
      <c r="MQK700" s="613"/>
      <c r="MQL700" s="613"/>
      <c r="MQM700" s="613"/>
      <c r="MQN700" s="613"/>
      <c r="MQO700" s="613"/>
      <c r="MQP700" s="613"/>
      <c r="MQQ700" s="613"/>
      <c r="MQR700" s="613"/>
      <c r="MQS700" s="613"/>
      <c r="MQT700" s="613"/>
      <c r="MQU700" s="613"/>
      <c r="MQV700" s="613"/>
      <c r="MQW700" s="613"/>
      <c r="MQX700" s="613"/>
      <c r="MQY700" s="613"/>
      <c r="MQZ700" s="613"/>
      <c r="MRA700" s="613"/>
      <c r="MRB700" s="613"/>
      <c r="MRC700" s="613"/>
      <c r="MRD700" s="613"/>
      <c r="MRE700" s="613"/>
      <c r="MRF700" s="613"/>
      <c r="MRG700" s="613"/>
      <c r="MRH700" s="613"/>
      <c r="MRI700" s="613"/>
      <c r="MRJ700" s="613"/>
      <c r="MRK700" s="613"/>
      <c r="MRL700" s="613"/>
      <c r="MRM700" s="613"/>
      <c r="MRN700" s="613"/>
      <c r="MRO700" s="613"/>
      <c r="MRP700" s="613"/>
      <c r="MRQ700" s="613"/>
      <c r="MRR700" s="613"/>
      <c r="MRS700" s="613"/>
      <c r="MRT700" s="613"/>
      <c r="MRU700" s="613"/>
      <c r="MRV700" s="613"/>
      <c r="MRW700" s="613"/>
      <c r="MRX700" s="613"/>
      <c r="MRY700" s="613"/>
      <c r="MRZ700" s="613"/>
      <c r="MSA700" s="613"/>
      <c r="MSB700" s="613"/>
      <c r="MSC700" s="613"/>
      <c r="MSD700" s="613"/>
      <c r="MSE700" s="613"/>
      <c r="MSF700" s="613"/>
      <c r="MSG700" s="613"/>
      <c r="MSH700" s="613"/>
      <c r="MSI700" s="613"/>
      <c r="MSJ700" s="613"/>
      <c r="MSK700" s="613"/>
      <c r="MSL700" s="613"/>
      <c r="MSM700" s="613"/>
      <c r="MSN700" s="613"/>
      <c r="MSO700" s="613"/>
      <c r="MSP700" s="613"/>
      <c r="MSQ700" s="613"/>
      <c r="MSR700" s="613"/>
      <c r="MSS700" s="613"/>
      <c r="MST700" s="613"/>
      <c r="MSU700" s="613"/>
      <c r="MSV700" s="613"/>
      <c r="MSW700" s="613"/>
      <c r="MSX700" s="613"/>
      <c r="MSY700" s="613"/>
      <c r="MSZ700" s="613"/>
      <c r="MTA700" s="613"/>
      <c r="MTB700" s="613"/>
      <c r="MTC700" s="613"/>
      <c r="MTD700" s="613"/>
      <c r="MTE700" s="613"/>
      <c r="MTF700" s="613"/>
      <c r="MTG700" s="613"/>
      <c r="MTH700" s="613"/>
      <c r="MTI700" s="613"/>
      <c r="MTJ700" s="613"/>
      <c r="MTK700" s="613"/>
      <c r="MTL700" s="613"/>
      <c r="MTM700" s="613"/>
      <c r="MTN700" s="613"/>
      <c r="MTO700" s="613"/>
      <c r="MTP700" s="613"/>
      <c r="MTQ700" s="613"/>
      <c r="MTR700" s="613"/>
      <c r="MTS700" s="613"/>
      <c r="MTT700" s="613"/>
      <c r="MTU700" s="613"/>
      <c r="MTV700" s="613"/>
      <c r="MTW700" s="613"/>
      <c r="MTX700" s="613"/>
      <c r="MTY700" s="613"/>
      <c r="MTZ700" s="613"/>
      <c r="MUA700" s="613"/>
      <c r="MUB700" s="613"/>
      <c r="MUC700" s="613"/>
      <c r="MUD700" s="613"/>
      <c r="MUE700" s="613"/>
      <c r="MUF700" s="613"/>
      <c r="MUG700" s="613"/>
      <c r="MUH700" s="613"/>
      <c r="MUI700" s="613"/>
      <c r="MUJ700" s="613"/>
      <c r="MUK700" s="613"/>
      <c r="MUL700" s="613"/>
      <c r="MUM700" s="613"/>
      <c r="MUN700" s="613"/>
      <c r="MUO700" s="613"/>
      <c r="MUP700" s="613"/>
      <c r="MUQ700" s="613"/>
      <c r="MUR700" s="613"/>
      <c r="MUS700" s="613"/>
      <c r="MUT700" s="613"/>
      <c r="MUU700" s="613"/>
      <c r="MUV700" s="613"/>
      <c r="MUW700" s="613"/>
      <c r="MUX700" s="613"/>
      <c r="MUY700" s="613"/>
      <c r="MUZ700" s="613"/>
      <c r="MVA700" s="613"/>
      <c r="MVB700" s="613"/>
      <c r="MVC700" s="613"/>
      <c r="MVD700" s="613"/>
      <c r="MVE700" s="613"/>
      <c r="MVF700" s="613"/>
      <c r="MVG700" s="613"/>
      <c r="MVH700" s="613"/>
      <c r="MVI700" s="613"/>
      <c r="MVJ700" s="613"/>
      <c r="MVK700" s="613"/>
      <c r="MVL700" s="613"/>
      <c r="MVM700" s="613"/>
      <c r="MVN700" s="613"/>
      <c r="MVO700" s="613"/>
      <c r="MVP700" s="613"/>
      <c r="MVQ700" s="613"/>
      <c r="MVR700" s="613"/>
      <c r="MVS700" s="613"/>
      <c r="MVT700" s="613"/>
      <c r="MVU700" s="613"/>
      <c r="MVV700" s="613"/>
      <c r="MVW700" s="613"/>
      <c r="MVX700" s="613"/>
      <c r="MVY700" s="613"/>
      <c r="MVZ700" s="613"/>
      <c r="MWA700" s="613"/>
      <c r="MWB700" s="613"/>
      <c r="MWC700" s="613"/>
      <c r="MWD700" s="613"/>
      <c r="MWE700" s="613"/>
      <c r="MWF700" s="613"/>
      <c r="MWG700" s="613"/>
      <c r="MWH700" s="613"/>
      <c r="MWI700" s="613"/>
      <c r="MWJ700" s="613"/>
      <c r="MWK700" s="613"/>
      <c r="MWL700" s="613"/>
      <c r="MWM700" s="613"/>
      <c r="MWN700" s="613"/>
      <c r="MWO700" s="613"/>
      <c r="MWP700" s="613"/>
      <c r="MWQ700" s="613"/>
      <c r="MWR700" s="613"/>
      <c r="MWS700" s="613"/>
      <c r="MWT700" s="613"/>
      <c r="MWU700" s="613"/>
      <c r="MWV700" s="613"/>
      <c r="MWW700" s="613"/>
      <c r="MWX700" s="613"/>
      <c r="MWY700" s="613"/>
      <c r="MWZ700" s="613"/>
      <c r="MXA700" s="613"/>
      <c r="MXB700" s="613"/>
      <c r="MXC700" s="613"/>
      <c r="MXD700" s="613"/>
      <c r="MXE700" s="613"/>
      <c r="MXF700" s="613"/>
      <c r="MXG700" s="613"/>
      <c r="MXH700" s="613"/>
      <c r="MXI700" s="613"/>
      <c r="MXJ700" s="613"/>
      <c r="MXK700" s="613"/>
      <c r="MXL700" s="613"/>
      <c r="MXM700" s="613"/>
      <c r="MXN700" s="613"/>
      <c r="MXO700" s="613"/>
      <c r="MXP700" s="613"/>
      <c r="MXQ700" s="613"/>
      <c r="MXR700" s="613"/>
      <c r="MXS700" s="613"/>
      <c r="MXT700" s="613"/>
      <c r="MXU700" s="613"/>
      <c r="MXV700" s="613"/>
      <c r="MXW700" s="613"/>
      <c r="MXX700" s="613"/>
      <c r="MXY700" s="613"/>
      <c r="MXZ700" s="613"/>
      <c r="MYA700" s="613"/>
      <c r="MYB700" s="613"/>
      <c r="MYC700" s="613"/>
      <c r="MYD700" s="613"/>
      <c r="MYE700" s="613"/>
      <c r="MYF700" s="613"/>
      <c r="MYG700" s="613"/>
      <c r="MYH700" s="613"/>
      <c r="MYI700" s="613"/>
      <c r="MYJ700" s="613"/>
      <c r="MYK700" s="613"/>
      <c r="MYL700" s="613"/>
      <c r="MYM700" s="613"/>
      <c r="MYN700" s="613"/>
      <c r="MYO700" s="613"/>
      <c r="MYP700" s="613"/>
      <c r="MYQ700" s="613"/>
      <c r="MYR700" s="613"/>
      <c r="MYS700" s="613"/>
      <c r="MYT700" s="613"/>
      <c r="MYU700" s="613"/>
      <c r="MYV700" s="613"/>
      <c r="MYW700" s="613"/>
      <c r="MYX700" s="613"/>
      <c r="MYY700" s="613"/>
      <c r="MYZ700" s="613"/>
      <c r="MZA700" s="613"/>
      <c r="MZB700" s="613"/>
      <c r="MZC700" s="613"/>
      <c r="MZD700" s="613"/>
      <c r="MZE700" s="613"/>
      <c r="MZF700" s="613"/>
      <c r="MZG700" s="613"/>
      <c r="MZH700" s="613"/>
      <c r="MZI700" s="613"/>
      <c r="MZJ700" s="613"/>
      <c r="MZK700" s="613"/>
      <c r="MZL700" s="613"/>
      <c r="MZM700" s="613"/>
      <c r="MZN700" s="613"/>
      <c r="MZO700" s="613"/>
      <c r="MZP700" s="613"/>
      <c r="MZQ700" s="613"/>
      <c r="MZR700" s="613"/>
      <c r="MZS700" s="613"/>
      <c r="MZT700" s="613"/>
      <c r="MZU700" s="613"/>
      <c r="MZV700" s="613"/>
      <c r="MZW700" s="613"/>
      <c r="MZX700" s="613"/>
      <c r="MZY700" s="613"/>
      <c r="MZZ700" s="613"/>
      <c r="NAA700" s="613"/>
      <c r="NAB700" s="613"/>
      <c r="NAC700" s="613"/>
      <c r="NAD700" s="613"/>
      <c r="NAE700" s="613"/>
      <c r="NAF700" s="613"/>
      <c r="NAG700" s="613"/>
      <c r="NAH700" s="613"/>
      <c r="NAI700" s="613"/>
      <c r="NAJ700" s="613"/>
      <c r="NAK700" s="613"/>
      <c r="NAL700" s="613"/>
      <c r="NAM700" s="613"/>
      <c r="NAN700" s="613"/>
      <c r="NAO700" s="613"/>
      <c r="NAP700" s="613"/>
      <c r="NAQ700" s="613"/>
      <c r="NAR700" s="613"/>
      <c r="NAS700" s="613"/>
      <c r="NAT700" s="613"/>
      <c r="NAU700" s="613"/>
      <c r="NAV700" s="613"/>
      <c r="NAW700" s="613"/>
      <c r="NAX700" s="613"/>
      <c r="NAY700" s="613"/>
      <c r="NAZ700" s="613"/>
      <c r="NBA700" s="613"/>
      <c r="NBB700" s="613"/>
      <c r="NBC700" s="613"/>
      <c r="NBD700" s="613"/>
      <c r="NBE700" s="613"/>
      <c r="NBF700" s="613"/>
      <c r="NBG700" s="613"/>
      <c r="NBH700" s="613"/>
      <c r="NBI700" s="613"/>
      <c r="NBJ700" s="613"/>
      <c r="NBK700" s="613"/>
      <c r="NBL700" s="613"/>
      <c r="NBM700" s="613"/>
      <c r="NBN700" s="613"/>
      <c r="NBO700" s="613"/>
      <c r="NBP700" s="613"/>
      <c r="NBQ700" s="613"/>
      <c r="NBR700" s="613"/>
      <c r="NBS700" s="613"/>
      <c r="NBT700" s="613"/>
      <c r="NBU700" s="613"/>
      <c r="NBV700" s="613"/>
      <c r="NBW700" s="613"/>
      <c r="NBX700" s="613"/>
      <c r="NBY700" s="613"/>
      <c r="NBZ700" s="613"/>
      <c r="NCA700" s="613"/>
      <c r="NCB700" s="613"/>
      <c r="NCC700" s="613"/>
      <c r="NCD700" s="613"/>
      <c r="NCE700" s="613"/>
      <c r="NCF700" s="613"/>
      <c r="NCG700" s="613"/>
      <c r="NCH700" s="613"/>
      <c r="NCI700" s="613"/>
      <c r="NCJ700" s="613"/>
      <c r="NCK700" s="613"/>
      <c r="NCL700" s="613"/>
      <c r="NCM700" s="613"/>
      <c r="NCN700" s="613"/>
      <c r="NCO700" s="613"/>
      <c r="NCP700" s="613"/>
      <c r="NCQ700" s="613"/>
      <c r="NCR700" s="613"/>
      <c r="NCS700" s="613"/>
      <c r="NCT700" s="613"/>
      <c r="NCU700" s="613"/>
      <c r="NCV700" s="613"/>
      <c r="NCW700" s="613"/>
      <c r="NCX700" s="613"/>
      <c r="NCY700" s="613"/>
      <c r="NCZ700" s="613"/>
      <c r="NDA700" s="613"/>
      <c r="NDB700" s="613"/>
      <c r="NDC700" s="613"/>
      <c r="NDD700" s="613"/>
      <c r="NDE700" s="613"/>
      <c r="NDF700" s="613"/>
      <c r="NDG700" s="613"/>
      <c r="NDH700" s="613"/>
      <c r="NDI700" s="613"/>
      <c r="NDJ700" s="613"/>
      <c r="NDK700" s="613"/>
      <c r="NDL700" s="613"/>
      <c r="NDM700" s="613"/>
      <c r="NDN700" s="613"/>
      <c r="NDO700" s="613"/>
      <c r="NDP700" s="613"/>
      <c r="NDQ700" s="613"/>
      <c r="NDR700" s="613"/>
      <c r="NDS700" s="613"/>
      <c r="NDT700" s="613"/>
      <c r="NDU700" s="613"/>
      <c r="NDV700" s="613"/>
      <c r="NDW700" s="613"/>
      <c r="NDX700" s="613"/>
      <c r="NDY700" s="613"/>
      <c r="NDZ700" s="613"/>
      <c r="NEA700" s="613"/>
      <c r="NEB700" s="613"/>
      <c r="NEC700" s="613"/>
      <c r="NED700" s="613"/>
      <c r="NEE700" s="613"/>
      <c r="NEF700" s="613"/>
      <c r="NEG700" s="613"/>
      <c r="NEH700" s="613"/>
      <c r="NEI700" s="613"/>
      <c r="NEJ700" s="613"/>
      <c r="NEK700" s="613"/>
      <c r="NEL700" s="613"/>
      <c r="NEM700" s="613"/>
      <c r="NEN700" s="613"/>
      <c r="NEO700" s="613"/>
      <c r="NEP700" s="613"/>
      <c r="NEQ700" s="613"/>
      <c r="NER700" s="613"/>
      <c r="NES700" s="613"/>
      <c r="NET700" s="613"/>
      <c r="NEU700" s="613"/>
      <c r="NEV700" s="613"/>
      <c r="NEW700" s="613"/>
      <c r="NEX700" s="613"/>
      <c r="NEY700" s="613"/>
      <c r="NEZ700" s="613"/>
      <c r="NFA700" s="613"/>
      <c r="NFB700" s="613"/>
      <c r="NFC700" s="613"/>
      <c r="NFD700" s="613"/>
      <c r="NFE700" s="613"/>
      <c r="NFF700" s="613"/>
      <c r="NFG700" s="613"/>
      <c r="NFH700" s="613"/>
      <c r="NFI700" s="613"/>
      <c r="NFJ700" s="613"/>
      <c r="NFK700" s="613"/>
      <c r="NFL700" s="613"/>
      <c r="NFM700" s="613"/>
      <c r="NFN700" s="613"/>
      <c r="NFO700" s="613"/>
      <c r="NFP700" s="613"/>
      <c r="NFQ700" s="613"/>
      <c r="NFR700" s="613"/>
      <c r="NFS700" s="613"/>
      <c r="NFT700" s="613"/>
      <c r="NFU700" s="613"/>
      <c r="NFV700" s="613"/>
      <c r="NFW700" s="613"/>
      <c r="NFX700" s="613"/>
      <c r="NFY700" s="613"/>
      <c r="NFZ700" s="613"/>
      <c r="NGA700" s="613"/>
      <c r="NGB700" s="613"/>
      <c r="NGC700" s="613"/>
      <c r="NGD700" s="613"/>
      <c r="NGE700" s="613"/>
      <c r="NGF700" s="613"/>
      <c r="NGG700" s="613"/>
      <c r="NGH700" s="613"/>
      <c r="NGI700" s="613"/>
      <c r="NGJ700" s="613"/>
      <c r="NGK700" s="613"/>
      <c r="NGL700" s="613"/>
      <c r="NGM700" s="613"/>
      <c r="NGN700" s="613"/>
      <c r="NGO700" s="613"/>
      <c r="NGP700" s="613"/>
      <c r="NGQ700" s="613"/>
      <c r="NGR700" s="613"/>
      <c r="NGS700" s="613"/>
      <c r="NGT700" s="613"/>
      <c r="NGU700" s="613"/>
      <c r="NGV700" s="613"/>
      <c r="NGW700" s="613"/>
      <c r="NGX700" s="613"/>
      <c r="NGY700" s="613"/>
      <c r="NGZ700" s="613"/>
      <c r="NHA700" s="613"/>
      <c r="NHB700" s="613"/>
      <c r="NHC700" s="613"/>
      <c r="NHD700" s="613"/>
      <c r="NHE700" s="613"/>
      <c r="NHF700" s="613"/>
      <c r="NHG700" s="613"/>
      <c r="NHH700" s="613"/>
      <c r="NHI700" s="613"/>
      <c r="NHJ700" s="613"/>
      <c r="NHK700" s="613"/>
      <c r="NHL700" s="613"/>
      <c r="NHM700" s="613"/>
      <c r="NHN700" s="613"/>
      <c r="NHO700" s="613"/>
      <c r="NHP700" s="613"/>
      <c r="NHQ700" s="613"/>
      <c r="NHR700" s="613"/>
      <c r="NHS700" s="613"/>
      <c r="NHT700" s="613"/>
      <c r="NHU700" s="613"/>
      <c r="NHV700" s="613"/>
      <c r="NHW700" s="613"/>
      <c r="NHX700" s="613"/>
      <c r="NHY700" s="613"/>
      <c r="NHZ700" s="613"/>
      <c r="NIA700" s="613"/>
      <c r="NIB700" s="613"/>
      <c r="NIC700" s="613"/>
      <c r="NID700" s="613"/>
      <c r="NIE700" s="613"/>
      <c r="NIF700" s="613"/>
      <c r="NIG700" s="613"/>
      <c r="NIH700" s="613"/>
      <c r="NII700" s="613"/>
      <c r="NIJ700" s="613"/>
      <c r="NIK700" s="613"/>
      <c r="NIL700" s="613"/>
      <c r="NIM700" s="613"/>
      <c r="NIN700" s="613"/>
      <c r="NIO700" s="613"/>
      <c r="NIP700" s="613"/>
      <c r="NIQ700" s="613"/>
      <c r="NIR700" s="613"/>
      <c r="NIS700" s="613"/>
      <c r="NIT700" s="613"/>
      <c r="NIU700" s="613"/>
      <c r="NIV700" s="613"/>
      <c r="NIW700" s="613"/>
      <c r="NIX700" s="613"/>
      <c r="NIY700" s="613"/>
      <c r="NIZ700" s="613"/>
      <c r="NJA700" s="613"/>
      <c r="NJB700" s="613"/>
      <c r="NJC700" s="613"/>
      <c r="NJD700" s="613"/>
      <c r="NJE700" s="613"/>
      <c r="NJF700" s="613"/>
      <c r="NJG700" s="613"/>
      <c r="NJH700" s="613"/>
      <c r="NJI700" s="613"/>
      <c r="NJJ700" s="613"/>
      <c r="NJK700" s="613"/>
      <c r="NJL700" s="613"/>
      <c r="NJM700" s="613"/>
      <c r="NJN700" s="613"/>
      <c r="NJO700" s="613"/>
      <c r="NJP700" s="613"/>
      <c r="NJQ700" s="613"/>
      <c r="NJR700" s="613"/>
      <c r="NJS700" s="613"/>
      <c r="NJT700" s="613"/>
      <c r="NJU700" s="613"/>
      <c r="NJV700" s="613"/>
      <c r="NJW700" s="613"/>
      <c r="NJX700" s="613"/>
      <c r="NJY700" s="613"/>
      <c r="NJZ700" s="613"/>
      <c r="NKA700" s="613"/>
      <c r="NKB700" s="613"/>
      <c r="NKC700" s="613"/>
      <c r="NKD700" s="613"/>
      <c r="NKE700" s="613"/>
      <c r="NKF700" s="613"/>
      <c r="NKG700" s="613"/>
      <c r="NKH700" s="613"/>
      <c r="NKI700" s="613"/>
      <c r="NKJ700" s="613"/>
      <c r="NKK700" s="613"/>
      <c r="NKL700" s="613"/>
      <c r="NKM700" s="613"/>
      <c r="NKN700" s="613"/>
      <c r="NKO700" s="613"/>
      <c r="NKP700" s="613"/>
      <c r="NKQ700" s="613"/>
      <c r="NKR700" s="613"/>
      <c r="NKS700" s="613"/>
      <c r="NKT700" s="613"/>
      <c r="NKU700" s="613"/>
      <c r="NKV700" s="613"/>
      <c r="NKW700" s="613"/>
      <c r="NKX700" s="613"/>
      <c r="NKY700" s="613"/>
      <c r="NKZ700" s="613"/>
      <c r="NLA700" s="613"/>
      <c r="NLB700" s="613"/>
      <c r="NLC700" s="613"/>
      <c r="NLD700" s="613"/>
      <c r="NLE700" s="613"/>
      <c r="NLF700" s="613"/>
      <c r="NLG700" s="613"/>
      <c r="NLH700" s="613"/>
      <c r="NLI700" s="613"/>
      <c r="NLJ700" s="613"/>
      <c r="NLK700" s="613"/>
      <c r="NLL700" s="613"/>
      <c r="NLM700" s="613"/>
      <c r="NLN700" s="613"/>
      <c r="NLO700" s="613"/>
      <c r="NLP700" s="613"/>
      <c r="NLQ700" s="613"/>
      <c r="NLR700" s="613"/>
      <c r="NLS700" s="613"/>
      <c r="NLT700" s="613"/>
      <c r="NLU700" s="613"/>
      <c r="NLV700" s="613"/>
      <c r="NLW700" s="613"/>
      <c r="NLX700" s="613"/>
      <c r="NLY700" s="613"/>
      <c r="NLZ700" s="613"/>
      <c r="NMA700" s="613"/>
      <c r="NMB700" s="613"/>
      <c r="NMC700" s="613"/>
      <c r="NMD700" s="613"/>
      <c r="NME700" s="613"/>
      <c r="NMF700" s="613"/>
      <c r="NMG700" s="613"/>
      <c r="NMH700" s="613"/>
      <c r="NMI700" s="613"/>
      <c r="NMJ700" s="613"/>
      <c r="NMK700" s="613"/>
      <c r="NML700" s="613"/>
      <c r="NMM700" s="613"/>
      <c r="NMN700" s="613"/>
      <c r="NMO700" s="613"/>
      <c r="NMP700" s="613"/>
      <c r="NMQ700" s="613"/>
      <c r="NMR700" s="613"/>
      <c r="NMS700" s="613"/>
      <c r="NMT700" s="613"/>
      <c r="NMU700" s="613"/>
      <c r="NMV700" s="613"/>
      <c r="NMW700" s="613"/>
      <c r="NMX700" s="613"/>
      <c r="NMY700" s="613"/>
      <c r="NMZ700" s="613"/>
      <c r="NNA700" s="613"/>
      <c r="NNB700" s="613"/>
      <c r="NNC700" s="613"/>
      <c r="NND700" s="613"/>
      <c r="NNE700" s="613"/>
      <c r="NNF700" s="613"/>
      <c r="NNG700" s="613"/>
      <c r="NNH700" s="613"/>
      <c r="NNI700" s="613"/>
      <c r="NNJ700" s="613"/>
      <c r="NNK700" s="613"/>
      <c r="NNL700" s="613"/>
      <c r="NNM700" s="613"/>
      <c r="NNN700" s="613"/>
      <c r="NNO700" s="613"/>
      <c r="NNP700" s="613"/>
      <c r="NNQ700" s="613"/>
      <c r="NNR700" s="613"/>
      <c r="NNS700" s="613"/>
      <c r="NNT700" s="613"/>
      <c r="NNU700" s="613"/>
      <c r="NNV700" s="613"/>
      <c r="NNW700" s="613"/>
      <c r="NNX700" s="613"/>
      <c r="NNY700" s="613"/>
      <c r="NNZ700" s="613"/>
      <c r="NOA700" s="613"/>
      <c r="NOB700" s="613"/>
      <c r="NOC700" s="613"/>
      <c r="NOD700" s="613"/>
      <c r="NOE700" s="613"/>
      <c r="NOF700" s="613"/>
      <c r="NOG700" s="613"/>
      <c r="NOH700" s="613"/>
      <c r="NOI700" s="613"/>
      <c r="NOJ700" s="613"/>
      <c r="NOK700" s="613"/>
      <c r="NOL700" s="613"/>
      <c r="NOM700" s="613"/>
      <c r="NON700" s="613"/>
      <c r="NOO700" s="613"/>
      <c r="NOP700" s="613"/>
      <c r="NOQ700" s="613"/>
      <c r="NOR700" s="613"/>
      <c r="NOS700" s="613"/>
      <c r="NOT700" s="613"/>
      <c r="NOU700" s="613"/>
      <c r="NOV700" s="613"/>
      <c r="NOW700" s="613"/>
      <c r="NOX700" s="613"/>
      <c r="NOY700" s="613"/>
      <c r="NOZ700" s="613"/>
      <c r="NPA700" s="613"/>
      <c r="NPB700" s="613"/>
      <c r="NPC700" s="613"/>
      <c r="NPD700" s="613"/>
      <c r="NPE700" s="613"/>
      <c r="NPF700" s="613"/>
      <c r="NPG700" s="613"/>
      <c r="NPH700" s="613"/>
      <c r="NPI700" s="613"/>
      <c r="NPJ700" s="613"/>
      <c r="NPK700" s="613"/>
      <c r="NPL700" s="613"/>
      <c r="NPM700" s="613"/>
      <c r="NPN700" s="613"/>
      <c r="NPO700" s="613"/>
      <c r="NPP700" s="613"/>
      <c r="NPQ700" s="613"/>
      <c r="NPR700" s="613"/>
      <c r="NPS700" s="613"/>
      <c r="NPT700" s="613"/>
      <c r="NPU700" s="613"/>
      <c r="NPV700" s="613"/>
      <c r="NPW700" s="613"/>
      <c r="NPX700" s="613"/>
      <c r="NPY700" s="613"/>
      <c r="NPZ700" s="613"/>
      <c r="NQA700" s="613"/>
      <c r="NQB700" s="613"/>
      <c r="NQC700" s="613"/>
      <c r="NQD700" s="613"/>
      <c r="NQE700" s="613"/>
      <c r="NQF700" s="613"/>
      <c r="NQG700" s="613"/>
      <c r="NQH700" s="613"/>
      <c r="NQI700" s="613"/>
      <c r="NQJ700" s="613"/>
      <c r="NQK700" s="613"/>
      <c r="NQL700" s="613"/>
      <c r="NQM700" s="613"/>
      <c r="NQN700" s="613"/>
      <c r="NQO700" s="613"/>
      <c r="NQP700" s="613"/>
      <c r="NQQ700" s="613"/>
      <c r="NQR700" s="613"/>
      <c r="NQS700" s="613"/>
      <c r="NQT700" s="613"/>
      <c r="NQU700" s="613"/>
      <c r="NQV700" s="613"/>
      <c r="NQW700" s="613"/>
      <c r="NQX700" s="613"/>
      <c r="NQY700" s="613"/>
      <c r="NQZ700" s="613"/>
      <c r="NRA700" s="613"/>
      <c r="NRB700" s="613"/>
      <c r="NRC700" s="613"/>
      <c r="NRD700" s="613"/>
      <c r="NRE700" s="613"/>
      <c r="NRF700" s="613"/>
      <c r="NRG700" s="613"/>
      <c r="NRH700" s="613"/>
      <c r="NRI700" s="613"/>
      <c r="NRJ700" s="613"/>
      <c r="NRK700" s="613"/>
      <c r="NRL700" s="613"/>
      <c r="NRM700" s="613"/>
      <c r="NRN700" s="613"/>
      <c r="NRO700" s="613"/>
      <c r="NRP700" s="613"/>
      <c r="NRQ700" s="613"/>
      <c r="NRR700" s="613"/>
      <c r="NRS700" s="613"/>
      <c r="NRT700" s="613"/>
      <c r="NRU700" s="613"/>
      <c r="NRV700" s="613"/>
      <c r="NRW700" s="613"/>
      <c r="NRX700" s="613"/>
      <c r="NRY700" s="613"/>
      <c r="NRZ700" s="613"/>
      <c r="NSA700" s="613"/>
      <c r="NSB700" s="613"/>
      <c r="NSC700" s="613"/>
      <c r="NSD700" s="613"/>
      <c r="NSE700" s="613"/>
      <c r="NSF700" s="613"/>
      <c r="NSG700" s="613"/>
      <c r="NSH700" s="613"/>
      <c r="NSI700" s="613"/>
      <c r="NSJ700" s="613"/>
      <c r="NSK700" s="613"/>
      <c r="NSL700" s="613"/>
      <c r="NSM700" s="613"/>
      <c r="NSN700" s="613"/>
      <c r="NSO700" s="613"/>
      <c r="NSP700" s="613"/>
      <c r="NSQ700" s="613"/>
      <c r="NSR700" s="613"/>
      <c r="NSS700" s="613"/>
      <c r="NST700" s="613"/>
      <c r="NSU700" s="613"/>
      <c r="NSV700" s="613"/>
      <c r="NSW700" s="613"/>
      <c r="NSX700" s="613"/>
      <c r="NSY700" s="613"/>
      <c r="NSZ700" s="613"/>
      <c r="NTA700" s="613"/>
      <c r="NTB700" s="613"/>
      <c r="NTC700" s="613"/>
      <c r="NTD700" s="613"/>
      <c r="NTE700" s="613"/>
      <c r="NTF700" s="613"/>
      <c r="NTG700" s="613"/>
      <c r="NTH700" s="613"/>
      <c r="NTI700" s="613"/>
      <c r="NTJ700" s="613"/>
      <c r="NTK700" s="613"/>
      <c r="NTL700" s="613"/>
      <c r="NTM700" s="613"/>
      <c r="NTN700" s="613"/>
      <c r="NTO700" s="613"/>
      <c r="NTP700" s="613"/>
      <c r="NTQ700" s="613"/>
      <c r="NTR700" s="613"/>
      <c r="NTS700" s="613"/>
      <c r="NTT700" s="613"/>
      <c r="NTU700" s="613"/>
      <c r="NTV700" s="613"/>
      <c r="NTW700" s="613"/>
      <c r="NTX700" s="613"/>
      <c r="NTY700" s="613"/>
      <c r="NTZ700" s="613"/>
      <c r="NUA700" s="613"/>
      <c r="NUB700" s="613"/>
      <c r="NUC700" s="613"/>
      <c r="NUD700" s="613"/>
      <c r="NUE700" s="613"/>
      <c r="NUF700" s="613"/>
      <c r="NUG700" s="613"/>
      <c r="NUH700" s="613"/>
      <c r="NUI700" s="613"/>
      <c r="NUJ700" s="613"/>
      <c r="NUK700" s="613"/>
      <c r="NUL700" s="613"/>
      <c r="NUM700" s="613"/>
      <c r="NUN700" s="613"/>
      <c r="NUO700" s="613"/>
      <c r="NUP700" s="613"/>
      <c r="NUQ700" s="613"/>
      <c r="NUR700" s="613"/>
      <c r="NUS700" s="613"/>
      <c r="NUT700" s="613"/>
      <c r="NUU700" s="613"/>
      <c r="NUV700" s="613"/>
      <c r="NUW700" s="613"/>
      <c r="NUX700" s="613"/>
      <c r="NUY700" s="613"/>
      <c r="NUZ700" s="613"/>
      <c r="NVA700" s="613"/>
      <c r="NVB700" s="613"/>
      <c r="NVC700" s="613"/>
      <c r="NVD700" s="613"/>
      <c r="NVE700" s="613"/>
      <c r="NVF700" s="613"/>
      <c r="NVG700" s="613"/>
      <c r="NVH700" s="613"/>
      <c r="NVI700" s="613"/>
      <c r="NVJ700" s="613"/>
      <c r="NVK700" s="613"/>
      <c r="NVL700" s="613"/>
      <c r="NVM700" s="613"/>
      <c r="NVN700" s="613"/>
      <c r="NVO700" s="613"/>
      <c r="NVP700" s="613"/>
      <c r="NVQ700" s="613"/>
      <c r="NVR700" s="613"/>
      <c r="NVS700" s="613"/>
      <c r="NVT700" s="613"/>
      <c r="NVU700" s="613"/>
      <c r="NVV700" s="613"/>
      <c r="NVW700" s="613"/>
      <c r="NVX700" s="613"/>
      <c r="NVY700" s="613"/>
      <c r="NVZ700" s="613"/>
      <c r="NWA700" s="613"/>
      <c r="NWB700" s="613"/>
      <c r="NWC700" s="613"/>
      <c r="NWD700" s="613"/>
      <c r="NWE700" s="613"/>
      <c r="NWF700" s="613"/>
      <c r="NWG700" s="613"/>
      <c r="NWH700" s="613"/>
      <c r="NWI700" s="613"/>
      <c r="NWJ700" s="613"/>
      <c r="NWK700" s="613"/>
      <c r="NWL700" s="613"/>
      <c r="NWM700" s="613"/>
      <c r="NWN700" s="613"/>
      <c r="NWO700" s="613"/>
      <c r="NWP700" s="613"/>
      <c r="NWQ700" s="613"/>
      <c r="NWR700" s="613"/>
      <c r="NWS700" s="613"/>
      <c r="NWT700" s="613"/>
      <c r="NWU700" s="613"/>
      <c r="NWV700" s="613"/>
      <c r="NWW700" s="613"/>
      <c r="NWX700" s="613"/>
      <c r="NWY700" s="613"/>
      <c r="NWZ700" s="613"/>
      <c r="NXA700" s="613"/>
      <c r="NXB700" s="613"/>
      <c r="NXC700" s="613"/>
      <c r="NXD700" s="613"/>
      <c r="NXE700" s="613"/>
      <c r="NXF700" s="613"/>
      <c r="NXG700" s="613"/>
      <c r="NXH700" s="613"/>
      <c r="NXI700" s="613"/>
      <c r="NXJ700" s="613"/>
      <c r="NXK700" s="613"/>
      <c r="NXL700" s="613"/>
      <c r="NXM700" s="613"/>
      <c r="NXN700" s="613"/>
      <c r="NXO700" s="613"/>
      <c r="NXP700" s="613"/>
      <c r="NXQ700" s="613"/>
      <c r="NXR700" s="613"/>
      <c r="NXS700" s="613"/>
      <c r="NXT700" s="613"/>
      <c r="NXU700" s="613"/>
      <c r="NXV700" s="613"/>
      <c r="NXW700" s="613"/>
      <c r="NXX700" s="613"/>
      <c r="NXY700" s="613"/>
      <c r="NXZ700" s="613"/>
      <c r="NYA700" s="613"/>
      <c r="NYB700" s="613"/>
      <c r="NYC700" s="613"/>
      <c r="NYD700" s="613"/>
      <c r="NYE700" s="613"/>
      <c r="NYF700" s="613"/>
      <c r="NYG700" s="613"/>
      <c r="NYH700" s="613"/>
      <c r="NYI700" s="613"/>
      <c r="NYJ700" s="613"/>
      <c r="NYK700" s="613"/>
      <c r="NYL700" s="613"/>
      <c r="NYM700" s="613"/>
      <c r="NYN700" s="613"/>
      <c r="NYO700" s="613"/>
      <c r="NYP700" s="613"/>
      <c r="NYQ700" s="613"/>
      <c r="NYR700" s="613"/>
      <c r="NYS700" s="613"/>
      <c r="NYT700" s="613"/>
      <c r="NYU700" s="613"/>
      <c r="NYV700" s="613"/>
      <c r="NYW700" s="613"/>
      <c r="NYX700" s="613"/>
      <c r="NYY700" s="613"/>
      <c r="NYZ700" s="613"/>
      <c r="NZA700" s="613"/>
      <c r="NZB700" s="613"/>
      <c r="NZC700" s="613"/>
      <c r="NZD700" s="613"/>
      <c r="NZE700" s="613"/>
      <c r="NZF700" s="613"/>
      <c r="NZG700" s="613"/>
      <c r="NZH700" s="613"/>
      <c r="NZI700" s="613"/>
      <c r="NZJ700" s="613"/>
      <c r="NZK700" s="613"/>
      <c r="NZL700" s="613"/>
      <c r="NZM700" s="613"/>
      <c r="NZN700" s="613"/>
      <c r="NZO700" s="613"/>
      <c r="NZP700" s="613"/>
      <c r="NZQ700" s="613"/>
      <c r="NZR700" s="613"/>
      <c r="NZS700" s="613"/>
      <c r="NZT700" s="613"/>
      <c r="NZU700" s="613"/>
      <c r="NZV700" s="613"/>
      <c r="NZW700" s="613"/>
      <c r="NZX700" s="613"/>
      <c r="NZY700" s="613"/>
      <c r="NZZ700" s="613"/>
      <c r="OAA700" s="613"/>
      <c r="OAB700" s="613"/>
      <c r="OAC700" s="613"/>
      <c r="OAD700" s="613"/>
      <c r="OAE700" s="613"/>
      <c r="OAF700" s="613"/>
      <c r="OAG700" s="613"/>
      <c r="OAH700" s="613"/>
      <c r="OAI700" s="613"/>
      <c r="OAJ700" s="613"/>
      <c r="OAK700" s="613"/>
      <c r="OAL700" s="613"/>
      <c r="OAM700" s="613"/>
      <c r="OAN700" s="613"/>
      <c r="OAO700" s="613"/>
      <c r="OAP700" s="613"/>
      <c r="OAQ700" s="613"/>
      <c r="OAR700" s="613"/>
      <c r="OAS700" s="613"/>
      <c r="OAT700" s="613"/>
      <c r="OAU700" s="613"/>
      <c r="OAV700" s="613"/>
      <c r="OAW700" s="613"/>
      <c r="OAX700" s="613"/>
      <c r="OAY700" s="613"/>
      <c r="OAZ700" s="613"/>
      <c r="OBA700" s="613"/>
      <c r="OBB700" s="613"/>
      <c r="OBC700" s="613"/>
      <c r="OBD700" s="613"/>
      <c r="OBE700" s="613"/>
      <c r="OBF700" s="613"/>
      <c r="OBG700" s="613"/>
      <c r="OBH700" s="613"/>
      <c r="OBI700" s="613"/>
      <c r="OBJ700" s="613"/>
      <c r="OBK700" s="613"/>
      <c r="OBL700" s="613"/>
      <c r="OBM700" s="613"/>
      <c r="OBN700" s="613"/>
      <c r="OBO700" s="613"/>
      <c r="OBP700" s="613"/>
      <c r="OBQ700" s="613"/>
      <c r="OBR700" s="613"/>
      <c r="OBS700" s="613"/>
      <c r="OBT700" s="613"/>
      <c r="OBU700" s="613"/>
      <c r="OBV700" s="613"/>
      <c r="OBW700" s="613"/>
      <c r="OBX700" s="613"/>
      <c r="OBY700" s="613"/>
      <c r="OBZ700" s="613"/>
      <c r="OCA700" s="613"/>
      <c r="OCB700" s="613"/>
      <c r="OCC700" s="613"/>
      <c r="OCD700" s="613"/>
      <c r="OCE700" s="613"/>
      <c r="OCF700" s="613"/>
      <c r="OCG700" s="613"/>
      <c r="OCH700" s="613"/>
      <c r="OCI700" s="613"/>
      <c r="OCJ700" s="613"/>
      <c r="OCK700" s="613"/>
      <c r="OCL700" s="613"/>
      <c r="OCM700" s="613"/>
      <c r="OCN700" s="613"/>
      <c r="OCO700" s="613"/>
      <c r="OCP700" s="613"/>
      <c r="OCQ700" s="613"/>
      <c r="OCR700" s="613"/>
      <c r="OCS700" s="613"/>
      <c r="OCT700" s="613"/>
      <c r="OCU700" s="613"/>
      <c r="OCV700" s="613"/>
      <c r="OCW700" s="613"/>
      <c r="OCX700" s="613"/>
      <c r="OCY700" s="613"/>
      <c r="OCZ700" s="613"/>
      <c r="ODA700" s="613"/>
      <c r="ODB700" s="613"/>
      <c r="ODC700" s="613"/>
      <c r="ODD700" s="613"/>
      <c r="ODE700" s="613"/>
      <c r="ODF700" s="613"/>
      <c r="ODG700" s="613"/>
      <c r="ODH700" s="613"/>
      <c r="ODI700" s="613"/>
      <c r="ODJ700" s="613"/>
      <c r="ODK700" s="613"/>
      <c r="ODL700" s="613"/>
      <c r="ODM700" s="613"/>
      <c r="ODN700" s="613"/>
      <c r="ODO700" s="613"/>
      <c r="ODP700" s="613"/>
      <c r="ODQ700" s="613"/>
      <c r="ODR700" s="613"/>
      <c r="ODS700" s="613"/>
      <c r="ODT700" s="613"/>
      <c r="ODU700" s="613"/>
      <c r="ODV700" s="613"/>
      <c r="ODW700" s="613"/>
      <c r="ODX700" s="613"/>
      <c r="ODY700" s="613"/>
      <c r="ODZ700" s="613"/>
      <c r="OEA700" s="613"/>
      <c r="OEB700" s="613"/>
      <c r="OEC700" s="613"/>
      <c r="OED700" s="613"/>
      <c r="OEE700" s="613"/>
      <c r="OEF700" s="613"/>
      <c r="OEG700" s="613"/>
      <c r="OEH700" s="613"/>
      <c r="OEI700" s="613"/>
      <c r="OEJ700" s="613"/>
      <c r="OEK700" s="613"/>
      <c r="OEL700" s="613"/>
      <c r="OEM700" s="613"/>
      <c r="OEN700" s="613"/>
      <c r="OEO700" s="613"/>
      <c r="OEP700" s="613"/>
      <c r="OEQ700" s="613"/>
      <c r="OER700" s="613"/>
      <c r="OES700" s="613"/>
      <c r="OET700" s="613"/>
      <c r="OEU700" s="613"/>
      <c r="OEV700" s="613"/>
      <c r="OEW700" s="613"/>
      <c r="OEX700" s="613"/>
      <c r="OEY700" s="613"/>
      <c r="OEZ700" s="613"/>
      <c r="OFA700" s="613"/>
      <c r="OFB700" s="613"/>
      <c r="OFC700" s="613"/>
      <c r="OFD700" s="613"/>
      <c r="OFE700" s="613"/>
      <c r="OFF700" s="613"/>
      <c r="OFG700" s="613"/>
      <c r="OFH700" s="613"/>
      <c r="OFI700" s="613"/>
      <c r="OFJ700" s="613"/>
      <c r="OFK700" s="613"/>
      <c r="OFL700" s="613"/>
      <c r="OFM700" s="613"/>
      <c r="OFN700" s="613"/>
      <c r="OFO700" s="613"/>
      <c r="OFP700" s="613"/>
      <c r="OFQ700" s="613"/>
      <c r="OFR700" s="613"/>
      <c r="OFS700" s="613"/>
      <c r="OFT700" s="613"/>
      <c r="OFU700" s="613"/>
      <c r="OFV700" s="613"/>
      <c r="OFW700" s="613"/>
      <c r="OFX700" s="613"/>
      <c r="OFY700" s="613"/>
      <c r="OFZ700" s="613"/>
      <c r="OGA700" s="613"/>
      <c r="OGB700" s="613"/>
      <c r="OGC700" s="613"/>
      <c r="OGD700" s="613"/>
      <c r="OGE700" s="613"/>
      <c r="OGF700" s="613"/>
      <c r="OGG700" s="613"/>
      <c r="OGH700" s="613"/>
      <c r="OGI700" s="613"/>
      <c r="OGJ700" s="613"/>
      <c r="OGK700" s="613"/>
      <c r="OGL700" s="613"/>
      <c r="OGM700" s="613"/>
      <c r="OGN700" s="613"/>
      <c r="OGO700" s="613"/>
      <c r="OGP700" s="613"/>
      <c r="OGQ700" s="613"/>
      <c r="OGR700" s="613"/>
      <c r="OGS700" s="613"/>
      <c r="OGT700" s="613"/>
      <c r="OGU700" s="613"/>
      <c r="OGV700" s="613"/>
      <c r="OGW700" s="613"/>
      <c r="OGX700" s="613"/>
      <c r="OGY700" s="613"/>
      <c r="OGZ700" s="613"/>
      <c r="OHA700" s="613"/>
      <c r="OHB700" s="613"/>
      <c r="OHC700" s="613"/>
      <c r="OHD700" s="613"/>
      <c r="OHE700" s="613"/>
      <c r="OHF700" s="613"/>
      <c r="OHG700" s="613"/>
      <c r="OHH700" s="613"/>
      <c r="OHI700" s="613"/>
      <c r="OHJ700" s="613"/>
      <c r="OHK700" s="613"/>
      <c r="OHL700" s="613"/>
      <c r="OHM700" s="613"/>
      <c r="OHN700" s="613"/>
      <c r="OHO700" s="613"/>
      <c r="OHP700" s="613"/>
      <c r="OHQ700" s="613"/>
      <c r="OHR700" s="613"/>
      <c r="OHS700" s="613"/>
      <c r="OHT700" s="613"/>
      <c r="OHU700" s="613"/>
      <c r="OHV700" s="613"/>
      <c r="OHW700" s="613"/>
      <c r="OHX700" s="613"/>
      <c r="OHY700" s="613"/>
      <c r="OHZ700" s="613"/>
      <c r="OIA700" s="613"/>
      <c r="OIB700" s="613"/>
      <c r="OIC700" s="613"/>
      <c r="OID700" s="613"/>
      <c r="OIE700" s="613"/>
      <c r="OIF700" s="613"/>
      <c r="OIG700" s="613"/>
      <c r="OIH700" s="613"/>
      <c r="OII700" s="613"/>
      <c r="OIJ700" s="613"/>
      <c r="OIK700" s="613"/>
      <c r="OIL700" s="613"/>
      <c r="OIM700" s="613"/>
      <c r="OIN700" s="613"/>
      <c r="OIO700" s="613"/>
      <c r="OIP700" s="613"/>
      <c r="OIQ700" s="613"/>
      <c r="OIR700" s="613"/>
      <c r="OIS700" s="613"/>
      <c r="OIT700" s="613"/>
      <c r="OIU700" s="613"/>
      <c r="OIV700" s="613"/>
      <c r="OIW700" s="613"/>
      <c r="OIX700" s="613"/>
      <c r="OIY700" s="613"/>
      <c r="OIZ700" s="613"/>
      <c r="OJA700" s="613"/>
      <c r="OJB700" s="613"/>
      <c r="OJC700" s="613"/>
      <c r="OJD700" s="613"/>
      <c r="OJE700" s="613"/>
      <c r="OJF700" s="613"/>
      <c r="OJG700" s="613"/>
      <c r="OJH700" s="613"/>
      <c r="OJI700" s="613"/>
      <c r="OJJ700" s="613"/>
      <c r="OJK700" s="613"/>
      <c r="OJL700" s="613"/>
      <c r="OJM700" s="613"/>
      <c r="OJN700" s="613"/>
      <c r="OJO700" s="613"/>
      <c r="OJP700" s="613"/>
      <c r="OJQ700" s="613"/>
      <c r="OJR700" s="613"/>
      <c r="OJS700" s="613"/>
      <c r="OJT700" s="613"/>
      <c r="OJU700" s="613"/>
      <c r="OJV700" s="613"/>
      <c r="OJW700" s="613"/>
      <c r="OJX700" s="613"/>
      <c r="OJY700" s="613"/>
      <c r="OJZ700" s="613"/>
      <c r="OKA700" s="613"/>
      <c r="OKB700" s="613"/>
      <c r="OKC700" s="613"/>
      <c r="OKD700" s="613"/>
      <c r="OKE700" s="613"/>
      <c r="OKF700" s="613"/>
      <c r="OKG700" s="613"/>
      <c r="OKH700" s="613"/>
      <c r="OKI700" s="613"/>
      <c r="OKJ700" s="613"/>
      <c r="OKK700" s="613"/>
      <c r="OKL700" s="613"/>
      <c r="OKM700" s="613"/>
      <c r="OKN700" s="613"/>
      <c r="OKO700" s="613"/>
      <c r="OKP700" s="613"/>
      <c r="OKQ700" s="613"/>
      <c r="OKR700" s="613"/>
      <c r="OKS700" s="613"/>
      <c r="OKT700" s="613"/>
      <c r="OKU700" s="613"/>
      <c r="OKV700" s="613"/>
      <c r="OKW700" s="613"/>
      <c r="OKX700" s="613"/>
      <c r="OKY700" s="613"/>
      <c r="OKZ700" s="613"/>
      <c r="OLA700" s="613"/>
      <c r="OLB700" s="613"/>
      <c r="OLC700" s="613"/>
      <c r="OLD700" s="613"/>
      <c r="OLE700" s="613"/>
      <c r="OLF700" s="613"/>
      <c r="OLG700" s="613"/>
      <c r="OLH700" s="613"/>
      <c r="OLI700" s="613"/>
      <c r="OLJ700" s="613"/>
      <c r="OLK700" s="613"/>
      <c r="OLL700" s="613"/>
      <c r="OLM700" s="613"/>
      <c r="OLN700" s="613"/>
      <c r="OLO700" s="613"/>
      <c r="OLP700" s="613"/>
      <c r="OLQ700" s="613"/>
      <c r="OLR700" s="613"/>
      <c r="OLS700" s="613"/>
      <c r="OLT700" s="613"/>
      <c r="OLU700" s="613"/>
      <c r="OLV700" s="613"/>
      <c r="OLW700" s="613"/>
      <c r="OLX700" s="613"/>
      <c r="OLY700" s="613"/>
      <c r="OLZ700" s="613"/>
      <c r="OMA700" s="613"/>
      <c r="OMB700" s="613"/>
      <c r="OMC700" s="613"/>
      <c r="OMD700" s="613"/>
      <c r="OME700" s="613"/>
      <c r="OMF700" s="613"/>
      <c r="OMG700" s="613"/>
      <c r="OMH700" s="613"/>
      <c r="OMI700" s="613"/>
      <c r="OMJ700" s="613"/>
      <c r="OMK700" s="613"/>
      <c r="OML700" s="613"/>
      <c r="OMM700" s="613"/>
      <c r="OMN700" s="613"/>
      <c r="OMO700" s="613"/>
      <c r="OMP700" s="613"/>
      <c r="OMQ700" s="613"/>
      <c r="OMR700" s="613"/>
      <c r="OMS700" s="613"/>
      <c r="OMT700" s="613"/>
      <c r="OMU700" s="613"/>
      <c r="OMV700" s="613"/>
      <c r="OMW700" s="613"/>
      <c r="OMX700" s="613"/>
      <c r="OMY700" s="613"/>
      <c r="OMZ700" s="613"/>
      <c r="ONA700" s="613"/>
      <c r="ONB700" s="613"/>
      <c r="ONC700" s="613"/>
      <c r="OND700" s="613"/>
      <c r="ONE700" s="613"/>
      <c r="ONF700" s="613"/>
      <c r="ONG700" s="613"/>
      <c r="ONH700" s="613"/>
      <c r="ONI700" s="613"/>
      <c r="ONJ700" s="613"/>
      <c r="ONK700" s="613"/>
      <c r="ONL700" s="613"/>
      <c r="ONM700" s="613"/>
      <c r="ONN700" s="613"/>
      <c r="ONO700" s="613"/>
      <c r="ONP700" s="613"/>
      <c r="ONQ700" s="613"/>
      <c r="ONR700" s="613"/>
      <c r="ONS700" s="613"/>
      <c r="ONT700" s="613"/>
      <c r="ONU700" s="613"/>
      <c r="ONV700" s="613"/>
      <c r="ONW700" s="613"/>
      <c r="ONX700" s="613"/>
      <c r="ONY700" s="613"/>
      <c r="ONZ700" s="613"/>
      <c r="OOA700" s="613"/>
      <c r="OOB700" s="613"/>
      <c r="OOC700" s="613"/>
      <c r="OOD700" s="613"/>
      <c r="OOE700" s="613"/>
      <c r="OOF700" s="613"/>
      <c r="OOG700" s="613"/>
      <c r="OOH700" s="613"/>
      <c r="OOI700" s="613"/>
      <c r="OOJ700" s="613"/>
      <c r="OOK700" s="613"/>
      <c r="OOL700" s="613"/>
      <c r="OOM700" s="613"/>
      <c r="OON700" s="613"/>
      <c r="OOO700" s="613"/>
      <c r="OOP700" s="613"/>
      <c r="OOQ700" s="613"/>
      <c r="OOR700" s="613"/>
      <c r="OOS700" s="613"/>
      <c r="OOT700" s="613"/>
      <c r="OOU700" s="613"/>
      <c r="OOV700" s="613"/>
      <c r="OOW700" s="613"/>
      <c r="OOX700" s="613"/>
      <c r="OOY700" s="613"/>
      <c r="OOZ700" s="613"/>
      <c r="OPA700" s="613"/>
      <c r="OPB700" s="613"/>
      <c r="OPC700" s="613"/>
      <c r="OPD700" s="613"/>
      <c r="OPE700" s="613"/>
      <c r="OPF700" s="613"/>
      <c r="OPG700" s="613"/>
      <c r="OPH700" s="613"/>
      <c r="OPI700" s="613"/>
      <c r="OPJ700" s="613"/>
      <c r="OPK700" s="613"/>
      <c r="OPL700" s="613"/>
      <c r="OPM700" s="613"/>
      <c r="OPN700" s="613"/>
      <c r="OPO700" s="613"/>
      <c r="OPP700" s="613"/>
      <c r="OPQ700" s="613"/>
      <c r="OPR700" s="613"/>
      <c r="OPS700" s="613"/>
      <c r="OPT700" s="613"/>
      <c r="OPU700" s="613"/>
      <c r="OPV700" s="613"/>
      <c r="OPW700" s="613"/>
      <c r="OPX700" s="613"/>
      <c r="OPY700" s="613"/>
      <c r="OPZ700" s="613"/>
      <c r="OQA700" s="613"/>
      <c r="OQB700" s="613"/>
      <c r="OQC700" s="613"/>
      <c r="OQD700" s="613"/>
      <c r="OQE700" s="613"/>
      <c r="OQF700" s="613"/>
      <c r="OQG700" s="613"/>
      <c r="OQH700" s="613"/>
      <c r="OQI700" s="613"/>
      <c r="OQJ700" s="613"/>
      <c r="OQK700" s="613"/>
      <c r="OQL700" s="613"/>
      <c r="OQM700" s="613"/>
      <c r="OQN700" s="613"/>
      <c r="OQO700" s="613"/>
      <c r="OQP700" s="613"/>
      <c r="OQQ700" s="613"/>
      <c r="OQR700" s="613"/>
      <c r="OQS700" s="613"/>
      <c r="OQT700" s="613"/>
      <c r="OQU700" s="613"/>
      <c r="OQV700" s="613"/>
      <c r="OQW700" s="613"/>
      <c r="OQX700" s="613"/>
      <c r="OQY700" s="613"/>
      <c r="OQZ700" s="613"/>
      <c r="ORA700" s="613"/>
      <c r="ORB700" s="613"/>
      <c r="ORC700" s="613"/>
      <c r="ORD700" s="613"/>
      <c r="ORE700" s="613"/>
      <c r="ORF700" s="613"/>
      <c r="ORG700" s="613"/>
      <c r="ORH700" s="613"/>
      <c r="ORI700" s="613"/>
      <c r="ORJ700" s="613"/>
      <c r="ORK700" s="613"/>
      <c r="ORL700" s="613"/>
      <c r="ORM700" s="613"/>
      <c r="ORN700" s="613"/>
      <c r="ORO700" s="613"/>
      <c r="ORP700" s="613"/>
      <c r="ORQ700" s="613"/>
      <c r="ORR700" s="613"/>
      <c r="ORS700" s="613"/>
      <c r="ORT700" s="613"/>
      <c r="ORU700" s="613"/>
      <c r="ORV700" s="613"/>
      <c r="ORW700" s="613"/>
      <c r="ORX700" s="613"/>
      <c r="ORY700" s="613"/>
      <c r="ORZ700" s="613"/>
      <c r="OSA700" s="613"/>
      <c r="OSB700" s="613"/>
      <c r="OSC700" s="613"/>
      <c r="OSD700" s="613"/>
      <c r="OSE700" s="613"/>
      <c r="OSF700" s="613"/>
      <c r="OSG700" s="613"/>
      <c r="OSH700" s="613"/>
      <c r="OSI700" s="613"/>
      <c r="OSJ700" s="613"/>
      <c r="OSK700" s="613"/>
      <c r="OSL700" s="613"/>
      <c r="OSM700" s="613"/>
      <c r="OSN700" s="613"/>
      <c r="OSO700" s="613"/>
      <c r="OSP700" s="613"/>
      <c r="OSQ700" s="613"/>
      <c r="OSR700" s="613"/>
      <c r="OSS700" s="613"/>
      <c r="OST700" s="613"/>
      <c r="OSU700" s="613"/>
      <c r="OSV700" s="613"/>
      <c r="OSW700" s="613"/>
      <c r="OSX700" s="613"/>
      <c r="OSY700" s="613"/>
      <c r="OSZ700" s="613"/>
      <c r="OTA700" s="613"/>
      <c r="OTB700" s="613"/>
      <c r="OTC700" s="613"/>
      <c r="OTD700" s="613"/>
      <c r="OTE700" s="613"/>
      <c r="OTF700" s="613"/>
      <c r="OTG700" s="613"/>
      <c r="OTH700" s="613"/>
      <c r="OTI700" s="613"/>
      <c r="OTJ700" s="613"/>
      <c r="OTK700" s="613"/>
      <c r="OTL700" s="613"/>
      <c r="OTM700" s="613"/>
      <c r="OTN700" s="613"/>
      <c r="OTO700" s="613"/>
      <c r="OTP700" s="613"/>
      <c r="OTQ700" s="613"/>
      <c r="OTR700" s="613"/>
      <c r="OTS700" s="613"/>
      <c r="OTT700" s="613"/>
      <c r="OTU700" s="613"/>
      <c r="OTV700" s="613"/>
      <c r="OTW700" s="613"/>
      <c r="OTX700" s="613"/>
      <c r="OTY700" s="613"/>
      <c r="OTZ700" s="613"/>
      <c r="OUA700" s="613"/>
      <c r="OUB700" s="613"/>
      <c r="OUC700" s="613"/>
      <c r="OUD700" s="613"/>
      <c r="OUE700" s="613"/>
      <c r="OUF700" s="613"/>
      <c r="OUG700" s="613"/>
      <c r="OUH700" s="613"/>
      <c r="OUI700" s="613"/>
      <c r="OUJ700" s="613"/>
      <c r="OUK700" s="613"/>
      <c r="OUL700" s="613"/>
      <c r="OUM700" s="613"/>
      <c r="OUN700" s="613"/>
      <c r="OUO700" s="613"/>
      <c r="OUP700" s="613"/>
      <c r="OUQ700" s="613"/>
      <c r="OUR700" s="613"/>
      <c r="OUS700" s="613"/>
      <c r="OUT700" s="613"/>
      <c r="OUU700" s="613"/>
      <c r="OUV700" s="613"/>
      <c r="OUW700" s="613"/>
      <c r="OUX700" s="613"/>
      <c r="OUY700" s="613"/>
      <c r="OUZ700" s="613"/>
      <c r="OVA700" s="613"/>
      <c r="OVB700" s="613"/>
      <c r="OVC700" s="613"/>
      <c r="OVD700" s="613"/>
      <c r="OVE700" s="613"/>
      <c r="OVF700" s="613"/>
      <c r="OVG700" s="613"/>
      <c r="OVH700" s="613"/>
      <c r="OVI700" s="613"/>
      <c r="OVJ700" s="613"/>
      <c r="OVK700" s="613"/>
      <c r="OVL700" s="613"/>
      <c r="OVM700" s="613"/>
      <c r="OVN700" s="613"/>
      <c r="OVO700" s="613"/>
      <c r="OVP700" s="613"/>
      <c r="OVQ700" s="613"/>
      <c r="OVR700" s="613"/>
      <c r="OVS700" s="613"/>
      <c r="OVT700" s="613"/>
      <c r="OVU700" s="613"/>
      <c r="OVV700" s="613"/>
      <c r="OVW700" s="613"/>
      <c r="OVX700" s="613"/>
      <c r="OVY700" s="613"/>
      <c r="OVZ700" s="613"/>
      <c r="OWA700" s="613"/>
      <c r="OWB700" s="613"/>
      <c r="OWC700" s="613"/>
      <c r="OWD700" s="613"/>
      <c r="OWE700" s="613"/>
      <c r="OWF700" s="613"/>
      <c r="OWG700" s="613"/>
      <c r="OWH700" s="613"/>
      <c r="OWI700" s="613"/>
      <c r="OWJ700" s="613"/>
      <c r="OWK700" s="613"/>
      <c r="OWL700" s="613"/>
      <c r="OWM700" s="613"/>
      <c r="OWN700" s="613"/>
      <c r="OWO700" s="613"/>
      <c r="OWP700" s="613"/>
      <c r="OWQ700" s="613"/>
      <c r="OWR700" s="613"/>
      <c r="OWS700" s="613"/>
      <c r="OWT700" s="613"/>
      <c r="OWU700" s="613"/>
      <c r="OWV700" s="613"/>
      <c r="OWW700" s="613"/>
      <c r="OWX700" s="613"/>
      <c r="OWY700" s="613"/>
      <c r="OWZ700" s="613"/>
      <c r="OXA700" s="613"/>
      <c r="OXB700" s="613"/>
      <c r="OXC700" s="613"/>
      <c r="OXD700" s="613"/>
      <c r="OXE700" s="613"/>
      <c r="OXF700" s="613"/>
      <c r="OXG700" s="613"/>
      <c r="OXH700" s="613"/>
      <c r="OXI700" s="613"/>
      <c r="OXJ700" s="613"/>
      <c r="OXK700" s="613"/>
      <c r="OXL700" s="613"/>
      <c r="OXM700" s="613"/>
      <c r="OXN700" s="613"/>
      <c r="OXO700" s="613"/>
      <c r="OXP700" s="613"/>
      <c r="OXQ700" s="613"/>
      <c r="OXR700" s="613"/>
      <c r="OXS700" s="613"/>
      <c r="OXT700" s="613"/>
      <c r="OXU700" s="613"/>
      <c r="OXV700" s="613"/>
      <c r="OXW700" s="613"/>
      <c r="OXX700" s="613"/>
      <c r="OXY700" s="613"/>
      <c r="OXZ700" s="613"/>
      <c r="OYA700" s="613"/>
      <c r="OYB700" s="613"/>
      <c r="OYC700" s="613"/>
      <c r="OYD700" s="613"/>
      <c r="OYE700" s="613"/>
      <c r="OYF700" s="613"/>
      <c r="OYG700" s="613"/>
      <c r="OYH700" s="613"/>
      <c r="OYI700" s="613"/>
      <c r="OYJ700" s="613"/>
      <c r="OYK700" s="613"/>
      <c r="OYL700" s="613"/>
      <c r="OYM700" s="613"/>
      <c r="OYN700" s="613"/>
      <c r="OYO700" s="613"/>
      <c r="OYP700" s="613"/>
      <c r="OYQ700" s="613"/>
      <c r="OYR700" s="613"/>
      <c r="OYS700" s="613"/>
      <c r="OYT700" s="613"/>
      <c r="OYU700" s="613"/>
      <c r="OYV700" s="613"/>
      <c r="OYW700" s="613"/>
      <c r="OYX700" s="613"/>
      <c r="OYY700" s="613"/>
      <c r="OYZ700" s="613"/>
      <c r="OZA700" s="613"/>
      <c r="OZB700" s="613"/>
      <c r="OZC700" s="613"/>
      <c r="OZD700" s="613"/>
      <c r="OZE700" s="613"/>
      <c r="OZF700" s="613"/>
      <c r="OZG700" s="613"/>
      <c r="OZH700" s="613"/>
      <c r="OZI700" s="613"/>
      <c r="OZJ700" s="613"/>
      <c r="OZK700" s="613"/>
      <c r="OZL700" s="613"/>
      <c r="OZM700" s="613"/>
      <c r="OZN700" s="613"/>
      <c r="OZO700" s="613"/>
      <c r="OZP700" s="613"/>
      <c r="OZQ700" s="613"/>
      <c r="OZR700" s="613"/>
      <c r="OZS700" s="613"/>
      <c r="OZT700" s="613"/>
      <c r="OZU700" s="613"/>
      <c r="OZV700" s="613"/>
      <c r="OZW700" s="613"/>
      <c r="OZX700" s="613"/>
      <c r="OZY700" s="613"/>
      <c r="OZZ700" s="613"/>
      <c r="PAA700" s="613"/>
      <c r="PAB700" s="613"/>
      <c r="PAC700" s="613"/>
      <c r="PAD700" s="613"/>
      <c r="PAE700" s="613"/>
      <c r="PAF700" s="613"/>
      <c r="PAG700" s="613"/>
      <c r="PAH700" s="613"/>
      <c r="PAI700" s="613"/>
      <c r="PAJ700" s="613"/>
      <c r="PAK700" s="613"/>
      <c r="PAL700" s="613"/>
      <c r="PAM700" s="613"/>
      <c r="PAN700" s="613"/>
      <c r="PAO700" s="613"/>
      <c r="PAP700" s="613"/>
      <c r="PAQ700" s="613"/>
      <c r="PAR700" s="613"/>
      <c r="PAS700" s="613"/>
      <c r="PAT700" s="613"/>
      <c r="PAU700" s="613"/>
      <c r="PAV700" s="613"/>
      <c r="PAW700" s="613"/>
      <c r="PAX700" s="613"/>
      <c r="PAY700" s="613"/>
      <c r="PAZ700" s="613"/>
      <c r="PBA700" s="613"/>
      <c r="PBB700" s="613"/>
      <c r="PBC700" s="613"/>
      <c r="PBD700" s="613"/>
      <c r="PBE700" s="613"/>
      <c r="PBF700" s="613"/>
      <c r="PBG700" s="613"/>
      <c r="PBH700" s="613"/>
      <c r="PBI700" s="613"/>
      <c r="PBJ700" s="613"/>
      <c r="PBK700" s="613"/>
      <c r="PBL700" s="613"/>
      <c r="PBM700" s="613"/>
      <c r="PBN700" s="613"/>
      <c r="PBO700" s="613"/>
      <c r="PBP700" s="613"/>
      <c r="PBQ700" s="613"/>
      <c r="PBR700" s="613"/>
      <c r="PBS700" s="613"/>
      <c r="PBT700" s="613"/>
      <c r="PBU700" s="613"/>
      <c r="PBV700" s="613"/>
      <c r="PBW700" s="613"/>
      <c r="PBX700" s="613"/>
      <c r="PBY700" s="613"/>
      <c r="PBZ700" s="613"/>
      <c r="PCA700" s="613"/>
      <c r="PCB700" s="613"/>
      <c r="PCC700" s="613"/>
      <c r="PCD700" s="613"/>
      <c r="PCE700" s="613"/>
      <c r="PCF700" s="613"/>
      <c r="PCG700" s="613"/>
      <c r="PCH700" s="613"/>
      <c r="PCI700" s="613"/>
      <c r="PCJ700" s="613"/>
      <c r="PCK700" s="613"/>
      <c r="PCL700" s="613"/>
      <c r="PCM700" s="613"/>
      <c r="PCN700" s="613"/>
      <c r="PCO700" s="613"/>
      <c r="PCP700" s="613"/>
      <c r="PCQ700" s="613"/>
      <c r="PCR700" s="613"/>
      <c r="PCS700" s="613"/>
      <c r="PCT700" s="613"/>
      <c r="PCU700" s="613"/>
      <c r="PCV700" s="613"/>
      <c r="PCW700" s="613"/>
      <c r="PCX700" s="613"/>
      <c r="PCY700" s="613"/>
      <c r="PCZ700" s="613"/>
      <c r="PDA700" s="613"/>
      <c r="PDB700" s="613"/>
      <c r="PDC700" s="613"/>
      <c r="PDD700" s="613"/>
      <c r="PDE700" s="613"/>
      <c r="PDF700" s="613"/>
      <c r="PDG700" s="613"/>
      <c r="PDH700" s="613"/>
      <c r="PDI700" s="613"/>
      <c r="PDJ700" s="613"/>
      <c r="PDK700" s="613"/>
      <c r="PDL700" s="613"/>
      <c r="PDM700" s="613"/>
      <c r="PDN700" s="613"/>
      <c r="PDO700" s="613"/>
      <c r="PDP700" s="613"/>
      <c r="PDQ700" s="613"/>
      <c r="PDR700" s="613"/>
      <c r="PDS700" s="613"/>
      <c r="PDT700" s="613"/>
      <c r="PDU700" s="613"/>
      <c r="PDV700" s="613"/>
      <c r="PDW700" s="613"/>
      <c r="PDX700" s="613"/>
      <c r="PDY700" s="613"/>
      <c r="PDZ700" s="613"/>
      <c r="PEA700" s="613"/>
      <c r="PEB700" s="613"/>
      <c r="PEC700" s="613"/>
      <c r="PED700" s="613"/>
      <c r="PEE700" s="613"/>
      <c r="PEF700" s="613"/>
      <c r="PEG700" s="613"/>
      <c r="PEH700" s="613"/>
      <c r="PEI700" s="613"/>
      <c r="PEJ700" s="613"/>
      <c r="PEK700" s="613"/>
      <c r="PEL700" s="613"/>
      <c r="PEM700" s="613"/>
      <c r="PEN700" s="613"/>
      <c r="PEO700" s="613"/>
      <c r="PEP700" s="613"/>
      <c r="PEQ700" s="613"/>
      <c r="PER700" s="613"/>
      <c r="PES700" s="613"/>
      <c r="PET700" s="613"/>
      <c r="PEU700" s="613"/>
      <c r="PEV700" s="613"/>
      <c r="PEW700" s="613"/>
      <c r="PEX700" s="613"/>
      <c r="PEY700" s="613"/>
      <c r="PEZ700" s="613"/>
      <c r="PFA700" s="613"/>
      <c r="PFB700" s="613"/>
      <c r="PFC700" s="613"/>
      <c r="PFD700" s="613"/>
      <c r="PFE700" s="613"/>
      <c r="PFF700" s="613"/>
      <c r="PFG700" s="613"/>
      <c r="PFH700" s="613"/>
      <c r="PFI700" s="613"/>
      <c r="PFJ700" s="613"/>
      <c r="PFK700" s="613"/>
      <c r="PFL700" s="613"/>
      <c r="PFM700" s="613"/>
      <c r="PFN700" s="613"/>
      <c r="PFO700" s="613"/>
      <c r="PFP700" s="613"/>
      <c r="PFQ700" s="613"/>
      <c r="PFR700" s="613"/>
      <c r="PFS700" s="613"/>
      <c r="PFT700" s="613"/>
      <c r="PFU700" s="613"/>
      <c r="PFV700" s="613"/>
      <c r="PFW700" s="613"/>
      <c r="PFX700" s="613"/>
      <c r="PFY700" s="613"/>
      <c r="PFZ700" s="613"/>
      <c r="PGA700" s="613"/>
      <c r="PGB700" s="613"/>
      <c r="PGC700" s="613"/>
      <c r="PGD700" s="613"/>
      <c r="PGE700" s="613"/>
      <c r="PGF700" s="613"/>
      <c r="PGG700" s="613"/>
      <c r="PGH700" s="613"/>
      <c r="PGI700" s="613"/>
      <c r="PGJ700" s="613"/>
      <c r="PGK700" s="613"/>
      <c r="PGL700" s="613"/>
      <c r="PGM700" s="613"/>
      <c r="PGN700" s="613"/>
      <c r="PGO700" s="613"/>
      <c r="PGP700" s="613"/>
      <c r="PGQ700" s="613"/>
      <c r="PGR700" s="613"/>
      <c r="PGS700" s="613"/>
      <c r="PGT700" s="613"/>
      <c r="PGU700" s="613"/>
      <c r="PGV700" s="613"/>
      <c r="PGW700" s="613"/>
      <c r="PGX700" s="613"/>
      <c r="PGY700" s="613"/>
      <c r="PGZ700" s="613"/>
      <c r="PHA700" s="613"/>
      <c r="PHB700" s="613"/>
      <c r="PHC700" s="613"/>
      <c r="PHD700" s="613"/>
      <c r="PHE700" s="613"/>
      <c r="PHF700" s="613"/>
      <c r="PHG700" s="613"/>
      <c r="PHH700" s="613"/>
      <c r="PHI700" s="613"/>
      <c r="PHJ700" s="613"/>
      <c r="PHK700" s="613"/>
      <c r="PHL700" s="613"/>
      <c r="PHM700" s="613"/>
      <c r="PHN700" s="613"/>
      <c r="PHO700" s="613"/>
      <c r="PHP700" s="613"/>
      <c r="PHQ700" s="613"/>
      <c r="PHR700" s="613"/>
      <c r="PHS700" s="613"/>
      <c r="PHT700" s="613"/>
      <c r="PHU700" s="613"/>
      <c r="PHV700" s="613"/>
      <c r="PHW700" s="613"/>
      <c r="PHX700" s="613"/>
      <c r="PHY700" s="613"/>
      <c r="PHZ700" s="613"/>
      <c r="PIA700" s="613"/>
      <c r="PIB700" s="613"/>
      <c r="PIC700" s="613"/>
      <c r="PID700" s="613"/>
      <c r="PIE700" s="613"/>
      <c r="PIF700" s="613"/>
      <c r="PIG700" s="613"/>
      <c r="PIH700" s="613"/>
      <c r="PII700" s="613"/>
      <c r="PIJ700" s="613"/>
      <c r="PIK700" s="613"/>
      <c r="PIL700" s="613"/>
      <c r="PIM700" s="613"/>
      <c r="PIN700" s="613"/>
      <c r="PIO700" s="613"/>
      <c r="PIP700" s="613"/>
      <c r="PIQ700" s="613"/>
      <c r="PIR700" s="613"/>
      <c r="PIS700" s="613"/>
      <c r="PIT700" s="613"/>
      <c r="PIU700" s="613"/>
      <c r="PIV700" s="613"/>
      <c r="PIW700" s="613"/>
      <c r="PIX700" s="613"/>
      <c r="PIY700" s="613"/>
      <c r="PIZ700" s="613"/>
      <c r="PJA700" s="613"/>
      <c r="PJB700" s="613"/>
      <c r="PJC700" s="613"/>
      <c r="PJD700" s="613"/>
      <c r="PJE700" s="613"/>
      <c r="PJF700" s="613"/>
      <c r="PJG700" s="613"/>
      <c r="PJH700" s="613"/>
      <c r="PJI700" s="613"/>
      <c r="PJJ700" s="613"/>
      <c r="PJK700" s="613"/>
      <c r="PJL700" s="613"/>
      <c r="PJM700" s="613"/>
      <c r="PJN700" s="613"/>
      <c r="PJO700" s="613"/>
      <c r="PJP700" s="613"/>
      <c r="PJQ700" s="613"/>
      <c r="PJR700" s="613"/>
      <c r="PJS700" s="613"/>
      <c r="PJT700" s="613"/>
      <c r="PJU700" s="613"/>
      <c r="PJV700" s="613"/>
      <c r="PJW700" s="613"/>
      <c r="PJX700" s="613"/>
      <c r="PJY700" s="613"/>
      <c r="PJZ700" s="613"/>
      <c r="PKA700" s="613"/>
      <c r="PKB700" s="613"/>
      <c r="PKC700" s="613"/>
      <c r="PKD700" s="613"/>
      <c r="PKE700" s="613"/>
      <c r="PKF700" s="613"/>
      <c r="PKG700" s="613"/>
      <c r="PKH700" s="613"/>
      <c r="PKI700" s="613"/>
      <c r="PKJ700" s="613"/>
      <c r="PKK700" s="613"/>
      <c r="PKL700" s="613"/>
      <c r="PKM700" s="613"/>
      <c r="PKN700" s="613"/>
      <c r="PKO700" s="613"/>
      <c r="PKP700" s="613"/>
      <c r="PKQ700" s="613"/>
      <c r="PKR700" s="613"/>
      <c r="PKS700" s="613"/>
      <c r="PKT700" s="613"/>
      <c r="PKU700" s="613"/>
      <c r="PKV700" s="613"/>
      <c r="PKW700" s="613"/>
      <c r="PKX700" s="613"/>
      <c r="PKY700" s="613"/>
      <c r="PKZ700" s="613"/>
      <c r="PLA700" s="613"/>
      <c r="PLB700" s="613"/>
      <c r="PLC700" s="613"/>
      <c r="PLD700" s="613"/>
      <c r="PLE700" s="613"/>
      <c r="PLF700" s="613"/>
      <c r="PLG700" s="613"/>
      <c r="PLH700" s="613"/>
      <c r="PLI700" s="613"/>
      <c r="PLJ700" s="613"/>
      <c r="PLK700" s="613"/>
      <c r="PLL700" s="613"/>
      <c r="PLM700" s="613"/>
      <c r="PLN700" s="613"/>
      <c r="PLO700" s="613"/>
      <c r="PLP700" s="613"/>
      <c r="PLQ700" s="613"/>
      <c r="PLR700" s="613"/>
      <c r="PLS700" s="613"/>
      <c r="PLT700" s="613"/>
      <c r="PLU700" s="613"/>
      <c r="PLV700" s="613"/>
      <c r="PLW700" s="613"/>
      <c r="PLX700" s="613"/>
      <c r="PLY700" s="613"/>
      <c r="PLZ700" s="613"/>
      <c r="PMA700" s="613"/>
      <c r="PMB700" s="613"/>
      <c r="PMC700" s="613"/>
      <c r="PMD700" s="613"/>
      <c r="PME700" s="613"/>
      <c r="PMF700" s="613"/>
      <c r="PMG700" s="613"/>
      <c r="PMH700" s="613"/>
      <c r="PMI700" s="613"/>
      <c r="PMJ700" s="613"/>
      <c r="PMK700" s="613"/>
      <c r="PML700" s="613"/>
      <c r="PMM700" s="613"/>
      <c r="PMN700" s="613"/>
      <c r="PMO700" s="613"/>
      <c r="PMP700" s="613"/>
      <c r="PMQ700" s="613"/>
      <c r="PMR700" s="613"/>
      <c r="PMS700" s="613"/>
      <c r="PMT700" s="613"/>
      <c r="PMU700" s="613"/>
      <c r="PMV700" s="613"/>
      <c r="PMW700" s="613"/>
      <c r="PMX700" s="613"/>
      <c r="PMY700" s="613"/>
      <c r="PMZ700" s="613"/>
      <c r="PNA700" s="613"/>
      <c r="PNB700" s="613"/>
      <c r="PNC700" s="613"/>
      <c r="PND700" s="613"/>
      <c r="PNE700" s="613"/>
      <c r="PNF700" s="613"/>
      <c r="PNG700" s="613"/>
      <c r="PNH700" s="613"/>
      <c r="PNI700" s="613"/>
      <c r="PNJ700" s="613"/>
      <c r="PNK700" s="613"/>
      <c r="PNL700" s="613"/>
      <c r="PNM700" s="613"/>
      <c r="PNN700" s="613"/>
      <c r="PNO700" s="613"/>
      <c r="PNP700" s="613"/>
      <c r="PNQ700" s="613"/>
      <c r="PNR700" s="613"/>
      <c r="PNS700" s="613"/>
      <c r="PNT700" s="613"/>
      <c r="PNU700" s="613"/>
      <c r="PNV700" s="613"/>
      <c r="PNW700" s="613"/>
      <c r="PNX700" s="613"/>
      <c r="PNY700" s="613"/>
      <c r="PNZ700" s="613"/>
      <c r="POA700" s="613"/>
      <c r="POB700" s="613"/>
      <c r="POC700" s="613"/>
      <c r="POD700" s="613"/>
      <c r="POE700" s="613"/>
      <c r="POF700" s="613"/>
      <c r="POG700" s="613"/>
      <c r="POH700" s="613"/>
      <c r="POI700" s="613"/>
      <c r="POJ700" s="613"/>
      <c r="POK700" s="613"/>
      <c r="POL700" s="613"/>
      <c r="POM700" s="613"/>
      <c r="PON700" s="613"/>
      <c r="POO700" s="613"/>
      <c r="POP700" s="613"/>
      <c r="POQ700" s="613"/>
      <c r="POR700" s="613"/>
      <c r="POS700" s="613"/>
      <c r="POT700" s="613"/>
      <c r="POU700" s="613"/>
      <c r="POV700" s="613"/>
      <c r="POW700" s="613"/>
      <c r="POX700" s="613"/>
      <c r="POY700" s="613"/>
      <c r="POZ700" s="613"/>
      <c r="PPA700" s="613"/>
      <c r="PPB700" s="613"/>
      <c r="PPC700" s="613"/>
      <c r="PPD700" s="613"/>
      <c r="PPE700" s="613"/>
      <c r="PPF700" s="613"/>
      <c r="PPG700" s="613"/>
      <c r="PPH700" s="613"/>
      <c r="PPI700" s="613"/>
      <c r="PPJ700" s="613"/>
      <c r="PPK700" s="613"/>
      <c r="PPL700" s="613"/>
      <c r="PPM700" s="613"/>
      <c r="PPN700" s="613"/>
      <c r="PPO700" s="613"/>
      <c r="PPP700" s="613"/>
      <c r="PPQ700" s="613"/>
      <c r="PPR700" s="613"/>
      <c r="PPS700" s="613"/>
      <c r="PPT700" s="613"/>
      <c r="PPU700" s="613"/>
      <c r="PPV700" s="613"/>
      <c r="PPW700" s="613"/>
      <c r="PPX700" s="613"/>
      <c r="PPY700" s="613"/>
      <c r="PPZ700" s="613"/>
      <c r="PQA700" s="613"/>
      <c r="PQB700" s="613"/>
      <c r="PQC700" s="613"/>
      <c r="PQD700" s="613"/>
      <c r="PQE700" s="613"/>
      <c r="PQF700" s="613"/>
      <c r="PQG700" s="613"/>
      <c r="PQH700" s="613"/>
      <c r="PQI700" s="613"/>
      <c r="PQJ700" s="613"/>
      <c r="PQK700" s="613"/>
      <c r="PQL700" s="613"/>
      <c r="PQM700" s="613"/>
      <c r="PQN700" s="613"/>
      <c r="PQO700" s="613"/>
      <c r="PQP700" s="613"/>
      <c r="PQQ700" s="613"/>
      <c r="PQR700" s="613"/>
      <c r="PQS700" s="613"/>
      <c r="PQT700" s="613"/>
      <c r="PQU700" s="613"/>
      <c r="PQV700" s="613"/>
      <c r="PQW700" s="613"/>
      <c r="PQX700" s="613"/>
      <c r="PQY700" s="613"/>
      <c r="PQZ700" s="613"/>
      <c r="PRA700" s="613"/>
      <c r="PRB700" s="613"/>
      <c r="PRC700" s="613"/>
      <c r="PRD700" s="613"/>
      <c r="PRE700" s="613"/>
      <c r="PRF700" s="613"/>
      <c r="PRG700" s="613"/>
      <c r="PRH700" s="613"/>
      <c r="PRI700" s="613"/>
      <c r="PRJ700" s="613"/>
      <c r="PRK700" s="613"/>
      <c r="PRL700" s="613"/>
      <c r="PRM700" s="613"/>
      <c r="PRN700" s="613"/>
      <c r="PRO700" s="613"/>
      <c r="PRP700" s="613"/>
      <c r="PRQ700" s="613"/>
      <c r="PRR700" s="613"/>
      <c r="PRS700" s="613"/>
      <c r="PRT700" s="613"/>
      <c r="PRU700" s="613"/>
      <c r="PRV700" s="613"/>
      <c r="PRW700" s="613"/>
      <c r="PRX700" s="613"/>
      <c r="PRY700" s="613"/>
      <c r="PRZ700" s="613"/>
      <c r="PSA700" s="613"/>
      <c r="PSB700" s="613"/>
      <c r="PSC700" s="613"/>
      <c r="PSD700" s="613"/>
      <c r="PSE700" s="613"/>
      <c r="PSF700" s="613"/>
      <c r="PSG700" s="613"/>
      <c r="PSH700" s="613"/>
      <c r="PSI700" s="613"/>
      <c r="PSJ700" s="613"/>
      <c r="PSK700" s="613"/>
      <c r="PSL700" s="613"/>
      <c r="PSM700" s="613"/>
      <c r="PSN700" s="613"/>
      <c r="PSO700" s="613"/>
      <c r="PSP700" s="613"/>
      <c r="PSQ700" s="613"/>
      <c r="PSR700" s="613"/>
      <c r="PSS700" s="613"/>
      <c r="PST700" s="613"/>
      <c r="PSU700" s="613"/>
      <c r="PSV700" s="613"/>
      <c r="PSW700" s="613"/>
      <c r="PSX700" s="613"/>
      <c r="PSY700" s="613"/>
      <c r="PSZ700" s="613"/>
      <c r="PTA700" s="613"/>
      <c r="PTB700" s="613"/>
      <c r="PTC700" s="613"/>
      <c r="PTD700" s="613"/>
      <c r="PTE700" s="613"/>
      <c r="PTF700" s="613"/>
      <c r="PTG700" s="613"/>
      <c r="PTH700" s="613"/>
      <c r="PTI700" s="613"/>
      <c r="PTJ700" s="613"/>
      <c r="PTK700" s="613"/>
      <c r="PTL700" s="613"/>
      <c r="PTM700" s="613"/>
      <c r="PTN700" s="613"/>
      <c r="PTO700" s="613"/>
      <c r="PTP700" s="613"/>
      <c r="PTQ700" s="613"/>
      <c r="PTR700" s="613"/>
      <c r="PTS700" s="613"/>
      <c r="PTT700" s="613"/>
      <c r="PTU700" s="613"/>
      <c r="PTV700" s="613"/>
      <c r="PTW700" s="613"/>
      <c r="PTX700" s="613"/>
      <c r="PTY700" s="613"/>
      <c r="PTZ700" s="613"/>
      <c r="PUA700" s="613"/>
      <c r="PUB700" s="613"/>
      <c r="PUC700" s="613"/>
      <c r="PUD700" s="613"/>
      <c r="PUE700" s="613"/>
      <c r="PUF700" s="613"/>
      <c r="PUG700" s="613"/>
      <c r="PUH700" s="613"/>
      <c r="PUI700" s="613"/>
      <c r="PUJ700" s="613"/>
      <c r="PUK700" s="613"/>
      <c r="PUL700" s="613"/>
      <c r="PUM700" s="613"/>
      <c r="PUN700" s="613"/>
      <c r="PUO700" s="613"/>
      <c r="PUP700" s="613"/>
      <c r="PUQ700" s="613"/>
      <c r="PUR700" s="613"/>
      <c r="PUS700" s="613"/>
      <c r="PUT700" s="613"/>
      <c r="PUU700" s="613"/>
      <c r="PUV700" s="613"/>
      <c r="PUW700" s="613"/>
      <c r="PUX700" s="613"/>
      <c r="PUY700" s="613"/>
      <c r="PUZ700" s="613"/>
      <c r="PVA700" s="613"/>
      <c r="PVB700" s="613"/>
      <c r="PVC700" s="613"/>
      <c r="PVD700" s="613"/>
      <c r="PVE700" s="613"/>
      <c r="PVF700" s="613"/>
      <c r="PVG700" s="613"/>
      <c r="PVH700" s="613"/>
      <c r="PVI700" s="613"/>
      <c r="PVJ700" s="613"/>
      <c r="PVK700" s="613"/>
      <c r="PVL700" s="613"/>
      <c r="PVM700" s="613"/>
      <c r="PVN700" s="613"/>
      <c r="PVO700" s="613"/>
      <c r="PVP700" s="613"/>
      <c r="PVQ700" s="613"/>
      <c r="PVR700" s="613"/>
      <c r="PVS700" s="613"/>
      <c r="PVT700" s="613"/>
      <c r="PVU700" s="613"/>
      <c r="PVV700" s="613"/>
      <c r="PVW700" s="613"/>
      <c r="PVX700" s="613"/>
      <c r="PVY700" s="613"/>
      <c r="PVZ700" s="613"/>
      <c r="PWA700" s="613"/>
      <c r="PWB700" s="613"/>
      <c r="PWC700" s="613"/>
      <c r="PWD700" s="613"/>
      <c r="PWE700" s="613"/>
      <c r="PWF700" s="613"/>
      <c r="PWG700" s="613"/>
      <c r="PWH700" s="613"/>
      <c r="PWI700" s="613"/>
      <c r="PWJ700" s="613"/>
      <c r="PWK700" s="613"/>
      <c r="PWL700" s="613"/>
      <c r="PWM700" s="613"/>
      <c r="PWN700" s="613"/>
      <c r="PWO700" s="613"/>
      <c r="PWP700" s="613"/>
      <c r="PWQ700" s="613"/>
      <c r="PWR700" s="613"/>
      <c r="PWS700" s="613"/>
      <c r="PWT700" s="613"/>
      <c r="PWU700" s="613"/>
      <c r="PWV700" s="613"/>
      <c r="PWW700" s="613"/>
      <c r="PWX700" s="613"/>
      <c r="PWY700" s="613"/>
      <c r="PWZ700" s="613"/>
      <c r="PXA700" s="613"/>
      <c r="PXB700" s="613"/>
      <c r="PXC700" s="613"/>
      <c r="PXD700" s="613"/>
      <c r="PXE700" s="613"/>
      <c r="PXF700" s="613"/>
      <c r="PXG700" s="613"/>
      <c r="PXH700" s="613"/>
      <c r="PXI700" s="613"/>
      <c r="PXJ700" s="613"/>
      <c r="PXK700" s="613"/>
      <c r="PXL700" s="613"/>
      <c r="PXM700" s="613"/>
      <c r="PXN700" s="613"/>
      <c r="PXO700" s="613"/>
      <c r="PXP700" s="613"/>
      <c r="PXQ700" s="613"/>
      <c r="PXR700" s="613"/>
      <c r="PXS700" s="613"/>
      <c r="PXT700" s="613"/>
      <c r="PXU700" s="613"/>
      <c r="PXV700" s="613"/>
      <c r="PXW700" s="613"/>
      <c r="PXX700" s="613"/>
      <c r="PXY700" s="613"/>
      <c r="PXZ700" s="613"/>
      <c r="PYA700" s="613"/>
      <c r="PYB700" s="613"/>
      <c r="PYC700" s="613"/>
      <c r="PYD700" s="613"/>
      <c r="PYE700" s="613"/>
      <c r="PYF700" s="613"/>
      <c r="PYG700" s="613"/>
      <c r="PYH700" s="613"/>
      <c r="PYI700" s="613"/>
      <c r="PYJ700" s="613"/>
      <c r="PYK700" s="613"/>
      <c r="PYL700" s="613"/>
      <c r="PYM700" s="613"/>
      <c r="PYN700" s="613"/>
      <c r="PYO700" s="613"/>
      <c r="PYP700" s="613"/>
      <c r="PYQ700" s="613"/>
      <c r="PYR700" s="613"/>
      <c r="PYS700" s="613"/>
      <c r="PYT700" s="613"/>
      <c r="PYU700" s="613"/>
      <c r="PYV700" s="613"/>
      <c r="PYW700" s="613"/>
      <c r="PYX700" s="613"/>
      <c r="PYY700" s="613"/>
      <c r="PYZ700" s="613"/>
      <c r="PZA700" s="613"/>
      <c r="PZB700" s="613"/>
      <c r="PZC700" s="613"/>
      <c r="PZD700" s="613"/>
      <c r="PZE700" s="613"/>
      <c r="PZF700" s="613"/>
      <c r="PZG700" s="613"/>
      <c r="PZH700" s="613"/>
      <c r="PZI700" s="613"/>
      <c r="PZJ700" s="613"/>
      <c r="PZK700" s="613"/>
      <c r="PZL700" s="613"/>
      <c r="PZM700" s="613"/>
      <c r="PZN700" s="613"/>
      <c r="PZO700" s="613"/>
      <c r="PZP700" s="613"/>
      <c r="PZQ700" s="613"/>
      <c r="PZR700" s="613"/>
      <c r="PZS700" s="613"/>
      <c r="PZT700" s="613"/>
      <c r="PZU700" s="613"/>
      <c r="PZV700" s="613"/>
      <c r="PZW700" s="613"/>
      <c r="PZX700" s="613"/>
      <c r="PZY700" s="613"/>
      <c r="PZZ700" s="613"/>
      <c r="QAA700" s="613"/>
      <c r="QAB700" s="613"/>
      <c r="QAC700" s="613"/>
      <c r="QAD700" s="613"/>
      <c r="QAE700" s="613"/>
      <c r="QAF700" s="613"/>
      <c r="QAG700" s="613"/>
      <c r="QAH700" s="613"/>
      <c r="QAI700" s="613"/>
      <c r="QAJ700" s="613"/>
      <c r="QAK700" s="613"/>
      <c r="QAL700" s="613"/>
      <c r="QAM700" s="613"/>
      <c r="QAN700" s="613"/>
      <c r="QAO700" s="613"/>
      <c r="QAP700" s="613"/>
      <c r="QAQ700" s="613"/>
      <c r="QAR700" s="613"/>
      <c r="QAS700" s="613"/>
      <c r="QAT700" s="613"/>
      <c r="QAU700" s="613"/>
      <c r="QAV700" s="613"/>
      <c r="QAW700" s="613"/>
      <c r="QAX700" s="613"/>
      <c r="QAY700" s="613"/>
      <c r="QAZ700" s="613"/>
      <c r="QBA700" s="613"/>
      <c r="QBB700" s="613"/>
      <c r="QBC700" s="613"/>
      <c r="QBD700" s="613"/>
      <c r="QBE700" s="613"/>
      <c r="QBF700" s="613"/>
      <c r="QBG700" s="613"/>
      <c r="QBH700" s="613"/>
      <c r="QBI700" s="613"/>
      <c r="QBJ700" s="613"/>
      <c r="QBK700" s="613"/>
      <c r="QBL700" s="613"/>
      <c r="QBM700" s="613"/>
      <c r="QBN700" s="613"/>
      <c r="QBO700" s="613"/>
      <c r="QBP700" s="613"/>
      <c r="QBQ700" s="613"/>
      <c r="QBR700" s="613"/>
      <c r="QBS700" s="613"/>
      <c r="QBT700" s="613"/>
      <c r="QBU700" s="613"/>
      <c r="QBV700" s="613"/>
      <c r="QBW700" s="613"/>
      <c r="QBX700" s="613"/>
      <c r="QBY700" s="613"/>
      <c r="QBZ700" s="613"/>
      <c r="QCA700" s="613"/>
      <c r="QCB700" s="613"/>
      <c r="QCC700" s="613"/>
      <c r="QCD700" s="613"/>
      <c r="QCE700" s="613"/>
      <c r="QCF700" s="613"/>
      <c r="QCG700" s="613"/>
      <c r="QCH700" s="613"/>
      <c r="QCI700" s="613"/>
      <c r="QCJ700" s="613"/>
      <c r="QCK700" s="613"/>
      <c r="QCL700" s="613"/>
      <c r="QCM700" s="613"/>
      <c r="QCN700" s="613"/>
      <c r="QCO700" s="613"/>
      <c r="QCP700" s="613"/>
      <c r="QCQ700" s="613"/>
      <c r="QCR700" s="613"/>
      <c r="QCS700" s="613"/>
      <c r="QCT700" s="613"/>
      <c r="QCU700" s="613"/>
      <c r="QCV700" s="613"/>
      <c r="QCW700" s="613"/>
      <c r="QCX700" s="613"/>
      <c r="QCY700" s="613"/>
      <c r="QCZ700" s="613"/>
      <c r="QDA700" s="613"/>
      <c r="QDB700" s="613"/>
      <c r="QDC700" s="613"/>
      <c r="QDD700" s="613"/>
      <c r="QDE700" s="613"/>
      <c r="QDF700" s="613"/>
      <c r="QDG700" s="613"/>
      <c r="QDH700" s="613"/>
      <c r="QDI700" s="613"/>
      <c r="QDJ700" s="613"/>
      <c r="QDK700" s="613"/>
      <c r="QDL700" s="613"/>
      <c r="QDM700" s="613"/>
      <c r="QDN700" s="613"/>
      <c r="QDO700" s="613"/>
      <c r="QDP700" s="613"/>
      <c r="QDQ700" s="613"/>
      <c r="QDR700" s="613"/>
      <c r="QDS700" s="613"/>
      <c r="QDT700" s="613"/>
      <c r="QDU700" s="613"/>
      <c r="QDV700" s="613"/>
      <c r="QDW700" s="613"/>
      <c r="QDX700" s="613"/>
      <c r="QDY700" s="613"/>
      <c r="QDZ700" s="613"/>
      <c r="QEA700" s="613"/>
      <c r="QEB700" s="613"/>
      <c r="QEC700" s="613"/>
      <c r="QED700" s="613"/>
      <c r="QEE700" s="613"/>
      <c r="QEF700" s="613"/>
      <c r="QEG700" s="613"/>
      <c r="QEH700" s="613"/>
      <c r="QEI700" s="613"/>
      <c r="QEJ700" s="613"/>
      <c r="QEK700" s="613"/>
      <c r="QEL700" s="613"/>
      <c r="QEM700" s="613"/>
      <c r="QEN700" s="613"/>
      <c r="QEO700" s="613"/>
      <c r="QEP700" s="613"/>
      <c r="QEQ700" s="613"/>
      <c r="QER700" s="613"/>
      <c r="QES700" s="613"/>
      <c r="QET700" s="613"/>
      <c r="QEU700" s="613"/>
      <c r="QEV700" s="613"/>
      <c r="QEW700" s="613"/>
      <c r="QEX700" s="613"/>
      <c r="QEY700" s="613"/>
      <c r="QEZ700" s="613"/>
      <c r="QFA700" s="613"/>
      <c r="QFB700" s="613"/>
      <c r="QFC700" s="613"/>
      <c r="QFD700" s="613"/>
      <c r="QFE700" s="613"/>
      <c r="QFF700" s="613"/>
      <c r="QFG700" s="613"/>
      <c r="QFH700" s="613"/>
      <c r="QFI700" s="613"/>
      <c r="QFJ700" s="613"/>
      <c r="QFK700" s="613"/>
      <c r="QFL700" s="613"/>
      <c r="QFM700" s="613"/>
      <c r="QFN700" s="613"/>
      <c r="QFO700" s="613"/>
      <c r="QFP700" s="613"/>
      <c r="QFQ700" s="613"/>
      <c r="QFR700" s="613"/>
      <c r="QFS700" s="613"/>
      <c r="QFT700" s="613"/>
      <c r="QFU700" s="613"/>
      <c r="QFV700" s="613"/>
      <c r="QFW700" s="613"/>
      <c r="QFX700" s="613"/>
      <c r="QFY700" s="613"/>
      <c r="QFZ700" s="613"/>
      <c r="QGA700" s="613"/>
      <c r="QGB700" s="613"/>
      <c r="QGC700" s="613"/>
      <c r="QGD700" s="613"/>
      <c r="QGE700" s="613"/>
      <c r="QGF700" s="613"/>
      <c r="QGG700" s="613"/>
      <c r="QGH700" s="613"/>
      <c r="QGI700" s="613"/>
      <c r="QGJ700" s="613"/>
      <c r="QGK700" s="613"/>
      <c r="QGL700" s="613"/>
      <c r="QGM700" s="613"/>
      <c r="QGN700" s="613"/>
      <c r="QGO700" s="613"/>
      <c r="QGP700" s="613"/>
      <c r="QGQ700" s="613"/>
      <c r="QGR700" s="613"/>
      <c r="QGS700" s="613"/>
      <c r="QGT700" s="613"/>
      <c r="QGU700" s="613"/>
      <c r="QGV700" s="613"/>
      <c r="QGW700" s="613"/>
      <c r="QGX700" s="613"/>
      <c r="QGY700" s="613"/>
      <c r="QGZ700" s="613"/>
      <c r="QHA700" s="613"/>
      <c r="QHB700" s="613"/>
      <c r="QHC700" s="613"/>
      <c r="QHD700" s="613"/>
      <c r="QHE700" s="613"/>
      <c r="QHF700" s="613"/>
      <c r="QHG700" s="613"/>
      <c r="QHH700" s="613"/>
      <c r="QHI700" s="613"/>
      <c r="QHJ700" s="613"/>
      <c r="QHK700" s="613"/>
      <c r="QHL700" s="613"/>
      <c r="QHM700" s="613"/>
      <c r="QHN700" s="613"/>
      <c r="QHO700" s="613"/>
      <c r="QHP700" s="613"/>
      <c r="QHQ700" s="613"/>
      <c r="QHR700" s="613"/>
      <c r="QHS700" s="613"/>
      <c r="QHT700" s="613"/>
      <c r="QHU700" s="613"/>
      <c r="QHV700" s="613"/>
      <c r="QHW700" s="613"/>
      <c r="QHX700" s="613"/>
      <c r="QHY700" s="613"/>
      <c r="QHZ700" s="613"/>
      <c r="QIA700" s="613"/>
      <c r="QIB700" s="613"/>
      <c r="QIC700" s="613"/>
      <c r="QID700" s="613"/>
      <c r="QIE700" s="613"/>
      <c r="QIF700" s="613"/>
      <c r="QIG700" s="613"/>
      <c r="QIH700" s="613"/>
      <c r="QII700" s="613"/>
      <c r="QIJ700" s="613"/>
      <c r="QIK700" s="613"/>
      <c r="QIL700" s="613"/>
      <c r="QIM700" s="613"/>
      <c r="QIN700" s="613"/>
      <c r="QIO700" s="613"/>
      <c r="QIP700" s="613"/>
      <c r="QIQ700" s="613"/>
      <c r="QIR700" s="613"/>
      <c r="QIS700" s="613"/>
      <c r="QIT700" s="613"/>
      <c r="QIU700" s="613"/>
      <c r="QIV700" s="613"/>
      <c r="QIW700" s="613"/>
      <c r="QIX700" s="613"/>
      <c r="QIY700" s="613"/>
      <c r="QIZ700" s="613"/>
      <c r="QJA700" s="613"/>
      <c r="QJB700" s="613"/>
      <c r="QJC700" s="613"/>
      <c r="QJD700" s="613"/>
      <c r="QJE700" s="613"/>
      <c r="QJF700" s="613"/>
      <c r="QJG700" s="613"/>
      <c r="QJH700" s="613"/>
      <c r="QJI700" s="613"/>
      <c r="QJJ700" s="613"/>
      <c r="QJK700" s="613"/>
      <c r="QJL700" s="613"/>
      <c r="QJM700" s="613"/>
      <c r="QJN700" s="613"/>
      <c r="QJO700" s="613"/>
      <c r="QJP700" s="613"/>
      <c r="QJQ700" s="613"/>
      <c r="QJR700" s="613"/>
      <c r="QJS700" s="613"/>
      <c r="QJT700" s="613"/>
      <c r="QJU700" s="613"/>
      <c r="QJV700" s="613"/>
      <c r="QJW700" s="613"/>
      <c r="QJX700" s="613"/>
      <c r="QJY700" s="613"/>
      <c r="QJZ700" s="613"/>
      <c r="QKA700" s="613"/>
      <c r="QKB700" s="613"/>
      <c r="QKC700" s="613"/>
      <c r="QKD700" s="613"/>
      <c r="QKE700" s="613"/>
      <c r="QKF700" s="613"/>
      <c r="QKG700" s="613"/>
      <c r="QKH700" s="613"/>
      <c r="QKI700" s="613"/>
      <c r="QKJ700" s="613"/>
      <c r="QKK700" s="613"/>
      <c r="QKL700" s="613"/>
      <c r="QKM700" s="613"/>
      <c r="QKN700" s="613"/>
      <c r="QKO700" s="613"/>
      <c r="QKP700" s="613"/>
      <c r="QKQ700" s="613"/>
      <c r="QKR700" s="613"/>
      <c r="QKS700" s="613"/>
      <c r="QKT700" s="613"/>
      <c r="QKU700" s="613"/>
      <c r="QKV700" s="613"/>
      <c r="QKW700" s="613"/>
      <c r="QKX700" s="613"/>
      <c r="QKY700" s="613"/>
      <c r="QKZ700" s="613"/>
      <c r="QLA700" s="613"/>
      <c r="QLB700" s="613"/>
      <c r="QLC700" s="613"/>
      <c r="QLD700" s="613"/>
      <c r="QLE700" s="613"/>
      <c r="QLF700" s="613"/>
      <c r="QLG700" s="613"/>
      <c r="QLH700" s="613"/>
      <c r="QLI700" s="613"/>
      <c r="QLJ700" s="613"/>
      <c r="QLK700" s="613"/>
      <c r="QLL700" s="613"/>
      <c r="QLM700" s="613"/>
      <c r="QLN700" s="613"/>
      <c r="QLO700" s="613"/>
      <c r="QLP700" s="613"/>
      <c r="QLQ700" s="613"/>
      <c r="QLR700" s="613"/>
      <c r="QLS700" s="613"/>
      <c r="QLT700" s="613"/>
      <c r="QLU700" s="613"/>
      <c r="QLV700" s="613"/>
      <c r="QLW700" s="613"/>
      <c r="QLX700" s="613"/>
      <c r="QLY700" s="613"/>
      <c r="QLZ700" s="613"/>
      <c r="QMA700" s="613"/>
      <c r="QMB700" s="613"/>
      <c r="QMC700" s="613"/>
      <c r="QMD700" s="613"/>
      <c r="QME700" s="613"/>
      <c r="QMF700" s="613"/>
      <c r="QMG700" s="613"/>
      <c r="QMH700" s="613"/>
      <c r="QMI700" s="613"/>
      <c r="QMJ700" s="613"/>
      <c r="QMK700" s="613"/>
      <c r="QML700" s="613"/>
      <c r="QMM700" s="613"/>
      <c r="QMN700" s="613"/>
      <c r="QMO700" s="613"/>
      <c r="QMP700" s="613"/>
      <c r="QMQ700" s="613"/>
      <c r="QMR700" s="613"/>
      <c r="QMS700" s="613"/>
      <c r="QMT700" s="613"/>
      <c r="QMU700" s="613"/>
      <c r="QMV700" s="613"/>
      <c r="QMW700" s="613"/>
      <c r="QMX700" s="613"/>
      <c r="QMY700" s="613"/>
      <c r="QMZ700" s="613"/>
      <c r="QNA700" s="613"/>
      <c r="QNB700" s="613"/>
      <c r="QNC700" s="613"/>
      <c r="QND700" s="613"/>
      <c r="QNE700" s="613"/>
      <c r="QNF700" s="613"/>
      <c r="QNG700" s="613"/>
      <c r="QNH700" s="613"/>
      <c r="QNI700" s="613"/>
      <c r="QNJ700" s="613"/>
      <c r="QNK700" s="613"/>
      <c r="QNL700" s="613"/>
      <c r="QNM700" s="613"/>
      <c r="QNN700" s="613"/>
      <c r="QNO700" s="613"/>
      <c r="QNP700" s="613"/>
      <c r="QNQ700" s="613"/>
      <c r="QNR700" s="613"/>
      <c r="QNS700" s="613"/>
      <c r="QNT700" s="613"/>
      <c r="QNU700" s="613"/>
      <c r="QNV700" s="613"/>
      <c r="QNW700" s="613"/>
      <c r="QNX700" s="613"/>
      <c r="QNY700" s="613"/>
      <c r="QNZ700" s="613"/>
      <c r="QOA700" s="613"/>
      <c r="QOB700" s="613"/>
      <c r="QOC700" s="613"/>
      <c r="QOD700" s="613"/>
      <c r="QOE700" s="613"/>
      <c r="QOF700" s="613"/>
      <c r="QOG700" s="613"/>
      <c r="QOH700" s="613"/>
      <c r="QOI700" s="613"/>
      <c r="QOJ700" s="613"/>
      <c r="QOK700" s="613"/>
      <c r="QOL700" s="613"/>
      <c r="QOM700" s="613"/>
      <c r="QON700" s="613"/>
      <c r="QOO700" s="613"/>
      <c r="QOP700" s="613"/>
      <c r="QOQ700" s="613"/>
      <c r="QOR700" s="613"/>
      <c r="QOS700" s="613"/>
      <c r="QOT700" s="613"/>
      <c r="QOU700" s="613"/>
      <c r="QOV700" s="613"/>
      <c r="QOW700" s="613"/>
      <c r="QOX700" s="613"/>
      <c r="QOY700" s="613"/>
      <c r="QOZ700" s="613"/>
      <c r="QPA700" s="613"/>
      <c r="QPB700" s="613"/>
      <c r="QPC700" s="613"/>
      <c r="QPD700" s="613"/>
      <c r="QPE700" s="613"/>
      <c r="QPF700" s="613"/>
      <c r="QPG700" s="613"/>
      <c r="QPH700" s="613"/>
      <c r="QPI700" s="613"/>
      <c r="QPJ700" s="613"/>
      <c r="QPK700" s="613"/>
      <c r="QPL700" s="613"/>
      <c r="QPM700" s="613"/>
      <c r="QPN700" s="613"/>
      <c r="QPO700" s="613"/>
      <c r="QPP700" s="613"/>
      <c r="QPQ700" s="613"/>
      <c r="QPR700" s="613"/>
      <c r="QPS700" s="613"/>
      <c r="QPT700" s="613"/>
      <c r="QPU700" s="613"/>
      <c r="QPV700" s="613"/>
      <c r="QPW700" s="613"/>
      <c r="QPX700" s="613"/>
      <c r="QPY700" s="613"/>
      <c r="QPZ700" s="613"/>
      <c r="QQA700" s="613"/>
      <c r="QQB700" s="613"/>
      <c r="QQC700" s="613"/>
      <c r="QQD700" s="613"/>
      <c r="QQE700" s="613"/>
      <c r="QQF700" s="613"/>
      <c r="QQG700" s="613"/>
      <c r="QQH700" s="613"/>
      <c r="QQI700" s="613"/>
      <c r="QQJ700" s="613"/>
      <c r="QQK700" s="613"/>
      <c r="QQL700" s="613"/>
      <c r="QQM700" s="613"/>
      <c r="QQN700" s="613"/>
      <c r="QQO700" s="613"/>
      <c r="QQP700" s="613"/>
      <c r="QQQ700" s="613"/>
      <c r="QQR700" s="613"/>
      <c r="QQS700" s="613"/>
      <c r="QQT700" s="613"/>
      <c r="QQU700" s="613"/>
      <c r="QQV700" s="613"/>
      <c r="QQW700" s="613"/>
      <c r="QQX700" s="613"/>
      <c r="QQY700" s="613"/>
      <c r="QQZ700" s="613"/>
      <c r="QRA700" s="613"/>
      <c r="QRB700" s="613"/>
      <c r="QRC700" s="613"/>
      <c r="QRD700" s="613"/>
      <c r="QRE700" s="613"/>
      <c r="QRF700" s="613"/>
      <c r="QRG700" s="613"/>
      <c r="QRH700" s="613"/>
      <c r="QRI700" s="613"/>
      <c r="QRJ700" s="613"/>
      <c r="QRK700" s="613"/>
      <c r="QRL700" s="613"/>
      <c r="QRM700" s="613"/>
      <c r="QRN700" s="613"/>
      <c r="QRO700" s="613"/>
      <c r="QRP700" s="613"/>
      <c r="QRQ700" s="613"/>
      <c r="QRR700" s="613"/>
      <c r="QRS700" s="613"/>
      <c r="QRT700" s="613"/>
      <c r="QRU700" s="613"/>
      <c r="QRV700" s="613"/>
      <c r="QRW700" s="613"/>
      <c r="QRX700" s="613"/>
      <c r="QRY700" s="613"/>
      <c r="QRZ700" s="613"/>
      <c r="QSA700" s="613"/>
      <c r="QSB700" s="613"/>
      <c r="QSC700" s="613"/>
      <c r="QSD700" s="613"/>
      <c r="QSE700" s="613"/>
      <c r="QSF700" s="613"/>
      <c r="QSG700" s="613"/>
      <c r="QSH700" s="613"/>
      <c r="QSI700" s="613"/>
      <c r="QSJ700" s="613"/>
      <c r="QSK700" s="613"/>
      <c r="QSL700" s="613"/>
      <c r="QSM700" s="613"/>
      <c r="QSN700" s="613"/>
      <c r="QSO700" s="613"/>
      <c r="QSP700" s="613"/>
      <c r="QSQ700" s="613"/>
      <c r="QSR700" s="613"/>
      <c r="QSS700" s="613"/>
      <c r="QST700" s="613"/>
      <c r="QSU700" s="613"/>
      <c r="QSV700" s="613"/>
      <c r="QSW700" s="613"/>
      <c r="QSX700" s="613"/>
      <c r="QSY700" s="613"/>
      <c r="QSZ700" s="613"/>
      <c r="QTA700" s="613"/>
      <c r="QTB700" s="613"/>
      <c r="QTC700" s="613"/>
      <c r="QTD700" s="613"/>
      <c r="QTE700" s="613"/>
      <c r="QTF700" s="613"/>
      <c r="QTG700" s="613"/>
      <c r="QTH700" s="613"/>
      <c r="QTI700" s="613"/>
      <c r="QTJ700" s="613"/>
      <c r="QTK700" s="613"/>
      <c r="QTL700" s="613"/>
      <c r="QTM700" s="613"/>
      <c r="QTN700" s="613"/>
      <c r="QTO700" s="613"/>
      <c r="QTP700" s="613"/>
      <c r="QTQ700" s="613"/>
      <c r="QTR700" s="613"/>
      <c r="QTS700" s="613"/>
      <c r="QTT700" s="613"/>
      <c r="QTU700" s="613"/>
      <c r="QTV700" s="613"/>
      <c r="QTW700" s="613"/>
      <c r="QTX700" s="613"/>
      <c r="QTY700" s="613"/>
      <c r="QTZ700" s="613"/>
      <c r="QUA700" s="613"/>
      <c r="QUB700" s="613"/>
      <c r="QUC700" s="613"/>
      <c r="QUD700" s="613"/>
      <c r="QUE700" s="613"/>
      <c r="QUF700" s="613"/>
      <c r="QUG700" s="613"/>
      <c r="QUH700" s="613"/>
      <c r="QUI700" s="613"/>
      <c r="QUJ700" s="613"/>
      <c r="QUK700" s="613"/>
      <c r="QUL700" s="613"/>
      <c r="QUM700" s="613"/>
      <c r="QUN700" s="613"/>
      <c r="QUO700" s="613"/>
      <c r="QUP700" s="613"/>
      <c r="QUQ700" s="613"/>
      <c r="QUR700" s="613"/>
      <c r="QUS700" s="613"/>
      <c r="QUT700" s="613"/>
      <c r="QUU700" s="613"/>
      <c r="QUV700" s="613"/>
      <c r="QUW700" s="613"/>
      <c r="QUX700" s="613"/>
      <c r="QUY700" s="613"/>
      <c r="QUZ700" s="613"/>
      <c r="QVA700" s="613"/>
      <c r="QVB700" s="613"/>
      <c r="QVC700" s="613"/>
      <c r="QVD700" s="613"/>
      <c r="QVE700" s="613"/>
      <c r="QVF700" s="613"/>
      <c r="QVG700" s="613"/>
      <c r="QVH700" s="613"/>
      <c r="QVI700" s="613"/>
      <c r="QVJ700" s="613"/>
      <c r="QVK700" s="613"/>
      <c r="QVL700" s="613"/>
      <c r="QVM700" s="613"/>
      <c r="QVN700" s="613"/>
      <c r="QVO700" s="613"/>
      <c r="QVP700" s="613"/>
      <c r="QVQ700" s="613"/>
      <c r="QVR700" s="613"/>
      <c r="QVS700" s="613"/>
      <c r="QVT700" s="613"/>
      <c r="QVU700" s="613"/>
      <c r="QVV700" s="613"/>
      <c r="QVW700" s="613"/>
      <c r="QVX700" s="613"/>
      <c r="QVY700" s="613"/>
      <c r="QVZ700" s="613"/>
      <c r="QWA700" s="613"/>
      <c r="QWB700" s="613"/>
      <c r="QWC700" s="613"/>
      <c r="QWD700" s="613"/>
      <c r="QWE700" s="613"/>
      <c r="QWF700" s="613"/>
      <c r="QWG700" s="613"/>
      <c r="QWH700" s="613"/>
      <c r="QWI700" s="613"/>
      <c r="QWJ700" s="613"/>
      <c r="QWK700" s="613"/>
      <c r="QWL700" s="613"/>
      <c r="QWM700" s="613"/>
      <c r="QWN700" s="613"/>
      <c r="QWO700" s="613"/>
      <c r="QWP700" s="613"/>
      <c r="QWQ700" s="613"/>
      <c r="QWR700" s="613"/>
      <c r="QWS700" s="613"/>
      <c r="QWT700" s="613"/>
      <c r="QWU700" s="613"/>
      <c r="QWV700" s="613"/>
      <c r="QWW700" s="613"/>
      <c r="QWX700" s="613"/>
      <c r="QWY700" s="613"/>
      <c r="QWZ700" s="613"/>
      <c r="QXA700" s="613"/>
      <c r="QXB700" s="613"/>
      <c r="QXC700" s="613"/>
      <c r="QXD700" s="613"/>
      <c r="QXE700" s="613"/>
      <c r="QXF700" s="613"/>
      <c r="QXG700" s="613"/>
      <c r="QXH700" s="613"/>
      <c r="QXI700" s="613"/>
      <c r="QXJ700" s="613"/>
      <c r="QXK700" s="613"/>
      <c r="QXL700" s="613"/>
      <c r="QXM700" s="613"/>
      <c r="QXN700" s="613"/>
      <c r="QXO700" s="613"/>
      <c r="QXP700" s="613"/>
      <c r="QXQ700" s="613"/>
      <c r="QXR700" s="613"/>
      <c r="QXS700" s="613"/>
      <c r="QXT700" s="613"/>
      <c r="QXU700" s="613"/>
      <c r="QXV700" s="613"/>
      <c r="QXW700" s="613"/>
      <c r="QXX700" s="613"/>
      <c r="QXY700" s="613"/>
      <c r="QXZ700" s="613"/>
      <c r="QYA700" s="613"/>
      <c r="QYB700" s="613"/>
      <c r="QYC700" s="613"/>
      <c r="QYD700" s="613"/>
      <c r="QYE700" s="613"/>
      <c r="QYF700" s="613"/>
      <c r="QYG700" s="613"/>
      <c r="QYH700" s="613"/>
      <c r="QYI700" s="613"/>
      <c r="QYJ700" s="613"/>
      <c r="QYK700" s="613"/>
      <c r="QYL700" s="613"/>
      <c r="QYM700" s="613"/>
      <c r="QYN700" s="613"/>
      <c r="QYO700" s="613"/>
      <c r="QYP700" s="613"/>
      <c r="QYQ700" s="613"/>
      <c r="QYR700" s="613"/>
      <c r="QYS700" s="613"/>
      <c r="QYT700" s="613"/>
      <c r="QYU700" s="613"/>
      <c r="QYV700" s="613"/>
      <c r="QYW700" s="613"/>
      <c r="QYX700" s="613"/>
      <c r="QYY700" s="613"/>
      <c r="QYZ700" s="613"/>
      <c r="QZA700" s="613"/>
      <c r="QZB700" s="613"/>
      <c r="QZC700" s="613"/>
      <c r="QZD700" s="613"/>
      <c r="QZE700" s="613"/>
      <c r="QZF700" s="613"/>
      <c r="QZG700" s="613"/>
      <c r="QZH700" s="613"/>
      <c r="QZI700" s="613"/>
      <c r="QZJ700" s="613"/>
      <c r="QZK700" s="613"/>
      <c r="QZL700" s="613"/>
      <c r="QZM700" s="613"/>
      <c r="QZN700" s="613"/>
      <c r="QZO700" s="613"/>
      <c r="QZP700" s="613"/>
      <c r="QZQ700" s="613"/>
      <c r="QZR700" s="613"/>
      <c r="QZS700" s="613"/>
      <c r="QZT700" s="613"/>
      <c r="QZU700" s="613"/>
      <c r="QZV700" s="613"/>
      <c r="QZW700" s="613"/>
      <c r="QZX700" s="613"/>
      <c r="QZY700" s="613"/>
      <c r="QZZ700" s="613"/>
      <c r="RAA700" s="613"/>
      <c r="RAB700" s="613"/>
      <c r="RAC700" s="613"/>
      <c r="RAD700" s="613"/>
      <c r="RAE700" s="613"/>
      <c r="RAF700" s="613"/>
      <c r="RAG700" s="613"/>
      <c r="RAH700" s="613"/>
      <c r="RAI700" s="613"/>
      <c r="RAJ700" s="613"/>
      <c r="RAK700" s="613"/>
      <c r="RAL700" s="613"/>
      <c r="RAM700" s="613"/>
      <c r="RAN700" s="613"/>
      <c r="RAO700" s="613"/>
      <c r="RAP700" s="613"/>
      <c r="RAQ700" s="613"/>
      <c r="RAR700" s="613"/>
      <c r="RAS700" s="613"/>
      <c r="RAT700" s="613"/>
      <c r="RAU700" s="613"/>
      <c r="RAV700" s="613"/>
      <c r="RAW700" s="613"/>
      <c r="RAX700" s="613"/>
      <c r="RAY700" s="613"/>
      <c r="RAZ700" s="613"/>
      <c r="RBA700" s="613"/>
      <c r="RBB700" s="613"/>
      <c r="RBC700" s="613"/>
      <c r="RBD700" s="613"/>
      <c r="RBE700" s="613"/>
      <c r="RBF700" s="613"/>
      <c r="RBG700" s="613"/>
      <c r="RBH700" s="613"/>
      <c r="RBI700" s="613"/>
      <c r="RBJ700" s="613"/>
      <c r="RBK700" s="613"/>
      <c r="RBL700" s="613"/>
      <c r="RBM700" s="613"/>
      <c r="RBN700" s="613"/>
      <c r="RBO700" s="613"/>
      <c r="RBP700" s="613"/>
      <c r="RBQ700" s="613"/>
      <c r="RBR700" s="613"/>
      <c r="RBS700" s="613"/>
      <c r="RBT700" s="613"/>
      <c r="RBU700" s="613"/>
      <c r="RBV700" s="613"/>
      <c r="RBW700" s="613"/>
      <c r="RBX700" s="613"/>
      <c r="RBY700" s="613"/>
      <c r="RBZ700" s="613"/>
      <c r="RCA700" s="613"/>
      <c r="RCB700" s="613"/>
      <c r="RCC700" s="613"/>
      <c r="RCD700" s="613"/>
      <c r="RCE700" s="613"/>
      <c r="RCF700" s="613"/>
      <c r="RCG700" s="613"/>
      <c r="RCH700" s="613"/>
      <c r="RCI700" s="613"/>
      <c r="RCJ700" s="613"/>
      <c r="RCK700" s="613"/>
      <c r="RCL700" s="613"/>
      <c r="RCM700" s="613"/>
      <c r="RCN700" s="613"/>
      <c r="RCO700" s="613"/>
      <c r="RCP700" s="613"/>
      <c r="RCQ700" s="613"/>
      <c r="RCR700" s="613"/>
      <c r="RCS700" s="613"/>
      <c r="RCT700" s="613"/>
      <c r="RCU700" s="613"/>
      <c r="RCV700" s="613"/>
      <c r="RCW700" s="613"/>
      <c r="RCX700" s="613"/>
      <c r="RCY700" s="613"/>
      <c r="RCZ700" s="613"/>
      <c r="RDA700" s="613"/>
      <c r="RDB700" s="613"/>
      <c r="RDC700" s="613"/>
      <c r="RDD700" s="613"/>
      <c r="RDE700" s="613"/>
      <c r="RDF700" s="613"/>
      <c r="RDG700" s="613"/>
      <c r="RDH700" s="613"/>
      <c r="RDI700" s="613"/>
      <c r="RDJ700" s="613"/>
      <c r="RDK700" s="613"/>
      <c r="RDL700" s="613"/>
      <c r="RDM700" s="613"/>
      <c r="RDN700" s="613"/>
      <c r="RDO700" s="613"/>
      <c r="RDP700" s="613"/>
      <c r="RDQ700" s="613"/>
      <c r="RDR700" s="613"/>
      <c r="RDS700" s="613"/>
      <c r="RDT700" s="613"/>
      <c r="RDU700" s="613"/>
      <c r="RDV700" s="613"/>
      <c r="RDW700" s="613"/>
      <c r="RDX700" s="613"/>
      <c r="RDY700" s="613"/>
      <c r="RDZ700" s="613"/>
      <c r="REA700" s="613"/>
      <c r="REB700" s="613"/>
      <c r="REC700" s="613"/>
      <c r="RED700" s="613"/>
      <c r="REE700" s="613"/>
      <c r="REF700" s="613"/>
      <c r="REG700" s="613"/>
      <c r="REH700" s="613"/>
      <c r="REI700" s="613"/>
      <c r="REJ700" s="613"/>
      <c r="REK700" s="613"/>
      <c r="REL700" s="613"/>
      <c r="REM700" s="613"/>
      <c r="REN700" s="613"/>
      <c r="REO700" s="613"/>
      <c r="REP700" s="613"/>
      <c r="REQ700" s="613"/>
      <c r="RER700" s="613"/>
      <c r="RES700" s="613"/>
      <c r="RET700" s="613"/>
      <c r="REU700" s="613"/>
      <c r="REV700" s="613"/>
      <c r="REW700" s="613"/>
      <c r="REX700" s="613"/>
      <c r="REY700" s="613"/>
      <c r="REZ700" s="613"/>
      <c r="RFA700" s="613"/>
      <c r="RFB700" s="613"/>
      <c r="RFC700" s="613"/>
      <c r="RFD700" s="613"/>
      <c r="RFE700" s="613"/>
      <c r="RFF700" s="613"/>
      <c r="RFG700" s="613"/>
      <c r="RFH700" s="613"/>
      <c r="RFI700" s="613"/>
      <c r="RFJ700" s="613"/>
      <c r="RFK700" s="613"/>
      <c r="RFL700" s="613"/>
      <c r="RFM700" s="613"/>
      <c r="RFN700" s="613"/>
      <c r="RFO700" s="613"/>
      <c r="RFP700" s="613"/>
      <c r="RFQ700" s="613"/>
      <c r="RFR700" s="613"/>
      <c r="RFS700" s="613"/>
      <c r="RFT700" s="613"/>
      <c r="RFU700" s="613"/>
      <c r="RFV700" s="613"/>
      <c r="RFW700" s="613"/>
      <c r="RFX700" s="613"/>
      <c r="RFY700" s="613"/>
      <c r="RFZ700" s="613"/>
      <c r="RGA700" s="613"/>
      <c r="RGB700" s="613"/>
      <c r="RGC700" s="613"/>
      <c r="RGD700" s="613"/>
      <c r="RGE700" s="613"/>
      <c r="RGF700" s="613"/>
      <c r="RGG700" s="613"/>
      <c r="RGH700" s="613"/>
      <c r="RGI700" s="613"/>
      <c r="RGJ700" s="613"/>
      <c r="RGK700" s="613"/>
      <c r="RGL700" s="613"/>
      <c r="RGM700" s="613"/>
      <c r="RGN700" s="613"/>
      <c r="RGO700" s="613"/>
      <c r="RGP700" s="613"/>
      <c r="RGQ700" s="613"/>
      <c r="RGR700" s="613"/>
      <c r="RGS700" s="613"/>
      <c r="RGT700" s="613"/>
      <c r="RGU700" s="613"/>
      <c r="RGV700" s="613"/>
      <c r="RGW700" s="613"/>
      <c r="RGX700" s="613"/>
      <c r="RGY700" s="613"/>
      <c r="RGZ700" s="613"/>
      <c r="RHA700" s="613"/>
      <c r="RHB700" s="613"/>
      <c r="RHC700" s="613"/>
      <c r="RHD700" s="613"/>
      <c r="RHE700" s="613"/>
      <c r="RHF700" s="613"/>
      <c r="RHG700" s="613"/>
      <c r="RHH700" s="613"/>
      <c r="RHI700" s="613"/>
      <c r="RHJ700" s="613"/>
      <c r="RHK700" s="613"/>
      <c r="RHL700" s="613"/>
      <c r="RHM700" s="613"/>
      <c r="RHN700" s="613"/>
      <c r="RHO700" s="613"/>
      <c r="RHP700" s="613"/>
      <c r="RHQ700" s="613"/>
      <c r="RHR700" s="613"/>
      <c r="RHS700" s="613"/>
      <c r="RHT700" s="613"/>
      <c r="RHU700" s="613"/>
      <c r="RHV700" s="613"/>
      <c r="RHW700" s="613"/>
      <c r="RHX700" s="613"/>
      <c r="RHY700" s="613"/>
      <c r="RHZ700" s="613"/>
      <c r="RIA700" s="613"/>
      <c r="RIB700" s="613"/>
      <c r="RIC700" s="613"/>
      <c r="RID700" s="613"/>
      <c r="RIE700" s="613"/>
      <c r="RIF700" s="613"/>
      <c r="RIG700" s="613"/>
      <c r="RIH700" s="613"/>
      <c r="RII700" s="613"/>
      <c r="RIJ700" s="613"/>
      <c r="RIK700" s="613"/>
      <c r="RIL700" s="613"/>
      <c r="RIM700" s="613"/>
      <c r="RIN700" s="613"/>
      <c r="RIO700" s="613"/>
      <c r="RIP700" s="613"/>
      <c r="RIQ700" s="613"/>
      <c r="RIR700" s="613"/>
      <c r="RIS700" s="613"/>
      <c r="RIT700" s="613"/>
      <c r="RIU700" s="613"/>
      <c r="RIV700" s="613"/>
      <c r="RIW700" s="613"/>
      <c r="RIX700" s="613"/>
      <c r="RIY700" s="613"/>
      <c r="RIZ700" s="613"/>
      <c r="RJA700" s="613"/>
      <c r="RJB700" s="613"/>
      <c r="RJC700" s="613"/>
      <c r="RJD700" s="613"/>
      <c r="RJE700" s="613"/>
      <c r="RJF700" s="613"/>
      <c r="RJG700" s="613"/>
      <c r="RJH700" s="613"/>
      <c r="RJI700" s="613"/>
      <c r="RJJ700" s="613"/>
      <c r="RJK700" s="613"/>
      <c r="RJL700" s="613"/>
      <c r="RJM700" s="613"/>
      <c r="RJN700" s="613"/>
      <c r="RJO700" s="613"/>
      <c r="RJP700" s="613"/>
      <c r="RJQ700" s="613"/>
      <c r="RJR700" s="613"/>
      <c r="RJS700" s="613"/>
      <c r="RJT700" s="613"/>
      <c r="RJU700" s="613"/>
      <c r="RJV700" s="613"/>
      <c r="RJW700" s="613"/>
      <c r="RJX700" s="613"/>
      <c r="RJY700" s="613"/>
      <c r="RJZ700" s="613"/>
      <c r="RKA700" s="613"/>
      <c r="RKB700" s="613"/>
      <c r="RKC700" s="613"/>
      <c r="RKD700" s="613"/>
      <c r="RKE700" s="613"/>
      <c r="RKF700" s="613"/>
      <c r="RKG700" s="613"/>
      <c r="RKH700" s="613"/>
      <c r="RKI700" s="613"/>
      <c r="RKJ700" s="613"/>
      <c r="RKK700" s="613"/>
      <c r="RKL700" s="613"/>
      <c r="RKM700" s="613"/>
      <c r="RKN700" s="613"/>
      <c r="RKO700" s="613"/>
      <c r="RKP700" s="613"/>
      <c r="RKQ700" s="613"/>
      <c r="RKR700" s="613"/>
      <c r="RKS700" s="613"/>
      <c r="RKT700" s="613"/>
      <c r="RKU700" s="613"/>
      <c r="RKV700" s="613"/>
      <c r="RKW700" s="613"/>
      <c r="RKX700" s="613"/>
      <c r="RKY700" s="613"/>
      <c r="RKZ700" s="613"/>
      <c r="RLA700" s="613"/>
      <c r="RLB700" s="613"/>
      <c r="RLC700" s="613"/>
      <c r="RLD700" s="613"/>
      <c r="RLE700" s="613"/>
      <c r="RLF700" s="613"/>
      <c r="RLG700" s="613"/>
      <c r="RLH700" s="613"/>
      <c r="RLI700" s="613"/>
      <c r="RLJ700" s="613"/>
      <c r="RLK700" s="613"/>
      <c r="RLL700" s="613"/>
      <c r="RLM700" s="613"/>
      <c r="RLN700" s="613"/>
      <c r="RLO700" s="613"/>
      <c r="RLP700" s="613"/>
      <c r="RLQ700" s="613"/>
      <c r="RLR700" s="613"/>
      <c r="RLS700" s="613"/>
      <c r="RLT700" s="613"/>
      <c r="RLU700" s="613"/>
      <c r="RLV700" s="613"/>
      <c r="RLW700" s="613"/>
      <c r="RLX700" s="613"/>
      <c r="RLY700" s="613"/>
      <c r="RLZ700" s="613"/>
      <c r="RMA700" s="613"/>
      <c r="RMB700" s="613"/>
      <c r="RMC700" s="613"/>
      <c r="RMD700" s="613"/>
      <c r="RME700" s="613"/>
      <c r="RMF700" s="613"/>
      <c r="RMG700" s="613"/>
      <c r="RMH700" s="613"/>
      <c r="RMI700" s="613"/>
      <c r="RMJ700" s="613"/>
      <c r="RMK700" s="613"/>
      <c r="RML700" s="613"/>
      <c r="RMM700" s="613"/>
      <c r="RMN700" s="613"/>
      <c r="RMO700" s="613"/>
      <c r="RMP700" s="613"/>
      <c r="RMQ700" s="613"/>
      <c r="RMR700" s="613"/>
      <c r="RMS700" s="613"/>
      <c r="RMT700" s="613"/>
      <c r="RMU700" s="613"/>
      <c r="RMV700" s="613"/>
      <c r="RMW700" s="613"/>
      <c r="RMX700" s="613"/>
      <c r="RMY700" s="613"/>
      <c r="RMZ700" s="613"/>
      <c r="RNA700" s="613"/>
      <c r="RNB700" s="613"/>
      <c r="RNC700" s="613"/>
      <c r="RND700" s="613"/>
      <c r="RNE700" s="613"/>
      <c r="RNF700" s="613"/>
      <c r="RNG700" s="613"/>
      <c r="RNH700" s="613"/>
      <c r="RNI700" s="613"/>
      <c r="RNJ700" s="613"/>
      <c r="RNK700" s="613"/>
      <c r="RNL700" s="613"/>
      <c r="RNM700" s="613"/>
      <c r="RNN700" s="613"/>
      <c r="RNO700" s="613"/>
      <c r="RNP700" s="613"/>
      <c r="RNQ700" s="613"/>
      <c r="RNR700" s="613"/>
      <c r="RNS700" s="613"/>
      <c r="RNT700" s="613"/>
      <c r="RNU700" s="613"/>
      <c r="RNV700" s="613"/>
      <c r="RNW700" s="613"/>
      <c r="RNX700" s="613"/>
      <c r="RNY700" s="613"/>
      <c r="RNZ700" s="613"/>
      <c r="ROA700" s="613"/>
      <c r="ROB700" s="613"/>
      <c r="ROC700" s="613"/>
      <c r="ROD700" s="613"/>
      <c r="ROE700" s="613"/>
      <c r="ROF700" s="613"/>
      <c r="ROG700" s="613"/>
      <c r="ROH700" s="613"/>
      <c r="ROI700" s="613"/>
      <c r="ROJ700" s="613"/>
      <c r="ROK700" s="613"/>
      <c r="ROL700" s="613"/>
      <c r="ROM700" s="613"/>
      <c r="RON700" s="613"/>
      <c r="ROO700" s="613"/>
      <c r="ROP700" s="613"/>
      <c r="ROQ700" s="613"/>
      <c r="ROR700" s="613"/>
      <c r="ROS700" s="613"/>
      <c r="ROT700" s="613"/>
      <c r="ROU700" s="613"/>
      <c r="ROV700" s="613"/>
      <c r="ROW700" s="613"/>
      <c r="ROX700" s="613"/>
      <c r="ROY700" s="613"/>
      <c r="ROZ700" s="613"/>
      <c r="RPA700" s="613"/>
      <c r="RPB700" s="613"/>
      <c r="RPC700" s="613"/>
      <c r="RPD700" s="613"/>
      <c r="RPE700" s="613"/>
      <c r="RPF700" s="613"/>
      <c r="RPG700" s="613"/>
      <c r="RPH700" s="613"/>
      <c r="RPI700" s="613"/>
      <c r="RPJ700" s="613"/>
      <c r="RPK700" s="613"/>
      <c r="RPL700" s="613"/>
      <c r="RPM700" s="613"/>
      <c r="RPN700" s="613"/>
      <c r="RPO700" s="613"/>
      <c r="RPP700" s="613"/>
      <c r="RPQ700" s="613"/>
      <c r="RPR700" s="613"/>
      <c r="RPS700" s="613"/>
      <c r="RPT700" s="613"/>
      <c r="RPU700" s="613"/>
      <c r="RPV700" s="613"/>
      <c r="RPW700" s="613"/>
      <c r="RPX700" s="613"/>
      <c r="RPY700" s="613"/>
      <c r="RPZ700" s="613"/>
      <c r="RQA700" s="613"/>
      <c r="RQB700" s="613"/>
      <c r="RQC700" s="613"/>
      <c r="RQD700" s="613"/>
      <c r="RQE700" s="613"/>
      <c r="RQF700" s="613"/>
      <c r="RQG700" s="613"/>
      <c r="RQH700" s="613"/>
      <c r="RQI700" s="613"/>
      <c r="RQJ700" s="613"/>
      <c r="RQK700" s="613"/>
      <c r="RQL700" s="613"/>
      <c r="RQM700" s="613"/>
      <c r="RQN700" s="613"/>
      <c r="RQO700" s="613"/>
      <c r="RQP700" s="613"/>
      <c r="RQQ700" s="613"/>
      <c r="RQR700" s="613"/>
      <c r="RQS700" s="613"/>
      <c r="RQT700" s="613"/>
      <c r="RQU700" s="613"/>
      <c r="RQV700" s="613"/>
      <c r="RQW700" s="613"/>
      <c r="RQX700" s="613"/>
      <c r="RQY700" s="613"/>
      <c r="RQZ700" s="613"/>
      <c r="RRA700" s="613"/>
      <c r="RRB700" s="613"/>
      <c r="RRC700" s="613"/>
      <c r="RRD700" s="613"/>
      <c r="RRE700" s="613"/>
      <c r="RRF700" s="613"/>
      <c r="RRG700" s="613"/>
      <c r="RRH700" s="613"/>
      <c r="RRI700" s="613"/>
      <c r="RRJ700" s="613"/>
      <c r="RRK700" s="613"/>
      <c r="RRL700" s="613"/>
      <c r="RRM700" s="613"/>
      <c r="RRN700" s="613"/>
      <c r="RRO700" s="613"/>
      <c r="RRP700" s="613"/>
      <c r="RRQ700" s="613"/>
      <c r="RRR700" s="613"/>
      <c r="RRS700" s="613"/>
      <c r="RRT700" s="613"/>
      <c r="RRU700" s="613"/>
      <c r="RRV700" s="613"/>
      <c r="RRW700" s="613"/>
      <c r="RRX700" s="613"/>
      <c r="RRY700" s="613"/>
      <c r="RRZ700" s="613"/>
      <c r="RSA700" s="613"/>
      <c r="RSB700" s="613"/>
      <c r="RSC700" s="613"/>
      <c r="RSD700" s="613"/>
      <c r="RSE700" s="613"/>
      <c r="RSF700" s="613"/>
      <c r="RSG700" s="613"/>
      <c r="RSH700" s="613"/>
      <c r="RSI700" s="613"/>
      <c r="RSJ700" s="613"/>
      <c r="RSK700" s="613"/>
      <c r="RSL700" s="613"/>
      <c r="RSM700" s="613"/>
      <c r="RSN700" s="613"/>
      <c r="RSO700" s="613"/>
      <c r="RSP700" s="613"/>
      <c r="RSQ700" s="613"/>
      <c r="RSR700" s="613"/>
      <c r="RSS700" s="613"/>
      <c r="RST700" s="613"/>
      <c r="RSU700" s="613"/>
      <c r="RSV700" s="613"/>
      <c r="RSW700" s="613"/>
      <c r="RSX700" s="613"/>
      <c r="RSY700" s="613"/>
      <c r="RSZ700" s="613"/>
      <c r="RTA700" s="613"/>
      <c r="RTB700" s="613"/>
      <c r="RTC700" s="613"/>
      <c r="RTD700" s="613"/>
      <c r="RTE700" s="613"/>
      <c r="RTF700" s="613"/>
      <c r="RTG700" s="613"/>
      <c r="RTH700" s="613"/>
      <c r="RTI700" s="613"/>
      <c r="RTJ700" s="613"/>
      <c r="RTK700" s="613"/>
      <c r="RTL700" s="613"/>
      <c r="RTM700" s="613"/>
      <c r="RTN700" s="613"/>
      <c r="RTO700" s="613"/>
      <c r="RTP700" s="613"/>
      <c r="RTQ700" s="613"/>
      <c r="RTR700" s="613"/>
      <c r="RTS700" s="613"/>
      <c r="RTT700" s="613"/>
      <c r="RTU700" s="613"/>
      <c r="RTV700" s="613"/>
      <c r="RTW700" s="613"/>
      <c r="RTX700" s="613"/>
      <c r="RTY700" s="613"/>
      <c r="RTZ700" s="613"/>
      <c r="RUA700" s="613"/>
      <c r="RUB700" s="613"/>
      <c r="RUC700" s="613"/>
      <c r="RUD700" s="613"/>
      <c r="RUE700" s="613"/>
      <c r="RUF700" s="613"/>
      <c r="RUG700" s="613"/>
      <c r="RUH700" s="613"/>
      <c r="RUI700" s="613"/>
      <c r="RUJ700" s="613"/>
      <c r="RUK700" s="613"/>
      <c r="RUL700" s="613"/>
      <c r="RUM700" s="613"/>
      <c r="RUN700" s="613"/>
      <c r="RUO700" s="613"/>
      <c r="RUP700" s="613"/>
      <c r="RUQ700" s="613"/>
      <c r="RUR700" s="613"/>
      <c r="RUS700" s="613"/>
      <c r="RUT700" s="613"/>
      <c r="RUU700" s="613"/>
      <c r="RUV700" s="613"/>
      <c r="RUW700" s="613"/>
      <c r="RUX700" s="613"/>
      <c r="RUY700" s="613"/>
      <c r="RUZ700" s="613"/>
      <c r="RVA700" s="613"/>
      <c r="RVB700" s="613"/>
      <c r="RVC700" s="613"/>
      <c r="RVD700" s="613"/>
      <c r="RVE700" s="613"/>
      <c r="RVF700" s="613"/>
      <c r="RVG700" s="613"/>
      <c r="RVH700" s="613"/>
      <c r="RVI700" s="613"/>
      <c r="RVJ700" s="613"/>
      <c r="RVK700" s="613"/>
      <c r="RVL700" s="613"/>
      <c r="RVM700" s="613"/>
      <c r="RVN700" s="613"/>
      <c r="RVO700" s="613"/>
      <c r="RVP700" s="613"/>
      <c r="RVQ700" s="613"/>
      <c r="RVR700" s="613"/>
      <c r="RVS700" s="613"/>
      <c r="RVT700" s="613"/>
      <c r="RVU700" s="613"/>
      <c r="RVV700" s="613"/>
      <c r="RVW700" s="613"/>
      <c r="RVX700" s="613"/>
      <c r="RVY700" s="613"/>
      <c r="RVZ700" s="613"/>
      <c r="RWA700" s="613"/>
      <c r="RWB700" s="613"/>
      <c r="RWC700" s="613"/>
      <c r="RWD700" s="613"/>
      <c r="RWE700" s="613"/>
      <c r="RWF700" s="613"/>
      <c r="RWG700" s="613"/>
      <c r="RWH700" s="613"/>
      <c r="RWI700" s="613"/>
      <c r="RWJ700" s="613"/>
      <c r="RWK700" s="613"/>
      <c r="RWL700" s="613"/>
      <c r="RWM700" s="613"/>
      <c r="RWN700" s="613"/>
      <c r="RWO700" s="613"/>
      <c r="RWP700" s="613"/>
      <c r="RWQ700" s="613"/>
      <c r="RWR700" s="613"/>
      <c r="RWS700" s="613"/>
      <c r="RWT700" s="613"/>
      <c r="RWU700" s="613"/>
      <c r="RWV700" s="613"/>
      <c r="RWW700" s="613"/>
      <c r="RWX700" s="613"/>
      <c r="RWY700" s="613"/>
      <c r="RWZ700" s="613"/>
      <c r="RXA700" s="613"/>
      <c r="RXB700" s="613"/>
      <c r="RXC700" s="613"/>
      <c r="RXD700" s="613"/>
      <c r="RXE700" s="613"/>
      <c r="RXF700" s="613"/>
      <c r="RXG700" s="613"/>
      <c r="RXH700" s="613"/>
      <c r="RXI700" s="613"/>
      <c r="RXJ700" s="613"/>
      <c r="RXK700" s="613"/>
      <c r="RXL700" s="613"/>
      <c r="RXM700" s="613"/>
      <c r="RXN700" s="613"/>
      <c r="RXO700" s="613"/>
      <c r="RXP700" s="613"/>
      <c r="RXQ700" s="613"/>
      <c r="RXR700" s="613"/>
      <c r="RXS700" s="613"/>
      <c r="RXT700" s="613"/>
      <c r="RXU700" s="613"/>
      <c r="RXV700" s="613"/>
      <c r="RXW700" s="613"/>
      <c r="RXX700" s="613"/>
      <c r="RXY700" s="613"/>
      <c r="RXZ700" s="613"/>
      <c r="RYA700" s="613"/>
      <c r="RYB700" s="613"/>
      <c r="RYC700" s="613"/>
      <c r="RYD700" s="613"/>
      <c r="RYE700" s="613"/>
      <c r="RYF700" s="613"/>
      <c r="RYG700" s="613"/>
      <c r="RYH700" s="613"/>
      <c r="RYI700" s="613"/>
      <c r="RYJ700" s="613"/>
      <c r="RYK700" s="613"/>
      <c r="RYL700" s="613"/>
      <c r="RYM700" s="613"/>
      <c r="RYN700" s="613"/>
      <c r="RYO700" s="613"/>
      <c r="RYP700" s="613"/>
      <c r="RYQ700" s="613"/>
      <c r="RYR700" s="613"/>
      <c r="RYS700" s="613"/>
      <c r="RYT700" s="613"/>
      <c r="RYU700" s="613"/>
      <c r="RYV700" s="613"/>
      <c r="RYW700" s="613"/>
      <c r="RYX700" s="613"/>
      <c r="RYY700" s="613"/>
      <c r="RYZ700" s="613"/>
      <c r="RZA700" s="613"/>
      <c r="RZB700" s="613"/>
      <c r="RZC700" s="613"/>
      <c r="RZD700" s="613"/>
      <c r="RZE700" s="613"/>
      <c r="RZF700" s="613"/>
      <c r="RZG700" s="613"/>
      <c r="RZH700" s="613"/>
      <c r="RZI700" s="613"/>
      <c r="RZJ700" s="613"/>
      <c r="RZK700" s="613"/>
      <c r="RZL700" s="613"/>
      <c r="RZM700" s="613"/>
      <c r="RZN700" s="613"/>
      <c r="RZO700" s="613"/>
      <c r="RZP700" s="613"/>
      <c r="RZQ700" s="613"/>
      <c r="RZR700" s="613"/>
      <c r="RZS700" s="613"/>
      <c r="RZT700" s="613"/>
      <c r="RZU700" s="613"/>
      <c r="RZV700" s="613"/>
      <c r="RZW700" s="613"/>
      <c r="RZX700" s="613"/>
      <c r="RZY700" s="613"/>
      <c r="RZZ700" s="613"/>
      <c r="SAA700" s="613"/>
      <c r="SAB700" s="613"/>
      <c r="SAC700" s="613"/>
      <c r="SAD700" s="613"/>
      <c r="SAE700" s="613"/>
      <c r="SAF700" s="613"/>
      <c r="SAG700" s="613"/>
      <c r="SAH700" s="613"/>
      <c r="SAI700" s="613"/>
      <c r="SAJ700" s="613"/>
      <c r="SAK700" s="613"/>
      <c r="SAL700" s="613"/>
      <c r="SAM700" s="613"/>
      <c r="SAN700" s="613"/>
      <c r="SAO700" s="613"/>
      <c r="SAP700" s="613"/>
      <c r="SAQ700" s="613"/>
      <c r="SAR700" s="613"/>
      <c r="SAS700" s="613"/>
      <c r="SAT700" s="613"/>
      <c r="SAU700" s="613"/>
      <c r="SAV700" s="613"/>
      <c r="SAW700" s="613"/>
      <c r="SAX700" s="613"/>
      <c r="SAY700" s="613"/>
      <c r="SAZ700" s="613"/>
      <c r="SBA700" s="613"/>
      <c r="SBB700" s="613"/>
      <c r="SBC700" s="613"/>
      <c r="SBD700" s="613"/>
      <c r="SBE700" s="613"/>
      <c r="SBF700" s="613"/>
      <c r="SBG700" s="613"/>
      <c r="SBH700" s="613"/>
      <c r="SBI700" s="613"/>
      <c r="SBJ700" s="613"/>
      <c r="SBK700" s="613"/>
      <c r="SBL700" s="613"/>
      <c r="SBM700" s="613"/>
      <c r="SBN700" s="613"/>
      <c r="SBO700" s="613"/>
      <c r="SBP700" s="613"/>
      <c r="SBQ700" s="613"/>
      <c r="SBR700" s="613"/>
      <c r="SBS700" s="613"/>
      <c r="SBT700" s="613"/>
      <c r="SBU700" s="613"/>
      <c r="SBV700" s="613"/>
      <c r="SBW700" s="613"/>
      <c r="SBX700" s="613"/>
      <c r="SBY700" s="613"/>
      <c r="SBZ700" s="613"/>
      <c r="SCA700" s="613"/>
      <c r="SCB700" s="613"/>
      <c r="SCC700" s="613"/>
      <c r="SCD700" s="613"/>
      <c r="SCE700" s="613"/>
      <c r="SCF700" s="613"/>
      <c r="SCG700" s="613"/>
      <c r="SCH700" s="613"/>
      <c r="SCI700" s="613"/>
      <c r="SCJ700" s="613"/>
      <c r="SCK700" s="613"/>
      <c r="SCL700" s="613"/>
      <c r="SCM700" s="613"/>
      <c r="SCN700" s="613"/>
      <c r="SCO700" s="613"/>
      <c r="SCP700" s="613"/>
      <c r="SCQ700" s="613"/>
      <c r="SCR700" s="613"/>
      <c r="SCS700" s="613"/>
      <c r="SCT700" s="613"/>
      <c r="SCU700" s="613"/>
      <c r="SCV700" s="613"/>
      <c r="SCW700" s="613"/>
      <c r="SCX700" s="613"/>
      <c r="SCY700" s="613"/>
      <c r="SCZ700" s="613"/>
      <c r="SDA700" s="613"/>
      <c r="SDB700" s="613"/>
      <c r="SDC700" s="613"/>
      <c r="SDD700" s="613"/>
      <c r="SDE700" s="613"/>
      <c r="SDF700" s="613"/>
      <c r="SDG700" s="613"/>
      <c r="SDH700" s="613"/>
      <c r="SDI700" s="613"/>
      <c r="SDJ700" s="613"/>
      <c r="SDK700" s="613"/>
      <c r="SDL700" s="613"/>
      <c r="SDM700" s="613"/>
      <c r="SDN700" s="613"/>
      <c r="SDO700" s="613"/>
      <c r="SDP700" s="613"/>
      <c r="SDQ700" s="613"/>
      <c r="SDR700" s="613"/>
      <c r="SDS700" s="613"/>
      <c r="SDT700" s="613"/>
      <c r="SDU700" s="613"/>
      <c r="SDV700" s="613"/>
      <c r="SDW700" s="613"/>
      <c r="SDX700" s="613"/>
      <c r="SDY700" s="613"/>
      <c r="SDZ700" s="613"/>
      <c r="SEA700" s="613"/>
      <c r="SEB700" s="613"/>
      <c r="SEC700" s="613"/>
      <c r="SED700" s="613"/>
      <c r="SEE700" s="613"/>
      <c r="SEF700" s="613"/>
      <c r="SEG700" s="613"/>
      <c r="SEH700" s="613"/>
      <c r="SEI700" s="613"/>
      <c r="SEJ700" s="613"/>
      <c r="SEK700" s="613"/>
      <c r="SEL700" s="613"/>
      <c r="SEM700" s="613"/>
      <c r="SEN700" s="613"/>
      <c r="SEO700" s="613"/>
      <c r="SEP700" s="613"/>
      <c r="SEQ700" s="613"/>
      <c r="SER700" s="613"/>
      <c r="SES700" s="613"/>
      <c r="SET700" s="613"/>
      <c r="SEU700" s="613"/>
      <c r="SEV700" s="613"/>
      <c r="SEW700" s="613"/>
      <c r="SEX700" s="613"/>
      <c r="SEY700" s="613"/>
      <c r="SEZ700" s="613"/>
      <c r="SFA700" s="613"/>
      <c r="SFB700" s="613"/>
      <c r="SFC700" s="613"/>
      <c r="SFD700" s="613"/>
      <c r="SFE700" s="613"/>
      <c r="SFF700" s="613"/>
      <c r="SFG700" s="613"/>
      <c r="SFH700" s="613"/>
      <c r="SFI700" s="613"/>
      <c r="SFJ700" s="613"/>
      <c r="SFK700" s="613"/>
      <c r="SFL700" s="613"/>
      <c r="SFM700" s="613"/>
      <c r="SFN700" s="613"/>
      <c r="SFO700" s="613"/>
      <c r="SFP700" s="613"/>
      <c r="SFQ700" s="613"/>
      <c r="SFR700" s="613"/>
      <c r="SFS700" s="613"/>
      <c r="SFT700" s="613"/>
      <c r="SFU700" s="613"/>
      <c r="SFV700" s="613"/>
      <c r="SFW700" s="613"/>
      <c r="SFX700" s="613"/>
      <c r="SFY700" s="613"/>
      <c r="SFZ700" s="613"/>
      <c r="SGA700" s="613"/>
      <c r="SGB700" s="613"/>
      <c r="SGC700" s="613"/>
      <c r="SGD700" s="613"/>
      <c r="SGE700" s="613"/>
      <c r="SGF700" s="613"/>
      <c r="SGG700" s="613"/>
      <c r="SGH700" s="613"/>
      <c r="SGI700" s="613"/>
      <c r="SGJ700" s="613"/>
      <c r="SGK700" s="613"/>
      <c r="SGL700" s="613"/>
      <c r="SGM700" s="613"/>
      <c r="SGN700" s="613"/>
      <c r="SGO700" s="613"/>
      <c r="SGP700" s="613"/>
      <c r="SGQ700" s="613"/>
      <c r="SGR700" s="613"/>
      <c r="SGS700" s="613"/>
      <c r="SGT700" s="613"/>
      <c r="SGU700" s="613"/>
      <c r="SGV700" s="613"/>
      <c r="SGW700" s="613"/>
      <c r="SGX700" s="613"/>
      <c r="SGY700" s="613"/>
      <c r="SGZ700" s="613"/>
      <c r="SHA700" s="613"/>
      <c r="SHB700" s="613"/>
      <c r="SHC700" s="613"/>
      <c r="SHD700" s="613"/>
      <c r="SHE700" s="613"/>
      <c r="SHF700" s="613"/>
      <c r="SHG700" s="613"/>
      <c r="SHH700" s="613"/>
      <c r="SHI700" s="613"/>
      <c r="SHJ700" s="613"/>
      <c r="SHK700" s="613"/>
      <c r="SHL700" s="613"/>
      <c r="SHM700" s="613"/>
      <c r="SHN700" s="613"/>
      <c r="SHO700" s="613"/>
      <c r="SHP700" s="613"/>
      <c r="SHQ700" s="613"/>
      <c r="SHR700" s="613"/>
      <c r="SHS700" s="613"/>
      <c r="SHT700" s="613"/>
      <c r="SHU700" s="613"/>
      <c r="SHV700" s="613"/>
      <c r="SHW700" s="613"/>
      <c r="SHX700" s="613"/>
      <c r="SHY700" s="613"/>
      <c r="SHZ700" s="613"/>
      <c r="SIA700" s="613"/>
      <c r="SIB700" s="613"/>
      <c r="SIC700" s="613"/>
      <c r="SID700" s="613"/>
      <c r="SIE700" s="613"/>
      <c r="SIF700" s="613"/>
      <c r="SIG700" s="613"/>
      <c r="SIH700" s="613"/>
      <c r="SII700" s="613"/>
      <c r="SIJ700" s="613"/>
      <c r="SIK700" s="613"/>
      <c r="SIL700" s="613"/>
      <c r="SIM700" s="613"/>
      <c r="SIN700" s="613"/>
      <c r="SIO700" s="613"/>
      <c r="SIP700" s="613"/>
      <c r="SIQ700" s="613"/>
      <c r="SIR700" s="613"/>
      <c r="SIS700" s="613"/>
      <c r="SIT700" s="613"/>
      <c r="SIU700" s="613"/>
      <c r="SIV700" s="613"/>
      <c r="SIW700" s="613"/>
      <c r="SIX700" s="613"/>
      <c r="SIY700" s="613"/>
      <c r="SIZ700" s="613"/>
      <c r="SJA700" s="613"/>
      <c r="SJB700" s="613"/>
      <c r="SJC700" s="613"/>
      <c r="SJD700" s="613"/>
      <c r="SJE700" s="613"/>
      <c r="SJF700" s="613"/>
      <c r="SJG700" s="613"/>
      <c r="SJH700" s="613"/>
      <c r="SJI700" s="613"/>
      <c r="SJJ700" s="613"/>
      <c r="SJK700" s="613"/>
      <c r="SJL700" s="613"/>
      <c r="SJM700" s="613"/>
      <c r="SJN700" s="613"/>
      <c r="SJO700" s="613"/>
      <c r="SJP700" s="613"/>
      <c r="SJQ700" s="613"/>
      <c r="SJR700" s="613"/>
      <c r="SJS700" s="613"/>
      <c r="SJT700" s="613"/>
      <c r="SJU700" s="613"/>
      <c r="SJV700" s="613"/>
      <c r="SJW700" s="613"/>
      <c r="SJX700" s="613"/>
      <c r="SJY700" s="613"/>
      <c r="SJZ700" s="613"/>
      <c r="SKA700" s="613"/>
      <c r="SKB700" s="613"/>
      <c r="SKC700" s="613"/>
      <c r="SKD700" s="613"/>
      <c r="SKE700" s="613"/>
      <c r="SKF700" s="613"/>
      <c r="SKG700" s="613"/>
      <c r="SKH700" s="613"/>
      <c r="SKI700" s="613"/>
      <c r="SKJ700" s="613"/>
      <c r="SKK700" s="613"/>
      <c r="SKL700" s="613"/>
      <c r="SKM700" s="613"/>
      <c r="SKN700" s="613"/>
      <c r="SKO700" s="613"/>
      <c r="SKP700" s="613"/>
      <c r="SKQ700" s="613"/>
      <c r="SKR700" s="613"/>
      <c r="SKS700" s="613"/>
      <c r="SKT700" s="613"/>
      <c r="SKU700" s="613"/>
      <c r="SKV700" s="613"/>
      <c r="SKW700" s="613"/>
      <c r="SKX700" s="613"/>
      <c r="SKY700" s="613"/>
      <c r="SKZ700" s="613"/>
      <c r="SLA700" s="613"/>
      <c r="SLB700" s="613"/>
      <c r="SLC700" s="613"/>
      <c r="SLD700" s="613"/>
      <c r="SLE700" s="613"/>
      <c r="SLF700" s="613"/>
      <c r="SLG700" s="613"/>
      <c r="SLH700" s="613"/>
      <c r="SLI700" s="613"/>
      <c r="SLJ700" s="613"/>
      <c r="SLK700" s="613"/>
      <c r="SLL700" s="613"/>
      <c r="SLM700" s="613"/>
      <c r="SLN700" s="613"/>
      <c r="SLO700" s="613"/>
      <c r="SLP700" s="613"/>
      <c r="SLQ700" s="613"/>
      <c r="SLR700" s="613"/>
      <c r="SLS700" s="613"/>
      <c r="SLT700" s="613"/>
      <c r="SLU700" s="613"/>
      <c r="SLV700" s="613"/>
      <c r="SLW700" s="613"/>
      <c r="SLX700" s="613"/>
      <c r="SLY700" s="613"/>
      <c r="SLZ700" s="613"/>
      <c r="SMA700" s="613"/>
      <c r="SMB700" s="613"/>
      <c r="SMC700" s="613"/>
      <c r="SMD700" s="613"/>
      <c r="SME700" s="613"/>
      <c r="SMF700" s="613"/>
      <c r="SMG700" s="613"/>
      <c r="SMH700" s="613"/>
      <c r="SMI700" s="613"/>
      <c r="SMJ700" s="613"/>
      <c r="SMK700" s="613"/>
      <c r="SML700" s="613"/>
      <c r="SMM700" s="613"/>
      <c r="SMN700" s="613"/>
      <c r="SMO700" s="613"/>
      <c r="SMP700" s="613"/>
      <c r="SMQ700" s="613"/>
      <c r="SMR700" s="613"/>
      <c r="SMS700" s="613"/>
      <c r="SMT700" s="613"/>
      <c r="SMU700" s="613"/>
      <c r="SMV700" s="613"/>
      <c r="SMW700" s="613"/>
      <c r="SMX700" s="613"/>
      <c r="SMY700" s="613"/>
      <c r="SMZ700" s="613"/>
      <c r="SNA700" s="613"/>
      <c r="SNB700" s="613"/>
      <c r="SNC700" s="613"/>
      <c r="SND700" s="613"/>
      <c r="SNE700" s="613"/>
      <c r="SNF700" s="613"/>
      <c r="SNG700" s="613"/>
      <c r="SNH700" s="613"/>
      <c r="SNI700" s="613"/>
      <c r="SNJ700" s="613"/>
      <c r="SNK700" s="613"/>
      <c r="SNL700" s="613"/>
      <c r="SNM700" s="613"/>
      <c r="SNN700" s="613"/>
      <c r="SNO700" s="613"/>
      <c r="SNP700" s="613"/>
      <c r="SNQ700" s="613"/>
      <c r="SNR700" s="613"/>
      <c r="SNS700" s="613"/>
      <c r="SNT700" s="613"/>
      <c r="SNU700" s="613"/>
      <c r="SNV700" s="613"/>
      <c r="SNW700" s="613"/>
      <c r="SNX700" s="613"/>
      <c r="SNY700" s="613"/>
      <c r="SNZ700" s="613"/>
      <c r="SOA700" s="613"/>
      <c r="SOB700" s="613"/>
      <c r="SOC700" s="613"/>
      <c r="SOD700" s="613"/>
      <c r="SOE700" s="613"/>
      <c r="SOF700" s="613"/>
      <c r="SOG700" s="613"/>
      <c r="SOH700" s="613"/>
      <c r="SOI700" s="613"/>
      <c r="SOJ700" s="613"/>
      <c r="SOK700" s="613"/>
      <c r="SOL700" s="613"/>
      <c r="SOM700" s="613"/>
      <c r="SON700" s="613"/>
      <c r="SOO700" s="613"/>
      <c r="SOP700" s="613"/>
      <c r="SOQ700" s="613"/>
      <c r="SOR700" s="613"/>
      <c r="SOS700" s="613"/>
      <c r="SOT700" s="613"/>
      <c r="SOU700" s="613"/>
      <c r="SOV700" s="613"/>
      <c r="SOW700" s="613"/>
      <c r="SOX700" s="613"/>
      <c r="SOY700" s="613"/>
      <c r="SOZ700" s="613"/>
      <c r="SPA700" s="613"/>
      <c r="SPB700" s="613"/>
      <c r="SPC700" s="613"/>
      <c r="SPD700" s="613"/>
      <c r="SPE700" s="613"/>
      <c r="SPF700" s="613"/>
      <c r="SPG700" s="613"/>
      <c r="SPH700" s="613"/>
      <c r="SPI700" s="613"/>
      <c r="SPJ700" s="613"/>
      <c r="SPK700" s="613"/>
      <c r="SPL700" s="613"/>
      <c r="SPM700" s="613"/>
      <c r="SPN700" s="613"/>
      <c r="SPO700" s="613"/>
      <c r="SPP700" s="613"/>
      <c r="SPQ700" s="613"/>
      <c r="SPR700" s="613"/>
      <c r="SPS700" s="613"/>
      <c r="SPT700" s="613"/>
      <c r="SPU700" s="613"/>
      <c r="SPV700" s="613"/>
      <c r="SPW700" s="613"/>
      <c r="SPX700" s="613"/>
      <c r="SPY700" s="613"/>
      <c r="SPZ700" s="613"/>
      <c r="SQA700" s="613"/>
      <c r="SQB700" s="613"/>
      <c r="SQC700" s="613"/>
      <c r="SQD700" s="613"/>
      <c r="SQE700" s="613"/>
      <c r="SQF700" s="613"/>
      <c r="SQG700" s="613"/>
      <c r="SQH700" s="613"/>
      <c r="SQI700" s="613"/>
      <c r="SQJ700" s="613"/>
      <c r="SQK700" s="613"/>
      <c r="SQL700" s="613"/>
      <c r="SQM700" s="613"/>
      <c r="SQN700" s="613"/>
      <c r="SQO700" s="613"/>
      <c r="SQP700" s="613"/>
      <c r="SQQ700" s="613"/>
      <c r="SQR700" s="613"/>
      <c r="SQS700" s="613"/>
      <c r="SQT700" s="613"/>
      <c r="SQU700" s="613"/>
      <c r="SQV700" s="613"/>
      <c r="SQW700" s="613"/>
      <c r="SQX700" s="613"/>
      <c r="SQY700" s="613"/>
      <c r="SQZ700" s="613"/>
      <c r="SRA700" s="613"/>
      <c r="SRB700" s="613"/>
      <c r="SRC700" s="613"/>
      <c r="SRD700" s="613"/>
      <c r="SRE700" s="613"/>
      <c r="SRF700" s="613"/>
      <c r="SRG700" s="613"/>
      <c r="SRH700" s="613"/>
      <c r="SRI700" s="613"/>
      <c r="SRJ700" s="613"/>
      <c r="SRK700" s="613"/>
      <c r="SRL700" s="613"/>
      <c r="SRM700" s="613"/>
      <c r="SRN700" s="613"/>
      <c r="SRO700" s="613"/>
      <c r="SRP700" s="613"/>
      <c r="SRQ700" s="613"/>
      <c r="SRR700" s="613"/>
      <c r="SRS700" s="613"/>
      <c r="SRT700" s="613"/>
      <c r="SRU700" s="613"/>
      <c r="SRV700" s="613"/>
      <c r="SRW700" s="613"/>
      <c r="SRX700" s="613"/>
      <c r="SRY700" s="613"/>
      <c r="SRZ700" s="613"/>
      <c r="SSA700" s="613"/>
      <c r="SSB700" s="613"/>
      <c r="SSC700" s="613"/>
      <c r="SSD700" s="613"/>
      <c r="SSE700" s="613"/>
      <c r="SSF700" s="613"/>
      <c r="SSG700" s="613"/>
      <c r="SSH700" s="613"/>
      <c r="SSI700" s="613"/>
      <c r="SSJ700" s="613"/>
      <c r="SSK700" s="613"/>
      <c r="SSL700" s="613"/>
      <c r="SSM700" s="613"/>
      <c r="SSN700" s="613"/>
      <c r="SSO700" s="613"/>
      <c r="SSP700" s="613"/>
      <c r="SSQ700" s="613"/>
      <c r="SSR700" s="613"/>
      <c r="SSS700" s="613"/>
      <c r="SST700" s="613"/>
      <c r="SSU700" s="613"/>
      <c r="SSV700" s="613"/>
      <c r="SSW700" s="613"/>
      <c r="SSX700" s="613"/>
      <c r="SSY700" s="613"/>
      <c r="SSZ700" s="613"/>
      <c r="STA700" s="613"/>
      <c r="STB700" s="613"/>
      <c r="STC700" s="613"/>
      <c r="STD700" s="613"/>
      <c r="STE700" s="613"/>
      <c r="STF700" s="613"/>
      <c r="STG700" s="613"/>
      <c r="STH700" s="613"/>
      <c r="STI700" s="613"/>
      <c r="STJ700" s="613"/>
      <c r="STK700" s="613"/>
      <c r="STL700" s="613"/>
      <c r="STM700" s="613"/>
      <c r="STN700" s="613"/>
      <c r="STO700" s="613"/>
      <c r="STP700" s="613"/>
      <c r="STQ700" s="613"/>
      <c r="STR700" s="613"/>
      <c r="STS700" s="613"/>
      <c r="STT700" s="613"/>
      <c r="STU700" s="613"/>
      <c r="STV700" s="613"/>
      <c r="STW700" s="613"/>
      <c r="STX700" s="613"/>
      <c r="STY700" s="613"/>
      <c r="STZ700" s="613"/>
      <c r="SUA700" s="613"/>
      <c r="SUB700" s="613"/>
      <c r="SUC700" s="613"/>
      <c r="SUD700" s="613"/>
      <c r="SUE700" s="613"/>
      <c r="SUF700" s="613"/>
      <c r="SUG700" s="613"/>
      <c r="SUH700" s="613"/>
      <c r="SUI700" s="613"/>
      <c r="SUJ700" s="613"/>
      <c r="SUK700" s="613"/>
      <c r="SUL700" s="613"/>
      <c r="SUM700" s="613"/>
      <c r="SUN700" s="613"/>
      <c r="SUO700" s="613"/>
      <c r="SUP700" s="613"/>
      <c r="SUQ700" s="613"/>
      <c r="SUR700" s="613"/>
      <c r="SUS700" s="613"/>
      <c r="SUT700" s="613"/>
      <c r="SUU700" s="613"/>
      <c r="SUV700" s="613"/>
      <c r="SUW700" s="613"/>
      <c r="SUX700" s="613"/>
      <c r="SUY700" s="613"/>
      <c r="SUZ700" s="613"/>
      <c r="SVA700" s="613"/>
      <c r="SVB700" s="613"/>
      <c r="SVC700" s="613"/>
      <c r="SVD700" s="613"/>
      <c r="SVE700" s="613"/>
      <c r="SVF700" s="613"/>
      <c r="SVG700" s="613"/>
      <c r="SVH700" s="613"/>
      <c r="SVI700" s="613"/>
      <c r="SVJ700" s="613"/>
      <c r="SVK700" s="613"/>
      <c r="SVL700" s="613"/>
      <c r="SVM700" s="613"/>
      <c r="SVN700" s="613"/>
      <c r="SVO700" s="613"/>
      <c r="SVP700" s="613"/>
      <c r="SVQ700" s="613"/>
      <c r="SVR700" s="613"/>
      <c r="SVS700" s="613"/>
      <c r="SVT700" s="613"/>
      <c r="SVU700" s="613"/>
      <c r="SVV700" s="613"/>
      <c r="SVW700" s="613"/>
      <c r="SVX700" s="613"/>
      <c r="SVY700" s="613"/>
      <c r="SVZ700" s="613"/>
      <c r="SWA700" s="613"/>
      <c r="SWB700" s="613"/>
      <c r="SWC700" s="613"/>
      <c r="SWD700" s="613"/>
      <c r="SWE700" s="613"/>
      <c r="SWF700" s="613"/>
      <c r="SWG700" s="613"/>
      <c r="SWH700" s="613"/>
      <c r="SWI700" s="613"/>
      <c r="SWJ700" s="613"/>
      <c r="SWK700" s="613"/>
      <c r="SWL700" s="613"/>
      <c r="SWM700" s="613"/>
      <c r="SWN700" s="613"/>
      <c r="SWO700" s="613"/>
      <c r="SWP700" s="613"/>
      <c r="SWQ700" s="613"/>
      <c r="SWR700" s="613"/>
      <c r="SWS700" s="613"/>
      <c r="SWT700" s="613"/>
      <c r="SWU700" s="613"/>
      <c r="SWV700" s="613"/>
      <c r="SWW700" s="613"/>
      <c r="SWX700" s="613"/>
      <c r="SWY700" s="613"/>
      <c r="SWZ700" s="613"/>
      <c r="SXA700" s="613"/>
      <c r="SXB700" s="613"/>
      <c r="SXC700" s="613"/>
      <c r="SXD700" s="613"/>
      <c r="SXE700" s="613"/>
      <c r="SXF700" s="613"/>
      <c r="SXG700" s="613"/>
      <c r="SXH700" s="613"/>
      <c r="SXI700" s="613"/>
      <c r="SXJ700" s="613"/>
      <c r="SXK700" s="613"/>
      <c r="SXL700" s="613"/>
      <c r="SXM700" s="613"/>
      <c r="SXN700" s="613"/>
      <c r="SXO700" s="613"/>
      <c r="SXP700" s="613"/>
      <c r="SXQ700" s="613"/>
      <c r="SXR700" s="613"/>
      <c r="SXS700" s="613"/>
      <c r="SXT700" s="613"/>
      <c r="SXU700" s="613"/>
      <c r="SXV700" s="613"/>
      <c r="SXW700" s="613"/>
      <c r="SXX700" s="613"/>
      <c r="SXY700" s="613"/>
      <c r="SXZ700" s="613"/>
      <c r="SYA700" s="613"/>
      <c r="SYB700" s="613"/>
      <c r="SYC700" s="613"/>
      <c r="SYD700" s="613"/>
      <c r="SYE700" s="613"/>
      <c r="SYF700" s="613"/>
      <c r="SYG700" s="613"/>
      <c r="SYH700" s="613"/>
      <c r="SYI700" s="613"/>
      <c r="SYJ700" s="613"/>
      <c r="SYK700" s="613"/>
      <c r="SYL700" s="613"/>
      <c r="SYM700" s="613"/>
      <c r="SYN700" s="613"/>
      <c r="SYO700" s="613"/>
      <c r="SYP700" s="613"/>
      <c r="SYQ700" s="613"/>
      <c r="SYR700" s="613"/>
      <c r="SYS700" s="613"/>
      <c r="SYT700" s="613"/>
      <c r="SYU700" s="613"/>
      <c r="SYV700" s="613"/>
      <c r="SYW700" s="613"/>
      <c r="SYX700" s="613"/>
      <c r="SYY700" s="613"/>
      <c r="SYZ700" s="613"/>
      <c r="SZA700" s="613"/>
      <c r="SZB700" s="613"/>
      <c r="SZC700" s="613"/>
      <c r="SZD700" s="613"/>
      <c r="SZE700" s="613"/>
      <c r="SZF700" s="613"/>
      <c r="SZG700" s="613"/>
      <c r="SZH700" s="613"/>
      <c r="SZI700" s="613"/>
      <c r="SZJ700" s="613"/>
      <c r="SZK700" s="613"/>
      <c r="SZL700" s="613"/>
      <c r="SZM700" s="613"/>
      <c r="SZN700" s="613"/>
      <c r="SZO700" s="613"/>
      <c r="SZP700" s="613"/>
      <c r="SZQ700" s="613"/>
      <c r="SZR700" s="613"/>
      <c r="SZS700" s="613"/>
      <c r="SZT700" s="613"/>
      <c r="SZU700" s="613"/>
      <c r="SZV700" s="613"/>
      <c r="SZW700" s="613"/>
      <c r="SZX700" s="613"/>
      <c r="SZY700" s="613"/>
      <c r="SZZ700" s="613"/>
      <c r="TAA700" s="613"/>
      <c r="TAB700" s="613"/>
      <c r="TAC700" s="613"/>
      <c r="TAD700" s="613"/>
      <c r="TAE700" s="613"/>
      <c r="TAF700" s="613"/>
      <c r="TAG700" s="613"/>
      <c r="TAH700" s="613"/>
      <c r="TAI700" s="613"/>
      <c r="TAJ700" s="613"/>
      <c r="TAK700" s="613"/>
      <c r="TAL700" s="613"/>
      <c r="TAM700" s="613"/>
      <c r="TAN700" s="613"/>
      <c r="TAO700" s="613"/>
      <c r="TAP700" s="613"/>
      <c r="TAQ700" s="613"/>
      <c r="TAR700" s="613"/>
      <c r="TAS700" s="613"/>
      <c r="TAT700" s="613"/>
      <c r="TAU700" s="613"/>
      <c r="TAV700" s="613"/>
      <c r="TAW700" s="613"/>
      <c r="TAX700" s="613"/>
      <c r="TAY700" s="613"/>
      <c r="TAZ700" s="613"/>
      <c r="TBA700" s="613"/>
      <c r="TBB700" s="613"/>
      <c r="TBC700" s="613"/>
      <c r="TBD700" s="613"/>
      <c r="TBE700" s="613"/>
      <c r="TBF700" s="613"/>
      <c r="TBG700" s="613"/>
      <c r="TBH700" s="613"/>
      <c r="TBI700" s="613"/>
      <c r="TBJ700" s="613"/>
      <c r="TBK700" s="613"/>
      <c r="TBL700" s="613"/>
      <c r="TBM700" s="613"/>
      <c r="TBN700" s="613"/>
      <c r="TBO700" s="613"/>
      <c r="TBP700" s="613"/>
      <c r="TBQ700" s="613"/>
      <c r="TBR700" s="613"/>
      <c r="TBS700" s="613"/>
      <c r="TBT700" s="613"/>
      <c r="TBU700" s="613"/>
      <c r="TBV700" s="613"/>
      <c r="TBW700" s="613"/>
      <c r="TBX700" s="613"/>
      <c r="TBY700" s="613"/>
      <c r="TBZ700" s="613"/>
      <c r="TCA700" s="613"/>
      <c r="TCB700" s="613"/>
      <c r="TCC700" s="613"/>
      <c r="TCD700" s="613"/>
      <c r="TCE700" s="613"/>
      <c r="TCF700" s="613"/>
      <c r="TCG700" s="613"/>
      <c r="TCH700" s="613"/>
      <c r="TCI700" s="613"/>
      <c r="TCJ700" s="613"/>
      <c r="TCK700" s="613"/>
      <c r="TCL700" s="613"/>
      <c r="TCM700" s="613"/>
      <c r="TCN700" s="613"/>
      <c r="TCO700" s="613"/>
      <c r="TCP700" s="613"/>
      <c r="TCQ700" s="613"/>
      <c r="TCR700" s="613"/>
      <c r="TCS700" s="613"/>
      <c r="TCT700" s="613"/>
      <c r="TCU700" s="613"/>
      <c r="TCV700" s="613"/>
      <c r="TCW700" s="613"/>
      <c r="TCX700" s="613"/>
      <c r="TCY700" s="613"/>
      <c r="TCZ700" s="613"/>
      <c r="TDA700" s="613"/>
      <c r="TDB700" s="613"/>
      <c r="TDC700" s="613"/>
      <c r="TDD700" s="613"/>
      <c r="TDE700" s="613"/>
      <c r="TDF700" s="613"/>
      <c r="TDG700" s="613"/>
      <c r="TDH700" s="613"/>
      <c r="TDI700" s="613"/>
      <c r="TDJ700" s="613"/>
      <c r="TDK700" s="613"/>
      <c r="TDL700" s="613"/>
      <c r="TDM700" s="613"/>
      <c r="TDN700" s="613"/>
      <c r="TDO700" s="613"/>
      <c r="TDP700" s="613"/>
      <c r="TDQ700" s="613"/>
      <c r="TDR700" s="613"/>
      <c r="TDS700" s="613"/>
      <c r="TDT700" s="613"/>
      <c r="TDU700" s="613"/>
      <c r="TDV700" s="613"/>
      <c r="TDW700" s="613"/>
      <c r="TDX700" s="613"/>
      <c r="TDY700" s="613"/>
      <c r="TDZ700" s="613"/>
      <c r="TEA700" s="613"/>
      <c r="TEB700" s="613"/>
      <c r="TEC700" s="613"/>
      <c r="TED700" s="613"/>
      <c r="TEE700" s="613"/>
      <c r="TEF700" s="613"/>
      <c r="TEG700" s="613"/>
      <c r="TEH700" s="613"/>
      <c r="TEI700" s="613"/>
      <c r="TEJ700" s="613"/>
      <c r="TEK700" s="613"/>
      <c r="TEL700" s="613"/>
      <c r="TEM700" s="613"/>
      <c r="TEN700" s="613"/>
      <c r="TEO700" s="613"/>
      <c r="TEP700" s="613"/>
      <c r="TEQ700" s="613"/>
      <c r="TER700" s="613"/>
      <c r="TES700" s="613"/>
      <c r="TET700" s="613"/>
      <c r="TEU700" s="613"/>
      <c r="TEV700" s="613"/>
      <c r="TEW700" s="613"/>
      <c r="TEX700" s="613"/>
      <c r="TEY700" s="613"/>
      <c r="TEZ700" s="613"/>
      <c r="TFA700" s="613"/>
      <c r="TFB700" s="613"/>
      <c r="TFC700" s="613"/>
      <c r="TFD700" s="613"/>
      <c r="TFE700" s="613"/>
      <c r="TFF700" s="613"/>
      <c r="TFG700" s="613"/>
      <c r="TFH700" s="613"/>
      <c r="TFI700" s="613"/>
      <c r="TFJ700" s="613"/>
      <c r="TFK700" s="613"/>
      <c r="TFL700" s="613"/>
      <c r="TFM700" s="613"/>
      <c r="TFN700" s="613"/>
      <c r="TFO700" s="613"/>
      <c r="TFP700" s="613"/>
      <c r="TFQ700" s="613"/>
      <c r="TFR700" s="613"/>
      <c r="TFS700" s="613"/>
      <c r="TFT700" s="613"/>
      <c r="TFU700" s="613"/>
      <c r="TFV700" s="613"/>
      <c r="TFW700" s="613"/>
      <c r="TFX700" s="613"/>
      <c r="TFY700" s="613"/>
      <c r="TFZ700" s="613"/>
      <c r="TGA700" s="613"/>
      <c r="TGB700" s="613"/>
      <c r="TGC700" s="613"/>
      <c r="TGD700" s="613"/>
      <c r="TGE700" s="613"/>
      <c r="TGF700" s="613"/>
      <c r="TGG700" s="613"/>
      <c r="TGH700" s="613"/>
      <c r="TGI700" s="613"/>
      <c r="TGJ700" s="613"/>
      <c r="TGK700" s="613"/>
      <c r="TGL700" s="613"/>
      <c r="TGM700" s="613"/>
      <c r="TGN700" s="613"/>
      <c r="TGO700" s="613"/>
      <c r="TGP700" s="613"/>
      <c r="TGQ700" s="613"/>
      <c r="TGR700" s="613"/>
      <c r="TGS700" s="613"/>
      <c r="TGT700" s="613"/>
      <c r="TGU700" s="613"/>
      <c r="TGV700" s="613"/>
      <c r="TGW700" s="613"/>
      <c r="TGX700" s="613"/>
      <c r="TGY700" s="613"/>
      <c r="TGZ700" s="613"/>
      <c r="THA700" s="613"/>
      <c r="THB700" s="613"/>
      <c r="THC700" s="613"/>
      <c r="THD700" s="613"/>
      <c r="THE700" s="613"/>
      <c r="THF700" s="613"/>
      <c r="THG700" s="613"/>
      <c r="THH700" s="613"/>
      <c r="THI700" s="613"/>
      <c r="THJ700" s="613"/>
      <c r="THK700" s="613"/>
      <c r="THL700" s="613"/>
      <c r="THM700" s="613"/>
      <c r="THN700" s="613"/>
      <c r="THO700" s="613"/>
      <c r="THP700" s="613"/>
      <c r="THQ700" s="613"/>
      <c r="THR700" s="613"/>
      <c r="THS700" s="613"/>
      <c r="THT700" s="613"/>
      <c r="THU700" s="613"/>
      <c r="THV700" s="613"/>
      <c r="THW700" s="613"/>
      <c r="THX700" s="613"/>
      <c r="THY700" s="613"/>
      <c r="THZ700" s="613"/>
      <c r="TIA700" s="613"/>
      <c r="TIB700" s="613"/>
      <c r="TIC700" s="613"/>
      <c r="TID700" s="613"/>
      <c r="TIE700" s="613"/>
      <c r="TIF700" s="613"/>
      <c r="TIG700" s="613"/>
      <c r="TIH700" s="613"/>
      <c r="TII700" s="613"/>
      <c r="TIJ700" s="613"/>
      <c r="TIK700" s="613"/>
      <c r="TIL700" s="613"/>
      <c r="TIM700" s="613"/>
      <c r="TIN700" s="613"/>
      <c r="TIO700" s="613"/>
      <c r="TIP700" s="613"/>
      <c r="TIQ700" s="613"/>
      <c r="TIR700" s="613"/>
      <c r="TIS700" s="613"/>
      <c r="TIT700" s="613"/>
      <c r="TIU700" s="613"/>
      <c r="TIV700" s="613"/>
      <c r="TIW700" s="613"/>
      <c r="TIX700" s="613"/>
      <c r="TIY700" s="613"/>
      <c r="TIZ700" s="613"/>
      <c r="TJA700" s="613"/>
      <c r="TJB700" s="613"/>
      <c r="TJC700" s="613"/>
      <c r="TJD700" s="613"/>
      <c r="TJE700" s="613"/>
      <c r="TJF700" s="613"/>
      <c r="TJG700" s="613"/>
      <c r="TJH700" s="613"/>
      <c r="TJI700" s="613"/>
      <c r="TJJ700" s="613"/>
      <c r="TJK700" s="613"/>
      <c r="TJL700" s="613"/>
      <c r="TJM700" s="613"/>
      <c r="TJN700" s="613"/>
      <c r="TJO700" s="613"/>
      <c r="TJP700" s="613"/>
      <c r="TJQ700" s="613"/>
      <c r="TJR700" s="613"/>
      <c r="TJS700" s="613"/>
      <c r="TJT700" s="613"/>
      <c r="TJU700" s="613"/>
      <c r="TJV700" s="613"/>
      <c r="TJW700" s="613"/>
      <c r="TJX700" s="613"/>
      <c r="TJY700" s="613"/>
      <c r="TJZ700" s="613"/>
      <c r="TKA700" s="613"/>
      <c r="TKB700" s="613"/>
      <c r="TKC700" s="613"/>
      <c r="TKD700" s="613"/>
      <c r="TKE700" s="613"/>
      <c r="TKF700" s="613"/>
      <c r="TKG700" s="613"/>
      <c r="TKH700" s="613"/>
      <c r="TKI700" s="613"/>
      <c r="TKJ700" s="613"/>
      <c r="TKK700" s="613"/>
      <c r="TKL700" s="613"/>
      <c r="TKM700" s="613"/>
      <c r="TKN700" s="613"/>
      <c r="TKO700" s="613"/>
      <c r="TKP700" s="613"/>
      <c r="TKQ700" s="613"/>
      <c r="TKR700" s="613"/>
      <c r="TKS700" s="613"/>
      <c r="TKT700" s="613"/>
      <c r="TKU700" s="613"/>
      <c r="TKV700" s="613"/>
      <c r="TKW700" s="613"/>
      <c r="TKX700" s="613"/>
      <c r="TKY700" s="613"/>
      <c r="TKZ700" s="613"/>
      <c r="TLA700" s="613"/>
      <c r="TLB700" s="613"/>
      <c r="TLC700" s="613"/>
      <c r="TLD700" s="613"/>
      <c r="TLE700" s="613"/>
      <c r="TLF700" s="613"/>
      <c r="TLG700" s="613"/>
      <c r="TLH700" s="613"/>
      <c r="TLI700" s="613"/>
      <c r="TLJ700" s="613"/>
      <c r="TLK700" s="613"/>
      <c r="TLL700" s="613"/>
      <c r="TLM700" s="613"/>
      <c r="TLN700" s="613"/>
      <c r="TLO700" s="613"/>
      <c r="TLP700" s="613"/>
      <c r="TLQ700" s="613"/>
      <c r="TLR700" s="613"/>
      <c r="TLS700" s="613"/>
      <c r="TLT700" s="613"/>
      <c r="TLU700" s="613"/>
      <c r="TLV700" s="613"/>
      <c r="TLW700" s="613"/>
      <c r="TLX700" s="613"/>
      <c r="TLY700" s="613"/>
      <c r="TLZ700" s="613"/>
      <c r="TMA700" s="613"/>
      <c r="TMB700" s="613"/>
      <c r="TMC700" s="613"/>
      <c r="TMD700" s="613"/>
      <c r="TME700" s="613"/>
      <c r="TMF700" s="613"/>
      <c r="TMG700" s="613"/>
      <c r="TMH700" s="613"/>
      <c r="TMI700" s="613"/>
      <c r="TMJ700" s="613"/>
      <c r="TMK700" s="613"/>
      <c r="TML700" s="613"/>
      <c r="TMM700" s="613"/>
      <c r="TMN700" s="613"/>
      <c r="TMO700" s="613"/>
      <c r="TMP700" s="613"/>
      <c r="TMQ700" s="613"/>
      <c r="TMR700" s="613"/>
      <c r="TMS700" s="613"/>
      <c r="TMT700" s="613"/>
      <c r="TMU700" s="613"/>
      <c r="TMV700" s="613"/>
      <c r="TMW700" s="613"/>
      <c r="TMX700" s="613"/>
      <c r="TMY700" s="613"/>
      <c r="TMZ700" s="613"/>
      <c r="TNA700" s="613"/>
      <c r="TNB700" s="613"/>
      <c r="TNC700" s="613"/>
      <c r="TND700" s="613"/>
      <c r="TNE700" s="613"/>
      <c r="TNF700" s="613"/>
      <c r="TNG700" s="613"/>
      <c r="TNH700" s="613"/>
      <c r="TNI700" s="613"/>
      <c r="TNJ700" s="613"/>
      <c r="TNK700" s="613"/>
      <c r="TNL700" s="613"/>
      <c r="TNM700" s="613"/>
      <c r="TNN700" s="613"/>
      <c r="TNO700" s="613"/>
      <c r="TNP700" s="613"/>
      <c r="TNQ700" s="613"/>
      <c r="TNR700" s="613"/>
      <c r="TNS700" s="613"/>
      <c r="TNT700" s="613"/>
      <c r="TNU700" s="613"/>
      <c r="TNV700" s="613"/>
      <c r="TNW700" s="613"/>
      <c r="TNX700" s="613"/>
      <c r="TNY700" s="613"/>
      <c r="TNZ700" s="613"/>
      <c r="TOA700" s="613"/>
      <c r="TOB700" s="613"/>
      <c r="TOC700" s="613"/>
      <c r="TOD700" s="613"/>
      <c r="TOE700" s="613"/>
      <c r="TOF700" s="613"/>
      <c r="TOG700" s="613"/>
      <c r="TOH700" s="613"/>
      <c r="TOI700" s="613"/>
      <c r="TOJ700" s="613"/>
      <c r="TOK700" s="613"/>
      <c r="TOL700" s="613"/>
      <c r="TOM700" s="613"/>
      <c r="TON700" s="613"/>
      <c r="TOO700" s="613"/>
      <c r="TOP700" s="613"/>
      <c r="TOQ700" s="613"/>
      <c r="TOR700" s="613"/>
      <c r="TOS700" s="613"/>
      <c r="TOT700" s="613"/>
      <c r="TOU700" s="613"/>
      <c r="TOV700" s="613"/>
      <c r="TOW700" s="613"/>
      <c r="TOX700" s="613"/>
      <c r="TOY700" s="613"/>
      <c r="TOZ700" s="613"/>
      <c r="TPA700" s="613"/>
      <c r="TPB700" s="613"/>
      <c r="TPC700" s="613"/>
      <c r="TPD700" s="613"/>
      <c r="TPE700" s="613"/>
      <c r="TPF700" s="613"/>
      <c r="TPG700" s="613"/>
      <c r="TPH700" s="613"/>
      <c r="TPI700" s="613"/>
      <c r="TPJ700" s="613"/>
      <c r="TPK700" s="613"/>
      <c r="TPL700" s="613"/>
      <c r="TPM700" s="613"/>
      <c r="TPN700" s="613"/>
      <c r="TPO700" s="613"/>
      <c r="TPP700" s="613"/>
      <c r="TPQ700" s="613"/>
      <c r="TPR700" s="613"/>
      <c r="TPS700" s="613"/>
      <c r="TPT700" s="613"/>
      <c r="TPU700" s="613"/>
      <c r="TPV700" s="613"/>
      <c r="TPW700" s="613"/>
      <c r="TPX700" s="613"/>
      <c r="TPY700" s="613"/>
      <c r="TPZ700" s="613"/>
      <c r="TQA700" s="613"/>
      <c r="TQB700" s="613"/>
      <c r="TQC700" s="613"/>
      <c r="TQD700" s="613"/>
      <c r="TQE700" s="613"/>
      <c r="TQF700" s="613"/>
      <c r="TQG700" s="613"/>
      <c r="TQH700" s="613"/>
      <c r="TQI700" s="613"/>
      <c r="TQJ700" s="613"/>
      <c r="TQK700" s="613"/>
      <c r="TQL700" s="613"/>
      <c r="TQM700" s="613"/>
      <c r="TQN700" s="613"/>
      <c r="TQO700" s="613"/>
      <c r="TQP700" s="613"/>
      <c r="TQQ700" s="613"/>
      <c r="TQR700" s="613"/>
      <c r="TQS700" s="613"/>
      <c r="TQT700" s="613"/>
      <c r="TQU700" s="613"/>
      <c r="TQV700" s="613"/>
      <c r="TQW700" s="613"/>
      <c r="TQX700" s="613"/>
      <c r="TQY700" s="613"/>
      <c r="TQZ700" s="613"/>
      <c r="TRA700" s="613"/>
      <c r="TRB700" s="613"/>
      <c r="TRC700" s="613"/>
      <c r="TRD700" s="613"/>
      <c r="TRE700" s="613"/>
      <c r="TRF700" s="613"/>
      <c r="TRG700" s="613"/>
      <c r="TRH700" s="613"/>
      <c r="TRI700" s="613"/>
      <c r="TRJ700" s="613"/>
      <c r="TRK700" s="613"/>
      <c r="TRL700" s="613"/>
      <c r="TRM700" s="613"/>
      <c r="TRN700" s="613"/>
      <c r="TRO700" s="613"/>
      <c r="TRP700" s="613"/>
      <c r="TRQ700" s="613"/>
      <c r="TRR700" s="613"/>
      <c r="TRS700" s="613"/>
      <c r="TRT700" s="613"/>
      <c r="TRU700" s="613"/>
      <c r="TRV700" s="613"/>
      <c r="TRW700" s="613"/>
      <c r="TRX700" s="613"/>
      <c r="TRY700" s="613"/>
      <c r="TRZ700" s="613"/>
      <c r="TSA700" s="613"/>
      <c r="TSB700" s="613"/>
      <c r="TSC700" s="613"/>
      <c r="TSD700" s="613"/>
      <c r="TSE700" s="613"/>
      <c r="TSF700" s="613"/>
      <c r="TSG700" s="613"/>
      <c r="TSH700" s="613"/>
      <c r="TSI700" s="613"/>
      <c r="TSJ700" s="613"/>
      <c r="TSK700" s="613"/>
      <c r="TSL700" s="613"/>
      <c r="TSM700" s="613"/>
      <c r="TSN700" s="613"/>
      <c r="TSO700" s="613"/>
      <c r="TSP700" s="613"/>
      <c r="TSQ700" s="613"/>
      <c r="TSR700" s="613"/>
      <c r="TSS700" s="613"/>
      <c r="TST700" s="613"/>
      <c r="TSU700" s="613"/>
      <c r="TSV700" s="613"/>
      <c r="TSW700" s="613"/>
      <c r="TSX700" s="613"/>
      <c r="TSY700" s="613"/>
      <c r="TSZ700" s="613"/>
      <c r="TTA700" s="613"/>
      <c r="TTB700" s="613"/>
      <c r="TTC700" s="613"/>
      <c r="TTD700" s="613"/>
      <c r="TTE700" s="613"/>
      <c r="TTF700" s="613"/>
      <c r="TTG700" s="613"/>
      <c r="TTH700" s="613"/>
      <c r="TTI700" s="613"/>
      <c r="TTJ700" s="613"/>
      <c r="TTK700" s="613"/>
      <c r="TTL700" s="613"/>
      <c r="TTM700" s="613"/>
      <c r="TTN700" s="613"/>
      <c r="TTO700" s="613"/>
      <c r="TTP700" s="613"/>
      <c r="TTQ700" s="613"/>
      <c r="TTR700" s="613"/>
      <c r="TTS700" s="613"/>
      <c r="TTT700" s="613"/>
      <c r="TTU700" s="613"/>
      <c r="TTV700" s="613"/>
      <c r="TTW700" s="613"/>
      <c r="TTX700" s="613"/>
      <c r="TTY700" s="613"/>
      <c r="TTZ700" s="613"/>
      <c r="TUA700" s="613"/>
      <c r="TUB700" s="613"/>
      <c r="TUC700" s="613"/>
      <c r="TUD700" s="613"/>
      <c r="TUE700" s="613"/>
      <c r="TUF700" s="613"/>
      <c r="TUG700" s="613"/>
      <c r="TUH700" s="613"/>
      <c r="TUI700" s="613"/>
      <c r="TUJ700" s="613"/>
      <c r="TUK700" s="613"/>
      <c r="TUL700" s="613"/>
      <c r="TUM700" s="613"/>
      <c r="TUN700" s="613"/>
      <c r="TUO700" s="613"/>
      <c r="TUP700" s="613"/>
      <c r="TUQ700" s="613"/>
      <c r="TUR700" s="613"/>
      <c r="TUS700" s="613"/>
      <c r="TUT700" s="613"/>
      <c r="TUU700" s="613"/>
      <c r="TUV700" s="613"/>
      <c r="TUW700" s="613"/>
      <c r="TUX700" s="613"/>
      <c r="TUY700" s="613"/>
      <c r="TUZ700" s="613"/>
      <c r="TVA700" s="613"/>
      <c r="TVB700" s="613"/>
      <c r="TVC700" s="613"/>
      <c r="TVD700" s="613"/>
      <c r="TVE700" s="613"/>
      <c r="TVF700" s="613"/>
      <c r="TVG700" s="613"/>
      <c r="TVH700" s="613"/>
      <c r="TVI700" s="613"/>
      <c r="TVJ700" s="613"/>
      <c r="TVK700" s="613"/>
      <c r="TVL700" s="613"/>
      <c r="TVM700" s="613"/>
      <c r="TVN700" s="613"/>
      <c r="TVO700" s="613"/>
      <c r="TVP700" s="613"/>
      <c r="TVQ700" s="613"/>
      <c r="TVR700" s="613"/>
      <c r="TVS700" s="613"/>
      <c r="TVT700" s="613"/>
      <c r="TVU700" s="613"/>
      <c r="TVV700" s="613"/>
      <c r="TVW700" s="613"/>
      <c r="TVX700" s="613"/>
      <c r="TVY700" s="613"/>
      <c r="TVZ700" s="613"/>
      <c r="TWA700" s="613"/>
      <c r="TWB700" s="613"/>
      <c r="TWC700" s="613"/>
      <c r="TWD700" s="613"/>
      <c r="TWE700" s="613"/>
      <c r="TWF700" s="613"/>
      <c r="TWG700" s="613"/>
      <c r="TWH700" s="613"/>
      <c r="TWI700" s="613"/>
      <c r="TWJ700" s="613"/>
      <c r="TWK700" s="613"/>
      <c r="TWL700" s="613"/>
      <c r="TWM700" s="613"/>
      <c r="TWN700" s="613"/>
      <c r="TWO700" s="613"/>
      <c r="TWP700" s="613"/>
      <c r="TWQ700" s="613"/>
      <c r="TWR700" s="613"/>
      <c r="TWS700" s="613"/>
      <c r="TWT700" s="613"/>
      <c r="TWU700" s="613"/>
      <c r="TWV700" s="613"/>
      <c r="TWW700" s="613"/>
      <c r="TWX700" s="613"/>
      <c r="TWY700" s="613"/>
      <c r="TWZ700" s="613"/>
      <c r="TXA700" s="613"/>
      <c r="TXB700" s="613"/>
      <c r="TXC700" s="613"/>
      <c r="TXD700" s="613"/>
      <c r="TXE700" s="613"/>
      <c r="TXF700" s="613"/>
      <c r="TXG700" s="613"/>
      <c r="TXH700" s="613"/>
      <c r="TXI700" s="613"/>
      <c r="TXJ700" s="613"/>
      <c r="TXK700" s="613"/>
      <c r="TXL700" s="613"/>
      <c r="TXM700" s="613"/>
      <c r="TXN700" s="613"/>
      <c r="TXO700" s="613"/>
      <c r="TXP700" s="613"/>
      <c r="TXQ700" s="613"/>
      <c r="TXR700" s="613"/>
      <c r="TXS700" s="613"/>
      <c r="TXT700" s="613"/>
      <c r="TXU700" s="613"/>
      <c r="TXV700" s="613"/>
      <c r="TXW700" s="613"/>
      <c r="TXX700" s="613"/>
      <c r="TXY700" s="613"/>
      <c r="TXZ700" s="613"/>
      <c r="TYA700" s="613"/>
      <c r="TYB700" s="613"/>
      <c r="TYC700" s="613"/>
      <c r="TYD700" s="613"/>
      <c r="TYE700" s="613"/>
      <c r="TYF700" s="613"/>
      <c r="TYG700" s="613"/>
      <c r="TYH700" s="613"/>
      <c r="TYI700" s="613"/>
      <c r="TYJ700" s="613"/>
      <c r="TYK700" s="613"/>
      <c r="TYL700" s="613"/>
      <c r="TYM700" s="613"/>
      <c r="TYN700" s="613"/>
      <c r="TYO700" s="613"/>
      <c r="TYP700" s="613"/>
      <c r="TYQ700" s="613"/>
      <c r="TYR700" s="613"/>
      <c r="TYS700" s="613"/>
      <c r="TYT700" s="613"/>
      <c r="TYU700" s="613"/>
      <c r="TYV700" s="613"/>
      <c r="TYW700" s="613"/>
      <c r="TYX700" s="613"/>
      <c r="TYY700" s="613"/>
      <c r="TYZ700" s="613"/>
      <c r="TZA700" s="613"/>
      <c r="TZB700" s="613"/>
      <c r="TZC700" s="613"/>
      <c r="TZD700" s="613"/>
      <c r="TZE700" s="613"/>
      <c r="TZF700" s="613"/>
      <c r="TZG700" s="613"/>
      <c r="TZH700" s="613"/>
      <c r="TZI700" s="613"/>
      <c r="TZJ700" s="613"/>
      <c r="TZK700" s="613"/>
      <c r="TZL700" s="613"/>
      <c r="TZM700" s="613"/>
      <c r="TZN700" s="613"/>
      <c r="TZO700" s="613"/>
      <c r="TZP700" s="613"/>
      <c r="TZQ700" s="613"/>
      <c r="TZR700" s="613"/>
      <c r="TZS700" s="613"/>
      <c r="TZT700" s="613"/>
      <c r="TZU700" s="613"/>
      <c r="TZV700" s="613"/>
      <c r="TZW700" s="613"/>
      <c r="TZX700" s="613"/>
      <c r="TZY700" s="613"/>
      <c r="TZZ700" s="613"/>
      <c r="UAA700" s="613"/>
      <c r="UAB700" s="613"/>
      <c r="UAC700" s="613"/>
      <c r="UAD700" s="613"/>
      <c r="UAE700" s="613"/>
      <c r="UAF700" s="613"/>
      <c r="UAG700" s="613"/>
      <c r="UAH700" s="613"/>
      <c r="UAI700" s="613"/>
      <c r="UAJ700" s="613"/>
      <c r="UAK700" s="613"/>
      <c r="UAL700" s="613"/>
      <c r="UAM700" s="613"/>
      <c r="UAN700" s="613"/>
      <c r="UAO700" s="613"/>
      <c r="UAP700" s="613"/>
      <c r="UAQ700" s="613"/>
      <c r="UAR700" s="613"/>
      <c r="UAS700" s="613"/>
      <c r="UAT700" s="613"/>
      <c r="UAU700" s="613"/>
      <c r="UAV700" s="613"/>
      <c r="UAW700" s="613"/>
      <c r="UAX700" s="613"/>
      <c r="UAY700" s="613"/>
      <c r="UAZ700" s="613"/>
      <c r="UBA700" s="613"/>
      <c r="UBB700" s="613"/>
      <c r="UBC700" s="613"/>
      <c r="UBD700" s="613"/>
      <c r="UBE700" s="613"/>
      <c r="UBF700" s="613"/>
      <c r="UBG700" s="613"/>
      <c r="UBH700" s="613"/>
      <c r="UBI700" s="613"/>
      <c r="UBJ700" s="613"/>
      <c r="UBK700" s="613"/>
      <c r="UBL700" s="613"/>
      <c r="UBM700" s="613"/>
      <c r="UBN700" s="613"/>
      <c r="UBO700" s="613"/>
      <c r="UBP700" s="613"/>
      <c r="UBQ700" s="613"/>
      <c r="UBR700" s="613"/>
      <c r="UBS700" s="613"/>
      <c r="UBT700" s="613"/>
      <c r="UBU700" s="613"/>
      <c r="UBV700" s="613"/>
      <c r="UBW700" s="613"/>
      <c r="UBX700" s="613"/>
      <c r="UBY700" s="613"/>
      <c r="UBZ700" s="613"/>
      <c r="UCA700" s="613"/>
      <c r="UCB700" s="613"/>
      <c r="UCC700" s="613"/>
      <c r="UCD700" s="613"/>
      <c r="UCE700" s="613"/>
      <c r="UCF700" s="613"/>
      <c r="UCG700" s="613"/>
      <c r="UCH700" s="613"/>
      <c r="UCI700" s="613"/>
      <c r="UCJ700" s="613"/>
      <c r="UCK700" s="613"/>
      <c r="UCL700" s="613"/>
      <c r="UCM700" s="613"/>
      <c r="UCN700" s="613"/>
      <c r="UCO700" s="613"/>
      <c r="UCP700" s="613"/>
      <c r="UCQ700" s="613"/>
      <c r="UCR700" s="613"/>
      <c r="UCS700" s="613"/>
      <c r="UCT700" s="613"/>
      <c r="UCU700" s="613"/>
      <c r="UCV700" s="613"/>
      <c r="UCW700" s="613"/>
      <c r="UCX700" s="613"/>
      <c r="UCY700" s="613"/>
      <c r="UCZ700" s="613"/>
      <c r="UDA700" s="613"/>
      <c r="UDB700" s="613"/>
      <c r="UDC700" s="613"/>
      <c r="UDD700" s="613"/>
      <c r="UDE700" s="613"/>
      <c r="UDF700" s="613"/>
      <c r="UDG700" s="613"/>
      <c r="UDH700" s="613"/>
      <c r="UDI700" s="613"/>
      <c r="UDJ700" s="613"/>
      <c r="UDK700" s="613"/>
      <c r="UDL700" s="613"/>
      <c r="UDM700" s="613"/>
      <c r="UDN700" s="613"/>
      <c r="UDO700" s="613"/>
      <c r="UDP700" s="613"/>
      <c r="UDQ700" s="613"/>
      <c r="UDR700" s="613"/>
      <c r="UDS700" s="613"/>
      <c r="UDT700" s="613"/>
      <c r="UDU700" s="613"/>
      <c r="UDV700" s="613"/>
      <c r="UDW700" s="613"/>
      <c r="UDX700" s="613"/>
      <c r="UDY700" s="613"/>
      <c r="UDZ700" s="613"/>
      <c r="UEA700" s="613"/>
      <c r="UEB700" s="613"/>
      <c r="UEC700" s="613"/>
      <c r="UED700" s="613"/>
      <c r="UEE700" s="613"/>
      <c r="UEF700" s="613"/>
      <c r="UEG700" s="613"/>
      <c r="UEH700" s="613"/>
      <c r="UEI700" s="613"/>
      <c r="UEJ700" s="613"/>
      <c r="UEK700" s="613"/>
      <c r="UEL700" s="613"/>
      <c r="UEM700" s="613"/>
      <c r="UEN700" s="613"/>
      <c r="UEO700" s="613"/>
      <c r="UEP700" s="613"/>
      <c r="UEQ700" s="613"/>
      <c r="UER700" s="613"/>
      <c r="UES700" s="613"/>
      <c r="UET700" s="613"/>
      <c r="UEU700" s="613"/>
      <c r="UEV700" s="613"/>
      <c r="UEW700" s="613"/>
      <c r="UEX700" s="613"/>
      <c r="UEY700" s="613"/>
      <c r="UEZ700" s="613"/>
      <c r="UFA700" s="613"/>
      <c r="UFB700" s="613"/>
      <c r="UFC700" s="613"/>
      <c r="UFD700" s="613"/>
      <c r="UFE700" s="613"/>
      <c r="UFF700" s="613"/>
      <c r="UFG700" s="613"/>
      <c r="UFH700" s="613"/>
      <c r="UFI700" s="613"/>
      <c r="UFJ700" s="613"/>
      <c r="UFK700" s="613"/>
      <c r="UFL700" s="613"/>
      <c r="UFM700" s="613"/>
      <c r="UFN700" s="613"/>
      <c r="UFO700" s="613"/>
      <c r="UFP700" s="613"/>
      <c r="UFQ700" s="613"/>
      <c r="UFR700" s="613"/>
      <c r="UFS700" s="613"/>
      <c r="UFT700" s="613"/>
      <c r="UFU700" s="613"/>
      <c r="UFV700" s="613"/>
      <c r="UFW700" s="613"/>
      <c r="UFX700" s="613"/>
      <c r="UFY700" s="613"/>
      <c r="UFZ700" s="613"/>
      <c r="UGA700" s="613"/>
      <c r="UGB700" s="613"/>
      <c r="UGC700" s="613"/>
      <c r="UGD700" s="613"/>
      <c r="UGE700" s="613"/>
      <c r="UGF700" s="613"/>
      <c r="UGG700" s="613"/>
      <c r="UGH700" s="613"/>
      <c r="UGI700" s="613"/>
      <c r="UGJ700" s="613"/>
      <c r="UGK700" s="613"/>
      <c r="UGL700" s="613"/>
      <c r="UGM700" s="613"/>
      <c r="UGN700" s="613"/>
      <c r="UGO700" s="613"/>
      <c r="UGP700" s="613"/>
      <c r="UGQ700" s="613"/>
      <c r="UGR700" s="613"/>
      <c r="UGS700" s="613"/>
      <c r="UGT700" s="613"/>
      <c r="UGU700" s="613"/>
      <c r="UGV700" s="613"/>
      <c r="UGW700" s="613"/>
      <c r="UGX700" s="613"/>
      <c r="UGY700" s="613"/>
      <c r="UGZ700" s="613"/>
      <c r="UHA700" s="613"/>
      <c r="UHB700" s="613"/>
      <c r="UHC700" s="613"/>
      <c r="UHD700" s="613"/>
      <c r="UHE700" s="613"/>
      <c r="UHF700" s="613"/>
      <c r="UHG700" s="613"/>
      <c r="UHH700" s="613"/>
      <c r="UHI700" s="613"/>
      <c r="UHJ700" s="613"/>
      <c r="UHK700" s="613"/>
      <c r="UHL700" s="613"/>
      <c r="UHM700" s="613"/>
      <c r="UHN700" s="613"/>
      <c r="UHO700" s="613"/>
      <c r="UHP700" s="613"/>
      <c r="UHQ700" s="613"/>
      <c r="UHR700" s="613"/>
      <c r="UHS700" s="613"/>
      <c r="UHT700" s="613"/>
      <c r="UHU700" s="613"/>
      <c r="UHV700" s="613"/>
      <c r="UHW700" s="613"/>
      <c r="UHX700" s="613"/>
      <c r="UHY700" s="613"/>
      <c r="UHZ700" s="613"/>
      <c r="UIA700" s="613"/>
      <c r="UIB700" s="613"/>
      <c r="UIC700" s="613"/>
      <c r="UID700" s="613"/>
      <c r="UIE700" s="613"/>
      <c r="UIF700" s="613"/>
      <c r="UIG700" s="613"/>
      <c r="UIH700" s="613"/>
      <c r="UII700" s="613"/>
      <c r="UIJ700" s="613"/>
      <c r="UIK700" s="613"/>
      <c r="UIL700" s="613"/>
      <c r="UIM700" s="613"/>
      <c r="UIN700" s="613"/>
      <c r="UIO700" s="613"/>
      <c r="UIP700" s="613"/>
      <c r="UIQ700" s="613"/>
      <c r="UIR700" s="613"/>
      <c r="UIS700" s="613"/>
      <c r="UIT700" s="613"/>
      <c r="UIU700" s="613"/>
      <c r="UIV700" s="613"/>
      <c r="UIW700" s="613"/>
      <c r="UIX700" s="613"/>
      <c r="UIY700" s="613"/>
      <c r="UIZ700" s="613"/>
      <c r="UJA700" s="613"/>
      <c r="UJB700" s="613"/>
      <c r="UJC700" s="613"/>
      <c r="UJD700" s="613"/>
      <c r="UJE700" s="613"/>
      <c r="UJF700" s="613"/>
      <c r="UJG700" s="613"/>
      <c r="UJH700" s="613"/>
      <c r="UJI700" s="613"/>
      <c r="UJJ700" s="613"/>
      <c r="UJK700" s="613"/>
      <c r="UJL700" s="613"/>
      <c r="UJM700" s="613"/>
      <c r="UJN700" s="613"/>
      <c r="UJO700" s="613"/>
      <c r="UJP700" s="613"/>
      <c r="UJQ700" s="613"/>
      <c r="UJR700" s="613"/>
      <c r="UJS700" s="613"/>
      <c r="UJT700" s="613"/>
      <c r="UJU700" s="613"/>
      <c r="UJV700" s="613"/>
      <c r="UJW700" s="613"/>
      <c r="UJX700" s="613"/>
      <c r="UJY700" s="613"/>
      <c r="UJZ700" s="613"/>
      <c r="UKA700" s="613"/>
      <c r="UKB700" s="613"/>
      <c r="UKC700" s="613"/>
      <c r="UKD700" s="613"/>
      <c r="UKE700" s="613"/>
      <c r="UKF700" s="613"/>
      <c r="UKG700" s="613"/>
      <c r="UKH700" s="613"/>
      <c r="UKI700" s="613"/>
      <c r="UKJ700" s="613"/>
      <c r="UKK700" s="613"/>
      <c r="UKL700" s="613"/>
      <c r="UKM700" s="613"/>
      <c r="UKN700" s="613"/>
      <c r="UKO700" s="613"/>
      <c r="UKP700" s="613"/>
      <c r="UKQ700" s="613"/>
      <c r="UKR700" s="613"/>
      <c r="UKS700" s="613"/>
      <c r="UKT700" s="613"/>
      <c r="UKU700" s="613"/>
      <c r="UKV700" s="613"/>
      <c r="UKW700" s="613"/>
      <c r="UKX700" s="613"/>
      <c r="UKY700" s="613"/>
      <c r="UKZ700" s="613"/>
      <c r="ULA700" s="613"/>
      <c r="ULB700" s="613"/>
      <c r="ULC700" s="613"/>
      <c r="ULD700" s="613"/>
      <c r="ULE700" s="613"/>
      <c r="ULF700" s="613"/>
      <c r="ULG700" s="613"/>
      <c r="ULH700" s="613"/>
      <c r="ULI700" s="613"/>
      <c r="ULJ700" s="613"/>
      <c r="ULK700" s="613"/>
      <c r="ULL700" s="613"/>
      <c r="ULM700" s="613"/>
      <c r="ULN700" s="613"/>
      <c r="ULO700" s="613"/>
      <c r="ULP700" s="613"/>
      <c r="ULQ700" s="613"/>
      <c r="ULR700" s="613"/>
      <c r="ULS700" s="613"/>
      <c r="ULT700" s="613"/>
      <c r="ULU700" s="613"/>
      <c r="ULV700" s="613"/>
      <c r="ULW700" s="613"/>
      <c r="ULX700" s="613"/>
      <c r="ULY700" s="613"/>
      <c r="ULZ700" s="613"/>
      <c r="UMA700" s="613"/>
      <c r="UMB700" s="613"/>
      <c r="UMC700" s="613"/>
      <c r="UMD700" s="613"/>
      <c r="UME700" s="613"/>
      <c r="UMF700" s="613"/>
      <c r="UMG700" s="613"/>
      <c r="UMH700" s="613"/>
      <c r="UMI700" s="613"/>
      <c r="UMJ700" s="613"/>
      <c r="UMK700" s="613"/>
      <c r="UML700" s="613"/>
      <c r="UMM700" s="613"/>
      <c r="UMN700" s="613"/>
      <c r="UMO700" s="613"/>
      <c r="UMP700" s="613"/>
      <c r="UMQ700" s="613"/>
      <c r="UMR700" s="613"/>
      <c r="UMS700" s="613"/>
      <c r="UMT700" s="613"/>
      <c r="UMU700" s="613"/>
      <c r="UMV700" s="613"/>
      <c r="UMW700" s="613"/>
      <c r="UMX700" s="613"/>
      <c r="UMY700" s="613"/>
      <c r="UMZ700" s="613"/>
      <c r="UNA700" s="613"/>
      <c r="UNB700" s="613"/>
      <c r="UNC700" s="613"/>
      <c r="UND700" s="613"/>
      <c r="UNE700" s="613"/>
      <c r="UNF700" s="613"/>
      <c r="UNG700" s="613"/>
      <c r="UNH700" s="613"/>
      <c r="UNI700" s="613"/>
      <c r="UNJ700" s="613"/>
      <c r="UNK700" s="613"/>
      <c r="UNL700" s="613"/>
      <c r="UNM700" s="613"/>
      <c r="UNN700" s="613"/>
      <c r="UNO700" s="613"/>
      <c r="UNP700" s="613"/>
      <c r="UNQ700" s="613"/>
      <c r="UNR700" s="613"/>
      <c r="UNS700" s="613"/>
      <c r="UNT700" s="613"/>
      <c r="UNU700" s="613"/>
      <c r="UNV700" s="613"/>
      <c r="UNW700" s="613"/>
      <c r="UNX700" s="613"/>
      <c r="UNY700" s="613"/>
      <c r="UNZ700" s="613"/>
      <c r="UOA700" s="613"/>
      <c r="UOB700" s="613"/>
      <c r="UOC700" s="613"/>
      <c r="UOD700" s="613"/>
      <c r="UOE700" s="613"/>
      <c r="UOF700" s="613"/>
      <c r="UOG700" s="613"/>
      <c r="UOH700" s="613"/>
      <c r="UOI700" s="613"/>
      <c r="UOJ700" s="613"/>
      <c r="UOK700" s="613"/>
      <c r="UOL700" s="613"/>
      <c r="UOM700" s="613"/>
      <c r="UON700" s="613"/>
      <c r="UOO700" s="613"/>
      <c r="UOP700" s="613"/>
      <c r="UOQ700" s="613"/>
      <c r="UOR700" s="613"/>
      <c r="UOS700" s="613"/>
      <c r="UOT700" s="613"/>
      <c r="UOU700" s="613"/>
      <c r="UOV700" s="613"/>
      <c r="UOW700" s="613"/>
      <c r="UOX700" s="613"/>
      <c r="UOY700" s="613"/>
      <c r="UOZ700" s="613"/>
      <c r="UPA700" s="613"/>
      <c r="UPB700" s="613"/>
      <c r="UPC700" s="613"/>
      <c r="UPD700" s="613"/>
      <c r="UPE700" s="613"/>
      <c r="UPF700" s="613"/>
      <c r="UPG700" s="613"/>
      <c r="UPH700" s="613"/>
      <c r="UPI700" s="613"/>
      <c r="UPJ700" s="613"/>
      <c r="UPK700" s="613"/>
      <c r="UPL700" s="613"/>
      <c r="UPM700" s="613"/>
      <c r="UPN700" s="613"/>
      <c r="UPO700" s="613"/>
      <c r="UPP700" s="613"/>
      <c r="UPQ700" s="613"/>
      <c r="UPR700" s="613"/>
      <c r="UPS700" s="613"/>
      <c r="UPT700" s="613"/>
      <c r="UPU700" s="613"/>
      <c r="UPV700" s="613"/>
      <c r="UPW700" s="613"/>
      <c r="UPX700" s="613"/>
      <c r="UPY700" s="613"/>
      <c r="UPZ700" s="613"/>
      <c r="UQA700" s="613"/>
      <c r="UQB700" s="613"/>
      <c r="UQC700" s="613"/>
      <c r="UQD700" s="613"/>
      <c r="UQE700" s="613"/>
      <c r="UQF700" s="613"/>
      <c r="UQG700" s="613"/>
      <c r="UQH700" s="613"/>
      <c r="UQI700" s="613"/>
      <c r="UQJ700" s="613"/>
      <c r="UQK700" s="613"/>
      <c r="UQL700" s="613"/>
      <c r="UQM700" s="613"/>
      <c r="UQN700" s="613"/>
      <c r="UQO700" s="613"/>
      <c r="UQP700" s="613"/>
      <c r="UQQ700" s="613"/>
      <c r="UQR700" s="613"/>
      <c r="UQS700" s="613"/>
      <c r="UQT700" s="613"/>
      <c r="UQU700" s="613"/>
      <c r="UQV700" s="613"/>
      <c r="UQW700" s="613"/>
      <c r="UQX700" s="613"/>
      <c r="UQY700" s="613"/>
      <c r="UQZ700" s="613"/>
      <c r="URA700" s="613"/>
      <c r="URB700" s="613"/>
      <c r="URC700" s="613"/>
      <c r="URD700" s="613"/>
      <c r="URE700" s="613"/>
      <c r="URF700" s="613"/>
      <c r="URG700" s="613"/>
      <c r="URH700" s="613"/>
      <c r="URI700" s="613"/>
      <c r="URJ700" s="613"/>
      <c r="URK700" s="613"/>
      <c r="URL700" s="613"/>
      <c r="URM700" s="613"/>
      <c r="URN700" s="613"/>
      <c r="URO700" s="613"/>
      <c r="URP700" s="613"/>
      <c r="URQ700" s="613"/>
      <c r="URR700" s="613"/>
      <c r="URS700" s="613"/>
      <c r="URT700" s="613"/>
      <c r="URU700" s="613"/>
      <c r="URV700" s="613"/>
      <c r="URW700" s="613"/>
      <c r="URX700" s="613"/>
      <c r="URY700" s="613"/>
      <c r="URZ700" s="613"/>
      <c r="USA700" s="613"/>
      <c r="USB700" s="613"/>
      <c r="USC700" s="613"/>
      <c r="USD700" s="613"/>
      <c r="USE700" s="613"/>
      <c r="USF700" s="613"/>
      <c r="USG700" s="613"/>
      <c r="USH700" s="613"/>
      <c r="USI700" s="613"/>
      <c r="USJ700" s="613"/>
      <c r="USK700" s="613"/>
      <c r="USL700" s="613"/>
      <c r="USM700" s="613"/>
      <c r="USN700" s="613"/>
      <c r="USO700" s="613"/>
      <c r="USP700" s="613"/>
      <c r="USQ700" s="613"/>
      <c r="USR700" s="613"/>
      <c r="USS700" s="613"/>
      <c r="UST700" s="613"/>
      <c r="USU700" s="613"/>
      <c r="USV700" s="613"/>
      <c r="USW700" s="613"/>
      <c r="USX700" s="613"/>
      <c r="USY700" s="613"/>
      <c r="USZ700" s="613"/>
      <c r="UTA700" s="613"/>
      <c r="UTB700" s="613"/>
      <c r="UTC700" s="613"/>
      <c r="UTD700" s="613"/>
      <c r="UTE700" s="613"/>
      <c r="UTF700" s="613"/>
      <c r="UTG700" s="613"/>
      <c r="UTH700" s="613"/>
      <c r="UTI700" s="613"/>
      <c r="UTJ700" s="613"/>
      <c r="UTK700" s="613"/>
      <c r="UTL700" s="613"/>
      <c r="UTM700" s="613"/>
      <c r="UTN700" s="613"/>
      <c r="UTO700" s="613"/>
      <c r="UTP700" s="613"/>
      <c r="UTQ700" s="613"/>
      <c r="UTR700" s="613"/>
      <c r="UTS700" s="613"/>
      <c r="UTT700" s="613"/>
      <c r="UTU700" s="613"/>
      <c r="UTV700" s="613"/>
      <c r="UTW700" s="613"/>
      <c r="UTX700" s="613"/>
      <c r="UTY700" s="613"/>
      <c r="UTZ700" s="613"/>
      <c r="UUA700" s="613"/>
      <c r="UUB700" s="613"/>
      <c r="UUC700" s="613"/>
      <c r="UUD700" s="613"/>
      <c r="UUE700" s="613"/>
      <c r="UUF700" s="613"/>
      <c r="UUG700" s="613"/>
      <c r="UUH700" s="613"/>
      <c r="UUI700" s="613"/>
      <c r="UUJ700" s="613"/>
      <c r="UUK700" s="613"/>
      <c r="UUL700" s="613"/>
      <c r="UUM700" s="613"/>
      <c r="UUN700" s="613"/>
      <c r="UUO700" s="613"/>
      <c r="UUP700" s="613"/>
      <c r="UUQ700" s="613"/>
      <c r="UUR700" s="613"/>
      <c r="UUS700" s="613"/>
      <c r="UUT700" s="613"/>
      <c r="UUU700" s="613"/>
      <c r="UUV700" s="613"/>
      <c r="UUW700" s="613"/>
      <c r="UUX700" s="613"/>
      <c r="UUY700" s="613"/>
      <c r="UUZ700" s="613"/>
      <c r="UVA700" s="613"/>
      <c r="UVB700" s="613"/>
      <c r="UVC700" s="613"/>
      <c r="UVD700" s="613"/>
      <c r="UVE700" s="613"/>
      <c r="UVF700" s="613"/>
      <c r="UVG700" s="613"/>
      <c r="UVH700" s="613"/>
      <c r="UVI700" s="613"/>
      <c r="UVJ700" s="613"/>
      <c r="UVK700" s="613"/>
      <c r="UVL700" s="613"/>
      <c r="UVM700" s="613"/>
      <c r="UVN700" s="613"/>
      <c r="UVO700" s="613"/>
      <c r="UVP700" s="613"/>
      <c r="UVQ700" s="613"/>
      <c r="UVR700" s="613"/>
      <c r="UVS700" s="613"/>
      <c r="UVT700" s="613"/>
      <c r="UVU700" s="613"/>
      <c r="UVV700" s="613"/>
      <c r="UVW700" s="613"/>
      <c r="UVX700" s="613"/>
      <c r="UVY700" s="613"/>
      <c r="UVZ700" s="613"/>
      <c r="UWA700" s="613"/>
      <c r="UWB700" s="613"/>
      <c r="UWC700" s="613"/>
      <c r="UWD700" s="613"/>
      <c r="UWE700" s="613"/>
      <c r="UWF700" s="613"/>
      <c r="UWG700" s="613"/>
      <c r="UWH700" s="613"/>
      <c r="UWI700" s="613"/>
      <c r="UWJ700" s="613"/>
      <c r="UWK700" s="613"/>
      <c r="UWL700" s="613"/>
      <c r="UWM700" s="613"/>
      <c r="UWN700" s="613"/>
      <c r="UWO700" s="613"/>
      <c r="UWP700" s="613"/>
      <c r="UWQ700" s="613"/>
      <c r="UWR700" s="613"/>
      <c r="UWS700" s="613"/>
      <c r="UWT700" s="613"/>
      <c r="UWU700" s="613"/>
      <c r="UWV700" s="613"/>
      <c r="UWW700" s="613"/>
      <c r="UWX700" s="613"/>
      <c r="UWY700" s="613"/>
      <c r="UWZ700" s="613"/>
      <c r="UXA700" s="613"/>
      <c r="UXB700" s="613"/>
      <c r="UXC700" s="613"/>
      <c r="UXD700" s="613"/>
      <c r="UXE700" s="613"/>
      <c r="UXF700" s="613"/>
      <c r="UXG700" s="613"/>
      <c r="UXH700" s="613"/>
      <c r="UXI700" s="613"/>
      <c r="UXJ700" s="613"/>
      <c r="UXK700" s="613"/>
      <c r="UXL700" s="613"/>
      <c r="UXM700" s="613"/>
      <c r="UXN700" s="613"/>
      <c r="UXO700" s="613"/>
      <c r="UXP700" s="613"/>
      <c r="UXQ700" s="613"/>
      <c r="UXR700" s="613"/>
      <c r="UXS700" s="613"/>
      <c r="UXT700" s="613"/>
      <c r="UXU700" s="613"/>
      <c r="UXV700" s="613"/>
      <c r="UXW700" s="613"/>
      <c r="UXX700" s="613"/>
      <c r="UXY700" s="613"/>
      <c r="UXZ700" s="613"/>
      <c r="UYA700" s="613"/>
      <c r="UYB700" s="613"/>
      <c r="UYC700" s="613"/>
      <c r="UYD700" s="613"/>
      <c r="UYE700" s="613"/>
      <c r="UYF700" s="613"/>
      <c r="UYG700" s="613"/>
      <c r="UYH700" s="613"/>
      <c r="UYI700" s="613"/>
      <c r="UYJ700" s="613"/>
      <c r="UYK700" s="613"/>
      <c r="UYL700" s="613"/>
      <c r="UYM700" s="613"/>
      <c r="UYN700" s="613"/>
      <c r="UYO700" s="613"/>
      <c r="UYP700" s="613"/>
      <c r="UYQ700" s="613"/>
      <c r="UYR700" s="613"/>
      <c r="UYS700" s="613"/>
      <c r="UYT700" s="613"/>
      <c r="UYU700" s="613"/>
      <c r="UYV700" s="613"/>
      <c r="UYW700" s="613"/>
      <c r="UYX700" s="613"/>
      <c r="UYY700" s="613"/>
      <c r="UYZ700" s="613"/>
      <c r="UZA700" s="613"/>
      <c r="UZB700" s="613"/>
      <c r="UZC700" s="613"/>
      <c r="UZD700" s="613"/>
      <c r="UZE700" s="613"/>
      <c r="UZF700" s="613"/>
      <c r="UZG700" s="613"/>
      <c r="UZH700" s="613"/>
      <c r="UZI700" s="613"/>
      <c r="UZJ700" s="613"/>
      <c r="UZK700" s="613"/>
      <c r="UZL700" s="613"/>
      <c r="UZM700" s="613"/>
      <c r="UZN700" s="613"/>
      <c r="UZO700" s="613"/>
      <c r="UZP700" s="613"/>
      <c r="UZQ700" s="613"/>
      <c r="UZR700" s="613"/>
      <c r="UZS700" s="613"/>
      <c r="UZT700" s="613"/>
      <c r="UZU700" s="613"/>
      <c r="UZV700" s="613"/>
      <c r="UZW700" s="613"/>
      <c r="UZX700" s="613"/>
      <c r="UZY700" s="613"/>
      <c r="UZZ700" s="613"/>
      <c r="VAA700" s="613"/>
      <c r="VAB700" s="613"/>
      <c r="VAC700" s="613"/>
      <c r="VAD700" s="613"/>
      <c r="VAE700" s="613"/>
      <c r="VAF700" s="613"/>
      <c r="VAG700" s="613"/>
      <c r="VAH700" s="613"/>
      <c r="VAI700" s="613"/>
      <c r="VAJ700" s="613"/>
      <c r="VAK700" s="613"/>
      <c r="VAL700" s="613"/>
      <c r="VAM700" s="613"/>
      <c r="VAN700" s="613"/>
      <c r="VAO700" s="613"/>
      <c r="VAP700" s="613"/>
      <c r="VAQ700" s="613"/>
      <c r="VAR700" s="613"/>
      <c r="VAS700" s="613"/>
      <c r="VAT700" s="613"/>
      <c r="VAU700" s="613"/>
      <c r="VAV700" s="613"/>
      <c r="VAW700" s="613"/>
      <c r="VAX700" s="613"/>
      <c r="VAY700" s="613"/>
      <c r="VAZ700" s="613"/>
      <c r="VBA700" s="613"/>
      <c r="VBB700" s="613"/>
      <c r="VBC700" s="613"/>
      <c r="VBD700" s="613"/>
      <c r="VBE700" s="613"/>
      <c r="VBF700" s="613"/>
      <c r="VBG700" s="613"/>
      <c r="VBH700" s="613"/>
      <c r="VBI700" s="613"/>
      <c r="VBJ700" s="613"/>
      <c r="VBK700" s="613"/>
      <c r="VBL700" s="613"/>
      <c r="VBM700" s="613"/>
      <c r="VBN700" s="613"/>
      <c r="VBO700" s="613"/>
      <c r="VBP700" s="613"/>
      <c r="VBQ700" s="613"/>
      <c r="VBR700" s="613"/>
      <c r="VBS700" s="613"/>
      <c r="VBT700" s="613"/>
      <c r="VBU700" s="613"/>
      <c r="VBV700" s="613"/>
      <c r="VBW700" s="613"/>
      <c r="VBX700" s="613"/>
      <c r="VBY700" s="613"/>
      <c r="VBZ700" s="613"/>
      <c r="VCA700" s="613"/>
      <c r="VCB700" s="613"/>
      <c r="VCC700" s="613"/>
      <c r="VCD700" s="613"/>
      <c r="VCE700" s="613"/>
      <c r="VCF700" s="613"/>
      <c r="VCG700" s="613"/>
      <c r="VCH700" s="613"/>
      <c r="VCI700" s="613"/>
      <c r="VCJ700" s="613"/>
      <c r="VCK700" s="613"/>
      <c r="VCL700" s="613"/>
      <c r="VCM700" s="613"/>
      <c r="VCN700" s="613"/>
      <c r="VCO700" s="613"/>
      <c r="VCP700" s="613"/>
      <c r="VCQ700" s="613"/>
      <c r="VCR700" s="613"/>
      <c r="VCS700" s="613"/>
      <c r="VCT700" s="613"/>
      <c r="VCU700" s="613"/>
      <c r="VCV700" s="613"/>
      <c r="VCW700" s="613"/>
      <c r="VCX700" s="613"/>
      <c r="VCY700" s="613"/>
      <c r="VCZ700" s="613"/>
      <c r="VDA700" s="613"/>
      <c r="VDB700" s="613"/>
      <c r="VDC700" s="613"/>
      <c r="VDD700" s="613"/>
      <c r="VDE700" s="613"/>
      <c r="VDF700" s="613"/>
      <c r="VDG700" s="613"/>
      <c r="VDH700" s="613"/>
      <c r="VDI700" s="613"/>
      <c r="VDJ700" s="613"/>
      <c r="VDK700" s="613"/>
      <c r="VDL700" s="613"/>
      <c r="VDM700" s="613"/>
      <c r="VDN700" s="613"/>
      <c r="VDO700" s="613"/>
      <c r="VDP700" s="613"/>
      <c r="VDQ700" s="613"/>
      <c r="VDR700" s="613"/>
      <c r="VDS700" s="613"/>
      <c r="VDT700" s="613"/>
      <c r="VDU700" s="613"/>
      <c r="VDV700" s="613"/>
      <c r="VDW700" s="613"/>
      <c r="VDX700" s="613"/>
      <c r="VDY700" s="613"/>
      <c r="VDZ700" s="613"/>
      <c r="VEA700" s="613"/>
      <c r="VEB700" s="613"/>
      <c r="VEC700" s="613"/>
      <c r="VED700" s="613"/>
      <c r="VEE700" s="613"/>
      <c r="VEF700" s="613"/>
      <c r="VEG700" s="613"/>
      <c r="VEH700" s="613"/>
      <c r="VEI700" s="613"/>
      <c r="VEJ700" s="613"/>
      <c r="VEK700" s="613"/>
      <c r="VEL700" s="613"/>
      <c r="VEM700" s="613"/>
      <c r="VEN700" s="613"/>
      <c r="VEO700" s="613"/>
      <c r="VEP700" s="613"/>
      <c r="VEQ700" s="613"/>
      <c r="VER700" s="613"/>
      <c r="VES700" s="613"/>
      <c r="VET700" s="613"/>
      <c r="VEU700" s="613"/>
      <c r="VEV700" s="613"/>
      <c r="VEW700" s="613"/>
      <c r="VEX700" s="613"/>
      <c r="VEY700" s="613"/>
      <c r="VEZ700" s="613"/>
      <c r="VFA700" s="613"/>
      <c r="VFB700" s="613"/>
      <c r="VFC700" s="613"/>
      <c r="VFD700" s="613"/>
      <c r="VFE700" s="613"/>
      <c r="VFF700" s="613"/>
      <c r="VFG700" s="613"/>
      <c r="VFH700" s="613"/>
      <c r="VFI700" s="613"/>
      <c r="VFJ700" s="613"/>
      <c r="VFK700" s="613"/>
      <c r="VFL700" s="613"/>
      <c r="VFM700" s="613"/>
      <c r="VFN700" s="613"/>
      <c r="VFO700" s="613"/>
      <c r="VFP700" s="613"/>
      <c r="VFQ700" s="613"/>
      <c r="VFR700" s="613"/>
      <c r="VFS700" s="613"/>
      <c r="VFT700" s="613"/>
      <c r="VFU700" s="613"/>
      <c r="VFV700" s="613"/>
      <c r="VFW700" s="613"/>
      <c r="VFX700" s="613"/>
      <c r="VFY700" s="613"/>
      <c r="VFZ700" s="613"/>
      <c r="VGA700" s="613"/>
      <c r="VGB700" s="613"/>
      <c r="VGC700" s="613"/>
      <c r="VGD700" s="613"/>
      <c r="VGE700" s="613"/>
      <c r="VGF700" s="613"/>
      <c r="VGG700" s="613"/>
      <c r="VGH700" s="613"/>
      <c r="VGI700" s="613"/>
      <c r="VGJ700" s="613"/>
      <c r="VGK700" s="613"/>
      <c r="VGL700" s="613"/>
      <c r="VGM700" s="613"/>
      <c r="VGN700" s="613"/>
      <c r="VGO700" s="613"/>
      <c r="VGP700" s="613"/>
      <c r="VGQ700" s="613"/>
      <c r="VGR700" s="613"/>
      <c r="VGS700" s="613"/>
      <c r="VGT700" s="613"/>
      <c r="VGU700" s="613"/>
      <c r="VGV700" s="613"/>
      <c r="VGW700" s="613"/>
      <c r="VGX700" s="613"/>
      <c r="VGY700" s="613"/>
      <c r="VGZ700" s="613"/>
      <c r="VHA700" s="613"/>
      <c r="VHB700" s="613"/>
      <c r="VHC700" s="613"/>
      <c r="VHD700" s="613"/>
      <c r="VHE700" s="613"/>
      <c r="VHF700" s="613"/>
      <c r="VHG700" s="613"/>
      <c r="VHH700" s="613"/>
      <c r="VHI700" s="613"/>
      <c r="VHJ700" s="613"/>
      <c r="VHK700" s="613"/>
      <c r="VHL700" s="613"/>
      <c r="VHM700" s="613"/>
      <c r="VHN700" s="613"/>
      <c r="VHO700" s="613"/>
      <c r="VHP700" s="613"/>
      <c r="VHQ700" s="613"/>
      <c r="VHR700" s="613"/>
      <c r="VHS700" s="613"/>
      <c r="VHT700" s="613"/>
      <c r="VHU700" s="613"/>
      <c r="VHV700" s="613"/>
      <c r="VHW700" s="613"/>
      <c r="VHX700" s="613"/>
      <c r="VHY700" s="613"/>
      <c r="VHZ700" s="613"/>
      <c r="VIA700" s="613"/>
      <c r="VIB700" s="613"/>
      <c r="VIC700" s="613"/>
      <c r="VID700" s="613"/>
      <c r="VIE700" s="613"/>
      <c r="VIF700" s="613"/>
      <c r="VIG700" s="613"/>
      <c r="VIH700" s="613"/>
      <c r="VII700" s="613"/>
      <c r="VIJ700" s="613"/>
      <c r="VIK700" s="613"/>
      <c r="VIL700" s="613"/>
      <c r="VIM700" s="613"/>
      <c r="VIN700" s="613"/>
      <c r="VIO700" s="613"/>
      <c r="VIP700" s="613"/>
      <c r="VIQ700" s="613"/>
      <c r="VIR700" s="613"/>
      <c r="VIS700" s="613"/>
      <c r="VIT700" s="613"/>
      <c r="VIU700" s="613"/>
      <c r="VIV700" s="613"/>
      <c r="VIW700" s="613"/>
      <c r="VIX700" s="613"/>
      <c r="VIY700" s="613"/>
      <c r="VIZ700" s="613"/>
      <c r="VJA700" s="613"/>
      <c r="VJB700" s="613"/>
      <c r="VJC700" s="613"/>
      <c r="VJD700" s="613"/>
      <c r="VJE700" s="613"/>
      <c r="VJF700" s="613"/>
      <c r="VJG700" s="613"/>
      <c r="VJH700" s="613"/>
      <c r="VJI700" s="613"/>
      <c r="VJJ700" s="613"/>
      <c r="VJK700" s="613"/>
      <c r="VJL700" s="613"/>
      <c r="VJM700" s="613"/>
      <c r="VJN700" s="613"/>
      <c r="VJO700" s="613"/>
      <c r="VJP700" s="613"/>
      <c r="VJQ700" s="613"/>
      <c r="VJR700" s="613"/>
      <c r="VJS700" s="613"/>
      <c r="VJT700" s="613"/>
      <c r="VJU700" s="613"/>
      <c r="VJV700" s="613"/>
      <c r="VJW700" s="613"/>
      <c r="VJX700" s="613"/>
      <c r="VJY700" s="613"/>
      <c r="VJZ700" s="613"/>
      <c r="VKA700" s="613"/>
      <c r="VKB700" s="613"/>
      <c r="VKC700" s="613"/>
      <c r="VKD700" s="613"/>
      <c r="VKE700" s="613"/>
      <c r="VKF700" s="613"/>
      <c r="VKG700" s="613"/>
      <c r="VKH700" s="613"/>
      <c r="VKI700" s="613"/>
      <c r="VKJ700" s="613"/>
      <c r="VKK700" s="613"/>
      <c r="VKL700" s="613"/>
      <c r="VKM700" s="613"/>
      <c r="VKN700" s="613"/>
      <c r="VKO700" s="613"/>
      <c r="VKP700" s="613"/>
      <c r="VKQ700" s="613"/>
      <c r="VKR700" s="613"/>
      <c r="VKS700" s="613"/>
      <c r="VKT700" s="613"/>
      <c r="VKU700" s="613"/>
      <c r="VKV700" s="613"/>
      <c r="VKW700" s="613"/>
      <c r="VKX700" s="613"/>
      <c r="VKY700" s="613"/>
      <c r="VKZ700" s="613"/>
      <c r="VLA700" s="613"/>
      <c r="VLB700" s="613"/>
      <c r="VLC700" s="613"/>
      <c r="VLD700" s="613"/>
      <c r="VLE700" s="613"/>
      <c r="VLF700" s="613"/>
      <c r="VLG700" s="613"/>
      <c r="VLH700" s="613"/>
      <c r="VLI700" s="613"/>
      <c r="VLJ700" s="613"/>
      <c r="VLK700" s="613"/>
      <c r="VLL700" s="613"/>
      <c r="VLM700" s="613"/>
      <c r="VLN700" s="613"/>
      <c r="VLO700" s="613"/>
      <c r="VLP700" s="613"/>
      <c r="VLQ700" s="613"/>
      <c r="VLR700" s="613"/>
      <c r="VLS700" s="613"/>
      <c r="VLT700" s="613"/>
      <c r="VLU700" s="613"/>
      <c r="VLV700" s="613"/>
      <c r="VLW700" s="613"/>
      <c r="VLX700" s="613"/>
      <c r="VLY700" s="613"/>
      <c r="VLZ700" s="613"/>
      <c r="VMA700" s="613"/>
      <c r="VMB700" s="613"/>
      <c r="VMC700" s="613"/>
      <c r="VMD700" s="613"/>
      <c r="VME700" s="613"/>
      <c r="VMF700" s="613"/>
      <c r="VMG700" s="613"/>
      <c r="VMH700" s="613"/>
      <c r="VMI700" s="613"/>
      <c r="VMJ700" s="613"/>
      <c r="VMK700" s="613"/>
      <c r="VML700" s="613"/>
      <c r="VMM700" s="613"/>
      <c r="VMN700" s="613"/>
      <c r="VMO700" s="613"/>
      <c r="VMP700" s="613"/>
      <c r="VMQ700" s="613"/>
      <c r="VMR700" s="613"/>
      <c r="VMS700" s="613"/>
      <c r="VMT700" s="613"/>
      <c r="VMU700" s="613"/>
      <c r="VMV700" s="613"/>
      <c r="VMW700" s="613"/>
      <c r="VMX700" s="613"/>
      <c r="VMY700" s="613"/>
      <c r="VMZ700" s="613"/>
      <c r="VNA700" s="613"/>
      <c r="VNB700" s="613"/>
      <c r="VNC700" s="613"/>
      <c r="VND700" s="613"/>
      <c r="VNE700" s="613"/>
      <c r="VNF700" s="613"/>
      <c r="VNG700" s="613"/>
      <c r="VNH700" s="613"/>
      <c r="VNI700" s="613"/>
      <c r="VNJ700" s="613"/>
      <c r="VNK700" s="613"/>
      <c r="VNL700" s="613"/>
      <c r="VNM700" s="613"/>
      <c r="VNN700" s="613"/>
      <c r="VNO700" s="613"/>
      <c r="VNP700" s="613"/>
      <c r="VNQ700" s="613"/>
      <c r="VNR700" s="613"/>
      <c r="VNS700" s="613"/>
      <c r="VNT700" s="613"/>
      <c r="VNU700" s="613"/>
      <c r="VNV700" s="613"/>
      <c r="VNW700" s="613"/>
      <c r="VNX700" s="613"/>
      <c r="VNY700" s="613"/>
      <c r="VNZ700" s="613"/>
      <c r="VOA700" s="613"/>
      <c r="VOB700" s="613"/>
      <c r="VOC700" s="613"/>
      <c r="VOD700" s="613"/>
      <c r="VOE700" s="613"/>
      <c r="VOF700" s="613"/>
      <c r="VOG700" s="613"/>
      <c r="VOH700" s="613"/>
      <c r="VOI700" s="613"/>
      <c r="VOJ700" s="613"/>
      <c r="VOK700" s="613"/>
      <c r="VOL700" s="613"/>
      <c r="VOM700" s="613"/>
      <c r="VON700" s="613"/>
      <c r="VOO700" s="613"/>
      <c r="VOP700" s="613"/>
      <c r="VOQ700" s="613"/>
      <c r="VOR700" s="613"/>
      <c r="VOS700" s="613"/>
      <c r="VOT700" s="613"/>
      <c r="VOU700" s="613"/>
      <c r="VOV700" s="613"/>
      <c r="VOW700" s="613"/>
      <c r="VOX700" s="613"/>
      <c r="VOY700" s="613"/>
      <c r="VOZ700" s="613"/>
      <c r="VPA700" s="613"/>
      <c r="VPB700" s="613"/>
      <c r="VPC700" s="613"/>
      <c r="VPD700" s="613"/>
      <c r="VPE700" s="613"/>
      <c r="VPF700" s="613"/>
      <c r="VPG700" s="613"/>
      <c r="VPH700" s="613"/>
      <c r="VPI700" s="613"/>
      <c r="VPJ700" s="613"/>
      <c r="VPK700" s="613"/>
      <c r="VPL700" s="613"/>
      <c r="VPM700" s="613"/>
      <c r="VPN700" s="613"/>
      <c r="VPO700" s="613"/>
      <c r="VPP700" s="613"/>
      <c r="VPQ700" s="613"/>
      <c r="VPR700" s="613"/>
      <c r="VPS700" s="613"/>
      <c r="VPT700" s="613"/>
      <c r="VPU700" s="613"/>
      <c r="VPV700" s="613"/>
      <c r="VPW700" s="613"/>
      <c r="VPX700" s="613"/>
      <c r="VPY700" s="613"/>
      <c r="VPZ700" s="613"/>
      <c r="VQA700" s="613"/>
      <c r="VQB700" s="613"/>
      <c r="VQC700" s="613"/>
      <c r="VQD700" s="613"/>
      <c r="VQE700" s="613"/>
      <c r="VQF700" s="613"/>
      <c r="VQG700" s="613"/>
      <c r="VQH700" s="613"/>
      <c r="VQI700" s="613"/>
      <c r="VQJ700" s="613"/>
      <c r="VQK700" s="613"/>
      <c r="VQL700" s="613"/>
      <c r="VQM700" s="613"/>
      <c r="VQN700" s="613"/>
      <c r="VQO700" s="613"/>
      <c r="VQP700" s="613"/>
      <c r="VQQ700" s="613"/>
      <c r="VQR700" s="613"/>
      <c r="VQS700" s="613"/>
      <c r="VQT700" s="613"/>
      <c r="VQU700" s="613"/>
      <c r="VQV700" s="613"/>
      <c r="VQW700" s="613"/>
      <c r="VQX700" s="613"/>
      <c r="VQY700" s="613"/>
      <c r="VQZ700" s="613"/>
      <c r="VRA700" s="613"/>
      <c r="VRB700" s="613"/>
      <c r="VRC700" s="613"/>
      <c r="VRD700" s="613"/>
      <c r="VRE700" s="613"/>
      <c r="VRF700" s="613"/>
      <c r="VRG700" s="613"/>
      <c r="VRH700" s="613"/>
      <c r="VRI700" s="613"/>
      <c r="VRJ700" s="613"/>
      <c r="VRK700" s="613"/>
      <c r="VRL700" s="613"/>
      <c r="VRM700" s="613"/>
      <c r="VRN700" s="613"/>
      <c r="VRO700" s="613"/>
      <c r="VRP700" s="613"/>
      <c r="VRQ700" s="613"/>
      <c r="VRR700" s="613"/>
      <c r="VRS700" s="613"/>
      <c r="VRT700" s="613"/>
      <c r="VRU700" s="613"/>
      <c r="VRV700" s="613"/>
      <c r="VRW700" s="613"/>
      <c r="VRX700" s="613"/>
      <c r="VRY700" s="613"/>
      <c r="VRZ700" s="613"/>
      <c r="VSA700" s="613"/>
      <c r="VSB700" s="613"/>
      <c r="VSC700" s="613"/>
      <c r="VSD700" s="613"/>
      <c r="VSE700" s="613"/>
      <c r="VSF700" s="613"/>
      <c r="VSG700" s="613"/>
      <c r="VSH700" s="613"/>
      <c r="VSI700" s="613"/>
      <c r="VSJ700" s="613"/>
      <c r="VSK700" s="613"/>
      <c r="VSL700" s="613"/>
      <c r="VSM700" s="613"/>
      <c r="VSN700" s="613"/>
      <c r="VSO700" s="613"/>
      <c r="VSP700" s="613"/>
      <c r="VSQ700" s="613"/>
      <c r="VSR700" s="613"/>
      <c r="VSS700" s="613"/>
      <c r="VST700" s="613"/>
      <c r="VSU700" s="613"/>
      <c r="VSV700" s="613"/>
      <c r="VSW700" s="613"/>
      <c r="VSX700" s="613"/>
      <c r="VSY700" s="613"/>
      <c r="VSZ700" s="613"/>
      <c r="VTA700" s="613"/>
      <c r="VTB700" s="613"/>
      <c r="VTC700" s="613"/>
      <c r="VTD700" s="613"/>
      <c r="VTE700" s="613"/>
      <c r="VTF700" s="613"/>
      <c r="VTG700" s="613"/>
      <c r="VTH700" s="613"/>
      <c r="VTI700" s="613"/>
      <c r="VTJ700" s="613"/>
      <c r="VTK700" s="613"/>
      <c r="VTL700" s="613"/>
      <c r="VTM700" s="613"/>
      <c r="VTN700" s="613"/>
      <c r="VTO700" s="613"/>
      <c r="VTP700" s="613"/>
      <c r="VTQ700" s="613"/>
      <c r="VTR700" s="613"/>
      <c r="VTS700" s="613"/>
      <c r="VTT700" s="613"/>
      <c r="VTU700" s="613"/>
      <c r="VTV700" s="613"/>
      <c r="VTW700" s="613"/>
      <c r="VTX700" s="613"/>
      <c r="VTY700" s="613"/>
      <c r="VTZ700" s="613"/>
      <c r="VUA700" s="613"/>
      <c r="VUB700" s="613"/>
      <c r="VUC700" s="613"/>
      <c r="VUD700" s="613"/>
      <c r="VUE700" s="613"/>
      <c r="VUF700" s="613"/>
      <c r="VUG700" s="613"/>
      <c r="VUH700" s="613"/>
      <c r="VUI700" s="613"/>
      <c r="VUJ700" s="613"/>
      <c r="VUK700" s="613"/>
      <c r="VUL700" s="613"/>
      <c r="VUM700" s="613"/>
      <c r="VUN700" s="613"/>
      <c r="VUO700" s="613"/>
      <c r="VUP700" s="613"/>
      <c r="VUQ700" s="613"/>
      <c r="VUR700" s="613"/>
      <c r="VUS700" s="613"/>
      <c r="VUT700" s="613"/>
      <c r="VUU700" s="613"/>
      <c r="VUV700" s="613"/>
      <c r="VUW700" s="613"/>
      <c r="VUX700" s="613"/>
      <c r="VUY700" s="613"/>
      <c r="VUZ700" s="613"/>
      <c r="VVA700" s="613"/>
      <c r="VVB700" s="613"/>
      <c r="VVC700" s="613"/>
      <c r="VVD700" s="613"/>
      <c r="VVE700" s="613"/>
      <c r="VVF700" s="613"/>
      <c r="VVG700" s="613"/>
      <c r="VVH700" s="613"/>
      <c r="VVI700" s="613"/>
      <c r="VVJ700" s="613"/>
      <c r="VVK700" s="613"/>
      <c r="VVL700" s="613"/>
      <c r="VVM700" s="613"/>
      <c r="VVN700" s="613"/>
      <c r="VVO700" s="613"/>
      <c r="VVP700" s="613"/>
      <c r="VVQ700" s="613"/>
      <c r="VVR700" s="613"/>
      <c r="VVS700" s="613"/>
      <c r="VVT700" s="613"/>
      <c r="VVU700" s="613"/>
      <c r="VVV700" s="613"/>
      <c r="VVW700" s="613"/>
      <c r="VVX700" s="613"/>
      <c r="VVY700" s="613"/>
      <c r="VVZ700" s="613"/>
      <c r="VWA700" s="613"/>
      <c r="VWB700" s="613"/>
      <c r="VWC700" s="613"/>
      <c r="VWD700" s="613"/>
      <c r="VWE700" s="613"/>
      <c r="VWF700" s="613"/>
      <c r="VWG700" s="613"/>
      <c r="VWH700" s="613"/>
      <c r="VWI700" s="613"/>
      <c r="VWJ700" s="613"/>
      <c r="VWK700" s="613"/>
      <c r="VWL700" s="613"/>
      <c r="VWM700" s="613"/>
      <c r="VWN700" s="613"/>
      <c r="VWO700" s="613"/>
      <c r="VWP700" s="613"/>
      <c r="VWQ700" s="613"/>
      <c r="VWR700" s="613"/>
      <c r="VWS700" s="613"/>
      <c r="VWT700" s="613"/>
      <c r="VWU700" s="613"/>
      <c r="VWV700" s="613"/>
      <c r="VWW700" s="613"/>
      <c r="VWX700" s="613"/>
      <c r="VWY700" s="613"/>
      <c r="VWZ700" s="613"/>
      <c r="VXA700" s="613"/>
      <c r="VXB700" s="613"/>
      <c r="VXC700" s="613"/>
      <c r="VXD700" s="613"/>
      <c r="VXE700" s="613"/>
      <c r="VXF700" s="613"/>
      <c r="VXG700" s="613"/>
      <c r="VXH700" s="613"/>
      <c r="VXI700" s="613"/>
      <c r="VXJ700" s="613"/>
      <c r="VXK700" s="613"/>
      <c r="VXL700" s="613"/>
      <c r="VXM700" s="613"/>
      <c r="VXN700" s="613"/>
      <c r="VXO700" s="613"/>
      <c r="VXP700" s="613"/>
      <c r="VXQ700" s="613"/>
      <c r="VXR700" s="613"/>
      <c r="VXS700" s="613"/>
      <c r="VXT700" s="613"/>
      <c r="VXU700" s="613"/>
      <c r="VXV700" s="613"/>
      <c r="VXW700" s="613"/>
      <c r="VXX700" s="613"/>
      <c r="VXY700" s="613"/>
      <c r="VXZ700" s="613"/>
      <c r="VYA700" s="613"/>
      <c r="VYB700" s="613"/>
      <c r="VYC700" s="613"/>
      <c r="VYD700" s="613"/>
      <c r="VYE700" s="613"/>
      <c r="VYF700" s="613"/>
      <c r="VYG700" s="613"/>
      <c r="VYH700" s="613"/>
      <c r="VYI700" s="613"/>
      <c r="VYJ700" s="613"/>
      <c r="VYK700" s="613"/>
      <c r="VYL700" s="613"/>
      <c r="VYM700" s="613"/>
      <c r="VYN700" s="613"/>
      <c r="VYO700" s="613"/>
      <c r="VYP700" s="613"/>
      <c r="VYQ700" s="613"/>
      <c r="VYR700" s="613"/>
      <c r="VYS700" s="613"/>
      <c r="VYT700" s="613"/>
      <c r="VYU700" s="613"/>
      <c r="VYV700" s="613"/>
      <c r="VYW700" s="613"/>
      <c r="VYX700" s="613"/>
      <c r="VYY700" s="613"/>
      <c r="VYZ700" s="613"/>
      <c r="VZA700" s="613"/>
      <c r="VZB700" s="613"/>
      <c r="VZC700" s="613"/>
      <c r="VZD700" s="613"/>
      <c r="VZE700" s="613"/>
      <c r="VZF700" s="613"/>
      <c r="VZG700" s="613"/>
      <c r="VZH700" s="613"/>
      <c r="VZI700" s="613"/>
      <c r="VZJ700" s="613"/>
      <c r="VZK700" s="613"/>
      <c r="VZL700" s="613"/>
      <c r="VZM700" s="613"/>
      <c r="VZN700" s="613"/>
      <c r="VZO700" s="613"/>
      <c r="VZP700" s="613"/>
      <c r="VZQ700" s="613"/>
      <c r="VZR700" s="613"/>
      <c r="VZS700" s="613"/>
      <c r="VZT700" s="613"/>
      <c r="VZU700" s="613"/>
      <c r="VZV700" s="613"/>
      <c r="VZW700" s="613"/>
      <c r="VZX700" s="613"/>
      <c r="VZY700" s="613"/>
      <c r="VZZ700" s="613"/>
      <c r="WAA700" s="613"/>
      <c r="WAB700" s="613"/>
      <c r="WAC700" s="613"/>
      <c r="WAD700" s="613"/>
      <c r="WAE700" s="613"/>
      <c r="WAF700" s="613"/>
      <c r="WAG700" s="613"/>
      <c r="WAH700" s="613"/>
      <c r="WAI700" s="613"/>
      <c r="WAJ700" s="613"/>
      <c r="WAK700" s="613"/>
      <c r="WAL700" s="613"/>
      <c r="WAM700" s="613"/>
      <c r="WAN700" s="613"/>
      <c r="WAO700" s="613"/>
      <c r="WAP700" s="613"/>
      <c r="WAQ700" s="613"/>
      <c r="WAR700" s="613"/>
      <c r="WAS700" s="613"/>
      <c r="WAT700" s="613"/>
      <c r="WAU700" s="613"/>
      <c r="WAV700" s="613"/>
      <c r="WAW700" s="613"/>
      <c r="WAX700" s="613"/>
      <c r="WAY700" s="613"/>
      <c r="WAZ700" s="613"/>
      <c r="WBA700" s="613"/>
      <c r="WBB700" s="613"/>
      <c r="WBC700" s="613"/>
      <c r="WBD700" s="613"/>
      <c r="WBE700" s="613"/>
      <c r="WBF700" s="613"/>
      <c r="WBG700" s="613"/>
      <c r="WBH700" s="613"/>
      <c r="WBI700" s="613"/>
      <c r="WBJ700" s="613"/>
      <c r="WBK700" s="613"/>
      <c r="WBL700" s="613"/>
      <c r="WBM700" s="613"/>
      <c r="WBN700" s="613"/>
      <c r="WBO700" s="613"/>
      <c r="WBP700" s="613"/>
      <c r="WBQ700" s="613"/>
      <c r="WBR700" s="613"/>
      <c r="WBS700" s="613"/>
      <c r="WBT700" s="613"/>
      <c r="WBU700" s="613"/>
      <c r="WBV700" s="613"/>
      <c r="WBW700" s="613"/>
      <c r="WBX700" s="613"/>
      <c r="WBY700" s="613"/>
      <c r="WBZ700" s="613"/>
      <c r="WCA700" s="613"/>
      <c r="WCB700" s="613"/>
      <c r="WCC700" s="613"/>
      <c r="WCD700" s="613"/>
      <c r="WCE700" s="613"/>
      <c r="WCF700" s="613"/>
      <c r="WCG700" s="613"/>
      <c r="WCH700" s="613"/>
      <c r="WCI700" s="613"/>
      <c r="WCJ700" s="613"/>
      <c r="WCK700" s="613"/>
      <c r="WCL700" s="613"/>
      <c r="WCM700" s="613"/>
      <c r="WCN700" s="613"/>
      <c r="WCO700" s="613"/>
      <c r="WCP700" s="613"/>
      <c r="WCQ700" s="613"/>
      <c r="WCR700" s="613"/>
      <c r="WCS700" s="613"/>
      <c r="WCT700" s="613"/>
      <c r="WCU700" s="613"/>
      <c r="WCV700" s="613"/>
      <c r="WCW700" s="613"/>
      <c r="WCX700" s="613"/>
      <c r="WCY700" s="613"/>
      <c r="WCZ700" s="613"/>
      <c r="WDA700" s="613"/>
      <c r="WDB700" s="613"/>
      <c r="WDC700" s="613"/>
      <c r="WDD700" s="613"/>
      <c r="WDE700" s="613"/>
      <c r="WDF700" s="613"/>
      <c r="WDG700" s="613"/>
      <c r="WDH700" s="613"/>
      <c r="WDI700" s="613"/>
      <c r="WDJ700" s="613"/>
      <c r="WDK700" s="613"/>
      <c r="WDL700" s="613"/>
      <c r="WDM700" s="613"/>
      <c r="WDN700" s="613"/>
      <c r="WDO700" s="613"/>
      <c r="WDP700" s="613"/>
      <c r="WDQ700" s="613"/>
      <c r="WDR700" s="613"/>
      <c r="WDS700" s="613"/>
      <c r="WDT700" s="613"/>
      <c r="WDU700" s="613"/>
      <c r="WDV700" s="613"/>
      <c r="WDW700" s="613"/>
      <c r="WDX700" s="613"/>
      <c r="WDY700" s="613"/>
      <c r="WDZ700" s="613"/>
      <c r="WEA700" s="613"/>
      <c r="WEB700" s="613"/>
      <c r="WEC700" s="613"/>
      <c r="WED700" s="613"/>
      <c r="WEE700" s="613"/>
      <c r="WEF700" s="613"/>
      <c r="WEG700" s="613"/>
      <c r="WEH700" s="613"/>
      <c r="WEI700" s="613"/>
      <c r="WEJ700" s="613"/>
      <c r="WEK700" s="613"/>
      <c r="WEL700" s="613"/>
      <c r="WEM700" s="613"/>
      <c r="WEN700" s="613"/>
      <c r="WEO700" s="613"/>
      <c r="WEP700" s="613"/>
      <c r="WEQ700" s="613"/>
      <c r="WER700" s="613"/>
      <c r="WES700" s="613"/>
      <c r="WET700" s="613"/>
      <c r="WEU700" s="613"/>
      <c r="WEV700" s="613"/>
      <c r="WEW700" s="613"/>
      <c r="WEX700" s="613"/>
      <c r="WEY700" s="613"/>
      <c r="WEZ700" s="613"/>
      <c r="WFA700" s="613"/>
      <c r="WFB700" s="613"/>
      <c r="WFC700" s="613"/>
      <c r="WFD700" s="613"/>
      <c r="WFE700" s="613"/>
      <c r="WFF700" s="613"/>
      <c r="WFG700" s="613"/>
      <c r="WFH700" s="613"/>
      <c r="WFI700" s="613"/>
      <c r="WFJ700" s="613"/>
      <c r="WFK700" s="613"/>
      <c r="WFL700" s="613"/>
      <c r="WFM700" s="613"/>
      <c r="WFN700" s="613"/>
      <c r="WFO700" s="613"/>
      <c r="WFP700" s="613"/>
      <c r="WFQ700" s="613"/>
      <c r="WFR700" s="613"/>
      <c r="WFS700" s="613"/>
      <c r="WFT700" s="613"/>
      <c r="WFU700" s="613"/>
      <c r="WFV700" s="613"/>
      <c r="WFW700" s="613"/>
      <c r="WFX700" s="613"/>
      <c r="WFY700" s="613"/>
      <c r="WFZ700" s="613"/>
      <c r="WGA700" s="613"/>
      <c r="WGB700" s="613"/>
      <c r="WGC700" s="613"/>
      <c r="WGD700" s="613"/>
      <c r="WGE700" s="613"/>
      <c r="WGF700" s="613"/>
      <c r="WGG700" s="613"/>
      <c r="WGH700" s="613"/>
      <c r="WGI700" s="613"/>
      <c r="WGJ700" s="613"/>
      <c r="WGK700" s="613"/>
      <c r="WGL700" s="613"/>
      <c r="WGM700" s="613"/>
      <c r="WGN700" s="613"/>
      <c r="WGO700" s="613"/>
      <c r="WGP700" s="613"/>
      <c r="WGQ700" s="613"/>
      <c r="WGR700" s="613"/>
      <c r="WGS700" s="613"/>
      <c r="WGT700" s="613"/>
      <c r="WGU700" s="613"/>
      <c r="WGV700" s="613"/>
      <c r="WGW700" s="613"/>
      <c r="WGX700" s="613"/>
      <c r="WGY700" s="613"/>
      <c r="WGZ700" s="613"/>
      <c r="WHA700" s="613"/>
      <c r="WHB700" s="613"/>
      <c r="WHC700" s="613"/>
      <c r="WHD700" s="613"/>
      <c r="WHE700" s="613"/>
      <c r="WHF700" s="613"/>
      <c r="WHG700" s="613"/>
      <c r="WHH700" s="613"/>
      <c r="WHI700" s="613"/>
      <c r="WHJ700" s="613"/>
      <c r="WHK700" s="613"/>
      <c r="WHL700" s="613"/>
      <c r="WHM700" s="613"/>
      <c r="WHN700" s="613"/>
      <c r="WHO700" s="613"/>
      <c r="WHP700" s="613"/>
      <c r="WHQ700" s="613"/>
      <c r="WHR700" s="613"/>
      <c r="WHS700" s="613"/>
      <c r="WHT700" s="613"/>
      <c r="WHU700" s="613"/>
      <c r="WHV700" s="613"/>
      <c r="WHW700" s="613"/>
      <c r="WHX700" s="613"/>
      <c r="WHY700" s="613"/>
      <c r="WHZ700" s="613"/>
      <c r="WIA700" s="613"/>
      <c r="WIB700" s="613"/>
      <c r="WIC700" s="613"/>
      <c r="WID700" s="613"/>
      <c r="WIE700" s="613"/>
      <c r="WIF700" s="613"/>
      <c r="WIG700" s="613"/>
      <c r="WIH700" s="613"/>
      <c r="WII700" s="613"/>
      <c r="WIJ700" s="613"/>
      <c r="WIK700" s="613"/>
      <c r="WIL700" s="613"/>
      <c r="WIM700" s="613"/>
      <c r="WIN700" s="613"/>
      <c r="WIO700" s="613"/>
      <c r="WIP700" s="613"/>
      <c r="WIQ700" s="613"/>
      <c r="WIR700" s="613"/>
      <c r="WIS700" s="613"/>
      <c r="WIT700" s="613"/>
      <c r="WIU700" s="613"/>
      <c r="WIV700" s="613"/>
      <c r="WIW700" s="613"/>
      <c r="WIX700" s="613"/>
      <c r="WIY700" s="613"/>
      <c r="WIZ700" s="613"/>
      <c r="WJA700" s="613"/>
      <c r="WJB700" s="613"/>
      <c r="WJC700" s="613"/>
      <c r="WJD700" s="613"/>
      <c r="WJE700" s="613"/>
      <c r="WJF700" s="613"/>
      <c r="WJG700" s="613"/>
      <c r="WJH700" s="613"/>
      <c r="WJI700" s="613"/>
      <c r="WJJ700" s="613"/>
      <c r="WJK700" s="613"/>
      <c r="WJL700" s="613"/>
      <c r="WJM700" s="613"/>
      <c r="WJN700" s="613"/>
      <c r="WJO700" s="613"/>
      <c r="WJP700" s="613"/>
      <c r="WJQ700" s="613"/>
      <c r="WJR700" s="613"/>
      <c r="WJS700" s="613"/>
      <c r="WJT700" s="613"/>
      <c r="WJU700" s="613"/>
      <c r="WJV700" s="613"/>
      <c r="WJW700" s="613"/>
      <c r="WJX700" s="613"/>
      <c r="WJY700" s="613"/>
      <c r="WJZ700" s="613"/>
      <c r="WKA700" s="613"/>
      <c r="WKB700" s="613"/>
      <c r="WKC700" s="613"/>
      <c r="WKD700" s="613"/>
      <c r="WKE700" s="613"/>
      <c r="WKF700" s="613"/>
      <c r="WKG700" s="613"/>
      <c r="WKH700" s="613"/>
      <c r="WKI700" s="613"/>
      <c r="WKJ700" s="613"/>
      <c r="WKK700" s="613"/>
      <c r="WKL700" s="613"/>
      <c r="WKM700" s="613"/>
      <c r="WKN700" s="613"/>
      <c r="WKO700" s="613"/>
      <c r="WKP700" s="613"/>
      <c r="WKQ700" s="613"/>
      <c r="WKR700" s="613"/>
      <c r="WKS700" s="613"/>
      <c r="WKT700" s="613"/>
      <c r="WKU700" s="613"/>
      <c r="WKV700" s="613"/>
      <c r="WKW700" s="613"/>
      <c r="WKX700" s="613"/>
      <c r="WKY700" s="613"/>
      <c r="WKZ700" s="613"/>
      <c r="WLA700" s="613"/>
      <c r="WLB700" s="613"/>
      <c r="WLC700" s="613"/>
      <c r="WLD700" s="613"/>
      <c r="WLE700" s="613"/>
      <c r="WLF700" s="613"/>
      <c r="WLG700" s="613"/>
      <c r="WLH700" s="613"/>
      <c r="WLI700" s="613"/>
      <c r="WLJ700" s="613"/>
      <c r="WLK700" s="613"/>
      <c r="WLL700" s="613"/>
      <c r="WLM700" s="613"/>
      <c r="WLN700" s="613"/>
      <c r="WLO700" s="613"/>
      <c r="WLP700" s="613"/>
      <c r="WLQ700" s="613"/>
      <c r="WLR700" s="613"/>
      <c r="WLS700" s="613"/>
      <c r="WLT700" s="613"/>
      <c r="WLU700" s="613"/>
      <c r="WLV700" s="613"/>
      <c r="WLW700" s="613"/>
      <c r="WLX700" s="613"/>
      <c r="WLY700" s="613"/>
      <c r="WLZ700" s="613"/>
      <c r="WMA700" s="613"/>
      <c r="WMB700" s="613"/>
      <c r="WMC700" s="613"/>
      <c r="WMD700" s="613"/>
      <c r="WME700" s="613"/>
      <c r="WMF700" s="613"/>
      <c r="WMG700" s="613"/>
      <c r="WMH700" s="613"/>
      <c r="WMI700" s="613"/>
      <c r="WMJ700" s="613"/>
      <c r="WMK700" s="613"/>
      <c r="WML700" s="613"/>
      <c r="WMM700" s="613"/>
      <c r="WMN700" s="613"/>
      <c r="WMO700" s="613"/>
      <c r="WMP700" s="613"/>
      <c r="WMQ700" s="613"/>
      <c r="WMR700" s="613"/>
      <c r="WMS700" s="613"/>
      <c r="WMT700" s="613"/>
      <c r="WMU700" s="613"/>
      <c r="WMV700" s="613"/>
      <c r="WMW700" s="613"/>
      <c r="WMX700" s="613"/>
      <c r="WMY700" s="613"/>
      <c r="WMZ700" s="613"/>
      <c r="WNA700" s="613"/>
      <c r="WNB700" s="613"/>
      <c r="WNC700" s="613"/>
      <c r="WND700" s="613"/>
      <c r="WNE700" s="613"/>
      <c r="WNF700" s="613"/>
      <c r="WNG700" s="613"/>
      <c r="WNH700" s="613"/>
      <c r="WNI700" s="613"/>
      <c r="WNJ700" s="613"/>
      <c r="WNK700" s="613"/>
      <c r="WNL700" s="613"/>
      <c r="WNM700" s="613"/>
      <c r="WNN700" s="613"/>
      <c r="WNO700" s="613"/>
      <c r="WNP700" s="613"/>
      <c r="WNQ700" s="613"/>
      <c r="WNR700" s="613"/>
      <c r="WNS700" s="613"/>
      <c r="WNT700" s="613"/>
      <c r="WNU700" s="613"/>
      <c r="WNV700" s="613"/>
      <c r="WNW700" s="613"/>
      <c r="WNX700" s="613"/>
      <c r="WNY700" s="613"/>
      <c r="WNZ700" s="613"/>
      <c r="WOA700" s="613"/>
      <c r="WOB700" s="613"/>
      <c r="WOC700" s="613"/>
      <c r="WOD700" s="613"/>
      <c r="WOE700" s="613"/>
      <c r="WOF700" s="613"/>
      <c r="WOG700" s="613"/>
      <c r="WOH700" s="613"/>
      <c r="WOI700" s="613"/>
      <c r="WOJ700" s="613"/>
      <c r="WOK700" s="613"/>
      <c r="WOL700" s="613"/>
      <c r="WOM700" s="613"/>
      <c r="WON700" s="613"/>
      <c r="WOO700" s="613"/>
      <c r="WOP700" s="613"/>
      <c r="WOQ700" s="613"/>
      <c r="WOR700" s="613"/>
      <c r="WOS700" s="613"/>
      <c r="WOT700" s="613"/>
      <c r="WOU700" s="613"/>
      <c r="WOV700" s="613"/>
      <c r="WOW700" s="613"/>
      <c r="WOX700" s="613"/>
      <c r="WOY700" s="613"/>
      <c r="WOZ700" s="613"/>
      <c r="WPA700" s="613"/>
      <c r="WPB700" s="613"/>
      <c r="WPC700" s="613"/>
      <c r="WPD700" s="613"/>
      <c r="WPE700" s="613"/>
      <c r="WPF700" s="613"/>
      <c r="WPG700" s="613"/>
      <c r="WPH700" s="613"/>
      <c r="WPI700" s="613"/>
      <c r="WPJ700" s="613"/>
      <c r="WPK700" s="613"/>
      <c r="WPL700" s="613"/>
      <c r="WPM700" s="613"/>
      <c r="WPN700" s="613"/>
      <c r="WPO700" s="613"/>
      <c r="WPP700" s="613"/>
      <c r="WPQ700" s="613"/>
      <c r="WPR700" s="613"/>
      <c r="WPS700" s="613"/>
      <c r="WPT700" s="613"/>
      <c r="WPU700" s="613"/>
      <c r="WPV700" s="613"/>
      <c r="WPW700" s="613"/>
      <c r="WPX700" s="613"/>
      <c r="WPY700" s="613"/>
      <c r="WPZ700" s="613"/>
      <c r="WQA700" s="613"/>
      <c r="WQB700" s="613"/>
      <c r="WQC700" s="613"/>
      <c r="WQD700" s="613"/>
      <c r="WQE700" s="613"/>
      <c r="WQF700" s="613"/>
      <c r="WQG700" s="613"/>
      <c r="WQH700" s="613"/>
      <c r="WQI700" s="613"/>
      <c r="WQJ700" s="613"/>
      <c r="WQK700" s="613"/>
      <c r="WQL700" s="613"/>
      <c r="WQM700" s="613"/>
      <c r="WQN700" s="613"/>
      <c r="WQO700" s="613"/>
      <c r="WQP700" s="613"/>
      <c r="WQQ700" s="613"/>
      <c r="WQR700" s="613"/>
      <c r="WQS700" s="613"/>
      <c r="WQT700" s="613"/>
      <c r="WQU700" s="613"/>
      <c r="WQV700" s="613"/>
      <c r="WQW700" s="613"/>
      <c r="WQX700" s="613"/>
      <c r="WQY700" s="613"/>
      <c r="WQZ700" s="613"/>
      <c r="WRA700" s="613"/>
      <c r="WRB700" s="613"/>
      <c r="WRC700" s="613"/>
      <c r="WRD700" s="613"/>
      <c r="WRE700" s="613"/>
      <c r="WRF700" s="613"/>
      <c r="WRG700" s="613"/>
      <c r="WRH700" s="613"/>
      <c r="WRI700" s="613"/>
      <c r="WRJ700" s="613"/>
      <c r="WRK700" s="613"/>
      <c r="WRL700" s="613"/>
      <c r="WRM700" s="613"/>
      <c r="WRN700" s="613"/>
      <c r="WRO700" s="613"/>
      <c r="WRP700" s="613"/>
      <c r="WRQ700" s="613"/>
      <c r="WRR700" s="613"/>
      <c r="WRS700" s="613"/>
      <c r="WRT700" s="613"/>
      <c r="WRU700" s="613"/>
      <c r="WRV700" s="613"/>
      <c r="WRW700" s="613"/>
      <c r="WRX700" s="613"/>
      <c r="WRY700" s="613"/>
      <c r="WRZ700" s="613"/>
      <c r="WSA700" s="613"/>
      <c r="WSB700" s="613"/>
      <c r="WSC700" s="613"/>
      <c r="WSD700" s="613"/>
      <c r="WSE700" s="613"/>
      <c r="WSF700" s="613"/>
      <c r="WSG700" s="613"/>
      <c r="WSH700" s="613"/>
      <c r="WSI700" s="613"/>
      <c r="WSJ700" s="613"/>
      <c r="WSK700" s="613"/>
      <c r="WSL700" s="613"/>
      <c r="WSM700" s="613"/>
      <c r="WSN700" s="613"/>
      <c r="WSO700" s="613"/>
      <c r="WSP700" s="613"/>
      <c r="WSQ700" s="613"/>
      <c r="WSR700" s="613"/>
      <c r="WSS700" s="613"/>
      <c r="WST700" s="613"/>
      <c r="WSU700" s="613"/>
      <c r="WSV700" s="613"/>
      <c r="WSW700" s="613"/>
      <c r="WSX700" s="613"/>
      <c r="WSY700" s="613"/>
      <c r="WSZ700" s="613"/>
      <c r="WTA700" s="613"/>
      <c r="WTB700" s="613"/>
      <c r="WTC700" s="613"/>
      <c r="WTD700" s="613"/>
      <c r="WTE700" s="613"/>
      <c r="WTF700" s="613"/>
      <c r="WTG700" s="613"/>
      <c r="WTH700" s="613"/>
      <c r="WTI700" s="613"/>
      <c r="WTJ700" s="613"/>
      <c r="WTK700" s="613"/>
      <c r="WTL700" s="613"/>
      <c r="WTM700" s="613"/>
      <c r="WTN700" s="613"/>
      <c r="WTO700" s="613"/>
      <c r="WTP700" s="613"/>
      <c r="WTQ700" s="613"/>
      <c r="WTR700" s="613"/>
      <c r="WTS700" s="613"/>
      <c r="WTT700" s="613"/>
      <c r="WTU700" s="613"/>
      <c r="WTV700" s="613"/>
      <c r="WTW700" s="613"/>
      <c r="WTX700" s="613"/>
      <c r="WTY700" s="613"/>
      <c r="WTZ700" s="613"/>
      <c r="WUA700" s="613"/>
      <c r="WUB700" s="613"/>
      <c r="WUC700" s="613"/>
      <c r="WUD700" s="613"/>
      <c r="WUE700" s="613"/>
      <c r="WUF700" s="613"/>
      <c r="WUG700" s="613"/>
      <c r="WUH700" s="613"/>
      <c r="WUI700" s="613"/>
      <c r="WUJ700" s="613"/>
      <c r="WUK700" s="613"/>
      <c r="WUL700" s="613"/>
      <c r="WUM700" s="613"/>
      <c r="WUN700" s="613"/>
      <c r="WUO700" s="613"/>
      <c r="WUP700" s="613"/>
      <c r="WUQ700" s="613"/>
      <c r="WUR700" s="613"/>
      <c r="WUS700" s="613"/>
      <c r="WUT700" s="613"/>
      <c r="WUU700" s="613"/>
      <c r="WUV700" s="613"/>
      <c r="WUW700" s="613"/>
      <c r="WUX700" s="613"/>
      <c r="WUY700" s="613"/>
      <c r="WUZ700" s="613"/>
      <c r="WVA700" s="613"/>
      <c r="WVB700" s="613"/>
      <c r="WVC700" s="613"/>
      <c r="WVD700" s="613"/>
      <c r="WVE700" s="613"/>
      <c r="WVF700" s="613"/>
      <c r="WVG700" s="613"/>
      <c r="WVH700" s="613"/>
      <c r="WVI700" s="613"/>
      <c r="WVJ700" s="613"/>
      <c r="WVK700" s="613"/>
      <c r="WVL700" s="613"/>
      <c r="WVM700" s="613"/>
      <c r="WVN700" s="613"/>
      <c r="WVO700" s="613"/>
      <c r="WVP700" s="613"/>
      <c r="WVQ700" s="613"/>
      <c r="WVR700" s="613"/>
      <c r="WVS700" s="613"/>
      <c r="WVT700" s="613"/>
      <c r="WVU700" s="613"/>
      <c r="WVV700" s="613"/>
      <c r="WVW700" s="613"/>
      <c r="WVX700" s="613"/>
      <c r="WVY700" s="613"/>
      <c r="WVZ700" s="613"/>
      <c r="WWA700" s="613"/>
      <c r="WWB700" s="613"/>
      <c r="WWC700" s="613"/>
      <c r="WWD700" s="613"/>
      <c r="WWE700" s="613"/>
      <c r="WWF700" s="613"/>
      <c r="WWG700" s="613"/>
      <c r="WWH700" s="613"/>
      <c r="WWI700" s="613"/>
      <c r="WWJ700" s="613"/>
      <c r="WWK700" s="613"/>
      <c r="WWL700" s="613"/>
      <c r="WWM700" s="613"/>
      <c r="WWN700" s="613"/>
      <c r="WWO700" s="613"/>
      <c r="WWP700" s="613"/>
      <c r="WWQ700" s="613"/>
      <c r="WWR700" s="613"/>
      <c r="WWS700" s="613"/>
      <c r="WWT700" s="613"/>
      <c r="WWU700" s="613"/>
      <c r="WWV700" s="613"/>
      <c r="WWW700" s="613"/>
      <c r="WWX700" s="613"/>
      <c r="WWY700" s="613"/>
      <c r="WWZ700" s="613"/>
      <c r="WXA700" s="613"/>
      <c r="WXB700" s="613"/>
      <c r="WXC700" s="613"/>
      <c r="WXD700" s="613"/>
      <c r="WXE700" s="613"/>
      <c r="WXF700" s="613"/>
      <c r="WXG700" s="613"/>
      <c r="WXH700" s="613"/>
      <c r="WXI700" s="613"/>
      <c r="WXJ700" s="613"/>
      <c r="WXK700" s="613"/>
      <c r="WXL700" s="613"/>
      <c r="WXM700" s="613"/>
      <c r="WXN700" s="613"/>
      <c r="WXO700" s="613"/>
      <c r="WXP700" s="613"/>
      <c r="WXQ700" s="613"/>
      <c r="WXR700" s="613"/>
      <c r="WXS700" s="613"/>
      <c r="WXT700" s="613"/>
      <c r="WXU700" s="613"/>
      <c r="WXV700" s="613"/>
      <c r="WXW700" s="613"/>
      <c r="WXX700" s="613"/>
      <c r="WXY700" s="613"/>
      <c r="WXZ700" s="613"/>
      <c r="WYA700" s="613"/>
      <c r="WYB700" s="613"/>
      <c r="WYC700" s="613"/>
      <c r="WYD700" s="613"/>
      <c r="WYE700" s="613"/>
      <c r="WYF700" s="613"/>
      <c r="WYG700" s="613"/>
      <c r="WYH700" s="613"/>
      <c r="WYI700" s="613"/>
      <c r="WYJ700" s="613"/>
      <c r="WYK700" s="613"/>
      <c r="WYL700" s="613"/>
      <c r="WYM700" s="613"/>
      <c r="WYN700" s="613"/>
      <c r="WYO700" s="613"/>
      <c r="WYP700" s="613"/>
      <c r="WYQ700" s="613"/>
      <c r="WYR700" s="613"/>
      <c r="WYS700" s="613"/>
      <c r="WYT700" s="613"/>
      <c r="WYU700" s="613"/>
      <c r="WYV700" s="613"/>
      <c r="WYW700" s="613"/>
      <c r="WYX700" s="613"/>
      <c r="WYY700" s="613"/>
      <c r="WYZ700" s="613"/>
      <c r="WZA700" s="613"/>
      <c r="WZB700" s="613"/>
      <c r="WZC700" s="613"/>
      <c r="WZD700" s="613"/>
      <c r="WZE700" s="613"/>
      <c r="WZF700" s="613"/>
      <c r="WZG700" s="613"/>
      <c r="WZH700" s="613"/>
      <c r="WZI700" s="613"/>
      <c r="WZJ700" s="613"/>
      <c r="WZK700" s="613"/>
      <c r="WZL700" s="613"/>
      <c r="WZM700" s="613"/>
      <c r="WZN700" s="613"/>
      <c r="WZO700" s="613"/>
      <c r="WZP700" s="613"/>
      <c r="WZQ700" s="613"/>
      <c r="WZR700" s="613"/>
      <c r="WZS700" s="613"/>
      <c r="WZT700" s="613"/>
      <c r="WZU700" s="613"/>
      <c r="WZV700" s="613"/>
      <c r="WZW700" s="613"/>
      <c r="WZX700" s="613"/>
      <c r="WZY700" s="613"/>
      <c r="WZZ700" s="613"/>
      <c r="XAA700" s="613"/>
      <c r="XAB700" s="613"/>
      <c r="XAC700" s="613"/>
      <c r="XAD700" s="613"/>
      <c r="XAE700" s="613"/>
      <c r="XAF700" s="613"/>
      <c r="XAG700" s="613"/>
      <c r="XAH700" s="613"/>
      <c r="XAI700" s="613"/>
      <c r="XAJ700" s="613"/>
      <c r="XAK700" s="613"/>
      <c r="XAL700" s="613"/>
      <c r="XAM700" s="613"/>
      <c r="XAN700" s="613"/>
      <c r="XAO700" s="613"/>
      <c r="XAP700" s="613"/>
      <c r="XAQ700" s="613"/>
      <c r="XAR700" s="613"/>
      <c r="XAS700" s="613"/>
      <c r="XAT700" s="613"/>
      <c r="XAU700" s="613"/>
      <c r="XAV700" s="613"/>
      <c r="XAW700" s="613"/>
      <c r="XAX700" s="613"/>
      <c r="XAY700" s="613"/>
      <c r="XAZ700" s="613"/>
      <c r="XBA700" s="613"/>
      <c r="XBB700" s="613"/>
      <c r="XBC700" s="613"/>
      <c r="XBD700" s="613"/>
      <c r="XBE700" s="613"/>
      <c r="XBF700" s="613"/>
      <c r="XBG700" s="613"/>
      <c r="XBH700" s="613"/>
      <c r="XBI700" s="613"/>
      <c r="XBJ700" s="613"/>
      <c r="XBK700" s="613"/>
      <c r="XBL700" s="613"/>
      <c r="XBM700" s="613"/>
      <c r="XBN700" s="613"/>
      <c r="XBO700" s="613"/>
      <c r="XBP700" s="613"/>
      <c r="XBQ700" s="613"/>
      <c r="XBR700" s="613"/>
      <c r="XBS700" s="613"/>
      <c r="XBT700" s="613"/>
      <c r="XBU700" s="613"/>
      <c r="XBV700" s="613"/>
      <c r="XBW700" s="613"/>
      <c r="XBX700" s="613"/>
      <c r="XBY700" s="613"/>
      <c r="XBZ700" s="613"/>
      <c r="XCA700" s="613"/>
      <c r="XCB700" s="613"/>
      <c r="XCC700" s="613"/>
      <c r="XCD700" s="613"/>
      <c r="XCE700" s="613"/>
      <c r="XCF700" s="613"/>
      <c r="XCG700" s="613"/>
      <c r="XCH700" s="613"/>
      <c r="XCI700" s="613"/>
      <c r="XCJ700" s="613"/>
      <c r="XCK700" s="613"/>
      <c r="XCL700" s="613"/>
      <c r="XCM700" s="613"/>
      <c r="XCN700" s="613"/>
      <c r="XCO700" s="613"/>
      <c r="XCP700" s="613"/>
      <c r="XCQ700" s="613"/>
    </row>
    <row r="701" spans="1:16319" ht="56.1" customHeight="1" x14ac:dyDescent="0.2">
      <c r="A701" s="494"/>
      <c r="B701" s="499"/>
      <c r="C701" s="494"/>
      <c r="D701" s="481">
        <v>125</v>
      </c>
      <c r="E701" s="481"/>
      <c r="F701" s="481" t="s">
        <v>2481</v>
      </c>
      <c r="G701" s="482" t="s">
        <v>53</v>
      </c>
      <c r="H701" s="481" t="s">
        <v>329</v>
      </c>
      <c r="I701" s="654" t="s">
        <v>330</v>
      </c>
      <c r="J701" s="654" t="s">
        <v>369</v>
      </c>
      <c r="K701" s="495" t="s">
        <v>381</v>
      </c>
      <c r="L701" s="621"/>
      <c r="M701" s="484" t="s">
        <v>58</v>
      </c>
      <c r="N701" s="327" t="s">
        <v>1367</v>
      </c>
      <c r="O701" s="484" t="s">
        <v>2996</v>
      </c>
      <c r="P701" s="484" t="s">
        <v>81</v>
      </c>
      <c r="Q701" s="667" t="s">
        <v>334</v>
      </c>
      <c r="R701" s="484" t="s">
        <v>334</v>
      </c>
      <c r="S701" s="484" t="s">
        <v>382</v>
      </c>
      <c r="T701" s="484"/>
      <c r="U701" s="620" t="s">
        <v>63</v>
      </c>
      <c r="V701" s="620" t="s">
        <v>63</v>
      </c>
      <c r="W701" s="723">
        <v>168563</v>
      </c>
      <c r="X701" s="723"/>
      <c r="Y701" s="654" t="s">
        <v>226</v>
      </c>
      <c r="Z701" s="654"/>
      <c r="AA701" s="723">
        <v>168563</v>
      </c>
      <c r="AB701" s="652" t="s">
        <v>82</v>
      </c>
      <c r="AC701" s="652"/>
      <c r="AD701" s="496"/>
      <c r="AE701" s="496"/>
      <c r="AF701" s="496"/>
      <c r="AG701" s="496"/>
      <c r="AH701" s="496"/>
      <c r="AI701" s="496"/>
      <c r="AJ701" s="496"/>
      <c r="AK701" s="487" t="s">
        <v>66</v>
      </c>
      <c r="AL701" s="496"/>
      <c r="AM701" s="496"/>
      <c r="AN701" s="496"/>
      <c r="AO701" s="496"/>
      <c r="AP701" s="496"/>
      <c r="AQ701" s="496"/>
      <c r="AR701" s="496"/>
      <c r="AS701" s="496"/>
      <c r="AT701" s="496"/>
      <c r="AU701" s="487"/>
      <c r="AV701" s="487"/>
      <c r="AW701" s="487"/>
      <c r="AX701" s="487"/>
      <c r="AY701" s="487"/>
      <c r="AZ701" s="487"/>
      <c r="BA701" s="484"/>
      <c r="BB701" s="484" t="s">
        <v>340</v>
      </c>
      <c r="BC701" s="484" t="s">
        <v>3041</v>
      </c>
      <c r="BD701" s="494"/>
      <c r="BE701" s="494"/>
      <c r="BF701" s="613"/>
      <c r="BG701" s="613"/>
      <c r="BH701" s="613"/>
      <c r="BI701" s="613"/>
      <c r="BJ701" s="613"/>
      <c r="BK701" s="613"/>
      <c r="BL701" s="613"/>
      <c r="BM701" s="613"/>
      <c r="BN701" s="613"/>
      <c r="BO701" s="613"/>
      <c r="BP701" s="613"/>
      <c r="BQ701" s="613"/>
      <c r="BR701" s="613"/>
      <c r="BS701" s="613"/>
      <c r="BT701" s="613"/>
      <c r="BU701" s="613"/>
      <c r="BV701" s="613"/>
      <c r="BW701" s="613"/>
      <c r="BX701" s="613"/>
      <c r="BY701" s="613"/>
      <c r="BZ701" s="613"/>
      <c r="CA701" s="613"/>
      <c r="CB701" s="613"/>
      <c r="CC701" s="613"/>
      <c r="CD701" s="613"/>
      <c r="CE701" s="613"/>
      <c r="CF701" s="613"/>
      <c r="CG701" s="613"/>
      <c r="CH701" s="613"/>
      <c r="CI701" s="613"/>
      <c r="CJ701" s="613"/>
      <c r="CK701" s="613"/>
      <c r="CL701" s="613"/>
      <c r="CM701" s="613"/>
      <c r="CN701" s="613"/>
      <c r="CO701" s="613"/>
      <c r="CP701" s="613"/>
      <c r="CQ701" s="613"/>
      <c r="CR701" s="613"/>
      <c r="CS701" s="613"/>
      <c r="CT701" s="613"/>
      <c r="CU701" s="613"/>
      <c r="CV701" s="613"/>
      <c r="CW701" s="613"/>
      <c r="CX701" s="613"/>
      <c r="CY701" s="613"/>
      <c r="CZ701" s="613"/>
      <c r="DA701" s="613"/>
      <c r="DB701" s="613"/>
      <c r="DC701" s="613"/>
      <c r="DD701" s="613"/>
      <c r="DE701" s="613"/>
      <c r="DF701" s="613"/>
      <c r="DG701" s="613"/>
      <c r="DH701" s="613"/>
      <c r="DI701" s="613"/>
      <c r="DJ701" s="613"/>
      <c r="DK701" s="613"/>
      <c r="DL701" s="613"/>
      <c r="DM701" s="613"/>
      <c r="DN701" s="613"/>
      <c r="DO701" s="613"/>
      <c r="DP701" s="613"/>
      <c r="DQ701" s="613"/>
      <c r="DR701" s="613"/>
      <c r="DS701" s="613"/>
      <c r="DT701" s="613"/>
      <c r="DU701" s="613"/>
      <c r="DV701" s="613"/>
      <c r="DW701" s="613"/>
      <c r="DX701" s="613"/>
      <c r="DY701" s="613"/>
      <c r="DZ701" s="613"/>
      <c r="EA701" s="613"/>
      <c r="EB701" s="613"/>
      <c r="EC701" s="613"/>
      <c r="ED701" s="613"/>
      <c r="EE701" s="613"/>
      <c r="EF701" s="613"/>
      <c r="EG701" s="613"/>
      <c r="EH701" s="613"/>
      <c r="EI701" s="613"/>
      <c r="EJ701" s="613"/>
      <c r="EK701" s="613"/>
      <c r="EL701" s="613"/>
      <c r="EM701" s="613"/>
      <c r="EN701" s="613"/>
      <c r="EO701" s="613"/>
      <c r="EP701" s="613"/>
      <c r="EQ701" s="613"/>
      <c r="ER701" s="613"/>
      <c r="ES701" s="613"/>
      <c r="ET701" s="613"/>
      <c r="EU701" s="613"/>
      <c r="EV701" s="613"/>
      <c r="EW701" s="613"/>
      <c r="EX701" s="613"/>
      <c r="EY701" s="613"/>
      <c r="EZ701" s="613"/>
      <c r="FA701" s="613"/>
      <c r="FB701" s="613"/>
      <c r="FC701" s="613"/>
      <c r="FD701" s="613"/>
      <c r="FE701" s="613"/>
      <c r="FF701" s="613"/>
      <c r="FG701" s="613"/>
      <c r="FH701" s="613"/>
      <c r="FI701" s="613"/>
      <c r="FJ701" s="613"/>
      <c r="FK701" s="613"/>
      <c r="FL701" s="613"/>
      <c r="FM701" s="613"/>
      <c r="FN701" s="613"/>
      <c r="FO701" s="613"/>
      <c r="FP701" s="613"/>
      <c r="FQ701" s="613"/>
      <c r="FR701" s="613"/>
      <c r="FS701" s="613"/>
      <c r="FT701" s="613"/>
      <c r="FU701" s="613"/>
      <c r="FV701" s="613"/>
      <c r="FW701" s="613"/>
      <c r="FX701" s="613"/>
      <c r="FY701" s="613"/>
      <c r="FZ701" s="613"/>
      <c r="GA701" s="613"/>
      <c r="GB701" s="613"/>
      <c r="GC701" s="613"/>
      <c r="GD701" s="613"/>
      <c r="GE701" s="613"/>
      <c r="GF701" s="613"/>
      <c r="GG701" s="613"/>
      <c r="GH701" s="613"/>
      <c r="GI701" s="613"/>
      <c r="GJ701" s="613"/>
      <c r="GK701" s="613"/>
      <c r="GL701" s="613"/>
      <c r="GM701" s="613"/>
      <c r="GN701" s="613"/>
      <c r="GO701" s="613"/>
      <c r="GP701" s="613"/>
      <c r="GQ701" s="613"/>
      <c r="GR701" s="613"/>
      <c r="GS701" s="613"/>
      <c r="GT701" s="613"/>
      <c r="GU701" s="613"/>
      <c r="GV701" s="613"/>
      <c r="GW701" s="613"/>
      <c r="GX701" s="613"/>
      <c r="GY701" s="613"/>
      <c r="GZ701" s="613"/>
      <c r="HA701" s="613"/>
      <c r="HB701" s="613"/>
      <c r="HC701" s="613"/>
      <c r="HD701" s="613"/>
      <c r="HE701" s="613"/>
      <c r="HF701" s="613"/>
      <c r="HG701" s="613"/>
      <c r="HH701" s="613"/>
      <c r="HI701" s="613"/>
      <c r="HJ701" s="613"/>
      <c r="HK701" s="613"/>
      <c r="HL701" s="613"/>
      <c r="HM701" s="613"/>
      <c r="HN701" s="613"/>
      <c r="HO701" s="613"/>
      <c r="HP701" s="613"/>
      <c r="HQ701" s="613"/>
      <c r="HR701" s="613"/>
      <c r="HS701" s="613"/>
      <c r="HT701" s="613"/>
      <c r="HU701" s="613"/>
      <c r="HV701" s="613"/>
      <c r="HW701" s="613"/>
      <c r="HX701" s="613"/>
      <c r="HY701" s="613"/>
      <c r="HZ701" s="613"/>
      <c r="IA701" s="613"/>
      <c r="IB701" s="613"/>
      <c r="IC701" s="613"/>
      <c r="ID701" s="613"/>
      <c r="IE701" s="613"/>
      <c r="IF701" s="613"/>
      <c r="IG701" s="613"/>
      <c r="IH701" s="613"/>
      <c r="II701" s="613"/>
      <c r="IJ701" s="613"/>
      <c r="IK701" s="613"/>
      <c r="IL701" s="613"/>
      <c r="IM701" s="613"/>
      <c r="IN701" s="613"/>
      <c r="IO701" s="613"/>
      <c r="IP701" s="613"/>
      <c r="IQ701" s="613"/>
      <c r="IR701" s="613"/>
      <c r="IS701" s="613"/>
      <c r="IT701" s="613"/>
      <c r="IU701" s="613"/>
      <c r="IV701" s="613"/>
      <c r="IW701" s="613"/>
      <c r="IX701" s="613"/>
      <c r="IY701" s="613"/>
      <c r="IZ701" s="613"/>
      <c r="JA701" s="613"/>
      <c r="JB701" s="613"/>
      <c r="JC701" s="613"/>
      <c r="JD701" s="613"/>
      <c r="JE701" s="613"/>
      <c r="JF701" s="613"/>
      <c r="JG701" s="613"/>
      <c r="JH701" s="613"/>
      <c r="JI701" s="613"/>
      <c r="JJ701" s="613"/>
      <c r="JK701" s="613"/>
      <c r="JL701" s="613"/>
      <c r="JM701" s="613"/>
      <c r="JN701" s="613"/>
      <c r="JO701" s="613"/>
      <c r="JP701" s="613"/>
      <c r="JQ701" s="613"/>
      <c r="JR701" s="613"/>
      <c r="JS701" s="613"/>
      <c r="JT701" s="613"/>
      <c r="JU701" s="613"/>
      <c r="JV701" s="613"/>
      <c r="JW701" s="613"/>
      <c r="JX701" s="613"/>
      <c r="JY701" s="613"/>
      <c r="JZ701" s="613"/>
      <c r="KA701" s="613"/>
      <c r="KB701" s="613"/>
      <c r="KC701" s="613"/>
      <c r="KD701" s="613"/>
      <c r="KE701" s="613"/>
      <c r="KF701" s="613"/>
      <c r="KG701" s="613"/>
      <c r="KH701" s="613"/>
      <c r="KI701" s="613"/>
      <c r="KJ701" s="613"/>
      <c r="KK701" s="613"/>
      <c r="KL701" s="613"/>
      <c r="KM701" s="613"/>
      <c r="KN701" s="613"/>
      <c r="KO701" s="613"/>
      <c r="KP701" s="613"/>
      <c r="KQ701" s="613"/>
      <c r="KR701" s="613"/>
      <c r="KS701" s="613"/>
      <c r="KT701" s="613"/>
      <c r="KU701" s="613"/>
      <c r="KV701" s="613"/>
      <c r="KW701" s="613"/>
      <c r="KX701" s="613"/>
      <c r="KY701" s="613"/>
      <c r="KZ701" s="613"/>
      <c r="LA701" s="613"/>
      <c r="LB701" s="613"/>
      <c r="LC701" s="613"/>
      <c r="LD701" s="613"/>
      <c r="LE701" s="613"/>
      <c r="LF701" s="613"/>
      <c r="LG701" s="613"/>
      <c r="LH701" s="613"/>
      <c r="LI701" s="613"/>
      <c r="LJ701" s="613"/>
      <c r="LK701" s="613"/>
      <c r="LL701" s="613"/>
      <c r="LM701" s="613"/>
      <c r="LN701" s="613"/>
      <c r="LO701" s="613"/>
      <c r="LP701" s="613"/>
      <c r="LQ701" s="613"/>
      <c r="LR701" s="613"/>
      <c r="LS701" s="613"/>
      <c r="LT701" s="613"/>
      <c r="LU701" s="613"/>
      <c r="LV701" s="613"/>
      <c r="LW701" s="613"/>
      <c r="LX701" s="613"/>
      <c r="LY701" s="613"/>
      <c r="LZ701" s="613"/>
      <c r="MA701" s="613"/>
      <c r="MB701" s="613"/>
      <c r="MC701" s="613"/>
      <c r="MD701" s="613"/>
      <c r="ME701" s="613"/>
      <c r="MF701" s="613"/>
      <c r="MG701" s="613"/>
      <c r="MH701" s="613"/>
      <c r="MI701" s="613"/>
      <c r="MJ701" s="613"/>
      <c r="MK701" s="613"/>
      <c r="ML701" s="613"/>
      <c r="MM701" s="613"/>
      <c r="MN701" s="613"/>
      <c r="MO701" s="613"/>
      <c r="MP701" s="613"/>
      <c r="MQ701" s="613"/>
      <c r="MR701" s="613"/>
      <c r="MS701" s="613"/>
      <c r="MT701" s="613"/>
      <c r="MU701" s="613"/>
      <c r="MV701" s="613"/>
      <c r="MW701" s="613"/>
      <c r="MX701" s="613"/>
      <c r="MY701" s="613"/>
      <c r="MZ701" s="613"/>
      <c r="NA701" s="613"/>
      <c r="NB701" s="613"/>
      <c r="NC701" s="613"/>
      <c r="ND701" s="613"/>
      <c r="NE701" s="613"/>
      <c r="NF701" s="613"/>
      <c r="NG701" s="613"/>
      <c r="NH701" s="613"/>
      <c r="NI701" s="613"/>
      <c r="NJ701" s="613"/>
      <c r="NK701" s="613"/>
      <c r="NL701" s="613"/>
      <c r="NM701" s="613"/>
      <c r="NN701" s="613"/>
      <c r="NO701" s="613"/>
      <c r="NP701" s="613"/>
      <c r="NQ701" s="613"/>
      <c r="NR701" s="613"/>
      <c r="NS701" s="613"/>
      <c r="NT701" s="613"/>
      <c r="NU701" s="613"/>
      <c r="NV701" s="613"/>
      <c r="NW701" s="613"/>
      <c r="NX701" s="613"/>
      <c r="NY701" s="613"/>
      <c r="NZ701" s="613"/>
      <c r="OA701" s="613"/>
      <c r="OB701" s="613"/>
      <c r="OC701" s="613"/>
      <c r="OD701" s="613"/>
      <c r="OE701" s="613"/>
      <c r="OF701" s="613"/>
      <c r="OG701" s="613"/>
      <c r="OH701" s="613"/>
      <c r="OI701" s="613"/>
      <c r="OJ701" s="613"/>
      <c r="OK701" s="613"/>
      <c r="OL701" s="613"/>
      <c r="OM701" s="613"/>
      <c r="ON701" s="613"/>
      <c r="OO701" s="613"/>
      <c r="OP701" s="613"/>
      <c r="OQ701" s="613"/>
      <c r="OR701" s="613"/>
      <c r="OS701" s="613"/>
      <c r="OT701" s="613"/>
      <c r="OU701" s="613"/>
      <c r="OV701" s="613"/>
      <c r="OW701" s="613"/>
      <c r="OX701" s="613"/>
      <c r="OY701" s="613"/>
      <c r="OZ701" s="613"/>
      <c r="PA701" s="613"/>
      <c r="PB701" s="613"/>
      <c r="PC701" s="613"/>
      <c r="PD701" s="613"/>
      <c r="PE701" s="613"/>
      <c r="PF701" s="613"/>
      <c r="PG701" s="613"/>
      <c r="PH701" s="613"/>
      <c r="PI701" s="613"/>
      <c r="PJ701" s="613"/>
      <c r="PK701" s="613"/>
      <c r="PL701" s="613"/>
      <c r="PM701" s="613"/>
      <c r="PN701" s="613"/>
      <c r="PO701" s="613"/>
      <c r="PP701" s="613"/>
      <c r="PQ701" s="613"/>
      <c r="PR701" s="613"/>
      <c r="PS701" s="613"/>
      <c r="PT701" s="613"/>
      <c r="PU701" s="613"/>
      <c r="PV701" s="613"/>
      <c r="PW701" s="613"/>
      <c r="PX701" s="613"/>
      <c r="PY701" s="613"/>
      <c r="PZ701" s="613"/>
      <c r="QA701" s="613"/>
      <c r="QB701" s="613"/>
      <c r="QC701" s="613"/>
      <c r="QD701" s="613"/>
      <c r="QE701" s="613"/>
      <c r="QF701" s="613"/>
      <c r="QG701" s="613"/>
      <c r="QH701" s="613"/>
      <c r="QI701" s="613"/>
      <c r="QJ701" s="613"/>
      <c r="QK701" s="613"/>
      <c r="QL701" s="613"/>
      <c r="QM701" s="613"/>
      <c r="QN701" s="613"/>
      <c r="QO701" s="613"/>
      <c r="QP701" s="613"/>
      <c r="QQ701" s="613"/>
      <c r="QR701" s="613"/>
      <c r="QS701" s="613"/>
      <c r="QT701" s="613"/>
      <c r="QU701" s="613"/>
      <c r="QV701" s="613"/>
      <c r="QW701" s="613"/>
      <c r="QX701" s="613"/>
      <c r="QY701" s="613"/>
      <c r="QZ701" s="613"/>
      <c r="RA701" s="613"/>
      <c r="RB701" s="613"/>
      <c r="RC701" s="613"/>
      <c r="RD701" s="613"/>
      <c r="RE701" s="613"/>
      <c r="RF701" s="613"/>
      <c r="RG701" s="613"/>
      <c r="RH701" s="613"/>
      <c r="RI701" s="613"/>
      <c r="RJ701" s="613"/>
      <c r="RK701" s="613"/>
      <c r="RL701" s="613"/>
      <c r="RM701" s="613"/>
      <c r="RN701" s="613"/>
      <c r="RO701" s="613"/>
      <c r="RP701" s="613"/>
      <c r="RQ701" s="613"/>
      <c r="RR701" s="613"/>
      <c r="RS701" s="613"/>
      <c r="RT701" s="613"/>
      <c r="RU701" s="613"/>
      <c r="RV701" s="613"/>
      <c r="RW701" s="613"/>
      <c r="RX701" s="613"/>
      <c r="RY701" s="613"/>
      <c r="RZ701" s="613"/>
      <c r="SA701" s="613"/>
      <c r="SB701" s="613"/>
      <c r="SC701" s="613"/>
      <c r="SD701" s="613"/>
      <c r="SE701" s="613"/>
      <c r="SF701" s="613"/>
      <c r="SG701" s="613"/>
      <c r="SH701" s="613"/>
      <c r="SI701" s="613"/>
      <c r="SJ701" s="613"/>
      <c r="SK701" s="613"/>
      <c r="SL701" s="613"/>
      <c r="SM701" s="613"/>
      <c r="SN701" s="613"/>
      <c r="SO701" s="613"/>
      <c r="SP701" s="613"/>
      <c r="SQ701" s="613"/>
      <c r="SR701" s="613"/>
      <c r="SS701" s="613"/>
      <c r="ST701" s="613"/>
      <c r="SU701" s="613"/>
      <c r="SV701" s="613"/>
      <c r="SW701" s="613"/>
      <c r="SX701" s="613"/>
      <c r="SY701" s="613"/>
      <c r="SZ701" s="613"/>
      <c r="TA701" s="613"/>
      <c r="TB701" s="613"/>
      <c r="TC701" s="613"/>
      <c r="TD701" s="613"/>
      <c r="TE701" s="613"/>
      <c r="TF701" s="613"/>
      <c r="TG701" s="613"/>
      <c r="TH701" s="613"/>
      <c r="TI701" s="613"/>
      <c r="TJ701" s="613"/>
      <c r="TK701" s="613"/>
      <c r="TL701" s="613"/>
      <c r="TM701" s="613"/>
      <c r="TN701" s="613"/>
      <c r="TO701" s="613"/>
      <c r="TP701" s="613"/>
      <c r="TQ701" s="613"/>
      <c r="TR701" s="613"/>
      <c r="TS701" s="613"/>
      <c r="TT701" s="613"/>
      <c r="TU701" s="613"/>
      <c r="TV701" s="613"/>
      <c r="TW701" s="613"/>
      <c r="TX701" s="613"/>
      <c r="TY701" s="613"/>
      <c r="TZ701" s="613"/>
      <c r="UA701" s="613"/>
      <c r="UB701" s="613"/>
      <c r="UC701" s="613"/>
      <c r="UD701" s="613"/>
      <c r="UE701" s="613"/>
      <c r="UF701" s="613"/>
      <c r="UG701" s="613"/>
      <c r="UH701" s="613"/>
      <c r="UI701" s="613"/>
      <c r="UJ701" s="613"/>
      <c r="UK701" s="613"/>
      <c r="UL701" s="613"/>
      <c r="UM701" s="613"/>
      <c r="UN701" s="613"/>
      <c r="UO701" s="613"/>
      <c r="UP701" s="613"/>
      <c r="UQ701" s="613"/>
      <c r="UR701" s="613"/>
      <c r="US701" s="613"/>
      <c r="UT701" s="613"/>
      <c r="UU701" s="613"/>
      <c r="UV701" s="613"/>
      <c r="UW701" s="613"/>
      <c r="UX701" s="613"/>
      <c r="UY701" s="613"/>
      <c r="UZ701" s="613"/>
      <c r="VA701" s="613"/>
      <c r="VB701" s="613"/>
      <c r="VC701" s="613"/>
      <c r="VD701" s="613"/>
      <c r="VE701" s="613"/>
      <c r="VF701" s="613"/>
      <c r="VG701" s="613"/>
      <c r="VH701" s="613"/>
      <c r="VI701" s="613"/>
      <c r="VJ701" s="613"/>
      <c r="VK701" s="613"/>
      <c r="VL701" s="613"/>
      <c r="VM701" s="613"/>
      <c r="VN701" s="613"/>
      <c r="VO701" s="613"/>
      <c r="VP701" s="613"/>
      <c r="VQ701" s="613"/>
      <c r="VR701" s="613"/>
      <c r="VS701" s="613"/>
      <c r="VT701" s="613"/>
      <c r="VU701" s="613"/>
      <c r="VV701" s="613"/>
      <c r="VW701" s="613"/>
      <c r="VX701" s="613"/>
      <c r="VY701" s="613"/>
      <c r="VZ701" s="613"/>
      <c r="WA701" s="613"/>
      <c r="WB701" s="613"/>
      <c r="WC701" s="613"/>
      <c r="WD701" s="613"/>
      <c r="WE701" s="613"/>
      <c r="WF701" s="613"/>
      <c r="WG701" s="613"/>
      <c r="WH701" s="613"/>
      <c r="WI701" s="613"/>
      <c r="WJ701" s="613"/>
      <c r="WK701" s="613"/>
      <c r="WL701" s="613"/>
      <c r="WM701" s="613"/>
      <c r="WN701" s="613"/>
      <c r="WO701" s="613"/>
      <c r="WP701" s="613"/>
      <c r="WQ701" s="613"/>
      <c r="WR701" s="613"/>
      <c r="WS701" s="613"/>
      <c r="WT701" s="613"/>
      <c r="WU701" s="613"/>
      <c r="WV701" s="613"/>
      <c r="WW701" s="613"/>
      <c r="WX701" s="613"/>
      <c r="WY701" s="613"/>
      <c r="WZ701" s="613"/>
      <c r="XA701" s="613"/>
      <c r="XB701" s="613"/>
      <c r="XC701" s="613"/>
      <c r="XD701" s="613"/>
      <c r="XE701" s="613"/>
      <c r="XF701" s="613"/>
      <c r="XG701" s="613"/>
      <c r="XH701" s="613"/>
      <c r="XI701" s="613"/>
      <c r="XJ701" s="613"/>
      <c r="XK701" s="613"/>
      <c r="XL701" s="613"/>
      <c r="XM701" s="613"/>
      <c r="XN701" s="613"/>
      <c r="XO701" s="613"/>
      <c r="XP701" s="613"/>
      <c r="XQ701" s="613"/>
      <c r="XR701" s="613"/>
      <c r="XS701" s="613"/>
      <c r="XT701" s="613"/>
      <c r="XU701" s="613"/>
      <c r="XV701" s="613"/>
      <c r="XW701" s="613"/>
      <c r="XX701" s="613"/>
      <c r="XY701" s="613"/>
      <c r="XZ701" s="613"/>
      <c r="YA701" s="613"/>
      <c r="YB701" s="613"/>
      <c r="YC701" s="613"/>
      <c r="YD701" s="613"/>
      <c r="YE701" s="613"/>
      <c r="YF701" s="613"/>
      <c r="YG701" s="613"/>
      <c r="YH701" s="613"/>
      <c r="YI701" s="613"/>
      <c r="YJ701" s="613"/>
      <c r="YK701" s="613"/>
      <c r="YL701" s="613"/>
      <c r="YM701" s="613"/>
      <c r="YN701" s="613"/>
      <c r="YO701" s="613"/>
      <c r="YP701" s="613"/>
      <c r="YQ701" s="613"/>
      <c r="YR701" s="613"/>
      <c r="YS701" s="613"/>
      <c r="YT701" s="613"/>
      <c r="YU701" s="613"/>
      <c r="YV701" s="613"/>
      <c r="YW701" s="613"/>
      <c r="YX701" s="613"/>
      <c r="YY701" s="613"/>
      <c r="YZ701" s="613"/>
      <c r="ZA701" s="613"/>
      <c r="ZB701" s="613"/>
      <c r="ZC701" s="613"/>
      <c r="ZD701" s="613"/>
      <c r="ZE701" s="613"/>
      <c r="ZF701" s="613"/>
      <c r="ZG701" s="613"/>
      <c r="ZH701" s="613"/>
      <c r="ZI701" s="613"/>
      <c r="ZJ701" s="613"/>
      <c r="ZK701" s="613"/>
      <c r="ZL701" s="613"/>
      <c r="ZM701" s="613"/>
      <c r="ZN701" s="613"/>
      <c r="ZO701" s="613"/>
      <c r="ZP701" s="613"/>
      <c r="ZQ701" s="613"/>
      <c r="ZR701" s="613"/>
      <c r="ZS701" s="613"/>
      <c r="ZT701" s="613"/>
      <c r="ZU701" s="613"/>
      <c r="ZV701" s="613"/>
      <c r="ZW701" s="613"/>
      <c r="ZX701" s="613"/>
      <c r="ZY701" s="613"/>
      <c r="ZZ701" s="613"/>
      <c r="AAA701" s="613"/>
      <c r="AAB701" s="613"/>
      <c r="AAC701" s="613"/>
      <c r="AAD701" s="613"/>
      <c r="AAE701" s="613"/>
      <c r="AAF701" s="613"/>
      <c r="AAG701" s="613"/>
      <c r="AAH701" s="613"/>
      <c r="AAI701" s="613"/>
      <c r="AAJ701" s="613"/>
      <c r="AAK701" s="613"/>
      <c r="AAL701" s="613"/>
      <c r="AAM701" s="613"/>
      <c r="AAN701" s="613"/>
      <c r="AAO701" s="613"/>
      <c r="AAP701" s="613"/>
      <c r="AAQ701" s="613"/>
      <c r="AAR701" s="613"/>
      <c r="AAS701" s="613"/>
      <c r="AAT701" s="613"/>
      <c r="AAU701" s="613"/>
      <c r="AAV701" s="613"/>
      <c r="AAW701" s="613"/>
      <c r="AAX701" s="613"/>
      <c r="AAY701" s="613"/>
      <c r="AAZ701" s="613"/>
      <c r="ABA701" s="613"/>
      <c r="ABB701" s="613"/>
      <c r="ABC701" s="613"/>
      <c r="ABD701" s="613"/>
      <c r="ABE701" s="613"/>
      <c r="ABF701" s="613"/>
      <c r="ABG701" s="613"/>
      <c r="ABH701" s="613"/>
      <c r="ABI701" s="613"/>
      <c r="ABJ701" s="613"/>
      <c r="ABK701" s="613"/>
      <c r="ABL701" s="613"/>
      <c r="ABM701" s="613"/>
      <c r="ABN701" s="613"/>
      <c r="ABO701" s="613"/>
      <c r="ABP701" s="613"/>
      <c r="ABQ701" s="613"/>
      <c r="ABR701" s="613"/>
      <c r="ABS701" s="613"/>
      <c r="ABT701" s="613"/>
      <c r="ABU701" s="613"/>
      <c r="ABV701" s="613"/>
      <c r="ABW701" s="613"/>
      <c r="ABX701" s="613"/>
      <c r="ABY701" s="613"/>
      <c r="ABZ701" s="613"/>
      <c r="ACA701" s="613"/>
      <c r="ACB701" s="613"/>
      <c r="ACC701" s="613"/>
      <c r="ACD701" s="613"/>
      <c r="ACE701" s="613"/>
      <c r="ACF701" s="613"/>
      <c r="ACG701" s="613"/>
      <c r="ACH701" s="613"/>
      <c r="ACI701" s="613"/>
      <c r="ACJ701" s="613"/>
      <c r="ACK701" s="613"/>
      <c r="ACL701" s="613"/>
      <c r="ACM701" s="613"/>
      <c r="ACN701" s="613"/>
      <c r="ACO701" s="613"/>
      <c r="ACP701" s="613"/>
      <c r="ACQ701" s="613"/>
      <c r="ACR701" s="613"/>
      <c r="ACS701" s="613"/>
      <c r="ACT701" s="613"/>
      <c r="ACU701" s="613"/>
      <c r="ACV701" s="613"/>
      <c r="ACW701" s="613"/>
      <c r="ACX701" s="613"/>
      <c r="ACY701" s="613"/>
      <c r="ACZ701" s="613"/>
      <c r="ADA701" s="613"/>
      <c r="ADB701" s="613"/>
      <c r="ADC701" s="613"/>
      <c r="ADD701" s="613"/>
      <c r="ADE701" s="613"/>
      <c r="ADF701" s="613"/>
      <c r="ADG701" s="613"/>
      <c r="ADH701" s="613"/>
      <c r="ADI701" s="613"/>
      <c r="ADJ701" s="613"/>
      <c r="ADK701" s="613"/>
      <c r="ADL701" s="613"/>
      <c r="ADM701" s="613"/>
      <c r="ADN701" s="613"/>
      <c r="ADO701" s="613"/>
      <c r="ADP701" s="613"/>
      <c r="ADQ701" s="613"/>
      <c r="ADR701" s="613"/>
      <c r="ADS701" s="613"/>
      <c r="ADT701" s="613"/>
      <c r="ADU701" s="613"/>
      <c r="ADV701" s="613"/>
      <c r="ADW701" s="613"/>
      <c r="ADX701" s="613"/>
      <c r="ADY701" s="613"/>
      <c r="ADZ701" s="613"/>
      <c r="AEA701" s="613"/>
      <c r="AEB701" s="613"/>
      <c r="AEC701" s="613"/>
      <c r="AED701" s="613"/>
      <c r="AEE701" s="613"/>
      <c r="AEF701" s="613"/>
      <c r="AEG701" s="613"/>
      <c r="AEH701" s="613"/>
      <c r="AEI701" s="613"/>
      <c r="AEJ701" s="613"/>
      <c r="AEK701" s="613"/>
      <c r="AEL701" s="613"/>
      <c r="AEM701" s="613"/>
      <c r="AEN701" s="613"/>
      <c r="AEO701" s="613"/>
      <c r="AEP701" s="613"/>
      <c r="AEQ701" s="613"/>
      <c r="AER701" s="613"/>
      <c r="AES701" s="613"/>
      <c r="AET701" s="613"/>
      <c r="AEU701" s="613"/>
      <c r="AEV701" s="613"/>
      <c r="AEW701" s="613"/>
      <c r="AEX701" s="613"/>
      <c r="AEY701" s="613"/>
      <c r="AEZ701" s="613"/>
      <c r="AFA701" s="613"/>
      <c r="AFB701" s="613"/>
      <c r="AFC701" s="613"/>
      <c r="AFD701" s="613"/>
      <c r="AFE701" s="613"/>
      <c r="AFF701" s="613"/>
      <c r="AFG701" s="613"/>
      <c r="AFH701" s="613"/>
      <c r="AFI701" s="613"/>
      <c r="AFJ701" s="613"/>
      <c r="AFK701" s="613"/>
      <c r="AFL701" s="613"/>
      <c r="AFM701" s="613"/>
      <c r="AFN701" s="613"/>
      <c r="AFO701" s="613"/>
      <c r="AFP701" s="613"/>
      <c r="AFQ701" s="613"/>
      <c r="AFR701" s="613"/>
      <c r="AFS701" s="613"/>
      <c r="AFT701" s="613"/>
      <c r="AFU701" s="613"/>
      <c r="AFV701" s="613"/>
      <c r="AFW701" s="613"/>
      <c r="AFX701" s="613"/>
      <c r="AFY701" s="613"/>
      <c r="AFZ701" s="613"/>
      <c r="AGA701" s="613"/>
      <c r="AGB701" s="613"/>
      <c r="AGC701" s="613"/>
      <c r="AGD701" s="613"/>
      <c r="AGE701" s="613"/>
      <c r="AGF701" s="613"/>
      <c r="AGG701" s="613"/>
      <c r="AGH701" s="613"/>
      <c r="AGI701" s="613"/>
      <c r="AGJ701" s="613"/>
      <c r="AGK701" s="613"/>
      <c r="AGL701" s="613"/>
      <c r="AGM701" s="613"/>
      <c r="AGN701" s="613"/>
      <c r="AGO701" s="613"/>
      <c r="AGP701" s="613"/>
      <c r="AGQ701" s="613"/>
      <c r="AGR701" s="613"/>
      <c r="AGS701" s="613"/>
      <c r="AGT701" s="613"/>
      <c r="AGU701" s="613"/>
      <c r="AGV701" s="613"/>
      <c r="AGW701" s="613"/>
      <c r="AGX701" s="613"/>
      <c r="AGY701" s="613"/>
      <c r="AGZ701" s="613"/>
      <c r="AHA701" s="613"/>
      <c r="AHB701" s="613"/>
      <c r="AHC701" s="613"/>
      <c r="AHD701" s="613"/>
      <c r="AHE701" s="613"/>
      <c r="AHF701" s="613"/>
      <c r="AHG701" s="613"/>
      <c r="AHH701" s="613"/>
      <c r="AHI701" s="613"/>
      <c r="AHJ701" s="613"/>
      <c r="AHK701" s="613"/>
      <c r="AHL701" s="613"/>
      <c r="AHM701" s="613"/>
      <c r="AHN701" s="613"/>
      <c r="AHO701" s="613"/>
      <c r="AHP701" s="613"/>
      <c r="AHQ701" s="613"/>
      <c r="AHR701" s="613"/>
      <c r="AHS701" s="613"/>
      <c r="AHT701" s="613"/>
      <c r="AHU701" s="613"/>
      <c r="AHV701" s="613"/>
      <c r="AHW701" s="613"/>
      <c r="AHX701" s="613"/>
      <c r="AHY701" s="613"/>
      <c r="AHZ701" s="613"/>
      <c r="AIA701" s="613"/>
      <c r="AIB701" s="613"/>
      <c r="AIC701" s="613"/>
      <c r="AID701" s="613"/>
      <c r="AIE701" s="613"/>
      <c r="AIF701" s="613"/>
      <c r="AIG701" s="613"/>
      <c r="AIH701" s="613"/>
      <c r="AII701" s="613"/>
      <c r="AIJ701" s="613"/>
      <c r="AIK701" s="613"/>
      <c r="AIL701" s="613"/>
      <c r="AIM701" s="613"/>
      <c r="AIN701" s="613"/>
      <c r="AIO701" s="613"/>
      <c r="AIP701" s="613"/>
      <c r="AIQ701" s="613"/>
      <c r="AIR701" s="613"/>
      <c r="AIS701" s="613"/>
      <c r="AIT701" s="613"/>
      <c r="AIU701" s="613"/>
      <c r="AIV701" s="613"/>
      <c r="AIW701" s="613"/>
      <c r="AIX701" s="613"/>
      <c r="AIY701" s="613"/>
      <c r="AIZ701" s="613"/>
      <c r="AJA701" s="613"/>
      <c r="AJB701" s="613"/>
      <c r="AJC701" s="613"/>
      <c r="AJD701" s="613"/>
      <c r="AJE701" s="613"/>
      <c r="AJF701" s="613"/>
      <c r="AJG701" s="613"/>
      <c r="AJH701" s="613"/>
      <c r="AJI701" s="613"/>
      <c r="AJJ701" s="613"/>
      <c r="AJK701" s="613"/>
      <c r="AJL701" s="613"/>
      <c r="AJM701" s="613"/>
      <c r="AJN701" s="613"/>
      <c r="AJO701" s="613"/>
      <c r="AJP701" s="613"/>
      <c r="AJQ701" s="613"/>
      <c r="AJR701" s="613"/>
      <c r="AJS701" s="613"/>
      <c r="AJT701" s="613"/>
      <c r="AJU701" s="613"/>
      <c r="AJV701" s="613"/>
      <c r="AJW701" s="613"/>
      <c r="AJX701" s="613"/>
      <c r="AJY701" s="613"/>
      <c r="AJZ701" s="613"/>
      <c r="AKA701" s="613"/>
      <c r="AKB701" s="613"/>
      <c r="AKC701" s="613"/>
      <c r="AKD701" s="613"/>
      <c r="AKE701" s="613"/>
      <c r="AKF701" s="613"/>
      <c r="AKG701" s="613"/>
      <c r="AKH701" s="613"/>
      <c r="AKI701" s="613"/>
      <c r="AKJ701" s="613"/>
      <c r="AKK701" s="613"/>
      <c r="AKL701" s="613"/>
      <c r="AKM701" s="613"/>
      <c r="AKN701" s="613"/>
      <c r="AKO701" s="613"/>
      <c r="AKP701" s="613"/>
      <c r="AKQ701" s="613"/>
      <c r="AKR701" s="613"/>
      <c r="AKS701" s="613"/>
      <c r="AKT701" s="613"/>
      <c r="AKU701" s="613"/>
      <c r="AKV701" s="613"/>
      <c r="AKW701" s="613"/>
      <c r="AKX701" s="613"/>
      <c r="AKY701" s="613"/>
      <c r="AKZ701" s="613"/>
      <c r="ALA701" s="613"/>
      <c r="ALB701" s="613"/>
      <c r="ALC701" s="613"/>
      <c r="ALD701" s="613"/>
      <c r="ALE701" s="613"/>
      <c r="ALF701" s="613"/>
      <c r="ALG701" s="613"/>
      <c r="ALH701" s="613"/>
      <c r="ALI701" s="613"/>
      <c r="ALJ701" s="613"/>
      <c r="ALK701" s="613"/>
      <c r="ALL701" s="613"/>
      <c r="ALM701" s="613"/>
      <c r="ALN701" s="613"/>
      <c r="ALO701" s="613"/>
      <c r="ALP701" s="613"/>
      <c r="ALQ701" s="613"/>
      <c r="ALR701" s="613"/>
      <c r="ALS701" s="613"/>
      <c r="ALT701" s="613"/>
      <c r="ALU701" s="613"/>
      <c r="ALV701" s="613"/>
      <c r="ALW701" s="613"/>
      <c r="ALX701" s="613"/>
      <c r="ALY701" s="613"/>
      <c r="ALZ701" s="613"/>
      <c r="AMA701" s="613"/>
      <c r="AMB701" s="613"/>
      <c r="AMC701" s="613"/>
      <c r="AMD701" s="613"/>
      <c r="AME701" s="613"/>
      <c r="AMF701" s="613"/>
      <c r="AMG701" s="613"/>
      <c r="AMH701" s="613"/>
      <c r="AMI701" s="613"/>
      <c r="AMJ701" s="613"/>
      <c r="AMK701" s="613"/>
      <c r="AML701" s="613"/>
      <c r="AMM701" s="613"/>
      <c r="AMN701" s="613"/>
      <c r="AMO701" s="613"/>
      <c r="AMP701" s="613"/>
      <c r="AMQ701" s="613"/>
      <c r="AMR701" s="613"/>
      <c r="AMS701" s="613"/>
      <c r="AMT701" s="613"/>
      <c r="AMU701" s="613"/>
      <c r="AMV701" s="613"/>
      <c r="AMW701" s="613"/>
      <c r="AMX701" s="613"/>
      <c r="AMY701" s="613"/>
      <c r="AMZ701" s="613"/>
      <c r="ANA701" s="613"/>
      <c r="ANB701" s="613"/>
      <c r="ANC701" s="613"/>
      <c r="AND701" s="613"/>
      <c r="ANE701" s="613"/>
      <c r="ANF701" s="613"/>
      <c r="ANG701" s="613"/>
      <c r="ANH701" s="613"/>
      <c r="ANI701" s="613"/>
      <c r="ANJ701" s="613"/>
      <c r="ANK701" s="613"/>
      <c r="ANL701" s="613"/>
      <c r="ANM701" s="613"/>
      <c r="ANN701" s="613"/>
      <c r="ANO701" s="613"/>
      <c r="ANP701" s="613"/>
      <c r="ANQ701" s="613"/>
      <c r="ANR701" s="613"/>
      <c r="ANS701" s="613"/>
      <c r="ANT701" s="613"/>
      <c r="ANU701" s="613"/>
      <c r="ANV701" s="613"/>
      <c r="ANW701" s="613"/>
      <c r="ANX701" s="613"/>
      <c r="ANY701" s="613"/>
      <c r="ANZ701" s="613"/>
      <c r="AOA701" s="613"/>
      <c r="AOB701" s="613"/>
      <c r="AOC701" s="613"/>
      <c r="AOD701" s="613"/>
      <c r="AOE701" s="613"/>
      <c r="AOF701" s="613"/>
      <c r="AOG701" s="613"/>
      <c r="AOH701" s="613"/>
      <c r="AOI701" s="613"/>
      <c r="AOJ701" s="613"/>
      <c r="AOK701" s="613"/>
      <c r="AOL701" s="613"/>
      <c r="AOM701" s="613"/>
      <c r="AON701" s="613"/>
      <c r="AOO701" s="613"/>
      <c r="AOP701" s="613"/>
      <c r="AOQ701" s="613"/>
      <c r="AOR701" s="613"/>
      <c r="AOS701" s="613"/>
      <c r="AOT701" s="613"/>
      <c r="AOU701" s="613"/>
      <c r="AOV701" s="613"/>
      <c r="AOW701" s="613"/>
      <c r="AOX701" s="613"/>
      <c r="AOY701" s="613"/>
      <c r="AOZ701" s="613"/>
      <c r="APA701" s="613"/>
      <c r="APB701" s="613"/>
      <c r="APC701" s="613"/>
      <c r="APD701" s="613"/>
      <c r="APE701" s="613"/>
      <c r="APF701" s="613"/>
      <c r="APG701" s="613"/>
      <c r="APH701" s="613"/>
      <c r="API701" s="613"/>
      <c r="APJ701" s="613"/>
      <c r="APK701" s="613"/>
      <c r="APL701" s="613"/>
      <c r="APM701" s="613"/>
      <c r="APN701" s="613"/>
      <c r="APO701" s="613"/>
      <c r="APP701" s="613"/>
      <c r="APQ701" s="613"/>
      <c r="APR701" s="613"/>
      <c r="APS701" s="613"/>
      <c r="APT701" s="613"/>
      <c r="APU701" s="613"/>
      <c r="APV701" s="613"/>
      <c r="APW701" s="613"/>
      <c r="APX701" s="613"/>
      <c r="APY701" s="613"/>
      <c r="APZ701" s="613"/>
      <c r="AQA701" s="613"/>
      <c r="AQB701" s="613"/>
      <c r="AQC701" s="613"/>
      <c r="AQD701" s="613"/>
      <c r="AQE701" s="613"/>
      <c r="AQF701" s="613"/>
      <c r="AQG701" s="613"/>
      <c r="AQH701" s="613"/>
      <c r="AQI701" s="613"/>
      <c r="AQJ701" s="613"/>
      <c r="AQK701" s="613"/>
      <c r="AQL701" s="613"/>
      <c r="AQM701" s="613"/>
      <c r="AQN701" s="613"/>
      <c r="AQO701" s="613"/>
      <c r="AQP701" s="613"/>
      <c r="AQQ701" s="613"/>
      <c r="AQR701" s="613"/>
      <c r="AQS701" s="613"/>
      <c r="AQT701" s="613"/>
      <c r="AQU701" s="613"/>
      <c r="AQV701" s="613"/>
      <c r="AQW701" s="613"/>
      <c r="AQX701" s="613"/>
      <c r="AQY701" s="613"/>
      <c r="AQZ701" s="613"/>
      <c r="ARA701" s="613"/>
      <c r="ARB701" s="613"/>
      <c r="ARC701" s="613"/>
      <c r="ARD701" s="613"/>
      <c r="ARE701" s="613"/>
      <c r="ARF701" s="613"/>
      <c r="ARG701" s="613"/>
      <c r="ARH701" s="613"/>
      <c r="ARI701" s="613"/>
      <c r="ARJ701" s="613"/>
      <c r="ARK701" s="613"/>
      <c r="ARL701" s="613"/>
      <c r="ARM701" s="613"/>
      <c r="ARN701" s="613"/>
      <c r="ARO701" s="613"/>
      <c r="ARP701" s="613"/>
      <c r="ARQ701" s="613"/>
      <c r="ARR701" s="613"/>
      <c r="ARS701" s="613"/>
      <c r="ART701" s="613"/>
      <c r="ARU701" s="613"/>
      <c r="ARV701" s="613"/>
      <c r="ARW701" s="613"/>
      <c r="ARX701" s="613"/>
      <c r="ARY701" s="613"/>
      <c r="ARZ701" s="613"/>
      <c r="ASA701" s="613"/>
      <c r="ASB701" s="613"/>
      <c r="ASC701" s="613"/>
      <c r="ASD701" s="613"/>
      <c r="ASE701" s="613"/>
      <c r="ASF701" s="613"/>
      <c r="ASG701" s="613"/>
      <c r="ASH701" s="613"/>
      <c r="ASI701" s="613"/>
      <c r="ASJ701" s="613"/>
      <c r="ASK701" s="613"/>
      <c r="ASL701" s="613"/>
      <c r="ASM701" s="613"/>
      <c r="ASN701" s="613"/>
      <c r="ASO701" s="613"/>
      <c r="ASP701" s="613"/>
      <c r="ASQ701" s="613"/>
      <c r="ASR701" s="613"/>
      <c r="ASS701" s="613"/>
      <c r="AST701" s="613"/>
      <c r="ASU701" s="613"/>
      <c r="ASV701" s="613"/>
      <c r="ASW701" s="613"/>
      <c r="ASX701" s="613"/>
      <c r="ASY701" s="613"/>
      <c r="ASZ701" s="613"/>
      <c r="ATA701" s="613"/>
      <c r="ATB701" s="613"/>
      <c r="ATC701" s="613"/>
      <c r="ATD701" s="613"/>
      <c r="ATE701" s="613"/>
      <c r="ATF701" s="613"/>
      <c r="ATG701" s="613"/>
      <c r="ATH701" s="613"/>
      <c r="ATI701" s="613"/>
      <c r="ATJ701" s="613"/>
      <c r="ATK701" s="613"/>
      <c r="ATL701" s="613"/>
      <c r="ATM701" s="613"/>
      <c r="ATN701" s="613"/>
      <c r="ATO701" s="613"/>
      <c r="ATP701" s="613"/>
      <c r="ATQ701" s="613"/>
      <c r="ATR701" s="613"/>
      <c r="ATS701" s="613"/>
      <c r="ATT701" s="613"/>
      <c r="ATU701" s="613"/>
      <c r="ATV701" s="613"/>
      <c r="ATW701" s="613"/>
      <c r="ATX701" s="613"/>
      <c r="ATY701" s="613"/>
      <c r="ATZ701" s="613"/>
      <c r="AUA701" s="613"/>
      <c r="AUB701" s="613"/>
      <c r="AUC701" s="613"/>
      <c r="AUD701" s="613"/>
      <c r="AUE701" s="613"/>
      <c r="AUF701" s="613"/>
      <c r="AUG701" s="613"/>
      <c r="AUH701" s="613"/>
      <c r="AUI701" s="613"/>
      <c r="AUJ701" s="613"/>
      <c r="AUK701" s="613"/>
      <c r="AUL701" s="613"/>
      <c r="AUM701" s="613"/>
      <c r="AUN701" s="613"/>
      <c r="AUO701" s="613"/>
      <c r="AUP701" s="613"/>
      <c r="AUQ701" s="613"/>
      <c r="AUR701" s="613"/>
      <c r="AUS701" s="613"/>
      <c r="AUT701" s="613"/>
      <c r="AUU701" s="613"/>
      <c r="AUV701" s="613"/>
      <c r="AUW701" s="613"/>
      <c r="AUX701" s="613"/>
      <c r="AUY701" s="613"/>
      <c r="AUZ701" s="613"/>
      <c r="AVA701" s="613"/>
      <c r="AVB701" s="613"/>
      <c r="AVC701" s="613"/>
      <c r="AVD701" s="613"/>
      <c r="AVE701" s="613"/>
      <c r="AVF701" s="613"/>
      <c r="AVG701" s="613"/>
      <c r="AVH701" s="613"/>
      <c r="AVI701" s="613"/>
      <c r="AVJ701" s="613"/>
      <c r="AVK701" s="613"/>
      <c r="AVL701" s="613"/>
      <c r="AVM701" s="613"/>
      <c r="AVN701" s="613"/>
      <c r="AVO701" s="613"/>
      <c r="AVP701" s="613"/>
      <c r="AVQ701" s="613"/>
      <c r="AVR701" s="613"/>
      <c r="AVS701" s="613"/>
      <c r="AVT701" s="613"/>
      <c r="AVU701" s="613"/>
      <c r="AVV701" s="613"/>
      <c r="AVW701" s="613"/>
      <c r="AVX701" s="613"/>
      <c r="AVY701" s="613"/>
      <c r="AVZ701" s="613"/>
      <c r="AWA701" s="613"/>
      <c r="AWB701" s="613"/>
      <c r="AWC701" s="613"/>
      <c r="AWD701" s="613"/>
      <c r="AWE701" s="613"/>
      <c r="AWF701" s="613"/>
      <c r="AWG701" s="613"/>
      <c r="AWH701" s="613"/>
      <c r="AWI701" s="613"/>
      <c r="AWJ701" s="613"/>
      <c r="AWK701" s="613"/>
      <c r="AWL701" s="613"/>
      <c r="AWM701" s="613"/>
      <c r="AWN701" s="613"/>
      <c r="AWO701" s="613"/>
      <c r="AWP701" s="613"/>
      <c r="AWQ701" s="613"/>
      <c r="AWR701" s="613"/>
      <c r="AWS701" s="613"/>
      <c r="AWT701" s="613"/>
      <c r="AWU701" s="613"/>
      <c r="AWV701" s="613"/>
      <c r="AWW701" s="613"/>
      <c r="AWX701" s="613"/>
      <c r="AWY701" s="613"/>
      <c r="AWZ701" s="613"/>
      <c r="AXA701" s="613"/>
      <c r="AXB701" s="613"/>
      <c r="AXC701" s="613"/>
      <c r="AXD701" s="613"/>
      <c r="AXE701" s="613"/>
      <c r="AXF701" s="613"/>
      <c r="AXG701" s="613"/>
      <c r="AXH701" s="613"/>
      <c r="AXI701" s="613"/>
      <c r="AXJ701" s="613"/>
      <c r="AXK701" s="613"/>
      <c r="AXL701" s="613"/>
      <c r="AXM701" s="613"/>
      <c r="AXN701" s="613"/>
      <c r="AXO701" s="613"/>
      <c r="AXP701" s="613"/>
      <c r="AXQ701" s="613"/>
      <c r="AXR701" s="613"/>
      <c r="AXS701" s="613"/>
      <c r="AXT701" s="613"/>
      <c r="AXU701" s="613"/>
      <c r="AXV701" s="613"/>
      <c r="AXW701" s="613"/>
      <c r="AXX701" s="613"/>
      <c r="AXY701" s="613"/>
      <c r="AXZ701" s="613"/>
      <c r="AYA701" s="613"/>
      <c r="AYB701" s="613"/>
      <c r="AYC701" s="613"/>
      <c r="AYD701" s="613"/>
      <c r="AYE701" s="613"/>
      <c r="AYF701" s="613"/>
      <c r="AYG701" s="613"/>
      <c r="AYH701" s="613"/>
      <c r="AYI701" s="613"/>
      <c r="AYJ701" s="613"/>
      <c r="AYK701" s="613"/>
      <c r="AYL701" s="613"/>
      <c r="AYM701" s="613"/>
      <c r="AYN701" s="613"/>
      <c r="AYO701" s="613"/>
      <c r="AYP701" s="613"/>
      <c r="AYQ701" s="613"/>
      <c r="AYR701" s="613"/>
      <c r="AYS701" s="613"/>
      <c r="AYT701" s="613"/>
      <c r="AYU701" s="613"/>
      <c r="AYV701" s="613"/>
      <c r="AYW701" s="613"/>
      <c r="AYX701" s="613"/>
      <c r="AYY701" s="613"/>
      <c r="AYZ701" s="613"/>
      <c r="AZA701" s="613"/>
      <c r="AZB701" s="613"/>
      <c r="AZC701" s="613"/>
      <c r="AZD701" s="613"/>
      <c r="AZE701" s="613"/>
      <c r="AZF701" s="613"/>
      <c r="AZG701" s="613"/>
      <c r="AZH701" s="613"/>
      <c r="AZI701" s="613"/>
      <c r="AZJ701" s="613"/>
      <c r="AZK701" s="613"/>
      <c r="AZL701" s="613"/>
      <c r="AZM701" s="613"/>
      <c r="AZN701" s="613"/>
      <c r="AZO701" s="613"/>
      <c r="AZP701" s="613"/>
      <c r="AZQ701" s="613"/>
      <c r="AZR701" s="613"/>
      <c r="AZS701" s="613"/>
      <c r="AZT701" s="613"/>
      <c r="AZU701" s="613"/>
      <c r="AZV701" s="613"/>
      <c r="AZW701" s="613"/>
      <c r="AZX701" s="613"/>
      <c r="AZY701" s="613"/>
      <c r="AZZ701" s="613"/>
      <c r="BAA701" s="613"/>
      <c r="BAB701" s="613"/>
      <c r="BAC701" s="613"/>
      <c r="BAD701" s="613"/>
      <c r="BAE701" s="613"/>
      <c r="BAF701" s="613"/>
      <c r="BAG701" s="613"/>
      <c r="BAH701" s="613"/>
      <c r="BAI701" s="613"/>
      <c r="BAJ701" s="613"/>
      <c r="BAK701" s="613"/>
      <c r="BAL701" s="613"/>
      <c r="BAM701" s="613"/>
      <c r="BAN701" s="613"/>
      <c r="BAO701" s="613"/>
      <c r="BAP701" s="613"/>
      <c r="BAQ701" s="613"/>
      <c r="BAR701" s="613"/>
      <c r="BAS701" s="613"/>
      <c r="BAT701" s="613"/>
      <c r="BAU701" s="613"/>
      <c r="BAV701" s="613"/>
      <c r="BAW701" s="613"/>
      <c r="BAX701" s="613"/>
      <c r="BAY701" s="613"/>
      <c r="BAZ701" s="613"/>
      <c r="BBA701" s="613"/>
      <c r="BBB701" s="613"/>
      <c r="BBC701" s="613"/>
      <c r="BBD701" s="613"/>
      <c r="BBE701" s="613"/>
      <c r="BBF701" s="613"/>
      <c r="BBG701" s="613"/>
      <c r="BBH701" s="613"/>
      <c r="BBI701" s="613"/>
      <c r="BBJ701" s="613"/>
      <c r="BBK701" s="613"/>
      <c r="BBL701" s="613"/>
      <c r="BBM701" s="613"/>
      <c r="BBN701" s="613"/>
      <c r="BBO701" s="613"/>
      <c r="BBP701" s="613"/>
      <c r="BBQ701" s="613"/>
      <c r="BBR701" s="613"/>
      <c r="BBS701" s="613"/>
      <c r="BBT701" s="613"/>
      <c r="BBU701" s="613"/>
      <c r="BBV701" s="613"/>
      <c r="BBW701" s="613"/>
      <c r="BBX701" s="613"/>
      <c r="BBY701" s="613"/>
      <c r="BBZ701" s="613"/>
      <c r="BCA701" s="613"/>
      <c r="BCB701" s="613"/>
      <c r="BCC701" s="613"/>
      <c r="BCD701" s="613"/>
      <c r="BCE701" s="613"/>
      <c r="BCF701" s="613"/>
      <c r="BCG701" s="613"/>
      <c r="BCH701" s="613"/>
      <c r="BCI701" s="613"/>
      <c r="BCJ701" s="613"/>
      <c r="BCK701" s="613"/>
      <c r="BCL701" s="613"/>
      <c r="BCM701" s="613"/>
      <c r="BCN701" s="613"/>
      <c r="BCO701" s="613"/>
      <c r="BCP701" s="613"/>
      <c r="BCQ701" s="613"/>
      <c r="BCR701" s="613"/>
      <c r="BCS701" s="613"/>
      <c r="BCT701" s="613"/>
      <c r="BCU701" s="613"/>
      <c r="BCV701" s="613"/>
      <c r="BCW701" s="613"/>
      <c r="BCX701" s="613"/>
      <c r="BCY701" s="613"/>
      <c r="BCZ701" s="613"/>
      <c r="BDA701" s="613"/>
      <c r="BDB701" s="613"/>
      <c r="BDC701" s="613"/>
      <c r="BDD701" s="613"/>
      <c r="BDE701" s="613"/>
      <c r="BDF701" s="613"/>
      <c r="BDG701" s="613"/>
      <c r="BDH701" s="613"/>
      <c r="BDI701" s="613"/>
      <c r="BDJ701" s="613"/>
      <c r="BDK701" s="613"/>
      <c r="BDL701" s="613"/>
      <c r="BDM701" s="613"/>
      <c r="BDN701" s="613"/>
      <c r="BDO701" s="613"/>
      <c r="BDP701" s="613"/>
      <c r="BDQ701" s="613"/>
      <c r="BDR701" s="613"/>
      <c r="BDS701" s="613"/>
      <c r="BDT701" s="613"/>
      <c r="BDU701" s="613"/>
      <c r="BDV701" s="613"/>
      <c r="BDW701" s="613"/>
      <c r="BDX701" s="613"/>
      <c r="BDY701" s="613"/>
      <c r="BDZ701" s="613"/>
      <c r="BEA701" s="613"/>
      <c r="BEB701" s="613"/>
      <c r="BEC701" s="613"/>
      <c r="BED701" s="613"/>
      <c r="BEE701" s="613"/>
      <c r="BEF701" s="613"/>
      <c r="BEG701" s="613"/>
      <c r="BEH701" s="613"/>
      <c r="BEI701" s="613"/>
      <c r="BEJ701" s="613"/>
      <c r="BEK701" s="613"/>
      <c r="BEL701" s="613"/>
      <c r="BEM701" s="613"/>
      <c r="BEN701" s="613"/>
      <c r="BEO701" s="613"/>
      <c r="BEP701" s="613"/>
      <c r="BEQ701" s="613"/>
      <c r="BER701" s="613"/>
      <c r="BES701" s="613"/>
      <c r="BET701" s="613"/>
      <c r="BEU701" s="613"/>
      <c r="BEV701" s="613"/>
      <c r="BEW701" s="613"/>
      <c r="BEX701" s="613"/>
      <c r="BEY701" s="613"/>
      <c r="BEZ701" s="613"/>
      <c r="BFA701" s="613"/>
      <c r="BFB701" s="613"/>
      <c r="BFC701" s="613"/>
      <c r="BFD701" s="613"/>
      <c r="BFE701" s="613"/>
      <c r="BFF701" s="613"/>
      <c r="BFG701" s="613"/>
      <c r="BFH701" s="613"/>
      <c r="BFI701" s="613"/>
      <c r="BFJ701" s="613"/>
      <c r="BFK701" s="613"/>
      <c r="BFL701" s="613"/>
      <c r="BFM701" s="613"/>
      <c r="BFN701" s="613"/>
      <c r="BFO701" s="613"/>
      <c r="BFP701" s="613"/>
      <c r="BFQ701" s="613"/>
      <c r="BFR701" s="613"/>
      <c r="BFS701" s="613"/>
      <c r="BFT701" s="613"/>
      <c r="BFU701" s="613"/>
      <c r="BFV701" s="613"/>
      <c r="BFW701" s="613"/>
      <c r="BFX701" s="613"/>
      <c r="BFY701" s="613"/>
      <c r="BFZ701" s="613"/>
      <c r="BGA701" s="613"/>
      <c r="BGB701" s="613"/>
      <c r="BGC701" s="613"/>
      <c r="BGD701" s="613"/>
      <c r="BGE701" s="613"/>
      <c r="BGF701" s="613"/>
      <c r="BGG701" s="613"/>
      <c r="BGH701" s="613"/>
      <c r="BGI701" s="613"/>
      <c r="BGJ701" s="613"/>
      <c r="BGK701" s="613"/>
      <c r="BGL701" s="613"/>
      <c r="BGM701" s="613"/>
      <c r="BGN701" s="613"/>
      <c r="BGO701" s="613"/>
      <c r="BGP701" s="613"/>
      <c r="BGQ701" s="613"/>
      <c r="BGR701" s="613"/>
      <c r="BGS701" s="613"/>
      <c r="BGT701" s="613"/>
      <c r="BGU701" s="613"/>
      <c r="BGV701" s="613"/>
      <c r="BGW701" s="613"/>
      <c r="BGX701" s="613"/>
      <c r="BGY701" s="613"/>
      <c r="BGZ701" s="613"/>
      <c r="BHA701" s="613"/>
      <c r="BHB701" s="613"/>
      <c r="BHC701" s="613"/>
      <c r="BHD701" s="613"/>
      <c r="BHE701" s="613"/>
      <c r="BHF701" s="613"/>
      <c r="BHG701" s="613"/>
      <c r="BHH701" s="613"/>
      <c r="BHI701" s="613"/>
      <c r="BHJ701" s="613"/>
      <c r="BHK701" s="613"/>
      <c r="BHL701" s="613"/>
      <c r="BHM701" s="613"/>
      <c r="BHN701" s="613"/>
      <c r="BHO701" s="613"/>
      <c r="BHP701" s="613"/>
      <c r="BHQ701" s="613"/>
      <c r="BHR701" s="613"/>
      <c r="BHS701" s="613"/>
      <c r="BHT701" s="613"/>
      <c r="BHU701" s="613"/>
      <c r="BHV701" s="613"/>
      <c r="BHW701" s="613"/>
      <c r="BHX701" s="613"/>
      <c r="BHY701" s="613"/>
      <c r="BHZ701" s="613"/>
      <c r="BIA701" s="613"/>
      <c r="BIB701" s="613"/>
      <c r="BIC701" s="613"/>
      <c r="BID701" s="613"/>
      <c r="BIE701" s="613"/>
      <c r="BIF701" s="613"/>
      <c r="BIG701" s="613"/>
      <c r="BIH701" s="613"/>
      <c r="BII701" s="613"/>
      <c r="BIJ701" s="613"/>
      <c r="BIK701" s="613"/>
      <c r="BIL701" s="613"/>
      <c r="BIM701" s="613"/>
      <c r="BIN701" s="613"/>
      <c r="BIO701" s="613"/>
      <c r="BIP701" s="613"/>
      <c r="BIQ701" s="613"/>
      <c r="BIR701" s="613"/>
      <c r="BIS701" s="613"/>
      <c r="BIT701" s="613"/>
      <c r="BIU701" s="613"/>
      <c r="BIV701" s="613"/>
      <c r="BIW701" s="613"/>
      <c r="BIX701" s="613"/>
      <c r="BIY701" s="613"/>
      <c r="BIZ701" s="613"/>
      <c r="BJA701" s="613"/>
      <c r="BJB701" s="613"/>
      <c r="BJC701" s="613"/>
      <c r="BJD701" s="613"/>
      <c r="BJE701" s="613"/>
      <c r="BJF701" s="613"/>
      <c r="BJG701" s="613"/>
      <c r="BJH701" s="613"/>
      <c r="BJI701" s="613"/>
      <c r="BJJ701" s="613"/>
      <c r="BJK701" s="613"/>
      <c r="BJL701" s="613"/>
      <c r="BJM701" s="613"/>
      <c r="BJN701" s="613"/>
      <c r="BJO701" s="613"/>
      <c r="BJP701" s="613"/>
      <c r="BJQ701" s="613"/>
      <c r="BJR701" s="613"/>
      <c r="BJS701" s="613"/>
      <c r="BJT701" s="613"/>
      <c r="BJU701" s="613"/>
      <c r="BJV701" s="613"/>
      <c r="BJW701" s="613"/>
      <c r="BJX701" s="613"/>
      <c r="BJY701" s="613"/>
      <c r="BJZ701" s="613"/>
      <c r="BKA701" s="613"/>
      <c r="BKB701" s="613"/>
      <c r="BKC701" s="613"/>
      <c r="BKD701" s="613"/>
      <c r="BKE701" s="613"/>
      <c r="BKF701" s="613"/>
      <c r="BKG701" s="613"/>
      <c r="BKH701" s="613"/>
      <c r="BKI701" s="613"/>
      <c r="BKJ701" s="613"/>
      <c r="BKK701" s="613"/>
      <c r="BKL701" s="613"/>
      <c r="BKM701" s="613"/>
      <c r="BKN701" s="613"/>
      <c r="BKO701" s="613"/>
      <c r="BKP701" s="613"/>
      <c r="BKQ701" s="613"/>
      <c r="BKR701" s="613"/>
      <c r="BKS701" s="613"/>
      <c r="BKT701" s="613"/>
      <c r="BKU701" s="613"/>
      <c r="BKV701" s="613"/>
      <c r="BKW701" s="613"/>
      <c r="BKX701" s="613"/>
      <c r="BKY701" s="613"/>
      <c r="BKZ701" s="613"/>
      <c r="BLA701" s="613"/>
      <c r="BLB701" s="613"/>
      <c r="BLC701" s="613"/>
      <c r="BLD701" s="613"/>
      <c r="BLE701" s="613"/>
      <c r="BLF701" s="613"/>
      <c r="BLG701" s="613"/>
      <c r="BLH701" s="613"/>
      <c r="BLI701" s="613"/>
      <c r="BLJ701" s="613"/>
      <c r="BLK701" s="613"/>
      <c r="BLL701" s="613"/>
      <c r="BLM701" s="613"/>
      <c r="BLN701" s="613"/>
      <c r="BLO701" s="613"/>
      <c r="BLP701" s="613"/>
      <c r="BLQ701" s="613"/>
      <c r="BLR701" s="613"/>
      <c r="BLS701" s="613"/>
      <c r="BLT701" s="613"/>
      <c r="BLU701" s="613"/>
      <c r="BLV701" s="613"/>
      <c r="BLW701" s="613"/>
      <c r="BLX701" s="613"/>
      <c r="BLY701" s="613"/>
      <c r="BLZ701" s="613"/>
      <c r="BMA701" s="613"/>
      <c r="BMB701" s="613"/>
      <c r="BMC701" s="613"/>
      <c r="BMD701" s="613"/>
      <c r="BME701" s="613"/>
      <c r="BMF701" s="613"/>
      <c r="BMG701" s="613"/>
      <c r="BMH701" s="613"/>
      <c r="BMI701" s="613"/>
      <c r="BMJ701" s="613"/>
      <c r="BMK701" s="613"/>
      <c r="BML701" s="613"/>
      <c r="BMM701" s="613"/>
      <c r="BMN701" s="613"/>
      <c r="BMO701" s="613"/>
      <c r="BMP701" s="613"/>
      <c r="BMQ701" s="613"/>
      <c r="BMR701" s="613"/>
      <c r="BMS701" s="613"/>
      <c r="BMT701" s="613"/>
      <c r="BMU701" s="613"/>
      <c r="BMV701" s="613"/>
      <c r="BMW701" s="613"/>
      <c r="BMX701" s="613"/>
      <c r="BMY701" s="613"/>
      <c r="BMZ701" s="613"/>
      <c r="BNA701" s="613"/>
      <c r="BNB701" s="613"/>
      <c r="BNC701" s="613"/>
      <c r="BND701" s="613"/>
      <c r="BNE701" s="613"/>
      <c r="BNF701" s="613"/>
      <c r="BNG701" s="613"/>
      <c r="BNH701" s="613"/>
      <c r="BNI701" s="613"/>
      <c r="BNJ701" s="613"/>
      <c r="BNK701" s="613"/>
      <c r="BNL701" s="613"/>
      <c r="BNM701" s="613"/>
      <c r="BNN701" s="613"/>
      <c r="BNO701" s="613"/>
      <c r="BNP701" s="613"/>
      <c r="BNQ701" s="613"/>
      <c r="BNR701" s="613"/>
      <c r="BNS701" s="613"/>
      <c r="BNT701" s="613"/>
      <c r="BNU701" s="613"/>
      <c r="BNV701" s="613"/>
      <c r="BNW701" s="613"/>
      <c r="BNX701" s="613"/>
      <c r="BNY701" s="613"/>
      <c r="BNZ701" s="613"/>
      <c r="BOA701" s="613"/>
      <c r="BOB701" s="613"/>
      <c r="BOC701" s="613"/>
      <c r="BOD701" s="613"/>
      <c r="BOE701" s="613"/>
      <c r="BOF701" s="613"/>
      <c r="BOG701" s="613"/>
      <c r="BOH701" s="613"/>
      <c r="BOI701" s="613"/>
      <c r="BOJ701" s="613"/>
      <c r="BOK701" s="613"/>
      <c r="BOL701" s="613"/>
      <c r="BOM701" s="613"/>
      <c r="BON701" s="613"/>
      <c r="BOO701" s="613"/>
      <c r="BOP701" s="613"/>
      <c r="BOQ701" s="613"/>
      <c r="BOR701" s="613"/>
      <c r="BOS701" s="613"/>
      <c r="BOT701" s="613"/>
      <c r="BOU701" s="613"/>
      <c r="BOV701" s="613"/>
      <c r="BOW701" s="613"/>
      <c r="BOX701" s="613"/>
      <c r="BOY701" s="613"/>
      <c r="BOZ701" s="613"/>
      <c r="BPA701" s="613"/>
      <c r="BPB701" s="613"/>
      <c r="BPC701" s="613"/>
      <c r="BPD701" s="613"/>
      <c r="BPE701" s="613"/>
      <c r="BPF701" s="613"/>
      <c r="BPG701" s="613"/>
      <c r="BPH701" s="613"/>
      <c r="BPI701" s="613"/>
      <c r="BPJ701" s="613"/>
      <c r="BPK701" s="613"/>
      <c r="BPL701" s="613"/>
      <c r="BPM701" s="613"/>
      <c r="BPN701" s="613"/>
      <c r="BPO701" s="613"/>
      <c r="BPP701" s="613"/>
      <c r="BPQ701" s="613"/>
      <c r="BPR701" s="613"/>
      <c r="BPS701" s="613"/>
      <c r="BPT701" s="613"/>
      <c r="BPU701" s="613"/>
      <c r="BPV701" s="613"/>
      <c r="BPW701" s="613"/>
      <c r="BPX701" s="613"/>
      <c r="BPY701" s="613"/>
      <c r="BPZ701" s="613"/>
      <c r="BQA701" s="613"/>
      <c r="BQB701" s="613"/>
      <c r="BQC701" s="613"/>
      <c r="BQD701" s="613"/>
      <c r="BQE701" s="613"/>
      <c r="BQF701" s="613"/>
      <c r="BQG701" s="613"/>
      <c r="BQH701" s="613"/>
      <c r="BQI701" s="613"/>
      <c r="BQJ701" s="613"/>
      <c r="BQK701" s="613"/>
      <c r="BQL701" s="613"/>
      <c r="BQM701" s="613"/>
      <c r="BQN701" s="613"/>
      <c r="BQO701" s="613"/>
      <c r="BQP701" s="613"/>
      <c r="BQQ701" s="613"/>
      <c r="BQR701" s="613"/>
      <c r="BQS701" s="613"/>
      <c r="BQT701" s="613"/>
      <c r="BQU701" s="613"/>
      <c r="BQV701" s="613"/>
      <c r="BQW701" s="613"/>
      <c r="BQX701" s="613"/>
      <c r="BQY701" s="613"/>
      <c r="BQZ701" s="613"/>
      <c r="BRA701" s="613"/>
      <c r="BRB701" s="613"/>
      <c r="BRC701" s="613"/>
      <c r="BRD701" s="613"/>
      <c r="BRE701" s="613"/>
      <c r="BRF701" s="613"/>
      <c r="BRG701" s="613"/>
      <c r="BRH701" s="613"/>
      <c r="BRI701" s="613"/>
      <c r="BRJ701" s="613"/>
      <c r="BRK701" s="613"/>
      <c r="BRL701" s="613"/>
      <c r="BRM701" s="613"/>
      <c r="BRN701" s="613"/>
      <c r="BRO701" s="613"/>
      <c r="BRP701" s="613"/>
      <c r="BRQ701" s="613"/>
      <c r="BRR701" s="613"/>
      <c r="BRS701" s="613"/>
      <c r="BRT701" s="613"/>
      <c r="BRU701" s="613"/>
      <c r="BRV701" s="613"/>
      <c r="BRW701" s="613"/>
      <c r="BRX701" s="613"/>
      <c r="BRY701" s="613"/>
      <c r="BRZ701" s="613"/>
      <c r="BSA701" s="613"/>
      <c r="BSB701" s="613"/>
      <c r="BSC701" s="613"/>
      <c r="BSD701" s="613"/>
      <c r="BSE701" s="613"/>
      <c r="BSF701" s="613"/>
      <c r="BSG701" s="613"/>
      <c r="BSH701" s="613"/>
      <c r="BSI701" s="613"/>
      <c r="BSJ701" s="613"/>
      <c r="BSK701" s="613"/>
      <c r="BSL701" s="613"/>
      <c r="BSM701" s="613"/>
      <c r="BSN701" s="613"/>
      <c r="BSO701" s="613"/>
      <c r="BSP701" s="613"/>
      <c r="BSQ701" s="613"/>
      <c r="BSR701" s="613"/>
      <c r="BSS701" s="613"/>
      <c r="BST701" s="613"/>
      <c r="BSU701" s="613"/>
      <c r="BSV701" s="613"/>
      <c r="BSW701" s="613"/>
      <c r="BSX701" s="613"/>
      <c r="BSY701" s="613"/>
      <c r="BSZ701" s="613"/>
      <c r="BTA701" s="613"/>
      <c r="BTB701" s="613"/>
      <c r="BTC701" s="613"/>
      <c r="BTD701" s="613"/>
      <c r="BTE701" s="613"/>
      <c r="BTF701" s="613"/>
      <c r="BTG701" s="613"/>
      <c r="BTH701" s="613"/>
      <c r="BTI701" s="613"/>
      <c r="BTJ701" s="613"/>
      <c r="BTK701" s="613"/>
      <c r="BTL701" s="613"/>
      <c r="BTM701" s="613"/>
      <c r="BTN701" s="613"/>
      <c r="BTO701" s="613"/>
      <c r="BTP701" s="613"/>
      <c r="BTQ701" s="613"/>
      <c r="BTR701" s="613"/>
      <c r="BTS701" s="613"/>
      <c r="BTT701" s="613"/>
      <c r="BTU701" s="613"/>
      <c r="BTV701" s="613"/>
      <c r="BTW701" s="613"/>
      <c r="BTX701" s="613"/>
      <c r="BTY701" s="613"/>
      <c r="BTZ701" s="613"/>
      <c r="BUA701" s="613"/>
      <c r="BUB701" s="613"/>
      <c r="BUC701" s="613"/>
      <c r="BUD701" s="613"/>
      <c r="BUE701" s="613"/>
      <c r="BUF701" s="613"/>
      <c r="BUG701" s="613"/>
      <c r="BUH701" s="613"/>
      <c r="BUI701" s="613"/>
      <c r="BUJ701" s="613"/>
      <c r="BUK701" s="613"/>
      <c r="BUL701" s="613"/>
      <c r="BUM701" s="613"/>
      <c r="BUN701" s="613"/>
      <c r="BUO701" s="613"/>
      <c r="BUP701" s="613"/>
      <c r="BUQ701" s="613"/>
      <c r="BUR701" s="613"/>
      <c r="BUS701" s="613"/>
      <c r="BUT701" s="613"/>
      <c r="BUU701" s="613"/>
      <c r="BUV701" s="613"/>
      <c r="BUW701" s="613"/>
      <c r="BUX701" s="613"/>
      <c r="BUY701" s="613"/>
      <c r="BUZ701" s="613"/>
      <c r="BVA701" s="613"/>
      <c r="BVB701" s="613"/>
      <c r="BVC701" s="613"/>
      <c r="BVD701" s="613"/>
      <c r="BVE701" s="613"/>
      <c r="BVF701" s="613"/>
      <c r="BVG701" s="613"/>
      <c r="BVH701" s="613"/>
      <c r="BVI701" s="613"/>
      <c r="BVJ701" s="613"/>
      <c r="BVK701" s="613"/>
      <c r="BVL701" s="613"/>
      <c r="BVM701" s="613"/>
      <c r="BVN701" s="613"/>
      <c r="BVO701" s="613"/>
      <c r="BVP701" s="613"/>
      <c r="BVQ701" s="613"/>
      <c r="BVR701" s="613"/>
      <c r="BVS701" s="613"/>
      <c r="BVT701" s="613"/>
      <c r="BVU701" s="613"/>
      <c r="BVV701" s="613"/>
      <c r="BVW701" s="613"/>
      <c r="BVX701" s="613"/>
      <c r="BVY701" s="613"/>
      <c r="BVZ701" s="613"/>
      <c r="BWA701" s="613"/>
      <c r="BWB701" s="613"/>
      <c r="BWC701" s="613"/>
      <c r="BWD701" s="613"/>
      <c r="BWE701" s="613"/>
      <c r="BWF701" s="613"/>
      <c r="BWG701" s="613"/>
      <c r="BWH701" s="613"/>
      <c r="BWI701" s="613"/>
      <c r="BWJ701" s="613"/>
      <c r="BWK701" s="613"/>
      <c r="BWL701" s="613"/>
      <c r="BWM701" s="613"/>
      <c r="BWN701" s="613"/>
      <c r="BWO701" s="613"/>
      <c r="BWP701" s="613"/>
      <c r="BWQ701" s="613"/>
      <c r="BWR701" s="613"/>
      <c r="BWS701" s="613"/>
      <c r="BWT701" s="613"/>
      <c r="BWU701" s="613"/>
      <c r="BWV701" s="613"/>
      <c r="BWW701" s="613"/>
      <c r="BWX701" s="613"/>
      <c r="BWY701" s="613"/>
      <c r="BWZ701" s="613"/>
      <c r="BXA701" s="613"/>
      <c r="BXB701" s="613"/>
      <c r="BXC701" s="613"/>
      <c r="BXD701" s="613"/>
      <c r="BXE701" s="613"/>
      <c r="BXF701" s="613"/>
      <c r="BXG701" s="613"/>
      <c r="BXH701" s="613"/>
      <c r="BXI701" s="613"/>
      <c r="BXJ701" s="613"/>
      <c r="BXK701" s="613"/>
      <c r="BXL701" s="613"/>
      <c r="BXM701" s="613"/>
      <c r="BXN701" s="613"/>
      <c r="BXO701" s="613"/>
      <c r="BXP701" s="613"/>
      <c r="BXQ701" s="613"/>
      <c r="BXR701" s="613"/>
      <c r="BXS701" s="613"/>
      <c r="BXT701" s="613"/>
      <c r="BXU701" s="613"/>
      <c r="BXV701" s="613"/>
      <c r="BXW701" s="613"/>
      <c r="BXX701" s="613"/>
      <c r="BXY701" s="613"/>
      <c r="BXZ701" s="613"/>
      <c r="BYA701" s="613"/>
      <c r="BYB701" s="613"/>
      <c r="BYC701" s="613"/>
      <c r="BYD701" s="613"/>
      <c r="BYE701" s="613"/>
      <c r="BYF701" s="613"/>
      <c r="BYG701" s="613"/>
      <c r="BYH701" s="613"/>
      <c r="BYI701" s="613"/>
      <c r="BYJ701" s="613"/>
      <c r="BYK701" s="613"/>
      <c r="BYL701" s="613"/>
      <c r="BYM701" s="613"/>
      <c r="BYN701" s="613"/>
      <c r="BYO701" s="613"/>
      <c r="BYP701" s="613"/>
      <c r="BYQ701" s="613"/>
      <c r="BYR701" s="613"/>
      <c r="BYS701" s="613"/>
      <c r="BYT701" s="613"/>
      <c r="BYU701" s="613"/>
      <c r="BYV701" s="613"/>
      <c r="BYW701" s="613"/>
      <c r="BYX701" s="613"/>
      <c r="BYY701" s="613"/>
      <c r="BYZ701" s="613"/>
      <c r="BZA701" s="613"/>
      <c r="BZB701" s="613"/>
      <c r="BZC701" s="613"/>
      <c r="BZD701" s="613"/>
      <c r="BZE701" s="613"/>
      <c r="BZF701" s="613"/>
      <c r="BZG701" s="613"/>
      <c r="BZH701" s="613"/>
      <c r="BZI701" s="613"/>
      <c r="BZJ701" s="613"/>
      <c r="BZK701" s="613"/>
      <c r="BZL701" s="613"/>
      <c r="BZM701" s="613"/>
      <c r="BZN701" s="613"/>
      <c r="BZO701" s="613"/>
      <c r="BZP701" s="613"/>
      <c r="BZQ701" s="613"/>
      <c r="BZR701" s="613"/>
      <c r="BZS701" s="613"/>
      <c r="BZT701" s="613"/>
      <c r="BZU701" s="613"/>
      <c r="BZV701" s="613"/>
      <c r="BZW701" s="613"/>
      <c r="BZX701" s="613"/>
      <c r="BZY701" s="613"/>
      <c r="BZZ701" s="613"/>
      <c r="CAA701" s="613"/>
      <c r="CAB701" s="613"/>
      <c r="CAC701" s="613"/>
      <c r="CAD701" s="613"/>
      <c r="CAE701" s="613"/>
      <c r="CAF701" s="613"/>
      <c r="CAG701" s="613"/>
      <c r="CAH701" s="613"/>
      <c r="CAI701" s="613"/>
      <c r="CAJ701" s="613"/>
      <c r="CAK701" s="613"/>
      <c r="CAL701" s="613"/>
      <c r="CAM701" s="613"/>
      <c r="CAN701" s="613"/>
      <c r="CAO701" s="613"/>
      <c r="CAP701" s="613"/>
      <c r="CAQ701" s="613"/>
      <c r="CAR701" s="613"/>
      <c r="CAS701" s="613"/>
      <c r="CAT701" s="613"/>
      <c r="CAU701" s="613"/>
      <c r="CAV701" s="613"/>
      <c r="CAW701" s="613"/>
      <c r="CAX701" s="613"/>
      <c r="CAY701" s="613"/>
      <c r="CAZ701" s="613"/>
      <c r="CBA701" s="613"/>
      <c r="CBB701" s="613"/>
      <c r="CBC701" s="613"/>
      <c r="CBD701" s="613"/>
      <c r="CBE701" s="613"/>
      <c r="CBF701" s="613"/>
      <c r="CBG701" s="613"/>
      <c r="CBH701" s="613"/>
      <c r="CBI701" s="613"/>
      <c r="CBJ701" s="613"/>
      <c r="CBK701" s="613"/>
      <c r="CBL701" s="613"/>
      <c r="CBM701" s="613"/>
      <c r="CBN701" s="613"/>
      <c r="CBO701" s="613"/>
      <c r="CBP701" s="613"/>
      <c r="CBQ701" s="613"/>
      <c r="CBR701" s="613"/>
      <c r="CBS701" s="613"/>
      <c r="CBT701" s="613"/>
      <c r="CBU701" s="613"/>
      <c r="CBV701" s="613"/>
      <c r="CBW701" s="613"/>
      <c r="CBX701" s="613"/>
      <c r="CBY701" s="613"/>
      <c r="CBZ701" s="613"/>
      <c r="CCA701" s="613"/>
      <c r="CCB701" s="613"/>
      <c r="CCC701" s="613"/>
      <c r="CCD701" s="613"/>
      <c r="CCE701" s="613"/>
      <c r="CCF701" s="613"/>
      <c r="CCG701" s="613"/>
      <c r="CCH701" s="613"/>
      <c r="CCI701" s="613"/>
      <c r="CCJ701" s="613"/>
      <c r="CCK701" s="613"/>
      <c r="CCL701" s="613"/>
      <c r="CCM701" s="613"/>
      <c r="CCN701" s="613"/>
      <c r="CCO701" s="613"/>
      <c r="CCP701" s="613"/>
      <c r="CCQ701" s="613"/>
      <c r="CCR701" s="613"/>
      <c r="CCS701" s="613"/>
      <c r="CCT701" s="613"/>
      <c r="CCU701" s="613"/>
      <c r="CCV701" s="613"/>
      <c r="CCW701" s="613"/>
      <c r="CCX701" s="613"/>
      <c r="CCY701" s="613"/>
      <c r="CCZ701" s="613"/>
      <c r="CDA701" s="613"/>
      <c r="CDB701" s="613"/>
      <c r="CDC701" s="613"/>
      <c r="CDD701" s="613"/>
      <c r="CDE701" s="613"/>
      <c r="CDF701" s="613"/>
      <c r="CDG701" s="613"/>
      <c r="CDH701" s="613"/>
      <c r="CDI701" s="613"/>
      <c r="CDJ701" s="613"/>
      <c r="CDK701" s="613"/>
      <c r="CDL701" s="613"/>
      <c r="CDM701" s="613"/>
      <c r="CDN701" s="613"/>
      <c r="CDO701" s="613"/>
      <c r="CDP701" s="613"/>
      <c r="CDQ701" s="613"/>
      <c r="CDR701" s="613"/>
      <c r="CDS701" s="613"/>
      <c r="CDT701" s="613"/>
      <c r="CDU701" s="613"/>
      <c r="CDV701" s="613"/>
      <c r="CDW701" s="613"/>
      <c r="CDX701" s="613"/>
      <c r="CDY701" s="613"/>
      <c r="CDZ701" s="613"/>
      <c r="CEA701" s="613"/>
      <c r="CEB701" s="613"/>
      <c r="CEC701" s="613"/>
      <c r="CED701" s="613"/>
      <c r="CEE701" s="613"/>
      <c r="CEF701" s="613"/>
      <c r="CEG701" s="613"/>
      <c r="CEH701" s="613"/>
      <c r="CEI701" s="613"/>
      <c r="CEJ701" s="613"/>
      <c r="CEK701" s="613"/>
      <c r="CEL701" s="613"/>
      <c r="CEM701" s="613"/>
      <c r="CEN701" s="613"/>
      <c r="CEO701" s="613"/>
      <c r="CEP701" s="613"/>
      <c r="CEQ701" s="613"/>
      <c r="CER701" s="613"/>
      <c r="CES701" s="613"/>
      <c r="CET701" s="613"/>
      <c r="CEU701" s="613"/>
      <c r="CEV701" s="613"/>
      <c r="CEW701" s="613"/>
      <c r="CEX701" s="613"/>
      <c r="CEY701" s="613"/>
      <c r="CEZ701" s="613"/>
      <c r="CFA701" s="613"/>
      <c r="CFB701" s="613"/>
      <c r="CFC701" s="613"/>
      <c r="CFD701" s="613"/>
      <c r="CFE701" s="613"/>
      <c r="CFF701" s="613"/>
      <c r="CFG701" s="613"/>
      <c r="CFH701" s="613"/>
      <c r="CFI701" s="613"/>
      <c r="CFJ701" s="613"/>
      <c r="CFK701" s="613"/>
      <c r="CFL701" s="613"/>
      <c r="CFM701" s="613"/>
      <c r="CFN701" s="613"/>
      <c r="CFO701" s="613"/>
      <c r="CFP701" s="613"/>
      <c r="CFQ701" s="613"/>
      <c r="CFR701" s="613"/>
      <c r="CFS701" s="613"/>
      <c r="CFT701" s="613"/>
      <c r="CFU701" s="613"/>
      <c r="CFV701" s="613"/>
      <c r="CFW701" s="613"/>
      <c r="CFX701" s="613"/>
      <c r="CFY701" s="613"/>
      <c r="CFZ701" s="613"/>
      <c r="CGA701" s="613"/>
      <c r="CGB701" s="613"/>
      <c r="CGC701" s="613"/>
      <c r="CGD701" s="613"/>
      <c r="CGE701" s="613"/>
      <c r="CGF701" s="613"/>
      <c r="CGG701" s="613"/>
      <c r="CGH701" s="613"/>
      <c r="CGI701" s="613"/>
      <c r="CGJ701" s="613"/>
      <c r="CGK701" s="613"/>
      <c r="CGL701" s="613"/>
      <c r="CGM701" s="613"/>
      <c r="CGN701" s="613"/>
      <c r="CGO701" s="613"/>
      <c r="CGP701" s="613"/>
      <c r="CGQ701" s="613"/>
      <c r="CGR701" s="613"/>
      <c r="CGS701" s="613"/>
      <c r="CGT701" s="613"/>
      <c r="CGU701" s="613"/>
      <c r="CGV701" s="613"/>
      <c r="CGW701" s="613"/>
      <c r="CGX701" s="613"/>
      <c r="CGY701" s="613"/>
      <c r="CGZ701" s="613"/>
      <c r="CHA701" s="613"/>
      <c r="CHB701" s="613"/>
      <c r="CHC701" s="613"/>
      <c r="CHD701" s="613"/>
      <c r="CHE701" s="613"/>
      <c r="CHF701" s="613"/>
      <c r="CHG701" s="613"/>
      <c r="CHH701" s="613"/>
      <c r="CHI701" s="613"/>
      <c r="CHJ701" s="613"/>
      <c r="CHK701" s="613"/>
      <c r="CHL701" s="613"/>
      <c r="CHM701" s="613"/>
      <c r="CHN701" s="613"/>
      <c r="CHO701" s="613"/>
      <c r="CHP701" s="613"/>
      <c r="CHQ701" s="613"/>
      <c r="CHR701" s="613"/>
      <c r="CHS701" s="613"/>
      <c r="CHT701" s="613"/>
      <c r="CHU701" s="613"/>
      <c r="CHV701" s="613"/>
      <c r="CHW701" s="613"/>
      <c r="CHX701" s="613"/>
      <c r="CHY701" s="613"/>
      <c r="CHZ701" s="613"/>
      <c r="CIA701" s="613"/>
      <c r="CIB701" s="613"/>
      <c r="CIC701" s="613"/>
      <c r="CID701" s="613"/>
      <c r="CIE701" s="613"/>
      <c r="CIF701" s="613"/>
      <c r="CIG701" s="613"/>
      <c r="CIH701" s="613"/>
      <c r="CII701" s="613"/>
      <c r="CIJ701" s="613"/>
      <c r="CIK701" s="613"/>
      <c r="CIL701" s="613"/>
      <c r="CIM701" s="613"/>
      <c r="CIN701" s="613"/>
      <c r="CIO701" s="613"/>
      <c r="CIP701" s="613"/>
      <c r="CIQ701" s="613"/>
      <c r="CIR701" s="613"/>
      <c r="CIS701" s="613"/>
      <c r="CIT701" s="613"/>
      <c r="CIU701" s="613"/>
      <c r="CIV701" s="613"/>
      <c r="CIW701" s="613"/>
      <c r="CIX701" s="613"/>
      <c r="CIY701" s="613"/>
      <c r="CIZ701" s="613"/>
      <c r="CJA701" s="613"/>
      <c r="CJB701" s="613"/>
      <c r="CJC701" s="613"/>
      <c r="CJD701" s="613"/>
      <c r="CJE701" s="613"/>
      <c r="CJF701" s="613"/>
      <c r="CJG701" s="613"/>
      <c r="CJH701" s="613"/>
      <c r="CJI701" s="613"/>
      <c r="CJJ701" s="613"/>
      <c r="CJK701" s="613"/>
      <c r="CJL701" s="613"/>
      <c r="CJM701" s="613"/>
      <c r="CJN701" s="613"/>
      <c r="CJO701" s="613"/>
      <c r="CJP701" s="613"/>
      <c r="CJQ701" s="613"/>
      <c r="CJR701" s="613"/>
      <c r="CJS701" s="613"/>
      <c r="CJT701" s="613"/>
      <c r="CJU701" s="613"/>
      <c r="CJV701" s="613"/>
      <c r="CJW701" s="613"/>
      <c r="CJX701" s="613"/>
      <c r="CJY701" s="613"/>
      <c r="CJZ701" s="613"/>
      <c r="CKA701" s="613"/>
      <c r="CKB701" s="613"/>
      <c r="CKC701" s="613"/>
      <c r="CKD701" s="613"/>
      <c r="CKE701" s="613"/>
      <c r="CKF701" s="613"/>
      <c r="CKG701" s="613"/>
      <c r="CKH701" s="613"/>
      <c r="CKI701" s="613"/>
      <c r="CKJ701" s="613"/>
      <c r="CKK701" s="613"/>
      <c r="CKL701" s="613"/>
      <c r="CKM701" s="613"/>
      <c r="CKN701" s="613"/>
      <c r="CKO701" s="613"/>
      <c r="CKP701" s="613"/>
      <c r="CKQ701" s="613"/>
      <c r="CKR701" s="613"/>
      <c r="CKS701" s="613"/>
      <c r="CKT701" s="613"/>
      <c r="CKU701" s="613"/>
      <c r="CKV701" s="613"/>
      <c r="CKW701" s="613"/>
      <c r="CKX701" s="613"/>
      <c r="CKY701" s="613"/>
      <c r="CKZ701" s="613"/>
      <c r="CLA701" s="613"/>
      <c r="CLB701" s="613"/>
      <c r="CLC701" s="613"/>
      <c r="CLD701" s="613"/>
      <c r="CLE701" s="613"/>
      <c r="CLF701" s="613"/>
      <c r="CLG701" s="613"/>
      <c r="CLH701" s="613"/>
      <c r="CLI701" s="613"/>
      <c r="CLJ701" s="613"/>
      <c r="CLK701" s="613"/>
      <c r="CLL701" s="613"/>
      <c r="CLM701" s="613"/>
      <c r="CLN701" s="613"/>
      <c r="CLO701" s="613"/>
      <c r="CLP701" s="613"/>
      <c r="CLQ701" s="613"/>
      <c r="CLR701" s="613"/>
      <c r="CLS701" s="613"/>
      <c r="CLT701" s="613"/>
      <c r="CLU701" s="613"/>
      <c r="CLV701" s="613"/>
      <c r="CLW701" s="613"/>
      <c r="CLX701" s="613"/>
      <c r="CLY701" s="613"/>
      <c r="CLZ701" s="613"/>
      <c r="CMA701" s="613"/>
      <c r="CMB701" s="613"/>
      <c r="CMC701" s="613"/>
      <c r="CMD701" s="613"/>
      <c r="CME701" s="613"/>
      <c r="CMF701" s="613"/>
      <c r="CMG701" s="613"/>
      <c r="CMH701" s="613"/>
      <c r="CMI701" s="613"/>
      <c r="CMJ701" s="613"/>
      <c r="CMK701" s="613"/>
      <c r="CML701" s="613"/>
      <c r="CMM701" s="613"/>
      <c r="CMN701" s="613"/>
      <c r="CMO701" s="613"/>
      <c r="CMP701" s="613"/>
      <c r="CMQ701" s="613"/>
      <c r="CMR701" s="613"/>
      <c r="CMS701" s="613"/>
      <c r="CMT701" s="613"/>
      <c r="CMU701" s="613"/>
      <c r="CMV701" s="613"/>
      <c r="CMW701" s="613"/>
      <c r="CMX701" s="613"/>
      <c r="CMY701" s="613"/>
      <c r="CMZ701" s="613"/>
      <c r="CNA701" s="613"/>
      <c r="CNB701" s="613"/>
      <c r="CNC701" s="613"/>
      <c r="CND701" s="613"/>
      <c r="CNE701" s="613"/>
      <c r="CNF701" s="613"/>
      <c r="CNG701" s="613"/>
      <c r="CNH701" s="613"/>
      <c r="CNI701" s="613"/>
      <c r="CNJ701" s="613"/>
      <c r="CNK701" s="613"/>
      <c r="CNL701" s="613"/>
      <c r="CNM701" s="613"/>
      <c r="CNN701" s="613"/>
      <c r="CNO701" s="613"/>
      <c r="CNP701" s="613"/>
      <c r="CNQ701" s="613"/>
      <c r="CNR701" s="613"/>
      <c r="CNS701" s="613"/>
      <c r="CNT701" s="613"/>
      <c r="CNU701" s="613"/>
      <c r="CNV701" s="613"/>
      <c r="CNW701" s="613"/>
      <c r="CNX701" s="613"/>
      <c r="CNY701" s="613"/>
      <c r="CNZ701" s="613"/>
      <c r="COA701" s="613"/>
      <c r="COB701" s="613"/>
      <c r="COC701" s="613"/>
      <c r="COD701" s="613"/>
      <c r="COE701" s="613"/>
      <c r="COF701" s="613"/>
      <c r="COG701" s="613"/>
      <c r="COH701" s="613"/>
      <c r="COI701" s="613"/>
      <c r="COJ701" s="613"/>
      <c r="COK701" s="613"/>
      <c r="COL701" s="613"/>
      <c r="COM701" s="613"/>
      <c r="CON701" s="613"/>
      <c r="COO701" s="613"/>
      <c r="COP701" s="613"/>
      <c r="COQ701" s="613"/>
      <c r="COR701" s="613"/>
      <c r="COS701" s="613"/>
      <c r="COT701" s="613"/>
      <c r="COU701" s="613"/>
      <c r="COV701" s="613"/>
      <c r="COW701" s="613"/>
      <c r="COX701" s="613"/>
      <c r="COY701" s="613"/>
      <c r="COZ701" s="613"/>
      <c r="CPA701" s="613"/>
      <c r="CPB701" s="613"/>
      <c r="CPC701" s="613"/>
      <c r="CPD701" s="613"/>
      <c r="CPE701" s="613"/>
      <c r="CPF701" s="613"/>
      <c r="CPG701" s="613"/>
      <c r="CPH701" s="613"/>
      <c r="CPI701" s="613"/>
      <c r="CPJ701" s="613"/>
      <c r="CPK701" s="613"/>
      <c r="CPL701" s="613"/>
      <c r="CPM701" s="613"/>
      <c r="CPN701" s="613"/>
      <c r="CPO701" s="613"/>
      <c r="CPP701" s="613"/>
      <c r="CPQ701" s="613"/>
      <c r="CPR701" s="613"/>
      <c r="CPS701" s="613"/>
      <c r="CPT701" s="613"/>
      <c r="CPU701" s="613"/>
      <c r="CPV701" s="613"/>
      <c r="CPW701" s="613"/>
      <c r="CPX701" s="613"/>
      <c r="CPY701" s="613"/>
      <c r="CPZ701" s="613"/>
      <c r="CQA701" s="613"/>
      <c r="CQB701" s="613"/>
      <c r="CQC701" s="613"/>
      <c r="CQD701" s="613"/>
      <c r="CQE701" s="613"/>
      <c r="CQF701" s="613"/>
      <c r="CQG701" s="613"/>
      <c r="CQH701" s="613"/>
      <c r="CQI701" s="613"/>
      <c r="CQJ701" s="613"/>
      <c r="CQK701" s="613"/>
      <c r="CQL701" s="613"/>
      <c r="CQM701" s="613"/>
      <c r="CQN701" s="613"/>
      <c r="CQO701" s="613"/>
      <c r="CQP701" s="613"/>
      <c r="CQQ701" s="613"/>
      <c r="CQR701" s="613"/>
      <c r="CQS701" s="613"/>
      <c r="CQT701" s="613"/>
      <c r="CQU701" s="613"/>
      <c r="CQV701" s="613"/>
      <c r="CQW701" s="613"/>
      <c r="CQX701" s="613"/>
      <c r="CQY701" s="613"/>
      <c r="CQZ701" s="613"/>
      <c r="CRA701" s="613"/>
      <c r="CRB701" s="613"/>
      <c r="CRC701" s="613"/>
      <c r="CRD701" s="613"/>
      <c r="CRE701" s="613"/>
      <c r="CRF701" s="613"/>
      <c r="CRG701" s="613"/>
      <c r="CRH701" s="613"/>
      <c r="CRI701" s="613"/>
      <c r="CRJ701" s="613"/>
      <c r="CRK701" s="613"/>
      <c r="CRL701" s="613"/>
      <c r="CRM701" s="613"/>
      <c r="CRN701" s="613"/>
      <c r="CRO701" s="613"/>
      <c r="CRP701" s="613"/>
      <c r="CRQ701" s="613"/>
      <c r="CRR701" s="613"/>
      <c r="CRS701" s="613"/>
      <c r="CRT701" s="613"/>
      <c r="CRU701" s="613"/>
      <c r="CRV701" s="613"/>
      <c r="CRW701" s="613"/>
      <c r="CRX701" s="613"/>
      <c r="CRY701" s="613"/>
      <c r="CRZ701" s="613"/>
      <c r="CSA701" s="613"/>
      <c r="CSB701" s="613"/>
      <c r="CSC701" s="613"/>
      <c r="CSD701" s="613"/>
      <c r="CSE701" s="613"/>
      <c r="CSF701" s="613"/>
      <c r="CSG701" s="613"/>
      <c r="CSH701" s="613"/>
      <c r="CSI701" s="613"/>
      <c r="CSJ701" s="613"/>
      <c r="CSK701" s="613"/>
      <c r="CSL701" s="613"/>
      <c r="CSM701" s="613"/>
      <c r="CSN701" s="613"/>
      <c r="CSO701" s="613"/>
      <c r="CSP701" s="613"/>
      <c r="CSQ701" s="613"/>
      <c r="CSR701" s="613"/>
      <c r="CSS701" s="613"/>
      <c r="CST701" s="613"/>
      <c r="CSU701" s="613"/>
      <c r="CSV701" s="613"/>
      <c r="CSW701" s="613"/>
      <c r="CSX701" s="613"/>
      <c r="CSY701" s="613"/>
      <c r="CSZ701" s="613"/>
      <c r="CTA701" s="613"/>
      <c r="CTB701" s="613"/>
      <c r="CTC701" s="613"/>
      <c r="CTD701" s="613"/>
      <c r="CTE701" s="613"/>
      <c r="CTF701" s="613"/>
      <c r="CTG701" s="613"/>
      <c r="CTH701" s="613"/>
      <c r="CTI701" s="613"/>
      <c r="CTJ701" s="613"/>
      <c r="CTK701" s="613"/>
      <c r="CTL701" s="613"/>
      <c r="CTM701" s="613"/>
      <c r="CTN701" s="613"/>
      <c r="CTO701" s="613"/>
      <c r="CTP701" s="613"/>
      <c r="CTQ701" s="613"/>
      <c r="CTR701" s="613"/>
      <c r="CTS701" s="613"/>
      <c r="CTT701" s="613"/>
      <c r="CTU701" s="613"/>
      <c r="CTV701" s="613"/>
      <c r="CTW701" s="613"/>
      <c r="CTX701" s="613"/>
      <c r="CTY701" s="613"/>
      <c r="CTZ701" s="613"/>
      <c r="CUA701" s="613"/>
      <c r="CUB701" s="613"/>
      <c r="CUC701" s="613"/>
      <c r="CUD701" s="613"/>
      <c r="CUE701" s="613"/>
      <c r="CUF701" s="613"/>
      <c r="CUG701" s="613"/>
      <c r="CUH701" s="613"/>
      <c r="CUI701" s="613"/>
      <c r="CUJ701" s="613"/>
      <c r="CUK701" s="613"/>
      <c r="CUL701" s="613"/>
      <c r="CUM701" s="613"/>
      <c r="CUN701" s="613"/>
      <c r="CUO701" s="613"/>
      <c r="CUP701" s="613"/>
      <c r="CUQ701" s="613"/>
      <c r="CUR701" s="613"/>
      <c r="CUS701" s="613"/>
      <c r="CUT701" s="613"/>
      <c r="CUU701" s="613"/>
      <c r="CUV701" s="613"/>
      <c r="CUW701" s="613"/>
      <c r="CUX701" s="613"/>
      <c r="CUY701" s="613"/>
      <c r="CUZ701" s="613"/>
      <c r="CVA701" s="613"/>
      <c r="CVB701" s="613"/>
      <c r="CVC701" s="613"/>
      <c r="CVD701" s="613"/>
      <c r="CVE701" s="613"/>
      <c r="CVF701" s="613"/>
      <c r="CVG701" s="613"/>
      <c r="CVH701" s="613"/>
      <c r="CVI701" s="613"/>
      <c r="CVJ701" s="613"/>
      <c r="CVK701" s="613"/>
      <c r="CVL701" s="613"/>
      <c r="CVM701" s="613"/>
      <c r="CVN701" s="613"/>
      <c r="CVO701" s="613"/>
      <c r="CVP701" s="613"/>
      <c r="CVQ701" s="613"/>
      <c r="CVR701" s="613"/>
      <c r="CVS701" s="613"/>
      <c r="CVT701" s="613"/>
      <c r="CVU701" s="613"/>
      <c r="CVV701" s="613"/>
      <c r="CVW701" s="613"/>
      <c r="CVX701" s="613"/>
      <c r="CVY701" s="613"/>
      <c r="CVZ701" s="613"/>
      <c r="CWA701" s="613"/>
      <c r="CWB701" s="613"/>
      <c r="CWC701" s="613"/>
      <c r="CWD701" s="613"/>
      <c r="CWE701" s="613"/>
      <c r="CWF701" s="613"/>
      <c r="CWG701" s="613"/>
      <c r="CWH701" s="613"/>
      <c r="CWI701" s="613"/>
      <c r="CWJ701" s="613"/>
      <c r="CWK701" s="613"/>
      <c r="CWL701" s="613"/>
      <c r="CWM701" s="613"/>
      <c r="CWN701" s="613"/>
      <c r="CWO701" s="613"/>
      <c r="CWP701" s="613"/>
      <c r="CWQ701" s="613"/>
      <c r="CWR701" s="613"/>
      <c r="CWS701" s="613"/>
      <c r="CWT701" s="613"/>
      <c r="CWU701" s="613"/>
      <c r="CWV701" s="613"/>
      <c r="CWW701" s="613"/>
      <c r="CWX701" s="613"/>
      <c r="CWY701" s="613"/>
      <c r="CWZ701" s="613"/>
      <c r="CXA701" s="613"/>
      <c r="CXB701" s="613"/>
      <c r="CXC701" s="613"/>
      <c r="CXD701" s="613"/>
      <c r="CXE701" s="613"/>
      <c r="CXF701" s="613"/>
      <c r="CXG701" s="613"/>
      <c r="CXH701" s="613"/>
      <c r="CXI701" s="613"/>
      <c r="CXJ701" s="613"/>
      <c r="CXK701" s="613"/>
      <c r="CXL701" s="613"/>
      <c r="CXM701" s="613"/>
      <c r="CXN701" s="613"/>
      <c r="CXO701" s="613"/>
      <c r="CXP701" s="613"/>
      <c r="CXQ701" s="613"/>
      <c r="CXR701" s="613"/>
      <c r="CXS701" s="613"/>
      <c r="CXT701" s="613"/>
      <c r="CXU701" s="613"/>
      <c r="CXV701" s="613"/>
      <c r="CXW701" s="613"/>
      <c r="CXX701" s="613"/>
      <c r="CXY701" s="613"/>
      <c r="CXZ701" s="613"/>
      <c r="CYA701" s="613"/>
      <c r="CYB701" s="613"/>
      <c r="CYC701" s="613"/>
      <c r="CYD701" s="613"/>
      <c r="CYE701" s="613"/>
      <c r="CYF701" s="613"/>
      <c r="CYG701" s="613"/>
      <c r="CYH701" s="613"/>
      <c r="CYI701" s="613"/>
      <c r="CYJ701" s="613"/>
      <c r="CYK701" s="613"/>
      <c r="CYL701" s="613"/>
      <c r="CYM701" s="613"/>
      <c r="CYN701" s="613"/>
      <c r="CYO701" s="613"/>
      <c r="CYP701" s="613"/>
      <c r="CYQ701" s="613"/>
      <c r="CYR701" s="613"/>
      <c r="CYS701" s="613"/>
      <c r="CYT701" s="613"/>
      <c r="CYU701" s="613"/>
      <c r="CYV701" s="613"/>
      <c r="CYW701" s="613"/>
      <c r="CYX701" s="613"/>
      <c r="CYY701" s="613"/>
      <c r="CYZ701" s="613"/>
      <c r="CZA701" s="613"/>
      <c r="CZB701" s="613"/>
      <c r="CZC701" s="613"/>
      <c r="CZD701" s="613"/>
      <c r="CZE701" s="613"/>
      <c r="CZF701" s="613"/>
      <c r="CZG701" s="613"/>
      <c r="CZH701" s="613"/>
      <c r="CZI701" s="613"/>
      <c r="CZJ701" s="613"/>
      <c r="CZK701" s="613"/>
      <c r="CZL701" s="613"/>
      <c r="CZM701" s="613"/>
      <c r="CZN701" s="613"/>
      <c r="CZO701" s="613"/>
      <c r="CZP701" s="613"/>
      <c r="CZQ701" s="613"/>
      <c r="CZR701" s="613"/>
      <c r="CZS701" s="613"/>
      <c r="CZT701" s="613"/>
      <c r="CZU701" s="613"/>
      <c r="CZV701" s="613"/>
      <c r="CZW701" s="613"/>
      <c r="CZX701" s="613"/>
      <c r="CZY701" s="613"/>
      <c r="CZZ701" s="613"/>
      <c r="DAA701" s="613"/>
      <c r="DAB701" s="613"/>
      <c r="DAC701" s="613"/>
      <c r="DAD701" s="613"/>
      <c r="DAE701" s="613"/>
      <c r="DAF701" s="613"/>
      <c r="DAG701" s="613"/>
      <c r="DAH701" s="613"/>
      <c r="DAI701" s="613"/>
      <c r="DAJ701" s="613"/>
      <c r="DAK701" s="613"/>
      <c r="DAL701" s="613"/>
      <c r="DAM701" s="613"/>
      <c r="DAN701" s="613"/>
      <c r="DAO701" s="613"/>
      <c r="DAP701" s="613"/>
      <c r="DAQ701" s="613"/>
      <c r="DAR701" s="613"/>
      <c r="DAS701" s="613"/>
      <c r="DAT701" s="613"/>
      <c r="DAU701" s="613"/>
      <c r="DAV701" s="613"/>
      <c r="DAW701" s="613"/>
      <c r="DAX701" s="613"/>
      <c r="DAY701" s="613"/>
      <c r="DAZ701" s="613"/>
      <c r="DBA701" s="613"/>
      <c r="DBB701" s="613"/>
      <c r="DBC701" s="613"/>
      <c r="DBD701" s="613"/>
      <c r="DBE701" s="613"/>
      <c r="DBF701" s="613"/>
      <c r="DBG701" s="613"/>
      <c r="DBH701" s="613"/>
      <c r="DBI701" s="613"/>
      <c r="DBJ701" s="613"/>
      <c r="DBK701" s="613"/>
      <c r="DBL701" s="613"/>
      <c r="DBM701" s="613"/>
      <c r="DBN701" s="613"/>
      <c r="DBO701" s="613"/>
      <c r="DBP701" s="613"/>
      <c r="DBQ701" s="613"/>
      <c r="DBR701" s="613"/>
      <c r="DBS701" s="613"/>
      <c r="DBT701" s="613"/>
      <c r="DBU701" s="613"/>
      <c r="DBV701" s="613"/>
      <c r="DBW701" s="613"/>
      <c r="DBX701" s="613"/>
      <c r="DBY701" s="613"/>
      <c r="DBZ701" s="613"/>
      <c r="DCA701" s="613"/>
      <c r="DCB701" s="613"/>
      <c r="DCC701" s="613"/>
      <c r="DCD701" s="613"/>
      <c r="DCE701" s="613"/>
      <c r="DCF701" s="613"/>
      <c r="DCG701" s="613"/>
      <c r="DCH701" s="613"/>
      <c r="DCI701" s="613"/>
      <c r="DCJ701" s="613"/>
      <c r="DCK701" s="613"/>
      <c r="DCL701" s="613"/>
      <c r="DCM701" s="613"/>
      <c r="DCN701" s="613"/>
      <c r="DCO701" s="613"/>
      <c r="DCP701" s="613"/>
      <c r="DCQ701" s="613"/>
      <c r="DCR701" s="613"/>
      <c r="DCS701" s="613"/>
      <c r="DCT701" s="613"/>
      <c r="DCU701" s="613"/>
      <c r="DCV701" s="613"/>
      <c r="DCW701" s="613"/>
      <c r="DCX701" s="613"/>
      <c r="DCY701" s="613"/>
      <c r="DCZ701" s="613"/>
      <c r="DDA701" s="613"/>
      <c r="DDB701" s="613"/>
      <c r="DDC701" s="613"/>
      <c r="DDD701" s="613"/>
      <c r="DDE701" s="613"/>
      <c r="DDF701" s="613"/>
      <c r="DDG701" s="613"/>
      <c r="DDH701" s="613"/>
      <c r="DDI701" s="613"/>
      <c r="DDJ701" s="613"/>
      <c r="DDK701" s="613"/>
      <c r="DDL701" s="613"/>
      <c r="DDM701" s="613"/>
      <c r="DDN701" s="613"/>
      <c r="DDO701" s="613"/>
      <c r="DDP701" s="613"/>
      <c r="DDQ701" s="613"/>
      <c r="DDR701" s="613"/>
      <c r="DDS701" s="613"/>
      <c r="DDT701" s="613"/>
      <c r="DDU701" s="613"/>
      <c r="DDV701" s="613"/>
      <c r="DDW701" s="613"/>
      <c r="DDX701" s="613"/>
      <c r="DDY701" s="613"/>
      <c r="DDZ701" s="613"/>
      <c r="DEA701" s="613"/>
      <c r="DEB701" s="613"/>
      <c r="DEC701" s="613"/>
      <c r="DED701" s="613"/>
      <c r="DEE701" s="613"/>
      <c r="DEF701" s="613"/>
      <c r="DEG701" s="613"/>
      <c r="DEH701" s="613"/>
      <c r="DEI701" s="613"/>
      <c r="DEJ701" s="613"/>
      <c r="DEK701" s="613"/>
      <c r="DEL701" s="613"/>
      <c r="DEM701" s="613"/>
      <c r="DEN701" s="613"/>
      <c r="DEO701" s="613"/>
      <c r="DEP701" s="613"/>
      <c r="DEQ701" s="613"/>
      <c r="DER701" s="613"/>
      <c r="DES701" s="613"/>
      <c r="DET701" s="613"/>
      <c r="DEU701" s="613"/>
      <c r="DEV701" s="613"/>
      <c r="DEW701" s="613"/>
      <c r="DEX701" s="613"/>
      <c r="DEY701" s="613"/>
      <c r="DEZ701" s="613"/>
      <c r="DFA701" s="613"/>
      <c r="DFB701" s="613"/>
      <c r="DFC701" s="613"/>
      <c r="DFD701" s="613"/>
      <c r="DFE701" s="613"/>
      <c r="DFF701" s="613"/>
      <c r="DFG701" s="613"/>
      <c r="DFH701" s="613"/>
      <c r="DFI701" s="613"/>
      <c r="DFJ701" s="613"/>
      <c r="DFK701" s="613"/>
      <c r="DFL701" s="613"/>
      <c r="DFM701" s="613"/>
      <c r="DFN701" s="613"/>
      <c r="DFO701" s="613"/>
      <c r="DFP701" s="613"/>
      <c r="DFQ701" s="613"/>
      <c r="DFR701" s="613"/>
      <c r="DFS701" s="613"/>
      <c r="DFT701" s="613"/>
      <c r="DFU701" s="613"/>
      <c r="DFV701" s="613"/>
      <c r="DFW701" s="613"/>
      <c r="DFX701" s="613"/>
      <c r="DFY701" s="613"/>
      <c r="DFZ701" s="613"/>
      <c r="DGA701" s="613"/>
      <c r="DGB701" s="613"/>
      <c r="DGC701" s="613"/>
      <c r="DGD701" s="613"/>
      <c r="DGE701" s="613"/>
      <c r="DGF701" s="613"/>
      <c r="DGG701" s="613"/>
      <c r="DGH701" s="613"/>
      <c r="DGI701" s="613"/>
      <c r="DGJ701" s="613"/>
      <c r="DGK701" s="613"/>
      <c r="DGL701" s="613"/>
      <c r="DGM701" s="613"/>
      <c r="DGN701" s="613"/>
      <c r="DGO701" s="613"/>
      <c r="DGP701" s="613"/>
      <c r="DGQ701" s="613"/>
      <c r="DGR701" s="613"/>
      <c r="DGS701" s="613"/>
      <c r="DGT701" s="613"/>
      <c r="DGU701" s="613"/>
      <c r="DGV701" s="613"/>
      <c r="DGW701" s="613"/>
      <c r="DGX701" s="613"/>
      <c r="DGY701" s="613"/>
      <c r="DGZ701" s="613"/>
      <c r="DHA701" s="613"/>
      <c r="DHB701" s="613"/>
      <c r="DHC701" s="613"/>
      <c r="DHD701" s="613"/>
      <c r="DHE701" s="613"/>
      <c r="DHF701" s="613"/>
      <c r="DHG701" s="613"/>
      <c r="DHH701" s="613"/>
      <c r="DHI701" s="613"/>
      <c r="DHJ701" s="613"/>
      <c r="DHK701" s="613"/>
      <c r="DHL701" s="613"/>
      <c r="DHM701" s="613"/>
      <c r="DHN701" s="613"/>
      <c r="DHO701" s="613"/>
      <c r="DHP701" s="613"/>
      <c r="DHQ701" s="613"/>
      <c r="DHR701" s="613"/>
      <c r="DHS701" s="613"/>
      <c r="DHT701" s="613"/>
      <c r="DHU701" s="613"/>
      <c r="DHV701" s="613"/>
      <c r="DHW701" s="613"/>
      <c r="DHX701" s="613"/>
      <c r="DHY701" s="613"/>
      <c r="DHZ701" s="613"/>
      <c r="DIA701" s="613"/>
      <c r="DIB701" s="613"/>
      <c r="DIC701" s="613"/>
      <c r="DID701" s="613"/>
      <c r="DIE701" s="613"/>
      <c r="DIF701" s="613"/>
      <c r="DIG701" s="613"/>
      <c r="DIH701" s="613"/>
      <c r="DII701" s="613"/>
      <c r="DIJ701" s="613"/>
      <c r="DIK701" s="613"/>
      <c r="DIL701" s="613"/>
      <c r="DIM701" s="613"/>
      <c r="DIN701" s="613"/>
      <c r="DIO701" s="613"/>
      <c r="DIP701" s="613"/>
      <c r="DIQ701" s="613"/>
      <c r="DIR701" s="613"/>
      <c r="DIS701" s="613"/>
      <c r="DIT701" s="613"/>
      <c r="DIU701" s="613"/>
      <c r="DIV701" s="613"/>
      <c r="DIW701" s="613"/>
      <c r="DIX701" s="613"/>
      <c r="DIY701" s="613"/>
      <c r="DIZ701" s="613"/>
      <c r="DJA701" s="613"/>
      <c r="DJB701" s="613"/>
      <c r="DJC701" s="613"/>
      <c r="DJD701" s="613"/>
      <c r="DJE701" s="613"/>
      <c r="DJF701" s="613"/>
      <c r="DJG701" s="613"/>
      <c r="DJH701" s="613"/>
      <c r="DJI701" s="613"/>
      <c r="DJJ701" s="613"/>
      <c r="DJK701" s="613"/>
      <c r="DJL701" s="613"/>
      <c r="DJM701" s="613"/>
      <c r="DJN701" s="613"/>
      <c r="DJO701" s="613"/>
      <c r="DJP701" s="613"/>
      <c r="DJQ701" s="613"/>
      <c r="DJR701" s="613"/>
      <c r="DJS701" s="613"/>
      <c r="DJT701" s="613"/>
      <c r="DJU701" s="613"/>
      <c r="DJV701" s="613"/>
      <c r="DJW701" s="613"/>
      <c r="DJX701" s="613"/>
      <c r="DJY701" s="613"/>
      <c r="DJZ701" s="613"/>
      <c r="DKA701" s="613"/>
      <c r="DKB701" s="613"/>
      <c r="DKC701" s="613"/>
      <c r="DKD701" s="613"/>
      <c r="DKE701" s="613"/>
      <c r="DKF701" s="613"/>
      <c r="DKG701" s="613"/>
      <c r="DKH701" s="613"/>
      <c r="DKI701" s="613"/>
      <c r="DKJ701" s="613"/>
      <c r="DKK701" s="613"/>
      <c r="DKL701" s="613"/>
      <c r="DKM701" s="613"/>
      <c r="DKN701" s="613"/>
      <c r="DKO701" s="613"/>
      <c r="DKP701" s="613"/>
      <c r="DKQ701" s="613"/>
      <c r="DKR701" s="613"/>
      <c r="DKS701" s="613"/>
      <c r="DKT701" s="613"/>
      <c r="DKU701" s="613"/>
      <c r="DKV701" s="613"/>
      <c r="DKW701" s="613"/>
      <c r="DKX701" s="613"/>
      <c r="DKY701" s="613"/>
      <c r="DKZ701" s="613"/>
      <c r="DLA701" s="613"/>
      <c r="DLB701" s="613"/>
      <c r="DLC701" s="613"/>
      <c r="DLD701" s="613"/>
      <c r="DLE701" s="613"/>
      <c r="DLF701" s="613"/>
      <c r="DLG701" s="613"/>
      <c r="DLH701" s="613"/>
      <c r="DLI701" s="613"/>
      <c r="DLJ701" s="613"/>
      <c r="DLK701" s="613"/>
      <c r="DLL701" s="613"/>
      <c r="DLM701" s="613"/>
      <c r="DLN701" s="613"/>
      <c r="DLO701" s="613"/>
      <c r="DLP701" s="613"/>
      <c r="DLQ701" s="613"/>
      <c r="DLR701" s="613"/>
      <c r="DLS701" s="613"/>
      <c r="DLT701" s="613"/>
      <c r="DLU701" s="613"/>
      <c r="DLV701" s="613"/>
      <c r="DLW701" s="613"/>
      <c r="DLX701" s="613"/>
      <c r="DLY701" s="613"/>
      <c r="DLZ701" s="613"/>
      <c r="DMA701" s="613"/>
      <c r="DMB701" s="613"/>
      <c r="DMC701" s="613"/>
      <c r="DMD701" s="613"/>
      <c r="DME701" s="613"/>
      <c r="DMF701" s="613"/>
      <c r="DMG701" s="613"/>
      <c r="DMH701" s="613"/>
      <c r="DMI701" s="613"/>
      <c r="DMJ701" s="613"/>
      <c r="DMK701" s="613"/>
      <c r="DML701" s="613"/>
      <c r="DMM701" s="613"/>
      <c r="DMN701" s="613"/>
      <c r="DMO701" s="613"/>
      <c r="DMP701" s="613"/>
      <c r="DMQ701" s="613"/>
      <c r="DMR701" s="613"/>
      <c r="DMS701" s="613"/>
      <c r="DMT701" s="613"/>
      <c r="DMU701" s="613"/>
      <c r="DMV701" s="613"/>
      <c r="DMW701" s="613"/>
      <c r="DMX701" s="613"/>
      <c r="DMY701" s="613"/>
      <c r="DMZ701" s="613"/>
      <c r="DNA701" s="613"/>
      <c r="DNB701" s="613"/>
      <c r="DNC701" s="613"/>
      <c r="DND701" s="613"/>
      <c r="DNE701" s="613"/>
      <c r="DNF701" s="613"/>
      <c r="DNG701" s="613"/>
      <c r="DNH701" s="613"/>
      <c r="DNI701" s="613"/>
      <c r="DNJ701" s="613"/>
      <c r="DNK701" s="613"/>
      <c r="DNL701" s="613"/>
      <c r="DNM701" s="613"/>
      <c r="DNN701" s="613"/>
      <c r="DNO701" s="613"/>
      <c r="DNP701" s="613"/>
      <c r="DNQ701" s="613"/>
      <c r="DNR701" s="613"/>
      <c r="DNS701" s="613"/>
      <c r="DNT701" s="613"/>
      <c r="DNU701" s="613"/>
      <c r="DNV701" s="613"/>
      <c r="DNW701" s="613"/>
      <c r="DNX701" s="613"/>
      <c r="DNY701" s="613"/>
      <c r="DNZ701" s="613"/>
      <c r="DOA701" s="613"/>
      <c r="DOB701" s="613"/>
      <c r="DOC701" s="613"/>
      <c r="DOD701" s="613"/>
      <c r="DOE701" s="613"/>
      <c r="DOF701" s="613"/>
      <c r="DOG701" s="613"/>
      <c r="DOH701" s="613"/>
      <c r="DOI701" s="613"/>
      <c r="DOJ701" s="613"/>
      <c r="DOK701" s="613"/>
      <c r="DOL701" s="613"/>
      <c r="DOM701" s="613"/>
      <c r="DON701" s="613"/>
      <c r="DOO701" s="613"/>
      <c r="DOP701" s="613"/>
      <c r="DOQ701" s="613"/>
      <c r="DOR701" s="613"/>
      <c r="DOS701" s="613"/>
      <c r="DOT701" s="613"/>
      <c r="DOU701" s="613"/>
      <c r="DOV701" s="613"/>
      <c r="DOW701" s="613"/>
      <c r="DOX701" s="613"/>
      <c r="DOY701" s="613"/>
      <c r="DOZ701" s="613"/>
      <c r="DPA701" s="613"/>
      <c r="DPB701" s="613"/>
      <c r="DPC701" s="613"/>
      <c r="DPD701" s="613"/>
      <c r="DPE701" s="613"/>
      <c r="DPF701" s="613"/>
      <c r="DPG701" s="613"/>
      <c r="DPH701" s="613"/>
      <c r="DPI701" s="613"/>
      <c r="DPJ701" s="613"/>
      <c r="DPK701" s="613"/>
      <c r="DPL701" s="613"/>
      <c r="DPM701" s="613"/>
      <c r="DPN701" s="613"/>
      <c r="DPO701" s="613"/>
      <c r="DPP701" s="613"/>
      <c r="DPQ701" s="613"/>
      <c r="DPR701" s="613"/>
      <c r="DPS701" s="613"/>
      <c r="DPT701" s="613"/>
      <c r="DPU701" s="613"/>
      <c r="DPV701" s="613"/>
      <c r="DPW701" s="613"/>
      <c r="DPX701" s="613"/>
      <c r="DPY701" s="613"/>
      <c r="DPZ701" s="613"/>
      <c r="DQA701" s="613"/>
      <c r="DQB701" s="613"/>
      <c r="DQC701" s="613"/>
      <c r="DQD701" s="613"/>
      <c r="DQE701" s="613"/>
      <c r="DQF701" s="613"/>
      <c r="DQG701" s="613"/>
      <c r="DQH701" s="613"/>
      <c r="DQI701" s="613"/>
      <c r="DQJ701" s="613"/>
      <c r="DQK701" s="613"/>
      <c r="DQL701" s="613"/>
      <c r="DQM701" s="613"/>
      <c r="DQN701" s="613"/>
      <c r="DQO701" s="613"/>
      <c r="DQP701" s="613"/>
      <c r="DQQ701" s="613"/>
      <c r="DQR701" s="613"/>
      <c r="DQS701" s="613"/>
      <c r="DQT701" s="613"/>
      <c r="DQU701" s="613"/>
      <c r="DQV701" s="613"/>
      <c r="DQW701" s="613"/>
      <c r="DQX701" s="613"/>
      <c r="DQY701" s="613"/>
      <c r="DQZ701" s="613"/>
      <c r="DRA701" s="613"/>
      <c r="DRB701" s="613"/>
      <c r="DRC701" s="613"/>
      <c r="DRD701" s="613"/>
      <c r="DRE701" s="613"/>
      <c r="DRF701" s="613"/>
      <c r="DRG701" s="613"/>
      <c r="DRH701" s="613"/>
      <c r="DRI701" s="613"/>
      <c r="DRJ701" s="613"/>
      <c r="DRK701" s="613"/>
      <c r="DRL701" s="613"/>
      <c r="DRM701" s="613"/>
      <c r="DRN701" s="613"/>
      <c r="DRO701" s="613"/>
      <c r="DRP701" s="613"/>
      <c r="DRQ701" s="613"/>
      <c r="DRR701" s="613"/>
      <c r="DRS701" s="613"/>
      <c r="DRT701" s="613"/>
      <c r="DRU701" s="613"/>
      <c r="DRV701" s="613"/>
      <c r="DRW701" s="613"/>
      <c r="DRX701" s="613"/>
      <c r="DRY701" s="613"/>
      <c r="DRZ701" s="613"/>
      <c r="DSA701" s="613"/>
      <c r="DSB701" s="613"/>
      <c r="DSC701" s="613"/>
      <c r="DSD701" s="613"/>
      <c r="DSE701" s="613"/>
      <c r="DSF701" s="613"/>
      <c r="DSG701" s="613"/>
      <c r="DSH701" s="613"/>
      <c r="DSI701" s="613"/>
      <c r="DSJ701" s="613"/>
      <c r="DSK701" s="613"/>
      <c r="DSL701" s="613"/>
      <c r="DSM701" s="613"/>
      <c r="DSN701" s="613"/>
      <c r="DSO701" s="613"/>
      <c r="DSP701" s="613"/>
      <c r="DSQ701" s="613"/>
      <c r="DSR701" s="613"/>
      <c r="DSS701" s="613"/>
      <c r="DST701" s="613"/>
      <c r="DSU701" s="613"/>
      <c r="DSV701" s="613"/>
      <c r="DSW701" s="613"/>
      <c r="DSX701" s="613"/>
      <c r="DSY701" s="613"/>
      <c r="DSZ701" s="613"/>
      <c r="DTA701" s="613"/>
      <c r="DTB701" s="613"/>
      <c r="DTC701" s="613"/>
      <c r="DTD701" s="613"/>
      <c r="DTE701" s="613"/>
      <c r="DTF701" s="613"/>
      <c r="DTG701" s="613"/>
      <c r="DTH701" s="613"/>
      <c r="DTI701" s="613"/>
      <c r="DTJ701" s="613"/>
      <c r="DTK701" s="613"/>
      <c r="DTL701" s="613"/>
      <c r="DTM701" s="613"/>
      <c r="DTN701" s="613"/>
      <c r="DTO701" s="613"/>
      <c r="DTP701" s="613"/>
      <c r="DTQ701" s="613"/>
      <c r="DTR701" s="613"/>
      <c r="DTS701" s="613"/>
      <c r="DTT701" s="613"/>
      <c r="DTU701" s="613"/>
      <c r="DTV701" s="613"/>
      <c r="DTW701" s="613"/>
      <c r="DTX701" s="613"/>
      <c r="DTY701" s="613"/>
      <c r="DTZ701" s="613"/>
      <c r="DUA701" s="613"/>
      <c r="DUB701" s="613"/>
      <c r="DUC701" s="613"/>
      <c r="DUD701" s="613"/>
      <c r="DUE701" s="613"/>
      <c r="DUF701" s="613"/>
      <c r="DUG701" s="613"/>
      <c r="DUH701" s="613"/>
      <c r="DUI701" s="613"/>
      <c r="DUJ701" s="613"/>
      <c r="DUK701" s="613"/>
      <c r="DUL701" s="613"/>
      <c r="DUM701" s="613"/>
      <c r="DUN701" s="613"/>
      <c r="DUO701" s="613"/>
      <c r="DUP701" s="613"/>
      <c r="DUQ701" s="613"/>
      <c r="DUR701" s="613"/>
      <c r="DUS701" s="613"/>
      <c r="DUT701" s="613"/>
      <c r="DUU701" s="613"/>
      <c r="DUV701" s="613"/>
      <c r="DUW701" s="613"/>
      <c r="DUX701" s="613"/>
      <c r="DUY701" s="613"/>
      <c r="DUZ701" s="613"/>
      <c r="DVA701" s="613"/>
      <c r="DVB701" s="613"/>
      <c r="DVC701" s="613"/>
      <c r="DVD701" s="613"/>
      <c r="DVE701" s="613"/>
      <c r="DVF701" s="613"/>
      <c r="DVG701" s="613"/>
      <c r="DVH701" s="613"/>
      <c r="DVI701" s="613"/>
      <c r="DVJ701" s="613"/>
      <c r="DVK701" s="613"/>
      <c r="DVL701" s="613"/>
      <c r="DVM701" s="613"/>
      <c r="DVN701" s="613"/>
      <c r="DVO701" s="613"/>
      <c r="DVP701" s="613"/>
      <c r="DVQ701" s="613"/>
      <c r="DVR701" s="613"/>
      <c r="DVS701" s="613"/>
      <c r="DVT701" s="613"/>
      <c r="DVU701" s="613"/>
      <c r="DVV701" s="613"/>
      <c r="DVW701" s="613"/>
      <c r="DVX701" s="613"/>
      <c r="DVY701" s="613"/>
      <c r="DVZ701" s="613"/>
      <c r="DWA701" s="613"/>
      <c r="DWB701" s="613"/>
      <c r="DWC701" s="613"/>
      <c r="DWD701" s="613"/>
      <c r="DWE701" s="613"/>
      <c r="DWF701" s="613"/>
      <c r="DWG701" s="613"/>
      <c r="DWH701" s="613"/>
      <c r="DWI701" s="613"/>
      <c r="DWJ701" s="613"/>
      <c r="DWK701" s="613"/>
      <c r="DWL701" s="613"/>
      <c r="DWM701" s="613"/>
      <c r="DWN701" s="613"/>
      <c r="DWO701" s="613"/>
      <c r="DWP701" s="613"/>
      <c r="DWQ701" s="613"/>
      <c r="DWR701" s="613"/>
      <c r="DWS701" s="613"/>
      <c r="DWT701" s="613"/>
      <c r="DWU701" s="613"/>
      <c r="DWV701" s="613"/>
      <c r="DWW701" s="613"/>
      <c r="DWX701" s="613"/>
      <c r="DWY701" s="613"/>
      <c r="DWZ701" s="613"/>
      <c r="DXA701" s="613"/>
      <c r="DXB701" s="613"/>
      <c r="DXC701" s="613"/>
      <c r="DXD701" s="613"/>
      <c r="DXE701" s="613"/>
      <c r="DXF701" s="613"/>
      <c r="DXG701" s="613"/>
      <c r="DXH701" s="613"/>
      <c r="DXI701" s="613"/>
      <c r="DXJ701" s="613"/>
      <c r="DXK701" s="613"/>
      <c r="DXL701" s="613"/>
      <c r="DXM701" s="613"/>
      <c r="DXN701" s="613"/>
      <c r="DXO701" s="613"/>
      <c r="DXP701" s="613"/>
      <c r="DXQ701" s="613"/>
      <c r="DXR701" s="613"/>
      <c r="DXS701" s="613"/>
      <c r="DXT701" s="613"/>
      <c r="DXU701" s="613"/>
      <c r="DXV701" s="613"/>
      <c r="DXW701" s="613"/>
      <c r="DXX701" s="613"/>
      <c r="DXY701" s="613"/>
      <c r="DXZ701" s="613"/>
      <c r="DYA701" s="613"/>
      <c r="DYB701" s="613"/>
      <c r="DYC701" s="613"/>
      <c r="DYD701" s="613"/>
      <c r="DYE701" s="613"/>
      <c r="DYF701" s="613"/>
      <c r="DYG701" s="613"/>
      <c r="DYH701" s="613"/>
      <c r="DYI701" s="613"/>
      <c r="DYJ701" s="613"/>
      <c r="DYK701" s="613"/>
      <c r="DYL701" s="613"/>
      <c r="DYM701" s="613"/>
      <c r="DYN701" s="613"/>
      <c r="DYO701" s="613"/>
      <c r="DYP701" s="613"/>
      <c r="DYQ701" s="613"/>
      <c r="DYR701" s="613"/>
      <c r="DYS701" s="613"/>
      <c r="DYT701" s="613"/>
      <c r="DYU701" s="613"/>
      <c r="DYV701" s="613"/>
      <c r="DYW701" s="613"/>
      <c r="DYX701" s="613"/>
      <c r="DYY701" s="613"/>
      <c r="DYZ701" s="613"/>
      <c r="DZA701" s="613"/>
      <c r="DZB701" s="613"/>
      <c r="DZC701" s="613"/>
      <c r="DZD701" s="613"/>
      <c r="DZE701" s="613"/>
      <c r="DZF701" s="613"/>
      <c r="DZG701" s="613"/>
      <c r="DZH701" s="613"/>
      <c r="DZI701" s="613"/>
      <c r="DZJ701" s="613"/>
      <c r="DZK701" s="613"/>
      <c r="DZL701" s="613"/>
      <c r="DZM701" s="613"/>
      <c r="DZN701" s="613"/>
      <c r="DZO701" s="613"/>
      <c r="DZP701" s="613"/>
      <c r="DZQ701" s="613"/>
      <c r="DZR701" s="613"/>
      <c r="DZS701" s="613"/>
      <c r="DZT701" s="613"/>
      <c r="DZU701" s="613"/>
      <c r="DZV701" s="613"/>
      <c r="DZW701" s="613"/>
      <c r="DZX701" s="613"/>
      <c r="DZY701" s="613"/>
      <c r="DZZ701" s="613"/>
      <c r="EAA701" s="613"/>
      <c r="EAB701" s="613"/>
      <c r="EAC701" s="613"/>
      <c r="EAD701" s="613"/>
      <c r="EAE701" s="613"/>
      <c r="EAF701" s="613"/>
      <c r="EAG701" s="613"/>
      <c r="EAH701" s="613"/>
      <c r="EAI701" s="613"/>
      <c r="EAJ701" s="613"/>
      <c r="EAK701" s="613"/>
      <c r="EAL701" s="613"/>
      <c r="EAM701" s="613"/>
      <c r="EAN701" s="613"/>
      <c r="EAO701" s="613"/>
      <c r="EAP701" s="613"/>
      <c r="EAQ701" s="613"/>
      <c r="EAR701" s="613"/>
      <c r="EAS701" s="613"/>
      <c r="EAT701" s="613"/>
      <c r="EAU701" s="613"/>
      <c r="EAV701" s="613"/>
      <c r="EAW701" s="613"/>
      <c r="EAX701" s="613"/>
      <c r="EAY701" s="613"/>
      <c r="EAZ701" s="613"/>
      <c r="EBA701" s="613"/>
      <c r="EBB701" s="613"/>
      <c r="EBC701" s="613"/>
      <c r="EBD701" s="613"/>
      <c r="EBE701" s="613"/>
      <c r="EBF701" s="613"/>
      <c r="EBG701" s="613"/>
      <c r="EBH701" s="613"/>
      <c r="EBI701" s="613"/>
      <c r="EBJ701" s="613"/>
      <c r="EBK701" s="613"/>
      <c r="EBL701" s="613"/>
      <c r="EBM701" s="613"/>
      <c r="EBN701" s="613"/>
      <c r="EBO701" s="613"/>
      <c r="EBP701" s="613"/>
      <c r="EBQ701" s="613"/>
      <c r="EBR701" s="613"/>
      <c r="EBS701" s="613"/>
      <c r="EBT701" s="613"/>
      <c r="EBU701" s="613"/>
      <c r="EBV701" s="613"/>
      <c r="EBW701" s="613"/>
      <c r="EBX701" s="613"/>
      <c r="EBY701" s="613"/>
      <c r="EBZ701" s="613"/>
      <c r="ECA701" s="613"/>
      <c r="ECB701" s="613"/>
      <c r="ECC701" s="613"/>
      <c r="ECD701" s="613"/>
      <c r="ECE701" s="613"/>
      <c r="ECF701" s="613"/>
      <c r="ECG701" s="613"/>
      <c r="ECH701" s="613"/>
      <c r="ECI701" s="613"/>
      <c r="ECJ701" s="613"/>
      <c r="ECK701" s="613"/>
      <c r="ECL701" s="613"/>
      <c r="ECM701" s="613"/>
      <c r="ECN701" s="613"/>
      <c r="ECO701" s="613"/>
      <c r="ECP701" s="613"/>
      <c r="ECQ701" s="613"/>
      <c r="ECR701" s="613"/>
      <c r="ECS701" s="613"/>
      <c r="ECT701" s="613"/>
      <c r="ECU701" s="613"/>
      <c r="ECV701" s="613"/>
      <c r="ECW701" s="613"/>
      <c r="ECX701" s="613"/>
      <c r="ECY701" s="613"/>
      <c r="ECZ701" s="613"/>
      <c r="EDA701" s="613"/>
      <c r="EDB701" s="613"/>
      <c r="EDC701" s="613"/>
      <c r="EDD701" s="613"/>
      <c r="EDE701" s="613"/>
      <c r="EDF701" s="613"/>
      <c r="EDG701" s="613"/>
      <c r="EDH701" s="613"/>
      <c r="EDI701" s="613"/>
      <c r="EDJ701" s="613"/>
      <c r="EDK701" s="613"/>
      <c r="EDL701" s="613"/>
      <c r="EDM701" s="613"/>
      <c r="EDN701" s="613"/>
      <c r="EDO701" s="613"/>
      <c r="EDP701" s="613"/>
      <c r="EDQ701" s="613"/>
      <c r="EDR701" s="613"/>
      <c r="EDS701" s="613"/>
      <c r="EDT701" s="613"/>
      <c r="EDU701" s="613"/>
      <c r="EDV701" s="613"/>
      <c r="EDW701" s="613"/>
      <c r="EDX701" s="613"/>
      <c r="EDY701" s="613"/>
      <c r="EDZ701" s="613"/>
      <c r="EEA701" s="613"/>
      <c r="EEB701" s="613"/>
      <c r="EEC701" s="613"/>
      <c r="EED701" s="613"/>
      <c r="EEE701" s="613"/>
      <c r="EEF701" s="613"/>
      <c r="EEG701" s="613"/>
      <c r="EEH701" s="613"/>
      <c r="EEI701" s="613"/>
      <c r="EEJ701" s="613"/>
      <c r="EEK701" s="613"/>
      <c r="EEL701" s="613"/>
      <c r="EEM701" s="613"/>
      <c r="EEN701" s="613"/>
      <c r="EEO701" s="613"/>
      <c r="EEP701" s="613"/>
      <c r="EEQ701" s="613"/>
      <c r="EER701" s="613"/>
      <c r="EES701" s="613"/>
      <c r="EET701" s="613"/>
      <c r="EEU701" s="613"/>
      <c r="EEV701" s="613"/>
      <c r="EEW701" s="613"/>
      <c r="EEX701" s="613"/>
      <c r="EEY701" s="613"/>
      <c r="EEZ701" s="613"/>
      <c r="EFA701" s="613"/>
      <c r="EFB701" s="613"/>
      <c r="EFC701" s="613"/>
      <c r="EFD701" s="613"/>
      <c r="EFE701" s="613"/>
      <c r="EFF701" s="613"/>
      <c r="EFG701" s="613"/>
      <c r="EFH701" s="613"/>
      <c r="EFI701" s="613"/>
      <c r="EFJ701" s="613"/>
      <c r="EFK701" s="613"/>
      <c r="EFL701" s="613"/>
      <c r="EFM701" s="613"/>
      <c r="EFN701" s="613"/>
      <c r="EFO701" s="613"/>
      <c r="EFP701" s="613"/>
      <c r="EFQ701" s="613"/>
      <c r="EFR701" s="613"/>
      <c r="EFS701" s="613"/>
      <c r="EFT701" s="613"/>
      <c r="EFU701" s="613"/>
      <c r="EFV701" s="613"/>
      <c r="EFW701" s="613"/>
      <c r="EFX701" s="613"/>
      <c r="EFY701" s="613"/>
      <c r="EFZ701" s="613"/>
      <c r="EGA701" s="613"/>
      <c r="EGB701" s="613"/>
      <c r="EGC701" s="613"/>
      <c r="EGD701" s="613"/>
      <c r="EGE701" s="613"/>
      <c r="EGF701" s="613"/>
      <c r="EGG701" s="613"/>
      <c r="EGH701" s="613"/>
      <c r="EGI701" s="613"/>
      <c r="EGJ701" s="613"/>
      <c r="EGK701" s="613"/>
      <c r="EGL701" s="613"/>
      <c r="EGM701" s="613"/>
      <c r="EGN701" s="613"/>
      <c r="EGO701" s="613"/>
      <c r="EGP701" s="613"/>
      <c r="EGQ701" s="613"/>
      <c r="EGR701" s="613"/>
      <c r="EGS701" s="613"/>
      <c r="EGT701" s="613"/>
      <c r="EGU701" s="613"/>
      <c r="EGV701" s="613"/>
      <c r="EGW701" s="613"/>
      <c r="EGX701" s="613"/>
      <c r="EGY701" s="613"/>
      <c r="EGZ701" s="613"/>
      <c r="EHA701" s="613"/>
      <c r="EHB701" s="613"/>
      <c r="EHC701" s="613"/>
      <c r="EHD701" s="613"/>
      <c r="EHE701" s="613"/>
      <c r="EHF701" s="613"/>
      <c r="EHG701" s="613"/>
      <c r="EHH701" s="613"/>
      <c r="EHI701" s="613"/>
      <c r="EHJ701" s="613"/>
      <c r="EHK701" s="613"/>
      <c r="EHL701" s="613"/>
      <c r="EHM701" s="613"/>
      <c r="EHN701" s="613"/>
      <c r="EHO701" s="613"/>
      <c r="EHP701" s="613"/>
      <c r="EHQ701" s="613"/>
      <c r="EHR701" s="613"/>
      <c r="EHS701" s="613"/>
      <c r="EHT701" s="613"/>
      <c r="EHU701" s="613"/>
      <c r="EHV701" s="613"/>
      <c r="EHW701" s="613"/>
      <c r="EHX701" s="613"/>
      <c r="EHY701" s="613"/>
      <c r="EHZ701" s="613"/>
      <c r="EIA701" s="613"/>
      <c r="EIB701" s="613"/>
      <c r="EIC701" s="613"/>
      <c r="EID701" s="613"/>
      <c r="EIE701" s="613"/>
      <c r="EIF701" s="613"/>
      <c r="EIG701" s="613"/>
      <c r="EIH701" s="613"/>
      <c r="EII701" s="613"/>
      <c r="EIJ701" s="613"/>
      <c r="EIK701" s="613"/>
      <c r="EIL701" s="613"/>
      <c r="EIM701" s="613"/>
      <c r="EIN701" s="613"/>
      <c r="EIO701" s="613"/>
      <c r="EIP701" s="613"/>
      <c r="EIQ701" s="613"/>
      <c r="EIR701" s="613"/>
      <c r="EIS701" s="613"/>
      <c r="EIT701" s="613"/>
      <c r="EIU701" s="613"/>
      <c r="EIV701" s="613"/>
      <c r="EIW701" s="613"/>
      <c r="EIX701" s="613"/>
      <c r="EIY701" s="613"/>
      <c r="EIZ701" s="613"/>
      <c r="EJA701" s="613"/>
      <c r="EJB701" s="613"/>
      <c r="EJC701" s="613"/>
      <c r="EJD701" s="613"/>
      <c r="EJE701" s="613"/>
      <c r="EJF701" s="613"/>
      <c r="EJG701" s="613"/>
      <c r="EJH701" s="613"/>
      <c r="EJI701" s="613"/>
      <c r="EJJ701" s="613"/>
      <c r="EJK701" s="613"/>
      <c r="EJL701" s="613"/>
      <c r="EJM701" s="613"/>
      <c r="EJN701" s="613"/>
      <c r="EJO701" s="613"/>
      <c r="EJP701" s="613"/>
      <c r="EJQ701" s="613"/>
      <c r="EJR701" s="613"/>
      <c r="EJS701" s="613"/>
      <c r="EJT701" s="613"/>
      <c r="EJU701" s="613"/>
      <c r="EJV701" s="613"/>
      <c r="EJW701" s="613"/>
      <c r="EJX701" s="613"/>
      <c r="EJY701" s="613"/>
      <c r="EJZ701" s="613"/>
      <c r="EKA701" s="613"/>
      <c r="EKB701" s="613"/>
      <c r="EKC701" s="613"/>
      <c r="EKD701" s="613"/>
      <c r="EKE701" s="613"/>
      <c r="EKF701" s="613"/>
      <c r="EKG701" s="613"/>
      <c r="EKH701" s="613"/>
      <c r="EKI701" s="613"/>
      <c r="EKJ701" s="613"/>
      <c r="EKK701" s="613"/>
      <c r="EKL701" s="613"/>
      <c r="EKM701" s="613"/>
      <c r="EKN701" s="613"/>
      <c r="EKO701" s="613"/>
      <c r="EKP701" s="613"/>
      <c r="EKQ701" s="613"/>
      <c r="EKR701" s="613"/>
      <c r="EKS701" s="613"/>
      <c r="EKT701" s="613"/>
      <c r="EKU701" s="613"/>
      <c r="EKV701" s="613"/>
      <c r="EKW701" s="613"/>
      <c r="EKX701" s="613"/>
      <c r="EKY701" s="613"/>
      <c r="EKZ701" s="613"/>
      <c r="ELA701" s="613"/>
      <c r="ELB701" s="613"/>
      <c r="ELC701" s="613"/>
      <c r="ELD701" s="613"/>
      <c r="ELE701" s="613"/>
      <c r="ELF701" s="613"/>
      <c r="ELG701" s="613"/>
      <c r="ELH701" s="613"/>
      <c r="ELI701" s="613"/>
      <c r="ELJ701" s="613"/>
      <c r="ELK701" s="613"/>
      <c r="ELL701" s="613"/>
      <c r="ELM701" s="613"/>
      <c r="ELN701" s="613"/>
      <c r="ELO701" s="613"/>
      <c r="ELP701" s="613"/>
      <c r="ELQ701" s="613"/>
      <c r="ELR701" s="613"/>
      <c r="ELS701" s="613"/>
      <c r="ELT701" s="613"/>
      <c r="ELU701" s="613"/>
      <c r="ELV701" s="613"/>
      <c r="ELW701" s="613"/>
      <c r="ELX701" s="613"/>
      <c r="ELY701" s="613"/>
      <c r="ELZ701" s="613"/>
      <c r="EMA701" s="613"/>
      <c r="EMB701" s="613"/>
      <c r="EMC701" s="613"/>
      <c r="EMD701" s="613"/>
      <c r="EME701" s="613"/>
      <c r="EMF701" s="613"/>
      <c r="EMG701" s="613"/>
      <c r="EMH701" s="613"/>
      <c r="EMI701" s="613"/>
      <c r="EMJ701" s="613"/>
      <c r="EMK701" s="613"/>
      <c r="EML701" s="613"/>
      <c r="EMM701" s="613"/>
      <c r="EMN701" s="613"/>
      <c r="EMO701" s="613"/>
      <c r="EMP701" s="613"/>
      <c r="EMQ701" s="613"/>
      <c r="EMR701" s="613"/>
      <c r="EMS701" s="613"/>
      <c r="EMT701" s="613"/>
      <c r="EMU701" s="613"/>
      <c r="EMV701" s="613"/>
      <c r="EMW701" s="613"/>
      <c r="EMX701" s="613"/>
      <c r="EMY701" s="613"/>
      <c r="EMZ701" s="613"/>
      <c r="ENA701" s="613"/>
      <c r="ENB701" s="613"/>
      <c r="ENC701" s="613"/>
      <c r="END701" s="613"/>
      <c r="ENE701" s="613"/>
      <c r="ENF701" s="613"/>
      <c r="ENG701" s="613"/>
      <c r="ENH701" s="613"/>
      <c r="ENI701" s="613"/>
      <c r="ENJ701" s="613"/>
      <c r="ENK701" s="613"/>
      <c r="ENL701" s="613"/>
      <c r="ENM701" s="613"/>
      <c r="ENN701" s="613"/>
      <c r="ENO701" s="613"/>
      <c r="ENP701" s="613"/>
      <c r="ENQ701" s="613"/>
      <c r="ENR701" s="613"/>
      <c r="ENS701" s="613"/>
      <c r="ENT701" s="613"/>
      <c r="ENU701" s="613"/>
      <c r="ENV701" s="613"/>
      <c r="ENW701" s="613"/>
      <c r="ENX701" s="613"/>
      <c r="ENY701" s="613"/>
      <c r="ENZ701" s="613"/>
      <c r="EOA701" s="613"/>
      <c r="EOB701" s="613"/>
      <c r="EOC701" s="613"/>
      <c r="EOD701" s="613"/>
      <c r="EOE701" s="613"/>
      <c r="EOF701" s="613"/>
      <c r="EOG701" s="613"/>
      <c r="EOH701" s="613"/>
      <c r="EOI701" s="613"/>
      <c r="EOJ701" s="613"/>
      <c r="EOK701" s="613"/>
      <c r="EOL701" s="613"/>
      <c r="EOM701" s="613"/>
      <c r="EON701" s="613"/>
      <c r="EOO701" s="613"/>
      <c r="EOP701" s="613"/>
      <c r="EOQ701" s="613"/>
      <c r="EOR701" s="613"/>
      <c r="EOS701" s="613"/>
      <c r="EOT701" s="613"/>
      <c r="EOU701" s="613"/>
      <c r="EOV701" s="613"/>
      <c r="EOW701" s="613"/>
      <c r="EOX701" s="613"/>
      <c r="EOY701" s="613"/>
      <c r="EOZ701" s="613"/>
      <c r="EPA701" s="613"/>
      <c r="EPB701" s="613"/>
      <c r="EPC701" s="613"/>
      <c r="EPD701" s="613"/>
      <c r="EPE701" s="613"/>
      <c r="EPF701" s="613"/>
      <c r="EPG701" s="613"/>
      <c r="EPH701" s="613"/>
      <c r="EPI701" s="613"/>
      <c r="EPJ701" s="613"/>
      <c r="EPK701" s="613"/>
      <c r="EPL701" s="613"/>
      <c r="EPM701" s="613"/>
      <c r="EPN701" s="613"/>
      <c r="EPO701" s="613"/>
      <c r="EPP701" s="613"/>
      <c r="EPQ701" s="613"/>
      <c r="EPR701" s="613"/>
      <c r="EPS701" s="613"/>
      <c r="EPT701" s="613"/>
      <c r="EPU701" s="613"/>
      <c r="EPV701" s="613"/>
      <c r="EPW701" s="613"/>
      <c r="EPX701" s="613"/>
      <c r="EPY701" s="613"/>
      <c r="EPZ701" s="613"/>
      <c r="EQA701" s="613"/>
      <c r="EQB701" s="613"/>
      <c r="EQC701" s="613"/>
      <c r="EQD701" s="613"/>
      <c r="EQE701" s="613"/>
      <c r="EQF701" s="613"/>
      <c r="EQG701" s="613"/>
      <c r="EQH701" s="613"/>
      <c r="EQI701" s="613"/>
      <c r="EQJ701" s="613"/>
      <c r="EQK701" s="613"/>
      <c r="EQL701" s="613"/>
      <c r="EQM701" s="613"/>
      <c r="EQN701" s="613"/>
      <c r="EQO701" s="613"/>
      <c r="EQP701" s="613"/>
      <c r="EQQ701" s="613"/>
      <c r="EQR701" s="613"/>
      <c r="EQS701" s="613"/>
      <c r="EQT701" s="613"/>
      <c r="EQU701" s="613"/>
      <c r="EQV701" s="613"/>
      <c r="EQW701" s="613"/>
      <c r="EQX701" s="613"/>
      <c r="EQY701" s="613"/>
      <c r="EQZ701" s="613"/>
      <c r="ERA701" s="613"/>
      <c r="ERB701" s="613"/>
      <c r="ERC701" s="613"/>
      <c r="ERD701" s="613"/>
      <c r="ERE701" s="613"/>
      <c r="ERF701" s="613"/>
      <c r="ERG701" s="613"/>
      <c r="ERH701" s="613"/>
      <c r="ERI701" s="613"/>
      <c r="ERJ701" s="613"/>
      <c r="ERK701" s="613"/>
      <c r="ERL701" s="613"/>
      <c r="ERM701" s="613"/>
      <c r="ERN701" s="613"/>
      <c r="ERO701" s="613"/>
      <c r="ERP701" s="613"/>
      <c r="ERQ701" s="613"/>
      <c r="ERR701" s="613"/>
      <c r="ERS701" s="613"/>
      <c r="ERT701" s="613"/>
      <c r="ERU701" s="613"/>
      <c r="ERV701" s="613"/>
      <c r="ERW701" s="613"/>
      <c r="ERX701" s="613"/>
      <c r="ERY701" s="613"/>
      <c r="ERZ701" s="613"/>
      <c r="ESA701" s="613"/>
      <c r="ESB701" s="613"/>
      <c r="ESC701" s="613"/>
      <c r="ESD701" s="613"/>
      <c r="ESE701" s="613"/>
      <c r="ESF701" s="613"/>
      <c r="ESG701" s="613"/>
      <c r="ESH701" s="613"/>
      <c r="ESI701" s="613"/>
      <c r="ESJ701" s="613"/>
      <c r="ESK701" s="613"/>
      <c r="ESL701" s="613"/>
      <c r="ESM701" s="613"/>
      <c r="ESN701" s="613"/>
      <c r="ESO701" s="613"/>
      <c r="ESP701" s="613"/>
      <c r="ESQ701" s="613"/>
      <c r="ESR701" s="613"/>
      <c r="ESS701" s="613"/>
      <c r="EST701" s="613"/>
      <c r="ESU701" s="613"/>
      <c r="ESV701" s="613"/>
      <c r="ESW701" s="613"/>
      <c r="ESX701" s="613"/>
      <c r="ESY701" s="613"/>
      <c r="ESZ701" s="613"/>
      <c r="ETA701" s="613"/>
      <c r="ETB701" s="613"/>
      <c r="ETC701" s="613"/>
      <c r="ETD701" s="613"/>
      <c r="ETE701" s="613"/>
      <c r="ETF701" s="613"/>
      <c r="ETG701" s="613"/>
      <c r="ETH701" s="613"/>
      <c r="ETI701" s="613"/>
      <c r="ETJ701" s="613"/>
      <c r="ETK701" s="613"/>
      <c r="ETL701" s="613"/>
      <c r="ETM701" s="613"/>
      <c r="ETN701" s="613"/>
      <c r="ETO701" s="613"/>
      <c r="ETP701" s="613"/>
      <c r="ETQ701" s="613"/>
      <c r="ETR701" s="613"/>
      <c r="ETS701" s="613"/>
      <c r="ETT701" s="613"/>
      <c r="ETU701" s="613"/>
      <c r="ETV701" s="613"/>
      <c r="ETW701" s="613"/>
      <c r="ETX701" s="613"/>
      <c r="ETY701" s="613"/>
      <c r="ETZ701" s="613"/>
      <c r="EUA701" s="613"/>
      <c r="EUB701" s="613"/>
      <c r="EUC701" s="613"/>
      <c r="EUD701" s="613"/>
      <c r="EUE701" s="613"/>
      <c r="EUF701" s="613"/>
      <c r="EUG701" s="613"/>
      <c r="EUH701" s="613"/>
      <c r="EUI701" s="613"/>
      <c r="EUJ701" s="613"/>
      <c r="EUK701" s="613"/>
      <c r="EUL701" s="613"/>
      <c r="EUM701" s="613"/>
      <c r="EUN701" s="613"/>
      <c r="EUO701" s="613"/>
      <c r="EUP701" s="613"/>
      <c r="EUQ701" s="613"/>
      <c r="EUR701" s="613"/>
      <c r="EUS701" s="613"/>
      <c r="EUT701" s="613"/>
      <c r="EUU701" s="613"/>
      <c r="EUV701" s="613"/>
      <c r="EUW701" s="613"/>
      <c r="EUX701" s="613"/>
      <c r="EUY701" s="613"/>
      <c r="EUZ701" s="613"/>
      <c r="EVA701" s="613"/>
      <c r="EVB701" s="613"/>
      <c r="EVC701" s="613"/>
      <c r="EVD701" s="613"/>
      <c r="EVE701" s="613"/>
      <c r="EVF701" s="613"/>
      <c r="EVG701" s="613"/>
      <c r="EVH701" s="613"/>
      <c r="EVI701" s="613"/>
      <c r="EVJ701" s="613"/>
      <c r="EVK701" s="613"/>
      <c r="EVL701" s="613"/>
      <c r="EVM701" s="613"/>
      <c r="EVN701" s="613"/>
      <c r="EVO701" s="613"/>
      <c r="EVP701" s="613"/>
      <c r="EVQ701" s="613"/>
      <c r="EVR701" s="613"/>
      <c r="EVS701" s="613"/>
      <c r="EVT701" s="613"/>
      <c r="EVU701" s="613"/>
      <c r="EVV701" s="613"/>
      <c r="EVW701" s="613"/>
      <c r="EVX701" s="613"/>
      <c r="EVY701" s="613"/>
      <c r="EVZ701" s="613"/>
      <c r="EWA701" s="613"/>
      <c r="EWB701" s="613"/>
      <c r="EWC701" s="613"/>
      <c r="EWD701" s="613"/>
      <c r="EWE701" s="613"/>
      <c r="EWF701" s="613"/>
      <c r="EWG701" s="613"/>
      <c r="EWH701" s="613"/>
      <c r="EWI701" s="613"/>
      <c r="EWJ701" s="613"/>
      <c r="EWK701" s="613"/>
      <c r="EWL701" s="613"/>
      <c r="EWM701" s="613"/>
      <c r="EWN701" s="613"/>
      <c r="EWO701" s="613"/>
      <c r="EWP701" s="613"/>
      <c r="EWQ701" s="613"/>
      <c r="EWR701" s="613"/>
      <c r="EWS701" s="613"/>
      <c r="EWT701" s="613"/>
      <c r="EWU701" s="613"/>
      <c r="EWV701" s="613"/>
      <c r="EWW701" s="613"/>
      <c r="EWX701" s="613"/>
      <c r="EWY701" s="613"/>
      <c r="EWZ701" s="613"/>
      <c r="EXA701" s="613"/>
      <c r="EXB701" s="613"/>
      <c r="EXC701" s="613"/>
      <c r="EXD701" s="613"/>
      <c r="EXE701" s="613"/>
      <c r="EXF701" s="613"/>
      <c r="EXG701" s="613"/>
      <c r="EXH701" s="613"/>
      <c r="EXI701" s="613"/>
      <c r="EXJ701" s="613"/>
      <c r="EXK701" s="613"/>
      <c r="EXL701" s="613"/>
      <c r="EXM701" s="613"/>
      <c r="EXN701" s="613"/>
      <c r="EXO701" s="613"/>
      <c r="EXP701" s="613"/>
      <c r="EXQ701" s="613"/>
      <c r="EXR701" s="613"/>
      <c r="EXS701" s="613"/>
      <c r="EXT701" s="613"/>
      <c r="EXU701" s="613"/>
      <c r="EXV701" s="613"/>
      <c r="EXW701" s="613"/>
      <c r="EXX701" s="613"/>
      <c r="EXY701" s="613"/>
      <c r="EXZ701" s="613"/>
      <c r="EYA701" s="613"/>
      <c r="EYB701" s="613"/>
      <c r="EYC701" s="613"/>
      <c r="EYD701" s="613"/>
      <c r="EYE701" s="613"/>
      <c r="EYF701" s="613"/>
      <c r="EYG701" s="613"/>
      <c r="EYH701" s="613"/>
      <c r="EYI701" s="613"/>
      <c r="EYJ701" s="613"/>
      <c r="EYK701" s="613"/>
      <c r="EYL701" s="613"/>
      <c r="EYM701" s="613"/>
      <c r="EYN701" s="613"/>
      <c r="EYO701" s="613"/>
      <c r="EYP701" s="613"/>
      <c r="EYQ701" s="613"/>
      <c r="EYR701" s="613"/>
      <c r="EYS701" s="613"/>
      <c r="EYT701" s="613"/>
      <c r="EYU701" s="613"/>
      <c r="EYV701" s="613"/>
      <c r="EYW701" s="613"/>
      <c r="EYX701" s="613"/>
      <c r="EYY701" s="613"/>
      <c r="EYZ701" s="613"/>
      <c r="EZA701" s="613"/>
      <c r="EZB701" s="613"/>
      <c r="EZC701" s="613"/>
      <c r="EZD701" s="613"/>
      <c r="EZE701" s="613"/>
      <c r="EZF701" s="613"/>
      <c r="EZG701" s="613"/>
      <c r="EZH701" s="613"/>
      <c r="EZI701" s="613"/>
      <c r="EZJ701" s="613"/>
      <c r="EZK701" s="613"/>
      <c r="EZL701" s="613"/>
      <c r="EZM701" s="613"/>
      <c r="EZN701" s="613"/>
      <c r="EZO701" s="613"/>
      <c r="EZP701" s="613"/>
      <c r="EZQ701" s="613"/>
      <c r="EZR701" s="613"/>
      <c r="EZS701" s="613"/>
      <c r="EZT701" s="613"/>
      <c r="EZU701" s="613"/>
      <c r="EZV701" s="613"/>
      <c r="EZW701" s="613"/>
      <c r="EZX701" s="613"/>
      <c r="EZY701" s="613"/>
      <c r="EZZ701" s="613"/>
      <c r="FAA701" s="613"/>
      <c r="FAB701" s="613"/>
      <c r="FAC701" s="613"/>
      <c r="FAD701" s="613"/>
      <c r="FAE701" s="613"/>
      <c r="FAF701" s="613"/>
      <c r="FAG701" s="613"/>
      <c r="FAH701" s="613"/>
      <c r="FAI701" s="613"/>
      <c r="FAJ701" s="613"/>
      <c r="FAK701" s="613"/>
      <c r="FAL701" s="613"/>
      <c r="FAM701" s="613"/>
      <c r="FAN701" s="613"/>
      <c r="FAO701" s="613"/>
      <c r="FAP701" s="613"/>
      <c r="FAQ701" s="613"/>
      <c r="FAR701" s="613"/>
      <c r="FAS701" s="613"/>
      <c r="FAT701" s="613"/>
      <c r="FAU701" s="613"/>
      <c r="FAV701" s="613"/>
      <c r="FAW701" s="613"/>
      <c r="FAX701" s="613"/>
      <c r="FAY701" s="613"/>
      <c r="FAZ701" s="613"/>
      <c r="FBA701" s="613"/>
      <c r="FBB701" s="613"/>
      <c r="FBC701" s="613"/>
      <c r="FBD701" s="613"/>
      <c r="FBE701" s="613"/>
      <c r="FBF701" s="613"/>
      <c r="FBG701" s="613"/>
      <c r="FBH701" s="613"/>
      <c r="FBI701" s="613"/>
      <c r="FBJ701" s="613"/>
      <c r="FBK701" s="613"/>
      <c r="FBL701" s="613"/>
      <c r="FBM701" s="613"/>
      <c r="FBN701" s="613"/>
      <c r="FBO701" s="613"/>
      <c r="FBP701" s="613"/>
      <c r="FBQ701" s="613"/>
      <c r="FBR701" s="613"/>
      <c r="FBS701" s="613"/>
      <c r="FBT701" s="613"/>
      <c r="FBU701" s="613"/>
      <c r="FBV701" s="613"/>
      <c r="FBW701" s="613"/>
      <c r="FBX701" s="613"/>
      <c r="FBY701" s="613"/>
      <c r="FBZ701" s="613"/>
      <c r="FCA701" s="613"/>
      <c r="FCB701" s="613"/>
      <c r="FCC701" s="613"/>
      <c r="FCD701" s="613"/>
      <c r="FCE701" s="613"/>
      <c r="FCF701" s="613"/>
      <c r="FCG701" s="613"/>
      <c r="FCH701" s="613"/>
      <c r="FCI701" s="613"/>
      <c r="FCJ701" s="613"/>
      <c r="FCK701" s="613"/>
      <c r="FCL701" s="613"/>
      <c r="FCM701" s="613"/>
      <c r="FCN701" s="613"/>
      <c r="FCO701" s="613"/>
      <c r="FCP701" s="613"/>
      <c r="FCQ701" s="613"/>
      <c r="FCR701" s="613"/>
      <c r="FCS701" s="613"/>
      <c r="FCT701" s="613"/>
      <c r="FCU701" s="613"/>
      <c r="FCV701" s="613"/>
      <c r="FCW701" s="613"/>
      <c r="FCX701" s="613"/>
      <c r="FCY701" s="613"/>
      <c r="FCZ701" s="613"/>
      <c r="FDA701" s="613"/>
      <c r="FDB701" s="613"/>
      <c r="FDC701" s="613"/>
      <c r="FDD701" s="613"/>
      <c r="FDE701" s="613"/>
      <c r="FDF701" s="613"/>
      <c r="FDG701" s="613"/>
      <c r="FDH701" s="613"/>
      <c r="FDI701" s="613"/>
      <c r="FDJ701" s="613"/>
      <c r="FDK701" s="613"/>
      <c r="FDL701" s="613"/>
      <c r="FDM701" s="613"/>
      <c r="FDN701" s="613"/>
      <c r="FDO701" s="613"/>
      <c r="FDP701" s="613"/>
      <c r="FDQ701" s="613"/>
      <c r="FDR701" s="613"/>
      <c r="FDS701" s="613"/>
      <c r="FDT701" s="613"/>
      <c r="FDU701" s="613"/>
      <c r="FDV701" s="613"/>
      <c r="FDW701" s="613"/>
      <c r="FDX701" s="613"/>
      <c r="FDY701" s="613"/>
      <c r="FDZ701" s="613"/>
      <c r="FEA701" s="613"/>
      <c r="FEB701" s="613"/>
      <c r="FEC701" s="613"/>
      <c r="FED701" s="613"/>
      <c r="FEE701" s="613"/>
      <c r="FEF701" s="613"/>
      <c r="FEG701" s="613"/>
      <c r="FEH701" s="613"/>
      <c r="FEI701" s="613"/>
      <c r="FEJ701" s="613"/>
      <c r="FEK701" s="613"/>
      <c r="FEL701" s="613"/>
      <c r="FEM701" s="613"/>
      <c r="FEN701" s="613"/>
      <c r="FEO701" s="613"/>
      <c r="FEP701" s="613"/>
      <c r="FEQ701" s="613"/>
      <c r="FER701" s="613"/>
      <c r="FES701" s="613"/>
      <c r="FET701" s="613"/>
      <c r="FEU701" s="613"/>
      <c r="FEV701" s="613"/>
      <c r="FEW701" s="613"/>
      <c r="FEX701" s="613"/>
      <c r="FEY701" s="613"/>
      <c r="FEZ701" s="613"/>
      <c r="FFA701" s="613"/>
      <c r="FFB701" s="613"/>
      <c r="FFC701" s="613"/>
      <c r="FFD701" s="613"/>
      <c r="FFE701" s="613"/>
      <c r="FFF701" s="613"/>
      <c r="FFG701" s="613"/>
      <c r="FFH701" s="613"/>
      <c r="FFI701" s="613"/>
      <c r="FFJ701" s="613"/>
      <c r="FFK701" s="613"/>
      <c r="FFL701" s="613"/>
      <c r="FFM701" s="613"/>
      <c r="FFN701" s="613"/>
      <c r="FFO701" s="613"/>
      <c r="FFP701" s="613"/>
      <c r="FFQ701" s="613"/>
      <c r="FFR701" s="613"/>
      <c r="FFS701" s="613"/>
      <c r="FFT701" s="613"/>
      <c r="FFU701" s="613"/>
      <c r="FFV701" s="613"/>
      <c r="FFW701" s="613"/>
      <c r="FFX701" s="613"/>
      <c r="FFY701" s="613"/>
      <c r="FFZ701" s="613"/>
      <c r="FGA701" s="613"/>
      <c r="FGB701" s="613"/>
      <c r="FGC701" s="613"/>
      <c r="FGD701" s="613"/>
      <c r="FGE701" s="613"/>
      <c r="FGF701" s="613"/>
      <c r="FGG701" s="613"/>
      <c r="FGH701" s="613"/>
      <c r="FGI701" s="613"/>
      <c r="FGJ701" s="613"/>
      <c r="FGK701" s="613"/>
      <c r="FGL701" s="613"/>
      <c r="FGM701" s="613"/>
      <c r="FGN701" s="613"/>
      <c r="FGO701" s="613"/>
      <c r="FGP701" s="613"/>
      <c r="FGQ701" s="613"/>
      <c r="FGR701" s="613"/>
      <c r="FGS701" s="613"/>
      <c r="FGT701" s="613"/>
      <c r="FGU701" s="613"/>
      <c r="FGV701" s="613"/>
      <c r="FGW701" s="613"/>
      <c r="FGX701" s="613"/>
      <c r="FGY701" s="613"/>
      <c r="FGZ701" s="613"/>
      <c r="FHA701" s="613"/>
      <c r="FHB701" s="613"/>
      <c r="FHC701" s="613"/>
      <c r="FHD701" s="613"/>
      <c r="FHE701" s="613"/>
      <c r="FHF701" s="613"/>
      <c r="FHG701" s="613"/>
      <c r="FHH701" s="613"/>
      <c r="FHI701" s="613"/>
      <c r="FHJ701" s="613"/>
      <c r="FHK701" s="613"/>
      <c r="FHL701" s="613"/>
      <c r="FHM701" s="613"/>
      <c r="FHN701" s="613"/>
      <c r="FHO701" s="613"/>
      <c r="FHP701" s="613"/>
      <c r="FHQ701" s="613"/>
      <c r="FHR701" s="613"/>
      <c r="FHS701" s="613"/>
      <c r="FHT701" s="613"/>
      <c r="FHU701" s="613"/>
      <c r="FHV701" s="613"/>
      <c r="FHW701" s="613"/>
      <c r="FHX701" s="613"/>
      <c r="FHY701" s="613"/>
      <c r="FHZ701" s="613"/>
      <c r="FIA701" s="613"/>
      <c r="FIB701" s="613"/>
      <c r="FIC701" s="613"/>
      <c r="FID701" s="613"/>
      <c r="FIE701" s="613"/>
      <c r="FIF701" s="613"/>
      <c r="FIG701" s="613"/>
      <c r="FIH701" s="613"/>
      <c r="FII701" s="613"/>
      <c r="FIJ701" s="613"/>
      <c r="FIK701" s="613"/>
      <c r="FIL701" s="613"/>
      <c r="FIM701" s="613"/>
      <c r="FIN701" s="613"/>
      <c r="FIO701" s="613"/>
      <c r="FIP701" s="613"/>
      <c r="FIQ701" s="613"/>
      <c r="FIR701" s="613"/>
      <c r="FIS701" s="613"/>
      <c r="FIT701" s="613"/>
      <c r="FIU701" s="613"/>
      <c r="FIV701" s="613"/>
      <c r="FIW701" s="613"/>
      <c r="FIX701" s="613"/>
      <c r="FIY701" s="613"/>
      <c r="FIZ701" s="613"/>
      <c r="FJA701" s="613"/>
      <c r="FJB701" s="613"/>
      <c r="FJC701" s="613"/>
      <c r="FJD701" s="613"/>
      <c r="FJE701" s="613"/>
      <c r="FJF701" s="613"/>
      <c r="FJG701" s="613"/>
      <c r="FJH701" s="613"/>
      <c r="FJI701" s="613"/>
      <c r="FJJ701" s="613"/>
      <c r="FJK701" s="613"/>
      <c r="FJL701" s="613"/>
      <c r="FJM701" s="613"/>
      <c r="FJN701" s="613"/>
      <c r="FJO701" s="613"/>
      <c r="FJP701" s="613"/>
      <c r="FJQ701" s="613"/>
      <c r="FJR701" s="613"/>
      <c r="FJS701" s="613"/>
      <c r="FJT701" s="613"/>
      <c r="FJU701" s="613"/>
      <c r="FJV701" s="613"/>
      <c r="FJW701" s="613"/>
      <c r="FJX701" s="613"/>
      <c r="FJY701" s="613"/>
      <c r="FJZ701" s="613"/>
      <c r="FKA701" s="613"/>
      <c r="FKB701" s="613"/>
      <c r="FKC701" s="613"/>
      <c r="FKD701" s="613"/>
      <c r="FKE701" s="613"/>
      <c r="FKF701" s="613"/>
      <c r="FKG701" s="613"/>
      <c r="FKH701" s="613"/>
      <c r="FKI701" s="613"/>
      <c r="FKJ701" s="613"/>
      <c r="FKK701" s="613"/>
      <c r="FKL701" s="613"/>
      <c r="FKM701" s="613"/>
      <c r="FKN701" s="613"/>
      <c r="FKO701" s="613"/>
      <c r="FKP701" s="613"/>
      <c r="FKQ701" s="613"/>
      <c r="FKR701" s="613"/>
      <c r="FKS701" s="613"/>
      <c r="FKT701" s="613"/>
      <c r="FKU701" s="613"/>
      <c r="FKV701" s="613"/>
      <c r="FKW701" s="613"/>
      <c r="FKX701" s="613"/>
      <c r="FKY701" s="613"/>
      <c r="FKZ701" s="613"/>
      <c r="FLA701" s="613"/>
      <c r="FLB701" s="613"/>
      <c r="FLC701" s="613"/>
      <c r="FLD701" s="613"/>
      <c r="FLE701" s="613"/>
      <c r="FLF701" s="613"/>
      <c r="FLG701" s="613"/>
      <c r="FLH701" s="613"/>
      <c r="FLI701" s="613"/>
      <c r="FLJ701" s="613"/>
      <c r="FLK701" s="613"/>
      <c r="FLL701" s="613"/>
      <c r="FLM701" s="613"/>
      <c r="FLN701" s="613"/>
      <c r="FLO701" s="613"/>
      <c r="FLP701" s="613"/>
      <c r="FLQ701" s="613"/>
      <c r="FLR701" s="613"/>
      <c r="FLS701" s="613"/>
      <c r="FLT701" s="613"/>
      <c r="FLU701" s="613"/>
      <c r="FLV701" s="613"/>
      <c r="FLW701" s="613"/>
      <c r="FLX701" s="613"/>
      <c r="FLY701" s="613"/>
      <c r="FLZ701" s="613"/>
      <c r="FMA701" s="613"/>
      <c r="FMB701" s="613"/>
      <c r="FMC701" s="613"/>
      <c r="FMD701" s="613"/>
      <c r="FME701" s="613"/>
      <c r="FMF701" s="613"/>
      <c r="FMG701" s="613"/>
      <c r="FMH701" s="613"/>
      <c r="FMI701" s="613"/>
      <c r="FMJ701" s="613"/>
      <c r="FMK701" s="613"/>
      <c r="FML701" s="613"/>
      <c r="FMM701" s="613"/>
      <c r="FMN701" s="613"/>
      <c r="FMO701" s="613"/>
      <c r="FMP701" s="613"/>
      <c r="FMQ701" s="613"/>
      <c r="FMR701" s="613"/>
      <c r="FMS701" s="613"/>
      <c r="FMT701" s="613"/>
      <c r="FMU701" s="613"/>
      <c r="FMV701" s="613"/>
      <c r="FMW701" s="613"/>
      <c r="FMX701" s="613"/>
      <c r="FMY701" s="613"/>
      <c r="FMZ701" s="613"/>
      <c r="FNA701" s="613"/>
      <c r="FNB701" s="613"/>
      <c r="FNC701" s="613"/>
      <c r="FND701" s="613"/>
      <c r="FNE701" s="613"/>
      <c r="FNF701" s="613"/>
      <c r="FNG701" s="613"/>
      <c r="FNH701" s="613"/>
      <c r="FNI701" s="613"/>
      <c r="FNJ701" s="613"/>
      <c r="FNK701" s="613"/>
      <c r="FNL701" s="613"/>
      <c r="FNM701" s="613"/>
      <c r="FNN701" s="613"/>
      <c r="FNO701" s="613"/>
      <c r="FNP701" s="613"/>
      <c r="FNQ701" s="613"/>
      <c r="FNR701" s="613"/>
      <c r="FNS701" s="613"/>
      <c r="FNT701" s="613"/>
      <c r="FNU701" s="613"/>
      <c r="FNV701" s="613"/>
      <c r="FNW701" s="613"/>
      <c r="FNX701" s="613"/>
      <c r="FNY701" s="613"/>
      <c r="FNZ701" s="613"/>
      <c r="FOA701" s="613"/>
      <c r="FOB701" s="613"/>
      <c r="FOC701" s="613"/>
      <c r="FOD701" s="613"/>
      <c r="FOE701" s="613"/>
      <c r="FOF701" s="613"/>
      <c r="FOG701" s="613"/>
      <c r="FOH701" s="613"/>
      <c r="FOI701" s="613"/>
      <c r="FOJ701" s="613"/>
      <c r="FOK701" s="613"/>
      <c r="FOL701" s="613"/>
      <c r="FOM701" s="613"/>
      <c r="FON701" s="613"/>
      <c r="FOO701" s="613"/>
      <c r="FOP701" s="613"/>
      <c r="FOQ701" s="613"/>
      <c r="FOR701" s="613"/>
      <c r="FOS701" s="613"/>
      <c r="FOT701" s="613"/>
      <c r="FOU701" s="613"/>
      <c r="FOV701" s="613"/>
      <c r="FOW701" s="613"/>
      <c r="FOX701" s="613"/>
      <c r="FOY701" s="613"/>
      <c r="FOZ701" s="613"/>
      <c r="FPA701" s="613"/>
      <c r="FPB701" s="613"/>
      <c r="FPC701" s="613"/>
      <c r="FPD701" s="613"/>
      <c r="FPE701" s="613"/>
      <c r="FPF701" s="613"/>
      <c r="FPG701" s="613"/>
      <c r="FPH701" s="613"/>
      <c r="FPI701" s="613"/>
      <c r="FPJ701" s="613"/>
      <c r="FPK701" s="613"/>
      <c r="FPL701" s="613"/>
      <c r="FPM701" s="613"/>
      <c r="FPN701" s="613"/>
      <c r="FPO701" s="613"/>
      <c r="FPP701" s="613"/>
      <c r="FPQ701" s="613"/>
      <c r="FPR701" s="613"/>
      <c r="FPS701" s="613"/>
      <c r="FPT701" s="613"/>
      <c r="FPU701" s="613"/>
      <c r="FPV701" s="613"/>
      <c r="FPW701" s="613"/>
      <c r="FPX701" s="613"/>
      <c r="FPY701" s="613"/>
      <c r="FPZ701" s="613"/>
      <c r="FQA701" s="613"/>
      <c r="FQB701" s="613"/>
      <c r="FQC701" s="613"/>
      <c r="FQD701" s="613"/>
      <c r="FQE701" s="613"/>
      <c r="FQF701" s="613"/>
      <c r="FQG701" s="613"/>
      <c r="FQH701" s="613"/>
      <c r="FQI701" s="613"/>
      <c r="FQJ701" s="613"/>
      <c r="FQK701" s="613"/>
      <c r="FQL701" s="613"/>
      <c r="FQM701" s="613"/>
      <c r="FQN701" s="613"/>
      <c r="FQO701" s="613"/>
      <c r="FQP701" s="613"/>
      <c r="FQQ701" s="613"/>
      <c r="FQR701" s="613"/>
      <c r="FQS701" s="613"/>
      <c r="FQT701" s="613"/>
      <c r="FQU701" s="613"/>
      <c r="FQV701" s="613"/>
      <c r="FQW701" s="613"/>
      <c r="FQX701" s="613"/>
      <c r="FQY701" s="613"/>
      <c r="FQZ701" s="613"/>
      <c r="FRA701" s="613"/>
      <c r="FRB701" s="613"/>
      <c r="FRC701" s="613"/>
      <c r="FRD701" s="613"/>
      <c r="FRE701" s="613"/>
      <c r="FRF701" s="613"/>
      <c r="FRG701" s="613"/>
      <c r="FRH701" s="613"/>
      <c r="FRI701" s="613"/>
      <c r="FRJ701" s="613"/>
      <c r="FRK701" s="613"/>
      <c r="FRL701" s="613"/>
      <c r="FRM701" s="613"/>
      <c r="FRN701" s="613"/>
      <c r="FRO701" s="613"/>
      <c r="FRP701" s="613"/>
      <c r="FRQ701" s="613"/>
      <c r="FRR701" s="613"/>
      <c r="FRS701" s="613"/>
      <c r="FRT701" s="613"/>
      <c r="FRU701" s="613"/>
      <c r="FRV701" s="613"/>
      <c r="FRW701" s="613"/>
      <c r="FRX701" s="613"/>
      <c r="FRY701" s="613"/>
      <c r="FRZ701" s="613"/>
      <c r="FSA701" s="613"/>
      <c r="FSB701" s="613"/>
      <c r="FSC701" s="613"/>
      <c r="FSD701" s="613"/>
      <c r="FSE701" s="613"/>
      <c r="FSF701" s="613"/>
      <c r="FSG701" s="613"/>
      <c r="FSH701" s="613"/>
      <c r="FSI701" s="613"/>
      <c r="FSJ701" s="613"/>
      <c r="FSK701" s="613"/>
      <c r="FSL701" s="613"/>
      <c r="FSM701" s="613"/>
      <c r="FSN701" s="613"/>
      <c r="FSO701" s="613"/>
      <c r="FSP701" s="613"/>
      <c r="FSQ701" s="613"/>
      <c r="FSR701" s="613"/>
      <c r="FSS701" s="613"/>
      <c r="FST701" s="613"/>
      <c r="FSU701" s="613"/>
      <c r="FSV701" s="613"/>
      <c r="FSW701" s="613"/>
      <c r="FSX701" s="613"/>
      <c r="FSY701" s="613"/>
      <c r="FSZ701" s="613"/>
      <c r="FTA701" s="613"/>
      <c r="FTB701" s="613"/>
      <c r="FTC701" s="613"/>
      <c r="FTD701" s="613"/>
      <c r="FTE701" s="613"/>
      <c r="FTF701" s="613"/>
      <c r="FTG701" s="613"/>
      <c r="FTH701" s="613"/>
      <c r="FTI701" s="613"/>
      <c r="FTJ701" s="613"/>
      <c r="FTK701" s="613"/>
      <c r="FTL701" s="613"/>
      <c r="FTM701" s="613"/>
      <c r="FTN701" s="613"/>
      <c r="FTO701" s="613"/>
      <c r="FTP701" s="613"/>
      <c r="FTQ701" s="613"/>
      <c r="FTR701" s="613"/>
      <c r="FTS701" s="613"/>
      <c r="FTT701" s="613"/>
      <c r="FTU701" s="613"/>
      <c r="FTV701" s="613"/>
      <c r="FTW701" s="613"/>
      <c r="FTX701" s="613"/>
      <c r="FTY701" s="613"/>
      <c r="FTZ701" s="613"/>
      <c r="FUA701" s="613"/>
      <c r="FUB701" s="613"/>
      <c r="FUC701" s="613"/>
      <c r="FUD701" s="613"/>
      <c r="FUE701" s="613"/>
      <c r="FUF701" s="613"/>
      <c r="FUG701" s="613"/>
      <c r="FUH701" s="613"/>
      <c r="FUI701" s="613"/>
      <c r="FUJ701" s="613"/>
      <c r="FUK701" s="613"/>
      <c r="FUL701" s="613"/>
      <c r="FUM701" s="613"/>
      <c r="FUN701" s="613"/>
      <c r="FUO701" s="613"/>
      <c r="FUP701" s="613"/>
      <c r="FUQ701" s="613"/>
      <c r="FUR701" s="613"/>
      <c r="FUS701" s="613"/>
      <c r="FUT701" s="613"/>
      <c r="FUU701" s="613"/>
      <c r="FUV701" s="613"/>
      <c r="FUW701" s="613"/>
      <c r="FUX701" s="613"/>
      <c r="FUY701" s="613"/>
      <c r="FUZ701" s="613"/>
      <c r="FVA701" s="613"/>
      <c r="FVB701" s="613"/>
      <c r="FVC701" s="613"/>
      <c r="FVD701" s="613"/>
      <c r="FVE701" s="613"/>
      <c r="FVF701" s="613"/>
      <c r="FVG701" s="613"/>
      <c r="FVH701" s="613"/>
      <c r="FVI701" s="613"/>
      <c r="FVJ701" s="613"/>
      <c r="FVK701" s="613"/>
      <c r="FVL701" s="613"/>
      <c r="FVM701" s="613"/>
      <c r="FVN701" s="613"/>
      <c r="FVO701" s="613"/>
      <c r="FVP701" s="613"/>
      <c r="FVQ701" s="613"/>
      <c r="FVR701" s="613"/>
      <c r="FVS701" s="613"/>
      <c r="FVT701" s="613"/>
      <c r="FVU701" s="613"/>
      <c r="FVV701" s="613"/>
      <c r="FVW701" s="613"/>
      <c r="FVX701" s="613"/>
      <c r="FVY701" s="613"/>
      <c r="FVZ701" s="613"/>
      <c r="FWA701" s="613"/>
      <c r="FWB701" s="613"/>
      <c r="FWC701" s="613"/>
      <c r="FWD701" s="613"/>
      <c r="FWE701" s="613"/>
      <c r="FWF701" s="613"/>
      <c r="FWG701" s="613"/>
      <c r="FWH701" s="613"/>
      <c r="FWI701" s="613"/>
      <c r="FWJ701" s="613"/>
      <c r="FWK701" s="613"/>
      <c r="FWL701" s="613"/>
      <c r="FWM701" s="613"/>
      <c r="FWN701" s="613"/>
      <c r="FWO701" s="613"/>
      <c r="FWP701" s="613"/>
      <c r="FWQ701" s="613"/>
      <c r="FWR701" s="613"/>
      <c r="FWS701" s="613"/>
      <c r="FWT701" s="613"/>
      <c r="FWU701" s="613"/>
      <c r="FWV701" s="613"/>
      <c r="FWW701" s="613"/>
      <c r="FWX701" s="613"/>
      <c r="FWY701" s="613"/>
      <c r="FWZ701" s="613"/>
      <c r="FXA701" s="613"/>
      <c r="FXB701" s="613"/>
      <c r="FXC701" s="613"/>
      <c r="FXD701" s="613"/>
      <c r="FXE701" s="613"/>
      <c r="FXF701" s="613"/>
      <c r="FXG701" s="613"/>
      <c r="FXH701" s="613"/>
      <c r="FXI701" s="613"/>
      <c r="FXJ701" s="613"/>
      <c r="FXK701" s="613"/>
      <c r="FXL701" s="613"/>
      <c r="FXM701" s="613"/>
      <c r="FXN701" s="613"/>
      <c r="FXO701" s="613"/>
      <c r="FXP701" s="613"/>
      <c r="FXQ701" s="613"/>
      <c r="FXR701" s="613"/>
      <c r="FXS701" s="613"/>
      <c r="FXT701" s="613"/>
      <c r="FXU701" s="613"/>
      <c r="FXV701" s="613"/>
      <c r="FXW701" s="613"/>
      <c r="FXX701" s="613"/>
      <c r="FXY701" s="613"/>
      <c r="FXZ701" s="613"/>
      <c r="FYA701" s="613"/>
      <c r="FYB701" s="613"/>
      <c r="FYC701" s="613"/>
      <c r="FYD701" s="613"/>
      <c r="FYE701" s="613"/>
      <c r="FYF701" s="613"/>
      <c r="FYG701" s="613"/>
      <c r="FYH701" s="613"/>
      <c r="FYI701" s="613"/>
      <c r="FYJ701" s="613"/>
      <c r="FYK701" s="613"/>
      <c r="FYL701" s="613"/>
      <c r="FYM701" s="613"/>
      <c r="FYN701" s="613"/>
      <c r="FYO701" s="613"/>
      <c r="FYP701" s="613"/>
      <c r="FYQ701" s="613"/>
      <c r="FYR701" s="613"/>
      <c r="FYS701" s="613"/>
      <c r="FYT701" s="613"/>
      <c r="FYU701" s="613"/>
      <c r="FYV701" s="613"/>
      <c r="FYW701" s="613"/>
      <c r="FYX701" s="613"/>
      <c r="FYY701" s="613"/>
      <c r="FYZ701" s="613"/>
      <c r="FZA701" s="613"/>
      <c r="FZB701" s="613"/>
      <c r="FZC701" s="613"/>
      <c r="FZD701" s="613"/>
      <c r="FZE701" s="613"/>
      <c r="FZF701" s="613"/>
      <c r="FZG701" s="613"/>
      <c r="FZH701" s="613"/>
      <c r="FZI701" s="613"/>
      <c r="FZJ701" s="613"/>
      <c r="FZK701" s="613"/>
      <c r="FZL701" s="613"/>
      <c r="FZM701" s="613"/>
      <c r="FZN701" s="613"/>
      <c r="FZO701" s="613"/>
      <c r="FZP701" s="613"/>
      <c r="FZQ701" s="613"/>
      <c r="FZR701" s="613"/>
      <c r="FZS701" s="613"/>
      <c r="FZT701" s="613"/>
      <c r="FZU701" s="613"/>
      <c r="FZV701" s="613"/>
      <c r="FZW701" s="613"/>
      <c r="FZX701" s="613"/>
      <c r="FZY701" s="613"/>
      <c r="FZZ701" s="613"/>
      <c r="GAA701" s="613"/>
      <c r="GAB701" s="613"/>
      <c r="GAC701" s="613"/>
      <c r="GAD701" s="613"/>
      <c r="GAE701" s="613"/>
      <c r="GAF701" s="613"/>
      <c r="GAG701" s="613"/>
      <c r="GAH701" s="613"/>
      <c r="GAI701" s="613"/>
      <c r="GAJ701" s="613"/>
      <c r="GAK701" s="613"/>
      <c r="GAL701" s="613"/>
      <c r="GAM701" s="613"/>
      <c r="GAN701" s="613"/>
      <c r="GAO701" s="613"/>
      <c r="GAP701" s="613"/>
      <c r="GAQ701" s="613"/>
      <c r="GAR701" s="613"/>
      <c r="GAS701" s="613"/>
      <c r="GAT701" s="613"/>
      <c r="GAU701" s="613"/>
      <c r="GAV701" s="613"/>
      <c r="GAW701" s="613"/>
      <c r="GAX701" s="613"/>
      <c r="GAY701" s="613"/>
      <c r="GAZ701" s="613"/>
      <c r="GBA701" s="613"/>
      <c r="GBB701" s="613"/>
      <c r="GBC701" s="613"/>
      <c r="GBD701" s="613"/>
      <c r="GBE701" s="613"/>
      <c r="GBF701" s="613"/>
      <c r="GBG701" s="613"/>
      <c r="GBH701" s="613"/>
      <c r="GBI701" s="613"/>
      <c r="GBJ701" s="613"/>
      <c r="GBK701" s="613"/>
      <c r="GBL701" s="613"/>
      <c r="GBM701" s="613"/>
      <c r="GBN701" s="613"/>
      <c r="GBO701" s="613"/>
      <c r="GBP701" s="613"/>
      <c r="GBQ701" s="613"/>
      <c r="GBR701" s="613"/>
      <c r="GBS701" s="613"/>
      <c r="GBT701" s="613"/>
      <c r="GBU701" s="613"/>
      <c r="GBV701" s="613"/>
      <c r="GBW701" s="613"/>
      <c r="GBX701" s="613"/>
      <c r="GBY701" s="613"/>
      <c r="GBZ701" s="613"/>
      <c r="GCA701" s="613"/>
      <c r="GCB701" s="613"/>
      <c r="GCC701" s="613"/>
      <c r="GCD701" s="613"/>
      <c r="GCE701" s="613"/>
      <c r="GCF701" s="613"/>
      <c r="GCG701" s="613"/>
      <c r="GCH701" s="613"/>
      <c r="GCI701" s="613"/>
      <c r="GCJ701" s="613"/>
      <c r="GCK701" s="613"/>
      <c r="GCL701" s="613"/>
      <c r="GCM701" s="613"/>
      <c r="GCN701" s="613"/>
      <c r="GCO701" s="613"/>
      <c r="GCP701" s="613"/>
      <c r="GCQ701" s="613"/>
      <c r="GCR701" s="613"/>
      <c r="GCS701" s="613"/>
      <c r="GCT701" s="613"/>
      <c r="GCU701" s="613"/>
      <c r="GCV701" s="613"/>
      <c r="GCW701" s="613"/>
      <c r="GCX701" s="613"/>
      <c r="GCY701" s="613"/>
      <c r="GCZ701" s="613"/>
      <c r="GDA701" s="613"/>
      <c r="GDB701" s="613"/>
      <c r="GDC701" s="613"/>
      <c r="GDD701" s="613"/>
      <c r="GDE701" s="613"/>
      <c r="GDF701" s="613"/>
      <c r="GDG701" s="613"/>
      <c r="GDH701" s="613"/>
      <c r="GDI701" s="613"/>
      <c r="GDJ701" s="613"/>
      <c r="GDK701" s="613"/>
      <c r="GDL701" s="613"/>
      <c r="GDM701" s="613"/>
      <c r="GDN701" s="613"/>
      <c r="GDO701" s="613"/>
      <c r="GDP701" s="613"/>
      <c r="GDQ701" s="613"/>
      <c r="GDR701" s="613"/>
      <c r="GDS701" s="613"/>
      <c r="GDT701" s="613"/>
      <c r="GDU701" s="613"/>
      <c r="GDV701" s="613"/>
      <c r="GDW701" s="613"/>
      <c r="GDX701" s="613"/>
      <c r="GDY701" s="613"/>
      <c r="GDZ701" s="613"/>
      <c r="GEA701" s="613"/>
      <c r="GEB701" s="613"/>
      <c r="GEC701" s="613"/>
      <c r="GED701" s="613"/>
      <c r="GEE701" s="613"/>
      <c r="GEF701" s="613"/>
      <c r="GEG701" s="613"/>
      <c r="GEH701" s="613"/>
      <c r="GEI701" s="613"/>
      <c r="GEJ701" s="613"/>
      <c r="GEK701" s="613"/>
      <c r="GEL701" s="613"/>
      <c r="GEM701" s="613"/>
      <c r="GEN701" s="613"/>
      <c r="GEO701" s="613"/>
      <c r="GEP701" s="613"/>
      <c r="GEQ701" s="613"/>
      <c r="GER701" s="613"/>
      <c r="GES701" s="613"/>
      <c r="GET701" s="613"/>
      <c r="GEU701" s="613"/>
      <c r="GEV701" s="613"/>
      <c r="GEW701" s="613"/>
      <c r="GEX701" s="613"/>
      <c r="GEY701" s="613"/>
      <c r="GEZ701" s="613"/>
      <c r="GFA701" s="613"/>
      <c r="GFB701" s="613"/>
      <c r="GFC701" s="613"/>
      <c r="GFD701" s="613"/>
      <c r="GFE701" s="613"/>
      <c r="GFF701" s="613"/>
      <c r="GFG701" s="613"/>
      <c r="GFH701" s="613"/>
      <c r="GFI701" s="613"/>
      <c r="GFJ701" s="613"/>
      <c r="GFK701" s="613"/>
      <c r="GFL701" s="613"/>
      <c r="GFM701" s="613"/>
      <c r="GFN701" s="613"/>
      <c r="GFO701" s="613"/>
      <c r="GFP701" s="613"/>
      <c r="GFQ701" s="613"/>
      <c r="GFR701" s="613"/>
      <c r="GFS701" s="613"/>
      <c r="GFT701" s="613"/>
      <c r="GFU701" s="613"/>
      <c r="GFV701" s="613"/>
      <c r="GFW701" s="613"/>
      <c r="GFX701" s="613"/>
      <c r="GFY701" s="613"/>
      <c r="GFZ701" s="613"/>
      <c r="GGA701" s="613"/>
      <c r="GGB701" s="613"/>
      <c r="GGC701" s="613"/>
      <c r="GGD701" s="613"/>
      <c r="GGE701" s="613"/>
      <c r="GGF701" s="613"/>
      <c r="GGG701" s="613"/>
      <c r="GGH701" s="613"/>
      <c r="GGI701" s="613"/>
      <c r="GGJ701" s="613"/>
      <c r="GGK701" s="613"/>
      <c r="GGL701" s="613"/>
      <c r="GGM701" s="613"/>
      <c r="GGN701" s="613"/>
      <c r="GGO701" s="613"/>
      <c r="GGP701" s="613"/>
      <c r="GGQ701" s="613"/>
      <c r="GGR701" s="613"/>
      <c r="GGS701" s="613"/>
      <c r="GGT701" s="613"/>
      <c r="GGU701" s="613"/>
      <c r="GGV701" s="613"/>
      <c r="GGW701" s="613"/>
      <c r="GGX701" s="613"/>
      <c r="GGY701" s="613"/>
      <c r="GGZ701" s="613"/>
      <c r="GHA701" s="613"/>
      <c r="GHB701" s="613"/>
      <c r="GHC701" s="613"/>
      <c r="GHD701" s="613"/>
      <c r="GHE701" s="613"/>
      <c r="GHF701" s="613"/>
      <c r="GHG701" s="613"/>
      <c r="GHH701" s="613"/>
      <c r="GHI701" s="613"/>
      <c r="GHJ701" s="613"/>
      <c r="GHK701" s="613"/>
      <c r="GHL701" s="613"/>
      <c r="GHM701" s="613"/>
      <c r="GHN701" s="613"/>
      <c r="GHO701" s="613"/>
      <c r="GHP701" s="613"/>
      <c r="GHQ701" s="613"/>
      <c r="GHR701" s="613"/>
      <c r="GHS701" s="613"/>
      <c r="GHT701" s="613"/>
      <c r="GHU701" s="613"/>
      <c r="GHV701" s="613"/>
      <c r="GHW701" s="613"/>
      <c r="GHX701" s="613"/>
      <c r="GHY701" s="613"/>
      <c r="GHZ701" s="613"/>
      <c r="GIA701" s="613"/>
      <c r="GIB701" s="613"/>
      <c r="GIC701" s="613"/>
      <c r="GID701" s="613"/>
      <c r="GIE701" s="613"/>
      <c r="GIF701" s="613"/>
      <c r="GIG701" s="613"/>
      <c r="GIH701" s="613"/>
      <c r="GII701" s="613"/>
      <c r="GIJ701" s="613"/>
      <c r="GIK701" s="613"/>
      <c r="GIL701" s="613"/>
      <c r="GIM701" s="613"/>
      <c r="GIN701" s="613"/>
      <c r="GIO701" s="613"/>
      <c r="GIP701" s="613"/>
      <c r="GIQ701" s="613"/>
      <c r="GIR701" s="613"/>
      <c r="GIS701" s="613"/>
      <c r="GIT701" s="613"/>
      <c r="GIU701" s="613"/>
      <c r="GIV701" s="613"/>
      <c r="GIW701" s="613"/>
      <c r="GIX701" s="613"/>
      <c r="GIY701" s="613"/>
      <c r="GIZ701" s="613"/>
      <c r="GJA701" s="613"/>
      <c r="GJB701" s="613"/>
      <c r="GJC701" s="613"/>
      <c r="GJD701" s="613"/>
      <c r="GJE701" s="613"/>
      <c r="GJF701" s="613"/>
      <c r="GJG701" s="613"/>
      <c r="GJH701" s="613"/>
      <c r="GJI701" s="613"/>
      <c r="GJJ701" s="613"/>
      <c r="GJK701" s="613"/>
      <c r="GJL701" s="613"/>
      <c r="GJM701" s="613"/>
      <c r="GJN701" s="613"/>
      <c r="GJO701" s="613"/>
      <c r="GJP701" s="613"/>
      <c r="GJQ701" s="613"/>
      <c r="GJR701" s="613"/>
      <c r="GJS701" s="613"/>
      <c r="GJT701" s="613"/>
      <c r="GJU701" s="613"/>
      <c r="GJV701" s="613"/>
      <c r="GJW701" s="613"/>
      <c r="GJX701" s="613"/>
      <c r="GJY701" s="613"/>
      <c r="GJZ701" s="613"/>
      <c r="GKA701" s="613"/>
      <c r="GKB701" s="613"/>
      <c r="GKC701" s="613"/>
      <c r="GKD701" s="613"/>
      <c r="GKE701" s="613"/>
      <c r="GKF701" s="613"/>
      <c r="GKG701" s="613"/>
      <c r="GKH701" s="613"/>
      <c r="GKI701" s="613"/>
      <c r="GKJ701" s="613"/>
      <c r="GKK701" s="613"/>
      <c r="GKL701" s="613"/>
      <c r="GKM701" s="613"/>
      <c r="GKN701" s="613"/>
      <c r="GKO701" s="613"/>
      <c r="GKP701" s="613"/>
      <c r="GKQ701" s="613"/>
      <c r="GKR701" s="613"/>
      <c r="GKS701" s="613"/>
      <c r="GKT701" s="613"/>
      <c r="GKU701" s="613"/>
      <c r="GKV701" s="613"/>
      <c r="GKW701" s="613"/>
      <c r="GKX701" s="613"/>
      <c r="GKY701" s="613"/>
      <c r="GKZ701" s="613"/>
      <c r="GLA701" s="613"/>
      <c r="GLB701" s="613"/>
      <c r="GLC701" s="613"/>
      <c r="GLD701" s="613"/>
      <c r="GLE701" s="613"/>
      <c r="GLF701" s="613"/>
      <c r="GLG701" s="613"/>
      <c r="GLH701" s="613"/>
      <c r="GLI701" s="613"/>
      <c r="GLJ701" s="613"/>
      <c r="GLK701" s="613"/>
      <c r="GLL701" s="613"/>
      <c r="GLM701" s="613"/>
      <c r="GLN701" s="613"/>
      <c r="GLO701" s="613"/>
      <c r="GLP701" s="613"/>
      <c r="GLQ701" s="613"/>
      <c r="GLR701" s="613"/>
      <c r="GLS701" s="613"/>
      <c r="GLT701" s="613"/>
      <c r="GLU701" s="613"/>
      <c r="GLV701" s="613"/>
      <c r="GLW701" s="613"/>
      <c r="GLX701" s="613"/>
      <c r="GLY701" s="613"/>
      <c r="GLZ701" s="613"/>
      <c r="GMA701" s="613"/>
      <c r="GMB701" s="613"/>
      <c r="GMC701" s="613"/>
      <c r="GMD701" s="613"/>
      <c r="GME701" s="613"/>
      <c r="GMF701" s="613"/>
      <c r="GMG701" s="613"/>
      <c r="GMH701" s="613"/>
      <c r="GMI701" s="613"/>
      <c r="GMJ701" s="613"/>
      <c r="GMK701" s="613"/>
      <c r="GML701" s="613"/>
      <c r="GMM701" s="613"/>
      <c r="GMN701" s="613"/>
      <c r="GMO701" s="613"/>
      <c r="GMP701" s="613"/>
      <c r="GMQ701" s="613"/>
      <c r="GMR701" s="613"/>
      <c r="GMS701" s="613"/>
      <c r="GMT701" s="613"/>
      <c r="GMU701" s="613"/>
      <c r="GMV701" s="613"/>
      <c r="GMW701" s="613"/>
      <c r="GMX701" s="613"/>
      <c r="GMY701" s="613"/>
      <c r="GMZ701" s="613"/>
      <c r="GNA701" s="613"/>
      <c r="GNB701" s="613"/>
      <c r="GNC701" s="613"/>
      <c r="GND701" s="613"/>
      <c r="GNE701" s="613"/>
      <c r="GNF701" s="613"/>
      <c r="GNG701" s="613"/>
      <c r="GNH701" s="613"/>
      <c r="GNI701" s="613"/>
      <c r="GNJ701" s="613"/>
      <c r="GNK701" s="613"/>
      <c r="GNL701" s="613"/>
      <c r="GNM701" s="613"/>
      <c r="GNN701" s="613"/>
      <c r="GNO701" s="613"/>
      <c r="GNP701" s="613"/>
      <c r="GNQ701" s="613"/>
      <c r="GNR701" s="613"/>
      <c r="GNS701" s="613"/>
      <c r="GNT701" s="613"/>
      <c r="GNU701" s="613"/>
      <c r="GNV701" s="613"/>
      <c r="GNW701" s="613"/>
      <c r="GNX701" s="613"/>
      <c r="GNY701" s="613"/>
      <c r="GNZ701" s="613"/>
      <c r="GOA701" s="613"/>
      <c r="GOB701" s="613"/>
      <c r="GOC701" s="613"/>
      <c r="GOD701" s="613"/>
      <c r="GOE701" s="613"/>
      <c r="GOF701" s="613"/>
      <c r="GOG701" s="613"/>
      <c r="GOH701" s="613"/>
      <c r="GOI701" s="613"/>
      <c r="GOJ701" s="613"/>
      <c r="GOK701" s="613"/>
      <c r="GOL701" s="613"/>
      <c r="GOM701" s="613"/>
      <c r="GON701" s="613"/>
      <c r="GOO701" s="613"/>
      <c r="GOP701" s="613"/>
      <c r="GOQ701" s="613"/>
      <c r="GOR701" s="613"/>
      <c r="GOS701" s="613"/>
      <c r="GOT701" s="613"/>
      <c r="GOU701" s="613"/>
      <c r="GOV701" s="613"/>
      <c r="GOW701" s="613"/>
      <c r="GOX701" s="613"/>
      <c r="GOY701" s="613"/>
      <c r="GOZ701" s="613"/>
      <c r="GPA701" s="613"/>
      <c r="GPB701" s="613"/>
      <c r="GPC701" s="613"/>
      <c r="GPD701" s="613"/>
      <c r="GPE701" s="613"/>
      <c r="GPF701" s="613"/>
      <c r="GPG701" s="613"/>
      <c r="GPH701" s="613"/>
      <c r="GPI701" s="613"/>
      <c r="GPJ701" s="613"/>
      <c r="GPK701" s="613"/>
      <c r="GPL701" s="613"/>
      <c r="GPM701" s="613"/>
      <c r="GPN701" s="613"/>
      <c r="GPO701" s="613"/>
      <c r="GPP701" s="613"/>
      <c r="GPQ701" s="613"/>
      <c r="GPR701" s="613"/>
      <c r="GPS701" s="613"/>
      <c r="GPT701" s="613"/>
      <c r="GPU701" s="613"/>
      <c r="GPV701" s="613"/>
      <c r="GPW701" s="613"/>
      <c r="GPX701" s="613"/>
      <c r="GPY701" s="613"/>
      <c r="GPZ701" s="613"/>
      <c r="GQA701" s="613"/>
      <c r="GQB701" s="613"/>
      <c r="GQC701" s="613"/>
      <c r="GQD701" s="613"/>
      <c r="GQE701" s="613"/>
      <c r="GQF701" s="613"/>
      <c r="GQG701" s="613"/>
      <c r="GQH701" s="613"/>
      <c r="GQI701" s="613"/>
      <c r="GQJ701" s="613"/>
      <c r="GQK701" s="613"/>
      <c r="GQL701" s="613"/>
      <c r="GQM701" s="613"/>
      <c r="GQN701" s="613"/>
      <c r="GQO701" s="613"/>
      <c r="GQP701" s="613"/>
      <c r="GQQ701" s="613"/>
      <c r="GQR701" s="613"/>
      <c r="GQS701" s="613"/>
      <c r="GQT701" s="613"/>
      <c r="GQU701" s="613"/>
      <c r="GQV701" s="613"/>
      <c r="GQW701" s="613"/>
      <c r="GQX701" s="613"/>
      <c r="GQY701" s="613"/>
      <c r="GQZ701" s="613"/>
      <c r="GRA701" s="613"/>
      <c r="GRB701" s="613"/>
      <c r="GRC701" s="613"/>
      <c r="GRD701" s="613"/>
      <c r="GRE701" s="613"/>
      <c r="GRF701" s="613"/>
      <c r="GRG701" s="613"/>
      <c r="GRH701" s="613"/>
      <c r="GRI701" s="613"/>
      <c r="GRJ701" s="613"/>
      <c r="GRK701" s="613"/>
      <c r="GRL701" s="613"/>
      <c r="GRM701" s="613"/>
      <c r="GRN701" s="613"/>
      <c r="GRO701" s="613"/>
      <c r="GRP701" s="613"/>
      <c r="GRQ701" s="613"/>
      <c r="GRR701" s="613"/>
      <c r="GRS701" s="613"/>
      <c r="GRT701" s="613"/>
      <c r="GRU701" s="613"/>
      <c r="GRV701" s="613"/>
      <c r="GRW701" s="613"/>
      <c r="GRX701" s="613"/>
      <c r="GRY701" s="613"/>
      <c r="GRZ701" s="613"/>
      <c r="GSA701" s="613"/>
      <c r="GSB701" s="613"/>
      <c r="GSC701" s="613"/>
      <c r="GSD701" s="613"/>
      <c r="GSE701" s="613"/>
      <c r="GSF701" s="613"/>
      <c r="GSG701" s="613"/>
      <c r="GSH701" s="613"/>
      <c r="GSI701" s="613"/>
      <c r="GSJ701" s="613"/>
      <c r="GSK701" s="613"/>
      <c r="GSL701" s="613"/>
      <c r="GSM701" s="613"/>
      <c r="GSN701" s="613"/>
      <c r="GSO701" s="613"/>
      <c r="GSP701" s="613"/>
      <c r="GSQ701" s="613"/>
      <c r="GSR701" s="613"/>
      <c r="GSS701" s="613"/>
      <c r="GST701" s="613"/>
      <c r="GSU701" s="613"/>
      <c r="GSV701" s="613"/>
      <c r="GSW701" s="613"/>
      <c r="GSX701" s="613"/>
      <c r="GSY701" s="613"/>
      <c r="GSZ701" s="613"/>
      <c r="GTA701" s="613"/>
      <c r="GTB701" s="613"/>
      <c r="GTC701" s="613"/>
      <c r="GTD701" s="613"/>
      <c r="GTE701" s="613"/>
      <c r="GTF701" s="613"/>
      <c r="GTG701" s="613"/>
      <c r="GTH701" s="613"/>
      <c r="GTI701" s="613"/>
      <c r="GTJ701" s="613"/>
      <c r="GTK701" s="613"/>
      <c r="GTL701" s="613"/>
      <c r="GTM701" s="613"/>
      <c r="GTN701" s="613"/>
      <c r="GTO701" s="613"/>
      <c r="GTP701" s="613"/>
      <c r="GTQ701" s="613"/>
      <c r="GTR701" s="613"/>
      <c r="GTS701" s="613"/>
      <c r="GTT701" s="613"/>
      <c r="GTU701" s="613"/>
      <c r="GTV701" s="613"/>
      <c r="GTW701" s="613"/>
      <c r="GTX701" s="613"/>
      <c r="GTY701" s="613"/>
      <c r="GTZ701" s="613"/>
      <c r="GUA701" s="613"/>
      <c r="GUB701" s="613"/>
      <c r="GUC701" s="613"/>
      <c r="GUD701" s="613"/>
      <c r="GUE701" s="613"/>
      <c r="GUF701" s="613"/>
      <c r="GUG701" s="613"/>
      <c r="GUH701" s="613"/>
      <c r="GUI701" s="613"/>
      <c r="GUJ701" s="613"/>
      <c r="GUK701" s="613"/>
      <c r="GUL701" s="613"/>
      <c r="GUM701" s="613"/>
      <c r="GUN701" s="613"/>
      <c r="GUO701" s="613"/>
      <c r="GUP701" s="613"/>
      <c r="GUQ701" s="613"/>
      <c r="GUR701" s="613"/>
      <c r="GUS701" s="613"/>
      <c r="GUT701" s="613"/>
      <c r="GUU701" s="613"/>
      <c r="GUV701" s="613"/>
      <c r="GUW701" s="613"/>
      <c r="GUX701" s="613"/>
      <c r="GUY701" s="613"/>
      <c r="GUZ701" s="613"/>
      <c r="GVA701" s="613"/>
      <c r="GVB701" s="613"/>
      <c r="GVC701" s="613"/>
      <c r="GVD701" s="613"/>
      <c r="GVE701" s="613"/>
      <c r="GVF701" s="613"/>
      <c r="GVG701" s="613"/>
      <c r="GVH701" s="613"/>
      <c r="GVI701" s="613"/>
      <c r="GVJ701" s="613"/>
      <c r="GVK701" s="613"/>
      <c r="GVL701" s="613"/>
      <c r="GVM701" s="613"/>
      <c r="GVN701" s="613"/>
      <c r="GVO701" s="613"/>
      <c r="GVP701" s="613"/>
      <c r="GVQ701" s="613"/>
      <c r="GVR701" s="613"/>
      <c r="GVS701" s="613"/>
      <c r="GVT701" s="613"/>
      <c r="GVU701" s="613"/>
      <c r="GVV701" s="613"/>
      <c r="GVW701" s="613"/>
      <c r="GVX701" s="613"/>
      <c r="GVY701" s="613"/>
      <c r="GVZ701" s="613"/>
      <c r="GWA701" s="613"/>
      <c r="GWB701" s="613"/>
      <c r="GWC701" s="613"/>
      <c r="GWD701" s="613"/>
      <c r="GWE701" s="613"/>
      <c r="GWF701" s="613"/>
      <c r="GWG701" s="613"/>
      <c r="GWH701" s="613"/>
      <c r="GWI701" s="613"/>
      <c r="GWJ701" s="613"/>
      <c r="GWK701" s="613"/>
      <c r="GWL701" s="613"/>
      <c r="GWM701" s="613"/>
      <c r="GWN701" s="613"/>
      <c r="GWO701" s="613"/>
      <c r="GWP701" s="613"/>
      <c r="GWQ701" s="613"/>
      <c r="GWR701" s="613"/>
      <c r="GWS701" s="613"/>
      <c r="GWT701" s="613"/>
      <c r="GWU701" s="613"/>
      <c r="GWV701" s="613"/>
      <c r="GWW701" s="613"/>
      <c r="GWX701" s="613"/>
      <c r="GWY701" s="613"/>
      <c r="GWZ701" s="613"/>
      <c r="GXA701" s="613"/>
      <c r="GXB701" s="613"/>
      <c r="GXC701" s="613"/>
      <c r="GXD701" s="613"/>
      <c r="GXE701" s="613"/>
      <c r="GXF701" s="613"/>
      <c r="GXG701" s="613"/>
      <c r="GXH701" s="613"/>
      <c r="GXI701" s="613"/>
      <c r="GXJ701" s="613"/>
      <c r="GXK701" s="613"/>
      <c r="GXL701" s="613"/>
      <c r="GXM701" s="613"/>
      <c r="GXN701" s="613"/>
      <c r="GXO701" s="613"/>
      <c r="GXP701" s="613"/>
      <c r="GXQ701" s="613"/>
      <c r="GXR701" s="613"/>
      <c r="GXS701" s="613"/>
      <c r="GXT701" s="613"/>
      <c r="GXU701" s="613"/>
      <c r="GXV701" s="613"/>
      <c r="GXW701" s="613"/>
      <c r="GXX701" s="613"/>
      <c r="GXY701" s="613"/>
      <c r="GXZ701" s="613"/>
      <c r="GYA701" s="613"/>
      <c r="GYB701" s="613"/>
      <c r="GYC701" s="613"/>
      <c r="GYD701" s="613"/>
      <c r="GYE701" s="613"/>
      <c r="GYF701" s="613"/>
      <c r="GYG701" s="613"/>
      <c r="GYH701" s="613"/>
      <c r="GYI701" s="613"/>
      <c r="GYJ701" s="613"/>
      <c r="GYK701" s="613"/>
      <c r="GYL701" s="613"/>
      <c r="GYM701" s="613"/>
      <c r="GYN701" s="613"/>
      <c r="GYO701" s="613"/>
      <c r="GYP701" s="613"/>
      <c r="GYQ701" s="613"/>
      <c r="GYR701" s="613"/>
      <c r="GYS701" s="613"/>
      <c r="GYT701" s="613"/>
      <c r="GYU701" s="613"/>
      <c r="GYV701" s="613"/>
      <c r="GYW701" s="613"/>
      <c r="GYX701" s="613"/>
      <c r="GYY701" s="613"/>
      <c r="GYZ701" s="613"/>
      <c r="GZA701" s="613"/>
      <c r="GZB701" s="613"/>
      <c r="GZC701" s="613"/>
      <c r="GZD701" s="613"/>
      <c r="GZE701" s="613"/>
      <c r="GZF701" s="613"/>
      <c r="GZG701" s="613"/>
      <c r="GZH701" s="613"/>
      <c r="GZI701" s="613"/>
      <c r="GZJ701" s="613"/>
      <c r="GZK701" s="613"/>
      <c r="GZL701" s="613"/>
      <c r="GZM701" s="613"/>
      <c r="GZN701" s="613"/>
      <c r="GZO701" s="613"/>
      <c r="GZP701" s="613"/>
      <c r="GZQ701" s="613"/>
      <c r="GZR701" s="613"/>
      <c r="GZS701" s="613"/>
      <c r="GZT701" s="613"/>
      <c r="GZU701" s="613"/>
      <c r="GZV701" s="613"/>
      <c r="GZW701" s="613"/>
      <c r="GZX701" s="613"/>
      <c r="GZY701" s="613"/>
      <c r="GZZ701" s="613"/>
      <c r="HAA701" s="613"/>
      <c r="HAB701" s="613"/>
      <c r="HAC701" s="613"/>
      <c r="HAD701" s="613"/>
      <c r="HAE701" s="613"/>
      <c r="HAF701" s="613"/>
      <c r="HAG701" s="613"/>
      <c r="HAH701" s="613"/>
      <c r="HAI701" s="613"/>
      <c r="HAJ701" s="613"/>
      <c r="HAK701" s="613"/>
      <c r="HAL701" s="613"/>
      <c r="HAM701" s="613"/>
      <c r="HAN701" s="613"/>
      <c r="HAO701" s="613"/>
      <c r="HAP701" s="613"/>
      <c r="HAQ701" s="613"/>
      <c r="HAR701" s="613"/>
      <c r="HAS701" s="613"/>
      <c r="HAT701" s="613"/>
      <c r="HAU701" s="613"/>
      <c r="HAV701" s="613"/>
      <c r="HAW701" s="613"/>
      <c r="HAX701" s="613"/>
      <c r="HAY701" s="613"/>
      <c r="HAZ701" s="613"/>
      <c r="HBA701" s="613"/>
      <c r="HBB701" s="613"/>
      <c r="HBC701" s="613"/>
      <c r="HBD701" s="613"/>
      <c r="HBE701" s="613"/>
      <c r="HBF701" s="613"/>
      <c r="HBG701" s="613"/>
      <c r="HBH701" s="613"/>
      <c r="HBI701" s="613"/>
      <c r="HBJ701" s="613"/>
      <c r="HBK701" s="613"/>
      <c r="HBL701" s="613"/>
      <c r="HBM701" s="613"/>
      <c r="HBN701" s="613"/>
      <c r="HBO701" s="613"/>
      <c r="HBP701" s="613"/>
      <c r="HBQ701" s="613"/>
      <c r="HBR701" s="613"/>
      <c r="HBS701" s="613"/>
      <c r="HBT701" s="613"/>
      <c r="HBU701" s="613"/>
      <c r="HBV701" s="613"/>
      <c r="HBW701" s="613"/>
      <c r="HBX701" s="613"/>
      <c r="HBY701" s="613"/>
      <c r="HBZ701" s="613"/>
      <c r="HCA701" s="613"/>
      <c r="HCB701" s="613"/>
      <c r="HCC701" s="613"/>
      <c r="HCD701" s="613"/>
      <c r="HCE701" s="613"/>
      <c r="HCF701" s="613"/>
      <c r="HCG701" s="613"/>
      <c r="HCH701" s="613"/>
      <c r="HCI701" s="613"/>
      <c r="HCJ701" s="613"/>
      <c r="HCK701" s="613"/>
      <c r="HCL701" s="613"/>
      <c r="HCM701" s="613"/>
      <c r="HCN701" s="613"/>
      <c r="HCO701" s="613"/>
      <c r="HCP701" s="613"/>
      <c r="HCQ701" s="613"/>
      <c r="HCR701" s="613"/>
      <c r="HCS701" s="613"/>
      <c r="HCT701" s="613"/>
      <c r="HCU701" s="613"/>
      <c r="HCV701" s="613"/>
      <c r="HCW701" s="613"/>
      <c r="HCX701" s="613"/>
      <c r="HCY701" s="613"/>
      <c r="HCZ701" s="613"/>
      <c r="HDA701" s="613"/>
      <c r="HDB701" s="613"/>
      <c r="HDC701" s="613"/>
      <c r="HDD701" s="613"/>
      <c r="HDE701" s="613"/>
      <c r="HDF701" s="613"/>
      <c r="HDG701" s="613"/>
      <c r="HDH701" s="613"/>
      <c r="HDI701" s="613"/>
      <c r="HDJ701" s="613"/>
      <c r="HDK701" s="613"/>
      <c r="HDL701" s="613"/>
      <c r="HDM701" s="613"/>
      <c r="HDN701" s="613"/>
      <c r="HDO701" s="613"/>
      <c r="HDP701" s="613"/>
      <c r="HDQ701" s="613"/>
      <c r="HDR701" s="613"/>
      <c r="HDS701" s="613"/>
      <c r="HDT701" s="613"/>
      <c r="HDU701" s="613"/>
      <c r="HDV701" s="613"/>
      <c r="HDW701" s="613"/>
      <c r="HDX701" s="613"/>
      <c r="HDY701" s="613"/>
      <c r="HDZ701" s="613"/>
      <c r="HEA701" s="613"/>
      <c r="HEB701" s="613"/>
      <c r="HEC701" s="613"/>
      <c r="HED701" s="613"/>
      <c r="HEE701" s="613"/>
      <c r="HEF701" s="613"/>
      <c r="HEG701" s="613"/>
      <c r="HEH701" s="613"/>
      <c r="HEI701" s="613"/>
      <c r="HEJ701" s="613"/>
      <c r="HEK701" s="613"/>
      <c r="HEL701" s="613"/>
      <c r="HEM701" s="613"/>
      <c r="HEN701" s="613"/>
      <c r="HEO701" s="613"/>
      <c r="HEP701" s="613"/>
      <c r="HEQ701" s="613"/>
      <c r="HER701" s="613"/>
      <c r="HES701" s="613"/>
      <c r="HET701" s="613"/>
      <c r="HEU701" s="613"/>
      <c r="HEV701" s="613"/>
      <c r="HEW701" s="613"/>
      <c r="HEX701" s="613"/>
      <c r="HEY701" s="613"/>
      <c r="HEZ701" s="613"/>
      <c r="HFA701" s="613"/>
      <c r="HFB701" s="613"/>
      <c r="HFC701" s="613"/>
      <c r="HFD701" s="613"/>
      <c r="HFE701" s="613"/>
      <c r="HFF701" s="613"/>
      <c r="HFG701" s="613"/>
      <c r="HFH701" s="613"/>
      <c r="HFI701" s="613"/>
      <c r="HFJ701" s="613"/>
      <c r="HFK701" s="613"/>
      <c r="HFL701" s="613"/>
      <c r="HFM701" s="613"/>
      <c r="HFN701" s="613"/>
      <c r="HFO701" s="613"/>
      <c r="HFP701" s="613"/>
      <c r="HFQ701" s="613"/>
      <c r="HFR701" s="613"/>
      <c r="HFS701" s="613"/>
      <c r="HFT701" s="613"/>
      <c r="HFU701" s="613"/>
      <c r="HFV701" s="613"/>
      <c r="HFW701" s="613"/>
      <c r="HFX701" s="613"/>
      <c r="HFY701" s="613"/>
      <c r="HFZ701" s="613"/>
      <c r="HGA701" s="613"/>
      <c r="HGB701" s="613"/>
      <c r="HGC701" s="613"/>
      <c r="HGD701" s="613"/>
      <c r="HGE701" s="613"/>
      <c r="HGF701" s="613"/>
      <c r="HGG701" s="613"/>
      <c r="HGH701" s="613"/>
      <c r="HGI701" s="613"/>
      <c r="HGJ701" s="613"/>
      <c r="HGK701" s="613"/>
      <c r="HGL701" s="613"/>
      <c r="HGM701" s="613"/>
      <c r="HGN701" s="613"/>
      <c r="HGO701" s="613"/>
      <c r="HGP701" s="613"/>
      <c r="HGQ701" s="613"/>
      <c r="HGR701" s="613"/>
      <c r="HGS701" s="613"/>
      <c r="HGT701" s="613"/>
      <c r="HGU701" s="613"/>
      <c r="HGV701" s="613"/>
      <c r="HGW701" s="613"/>
      <c r="HGX701" s="613"/>
      <c r="HGY701" s="613"/>
      <c r="HGZ701" s="613"/>
      <c r="HHA701" s="613"/>
      <c r="HHB701" s="613"/>
      <c r="HHC701" s="613"/>
      <c r="HHD701" s="613"/>
      <c r="HHE701" s="613"/>
      <c r="HHF701" s="613"/>
      <c r="HHG701" s="613"/>
      <c r="HHH701" s="613"/>
      <c r="HHI701" s="613"/>
      <c r="HHJ701" s="613"/>
      <c r="HHK701" s="613"/>
      <c r="HHL701" s="613"/>
      <c r="HHM701" s="613"/>
      <c r="HHN701" s="613"/>
      <c r="HHO701" s="613"/>
      <c r="HHP701" s="613"/>
      <c r="HHQ701" s="613"/>
      <c r="HHR701" s="613"/>
      <c r="HHS701" s="613"/>
      <c r="HHT701" s="613"/>
      <c r="HHU701" s="613"/>
      <c r="HHV701" s="613"/>
      <c r="HHW701" s="613"/>
      <c r="HHX701" s="613"/>
      <c r="HHY701" s="613"/>
      <c r="HHZ701" s="613"/>
      <c r="HIA701" s="613"/>
      <c r="HIB701" s="613"/>
      <c r="HIC701" s="613"/>
      <c r="HID701" s="613"/>
      <c r="HIE701" s="613"/>
      <c r="HIF701" s="613"/>
      <c r="HIG701" s="613"/>
      <c r="HIH701" s="613"/>
      <c r="HII701" s="613"/>
      <c r="HIJ701" s="613"/>
      <c r="HIK701" s="613"/>
      <c r="HIL701" s="613"/>
      <c r="HIM701" s="613"/>
      <c r="HIN701" s="613"/>
      <c r="HIO701" s="613"/>
      <c r="HIP701" s="613"/>
      <c r="HIQ701" s="613"/>
      <c r="HIR701" s="613"/>
      <c r="HIS701" s="613"/>
      <c r="HIT701" s="613"/>
      <c r="HIU701" s="613"/>
      <c r="HIV701" s="613"/>
      <c r="HIW701" s="613"/>
      <c r="HIX701" s="613"/>
      <c r="HIY701" s="613"/>
      <c r="HIZ701" s="613"/>
      <c r="HJA701" s="613"/>
      <c r="HJB701" s="613"/>
      <c r="HJC701" s="613"/>
      <c r="HJD701" s="613"/>
      <c r="HJE701" s="613"/>
      <c r="HJF701" s="613"/>
      <c r="HJG701" s="613"/>
      <c r="HJH701" s="613"/>
      <c r="HJI701" s="613"/>
      <c r="HJJ701" s="613"/>
      <c r="HJK701" s="613"/>
      <c r="HJL701" s="613"/>
      <c r="HJM701" s="613"/>
      <c r="HJN701" s="613"/>
      <c r="HJO701" s="613"/>
      <c r="HJP701" s="613"/>
      <c r="HJQ701" s="613"/>
      <c r="HJR701" s="613"/>
      <c r="HJS701" s="613"/>
      <c r="HJT701" s="613"/>
      <c r="HJU701" s="613"/>
      <c r="HJV701" s="613"/>
      <c r="HJW701" s="613"/>
      <c r="HJX701" s="613"/>
      <c r="HJY701" s="613"/>
      <c r="HJZ701" s="613"/>
      <c r="HKA701" s="613"/>
      <c r="HKB701" s="613"/>
      <c r="HKC701" s="613"/>
      <c r="HKD701" s="613"/>
      <c r="HKE701" s="613"/>
      <c r="HKF701" s="613"/>
      <c r="HKG701" s="613"/>
      <c r="HKH701" s="613"/>
      <c r="HKI701" s="613"/>
      <c r="HKJ701" s="613"/>
      <c r="HKK701" s="613"/>
      <c r="HKL701" s="613"/>
      <c r="HKM701" s="613"/>
      <c r="HKN701" s="613"/>
      <c r="HKO701" s="613"/>
      <c r="HKP701" s="613"/>
      <c r="HKQ701" s="613"/>
      <c r="HKR701" s="613"/>
      <c r="HKS701" s="613"/>
      <c r="HKT701" s="613"/>
      <c r="HKU701" s="613"/>
      <c r="HKV701" s="613"/>
      <c r="HKW701" s="613"/>
      <c r="HKX701" s="613"/>
      <c r="HKY701" s="613"/>
      <c r="HKZ701" s="613"/>
      <c r="HLA701" s="613"/>
      <c r="HLB701" s="613"/>
      <c r="HLC701" s="613"/>
      <c r="HLD701" s="613"/>
      <c r="HLE701" s="613"/>
      <c r="HLF701" s="613"/>
      <c r="HLG701" s="613"/>
      <c r="HLH701" s="613"/>
      <c r="HLI701" s="613"/>
      <c r="HLJ701" s="613"/>
      <c r="HLK701" s="613"/>
      <c r="HLL701" s="613"/>
      <c r="HLM701" s="613"/>
      <c r="HLN701" s="613"/>
      <c r="HLO701" s="613"/>
      <c r="HLP701" s="613"/>
      <c r="HLQ701" s="613"/>
      <c r="HLR701" s="613"/>
      <c r="HLS701" s="613"/>
      <c r="HLT701" s="613"/>
      <c r="HLU701" s="613"/>
      <c r="HLV701" s="613"/>
      <c r="HLW701" s="613"/>
      <c r="HLX701" s="613"/>
      <c r="HLY701" s="613"/>
      <c r="HLZ701" s="613"/>
      <c r="HMA701" s="613"/>
      <c r="HMB701" s="613"/>
      <c r="HMC701" s="613"/>
      <c r="HMD701" s="613"/>
      <c r="HME701" s="613"/>
      <c r="HMF701" s="613"/>
      <c r="HMG701" s="613"/>
      <c r="HMH701" s="613"/>
      <c r="HMI701" s="613"/>
      <c r="HMJ701" s="613"/>
      <c r="HMK701" s="613"/>
      <c r="HML701" s="613"/>
      <c r="HMM701" s="613"/>
      <c r="HMN701" s="613"/>
      <c r="HMO701" s="613"/>
      <c r="HMP701" s="613"/>
      <c r="HMQ701" s="613"/>
      <c r="HMR701" s="613"/>
      <c r="HMS701" s="613"/>
      <c r="HMT701" s="613"/>
      <c r="HMU701" s="613"/>
      <c r="HMV701" s="613"/>
      <c r="HMW701" s="613"/>
      <c r="HMX701" s="613"/>
      <c r="HMY701" s="613"/>
      <c r="HMZ701" s="613"/>
      <c r="HNA701" s="613"/>
      <c r="HNB701" s="613"/>
      <c r="HNC701" s="613"/>
      <c r="HND701" s="613"/>
      <c r="HNE701" s="613"/>
      <c r="HNF701" s="613"/>
      <c r="HNG701" s="613"/>
      <c r="HNH701" s="613"/>
      <c r="HNI701" s="613"/>
      <c r="HNJ701" s="613"/>
      <c r="HNK701" s="613"/>
      <c r="HNL701" s="613"/>
      <c r="HNM701" s="613"/>
      <c r="HNN701" s="613"/>
      <c r="HNO701" s="613"/>
      <c r="HNP701" s="613"/>
      <c r="HNQ701" s="613"/>
      <c r="HNR701" s="613"/>
      <c r="HNS701" s="613"/>
      <c r="HNT701" s="613"/>
      <c r="HNU701" s="613"/>
      <c r="HNV701" s="613"/>
      <c r="HNW701" s="613"/>
      <c r="HNX701" s="613"/>
      <c r="HNY701" s="613"/>
      <c r="HNZ701" s="613"/>
      <c r="HOA701" s="613"/>
      <c r="HOB701" s="613"/>
      <c r="HOC701" s="613"/>
      <c r="HOD701" s="613"/>
      <c r="HOE701" s="613"/>
      <c r="HOF701" s="613"/>
      <c r="HOG701" s="613"/>
      <c r="HOH701" s="613"/>
      <c r="HOI701" s="613"/>
      <c r="HOJ701" s="613"/>
      <c r="HOK701" s="613"/>
      <c r="HOL701" s="613"/>
      <c r="HOM701" s="613"/>
      <c r="HON701" s="613"/>
      <c r="HOO701" s="613"/>
      <c r="HOP701" s="613"/>
      <c r="HOQ701" s="613"/>
      <c r="HOR701" s="613"/>
      <c r="HOS701" s="613"/>
      <c r="HOT701" s="613"/>
      <c r="HOU701" s="613"/>
      <c r="HOV701" s="613"/>
      <c r="HOW701" s="613"/>
      <c r="HOX701" s="613"/>
      <c r="HOY701" s="613"/>
      <c r="HOZ701" s="613"/>
      <c r="HPA701" s="613"/>
      <c r="HPB701" s="613"/>
      <c r="HPC701" s="613"/>
      <c r="HPD701" s="613"/>
      <c r="HPE701" s="613"/>
      <c r="HPF701" s="613"/>
      <c r="HPG701" s="613"/>
      <c r="HPH701" s="613"/>
      <c r="HPI701" s="613"/>
      <c r="HPJ701" s="613"/>
      <c r="HPK701" s="613"/>
      <c r="HPL701" s="613"/>
      <c r="HPM701" s="613"/>
      <c r="HPN701" s="613"/>
      <c r="HPO701" s="613"/>
      <c r="HPP701" s="613"/>
      <c r="HPQ701" s="613"/>
      <c r="HPR701" s="613"/>
      <c r="HPS701" s="613"/>
      <c r="HPT701" s="613"/>
      <c r="HPU701" s="613"/>
      <c r="HPV701" s="613"/>
      <c r="HPW701" s="613"/>
      <c r="HPX701" s="613"/>
      <c r="HPY701" s="613"/>
      <c r="HPZ701" s="613"/>
      <c r="HQA701" s="613"/>
      <c r="HQB701" s="613"/>
      <c r="HQC701" s="613"/>
      <c r="HQD701" s="613"/>
      <c r="HQE701" s="613"/>
      <c r="HQF701" s="613"/>
      <c r="HQG701" s="613"/>
      <c r="HQH701" s="613"/>
      <c r="HQI701" s="613"/>
      <c r="HQJ701" s="613"/>
      <c r="HQK701" s="613"/>
      <c r="HQL701" s="613"/>
      <c r="HQM701" s="613"/>
      <c r="HQN701" s="613"/>
      <c r="HQO701" s="613"/>
      <c r="HQP701" s="613"/>
      <c r="HQQ701" s="613"/>
      <c r="HQR701" s="613"/>
      <c r="HQS701" s="613"/>
      <c r="HQT701" s="613"/>
      <c r="HQU701" s="613"/>
      <c r="HQV701" s="613"/>
      <c r="HQW701" s="613"/>
      <c r="HQX701" s="613"/>
      <c r="HQY701" s="613"/>
      <c r="HQZ701" s="613"/>
      <c r="HRA701" s="613"/>
      <c r="HRB701" s="613"/>
      <c r="HRC701" s="613"/>
      <c r="HRD701" s="613"/>
      <c r="HRE701" s="613"/>
      <c r="HRF701" s="613"/>
      <c r="HRG701" s="613"/>
      <c r="HRH701" s="613"/>
      <c r="HRI701" s="613"/>
      <c r="HRJ701" s="613"/>
      <c r="HRK701" s="613"/>
      <c r="HRL701" s="613"/>
      <c r="HRM701" s="613"/>
      <c r="HRN701" s="613"/>
      <c r="HRO701" s="613"/>
      <c r="HRP701" s="613"/>
      <c r="HRQ701" s="613"/>
      <c r="HRR701" s="613"/>
      <c r="HRS701" s="613"/>
      <c r="HRT701" s="613"/>
      <c r="HRU701" s="613"/>
      <c r="HRV701" s="613"/>
      <c r="HRW701" s="613"/>
      <c r="HRX701" s="613"/>
      <c r="HRY701" s="613"/>
      <c r="HRZ701" s="613"/>
      <c r="HSA701" s="613"/>
      <c r="HSB701" s="613"/>
      <c r="HSC701" s="613"/>
      <c r="HSD701" s="613"/>
      <c r="HSE701" s="613"/>
      <c r="HSF701" s="613"/>
      <c r="HSG701" s="613"/>
      <c r="HSH701" s="613"/>
      <c r="HSI701" s="613"/>
      <c r="HSJ701" s="613"/>
      <c r="HSK701" s="613"/>
      <c r="HSL701" s="613"/>
      <c r="HSM701" s="613"/>
      <c r="HSN701" s="613"/>
      <c r="HSO701" s="613"/>
      <c r="HSP701" s="613"/>
      <c r="HSQ701" s="613"/>
      <c r="HSR701" s="613"/>
      <c r="HSS701" s="613"/>
      <c r="HST701" s="613"/>
      <c r="HSU701" s="613"/>
      <c r="HSV701" s="613"/>
      <c r="HSW701" s="613"/>
      <c r="HSX701" s="613"/>
      <c r="HSY701" s="613"/>
      <c r="HSZ701" s="613"/>
      <c r="HTA701" s="613"/>
      <c r="HTB701" s="613"/>
      <c r="HTC701" s="613"/>
      <c r="HTD701" s="613"/>
      <c r="HTE701" s="613"/>
      <c r="HTF701" s="613"/>
      <c r="HTG701" s="613"/>
      <c r="HTH701" s="613"/>
      <c r="HTI701" s="613"/>
      <c r="HTJ701" s="613"/>
      <c r="HTK701" s="613"/>
      <c r="HTL701" s="613"/>
      <c r="HTM701" s="613"/>
      <c r="HTN701" s="613"/>
      <c r="HTO701" s="613"/>
      <c r="HTP701" s="613"/>
      <c r="HTQ701" s="613"/>
      <c r="HTR701" s="613"/>
      <c r="HTS701" s="613"/>
      <c r="HTT701" s="613"/>
      <c r="HTU701" s="613"/>
      <c r="HTV701" s="613"/>
      <c r="HTW701" s="613"/>
      <c r="HTX701" s="613"/>
      <c r="HTY701" s="613"/>
      <c r="HTZ701" s="613"/>
      <c r="HUA701" s="613"/>
      <c r="HUB701" s="613"/>
      <c r="HUC701" s="613"/>
      <c r="HUD701" s="613"/>
      <c r="HUE701" s="613"/>
      <c r="HUF701" s="613"/>
      <c r="HUG701" s="613"/>
      <c r="HUH701" s="613"/>
      <c r="HUI701" s="613"/>
      <c r="HUJ701" s="613"/>
      <c r="HUK701" s="613"/>
      <c r="HUL701" s="613"/>
      <c r="HUM701" s="613"/>
      <c r="HUN701" s="613"/>
      <c r="HUO701" s="613"/>
      <c r="HUP701" s="613"/>
      <c r="HUQ701" s="613"/>
      <c r="HUR701" s="613"/>
      <c r="HUS701" s="613"/>
      <c r="HUT701" s="613"/>
      <c r="HUU701" s="613"/>
      <c r="HUV701" s="613"/>
      <c r="HUW701" s="613"/>
      <c r="HUX701" s="613"/>
      <c r="HUY701" s="613"/>
      <c r="HUZ701" s="613"/>
      <c r="HVA701" s="613"/>
      <c r="HVB701" s="613"/>
      <c r="HVC701" s="613"/>
      <c r="HVD701" s="613"/>
      <c r="HVE701" s="613"/>
      <c r="HVF701" s="613"/>
      <c r="HVG701" s="613"/>
      <c r="HVH701" s="613"/>
      <c r="HVI701" s="613"/>
      <c r="HVJ701" s="613"/>
      <c r="HVK701" s="613"/>
      <c r="HVL701" s="613"/>
      <c r="HVM701" s="613"/>
      <c r="HVN701" s="613"/>
      <c r="HVO701" s="613"/>
      <c r="HVP701" s="613"/>
      <c r="HVQ701" s="613"/>
      <c r="HVR701" s="613"/>
      <c r="HVS701" s="613"/>
      <c r="HVT701" s="613"/>
      <c r="HVU701" s="613"/>
      <c r="HVV701" s="613"/>
      <c r="HVW701" s="613"/>
      <c r="HVX701" s="613"/>
      <c r="HVY701" s="613"/>
      <c r="HVZ701" s="613"/>
      <c r="HWA701" s="613"/>
      <c r="HWB701" s="613"/>
      <c r="HWC701" s="613"/>
      <c r="HWD701" s="613"/>
      <c r="HWE701" s="613"/>
      <c r="HWF701" s="613"/>
      <c r="HWG701" s="613"/>
      <c r="HWH701" s="613"/>
      <c r="HWI701" s="613"/>
      <c r="HWJ701" s="613"/>
      <c r="HWK701" s="613"/>
      <c r="HWL701" s="613"/>
      <c r="HWM701" s="613"/>
      <c r="HWN701" s="613"/>
      <c r="HWO701" s="613"/>
      <c r="HWP701" s="613"/>
      <c r="HWQ701" s="613"/>
      <c r="HWR701" s="613"/>
      <c r="HWS701" s="613"/>
      <c r="HWT701" s="613"/>
      <c r="HWU701" s="613"/>
      <c r="HWV701" s="613"/>
      <c r="HWW701" s="613"/>
      <c r="HWX701" s="613"/>
      <c r="HWY701" s="613"/>
      <c r="HWZ701" s="613"/>
      <c r="HXA701" s="613"/>
      <c r="HXB701" s="613"/>
      <c r="HXC701" s="613"/>
      <c r="HXD701" s="613"/>
      <c r="HXE701" s="613"/>
      <c r="HXF701" s="613"/>
      <c r="HXG701" s="613"/>
      <c r="HXH701" s="613"/>
      <c r="HXI701" s="613"/>
      <c r="HXJ701" s="613"/>
      <c r="HXK701" s="613"/>
      <c r="HXL701" s="613"/>
      <c r="HXM701" s="613"/>
      <c r="HXN701" s="613"/>
      <c r="HXO701" s="613"/>
      <c r="HXP701" s="613"/>
      <c r="HXQ701" s="613"/>
      <c r="HXR701" s="613"/>
      <c r="HXS701" s="613"/>
      <c r="HXT701" s="613"/>
      <c r="HXU701" s="613"/>
      <c r="HXV701" s="613"/>
      <c r="HXW701" s="613"/>
      <c r="HXX701" s="613"/>
      <c r="HXY701" s="613"/>
      <c r="HXZ701" s="613"/>
      <c r="HYA701" s="613"/>
      <c r="HYB701" s="613"/>
      <c r="HYC701" s="613"/>
      <c r="HYD701" s="613"/>
      <c r="HYE701" s="613"/>
      <c r="HYF701" s="613"/>
      <c r="HYG701" s="613"/>
      <c r="HYH701" s="613"/>
      <c r="HYI701" s="613"/>
      <c r="HYJ701" s="613"/>
      <c r="HYK701" s="613"/>
      <c r="HYL701" s="613"/>
      <c r="HYM701" s="613"/>
      <c r="HYN701" s="613"/>
      <c r="HYO701" s="613"/>
      <c r="HYP701" s="613"/>
      <c r="HYQ701" s="613"/>
      <c r="HYR701" s="613"/>
      <c r="HYS701" s="613"/>
      <c r="HYT701" s="613"/>
      <c r="HYU701" s="613"/>
      <c r="HYV701" s="613"/>
      <c r="HYW701" s="613"/>
      <c r="HYX701" s="613"/>
      <c r="HYY701" s="613"/>
      <c r="HYZ701" s="613"/>
      <c r="HZA701" s="613"/>
      <c r="HZB701" s="613"/>
      <c r="HZC701" s="613"/>
      <c r="HZD701" s="613"/>
      <c r="HZE701" s="613"/>
      <c r="HZF701" s="613"/>
      <c r="HZG701" s="613"/>
      <c r="HZH701" s="613"/>
      <c r="HZI701" s="613"/>
      <c r="HZJ701" s="613"/>
      <c r="HZK701" s="613"/>
      <c r="HZL701" s="613"/>
      <c r="HZM701" s="613"/>
      <c r="HZN701" s="613"/>
      <c r="HZO701" s="613"/>
      <c r="HZP701" s="613"/>
      <c r="HZQ701" s="613"/>
      <c r="HZR701" s="613"/>
      <c r="HZS701" s="613"/>
      <c r="HZT701" s="613"/>
      <c r="HZU701" s="613"/>
      <c r="HZV701" s="613"/>
      <c r="HZW701" s="613"/>
      <c r="HZX701" s="613"/>
      <c r="HZY701" s="613"/>
      <c r="HZZ701" s="613"/>
      <c r="IAA701" s="613"/>
      <c r="IAB701" s="613"/>
      <c r="IAC701" s="613"/>
      <c r="IAD701" s="613"/>
      <c r="IAE701" s="613"/>
      <c r="IAF701" s="613"/>
      <c r="IAG701" s="613"/>
      <c r="IAH701" s="613"/>
      <c r="IAI701" s="613"/>
      <c r="IAJ701" s="613"/>
      <c r="IAK701" s="613"/>
      <c r="IAL701" s="613"/>
      <c r="IAM701" s="613"/>
      <c r="IAN701" s="613"/>
      <c r="IAO701" s="613"/>
      <c r="IAP701" s="613"/>
      <c r="IAQ701" s="613"/>
      <c r="IAR701" s="613"/>
      <c r="IAS701" s="613"/>
      <c r="IAT701" s="613"/>
      <c r="IAU701" s="613"/>
      <c r="IAV701" s="613"/>
      <c r="IAW701" s="613"/>
      <c r="IAX701" s="613"/>
      <c r="IAY701" s="613"/>
      <c r="IAZ701" s="613"/>
      <c r="IBA701" s="613"/>
      <c r="IBB701" s="613"/>
      <c r="IBC701" s="613"/>
      <c r="IBD701" s="613"/>
      <c r="IBE701" s="613"/>
      <c r="IBF701" s="613"/>
      <c r="IBG701" s="613"/>
      <c r="IBH701" s="613"/>
      <c r="IBI701" s="613"/>
      <c r="IBJ701" s="613"/>
      <c r="IBK701" s="613"/>
      <c r="IBL701" s="613"/>
      <c r="IBM701" s="613"/>
      <c r="IBN701" s="613"/>
      <c r="IBO701" s="613"/>
      <c r="IBP701" s="613"/>
      <c r="IBQ701" s="613"/>
      <c r="IBR701" s="613"/>
      <c r="IBS701" s="613"/>
      <c r="IBT701" s="613"/>
      <c r="IBU701" s="613"/>
      <c r="IBV701" s="613"/>
      <c r="IBW701" s="613"/>
      <c r="IBX701" s="613"/>
      <c r="IBY701" s="613"/>
      <c r="IBZ701" s="613"/>
      <c r="ICA701" s="613"/>
      <c r="ICB701" s="613"/>
      <c r="ICC701" s="613"/>
      <c r="ICD701" s="613"/>
      <c r="ICE701" s="613"/>
      <c r="ICF701" s="613"/>
      <c r="ICG701" s="613"/>
      <c r="ICH701" s="613"/>
      <c r="ICI701" s="613"/>
      <c r="ICJ701" s="613"/>
      <c r="ICK701" s="613"/>
      <c r="ICL701" s="613"/>
      <c r="ICM701" s="613"/>
      <c r="ICN701" s="613"/>
      <c r="ICO701" s="613"/>
      <c r="ICP701" s="613"/>
      <c r="ICQ701" s="613"/>
      <c r="ICR701" s="613"/>
      <c r="ICS701" s="613"/>
      <c r="ICT701" s="613"/>
      <c r="ICU701" s="613"/>
      <c r="ICV701" s="613"/>
      <c r="ICW701" s="613"/>
      <c r="ICX701" s="613"/>
      <c r="ICY701" s="613"/>
      <c r="ICZ701" s="613"/>
      <c r="IDA701" s="613"/>
      <c r="IDB701" s="613"/>
      <c r="IDC701" s="613"/>
      <c r="IDD701" s="613"/>
      <c r="IDE701" s="613"/>
      <c r="IDF701" s="613"/>
      <c r="IDG701" s="613"/>
      <c r="IDH701" s="613"/>
      <c r="IDI701" s="613"/>
      <c r="IDJ701" s="613"/>
      <c r="IDK701" s="613"/>
      <c r="IDL701" s="613"/>
      <c r="IDM701" s="613"/>
      <c r="IDN701" s="613"/>
      <c r="IDO701" s="613"/>
      <c r="IDP701" s="613"/>
      <c r="IDQ701" s="613"/>
      <c r="IDR701" s="613"/>
      <c r="IDS701" s="613"/>
      <c r="IDT701" s="613"/>
      <c r="IDU701" s="613"/>
      <c r="IDV701" s="613"/>
      <c r="IDW701" s="613"/>
      <c r="IDX701" s="613"/>
      <c r="IDY701" s="613"/>
      <c r="IDZ701" s="613"/>
      <c r="IEA701" s="613"/>
      <c r="IEB701" s="613"/>
      <c r="IEC701" s="613"/>
      <c r="IED701" s="613"/>
      <c r="IEE701" s="613"/>
      <c r="IEF701" s="613"/>
      <c r="IEG701" s="613"/>
      <c r="IEH701" s="613"/>
      <c r="IEI701" s="613"/>
      <c r="IEJ701" s="613"/>
      <c r="IEK701" s="613"/>
      <c r="IEL701" s="613"/>
      <c r="IEM701" s="613"/>
      <c r="IEN701" s="613"/>
      <c r="IEO701" s="613"/>
      <c r="IEP701" s="613"/>
      <c r="IEQ701" s="613"/>
      <c r="IER701" s="613"/>
      <c r="IES701" s="613"/>
      <c r="IET701" s="613"/>
      <c r="IEU701" s="613"/>
      <c r="IEV701" s="613"/>
      <c r="IEW701" s="613"/>
      <c r="IEX701" s="613"/>
      <c r="IEY701" s="613"/>
      <c r="IEZ701" s="613"/>
      <c r="IFA701" s="613"/>
      <c r="IFB701" s="613"/>
      <c r="IFC701" s="613"/>
      <c r="IFD701" s="613"/>
      <c r="IFE701" s="613"/>
      <c r="IFF701" s="613"/>
      <c r="IFG701" s="613"/>
      <c r="IFH701" s="613"/>
      <c r="IFI701" s="613"/>
      <c r="IFJ701" s="613"/>
      <c r="IFK701" s="613"/>
      <c r="IFL701" s="613"/>
      <c r="IFM701" s="613"/>
      <c r="IFN701" s="613"/>
      <c r="IFO701" s="613"/>
      <c r="IFP701" s="613"/>
      <c r="IFQ701" s="613"/>
      <c r="IFR701" s="613"/>
      <c r="IFS701" s="613"/>
      <c r="IFT701" s="613"/>
      <c r="IFU701" s="613"/>
      <c r="IFV701" s="613"/>
      <c r="IFW701" s="613"/>
      <c r="IFX701" s="613"/>
      <c r="IFY701" s="613"/>
      <c r="IFZ701" s="613"/>
      <c r="IGA701" s="613"/>
      <c r="IGB701" s="613"/>
      <c r="IGC701" s="613"/>
      <c r="IGD701" s="613"/>
      <c r="IGE701" s="613"/>
      <c r="IGF701" s="613"/>
      <c r="IGG701" s="613"/>
      <c r="IGH701" s="613"/>
      <c r="IGI701" s="613"/>
      <c r="IGJ701" s="613"/>
      <c r="IGK701" s="613"/>
      <c r="IGL701" s="613"/>
      <c r="IGM701" s="613"/>
      <c r="IGN701" s="613"/>
      <c r="IGO701" s="613"/>
      <c r="IGP701" s="613"/>
      <c r="IGQ701" s="613"/>
      <c r="IGR701" s="613"/>
      <c r="IGS701" s="613"/>
      <c r="IGT701" s="613"/>
      <c r="IGU701" s="613"/>
      <c r="IGV701" s="613"/>
      <c r="IGW701" s="613"/>
      <c r="IGX701" s="613"/>
      <c r="IGY701" s="613"/>
      <c r="IGZ701" s="613"/>
      <c r="IHA701" s="613"/>
      <c r="IHB701" s="613"/>
      <c r="IHC701" s="613"/>
      <c r="IHD701" s="613"/>
      <c r="IHE701" s="613"/>
      <c r="IHF701" s="613"/>
      <c r="IHG701" s="613"/>
      <c r="IHH701" s="613"/>
      <c r="IHI701" s="613"/>
      <c r="IHJ701" s="613"/>
      <c r="IHK701" s="613"/>
      <c r="IHL701" s="613"/>
      <c r="IHM701" s="613"/>
      <c r="IHN701" s="613"/>
      <c r="IHO701" s="613"/>
      <c r="IHP701" s="613"/>
      <c r="IHQ701" s="613"/>
      <c r="IHR701" s="613"/>
      <c r="IHS701" s="613"/>
      <c r="IHT701" s="613"/>
      <c r="IHU701" s="613"/>
      <c r="IHV701" s="613"/>
      <c r="IHW701" s="613"/>
      <c r="IHX701" s="613"/>
      <c r="IHY701" s="613"/>
      <c r="IHZ701" s="613"/>
      <c r="IIA701" s="613"/>
      <c r="IIB701" s="613"/>
      <c r="IIC701" s="613"/>
      <c r="IID701" s="613"/>
      <c r="IIE701" s="613"/>
      <c r="IIF701" s="613"/>
      <c r="IIG701" s="613"/>
      <c r="IIH701" s="613"/>
      <c r="III701" s="613"/>
      <c r="IIJ701" s="613"/>
      <c r="IIK701" s="613"/>
      <c r="IIL701" s="613"/>
      <c r="IIM701" s="613"/>
      <c r="IIN701" s="613"/>
      <c r="IIO701" s="613"/>
      <c r="IIP701" s="613"/>
      <c r="IIQ701" s="613"/>
      <c r="IIR701" s="613"/>
      <c r="IIS701" s="613"/>
      <c r="IIT701" s="613"/>
      <c r="IIU701" s="613"/>
      <c r="IIV701" s="613"/>
      <c r="IIW701" s="613"/>
      <c r="IIX701" s="613"/>
      <c r="IIY701" s="613"/>
      <c r="IIZ701" s="613"/>
      <c r="IJA701" s="613"/>
      <c r="IJB701" s="613"/>
      <c r="IJC701" s="613"/>
      <c r="IJD701" s="613"/>
      <c r="IJE701" s="613"/>
      <c r="IJF701" s="613"/>
      <c r="IJG701" s="613"/>
      <c r="IJH701" s="613"/>
      <c r="IJI701" s="613"/>
      <c r="IJJ701" s="613"/>
      <c r="IJK701" s="613"/>
      <c r="IJL701" s="613"/>
      <c r="IJM701" s="613"/>
      <c r="IJN701" s="613"/>
      <c r="IJO701" s="613"/>
      <c r="IJP701" s="613"/>
      <c r="IJQ701" s="613"/>
      <c r="IJR701" s="613"/>
      <c r="IJS701" s="613"/>
      <c r="IJT701" s="613"/>
      <c r="IJU701" s="613"/>
      <c r="IJV701" s="613"/>
      <c r="IJW701" s="613"/>
      <c r="IJX701" s="613"/>
      <c r="IJY701" s="613"/>
      <c r="IJZ701" s="613"/>
      <c r="IKA701" s="613"/>
      <c r="IKB701" s="613"/>
      <c r="IKC701" s="613"/>
      <c r="IKD701" s="613"/>
      <c r="IKE701" s="613"/>
      <c r="IKF701" s="613"/>
      <c r="IKG701" s="613"/>
      <c r="IKH701" s="613"/>
      <c r="IKI701" s="613"/>
      <c r="IKJ701" s="613"/>
      <c r="IKK701" s="613"/>
      <c r="IKL701" s="613"/>
      <c r="IKM701" s="613"/>
      <c r="IKN701" s="613"/>
      <c r="IKO701" s="613"/>
      <c r="IKP701" s="613"/>
      <c r="IKQ701" s="613"/>
      <c r="IKR701" s="613"/>
      <c r="IKS701" s="613"/>
      <c r="IKT701" s="613"/>
      <c r="IKU701" s="613"/>
      <c r="IKV701" s="613"/>
      <c r="IKW701" s="613"/>
      <c r="IKX701" s="613"/>
      <c r="IKY701" s="613"/>
      <c r="IKZ701" s="613"/>
      <c r="ILA701" s="613"/>
      <c r="ILB701" s="613"/>
      <c r="ILC701" s="613"/>
      <c r="ILD701" s="613"/>
      <c r="ILE701" s="613"/>
      <c r="ILF701" s="613"/>
      <c r="ILG701" s="613"/>
      <c r="ILH701" s="613"/>
      <c r="ILI701" s="613"/>
      <c r="ILJ701" s="613"/>
      <c r="ILK701" s="613"/>
      <c r="ILL701" s="613"/>
      <c r="ILM701" s="613"/>
      <c r="ILN701" s="613"/>
      <c r="ILO701" s="613"/>
      <c r="ILP701" s="613"/>
      <c r="ILQ701" s="613"/>
      <c r="ILR701" s="613"/>
      <c r="ILS701" s="613"/>
      <c r="ILT701" s="613"/>
      <c r="ILU701" s="613"/>
      <c r="ILV701" s="613"/>
      <c r="ILW701" s="613"/>
      <c r="ILX701" s="613"/>
      <c r="ILY701" s="613"/>
      <c r="ILZ701" s="613"/>
      <c r="IMA701" s="613"/>
      <c r="IMB701" s="613"/>
      <c r="IMC701" s="613"/>
      <c r="IMD701" s="613"/>
      <c r="IME701" s="613"/>
      <c r="IMF701" s="613"/>
      <c r="IMG701" s="613"/>
      <c r="IMH701" s="613"/>
      <c r="IMI701" s="613"/>
      <c r="IMJ701" s="613"/>
      <c r="IMK701" s="613"/>
      <c r="IML701" s="613"/>
      <c r="IMM701" s="613"/>
      <c r="IMN701" s="613"/>
      <c r="IMO701" s="613"/>
      <c r="IMP701" s="613"/>
      <c r="IMQ701" s="613"/>
      <c r="IMR701" s="613"/>
      <c r="IMS701" s="613"/>
      <c r="IMT701" s="613"/>
      <c r="IMU701" s="613"/>
      <c r="IMV701" s="613"/>
      <c r="IMW701" s="613"/>
      <c r="IMX701" s="613"/>
      <c r="IMY701" s="613"/>
      <c r="IMZ701" s="613"/>
      <c r="INA701" s="613"/>
      <c r="INB701" s="613"/>
      <c r="INC701" s="613"/>
      <c r="IND701" s="613"/>
      <c r="INE701" s="613"/>
      <c r="INF701" s="613"/>
      <c r="ING701" s="613"/>
      <c r="INH701" s="613"/>
      <c r="INI701" s="613"/>
      <c r="INJ701" s="613"/>
      <c r="INK701" s="613"/>
      <c r="INL701" s="613"/>
      <c r="INM701" s="613"/>
      <c r="INN701" s="613"/>
      <c r="INO701" s="613"/>
      <c r="INP701" s="613"/>
      <c r="INQ701" s="613"/>
      <c r="INR701" s="613"/>
      <c r="INS701" s="613"/>
      <c r="INT701" s="613"/>
      <c r="INU701" s="613"/>
      <c r="INV701" s="613"/>
      <c r="INW701" s="613"/>
      <c r="INX701" s="613"/>
      <c r="INY701" s="613"/>
      <c r="INZ701" s="613"/>
      <c r="IOA701" s="613"/>
      <c r="IOB701" s="613"/>
      <c r="IOC701" s="613"/>
      <c r="IOD701" s="613"/>
      <c r="IOE701" s="613"/>
      <c r="IOF701" s="613"/>
      <c r="IOG701" s="613"/>
      <c r="IOH701" s="613"/>
      <c r="IOI701" s="613"/>
      <c r="IOJ701" s="613"/>
      <c r="IOK701" s="613"/>
      <c r="IOL701" s="613"/>
      <c r="IOM701" s="613"/>
      <c r="ION701" s="613"/>
      <c r="IOO701" s="613"/>
      <c r="IOP701" s="613"/>
      <c r="IOQ701" s="613"/>
      <c r="IOR701" s="613"/>
      <c r="IOS701" s="613"/>
      <c r="IOT701" s="613"/>
      <c r="IOU701" s="613"/>
      <c r="IOV701" s="613"/>
      <c r="IOW701" s="613"/>
      <c r="IOX701" s="613"/>
      <c r="IOY701" s="613"/>
      <c r="IOZ701" s="613"/>
      <c r="IPA701" s="613"/>
      <c r="IPB701" s="613"/>
      <c r="IPC701" s="613"/>
      <c r="IPD701" s="613"/>
      <c r="IPE701" s="613"/>
      <c r="IPF701" s="613"/>
      <c r="IPG701" s="613"/>
      <c r="IPH701" s="613"/>
      <c r="IPI701" s="613"/>
      <c r="IPJ701" s="613"/>
      <c r="IPK701" s="613"/>
      <c r="IPL701" s="613"/>
      <c r="IPM701" s="613"/>
      <c r="IPN701" s="613"/>
      <c r="IPO701" s="613"/>
      <c r="IPP701" s="613"/>
      <c r="IPQ701" s="613"/>
      <c r="IPR701" s="613"/>
      <c r="IPS701" s="613"/>
      <c r="IPT701" s="613"/>
      <c r="IPU701" s="613"/>
      <c r="IPV701" s="613"/>
      <c r="IPW701" s="613"/>
      <c r="IPX701" s="613"/>
      <c r="IPY701" s="613"/>
      <c r="IPZ701" s="613"/>
      <c r="IQA701" s="613"/>
      <c r="IQB701" s="613"/>
      <c r="IQC701" s="613"/>
      <c r="IQD701" s="613"/>
      <c r="IQE701" s="613"/>
      <c r="IQF701" s="613"/>
      <c r="IQG701" s="613"/>
      <c r="IQH701" s="613"/>
      <c r="IQI701" s="613"/>
      <c r="IQJ701" s="613"/>
      <c r="IQK701" s="613"/>
      <c r="IQL701" s="613"/>
      <c r="IQM701" s="613"/>
      <c r="IQN701" s="613"/>
      <c r="IQO701" s="613"/>
      <c r="IQP701" s="613"/>
      <c r="IQQ701" s="613"/>
      <c r="IQR701" s="613"/>
      <c r="IQS701" s="613"/>
      <c r="IQT701" s="613"/>
      <c r="IQU701" s="613"/>
      <c r="IQV701" s="613"/>
      <c r="IQW701" s="613"/>
      <c r="IQX701" s="613"/>
      <c r="IQY701" s="613"/>
      <c r="IQZ701" s="613"/>
      <c r="IRA701" s="613"/>
      <c r="IRB701" s="613"/>
      <c r="IRC701" s="613"/>
      <c r="IRD701" s="613"/>
      <c r="IRE701" s="613"/>
      <c r="IRF701" s="613"/>
      <c r="IRG701" s="613"/>
      <c r="IRH701" s="613"/>
      <c r="IRI701" s="613"/>
      <c r="IRJ701" s="613"/>
      <c r="IRK701" s="613"/>
      <c r="IRL701" s="613"/>
      <c r="IRM701" s="613"/>
      <c r="IRN701" s="613"/>
      <c r="IRO701" s="613"/>
      <c r="IRP701" s="613"/>
      <c r="IRQ701" s="613"/>
      <c r="IRR701" s="613"/>
      <c r="IRS701" s="613"/>
      <c r="IRT701" s="613"/>
      <c r="IRU701" s="613"/>
      <c r="IRV701" s="613"/>
      <c r="IRW701" s="613"/>
      <c r="IRX701" s="613"/>
      <c r="IRY701" s="613"/>
      <c r="IRZ701" s="613"/>
      <c r="ISA701" s="613"/>
      <c r="ISB701" s="613"/>
      <c r="ISC701" s="613"/>
      <c r="ISD701" s="613"/>
      <c r="ISE701" s="613"/>
      <c r="ISF701" s="613"/>
      <c r="ISG701" s="613"/>
      <c r="ISH701" s="613"/>
      <c r="ISI701" s="613"/>
      <c r="ISJ701" s="613"/>
      <c r="ISK701" s="613"/>
      <c r="ISL701" s="613"/>
      <c r="ISM701" s="613"/>
      <c r="ISN701" s="613"/>
      <c r="ISO701" s="613"/>
      <c r="ISP701" s="613"/>
      <c r="ISQ701" s="613"/>
      <c r="ISR701" s="613"/>
      <c r="ISS701" s="613"/>
      <c r="IST701" s="613"/>
      <c r="ISU701" s="613"/>
      <c r="ISV701" s="613"/>
      <c r="ISW701" s="613"/>
      <c r="ISX701" s="613"/>
      <c r="ISY701" s="613"/>
      <c r="ISZ701" s="613"/>
      <c r="ITA701" s="613"/>
      <c r="ITB701" s="613"/>
      <c r="ITC701" s="613"/>
      <c r="ITD701" s="613"/>
      <c r="ITE701" s="613"/>
      <c r="ITF701" s="613"/>
      <c r="ITG701" s="613"/>
      <c r="ITH701" s="613"/>
      <c r="ITI701" s="613"/>
      <c r="ITJ701" s="613"/>
      <c r="ITK701" s="613"/>
      <c r="ITL701" s="613"/>
      <c r="ITM701" s="613"/>
      <c r="ITN701" s="613"/>
      <c r="ITO701" s="613"/>
      <c r="ITP701" s="613"/>
      <c r="ITQ701" s="613"/>
      <c r="ITR701" s="613"/>
      <c r="ITS701" s="613"/>
      <c r="ITT701" s="613"/>
      <c r="ITU701" s="613"/>
      <c r="ITV701" s="613"/>
      <c r="ITW701" s="613"/>
      <c r="ITX701" s="613"/>
      <c r="ITY701" s="613"/>
      <c r="ITZ701" s="613"/>
      <c r="IUA701" s="613"/>
      <c r="IUB701" s="613"/>
      <c r="IUC701" s="613"/>
      <c r="IUD701" s="613"/>
      <c r="IUE701" s="613"/>
      <c r="IUF701" s="613"/>
      <c r="IUG701" s="613"/>
      <c r="IUH701" s="613"/>
      <c r="IUI701" s="613"/>
      <c r="IUJ701" s="613"/>
      <c r="IUK701" s="613"/>
      <c r="IUL701" s="613"/>
      <c r="IUM701" s="613"/>
      <c r="IUN701" s="613"/>
      <c r="IUO701" s="613"/>
      <c r="IUP701" s="613"/>
      <c r="IUQ701" s="613"/>
      <c r="IUR701" s="613"/>
      <c r="IUS701" s="613"/>
      <c r="IUT701" s="613"/>
      <c r="IUU701" s="613"/>
      <c r="IUV701" s="613"/>
      <c r="IUW701" s="613"/>
      <c r="IUX701" s="613"/>
      <c r="IUY701" s="613"/>
      <c r="IUZ701" s="613"/>
      <c r="IVA701" s="613"/>
      <c r="IVB701" s="613"/>
      <c r="IVC701" s="613"/>
      <c r="IVD701" s="613"/>
      <c r="IVE701" s="613"/>
      <c r="IVF701" s="613"/>
      <c r="IVG701" s="613"/>
      <c r="IVH701" s="613"/>
      <c r="IVI701" s="613"/>
      <c r="IVJ701" s="613"/>
      <c r="IVK701" s="613"/>
      <c r="IVL701" s="613"/>
      <c r="IVM701" s="613"/>
      <c r="IVN701" s="613"/>
      <c r="IVO701" s="613"/>
      <c r="IVP701" s="613"/>
      <c r="IVQ701" s="613"/>
      <c r="IVR701" s="613"/>
      <c r="IVS701" s="613"/>
      <c r="IVT701" s="613"/>
      <c r="IVU701" s="613"/>
      <c r="IVV701" s="613"/>
      <c r="IVW701" s="613"/>
      <c r="IVX701" s="613"/>
      <c r="IVY701" s="613"/>
      <c r="IVZ701" s="613"/>
      <c r="IWA701" s="613"/>
      <c r="IWB701" s="613"/>
      <c r="IWC701" s="613"/>
      <c r="IWD701" s="613"/>
      <c r="IWE701" s="613"/>
      <c r="IWF701" s="613"/>
      <c r="IWG701" s="613"/>
      <c r="IWH701" s="613"/>
      <c r="IWI701" s="613"/>
      <c r="IWJ701" s="613"/>
      <c r="IWK701" s="613"/>
      <c r="IWL701" s="613"/>
      <c r="IWM701" s="613"/>
      <c r="IWN701" s="613"/>
      <c r="IWO701" s="613"/>
      <c r="IWP701" s="613"/>
      <c r="IWQ701" s="613"/>
      <c r="IWR701" s="613"/>
      <c r="IWS701" s="613"/>
      <c r="IWT701" s="613"/>
      <c r="IWU701" s="613"/>
      <c r="IWV701" s="613"/>
      <c r="IWW701" s="613"/>
      <c r="IWX701" s="613"/>
      <c r="IWY701" s="613"/>
      <c r="IWZ701" s="613"/>
      <c r="IXA701" s="613"/>
      <c r="IXB701" s="613"/>
      <c r="IXC701" s="613"/>
      <c r="IXD701" s="613"/>
      <c r="IXE701" s="613"/>
      <c r="IXF701" s="613"/>
      <c r="IXG701" s="613"/>
      <c r="IXH701" s="613"/>
      <c r="IXI701" s="613"/>
      <c r="IXJ701" s="613"/>
      <c r="IXK701" s="613"/>
      <c r="IXL701" s="613"/>
      <c r="IXM701" s="613"/>
      <c r="IXN701" s="613"/>
      <c r="IXO701" s="613"/>
      <c r="IXP701" s="613"/>
      <c r="IXQ701" s="613"/>
      <c r="IXR701" s="613"/>
      <c r="IXS701" s="613"/>
      <c r="IXT701" s="613"/>
      <c r="IXU701" s="613"/>
      <c r="IXV701" s="613"/>
      <c r="IXW701" s="613"/>
      <c r="IXX701" s="613"/>
      <c r="IXY701" s="613"/>
      <c r="IXZ701" s="613"/>
      <c r="IYA701" s="613"/>
      <c r="IYB701" s="613"/>
      <c r="IYC701" s="613"/>
      <c r="IYD701" s="613"/>
      <c r="IYE701" s="613"/>
      <c r="IYF701" s="613"/>
      <c r="IYG701" s="613"/>
      <c r="IYH701" s="613"/>
      <c r="IYI701" s="613"/>
      <c r="IYJ701" s="613"/>
      <c r="IYK701" s="613"/>
      <c r="IYL701" s="613"/>
      <c r="IYM701" s="613"/>
      <c r="IYN701" s="613"/>
      <c r="IYO701" s="613"/>
      <c r="IYP701" s="613"/>
      <c r="IYQ701" s="613"/>
      <c r="IYR701" s="613"/>
      <c r="IYS701" s="613"/>
      <c r="IYT701" s="613"/>
      <c r="IYU701" s="613"/>
      <c r="IYV701" s="613"/>
      <c r="IYW701" s="613"/>
      <c r="IYX701" s="613"/>
      <c r="IYY701" s="613"/>
      <c r="IYZ701" s="613"/>
      <c r="IZA701" s="613"/>
      <c r="IZB701" s="613"/>
      <c r="IZC701" s="613"/>
      <c r="IZD701" s="613"/>
      <c r="IZE701" s="613"/>
      <c r="IZF701" s="613"/>
      <c r="IZG701" s="613"/>
      <c r="IZH701" s="613"/>
      <c r="IZI701" s="613"/>
      <c r="IZJ701" s="613"/>
      <c r="IZK701" s="613"/>
      <c r="IZL701" s="613"/>
      <c r="IZM701" s="613"/>
      <c r="IZN701" s="613"/>
      <c r="IZO701" s="613"/>
      <c r="IZP701" s="613"/>
      <c r="IZQ701" s="613"/>
      <c r="IZR701" s="613"/>
      <c r="IZS701" s="613"/>
      <c r="IZT701" s="613"/>
      <c r="IZU701" s="613"/>
      <c r="IZV701" s="613"/>
      <c r="IZW701" s="613"/>
      <c r="IZX701" s="613"/>
      <c r="IZY701" s="613"/>
      <c r="IZZ701" s="613"/>
      <c r="JAA701" s="613"/>
      <c r="JAB701" s="613"/>
      <c r="JAC701" s="613"/>
      <c r="JAD701" s="613"/>
      <c r="JAE701" s="613"/>
      <c r="JAF701" s="613"/>
      <c r="JAG701" s="613"/>
      <c r="JAH701" s="613"/>
      <c r="JAI701" s="613"/>
      <c r="JAJ701" s="613"/>
      <c r="JAK701" s="613"/>
      <c r="JAL701" s="613"/>
      <c r="JAM701" s="613"/>
      <c r="JAN701" s="613"/>
      <c r="JAO701" s="613"/>
      <c r="JAP701" s="613"/>
      <c r="JAQ701" s="613"/>
      <c r="JAR701" s="613"/>
      <c r="JAS701" s="613"/>
      <c r="JAT701" s="613"/>
      <c r="JAU701" s="613"/>
      <c r="JAV701" s="613"/>
      <c r="JAW701" s="613"/>
      <c r="JAX701" s="613"/>
      <c r="JAY701" s="613"/>
      <c r="JAZ701" s="613"/>
      <c r="JBA701" s="613"/>
      <c r="JBB701" s="613"/>
      <c r="JBC701" s="613"/>
      <c r="JBD701" s="613"/>
      <c r="JBE701" s="613"/>
      <c r="JBF701" s="613"/>
      <c r="JBG701" s="613"/>
      <c r="JBH701" s="613"/>
      <c r="JBI701" s="613"/>
      <c r="JBJ701" s="613"/>
      <c r="JBK701" s="613"/>
      <c r="JBL701" s="613"/>
      <c r="JBM701" s="613"/>
      <c r="JBN701" s="613"/>
      <c r="JBO701" s="613"/>
      <c r="JBP701" s="613"/>
      <c r="JBQ701" s="613"/>
      <c r="JBR701" s="613"/>
      <c r="JBS701" s="613"/>
      <c r="JBT701" s="613"/>
      <c r="JBU701" s="613"/>
      <c r="JBV701" s="613"/>
      <c r="JBW701" s="613"/>
      <c r="JBX701" s="613"/>
      <c r="JBY701" s="613"/>
      <c r="JBZ701" s="613"/>
      <c r="JCA701" s="613"/>
      <c r="JCB701" s="613"/>
      <c r="JCC701" s="613"/>
      <c r="JCD701" s="613"/>
      <c r="JCE701" s="613"/>
      <c r="JCF701" s="613"/>
      <c r="JCG701" s="613"/>
      <c r="JCH701" s="613"/>
      <c r="JCI701" s="613"/>
      <c r="JCJ701" s="613"/>
      <c r="JCK701" s="613"/>
      <c r="JCL701" s="613"/>
      <c r="JCM701" s="613"/>
      <c r="JCN701" s="613"/>
      <c r="JCO701" s="613"/>
      <c r="JCP701" s="613"/>
      <c r="JCQ701" s="613"/>
      <c r="JCR701" s="613"/>
      <c r="JCS701" s="613"/>
      <c r="JCT701" s="613"/>
      <c r="JCU701" s="613"/>
      <c r="JCV701" s="613"/>
      <c r="JCW701" s="613"/>
      <c r="JCX701" s="613"/>
      <c r="JCY701" s="613"/>
      <c r="JCZ701" s="613"/>
      <c r="JDA701" s="613"/>
      <c r="JDB701" s="613"/>
      <c r="JDC701" s="613"/>
      <c r="JDD701" s="613"/>
      <c r="JDE701" s="613"/>
      <c r="JDF701" s="613"/>
      <c r="JDG701" s="613"/>
      <c r="JDH701" s="613"/>
      <c r="JDI701" s="613"/>
      <c r="JDJ701" s="613"/>
      <c r="JDK701" s="613"/>
      <c r="JDL701" s="613"/>
      <c r="JDM701" s="613"/>
      <c r="JDN701" s="613"/>
      <c r="JDO701" s="613"/>
      <c r="JDP701" s="613"/>
      <c r="JDQ701" s="613"/>
      <c r="JDR701" s="613"/>
      <c r="JDS701" s="613"/>
      <c r="JDT701" s="613"/>
      <c r="JDU701" s="613"/>
      <c r="JDV701" s="613"/>
      <c r="JDW701" s="613"/>
      <c r="JDX701" s="613"/>
      <c r="JDY701" s="613"/>
      <c r="JDZ701" s="613"/>
      <c r="JEA701" s="613"/>
      <c r="JEB701" s="613"/>
      <c r="JEC701" s="613"/>
      <c r="JED701" s="613"/>
      <c r="JEE701" s="613"/>
      <c r="JEF701" s="613"/>
      <c r="JEG701" s="613"/>
      <c r="JEH701" s="613"/>
      <c r="JEI701" s="613"/>
      <c r="JEJ701" s="613"/>
      <c r="JEK701" s="613"/>
      <c r="JEL701" s="613"/>
      <c r="JEM701" s="613"/>
      <c r="JEN701" s="613"/>
      <c r="JEO701" s="613"/>
      <c r="JEP701" s="613"/>
      <c r="JEQ701" s="613"/>
      <c r="JER701" s="613"/>
      <c r="JES701" s="613"/>
      <c r="JET701" s="613"/>
      <c r="JEU701" s="613"/>
      <c r="JEV701" s="613"/>
      <c r="JEW701" s="613"/>
      <c r="JEX701" s="613"/>
      <c r="JEY701" s="613"/>
      <c r="JEZ701" s="613"/>
      <c r="JFA701" s="613"/>
      <c r="JFB701" s="613"/>
      <c r="JFC701" s="613"/>
      <c r="JFD701" s="613"/>
      <c r="JFE701" s="613"/>
      <c r="JFF701" s="613"/>
      <c r="JFG701" s="613"/>
      <c r="JFH701" s="613"/>
      <c r="JFI701" s="613"/>
      <c r="JFJ701" s="613"/>
      <c r="JFK701" s="613"/>
      <c r="JFL701" s="613"/>
      <c r="JFM701" s="613"/>
      <c r="JFN701" s="613"/>
      <c r="JFO701" s="613"/>
      <c r="JFP701" s="613"/>
      <c r="JFQ701" s="613"/>
      <c r="JFR701" s="613"/>
      <c r="JFS701" s="613"/>
      <c r="JFT701" s="613"/>
      <c r="JFU701" s="613"/>
      <c r="JFV701" s="613"/>
      <c r="JFW701" s="613"/>
      <c r="JFX701" s="613"/>
      <c r="JFY701" s="613"/>
      <c r="JFZ701" s="613"/>
      <c r="JGA701" s="613"/>
      <c r="JGB701" s="613"/>
      <c r="JGC701" s="613"/>
      <c r="JGD701" s="613"/>
      <c r="JGE701" s="613"/>
      <c r="JGF701" s="613"/>
      <c r="JGG701" s="613"/>
      <c r="JGH701" s="613"/>
      <c r="JGI701" s="613"/>
      <c r="JGJ701" s="613"/>
      <c r="JGK701" s="613"/>
      <c r="JGL701" s="613"/>
      <c r="JGM701" s="613"/>
      <c r="JGN701" s="613"/>
      <c r="JGO701" s="613"/>
      <c r="JGP701" s="613"/>
      <c r="JGQ701" s="613"/>
      <c r="JGR701" s="613"/>
      <c r="JGS701" s="613"/>
      <c r="JGT701" s="613"/>
      <c r="JGU701" s="613"/>
      <c r="JGV701" s="613"/>
      <c r="JGW701" s="613"/>
      <c r="JGX701" s="613"/>
      <c r="JGY701" s="613"/>
      <c r="JGZ701" s="613"/>
      <c r="JHA701" s="613"/>
      <c r="JHB701" s="613"/>
      <c r="JHC701" s="613"/>
      <c r="JHD701" s="613"/>
      <c r="JHE701" s="613"/>
      <c r="JHF701" s="613"/>
      <c r="JHG701" s="613"/>
      <c r="JHH701" s="613"/>
      <c r="JHI701" s="613"/>
      <c r="JHJ701" s="613"/>
      <c r="JHK701" s="613"/>
      <c r="JHL701" s="613"/>
      <c r="JHM701" s="613"/>
      <c r="JHN701" s="613"/>
      <c r="JHO701" s="613"/>
      <c r="JHP701" s="613"/>
      <c r="JHQ701" s="613"/>
      <c r="JHR701" s="613"/>
      <c r="JHS701" s="613"/>
      <c r="JHT701" s="613"/>
      <c r="JHU701" s="613"/>
      <c r="JHV701" s="613"/>
      <c r="JHW701" s="613"/>
      <c r="JHX701" s="613"/>
      <c r="JHY701" s="613"/>
      <c r="JHZ701" s="613"/>
      <c r="JIA701" s="613"/>
      <c r="JIB701" s="613"/>
      <c r="JIC701" s="613"/>
      <c r="JID701" s="613"/>
      <c r="JIE701" s="613"/>
      <c r="JIF701" s="613"/>
      <c r="JIG701" s="613"/>
      <c r="JIH701" s="613"/>
      <c r="JII701" s="613"/>
      <c r="JIJ701" s="613"/>
      <c r="JIK701" s="613"/>
      <c r="JIL701" s="613"/>
      <c r="JIM701" s="613"/>
      <c r="JIN701" s="613"/>
      <c r="JIO701" s="613"/>
      <c r="JIP701" s="613"/>
      <c r="JIQ701" s="613"/>
      <c r="JIR701" s="613"/>
      <c r="JIS701" s="613"/>
      <c r="JIT701" s="613"/>
      <c r="JIU701" s="613"/>
      <c r="JIV701" s="613"/>
      <c r="JIW701" s="613"/>
      <c r="JIX701" s="613"/>
      <c r="JIY701" s="613"/>
      <c r="JIZ701" s="613"/>
      <c r="JJA701" s="613"/>
      <c r="JJB701" s="613"/>
      <c r="JJC701" s="613"/>
      <c r="JJD701" s="613"/>
      <c r="JJE701" s="613"/>
      <c r="JJF701" s="613"/>
      <c r="JJG701" s="613"/>
      <c r="JJH701" s="613"/>
      <c r="JJI701" s="613"/>
      <c r="JJJ701" s="613"/>
      <c r="JJK701" s="613"/>
      <c r="JJL701" s="613"/>
      <c r="JJM701" s="613"/>
      <c r="JJN701" s="613"/>
      <c r="JJO701" s="613"/>
      <c r="JJP701" s="613"/>
      <c r="JJQ701" s="613"/>
      <c r="JJR701" s="613"/>
      <c r="JJS701" s="613"/>
      <c r="JJT701" s="613"/>
      <c r="JJU701" s="613"/>
      <c r="JJV701" s="613"/>
      <c r="JJW701" s="613"/>
      <c r="JJX701" s="613"/>
      <c r="JJY701" s="613"/>
      <c r="JJZ701" s="613"/>
      <c r="JKA701" s="613"/>
      <c r="JKB701" s="613"/>
      <c r="JKC701" s="613"/>
      <c r="JKD701" s="613"/>
      <c r="JKE701" s="613"/>
      <c r="JKF701" s="613"/>
      <c r="JKG701" s="613"/>
      <c r="JKH701" s="613"/>
      <c r="JKI701" s="613"/>
      <c r="JKJ701" s="613"/>
      <c r="JKK701" s="613"/>
      <c r="JKL701" s="613"/>
      <c r="JKM701" s="613"/>
      <c r="JKN701" s="613"/>
      <c r="JKO701" s="613"/>
      <c r="JKP701" s="613"/>
      <c r="JKQ701" s="613"/>
      <c r="JKR701" s="613"/>
      <c r="JKS701" s="613"/>
      <c r="JKT701" s="613"/>
      <c r="JKU701" s="613"/>
      <c r="JKV701" s="613"/>
      <c r="JKW701" s="613"/>
      <c r="JKX701" s="613"/>
      <c r="JKY701" s="613"/>
      <c r="JKZ701" s="613"/>
      <c r="JLA701" s="613"/>
      <c r="JLB701" s="613"/>
      <c r="JLC701" s="613"/>
      <c r="JLD701" s="613"/>
      <c r="JLE701" s="613"/>
      <c r="JLF701" s="613"/>
      <c r="JLG701" s="613"/>
      <c r="JLH701" s="613"/>
      <c r="JLI701" s="613"/>
      <c r="JLJ701" s="613"/>
      <c r="JLK701" s="613"/>
      <c r="JLL701" s="613"/>
      <c r="JLM701" s="613"/>
      <c r="JLN701" s="613"/>
      <c r="JLO701" s="613"/>
      <c r="JLP701" s="613"/>
      <c r="JLQ701" s="613"/>
      <c r="JLR701" s="613"/>
      <c r="JLS701" s="613"/>
      <c r="JLT701" s="613"/>
      <c r="JLU701" s="613"/>
      <c r="JLV701" s="613"/>
      <c r="JLW701" s="613"/>
      <c r="JLX701" s="613"/>
      <c r="JLY701" s="613"/>
      <c r="JLZ701" s="613"/>
      <c r="JMA701" s="613"/>
      <c r="JMB701" s="613"/>
      <c r="JMC701" s="613"/>
      <c r="JMD701" s="613"/>
      <c r="JME701" s="613"/>
      <c r="JMF701" s="613"/>
      <c r="JMG701" s="613"/>
      <c r="JMH701" s="613"/>
      <c r="JMI701" s="613"/>
      <c r="JMJ701" s="613"/>
      <c r="JMK701" s="613"/>
      <c r="JML701" s="613"/>
      <c r="JMM701" s="613"/>
      <c r="JMN701" s="613"/>
      <c r="JMO701" s="613"/>
      <c r="JMP701" s="613"/>
      <c r="JMQ701" s="613"/>
      <c r="JMR701" s="613"/>
      <c r="JMS701" s="613"/>
      <c r="JMT701" s="613"/>
      <c r="JMU701" s="613"/>
      <c r="JMV701" s="613"/>
      <c r="JMW701" s="613"/>
      <c r="JMX701" s="613"/>
      <c r="JMY701" s="613"/>
      <c r="JMZ701" s="613"/>
      <c r="JNA701" s="613"/>
      <c r="JNB701" s="613"/>
      <c r="JNC701" s="613"/>
      <c r="JND701" s="613"/>
      <c r="JNE701" s="613"/>
      <c r="JNF701" s="613"/>
      <c r="JNG701" s="613"/>
      <c r="JNH701" s="613"/>
      <c r="JNI701" s="613"/>
      <c r="JNJ701" s="613"/>
      <c r="JNK701" s="613"/>
      <c r="JNL701" s="613"/>
      <c r="JNM701" s="613"/>
      <c r="JNN701" s="613"/>
      <c r="JNO701" s="613"/>
      <c r="JNP701" s="613"/>
      <c r="JNQ701" s="613"/>
      <c r="JNR701" s="613"/>
      <c r="JNS701" s="613"/>
      <c r="JNT701" s="613"/>
      <c r="JNU701" s="613"/>
      <c r="JNV701" s="613"/>
      <c r="JNW701" s="613"/>
      <c r="JNX701" s="613"/>
      <c r="JNY701" s="613"/>
      <c r="JNZ701" s="613"/>
      <c r="JOA701" s="613"/>
      <c r="JOB701" s="613"/>
      <c r="JOC701" s="613"/>
      <c r="JOD701" s="613"/>
      <c r="JOE701" s="613"/>
      <c r="JOF701" s="613"/>
      <c r="JOG701" s="613"/>
      <c r="JOH701" s="613"/>
      <c r="JOI701" s="613"/>
      <c r="JOJ701" s="613"/>
      <c r="JOK701" s="613"/>
      <c r="JOL701" s="613"/>
      <c r="JOM701" s="613"/>
      <c r="JON701" s="613"/>
      <c r="JOO701" s="613"/>
      <c r="JOP701" s="613"/>
      <c r="JOQ701" s="613"/>
      <c r="JOR701" s="613"/>
      <c r="JOS701" s="613"/>
      <c r="JOT701" s="613"/>
      <c r="JOU701" s="613"/>
      <c r="JOV701" s="613"/>
      <c r="JOW701" s="613"/>
      <c r="JOX701" s="613"/>
      <c r="JOY701" s="613"/>
      <c r="JOZ701" s="613"/>
      <c r="JPA701" s="613"/>
      <c r="JPB701" s="613"/>
      <c r="JPC701" s="613"/>
      <c r="JPD701" s="613"/>
      <c r="JPE701" s="613"/>
      <c r="JPF701" s="613"/>
      <c r="JPG701" s="613"/>
      <c r="JPH701" s="613"/>
      <c r="JPI701" s="613"/>
      <c r="JPJ701" s="613"/>
      <c r="JPK701" s="613"/>
      <c r="JPL701" s="613"/>
      <c r="JPM701" s="613"/>
      <c r="JPN701" s="613"/>
      <c r="JPO701" s="613"/>
      <c r="JPP701" s="613"/>
      <c r="JPQ701" s="613"/>
      <c r="JPR701" s="613"/>
      <c r="JPS701" s="613"/>
      <c r="JPT701" s="613"/>
      <c r="JPU701" s="613"/>
      <c r="JPV701" s="613"/>
      <c r="JPW701" s="613"/>
      <c r="JPX701" s="613"/>
      <c r="JPY701" s="613"/>
      <c r="JPZ701" s="613"/>
      <c r="JQA701" s="613"/>
      <c r="JQB701" s="613"/>
      <c r="JQC701" s="613"/>
      <c r="JQD701" s="613"/>
      <c r="JQE701" s="613"/>
      <c r="JQF701" s="613"/>
      <c r="JQG701" s="613"/>
      <c r="JQH701" s="613"/>
      <c r="JQI701" s="613"/>
      <c r="JQJ701" s="613"/>
      <c r="JQK701" s="613"/>
      <c r="JQL701" s="613"/>
      <c r="JQM701" s="613"/>
      <c r="JQN701" s="613"/>
      <c r="JQO701" s="613"/>
      <c r="JQP701" s="613"/>
      <c r="JQQ701" s="613"/>
      <c r="JQR701" s="613"/>
      <c r="JQS701" s="613"/>
      <c r="JQT701" s="613"/>
      <c r="JQU701" s="613"/>
      <c r="JQV701" s="613"/>
      <c r="JQW701" s="613"/>
      <c r="JQX701" s="613"/>
      <c r="JQY701" s="613"/>
      <c r="JQZ701" s="613"/>
      <c r="JRA701" s="613"/>
      <c r="JRB701" s="613"/>
      <c r="JRC701" s="613"/>
      <c r="JRD701" s="613"/>
      <c r="JRE701" s="613"/>
      <c r="JRF701" s="613"/>
      <c r="JRG701" s="613"/>
      <c r="JRH701" s="613"/>
      <c r="JRI701" s="613"/>
      <c r="JRJ701" s="613"/>
      <c r="JRK701" s="613"/>
      <c r="JRL701" s="613"/>
      <c r="JRM701" s="613"/>
      <c r="JRN701" s="613"/>
      <c r="JRO701" s="613"/>
      <c r="JRP701" s="613"/>
      <c r="JRQ701" s="613"/>
      <c r="JRR701" s="613"/>
      <c r="JRS701" s="613"/>
      <c r="JRT701" s="613"/>
      <c r="JRU701" s="613"/>
      <c r="JRV701" s="613"/>
      <c r="JRW701" s="613"/>
      <c r="JRX701" s="613"/>
      <c r="JRY701" s="613"/>
      <c r="JRZ701" s="613"/>
      <c r="JSA701" s="613"/>
      <c r="JSB701" s="613"/>
      <c r="JSC701" s="613"/>
      <c r="JSD701" s="613"/>
      <c r="JSE701" s="613"/>
      <c r="JSF701" s="613"/>
      <c r="JSG701" s="613"/>
      <c r="JSH701" s="613"/>
      <c r="JSI701" s="613"/>
      <c r="JSJ701" s="613"/>
      <c r="JSK701" s="613"/>
      <c r="JSL701" s="613"/>
      <c r="JSM701" s="613"/>
      <c r="JSN701" s="613"/>
      <c r="JSO701" s="613"/>
      <c r="JSP701" s="613"/>
      <c r="JSQ701" s="613"/>
      <c r="JSR701" s="613"/>
      <c r="JSS701" s="613"/>
      <c r="JST701" s="613"/>
      <c r="JSU701" s="613"/>
      <c r="JSV701" s="613"/>
      <c r="JSW701" s="613"/>
      <c r="JSX701" s="613"/>
      <c r="JSY701" s="613"/>
      <c r="JSZ701" s="613"/>
      <c r="JTA701" s="613"/>
      <c r="JTB701" s="613"/>
      <c r="JTC701" s="613"/>
      <c r="JTD701" s="613"/>
      <c r="JTE701" s="613"/>
      <c r="JTF701" s="613"/>
      <c r="JTG701" s="613"/>
      <c r="JTH701" s="613"/>
      <c r="JTI701" s="613"/>
      <c r="JTJ701" s="613"/>
      <c r="JTK701" s="613"/>
      <c r="JTL701" s="613"/>
      <c r="JTM701" s="613"/>
      <c r="JTN701" s="613"/>
      <c r="JTO701" s="613"/>
      <c r="JTP701" s="613"/>
      <c r="JTQ701" s="613"/>
      <c r="JTR701" s="613"/>
      <c r="JTS701" s="613"/>
      <c r="JTT701" s="613"/>
      <c r="JTU701" s="613"/>
      <c r="JTV701" s="613"/>
      <c r="JTW701" s="613"/>
      <c r="JTX701" s="613"/>
      <c r="JTY701" s="613"/>
      <c r="JTZ701" s="613"/>
      <c r="JUA701" s="613"/>
      <c r="JUB701" s="613"/>
      <c r="JUC701" s="613"/>
      <c r="JUD701" s="613"/>
      <c r="JUE701" s="613"/>
      <c r="JUF701" s="613"/>
      <c r="JUG701" s="613"/>
      <c r="JUH701" s="613"/>
      <c r="JUI701" s="613"/>
      <c r="JUJ701" s="613"/>
      <c r="JUK701" s="613"/>
      <c r="JUL701" s="613"/>
      <c r="JUM701" s="613"/>
      <c r="JUN701" s="613"/>
      <c r="JUO701" s="613"/>
      <c r="JUP701" s="613"/>
      <c r="JUQ701" s="613"/>
      <c r="JUR701" s="613"/>
      <c r="JUS701" s="613"/>
      <c r="JUT701" s="613"/>
      <c r="JUU701" s="613"/>
      <c r="JUV701" s="613"/>
      <c r="JUW701" s="613"/>
      <c r="JUX701" s="613"/>
      <c r="JUY701" s="613"/>
      <c r="JUZ701" s="613"/>
      <c r="JVA701" s="613"/>
      <c r="JVB701" s="613"/>
      <c r="JVC701" s="613"/>
      <c r="JVD701" s="613"/>
      <c r="JVE701" s="613"/>
      <c r="JVF701" s="613"/>
      <c r="JVG701" s="613"/>
      <c r="JVH701" s="613"/>
      <c r="JVI701" s="613"/>
      <c r="JVJ701" s="613"/>
      <c r="JVK701" s="613"/>
      <c r="JVL701" s="613"/>
      <c r="JVM701" s="613"/>
      <c r="JVN701" s="613"/>
      <c r="JVO701" s="613"/>
      <c r="JVP701" s="613"/>
      <c r="JVQ701" s="613"/>
      <c r="JVR701" s="613"/>
      <c r="JVS701" s="613"/>
      <c r="JVT701" s="613"/>
      <c r="JVU701" s="613"/>
      <c r="JVV701" s="613"/>
      <c r="JVW701" s="613"/>
      <c r="JVX701" s="613"/>
      <c r="JVY701" s="613"/>
      <c r="JVZ701" s="613"/>
      <c r="JWA701" s="613"/>
      <c r="JWB701" s="613"/>
      <c r="JWC701" s="613"/>
      <c r="JWD701" s="613"/>
      <c r="JWE701" s="613"/>
      <c r="JWF701" s="613"/>
      <c r="JWG701" s="613"/>
      <c r="JWH701" s="613"/>
      <c r="JWI701" s="613"/>
      <c r="JWJ701" s="613"/>
      <c r="JWK701" s="613"/>
      <c r="JWL701" s="613"/>
      <c r="JWM701" s="613"/>
      <c r="JWN701" s="613"/>
      <c r="JWO701" s="613"/>
      <c r="JWP701" s="613"/>
      <c r="JWQ701" s="613"/>
      <c r="JWR701" s="613"/>
      <c r="JWS701" s="613"/>
      <c r="JWT701" s="613"/>
      <c r="JWU701" s="613"/>
      <c r="JWV701" s="613"/>
      <c r="JWW701" s="613"/>
      <c r="JWX701" s="613"/>
      <c r="JWY701" s="613"/>
      <c r="JWZ701" s="613"/>
      <c r="JXA701" s="613"/>
      <c r="JXB701" s="613"/>
      <c r="JXC701" s="613"/>
      <c r="JXD701" s="613"/>
      <c r="JXE701" s="613"/>
      <c r="JXF701" s="613"/>
      <c r="JXG701" s="613"/>
      <c r="JXH701" s="613"/>
      <c r="JXI701" s="613"/>
      <c r="JXJ701" s="613"/>
      <c r="JXK701" s="613"/>
      <c r="JXL701" s="613"/>
      <c r="JXM701" s="613"/>
      <c r="JXN701" s="613"/>
      <c r="JXO701" s="613"/>
      <c r="JXP701" s="613"/>
      <c r="JXQ701" s="613"/>
      <c r="JXR701" s="613"/>
      <c r="JXS701" s="613"/>
      <c r="JXT701" s="613"/>
      <c r="JXU701" s="613"/>
      <c r="JXV701" s="613"/>
      <c r="JXW701" s="613"/>
      <c r="JXX701" s="613"/>
      <c r="JXY701" s="613"/>
      <c r="JXZ701" s="613"/>
      <c r="JYA701" s="613"/>
      <c r="JYB701" s="613"/>
      <c r="JYC701" s="613"/>
      <c r="JYD701" s="613"/>
      <c r="JYE701" s="613"/>
      <c r="JYF701" s="613"/>
      <c r="JYG701" s="613"/>
      <c r="JYH701" s="613"/>
      <c r="JYI701" s="613"/>
      <c r="JYJ701" s="613"/>
      <c r="JYK701" s="613"/>
      <c r="JYL701" s="613"/>
      <c r="JYM701" s="613"/>
      <c r="JYN701" s="613"/>
      <c r="JYO701" s="613"/>
      <c r="JYP701" s="613"/>
      <c r="JYQ701" s="613"/>
      <c r="JYR701" s="613"/>
      <c r="JYS701" s="613"/>
      <c r="JYT701" s="613"/>
      <c r="JYU701" s="613"/>
      <c r="JYV701" s="613"/>
      <c r="JYW701" s="613"/>
      <c r="JYX701" s="613"/>
      <c r="JYY701" s="613"/>
      <c r="JYZ701" s="613"/>
      <c r="JZA701" s="613"/>
      <c r="JZB701" s="613"/>
      <c r="JZC701" s="613"/>
      <c r="JZD701" s="613"/>
      <c r="JZE701" s="613"/>
      <c r="JZF701" s="613"/>
      <c r="JZG701" s="613"/>
      <c r="JZH701" s="613"/>
      <c r="JZI701" s="613"/>
      <c r="JZJ701" s="613"/>
      <c r="JZK701" s="613"/>
      <c r="JZL701" s="613"/>
      <c r="JZM701" s="613"/>
      <c r="JZN701" s="613"/>
      <c r="JZO701" s="613"/>
      <c r="JZP701" s="613"/>
      <c r="JZQ701" s="613"/>
      <c r="JZR701" s="613"/>
      <c r="JZS701" s="613"/>
      <c r="JZT701" s="613"/>
      <c r="JZU701" s="613"/>
      <c r="JZV701" s="613"/>
      <c r="JZW701" s="613"/>
      <c r="JZX701" s="613"/>
      <c r="JZY701" s="613"/>
      <c r="JZZ701" s="613"/>
      <c r="KAA701" s="613"/>
      <c r="KAB701" s="613"/>
      <c r="KAC701" s="613"/>
      <c r="KAD701" s="613"/>
      <c r="KAE701" s="613"/>
      <c r="KAF701" s="613"/>
      <c r="KAG701" s="613"/>
      <c r="KAH701" s="613"/>
      <c r="KAI701" s="613"/>
      <c r="KAJ701" s="613"/>
      <c r="KAK701" s="613"/>
      <c r="KAL701" s="613"/>
      <c r="KAM701" s="613"/>
      <c r="KAN701" s="613"/>
      <c r="KAO701" s="613"/>
      <c r="KAP701" s="613"/>
      <c r="KAQ701" s="613"/>
      <c r="KAR701" s="613"/>
      <c r="KAS701" s="613"/>
      <c r="KAT701" s="613"/>
      <c r="KAU701" s="613"/>
      <c r="KAV701" s="613"/>
      <c r="KAW701" s="613"/>
      <c r="KAX701" s="613"/>
      <c r="KAY701" s="613"/>
      <c r="KAZ701" s="613"/>
      <c r="KBA701" s="613"/>
      <c r="KBB701" s="613"/>
      <c r="KBC701" s="613"/>
      <c r="KBD701" s="613"/>
      <c r="KBE701" s="613"/>
      <c r="KBF701" s="613"/>
      <c r="KBG701" s="613"/>
      <c r="KBH701" s="613"/>
      <c r="KBI701" s="613"/>
      <c r="KBJ701" s="613"/>
      <c r="KBK701" s="613"/>
      <c r="KBL701" s="613"/>
      <c r="KBM701" s="613"/>
      <c r="KBN701" s="613"/>
      <c r="KBO701" s="613"/>
      <c r="KBP701" s="613"/>
      <c r="KBQ701" s="613"/>
      <c r="KBR701" s="613"/>
      <c r="KBS701" s="613"/>
      <c r="KBT701" s="613"/>
      <c r="KBU701" s="613"/>
      <c r="KBV701" s="613"/>
      <c r="KBW701" s="613"/>
      <c r="KBX701" s="613"/>
      <c r="KBY701" s="613"/>
      <c r="KBZ701" s="613"/>
      <c r="KCA701" s="613"/>
      <c r="KCB701" s="613"/>
      <c r="KCC701" s="613"/>
      <c r="KCD701" s="613"/>
      <c r="KCE701" s="613"/>
      <c r="KCF701" s="613"/>
      <c r="KCG701" s="613"/>
      <c r="KCH701" s="613"/>
      <c r="KCI701" s="613"/>
      <c r="KCJ701" s="613"/>
      <c r="KCK701" s="613"/>
      <c r="KCL701" s="613"/>
      <c r="KCM701" s="613"/>
      <c r="KCN701" s="613"/>
      <c r="KCO701" s="613"/>
      <c r="KCP701" s="613"/>
      <c r="KCQ701" s="613"/>
      <c r="KCR701" s="613"/>
      <c r="KCS701" s="613"/>
      <c r="KCT701" s="613"/>
      <c r="KCU701" s="613"/>
      <c r="KCV701" s="613"/>
      <c r="KCW701" s="613"/>
      <c r="KCX701" s="613"/>
      <c r="KCY701" s="613"/>
      <c r="KCZ701" s="613"/>
      <c r="KDA701" s="613"/>
      <c r="KDB701" s="613"/>
      <c r="KDC701" s="613"/>
      <c r="KDD701" s="613"/>
      <c r="KDE701" s="613"/>
      <c r="KDF701" s="613"/>
      <c r="KDG701" s="613"/>
      <c r="KDH701" s="613"/>
      <c r="KDI701" s="613"/>
      <c r="KDJ701" s="613"/>
      <c r="KDK701" s="613"/>
      <c r="KDL701" s="613"/>
      <c r="KDM701" s="613"/>
      <c r="KDN701" s="613"/>
      <c r="KDO701" s="613"/>
      <c r="KDP701" s="613"/>
      <c r="KDQ701" s="613"/>
      <c r="KDR701" s="613"/>
      <c r="KDS701" s="613"/>
      <c r="KDT701" s="613"/>
      <c r="KDU701" s="613"/>
      <c r="KDV701" s="613"/>
      <c r="KDW701" s="613"/>
      <c r="KDX701" s="613"/>
      <c r="KDY701" s="613"/>
      <c r="KDZ701" s="613"/>
      <c r="KEA701" s="613"/>
      <c r="KEB701" s="613"/>
      <c r="KEC701" s="613"/>
      <c r="KED701" s="613"/>
      <c r="KEE701" s="613"/>
      <c r="KEF701" s="613"/>
      <c r="KEG701" s="613"/>
      <c r="KEH701" s="613"/>
      <c r="KEI701" s="613"/>
      <c r="KEJ701" s="613"/>
      <c r="KEK701" s="613"/>
      <c r="KEL701" s="613"/>
      <c r="KEM701" s="613"/>
      <c r="KEN701" s="613"/>
      <c r="KEO701" s="613"/>
      <c r="KEP701" s="613"/>
      <c r="KEQ701" s="613"/>
      <c r="KER701" s="613"/>
      <c r="KES701" s="613"/>
      <c r="KET701" s="613"/>
      <c r="KEU701" s="613"/>
      <c r="KEV701" s="613"/>
      <c r="KEW701" s="613"/>
      <c r="KEX701" s="613"/>
      <c r="KEY701" s="613"/>
      <c r="KEZ701" s="613"/>
      <c r="KFA701" s="613"/>
      <c r="KFB701" s="613"/>
      <c r="KFC701" s="613"/>
      <c r="KFD701" s="613"/>
      <c r="KFE701" s="613"/>
      <c r="KFF701" s="613"/>
      <c r="KFG701" s="613"/>
      <c r="KFH701" s="613"/>
      <c r="KFI701" s="613"/>
      <c r="KFJ701" s="613"/>
      <c r="KFK701" s="613"/>
      <c r="KFL701" s="613"/>
      <c r="KFM701" s="613"/>
      <c r="KFN701" s="613"/>
      <c r="KFO701" s="613"/>
      <c r="KFP701" s="613"/>
      <c r="KFQ701" s="613"/>
      <c r="KFR701" s="613"/>
      <c r="KFS701" s="613"/>
      <c r="KFT701" s="613"/>
      <c r="KFU701" s="613"/>
      <c r="KFV701" s="613"/>
      <c r="KFW701" s="613"/>
      <c r="KFX701" s="613"/>
      <c r="KFY701" s="613"/>
      <c r="KFZ701" s="613"/>
      <c r="KGA701" s="613"/>
      <c r="KGB701" s="613"/>
      <c r="KGC701" s="613"/>
      <c r="KGD701" s="613"/>
      <c r="KGE701" s="613"/>
      <c r="KGF701" s="613"/>
      <c r="KGG701" s="613"/>
      <c r="KGH701" s="613"/>
      <c r="KGI701" s="613"/>
      <c r="KGJ701" s="613"/>
      <c r="KGK701" s="613"/>
      <c r="KGL701" s="613"/>
      <c r="KGM701" s="613"/>
      <c r="KGN701" s="613"/>
      <c r="KGO701" s="613"/>
      <c r="KGP701" s="613"/>
      <c r="KGQ701" s="613"/>
      <c r="KGR701" s="613"/>
      <c r="KGS701" s="613"/>
      <c r="KGT701" s="613"/>
      <c r="KGU701" s="613"/>
      <c r="KGV701" s="613"/>
      <c r="KGW701" s="613"/>
      <c r="KGX701" s="613"/>
      <c r="KGY701" s="613"/>
      <c r="KGZ701" s="613"/>
      <c r="KHA701" s="613"/>
      <c r="KHB701" s="613"/>
      <c r="KHC701" s="613"/>
      <c r="KHD701" s="613"/>
      <c r="KHE701" s="613"/>
      <c r="KHF701" s="613"/>
      <c r="KHG701" s="613"/>
      <c r="KHH701" s="613"/>
      <c r="KHI701" s="613"/>
      <c r="KHJ701" s="613"/>
      <c r="KHK701" s="613"/>
      <c r="KHL701" s="613"/>
      <c r="KHM701" s="613"/>
      <c r="KHN701" s="613"/>
      <c r="KHO701" s="613"/>
      <c r="KHP701" s="613"/>
      <c r="KHQ701" s="613"/>
      <c r="KHR701" s="613"/>
      <c r="KHS701" s="613"/>
      <c r="KHT701" s="613"/>
      <c r="KHU701" s="613"/>
      <c r="KHV701" s="613"/>
      <c r="KHW701" s="613"/>
      <c r="KHX701" s="613"/>
      <c r="KHY701" s="613"/>
      <c r="KHZ701" s="613"/>
      <c r="KIA701" s="613"/>
      <c r="KIB701" s="613"/>
      <c r="KIC701" s="613"/>
      <c r="KID701" s="613"/>
      <c r="KIE701" s="613"/>
      <c r="KIF701" s="613"/>
      <c r="KIG701" s="613"/>
      <c r="KIH701" s="613"/>
      <c r="KII701" s="613"/>
      <c r="KIJ701" s="613"/>
      <c r="KIK701" s="613"/>
      <c r="KIL701" s="613"/>
      <c r="KIM701" s="613"/>
      <c r="KIN701" s="613"/>
      <c r="KIO701" s="613"/>
      <c r="KIP701" s="613"/>
      <c r="KIQ701" s="613"/>
      <c r="KIR701" s="613"/>
      <c r="KIS701" s="613"/>
      <c r="KIT701" s="613"/>
      <c r="KIU701" s="613"/>
      <c r="KIV701" s="613"/>
      <c r="KIW701" s="613"/>
      <c r="KIX701" s="613"/>
      <c r="KIY701" s="613"/>
      <c r="KIZ701" s="613"/>
      <c r="KJA701" s="613"/>
      <c r="KJB701" s="613"/>
      <c r="KJC701" s="613"/>
      <c r="KJD701" s="613"/>
      <c r="KJE701" s="613"/>
      <c r="KJF701" s="613"/>
      <c r="KJG701" s="613"/>
      <c r="KJH701" s="613"/>
      <c r="KJI701" s="613"/>
      <c r="KJJ701" s="613"/>
      <c r="KJK701" s="613"/>
      <c r="KJL701" s="613"/>
      <c r="KJM701" s="613"/>
      <c r="KJN701" s="613"/>
      <c r="KJO701" s="613"/>
      <c r="KJP701" s="613"/>
      <c r="KJQ701" s="613"/>
      <c r="KJR701" s="613"/>
      <c r="KJS701" s="613"/>
      <c r="KJT701" s="613"/>
      <c r="KJU701" s="613"/>
      <c r="KJV701" s="613"/>
      <c r="KJW701" s="613"/>
      <c r="KJX701" s="613"/>
      <c r="KJY701" s="613"/>
      <c r="KJZ701" s="613"/>
      <c r="KKA701" s="613"/>
      <c r="KKB701" s="613"/>
      <c r="KKC701" s="613"/>
      <c r="KKD701" s="613"/>
      <c r="KKE701" s="613"/>
      <c r="KKF701" s="613"/>
      <c r="KKG701" s="613"/>
      <c r="KKH701" s="613"/>
      <c r="KKI701" s="613"/>
      <c r="KKJ701" s="613"/>
      <c r="KKK701" s="613"/>
      <c r="KKL701" s="613"/>
      <c r="KKM701" s="613"/>
      <c r="KKN701" s="613"/>
      <c r="KKO701" s="613"/>
      <c r="KKP701" s="613"/>
      <c r="KKQ701" s="613"/>
      <c r="KKR701" s="613"/>
      <c r="KKS701" s="613"/>
      <c r="KKT701" s="613"/>
      <c r="KKU701" s="613"/>
      <c r="KKV701" s="613"/>
      <c r="KKW701" s="613"/>
      <c r="KKX701" s="613"/>
      <c r="KKY701" s="613"/>
      <c r="KKZ701" s="613"/>
      <c r="KLA701" s="613"/>
      <c r="KLB701" s="613"/>
      <c r="KLC701" s="613"/>
      <c r="KLD701" s="613"/>
      <c r="KLE701" s="613"/>
      <c r="KLF701" s="613"/>
      <c r="KLG701" s="613"/>
      <c r="KLH701" s="613"/>
      <c r="KLI701" s="613"/>
      <c r="KLJ701" s="613"/>
      <c r="KLK701" s="613"/>
      <c r="KLL701" s="613"/>
      <c r="KLM701" s="613"/>
      <c r="KLN701" s="613"/>
      <c r="KLO701" s="613"/>
      <c r="KLP701" s="613"/>
      <c r="KLQ701" s="613"/>
      <c r="KLR701" s="613"/>
      <c r="KLS701" s="613"/>
      <c r="KLT701" s="613"/>
      <c r="KLU701" s="613"/>
      <c r="KLV701" s="613"/>
      <c r="KLW701" s="613"/>
      <c r="KLX701" s="613"/>
      <c r="KLY701" s="613"/>
      <c r="KLZ701" s="613"/>
      <c r="KMA701" s="613"/>
      <c r="KMB701" s="613"/>
      <c r="KMC701" s="613"/>
      <c r="KMD701" s="613"/>
      <c r="KME701" s="613"/>
      <c r="KMF701" s="613"/>
      <c r="KMG701" s="613"/>
      <c r="KMH701" s="613"/>
      <c r="KMI701" s="613"/>
      <c r="KMJ701" s="613"/>
      <c r="KMK701" s="613"/>
      <c r="KML701" s="613"/>
      <c r="KMM701" s="613"/>
      <c r="KMN701" s="613"/>
      <c r="KMO701" s="613"/>
      <c r="KMP701" s="613"/>
      <c r="KMQ701" s="613"/>
      <c r="KMR701" s="613"/>
      <c r="KMS701" s="613"/>
      <c r="KMT701" s="613"/>
      <c r="KMU701" s="613"/>
      <c r="KMV701" s="613"/>
      <c r="KMW701" s="613"/>
      <c r="KMX701" s="613"/>
      <c r="KMY701" s="613"/>
      <c r="KMZ701" s="613"/>
      <c r="KNA701" s="613"/>
      <c r="KNB701" s="613"/>
      <c r="KNC701" s="613"/>
      <c r="KND701" s="613"/>
      <c r="KNE701" s="613"/>
      <c r="KNF701" s="613"/>
      <c r="KNG701" s="613"/>
      <c r="KNH701" s="613"/>
      <c r="KNI701" s="613"/>
      <c r="KNJ701" s="613"/>
      <c r="KNK701" s="613"/>
      <c r="KNL701" s="613"/>
      <c r="KNM701" s="613"/>
      <c r="KNN701" s="613"/>
      <c r="KNO701" s="613"/>
      <c r="KNP701" s="613"/>
      <c r="KNQ701" s="613"/>
      <c r="KNR701" s="613"/>
      <c r="KNS701" s="613"/>
      <c r="KNT701" s="613"/>
      <c r="KNU701" s="613"/>
      <c r="KNV701" s="613"/>
      <c r="KNW701" s="613"/>
      <c r="KNX701" s="613"/>
      <c r="KNY701" s="613"/>
      <c r="KNZ701" s="613"/>
      <c r="KOA701" s="613"/>
      <c r="KOB701" s="613"/>
      <c r="KOC701" s="613"/>
      <c r="KOD701" s="613"/>
      <c r="KOE701" s="613"/>
      <c r="KOF701" s="613"/>
      <c r="KOG701" s="613"/>
      <c r="KOH701" s="613"/>
      <c r="KOI701" s="613"/>
      <c r="KOJ701" s="613"/>
      <c r="KOK701" s="613"/>
      <c r="KOL701" s="613"/>
      <c r="KOM701" s="613"/>
      <c r="KON701" s="613"/>
      <c r="KOO701" s="613"/>
      <c r="KOP701" s="613"/>
      <c r="KOQ701" s="613"/>
      <c r="KOR701" s="613"/>
      <c r="KOS701" s="613"/>
      <c r="KOT701" s="613"/>
      <c r="KOU701" s="613"/>
      <c r="KOV701" s="613"/>
      <c r="KOW701" s="613"/>
      <c r="KOX701" s="613"/>
      <c r="KOY701" s="613"/>
      <c r="KOZ701" s="613"/>
      <c r="KPA701" s="613"/>
      <c r="KPB701" s="613"/>
      <c r="KPC701" s="613"/>
      <c r="KPD701" s="613"/>
      <c r="KPE701" s="613"/>
      <c r="KPF701" s="613"/>
      <c r="KPG701" s="613"/>
      <c r="KPH701" s="613"/>
      <c r="KPI701" s="613"/>
      <c r="KPJ701" s="613"/>
      <c r="KPK701" s="613"/>
      <c r="KPL701" s="613"/>
      <c r="KPM701" s="613"/>
      <c r="KPN701" s="613"/>
      <c r="KPO701" s="613"/>
      <c r="KPP701" s="613"/>
      <c r="KPQ701" s="613"/>
      <c r="KPR701" s="613"/>
      <c r="KPS701" s="613"/>
      <c r="KPT701" s="613"/>
      <c r="KPU701" s="613"/>
      <c r="KPV701" s="613"/>
      <c r="KPW701" s="613"/>
      <c r="KPX701" s="613"/>
      <c r="KPY701" s="613"/>
      <c r="KPZ701" s="613"/>
      <c r="KQA701" s="613"/>
      <c r="KQB701" s="613"/>
      <c r="KQC701" s="613"/>
      <c r="KQD701" s="613"/>
      <c r="KQE701" s="613"/>
      <c r="KQF701" s="613"/>
      <c r="KQG701" s="613"/>
      <c r="KQH701" s="613"/>
      <c r="KQI701" s="613"/>
      <c r="KQJ701" s="613"/>
      <c r="KQK701" s="613"/>
      <c r="KQL701" s="613"/>
      <c r="KQM701" s="613"/>
      <c r="KQN701" s="613"/>
      <c r="KQO701" s="613"/>
      <c r="KQP701" s="613"/>
      <c r="KQQ701" s="613"/>
      <c r="KQR701" s="613"/>
      <c r="KQS701" s="613"/>
      <c r="KQT701" s="613"/>
      <c r="KQU701" s="613"/>
      <c r="KQV701" s="613"/>
      <c r="KQW701" s="613"/>
      <c r="KQX701" s="613"/>
      <c r="KQY701" s="613"/>
      <c r="KQZ701" s="613"/>
      <c r="KRA701" s="613"/>
      <c r="KRB701" s="613"/>
      <c r="KRC701" s="613"/>
      <c r="KRD701" s="613"/>
      <c r="KRE701" s="613"/>
      <c r="KRF701" s="613"/>
      <c r="KRG701" s="613"/>
      <c r="KRH701" s="613"/>
      <c r="KRI701" s="613"/>
      <c r="KRJ701" s="613"/>
      <c r="KRK701" s="613"/>
      <c r="KRL701" s="613"/>
      <c r="KRM701" s="613"/>
      <c r="KRN701" s="613"/>
      <c r="KRO701" s="613"/>
      <c r="KRP701" s="613"/>
      <c r="KRQ701" s="613"/>
      <c r="KRR701" s="613"/>
      <c r="KRS701" s="613"/>
      <c r="KRT701" s="613"/>
      <c r="KRU701" s="613"/>
      <c r="KRV701" s="613"/>
      <c r="KRW701" s="613"/>
      <c r="KRX701" s="613"/>
      <c r="KRY701" s="613"/>
      <c r="KRZ701" s="613"/>
      <c r="KSA701" s="613"/>
      <c r="KSB701" s="613"/>
      <c r="KSC701" s="613"/>
      <c r="KSD701" s="613"/>
      <c r="KSE701" s="613"/>
      <c r="KSF701" s="613"/>
      <c r="KSG701" s="613"/>
      <c r="KSH701" s="613"/>
      <c r="KSI701" s="613"/>
      <c r="KSJ701" s="613"/>
      <c r="KSK701" s="613"/>
      <c r="KSL701" s="613"/>
      <c r="KSM701" s="613"/>
      <c r="KSN701" s="613"/>
      <c r="KSO701" s="613"/>
      <c r="KSP701" s="613"/>
      <c r="KSQ701" s="613"/>
      <c r="KSR701" s="613"/>
      <c r="KSS701" s="613"/>
      <c r="KST701" s="613"/>
      <c r="KSU701" s="613"/>
      <c r="KSV701" s="613"/>
      <c r="KSW701" s="613"/>
      <c r="KSX701" s="613"/>
      <c r="KSY701" s="613"/>
      <c r="KSZ701" s="613"/>
      <c r="KTA701" s="613"/>
      <c r="KTB701" s="613"/>
      <c r="KTC701" s="613"/>
      <c r="KTD701" s="613"/>
      <c r="KTE701" s="613"/>
      <c r="KTF701" s="613"/>
      <c r="KTG701" s="613"/>
      <c r="KTH701" s="613"/>
      <c r="KTI701" s="613"/>
      <c r="KTJ701" s="613"/>
      <c r="KTK701" s="613"/>
      <c r="KTL701" s="613"/>
      <c r="KTM701" s="613"/>
      <c r="KTN701" s="613"/>
      <c r="KTO701" s="613"/>
      <c r="KTP701" s="613"/>
      <c r="KTQ701" s="613"/>
      <c r="KTR701" s="613"/>
      <c r="KTS701" s="613"/>
      <c r="KTT701" s="613"/>
      <c r="KTU701" s="613"/>
      <c r="KTV701" s="613"/>
      <c r="KTW701" s="613"/>
      <c r="KTX701" s="613"/>
      <c r="KTY701" s="613"/>
      <c r="KTZ701" s="613"/>
      <c r="KUA701" s="613"/>
      <c r="KUB701" s="613"/>
      <c r="KUC701" s="613"/>
      <c r="KUD701" s="613"/>
      <c r="KUE701" s="613"/>
      <c r="KUF701" s="613"/>
      <c r="KUG701" s="613"/>
      <c r="KUH701" s="613"/>
      <c r="KUI701" s="613"/>
      <c r="KUJ701" s="613"/>
      <c r="KUK701" s="613"/>
      <c r="KUL701" s="613"/>
      <c r="KUM701" s="613"/>
      <c r="KUN701" s="613"/>
      <c r="KUO701" s="613"/>
      <c r="KUP701" s="613"/>
      <c r="KUQ701" s="613"/>
      <c r="KUR701" s="613"/>
      <c r="KUS701" s="613"/>
      <c r="KUT701" s="613"/>
      <c r="KUU701" s="613"/>
      <c r="KUV701" s="613"/>
      <c r="KUW701" s="613"/>
      <c r="KUX701" s="613"/>
      <c r="KUY701" s="613"/>
      <c r="KUZ701" s="613"/>
      <c r="KVA701" s="613"/>
      <c r="KVB701" s="613"/>
      <c r="KVC701" s="613"/>
      <c r="KVD701" s="613"/>
      <c r="KVE701" s="613"/>
      <c r="KVF701" s="613"/>
      <c r="KVG701" s="613"/>
      <c r="KVH701" s="613"/>
      <c r="KVI701" s="613"/>
      <c r="KVJ701" s="613"/>
      <c r="KVK701" s="613"/>
      <c r="KVL701" s="613"/>
      <c r="KVM701" s="613"/>
      <c r="KVN701" s="613"/>
      <c r="KVO701" s="613"/>
      <c r="KVP701" s="613"/>
      <c r="KVQ701" s="613"/>
      <c r="KVR701" s="613"/>
      <c r="KVS701" s="613"/>
      <c r="KVT701" s="613"/>
      <c r="KVU701" s="613"/>
      <c r="KVV701" s="613"/>
      <c r="KVW701" s="613"/>
      <c r="KVX701" s="613"/>
      <c r="KVY701" s="613"/>
      <c r="KVZ701" s="613"/>
      <c r="KWA701" s="613"/>
      <c r="KWB701" s="613"/>
      <c r="KWC701" s="613"/>
      <c r="KWD701" s="613"/>
      <c r="KWE701" s="613"/>
      <c r="KWF701" s="613"/>
      <c r="KWG701" s="613"/>
      <c r="KWH701" s="613"/>
      <c r="KWI701" s="613"/>
      <c r="KWJ701" s="613"/>
      <c r="KWK701" s="613"/>
      <c r="KWL701" s="613"/>
      <c r="KWM701" s="613"/>
      <c r="KWN701" s="613"/>
      <c r="KWO701" s="613"/>
      <c r="KWP701" s="613"/>
      <c r="KWQ701" s="613"/>
      <c r="KWR701" s="613"/>
      <c r="KWS701" s="613"/>
      <c r="KWT701" s="613"/>
      <c r="KWU701" s="613"/>
      <c r="KWV701" s="613"/>
      <c r="KWW701" s="613"/>
      <c r="KWX701" s="613"/>
      <c r="KWY701" s="613"/>
      <c r="KWZ701" s="613"/>
      <c r="KXA701" s="613"/>
      <c r="KXB701" s="613"/>
      <c r="KXC701" s="613"/>
      <c r="KXD701" s="613"/>
      <c r="KXE701" s="613"/>
      <c r="KXF701" s="613"/>
      <c r="KXG701" s="613"/>
      <c r="KXH701" s="613"/>
      <c r="KXI701" s="613"/>
      <c r="KXJ701" s="613"/>
      <c r="KXK701" s="613"/>
      <c r="KXL701" s="613"/>
      <c r="KXM701" s="613"/>
      <c r="KXN701" s="613"/>
      <c r="KXO701" s="613"/>
      <c r="KXP701" s="613"/>
      <c r="KXQ701" s="613"/>
      <c r="KXR701" s="613"/>
      <c r="KXS701" s="613"/>
      <c r="KXT701" s="613"/>
      <c r="KXU701" s="613"/>
      <c r="KXV701" s="613"/>
      <c r="KXW701" s="613"/>
      <c r="KXX701" s="613"/>
      <c r="KXY701" s="613"/>
      <c r="KXZ701" s="613"/>
      <c r="KYA701" s="613"/>
      <c r="KYB701" s="613"/>
      <c r="KYC701" s="613"/>
      <c r="KYD701" s="613"/>
      <c r="KYE701" s="613"/>
      <c r="KYF701" s="613"/>
      <c r="KYG701" s="613"/>
      <c r="KYH701" s="613"/>
      <c r="KYI701" s="613"/>
      <c r="KYJ701" s="613"/>
      <c r="KYK701" s="613"/>
      <c r="KYL701" s="613"/>
      <c r="KYM701" s="613"/>
      <c r="KYN701" s="613"/>
      <c r="KYO701" s="613"/>
      <c r="KYP701" s="613"/>
      <c r="KYQ701" s="613"/>
      <c r="KYR701" s="613"/>
      <c r="KYS701" s="613"/>
      <c r="KYT701" s="613"/>
      <c r="KYU701" s="613"/>
      <c r="KYV701" s="613"/>
      <c r="KYW701" s="613"/>
      <c r="KYX701" s="613"/>
      <c r="KYY701" s="613"/>
      <c r="KYZ701" s="613"/>
      <c r="KZA701" s="613"/>
      <c r="KZB701" s="613"/>
      <c r="KZC701" s="613"/>
      <c r="KZD701" s="613"/>
      <c r="KZE701" s="613"/>
      <c r="KZF701" s="613"/>
      <c r="KZG701" s="613"/>
      <c r="KZH701" s="613"/>
      <c r="KZI701" s="613"/>
      <c r="KZJ701" s="613"/>
      <c r="KZK701" s="613"/>
      <c r="KZL701" s="613"/>
      <c r="KZM701" s="613"/>
      <c r="KZN701" s="613"/>
      <c r="KZO701" s="613"/>
      <c r="KZP701" s="613"/>
      <c r="KZQ701" s="613"/>
      <c r="KZR701" s="613"/>
      <c r="KZS701" s="613"/>
      <c r="KZT701" s="613"/>
      <c r="KZU701" s="613"/>
      <c r="KZV701" s="613"/>
      <c r="KZW701" s="613"/>
      <c r="KZX701" s="613"/>
      <c r="KZY701" s="613"/>
      <c r="KZZ701" s="613"/>
      <c r="LAA701" s="613"/>
      <c r="LAB701" s="613"/>
      <c r="LAC701" s="613"/>
      <c r="LAD701" s="613"/>
      <c r="LAE701" s="613"/>
      <c r="LAF701" s="613"/>
      <c r="LAG701" s="613"/>
      <c r="LAH701" s="613"/>
      <c r="LAI701" s="613"/>
      <c r="LAJ701" s="613"/>
      <c r="LAK701" s="613"/>
      <c r="LAL701" s="613"/>
      <c r="LAM701" s="613"/>
      <c r="LAN701" s="613"/>
      <c r="LAO701" s="613"/>
      <c r="LAP701" s="613"/>
      <c r="LAQ701" s="613"/>
      <c r="LAR701" s="613"/>
      <c r="LAS701" s="613"/>
      <c r="LAT701" s="613"/>
      <c r="LAU701" s="613"/>
      <c r="LAV701" s="613"/>
      <c r="LAW701" s="613"/>
      <c r="LAX701" s="613"/>
      <c r="LAY701" s="613"/>
      <c r="LAZ701" s="613"/>
      <c r="LBA701" s="613"/>
      <c r="LBB701" s="613"/>
      <c r="LBC701" s="613"/>
      <c r="LBD701" s="613"/>
      <c r="LBE701" s="613"/>
      <c r="LBF701" s="613"/>
      <c r="LBG701" s="613"/>
      <c r="LBH701" s="613"/>
      <c r="LBI701" s="613"/>
      <c r="LBJ701" s="613"/>
      <c r="LBK701" s="613"/>
      <c r="LBL701" s="613"/>
      <c r="LBM701" s="613"/>
      <c r="LBN701" s="613"/>
      <c r="LBO701" s="613"/>
      <c r="LBP701" s="613"/>
      <c r="LBQ701" s="613"/>
      <c r="LBR701" s="613"/>
      <c r="LBS701" s="613"/>
      <c r="LBT701" s="613"/>
      <c r="LBU701" s="613"/>
      <c r="LBV701" s="613"/>
      <c r="LBW701" s="613"/>
      <c r="LBX701" s="613"/>
      <c r="LBY701" s="613"/>
      <c r="LBZ701" s="613"/>
      <c r="LCA701" s="613"/>
      <c r="LCB701" s="613"/>
      <c r="LCC701" s="613"/>
      <c r="LCD701" s="613"/>
      <c r="LCE701" s="613"/>
      <c r="LCF701" s="613"/>
      <c r="LCG701" s="613"/>
      <c r="LCH701" s="613"/>
      <c r="LCI701" s="613"/>
      <c r="LCJ701" s="613"/>
      <c r="LCK701" s="613"/>
      <c r="LCL701" s="613"/>
      <c r="LCM701" s="613"/>
      <c r="LCN701" s="613"/>
      <c r="LCO701" s="613"/>
      <c r="LCP701" s="613"/>
      <c r="LCQ701" s="613"/>
      <c r="LCR701" s="613"/>
      <c r="LCS701" s="613"/>
      <c r="LCT701" s="613"/>
      <c r="LCU701" s="613"/>
      <c r="LCV701" s="613"/>
      <c r="LCW701" s="613"/>
      <c r="LCX701" s="613"/>
      <c r="LCY701" s="613"/>
      <c r="LCZ701" s="613"/>
      <c r="LDA701" s="613"/>
      <c r="LDB701" s="613"/>
      <c r="LDC701" s="613"/>
      <c r="LDD701" s="613"/>
      <c r="LDE701" s="613"/>
      <c r="LDF701" s="613"/>
      <c r="LDG701" s="613"/>
      <c r="LDH701" s="613"/>
      <c r="LDI701" s="613"/>
      <c r="LDJ701" s="613"/>
      <c r="LDK701" s="613"/>
      <c r="LDL701" s="613"/>
      <c r="LDM701" s="613"/>
      <c r="LDN701" s="613"/>
      <c r="LDO701" s="613"/>
      <c r="LDP701" s="613"/>
      <c r="LDQ701" s="613"/>
      <c r="LDR701" s="613"/>
      <c r="LDS701" s="613"/>
      <c r="LDT701" s="613"/>
      <c r="LDU701" s="613"/>
      <c r="LDV701" s="613"/>
      <c r="LDW701" s="613"/>
      <c r="LDX701" s="613"/>
      <c r="LDY701" s="613"/>
      <c r="LDZ701" s="613"/>
      <c r="LEA701" s="613"/>
      <c r="LEB701" s="613"/>
      <c r="LEC701" s="613"/>
      <c r="LED701" s="613"/>
      <c r="LEE701" s="613"/>
      <c r="LEF701" s="613"/>
      <c r="LEG701" s="613"/>
      <c r="LEH701" s="613"/>
      <c r="LEI701" s="613"/>
      <c r="LEJ701" s="613"/>
      <c r="LEK701" s="613"/>
      <c r="LEL701" s="613"/>
      <c r="LEM701" s="613"/>
      <c r="LEN701" s="613"/>
      <c r="LEO701" s="613"/>
      <c r="LEP701" s="613"/>
      <c r="LEQ701" s="613"/>
      <c r="LER701" s="613"/>
      <c r="LES701" s="613"/>
      <c r="LET701" s="613"/>
      <c r="LEU701" s="613"/>
      <c r="LEV701" s="613"/>
      <c r="LEW701" s="613"/>
      <c r="LEX701" s="613"/>
      <c r="LEY701" s="613"/>
      <c r="LEZ701" s="613"/>
      <c r="LFA701" s="613"/>
      <c r="LFB701" s="613"/>
      <c r="LFC701" s="613"/>
      <c r="LFD701" s="613"/>
      <c r="LFE701" s="613"/>
      <c r="LFF701" s="613"/>
      <c r="LFG701" s="613"/>
      <c r="LFH701" s="613"/>
      <c r="LFI701" s="613"/>
      <c r="LFJ701" s="613"/>
      <c r="LFK701" s="613"/>
      <c r="LFL701" s="613"/>
      <c r="LFM701" s="613"/>
      <c r="LFN701" s="613"/>
      <c r="LFO701" s="613"/>
      <c r="LFP701" s="613"/>
      <c r="LFQ701" s="613"/>
      <c r="LFR701" s="613"/>
      <c r="LFS701" s="613"/>
      <c r="LFT701" s="613"/>
      <c r="LFU701" s="613"/>
      <c r="LFV701" s="613"/>
      <c r="LFW701" s="613"/>
      <c r="LFX701" s="613"/>
      <c r="LFY701" s="613"/>
      <c r="LFZ701" s="613"/>
      <c r="LGA701" s="613"/>
      <c r="LGB701" s="613"/>
      <c r="LGC701" s="613"/>
      <c r="LGD701" s="613"/>
      <c r="LGE701" s="613"/>
      <c r="LGF701" s="613"/>
      <c r="LGG701" s="613"/>
      <c r="LGH701" s="613"/>
      <c r="LGI701" s="613"/>
      <c r="LGJ701" s="613"/>
      <c r="LGK701" s="613"/>
      <c r="LGL701" s="613"/>
      <c r="LGM701" s="613"/>
      <c r="LGN701" s="613"/>
      <c r="LGO701" s="613"/>
      <c r="LGP701" s="613"/>
      <c r="LGQ701" s="613"/>
      <c r="LGR701" s="613"/>
      <c r="LGS701" s="613"/>
      <c r="LGT701" s="613"/>
      <c r="LGU701" s="613"/>
      <c r="LGV701" s="613"/>
      <c r="LGW701" s="613"/>
      <c r="LGX701" s="613"/>
      <c r="LGY701" s="613"/>
      <c r="LGZ701" s="613"/>
      <c r="LHA701" s="613"/>
      <c r="LHB701" s="613"/>
      <c r="LHC701" s="613"/>
      <c r="LHD701" s="613"/>
      <c r="LHE701" s="613"/>
      <c r="LHF701" s="613"/>
      <c r="LHG701" s="613"/>
      <c r="LHH701" s="613"/>
      <c r="LHI701" s="613"/>
      <c r="LHJ701" s="613"/>
      <c r="LHK701" s="613"/>
      <c r="LHL701" s="613"/>
      <c r="LHM701" s="613"/>
      <c r="LHN701" s="613"/>
      <c r="LHO701" s="613"/>
      <c r="LHP701" s="613"/>
      <c r="LHQ701" s="613"/>
      <c r="LHR701" s="613"/>
      <c r="LHS701" s="613"/>
      <c r="LHT701" s="613"/>
      <c r="LHU701" s="613"/>
      <c r="LHV701" s="613"/>
      <c r="LHW701" s="613"/>
      <c r="LHX701" s="613"/>
      <c r="LHY701" s="613"/>
      <c r="LHZ701" s="613"/>
      <c r="LIA701" s="613"/>
      <c r="LIB701" s="613"/>
      <c r="LIC701" s="613"/>
      <c r="LID701" s="613"/>
      <c r="LIE701" s="613"/>
      <c r="LIF701" s="613"/>
      <c r="LIG701" s="613"/>
      <c r="LIH701" s="613"/>
      <c r="LII701" s="613"/>
      <c r="LIJ701" s="613"/>
      <c r="LIK701" s="613"/>
      <c r="LIL701" s="613"/>
      <c r="LIM701" s="613"/>
      <c r="LIN701" s="613"/>
      <c r="LIO701" s="613"/>
      <c r="LIP701" s="613"/>
      <c r="LIQ701" s="613"/>
      <c r="LIR701" s="613"/>
      <c r="LIS701" s="613"/>
      <c r="LIT701" s="613"/>
      <c r="LIU701" s="613"/>
      <c r="LIV701" s="613"/>
      <c r="LIW701" s="613"/>
      <c r="LIX701" s="613"/>
      <c r="LIY701" s="613"/>
      <c r="LIZ701" s="613"/>
      <c r="LJA701" s="613"/>
      <c r="LJB701" s="613"/>
      <c r="LJC701" s="613"/>
      <c r="LJD701" s="613"/>
      <c r="LJE701" s="613"/>
      <c r="LJF701" s="613"/>
      <c r="LJG701" s="613"/>
      <c r="LJH701" s="613"/>
      <c r="LJI701" s="613"/>
      <c r="LJJ701" s="613"/>
      <c r="LJK701" s="613"/>
      <c r="LJL701" s="613"/>
      <c r="LJM701" s="613"/>
      <c r="LJN701" s="613"/>
      <c r="LJO701" s="613"/>
      <c r="LJP701" s="613"/>
      <c r="LJQ701" s="613"/>
      <c r="LJR701" s="613"/>
      <c r="LJS701" s="613"/>
      <c r="LJT701" s="613"/>
      <c r="LJU701" s="613"/>
      <c r="LJV701" s="613"/>
      <c r="LJW701" s="613"/>
      <c r="LJX701" s="613"/>
      <c r="LJY701" s="613"/>
      <c r="LJZ701" s="613"/>
      <c r="LKA701" s="613"/>
      <c r="LKB701" s="613"/>
      <c r="LKC701" s="613"/>
      <c r="LKD701" s="613"/>
      <c r="LKE701" s="613"/>
      <c r="LKF701" s="613"/>
      <c r="LKG701" s="613"/>
      <c r="LKH701" s="613"/>
      <c r="LKI701" s="613"/>
      <c r="LKJ701" s="613"/>
      <c r="LKK701" s="613"/>
      <c r="LKL701" s="613"/>
      <c r="LKM701" s="613"/>
      <c r="LKN701" s="613"/>
      <c r="LKO701" s="613"/>
      <c r="LKP701" s="613"/>
      <c r="LKQ701" s="613"/>
      <c r="LKR701" s="613"/>
      <c r="LKS701" s="613"/>
      <c r="LKT701" s="613"/>
      <c r="LKU701" s="613"/>
      <c r="LKV701" s="613"/>
      <c r="LKW701" s="613"/>
      <c r="LKX701" s="613"/>
      <c r="LKY701" s="613"/>
      <c r="LKZ701" s="613"/>
      <c r="LLA701" s="613"/>
      <c r="LLB701" s="613"/>
      <c r="LLC701" s="613"/>
      <c r="LLD701" s="613"/>
      <c r="LLE701" s="613"/>
      <c r="LLF701" s="613"/>
      <c r="LLG701" s="613"/>
      <c r="LLH701" s="613"/>
      <c r="LLI701" s="613"/>
      <c r="LLJ701" s="613"/>
      <c r="LLK701" s="613"/>
      <c r="LLL701" s="613"/>
      <c r="LLM701" s="613"/>
      <c r="LLN701" s="613"/>
      <c r="LLO701" s="613"/>
      <c r="LLP701" s="613"/>
      <c r="LLQ701" s="613"/>
      <c r="LLR701" s="613"/>
      <c r="LLS701" s="613"/>
      <c r="LLT701" s="613"/>
      <c r="LLU701" s="613"/>
      <c r="LLV701" s="613"/>
      <c r="LLW701" s="613"/>
      <c r="LLX701" s="613"/>
      <c r="LLY701" s="613"/>
      <c r="LLZ701" s="613"/>
      <c r="LMA701" s="613"/>
      <c r="LMB701" s="613"/>
      <c r="LMC701" s="613"/>
      <c r="LMD701" s="613"/>
      <c r="LME701" s="613"/>
      <c r="LMF701" s="613"/>
      <c r="LMG701" s="613"/>
      <c r="LMH701" s="613"/>
      <c r="LMI701" s="613"/>
      <c r="LMJ701" s="613"/>
      <c r="LMK701" s="613"/>
      <c r="LML701" s="613"/>
      <c r="LMM701" s="613"/>
      <c r="LMN701" s="613"/>
      <c r="LMO701" s="613"/>
      <c r="LMP701" s="613"/>
      <c r="LMQ701" s="613"/>
      <c r="LMR701" s="613"/>
      <c r="LMS701" s="613"/>
      <c r="LMT701" s="613"/>
      <c r="LMU701" s="613"/>
      <c r="LMV701" s="613"/>
      <c r="LMW701" s="613"/>
      <c r="LMX701" s="613"/>
      <c r="LMY701" s="613"/>
      <c r="LMZ701" s="613"/>
      <c r="LNA701" s="613"/>
      <c r="LNB701" s="613"/>
      <c r="LNC701" s="613"/>
      <c r="LND701" s="613"/>
      <c r="LNE701" s="613"/>
      <c r="LNF701" s="613"/>
      <c r="LNG701" s="613"/>
      <c r="LNH701" s="613"/>
      <c r="LNI701" s="613"/>
      <c r="LNJ701" s="613"/>
      <c r="LNK701" s="613"/>
      <c r="LNL701" s="613"/>
      <c r="LNM701" s="613"/>
      <c r="LNN701" s="613"/>
      <c r="LNO701" s="613"/>
      <c r="LNP701" s="613"/>
      <c r="LNQ701" s="613"/>
      <c r="LNR701" s="613"/>
      <c r="LNS701" s="613"/>
      <c r="LNT701" s="613"/>
      <c r="LNU701" s="613"/>
      <c r="LNV701" s="613"/>
      <c r="LNW701" s="613"/>
      <c r="LNX701" s="613"/>
      <c r="LNY701" s="613"/>
      <c r="LNZ701" s="613"/>
      <c r="LOA701" s="613"/>
      <c r="LOB701" s="613"/>
      <c r="LOC701" s="613"/>
      <c r="LOD701" s="613"/>
      <c r="LOE701" s="613"/>
      <c r="LOF701" s="613"/>
      <c r="LOG701" s="613"/>
      <c r="LOH701" s="613"/>
      <c r="LOI701" s="613"/>
      <c r="LOJ701" s="613"/>
      <c r="LOK701" s="613"/>
      <c r="LOL701" s="613"/>
      <c r="LOM701" s="613"/>
      <c r="LON701" s="613"/>
      <c r="LOO701" s="613"/>
      <c r="LOP701" s="613"/>
      <c r="LOQ701" s="613"/>
      <c r="LOR701" s="613"/>
      <c r="LOS701" s="613"/>
      <c r="LOT701" s="613"/>
      <c r="LOU701" s="613"/>
      <c r="LOV701" s="613"/>
      <c r="LOW701" s="613"/>
      <c r="LOX701" s="613"/>
      <c r="LOY701" s="613"/>
      <c r="LOZ701" s="613"/>
      <c r="LPA701" s="613"/>
      <c r="LPB701" s="613"/>
      <c r="LPC701" s="613"/>
      <c r="LPD701" s="613"/>
      <c r="LPE701" s="613"/>
      <c r="LPF701" s="613"/>
      <c r="LPG701" s="613"/>
      <c r="LPH701" s="613"/>
      <c r="LPI701" s="613"/>
      <c r="LPJ701" s="613"/>
      <c r="LPK701" s="613"/>
      <c r="LPL701" s="613"/>
      <c r="LPM701" s="613"/>
      <c r="LPN701" s="613"/>
      <c r="LPO701" s="613"/>
      <c r="LPP701" s="613"/>
      <c r="LPQ701" s="613"/>
      <c r="LPR701" s="613"/>
      <c r="LPS701" s="613"/>
      <c r="LPT701" s="613"/>
      <c r="LPU701" s="613"/>
      <c r="LPV701" s="613"/>
      <c r="LPW701" s="613"/>
      <c r="LPX701" s="613"/>
      <c r="LPY701" s="613"/>
      <c r="LPZ701" s="613"/>
      <c r="LQA701" s="613"/>
      <c r="LQB701" s="613"/>
      <c r="LQC701" s="613"/>
      <c r="LQD701" s="613"/>
      <c r="LQE701" s="613"/>
      <c r="LQF701" s="613"/>
      <c r="LQG701" s="613"/>
      <c r="LQH701" s="613"/>
      <c r="LQI701" s="613"/>
      <c r="LQJ701" s="613"/>
      <c r="LQK701" s="613"/>
      <c r="LQL701" s="613"/>
      <c r="LQM701" s="613"/>
      <c r="LQN701" s="613"/>
      <c r="LQO701" s="613"/>
      <c r="LQP701" s="613"/>
      <c r="LQQ701" s="613"/>
      <c r="LQR701" s="613"/>
      <c r="LQS701" s="613"/>
      <c r="LQT701" s="613"/>
      <c r="LQU701" s="613"/>
      <c r="LQV701" s="613"/>
      <c r="LQW701" s="613"/>
      <c r="LQX701" s="613"/>
      <c r="LQY701" s="613"/>
      <c r="LQZ701" s="613"/>
      <c r="LRA701" s="613"/>
      <c r="LRB701" s="613"/>
      <c r="LRC701" s="613"/>
      <c r="LRD701" s="613"/>
      <c r="LRE701" s="613"/>
      <c r="LRF701" s="613"/>
      <c r="LRG701" s="613"/>
      <c r="LRH701" s="613"/>
      <c r="LRI701" s="613"/>
      <c r="LRJ701" s="613"/>
      <c r="LRK701" s="613"/>
      <c r="LRL701" s="613"/>
      <c r="LRM701" s="613"/>
      <c r="LRN701" s="613"/>
      <c r="LRO701" s="613"/>
      <c r="LRP701" s="613"/>
      <c r="LRQ701" s="613"/>
      <c r="LRR701" s="613"/>
      <c r="LRS701" s="613"/>
      <c r="LRT701" s="613"/>
      <c r="LRU701" s="613"/>
      <c r="LRV701" s="613"/>
      <c r="LRW701" s="613"/>
      <c r="LRX701" s="613"/>
      <c r="LRY701" s="613"/>
      <c r="LRZ701" s="613"/>
      <c r="LSA701" s="613"/>
      <c r="LSB701" s="613"/>
      <c r="LSC701" s="613"/>
      <c r="LSD701" s="613"/>
      <c r="LSE701" s="613"/>
      <c r="LSF701" s="613"/>
      <c r="LSG701" s="613"/>
      <c r="LSH701" s="613"/>
      <c r="LSI701" s="613"/>
      <c r="LSJ701" s="613"/>
      <c r="LSK701" s="613"/>
      <c r="LSL701" s="613"/>
      <c r="LSM701" s="613"/>
      <c r="LSN701" s="613"/>
      <c r="LSO701" s="613"/>
      <c r="LSP701" s="613"/>
      <c r="LSQ701" s="613"/>
      <c r="LSR701" s="613"/>
      <c r="LSS701" s="613"/>
      <c r="LST701" s="613"/>
      <c r="LSU701" s="613"/>
      <c r="LSV701" s="613"/>
      <c r="LSW701" s="613"/>
      <c r="LSX701" s="613"/>
      <c r="LSY701" s="613"/>
      <c r="LSZ701" s="613"/>
      <c r="LTA701" s="613"/>
      <c r="LTB701" s="613"/>
      <c r="LTC701" s="613"/>
      <c r="LTD701" s="613"/>
      <c r="LTE701" s="613"/>
      <c r="LTF701" s="613"/>
      <c r="LTG701" s="613"/>
      <c r="LTH701" s="613"/>
      <c r="LTI701" s="613"/>
      <c r="LTJ701" s="613"/>
      <c r="LTK701" s="613"/>
      <c r="LTL701" s="613"/>
      <c r="LTM701" s="613"/>
      <c r="LTN701" s="613"/>
      <c r="LTO701" s="613"/>
      <c r="LTP701" s="613"/>
      <c r="LTQ701" s="613"/>
      <c r="LTR701" s="613"/>
      <c r="LTS701" s="613"/>
      <c r="LTT701" s="613"/>
      <c r="LTU701" s="613"/>
      <c r="LTV701" s="613"/>
      <c r="LTW701" s="613"/>
      <c r="LTX701" s="613"/>
      <c r="LTY701" s="613"/>
      <c r="LTZ701" s="613"/>
      <c r="LUA701" s="613"/>
      <c r="LUB701" s="613"/>
      <c r="LUC701" s="613"/>
      <c r="LUD701" s="613"/>
      <c r="LUE701" s="613"/>
      <c r="LUF701" s="613"/>
      <c r="LUG701" s="613"/>
      <c r="LUH701" s="613"/>
      <c r="LUI701" s="613"/>
      <c r="LUJ701" s="613"/>
      <c r="LUK701" s="613"/>
      <c r="LUL701" s="613"/>
      <c r="LUM701" s="613"/>
      <c r="LUN701" s="613"/>
      <c r="LUO701" s="613"/>
      <c r="LUP701" s="613"/>
      <c r="LUQ701" s="613"/>
      <c r="LUR701" s="613"/>
      <c r="LUS701" s="613"/>
      <c r="LUT701" s="613"/>
      <c r="LUU701" s="613"/>
      <c r="LUV701" s="613"/>
      <c r="LUW701" s="613"/>
      <c r="LUX701" s="613"/>
      <c r="LUY701" s="613"/>
      <c r="LUZ701" s="613"/>
      <c r="LVA701" s="613"/>
      <c r="LVB701" s="613"/>
      <c r="LVC701" s="613"/>
      <c r="LVD701" s="613"/>
      <c r="LVE701" s="613"/>
      <c r="LVF701" s="613"/>
      <c r="LVG701" s="613"/>
      <c r="LVH701" s="613"/>
      <c r="LVI701" s="613"/>
      <c r="LVJ701" s="613"/>
      <c r="LVK701" s="613"/>
      <c r="LVL701" s="613"/>
      <c r="LVM701" s="613"/>
      <c r="LVN701" s="613"/>
      <c r="LVO701" s="613"/>
      <c r="LVP701" s="613"/>
      <c r="LVQ701" s="613"/>
      <c r="LVR701" s="613"/>
      <c r="LVS701" s="613"/>
      <c r="LVT701" s="613"/>
      <c r="LVU701" s="613"/>
      <c r="LVV701" s="613"/>
      <c r="LVW701" s="613"/>
      <c r="LVX701" s="613"/>
      <c r="LVY701" s="613"/>
      <c r="LVZ701" s="613"/>
      <c r="LWA701" s="613"/>
      <c r="LWB701" s="613"/>
      <c r="LWC701" s="613"/>
      <c r="LWD701" s="613"/>
      <c r="LWE701" s="613"/>
      <c r="LWF701" s="613"/>
      <c r="LWG701" s="613"/>
      <c r="LWH701" s="613"/>
      <c r="LWI701" s="613"/>
      <c r="LWJ701" s="613"/>
      <c r="LWK701" s="613"/>
      <c r="LWL701" s="613"/>
      <c r="LWM701" s="613"/>
      <c r="LWN701" s="613"/>
      <c r="LWO701" s="613"/>
      <c r="LWP701" s="613"/>
      <c r="LWQ701" s="613"/>
      <c r="LWR701" s="613"/>
      <c r="LWS701" s="613"/>
      <c r="LWT701" s="613"/>
      <c r="LWU701" s="613"/>
      <c r="LWV701" s="613"/>
      <c r="LWW701" s="613"/>
      <c r="LWX701" s="613"/>
      <c r="LWY701" s="613"/>
      <c r="LWZ701" s="613"/>
      <c r="LXA701" s="613"/>
      <c r="LXB701" s="613"/>
      <c r="LXC701" s="613"/>
      <c r="LXD701" s="613"/>
      <c r="LXE701" s="613"/>
      <c r="LXF701" s="613"/>
      <c r="LXG701" s="613"/>
      <c r="LXH701" s="613"/>
      <c r="LXI701" s="613"/>
      <c r="LXJ701" s="613"/>
      <c r="LXK701" s="613"/>
      <c r="LXL701" s="613"/>
      <c r="LXM701" s="613"/>
      <c r="LXN701" s="613"/>
      <c r="LXO701" s="613"/>
      <c r="LXP701" s="613"/>
      <c r="LXQ701" s="613"/>
      <c r="LXR701" s="613"/>
      <c r="LXS701" s="613"/>
      <c r="LXT701" s="613"/>
      <c r="LXU701" s="613"/>
      <c r="LXV701" s="613"/>
      <c r="LXW701" s="613"/>
      <c r="LXX701" s="613"/>
      <c r="LXY701" s="613"/>
      <c r="LXZ701" s="613"/>
      <c r="LYA701" s="613"/>
      <c r="LYB701" s="613"/>
      <c r="LYC701" s="613"/>
      <c r="LYD701" s="613"/>
      <c r="LYE701" s="613"/>
      <c r="LYF701" s="613"/>
      <c r="LYG701" s="613"/>
      <c r="LYH701" s="613"/>
      <c r="LYI701" s="613"/>
      <c r="LYJ701" s="613"/>
      <c r="LYK701" s="613"/>
      <c r="LYL701" s="613"/>
      <c r="LYM701" s="613"/>
      <c r="LYN701" s="613"/>
      <c r="LYO701" s="613"/>
      <c r="LYP701" s="613"/>
      <c r="LYQ701" s="613"/>
      <c r="LYR701" s="613"/>
      <c r="LYS701" s="613"/>
      <c r="LYT701" s="613"/>
      <c r="LYU701" s="613"/>
      <c r="LYV701" s="613"/>
      <c r="LYW701" s="613"/>
      <c r="LYX701" s="613"/>
      <c r="LYY701" s="613"/>
      <c r="LYZ701" s="613"/>
      <c r="LZA701" s="613"/>
      <c r="LZB701" s="613"/>
      <c r="LZC701" s="613"/>
      <c r="LZD701" s="613"/>
      <c r="LZE701" s="613"/>
      <c r="LZF701" s="613"/>
      <c r="LZG701" s="613"/>
      <c r="LZH701" s="613"/>
      <c r="LZI701" s="613"/>
      <c r="LZJ701" s="613"/>
      <c r="LZK701" s="613"/>
      <c r="LZL701" s="613"/>
      <c r="LZM701" s="613"/>
      <c r="LZN701" s="613"/>
      <c r="LZO701" s="613"/>
      <c r="LZP701" s="613"/>
      <c r="LZQ701" s="613"/>
      <c r="LZR701" s="613"/>
      <c r="LZS701" s="613"/>
      <c r="LZT701" s="613"/>
      <c r="LZU701" s="613"/>
      <c r="LZV701" s="613"/>
      <c r="LZW701" s="613"/>
      <c r="LZX701" s="613"/>
      <c r="LZY701" s="613"/>
      <c r="LZZ701" s="613"/>
      <c r="MAA701" s="613"/>
      <c r="MAB701" s="613"/>
      <c r="MAC701" s="613"/>
      <c r="MAD701" s="613"/>
      <c r="MAE701" s="613"/>
      <c r="MAF701" s="613"/>
      <c r="MAG701" s="613"/>
      <c r="MAH701" s="613"/>
      <c r="MAI701" s="613"/>
      <c r="MAJ701" s="613"/>
      <c r="MAK701" s="613"/>
      <c r="MAL701" s="613"/>
      <c r="MAM701" s="613"/>
      <c r="MAN701" s="613"/>
      <c r="MAO701" s="613"/>
      <c r="MAP701" s="613"/>
      <c r="MAQ701" s="613"/>
      <c r="MAR701" s="613"/>
      <c r="MAS701" s="613"/>
      <c r="MAT701" s="613"/>
      <c r="MAU701" s="613"/>
      <c r="MAV701" s="613"/>
      <c r="MAW701" s="613"/>
      <c r="MAX701" s="613"/>
      <c r="MAY701" s="613"/>
      <c r="MAZ701" s="613"/>
      <c r="MBA701" s="613"/>
      <c r="MBB701" s="613"/>
      <c r="MBC701" s="613"/>
      <c r="MBD701" s="613"/>
      <c r="MBE701" s="613"/>
      <c r="MBF701" s="613"/>
      <c r="MBG701" s="613"/>
      <c r="MBH701" s="613"/>
      <c r="MBI701" s="613"/>
      <c r="MBJ701" s="613"/>
      <c r="MBK701" s="613"/>
      <c r="MBL701" s="613"/>
      <c r="MBM701" s="613"/>
      <c r="MBN701" s="613"/>
      <c r="MBO701" s="613"/>
      <c r="MBP701" s="613"/>
      <c r="MBQ701" s="613"/>
      <c r="MBR701" s="613"/>
      <c r="MBS701" s="613"/>
      <c r="MBT701" s="613"/>
      <c r="MBU701" s="613"/>
      <c r="MBV701" s="613"/>
      <c r="MBW701" s="613"/>
      <c r="MBX701" s="613"/>
      <c r="MBY701" s="613"/>
      <c r="MBZ701" s="613"/>
      <c r="MCA701" s="613"/>
      <c r="MCB701" s="613"/>
      <c r="MCC701" s="613"/>
      <c r="MCD701" s="613"/>
      <c r="MCE701" s="613"/>
      <c r="MCF701" s="613"/>
      <c r="MCG701" s="613"/>
      <c r="MCH701" s="613"/>
      <c r="MCI701" s="613"/>
      <c r="MCJ701" s="613"/>
      <c r="MCK701" s="613"/>
      <c r="MCL701" s="613"/>
      <c r="MCM701" s="613"/>
      <c r="MCN701" s="613"/>
      <c r="MCO701" s="613"/>
      <c r="MCP701" s="613"/>
      <c r="MCQ701" s="613"/>
      <c r="MCR701" s="613"/>
      <c r="MCS701" s="613"/>
      <c r="MCT701" s="613"/>
      <c r="MCU701" s="613"/>
      <c r="MCV701" s="613"/>
      <c r="MCW701" s="613"/>
      <c r="MCX701" s="613"/>
      <c r="MCY701" s="613"/>
      <c r="MCZ701" s="613"/>
      <c r="MDA701" s="613"/>
      <c r="MDB701" s="613"/>
      <c r="MDC701" s="613"/>
      <c r="MDD701" s="613"/>
      <c r="MDE701" s="613"/>
      <c r="MDF701" s="613"/>
      <c r="MDG701" s="613"/>
      <c r="MDH701" s="613"/>
      <c r="MDI701" s="613"/>
      <c r="MDJ701" s="613"/>
      <c r="MDK701" s="613"/>
      <c r="MDL701" s="613"/>
      <c r="MDM701" s="613"/>
      <c r="MDN701" s="613"/>
      <c r="MDO701" s="613"/>
      <c r="MDP701" s="613"/>
      <c r="MDQ701" s="613"/>
      <c r="MDR701" s="613"/>
      <c r="MDS701" s="613"/>
      <c r="MDT701" s="613"/>
      <c r="MDU701" s="613"/>
      <c r="MDV701" s="613"/>
      <c r="MDW701" s="613"/>
      <c r="MDX701" s="613"/>
      <c r="MDY701" s="613"/>
      <c r="MDZ701" s="613"/>
      <c r="MEA701" s="613"/>
      <c r="MEB701" s="613"/>
      <c r="MEC701" s="613"/>
      <c r="MED701" s="613"/>
      <c r="MEE701" s="613"/>
      <c r="MEF701" s="613"/>
      <c r="MEG701" s="613"/>
      <c r="MEH701" s="613"/>
      <c r="MEI701" s="613"/>
      <c r="MEJ701" s="613"/>
      <c r="MEK701" s="613"/>
      <c r="MEL701" s="613"/>
      <c r="MEM701" s="613"/>
      <c r="MEN701" s="613"/>
      <c r="MEO701" s="613"/>
      <c r="MEP701" s="613"/>
      <c r="MEQ701" s="613"/>
      <c r="MER701" s="613"/>
      <c r="MES701" s="613"/>
      <c r="MET701" s="613"/>
      <c r="MEU701" s="613"/>
      <c r="MEV701" s="613"/>
      <c r="MEW701" s="613"/>
      <c r="MEX701" s="613"/>
      <c r="MEY701" s="613"/>
      <c r="MEZ701" s="613"/>
      <c r="MFA701" s="613"/>
      <c r="MFB701" s="613"/>
      <c r="MFC701" s="613"/>
      <c r="MFD701" s="613"/>
      <c r="MFE701" s="613"/>
      <c r="MFF701" s="613"/>
      <c r="MFG701" s="613"/>
      <c r="MFH701" s="613"/>
      <c r="MFI701" s="613"/>
      <c r="MFJ701" s="613"/>
      <c r="MFK701" s="613"/>
      <c r="MFL701" s="613"/>
      <c r="MFM701" s="613"/>
      <c r="MFN701" s="613"/>
      <c r="MFO701" s="613"/>
      <c r="MFP701" s="613"/>
      <c r="MFQ701" s="613"/>
      <c r="MFR701" s="613"/>
      <c r="MFS701" s="613"/>
      <c r="MFT701" s="613"/>
      <c r="MFU701" s="613"/>
      <c r="MFV701" s="613"/>
      <c r="MFW701" s="613"/>
      <c r="MFX701" s="613"/>
      <c r="MFY701" s="613"/>
      <c r="MFZ701" s="613"/>
      <c r="MGA701" s="613"/>
      <c r="MGB701" s="613"/>
      <c r="MGC701" s="613"/>
      <c r="MGD701" s="613"/>
      <c r="MGE701" s="613"/>
      <c r="MGF701" s="613"/>
      <c r="MGG701" s="613"/>
      <c r="MGH701" s="613"/>
      <c r="MGI701" s="613"/>
      <c r="MGJ701" s="613"/>
      <c r="MGK701" s="613"/>
      <c r="MGL701" s="613"/>
      <c r="MGM701" s="613"/>
      <c r="MGN701" s="613"/>
      <c r="MGO701" s="613"/>
      <c r="MGP701" s="613"/>
      <c r="MGQ701" s="613"/>
      <c r="MGR701" s="613"/>
      <c r="MGS701" s="613"/>
      <c r="MGT701" s="613"/>
      <c r="MGU701" s="613"/>
      <c r="MGV701" s="613"/>
      <c r="MGW701" s="613"/>
      <c r="MGX701" s="613"/>
      <c r="MGY701" s="613"/>
      <c r="MGZ701" s="613"/>
      <c r="MHA701" s="613"/>
      <c r="MHB701" s="613"/>
      <c r="MHC701" s="613"/>
      <c r="MHD701" s="613"/>
      <c r="MHE701" s="613"/>
      <c r="MHF701" s="613"/>
      <c r="MHG701" s="613"/>
      <c r="MHH701" s="613"/>
      <c r="MHI701" s="613"/>
      <c r="MHJ701" s="613"/>
      <c r="MHK701" s="613"/>
      <c r="MHL701" s="613"/>
      <c r="MHM701" s="613"/>
      <c r="MHN701" s="613"/>
      <c r="MHO701" s="613"/>
      <c r="MHP701" s="613"/>
      <c r="MHQ701" s="613"/>
      <c r="MHR701" s="613"/>
      <c r="MHS701" s="613"/>
      <c r="MHT701" s="613"/>
      <c r="MHU701" s="613"/>
      <c r="MHV701" s="613"/>
      <c r="MHW701" s="613"/>
      <c r="MHX701" s="613"/>
      <c r="MHY701" s="613"/>
      <c r="MHZ701" s="613"/>
      <c r="MIA701" s="613"/>
      <c r="MIB701" s="613"/>
      <c r="MIC701" s="613"/>
      <c r="MID701" s="613"/>
      <c r="MIE701" s="613"/>
      <c r="MIF701" s="613"/>
      <c r="MIG701" s="613"/>
      <c r="MIH701" s="613"/>
      <c r="MII701" s="613"/>
      <c r="MIJ701" s="613"/>
      <c r="MIK701" s="613"/>
      <c r="MIL701" s="613"/>
      <c r="MIM701" s="613"/>
      <c r="MIN701" s="613"/>
      <c r="MIO701" s="613"/>
      <c r="MIP701" s="613"/>
      <c r="MIQ701" s="613"/>
      <c r="MIR701" s="613"/>
      <c r="MIS701" s="613"/>
      <c r="MIT701" s="613"/>
      <c r="MIU701" s="613"/>
      <c r="MIV701" s="613"/>
      <c r="MIW701" s="613"/>
      <c r="MIX701" s="613"/>
      <c r="MIY701" s="613"/>
      <c r="MIZ701" s="613"/>
      <c r="MJA701" s="613"/>
      <c r="MJB701" s="613"/>
      <c r="MJC701" s="613"/>
      <c r="MJD701" s="613"/>
      <c r="MJE701" s="613"/>
      <c r="MJF701" s="613"/>
      <c r="MJG701" s="613"/>
      <c r="MJH701" s="613"/>
      <c r="MJI701" s="613"/>
      <c r="MJJ701" s="613"/>
      <c r="MJK701" s="613"/>
      <c r="MJL701" s="613"/>
      <c r="MJM701" s="613"/>
      <c r="MJN701" s="613"/>
      <c r="MJO701" s="613"/>
      <c r="MJP701" s="613"/>
      <c r="MJQ701" s="613"/>
      <c r="MJR701" s="613"/>
      <c r="MJS701" s="613"/>
      <c r="MJT701" s="613"/>
      <c r="MJU701" s="613"/>
      <c r="MJV701" s="613"/>
      <c r="MJW701" s="613"/>
      <c r="MJX701" s="613"/>
      <c r="MJY701" s="613"/>
      <c r="MJZ701" s="613"/>
      <c r="MKA701" s="613"/>
      <c r="MKB701" s="613"/>
      <c r="MKC701" s="613"/>
      <c r="MKD701" s="613"/>
      <c r="MKE701" s="613"/>
      <c r="MKF701" s="613"/>
      <c r="MKG701" s="613"/>
      <c r="MKH701" s="613"/>
      <c r="MKI701" s="613"/>
      <c r="MKJ701" s="613"/>
      <c r="MKK701" s="613"/>
      <c r="MKL701" s="613"/>
      <c r="MKM701" s="613"/>
      <c r="MKN701" s="613"/>
      <c r="MKO701" s="613"/>
      <c r="MKP701" s="613"/>
      <c r="MKQ701" s="613"/>
      <c r="MKR701" s="613"/>
      <c r="MKS701" s="613"/>
      <c r="MKT701" s="613"/>
      <c r="MKU701" s="613"/>
      <c r="MKV701" s="613"/>
      <c r="MKW701" s="613"/>
      <c r="MKX701" s="613"/>
      <c r="MKY701" s="613"/>
      <c r="MKZ701" s="613"/>
      <c r="MLA701" s="613"/>
      <c r="MLB701" s="613"/>
      <c r="MLC701" s="613"/>
      <c r="MLD701" s="613"/>
      <c r="MLE701" s="613"/>
      <c r="MLF701" s="613"/>
      <c r="MLG701" s="613"/>
      <c r="MLH701" s="613"/>
      <c r="MLI701" s="613"/>
      <c r="MLJ701" s="613"/>
      <c r="MLK701" s="613"/>
      <c r="MLL701" s="613"/>
      <c r="MLM701" s="613"/>
      <c r="MLN701" s="613"/>
      <c r="MLO701" s="613"/>
      <c r="MLP701" s="613"/>
      <c r="MLQ701" s="613"/>
      <c r="MLR701" s="613"/>
      <c r="MLS701" s="613"/>
      <c r="MLT701" s="613"/>
      <c r="MLU701" s="613"/>
      <c r="MLV701" s="613"/>
      <c r="MLW701" s="613"/>
      <c r="MLX701" s="613"/>
      <c r="MLY701" s="613"/>
      <c r="MLZ701" s="613"/>
      <c r="MMA701" s="613"/>
      <c r="MMB701" s="613"/>
      <c r="MMC701" s="613"/>
      <c r="MMD701" s="613"/>
      <c r="MME701" s="613"/>
      <c r="MMF701" s="613"/>
      <c r="MMG701" s="613"/>
      <c r="MMH701" s="613"/>
      <c r="MMI701" s="613"/>
      <c r="MMJ701" s="613"/>
      <c r="MMK701" s="613"/>
      <c r="MML701" s="613"/>
      <c r="MMM701" s="613"/>
      <c r="MMN701" s="613"/>
      <c r="MMO701" s="613"/>
      <c r="MMP701" s="613"/>
      <c r="MMQ701" s="613"/>
      <c r="MMR701" s="613"/>
      <c r="MMS701" s="613"/>
      <c r="MMT701" s="613"/>
      <c r="MMU701" s="613"/>
      <c r="MMV701" s="613"/>
      <c r="MMW701" s="613"/>
      <c r="MMX701" s="613"/>
      <c r="MMY701" s="613"/>
      <c r="MMZ701" s="613"/>
      <c r="MNA701" s="613"/>
      <c r="MNB701" s="613"/>
      <c r="MNC701" s="613"/>
      <c r="MND701" s="613"/>
      <c r="MNE701" s="613"/>
      <c r="MNF701" s="613"/>
      <c r="MNG701" s="613"/>
      <c r="MNH701" s="613"/>
      <c r="MNI701" s="613"/>
      <c r="MNJ701" s="613"/>
      <c r="MNK701" s="613"/>
      <c r="MNL701" s="613"/>
      <c r="MNM701" s="613"/>
      <c r="MNN701" s="613"/>
      <c r="MNO701" s="613"/>
      <c r="MNP701" s="613"/>
      <c r="MNQ701" s="613"/>
      <c r="MNR701" s="613"/>
      <c r="MNS701" s="613"/>
      <c r="MNT701" s="613"/>
      <c r="MNU701" s="613"/>
      <c r="MNV701" s="613"/>
      <c r="MNW701" s="613"/>
      <c r="MNX701" s="613"/>
      <c r="MNY701" s="613"/>
      <c r="MNZ701" s="613"/>
      <c r="MOA701" s="613"/>
      <c r="MOB701" s="613"/>
      <c r="MOC701" s="613"/>
      <c r="MOD701" s="613"/>
      <c r="MOE701" s="613"/>
      <c r="MOF701" s="613"/>
      <c r="MOG701" s="613"/>
      <c r="MOH701" s="613"/>
      <c r="MOI701" s="613"/>
      <c r="MOJ701" s="613"/>
      <c r="MOK701" s="613"/>
      <c r="MOL701" s="613"/>
      <c r="MOM701" s="613"/>
      <c r="MON701" s="613"/>
      <c r="MOO701" s="613"/>
      <c r="MOP701" s="613"/>
      <c r="MOQ701" s="613"/>
      <c r="MOR701" s="613"/>
      <c r="MOS701" s="613"/>
      <c r="MOT701" s="613"/>
      <c r="MOU701" s="613"/>
      <c r="MOV701" s="613"/>
      <c r="MOW701" s="613"/>
      <c r="MOX701" s="613"/>
      <c r="MOY701" s="613"/>
      <c r="MOZ701" s="613"/>
      <c r="MPA701" s="613"/>
      <c r="MPB701" s="613"/>
      <c r="MPC701" s="613"/>
      <c r="MPD701" s="613"/>
      <c r="MPE701" s="613"/>
      <c r="MPF701" s="613"/>
      <c r="MPG701" s="613"/>
      <c r="MPH701" s="613"/>
      <c r="MPI701" s="613"/>
      <c r="MPJ701" s="613"/>
      <c r="MPK701" s="613"/>
      <c r="MPL701" s="613"/>
      <c r="MPM701" s="613"/>
      <c r="MPN701" s="613"/>
      <c r="MPO701" s="613"/>
      <c r="MPP701" s="613"/>
      <c r="MPQ701" s="613"/>
      <c r="MPR701" s="613"/>
      <c r="MPS701" s="613"/>
      <c r="MPT701" s="613"/>
      <c r="MPU701" s="613"/>
      <c r="MPV701" s="613"/>
      <c r="MPW701" s="613"/>
      <c r="MPX701" s="613"/>
      <c r="MPY701" s="613"/>
      <c r="MPZ701" s="613"/>
      <c r="MQA701" s="613"/>
      <c r="MQB701" s="613"/>
      <c r="MQC701" s="613"/>
      <c r="MQD701" s="613"/>
      <c r="MQE701" s="613"/>
      <c r="MQF701" s="613"/>
      <c r="MQG701" s="613"/>
      <c r="MQH701" s="613"/>
      <c r="MQI701" s="613"/>
      <c r="MQJ701" s="613"/>
      <c r="MQK701" s="613"/>
      <c r="MQL701" s="613"/>
      <c r="MQM701" s="613"/>
      <c r="MQN701" s="613"/>
      <c r="MQO701" s="613"/>
      <c r="MQP701" s="613"/>
      <c r="MQQ701" s="613"/>
      <c r="MQR701" s="613"/>
      <c r="MQS701" s="613"/>
      <c r="MQT701" s="613"/>
      <c r="MQU701" s="613"/>
      <c r="MQV701" s="613"/>
      <c r="MQW701" s="613"/>
      <c r="MQX701" s="613"/>
      <c r="MQY701" s="613"/>
      <c r="MQZ701" s="613"/>
      <c r="MRA701" s="613"/>
      <c r="MRB701" s="613"/>
      <c r="MRC701" s="613"/>
      <c r="MRD701" s="613"/>
      <c r="MRE701" s="613"/>
      <c r="MRF701" s="613"/>
      <c r="MRG701" s="613"/>
      <c r="MRH701" s="613"/>
      <c r="MRI701" s="613"/>
      <c r="MRJ701" s="613"/>
      <c r="MRK701" s="613"/>
      <c r="MRL701" s="613"/>
      <c r="MRM701" s="613"/>
      <c r="MRN701" s="613"/>
      <c r="MRO701" s="613"/>
      <c r="MRP701" s="613"/>
      <c r="MRQ701" s="613"/>
      <c r="MRR701" s="613"/>
      <c r="MRS701" s="613"/>
      <c r="MRT701" s="613"/>
      <c r="MRU701" s="613"/>
      <c r="MRV701" s="613"/>
      <c r="MRW701" s="613"/>
      <c r="MRX701" s="613"/>
      <c r="MRY701" s="613"/>
      <c r="MRZ701" s="613"/>
      <c r="MSA701" s="613"/>
      <c r="MSB701" s="613"/>
      <c r="MSC701" s="613"/>
      <c r="MSD701" s="613"/>
      <c r="MSE701" s="613"/>
      <c r="MSF701" s="613"/>
      <c r="MSG701" s="613"/>
      <c r="MSH701" s="613"/>
      <c r="MSI701" s="613"/>
      <c r="MSJ701" s="613"/>
      <c r="MSK701" s="613"/>
      <c r="MSL701" s="613"/>
      <c r="MSM701" s="613"/>
      <c r="MSN701" s="613"/>
      <c r="MSO701" s="613"/>
      <c r="MSP701" s="613"/>
      <c r="MSQ701" s="613"/>
      <c r="MSR701" s="613"/>
      <c r="MSS701" s="613"/>
      <c r="MST701" s="613"/>
      <c r="MSU701" s="613"/>
      <c r="MSV701" s="613"/>
      <c r="MSW701" s="613"/>
      <c r="MSX701" s="613"/>
      <c r="MSY701" s="613"/>
      <c r="MSZ701" s="613"/>
      <c r="MTA701" s="613"/>
      <c r="MTB701" s="613"/>
      <c r="MTC701" s="613"/>
      <c r="MTD701" s="613"/>
      <c r="MTE701" s="613"/>
      <c r="MTF701" s="613"/>
      <c r="MTG701" s="613"/>
      <c r="MTH701" s="613"/>
      <c r="MTI701" s="613"/>
      <c r="MTJ701" s="613"/>
      <c r="MTK701" s="613"/>
      <c r="MTL701" s="613"/>
      <c r="MTM701" s="613"/>
      <c r="MTN701" s="613"/>
      <c r="MTO701" s="613"/>
      <c r="MTP701" s="613"/>
      <c r="MTQ701" s="613"/>
      <c r="MTR701" s="613"/>
      <c r="MTS701" s="613"/>
      <c r="MTT701" s="613"/>
      <c r="MTU701" s="613"/>
      <c r="MTV701" s="613"/>
      <c r="MTW701" s="613"/>
      <c r="MTX701" s="613"/>
      <c r="MTY701" s="613"/>
      <c r="MTZ701" s="613"/>
      <c r="MUA701" s="613"/>
      <c r="MUB701" s="613"/>
      <c r="MUC701" s="613"/>
      <c r="MUD701" s="613"/>
      <c r="MUE701" s="613"/>
      <c r="MUF701" s="613"/>
      <c r="MUG701" s="613"/>
      <c r="MUH701" s="613"/>
      <c r="MUI701" s="613"/>
      <c r="MUJ701" s="613"/>
      <c r="MUK701" s="613"/>
      <c r="MUL701" s="613"/>
      <c r="MUM701" s="613"/>
      <c r="MUN701" s="613"/>
      <c r="MUO701" s="613"/>
      <c r="MUP701" s="613"/>
      <c r="MUQ701" s="613"/>
      <c r="MUR701" s="613"/>
      <c r="MUS701" s="613"/>
      <c r="MUT701" s="613"/>
      <c r="MUU701" s="613"/>
      <c r="MUV701" s="613"/>
      <c r="MUW701" s="613"/>
      <c r="MUX701" s="613"/>
      <c r="MUY701" s="613"/>
      <c r="MUZ701" s="613"/>
      <c r="MVA701" s="613"/>
      <c r="MVB701" s="613"/>
      <c r="MVC701" s="613"/>
      <c r="MVD701" s="613"/>
      <c r="MVE701" s="613"/>
      <c r="MVF701" s="613"/>
      <c r="MVG701" s="613"/>
      <c r="MVH701" s="613"/>
      <c r="MVI701" s="613"/>
      <c r="MVJ701" s="613"/>
      <c r="MVK701" s="613"/>
      <c r="MVL701" s="613"/>
      <c r="MVM701" s="613"/>
      <c r="MVN701" s="613"/>
      <c r="MVO701" s="613"/>
      <c r="MVP701" s="613"/>
      <c r="MVQ701" s="613"/>
      <c r="MVR701" s="613"/>
      <c r="MVS701" s="613"/>
      <c r="MVT701" s="613"/>
      <c r="MVU701" s="613"/>
      <c r="MVV701" s="613"/>
      <c r="MVW701" s="613"/>
      <c r="MVX701" s="613"/>
      <c r="MVY701" s="613"/>
      <c r="MVZ701" s="613"/>
      <c r="MWA701" s="613"/>
      <c r="MWB701" s="613"/>
      <c r="MWC701" s="613"/>
      <c r="MWD701" s="613"/>
      <c r="MWE701" s="613"/>
      <c r="MWF701" s="613"/>
      <c r="MWG701" s="613"/>
      <c r="MWH701" s="613"/>
      <c r="MWI701" s="613"/>
      <c r="MWJ701" s="613"/>
      <c r="MWK701" s="613"/>
      <c r="MWL701" s="613"/>
      <c r="MWM701" s="613"/>
      <c r="MWN701" s="613"/>
      <c r="MWO701" s="613"/>
      <c r="MWP701" s="613"/>
      <c r="MWQ701" s="613"/>
      <c r="MWR701" s="613"/>
      <c r="MWS701" s="613"/>
      <c r="MWT701" s="613"/>
      <c r="MWU701" s="613"/>
      <c r="MWV701" s="613"/>
      <c r="MWW701" s="613"/>
      <c r="MWX701" s="613"/>
      <c r="MWY701" s="613"/>
      <c r="MWZ701" s="613"/>
      <c r="MXA701" s="613"/>
      <c r="MXB701" s="613"/>
      <c r="MXC701" s="613"/>
      <c r="MXD701" s="613"/>
      <c r="MXE701" s="613"/>
      <c r="MXF701" s="613"/>
      <c r="MXG701" s="613"/>
      <c r="MXH701" s="613"/>
      <c r="MXI701" s="613"/>
      <c r="MXJ701" s="613"/>
      <c r="MXK701" s="613"/>
      <c r="MXL701" s="613"/>
      <c r="MXM701" s="613"/>
      <c r="MXN701" s="613"/>
      <c r="MXO701" s="613"/>
      <c r="MXP701" s="613"/>
      <c r="MXQ701" s="613"/>
      <c r="MXR701" s="613"/>
      <c r="MXS701" s="613"/>
      <c r="MXT701" s="613"/>
      <c r="MXU701" s="613"/>
      <c r="MXV701" s="613"/>
      <c r="MXW701" s="613"/>
      <c r="MXX701" s="613"/>
      <c r="MXY701" s="613"/>
      <c r="MXZ701" s="613"/>
      <c r="MYA701" s="613"/>
      <c r="MYB701" s="613"/>
      <c r="MYC701" s="613"/>
      <c r="MYD701" s="613"/>
      <c r="MYE701" s="613"/>
      <c r="MYF701" s="613"/>
      <c r="MYG701" s="613"/>
      <c r="MYH701" s="613"/>
      <c r="MYI701" s="613"/>
      <c r="MYJ701" s="613"/>
      <c r="MYK701" s="613"/>
      <c r="MYL701" s="613"/>
      <c r="MYM701" s="613"/>
      <c r="MYN701" s="613"/>
      <c r="MYO701" s="613"/>
      <c r="MYP701" s="613"/>
      <c r="MYQ701" s="613"/>
      <c r="MYR701" s="613"/>
      <c r="MYS701" s="613"/>
      <c r="MYT701" s="613"/>
      <c r="MYU701" s="613"/>
      <c r="MYV701" s="613"/>
      <c r="MYW701" s="613"/>
      <c r="MYX701" s="613"/>
      <c r="MYY701" s="613"/>
      <c r="MYZ701" s="613"/>
      <c r="MZA701" s="613"/>
      <c r="MZB701" s="613"/>
      <c r="MZC701" s="613"/>
      <c r="MZD701" s="613"/>
      <c r="MZE701" s="613"/>
      <c r="MZF701" s="613"/>
      <c r="MZG701" s="613"/>
      <c r="MZH701" s="613"/>
      <c r="MZI701" s="613"/>
      <c r="MZJ701" s="613"/>
      <c r="MZK701" s="613"/>
      <c r="MZL701" s="613"/>
      <c r="MZM701" s="613"/>
      <c r="MZN701" s="613"/>
      <c r="MZO701" s="613"/>
      <c r="MZP701" s="613"/>
      <c r="MZQ701" s="613"/>
      <c r="MZR701" s="613"/>
      <c r="MZS701" s="613"/>
      <c r="MZT701" s="613"/>
      <c r="MZU701" s="613"/>
      <c r="MZV701" s="613"/>
      <c r="MZW701" s="613"/>
      <c r="MZX701" s="613"/>
      <c r="MZY701" s="613"/>
      <c r="MZZ701" s="613"/>
      <c r="NAA701" s="613"/>
      <c r="NAB701" s="613"/>
      <c r="NAC701" s="613"/>
      <c r="NAD701" s="613"/>
      <c r="NAE701" s="613"/>
      <c r="NAF701" s="613"/>
      <c r="NAG701" s="613"/>
      <c r="NAH701" s="613"/>
      <c r="NAI701" s="613"/>
      <c r="NAJ701" s="613"/>
      <c r="NAK701" s="613"/>
      <c r="NAL701" s="613"/>
      <c r="NAM701" s="613"/>
      <c r="NAN701" s="613"/>
      <c r="NAO701" s="613"/>
      <c r="NAP701" s="613"/>
      <c r="NAQ701" s="613"/>
      <c r="NAR701" s="613"/>
      <c r="NAS701" s="613"/>
      <c r="NAT701" s="613"/>
      <c r="NAU701" s="613"/>
      <c r="NAV701" s="613"/>
      <c r="NAW701" s="613"/>
      <c r="NAX701" s="613"/>
      <c r="NAY701" s="613"/>
      <c r="NAZ701" s="613"/>
      <c r="NBA701" s="613"/>
      <c r="NBB701" s="613"/>
      <c r="NBC701" s="613"/>
      <c r="NBD701" s="613"/>
      <c r="NBE701" s="613"/>
      <c r="NBF701" s="613"/>
      <c r="NBG701" s="613"/>
      <c r="NBH701" s="613"/>
      <c r="NBI701" s="613"/>
      <c r="NBJ701" s="613"/>
      <c r="NBK701" s="613"/>
      <c r="NBL701" s="613"/>
      <c r="NBM701" s="613"/>
      <c r="NBN701" s="613"/>
      <c r="NBO701" s="613"/>
      <c r="NBP701" s="613"/>
      <c r="NBQ701" s="613"/>
      <c r="NBR701" s="613"/>
      <c r="NBS701" s="613"/>
      <c r="NBT701" s="613"/>
      <c r="NBU701" s="613"/>
      <c r="NBV701" s="613"/>
      <c r="NBW701" s="613"/>
      <c r="NBX701" s="613"/>
      <c r="NBY701" s="613"/>
      <c r="NBZ701" s="613"/>
      <c r="NCA701" s="613"/>
      <c r="NCB701" s="613"/>
      <c r="NCC701" s="613"/>
      <c r="NCD701" s="613"/>
      <c r="NCE701" s="613"/>
      <c r="NCF701" s="613"/>
      <c r="NCG701" s="613"/>
      <c r="NCH701" s="613"/>
      <c r="NCI701" s="613"/>
      <c r="NCJ701" s="613"/>
      <c r="NCK701" s="613"/>
      <c r="NCL701" s="613"/>
      <c r="NCM701" s="613"/>
      <c r="NCN701" s="613"/>
      <c r="NCO701" s="613"/>
      <c r="NCP701" s="613"/>
      <c r="NCQ701" s="613"/>
      <c r="NCR701" s="613"/>
      <c r="NCS701" s="613"/>
      <c r="NCT701" s="613"/>
      <c r="NCU701" s="613"/>
      <c r="NCV701" s="613"/>
      <c r="NCW701" s="613"/>
      <c r="NCX701" s="613"/>
      <c r="NCY701" s="613"/>
      <c r="NCZ701" s="613"/>
      <c r="NDA701" s="613"/>
      <c r="NDB701" s="613"/>
      <c r="NDC701" s="613"/>
      <c r="NDD701" s="613"/>
      <c r="NDE701" s="613"/>
      <c r="NDF701" s="613"/>
      <c r="NDG701" s="613"/>
      <c r="NDH701" s="613"/>
      <c r="NDI701" s="613"/>
      <c r="NDJ701" s="613"/>
      <c r="NDK701" s="613"/>
      <c r="NDL701" s="613"/>
      <c r="NDM701" s="613"/>
      <c r="NDN701" s="613"/>
      <c r="NDO701" s="613"/>
      <c r="NDP701" s="613"/>
      <c r="NDQ701" s="613"/>
      <c r="NDR701" s="613"/>
      <c r="NDS701" s="613"/>
      <c r="NDT701" s="613"/>
      <c r="NDU701" s="613"/>
      <c r="NDV701" s="613"/>
      <c r="NDW701" s="613"/>
      <c r="NDX701" s="613"/>
      <c r="NDY701" s="613"/>
      <c r="NDZ701" s="613"/>
      <c r="NEA701" s="613"/>
      <c r="NEB701" s="613"/>
      <c r="NEC701" s="613"/>
      <c r="NED701" s="613"/>
      <c r="NEE701" s="613"/>
      <c r="NEF701" s="613"/>
      <c r="NEG701" s="613"/>
      <c r="NEH701" s="613"/>
      <c r="NEI701" s="613"/>
      <c r="NEJ701" s="613"/>
      <c r="NEK701" s="613"/>
      <c r="NEL701" s="613"/>
      <c r="NEM701" s="613"/>
      <c r="NEN701" s="613"/>
      <c r="NEO701" s="613"/>
      <c r="NEP701" s="613"/>
      <c r="NEQ701" s="613"/>
      <c r="NER701" s="613"/>
      <c r="NES701" s="613"/>
      <c r="NET701" s="613"/>
      <c r="NEU701" s="613"/>
      <c r="NEV701" s="613"/>
      <c r="NEW701" s="613"/>
      <c r="NEX701" s="613"/>
      <c r="NEY701" s="613"/>
      <c r="NEZ701" s="613"/>
      <c r="NFA701" s="613"/>
      <c r="NFB701" s="613"/>
      <c r="NFC701" s="613"/>
      <c r="NFD701" s="613"/>
      <c r="NFE701" s="613"/>
      <c r="NFF701" s="613"/>
      <c r="NFG701" s="613"/>
      <c r="NFH701" s="613"/>
      <c r="NFI701" s="613"/>
      <c r="NFJ701" s="613"/>
      <c r="NFK701" s="613"/>
      <c r="NFL701" s="613"/>
      <c r="NFM701" s="613"/>
      <c r="NFN701" s="613"/>
      <c r="NFO701" s="613"/>
      <c r="NFP701" s="613"/>
      <c r="NFQ701" s="613"/>
      <c r="NFR701" s="613"/>
      <c r="NFS701" s="613"/>
      <c r="NFT701" s="613"/>
      <c r="NFU701" s="613"/>
      <c r="NFV701" s="613"/>
      <c r="NFW701" s="613"/>
      <c r="NFX701" s="613"/>
      <c r="NFY701" s="613"/>
      <c r="NFZ701" s="613"/>
      <c r="NGA701" s="613"/>
      <c r="NGB701" s="613"/>
      <c r="NGC701" s="613"/>
      <c r="NGD701" s="613"/>
      <c r="NGE701" s="613"/>
      <c r="NGF701" s="613"/>
      <c r="NGG701" s="613"/>
      <c r="NGH701" s="613"/>
      <c r="NGI701" s="613"/>
      <c r="NGJ701" s="613"/>
      <c r="NGK701" s="613"/>
      <c r="NGL701" s="613"/>
      <c r="NGM701" s="613"/>
      <c r="NGN701" s="613"/>
      <c r="NGO701" s="613"/>
      <c r="NGP701" s="613"/>
      <c r="NGQ701" s="613"/>
      <c r="NGR701" s="613"/>
      <c r="NGS701" s="613"/>
      <c r="NGT701" s="613"/>
      <c r="NGU701" s="613"/>
      <c r="NGV701" s="613"/>
      <c r="NGW701" s="613"/>
      <c r="NGX701" s="613"/>
      <c r="NGY701" s="613"/>
      <c r="NGZ701" s="613"/>
      <c r="NHA701" s="613"/>
      <c r="NHB701" s="613"/>
      <c r="NHC701" s="613"/>
      <c r="NHD701" s="613"/>
      <c r="NHE701" s="613"/>
      <c r="NHF701" s="613"/>
      <c r="NHG701" s="613"/>
      <c r="NHH701" s="613"/>
      <c r="NHI701" s="613"/>
      <c r="NHJ701" s="613"/>
      <c r="NHK701" s="613"/>
      <c r="NHL701" s="613"/>
      <c r="NHM701" s="613"/>
      <c r="NHN701" s="613"/>
      <c r="NHO701" s="613"/>
      <c r="NHP701" s="613"/>
      <c r="NHQ701" s="613"/>
      <c r="NHR701" s="613"/>
      <c r="NHS701" s="613"/>
      <c r="NHT701" s="613"/>
      <c r="NHU701" s="613"/>
      <c r="NHV701" s="613"/>
      <c r="NHW701" s="613"/>
      <c r="NHX701" s="613"/>
      <c r="NHY701" s="613"/>
      <c r="NHZ701" s="613"/>
      <c r="NIA701" s="613"/>
      <c r="NIB701" s="613"/>
      <c r="NIC701" s="613"/>
      <c r="NID701" s="613"/>
      <c r="NIE701" s="613"/>
      <c r="NIF701" s="613"/>
      <c r="NIG701" s="613"/>
      <c r="NIH701" s="613"/>
      <c r="NII701" s="613"/>
      <c r="NIJ701" s="613"/>
      <c r="NIK701" s="613"/>
      <c r="NIL701" s="613"/>
      <c r="NIM701" s="613"/>
      <c r="NIN701" s="613"/>
      <c r="NIO701" s="613"/>
      <c r="NIP701" s="613"/>
      <c r="NIQ701" s="613"/>
      <c r="NIR701" s="613"/>
      <c r="NIS701" s="613"/>
      <c r="NIT701" s="613"/>
      <c r="NIU701" s="613"/>
      <c r="NIV701" s="613"/>
      <c r="NIW701" s="613"/>
      <c r="NIX701" s="613"/>
      <c r="NIY701" s="613"/>
      <c r="NIZ701" s="613"/>
      <c r="NJA701" s="613"/>
      <c r="NJB701" s="613"/>
      <c r="NJC701" s="613"/>
      <c r="NJD701" s="613"/>
      <c r="NJE701" s="613"/>
      <c r="NJF701" s="613"/>
      <c r="NJG701" s="613"/>
      <c r="NJH701" s="613"/>
      <c r="NJI701" s="613"/>
      <c r="NJJ701" s="613"/>
      <c r="NJK701" s="613"/>
      <c r="NJL701" s="613"/>
      <c r="NJM701" s="613"/>
      <c r="NJN701" s="613"/>
      <c r="NJO701" s="613"/>
      <c r="NJP701" s="613"/>
      <c r="NJQ701" s="613"/>
      <c r="NJR701" s="613"/>
      <c r="NJS701" s="613"/>
      <c r="NJT701" s="613"/>
      <c r="NJU701" s="613"/>
      <c r="NJV701" s="613"/>
      <c r="NJW701" s="613"/>
      <c r="NJX701" s="613"/>
      <c r="NJY701" s="613"/>
      <c r="NJZ701" s="613"/>
      <c r="NKA701" s="613"/>
      <c r="NKB701" s="613"/>
      <c r="NKC701" s="613"/>
      <c r="NKD701" s="613"/>
      <c r="NKE701" s="613"/>
      <c r="NKF701" s="613"/>
      <c r="NKG701" s="613"/>
      <c r="NKH701" s="613"/>
      <c r="NKI701" s="613"/>
      <c r="NKJ701" s="613"/>
      <c r="NKK701" s="613"/>
      <c r="NKL701" s="613"/>
      <c r="NKM701" s="613"/>
      <c r="NKN701" s="613"/>
      <c r="NKO701" s="613"/>
      <c r="NKP701" s="613"/>
      <c r="NKQ701" s="613"/>
      <c r="NKR701" s="613"/>
      <c r="NKS701" s="613"/>
      <c r="NKT701" s="613"/>
      <c r="NKU701" s="613"/>
      <c r="NKV701" s="613"/>
      <c r="NKW701" s="613"/>
      <c r="NKX701" s="613"/>
      <c r="NKY701" s="613"/>
      <c r="NKZ701" s="613"/>
      <c r="NLA701" s="613"/>
      <c r="NLB701" s="613"/>
      <c r="NLC701" s="613"/>
      <c r="NLD701" s="613"/>
      <c r="NLE701" s="613"/>
      <c r="NLF701" s="613"/>
      <c r="NLG701" s="613"/>
      <c r="NLH701" s="613"/>
      <c r="NLI701" s="613"/>
      <c r="NLJ701" s="613"/>
      <c r="NLK701" s="613"/>
      <c r="NLL701" s="613"/>
      <c r="NLM701" s="613"/>
      <c r="NLN701" s="613"/>
      <c r="NLO701" s="613"/>
      <c r="NLP701" s="613"/>
      <c r="NLQ701" s="613"/>
      <c r="NLR701" s="613"/>
      <c r="NLS701" s="613"/>
      <c r="NLT701" s="613"/>
      <c r="NLU701" s="613"/>
      <c r="NLV701" s="613"/>
      <c r="NLW701" s="613"/>
      <c r="NLX701" s="613"/>
      <c r="NLY701" s="613"/>
      <c r="NLZ701" s="613"/>
      <c r="NMA701" s="613"/>
      <c r="NMB701" s="613"/>
      <c r="NMC701" s="613"/>
      <c r="NMD701" s="613"/>
      <c r="NME701" s="613"/>
      <c r="NMF701" s="613"/>
      <c r="NMG701" s="613"/>
      <c r="NMH701" s="613"/>
      <c r="NMI701" s="613"/>
      <c r="NMJ701" s="613"/>
      <c r="NMK701" s="613"/>
      <c r="NML701" s="613"/>
      <c r="NMM701" s="613"/>
      <c r="NMN701" s="613"/>
      <c r="NMO701" s="613"/>
      <c r="NMP701" s="613"/>
      <c r="NMQ701" s="613"/>
      <c r="NMR701" s="613"/>
      <c r="NMS701" s="613"/>
      <c r="NMT701" s="613"/>
      <c r="NMU701" s="613"/>
      <c r="NMV701" s="613"/>
      <c r="NMW701" s="613"/>
      <c r="NMX701" s="613"/>
      <c r="NMY701" s="613"/>
      <c r="NMZ701" s="613"/>
      <c r="NNA701" s="613"/>
      <c r="NNB701" s="613"/>
      <c r="NNC701" s="613"/>
      <c r="NND701" s="613"/>
      <c r="NNE701" s="613"/>
      <c r="NNF701" s="613"/>
      <c r="NNG701" s="613"/>
      <c r="NNH701" s="613"/>
      <c r="NNI701" s="613"/>
      <c r="NNJ701" s="613"/>
      <c r="NNK701" s="613"/>
      <c r="NNL701" s="613"/>
      <c r="NNM701" s="613"/>
      <c r="NNN701" s="613"/>
      <c r="NNO701" s="613"/>
      <c r="NNP701" s="613"/>
      <c r="NNQ701" s="613"/>
      <c r="NNR701" s="613"/>
      <c r="NNS701" s="613"/>
      <c r="NNT701" s="613"/>
      <c r="NNU701" s="613"/>
      <c r="NNV701" s="613"/>
      <c r="NNW701" s="613"/>
      <c r="NNX701" s="613"/>
      <c r="NNY701" s="613"/>
      <c r="NNZ701" s="613"/>
      <c r="NOA701" s="613"/>
      <c r="NOB701" s="613"/>
      <c r="NOC701" s="613"/>
      <c r="NOD701" s="613"/>
      <c r="NOE701" s="613"/>
      <c r="NOF701" s="613"/>
      <c r="NOG701" s="613"/>
      <c r="NOH701" s="613"/>
      <c r="NOI701" s="613"/>
      <c r="NOJ701" s="613"/>
      <c r="NOK701" s="613"/>
      <c r="NOL701" s="613"/>
      <c r="NOM701" s="613"/>
      <c r="NON701" s="613"/>
      <c r="NOO701" s="613"/>
      <c r="NOP701" s="613"/>
      <c r="NOQ701" s="613"/>
      <c r="NOR701" s="613"/>
      <c r="NOS701" s="613"/>
      <c r="NOT701" s="613"/>
      <c r="NOU701" s="613"/>
      <c r="NOV701" s="613"/>
      <c r="NOW701" s="613"/>
      <c r="NOX701" s="613"/>
      <c r="NOY701" s="613"/>
      <c r="NOZ701" s="613"/>
      <c r="NPA701" s="613"/>
      <c r="NPB701" s="613"/>
      <c r="NPC701" s="613"/>
      <c r="NPD701" s="613"/>
      <c r="NPE701" s="613"/>
      <c r="NPF701" s="613"/>
      <c r="NPG701" s="613"/>
      <c r="NPH701" s="613"/>
      <c r="NPI701" s="613"/>
      <c r="NPJ701" s="613"/>
      <c r="NPK701" s="613"/>
      <c r="NPL701" s="613"/>
      <c r="NPM701" s="613"/>
      <c r="NPN701" s="613"/>
      <c r="NPO701" s="613"/>
      <c r="NPP701" s="613"/>
      <c r="NPQ701" s="613"/>
      <c r="NPR701" s="613"/>
      <c r="NPS701" s="613"/>
      <c r="NPT701" s="613"/>
      <c r="NPU701" s="613"/>
      <c r="NPV701" s="613"/>
      <c r="NPW701" s="613"/>
      <c r="NPX701" s="613"/>
      <c r="NPY701" s="613"/>
      <c r="NPZ701" s="613"/>
      <c r="NQA701" s="613"/>
      <c r="NQB701" s="613"/>
      <c r="NQC701" s="613"/>
      <c r="NQD701" s="613"/>
      <c r="NQE701" s="613"/>
      <c r="NQF701" s="613"/>
      <c r="NQG701" s="613"/>
      <c r="NQH701" s="613"/>
      <c r="NQI701" s="613"/>
      <c r="NQJ701" s="613"/>
      <c r="NQK701" s="613"/>
      <c r="NQL701" s="613"/>
      <c r="NQM701" s="613"/>
      <c r="NQN701" s="613"/>
      <c r="NQO701" s="613"/>
      <c r="NQP701" s="613"/>
      <c r="NQQ701" s="613"/>
      <c r="NQR701" s="613"/>
      <c r="NQS701" s="613"/>
      <c r="NQT701" s="613"/>
      <c r="NQU701" s="613"/>
      <c r="NQV701" s="613"/>
      <c r="NQW701" s="613"/>
      <c r="NQX701" s="613"/>
      <c r="NQY701" s="613"/>
      <c r="NQZ701" s="613"/>
      <c r="NRA701" s="613"/>
      <c r="NRB701" s="613"/>
      <c r="NRC701" s="613"/>
      <c r="NRD701" s="613"/>
      <c r="NRE701" s="613"/>
      <c r="NRF701" s="613"/>
      <c r="NRG701" s="613"/>
      <c r="NRH701" s="613"/>
      <c r="NRI701" s="613"/>
      <c r="NRJ701" s="613"/>
      <c r="NRK701" s="613"/>
      <c r="NRL701" s="613"/>
      <c r="NRM701" s="613"/>
      <c r="NRN701" s="613"/>
      <c r="NRO701" s="613"/>
      <c r="NRP701" s="613"/>
      <c r="NRQ701" s="613"/>
      <c r="NRR701" s="613"/>
      <c r="NRS701" s="613"/>
      <c r="NRT701" s="613"/>
      <c r="NRU701" s="613"/>
      <c r="NRV701" s="613"/>
      <c r="NRW701" s="613"/>
      <c r="NRX701" s="613"/>
      <c r="NRY701" s="613"/>
      <c r="NRZ701" s="613"/>
      <c r="NSA701" s="613"/>
      <c r="NSB701" s="613"/>
      <c r="NSC701" s="613"/>
      <c r="NSD701" s="613"/>
      <c r="NSE701" s="613"/>
      <c r="NSF701" s="613"/>
      <c r="NSG701" s="613"/>
      <c r="NSH701" s="613"/>
      <c r="NSI701" s="613"/>
      <c r="NSJ701" s="613"/>
      <c r="NSK701" s="613"/>
      <c r="NSL701" s="613"/>
      <c r="NSM701" s="613"/>
      <c r="NSN701" s="613"/>
      <c r="NSO701" s="613"/>
      <c r="NSP701" s="613"/>
      <c r="NSQ701" s="613"/>
      <c r="NSR701" s="613"/>
      <c r="NSS701" s="613"/>
      <c r="NST701" s="613"/>
      <c r="NSU701" s="613"/>
      <c r="NSV701" s="613"/>
      <c r="NSW701" s="613"/>
      <c r="NSX701" s="613"/>
      <c r="NSY701" s="613"/>
      <c r="NSZ701" s="613"/>
      <c r="NTA701" s="613"/>
      <c r="NTB701" s="613"/>
      <c r="NTC701" s="613"/>
      <c r="NTD701" s="613"/>
      <c r="NTE701" s="613"/>
      <c r="NTF701" s="613"/>
      <c r="NTG701" s="613"/>
      <c r="NTH701" s="613"/>
      <c r="NTI701" s="613"/>
      <c r="NTJ701" s="613"/>
      <c r="NTK701" s="613"/>
      <c r="NTL701" s="613"/>
      <c r="NTM701" s="613"/>
      <c r="NTN701" s="613"/>
      <c r="NTO701" s="613"/>
      <c r="NTP701" s="613"/>
      <c r="NTQ701" s="613"/>
      <c r="NTR701" s="613"/>
      <c r="NTS701" s="613"/>
      <c r="NTT701" s="613"/>
      <c r="NTU701" s="613"/>
      <c r="NTV701" s="613"/>
      <c r="NTW701" s="613"/>
      <c r="NTX701" s="613"/>
      <c r="NTY701" s="613"/>
      <c r="NTZ701" s="613"/>
      <c r="NUA701" s="613"/>
      <c r="NUB701" s="613"/>
      <c r="NUC701" s="613"/>
      <c r="NUD701" s="613"/>
      <c r="NUE701" s="613"/>
      <c r="NUF701" s="613"/>
      <c r="NUG701" s="613"/>
      <c r="NUH701" s="613"/>
      <c r="NUI701" s="613"/>
      <c r="NUJ701" s="613"/>
      <c r="NUK701" s="613"/>
      <c r="NUL701" s="613"/>
      <c r="NUM701" s="613"/>
      <c r="NUN701" s="613"/>
      <c r="NUO701" s="613"/>
      <c r="NUP701" s="613"/>
      <c r="NUQ701" s="613"/>
      <c r="NUR701" s="613"/>
      <c r="NUS701" s="613"/>
      <c r="NUT701" s="613"/>
      <c r="NUU701" s="613"/>
      <c r="NUV701" s="613"/>
      <c r="NUW701" s="613"/>
      <c r="NUX701" s="613"/>
      <c r="NUY701" s="613"/>
      <c r="NUZ701" s="613"/>
      <c r="NVA701" s="613"/>
      <c r="NVB701" s="613"/>
      <c r="NVC701" s="613"/>
      <c r="NVD701" s="613"/>
      <c r="NVE701" s="613"/>
      <c r="NVF701" s="613"/>
      <c r="NVG701" s="613"/>
      <c r="NVH701" s="613"/>
      <c r="NVI701" s="613"/>
      <c r="NVJ701" s="613"/>
      <c r="NVK701" s="613"/>
      <c r="NVL701" s="613"/>
      <c r="NVM701" s="613"/>
      <c r="NVN701" s="613"/>
      <c r="NVO701" s="613"/>
      <c r="NVP701" s="613"/>
      <c r="NVQ701" s="613"/>
      <c r="NVR701" s="613"/>
      <c r="NVS701" s="613"/>
      <c r="NVT701" s="613"/>
      <c r="NVU701" s="613"/>
      <c r="NVV701" s="613"/>
      <c r="NVW701" s="613"/>
      <c r="NVX701" s="613"/>
      <c r="NVY701" s="613"/>
      <c r="NVZ701" s="613"/>
      <c r="NWA701" s="613"/>
      <c r="NWB701" s="613"/>
      <c r="NWC701" s="613"/>
      <c r="NWD701" s="613"/>
      <c r="NWE701" s="613"/>
      <c r="NWF701" s="613"/>
      <c r="NWG701" s="613"/>
      <c r="NWH701" s="613"/>
      <c r="NWI701" s="613"/>
      <c r="NWJ701" s="613"/>
      <c r="NWK701" s="613"/>
      <c r="NWL701" s="613"/>
      <c r="NWM701" s="613"/>
      <c r="NWN701" s="613"/>
      <c r="NWO701" s="613"/>
      <c r="NWP701" s="613"/>
      <c r="NWQ701" s="613"/>
      <c r="NWR701" s="613"/>
      <c r="NWS701" s="613"/>
      <c r="NWT701" s="613"/>
      <c r="NWU701" s="613"/>
      <c r="NWV701" s="613"/>
      <c r="NWW701" s="613"/>
      <c r="NWX701" s="613"/>
      <c r="NWY701" s="613"/>
      <c r="NWZ701" s="613"/>
      <c r="NXA701" s="613"/>
      <c r="NXB701" s="613"/>
      <c r="NXC701" s="613"/>
      <c r="NXD701" s="613"/>
      <c r="NXE701" s="613"/>
      <c r="NXF701" s="613"/>
      <c r="NXG701" s="613"/>
      <c r="NXH701" s="613"/>
      <c r="NXI701" s="613"/>
      <c r="NXJ701" s="613"/>
      <c r="NXK701" s="613"/>
      <c r="NXL701" s="613"/>
      <c r="NXM701" s="613"/>
      <c r="NXN701" s="613"/>
      <c r="NXO701" s="613"/>
      <c r="NXP701" s="613"/>
      <c r="NXQ701" s="613"/>
      <c r="NXR701" s="613"/>
      <c r="NXS701" s="613"/>
      <c r="NXT701" s="613"/>
      <c r="NXU701" s="613"/>
      <c r="NXV701" s="613"/>
      <c r="NXW701" s="613"/>
      <c r="NXX701" s="613"/>
      <c r="NXY701" s="613"/>
      <c r="NXZ701" s="613"/>
      <c r="NYA701" s="613"/>
      <c r="NYB701" s="613"/>
      <c r="NYC701" s="613"/>
      <c r="NYD701" s="613"/>
      <c r="NYE701" s="613"/>
      <c r="NYF701" s="613"/>
      <c r="NYG701" s="613"/>
      <c r="NYH701" s="613"/>
      <c r="NYI701" s="613"/>
      <c r="NYJ701" s="613"/>
      <c r="NYK701" s="613"/>
      <c r="NYL701" s="613"/>
      <c r="NYM701" s="613"/>
      <c r="NYN701" s="613"/>
      <c r="NYO701" s="613"/>
      <c r="NYP701" s="613"/>
      <c r="NYQ701" s="613"/>
      <c r="NYR701" s="613"/>
      <c r="NYS701" s="613"/>
      <c r="NYT701" s="613"/>
      <c r="NYU701" s="613"/>
      <c r="NYV701" s="613"/>
      <c r="NYW701" s="613"/>
      <c r="NYX701" s="613"/>
      <c r="NYY701" s="613"/>
      <c r="NYZ701" s="613"/>
      <c r="NZA701" s="613"/>
      <c r="NZB701" s="613"/>
      <c r="NZC701" s="613"/>
      <c r="NZD701" s="613"/>
      <c r="NZE701" s="613"/>
      <c r="NZF701" s="613"/>
      <c r="NZG701" s="613"/>
      <c r="NZH701" s="613"/>
      <c r="NZI701" s="613"/>
      <c r="NZJ701" s="613"/>
      <c r="NZK701" s="613"/>
      <c r="NZL701" s="613"/>
      <c r="NZM701" s="613"/>
      <c r="NZN701" s="613"/>
      <c r="NZO701" s="613"/>
      <c r="NZP701" s="613"/>
      <c r="NZQ701" s="613"/>
      <c r="NZR701" s="613"/>
      <c r="NZS701" s="613"/>
      <c r="NZT701" s="613"/>
      <c r="NZU701" s="613"/>
      <c r="NZV701" s="613"/>
      <c r="NZW701" s="613"/>
      <c r="NZX701" s="613"/>
      <c r="NZY701" s="613"/>
      <c r="NZZ701" s="613"/>
      <c r="OAA701" s="613"/>
      <c r="OAB701" s="613"/>
      <c r="OAC701" s="613"/>
      <c r="OAD701" s="613"/>
      <c r="OAE701" s="613"/>
      <c r="OAF701" s="613"/>
      <c r="OAG701" s="613"/>
      <c r="OAH701" s="613"/>
      <c r="OAI701" s="613"/>
      <c r="OAJ701" s="613"/>
      <c r="OAK701" s="613"/>
      <c r="OAL701" s="613"/>
      <c r="OAM701" s="613"/>
      <c r="OAN701" s="613"/>
      <c r="OAO701" s="613"/>
      <c r="OAP701" s="613"/>
      <c r="OAQ701" s="613"/>
      <c r="OAR701" s="613"/>
      <c r="OAS701" s="613"/>
      <c r="OAT701" s="613"/>
      <c r="OAU701" s="613"/>
      <c r="OAV701" s="613"/>
      <c r="OAW701" s="613"/>
      <c r="OAX701" s="613"/>
      <c r="OAY701" s="613"/>
      <c r="OAZ701" s="613"/>
      <c r="OBA701" s="613"/>
      <c r="OBB701" s="613"/>
      <c r="OBC701" s="613"/>
      <c r="OBD701" s="613"/>
      <c r="OBE701" s="613"/>
      <c r="OBF701" s="613"/>
      <c r="OBG701" s="613"/>
      <c r="OBH701" s="613"/>
      <c r="OBI701" s="613"/>
      <c r="OBJ701" s="613"/>
      <c r="OBK701" s="613"/>
      <c r="OBL701" s="613"/>
      <c r="OBM701" s="613"/>
      <c r="OBN701" s="613"/>
      <c r="OBO701" s="613"/>
      <c r="OBP701" s="613"/>
      <c r="OBQ701" s="613"/>
      <c r="OBR701" s="613"/>
      <c r="OBS701" s="613"/>
      <c r="OBT701" s="613"/>
      <c r="OBU701" s="613"/>
      <c r="OBV701" s="613"/>
      <c r="OBW701" s="613"/>
      <c r="OBX701" s="613"/>
      <c r="OBY701" s="613"/>
      <c r="OBZ701" s="613"/>
      <c r="OCA701" s="613"/>
      <c r="OCB701" s="613"/>
      <c r="OCC701" s="613"/>
      <c r="OCD701" s="613"/>
      <c r="OCE701" s="613"/>
      <c r="OCF701" s="613"/>
      <c r="OCG701" s="613"/>
      <c r="OCH701" s="613"/>
      <c r="OCI701" s="613"/>
      <c r="OCJ701" s="613"/>
      <c r="OCK701" s="613"/>
      <c r="OCL701" s="613"/>
      <c r="OCM701" s="613"/>
      <c r="OCN701" s="613"/>
      <c r="OCO701" s="613"/>
      <c r="OCP701" s="613"/>
      <c r="OCQ701" s="613"/>
      <c r="OCR701" s="613"/>
      <c r="OCS701" s="613"/>
      <c r="OCT701" s="613"/>
      <c r="OCU701" s="613"/>
      <c r="OCV701" s="613"/>
      <c r="OCW701" s="613"/>
      <c r="OCX701" s="613"/>
      <c r="OCY701" s="613"/>
      <c r="OCZ701" s="613"/>
      <c r="ODA701" s="613"/>
      <c r="ODB701" s="613"/>
      <c r="ODC701" s="613"/>
      <c r="ODD701" s="613"/>
      <c r="ODE701" s="613"/>
      <c r="ODF701" s="613"/>
      <c r="ODG701" s="613"/>
      <c r="ODH701" s="613"/>
      <c r="ODI701" s="613"/>
      <c r="ODJ701" s="613"/>
      <c r="ODK701" s="613"/>
      <c r="ODL701" s="613"/>
      <c r="ODM701" s="613"/>
      <c r="ODN701" s="613"/>
      <c r="ODO701" s="613"/>
      <c r="ODP701" s="613"/>
      <c r="ODQ701" s="613"/>
      <c r="ODR701" s="613"/>
      <c r="ODS701" s="613"/>
      <c r="ODT701" s="613"/>
      <c r="ODU701" s="613"/>
      <c r="ODV701" s="613"/>
      <c r="ODW701" s="613"/>
      <c r="ODX701" s="613"/>
      <c r="ODY701" s="613"/>
      <c r="ODZ701" s="613"/>
      <c r="OEA701" s="613"/>
      <c r="OEB701" s="613"/>
      <c r="OEC701" s="613"/>
      <c r="OED701" s="613"/>
      <c r="OEE701" s="613"/>
      <c r="OEF701" s="613"/>
      <c r="OEG701" s="613"/>
      <c r="OEH701" s="613"/>
      <c r="OEI701" s="613"/>
      <c r="OEJ701" s="613"/>
      <c r="OEK701" s="613"/>
      <c r="OEL701" s="613"/>
      <c r="OEM701" s="613"/>
      <c r="OEN701" s="613"/>
      <c r="OEO701" s="613"/>
      <c r="OEP701" s="613"/>
      <c r="OEQ701" s="613"/>
      <c r="OER701" s="613"/>
      <c r="OES701" s="613"/>
      <c r="OET701" s="613"/>
      <c r="OEU701" s="613"/>
      <c r="OEV701" s="613"/>
      <c r="OEW701" s="613"/>
      <c r="OEX701" s="613"/>
      <c r="OEY701" s="613"/>
      <c r="OEZ701" s="613"/>
      <c r="OFA701" s="613"/>
      <c r="OFB701" s="613"/>
      <c r="OFC701" s="613"/>
      <c r="OFD701" s="613"/>
      <c r="OFE701" s="613"/>
      <c r="OFF701" s="613"/>
      <c r="OFG701" s="613"/>
      <c r="OFH701" s="613"/>
      <c r="OFI701" s="613"/>
      <c r="OFJ701" s="613"/>
      <c r="OFK701" s="613"/>
      <c r="OFL701" s="613"/>
      <c r="OFM701" s="613"/>
      <c r="OFN701" s="613"/>
      <c r="OFO701" s="613"/>
      <c r="OFP701" s="613"/>
      <c r="OFQ701" s="613"/>
      <c r="OFR701" s="613"/>
      <c r="OFS701" s="613"/>
      <c r="OFT701" s="613"/>
      <c r="OFU701" s="613"/>
      <c r="OFV701" s="613"/>
      <c r="OFW701" s="613"/>
      <c r="OFX701" s="613"/>
      <c r="OFY701" s="613"/>
      <c r="OFZ701" s="613"/>
      <c r="OGA701" s="613"/>
      <c r="OGB701" s="613"/>
      <c r="OGC701" s="613"/>
      <c r="OGD701" s="613"/>
      <c r="OGE701" s="613"/>
      <c r="OGF701" s="613"/>
      <c r="OGG701" s="613"/>
      <c r="OGH701" s="613"/>
      <c r="OGI701" s="613"/>
      <c r="OGJ701" s="613"/>
      <c r="OGK701" s="613"/>
      <c r="OGL701" s="613"/>
      <c r="OGM701" s="613"/>
      <c r="OGN701" s="613"/>
      <c r="OGO701" s="613"/>
      <c r="OGP701" s="613"/>
      <c r="OGQ701" s="613"/>
      <c r="OGR701" s="613"/>
      <c r="OGS701" s="613"/>
      <c r="OGT701" s="613"/>
      <c r="OGU701" s="613"/>
      <c r="OGV701" s="613"/>
      <c r="OGW701" s="613"/>
      <c r="OGX701" s="613"/>
      <c r="OGY701" s="613"/>
      <c r="OGZ701" s="613"/>
      <c r="OHA701" s="613"/>
      <c r="OHB701" s="613"/>
      <c r="OHC701" s="613"/>
      <c r="OHD701" s="613"/>
      <c r="OHE701" s="613"/>
      <c r="OHF701" s="613"/>
      <c r="OHG701" s="613"/>
      <c r="OHH701" s="613"/>
      <c r="OHI701" s="613"/>
      <c r="OHJ701" s="613"/>
      <c r="OHK701" s="613"/>
      <c r="OHL701" s="613"/>
      <c r="OHM701" s="613"/>
      <c r="OHN701" s="613"/>
      <c r="OHO701" s="613"/>
      <c r="OHP701" s="613"/>
      <c r="OHQ701" s="613"/>
      <c r="OHR701" s="613"/>
      <c r="OHS701" s="613"/>
      <c r="OHT701" s="613"/>
      <c r="OHU701" s="613"/>
      <c r="OHV701" s="613"/>
      <c r="OHW701" s="613"/>
      <c r="OHX701" s="613"/>
      <c r="OHY701" s="613"/>
      <c r="OHZ701" s="613"/>
      <c r="OIA701" s="613"/>
      <c r="OIB701" s="613"/>
      <c r="OIC701" s="613"/>
      <c r="OID701" s="613"/>
      <c r="OIE701" s="613"/>
      <c r="OIF701" s="613"/>
      <c r="OIG701" s="613"/>
      <c r="OIH701" s="613"/>
      <c r="OII701" s="613"/>
      <c r="OIJ701" s="613"/>
      <c r="OIK701" s="613"/>
      <c r="OIL701" s="613"/>
      <c r="OIM701" s="613"/>
      <c r="OIN701" s="613"/>
      <c r="OIO701" s="613"/>
      <c r="OIP701" s="613"/>
      <c r="OIQ701" s="613"/>
      <c r="OIR701" s="613"/>
      <c r="OIS701" s="613"/>
      <c r="OIT701" s="613"/>
      <c r="OIU701" s="613"/>
      <c r="OIV701" s="613"/>
      <c r="OIW701" s="613"/>
      <c r="OIX701" s="613"/>
      <c r="OIY701" s="613"/>
      <c r="OIZ701" s="613"/>
      <c r="OJA701" s="613"/>
      <c r="OJB701" s="613"/>
      <c r="OJC701" s="613"/>
      <c r="OJD701" s="613"/>
      <c r="OJE701" s="613"/>
      <c r="OJF701" s="613"/>
      <c r="OJG701" s="613"/>
      <c r="OJH701" s="613"/>
      <c r="OJI701" s="613"/>
      <c r="OJJ701" s="613"/>
      <c r="OJK701" s="613"/>
      <c r="OJL701" s="613"/>
      <c r="OJM701" s="613"/>
      <c r="OJN701" s="613"/>
      <c r="OJO701" s="613"/>
      <c r="OJP701" s="613"/>
      <c r="OJQ701" s="613"/>
      <c r="OJR701" s="613"/>
      <c r="OJS701" s="613"/>
      <c r="OJT701" s="613"/>
      <c r="OJU701" s="613"/>
      <c r="OJV701" s="613"/>
      <c r="OJW701" s="613"/>
      <c r="OJX701" s="613"/>
      <c r="OJY701" s="613"/>
      <c r="OJZ701" s="613"/>
      <c r="OKA701" s="613"/>
      <c r="OKB701" s="613"/>
      <c r="OKC701" s="613"/>
      <c r="OKD701" s="613"/>
      <c r="OKE701" s="613"/>
      <c r="OKF701" s="613"/>
      <c r="OKG701" s="613"/>
      <c r="OKH701" s="613"/>
      <c r="OKI701" s="613"/>
      <c r="OKJ701" s="613"/>
      <c r="OKK701" s="613"/>
      <c r="OKL701" s="613"/>
      <c r="OKM701" s="613"/>
      <c r="OKN701" s="613"/>
      <c r="OKO701" s="613"/>
      <c r="OKP701" s="613"/>
      <c r="OKQ701" s="613"/>
      <c r="OKR701" s="613"/>
      <c r="OKS701" s="613"/>
      <c r="OKT701" s="613"/>
      <c r="OKU701" s="613"/>
      <c r="OKV701" s="613"/>
      <c r="OKW701" s="613"/>
      <c r="OKX701" s="613"/>
      <c r="OKY701" s="613"/>
      <c r="OKZ701" s="613"/>
      <c r="OLA701" s="613"/>
      <c r="OLB701" s="613"/>
      <c r="OLC701" s="613"/>
      <c r="OLD701" s="613"/>
      <c r="OLE701" s="613"/>
      <c r="OLF701" s="613"/>
      <c r="OLG701" s="613"/>
      <c r="OLH701" s="613"/>
      <c r="OLI701" s="613"/>
      <c r="OLJ701" s="613"/>
      <c r="OLK701" s="613"/>
      <c r="OLL701" s="613"/>
      <c r="OLM701" s="613"/>
      <c r="OLN701" s="613"/>
      <c r="OLO701" s="613"/>
      <c r="OLP701" s="613"/>
      <c r="OLQ701" s="613"/>
      <c r="OLR701" s="613"/>
      <c r="OLS701" s="613"/>
      <c r="OLT701" s="613"/>
      <c r="OLU701" s="613"/>
      <c r="OLV701" s="613"/>
      <c r="OLW701" s="613"/>
      <c r="OLX701" s="613"/>
      <c r="OLY701" s="613"/>
      <c r="OLZ701" s="613"/>
      <c r="OMA701" s="613"/>
      <c r="OMB701" s="613"/>
      <c r="OMC701" s="613"/>
      <c r="OMD701" s="613"/>
      <c r="OME701" s="613"/>
      <c r="OMF701" s="613"/>
      <c r="OMG701" s="613"/>
      <c r="OMH701" s="613"/>
      <c r="OMI701" s="613"/>
      <c r="OMJ701" s="613"/>
      <c r="OMK701" s="613"/>
      <c r="OML701" s="613"/>
      <c r="OMM701" s="613"/>
      <c r="OMN701" s="613"/>
      <c r="OMO701" s="613"/>
      <c r="OMP701" s="613"/>
      <c r="OMQ701" s="613"/>
      <c r="OMR701" s="613"/>
      <c r="OMS701" s="613"/>
      <c r="OMT701" s="613"/>
      <c r="OMU701" s="613"/>
      <c r="OMV701" s="613"/>
      <c r="OMW701" s="613"/>
      <c r="OMX701" s="613"/>
      <c r="OMY701" s="613"/>
      <c r="OMZ701" s="613"/>
      <c r="ONA701" s="613"/>
      <c r="ONB701" s="613"/>
      <c r="ONC701" s="613"/>
      <c r="OND701" s="613"/>
      <c r="ONE701" s="613"/>
      <c r="ONF701" s="613"/>
      <c r="ONG701" s="613"/>
      <c r="ONH701" s="613"/>
      <c r="ONI701" s="613"/>
      <c r="ONJ701" s="613"/>
      <c r="ONK701" s="613"/>
      <c r="ONL701" s="613"/>
      <c r="ONM701" s="613"/>
      <c r="ONN701" s="613"/>
      <c r="ONO701" s="613"/>
      <c r="ONP701" s="613"/>
      <c r="ONQ701" s="613"/>
      <c r="ONR701" s="613"/>
      <c r="ONS701" s="613"/>
      <c r="ONT701" s="613"/>
      <c r="ONU701" s="613"/>
      <c r="ONV701" s="613"/>
      <c r="ONW701" s="613"/>
      <c r="ONX701" s="613"/>
      <c r="ONY701" s="613"/>
      <c r="ONZ701" s="613"/>
      <c r="OOA701" s="613"/>
      <c r="OOB701" s="613"/>
      <c r="OOC701" s="613"/>
      <c r="OOD701" s="613"/>
      <c r="OOE701" s="613"/>
      <c r="OOF701" s="613"/>
      <c r="OOG701" s="613"/>
      <c r="OOH701" s="613"/>
      <c r="OOI701" s="613"/>
      <c r="OOJ701" s="613"/>
      <c r="OOK701" s="613"/>
      <c r="OOL701" s="613"/>
      <c r="OOM701" s="613"/>
      <c r="OON701" s="613"/>
      <c r="OOO701" s="613"/>
      <c r="OOP701" s="613"/>
      <c r="OOQ701" s="613"/>
      <c r="OOR701" s="613"/>
      <c r="OOS701" s="613"/>
      <c r="OOT701" s="613"/>
      <c r="OOU701" s="613"/>
      <c r="OOV701" s="613"/>
      <c r="OOW701" s="613"/>
      <c r="OOX701" s="613"/>
      <c r="OOY701" s="613"/>
      <c r="OOZ701" s="613"/>
      <c r="OPA701" s="613"/>
      <c r="OPB701" s="613"/>
      <c r="OPC701" s="613"/>
      <c r="OPD701" s="613"/>
      <c r="OPE701" s="613"/>
      <c r="OPF701" s="613"/>
      <c r="OPG701" s="613"/>
      <c r="OPH701" s="613"/>
      <c r="OPI701" s="613"/>
      <c r="OPJ701" s="613"/>
      <c r="OPK701" s="613"/>
      <c r="OPL701" s="613"/>
      <c r="OPM701" s="613"/>
      <c r="OPN701" s="613"/>
      <c r="OPO701" s="613"/>
      <c r="OPP701" s="613"/>
      <c r="OPQ701" s="613"/>
      <c r="OPR701" s="613"/>
      <c r="OPS701" s="613"/>
      <c r="OPT701" s="613"/>
      <c r="OPU701" s="613"/>
      <c r="OPV701" s="613"/>
      <c r="OPW701" s="613"/>
      <c r="OPX701" s="613"/>
      <c r="OPY701" s="613"/>
      <c r="OPZ701" s="613"/>
      <c r="OQA701" s="613"/>
      <c r="OQB701" s="613"/>
      <c r="OQC701" s="613"/>
      <c r="OQD701" s="613"/>
      <c r="OQE701" s="613"/>
      <c r="OQF701" s="613"/>
      <c r="OQG701" s="613"/>
      <c r="OQH701" s="613"/>
      <c r="OQI701" s="613"/>
      <c r="OQJ701" s="613"/>
      <c r="OQK701" s="613"/>
      <c r="OQL701" s="613"/>
      <c r="OQM701" s="613"/>
      <c r="OQN701" s="613"/>
      <c r="OQO701" s="613"/>
      <c r="OQP701" s="613"/>
      <c r="OQQ701" s="613"/>
      <c r="OQR701" s="613"/>
      <c r="OQS701" s="613"/>
      <c r="OQT701" s="613"/>
      <c r="OQU701" s="613"/>
      <c r="OQV701" s="613"/>
      <c r="OQW701" s="613"/>
      <c r="OQX701" s="613"/>
      <c r="OQY701" s="613"/>
      <c r="OQZ701" s="613"/>
      <c r="ORA701" s="613"/>
      <c r="ORB701" s="613"/>
      <c r="ORC701" s="613"/>
      <c r="ORD701" s="613"/>
      <c r="ORE701" s="613"/>
      <c r="ORF701" s="613"/>
      <c r="ORG701" s="613"/>
      <c r="ORH701" s="613"/>
      <c r="ORI701" s="613"/>
      <c r="ORJ701" s="613"/>
      <c r="ORK701" s="613"/>
      <c r="ORL701" s="613"/>
      <c r="ORM701" s="613"/>
      <c r="ORN701" s="613"/>
      <c r="ORO701" s="613"/>
      <c r="ORP701" s="613"/>
      <c r="ORQ701" s="613"/>
      <c r="ORR701" s="613"/>
      <c r="ORS701" s="613"/>
      <c r="ORT701" s="613"/>
      <c r="ORU701" s="613"/>
      <c r="ORV701" s="613"/>
      <c r="ORW701" s="613"/>
      <c r="ORX701" s="613"/>
      <c r="ORY701" s="613"/>
      <c r="ORZ701" s="613"/>
      <c r="OSA701" s="613"/>
      <c r="OSB701" s="613"/>
      <c r="OSC701" s="613"/>
      <c r="OSD701" s="613"/>
      <c r="OSE701" s="613"/>
      <c r="OSF701" s="613"/>
      <c r="OSG701" s="613"/>
      <c r="OSH701" s="613"/>
      <c r="OSI701" s="613"/>
      <c r="OSJ701" s="613"/>
      <c r="OSK701" s="613"/>
      <c r="OSL701" s="613"/>
      <c r="OSM701" s="613"/>
      <c r="OSN701" s="613"/>
      <c r="OSO701" s="613"/>
      <c r="OSP701" s="613"/>
      <c r="OSQ701" s="613"/>
      <c r="OSR701" s="613"/>
      <c r="OSS701" s="613"/>
      <c r="OST701" s="613"/>
      <c r="OSU701" s="613"/>
      <c r="OSV701" s="613"/>
      <c r="OSW701" s="613"/>
      <c r="OSX701" s="613"/>
      <c r="OSY701" s="613"/>
      <c r="OSZ701" s="613"/>
      <c r="OTA701" s="613"/>
      <c r="OTB701" s="613"/>
      <c r="OTC701" s="613"/>
      <c r="OTD701" s="613"/>
      <c r="OTE701" s="613"/>
      <c r="OTF701" s="613"/>
      <c r="OTG701" s="613"/>
      <c r="OTH701" s="613"/>
      <c r="OTI701" s="613"/>
      <c r="OTJ701" s="613"/>
      <c r="OTK701" s="613"/>
      <c r="OTL701" s="613"/>
      <c r="OTM701" s="613"/>
      <c r="OTN701" s="613"/>
      <c r="OTO701" s="613"/>
      <c r="OTP701" s="613"/>
      <c r="OTQ701" s="613"/>
      <c r="OTR701" s="613"/>
      <c r="OTS701" s="613"/>
      <c r="OTT701" s="613"/>
      <c r="OTU701" s="613"/>
      <c r="OTV701" s="613"/>
      <c r="OTW701" s="613"/>
      <c r="OTX701" s="613"/>
      <c r="OTY701" s="613"/>
      <c r="OTZ701" s="613"/>
      <c r="OUA701" s="613"/>
      <c r="OUB701" s="613"/>
      <c r="OUC701" s="613"/>
      <c r="OUD701" s="613"/>
      <c r="OUE701" s="613"/>
      <c r="OUF701" s="613"/>
      <c r="OUG701" s="613"/>
      <c r="OUH701" s="613"/>
      <c r="OUI701" s="613"/>
      <c r="OUJ701" s="613"/>
      <c r="OUK701" s="613"/>
      <c r="OUL701" s="613"/>
      <c r="OUM701" s="613"/>
      <c r="OUN701" s="613"/>
      <c r="OUO701" s="613"/>
      <c r="OUP701" s="613"/>
      <c r="OUQ701" s="613"/>
      <c r="OUR701" s="613"/>
      <c r="OUS701" s="613"/>
      <c r="OUT701" s="613"/>
      <c r="OUU701" s="613"/>
      <c r="OUV701" s="613"/>
      <c r="OUW701" s="613"/>
      <c r="OUX701" s="613"/>
      <c r="OUY701" s="613"/>
      <c r="OUZ701" s="613"/>
      <c r="OVA701" s="613"/>
      <c r="OVB701" s="613"/>
      <c r="OVC701" s="613"/>
      <c r="OVD701" s="613"/>
      <c r="OVE701" s="613"/>
      <c r="OVF701" s="613"/>
      <c r="OVG701" s="613"/>
      <c r="OVH701" s="613"/>
      <c r="OVI701" s="613"/>
      <c r="OVJ701" s="613"/>
      <c r="OVK701" s="613"/>
      <c r="OVL701" s="613"/>
      <c r="OVM701" s="613"/>
      <c r="OVN701" s="613"/>
      <c r="OVO701" s="613"/>
      <c r="OVP701" s="613"/>
      <c r="OVQ701" s="613"/>
      <c r="OVR701" s="613"/>
      <c r="OVS701" s="613"/>
      <c r="OVT701" s="613"/>
      <c r="OVU701" s="613"/>
      <c r="OVV701" s="613"/>
      <c r="OVW701" s="613"/>
      <c r="OVX701" s="613"/>
      <c r="OVY701" s="613"/>
      <c r="OVZ701" s="613"/>
      <c r="OWA701" s="613"/>
      <c r="OWB701" s="613"/>
      <c r="OWC701" s="613"/>
      <c r="OWD701" s="613"/>
      <c r="OWE701" s="613"/>
      <c r="OWF701" s="613"/>
      <c r="OWG701" s="613"/>
      <c r="OWH701" s="613"/>
      <c r="OWI701" s="613"/>
      <c r="OWJ701" s="613"/>
      <c r="OWK701" s="613"/>
      <c r="OWL701" s="613"/>
      <c r="OWM701" s="613"/>
      <c r="OWN701" s="613"/>
      <c r="OWO701" s="613"/>
      <c r="OWP701" s="613"/>
      <c r="OWQ701" s="613"/>
      <c r="OWR701" s="613"/>
      <c r="OWS701" s="613"/>
      <c r="OWT701" s="613"/>
      <c r="OWU701" s="613"/>
      <c r="OWV701" s="613"/>
      <c r="OWW701" s="613"/>
      <c r="OWX701" s="613"/>
      <c r="OWY701" s="613"/>
      <c r="OWZ701" s="613"/>
      <c r="OXA701" s="613"/>
      <c r="OXB701" s="613"/>
      <c r="OXC701" s="613"/>
      <c r="OXD701" s="613"/>
      <c r="OXE701" s="613"/>
      <c r="OXF701" s="613"/>
      <c r="OXG701" s="613"/>
      <c r="OXH701" s="613"/>
      <c r="OXI701" s="613"/>
      <c r="OXJ701" s="613"/>
      <c r="OXK701" s="613"/>
      <c r="OXL701" s="613"/>
      <c r="OXM701" s="613"/>
      <c r="OXN701" s="613"/>
      <c r="OXO701" s="613"/>
      <c r="OXP701" s="613"/>
      <c r="OXQ701" s="613"/>
      <c r="OXR701" s="613"/>
      <c r="OXS701" s="613"/>
      <c r="OXT701" s="613"/>
      <c r="OXU701" s="613"/>
      <c r="OXV701" s="613"/>
      <c r="OXW701" s="613"/>
      <c r="OXX701" s="613"/>
      <c r="OXY701" s="613"/>
      <c r="OXZ701" s="613"/>
      <c r="OYA701" s="613"/>
      <c r="OYB701" s="613"/>
      <c r="OYC701" s="613"/>
      <c r="OYD701" s="613"/>
      <c r="OYE701" s="613"/>
      <c r="OYF701" s="613"/>
      <c r="OYG701" s="613"/>
      <c r="OYH701" s="613"/>
      <c r="OYI701" s="613"/>
      <c r="OYJ701" s="613"/>
      <c r="OYK701" s="613"/>
      <c r="OYL701" s="613"/>
      <c r="OYM701" s="613"/>
      <c r="OYN701" s="613"/>
      <c r="OYO701" s="613"/>
      <c r="OYP701" s="613"/>
      <c r="OYQ701" s="613"/>
      <c r="OYR701" s="613"/>
      <c r="OYS701" s="613"/>
      <c r="OYT701" s="613"/>
      <c r="OYU701" s="613"/>
      <c r="OYV701" s="613"/>
      <c r="OYW701" s="613"/>
      <c r="OYX701" s="613"/>
      <c r="OYY701" s="613"/>
      <c r="OYZ701" s="613"/>
      <c r="OZA701" s="613"/>
      <c r="OZB701" s="613"/>
      <c r="OZC701" s="613"/>
      <c r="OZD701" s="613"/>
      <c r="OZE701" s="613"/>
      <c r="OZF701" s="613"/>
      <c r="OZG701" s="613"/>
      <c r="OZH701" s="613"/>
      <c r="OZI701" s="613"/>
      <c r="OZJ701" s="613"/>
      <c r="OZK701" s="613"/>
      <c r="OZL701" s="613"/>
      <c r="OZM701" s="613"/>
      <c r="OZN701" s="613"/>
      <c r="OZO701" s="613"/>
      <c r="OZP701" s="613"/>
      <c r="OZQ701" s="613"/>
      <c r="OZR701" s="613"/>
      <c r="OZS701" s="613"/>
      <c r="OZT701" s="613"/>
      <c r="OZU701" s="613"/>
      <c r="OZV701" s="613"/>
      <c r="OZW701" s="613"/>
      <c r="OZX701" s="613"/>
      <c r="OZY701" s="613"/>
      <c r="OZZ701" s="613"/>
      <c r="PAA701" s="613"/>
      <c r="PAB701" s="613"/>
      <c r="PAC701" s="613"/>
      <c r="PAD701" s="613"/>
      <c r="PAE701" s="613"/>
      <c r="PAF701" s="613"/>
      <c r="PAG701" s="613"/>
      <c r="PAH701" s="613"/>
      <c r="PAI701" s="613"/>
      <c r="PAJ701" s="613"/>
      <c r="PAK701" s="613"/>
      <c r="PAL701" s="613"/>
      <c r="PAM701" s="613"/>
      <c r="PAN701" s="613"/>
      <c r="PAO701" s="613"/>
      <c r="PAP701" s="613"/>
      <c r="PAQ701" s="613"/>
      <c r="PAR701" s="613"/>
      <c r="PAS701" s="613"/>
      <c r="PAT701" s="613"/>
      <c r="PAU701" s="613"/>
      <c r="PAV701" s="613"/>
      <c r="PAW701" s="613"/>
      <c r="PAX701" s="613"/>
      <c r="PAY701" s="613"/>
      <c r="PAZ701" s="613"/>
      <c r="PBA701" s="613"/>
      <c r="PBB701" s="613"/>
      <c r="PBC701" s="613"/>
      <c r="PBD701" s="613"/>
      <c r="PBE701" s="613"/>
      <c r="PBF701" s="613"/>
      <c r="PBG701" s="613"/>
      <c r="PBH701" s="613"/>
      <c r="PBI701" s="613"/>
      <c r="PBJ701" s="613"/>
      <c r="PBK701" s="613"/>
      <c r="PBL701" s="613"/>
      <c r="PBM701" s="613"/>
      <c r="PBN701" s="613"/>
      <c r="PBO701" s="613"/>
      <c r="PBP701" s="613"/>
      <c r="PBQ701" s="613"/>
      <c r="PBR701" s="613"/>
      <c r="PBS701" s="613"/>
      <c r="PBT701" s="613"/>
      <c r="PBU701" s="613"/>
      <c r="PBV701" s="613"/>
      <c r="PBW701" s="613"/>
      <c r="PBX701" s="613"/>
      <c r="PBY701" s="613"/>
      <c r="PBZ701" s="613"/>
      <c r="PCA701" s="613"/>
      <c r="PCB701" s="613"/>
      <c r="PCC701" s="613"/>
      <c r="PCD701" s="613"/>
      <c r="PCE701" s="613"/>
      <c r="PCF701" s="613"/>
      <c r="PCG701" s="613"/>
      <c r="PCH701" s="613"/>
      <c r="PCI701" s="613"/>
      <c r="PCJ701" s="613"/>
      <c r="PCK701" s="613"/>
      <c r="PCL701" s="613"/>
      <c r="PCM701" s="613"/>
      <c r="PCN701" s="613"/>
      <c r="PCO701" s="613"/>
      <c r="PCP701" s="613"/>
      <c r="PCQ701" s="613"/>
      <c r="PCR701" s="613"/>
      <c r="PCS701" s="613"/>
      <c r="PCT701" s="613"/>
      <c r="PCU701" s="613"/>
      <c r="PCV701" s="613"/>
      <c r="PCW701" s="613"/>
      <c r="PCX701" s="613"/>
      <c r="PCY701" s="613"/>
      <c r="PCZ701" s="613"/>
      <c r="PDA701" s="613"/>
      <c r="PDB701" s="613"/>
      <c r="PDC701" s="613"/>
      <c r="PDD701" s="613"/>
      <c r="PDE701" s="613"/>
      <c r="PDF701" s="613"/>
      <c r="PDG701" s="613"/>
      <c r="PDH701" s="613"/>
      <c r="PDI701" s="613"/>
      <c r="PDJ701" s="613"/>
      <c r="PDK701" s="613"/>
      <c r="PDL701" s="613"/>
      <c r="PDM701" s="613"/>
      <c r="PDN701" s="613"/>
      <c r="PDO701" s="613"/>
      <c r="PDP701" s="613"/>
      <c r="PDQ701" s="613"/>
      <c r="PDR701" s="613"/>
      <c r="PDS701" s="613"/>
      <c r="PDT701" s="613"/>
      <c r="PDU701" s="613"/>
      <c r="PDV701" s="613"/>
      <c r="PDW701" s="613"/>
      <c r="PDX701" s="613"/>
      <c r="PDY701" s="613"/>
      <c r="PDZ701" s="613"/>
      <c r="PEA701" s="613"/>
      <c r="PEB701" s="613"/>
      <c r="PEC701" s="613"/>
      <c r="PED701" s="613"/>
      <c r="PEE701" s="613"/>
      <c r="PEF701" s="613"/>
      <c r="PEG701" s="613"/>
      <c r="PEH701" s="613"/>
      <c r="PEI701" s="613"/>
      <c r="PEJ701" s="613"/>
      <c r="PEK701" s="613"/>
      <c r="PEL701" s="613"/>
      <c r="PEM701" s="613"/>
      <c r="PEN701" s="613"/>
      <c r="PEO701" s="613"/>
      <c r="PEP701" s="613"/>
      <c r="PEQ701" s="613"/>
      <c r="PER701" s="613"/>
      <c r="PES701" s="613"/>
      <c r="PET701" s="613"/>
      <c r="PEU701" s="613"/>
      <c r="PEV701" s="613"/>
      <c r="PEW701" s="613"/>
      <c r="PEX701" s="613"/>
      <c r="PEY701" s="613"/>
      <c r="PEZ701" s="613"/>
      <c r="PFA701" s="613"/>
      <c r="PFB701" s="613"/>
      <c r="PFC701" s="613"/>
      <c r="PFD701" s="613"/>
      <c r="PFE701" s="613"/>
      <c r="PFF701" s="613"/>
      <c r="PFG701" s="613"/>
      <c r="PFH701" s="613"/>
      <c r="PFI701" s="613"/>
      <c r="PFJ701" s="613"/>
      <c r="PFK701" s="613"/>
      <c r="PFL701" s="613"/>
      <c r="PFM701" s="613"/>
      <c r="PFN701" s="613"/>
      <c r="PFO701" s="613"/>
      <c r="PFP701" s="613"/>
      <c r="PFQ701" s="613"/>
      <c r="PFR701" s="613"/>
      <c r="PFS701" s="613"/>
      <c r="PFT701" s="613"/>
      <c r="PFU701" s="613"/>
      <c r="PFV701" s="613"/>
      <c r="PFW701" s="613"/>
      <c r="PFX701" s="613"/>
      <c r="PFY701" s="613"/>
      <c r="PFZ701" s="613"/>
      <c r="PGA701" s="613"/>
      <c r="PGB701" s="613"/>
      <c r="PGC701" s="613"/>
      <c r="PGD701" s="613"/>
      <c r="PGE701" s="613"/>
      <c r="PGF701" s="613"/>
      <c r="PGG701" s="613"/>
      <c r="PGH701" s="613"/>
      <c r="PGI701" s="613"/>
      <c r="PGJ701" s="613"/>
      <c r="PGK701" s="613"/>
      <c r="PGL701" s="613"/>
      <c r="PGM701" s="613"/>
      <c r="PGN701" s="613"/>
      <c r="PGO701" s="613"/>
      <c r="PGP701" s="613"/>
      <c r="PGQ701" s="613"/>
      <c r="PGR701" s="613"/>
      <c r="PGS701" s="613"/>
      <c r="PGT701" s="613"/>
      <c r="PGU701" s="613"/>
      <c r="PGV701" s="613"/>
      <c r="PGW701" s="613"/>
      <c r="PGX701" s="613"/>
      <c r="PGY701" s="613"/>
      <c r="PGZ701" s="613"/>
      <c r="PHA701" s="613"/>
      <c r="PHB701" s="613"/>
      <c r="PHC701" s="613"/>
      <c r="PHD701" s="613"/>
      <c r="PHE701" s="613"/>
      <c r="PHF701" s="613"/>
      <c r="PHG701" s="613"/>
      <c r="PHH701" s="613"/>
      <c r="PHI701" s="613"/>
      <c r="PHJ701" s="613"/>
      <c r="PHK701" s="613"/>
      <c r="PHL701" s="613"/>
      <c r="PHM701" s="613"/>
      <c r="PHN701" s="613"/>
      <c r="PHO701" s="613"/>
      <c r="PHP701" s="613"/>
      <c r="PHQ701" s="613"/>
      <c r="PHR701" s="613"/>
      <c r="PHS701" s="613"/>
      <c r="PHT701" s="613"/>
      <c r="PHU701" s="613"/>
      <c r="PHV701" s="613"/>
      <c r="PHW701" s="613"/>
      <c r="PHX701" s="613"/>
      <c r="PHY701" s="613"/>
      <c r="PHZ701" s="613"/>
      <c r="PIA701" s="613"/>
      <c r="PIB701" s="613"/>
      <c r="PIC701" s="613"/>
      <c r="PID701" s="613"/>
      <c r="PIE701" s="613"/>
      <c r="PIF701" s="613"/>
      <c r="PIG701" s="613"/>
      <c r="PIH701" s="613"/>
      <c r="PII701" s="613"/>
      <c r="PIJ701" s="613"/>
      <c r="PIK701" s="613"/>
      <c r="PIL701" s="613"/>
      <c r="PIM701" s="613"/>
      <c r="PIN701" s="613"/>
      <c r="PIO701" s="613"/>
      <c r="PIP701" s="613"/>
      <c r="PIQ701" s="613"/>
      <c r="PIR701" s="613"/>
      <c r="PIS701" s="613"/>
      <c r="PIT701" s="613"/>
      <c r="PIU701" s="613"/>
      <c r="PIV701" s="613"/>
      <c r="PIW701" s="613"/>
      <c r="PIX701" s="613"/>
      <c r="PIY701" s="613"/>
      <c r="PIZ701" s="613"/>
      <c r="PJA701" s="613"/>
      <c r="PJB701" s="613"/>
      <c r="PJC701" s="613"/>
      <c r="PJD701" s="613"/>
      <c r="PJE701" s="613"/>
      <c r="PJF701" s="613"/>
      <c r="PJG701" s="613"/>
      <c r="PJH701" s="613"/>
      <c r="PJI701" s="613"/>
      <c r="PJJ701" s="613"/>
      <c r="PJK701" s="613"/>
      <c r="PJL701" s="613"/>
      <c r="PJM701" s="613"/>
      <c r="PJN701" s="613"/>
      <c r="PJO701" s="613"/>
      <c r="PJP701" s="613"/>
      <c r="PJQ701" s="613"/>
      <c r="PJR701" s="613"/>
      <c r="PJS701" s="613"/>
      <c r="PJT701" s="613"/>
      <c r="PJU701" s="613"/>
      <c r="PJV701" s="613"/>
      <c r="PJW701" s="613"/>
      <c r="PJX701" s="613"/>
      <c r="PJY701" s="613"/>
      <c r="PJZ701" s="613"/>
      <c r="PKA701" s="613"/>
      <c r="PKB701" s="613"/>
      <c r="PKC701" s="613"/>
      <c r="PKD701" s="613"/>
      <c r="PKE701" s="613"/>
      <c r="PKF701" s="613"/>
      <c r="PKG701" s="613"/>
      <c r="PKH701" s="613"/>
      <c r="PKI701" s="613"/>
      <c r="PKJ701" s="613"/>
      <c r="PKK701" s="613"/>
      <c r="PKL701" s="613"/>
      <c r="PKM701" s="613"/>
      <c r="PKN701" s="613"/>
      <c r="PKO701" s="613"/>
      <c r="PKP701" s="613"/>
      <c r="PKQ701" s="613"/>
      <c r="PKR701" s="613"/>
      <c r="PKS701" s="613"/>
      <c r="PKT701" s="613"/>
      <c r="PKU701" s="613"/>
      <c r="PKV701" s="613"/>
      <c r="PKW701" s="613"/>
      <c r="PKX701" s="613"/>
      <c r="PKY701" s="613"/>
      <c r="PKZ701" s="613"/>
      <c r="PLA701" s="613"/>
      <c r="PLB701" s="613"/>
      <c r="PLC701" s="613"/>
      <c r="PLD701" s="613"/>
      <c r="PLE701" s="613"/>
      <c r="PLF701" s="613"/>
      <c r="PLG701" s="613"/>
      <c r="PLH701" s="613"/>
      <c r="PLI701" s="613"/>
      <c r="PLJ701" s="613"/>
      <c r="PLK701" s="613"/>
      <c r="PLL701" s="613"/>
      <c r="PLM701" s="613"/>
      <c r="PLN701" s="613"/>
      <c r="PLO701" s="613"/>
      <c r="PLP701" s="613"/>
      <c r="PLQ701" s="613"/>
      <c r="PLR701" s="613"/>
      <c r="PLS701" s="613"/>
      <c r="PLT701" s="613"/>
      <c r="PLU701" s="613"/>
      <c r="PLV701" s="613"/>
      <c r="PLW701" s="613"/>
      <c r="PLX701" s="613"/>
      <c r="PLY701" s="613"/>
      <c r="PLZ701" s="613"/>
      <c r="PMA701" s="613"/>
      <c r="PMB701" s="613"/>
      <c r="PMC701" s="613"/>
      <c r="PMD701" s="613"/>
      <c r="PME701" s="613"/>
      <c r="PMF701" s="613"/>
      <c r="PMG701" s="613"/>
      <c r="PMH701" s="613"/>
      <c r="PMI701" s="613"/>
      <c r="PMJ701" s="613"/>
      <c r="PMK701" s="613"/>
      <c r="PML701" s="613"/>
      <c r="PMM701" s="613"/>
      <c r="PMN701" s="613"/>
      <c r="PMO701" s="613"/>
      <c r="PMP701" s="613"/>
      <c r="PMQ701" s="613"/>
      <c r="PMR701" s="613"/>
      <c r="PMS701" s="613"/>
      <c r="PMT701" s="613"/>
      <c r="PMU701" s="613"/>
      <c r="PMV701" s="613"/>
      <c r="PMW701" s="613"/>
      <c r="PMX701" s="613"/>
      <c r="PMY701" s="613"/>
      <c r="PMZ701" s="613"/>
      <c r="PNA701" s="613"/>
      <c r="PNB701" s="613"/>
      <c r="PNC701" s="613"/>
      <c r="PND701" s="613"/>
      <c r="PNE701" s="613"/>
      <c r="PNF701" s="613"/>
      <c r="PNG701" s="613"/>
      <c r="PNH701" s="613"/>
      <c r="PNI701" s="613"/>
      <c r="PNJ701" s="613"/>
      <c r="PNK701" s="613"/>
      <c r="PNL701" s="613"/>
      <c r="PNM701" s="613"/>
      <c r="PNN701" s="613"/>
      <c r="PNO701" s="613"/>
      <c r="PNP701" s="613"/>
      <c r="PNQ701" s="613"/>
      <c r="PNR701" s="613"/>
      <c r="PNS701" s="613"/>
      <c r="PNT701" s="613"/>
      <c r="PNU701" s="613"/>
      <c r="PNV701" s="613"/>
      <c r="PNW701" s="613"/>
      <c r="PNX701" s="613"/>
      <c r="PNY701" s="613"/>
      <c r="PNZ701" s="613"/>
      <c r="POA701" s="613"/>
      <c r="POB701" s="613"/>
      <c r="POC701" s="613"/>
      <c r="POD701" s="613"/>
      <c r="POE701" s="613"/>
      <c r="POF701" s="613"/>
      <c r="POG701" s="613"/>
      <c r="POH701" s="613"/>
      <c r="POI701" s="613"/>
      <c r="POJ701" s="613"/>
      <c r="POK701" s="613"/>
      <c r="POL701" s="613"/>
      <c r="POM701" s="613"/>
      <c r="PON701" s="613"/>
      <c r="POO701" s="613"/>
      <c r="POP701" s="613"/>
      <c r="POQ701" s="613"/>
      <c r="POR701" s="613"/>
      <c r="POS701" s="613"/>
      <c r="POT701" s="613"/>
      <c r="POU701" s="613"/>
      <c r="POV701" s="613"/>
      <c r="POW701" s="613"/>
      <c r="POX701" s="613"/>
      <c r="POY701" s="613"/>
      <c r="POZ701" s="613"/>
      <c r="PPA701" s="613"/>
      <c r="PPB701" s="613"/>
      <c r="PPC701" s="613"/>
      <c r="PPD701" s="613"/>
      <c r="PPE701" s="613"/>
      <c r="PPF701" s="613"/>
      <c r="PPG701" s="613"/>
      <c r="PPH701" s="613"/>
      <c r="PPI701" s="613"/>
      <c r="PPJ701" s="613"/>
      <c r="PPK701" s="613"/>
      <c r="PPL701" s="613"/>
      <c r="PPM701" s="613"/>
      <c r="PPN701" s="613"/>
      <c r="PPO701" s="613"/>
      <c r="PPP701" s="613"/>
      <c r="PPQ701" s="613"/>
      <c r="PPR701" s="613"/>
      <c r="PPS701" s="613"/>
      <c r="PPT701" s="613"/>
      <c r="PPU701" s="613"/>
      <c r="PPV701" s="613"/>
      <c r="PPW701" s="613"/>
      <c r="PPX701" s="613"/>
      <c r="PPY701" s="613"/>
      <c r="PPZ701" s="613"/>
      <c r="PQA701" s="613"/>
      <c r="PQB701" s="613"/>
      <c r="PQC701" s="613"/>
      <c r="PQD701" s="613"/>
      <c r="PQE701" s="613"/>
      <c r="PQF701" s="613"/>
      <c r="PQG701" s="613"/>
      <c r="PQH701" s="613"/>
      <c r="PQI701" s="613"/>
      <c r="PQJ701" s="613"/>
      <c r="PQK701" s="613"/>
      <c r="PQL701" s="613"/>
      <c r="PQM701" s="613"/>
      <c r="PQN701" s="613"/>
      <c r="PQO701" s="613"/>
      <c r="PQP701" s="613"/>
      <c r="PQQ701" s="613"/>
      <c r="PQR701" s="613"/>
      <c r="PQS701" s="613"/>
      <c r="PQT701" s="613"/>
      <c r="PQU701" s="613"/>
      <c r="PQV701" s="613"/>
      <c r="PQW701" s="613"/>
      <c r="PQX701" s="613"/>
      <c r="PQY701" s="613"/>
      <c r="PQZ701" s="613"/>
      <c r="PRA701" s="613"/>
      <c r="PRB701" s="613"/>
      <c r="PRC701" s="613"/>
      <c r="PRD701" s="613"/>
      <c r="PRE701" s="613"/>
      <c r="PRF701" s="613"/>
      <c r="PRG701" s="613"/>
      <c r="PRH701" s="613"/>
      <c r="PRI701" s="613"/>
      <c r="PRJ701" s="613"/>
      <c r="PRK701" s="613"/>
      <c r="PRL701" s="613"/>
      <c r="PRM701" s="613"/>
      <c r="PRN701" s="613"/>
      <c r="PRO701" s="613"/>
      <c r="PRP701" s="613"/>
      <c r="PRQ701" s="613"/>
      <c r="PRR701" s="613"/>
      <c r="PRS701" s="613"/>
      <c r="PRT701" s="613"/>
      <c r="PRU701" s="613"/>
      <c r="PRV701" s="613"/>
      <c r="PRW701" s="613"/>
      <c r="PRX701" s="613"/>
      <c r="PRY701" s="613"/>
      <c r="PRZ701" s="613"/>
      <c r="PSA701" s="613"/>
      <c r="PSB701" s="613"/>
      <c r="PSC701" s="613"/>
      <c r="PSD701" s="613"/>
      <c r="PSE701" s="613"/>
      <c r="PSF701" s="613"/>
      <c r="PSG701" s="613"/>
      <c r="PSH701" s="613"/>
      <c r="PSI701" s="613"/>
      <c r="PSJ701" s="613"/>
      <c r="PSK701" s="613"/>
      <c r="PSL701" s="613"/>
      <c r="PSM701" s="613"/>
      <c r="PSN701" s="613"/>
      <c r="PSO701" s="613"/>
      <c r="PSP701" s="613"/>
      <c r="PSQ701" s="613"/>
      <c r="PSR701" s="613"/>
      <c r="PSS701" s="613"/>
      <c r="PST701" s="613"/>
      <c r="PSU701" s="613"/>
      <c r="PSV701" s="613"/>
      <c r="PSW701" s="613"/>
      <c r="PSX701" s="613"/>
      <c r="PSY701" s="613"/>
      <c r="PSZ701" s="613"/>
      <c r="PTA701" s="613"/>
      <c r="PTB701" s="613"/>
      <c r="PTC701" s="613"/>
      <c r="PTD701" s="613"/>
      <c r="PTE701" s="613"/>
      <c r="PTF701" s="613"/>
      <c r="PTG701" s="613"/>
      <c r="PTH701" s="613"/>
      <c r="PTI701" s="613"/>
      <c r="PTJ701" s="613"/>
      <c r="PTK701" s="613"/>
      <c r="PTL701" s="613"/>
      <c r="PTM701" s="613"/>
      <c r="PTN701" s="613"/>
      <c r="PTO701" s="613"/>
      <c r="PTP701" s="613"/>
      <c r="PTQ701" s="613"/>
      <c r="PTR701" s="613"/>
      <c r="PTS701" s="613"/>
      <c r="PTT701" s="613"/>
      <c r="PTU701" s="613"/>
      <c r="PTV701" s="613"/>
      <c r="PTW701" s="613"/>
      <c r="PTX701" s="613"/>
      <c r="PTY701" s="613"/>
      <c r="PTZ701" s="613"/>
      <c r="PUA701" s="613"/>
      <c r="PUB701" s="613"/>
      <c r="PUC701" s="613"/>
      <c r="PUD701" s="613"/>
      <c r="PUE701" s="613"/>
      <c r="PUF701" s="613"/>
      <c r="PUG701" s="613"/>
      <c r="PUH701" s="613"/>
      <c r="PUI701" s="613"/>
      <c r="PUJ701" s="613"/>
      <c r="PUK701" s="613"/>
      <c r="PUL701" s="613"/>
      <c r="PUM701" s="613"/>
      <c r="PUN701" s="613"/>
      <c r="PUO701" s="613"/>
      <c r="PUP701" s="613"/>
      <c r="PUQ701" s="613"/>
      <c r="PUR701" s="613"/>
      <c r="PUS701" s="613"/>
      <c r="PUT701" s="613"/>
      <c r="PUU701" s="613"/>
      <c r="PUV701" s="613"/>
      <c r="PUW701" s="613"/>
      <c r="PUX701" s="613"/>
      <c r="PUY701" s="613"/>
      <c r="PUZ701" s="613"/>
      <c r="PVA701" s="613"/>
      <c r="PVB701" s="613"/>
      <c r="PVC701" s="613"/>
      <c r="PVD701" s="613"/>
      <c r="PVE701" s="613"/>
      <c r="PVF701" s="613"/>
      <c r="PVG701" s="613"/>
      <c r="PVH701" s="613"/>
      <c r="PVI701" s="613"/>
      <c r="PVJ701" s="613"/>
      <c r="PVK701" s="613"/>
      <c r="PVL701" s="613"/>
      <c r="PVM701" s="613"/>
      <c r="PVN701" s="613"/>
      <c r="PVO701" s="613"/>
      <c r="PVP701" s="613"/>
      <c r="PVQ701" s="613"/>
      <c r="PVR701" s="613"/>
      <c r="PVS701" s="613"/>
      <c r="PVT701" s="613"/>
      <c r="PVU701" s="613"/>
      <c r="PVV701" s="613"/>
      <c r="PVW701" s="613"/>
      <c r="PVX701" s="613"/>
      <c r="PVY701" s="613"/>
      <c r="PVZ701" s="613"/>
      <c r="PWA701" s="613"/>
      <c r="PWB701" s="613"/>
      <c r="PWC701" s="613"/>
      <c r="PWD701" s="613"/>
      <c r="PWE701" s="613"/>
      <c r="PWF701" s="613"/>
      <c r="PWG701" s="613"/>
      <c r="PWH701" s="613"/>
      <c r="PWI701" s="613"/>
      <c r="PWJ701" s="613"/>
      <c r="PWK701" s="613"/>
      <c r="PWL701" s="613"/>
      <c r="PWM701" s="613"/>
      <c r="PWN701" s="613"/>
      <c r="PWO701" s="613"/>
      <c r="PWP701" s="613"/>
      <c r="PWQ701" s="613"/>
      <c r="PWR701" s="613"/>
      <c r="PWS701" s="613"/>
      <c r="PWT701" s="613"/>
      <c r="PWU701" s="613"/>
      <c r="PWV701" s="613"/>
      <c r="PWW701" s="613"/>
      <c r="PWX701" s="613"/>
      <c r="PWY701" s="613"/>
      <c r="PWZ701" s="613"/>
      <c r="PXA701" s="613"/>
      <c r="PXB701" s="613"/>
      <c r="PXC701" s="613"/>
      <c r="PXD701" s="613"/>
      <c r="PXE701" s="613"/>
      <c r="PXF701" s="613"/>
      <c r="PXG701" s="613"/>
      <c r="PXH701" s="613"/>
      <c r="PXI701" s="613"/>
      <c r="PXJ701" s="613"/>
      <c r="PXK701" s="613"/>
      <c r="PXL701" s="613"/>
      <c r="PXM701" s="613"/>
      <c r="PXN701" s="613"/>
      <c r="PXO701" s="613"/>
      <c r="PXP701" s="613"/>
      <c r="PXQ701" s="613"/>
      <c r="PXR701" s="613"/>
      <c r="PXS701" s="613"/>
      <c r="PXT701" s="613"/>
      <c r="PXU701" s="613"/>
      <c r="PXV701" s="613"/>
      <c r="PXW701" s="613"/>
      <c r="PXX701" s="613"/>
      <c r="PXY701" s="613"/>
      <c r="PXZ701" s="613"/>
      <c r="PYA701" s="613"/>
      <c r="PYB701" s="613"/>
      <c r="PYC701" s="613"/>
      <c r="PYD701" s="613"/>
      <c r="PYE701" s="613"/>
      <c r="PYF701" s="613"/>
      <c r="PYG701" s="613"/>
      <c r="PYH701" s="613"/>
      <c r="PYI701" s="613"/>
      <c r="PYJ701" s="613"/>
      <c r="PYK701" s="613"/>
      <c r="PYL701" s="613"/>
      <c r="PYM701" s="613"/>
      <c r="PYN701" s="613"/>
      <c r="PYO701" s="613"/>
      <c r="PYP701" s="613"/>
      <c r="PYQ701" s="613"/>
      <c r="PYR701" s="613"/>
      <c r="PYS701" s="613"/>
      <c r="PYT701" s="613"/>
      <c r="PYU701" s="613"/>
      <c r="PYV701" s="613"/>
      <c r="PYW701" s="613"/>
      <c r="PYX701" s="613"/>
      <c r="PYY701" s="613"/>
      <c r="PYZ701" s="613"/>
      <c r="PZA701" s="613"/>
      <c r="PZB701" s="613"/>
      <c r="PZC701" s="613"/>
      <c r="PZD701" s="613"/>
      <c r="PZE701" s="613"/>
      <c r="PZF701" s="613"/>
      <c r="PZG701" s="613"/>
      <c r="PZH701" s="613"/>
      <c r="PZI701" s="613"/>
      <c r="PZJ701" s="613"/>
      <c r="PZK701" s="613"/>
      <c r="PZL701" s="613"/>
      <c r="PZM701" s="613"/>
      <c r="PZN701" s="613"/>
      <c r="PZO701" s="613"/>
      <c r="PZP701" s="613"/>
      <c r="PZQ701" s="613"/>
      <c r="PZR701" s="613"/>
      <c r="PZS701" s="613"/>
      <c r="PZT701" s="613"/>
      <c r="PZU701" s="613"/>
      <c r="PZV701" s="613"/>
      <c r="PZW701" s="613"/>
      <c r="PZX701" s="613"/>
      <c r="PZY701" s="613"/>
      <c r="PZZ701" s="613"/>
      <c r="QAA701" s="613"/>
      <c r="QAB701" s="613"/>
      <c r="QAC701" s="613"/>
      <c r="QAD701" s="613"/>
      <c r="QAE701" s="613"/>
      <c r="QAF701" s="613"/>
      <c r="QAG701" s="613"/>
      <c r="QAH701" s="613"/>
      <c r="QAI701" s="613"/>
      <c r="QAJ701" s="613"/>
      <c r="QAK701" s="613"/>
      <c r="QAL701" s="613"/>
      <c r="QAM701" s="613"/>
      <c r="QAN701" s="613"/>
      <c r="QAO701" s="613"/>
      <c r="QAP701" s="613"/>
      <c r="QAQ701" s="613"/>
      <c r="QAR701" s="613"/>
      <c r="QAS701" s="613"/>
      <c r="QAT701" s="613"/>
      <c r="QAU701" s="613"/>
      <c r="QAV701" s="613"/>
      <c r="QAW701" s="613"/>
      <c r="QAX701" s="613"/>
      <c r="QAY701" s="613"/>
      <c r="QAZ701" s="613"/>
      <c r="QBA701" s="613"/>
      <c r="QBB701" s="613"/>
      <c r="QBC701" s="613"/>
      <c r="QBD701" s="613"/>
      <c r="QBE701" s="613"/>
      <c r="QBF701" s="613"/>
      <c r="QBG701" s="613"/>
      <c r="QBH701" s="613"/>
      <c r="QBI701" s="613"/>
      <c r="QBJ701" s="613"/>
      <c r="QBK701" s="613"/>
      <c r="QBL701" s="613"/>
      <c r="QBM701" s="613"/>
      <c r="QBN701" s="613"/>
      <c r="QBO701" s="613"/>
      <c r="QBP701" s="613"/>
      <c r="QBQ701" s="613"/>
      <c r="QBR701" s="613"/>
      <c r="QBS701" s="613"/>
      <c r="QBT701" s="613"/>
      <c r="QBU701" s="613"/>
      <c r="QBV701" s="613"/>
      <c r="QBW701" s="613"/>
      <c r="QBX701" s="613"/>
      <c r="QBY701" s="613"/>
      <c r="QBZ701" s="613"/>
      <c r="QCA701" s="613"/>
      <c r="QCB701" s="613"/>
      <c r="QCC701" s="613"/>
      <c r="QCD701" s="613"/>
      <c r="QCE701" s="613"/>
      <c r="QCF701" s="613"/>
      <c r="QCG701" s="613"/>
      <c r="QCH701" s="613"/>
      <c r="QCI701" s="613"/>
      <c r="QCJ701" s="613"/>
      <c r="QCK701" s="613"/>
      <c r="QCL701" s="613"/>
      <c r="QCM701" s="613"/>
      <c r="QCN701" s="613"/>
      <c r="QCO701" s="613"/>
      <c r="QCP701" s="613"/>
      <c r="QCQ701" s="613"/>
      <c r="QCR701" s="613"/>
      <c r="QCS701" s="613"/>
      <c r="QCT701" s="613"/>
      <c r="QCU701" s="613"/>
      <c r="QCV701" s="613"/>
      <c r="QCW701" s="613"/>
      <c r="QCX701" s="613"/>
      <c r="QCY701" s="613"/>
      <c r="QCZ701" s="613"/>
      <c r="QDA701" s="613"/>
      <c r="QDB701" s="613"/>
      <c r="QDC701" s="613"/>
      <c r="QDD701" s="613"/>
      <c r="QDE701" s="613"/>
      <c r="QDF701" s="613"/>
      <c r="QDG701" s="613"/>
      <c r="QDH701" s="613"/>
      <c r="QDI701" s="613"/>
      <c r="QDJ701" s="613"/>
      <c r="QDK701" s="613"/>
      <c r="QDL701" s="613"/>
      <c r="QDM701" s="613"/>
      <c r="QDN701" s="613"/>
      <c r="QDO701" s="613"/>
      <c r="QDP701" s="613"/>
      <c r="QDQ701" s="613"/>
      <c r="QDR701" s="613"/>
      <c r="QDS701" s="613"/>
      <c r="QDT701" s="613"/>
      <c r="QDU701" s="613"/>
      <c r="QDV701" s="613"/>
      <c r="QDW701" s="613"/>
      <c r="QDX701" s="613"/>
      <c r="QDY701" s="613"/>
      <c r="QDZ701" s="613"/>
      <c r="QEA701" s="613"/>
      <c r="QEB701" s="613"/>
      <c r="QEC701" s="613"/>
      <c r="QED701" s="613"/>
      <c r="QEE701" s="613"/>
      <c r="QEF701" s="613"/>
      <c r="QEG701" s="613"/>
      <c r="QEH701" s="613"/>
      <c r="QEI701" s="613"/>
      <c r="QEJ701" s="613"/>
      <c r="QEK701" s="613"/>
      <c r="QEL701" s="613"/>
      <c r="QEM701" s="613"/>
      <c r="QEN701" s="613"/>
      <c r="QEO701" s="613"/>
      <c r="QEP701" s="613"/>
      <c r="QEQ701" s="613"/>
      <c r="QER701" s="613"/>
      <c r="QES701" s="613"/>
      <c r="QET701" s="613"/>
      <c r="QEU701" s="613"/>
      <c r="QEV701" s="613"/>
      <c r="QEW701" s="613"/>
      <c r="QEX701" s="613"/>
      <c r="QEY701" s="613"/>
      <c r="QEZ701" s="613"/>
      <c r="QFA701" s="613"/>
      <c r="QFB701" s="613"/>
      <c r="QFC701" s="613"/>
      <c r="QFD701" s="613"/>
      <c r="QFE701" s="613"/>
      <c r="QFF701" s="613"/>
      <c r="QFG701" s="613"/>
      <c r="QFH701" s="613"/>
      <c r="QFI701" s="613"/>
      <c r="QFJ701" s="613"/>
      <c r="QFK701" s="613"/>
      <c r="QFL701" s="613"/>
      <c r="QFM701" s="613"/>
      <c r="QFN701" s="613"/>
      <c r="QFO701" s="613"/>
      <c r="QFP701" s="613"/>
      <c r="QFQ701" s="613"/>
      <c r="QFR701" s="613"/>
      <c r="QFS701" s="613"/>
      <c r="QFT701" s="613"/>
      <c r="QFU701" s="613"/>
      <c r="QFV701" s="613"/>
      <c r="QFW701" s="613"/>
      <c r="QFX701" s="613"/>
      <c r="QFY701" s="613"/>
      <c r="QFZ701" s="613"/>
      <c r="QGA701" s="613"/>
      <c r="QGB701" s="613"/>
      <c r="QGC701" s="613"/>
      <c r="QGD701" s="613"/>
      <c r="QGE701" s="613"/>
      <c r="QGF701" s="613"/>
      <c r="QGG701" s="613"/>
      <c r="QGH701" s="613"/>
      <c r="QGI701" s="613"/>
      <c r="QGJ701" s="613"/>
      <c r="QGK701" s="613"/>
      <c r="QGL701" s="613"/>
      <c r="QGM701" s="613"/>
      <c r="QGN701" s="613"/>
      <c r="QGO701" s="613"/>
      <c r="QGP701" s="613"/>
      <c r="QGQ701" s="613"/>
      <c r="QGR701" s="613"/>
      <c r="QGS701" s="613"/>
      <c r="QGT701" s="613"/>
      <c r="QGU701" s="613"/>
      <c r="QGV701" s="613"/>
      <c r="QGW701" s="613"/>
      <c r="QGX701" s="613"/>
      <c r="QGY701" s="613"/>
      <c r="QGZ701" s="613"/>
      <c r="QHA701" s="613"/>
      <c r="QHB701" s="613"/>
      <c r="QHC701" s="613"/>
      <c r="QHD701" s="613"/>
      <c r="QHE701" s="613"/>
      <c r="QHF701" s="613"/>
      <c r="QHG701" s="613"/>
      <c r="QHH701" s="613"/>
      <c r="QHI701" s="613"/>
      <c r="QHJ701" s="613"/>
      <c r="QHK701" s="613"/>
      <c r="QHL701" s="613"/>
      <c r="QHM701" s="613"/>
      <c r="QHN701" s="613"/>
      <c r="QHO701" s="613"/>
      <c r="QHP701" s="613"/>
      <c r="QHQ701" s="613"/>
      <c r="QHR701" s="613"/>
      <c r="QHS701" s="613"/>
      <c r="QHT701" s="613"/>
      <c r="QHU701" s="613"/>
      <c r="QHV701" s="613"/>
      <c r="QHW701" s="613"/>
      <c r="QHX701" s="613"/>
      <c r="QHY701" s="613"/>
      <c r="QHZ701" s="613"/>
      <c r="QIA701" s="613"/>
      <c r="QIB701" s="613"/>
      <c r="QIC701" s="613"/>
      <c r="QID701" s="613"/>
      <c r="QIE701" s="613"/>
      <c r="QIF701" s="613"/>
      <c r="QIG701" s="613"/>
      <c r="QIH701" s="613"/>
      <c r="QII701" s="613"/>
      <c r="QIJ701" s="613"/>
      <c r="QIK701" s="613"/>
      <c r="QIL701" s="613"/>
      <c r="QIM701" s="613"/>
      <c r="QIN701" s="613"/>
      <c r="QIO701" s="613"/>
      <c r="QIP701" s="613"/>
      <c r="QIQ701" s="613"/>
      <c r="QIR701" s="613"/>
      <c r="QIS701" s="613"/>
      <c r="QIT701" s="613"/>
      <c r="QIU701" s="613"/>
      <c r="QIV701" s="613"/>
      <c r="QIW701" s="613"/>
      <c r="QIX701" s="613"/>
      <c r="QIY701" s="613"/>
      <c r="QIZ701" s="613"/>
      <c r="QJA701" s="613"/>
      <c r="QJB701" s="613"/>
      <c r="QJC701" s="613"/>
      <c r="QJD701" s="613"/>
      <c r="QJE701" s="613"/>
      <c r="QJF701" s="613"/>
      <c r="QJG701" s="613"/>
      <c r="QJH701" s="613"/>
      <c r="QJI701" s="613"/>
      <c r="QJJ701" s="613"/>
      <c r="QJK701" s="613"/>
      <c r="QJL701" s="613"/>
      <c r="QJM701" s="613"/>
      <c r="QJN701" s="613"/>
      <c r="QJO701" s="613"/>
      <c r="QJP701" s="613"/>
      <c r="QJQ701" s="613"/>
      <c r="QJR701" s="613"/>
      <c r="QJS701" s="613"/>
      <c r="QJT701" s="613"/>
      <c r="QJU701" s="613"/>
      <c r="QJV701" s="613"/>
      <c r="QJW701" s="613"/>
      <c r="QJX701" s="613"/>
      <c r="QJY701" s="613"/>
      <c r="QJZ701" s="613"/>
      <c r="QKA701" s="613"/>
      <c r="QKB701" s="613"/>
      <c r="QKC701" s="613"/>
      <c r="QKD701" s="613"/>
      <c r="QKE701" s="613"/>
      <c r="QKF701" s="613"/>
      <c r="QKG701" s="613"/>
      <c r="QKH701" s="613"/>
      <c r="QKI701" s="613"/>
      <c r="QKJ701" s="613"/>
      <c r="QKK701" s="613"/>
      <c r="QKL701" s="613"/>
      <c r="QKM701" s="613"/>
      <c r="QKN701" s="613"/>
      <c r="QKO701" s="613"/>
      <c r="QKP701" s="613"/>
      <c r="QKQ701" s="613"/>
      <c r="QKR701" s="613"/>
      <c r="QKS701" s="613"/>
      <c r="QKT701" s="613"/>
      <c r="QKU701" s="613"/>
      <c r="QKV701" s="613"/>
      <c r="QKW701" s="613"/>
      <c r="QKX701" s="613"/>
      <c r="QKY701" s="613"/>
      <c r="QKZ701" s="613"/>
      <c r="QLA701" s="613"/>
      <c r="QLB701" s="613"/>
      <c r="QLC701" s="613"/>
      <c r="QLD701" s="613"/>
      <c r="QLE701" s="613"/>
      <c r="QLF701" s="613"/>
      <c r="QLG701" s="613"/>
      <c r="QLH701" s="613"/>
      <c r="QLI701" s="613"/>
      <c r="QLJ701" s="613"/>
      <c r="QLK701" s="613"/>
      <c r="QLL701" s="613"/>
      <c r="QLM701" s="613"/>
      <c r="QLN701" s="613"/>
      <c r="QLO701" s="613"/>
      <c r="QLP701" s="613"/>
      <c r="QLQ701" s="613"/>
      <c r="QLR701" s="613"/>
      <c r="QLS701" s="613"/>
      <c r="QLT701" s="613"/>
      <c r="QLU701" s="613"/>
      <c r="QLV701" s="613"/>
      <c r="QLW701" s="613"/>
      <c r="QLX701" s="613"/>
      <c r="QLY701" s="613"/>
      <c r="QLZ701" s="613"/>
      <c r="QMA701" s="613"/>
      <c r="QMB701" s="613"/>
      <c r="QMC701" s="613"/>
      <c r="QMD701" s="613"/>
      <c r="QME701" s="613"/>
      <c r="QMF701" s="613"/>
      <c r="QMG701" s="613"/>
      <c r="QMH701" s="613"/>
      <c r="QMI701" s="613"/>
      <c r="QMJ701" s="613"/>
      <c r="QMK701" s="613"/>
      <c r="QML701" s="613"/>
      <c r="QMM701" s="613"/>
      <c r="QMN701" s="613"/>
      <c r="QMO701" s="613"/>
      <c r="QMP701" s="613"/>
      <c r="QMQ701" s="613"/>
      <c r="QMR701" s="613"/>
      <c r="QMS701" s="613"/>
      <c r="QMT701" s="613"/>
      <c r="QMU701" s="613"/>
      <c r="QMV701" s="613"/>
      <c r="QMW701" s="613"/>
      <c r="QMX701" s="613"/>
      <c r="QMY701" s="613"/>
      <c r="QMZ701" s="613"/>
      <c r="QNA701" s="613"/>
      <c r="QNB701" s="613"/>
      <c r="QNC701" s="613"/>
      <c r="QND701" s="613"/>
      <c r="QNE701" s="613"/>
      <c r="QNF701" s="613"/>
      <c r="QNG701" s="613"/>
      <c r="QNH701" s="613"/>
      <c r="QNI701" s="613"/>
      <c r="QNJ701" s="613"/>
      <c r="QNK701" s="613"/>
      <c r="QNL701" s="613"/>
      <c r="QNM701" s="613"/>
      <c r="QNN701" s="613"/>
      <c r="QNO701" s="613"/>
      <c r="QNP701" s="613"/>
      <c r="QNQ701" s="613"/>
      <c r="QNR701" s="613"/>
      <c r="QNS701" s="613"/>
      <c r="QNT701" s="613"/>
      <c r="QNU701" s="613"/>
      <c r="QNV701" s="613"/>
      <c r="QNW701" s="613"/>
      <c r="QNX701" s="613"/>
      <c r="QNY701" s="613"/>
      <c r="QNZ701" s="613"/>
      <c r="QOA701" s="613"/>
      <c r="QOB701" s="613"/>
      <c r="QOC701" s="613"/>
      <c r="QOD701" s="613"/>
      <c r="QOE701" s="613"/>
      <c r="QOF701" s="613"/>
      <c r="QOG701" s="613"/>
      <c r="QOH701" s="613"/>
      <c r="QOI701" s="613"/>
      <c r="QOJ701" s="613"/>
      <c r="QOK701" s="613"/>
      <c r="QOL701" s="613"/>
      <c r="QOM701" s="613"/>
      <c r="QON701" s="613"/>
      <c r="QOO701" s="613"/>
      <c r="QOP701" s="613"/>
      <c r="QOQ701" s="613"/>
      <c r="QOR701" s="613"/>
      <c r="QOS701" s="613"/>
      <c r="QOT701" s="613"/>
      <c r="QOU701" s="613"/>
      <c r="QOV701" s="613"/>
      <c r="QOW701" s="613"/>
      <c r="QOX701" s="613"/>
      <c r="QOY701" s="613"/>
      <c r="QOZ701" s="613"/>
      <c r="QPA701" s="613"/>
      <c r="QPB701" s="613"/>
      <c r="QPC701" s="613"/>
      <c r="QPD701" s="613"/>
      <c r="QPE701" s="613"/>
      <c r="QPF701" s="613"/>
      <c r="QPG701" s="613"/>
      <c r="QPH701" s="613"/>
      <c r="QPI701" s="613"/>
      <c r="QPJ701" s="613"/>
      <c r="QPK701" s="613"/>
      <c r="QPL701" s="613"/>
      <c r="QPM701" s="613"/>
      <c r="QPN701" s="613"/>
      <c r="QPO701" s="613"/>
      <c r="QPP701" s="613"/>
      <c r="QPQ701" s="613"/>
      <c r="QPR701" s="613"/>
      <c r="QPS701" s="613"/>
      <c r="QPT701" s="613"/>
      <c r="QPU701" s="613"/>
      <c r="QPV701" s="613"/>
      <c r="QPW701" s="613"/>
      <c r="QPX701" s="613"/>
      <c r="QPY701" s="613"/>
      <c r="QPZ701" s="613"/>
      <c r="QQA701" s="613"/>
      <c r="QQB701" s="613"/>
      <c r="QQC701" s="613"/>
      <c r="QQD701" s="613"/>
      <c r="QQE701" s="613"/>
      <c r="QQF701" s="613"/>
      <c r="QQG701" s="613"/>
      <c r="QQH701" s="613"/>
      <c r="QQI701" s="613"/>
      <c r="QQJ701" s="613"/>
      <c r="QQK701" s="613"/>
      <c r="QQL701" s="613"/>
      <c r="QQM701" s="613"/>
      <c r="QQN701" s="613"/>
      <c r="QQO701" s="613"/>
      <c r="QQP701" s="613"/>
      <c r="QQQ701" s="613"/>
      <c r="QQR701" s="613"/>
      <c r="QQS701" s="613"/>
      <c r="QQT701" s="613"/>
      <c r="QQU701" s="613"/>
      <c r="QQV701" s="613"/>
      <c r="QQW701" s="613"/>
      <c r="QQX701" s="613"/>
      <c r="QQY701" s="613"/>
      <c r="QQZ701" s="613"/>
      <c r="QRA701" s="613"/>
      <c r="QRB701" s="613"/>
      <c r="QRC701" s="613"/>
      <c r="QRD701" s="613"/>
      <c r="QRE701" s="613"/>
      <c r="QRF701" s="613"/>
      <c r="QRG701" s="613"/>
      <c r="QRH701" s="613"/>
      <c r="QRI701" s="613"/>
      <c r="QRJ701" s="613"/>
      <c r="QRK701" s="613"/>
      <c r="QRL701" s="613"/>
      <c r="QRM701" s="613"/>
      <c r="QRN701" s="613"/>
      <c r="QRO701" s="613"/>
      <c r="QRP701" s="613"/>
      <c r="QRQ701" s="613"/>
      <c r="QRR701" s="613"/>
      <c r="QRS701" s="613"/>
      <c r="QRT701" s="613"/>
      <c r="QRU701" s="613"/>
      <c r="QRV701" s="613"/>
      <c r="QRW701" s="613"/>
      <c r="QRX701" s="613"/>
      <c r="QRY701" s="613"/>
      <c r="QRZ701" s="613"/>
      <c r="QSA701" s="613"/>
      <c r="QSB701" s="613"/>
      <c r="QSC701" s="613"/>
      <c r="QSD701" s="613"/>
      <c r="QSE701" s="613"/>
      <c r="QSF701" s="613"/>
      <c r="QSG701" s="613"/>
      <c r="QSH701" s="613"/>
      <c r="QSI701" s="613"/>
      <c r="QSJ701" s="613"/>
      <c r="QSK701" s="613"/>
      <c r="QSL701" s="613"/>
      <c r="QSM701" s="613"/>
      <c r="QSN701" s="613"/>
      <c r="QSO701" s="613"/>
      <c r="QSP701" s="613"/>
      <c r="QSQ701" s="613"/>
      <c r="QSR701" s="613"/>
      <c r="QSS701" s="613"/>
      <c r="QST701" s="613"/>
      <c r="QSU701" s="613"/>
      <c r="QSV701" s="613"/>
      <c r="QSW701" s="613"/>
      <c r="QSX701" s="613"/>
      <c r="QSY701" s="613"/>
      <c r="QSZ701" s="613"/>
      <c r="QTA701" s="613"/>
      <c r="QTB701" s="613"/>
      <c r="QTC701" s="613"/>
      <c r="QTD701" s="613"/>
      <c r="QTE701" s="613"/>
      <c r="QTF701" s="613"/>
      <c r="QTG701" s="613"/>
      <c r="QTH701" s="613"/>
      <c r="QTI701" s="613"/>
      <c r="QTJ701" s="613"/>
      <c r="QTK701" s="613"/>
      <c r="QTL701" s="613"/>
      <c r="QTM701" s="613"/>
      <c r="QTN701" s="613"/>
      <c r="QTO701" s="613"/>
      <c r="QTP701" s="613"/>
      <c r="QTQ701" s="613"/>
      <c r="QTR701" s="613"/>
      <c r="QTS701" s="613"/>
      <c r="QTT701" s="613"/>
      <c r="QTU701" s="613"/>
      <c r="QTV701" s="613"/>
      <c r="QTW701" s="613"/>
      <c r="QTX701" s="613"/>
      <c r="QTY701" s="613"/>
      <c r="QTZ701" s="613"/>
      <c r="QUA701" s="613"/>
      <c r="QUB701" s="613"/>
      <c r="QUC701" s="613"/>
      <c r="QUD701" s="613"/>
      <c r="QUE701" s="613"/>
      <c r="QUF701" s="613"/>
      <c r="QUG701" s="613"/>
      <c r="QUH701" s="613"/>
      <c r="QUI701" s="613"/>
      <c r="QUJ701" s="613"/>
      <c r="QUK701" s="613"/>
      <c r="QUL701" s="613"/>
      <c r="QUM701" s="613"/>
      <c r="QUN701" s="613"/>
      <c r="QUO701" s="613"/>
      <c r="QUP701" s="613"/>
      <c r="QUQ701" s="613"/>
      <c r="QUR701" s="613"/>
      <c r="QUS701" s="613"/>
      <c r="QUT701" s="613"/>
      <c r="QUU701" s="613"/>
      <c r="QUV701" s="613"/>
      <c r="QUW701" s="613"/>
      <c r="QUX701" s="613"/>
      <c r="QUY701" s="613"/>
      <c r="QUZ701" s="613"/>
      <c r="QVA701" s="613"/>
      <c r="QVB701" s="613"/>
      <c r="QVC701" s="613"/>
      <c r="QVD701" s="613"/>
      <c r="QVE701" s="613"/>
      <c r="QVF701" s="613"/>
      <c r="QVG701" s="613"/>
      <c r="QVH701" s="613"/>
      <c r="QVI701" s="613"/>
      <c r="QVJ701" s="613"/>
      <c r="QVK701" s="613"/>
      <c r="QVL701" s="613"/>
      <c r="QVM701" s="613"/>
      <c r="QVN701" s="613"/>
      <c r="QVO701" s="613"/>
      <c r="QVP701" s="613"/>
      <c r="QVQ701" s="613"/>
      <c r="QVR701" s="613"/>
      <c r="QVS701" s="613"/>
      <c r="QVT701" s="613"/>
      <c r="QVU701" s="613"/>
      <c r="QVV701" s="613"/>
      <c r="QVW701" s="613"/>
      <c r="QVX701" s="613"/>
      <c r="QVY701" s="613"/>
      <c r="QVZ701" s="613"/>
      <c r="QWA701" s="613"/>
      <c r="QWB701" s="613"/>
      <c r="QWC701" s="613"/>
      <c r="QWD701" s="613"/>
      <c r="QWE701" s="613"/>
      <c r="QWF701" s="613"/>
      <c r="QWG701" s="613"/>
      <c r="QWH701" s="613"/>
      <c r="QWI701" s="613"/>
      <c r="QWJ701" s="613"/>
      <c r="QWK701" s="613"/>
      <c r="QWL701" s="613"/>
      <c r="QWM701" s="613"/>
      <c r="QWN701" s="613"/>
      <c r="QWO701" s="613"/>
      <c r="QWP701" s="613"/>
      <c r="QWQ701" s="613"/>
      <c r="QWR701" s="613"/>
      <c r="QWS701" s="613"/>
      <c r="QWT701" s="613"/>
      <c r="QWU701" s="613"/>
      <c r="QWV701" s="613"/>
      <c r="QWW701" s="613"/>
      <c r="QWX701" s="613"/>
      <c r="QWY701" s="613"/>
      <c r="QWZ701" s="613"/>
      <c r="QXA701" s="613"/>
      <c r="QXB701" s="613"/>
      <c r="QXC701" s="613"/>
      <c r="QXD701" s="613"/>
      <c r="QXE701" s="613"/>
      <c r="QXF701" s="613"/>
      <c r="QXG701" s="613"/>
      <c r="QXH701" s="613"/>
      <c r="QXI701" s="613"/>
      <c r="QXJ701" s="613"/>
      <c r="QXK701" s="613"/>
      <c r="QXL701" s="613"/>
      <c r="QXM701" s="613"/>
      <c r="QXN701" s="613"/>
      <c r="QXO701" s="613"/>
      <c r="QXP701" s="613"/>
      <c r="QXQ701" s="613"/>
      <c r="QXR701" s="613"/>
      <c r="QXS701" s="613"/>
      <c r="QXT701" s="613"/>
      <c r="QXU701" s="613"/>
      <c r="QXV701" s="613"/>
      <c r="QXW701" s="613"/>
      <c r="QXX701" s="613"/>
      <c r="QXY701" s="613"/>
      <c r="QXZ701" s="613"/>
      <c r="QYA701" s="613"/>
      <c r="QYB701" s="613"/>
      <c r="QYC701" s="613"/>
      <c r="QYD701" s="613"/>
      <c r="QYE701" s="613"/>
      <c r="QYF701" s="613"/>
      <c r="QYG701" s="613"/>
      <c r="QYH701" s="613"/>
      <c r="QYI701" s="613"/>
      <c r="QYJ701" s="613"/>
      <c r="QYK701" s="613"/>
      <c r="QYL701" s="613"/>
      <c r="QYM701" s="613"/>
      <c r="QYN701" s="613"/>
      <c r="QYO701" s="613"/>
      <c r="QYP701" s="613"/>
      <c r="QYQ701" s="613"/>
      <c r="QYR701" s="613"/>
      <c r="QYS701" s="613"/>
      <c r="QYT701" s="613"/>
      <c r="QYU701" s="613"/>
      <c r="QYV701" s="613"/>
      <c r="QYW701" s="613"/>
      <c r="QYX701" s="613"/>
      <c r="QYY701" s="613"/>
      <c r="QYZ701" s="613"/>
      <c r="QZA701" s="613"/>
      <c r="QZB701" s="613"/>
      <c r="QZC701" s="613"/>
      <c r="QZD701" s="613"/>
      <c r="QZE701" s="613"/>
      <c r="QZF701" s="613"/>
      <c r="QZG701" s="613"/>
      <c r="QZH701" s="613"/>
      <c r="QZI701" s="613"/>
      <c r="QZJ701" s="613"/>
      <c r="QZK701" s="613"/>
      <c r="QZL701" s="613"/>
      <c r="QZM701" s="613"/>
      <c r="QZN701" s="613"/>
      <c r="QZO701" s="613"/>
      <c r="QZP701" s="613"/>
      <c r="QZQ701" s="613"/>
      <c r="QZR701" s="613"/>
      <c r="QZS701" s="613"/>
      <c r="QZT701" s="613"/>
      <c r="QZU701" s="613"/>
      <c r="QZV701" s="613"/>
      <c r="QZW701" s="613"/>
      <c r="QZX701" s="613"/>
      <c r="QZY701" s="613"/>
      <c r="QZZ701" s="613"/>
      <c r="RAA701" s="613"/>
      <c r="RAB701" s="613"/>
      <c r="RAC701" s="613"/>
      <c r="RAD701" s="613"/>
      <c r="RAE701" s="613"/>
      <c r="RAF701" s="613"/>
      <c r="RAG701" s="613"/>
      <c r="RAH701" s="613"/>
      <c r="RAI701" s="613"/>
      <c r="RAJ701" s="613"/>
      <c r="RAK701" s="613"/>
      <c r="RAL701" s="613"/>
      <c r="RAM701" s="613"/>
      <c r="RAN701" s="613"/>
      <c r="RAO701" s="613"/>
      <c r="RAP701" s="613"/>
      <c r="RAQ701" s="613"/>
      <c r="RAR701" s="613"/>
      <c r="RAS701" s="613"/>
      <c r="RAT701" s="613"/>
      <c r="RAU701" s="613"/>
      <c r="RAV701" s="613"/>
      <c r="RAW701" s="613"/>
      <c r="RAX701" s="613"/>
      <c r="RAY701" s="613"/>
      <c r="RAZ701" s="613"/>
      <c r="RBA701" s="613"/>
      <c r="RBB701" s="613"/>
      <c r="RBC701" s="613"/>
      <c r="RBD701" s="613"/>
      <c r="RBE701" s="613"/>
      <c r="RBF701" s="613"/>
      <c r="RBG701" s="613"/>
      <c r="RBH701" s="613"/>
      <c r="RBI701" s="613"/>
      <c r="RBJ701" s="613"/>
      <c r="RBK701" s="613"/>
      <c r="RBL701" s="613"/>
      <c r="RBM701" s="613"/>
      <c r="RBN701" s="613"/>
      <c r="RBO701" s="613"/>
      <c r="RBP701" s="613"/>
      <c r="RBQ701" s="613"/>
      <c r="RBR701" s="613"/>
      <c r="RBS701" s="613"/>
      <c r="RBT701" s="613"/>
      <c r="RBU701" s="613"/>
      <c r="RBV701" s="613"/>
      <c r="RBW701" s="613"/>
      <c r="RBX701" s="613"/>
      <c r="RBY701" s="613"/>
      <c r="RBZ701" s="613"/>
      <c r="RCA701" s="613"/>
      <c r="RCB701" s="613"/>
      <c r="RCC701" s="613"/>
      <c r="RCD701" s="613"/>
      <c r="RCE701" s="613"/>
      <c r="RCF701" s="613"/>
      <c r="RCG701" s="613"/>
      <c r="RCH701" s="613"/>
      <c r="RCI701" s="613"/>
      <c r="RCJ701" s="613"/>
      <c r="RCK701" s="613"/>
      <c r="RCL701" s="613"/>
      <c r="RCM701" s="613"/>
      <c r="RCN701" s="613"/>
      <c r="RCO701" s="613"/>
      <c r="RCP701" s="613"/>
      <c r="RCQ701" s="613"/>
      <c r="RCR701" s="613"/>
      <c r="RCS701" s="613"/>
      <c r="RCT701" s="613"/>
      <c r="RCU701" s="613"/>
      <c r="RCV701" s="613"/>
      <c r="RCW701" s="613"/>
      <c r="RCX701" s="613"/>
      <c r="RCY701" s="613"/>
      <c r="RCZ701" s="613"/>
      <c r="RDA701" s="613"/>
      <c r="RDB701" s="613"/>
      <c r="RDC701" s="613"/>
      <c r="RDD701" s="613"/>
      <c r="RDE701" s="613"/>
      <c r="RDF701" s="613"/>
      <c r="RDG701" s="613"/>
      <c r="RDH701" s="613"/>
      <c r="RDI701" s="613"/>
      <c r="RDJ701" s="613"/>
      <c r="RDK701" s="613"/>
      <c r="RDL701" s="613"/>
      <c r="RDM701" s="613"/>
      <c r="RDN701" s="613"/>
      <c r="RDO701" s="613"/>
      <c r="RDP701" s="613"/>
      <c r="RDQ701" s="613"/>
      <c r="RDR701" s="613"/>
      <c r="RDS701" s="613"/>
      <c r="RDT701" s="613"/>
      <c r="RDU701" s="613"/>
      <c r="RDV701" s="613"/>
      <c r="RDW701" s="613"/>
      <c r="RDX701" s="613"/>
      <c r="RDY701" s="613"/>
      <c r="RDZ701" s="613"/>
      <c r="REA701" s="613"/>
      <c r="REB701" s="613"/>
      <c r="REC701" s="613"/>
      <c r="RED701" s="613"/>
      <c r="REE701" s="613"/>
      <c r="REF701" s="613"/>
      <c r="REG701" s="613"/>
      <c r="REH701" s="613"/>
      <c r="REI701" s="613"/>
      <c r="REJ701" s="613"/>
      <c r="REK701" s="613"/>
      <c r="REL701" s="613"/>
      <c r="REM701" s="613"/>
      <c r="REN701" s="613"/>
      <c r="REO701" s="613"/>
      <c r="REP701" s="613"/>
      <c r="REQ701" s="613"/>
      <c r="RER701" s="613"/>
      <c r="RES701" s="613"/>
      <c r="RET701" s="613"/>
      <c r="REU701" s="613"/>
      <c r="REV701" s="613"/>
      <c r="REW701" s="613"/>
      <c r="REX701" s="613"/>
      <c r="REY701" s="613"/>
      <c r="REZ701" s="613"/>
      <c r="RFA701" s="613"/>
      <c r="RFB701" s="613"/>
      <c r="RFC701" s="613"/>
      <c r="RFD701" s="613"/>
      <c r="RFE701" s="613"/>
      <c r="RFF701" s="613"/>
      <c r="RFG701" s="613"/>
      <c r="RFH701" s="613"/>
      <c r="RFI701" s="613"/>
      <c r="RFJ701" s="613"/>
      <c r="RFK701" s="613"/>
      <c r="RFL701" s="613"/>
      <c r="RFM701" s="613"/>
      <c r="RFN701" s="613"/>
      <c r="RFO701" s="613"/>
      <c r="RFP701" s="613"/>
      <c r="RFQ701" s="613"/>
      <c r="RFR701" s="613"/>
      <c r="RFS701" s="613"/>
      <c r="RFT701" s="613"/>
      <c r="RFU701" s="613"/>
      <c r="RFV701" s="613"/>
      <c r="RFW701" s="613"/>
      <c r="RFX701" s="613"/>
      <c r="RFY701" s="613"/>
      <c r="RFZ701" s="613"/>
      <c r="RGA701" s="613"/>
      <c r="RGB701" s="613"/>
      <c r="RGC701" s="613"/>
      <c r="RGD701" s="613"/>
      <c r="RGE701" s="613"/>
      <c r="RGF701" s="613"/>
      <c r="RGG701" s="613"/>
      <c r="RGH701" s="613"/>
      <c r="RGI701" s="613"/>
      <c r="RGJ701" s="613"/>
      <c r="RGK701" s="613"/>
      <c r="RGL701" s="613"/>
      <c r="RGM701" s="613"/>
      <c r="RGN701" s="613"/>
      <c r="RGO701" s="613"/>
      <c r="RGP701" s="613"/>
      <c r="RGQ701" s="613"/>
      <c r="RGR701" s="613"/>
      <c r="RGS701" s="613"/>
      <c r="RGT701" s="613"/>
      <c r="RGU701" s="613"/>
      <c r="RGV701" s="613"/>
      <c r="RGW701" s="613"/>
      <c r="RGX701" s="613"/>
      <c r="RGY701" s="613"/>
      <c r="RGZ701" s="613"/>
      <c r="RHA701" s="613"/>
      <c r="RHB701" s="613"/>
      <c r="RHC701" s="613"/>
      <c r="RHD701" s="613"/>
      <c r="RHE701" s="613"/>
      <c r="RHF701" s="613"/>
      <c r="RHG701" s="613"/>
      <c r="RHH701" s="613"/>
      <c r="RHI701" s="613"/>
      <c r="RHJ701" s="613"/>
      <c r="RHK701" s="613"/>
      <c r="RHL701" s="613"/>
      <c r="RHM701" s="613"/>
      <c r="RHN701" s="613"/>
      <c r="RHO701" s="613"/>
      <c r="RHP701" s="613"/>
      <c r="RHQ701" s="613"/>
      <c r="RHR701" s="613"/>
      <c r="RHS701" s="613"/>
      <c r="RHT701" s="613"/>
      <c r="RHU701" s="613"/>
      <c r="RHV701" s="613"/>
      <c r="RHW701" s="613"/>
      <c r="RHX701" s="613"/>
      <c r="RHY701" s="613"/>
      <c r="RHZ701" s="613"/>
      <c r="RIA701" s="613"/>
      <c r="RIB701" s="613"/>
      <c r="RIC701" s="613"/>
      <c r="RID701" s="613"/>
      <c r="RIE701" s="613"/>
      <c r="RIF701" s="613"/>
      <c r="RIG701" s="613"/>
      <c r="RIH701" s="613"/>
      <c r="RII701" s="613"/>
      <c r="RIJ701" s="613"/>
      <c r="RIK701" s="613"/>
      <c r="RIL701" s="613"/>
      <c r="RIM701" s="613"/>
      <c r="RIN701" s="613"/>
      <c r="RIO701" s="613"/>
      <c r="RIP701" s="613"/>
      <c r="RIQ701" s="613"/>
      <c r="RIR701" s="613"/>
      <c r="RIS701" s="613"/>
      <c r="RIT701" s="613"/>
      <c r="RIU701" s="613"/>
      <c r="RIV701" s="613"/>
      <c r="RIW701" s="613"/>
      <c r="RIX701" s="613"/>
      <c r="RIY701" s="613"/>
      <c r="RIZ701" s="613"/>
      <c r="RJA701" s="613"/>
      <c r="RJB701" s="613"/>
      <c r="RJC701" s="613"/>
      <c r="RJD701" s="613"/>
      <c r="RJE701" s="613"/>
      <c r="RJF701" s="613"/>
      <c r="RJG701" s="613"/>
      <c r="RJH701" s="613"/>
      <c r="RJI701" s="613"/>
      <c r="RJJ701" s="613"/>
      <c r="RJK701" s="613"/>
      <c r="RJL701" s="613"/>
      <c r="RJM701" s="613"/>
      <c r="RJN701" s="613"/>
      <c r="RJO701" s="613"/>
      <c r="RJP701" s="613"/>
      <c r="RJQ701" s="613"/>
      <c r="RJR701" s="613"/>
      <c r="RJS701" s="613"/>
      <c r="RJT701" s="613"/>
      <c r="RJU701" s="613"/>
      <c r="RJV701" s="613"/>
      <c r="RJW701" s="613"/>
      <c r="RJX701" s="613"/>
      <c r="RJY701" s="613"/>
      <c r="RJZ701" s="613"/>
      <c r="RKA701" s="613"/>
      <c r="RKB701" s="613"/>
      <c r="RKC701" s="613"/>
      <c r="RKD701" s="613"/>
      <c r="RKE701" s="613"/>
      <c r="RKF701" s="613"/>
      <c r="RKG701" s="613"/>
      <c r="RKH701" s="613"/>
      <c r="RKI701" s="613"/>
      <c r="RKJ701" s="613"/>
      <c r="RKK701" s="613"/>
      <c r="RKL701" s="613"/>
      <c r="RKM701" s="613"/>
      <c r="RKN701" s="613"/>
      <c r="RKO701" s="613"/>
      <c r="RKP701" s="613"/>
      <c r="RKQ701" s="613"/>
      <c r="RKR701" s="613"/>
      <c r="RKS701" s="613"/>
      <c r="RKT701" s="613"/>
      <c r="RKU701" s="613"/>
      <c r="RKV701" s="613"/>
      <c r="RKW701" s="613"/>
      <c r="RKX701" s="613"/>
      <c r="RKY701" s="613"/>
      <c r="RKZ701" s="613"/>
      <c r="RLA701" s="613"/>
      <c r="RLB701" s="613"/>
      <c r="RLC701" s="613"/>
      <c r="RLD701" s="613"/>
      <c r="RLE701" s="613"/>
      <c r="RLF701" s="613"/>
      <c r="RLG701" s="613"/>
      <c r="RLH701" s="613"/>
      <c r="RLI701" s="613"/>
      <c r="RLJ701" s="613"/>
      <c r="RLK701" s="613"/>
      <c r="RLL701" s="613"/>
      <c r="RLM701" s="613"/>
      <c r="RLN701" s="613"/>
      <c r="RLO701" s="613"/>
      <c r="RLP701" s="613"/>
      <c r="RLQ701" s="613"/>
      <c r="RLR701" s="613"/>
      <c r="RLS701" s="613"/>
      <c r="RLT701" s="613"/>
      <c r="RLU701" s="613"/>
      <c r="RLV701" s="613"/>
      <c r="RLW701" s="613"/>
      <c r="RLX701" s="613"/>
      <c r="RLY701" s="613"/>
      <c r="RLZ701" s="613"/>
      <c r="RMA701" s="613"/>
      <c r="RMB701" s="613"/>
      <c r="RMC701" s="613"/>
      <c r="RMD701" s="613"/>
      <c r="RME701" s="613"/>
      <c r="RMF701" s="613"/>
      <c r="RMG701" s="613"/>
      <c r="RMH701" s="613"/>
      <c r="RMI701" s="613"/>
      <c r="RMJ701" s="613"/>
      <c r="RMK701" s="613"/>
      <c r="RML701" s="613"/>
      <c r="RMM701" s="613"/>
      <c r="RMN701" s="613"/>
      <c r="RMO701" s="613"/>
      <c r="RMP701" s="613"/>
      <c r="RMQ701" s="613"/>
      <c r="RMR701" s="613"/>
      <c r="RMS701" s="613"/>
      <c r="RMT701" s="613"/>
      <c r="RMU701" s="613"/>
      <c r="RMV701" s="613"/>
      <c r="RMW701" s="613"/>
      <c r="RMX701" s="613"/>
      <c r="RMY701" s="613"/>
      <c r="RMZ701" s="613"/>
      <c r="RNA701" s="613"/>
      <c r="RNB701" s="613"/>
      <c r="RNC701" s="613"/>
      <c r="RND701" s="613"/>
      <c r="RNE701" s="613"/>
      <c r="RNF701" s="613"/>
      <c r="RNG701" s="613"/>
      <c r="RNH701" s="613"/>
      <c r="RNI701" s="613"/>
      <c r="RNJ701" s="613"/>
      <c r="RNK701" s="613"/>
      <c r="RNL701" s="613"/>
      <c r="RNM701" s="613"/>
      <c r="RNN701" s="613"/>
      <c r="RNO701" s="613"/>
      <c r="RNP701" s="613"/>
      <c r="RNQ701" s="613"/>
      <c r="RNR701" s="613"/>
      <c r="RNS701" s="613"/>
      <c r="RNT701" s="613"/>
      <c r="RNU701" s="613"/>
      <c r="RNV701" s="613"/>
      <c r="RNW701" s="613"/>
      <c r="RNX701" s="613"/>
      <c r="RNY701" s="613"/>
      <c r="RNZ701" s="613"/>
      <c r="ROA701" s="613"/>
      <c r="ROB701" s="613"/>
      <c r="ROC701" s="613"/>
      <c r="ROD701" s="613"/>
      <c r="ROE701" s="613"/>
      <c r="ROF701" s="613"/>
      <c r="ROG701" s="613"/>
      <c r="ROH701" s="613"/>
      <c r="ROI701" s="613"/>
      <c r="ROJ701" s="613"/>
      <c r="ROK701" s="613"/>
      <c r="ROL701" s="613"/>
      <c r="ROM701" s="613"/>
      <c r="RON701" s="613"/>
      <c r="ROO701" s="613"/>
      <c r="ROP701" s="613"/>
      <c r="ROQ701" s="613"/>
      <c r="ROR701" s="613"/>
      <c r="ROS701" s="613"/>
      <c r="ROT701" s="613"/>
      <c r="ROU701" s="613"/>
      <c r="ROV701" s="613"/>
      <c r="ROW701" s="613"/>
      <c r="ROX701" s="613"/>
      <c r="ROY701" s="613"/>
      <c r="ROZ701" s="613"/>
      <c r="RPA701" s="613"/>
      <c r="RPB701" s="613"/>
      <c r="RPC701" s="613"/>
      <c r="RPD701" s="613"/>
      <c r="RPE701" s="613"/>
      <c r="RPF701" s="613"/>
      <c r="RPG701" s="613"/>
      <c r="RPH701" s="613"/>
      <c r="RPI701" s="613"/>
      <c r="RPJ701" s="613"/>
      <c r="RPK701" s="613"/>
      <c r="RPL701" s="613"/>
      <c r="RPM701" s="613"/>
      <c r="RPN701" s="613"/>
      <c r="RPO701" s="613"/>
      <c r="RPP701" s="613"/>
      <c r="RPQ701" s="613"/>
      <c r="RPR701" s="613"/>
      <c r="RPS701" s="613"/>
      <c r="RPT701" s="613"/>
      <c r="RPU701" s="613"/>
      <c r="RPV701" s="613"/>
      <c r="RPW701" s="613"/>
      <c r="RPX701" s="613"/>
      <c r="RPY701" s="613"/>
      <c r="RPZ701" s="613"/>
      <c r="RQA701" s="613"/>
      <c r="RQB701" s="613"/>
      <c r="RQC701" s="613"/>
      <c r="RQD701" s="613"/>
      <c r="RQE701" s="613"/>
      <c r="RQF701" s="613"/>
      <c r="RQG701" s="613"/>
      <c r="RQH701" s="613"/>
      <c r="RQI701" s="613"/>
      <c r="RQJ701" s="613"/>
      <c r="RQK701" s="613"/>
      <c r="RQL701" s="613"/>
      <c r="RQM701" s="613"/>
      <c r="RQN701" s="613"/>
      <c r="RQO701" s="613"/>
      <c r="RQP701" s="613"/>
      <c r="RQQ701" s="613"/>
      <c r="RQR701" s="613"/>
      <c r="RQS701" s="613"/>
      <c r="RQT701" s="613"/>
      <c r="RQU701" s="613"/>
      <c r="RQV701" s="613"/>
      <c r="RQW701" s="613"/>
      <c r="RQX701" s="613"/>
      <c r="RQY701" s="613"/>
      <c r="RQZ701" s="613"/>
      <c r="RRA701" s="613"/>
      <c r="RRB701" s="613"/>
      <c r="RRC701" s="613"/>
      <c r="RRD701" s="613"/>
      <c r="RRE701" s="613"/>
      <c r="RRF701" s="613"/>
      <c r="RRG701" s="613"/>
      <c r="RRH701" s="613"/>
      <c r="RRI701" s="613"/>
      <c r="RRJ701" s="613"/>
      <c r="RRK701" s="613"/>
      <c r="RRL701" s="613"/>
      <c r="RRM701" s="613"/>
      <c r="RRN701" s="613"/>
      <c r="RRO701" s="613"/>
      <c r="RRP701" s="613"/>
      <c r="RRQ701" s="613"/>
      <c r="RRR701" s="613"/>
      <c r="RRS701" s="613"/>
      <c r="RRT701" s="613"/>
      <c r="RRU701" s="613"/>
      <c r="RRV701" s="613"/>
      <c r="RRW701" s="613"/>
      <c r="RRX701" s="613"/>
      <c r="RRY701" s="613"/>
      <c r="RRZ701" s="613"/>
      <c r="RSA701" s="613"/>
      <c r="RSB701" s="613"/>
      <c r="RSC701" s="613"/>
      <c r="RSD701" s="613"/>
      <c r="RSE701" s="613"/>
      <c r="RSF701" s="613"/>
      <c r="RSG701" s="613"/>
      <c r="RSH701" s="613"/>
      <c r="RSI701" s="613"/>
      <c r="RSJ701" s="613"/>
      <c r="RSK701" s="613"/>
      <c r="RSL701" s="613"/>
      <c r="RSM701" s="613"/>
      <c r="RSN701" s="613"/>
      <c r="RSO701" s="613"/>
      <c r="RSP701" s="613"/>
      <c r="RSQ701" s="613"/>
      <c r="RSR701" s="613"/>
      <c r="RSS701" s="613"/>
      <c r="RST701" s="613"/>
      <c r="RSU701" s="613"/>
      <c r="RSV701" s="613"/>
      <c r="RSW701" s="613"/>
      <c r="RSX701" s="613"/>
      <c r="RSY701" s="613"/>
      <c r="RSZ701" s="613"/>
      <c r="RTA701" s="613"/>
      <c r="RTB701" s="613"/>
      <c r="RTC701" s="613"/>
      <c r="RTD701" s="613"/>
      <c r="RTE701" s="613"/>
      <c r="RTF701" s="613"/>
      <c r="RTG701" s="613"/>
      <c r="RTH701" s="613"/>
      <c r="RTI701" s="613"/>
      <c r="RTJ701" s="613"/>
      <c r="RTK701" s="613"/>
      <c r="RTL701" s="613"/>
      <c r="RTM701" s="613"/>
      <c r="RTN701" s="613"/>
      <c r="RTO701" s="613"/>
      <c r="RTP701" s="613"/>
      <c r="RTQ701" s="613"/>
      <c r="RTR701" s="613"/>
      <c r="RTS701" s="613"/>
      <c r="RTT701" s="613"/>
      <c r="RTU701" s="613"/>
      <c r="RTV701" s="613"/>
      <c r="RTW701" s="613"/>
      <c r="RTX701" s="613"/>
      <c r="RTY701" s="613"/>
      <c r="RTZ701" s="613"/>
      <c r="RUA701" s="613"/>
      <c r="RUB701" s="613"/>
      <c r="RUC701" s="613"/>
      <c r="RUD701" s="613"/>
      <c r="RUE701" s="613"/>
      <c r="RUF701" s="613"/>
      <c r="RUG701" s="613"/>
      <c r="RUH701" s="613"/>
      <c r="RUI701" s="613"/>
      <c r="RUJ701" s="613"/>
      <c r="RUK701" s="613"/>
      <c r="RUL701" s="613"/>
      <c r="RUM701" s="613"/>
      <c r="RUN701" s="613"/>
      <c r="RUO701" s="613"/>
      <c r="RUP701" s="613"/>
      <c r="RUQ701" s="613"/>
      <c r="RUR701" s="613"/>
      <c r="RUS701" s="613"/>
      <c r="RUT701" s="613"/>
      <c r="RUU701" s="613"/>
      <c r="RUV701" s="613"/>
      <c r="RUW701" s="613"/>
      <c r="RUX701" s="613"/>
      <c r="RUY701" s="613"/>
      <c r="RUZ701" s="613"/>
      <c r="RVA701" s="613"/>
      <c r="RVB701" s="613"/>
      <c r="RVC701" s="613"/>
      <c r="RVD701" s="613"/>
      <c r="RVE701" s="613"/>
      <c r="RVF701" s="613"/>
      <c r="RVG701" s="613"/>
      <c r="RVH701" s="613"/>
      <c r="RVI701" s="613"/>
      <c r="RVJ701" s="613"/>
      <c r="RVK701" s="613"/>
      <c r="RVL701" s="613"/>
      <c r="RVM701" s="613"/>
      <c r="RVN701" s="613"/>
      <c r="RVO701" s="613"/>
      <c r="RVP701" s="613"/>
      <c r="RVQ701" s="613"/>
      <c r="RVR701" s="613"/>
      <c r="RVS701" s="613"/>
      <c r="RVT701" s="613"/>
      <c r="RVU701" s="613"/>
      <c r="RVV701" s="613"/>
      <c r="RVW701" s="613"/>
      <c r="RVX701" s="613"/>
      <c r="RVY701" s="613"/>
      <c r="RVZ701" s="613"/>
      <c r="RWA701" s="613"/>
      <c r="RWB701" s="613"/>
      <c r="RWC701" s="613"/>
      <c r="RWD701" s="613"/>
      <c r="RWE701" s="613"/>
      <c r="RWF701" s="613"/>
      <c r="RWG701" s="613"/>
      <c r="RWH701" s="613"/>
      <c r="RWI701" s="613"/>
      <c r="RWJ701" s="613"/>
      <c r="RWK701" s="613"/>
      <c r="RWL701" s="613"/>
      <c r="RWM701" s="613"/>
      <c r="RWN701" s="613"/>
      <c r="RWO701" s="613"/>
      <c r="RWP701" s="613"/>
      <c r="RWQ701" s="613"/>
      <c r="RWR701" s="613"/>
      <c r="RWS701" s="613"/>
      <c r="RWT701" s="613"/>
      <c r="RWU701" s="613"/>
      <c r="RWV701" s="613"/>
      <c r="RWW701" s="613"/>
      <c r="RWX701" s="613"/>
      <c r="RWY701" s="613"/>
      <c r="RWZ701" s="613"/>
      <c r="RXA701" s="613"/>
      <c r="RXB701" s="613"/>
      <c r="RXC701" s="613"/>
      <c r="RXD701" s="613"/>
      <c r="RXE701" s="613"/>
      <c r="RXF701" s="613"/>
      <c r="RXG701" s="613"/>
      <c r="RXH701" s="613"/>
      <c r="RXI701" s="613"/>
      <c r="RXJ701" s="613"/>
      <c r="RXK701" s="613"/>
      <c r="RXL701" s="613"/>
      <c r="RXM701" s="613"/>
      <c r="RXN701" s="613"/>
      <c r="RXO701" s="613"/>
      <c r="RXP701" s="613"/>
      <c r="RXQ701" s="613"/>
      <c r="RXR701" s="613"/>
      <c r="RXS701" s="613"/>
      <c r="RXT701" s="613"/>
      <c r="RXU701" s="613"/>
      <c r="RXV701" s="613"/>
      <c r="RXW701" s="613"/>
      <c r="RXX701" s="613"/>
      <c r="RXY701" s="613"/>
      <c r="RXZ701" s="613"/>
      <c r="RYA701" s="613"/>
      <c r="RYB701" s="613"/>
      <c r="RYC701" s="613"/>
      <c r="RYD701" s="613"/>
      <c r="RYE701" s="613"/>
      <c r="RYF701" s="613"/>
      <c r="RYG701" s="613"/>
      <c r="RYH701" s="613"/>
      <c r="RYI701" s="613"/>
      <c r="RYJ701" s="613"/>
      <c r="RYK701" s="613"/>
      <c r="RYL701" s="613"/>
      <c r="RYM701" s="613"/>
      <c r="RYN701" s="613"/>
      <c r="RYO701" s="613"/>
      <c r="RYP701" s="613"/>
      <c r="RYQ701" s="613"/>
      <c r="RYR701" s="613"/>
      <c r="RYS701" s="613"/>
      <c r="RYT701" s="613"/>
      <c r="RYU701" s="613"/>
      <c r="RYV701" s="613"/>
      <c r="RYW701" s="613"/>
      <c r="RYX701" s="613"/>
      <c r="RYY701" s="613"/>
      <c r="RYZ701" s="613"/>
      <c r="RZA701" s="613"/>
      <c r="RZB701" s="613"/>
      <c r="RZC701" s="613"/>
      <c r="RZD701" s="613"/>
      <c r="RZE701" s="613"/>
      <c r="RZF701" s="613"/>
      <c r="RZG701" s="613"/>
      <c r="RZH701" s="613"/>
      <c r="RZI701" s="613"/>
      <c r="RZJ701" s="613"/>
      <c r="RZK701" s="613"/>
      <c r="RZL701" s="613"/>
      <c r="RZM701" s="613"/>
      <c r="RZN701" s="613"/>
      <c r="RZO701" s="613"/>
      <c r="RZP701" s="613"/>
      <c r="RZQ701" s="613"/>
      <c r="RZR701" s="613"/>
      <c r="RZS701" s="613"/>
      <c r="RZT701" s="613"/>
      <c r="RZU701" s="613"/>
      <c r="RZV701" s="613"/>
      <c r="RZW701" s="613"/>
      <c r="RZX701" s="613"/>
      <c r="RZY701" s="613"/>
      <c r="RZZ701" s="613"/>
      <c r="SAA701" s="613"/>
      <c r="SAB701" s="613"/>
      <c r="SAC701" s="613"/>
      <c r="SAD701" s="613"/>
      <c r="SAE701" s="613"/>
      <c r="SAF701" s="613"/>
      <c r="SAG701" s="613"/>
      <c r="SAH701" s="613"/>
      <c r="SAI701" s="613"/>
      <c r="SAJ701" s="613"/>
      <c r="SAK701" s="613"/>
      <c r="SAL701" s="613"/>
      <c r="SAM701" s="613"/>
      <c r="SAN701" s="613"/>
      <c r="SAO701" s="613"/>
      <c r="SAP701" s="613"/>
      <c r="SAQ701" s="613"/>
      <c r="SAR701" s="613"/>
      <c r="SAS701" s="613"/>
      <c r="SAT701" s="613"/>
      <c r="SAU701" s="613"/>
      <c r="SAV701" s="613"/>
      <c r="SAW701" s="613"/>
      <c r="SAX701" s="613"/>
      <c r="SAY701" s="613"/>
      <c r="SAZ701" s="613"/>
      <c r="SBA701" s="613"/>
      <c r="SBB701" s="613"/>
      <c r="SBC701" s="613"/>
      <c r="SBD701" s="613"/>
      <c r="SBE701" s="613"/>
      <c r="SBF701" s="613"/>
      <c r="SBG701" s="613"/>
      <c r="SBH701" s="613"/>
      <c r="SBI701" s="613"/>
      <c r="SBJ701" s="613"/>
      <c r="SBK701" s="613"/>
      <c r="SBL701" s="613"/>
      <c r="SBM701" s="613"/>
      <c r="SBN701" s="613"/>
      <c r="SBO701" s="613"/>
      <c r="SBP701" s="613"/>
      <c r="SBQ701" s="613"/>
      <c r="SBR701" s="613"/>
      <c r="SBS701" s="613"/>
      <c r="SBT701" s="613"/>
      <c r="SBU701" s="613"/>
      <c r="SBV701" s="613"/>
      <c r="SBW701" s="613"/>
      <c r="SBX701" s="613"/>
      <c r="SBY701" s="613"/>
      <c r="SBZ701" s="613"/>
      <c r="SCA701" s="613"/>
      <c r="SCB701" s="613"/>
      <c r="SCC701" s="613"/>
      <c r="SCD701" s="613"/>
      <c r="SCE701" s="613"/>
      <c r="SCF701" s="613"/>
      <c r="SCG701" s="613"/>
      <c r="SCH701" s="613"/>
      <c r="SCI701" s="613"/>
      <c r="SCJ701" s="613"/>
      <c r="SCK701" s="613"/>
      <c r="SCL701" s="613"/>
      <c r="SCM701" s="613"/>
      <c r="SCN701" s="613"/>
      <c r="SCO701" s="613"/>
      <c r="SCP701" s="613"/>
      <c r="SCQ701" s="613"/>
      <c r="SCR701" s="613"/>
      <c r="SCS701" s="613"/>
      <c r="SCT701" s="613"/>
      <c r="SCU701" s="613"/>
      <c r="SCV701" s="613"/>
      <c r="SCW701" s="613"/>
      <c r="SCX701" s="613"/>
      <c r="SCY701" s="613"/>
      <c r="SCZ701" s="613"/>
      <c r="SDA701" s="613"/>
      <c r="SDB701" s="613"/>
      <c r="SDC701" s="613"/>
      <c r="SDD701" s="613"/>
      <c r="SDE701" s="613"/>
      <c r="SDF701" s="613"/>
      <c r="SDG701" s="613"/>
      <c r="SDH701" s="613"/>
      <c r="SDI701" s="613"/>
      <c r="SDJ701" s="613"/>
      <c r="SDK701" s="613"/>
      <c r="SDL701" s="613"/>
      <c r="SDM701" s="613"/>
      <c r="SDN701" s="613"/>
      <c r="SDO701" s="613"/>
      <c r="SDP701" s="613"/>
      <c r="SDQ701" s="613"/>
      <c r="SDR701" s="613"/>
      <c r="SDS701" s="613"/>
      <c r="SDT701" s="613"/>
      <c r="SDU701" s="613"/>
      <c r="SDV701" s="613"/>
      <c r="SDW701" s="613"/>
      <c r="SDX701" s="613"/>
      <c r="SDY701" s="613"/>
      <c r="SDZ701" s="613"/>
      <c r="SEA701" s="613"/>
      <c r="SEB701" s="613"/>
      <c r="SEC701" s="613"/>
      <c r="SED701" s="613"/>
      <c r="SEE701" s="613"/>
      <c r="SEF701" s="613"/>
      <c r="SEG701" s="613"/>
      <c r="SEH701" s="613"/>
      <c r="SEI701" s="613"/>
      <c r="SEJ701" s="613"/>
      <c r="SEK701" s="613"/>
      <c r="SEL701" s="613"/>
      <c r="SEM701" s="613"/>
      <c r="SEN701" s="613"/>
      <c r="SEO701" s="613"/>
      <c r="SEP701" s="613"/>
      <c r="SEQ701" s="613"/>
      <c r="SER701" s="613"/>
      <c r="SES701" s="613"/>
      <c r="SET701" s="613"/>
      <c r="SEU701" s="613"/>
      <c r="SEV701" s="613"/>
      <c r="SEW701" s="613"/>
      <c r="SEX701" s="613"/>
      <c r="SEY701" s="613"/>
      <c r="SEZ701" s="613"/>
      <c r="SFA701" s="613"/>
      <c r="SFB701" s="613"/>
      <c r="SFC701" s="613"/>
      <c r="SFD701" s="613"/>
      <c r="SFE701" s="613"/>
      <c r="SFF701" s="613"/>
      <c r="SFG701" s="613"/>
      <c r="SFH701" s="613"/>
      <c r="SFI701" s="613"/>
      <c r="SFJ701" s="613"/>
      <c r="SFK701" s="613"/>
      <c r="SFL701" s="613"/>
      <c r="SFM701" s="613"/>
      <c r="SFN701" s="613"/>
      <c r="SFO701" s="613"/>
      <c r="SFP701" s="613"/>
      <c r="SFQ701" s="613"/>
      <c r="SFR701" s="613"/>
      <c r="SFS701" s="613"/>
      <c r="SFT701" s="613"/>
      <c r="SFU701" s="613"/>
      <c r="SFV701" s="613"/>
      <c r="SFW701" s="613"/>
      <c r="SFX701" s="613"/>
      <c r="SFY701" s="613"/>
      <c r="SFZ701" s="613"/>
      <c r="SGA701" s="613"/>
      <c r="SGB701" s="613"/>
      <c r="SGC701" s="613"/>
      <c r="SGD701" s="613"/>
      <c r="SGE701" s="613"/>
      <c r="SGF701" s="613"/>
      <c r="SGG701" s="613"/>
      <c r="SGH701" s="613"/>
      <c r="SGI701" s="613"/>
      <c r="SGJ701" s="613"/>
      <c r="SGK701" s="613"/>
      <c r="SGL701" s="613"/>
      <c r="SGM701" s="613"/>
      <c r="SGN701" s="613"/>
      <c r="SGO701" s="613"/>
      <c r="SGP701" s="613"/>
      <c r="SGQ701" s="613"/>
      <c r="SGR701" s="613"/>
      <c r="SGS701" s="613"/>
      <c r="SGT701" s="613"/>
      <c r="SGU701" s="613"/>
      <c r="SGV701" s="613"/>
      <c r="SGW701" s="613"/>
      <c r="SGX701" s="613"/>
      <c r="SGY701" s="613"/>
      <c r="SGZ701" s="613"/>
      <c r="SHA701" s="613"/>
      <c r="SHB701" s="613"/>
      <c r="SHC701" s="613"/>
      <c r="SHD701" s="613"/>
      <c r="SHE701" s="613"/>
      <c r="SHF701" s="613"/>
      <c r="SHG701" s="613"/>
      <c r="SHH701" s="613"/>
      <c r="SHI701" s="613"/>
      <c r="SHJ701" s="613"/>
      <c r="SHK701" s="613"/>
      <c r="SHL701" s="613"/>
      <c r="SHM701" s="613"/>
      <c r="SHN701" s="613"/>
      <c r="SHO701" s="613"/>
      <c r="SHP701" s="613"/>
      <c r="SHQ701" s="613"/>
      <c r="SHR701" s="613"/>
      <c r="SHS701" s="613"/>
      <c r="SHT701" s="613"/>
      <c r="SHU701" s="613"/>
      <c r="SHV701" s="613"/>
      <c r="SHW701" s="613"/>
      <c r="SHX701" s="613"/>
      <c r="SHY701" s="613"/>
      <c r="SHZ701" s="613"/>
      <c r="SIA701" s="613"/>
      <c r="SIB701" s="613"/>
      <c r="SIC701" s="613"/>
      <c r="SID701" s="613"/>
      <c r="SIE701" s="613"/>
      <c r="SIF701" s="613"/>
      <c r="SIG701" s="613"/>
      <c r="SIH701" s="613"/>
      <c r="SII701" s="613"/>
      <c r="SIJ701" s="613"/>
      <c r="SIK701" s="613"/>
      <c r="SIL701" s="613"/>
      <c r="SIM701" s="613"/>
      <c r="SIN701" s="613"/>
      <c r="SIO701" s="613"/>
      <c r="SIP701" s="613"/>
      <c r="SIQ701" s="613"/>
      <c r="SIR701" s="613"/>
      <c r="SIS701" s="613"/>
      <c r="SIT701" s="613"/>
      <c r="SIU701" s="613"/>
      <c r="SIV701" s="613"/>
      <c r="SIW701" s="613"/>
      <c r="SIX701" s="613"/>
      <c r="SIY701" s="613"/>
      <c r="SIZ701" s="613"/>
      <c r="SJA701" s="613"/>
      <c r="SJB701" s="613"/>
      <c r="SJC701" s="613"/>
      <c r="SJD701" s="613"/>
      <c r="SJE701" s="613"/>
      <c r="SJF701" s="613"/>
      <c r="SJG701" s="613"/>
      <c r="SJH701" s="613"/>
      <c r="SJI701" s="613"/>
      <c r="SJJ701" s="613"/>
      <c r="SJK701" s="613"/>
      <c r="SJL701" s="613"/>
      <c r="SJM701" s="613"/>
      <c r="SJN701" s="613"/>
      <c r="SJO701" s="613"/>
      <c r="SJP701" s="613"/>
      <c r="SJQ701" s="613"/>
      <c r="SJR701" s="613"/>
      <c r="SJS701" s="613"/>
      <c r="SJT701" s="613"/>
      <c r="SJU701" s="613"/>
      <c r="SJV701" s="613"/>
      <c r="SJW701" s="613"/>
      <c r="SJX701" s="613"/>
      <c r="SJY701" s="613"/>
      <c r="SJZ701" s="613"/>
      <c r="SKA701" s="613"/>
      <c r="SKB701" s="613"/>
      <c r="SKC701" s="613"/>
      <c r="SKD701" s="613"/>
      <c r="SKE701" s="613"/>
      <c r="SKF701" s="613"/>
      <c r="SKG701" s="613"/>
      <c r="SKH701" s="613"/>
      <c r="SKI701" s="613"/>
      <c r="SKJ701" s="613"/>
      <c r="SKK701" s="613"/>
      <c r="SKL701" s="613"/>
      <c r="SKM701" s="613"/>
      <c r="SKN701" s="613"/>
      <c r="SKO701" s="613"/>
      <c r="SKP701" s="613"/>
      <c r="SKQ701" s="613"/>
      <c r="SKR701" s="613"/>
      <c r="SKS701" s="613"/>
      <c r="SKT701" s="613"/>
      <c r="SKU701" s="613"/>
      <c r="SKV701" s="613"/>
      <c r="SKW701" s="613"/>
      <c r="SKX701" s="613"/>
      <c r="SKY701" s="613"/>
      <c r="SKZ701" s="613"/>
      <c r="SLA701" s="613"/>
      <c r="SLB701" s="613"/>
      <c r="SLC701" s="613"/>
      <c r="SLD701" s="613"/>
      <c r="SLE701" s="613"/>
      <c r="SLF701" s="613"/>
      <c r="SLG701" s="613"/>
      <c r="SLH701" s="613"/>
      <c r="SLI701" s="613"/>
      <c r="SLJ701" s="613"/>
      <c r="SLK701" s="613"/>
      <c r="SLL701" s="613"/>
      <c r="SLM701" s="613"/>
      <c r="SLN701" s="613"/>
      <c r="SLO701" s="613"/>
      <c r="SLP701" s="613"/>
      <c r="SLQ701" s="613"/>
      <c r="SLR701" s="613"/>
      <c r="SLS701" s="613"/>
      <c r="SLT701" s="613"/>
      <c r="SLU701" s="613"/>
      <c r="SLV701" s="613"/>
      <c r="SLW701" s="613"/>
      <c r="SLX701" s="613"/>
      <c r="SLY701" s="613"/>
      <c r="SLZ701" s="613"/>
      <c r="SMA701" s="613"/>
      <c r="SMB701" s="613"/>
      <c r="SMC701" s="613"/>
      <c r="SMD701" s="613"/>
      <c r="SME701" s="613"/>
      <c r="SMF701" s="613"/>
      <c r="SMG701" s="613"/>
      <c r="SMH701" s="613"/>
      <c r="SMI701" s="613"/>
      <c r="SMJ701" s="613"/>
      <c r="SMK701" s="613"/>
      <c r="SML701" s="613"/>
      <c r="SMM701" s="613"/>
      <c r="SMN701" s="613"/>
      <c r="SMO701" s="613"/>
      <c r="SMP701" s="613"/>
      <c r="SMQ701" s="613"/>
      <c r="SMR701" s="613"/>
      <c r="SMS701" s="613"/>
      <c r="SMT701" s="613"/>
      <c r="SMU701" s="613"/>
      <c r="SMV701" s="613"/>
      <c r="SMW701" s="613"/>
      <c r="SMX701" s="613"/>
      <c r="SMY701" s="613"/>
      <c r="SMZ701" s="613"/>
      <c r="SNA701" s="613"/>
      <c r="SNB701" s="613"/>
      <c r="SNC701" s="613"/>
      <c r="SND701" s="613"/>
      <c r="SNE701" s="613"/>
      <c r="SNF701" s="613"/>
      <c r="SNG701" s="613"/>
      <c r="SNH701" s="613"/>
      <c r="SNI701" s="613"/>
      <c r="SNJ701" s="613"/>
      <c r="SNK701" s="613"/>
      <c r="SNL701" s="613"/>
      <c r="SNM701" s="613"/>
      <c r="SNN701" s="613"/>
      <c r="SNO701" s="613"/>
      <c r="SNP701" s="613"/>
      <c r="SNQ701" s="613"/>
      <c r="SNR701" s="613"/>
      <c r="SNS701" s="613"/>
      <c r="SNT701" s="613"/>
      <c r="SNU701" s="613"/>
      <c r="SNV701" s="613"/>
      <c r="SNW701" s="613"/>
      <c r="SNX701" s="613"/>
      <c r="SNY701" s="613"/>
      <c r="SNZ701" s="613"/>
      <c r="SOA701" s="613"/>
      <c r="SOB701" s="613"/>
      <c r="SOC701" s="613"/>
      <c r="SOD701" s="613"/>
      <c r="SOE701" s="613"/>
      <c r="SOF701" s="613"/>
      <c r="SOG701" s="613"/>
      <c r="SOH701" s="613"/>
      <c r="SOI701" s="613"/>
      <c r="SOJ701" s="613"/>
      <c r="SOK701" s="613"/>
      <c r="SOL701" s="613"/>
      <c r="SOM701" s="613"/>
      <c r="SON701" s="613"/>
      <c r="SOO701" s="613"/>
      <c r="SOP701" s="613"/>
      <c r="SOQ701" s="613"/>
      <c r="SOR701" s="613"/>
      <c r="SOS701" s="613"/>
      <c r="SOT701" s="613"/>
      <c r="SOU701" s="613"/>
      <c r="SOV701" s="613"/>
      <c r="SOW701" s="613"/>
      <c r="SOX701" s="613"/>
      <c r="SOY701" s="613"/>
      <c r="SOZ701" s="613"/>
      <c r="SPA701" s="613"/>
      <c r="SPB701" s="613"/>
      <c r="SPC701" s="613"/>
      <c r="SPD701" s="613"/>
      <c r="SPE701" s="613"/>
      <c r="SPF701" s="613"/>
      <c r="SPG701" s="613"/>
      <c r="SPH701" s="613"/>
      <c r="SPI701" s="613"/>
      <c r="SPJ701" s="613"/>
      <c r="SPK701" s="613"/>
      <c r="SPL701" s="613"/>
      <c r="SPM701" s="613"/>
      <c r="SPN701" s="613"/>
      <c r="SPO701" s="613"/>
      <c r="SPP701" s="613"/>
      <c r="SPQ701" s="613"/>
      <c r="SPR701" s="613"/>
      <c r="SPS701" s="613"/>
      <c r="SPT701" s="613"/>
      <c r="SPU701" s="613"/>
      <c r="SPV701" s="613"/>
      <c r="SPW701" s="613"/>
      <c r="SPX701" s="613"/>
      <c r="SPY701" s="613"/>
      <c r="SPZ701" s="613"/>
      <c r="SQA701" s="613"/>
      <c r="SQB701" s="613"/>
      <c r="SQC701" s="613"/>
      <c r="SQD701" s="613"/>
      <c r="SQE701" s="613"/>
      <c r="SQF701" s="613"/>
      <c r="SQG701" s="613"/>
      <c r="SQH701" s="613"/>
      <c r="SQI701" s="613"/>
      <c r="SQJ701" s="613"/>
      <c r="SQK701" s="613"/>
      <c r="SQL701" s="613"/>
      <c r="SQM701" s="613"/>
      <c r="SQN701" s="613"/>
      <c r="SQO701" s="613"/>
      <c r="SQP701" s="613"/>
      <c r="SQQ701" s="613"/>
      <c r="SQR701" s="613"/>
      <c r="SQS701" s="613"/>
      <c r="SQT701" s="613"/>
      <c r="SQU701" s="613"/>
      <c r="SQV701" s="613"/>
      <c r="SQW701" s="613"/>
      <c r="SQX701" s="613"/>
      <c r="SQY701" s="613"/>
      <c r="SQZ701" s="613"/>
      <c r="SRA701" s="613"/>
      <c r="SRB701" s="613"/>
      <c r="SRC701" s="613"/>
      <c r="SRD701" s="613"/>
      <c r="SRE701" s="613"/>
      <c r="SRF701" s="613"/>
      <c r="SRG701" s="613"/>
      <c r="SRH701" s="613"/>
      <c r="SRI701" s="613"/>
      <c r="SRJ701" s="613"/>
      <c r="SRK701" s="613"/>
      <c r="SRL701" s="613"/>
      <c r="SRM701" s="613"/>
      <c r="SRN701" s="613"/>
      <c r="SRO701" s="613"/>
      <c r="SRP701" s="613"/>
      <c r="SRQ701" s="613"/>
      <c r="SRR701" s="613"/>
      <c r="SRS701" s="613"/>
      <c r="SRT701" s="613"/>
      <c r="SRU701" s="613"/>
      <c r="SRV701" s="613"/>
      <c r="SRW701" s="613"/>
      <c r="SRX701" s="613"/>
      <c r="SRY701" s="613"/>
      <c r="SRZ701" s="613"/>
      <c r="SSA701" s="613"/>
      <c r="SSB701" s="613"/>
      <c r="SSC701" s="613"/>
      <c r="SSD701" s="613"/>
      <c r="SSE701" s="613"/>
      <c r="SSF701" s="613"/>
      <c r="SSG701" s="613"/>
      <c r="SSH701" s="613"/>
      <c r="SSI701" s="613"/>
      <c r="SSJ701" s="613"/>
      <c r="SSK701" s="613"/>
      <c r="SSL701" s="613"/>
      <c r="SSM701" s="613"/>
      <c r="SSN701" s="613"/>
      <c r="SSO701" s="613"/>
      <c r="SSP701" s="613"/>
      <c r="SSQ701" s="613"/>
      <c r="SSR701" s="613"/>
      <c r="SSS701" s="613"/>
      <c r="SST701" s="613"/>
      <c r="SSU701" s="613"/>
      <c r="SSV701" s="613"/>
      <c r="SSW701" s="613"/>
      <c r="SSX701" s="613"/>
      <c r="SSY701" s="613"/>
      <c r="SSZ701" s="613"/>
      <c r="STA701" s="613"/>
      <c r="STB701" s="613"/>
      <c r="STC701" s="613"/>
      <c r="STD701" s="613"/>
      <c r="STE701" s="613"/>
      <c r="STF701" s="613"/>
      <c r="STG701" s="613"/>
      <c r="STH701" s="613"/>
      <c r="STI701" s="613"/>
      <c r="STJ701" s="613"/>
      <c r="STK701" s="613"/>
      <c r="STL701" s="613"/>
      <c r="STM701" s="613"/>
      <c r="STN701" s="613"/>
      <c r="STO701" s="613"/>
      <c r="STP701" s="613"/>
      <c r="STQ701" s="613"/>
      <c r="STR701" s="613"/>
      <c r="STS701" s="613"/>
      <c r="STT701" s="613"/>
      <c r="STU701" s="613"/>
      <c r="STV701" s="613"/>
      <c r="STW701" s="613"/>
      <c r="STX701" s="613"/>
      <c r="STY701" s="613"/>
      <c r="STZ701" s="613"/>
      <c r="SUA701" s="613"/>
      <c r="SUB701" s="613"/>
      <c r="SUC701" s="613"/>
      <c r="SUD701" s="613"/>
      <c r="SUE701" s="613"/>
      <c r="SUF701" s="613"/>
      <c r="SUG701" s="613"/>
      <c r="SUH701" s="613"/>
      <c r="SUI701" s="613"/>
      <c r="SUJ701" s="613"/>
      <c r="SUK701" s="613"/>
      <c r="SUL701" s="613"/>
      <c r="SUM701" s="613"/>
      <c r="SUN701" s="613"/>
      <c r="SUO701" s="613"/>
      <c r="SUP701" s="613"/>
      <c r="SUQ701" s="613"/>
      <c r="SUR701" s="613"/>
      <c r="SUS701" s="613"/>
      <c r="SUT701" s="613"/>
      <c r="SUU701" s="613"/>
      <c r="SUV701" s="613"/>
      <c r="SUW701" s="613"/>
      <c r="SUX701" s="613"/>
      <c r="SUY701" s="613"/>
      <c r="SUZ701" s="613"/>
      <c r="SVA701" s="613"/>
      <c r="SVB701" s="613"/>
      <c r="SVC701" s="613"/>
      <c r="SVD701" s="613"/>
      <c r="SVE701" s="613"/>
      <c r="SVF701" s="613"/>
      <c r="SVG701" s="613"/>
      <c r="SVH701" s="613"/>
      <c r="SVI701" s="613"/>
      <c r="SVJ701" s="613"/>
      <c r="SVK701" s="613"/>
      <c r="SVL701" s="613"/>
      <c r="SVM701" s="613"/>
      <c r="SVN701" s="613"/>
      <c r="SVO701" s="613"/>
      <c r="SVP701" s="613"/>
      <c r="SVQ701" s="613"/>
      <c r="SVR701" s="613"/>
      <c r="SVS701" s="613"/>
      <c r="SVT701" s="613"/>
      <c r="SVU701" s="613"/>
      <c r="SVV701" s="613"/>
      <c r="SVW701" s="613"/>
      <c r="SVX701" s="613"/>
      <c r="SVY701" s="613"/>
      <c r="SVZ701" s="613"/>
      <c r="SWA701" s="613"/>
      <c r="SWB701" s="613"/>
      <c r="SWC701" s="613"/>
      <c r="SWD701" s="613"/>
      <c r="SWE701" s="613"/>
      <c r="SWF701" s="613"/>
      <c r="SWG701" s="613"/>
      <c r="SWH701" s="613"/>
      <c r="SWI701" s="613"/>
      <c r="SWJ701" s="613"/>
      <c r="SWK701" s="613"/>
      <c r="SWL701" s="613"/>
      <c r="SWM701" s="613"/>
      <c r="SWN701" s="613"/>
      <c r="SWO701" s="613"/>
      <c r="SWP701" s="613"/>
      <c r="SWQ701" s="613"/>
      <c r="SWR701" s="613"/>
      <c r="SWS701" s="613"/>
      <c r="SWT701" s="613"/>
      <c r="SWU701" s="613"/>
      <c r="SWV701" s="613"/>
      <c r="SWW701" s="613"/>
      <c r="SWX701" s="613"/>
      <c r="SWY701" s="613"/>
      <c r="SWZ701" s="613"/>
      <c r="SXA701" s="613"/>
      <c r="SXB701" s="613"/>
      <c r="SXC701" s="613"/>
      <c r="SXD701" s="613"/>
      <c r="SXE701" s="613"/>
      <c r="SXF701" s="613"/>
      <c r="SXG701" s="613"/>
      <c r="SXH701" s="613"/>
      <c r="SXI701" s="613"/>
      <c r="SXJ701" s="613"/>
      <c r="SXK701" s="613"/>
      <c r="SXL701" s="613"/>
      <c r="SXM701" s="613"/>
      <c r="SXN701" s="613"/>
      <c r="SXO701" s="613"/>
      <c r="SXP701" s="613"/>
      <c r="SXQ701" s="613"/>
      <c r="SXR701" s="613"/>
      <c r="SXS701" s="613"/>
      <c r="SXT701" s="613"/>
      <c r="SXU701" s="613"/>
      <c r="SXV701" s="613"/>
      <c r="SXW701" s="613"/>
      <c r="SXX701" s="613"/>
      <c r="SXY701" s="613"/>
      <c r="SXZ701" s="613"/>
      <c r="SYA701" s="613"/>
      <c r="SYB701" s="613"/>
      <c r="SYC701" s="613"/>
      <c r="SYD701" s="613"/>
      <c r="SYE701" s="613"/>
      <c r="SYF701" s="613"/>
      <c r="SYG701" s="613"/>
      <c r="SYH701" s="613"/>
      <c r="SYI701" s="613"/>
      <c r="SYJ701" s="613"/>
      <c r="SYK701" s="613"/>
      <c r="SYL701" s="613"/>
      <c r="SYM701" s="613"/>
      <c r="SYN701" s="613"/>
      <c r="SYO701" s="613"/>
      <c r="SYP701" s="613"/>
      <c r="SYQ701" s="613"/>
      <c r="SYR701" s="613"/>
      <c r="SYS701" s="613"/>
      <c r="SYT701" s="613"/>
      <c r="SYU701" s="613"/>
      <c r="SYV701" s="613"/>
      <c r="SYW701" s="613"/>
      <c r="SYX701" s="613"/>
      <c r="SYY701" s="613"/>
      <c r="SYZ701" s="613"/>
      <c r="SZA701" s="613"/>
      <c r="SZB701" s="613"/>
      <c r="SZC701" s="613"/>
      <c r="SZD701" s="613"/>
      <c r="SZE701" s="613"/>
      <c r="SZF701" s="613"/>
      <c r="SZG701" s="613"/>
      <c r="SZH701" s="613"/>
      <c r="SZI701" s="613"/>
      <c r="SZJ701" s="613"/>
      <c r="SZK701" s="613"/>
      <c r="SZL701" s="613"/>
      <c r="SZM701" s="613"/>
      <c r="SZN701" s="613"/>
      <c r="SZO701" s="613"/>
      <c r="SZP701" s="613"/>
      <c r="SZQ701" s="613"/>
      <c r="SZR701" s="613"/>
      <c r="SZS701" s="613"/>
      <c r="SZT701" s="613"/>
      <c r="SZU701" s="613"/>
      <c r="SZV701" s="613"/>
      <c r="SZW701" s="613"/>
      <c r="SZX701" s="613"/>
      <c r="SZY701" s="613"/>
      <c r="SZZ701" s="613"/>
      <c r="TAA701" s="613"/>
      <c r="TAB701" s="613"/>
      <c r="TAC701" s="613"/>
      <c r="TAD701" s="613"/>
      <c r="TAE701" s="613"/>
      <c r="TAF701" s="613"/>
      <c r="TAG701" s="613"/>
      <c r="TAH701" s="613"/>
      <c r="TAI701" s="613"/>
      <c r="TAJ701" s="613"/>
      <c r="TAK701" s="613"/>
      <c r="TAL701" s="613"/>
      <c r="TAM701" s="613"/>
      <c r="TAN701" s="613"/>
      <c r="TAO701" s="613"/>
      <c r="TAP701" s="613"/>
      <c r="TAQ701" s="613"/>
      <c r="TAR701" s="613"/>
      <c r="TAS701" s="613"/>
      <c r="TAT701" s="613"/>
      <c r="TAU701" s="613"/>
      <c r="TAV701" s="613"/>
      <c r="TAW701" s="613"/>
      <c r="TAX701" s="613"/>
      <c r="TAY701" s="613"/>
      <c r="TAZ701" s="613"/>
      <c r="TBA701" s="613"/>
      <c r="TBB701" s="613"/>
      <c r="TBC701" s="613"/>
      <c r="TBD701" s="613"/>
      <c r="TBE701" s="613"/>
      <c r="TBF701" s="613"/>
      <c r="TBG701" s="613"/>
      <c r="TBH701" s="613"/>
      <c r="TBI701" s="613"/>
      <c r="TBJ701" s="613"/>
      <c r="TBK701" s="613"/>
      <c r="TBL701" s="613"/>
      <c r="TBM701" s="613"/>
      <c r="TBN701" s="613"/>
      <c r="TBO701" s="613"/>
      <c r="TBP701" s="613"/>
      <c r="TBQ701" s="613"/>
      <c r="TBR701" s="613"/>
      <c r="TBS701" s="613"/>
      <c r="TBT701" s="613"/>
      <c r="TBU701" s="613"/>
      <c r="TBV701" s="613"/>
      <c r="TBW701" s="613"/>
      <c r="TBX701" s="613"/>
      <c r="TBY701" s="613"/>
      <c r="TBZ701" s="613"/>
      <c r="TCA701" s="613"/>
      <c r="TCB701" s="613"/>
      <c r="TCC701" s="613"/>
      <c r="TCD701" s="613"/>
      <c r="TCE701" s="613"/>
      <c r="TCF701" s="613"/>
      <c r="TCG701" s="613"/>
      <c r="TCH701" s="613"/>
      <c r="TCI701" s="613"/>
      <c r="TCJ701" s="613"/>
      <c r="TCK701" s="613"/>
      <c r="TCL701" s="613"/>
      <c r="TCM701" s="613"/>
      <c r="TCN701" s="613"/>
      <c r="TCO701" s="613"/>
      <c r="TCP701" s="613"/>
      <c r="TCQ701" s="613"/>
      <c r="TCR701" s="613"/>
      <c r="TCS701" s="613"/>
      <c r="TCT701" s="613"/>
      <c r="TCU701" s="613"/>
      <c r="TCV701" s="613"/>
      <c r="TCW701" s="613"/>
      <c r="TCX701" s="613"/>
      <c r="TCY701" s="613"/>
      <c r="TCZ701" s="613"/>
      <c r="TDA701" s="613"/>
      <c r="TDB701" s="613"/>
      <c r="TDC701" s="613"/>
      <c r="TDD701" s="613"/>
      <c r="TDE701" s="613"/>
      <c r="TDF701" s="613"/>
      <c r="TDG701" s="613"/>
      <c r="TDH701" s="613"/>
      <c r="TDI701" s="613"/>
      <c r="TDJ701" s="613"/>
      <c r="TDK701" s="613"/>
      <c r="TDL701" s="613"/>
      <c r="TDM701" s="613"/>
      <c r="TDN701" s="613"/>
      <c r="TDO701" s="613"/>
      <c r="TDP701" s="613"/>
      <c r="TDQ701" s="613"/>
      <c r="TDR701" s="613"/>
      <c r="TDS701" s="613"/>
      <c r="TDT701" s="613"/>
      <c r="TDU701" s="613"/>
      <c r="TDV701" s="613"/>
      <c r="TDW701" s="613"/>
      <c r="TDX701" s="613"/>
      <c r="TDY701" s="613"/>
      <c r="TDZ701" s="613"/>
      <c r="TEA701" s="613"/>
      <c r="TEB701" s="613"/>
      <c r="TEC701" s="613"/>
      <c r="TED701" s="613"/>
      <c r="TEE701" s="613"/>
      <c r="TEF701" s="613"/>
      <c r="TEG701" s="613"/>
      <c r="TEH701" s="613"/>
      <c r="TEI701" s="613"/>
      <c r="TEJ701" s="613"/>
      <c r="TEK701" s="613"/>
      <c r="TEL701" s="613"/>
      <c r="TEM701" s="613"/>
      <c r="TEN701" s="613"/>
      <c r="TEO701" s="613"/>
      <c r="TEP701" s="613"/>
      <c r="TEQ701" s="613"/>
      <c r="TER701" s="613"/>
      <c r="TES701" s="613"/>
      <c r="TET701" s="613"/>
      <c r="TEU701" s="613"/>
      <c r="TEV701" s="613"/>
      <c r="TEW701" s="613"/>
      <c r="TEX701" s="613"/>
      <c r="TEY701" s="613"/>
      <c r="TEZ701" s="613"/>
      <c r="TFA701" s="613"/>
      <c r="TFB701" s="613"/>
      <c r="TFC701" s="613"/>
      <c r="TFD701" s="613"/>
      <c r="TFE701" s="613"/>
      <c r="TFF701" s="613"/>
      <c r="TFG701" s="613"/>
      <c r="TFH701" s="613"/>
      <c r="TFI701" s="613"/>
      <c r="TFJ701" s="613"/>
      <c r="TFK701" s="613"/>
      <c r="TFL701" s="613"/>
      <c r="TFM701" s="613"/>
      <c r="TFN701" s="613"/>
      <c r="TFO701" s="613"/>
      <c r="TFP701" s="613"/>
      <c r="TFQ701" s="613"/>
      <c r="TFR701" s="613"/>
      <c r="TFS701" s="613"/>
      <c r="TFT701" s="613"/>
      <c r="TFU701" s="613"/>
      <c r="TFV701" s="613"/>
      <c r="TFW701" s="613"/>
      <c r="TFX701" s="613"/>
      <c r="TFY701" s="613"/>
      <c r="TFZ701" s="613"/>
      <c r="TGA701" s="613"/>
      <c r="TGB701" s="613"/>
      <c r="TGC701" s="613"/>
      <c r="TGD701" s="613"/>
      <c r="TGE701" s="613"/>
      <c r="TGF701" s="613"/>
      <c r="TGG701" s="613"/>
      <c r="TGH701" s="613"/>
      <c r="TGI701" s="613"/>
      <c r="TGJ701" s="613"/>
      <c r="TGK701" s="613"/>
      <c r="TGL701" s="613"/>
      <c r="TGM701" s="613"/>
      <c r="TGN701" s="613"/>
      <c r="TGO701" s="613"/>
      <c r="TGP701" s="613"/>
      <c r="TGQ701" s="613"/>
      <c r="TGR701" s="613"/>
      <c r="TGS701" s="613"/>
      <c r="TGT701" s="613"/>
      <c r="TGU701" s="613"/>
      <c r="TGV701" s="613"/>
      <c r="TGW701" s="613"/>
      <c r="TGX701" s="613"/>
      <c r="TGY701" s="613"/>
      <c r="TGZ701" s="613"/>
      <c r="THA701" s="613"/>
      <c r="THB701" s="613"/>
      <c r="THC701" s="613"/>
      <c r="THD701" s="613"/>
      <c r="THE701" s="613"/>
      <c r="THF701" s="613"/>
      <c r="THG701" s="613"/>
      <c r="THH701" s="613"/>
      <c r="THI701" s="613"/>
      <c r="THJ701" s="613"/>
      <c r="THK701" s="613"/>
      <c r="THL701" s="613"/>
      <c r="THM701" s="613"/>
      <c r="THN701" s="613"/>
      <c r="THO701" s="613"/>
      <c r="THP701" s="613"/>
      <c r="THQ701" s="613"/>
      <c r="THR701" s="613"/>
      <c r="THS701" s="613"/>
      <c r="THT701" s="613"/>
      <c r="THU701" s="613"/>
      <c r="THV701" s="613"/>
      <c r="THW701" s="613"/>
      <c r="THX701" s="613"/>
      <c r="THY701" s="613"/>
      <c r="THZ701" s="613"/>
      <c r="TIA701" s="613"/>
      <c r="TIB701" s="613"/>
      <c r="TIC701" s="613"/>
      <c r="TID701" s="613"/>
      <c r="TIE701" s="613"/>
      <c r="TIF701" s="613"/>
      <c r="TIG701" s="613"/>
      <c r="TIH701" s="613"/>
      <c r="TII701" s="613"/>
      <c r="TIJ701" s="613"/>
      <c r="TIK701" s="613"/>
      <c r="TIL701" s="613"/>
      <c r="TIM701" s="613"/>
      <c r="TIN701" s="613"/>
      <c r="TIO701" s="613"/>
      <c r="TIP701" s="613"/>
      <c r="TIQ701" s="613"/>
      <c r="TIR701" s="613"/>
      <c r="TIS701" s="613"/>
      <c r="TIT701" s="613"/>
      <c r="TIU701" s="613"/>
      <c r="TIV701" s="613"/>
      <c r="TIW701" s="613"/>
      <c r="TIX701" s="613"/>
      <c r="TIY701" s="613"/>
      <c r="TIZ701" s="613"/>
      <c r="TJA701" s="613"/>
      <c r="TJB701" s="613"/>
      <c r="TJC701" s="613"/>
      <c r="TJD701" s="613"/>
      <c r="TJE701" s="613"/>
      <c r="TJF701" s="613"/>
      <c r="TJG701" s="613"/>
      <c r="TJH701" s="613"/>
      <c r="TJI701" s="613"/>
      <c r="TJJ701" s="613"/>
      <c r="TJK701" s="613"/>
      <c r="TJL701" s="613"/>
      <c r="TJM701" s="613"/>
      <c r="TJN701" s="613"/>
      <c r="TJO701" s="613"/>
      <c r="TJP701" s="613"/>
      <c r="TJQ701" s="613"/>
      <c r="TJR701" s="613"/>
      <c r="TJS701" s="613"/>
      <c r="TJT701" s="613"/>
      <c r="TJU701" s="613"/>
      <c r="TJV701" s="613"/>
      <c r="TJW701" s="613"/>
      <c r="TJX701" s="613"/>
      <c r="TJY701" s="613"/>
      <c r="TJZ701" s="613"/>
      <c r="TKA701" s="613"/>
      <c r="TKB701" s="613"/>
      <c r="TKC701" s="613"/>
      <c r="TKD701" s="613"/>
      <c r="TKE701" s="613"/>
      <c r="TKF701" s="613"/>
      <c r="TKG701" s="613"/>
      <c r="TKH701" s="613"/>
      <c r="TKI701" s="613"/>
      <c r="TKJ701" s="613"/>
      <c r="TKK701" s="613"/>
      <c r="TKL701" s="613"/>
      <c r="TKM701" s="613"/>
      <c r="TKN701" s="613"/>
      <c r="TKO701" s="613"/>
      <c r="TKP701" s="613"/>
      <c r="TKQ701" s="613"/>
      <c r="TKR701" s="613"/>
      <c r="TKS701" s="613"/>
      <c r="TKT701" s="613"/>
      <c r="TKU701" s="613"/>
      <c r="TKV701" s="613"/>
      <c r="TKW701" s="613"/>
      <c r="TKX701" s="613"/>
      <c r="TKY701" s="613"/>
      <c r="TKZ701" s="613"/>
      <c r="TLA701" s="613"/>
      <c r="TLB701" s="613"/>
      <c r="TLC701" s="613"/>
      <c r="TLD701" s="613"/>
      <c r="TLE701" s="613"/>
      <c r="TLF701" s="613"/>
      <c r="TLG701" s="613"/>
      <c r="TLH701" s="613"/>
      <c r="TLI701" s="613"/>
      <c r="TLJ701" s="613"/>
      <c r="TLK701" s="613"/>
      <c r="TLL701" s="613"/>
      <c r="TLM701" s="613"/>
      <c r="TLN701" s="613"/>
      <c r="TLO701" s="613"/>
      <c r="TLP701" s="613"/>
      <c r="TLQ701" s="613"/>
      <c r="TLR701" s="613"/>
      <c r="TLS701" s="613"/>
      <c r="TLT701" s="613"/>
      <c r="TLU701" s="613"/>
      <c r="TLV701" s="613"/>
      <c r="TLW701" s="613"/>
      <c r="TLX701" s="613"/>
      <c r="TLY701" s="613"/>
      <c r="TLZ701" s="613"/>
      <c r="TMA701" s="613"/>
      <c r="TMB701" s="613"/>
      <c r="TMC701" s="613"/>
      <c r="TMD701" s="613"/>
      <c r="TME701" s="613"/>
      <c r="TMF701" s="613"/>
      <c r="TMG701" s="613"/>
      <c r="TMH701" s="613"/>
      <c r="TMI701" s="613"/>
      <c r="TMJ701" s="613"/>
      <c r="TMK701" s="613"/>
      <c r="TML701" s="613"/>
      <c r="TMM701" s="613"/>
      <c r="TMN701" s="613"/>
      <c r="TMO701" s="613"/>
      <c r="TMP701" s="613"/>
      <c r="TMQ701" s="613"/>
      <c r="TMR701" s="613"/>
      <c r="TMS701" s="613"/>
      <c r="TMT701" s="613"/>
      <c r="TMU701" s="613"/>
      <c r="TMV701" s="613"/>
      <c r="TMW701" s="613"/>
      <c r="TMX701" s="613"/>
      <c r="TMY701" s="613"/>
      <c r="TMZ701" s="613"/>
      <c r="TNA701" s="613"/>
      <c r="TNB701" s="613"/>
      <c r="TNC701" s="613"/>
      <c r="TND701" s="613"/>
      <c r="TNE701" s="613"/>
      <c r="TNF701" s="613"/>
      <c r="TNG701" s="613"/>
      <c r="TNH701" s="613"/>
      <c r="TNI701" s="613"/>
      <c r="TNJ701" s="613"/>
      <c r="TNK701" s="613"/>
      <c r="TNL701" s="613"/>
      <c r="TNM701" s="613"/>
      <c r="TNN701" s="613"/>
      <c r="TNO701" s="613"/>
      <c r="TNP701" s="613"/>
      <c r="TNQ701" s="613"/>
      <c r="TNR701" s="613"/>
      <c r="TNS701" s="613"/>
      <c r="TNT701" s="613"/>
      <c r="TNU701" s="613"/>
      <c r="TNV701" s="613"/>
      <c r="TNW701" s="613"/>
      <c r="TNX701" s="613"/>
      <c r="TNY701" s="613"/>
      <c r="TNZ701" s="613"/>
      <c r="TOA701" s="613"/>
      <c r="TOB701" s="613"/>
      <c r="TOC701" s="613"/>
      <c r="TOD701" s="613"/>
      <c r="TOE701" s="613"/>
      <c r="TOF701" s="613"/>
      <c r="TOG701" s="613"/>
      <c r="TOH701" s="613"/>
      <c r="TOI701" s="613"/>
      <c r="TOJ701" s="613"/>
      <c r="TOK701" s="613"/>
      <c r="TOL701" s="613"/>
      <c r="TOM701" s="613"/>
      <c r="TON701" s="613"/>
      <c r="TOO701" s="613"/>
      <c r="TOP701" s="613"/>
      <c r="TOQ701" s="613"/>
      <c r="TOR701" s="613"/>
      <c r="TOS701" s="613"/>
      <c r="TOT701" s="613"/>
      <c r="TOU701" s="613"/>
      <c r="TOV701" s="613"/>
      <c r="TOW701" s="613"/>
      <c r="TOX701" s="613"/>
      <c r="TOY701" s="613"/>
      <c r="TOZ701" s="613"/>
      <c r="TPA701" s="613"/>
      <c r="TPB701" s="613"/>
      <c r="TPC701" s="613"/>
      <c r="TPD701" s="613"/>
      <c r="TPE701" s="613"/>
      <c r="TPF701" s="613"/>
      <c r="TPG701" s="613"/>
      <c r="TPH701" s="613"/>
      <c r="TPI701" s="613"/>
      <c r="TPJ701" s="613"/>
      <c r="TPK701" s="613"/>
      <c r="TPL701" s="613"/>
      <c r="TPM701" s="613"/>
      <c r="TPN701" s="613"/>
      <c r="TPO701" s="613"/>
      <c r="TPP701" s="613"/>
      <c r="TPQ701" s="613"/>
      <c r="TPR701" s="613"/>
      <c r="TPS701" s="613"/>
      <c r="TPT701" s="613"/>
      <c r="TPU701" s="613"/>
      <c r="TPV701" s="613"/>
      <c r="TPW701" s="613"/>
      <c r="TPX701" s="613"/>
      <c r="TPY701" s="613"/>
      <c r="TPZ701" s="613"/>
      <c r="TQA701" s="613"/>
      <c r="TQB701" s="613"/>
      <c r="TQC701" s="613"/>
      <c r="TQD701" s="613"/>
      <c r="TQE701" s="613"/>
      <c r="TQF701" s="613"/>
      <c r="TQG701" s="613"/>
      <c r="TQH701" s="613"/>
      <c r="TQI701" s="613"/>
      <c r="TQJ701" s="613"/>
      <c r="TQK701" s="613"/>
      <c r="TQL701" s="613"/>
      <c r="TQM701" s="613"/>
      <c r="TQN701" s="613"/>
      <c r="TQO701" s="613"/>
      <c r="TQP701" s="613"/>
      <c r="TQQ701" s="613"/>
      <c r="TQR701" s="613"/>
      <c r="TQS701" s="613"/>
      <c r="TQT701" s="613"/>
      <c r="TQU701" s="613"/>
      <c r="TQV701" s="613"/>
      <c r="TQW701" s="613"/>
      <c r="TQX701" s="613"/>
      <c r="TQY701" s="613"/>
      <c r="TQZ701" s="613"/>
      <c r="TRA701" s="613"/>
      <c r="TRB701" s="613"/>
      <c r="TRC701" s="613"/>
      <c r="TRD701" s="613"/>
      <c r="TRE701" s="613"/>
      <c r="TRF701" s="613"/>
      <c r="TRG701" s="613"/>
      <c r="TRH701" s="613"/>
      <c r="TRI701" s="613"/>
      <c r="TRJ701" s="613"/>
      <c r="TRK701" s="613"/>
      <c r="TRL701" s="613"/>
      <c r="TRM701" s="613"/>
      <c r="TRN701" s="613"/>
      <c r="TRO701" s="613"/>
      <c r="TRP701" s="613"/>
      <c r="TRQ701" s="613"/>
      <c r="TRR701" s="613"/>
      <c r="TRS701" s="613"/>
      <c r="TRT701" s="613"/>
      <c r="TRU701" s="613"/>
      <c r="TRV701" s="613"/>
      <c r="TRW701" s="613"/>
      <c r="TRX701" s="613"/>
      <c r="TRY701" s="613"/>
      <c r="TRZ701" s="613"/>
      <c r="TSA701" s="613"/>
      <c r="TSB701" s="613"/>
      <c r="TSC701" s="613"/>
      <c r="TSD701" s="613"/>
      <c r="TSE701" s="613"/>
      <c r="TSF701" s="613"/>
      <c r="TSG701" s="613"/>
      <c r="TSH701" s="613"/>
      <c r="TSI701" s="613"/>
      <c r="TSJ701" s="613"/>
      <c r="TSK701" s="613"/>
      <c r="TSL701" s="613"/>
      <c r="TSM701" s="613"/>
      <c r="TSN701" s="613"/>
      <c r="TSO701" s="613"/>
      <c r="TSP701" s="613"/>
      <c r="TSQ701" s="613"/>
      <c r="TSR701" s="613"/>
      <c r="TSS701" s="613"/>
      <c r="TST701" s="613"/>
      <c r="TSU701" s="613"/>
      <c r="TSV701" s="613"/>
      <c r="TSW701" s="613"/>
      <c r="TSX701" s="613"/>
      <c r="TSY701" s="613"/>
      <c r="TSZ701" s="613"/>
      <c r="TTA701" s="613"/>
      <c r="TTB701" s="613"/>
      <c r="TTC701" s="613"/>
      <c r="TTD701" s="613"/>
      <c r="TTE701" s="613"/>
      <c r="TTF701" s="613"/>
      <c r="TTG701" s="613"/>
      <c r="TTH701" s="613"/>
      <c r="TTI701" s="613"/>
      <c r="TTJ701" s="613"/>
      <c r="TTK701" s="613"/>
      <c r="TTL701" s="613"/>
      <c r="TTM701" s="613"/>
      <c r="TTN701" s="613"/>
      <c r="TTO701" s="613"/>
      <c r="TTP701" s="613"/>
      <c r="TTQ701" s="613"/>
      <c r="TTR701" s="613"/>
      <c r="TTS701" s="613"/>
      <c r="TTT701" s="613"/>
      <c r="TTU701" s="613"/>
      <c r="TTV701" s="613"/>
      <c r="TTW701" s="613"/>
      <c r="TTX701" s="613"/>
      <c r="TTY701" s="613"/>
      <c r="TTZ701" s="613"/>
      <c r="TUA701" s="613"/>
      <c r="TUB701" s="613"/>
      <c r="TUC701" s="613"/>
      <c r="TUD701" s="613"/>
      <c r="TUE701" s="613"/>
      <c r="TUF701" s="613"/>
      <c r="TUG701" s="613"/>
      <c r="TUH701" s="613"/>
      <c r="TUI701" s="613"/>
      <c r="TUJ701" s="613"/>
      <c r="TUK701" s="613"/>
      <c r="TUL701" s="613"/>
      <c r="TUM701" s="613"/>
      <c r="TUN701" s="613"/>
      <c r="TUO701" s="613"/>
      <c r="TUP701" s="613"/>
      <c r="TUQ701" s="613"/>
      <c r="TUR701" s="613"/>
      <c r="TUS701" s="613"/>
      <c r="TUT701" s="613"/>
      <c r="TUU701" s="613"/>
      <c r="TUV701" s="613"/>
      <c r="TUW701" s="613"/>
      <c r="TUX701" s="613"/>
      <c r="TUY701" s="613"/>
      <c r="TUZ701" s="613"/>
      <c r="TVA701" s="613"/>
      <c r="TVB701" s="613"/>
      <c r="TVC701" s="613"/>
      <c r="TVD701" s="613"/>
      <c r="TVE701" s="613"/>
      <c r="TVF701" s="613"/>
      <c r="TVG701" s="613"/>
      <c r="TVH701" s="613"/>
      <c r="TVI701" s="613"/>
      <c r="TVJ701" s="613"/>
      <c r="TVK701" s="613"/>
      <c r="TVL701" s="613"/>
      <c r="TVM701" s="613"/>
      <c r="TVN701" s="613"/>
      <c r="TVO701" s="613"/>
      <c r="TVP701" s="613"/>
      <c r="TVQ701" s="613"/>
      <c r="TVR701" s="613"/>
      <c r="TVS701" s="613"/>
      <c r="TVT701" s="613"/>
      <c r="TVU701" s="613"/>
      <c r="TVV701" s="613"/>
      <c r="TVW701" s="613"/>
      <c r="TVX701" s="613"/>
      <c r="TVY701" s="613"/>
      <c r="TVZ701" s="613"/>
      <c r="TWA701" s="613"/>
      <c r="TWB701" s="613"/>
      <c r="TWC701" s="613"/>
      <c r="TWD701" s="613"/>
      <c r="TWE701" s="613"/>
      <c r="TWF701" s="613"/>
      <c r="TWG701" s="613"/>
      <c r="TWH701" s="613"/>
      <c r="TWI701" s="613"/>
      <c r="TWJ701" s="613"/>
      <c r="TWK701" s="613"/>
      <c r="TWL701" s="613"/>
      <c r="TWM701" s="613"/>
      <c r="TWN701" s="613"/>
      <c r="TWO701" s="613"/>
      <c r="TWP701" s="613"/>
      <c r="TWQ701" s="613"/>
      <c r="TWR701" s="613"/>
      <c r="TWS701" s="613"/>
      <c r="TWT701" s="613"/>
      <c r="TWU701" s="613"/>
      <c r="TWV701" s="613"/>
      <c r="TWW701" s="613"/>
      <c r="TWX701" s="613"/>
      <c r="TWY701" s="613"/>
      <c r="TWZ701" s="613"/>
      <c r="TXA701" s="613"/>
      <c r="TXB701" s="613"/>
      <c r="TXC701" s="613"/>
      <c r="TXD701" s="613"/>
      <c r="TXE701" s="613"/>
      <c r="TXF701" s="613"/>
      <c r="TXG701" s="613"/>
      <c r="TXH701" s="613"/>
      <c r="TXI701" s="613"/>
      <c r="TXJ701" s="613"/>
      <c r="TXK701" s="613"/>
      <c r="TXL701" s="613"/>
      <c r="TXM701" s="613"/>
      <c r="TXN701" s="613"/>
      <c r="TXO701" s="613"/>
      <c r="TXP701" s="613"/>
      <c r="TXQ701" s="613"/>
      <c r="TXR701" s="613"/>
      <c r="TXS701" s="613"/>
      <c r="TXT701" s="613"/>
      <c r="TXU701" s="613"/>
      <c r="TXV701" s="613"/>
      <c r="TXW701" s="613"/>
      <c r="TXX701" s="613"/>
      <c r="TXY701" s="613"/>
      <c r="TXZ701" s="613"/>
      <c r="TYA701" s="613"/>
      <c r="TYB701" s="613"/>
      <c r="TYC701" s="613"/>
      <c r="TYD701" s="613"/>
      <c r="TYE701" s="613"/>
      <c r="TYF701" s="613"/>
      <c r="TYG701" s="613"/>
      <c r="TYH701" s="613"/>
      <c r="TYI701" s="613"/>
      <c r="TYJ701" s="613"/>
      <c r="TYK701" s="613"/>
      <c r="TYL701" s="613"/>
      <c r="TYM701" s="613"/>
      <c r="TYN701" s="613"/>
      <c r="TYO701" s="613"/>
      <c r="TYP701" s="613"/>
      <c r="TYQ701" s="613"/>
      <c r="TYR701" s="613"/>
      <c r="TYS701" s="613"/>
      <c r="TYT701" s="613"/>
      <c r="TYU701" s="613"/>
      <c r="TYV701" s="613"/>
      <c r="TYW701" s="613"/>
      <c r="TYX701" s="613"/>
      <c r="TYY701" s="613"/>
      <c r="TYZ701" s="613"/>
      <c r="TZA701" s="613"/>
      <c r="TZB701" s="613"/>
      <c r="TZC701" s="613"/>
      <c r="TZD701" s="613"/>
      <c r="TZE701" s="613"/>
      <c r="TZF701" s="613"/>
      <c r="TZG701" s="613"/>
      <c r="TZH701" s="613"/>
      <c r="TZI701" s="613"/>
      <c r="TZJ701" s="613"/>
      <c r="TZK701" s="613"/>
      <c r="TZL701" s="613"/>
      <c r="TZM701" s="613"/>
      <c r="TZN701" s="613"/>
      <c r="TZO701" s="613"/>
      <c r="TZP701" s="613"/>
      <c r="TZQ701" s="613"/>
      <c r="TZR701" s="613"/>
      <c r="TZS701" s="613"/>
      <c r="TZT701" s="613"/>
      <c r="TZU701" s="613"/>
      <c r="TZV701" s="613"/>
      <c r="TZW701" s="613"/>
      <c r="TZX701" s="613"/>
      <c r="TZY701" s="613"/>
      <c r="TZZ701" s="613"/>
      <c r="UAA701" s="613"/>
      <c r="UAB701" s="613"/>
      <c r="UAC701" s="613"/>
      <c r="UAD701" s="613"/>
      <c r="UAE701" s="613"/>
      <c r="UAF701" s="613"/>
      <c r="UAG701" s="613"/>
      <c r="UAH701" s="613"/>
      <c r="UAI701" s="613"/>
      <c r="UAJ701" s="613"/>
      <c r="UAK701" s="613"/>
      <c r="UAL701" s="613"/>
      <c r="UAM701" s="613"/>
      <c r="UAN701" s="613"/>
      <c r="UAO701" s="613"/>
      <c r="UAP701" s="613"/>
      <c r="UAQ701" s="613"/>
      <c r="UAR701" s="613"/>
      <c r="UAS701" s="613"/>
      <c r="UAT701" s="613"/>
      <c r="UAU701" s="613"/>
      <c r="UAV701" s="613"/>
      <c r="UAW701" s="613"/>
      <c r="UAX701" s="613"/>
      <c r="UAY701" s="613"/>
      <c r="UAZ701" s="613"/>
      <c r="UBA701" s="613"/>
      <c r="UBB701" s="613"/>
      <c r="UBC701" s="613"/>
      <c r="UBD701" s="613"/>
      <c r="UBE701" s="613"/>
      <c r="UBF701" s="613"/>
      <c r="UBG701" s="613"/>
      <c r="UBH701" s="613"/>
      <c r="UBI701" s="613"/>
      <c r="UBJ701" s="613"/>
      <c r="UBK701" s="613"/>
      <c r="UBL701" s="613"/>
      <c r="UBM701" s="613"/>
      <c r="UBN701" s="613"/>
      <c r="UBO701" s="613"/>
      <c r="UBP701" s="613"/>
      <c r="UBQ701" s="613"/>
      <c r="UBR701" s="613"/>
      <c r="UBS701" s="613"/>
      <c r="UBT701" s="613"/>
      <c r="UBU701" s="613"/>
      <c r="UBV701" s="613"/>
      <c r="UBW701" s="613"/>
      <c r="UBX701" s="613"/>
      <c r="UBY701" s="613"/>
      <c r="UBZ701" s="613"/>
      <c r="UCA701" s="613"/>
      <c r="UCB701" s="613"/>
      <c r="UCC701" s="613"/>
      <c r="UCD701" s="613"/>
      <c r="UCE701" s="613"/>
      <c r="UCF701" s="613"/>
      <c r="UCG701" s="613"/>
      <c r="UCH701" s="613"/>
      <c r="UCI701" s="613"/>
      <c r="UCJ701" s="613"/>
      <c r="UCK701" s="613"/>
      <c r="UCL701" s="613"/>
      <c r="UCM701" s="613"/>
      <c r="UCN701" s="613"/>
      <c r="UCO701" s="613"/>
      <c r="UCP701" s="613"/>
      <c r="UCQ701" s="613"/>
      <c r="UCR701" s="613"/>
      <c r="UCS701" s="613"/>
      <c r="UCT701" s="613"/>
      <c r="UCU701" s="613"/>
      <c r="UCV701" s="613"/>
      <c r="UCW701" s="613"/>
      <c r="UCX701" s="613"/>
      <c r="UCY701" s="613"/>
      <c r="UCZ701" s="613"/>
      <c r="UDA701" s="613"/>
      <c r="UDB701" s="613"/>
      <c r="UDC701" s="613"/>
      <c r="UDD701" s="613"/>
      <c r="UDE701" s="613"/>
      <c r="UDF701" s="613"/>
      <c r="UDG701" s="613"/>
      <c r="UDH701" s="613"/>
      <c r="UDI701" s="613"/>
      <c r="UDJ701" s="613"/>
      <c r="UDK701" s="613"/>
      <c r="UDL701" s="613"/>
      <c r="UDM701" s="613"/>
      <c r="UDN701" s="613"/>
      <c r="UDO701" s="613"/>
      <c r="UDP701" s="613"/>
      <c r="UDQ701" s="613"/>
      <c r="UDR701" s="613"/>
      <c r="UDS701" s="613"/>
      <c r="UDT701" s="613"/>
      <c r="UDU701" s="613"/>
      <c r="UDV701" s="613"/>
      <c r="UDW701" s="613"/>
      <c r="UDX701" s="613"/>
      <c r="UDY701" s="613"/>
      <c r="UDZ701" s="613"/>
      <c r="UEA701" s="613"/>
      <c r="UEB701" s="613"/>
      <c r="UEC701" s="613"/>
      <c r="UED701" s="613"/>
      <c r="UEE701" s="613"/>
      <c r="UEF701" s="613"/>
      <c r="UEG701" s="613"/>
      <c r="UEH701" s="613"/>
      <c r="UEI701" s="613"/>
      <c r="UEJ701" s="613"/>
      <c r="UEK701" s="613"/>
      <c r="UEL701" s="613"/>
      <c r="UEM701" s="613"/>
      <c r="UEN701" s="613"/>
      <c r="UEO701" s="613"/>
      <c r="UEP701" s="613"/>
      <c r="UEQ701" s="613"/>
      <c r="UER701" s="613"/>
      <c r="UES701" s="613"/>
      <c r="UET701" s="613"/>
      <c r="UEU701" s="613"/>
      <c r="UEV701" s="613"/>
      <c r="UEW701" s="613"/>
      <c r="UEX701" s="613"/>
      <c r="UEY701" s="613"/>
      <c r="UEZ701" s="613"/>
      <c r="UFA701" s="613"/>
      <c r="UFB701" s="613"/>
      <c r="UFC701" s="613"/>
      <c r="UFD701" s="613"/>
      <c r="UFE701" s="613"/>
      <c r="UFF701" s="613"/>
      <c r="UFG701" s="613"/>
      <c r="UFH701" s="613"/>
      <c r="UFI701" s="613"/>
      <c r="UFJ701" s="613"/>
      <c r="UFK701" s="613"/>
      <c r="UFL701" s="613"/>
      <c r="UFM701" s="613"/>
      <c r="UFN701" s="613"/>
      <c r="UFO701" s="613"/>
      <c r="UFP701" s="613"/>
      <c r="UFQ701" s="613"/>
      <c r="UFR701" s="613"/>
      <c r="UFS701" s="613"/>
      <c r="UFT701" s="613"/>
      <c r="UFU701" s="613"/>
      <c r="UFV701" s="613"/>
      <c r="UFW701" s="613"/>
      <c r="UFX701" s="613"/>
      <c r="UFY701" s="613"/>
      <c r="UFZ701" s="613"/>
      <c r="UGA701" s="613"/>
      <c r="UGB701" s="613"/>
      <c r="UGC701" s="613"/>
      <c r="UGD701" s="613"/>
      <c r="UGE701" s="613"/>
      <c r="UGF701" s="613"/>
      <c r="UGG701" s="613"/>
      <c r="UGH701" s="613"/>
      <c r="UGI701" s="613"/>
      <c r="UGJ701" s="613"/>
      <c r="UGK701" s="613"/>
      <c r="UGL701" s="613"/>
      <c r="UGM701" s="613"/>
      <c r="UGN701" s="613"/>
      <c r="UGO701" s="613"/>
      <c r="UGP701" s="613"/>
      <c r="UGQ701" s="613"/>
      <c r="UGR701" s="613"/>
      <c r="UGS701" s="613"/>
      <c r="UGT701" s="613"/>
      <c r="UGU701" s="613"/>
      <c r="UGV701" s="613"/>
      <c r="UGW701" s="613"/>
      <c r="UGX701" s="613"/>
      <c r="UGY701" s="613"/>
      <c r="UGZ701" s="613"/>
      <c r="UHA701" s="613"/>
      <c r="UHB701" s="613"/>
      <c r="UHC701" s="613"/>
      <c r="UHD701" s="613"/>
      <c r="UHE701" s="613"/>
      <c r="UHF701" s="613"/>
      <c r="UHG701" s="613"/>
      <c r="UHH701" s="613"/>
      <c r="UHI701" s="613"/>
      <c r="UHJ701" s="613"/>
      <c r="UHK701" s="613"/>
      <c r="UHL701" s="613"/>
      <c r="UHM701" s="613"/>
      <c r="UHN701" s="613"/>
      <c r="UHO701" s="613"/>
      <c r="UHP701" s="613"/>
      <c r="UHQ701" s="613"/>
      <c r="UHR701" s="613"/>
      <c r="UHS701" s="613"/>
      <c r="UHT701" s="613"/>
      <c r="UHU701" s="613"/>
      <c r="UHV701" s="613"/>
      <c r="UHW701" s="613"/>
      <c r="UHX701" s="613"/>
      <c r="UHY701" s="613"/>
      <c r="UHZ701" s="613"/>
      <c r="UIA701" s="613"/>
      <c r="UIB701" s="613"/>
      <c r="UIC701" s="613"/>
      <c r="UID701" s="613"/>
      <c r="UIE701" s="613"/>
      <c r="UIF701" s="613"/>
      <c r="UIG701" s="613"/>
      <c r="UIH701" s="613"/>
      <c r="UII701" s="613"/>
      <c r="UIJ701" s="613"/>
      <c r="UIK701" s="613"/>
      <c r="UIL701" s="613"/>
      <c r="UIM701" s="613"/>
      <c r="UIN701" s="613"/>
      <c r="UIO701" s="613"/>
      <c r="UIP701" s="613"/>
      <c r="UIQ701" s="613"/>
      <c r="UIR701" s="613"/>
      <c r="UIS701" s="613"/>
      <c r="UIT701" s="613"/>
      <c r="UIU701" s="613"/>
      <c r="UIV701" s="613"/>
      <c r="UIW701" s="613"/>
      <c r="UIX701" s="613"/>
      <c r="UIY701" s="613"/>
      <c r="UIZ701" s="613"/>
      <c r="UJA701" s="613"/>
      <c r="UJB701" s="613"/>
      <c r="UJC701" s="613"/>
      <c r="UJD701" s="613"/>
      <c r="UJE701" s="613"/>
      <c r="UJF701" s="613"/>
      <c r="UJG701" s="613"/>
      <c r="UJH701" s="613"/>
      <c r="UJI701" s="613"/>
      <c r="UJJ701" s="613"/>
      <c r="UJK701" s="613"/>
      <c r="UJL701" s="613"/>
      <c r="UJM701" s="613"/>
      <c r="UJN701" s="613"/>
      <c r="UJO701" s="613"/>
      <c r="UJP701" s="613"/>
      <c r="UJQ701" s="613"/>
      <c r="UJR701" s="613"/>
      <c r="UJS701" s="613"/>
      <c r="UJT701" s="613"/>
      <c r="UJU701" s="613"/>
      <c r="UJV701" s="613"/>
      <c r="UJW701" s="613"/>
      <c r="UJX701" s="613"/>
      <c r="UJY701" s="613"/>
      <c r="UJZ701" s="613"/>
      <c r="UKA701" s="613"/>
      <c r="UKB701" s="613"/>
      <c r="UKC701" s="613"/>
      <c r="UKD701" s="613"/>
      <c r="UKE701" s="613"/>
      <c r="UKF701" s="613"/>
      <c r="UKG701" s="613"/>
      <c r="UKH701" s="613"/>
      <c r="UKI701" s="613"/>
      <c r="UKJ701" s="613"/>
      <c r="UKK701" s="613"/>
      <c r="UKL701" s="613"/>
      <c r="UKM701" s="613"/>
      <c r="UKN701" s="613"/>
      <c r="UKO701" s="613"/>
      <c r="UKP701" s="613"/>
      <c r="UKQ701" s="613"/>
      <c r="UKR701" s="613"/>
      <c r="UKS701" s="613"/>
      <c r="UKT701" s="613"/>
      <c r="UKU701" s="613"/>
      <c r="UKV701" s="613"/>
      <c r="UKW701" s="613"/>
      <c r="UKX701" s="613"/>
      <c r="UKY701" s="613"/>
      <c r="UKZ701" s="613"/>
      <c r="ULA701" s="613"/>
      <c r="ULB701" s="613"/>
      <c r="ULC701" s="613"/>
      <c r="ULD701" s="613"/>
      <c r="ULE701" s="613"/>
      <c r="ULF701" s="613"/>
      <c r="ULG701" s="613"/>
      <c r="ULH701" s="613"/>
      <c r="ULI701" s="613"/>
      <c r="ULJ701" s="613"/>
      <c r="ULK701" s="613"/>
      <c r="ULL701" s="613"/>
      <c r="ULM701" s="613"/>
      <c r="ULN701" s="613"/>
      <c r="ULO701" s="613"/>
      <c r="ULP701" s="613"/>
      <c r="ULQ701" s="613"/>
      <c r="ULR701" s="613"/>
      <c r="ULS701" s="613"/>
      <c r="ULT701" s="613"/>
      <c r="ULU701" s="613"/>
      <c r="ULV701" s="613"/>
      <c r="ULW701" s="613"/>
      <c r="ULX701" s="613"/>
      <c r="ULY701" s="613"/>
      <c r="ULZ701" s="613"/>
      <c r="UMA701" s="613"/>
      <c r="UMB701" s="613"/>
      <c r="UMC701" s="613"/>
      <c r="UMD701" s="613"/>
      <c r="UME701" s="613"/>
      <c r="UMF701" s="613"/>
      <c r="UMG701" s="613"/>
      <c r="UMH701" s="613"/>
      <c r="UMI701" s="613"/>
      <c r="UMJ701" s="613"/>
      <c r="UMK701" s="613"/>
      <c r="UML701" s="613"/>
      <c r="UMM701" s="613"/>
      <c r="UMN701" s="613"/>
      <c r="UMO701" s="613"/>
      <c r="UMP701" s="613"/>
      <c r="UMQ701" s="613"/>
      <c r="UMR701" s="613"/>
      <c r="UMS701" s="613"/>
      <c r="UMT701" s="613"/>
      <c r="UMU701" s="613"/>
      <c r="UMV701" s="613"/>
      <c r="UMW701" s="613"/>
      <c r="UMX701" s="613"/>
      <c r="UMY701" s="613"/>
      <c r="UMZ701" s="613"/>
      <c r="UNA701" s="613"/>
      <c r="UNB701" s="613"/>
      <c r="UNC701" s="613"/>
      <c r="UND701" s="613"/>
      <c r="UNE701" s="613"/>
      <c r="UNF701" s="613"/>
      <c r="UNG701" s="613"/>
      <c r="UNH701" s="613"/>
      <c r="UNI701" s="613"/>
      <c r="UNJ701" s="613"/>
      <c r="UNK701" s="613"/>
      <c r="UNL701" s="613"/>
      <c r="UNM701" s="613"/>
      <c r="UNN701" s="613"/>
      <c r="UNO701" s="613"/>
      <c r="UNP701" s="613"/>
      <c r="UNQ701" s="613"/>
      <c r="UNR701" s="613"/>
      <c r="UNS701" s="613"/>
      <c r="UNT701" s="613"/>
      <c r="UNU701" s="613"/>
      <c r="UNV701" s="613"/>
      <c r="UNW701" s="613"/>
      <c r="UNX701" s="613"/>
      <c r="UNY701" s="613"/>
      <c r="UNZ701" s="613"/>
      <c r="UOA701" s="613"/>
      <c r="UOB701" s="613"/>
      <c r="UOC701" s="613"/>
      <c r="UOD701" s="613"/>
      <c r="UOE701" s="613"/>
      <c r="UOF701" s="613"/>
      <c r="UOG701" s="613"/>
      <c r="UOH701" s="613"/>
      <c r="UOI701" s="613"/>
      <c r="UOJ701" s="613"/>
      <c r="UOK701" s="613"/>
      <c r="UOL701" s="613"/>
      <c r="UOM701" s="613"/>
      <c r="UON701" s="613"/>
      <c r="UOO701" s="613"/>
      <c r="UOP701" s="613"/>
      <c r="UOQ701" s="613"/>
      <c r="UOR701" s="613"/>
      <c r="UOS701" s="613"/>
      <c r="UOT701" s="613"/>
      <c r="UOU701" s="613"/>
      <c r="UOV701" s="613"/>
      <c r="UOW701" s="613"/>
      <c r="UOX701" s="613"/>
      <c r="UOY701" s="613"/>
      <c r="UOZ701" s="613"/>
      <c r="UPA701" s="613"/>
      <c r="UPB701" s="613"/>
      <c r="UPC701" s="613"/>
      <c r="UPD701" s="613"/>
      <c r="UPE701" s="613"/>
      <c r="UPF701" s="613"/>
      <c r="UPG701" s="613"/>
      <c r="UPH701" s="613"/>
      <c r="UPI701" s="613"/>
      <c r="UPJ701" s="613"/>
      <c r="UPK701" s="613"/>
      <c r="UPL701" s="613"/>
      <c r="UPM701" s="613"/>
      <c r="UPN701" s="613"/>
      <c r="UPO701" s="613"/>
      <c r="UPP701" s="613"/>
      <c r="UPQ701" s="613"/>
      <c r="UPR701" s="613"/>
      <c r="UPS701" s="613"/>
      <c r="UPT701" s="613"/>
      <c r="UPU701" s="613"/>
      <c r="UPV701" s="613"/>
      <c r="UPW701" s="613"/>
      <c r="UPX701" s="613"/>
      <c r="UPY701" s="613"/>
      <c r="UPZ701" s="613"/>
      <c r="UQA701" s="613"/>
      <c r="UQB701" s="613"/>
      <c r="UQC701" s="613"/>
      <c r="UQD701" s="613"/>
      <c r="UQE701" s="613"/>
      <c r="UQF701" s="613"/>
      <c r="UQG701" s="613"/>
      <c r="UQH701" s="613"/>
      <c r="UQI701" s="613"/>
      <c r="UQJ701" s="613"/>
      <c r="UQK701" s="613"/>
      <c r="UQL701" s="613"/>
      <c r="UQM701" s="613"/>
      <c r="UQN701" s="613"/>
      <c r="UQO701" s="613"/>
      <c r="UQP701" s="613"/>
      <c r="UQQ701" s="613"/>
      <c r="UQR701" s="613"/>
      <c r="UQS701" s="613"/>
      <c r="UQT701" s="613"/>
      <c r="UQU701" s="613"/>
      <c r="UQV701" s="613"/>
      <c r="UQW701" s="613"/>
      <c r="UQX701" s="613"/>
      <c r="UQY701" s="613"/>
      <c r="UQZ701" s="613"/>
      <c r="URA701" s="613"/>
      <c r="URB701" s="613"/>
      <c r="URC701" s="613"/>
      <c r="URD701" s="613"/>
      <c r="URE701" s="613"/>
      <c r="URF701" s="613"/>
      <c r="URG701" s="613"/>
      <c r="URH701" s="613"/>
      <c r="URI701" s="613"/>
      <c r="URJ701" s="613"/>
      <c r="URK701" s="613"/>
      <c r="URL701" s="613"/>
      <c r="URM701" s="613"/>
      <c r="URN701" s="613"/>
      <c r="URO701" s="613"/>
      <c r="URP701" s="613"/>
      <c r="URQ701" s="613"/>
      <c r="URR701" s="613"/>
      <c r="URS701" s="613"/>
      <c r="URT701" s="613"/>
      <c r="URU701" s="613"/>
      <c r="URV701" s="613"/>
      <c r="URW701" s="613"/>
      <c r="URX701" s="613"/>
      <c r="URY701" s="613"/>
      <c r="URZ701" s="613"/>
      <c r="USA701" s="613"/>
      <c r="USB701" s="613"/>
      <c r="USC701" s="613"/>
      <c r="USD701" s="613"/>
      <c r="USE701" s="613"/>
      <c r="USF701" s="613"/>
      <c r="USG701" s="613"/>
      <c r="USH701" s="613"/>
      <c r="USI701" s="613"/>
      <c r="USJ701" s="613"/>
      <c r="USK701" s="613"/>
      <c r="USL701" s="613"/>
      <c r="USM701" s="613"/>
      <c r="USN701" s="613"/>
      <c r="USO701" s="613"/>
      <c r="USP701" s="613"/>
      <c r="USQ701" s="613"/>
      <c r="USR701" s="613"/>
      <c r="USS701" s="613"/>
      <c r="UST701" s="613"/>
      <c r="USU701" s="613"/>
      <c r="USV701" s="613"/>
      <c r="USW701" s="613"/>
      <c r="USX701" s="613"/>
      <c r="USY701" s="613"/>
      <c r="USZ701" s="613"/>
      <c r="UTA701" s="613"/>
      <c r="UTB701" s="613"/>
      <c r="UTC701" s="613"/>
      <c r="UTD701" s="613"/>
      <c r="UTE701" s="613"/>
      <c r="UTF701" s="613"/>
      <c r="UTG701" s="613"/>
      <c r="UTH701" s="613"/>
      <c r="UTI701" s="613"/>
      <c r="UTJ701" s="613"/>
      <c r="UTK701" s="613"/>
      <c r="UTL701" s="613"/>
      <c r="UTM701" s="613"/>
      <c r="UTN701" s="613"/>
      <c r="UTO701" s="613"/>
      <c r="UTP701" s="613"/>
      <c r="UTQ701" s="613"/>
      <c r="UTR701" s="613"/>
      <c r="UTS701" s="613"/>
      <c r="UTT701" s="613"/>
      <c r="UTU701" s="613"/>
      <c r="UTV701" s="613"/>
      <c r="UTW701" s="613"/>
      <c r="UTX701" s="613"/>
      <c r="UTY701" s="613"/>
      <c r="UTZ701" s="613"/>
      <c r="UUA701" s="613"/>
      <c r="UUB701" s="613"/>
      <c r="UUC701" s="613"/>
      <c r="UUD701" s="613"/>
      <c r="UUE701" s="613"/>
      <c r="UUF701" s="613"/>
      <c r="UUG701" s="613"/>
      <c r="UUH701" s="613"/>
      <c r="UUI701" s="613"/>
      <c r="UUJ701" s="613"/>
      <c r="UUK701" s="613"/>
      <c r="UUL701" s="613"/>
      <c r="UUM701" s="613"/>
      <c r="UUN701" s="613"/>
      <c r="UUO701" s="613"/>
      <c r="UUP701" s="613"/>
      <c r="UUQ701" s="613"/>
      <c r="UUR701" s="613"/>
      <c r="UUS701" s="613"/>
      <c r="UUT701" s="613"/>
      <c r="UUU701" s="613"/>
      <c r="UUV701" s="613"/>
      <c r="UUW701" s="613"/>
      <c r="UUX701" s="613"/>
      <c r="UUY701" s="613"/>
      <c r="UUZ701" s="613"/>
      <c r="UVA701" s="613"/>
      <c r="UVB701" s="613"/>
      <c r="UVC701" s="613"/>
      <c r="UVD701" s="613"/>
      <c r="UVE701" s="613"/>
      <c r="UVF701" s="613"/>
      <c r="UVG701" s="613"/>
      <c r="UVH701" s="613"/>
      <c r="UVI701" s="613"/>
      <c r="UVJ701" s="613"/>
      <c r="UVK701" s="613"/>
      <c r="UVL701" s="613"/>
      <c r="UVM701" s="613"/>
      <c r="UVN701" s="613"/>
      <c r="UVO701" s="613"/>
      <c r="UVP701" s="613"/>
      <c r="UVQ701" s="613"/>
      <c r="UVR701" s="613"/>
      <c r="UVS701" s="613"/>
      <c r="UVT701" s="613"/>
      <c r="UVU701" s="613"/>
      <c r="UVV701" s="613"/>
      <c r="UVW701" s="613"/>
      <c r="UVX701" s="613"/>
      <c r="UVY701" s="613"/>
      <c r="UVZ701" s="613"/>
      <c r="UWA701" s="613"/>
      <c r="UWB701" s="613"/>
      <c r="UWC701" s="613"/>
      <c r="UWD701" s="613"/>
      <c r="UWE701" s="613"/>
      <c r="UWF701" s="613"/>
      <c r="UWG701" s="613"/>
      <c r="UWH701" s="613"/>
      <c r="UWI701" s="613"/>
      <c r="UWJ701" s="613"/>
      <c r="UWK701" s="613"/>
      <c r="UWL701" s="613"/>
      <c r="UWM701" s="613"/>
      <c r="UWN701" s="613"/>
      <c r="UWO701" s="613"/>
      <c r="UWP701" s="613"/>
      <c r="UWQ701" s="613"/>
      <c r="UWR701" s="613"/>
      <c r="UWS701" s="613"/>
      <c r="UWT701" s="613"/>
      <c r="UWU701" s="613"/>
      <c r="UWV701" s="613"/>
      <c r="UWW701" s="613"/>
      <c r="UWX701" s="613"/>
      <c r="UWY701" s="613"/>
      <c r="UWZ701" s="613"/>
      <c r="UXA701" s="613"/>
      <c r="UXB701" s="613"/>
      <c r="UXC701" s="613"/>
      <c r="UXD701" s="613"/>
      <c r="UXE701" s="613"/>
      <c r="UXF701" s="613"/>
      <c r="UXG701" s="613"/>
      <c r="UXH701" s="613"/>
      <c r="UXI701" s="613"/>
      <c r="UXJ701" s="613"/>
      <c r="UXK701" s="613"/>
      <c r="UXL701" s="613"/>
      <c r="UXM701" s="613"/>
      <c r="UXN701" s="613"/>
      <c r="UXO701" s="613"/>
      <c r="UXP701" s="613"/>
      <c r="UXQ701" s="613"/>
      <c r="UXR701" s="613"/>
      <c r="UXS701" s="613"/>
      <c r="UXT701" s="613"/>
      <c r="UXU701" s="613"/>
      <c r="UXV701" s="613"/>
      <c r="UXW701" s="613"/>
      <c r="UXX701" s="613"/>
      <c r="UXY701" s="613"/>
      <c r="UXZ701" s="613"/>
      <c r="UYA701" s="613"/>
      <c r="UYB701" s="613"/>
      <c r="UYC701" s="613"/>
      <c r="UYD701" s="613"/>
      <c r="UYE701" s="613"/>
      <c r="UYF701" s="613"/>
      <c r="UYG701" s="613"/>
      <c r="UYH701" s="613"/>
      <c r="UYI701" s="613"/>
      <c r="UYJ701" s="613"/>
      <c r="UYK701" s="613"/>
      <c r="UYL701" s="613"/>
      <c r="UYM701" s="613"/>
      <c r="UYN701" s="613"/>
      <c r="UYO701" s="613"/>
      <c r="UYP701" s="613"/>
      <c r="UYQ701" s="613"/>
      <c r="UYR701" s="613"/>
      <c r="UYS701" s="613"/>
      <c r="UYT701" s="613"/>
      <c r="UYU701" s="613"/>
      <c r="UYV701" s="613"/>
      <c r="UYW701" s="613"/>
      <c r="UYX701" s="613"/>
      <c r="UYY701" s="613"/>
      <c r="UYZ701" s="613"/>
      <c r="UZA701" s="613"/>
      <c r="UZB701" s="613"/>
      <c r="UZC701" s="613"/>
      <c r="UZD701" s="613"/>
      <c r="UZE701" s="613"/>
      <c r="UZF701" s="613"/>
      <c r="UZG701" s="613"/>
      <c r="UZH701" s="613"/>
      <c r="UZI701" s="613"/>
      <c r="UZJ701" s="613"/>
      <c r="UZK701" s="613"/>
      <c r="UZL701" s="613"/>
      <c r="UZM701" s="613"/>
      <c r="UZN701" s="613"/>
      <c r="UZO701" s="613"/>
      <c r="UZP701" s="613"/>
      <c r="UZQ701" s="613"/>
      <c r="UZR701" s="613"/>
      <c r="UZS701" s="613"/>
      <c r="UZT701" s="613"/>
      <c r="UZU701" s="613"/>
      <c r="UZV701" s="613"/>
      <c r="UZW701" s="613"/>
      <c r="UZX701" s="613"/>
      <c r="UZY701" s="613"/>
      <c r="UZZ701" s="613"/>
      <c r="VAA701" s="613"/>
      <c r="VAB701" s="613"/>
      <c r="VAC701" s="613"/>
      <c r="VAD701" s="613"/>
      <c r="VAE701" s="613"/>
      <c r="VAF701" s="613"/>
      <c r="VAG701" s="613"/>
      <c r="VAH701" s="613"/>
      <c r="VAI701" s="613"/>
      <c r="VAJ701" s="613"/>
      <c r="VAK701" s="613"/>
      <c r="VAL701" s="613"/>
      <c r="VAM701" s="613"/>
      <c r="VAN701" s="613"/>
      <c r="VAO701" s="613"/>
      <c r="VAP701" s="613"/>
      <c r="VAQ701" s="613"/>
      <c r="VAR701" s="613"/>
      <c r="VAS701" s="613"/>
      <c r="VAT701" s="613"/>
      <c r="VAU701" s="613"/>
      <c r="VAV701" s="613"/>
      <c r="VAW701" s="613"/>
      <c r="VAX701" s="613"/>
      <c r="VAY701" s="613"/>
      <c r="VAZ701" s="613"/>
      <c r="VBA701" s="613"/>
      <c r="VBB701" s="613"/>
      <c r="VBC701" s="613"/>
      <c r="VBD701" s="613"/>
      <c r="VBE701" s="613"/>
      <c r="VBF701" s="613"/>
      <c r="VBG701" s="613"/>
      <c r="VBH701" s="613"/>
      <c r="VBI701" s="613"/>
      <c r="VBJ701" s="613"/>
      <c r="VBK701" s="613"/>
      <c r="VBL701" s="613"/>
      <c r="VBM701" s="613"/>
      <c r="VBN701" s="613"/>
      <c r="VBO701" s="613"/>
      <c r="VBP701" s="613"/>
      <c r="VBQ701" s="613"/>
      <c r="VBR701" s="613"/>
      <c r="VBS701" s="613"/>
      <c r="VBT701" s="613"/>
      <c r="VBU701" s="613"/>
      <c r="VBV701" s="613"/>
      <c r="VBW701" s="613"/>
      <c r="VBX701" s="613"/>
      <c r="VBY701" s="613"/>
      <c r="VBZ701" s="613"/>
      <c r="VCA701" s="613"/>
      <c r="VCB701" s="613"/>
      <c r="VCC701" s="613"/>
      <c r="VCD701" s="613"/>
      <c r="VCE701" s="613"/>
      <c r="VCF701" s="613"/>
      <c r="VCG701" s="613"/>
      <c r="VCH701" s="613"/>
      <c r="VCI701" s="613"/>
      <c r="VCJ701" s="613"/>
      <c r="VCK701" s="613"/>
      <c r="VCL701" s="613"/>
      <c r="VCM701" s="613"/>
      <c r="VCN701" s="613"/>
      <c r="VCO701" s="613"/>
      <c r="VCP701" s="613"/>
      <c r="VCQ701" s="613"/>
      <c r="VCR701" s="613"/>
      <c r="VCS701" s="613"/>
      <c r="VCT701" s="613"/>
      <c r="VCU701" s="613"/>
      <c r="VCV701" s="613"/>
      <c r="VCW701" s="613"/>
      <c r="VCX701" s="613"/>
      <c r="VCY701" s="613"/>
      <c r="VCZ701" s="613"/>
      <c r="VDA701" s="613"/>
      <c r="VDB701" s="613"/>
      <c r="VDC701" s="613"/>
      <c r="VDD701" s="613"/>
      <c r="VDE701" s="613"/>
      <c r="VDF701" s="613"/>
      <c r="VDG701" s="613"/>
      <c r="VDH701" s="613"/>
      <c r="VDI701" s="613"/>
      <c r="VDJ701" s="613"/>
      <c r="VDK701" s="613"/>
      <c r="VDL701" s="613"/>
      <c r="VDM701" s="613"/>
      <c r="VDN701" s="613"/>
      <c r="VDO701" s="613"/>
      <c r="VDP701" s="613"/>
      <c r="VDQ701" s="613"/>
      <c r="VDR701" s="613"/>
      <c r="VDS701" s="613"/>
      <c r="VDT701" s="613"/>
      <c r="VDU701" s="613"/>
      <c r="VDV701" s="613"/>
      <c r="VDW701" s="613"/>
      <c r="VDX701" s="613"/>
      <c r="VDY701" s="613"/>
      <c r="VDZ701" s="613"/>
      <c r="VEA701" s="613"/>
      <c r="VEB701" s="613"/>
      <c r="VEC701" s="613"/>
      <c r="VED701" s="613"/>
      <c r="VEE701" s="613"/>
      <c r="VEF701" s="613"/>
      <c r="VEG701" s="613"/>
      <c r="VEH701" s="613"/>
      <c r="VEI701" s="613"/>
      <c r="VEJ701" s="613"/>
      <c r="VEK701" s="613"/>
      <c r="VEL701" s="613"/>
      <c r="VEM701" s="613"/>
      <c r="VEN701" s="613"/>
      <c r="VEO701" s="613"/>
      <c r="VEP701" s="613"/>
      <c r="VEQ701" s="613"/>
      <c r="VER701" s="613"/>
      <c r="VES701" s="613"/>
      <c r="VET701" s="613"/>
      <c r="VEU701" s="613"/>
      <c r="VEV701" s="613"/>
      <c r="VEW701" s="613"/>
      <c r="VEX701" s="613"/>
      <c r="VEY701" s="613"/>
      <c r="VEZ701" s="613"/>
      <c r="VFA701" s="613"/>
      <c r="VFB701" s="613"/>
      <c r="VFC701" s="613"/>
      <c r="VFD701" s="613"/>
      <c r="VFE701" s="613"/>
      <c r="VFF701" s="613"/>
      <c r="VFG701" s="613"/>
      <c r="VFH701" s="613"/>
      <c r="VFI701" s="613"/>
      <c r="VFJ701" s="613"/>
      <c r="VFK701" s="613"/>
      <c r="VFL701" s="613"/>
      <c r="VFM701" s="613"/>
      <c r="VFN701" s="613"/>
      <c r="VFO701" s="613"/>
      <c r="VFP701" s="613"/>
      <c r="VFQ701" s="613"/>
      <c r="VFR701" s="613"/>
      <c r="VFS701" s="613"/>
      <c r="VFT701" s="613"/>
      <c r="VFU701" s="613"/>
      <c r="VFV701" s="613"/>
      <c r="VFW701" s="613"/>
      <c r="VFX701" s="613"/>
      <c r="VFY701" s="613"/>
      <c r="VFZ701" s="613"/>
      <c r="VGA701" s="613"/>
      <c r="VGB701" s="613"/>
      <c r="VGC701" s="613"/>
      <c r="VGD701" s="613"/>
      <c r="VGE701" s="613"/>
      <c r="VGF701" s="613"/>
      <c r="VGG701" s="613"/>
      <c r="VGH701" s="613"/>
      <c r="VGI701" s="613"/>
      <c r="VGJ701" s="613"/>
      <c r="VGK701" s="613"/>
      <c r="VGL701" s="613"/>
      <c r="VGM701" s="613"/>
      <c r="VGN701" s="613"/>
      <c r="VGO701" s="613"/>
      <c r="VGP701" s="613"/>
      <c r="VGQ701" s="613"/>
      <c r="VGR701" s="613"/>
      <c r="VGS701" s="613"/>
      <c r="VGT701" s="613"/>
      <c r="VGU701" s="613"/>
      <c r="VGV701" s="613"/>
      <c r="VGW701" s="613"/>
      <c r="VGX701" s="613"/>
      <c r="VGY701" s="613"/>
      <c r="VGZ701" s="613"/>
      <c r="VHA701" s="613"/>
      <c r="VHB701" s="613"/>
      <c r="VHC701" s="613"/>
      <c r="VHD701" s="613"/>
      <c r="VHE701" s="613"/>
      <c r="VHF701" s="613"/>
      <c r="VHG701" s="613"/>
      <c r="VHH701" s="613"/>
      <c r="VHI701" s="613"/>
      <c r="VHJ701" s="613"/>
      <c r="VHK701" s="613"/>
      <c r="VHL701" s="613"/>
      <c r="VHM701" s="613"/>
      <c r="VHN701" s="613"/>
      <c r="VHO701" s="613"/>
      <c r="VHP701" s="613"/>
      <c r="VHQ701" s="613"/>
      <c r="VHR701" s="613"/>
      <c r="VHS701" s="613"/>
      <c r="VHT701" s="613"/>
      <c r="VHU701" s="613"/>
      <c r="VHV701" s="613"/>
      <c r="VHW701" s="613"/>
      <c r="VHX701" s="613"/>
      <c r="VHY701" s="613"/>
      <c r="VHZ701" s="613"/>
      <c r="VIA701" s="613"/>
      <c r="VIB701" s="613"/>
      <c r="VIC701" s="613"/>
      <c r="VID701" s="613"/>
      <c r="VIE701" s="613"/>
      <c r="VIF701" s="613"/>
      <c r="VIG701" s="613"/>
      <c r="VIH701" s="613"/>
      <c r="VII701" s="613"/>
      <c r="VIJ701" s="613"/>
      <c r="VIK701" s="613"/>
      <c r="VIL701" s="613"/>
      <c r="VIM701" s="613"/>
      <c r="VIN701" s="613"/>
      <c r="VIO701" s="613"/>
      <c r="VIP701" s="613"/>
      <c r="VIQ701" s="613"/>
      <c r="VIR701" s="613"/>
      <c r="VIS701" s="613"/>
      <c r="VIT701" s="613"/>
      <c r="VIU701" s="613"/>
      <c r="VIV701" s="613"/>
      <c r="VIW701" s="613"/>
      <c r="VIX701" s="613"/>
      <c r="VIY701" s="613"/>
      <c r="VIZ701" s="613"/>
      <c r="VJA701" s="613"/>
      <c r="VJB701" s="613"/>
      <c r="VJC701" s="613"/>
      <c r="VJD701" s="613"/>
      <c r="VJE701" s="613"/>
      <c r="VJF701" s="613"/>
      <c r="VJG701" s="613"/>
      <c r="VJH701" s="613"/>
      <c r="VJI701" s="613"/>
      <c r="VJJ701" s="613"/>
      <c r="VJK701" s="613"/>
      <c r="VJL701" s="613"/>
      <c r="VJM701" s="613"/>
      <c r="VJN701" s="613"/>
      <c r="VJO701" s="613"/>
      <c r="VJP701" s="613"/>
      <c r="VJQ701" s="613"/>
      <c r="VJR701" s="613"/>
      <c r="VJS701" s="613"/>
      <c r="VJT701" s="613"/>
      <c r="VJU701" s="613"/>
      <c r="VJV701" s="613"/>
      <c r="VJW701" s="613"/>
      <c r="VJX701" s="613"/>
      <c r="VJY701" s="613"/>
      <c r="VJZ701" s="613"/>
      <c r="VKA701" s="613"/>
      <c r="VKB701" s="613"/>
      <c r="VKC701" s="613"/>
      <c r="VKD701" s="613"/>
      <c r="VKE701" s="613"/>
      <c r="VKF701" s="613"/>
      <c r="VKG701" s="613"/>
      <c r="VKH701" s="613"/>
      <c r="VKI701" s="613"/>
      <c r="VKJ701" s="613"/>
      <c r="VKK701" s="613"/>
      <c r="VKL701" s="613"/>
      <c r="VKM701" s="613"/>
      <c r="VKN701" s="613"/>
      <c r="VKO701" s="613"/>
      <c r="VKP701" s="613"/>
      <c r="VKQ701" s="613"/>
      <c r="VKR701" s="613"/>
      <c r="VKS701" s="613"/>
      <c r="VKT701" s="613"/>
      <c r="VKU701" s="613"/>
      <c r="VKV701" s="613"/>
      <c r="VKW701" s="613"/>
      <c r="VKX701" s="613"/>
      <c r="VKY701" s="613"/>
      <c r="VKZ701" s="613"/>
      <c r="VLA701" s="613"/>
      <c r="VLB701" s="613"/>
      <c r="VLC701" s="613"/>
      <c r="VLD701" s="613"/>
      <c r="VLE701" s="613"/>
      <c r="VLF701" s="613"/>
      <c r="VLG701" s="613"/>
      <c r="VLH701" s="613"/>
      <c r="VLI701" s="613"/>
      <c r="VLJ701" s="613"/>
      <c r="VLK701" s="613"/>
      <c r="VLL701" s="613"/>
      <c r="VLM701" s="613"/>
      <c r="VLN701" s="613"/>
      <c r="VLO701" s="613"/>
      <c r="VLP701" s="613"/>
      <c r="VLQ701" s="613"/>
      <c r="VLR701" s="613"/>
      <c r="VLS701" s="613"/>
      <c r="VLT701" s="613"/>
      <c r="VLU701" s="613"/>
      <c r="VLV701" s="613"/>
      <c r="VLW701" s="613"/>
      <c r="VLX701" s="613"/>
      <c r="VLY701" s="613"/>
      <c r="VLZ701" s="613"/>
      <c r="VMA701" s="613"/>
      <c r="VMB701" s="613"/>
      <c r="VMC701" s="613"/>
      <c r="VMD701" s="613"/>
      <c r="VME701" s="613"/>
      <c r="VMF701" s="613"/>
      <c r="VMG701" s="613"/>
      <c r="VMH701" s="613"/>
      <c r="VMI701" s="613"/>
      <c r="VMJ701" s="613"/>
      <c r="VMK701" s="613"/>
      <c r="VML701" s="613"/>
      <c r="VMM701" s="613"/>
      <c r="VMN701" s="613"/>
      <c r="VMO701" s="613"/>
      <c r="VMP701" s="613"/>
      <c r="VMQ701" s="613"/>
      <c r="VMR701" s="613"/>
      <c r="VMS701" s="613"/>
      <c r="VMT701" s="613"/>
      <c r="VMU701" s="613"/>
      <c r="VMV701" s="613"/>
      <c r="VMW701" s="613"/>
      <c r="VMX701" s="613"/>
      <c r="VMY701" s="613"/>
      <c r="VMZ701" s="613"/>
      <c r="VNA701" s="613"/>
      <c r="VNB701" s="613"/>
      <c r="VNC701" s="613"/>
      <c r="VND701" s="613"/>
      <c r="VNE701" s="613"/>
      <c r="VNF701" s="613"/>
      <c r="VNG701" s="613"/>
      <c r="VNH701" s="613"/>
      <c r="VNI701" s="613"/>
      <c r="VNJ701" s="613"/>
      <c r="VNK701" s="613"/>
      <c r="VNL701" s="613"/>
      <c r="VNM701" s="613"/>
      <c r="VNN701" s="613"/>
      <c r="VNO701" s="613"/>
      <c r="VNP701" s="613"/>
      <c r="VNQ701" s="613"/>
      <c r="VNR701" s="613"/>
      <c r="VNS701" s="613"/>
      <c r="VNT701" s="613"/>
      <c r="VNU701" s="613"/>
      <c r="VNV701" s="613"/>
      <c r="VNW701" s="613"/>
      <c r="VNX701" s="613"/>
      <c r="VNY701" s="613"/>
      <c r="VNZ701" s="613"/>
      <c r="VOA701" s="613"/>
      <c r="VOB701" s="613"/>
      <c r="VOC701" s="613"/>
      <c r="VOD701" s="613"/>
      <c r="VOE701" s="613"/>
      <c r="VOF701" s="613"/>
      <c r="VOG701" s="613"/>
      <c r="VOH701" s="613"/>
      <c r="VOI701" s="613"/>
      <c r="VOJ701" s="613"/>
      <c r="VOK701" s="613"/>
      <c r="VOL701" s="613"/>
      <c r="VOM701" s="613"/>
      <c r="VON701" s="613"/>
      <c r="VOO701" s="613"/>
      <c r="VOP701" s="613"/>
      <c r="VOQ701" s="613"/>
      <c r="VOR701" s="613"/>
      <c r="VOS701" s="613"/>
      <c r="VOT701" s="613"/>
      <c r="VOU701" s="613"/>
      <c r="VOV701" s="613"/>
      <c r="VOW701" s="613"/>
      <c r="VOX701" s="613"/>
      <c r="VOY701" s="613"/>
      <c r="VOZ701" s="613"/>
      <c r="VPA701" s="613"/>
      <c r="VPB701" s="613"/>
      <c r="VPC701" s="613"/>
      <c r="VPD701" s="613"/>
      <c r="VPE701" s="613"/>
      <c r="VPF701" s="613"/>
      <c r="VPG701" s="613"/>
      <c r="VPH701" s="613"/>
      <c r="VPI701" s="613"/>
      <c r="VPJ701" s="613"/>
      <c r="VPK701" s="613"/>
      <c r="VPL701" s="613"/>
      <c r="VPM701" s="613"/>
      <c r="VPN701" s="613"/>
      <c r="VPO701" s="613"/>
      <c r="VPP701" s="613"/>
      <c r="VPQ701" s="613"/>
      <c r="VPR701" s="613"/>
      <c r="VPS701" s="613"/>
      <c r="VPT701" s="613"/>
      <c r="VPU701" s="613"/>
      <c r="VPV701" s="613"/>
      <c r="VPW701" s="613"/>
      <c r="VPX701" s="613"/>
      <c r="VPY701" s="613"/>
      <c r="VPZ701" s="613"/>
      <c r="VQA701" s="613"/>
      <c r="VQB701" s="613"/>
      <c r="VQC701" s="613"/>
      <c r="VQD701" s="613"/>
      <c r="VQE701" s="613"/>
      <c r="VQF701" s="613"/>
      <c r="VQG701" s="613"/>
      <c r="VQH701" s="613"/>
      <c r="VQI701" s="613"/>
      <c r="VQJ701" s="613"/>
      <c r="VQK701" s="613"/>
      <c r="VQL701" s="613"/>
      <c r="VQM701" s="613"/>
      <c r="VQN701" s="613"/>
      <c r="VQO701" s="613"/>
      <c r="VQP701" s="613"/>
      <c r="VQQ701" s="613"/>
      <c r="VQR701" s="613"/>
      <c r="VQS701" s="613"/>
      <c r="VQT701" s="613"/>
      <c r="VQU701" s="613"/>
      <c r="VQV701" s="613"/>
      <c r="VQW701" s="613"/>
      <c r="VQX701" s="613"/>
      <c r="VQY701" s="613"/>
      <c r="VQZ701" s="613"/>
      <c r="VRA701" s="613"/>
      <c r="VRB701" s="613"/>
      <c r="VRC701" s="613"/>
      <c r="VRD701" s="613"/>
      <c r="VRE701" s="613"/>
      <c r="VRF701" s="613"/>
      <c r="VRG701" s="613"/>
      <c r="VRH701" s="613"/>
      <c r="VRI701" s="613"/>
      <c r="VRJ701" s="613"/>
      <c r="VRK701" s="613"/>
      <c r="VRL701" s="613"/>
      <c r="VRM701" s="613"/>
      <c r="VRN701" s="613"/>
      <c r="VRO701" s="613"/>
      <c r="VRP701" s="613"/>
      <c r="VRQ701" s="613"/>
      <c r="VRR701" s="613"/>
      <c r="VRS701" s="613"/>
      <c r="VRT701" s="613"/>
      <c r="VRU701" s="613"/>
      <c r="VRV701" s="613"/>
      <c r="VRW701" s="613"/>
      <c r="VRX701" s="613"/>
      <c r="VRY701" s="613"/>
      <c r="VRZ701" s="613"/>
      <c r="VSA701" s="613"/>
      <c r="VSB701" s="613"/>
      <c r="VSC701" s="613"/>
      <c r="VSD701" s="613"/>
      <c r="VSE701" s="613"/>
      <c r="VSF701" s="613"/>
      <c r="VSG701" s="613"/>
      <c r="VSH701" s="613"/>
      <c r="VSI701" s="613"/>
      <c r="VSJ701" s="613"/>
      <c r="VSK701" s="613"/>
      <c r="VSL701" s="613"/>
      <c r="VSM701" s="613"/>
      <c r="VSN701" s="613"/>
      <c r="VSO701" s="613"/>
      <c r="VSP701" s="613"/>
      <c r="VSQ701" s="613"/>
      <c r="VSR701" s="613"/>
      <c r="VSS701" s="613"/>
      <c r="VST701" s="613"/>
      <c r="VSU701" s="613"/>
      <c r="VSV701" s="613"/>
      <c r="VSW701" s="613"/>
      <c r="VSX701" s="613"/>
      <c r="VSY701" s="613"/>
      <c r="VSZ701" s="613"/>
      <c r="VTA701" s="613"/>
      <c r="VTB701" s="613"/>
      <c r="VTC701" s="613"/>
      <c r="VTD701" s="613"/>
      <c r="VTE701" s="613"/>
      <c r="VTF701" s="613"/>
      <c r="VTG701" s="613"/>
      <c r="VTH701" s="613"/>
      <c r="VTI701" s="613"/>
      <c r="VTJ701" s="613"/>
      <c r="VTK701" s="613"/>
      <c r="VTL701" s="613"/>
      <c r="VTM701" s="613"/>
      <c r="VTN701" s="613"/>
      <c r="VTO701" s="613"/>
      <c r="VTP701" s="613"/>
      <c r="VTQ701" s="613"/>
      <c r="VTR701" s="613"/>
      <c r="VTS701" s="613"/>
      <c r="VTT701" s="613"/>
      <c r="VTU701" s="613"/>
      <c r="VTV701" s="613"/>
      <c r="VTW701" s="613"/>
      <c r="VTX701" s="613"/>
      <c r="VTY701" s="613"/>
      <c r="VTZ701" s="613"/>
      <c r="VUA701" s="613"/>
      <c r="VUB701" s="613"/>
      <c r="VUC701" s="613"/>
      <c r="VUD701" s="613"/>
      <c r="VUE701" s="613"/>
      <c r="VUF701" s="613"/>
      <c r="VUG701" s="613"/>
      <c r="VUH701" s="613"/>
      <c r="VUI701" s="613"/>
      <c r="VUJ701" s="613"/>
      <c r="VUK701" s="613"/>
      <c r="VUL701" s="613"/>
      <c r="VUM701" s="613"/>
      <c r="VUN701" s="613"/>
      <c r="VUO701" s="613"/>
      <c r="VUP701" s="613"/>
      <c r="VUQ701" s="613"/>
      <c r="VUR701" s="613"/>
      <c r="VUS701" s="613"/>
      <c r="VUT701" s="613"/>
      <c r="VUU701" s="613"/>
      <c r="VUV701" s="613"/>
      <c r="VUW701" s="613"/>
      <c r="VUX701" s="613"/>
      <c r="VUY701" s="613"/>
      <c r="VUZ701" s="613"/>
      <c r="VVA701" s="613"/>
      <c r="VVB701" s="613"/>
      <c r="VVC701" s="613"/>
      <c r="VVD701" s="613"/>
      <c r="VVE701" s="613"/>
      <c r="VVF701" s="613"/>
      <c r="VVG701" s="613"/>
      <c r="VVH701" s="613"/>
      <c r="VVI701" s="613"/>
      <c r="VVJ701" s="613"/>
      <c r="VVK701" s="613"/>
      <c r="VVL701" s="613"/>
      <c r="VVM701" s="613"/>
      <c r="VVN701" s="613"/>
      <c r="VVO701" s="613"/>
      <c r="VVP701" s="613"/>
      <c r="VVQ701" s="613"/>
      <c r="VVR701" s="613"/>
      <c r="VVS701" s="613"/>
      <c r="VVT701" s="613"/>
      <c r="VVU701" s="613"/>
      <c r="VVV701" s="613"/>
      <c r="VVW701" s="613"/>
      <c r="VVX701" s="613"/>
      <c r="VVY701" s="613"/>
      <c r="VVZ701" s="613"/>
      <c r="VWA701" s="613"/>
      <c r="VWB701" s="613"/>
      <c r="VWC701" s="613"/>
      <c r="VWD701" s="613"/>
      <c r="VWE701" s="613"/>
      <c r="VWF701" s="613"/>
      <c r="VWG701" s="613"/>
      <c r="VWH701" s="613"/>
      <c r="VWI701" s="613"/>
      <c r="VWJ701" s="613"/>
      <c r="VWK701" s="613"/>
      <c r="VWL701" s="613"/>
      <c r="VWM701" s="613"/>
      <c r="VWN701" s="613"/>
      <c r="VWO701" s="613"/>
      <c r="VWP701" s="613"/>
      <c r="VWQ701" s="613"/>
      <c r="VWR701" s="613"/>
      <c r="VWS701" s="613"/>
      <c r="VWT701" s="613"/>
      <c r="VWU701" s="613"/>
      <c r="VWV701" s="613"/>
      <c r="VWW701" s="613"/>
      <c r="VWX701" s="613"/>
      <c r="VWY701" s="613"/>
      <c r="VWZ701" s="613"/>
      <c r="VXA701" s="613"/>
      <c r="VXB701" s="613"/>
      <c r="VXC701" s="613"/>
      <c r="VXD701" s="613"/>
      <c r="VXE701" s="613"/>
      <c r="VXF701" s="613"/>
      <c r="VXG701" s="613"/>
      <c r="VXH701" s="613"/>
      <c r="VXI701" s="613"/>
      <c r="VXJ701" s="613"/>
      <c r="VXK701" s="613"/>
      <c r="VXL701" s="613"/>
      <c r="VXM701" s="613"/>
      <c r="VXN701" s="613"/>
      <c r="VXO701" s="613"/>
      <c r="VXP701" s="613"/>
      <c r="VXQ701" s="613"/>
      <c r="VXR701" s="613"/>
      <c r="VXS701" s="613"/>
      <c r="VXT701" s="613"/>
      <c r="VXU701" s="613"/>
      <c r="VXV701" s="613"/>
      <c r="VXW701" s="613"/>
      <c r="VXX701" s="613"/>
      <c r="VXY701" s="613"/>
      <c r="VXZ701" s="613"/>
      <c r="VYA701" s="613"/>
      <c r="VYB701" s="613"/>
      <c r="VYC701" s="613"/>
      <c r="VYD701" s="613"/>
      <c r="VYE701" s="613"/>
      <c r="VYF701" s="613"/>
      <c r="VYG701" s="613"/>
      <c r="VYH701" s="613"/>
      <c r="VYI701" s="613"/>
      <c r="VYJ701" s="613"/>
      <c r="VYK701" s="613"/>
      <c r="VYL701" s="613"/>
      <c r="VYM701" s="613"/>
      <c r="VYN701" s="613"/>
      <c r="VYO701" s="613"/>
      <c r="VYP701" s="613"/>
      <c r="VYQ701" s="613"/>
      <c r="VYR701" s="613"/>
      <c r="VYS701" s="613"/>
      <c r="VYT701" s="613"/>
      <c r="VYU701" s="613"/>
      <c r="VYV701" s="613"/>
      <c r="VYW701" s="613"/>
      <c r="VYX701" s="613"/>
      <c r="VYY701" s="613"/>
      <c r="VYZ701" s="613"/>
      <c r="VZA701" s="613"/>
      <c r="VZB701" s="613"/>
      <c r="VZC701" s="613"/>
      <c r="VZD701" s="613"/>
      <c r="VZE701" s="613"/>
      <c r="VZF701" s="613"/>
      <c r="VZG701" s="613"/>
      <c r="VZH701" s="613"/>
      <c r="VZI701" s="613"/>
      <c r="VZJ701" s="613"/>
      <c r="VZK701" s="613"/>
      <c r="VZL701" s="613"/>
      <c r="VZM701" s="613"/>
      <c r="VZN701" s="613"/>
      <c r="VZO701" s="613"/>
      <c r="VZP701" s="613"/>
      <c r="VZQ701" s="613"/>
      <c r="VZR701" s="613"/>
      <c r="VZS701" s="613"/>
      <c r="VZT701" s="613"/>
      <c r="VZU701" s="613"/>
      <c r="VZV701" s="613"/>
      <c r="VZW701" s="613"/>
      <c r="VZX701" s="613"/>
      <c r="VZY701" s="613"/>
      <c r="VZZ701" s="613"/>
      <c r="WAA701" s="613"/>
      <c r="WAB701" s="613"/>
      <c r="WAC701" s="613"/>
      <c r="WAD701" s="613"/>
      <c r="WAE701" s="613"/>
      <c r="WAF701" s="613"/>
      <c r="WAG701" s="613"/>
      <c r="WAH701" s="613"/>
      <c r="WAI701" s="613"/>
      <c r="WAJ701" s="613"/>
      <c r="WAK701" s="613"/>
      <c r="WAL701" s="613"/>
      <c r="WAM701" s="613"/>
      <c r="WAN701" s="613"/>
      <c r="WAO701" s="613"/>
      <c r="WAP701" s="613"/>
      <c r="WAQ701" s="613"/>
      <c r="WAR701" s="613"/>
      <c r="WAS701" s="613"/>
      <c r="WAT701" s="613"/>
      <c r="WAU701" s="613"/>
      <c r="WAV701" s="613"/>
      <c r="WAW701" s="613"/>
      <c r="WAX701" s="613"/>
      <c r="WAY701" s="613"/>
      <c r="WAZ701" s="613"/>
      <c r="WBA701" s="613"/>
      <c r="WBB701" s="613"/>
      <c r="WBC701" s="613"/>
      <c r="WBD701" s="613"/>
      <c r="WBE701" s="613"/>
      <c r="WBF701" s="613"/>
      <c r="WBG701" s="613"/>
      <c r="WBH701" s="613"/>
      <c r="WBI701" s="613"/>
      <c r="WBJ701" s="613"/>
      <c r="WBK701" s="613"/>
      <c r="WBL701" s="613"/>
      <c r="WBM701" s="613"/>
      <c r="WBN701" s="613"/>
      <c r="WBO701" s="613"/>
      <c r="WBP701" s="613"/>
      <c r="WBQ701" s="613"/>
      <c r="WBR701" s="613"/>
      <c r="WBS701" s="613"/>
      <c r="WBT701" s="613"/>
      <c r="WBU701" s="613"/>
      <c r="WBV701" s="613"/>
      <c r="WBW701" s="613"/>
      <c r="WBX701" s="613"/>
      <c r="WBY701" s="613"/>
      <c r="WBZ701" s="613"/>
      <c r="WCA701" s="613"/>
      <c r="WCB701" s="613"/>
      <c r="WCC701" s="613"/>
      <c r="WCD701" s="613"/>
      <c r="WCE701" s="613"/>
      <c r="WCF701" s="613"/>
      <c r="WCG701" s="613"/>
      <c r="WCH701" s="613"/>
      <c r="WCI701" s="613"/>
      <c r="WCJ701" s="613"/>
      <c r="WCK701" s="613"/>
      <c r="WCL701" s="613"/>
      <c r="WCM701" s="613"/>
      <c r="WCN701" s="613"/>
      <c r="WCO701" s="613"/>
      <c r="WCP701" s="613"/>
      <c r="WCQ701" s="613"/>
      <c r="WCR701" s="613"/>
      <c r="WCS701" s="613"/>
      <c r="WCT701" s="613"/>
      <c r="WCU701" s="613"/>
      <c r="WCV701" s="613"/>
      <c r="WCW701" s="613"/>
      <c r="WCX701" s="613"/>
      <c r="WCY701" s="613"/>
      <c r="WCZ701" s="613"/>
      <c r="WDA701" s="613"/>
      <c r="WDB701" s="613"/>
      <c r="WDC701" s="613"/>
      <c r="WDD701" s="613"/>
      <c r="WDE701" s="613"/>
      <c r="WDF701" s="613"/>
      <c r="WDG701" s="613"/>
      <c r="WDH701" s="613"/>
      <c r="WDI701" s="613"/>
      <c r="WDJ701" s="613"/>
      <c r="WDK701" s="613"/>
      <c r="WDL701" s="613"/>
      <c r="WDM701" s="613"/>
      <c r="WDN701" s="613"/>
      <c r="WDO701" s="613"/>
      <c r="WDP701" s="613"/>
      <c r="WDQ701" s="613"/>
      <c r="WDR701" s="613"/>
      <c r="WDS701" s="613"/>
      <c r="WDT701" s="613"/>
      <c r="WDU701" s="613"/>
      <c r="WDV701" s="613"/>
      <c r="WDW701" s="613"/>
      <c r="WDX701" s="613"/>
      <c r="WDY701" s="613"/>
      <c r="WDZ701" s="613"/>
      <c r="WEA701" s="613"/>
      <c r="WEB701" s="613"/>
      <c r="WEC701" s="613"/>
      <c r="WED701" s="613"/>
      <c r="WEE701" s="613"/>
      <c r="WEF701" s="613"/>
      <c r="WEG701" s="613"/>
      <c r="WEH701" s="613"/>
      <c r="WEI701" s="613"/>
      <c r="WEJ701" s="613"/>
      <c r="WEK701" s="613"/>
      <c r="WEL701" s="613"/>
      <c r="WEM701" s="613"/>
      <c r="WEN701" s="613"/>
      <c r="WEO701" s="613"/>
      <c r="WEP701" s="613"/>
      <c r="WEQ701" s="613"/>
      <c r="WER701" s="613"/>
      <c r="WES701" s="613"/>
      <c r="WET701" s="613"/>
      <c r="WEU701" s="613"/>
      <c r="WEV701" s="613"/>
      <c r="WEW701" s="613"/>
      <c r="WEX701" s="613"/>
      <c r="WEY701" s="613"/>
      <c r="WEZ701" s="613"/>
      <c r="WFA701" s="613"/>
      <c r="WFB701" s="613"/>
      <c r="WFC701" s="613"/>
      <c r="WFD701" s="613"/>
      <c r="WFE701" s="613"/>
      <c r="WFF701" s="613"/>
      <c r="WFG701" s="613"/>
      <c r="WFH701" s="613"/>
      <c r="WFI701" s="613"/>
      <c r="WFJ701" s="613"/>
      <c r="WFK701" s="613"/>
      <c r="WFL701" s="613"/>
      <c r="WFM701" s="613"/>
      <c r="WFN701" s="613"/>
      <c r="WFO701" s="613"/>
      <c r="WFP701" s="613"/>
      <c r="WFQ701" s="613"/>
      <c r="WFR701" s="613"/>
      <c r="WFS701" s="613"/>
      <c r="WFT701" s="613"/>
      <c r="WFU701" s="613"/>
      <c r="WFV701" s="613"/>
      <c r="WFW701" s="613"/>
      <c r="WFX701" s="613"/>
      <c r="WFY701" s="613"/>
      <c r="WFZ701" s="613"/>
      <c r="WGA701" s="613"/>
      <c r="WGB701" s="613"/>
      <c r="WGC701" s="613"/>
      <c r="WGD701" s="613"/>
      <c r="WGE701" s="613"/>
      <c r="WGF701" s="613"/>
      <c r="WGG701" s="613"/>
      <c r="WGH701" s="613"/>
      <c r="WGI701" s="613"/>
      <c r="WGJ701" s="613"/>
      <c r="WGK701" s="613"/>
      <c r="WGL701" s="613"/>
      <c r="WGM701" s="613"/>
      <c r="WGN701" s="613"/>
      <c r="WGO701" s="613"/>
      <c r="WGP701" s="613"/>
      <c r="WGQ701" s="613"/>
      <c r="WGR701" s="613"/>
      <c r="WGS701" s="613"/>
      <c r="WGT701" s="613"/>
      <c r="WGU701" s="613"/>
      <c r="WGV701" s="613"/>
      <c r="WGW701" s="613"/>
      <c r="WGX701" s="613"/>
      <c r="WGY701" s="613"/>
      <c r="WGZ701" s="613"/>
      <c r="WHA701" s="613"/>
      <c r="WHB701" s="613"/>
      <c r="WHC701" s="613"/>
      <c r="WHD701" s="613"/>
      <c r="WHE701" s="613"/>
      <c r="WHF701" s="613"/>
      <c r="WHG701" s="613"/>
      <c r="WHH701" s="613"/>
      <c r="WHI701" s="613"/>
      <c r="WHJ701" s="613"/>
      <c r="WHK701" s="613"/>
      <c r="WHL701" s="613"/>
      <c r="WHM701" s="613"/>
      <c r="WHN701" s="613"/>
      <c r="WHO701" s="613"/>
      <c r="WHP701" s="613"/>
      <c r="WHQ701" s="613"/>
      <c r="WHR701" s="613"/>
      <c r="WHS701" s="613"/>
      <c r="WHT701" s="613"/>
      <c r="WHU701" s="613"/>
      <c r="WHV701" s="613"/>
      <c r="WHW701" s="613"/>
      <c r="WHX701" s="613"/>
      <c r="WHY701" s="613"/>
      <c r="WHZ701" s="613"/>
      <c r="WIA701" s="613"/>
      <c r="WIB701" s="613"/>
      <c r="WIC701" s="613"/>
      <c r="WID701" s="613"/>
      <c r="WIE701" s="613"/>
      <c r="WIF701" s="613"/>
      <c r="WIG701" s="613"/>
      <c r="WIH701" s="613"/>
      <c r="WII701" s="613"/>
      <c r="WIJ701" s="613"/>
      <c r="WIK701" s="613"/>
      <c r="WIL701" s="613"/>
      <c r="WIM701" s="613"/>
      <c r="WIN701" s="613"/>
      <c r="WIO701" s="613"/>
      <c r="WIP701" s="613"/>
      <c r="WIQ701" s="613"/>
      <c r="WIR701" s="613"/>
      <c r="WIS701" s="613"/>
      <c r="WIT701" s="613"/>
      <c r="WIU701" s="613"/>
      <c r="WIV701" s="613"/>
      <c r="WIW701" s="613"/>
      <c r="WIX701" s="613"/>
      <c r="WIY701" s="613"/>
      <c r="WIZ701" s="613"/>
      <c r="WJA701" s="613"/>
      <c r="WJB701" s="613"/>
      <c r="WJC701" s="613"/>
      <c r="WJD701" s="613"/>
      <c r="WJE701" s="613"/>
      <c r="WJF701" s="613"/>
      <c r="WJG701" s="613"/>
      <c r="WJH701" s="613"/>
      <c r="WJI701" s="613"/>
      <c r="WJJ701" s="613"/>
      <c r="WJK701" s="613"/>
      <c r="WJL701" s="613"/>
      <c r="WJM701" s="613"/>
      <c r="WJN701" s="613"/>
      <c r="WJO701" s="613"/>
      <c r="WJP701" s="613"/>
      <c r="WJQ701" s="613"/>
      <c r="WJR701" s="613"/>
      <c r="WJS701" s="613"/>
      <c r="WJT701" s="613"/>
      <c r="WJU701" s="613"/>
      <c r="WJV701" s="613"/>
      <c r="WJW701" s="613"/>
      <c r="WJX701" s="613"/>
      <c r="WJY701" s="613"/>
      <c r="WJZ701" s="613"/>
      <c r="WKA701" s="613"/>
      <c r="WKB701" s="613"/>
      <c r="WKC701" s="613"/>
      <c r="WKD701" s="613"/>
      <c r="WKE701" s="613"/>
      <c r="WKF701" s="613"/>
      <c r="WKG701" s="613"/>
      <c r="WKH701" s="613"/>
      <c r="WKI701" s="613"/>
      <c r="WKJ701" s="613"/>
      <c r="WKK701" s="613"/>
      <c r="WKL701" s="613"/>
      <c r="WKM701" s="613"/>
      <c r="WKN701" s="613"/>
      <c r="WKO701" s="613"/>
      <c r="WKP701" s="613"/>
      <c r="WKQ701" s="613"/>
      <c r="WKR701" s="613"/>
      <c r="WKS701" s="613"/>
      <c r="WKT701" s="613"/>
      <c r="WKU701" s="613"/>
      <c r="WKV701" s="613"/>
      <c r="WKW701" s="613"/>
      <c r="WKX701" s="613"/>
      <c r="WKY701" s="613"/>
      <c r="WKZ701" s="613"/>
      <c r="WLA701" s="613"/>
      <c r="WLB701" s="613"/>
      <c r="WLC701" s="613"/>
      <c r="WLD701" s="613"/>
      <c r="WLE701" s="613"/>
      <c r="WLF701" s="613"/>
      <c r="WLG701" s="613"/>
      <c r="WLH701" s="613"/>
      <c r="WLI701" s="613"/>
      <c r="WLJ701" s="613"/>
      <c r="WLK701" s="613"/>
      <c r="WLL701" s="613"/>
      <c r="WLM701" s="613"/>
      <c r="WLN701" s="613"/>
      <c r="WLO701" s="613"/>
      <c r="WLP701" s="613"/>
      <c r="WLQ701" s="613"/>
      <c r="WLR701" s="613"/>
      <c r="WLS701" s="613"/>
      <c r="WLT701" s="613"/>
      <c r="WLU701" s="613"/>
      <c r="WLV701" s="613"/>
      <c r="WLW701" s="613"/>
      <c r="WLX701" s="613"/>
      <c r="WLY701" s="613"/>
      <c r="WLZ701" s="613"/>
      <c r="WMA701" s="613"/>
      <c r="WMB701" s="613"/>
      <c r="WMC701" s="613"/>
      <c r="WMD701" s="613"/>
      <c r="WME701" s="613"/>
      <c r="WMF701" s="613"/>
      <c r="WMG701" s="613"/>
      <c r="WMH701" s="613"/>
      <c r="WMI701" s="613"/>
      <c r="WMJ701" s="613"/>
      <c r="WMK701" s="613"/>
      <c r="WML701" s="613"/>
      <c r="WMM701" s="613"/>
      <c r="WMN701" s="613"/>
      <c r="WMO701" s="613"/>
      <c r="WMP701" s="613"/>
      <c r="WMQ701" s="613"/>
      <c r="WMR701" s="613"/>
      <c r="WMS701" s="613"/>
      <c r="WMT701" s="613"/>
      <c r="WMU701" s="613"/>
      <c r="WMV701" s="613"/>
      <c r="WMW701" s="613"/>
      <c r="WMX701" s="613"/>
      <c r="WMY701" s="613"/>
      <c r="WMZ701" s="613"/>
      <c r="WNA701" s="613"/>
      <c r="WNB701" s="613"/>
      <c r="WNC701" s="613"/>
      <c r="WND701" s="613"/>
      <c r="WNE701" s="613"/>
      <c r="WNF701" s="613"/>
      <c r="WNG701" s="613"/>
      <c r="WNH701" s="613"/>
      <c r="WNI701" s="613"/>
      <c r="WNJ701" s="613"/>
      <c r="WNK701" s="613"/>
      <c r="WNL701" s="613"/>
      <c r="WNM701" s="613"/>
      <c r="WNN701" s="613"/>
      <c r="WNO701" s="613"/>
      <c r="WNP701" s="613"/>
      <c r="WNQ701" s="613"/>
      <c r="WNR701" s="613"/>
      <c r="WNS701" s="613"/>
      <c r="WNT701" s="613"/>
      <c r="WNU701" s="613"/>
      <c r="WNV701" s="613"/>
      <c r="WNW701" s="613"/>
      <c r="WNX701" s="613"/>
      <c r="WNY701" s="613"/>
      <c r="WNZ701" s="613"/>
      <c r="WOA701" s="613"/>
      <c r="WOB701" s="613"/>
      <c r="WOC701" s="613"/>
      <c r="WOD701" s="613"/>
      <c r="WOE701" s="613"/>
      <c r="WOF701" s="613"/>
      <c r="WOG701" s="613"/>
      <c r="WOH701" s="613"/>
      <c r="WOI701" s="613"/>
      <c r="WOJ701" s="613"/>
      <c r="WOK701" s="613"/>
      <c r="WOL701" s="613"/>
      <c r="WOM701" s="613"/>
      <c r="WON701" s="613"/>
      <c r="WOO701" s="613"/>
      <c r="WOP701" s="613"/>
      <c r="WOQ701" s="613"/>
      <c r="WOR701" s="613"/>
      <c r="WOS701" s="613"/>
      <c r="WOT701" s="613"/>
      <c r="WOU701" s="613"/>
      <c r="WOV701" s="613"/>
      <c r="WOW701" s="613"/>
      <c r="WOX701" s="613"/>
      <c r="WOY701" s="613"/>
      <c r="WOZ701" s="613"/>
      <c r="WPA701" s="613"/>
      <c r="WPB701" s="613"/>
      <c r="WPC701" s="613"/>
      <c r="WPD701" s="613"/>
      <c r="WPE701" s="613"/>
      <c r="WPF701" s="613"/>
      <c r="WPG701" s="613"/>
      <c r="WPH701" s="613"/>
      <c r="WPI701" s="613"/>
      <c r="WPJ701" s="613"/>
      <c r="WPK701" s="613"/>
      <c r="WPL701" s="613"/>
      <c r="WPM701" s="613"/>
      <c r="WPN701" s="613"/>
      <c r="WPO701" s="613"/>
      <c r="WPP701" s="613"/>
      <c r="WPQ701" s="613"/>
      <c r="WPR701" s="613"/>
      <c r="WPS701" s="613"/>
      <c r="WPT701" s="613"/>
      <c r="WPU701" s="613"/>
      <c r="WPV701" s="613"/>
      <c r="WPW701" s="613"/>
      <c r="WPX701" s="613"/>
      <c r="WPY701" s="613"/>
      <c r="WPZ701" s="613"/>
      <c r="WQA701" s="613"/>
      <c r="WQB701" s="613"/>
      <c r="WQC701" s="613"/>
      <c r="WQD701" s="613"/>
      <c r="WQE701" s="613"/>
      <c r="WQF701" s="613"/>
      <c r="WQG701" s="613"/>
      <c r="WQH701" s="613"/>
      <c r="WQI701" s="613"/>
      <c r="WQJ701" s="613"/>
      <c r="WQK701" s="613"/>
      <c r="WQL701" s="613"/>
      <c r="WQM701" s="613"/>
      <c r="WQN701" s="613"/>
      <c r="WQO701" s="613"/>
      <c r="WQP701" s="613"/>
      <c r="WQQ701" s="613"/>
      <c r="WQR701" s="613"/>
      <c r="WQS701" s="613"/>
      <c r="WQT701" s="613"/>
      <c r="WQU701" s="613"/>
      <c r="WQV701" s="613"/>
      <c r="WQW701" s="613"/>
      <c r="WQX701" s="613"/>
      <c r="WQY701" s="613"/>
      <c r="WQZ701" s="613"/>
      <c r="WRA701" s="613"/>
      <c r="WRB701" s="613"/>
      <c r="WRC701" s="613"/>
      <c r="WRD701" s="613"/>
      <c r="WRE701" s="613"/>
      <c r="WRF701" s="613"/>
      <c r="WRG701" s="613"/>
      <c r="WRH701" s="613"/>
      <c r="WRI701" s="613"/>
      <c r="WRJ701" s="613"/>
      <c r="WRK701" s="613"/>
      <c r="WRL701" s="613"/>
      <c r="WRM701" s="613"/>
      <c r="WRN701" s="613"/>
      <c r="WRO701" s="613"/>
      <c r="WRP701" s="613"/>
      <c r="WRQ701" s="613"/>
      <c r="WRR701" s="613"/>
      <c r="WRS701" s="613"/>
      <c r="WRT701" s="613"/>
      <c r="WRU701" s="613"/>
      <c r="WRV701" s="613"/>
      <c r="WRW701" s="613"/>
      <c r="WRX701" s="613"/>
      <c r="WRY701" s="613"/>
      <c r="WRZ701" s="613"/>
      <c r="WSA701" s="613"/>
      <c r="WSB701" s="613"/>
      <c r="WSC701" s="613"/>
      <c r="WSD701" s="613"/>
      <c r="WSE701" s="613"/>
      <c r="WSF701" s="613"/>
      <c r="WSG701" s="613"/>
      <c r="WSH701" s="613"/>
      <c r="WSI701" s="613"/>
      <c r="WSJ701" s="613"/>
      <c r="WSK701" s="613"/>
      <c r="WSL701" s="613"/>
      <c r="WSM701" s="613"/>
      <c r="WSN701" s="613"/>
      <c r="WSO701" s="613"/>
      <c r="WSP701" s="613"/>
      <c r="WSQ701" s="613"/>
      <c r="WSR701" s="613"/>
      <c r="WSS701" s="613"/>
      <c r="WST701" s="613"/>
      <c r="WSU701" s="613"/>
      <c r="WSV701" s="613"/>
      <c r="WSW701" s="613"/>
      <c r="WSX701" s="613"/>
      <c r="WSY701" s="613"/>
      <c r="WSZ701" s="613"/>
      <c r="WTA701" s="613"/>
      <c r="WTB701" s="613"/>
      <c r="WTC701" s="613"/>
      <c r="WTD701" s="613"/>
      <c r="WTE701" s="613"/>
      <c r="WTF701" s="613"/>
      <c r="WTG701" s="613"/>
      <c r="WTH701" s="613"/>
      <c r="WTI701" s="613"/>
      <c r="WTJ701" s="613"/>
      <c r="WTK701" s="613"/>
      <c r="WTL701" s="613"/>
      <c r="WTM701" s="613"/>
      <c r="WTN701" s="613"/>
      <c r="WTO701" s="613"/>
      <c r="WTP701" s="613"/>
      <c r="WTQ701" s="613"/>
      <c r="WTR701" s="613"/>
      <c r="WTS701" s="613"/>
      <c r="WTT701" s="613"/>
      <c r="WTU701" s="613"/>
      <c r="WTV701" s="613"/>
      <c r="WTW701" s="613"/>
      <c r="WTX701" s="613"/>
      <c r="WTY701" s="613"/>
      <c r="WTZ701" s="613"/>
      <c r="WUA701" s="613"/>
      <c r="WUB701" s="613"/>
      <c r="WUC701" s="613"/>
      <c r="WUD701" s="613"/>
      <c r="WUE701" s="613"/>
      <c r="WUF701" s="613"/>
      <c r="WUG701" s="613"/>
      <c r="WUH701" s="613"/>
      <c r="WUI701" s="613"/>
      <c r="WUJ701" s="613"/>
      <c r="WUK701" s="613"/>
      <c r="WUL701" s="613"/>
      <c r="WUM701" s="613"/>
      <c r="WUN701" s="613"/>
      <c r="WUO701" s="613"/>
      <c r="WUP701" s="613"/>
      <c r="WUQ701" s="613"/>
      <c r="WUR701" s="613"/>
      <c r="WUS701" s="613"/>
      <c r="WUT701" s="613"/>
      <c r="WUU701" s="613"/>
      <c r="WUV701" s="613"/>
      <c r="WUW701" s="613"/>
      <c r="WUX701" s="613"/>
      <c r="WUY701" s="613"/>
      <c r="WUZ701" s="613"/>
      <c r="WVA701" s="613"/>
      <c r="WVB701" s="613"/>
      <c r="WVC701" s="613"/>
      <c r="WVD701" s="613"/>
      <c r="WVE701" s="613"/>
      <c r="WVF701" s="613"/>
      <c r="WVG701" s="613"/>
      <c r="WVH701" s="613"/>
      <c r="WVI701" s="613"/>
      <c r="WVJ701" s="613"/>
      <c r="WVK701" s="613"/>
      <c r="WVL701" s="613"/>
      <c r="WVM701" s="613"/>
      <c r="WVN701" s="613"/>
      <c r="WVO701" s="613"/>
      <c r="WVP701" s="613"/>
      <c r="WVQ701" s="613"/>
      <c r="WVR701" s="613"/>
      <c r="WVS701" s="613"/>
      <c r="WVT701" s="613"/>
      <c r="WVU701" s="613"/>
      <c r="WVV701" s="613"/>
      <c r="WVW701" s="613"/>
      <c r="WVX701" s="613"/>
      <c r="WVY701" s="613"/>
      <c r="WVZ701" s="613"/>
      <c r="WWA701" s="613"/>
      <c r="WWB701" s="613"/>
      <c r="WWC701" s="613"/>
      <c r="WWD701" s="613"/>
      <c r="WWE701" s="613"/>
      <c r="WWF701" s="613"/>
      <c r="WWG701" s="613"/>
      <c r="WWH701" s="613"/>
      <c r="WWI701" s="613"/>
      <c r="WWJ701" s="613"/>
      <c r="WWK701" s="613"/>
      <c r="WWL701" s="613"/>
      <c r="WWM701" s="613"/>
      <c r="WWN701" s="613"/>
      <c r="WWO701" s="613"/>
      <c r="WWP701" s="613"/>
      <c r="WWQ701" s="613"/>
      <c r="WWR701" s="613"/>
      <c r="WWS701" s="613"/>
      <c r="WWT701" s="613"/>
      <c r="WWU701" s="613"/>
      <c r="WWV701" s="613"/>
      <c r="WWW701" s="613"/>
      <c r="WWX701" s="613"/>
      <c r="WWY701" s="613"/>
      <c r="WWZ701" s="613"/>
      <c r="WXA701" s="613"/>
      <c r="WXB701" s="613"/>
      <c r="WXC701" s="613"/>
      <c r="WXD701" s="613"/>
      <c r="WXE701" s="613"/>
      <c r="WXF701" s="613"/>
      <c r="WXG701" s="613"/>
      <c r="WXH701" s="613"/>
      <c r="WXI701" s="613"/>
      <c r="WXJ701" s="613"/>
      <c r="WXK701" s="613"/>
      <c r="WXL701" s="613"/>
      <c r="WXM701" s="613"/>
      <c r="WXN701" s="613"/>
      <c r="WXO701" s="613"/>
      <c r="WXP701" s="613"/>
      <c r="WXQ701" s="613"/>
      <c r="WXR701" s="613"/>
      <c r="WXS701" s="613"/>
      <c r="WXT701" s="613"/>
      <c r="WXU701" s="613"/>
      <c r="WXV701" s="613"/>
      <c r="WXW701" s="613"/>
      <c r="WXX701" s="613"/>
      <c r="WXY701" s="613"/>
      <c r="WXZ701" s="613"/>
      <c r="WYA701" s="613"/>
      <c r="WYB701" s="613"/>
      <c r="WYC701" s="613"/>
      <c r="WYD701" s="613"/>
      <c r="WYE701" s="613"/>
      <c r="WYF701" s="613"/>
      <c r="WYG701" s="613"/>
      <c r="WYH701" s="613"/>
      <c r="WYI701" s="613"/>
      <c r="WYJ701" s="613"/>
      <c r="WYK701" s="613"/>
      <c r="WYL701" s="613"/>
      <c r="WYM701" s="613"/>
      <c r="WYN701" s="613"/>
      <c r="WYO701" s="613"/>
      <c r="WYP701" s="613"/>
      <c r="WYQ701" s="613"/>
      <c r="WYR701" s="613"/>
      <c r="WYS701" s="613"/>
      <c r="WYT701" s="613"/>
      <c r="WYU701" s="613"/>
      <c r="WYV701" s="613"/>
      <c r="WYW701" s="613"/>
      <c r="WYX701" s="613"/>
      <c r="WYY701" s="613"/>
      <c r="WYZ701" s="613"/>
      <c r="WZA701" s="613"/>
      <c r="WZB701" s="613"/>
      <c r="WZC701" s="613"/>
      <c r="WZD701" s="613"/>
      <c r="WZE701" s="613"/>
      <c r="WZF701" s="613"/>
      <c r="WZG701" s="613"/>
      <c r="WZH701" s="613"/>
      <c r="WZI701" s="613"/>
      <c r="WZJ701" s="613"/>
      <c r="WZK701" s="613"/>
      <c r="WZL701" s="613"/>
      <c r="WZM701" s="613"/>
      <c r="WZN701" s="613"/>
      <c r="WZO701" s="613"/>
      <c r="WZP701" s="613"/>
      <c r="WZQ701" s="613"/>
      <c r="WZR701" s="613"/>
      <c r="WZS701" s="613"/>
      <c r="WZT701" s="613"/>
      <c r="WZU701" s="613"/>
      <c r="WZV701" s="613"/>
      <c r="WZW701" s="613"/>
      <c r="WZX701" s="613"/>
      <c r="WZY701" s="613"/>
      <c r="WZZ701" s="613"/>
      <c r="XAA701" s="613"/>
      <c r="XAB701" s="613"/>
      <c r="XAC701" s="613"/>
      <c r="XAD701" s="613"/>
      <c r="XAE701" s="613"/>
      <c r="XAF701" s="613"/>
      <c r="XAG701" s="613"/>
      <c r="XAH701" s="613"/>
      <c r="XAI701" s="613"/>
      <c r="XAJ701" s="613"/>
      <c r="XAK701" s="613"/>
      <c r="XAL701" s="613"/>
      <c r="XAM701" s="613"/>
      <c r="XAN701" s="613"/>
      <c r="XAO701" s="613"/>
      <c r="XAP701" s="613"/>
      <c r="XAQ701" s="613"/>
      <c r="XAR701" s="613"/>
      <c r="XAS701" s="613"/>
      <c r="XAT701" s="613"/>
      <c r="XAU701" s="613"/>
      <c r="XAV701" s="613"/>
      <c r="XAW701" s="613"/>
      <c r="XAX701" s="613"/>
      <c r="XAY701" s="613"/>
      <c r="XAZ701" s="613"/>
      <c r="XBA701" s="613"/>
      <c r="XBB701" s="613"/>
      <c r="XBC701" s="613"/>
      <c r="XBD701" s="613"/>
      <c r="XBE701" s="613"/>
      <c r="XBF701" s="613"/>
      <c r="XBG701" s="613"/>
      <c r="XBH701" s="613"/>
      <c r="XBI701" s="613"/>
      <c r="XBJ701" s="613"/>
      <c r="XBK701" s="613"/>
      <c r="XBL701" s="613"/>
      <c r="XBM701" s="613"/>
      <c r="XBN701" s="613"/>
      <c r="XBO701" s="613"/>
      <c r="XBP701" s="613"/>
      <c r="XBQ701" s="613"/>
      <c r="XBR701" s="613"/>
      <c r="XBS701" s="613"/>
      <c r="XBT701" s="613"/>
      <c r="XBU701" s="613"/>
      <c r="XBV701" s="613"/>
      <c r="XBW701" s="613"/>
      <c r="XBX701" s="613"/>
      <c r="XBY701" s="613"/>
      <c r="XBZ701" s="613"/>
      <c r="XCA701" s="613"/>
      <c r="XCB701" s="613"/>
      <c r="XCC701" s="613"/>
      <c r="XCD701" s="613"/>
      <c r="XCE701" s="613"/>
      <c r="XCF701" s="613"/>
      <c r="XCG701" s="613"/>
      <c r="XCH701" s="613"/>
      <c r="XCI701" s="613"/>
      <c r="XCJ701" s="613"/>
      <c r="XCK701" s="613"/>
      <c r="XCL701" s="613"/>
      <c r="XCM701" s="613"/>
      <c r="XCN701" s="613"/>
      <c r="XCO701" s="613"/>
      <c r="XCP701" s="613"/>
      <c r="XCQ701" s="613"/>
    </row>
    <row r="702" spans="1:16319" ht="56.1" customHeight="1" x14ac:dyDescent="0.2">
      <c r="A702" s="494"/>
      <c r="B702" s="499"/>
      <c r="C702" s="494"/>
      <c r="D702" s="481">
        <v>120</v>
      </c>
      <c r="E702" s="481"/>
      <c r="F702" s="481" t="s">
        <v>2481</v>
      </c>
      <c r="G702" s="482" t="s">
        <v>53</v>
      </c>
      <c r="H702" s="481" t="s">
        <v>329</v>
      </c>
      <c r="I702" s="654" t="s">
        <v>330</v>
      </c>
      <c r="J702" s="654" t="s">
        <v>369</v>
      </c>
      <c r="K702" s="495" t="s">
        <v>373</v>
      </c>
      <c r="L702" s="621"/>
      <c r="M702" s="484" t="s">
        <v>58</v>
      </c>
      <c r="N702" s="328" t="s">
        <v>1362</v>
      </c>
      <c r="O702" s="484" t="s">
        <v>2996</v>
      </c>
      <c r="P702" s="484" t="s">
        <v>81</v>
      </c>
      <c r="Q702" s="667" t="s">
        <v>334</v>
      </c>
      <c r="R702" s="484" t="s">
        <v>334</v>
      </c>
      <c r="S702" s="484" t="s">
        <v>181</v>
      </c>
      <c r="T702" s="484"/>
      <c r="U702" s="620" t="s">
        <v>63</v>
      </c>
      <c r="V702" s="620" t="s">
        <v>63</v>
      </c>
      <c r="W702" s="723">
        <v>194517</v>
      </c>
      <c r="X702" s="723"/>
      <c r="Y702" s="654" t="s">
        <v>226</v>
      </c>
      <c r="Z702" s="654"/>
      <c r="AA702" s="723">
        <v>194517</v>
      </c>
      <c r="AB702" s="652" t="s">
        <v>82</v>
      </c>
      <c r="AC702" s="652"/>
      <c r="AD702" s="496"/>
      <c r="AE702" s="496"/>
      <c r="AF702" s="487" t="s">
        <v>66</v>
      </c>
      <c r="AG702" s="496"/>
      <c r="AH702" s="496"/>
      <c r="AI702" s="496"/>
      <c r="AJ702" s="496"/>
      <c r="AK702" s="496"/>
      <c r="AL702" s="496"/>
      <c r="AM702" s="496"/>
      <c r="AN702" s="496"/>
      <c r="AO702" s="496"/>
      <c r="AP702" s="496"/>
      <c r="AQ702" s="496"/>
      <c r="AR702" s="496"/>
      <c r="AS702" s="496"/>
      <c r="AT702" s="496"/>
      <c r="AU702" s="487"/>
      <c r="AV702" s="487"/>
      <c r="AW702" s="487"/>
      <c r="AX702" s="487"/>
      <c r="AY702" s="487"/>
      <c r="AZ702" s="487"/>
      <c r="BA702" s="484"/>
      <c r="BB702" s="484" t="s">
        <v>340</v>
      </c>
      <c r="BC702" s="484" t="s">
        <v>3041</v>
      </c>
      <c r="BD702" s="494"/>
      <c r="BE702" s="494"/>
      <c r="BF702" s="613"/>
      <c r="BG702" s="613"/>
      <c r="BH702" s="613"/>
      <c r="BI702" s="613"/>
      <c r="BJ702" s="613"/>
      <c r="BK702" s="613"/>
      <c r="BL702" s="613"/>
      <c r="BM702" s="613"/>
      <c r="BN702" s="613"/>
      <c r="BO702" s="613"/>
      <c r="BP702" s="613"/>
      <c r="BQ702" s="613"/>
      <c r="BR702" s="613"/>
      <c r="BS702" s="613"/>
      <c r="BT702" s="613"/>
      <c r="BU702" s="613"/>
      <c r="BV702" s="613"/>
      <c r="BW702" s="613"/>
      <c r="BX702" s="613"/>
      <c r="BY702" s="613"/>
      <c r="BZ702" s="613"/>
      <c r="CA702" s="613"/>
      <c r="CB702" s="613"/>
      <c r="CC702" s="613"/>
      <c r="CD702" s="613"/>
      <c r="CE702" s="613"/>
      <c r="CF702" s="613"/>
      <c r="CG702" s="613"/>
      <c r="CH702" s="613"/>
      <c r="CI702" s="613"/>
      <c r="CJ702" s="613"/>
      <c r="CK702" s="613"/>
      <c r="CL702" s="613"/>
      <c r="CM702" s="613"/>
      <c r="CN702" s="613"/>
      <c r="CO702" s="613"/>
      <c r="CP702" s="613"/>
      <c r="CQ702" s="613"/>
      <c r="CR702" s="613"/>
      <c r="CS702" s="613"/>
      <c r="CT702" s="613"/>
      <c r="CU702" s="613"/>
      <c r="CV702" s="613"/>
      <c r="CW702" s="613"/>
      <c r="CX702" s="613"/>
      <c r="CY702" s="613"/>
      <c r="CZ702" s="613"/>
      <c r="DA702" s="613"/>
      <c r="DB702" s="613"/>
      <c r="DC702" s="613"/>
      <c r="DD702" s="613"/>
      <c r="DE702" s="613"/>
      <c r="DF702" s="613"/>
      <c r="DG702" s="613"/>
      <c r="DH702" s="613"/>
      <c r="DI702" s="613"/>
      <c r="DJ702" s="613"/>
      <c r="DK702" s="613"/>
      <c r="DL702" s="613"/>
      <c r="DM702" s="613"/>
      <c r="DN702" s="613"/>
      <c r="DO702" s="613"/>
      <c r="DP702" s="613"/>
      <c r="DQ702" s="613"/>
      <c r="DR702" s="613"/>
      <c r="DS702" s="613"/>
      <c r="DT702" s="613"/>
      <c r="DU702" s="613"/>
      <c r="DV702" s="613"/>
      <c r="DW702" s="613"/>
      <c r="DX702" s="613"/>
      <c r="DY702" s="613"/>
      <c r="DZ702" s="613"/>
      <c r="EA702" s="613"/>
      <c r="EB702" s="613"/>
      <c r="EC702" s="613"/>
      <c r="ED702" s="613"/>
      <c r="EE702" s="613"/>
      <c r="EF702" s="613"/>
      <c r="EG702" s="613"/>
      <c r="EH702" s="613"/>
      <c r="EI702" s="613"/>
      <c r="EJ702" s="613"/>
      <c r="EK702" s="613"/>
      <c r="EL702" s="613"/>
      <c r="EM702" s="613"/>
      <c r="EN702" s="613"/>
      <c r="EO702" s="613"/>
      <c r="EP702" s="613"/>
      <c r="EQ702" s="613"/>
      <c r="ER702" s="613"/>
      <c r="ES702" s="613"/>
      <c r="ET702" s="613"/>
      <c r="EU702" s="613"/>
      <c r="EV702" s="613"/>
      <c r="EW702" s="613"/>
      <c r="EX702" s="613"/>
      <c r="EY702" s="613"/>
      <c r="EZ702" s="613"/>
      <c r="FA702" s="613"/>
      <c r="FB702" s="613"/>
      <c r="FC702" s="613"/>
      <c r="FD702" s="613"/>
      <c r="FE702" s="613"/>
      <c r="FF702" s="613"/>
      <c r="FG702" s="613"/>
      <c r="FH702" s="613"/>
      <c r="FI702" s="613"/>
      <c r="FJ702" s="613"/>
      <c r="FK702" s="613"/>
      <c r="FL702" s="613"/>
      <c r="FM702" s="613"/>
      <c r="FN702" s="613"/>
      <c r="FO702" s="613"/>
      <c r="FP702" s="613"/>
      <c r="FQ702" s="613"/>
      <c r="FR702" s="613"/>
      <c r="FS702" s="613"/>
      <c r="FT702" s="613"/>
      <c r="FU702" s="613"/>
      <c r="FV702" s="613"/>
      <c r="FW702" s="613"/>
      <c r="FX702" s="613"/>
      <c r="FY702" s="613"/>
      <c r="FZ702" s="613"/>
      <c r="GA702" s="613"/>
      <c r="GB702" s="613"/>
      <c r="GC702" s="613"/>
      <c r="GD702" s="613"/>
      <c r="GE702" s="613"/>
      <c r="GF702" s="613"/>
      <c r="GG702" s="613"/>
      <c r="GH702" s="613"/>
      <c r="GI702" s="613"/>
      <c r="GJ702" s="613"/>
      <c r="GK702" s="613"/>
      <c r="GL702" s="613"/>
      <c r="GM702" s="613"/>
      <c r="GN702" s="613"/>
      <c r="GO702" s="613"/>
      <c r="GP702" s="613"/>
      <c r="GQ702" s="613"/>
      <c r="GR702" s="613"/>
      <c r="GS702" s="613"/>
      <c r="GT702" s="613"/>
      <c r="GU702" s="613"/>
      <c r="GV702" s="613"/>
      <c r="GW702" s="613"/>
      <c r="GX702" s="613"/>
      <c r="GY702" s="613"/>
      <c r="GZ702" s="613"/>
      <c r="HA702" s="613"/>
      <c r="HB702" s="613"/>
      <c r="HC702" s="613"/>
      <c r="HD702" s="613"/>
      <c r="HE702" s="613"/>
      <c r="HF702" s="613"/>
      <c r="HG702" s="613"/>
      <c r="HH702" s="613"/>
      <c r="HI702" s="613"/>
      <c r="HJ702" s="613"/>
      <c r="HK702" s="613"/>
      <c r="HL702" s="613"/>
      <c r="HM702" s="613"/>
      <c r="HN702" s="613"/>
      <c r="HO702" s="613"/>
      <c r="HP702" s="613"/>
      <c r="HQ702" s="613"/>
      <c r="HR702" s="613"/>
      <c r="HS702" s="613"/>
      <c r="HT702" s="613"/>
      <c r="HU702" s="613"/>
      <c r="HV702" s="613"/>
      <c r="HW702" s="613"/>
      <c r="HX702" s="613"/>
      <c r="HY702" s="613"/>
      <c r="HZ702" s="613"/>
      <c r="IA702" s="613"/>
      <c r="IB702" s="613"/>
      <c r="IC702" s="613"/>
      <c r="ID702" s="613"/>
      <c r="IE702" s="613"/>
      <c r="IF702" s="613"/>
      <c r="IG702" s="613"/>
      <c r="IH702" s="613"/>
      <c r="II702" s="613"/>
      <c r="IJ702" s="613"/>
      <c r="IK702" s="613"/>
      <c r="IL702" s="613"/>
      <c r="IM702" s="613"/>
      <c r="IN702" s="613"/>
      <c r="IO702" s="613"/>
      <c r="IP702" s="613"/>
      <c r="IQ702" s="613"/>
      <c r="IR702" s="613"/>
      <c r="IS702" s="613"/>
      <c r="IT702" s="613"/>
      <c r="IU702" s="613"/>
      <c r="IV702" s="613"/>
      <c r="IW702" s="613"/>
      <c r="IX702" s="613"/>
      <c r="IY702" s="613"/>
      <c r="IZ702" s="613"/>
      <c r="JA702" s="613"/>
      <c r="JB702" s="613"/>
      <c r="JC702" s="613"/>
      <c r="JD702" s="613"/>
      <c r="JE702" s="613"/>
      <c r="JF702" s="613"/>
      <c r="JG702" s="613"/>
      <c r="JH702" s="613"/>
      <c r="JI702" s="613"/>
      <c r="JJ702" s="613"/>
      <c r="JK702" s="613"/>
      <c r="JL702" s="613"/>
      <c r="JM702" s="613"/>
      <c r="JN702" s="613"/>
      <c r="JO702" s="613"/>
      <c r="JP702" s="613"/>
      <c r="JQ702" s="613"/>
      <c r="JR702" s="613"/>
      <c r="JS702" s="613"/>
      <c r="JT702" s="613"/>
      <c r="JU702" s="613"/>
      <c r="JV702" s="613"/>
      <c r="JW702" s="613"/>
      <c r="JX702" s="613"/>
      <c r="JY702" s="613"/>
      <c r="JZ702" s="613"/>
      <c r="KA702" s="613"/>
      <c r="KB702" s="613"/>
      <c r="KC702" s="613"/>
      <c r="KD702" s="613"/>
      <c r="KE702" s="613"/>
      <c r="KF702" s="613"/>
      <c r="KG702" s="613"/>
      <c r="KH702" s="613"/>
      <c r="KI702" s="613"/>
      <c r="KJ702" s="613"/>
      <c r="KK702" s="613"/>
      <c r="KL702" s="613"/>
      <c r="KM702" s="613"/>
      <c r="KN702" s="613"/>
      <c r="KO702" s="613"/>
      <c r="KP702" s="613"/>
      <c r="KQ702" s="613"/>
      <c r="KR702" s="613"/>
      <c r="KS702" s="613"/>
      <c r="KT702" s="613"/>
      <c r="KU702" s="613"/>
      <c r="KV702" s="613"/>
      <c r="KW702" s="613"/>
      <c r="KX702" s="613"/>
      <c r="KY702" s="613"/>
      <c r="KZ702" s="613"/>
      <c r="LA702" s="613"/>
      <c r="LB702" s="613"/>
      <c r="LC702" s="613"/>
      <c r="LD702" s="613"/>
      <c r="LE702" s="613"/>
      <c r="LF702" s="613"/>
      <c r="LG702" s="613"/>
      <c r="LH702" s="613"/>
      <c r="LI702" s="613"/>
      <c r="LJ702" s="613"/>
      <c r="LK702" s="613"/>
      <c r="LL702" s="613"/>
      <c r="LM702" s="613"/>
      <c r="LN702" s="613"/>
      <c r="LO702" s="613"/>
      <c r="LP702" s="613"/>
      <c r="LQ702" s="613"/>
      <c r="LR702" s="613"/>
      <c r="LS702" s="613"/>
      <c r="LT702" s="613"/>
      <c r="LU702" s="613"/>
      <c r="LV702" s="613"/>
      <c r="LW702" s="613"/>
      <c r="LX702" s="613"/>
      <c r="LY702" s="613"/>
      <c r="LZ702" s="613"/>
      <c r="MA702" s="613"/>
      <c r="MB702" s="613"/>
      <c r="MC702" s="613"/>
      <c r="MD702" s="613"/>
      <c r="ME702" s="613"/>
      <c r="MF702" s="613"/>
      <c r="MG702" s="613"/>
      <c r="MH702" s="613"/>
      <c r="MI702" s="613"/>
      <c r="MJ702" s="613"/>
      <c r="MK702" s="613"/>
      <c r="ML702" s="613"/>
      <c r="MM702" s="613"/>
      <c r="MN702" s="613"/>
      <c r="MO702" s="613"/>
      <c r="MP702" s="613"/>
      <c r="MQ702" s="613"/>
      <c r="MR702" s="613"/>
      <c r="MS702" s="613"/>
      <c r="MT702" s="613"/>
      <c r="MU702" s="613"/>
      <c r="MV702" s="613"/>
      <c r="MW702" s="613"/>
      <c r="MX702" s="613"/>
      <c r="MY702" s="613"/>
      <c r="MZ702" s="613"/>
      <c r="NA702" s="613"/>
      <c r="NB702" s="613"/>
      <c r="NC702" s="613"/>
      <c r="ND702" s="613"/>
      <c r="NE702" s="613"/>
      <c r="NF702" s="613"/>
      <c r="NG702" s="613"/>
      <c r="NH702" s="613"/>
      <c r="NI702" s="613"/>
      <c r="NJ702" s="613"/>
      <c r="NK702" s="613"/>
      <c r="NL702" s="613"/>
      <c r="NM702" s="613"/>
      <c r="NN702" s="613"/>
      <c r="NO702" s="613"/>
      <c r="NP702" s="613"/>
      <c r="NQ702" s="613"/>
      <c r="NR702" s="613"/>
      <c r="NS702" s="613"/>
      <c r="NT702" s="613"/>
      <c r="NU702" s="613"/>
      <c r="NV702" s="613"/>
      <c r="NW702" s="613"/>
      <c r="NX702" s="613"/>
      <c r="NY702" s="613"/>
      <c r="NZ702" s="613"/>
      <c r="OA702" s="613"/>
      <c r="OB702" s="613"/>
      <c r="OC702" s="613"/>
      <c r="OD702" s="613"/>
      <c r="OE702" s="613"/>
      <c r="OF702" s="613"/>
      <c r="OG702" s="613"/>
      <c r="OH702" s="613"/>
      <c r="OI702" s="613"/>
      <c r="OJ702" s="613"/>
      <c r="OK702" s="613"/>
      <c r="OL702" s="613"/>
      <c r="OM702" s="613"/>
      <c r="ON702" s="613"/>
      <c r="OO702" s="613"/>
      <c r="OP702" s="613"/>
      <c r="OQ702" s="613"/>
      <c r="OR702" s="613"/>
      <c r="OS702" s="613"/>
      <c r="OT702" s="613"/>
      <c r="OU702" s="613"/>
      <c r="OV702" s="613"/>
      <c r="OW702" s="613"/>
      <c r="OX702" s="613"/>
      <c r="OY702" s="613"/>
      <c r="OZ702" s="613"/>
      <c r="PA702" s="613"/>
      <c r="PB702" s="613"/>
      <c r="PC702" s="613"/>
      <c r="PD702" s="613"/>
      <c r="PE702" s="613"/>
      <c r="PF702" s="613"/>
      <c r="PG702" s="613"/>
      <c r="PH702" s="613"/>
      <c r="PI702" s="613"/>
      <c r="PJ702" s="613"/>
      <c r="PK702" s="613"/>
      <c r="PL702" s="613"/>
      <c r="PM702" s="613"/>
      <c r="PN702" s="613"/>
      <c r="PO702" s="613"/>
      <c r="PP702" s="613"/>
      <c r="PQ702" s="613"/>
      <c r="PR702" s="613"/>
      <c r="PS702" s="613"/>
      <c r="PT702" s="613"/>
      <c r="PU702" s="613"/>
      <c r="PV702" s="613"/>
      <c r="PW702" s="613"/>
      <c r="PX702" s="613"/>
      <c r="PY702" s="613"/>
      <c r="PZ702" s="613"/>
      <c r="QA702" s="613"/>
      <c r="QB702" s="613"/>
      <c r="QC702" s="613"/>
      <c r="QD702" s="613"/>
      <c r="QE702" s="613"/>
      <c r="QF702" s="613"/>
      <c r="QG702" s="613"/>
      <c r="QH702" s="613"/>
      <c r="QI702" s="613"/>
      <c r="QJ702" s="613"/>
      <c r="QK702" s="613"/>
      <c r="QL702" s="613"/>
      <c r="QM702" s="613"/>
      <c r="QN702" s="613"/>
      <c r="QO702" s="613"/>
      <c r="QP702" s="613"/>
      <c r="QQ702" s="613"/>
      <c r="QR702" s="613"/>
      <c r="QS702" s="613"/>
      <c r="QT702" s="613"/>
      <c r="QU702" s="613"/>
      <c r="QV702" s="613"/>
      <c r="QW702" s="613"/>
      <c r="QX702" s="613"/>
      <c r="QY702" s="613"/>
      <c r="QZ702" s="613"/>
      <c r="RA702" s="613"/>
      <c r="RB702" s="613"/>
      <c r="RC702" s="613"/>
      <c r="RD702" s="613"/>
      <c r="RE702" s="613"/>
      <c r="RF702" s="613"/>
      <c r="RG702" s="613"/>
      <c r="RH702" s="613"/>
      <c r="RI702" s="613"/>
      <c r="RJ702" s="613"/>
      <c r="RK702" s="613"/>
      <c r="RL702" s="613"/>
      <c r="RM702" s="613"/>
      <c r="RN702" s="613"/>
      <c r="RO702" s="613"/>
      <c r="RP702" s="613"/>
      <c r="RQ702" s="613"/>
      <c r="RR702" s="613"/>
      <c r="RS702" s="613"/>
      <c r="RT702" s="613"/>
      <c r="RU702" s="613"/>
      <c r="RV702" s="613"/>
      <c r="RW702" s="613"/>
      <c r="RX702" s="613"/>
      <c r="RY702" s="613"/>
      <c r="RZ702" s="613"/>
      <c r="SA702" s="613"/>
      <c r="SB702" s="613"/>
      <c r="SC702" s="613"/>
      <c r="SD702" s="613"/>
      <c r="SE702" s="613"/>
      <c r="SF702" s="613"/>
      <c r="SG702" s="613"/>
      <c r="SH702" s="613"/>
      <c r="SI702" s="613"/>
      <c r="SJ702" s="613"/>
      <c r="SK702" s="613"/>
      <c r="SL702" s="613"/>
      <c r="SM702" s="613"/>
      <c r="SN702" s="613"/>
      <c r="SO702" s="613"/>
      <c r="SP702" s="613"/>
      <c r="SQ702" s="613"/>
      <c r="SR702" s="613"/>
      <c r="SS702" s="613"/>
      <c r="ST702" s="613"/>
      <c r="SU702" s="613"/>
      <c r="SV702" s="613"/>
      <c r="SW702" s="613"/>
      <c r="SX702" s="613"/>
      <c r="SY702" s="613"/>
      <c r="SZ702" s="613"/>
      <c r="TA702" s="613"/>
      <c r="TB702" s="613"/>
      <c r="TC702" s="613"/>
      <c r="TD702" s="613"/>
      <c r="TE702" s="613"/>
      <c r="TF702" s="613"/>
      <c r="TG702" s="613"/>
      <c r="TH702" s="613"/>
      <c r="TI702" s="613"/>
      <c r="TJ702" s="613"/>
      <c r="TK702" s="613"/>
      <c r="TL702" s="613"/>
      <c r="TM702" s="613"/>
      <c r="TN702" s="613"/>
      <c r="TO702" s="613"/>
      <c r="TP702" s="613"/>
      <c r="TQ702" s="613"/>
      <c r="TR702" s="613"/>
      <c r="TS702" s="613"/>
      <c r="TT702" s="613"/>
      <c r="TU702" s="613"/>
      <c r="TV702" s="613"/>
      <c r="TW702" s="613"/>
      <c r="TX702" s="613"/>
      <c r="TY702" s="613"/>
      <c r="TZ702" s="613"/>
      <c r="UA702" s="613"/>
      <c r="UB702" s="613"/>
      <c r="UC702" s="613"/>
      <c r="UD702" s="613"/>
      <c r="UE702" s="613"/>
      <c r="UF702" s="613"/>
      <c r="UG702" s="613"/>
      <c r="UH702" s="613"/>
      <c r="UI702" s="613"/>
      <c r="UJ702" s="613"/>
      <c r="UK702" s="613"/>
      <c r="UL702" s="613"/>
      <c r="UM702" s="613"/>
      <c r="UN702" s="613"/>
      <c r="UO702" s="613"/>
      <c r="UP702" s="613"/>
      <c r="UQ702" s="613"/>
      <c r="UR702" s="613"/>
      <c r="US702" s="613"/>
      <c r="UT702" s="613"/>
      <c r="UU702" s="613"/>
      <c r="UV702" s="613"/>
      <c r="UW702" s="613"/>
      <c r="UX702" s="613"/>
      <c r="UY702" s="613"/>
      <c r="UZ702" s="613"/>
      <c r="VA702" s="613"/>
      <c r="VB702" s="613"/>
      <c r="VC702" s="613"/>
      <c r="VD702" s="613"/>
      <c r="VE702" s="613"/>
      <c r="VF702" s="613"/>
      <c r="VG702" s="613"/>
      <c r="VH702" s="613"/>
      <c r="VI702" s="613"/>
      <c r="VJ702" s="613"/>
      <c r="VK702" s="613"/>
      <c r="VL702" s="613"/>
      <c r="VM702" s="613"/>
      <c r="VN702" s="613"/>
      <c r="VO702" s="613"/>
      <c r="VP702" s="613"/>
      <c r="VQ702" s="613"/>
      <c r="VR702" s="613"/>
      <c r="VS702" s="613"/>
      <c r="VT702" s="613"/>
      <c r="VU702" s="613"/>
      <c r="VV702" s="613"/>
      <c r="VW702" s="613"/>
      <c r="VX702" s="613"/>
      <c r="VY702" s="613"/>
      <c r="VZ702" s="613"/>
      <c r="WA702" s="613"/>
      <c r="WB702" s="613"/>
      <c r="WC702" s="613"/>
      <c r="WD702" s="613"/>
      <c r="WE702" s="613"/>
      <c r="WF702" s="613"/>
      <c r="WG702" s="613"/>
      <c r="WH702" s="613"/>
      <c r="WI702" s="613"/>
      <c r="WJ702" s="613"/>
      <c r="WK702" s="613"/>
      <c r="WL702" s="613"/>
      <c r="WM702" s="613"/>
      <c r="WN702" s="613"/>
      <c r="WO702" s="613"/>
      <c r="WP702" s="613"/>
      <c r="WQ702" s="613"/>
      <c r="WR702" s="613"/>
      <c r="WS702" s="613"/>
      <c r="WT702" s="613"/>
      <c r="WU702" s="613"/>
      <c r="WV702" s="613"/>
      <c r="WW702" s="613"/>
      <c r="WX702" s="613"/>
      <c r="WY702" s="613"/>
      <c r="WZ702" s="613"/>
      <c r="XA702" s="613"/>
      <c r="XB702" s="613"/>
      <c r="XC702" s="613"/>
      <c r="XD702" s="613"/>
      <c r="XE702" s="613"/>
      <c r="XF702" s="613"/>
      <c r="XG702" s="613"/>
      <c r="XH702" s="613"/>
      <c r="XI702" s="613"/>
      <c r="XJ702" s="613"/>
      <c r="XK702" s="613"/>
      <c r="XL702" s="613"/>
      <c r="XM702" s="613"/>
      <c r="XN702" s="613"/>
      <c r="XO702" s="613"/>
      <c r="XP702" s="613"/>
      <c r="XQ702" s="613"/>
      <c r="XR702" s="613"/>
      <c r="XS702" s="613"/>
      <c r="XT702" s="613"/>
      <c r="XU702" s="613"/>
      <c r="XV702" s="613"/>
      <c r="XW702" s="613"/>
      <c r="XX702" s="613"/>
      <c r="XY702" s="613"/>
      <c r="XZ702" s="613"/>
      <c r="YA702" s="613"/>
      <c r="YB702" s="613"/>
      <c r="YC702" s="613"/>
      <c r="YD702" s="613"/>
      <c r="YE702" s="613"/>
      <c r="YF702" s="613"/>
      <c r="YG702" s="613"/>
      <c r="YH702" s="613"/>
      <c r="YI702" s="613"/>
      <c r="YJ702" s="613"/>
      <c r="YK702" s="613"/>
      <c r="YL702" s="613"/>
      <c r="YM702" s="613"/>
      <c r="YN702" s="613"/>
      <c r="YO702" s="613"/>
      <c r="YP702" s="613"/>
      <c r="YQ702" s="613"/>
      <c r="YR702" s="613"/>
      <c r="YS702" s="613"/>
      <c r="YT702" s="613"/>
      <c r="YU702" s="613"/>
      <c r="YV702" s="613"/>
      <c r="YW702" s="613"/>
      <c r="YX702" s="613"/>
      <c r="YY702" s="613"/>
      <c r="YZ702" s="613"/>
      <c r="ZA702" s="613"/>
      <c r="ZB702" s="613"/>
      <c r="ZC702" s="613"/>
      <c r="ZD702" s="613"/>
      <c r="ZE702" s="613"/>
      <c r="ZF702" s="613"/>
      <c r="ZG702" s="613"/>
      <c r="ZH702" s="613"/>
      <c r="ZI702" s="613"/>
      <c r="ZJ702" s="613"/>
      <c r="ZK702" s="613"/>
      <c r="ZL702" s="613"/>
      <c r="ZM702" s="613"/>
      <c r="ZN702" s="613"/>
      <c r="ZO702" s="613"/>
      <c r="ZP702" s="613"/>
      <c r="ZQ702" s="613"/>
      <c r="ZR702" s="613"/>
      <c r="ZS702" s="613"/>
      <c r="ZT702" s="613"/>
      <c r="ZU702" s="613"/>
      <c r="ZV702" s="613"/>
      <c r="ZW702" s="613"/>
      <c r="ZX702" s="613"/>
      <c r="ZY702" s="613"/>
      <c r="ZZ702" s="613"/>
      <c r="AAA702" s="613"/>
      <c r="AAB702" s="613"/>
      <c r="AAC702" s="613"/>
      <c r="AAD702" s="613"/>
      <c r="AAE702" s="613"/>
      <c r="AAF702" s="613"/>
      <c r="AAG702" s="613"/>
      <c r="AAH702" s="613"/>
      <c r="AAI702" s="613"/>
      <c r="AAJ702" s="613"/>
      <c r="AAK702" s="613"/>
      <c r="AAL702" s="613"/>
      <c r="AAM702" s="613"/>
      <c r="AAN702" s="613"/>
      <c r="AAO702" s="613"/>
      <c r="AAP702" s="613"/>
      <c r="AAQ702" s="613"/>
      <c r="AAR702" s="613"/>
      <c r="AAS702" s="613"/>
      <c r="AAT702" s="613"/>
      <c r="AAU702" s="613"/>
      <c r="AAV702" s="613"/>
      <c r="AAW702" s="613"/>
      <c r="AAX702" s="613"/>
      <c r="AAY702" s="613"/>
      <c r="AAZ702" s="613"/>
      <c r="ABA702" s="613"/>
      <c r="ABB702" s="613"/>
      <c r="ABC702" s="613"/>
      <c r="ABD702" s="613"/>
      <c r="ABE702" s="613"/>
      <c r="ABF702" s="613"/>
      <c r="ABG702" s="613"/>
      <c r="ABH702" s="613"/>
      <c r="ABI702" s="613"/>
      <c r="ABJ702" s="613"/>
      <c r="ABK702" s="613"/>
      <c r="ABL702" s="613"/>
      <c r="ABM702" s="613"/>
      <c r="ABN702" s="613"/>
      <c r="ABO702" s="613"/>
      <c r="ABP702" s="613"/>
      <c r="ABQ702" s="613"/>
      <c r="ABR702" s="613"/>
      <c r="ABS702" s="613"/>
      <c r="ABT702" s="613"/>
      <c r="ABU702" s="613"/>
      <c r="ABV702" s="613"/>
      <c r="ABW702" s="613"/>
      <c r="ABX702" s="613"/>
      <c r="ABY702" s="613"/>
      <c r="ABZ702" s="613"/>
      <c r="ACA702" s="613"/>
      <c r="ACB702" s="613"/>
      <c r="ACC702" s="613"/>
      <c r="ACD702" s="613"/>
      <c r="ACE702" s="613"/>
      <c r="ACF702" s="613"/>
      <c r="ACG702" s="613"/>
      <c r="ACH702" s="613"/>
      <c r="ACI702" s="613"/>
      <c r="ACJ702" s="613"/>
      <c r="ACK702" s="613"/>
      <c r="ACL702" s="613"/>
      <c r="ACM702" s="613"/>
      <c r="ACN702" s="613"/>
      <c r="ACO702" s="613"/>
      <c r="ACP702" s="613"/>
      <c r="ACQ702" s="613"/>
      <c r="ACR702" s="613"/>
      <c r="ACS702" s="613"/>
      <c r="ACT702" s="613"/>
      <c r="ACU702" s="613"/>
      <c r="ACV702" s="613"/>
      <c r="ACW702" s="613"/>
      <c r="ACX702" s="613"/>
      <c r="ACY702" s="613"/>
      <c r="ACZ702" s="613"/>
      <c r="ADA702" s="613"/>
      <c r="ADB702" s="613"/>
      <c r="ADC702" s="613"/>
      <c r="ADD702" s="613"/>
      <c r="ADE702" s="613"/>
      <c r="ADF702" s="613"/>
      <c r="ADG702" s="613"/>
      <c r="ADH702" s="613"/>
      <c r="ADI702" s="613"/>
      <c r="ADJ702" s="613"/>
      <c r="ADK702" s="613"/>
      <c r="ADL702" s="613"/>
      <c r="ADM702" s="613"/>
      <c r="ADN702" s="613"/>
      <c r="ADO702" s="613"/>
      <c r="ADP702" s="613"/>
      <c r="ADQ702" s="613"/>
      <c r="ADR702" s="613"/>
      <c r="ADS702" s="613"/>
      <c r="ADT702" s="613"/>
      <c r="ADU702" s="613"/>
      <c r="ADV702" s="613"/>
      <c r="ADW702" s="613"/>
      <c r="ADX702" s="613"/>
      <c r="ADY702" s="613"/>
      <c r="ADZ702" s="613"/>
      <c r="AEA702" s="613"/>
      <c r="AEB702" s="613"/>
      <c r="AEC702" s="613"/>
      <c r="AED702" s="613"/>
      <c r="AEE702" s="613"/>
      <c r="AEF702" s="613"/>
      <c r="AEG702" s="613"/>
      <c r="AEH702" s="613"/>
      <c r="AEI702" s="613"/>
      <c r="AEJ702" s="613"/>
      <c r="AEK702" s="613"/>
      <c r="AEL702" s="613"/>
      <c r="AEM702" s="613"/>
      <c r="AEN702" s="613"/>
      <c r="AEO702" s="613"/>
      <c r="AEP702" s="613"/>
      <c r="AEQ702" s="613"/>
      <c r="AER702" s="613"/>
      <c r="AES702" s="613"/>
      <c r="AET702" s="613"/>
      <c r="AEU702" s="613"/>
      <c r="AEV702" s="613"/>
      <c r="AEW702" s="613"/>
      <c r="AEX702" s="613"/>
      <c r="AEY702" s="613"/>
      <c r="AEZ702" s="613"/>
      <c r="AFA702" s="613"/>
      <c r="AFB702" s="613"/>
      <c r="AFC702" s="613"/>
      <c r="AFD702" s="613"/>
      <c r="AFE702" s="613"/>
      <c r="AFF702" s="613"/>
      <c r="AFG702" s="613"/>
      <c r="AFH702" s="613"/>
      <c r="AFI702" s="613"/>
      <c r="AFJ702" s="613"/>
      <c r="AFK702" s="613"/>
      <c r="AFL702" s="613"/>
      <c r="AFM702" s="613"/>
      <c r="AFN702" s="613"/>
      <c r="AFO702" s="613"/>
      <c r="AFP702" s="613"/>
      <c r="AFQ702" s="613"/>
      <c r="AFR702" s="613"/>
      <c r="AFS702" s="613"/>
      <c r="AFT702" s="613"/>
      <c r="AFU702" s="613"/>
      <c r="AFV702" s="613"/>
      <c r="AFW702" s="613"/>
      <c r="AFX702" s="613"/>
      <c r="AFY702" s="613"/>
      <c r="AFZ702" s="613"/>
      <c r="AGA702" s="613"/>
      <c r="AGB702" s="613"/>
      <c r="AGC702" s="613"/>
      <c r="AGD702" s="613"/>
      <c r="AGE702" s="613"/>
      <c r="AGF702" s="613"/>
      <c r="AGG702" s="613"/>
      <c r="AGH702" s="613"/>
      <c r="AGI702" s="613"/>
      <c r="AGJ702" s="613"/>
      <c r="AGK702" s="613"/>
      <c r="AGL702" s="613"/>
      <c r="AGM702" s="613"/>
      <c r="AGN702" s="613"/>
      <c r="AGO702" s="613"/>
      <c r="AGP702" s="613"/>
      <c r="AGQ702" s="613"/>
      <c r="AGR702" s="613"/>
      <c r="AGS702" s="613"/>
      <c r="AGT702" s="613"/>
      <c r="AGU702" s="613"/>
      <c r="AGV702" s="613"/>
      <c r="AGW702" s="613"/>
      <c r="AGX702" s="613"/>
      <c r="AGY702" s="613"/>
      <c r="AGZ702" s="613"/>
      <c r="AHA702" s="613"/>
      <c r="AHB702" s="613"/>
      <c r="AHC702" s="613"/>
      <c r="AHD702" s="613"/>
      <c r="AHE702" s="613"/>
      <c r="AHF702" s="613"/>
      <c r="AHG702" s="613"/>
      <c r="AHH702" s="613"/>
      <c r="AHI702" s="613"/>
      <c r="AHJ702" s="613"/>
      <c r="AHK702" s="613"/>
      <c r="AHL702" s="613"/>
      <c r="AHM702" s="613"/>
      <c r="AHN702" s="613"/>
      <c r="AHO702" s="613"/>
      <c r="AHP702" s="613"/>
      <c r="AHQ702" s="613"/>
      <c r="AHR702" s="613"/>
      <c r="AHS702" s="613"/>
      <c r="AHT702" s="613"/>
      <c r="AHU702" s="613"/>
      <c r="AHV702" s="613"/>
      <c r="AHW702" s="613"/>
      <c r="AHX702" s="613"/>
      <c r="AHY702" s="613"/>
      <c r="AHZ702" s="613"/>
      <c r="AIA702" s="613"/>
      <c r="AIB702" s="613"/>
      <c r="AIC702" s="613"/>
      <c r="AID702" s="613"/>
      <c r="AIE702" s="613"/>
      <c r="AIF702" s="613"/>
      <c r="AIG702" s="613"/>
      <c r="AIH702" s="613"/>
      <c r="AII702" s="613"/>
      <c r="AIJ702" s="613"/>
      <c r="AIK702" s="613"/>
      <c r="AIL702" s="613"/>
      <c r="AIM702" s="613"/>
      <c r="AIN702" s="613"/>
      <c r="AIO702" s="613"/>
      <c r="AIP702" s="613"/>
      <c r="AIQ702" s="613"/>
      <c r="AIR702" s="613"/>
      <c r="AIS702" s="613"/>
      <c r="AIT702" s="613"/>
      <c r="AIU702" s="613"/>
      <c r="AIV702" s="613"/>
      <c r="AIW702" s="613"/>
      <c r="AIX702" s="613"/>
      <c r="AIY702" s="613"/>
      <c r="AIZ702" s="613"/>
      <c r="AJA702" s="613"/>
      <c r="AJB702" s="613"/>
      <c r="AJC702" s="613"/>
      <c r="AJD702" s="613"/>
      <c r="AJE702" s="613"/>
      <c r="AJF702" s="613"/>
      <c r="AJG702" s="613"/>
      <c r="AJH702" s="613"/>
      <c r="AJI702" s="613"/>
      <c r="AJJ702" s="613"/>
      <c r="AJK702" s="613"/>
      <c r="AJL702" s="613"/>
      <c r="AJM702" s="613"/>
      <c r="AJN702" s="613"/>
      <c r="AJO702" s="613"/>
      <c r="AJP702" s="613"/>
      <c r="AJQ702" s="613"/>
      <c r="AJR702" s="613"/>
      <c r="AJS702" s="613"/>
      <c r="AJT702" s="613"/>
      <c r="AJU702" s="613"/>
      <c r="AJV702" s="613"/>
      <c r="AJW702" s="613"/>
      <c r="AJX702" s="613"/>
      <c r="AJY702" s="613"/>
      <c r="AJZ702" s="613"/>
      <c r="AKA702" s="613"/>
      <c r="AKB702" s="613"/>
      <c r="AKC702" s="613"/>
      <c r="AKD702" s="613"/>
      <c r="AKE702" s="613"/>
      <c r="AKF702" s="613"/>
      <c r="AKG702" s="613"/>
      <c r="AKH702" s="613"/>
      <c r="AKI702" s="613"/>
      <c r="AKJ702" s="613"/>
      <c r="AKK702" s="613"/>
      <c r="AKL702" s="613"/>
      <c r="AKM702" s="613"/>
      <c r="AKN702" s="613"/>
      <c r="AKO702" s="613"/>
      <c r="AKP702" s="613"/>
      <c r="AKQ702" s="613"/>
      <c r="AKR702" s="613"/>
      <c r="AKS702" s="613"/>
      <c r="AKT702" s="613"/>
      <c r="AKU702" s="613"/>
      <c r="AKV702" s="613"/>
      <c r="AKW702" s="613"/>
      <c r="AKX702" s="613"/>
      <c r="AKY702" s="613"/>
      <c r="AKZ702" s="613"/>
      <c r="ALA702" s="613"/>
      <c r="ALB702" s="613"/>
      <c r="ALC702" s="613"/>
      <c r="ALD702" s="613"/>
      <c r="ALE702" s="613"/>
      <c r="ALF702" s="613"/>
      <c r="ALG702" s="613"/>
      <c r="ALH702" s="613"/>
      <c r="ALI702" s="613"/>
      <c r="ALJ702" s="613"/>
      <c r="ALK702" s="613"/>
      <c r="ALL702" s="613"/>
      <c r="ALM702" s="613"/>
      <c r="ALN702" s="613"/>
      <c r="ALO702" s="613"/>
      <c r="ALP702" s="613"/>
      <c r="ALQ702" s="613"/>
      <c r="ALR702" s="613"/>
      <c r="ALS702" s="613"/>
      <c r="ALT702" s="613"/>
      <c r="ALU702" s="613"/>
      <c r="ALV702" s="613"/>
      <c r="ALW702" s="613"/>
      <c r="ALX702" s="613"/>
      <c r="ALY702" s="613"/>
      <c r="ALZ702" s="613"/>
      <c r="AMA702" s="613"/>
      <c r="AMB702" s="613"/>
      <c r="AMC702" s="613"/>
      <c r="AMD702" s="613"/>
      <c r="AME702" s="613"/>
      <c r="AMF702" s="613"/>
      <c r="AMG702" s="613"/>
      <c r="AMH702" s="613"/>
      <c r="AMI702" s="613"/>
      <c r="AMJ702" s="613"/>
      <c r="AMK702" s="613"/>
      <c r="AML702" s="613"/>
      <c r="AMM702" s="613"/>
      <c r="AMN702" s="613"/>
      <c r="AMO702" s="613"/>
      <c r="AMP702" s="613"/>
      <c r="AMQ702" s="613"/>
      <c r="AMR702" s="613"/>
      <c r="AMS702" s="613"/>
      <c r="AMT702" s="613"/>
      <c r="AMU702" s="613"/>
      <c r="AMV702" s="613"/>
      <c r="AMW702" s="613"/>
      <c r="AMX702" s="613"/>
      <c r="AMY702" s="613"/>
      <c r="AMZ702" s="613"/>
      <c r="ANA702" s="613"/>
      <c r="ANB702" s="613"/>
      <c r="ANC702" s="613"/>
      <c r="AND702" s="613"/>
      <c r="ANE702" s="613"/>
      <c r="ANF702" s="613"/>
      <c r="ANG702" s="613"/>
      <c r="ANH702" s="613"/>
      <c r="ANI702" s="613"/>
      <c r="ANJ702" s="613"/>
      <c r="ANK702" s="613"/>
      <c r="ANL702" s="613"/>
      <c r="ANM702" s="613"/>
      <c r="ANN702" s="613"/>
      <c r="ANO702" s="613"/>
      <c r="ANP702" s="613"/>
      <c r="ANQ702" s="613"/>
      <c r="ANR702" s="613"/>
      <c r="ANS702" s="613"/>
      <c r="ANT702" s="613"/>
      <c r="ANU702" s="613"/>
      <c r="ANV702" s="613"/>
      <c r="ANW702" s="613"/>
      <c r="ANX702" s="613"/>
      <c r="ANY702" s="613"/>
      <c r="ANZ702" s="613"/>
      <c r="AOA702" s="613"/>
      <c r="AOB702" s="613"/>
      <c r="AOC702" s="613"/>
      <c r="AOD702" s="613"/>
      <c r="AOE702" s="613"/>
      <c r="AOF702" s="613"/>
      <c r="AOG702" s="613"/>
      <c r="AOH702" s="613"/>
      <c r="AOI702" s="613"/>
      <c r="AOJ702" s="613"/>
      <c r="AOK702" s="613"/>
      <c r="AOL702" s="613"/>
      <c r="AOM702" s="613"/>
      <c r="AON702" s="613"/>
      <c r="AOO702" s="613"/>
      <c r="AOP702" s="613"/>
      <c r="AOQ702" s="613"/>
      <c r="AOR702" s="613"/>
      <c r="AOS702" s="613"/>
      <c r="AOT702" s="613"/>
      <c r="AOU702" s="613"/>
      <c r="AOV702" s="613"/>
      <c r="AOW702" s="613"/>
      <c r="AOX702" s="613"/>
      <c r="AOY702" s="613"/>
      <c r="AOZ702" s="613"/>
      <c r="APA702" s="613"/>
      <c r="APB702" s="613"/>
      <c r="APC702" s="613"/>
      <c r="APD702" s="613"/>
      <c r="APE702" s="613"/>
      <c r="APF702" s="613"/>
      <c r="APG702" s="613"/>
      <c r="APH702" s="613"/>
      <c r="API702" s="613"/>
      <c r="APJ702" s="613"/>
      <c r="APK702" s="613"/>
      <c r="APL702" s="613"/>
      <c r="APM702" s="613"/>
      <c r="APN702" s="613"/>
      <c r="APO702" s="613"/>
      <c r="APP702" s="613"/>
      <c r="APQ702" s="613"/>
      <c r="APR702" s="613"/>
      <c r="APS702" s="613"/>
      <c r="APT702" s="613"/>
      <c r="APU702" s="613"/>
      <c r="APV702" s="613"/>
      <c r="APW702" s="613"/>
      <c r="APX702" s="613"/>
      <c r="APY702" s="613"/>
      <c r="APZ702" s="613"/>
      <c r="AQA702" s="613"/>
      <c r="AQB702" s="613"/>
      <c r="AQC702" s="613"/>
      <c r="AQD702" s="613"/>
      <c r="AQE702" s="613"/>
      <c r="AQF702" s="613"/>
      <c r="AQG702" s="613"/>
      <c r="AQH702" s="613"/>
      <c r="AQI702" s="613"/>
      <c r="AQJ702" s="613"/>
      <c r="AQK702" s="613"/>
      <c r="AQL702" s="613"/>
      <c r="AQM702" s="613"/>
      <c r="AQN702" s="613"/>
      <c r="AQO702" s="613"/>
      <c r="AQP702" s="613"/>
      <c r="AQQ702" s="613"/>
      <c r="AQR702" s="613"/>
      <c r="AQS702" s="613"/>
      <c r="AQT702" s="613"/>
      <c r="AQU702" s="613"/>
      <c r="AQV702" s="613"/>
      <c r="AQW702" s="613"/>
      <c r="AQX702" s="613"/>
      <c r="AQY702" s="613"/>
      <c r="AQZ702" s="613"/>
      <c r="ARA702" s="613"/>
      <c r="ARB702" s="613"/>
      <c r="ARC702" s="613"/>
      <c r="ARD702" s="613"/>
      <c r="ARE702" s="613"/>
      <c r="ARF702" s="613"/>
      <c r="ARG702" s="613"/>
      <c r="ARH702" s="613"/>
      <c r="ARI702" s="613"/>
      <c r="ARJ702" s="613"/>
      <c r="ARK702" s="613"/>
      <c r="ARL702" s="613"/>
      <c r="ARM702" s="613"/>
      <c r="ARN702" s="613"/>
      <c r="ARO702" s="613"/>
      <c r="ARP702" s="613"/>
      <c r="ARQ702" s="613"/>
      <c r="ARR702" s="613"/>
      <c r="ARS702" s="613"/>
      <c r="ART702" s="613"/>
      <c r="ARU702" s="613"/>
      <c r="ARV702" s="613"/>
      <c r="ARW702" s="613"/>
      <c r="ARX702" s="613"/>
      <c r="ARY702" s="613"/>
      <c r="ARZ702" s="613"/>
      <c r="ASA702" s="613"/>
      <c r="ASB702" s="613"/>
      <c r="ASC702" s="613"/>
      <c r="ASD702" s="613"/>
      <c r="ASE702" s="613"/>
      <c r="ASF702" s="613"/>
      <c r="ASG702" s="613"/>
      <c r="ASH702" s="613"/>
      <c r="ASI702" s="613"/>
      <c r="ASJ702" s="613"/>
      <c r="ASK702" s="613"/>
      <c r="ASL702" s="613"/>
      <c r="ASM702" s="613"/>
      <c r="ASN702" s="613"/>
      <c r="ASO702" s="613"/>
      <c r="ASP702" s="613"/>
      <c r="ASQ702" s="613"/>
      <c r="ASR702" s="613"/>
      <c r="ASS702" s="613"/>
      <c r="AST702" s="613"/>
      <c r="ASU702" s="613"/>
      <c r="ASV702" s="613"/>
      <c r="ASW702" s="613"/>
      <c r="ASX702" s="613"/>
      <c r="ASY702" s="613"/>
      <c r="ASZ702" s="613"/>
      <c r="ATA702" s="613"/>
      <c r="ATB702" s="613"/>
      <c r="ATC702" s="613"/>
      <c r="ATD702" s="613"/>
      <c r="ATE702" s="613"/>
      <c r="ATF702" s="613"/>
      <c r="ATG702" s="613"/>
      <c r="ATH702" s="613"/>
      <c r="ATI702" s="613"/>
      <c r="ATJ702" s="613"/>
      <c r="ATK702" s="613"/>
      <c r="ATL702" s="613"/>
      <c r="ATM702" s="613"/>
      <c r="ATN702" s="613"/>
      <c r="ATO702" s="613"/>
      <c r="ATP702" s="613"/>
      <c r="ATQ702" s="613"/>
      <c r="ATR702" s="613"/>
      <c r="ATS702" s="613"/>
      <c r="ATT702" s="613"/>
      <c r="ATU702" s="613"/>
      <c r="ATV702" s="613"/>
      <c r="ATW702" s="613"/>
      <c r="ATX702" s="613"/>
      <c r="ATY702" s="613"/>
      <c r="ATZ702" s="613"/>
      <c r="AUA702" s="613"/>
      <c r="AUB702" s="613"/>
      <c r="AUC702" s="613"/>
      <c r="AUD702" s="613"/>
      <c r="AUE702" s="613"/>
      <c r="AUF702" s="613"/>
      <c r="AUG702" s="613"/>
      <c r="AUH702" s="613"/>
      <c r="AUI702" s="613"/>
      <c r="AUJ702" s="613"/>
      <c r="AUK702" s="613"/>
      <c r="AUL702" s="613"/>
      <c r="AUM702" s="613"/>
      <c r="AUN702" s="613"/>
      <c r="AUO702" s="613"/>
      <c r="AUP702" s="613"/>
      <c r="AUQ702" s="613"/>
      <c r="AUR702" s="613"/>
      <c r="AUS702" s="613"/>
      <c r="AUT702" s="613"/>
      <c r="AUU702" s="613"/>
      <c r="AUV702" s="613"/>
      <c r="AUW702" s="613"/>
      <c r="AUX702" s="613"/>
      <c r="AUY702" s="613"/>
      <c r="AUZ702" s="613"/>
      <c r="AVA702" s="613"/>
      <c r="AVB702" s="613"/>
      <c r="AVC702" s="613"/>
      <c r="AVD702" s="613"/>
      <c r="AVE702" s="613"/>
      <c r="AVF702" s="613"/>
      <c r="AVG702" s="613"/>
      <c r="AVH702" s="613"/>
      <c r="AVI702" s="613"/>
      <c r="AVJ702" s="613"/>
      <c r="AVK702" s="613"/>
      <c r="AVL702" s="613"/>
      <c r="AVM702" s="613"/>
      <c r="AVN702" s="613"/>
      <c r="AVO702" s="613"/>
      <c r="AVP702" s="613"/>
      <c r="AVQ702" s="613"/>
      <c r="AVR702" s="613"/>
      <c r="AVS702" s="613"/>
      <c r="AVT702" s="613"/>
      <c r="AVU702" s="613"/>
      <c r="AVV702" s="613"/>
      <c r="AVW702" s="613"/>
      <c r="AVX702" s="613"/>
      <c r="AVY702" s="613"/>
      <c r="AVZ702" s="613"/>
      <c r="AWA702" s="613"/>
      <c r="AWB702" s="613"/>
      <c r="AWC702" s="613"/>
      <c r="AWD702" s="613"/>
      <c r="AWE702" s="613"/>
      <c r="AWF702" s="613"/>
      <c r="AWG702" s="613"/>
      <c r="AWH702" s="613"/>
      <c r="AWI702" s="613"/>
      <c r="AWJ702" s="613"/>
      <c r="AWK702" s="613"/>
      <c r="AWL702" s="613"/>
      <c r="AWM702" s="613"/>
      <c r="AWN702" s="613"/>
      <c r="AWO702" s="613"/>
      <c r="AWP702" s="613"/>
      <c r="AWQ702" s="613"/>
      <c r="AWR702" s="613"/>
      <c r="AWS702" s="613"/>
      <c r="AWT702" s="613"/>
      <c r="AWU702" s="613"/>
      <c r="AWV702" s="613"/>
      <c r="AWW702" s="613"/>
      <c r="AWX702" s="613"/>
      <c r="AWY702" s="613"/>
      <c r="AWZ702" s="613"/>
      <c r="AXA702" s="613"/>
      <c r="AXB702" s="613"/>
      <c r="AXC702" s="613"/>
      <c r="AXD702" s="613"/>
      <c r="AXE702" s="613"/>
      <c r="AXF702" s="613"/>
      <c r="AXG702" s="613"/>
      <c r="AXH702" s="613"/>
      <c r="AXI702" s="613"/>
      <c r="AXJ702" s="613"/>
      <c r="AXK702" s="613"/>
      <c r="AXL702" s="613"/>
      <c r="AXM702" s="613"/>
      <c r="AXN702" s="613"/>
      <c r="AXO702" s="613"/>
      <c r="AXP702" s="613"/>
      <c r="AXQ702" s="613"/>
      <c r="AXR702" s="613"/>
      <c r="AXS702" s="613"/>
      <c r="AXT702" s="613"/>
      <c r="AXU702" s="613"/>
      <c r="AXV702" s="613"/>
      <c r="AXW702" s="613"/>
      <c r="AXX702" s="613"/>
      <c r="AXY702" s="613"/>
      <c r="AXZ702" s="613"/>
      <c r="AYA702" s="613"/>
      <c r="AYB702" s="613"/>
      <c r="AYC702" s="613"/>
      <c r="AYD702" s="613"/>
      <c r="AYE702" s="613"/>
      <c r="AYF702" s="613"/>
      <c r="AYG702" s="613"/>
      <c r="AYH702" s="613"/>
      <c r="AYI702" s="613"/>
      <c r="AYJ702" s="613"/>
      <c r="AYK702" s="613"/>
      <c r="AYL702" s="613"/>
      <c r="AYM702" s="613"/>
      <c r="AYN702" s="613"/>
      <c r="AYO702" s="613"/>
      <c r="AYP702" s="613"/>
      <c r="AYQ702" s="613"/>
      <c r="AYR702" s="613"/>
      <c r="AYS702" s="613"/>
      <c r="AYT702" s="613"/>
      <c r="AYU702" s="613"/>
      <c r="AYV702" s="613"/>
      <c r="AYW702" s="613"/>
      <c r="AYX702" s="613"/>
      <c r="AYY702" s="613"/>
      <c r="AYZ702" s="613"/>
      <c r="AZA702" s="613"/>
      <c r="AZB702" s="613"/>
      <c r="AZC702" s="613"/>
      <c r="AZD702" s="613"/>
      <c r="AZE702" s="613"/>
      <c r="AZF702" s="613"/>
      <c r="AZG702" s="613"/>
      <c r="AZH702" s="613"/>
      <c r="AZI702" s="613"/>
      <c r="AZJ702" s="613"/>
      <c r="AZK702" s="613"/>
      <c r="AZL702" s="613"/>
      <c r="AZM702" s="613"/>
      <c r="AZN702" s="613"/>
      <c r="AZO702" s="613"/>
      <c r="AZP702" s="613"/>
      <c r="AZQ702" s="613"/>
      <c r="AZR702" s="613"/>
      <c r="AZS702" s="613"/>
      <c r="AZT702" s="613"/>
      <c r="AZU702" s="613"/>
      <c r="AZV702" s="613"/>
      <c r="AZW702" s="613"/>
      <c r="AZX702" s="613"/>
      <c r="AZY702" s="613"/>
      <c r="AZZ702" s="613"/>
      <c r="BAA702" s="613"/>
      <c r="BAB702" s="613"/>
      <c r="BAC702" s="613"/>
      <c r="BAD702" s="613"/>
      <c r="BAE702" s="613"/>
      <c r="BAF702" s="613"/>
      <c r="BAG702" s="613"/>
      <c r="BAH702" s="613"/>
      <c r="BAI702" s="613"/>
      <c r="BAJ702" s="613"/>
      <c r="BAK702" s="613"/>
      <c r="BAL702" s="613"/>
      <c r="BAM702" s="613"/>
      <c r="BAN702" s="613"/>
      <c r="BAO702" s="613"/>
      <c r="BAP702" s="613"/>
      <c r="BAQ702" s="613"/>
      <c r="BAR702" s="613"/>
      <c r="BAS702" s="613"/>
      <c r="BAT702" s="613"/>
      <c r="BAU702" s="613"/>
      <c r="BAV702" s="613"/>
      <c r="BAW702" s="613"/>
      <c r="BAX702" s="613"/>
      <c r="BAY702" s="613"/>
      <c r="BAZ702" s="613"/>
      <c r="BBA702" s="613"/>
      <c r="BBB702" s="613"/>
      <c r="BBC702" s="613"/>
      <c r="BBD702" s="613"/>
      <c r="BBE702" s="613"/>
      <c r="BBF702" s="613"/>
      <c r="BBG702" s="613"/>
      <c r="BBH702" s="613"/>
      <c r="BBI702" s="613"/>
      <c r="BBJ702" s="613"/>
      <c r="BBK702" s="613"/>
      <c r="BBL702" s="613"/>
      <c r="BBM702" s="613"/>
      <c r="BBN702" s="613"/>
      <c r="BBO702" s="613"/>
      <c r="BBP702" s="613"/>
      <c r="BBQ702" s="613"/>
      <c r="BBR702" s="613"/>
      <c r="BBS702" s="613"/>
      <c r="BBT702" s="613"/>
      <c r="BBU702" s="613"/>
      <c r="BBV702" s="613"/>
      <c r="BBW702" s="613"/>
      <c r="BBX702" s="613"/>
      <c r="BBY702" s="613"/>
      <c r="BBZ702" s="613"/>
      <c r="BCA702" s="613"/>
      <c r="BCB702" s="613"/>
      <c r="BCC702" s="613"/>
      <c r="BCD702" s="613"/>
      <c r="BCE702" s="613"/>
      <c r="BCF702" s="613"/>
      <c r="BCG702" s="613"/>
      <c r="BCH702" s="613"/>
      <c r="BCI702" s="613"/>
      <c r="BCJ702" s="613"/>
      <c r="BCK702" s="613"/>
      <c r="BCL702" s="613"/>
      <c r="BCM702" s="613"/>
      <c r="BCN702" s="613"/>
      <c r="BCO702" s="613"/>
      <c r="BCP702" s="613"/>
      <c r="BCQ702" s="613"/>
      <c r="BCR702" s="613"/>
      <c r="BCS702" s="613"/>
      <c r="BCT702" s="613"/>
      <c r="BCU702" s="613"/>
      <c r="BCV702" s="613"/>
      <c r="BCW702" s="613"/>
      <c r="BCX702" s="613"/>
      <c r="BCY702" s="613"/>
      <c r="BCZ702" s="613"/>
      <c r="BDA702" s="613"/>
      <c r="BDB702" s="613"/>
      <c r="BDC702" s="613"/>
      <c r="BDD702" s="613"/>
      <c r="BDE702" s="613"/>
      <c r="BDF702" s="613"/>
      <c r="BDG702" s="613"/>
      <c r="BDH702" s="613"/>
      <c r="BDI702" s="613"/>
      <c r="BDJ702" s="613"/>
      <c r="BDK702" s="613"/>
      <c r="BDL702" s="613"/>
      <c r="BDM702" s="613"/>
      <c r="BDN702" s="613"/>
      <c r="BDO702" s="613"/>
      <c r="BDP702" s="613"/>
      <c r="BDQ702" s="613"/>
      <c r="BDR702" s="613"/>
      <c r="BDS702" s="613"/>
      <c r="BDT702" s="613"/>
      <c r="BDU702" s="613"/>
      <c r="BDV702" s="613"/>
      <c r="BDW702" s="613"/>
      <c r="BDX702" s="613"/>
      <c r="BDY702" s="613"/>
      <c r="BDZ702" s="613"/>
      <c r="BEA702" s="613"/>
      <c r="BEB702" s="613"/>
      <c r="BEC702" s="613"/>
      <c r="BED702" s="613"/>
      <c r="BEE702" s="613"/>
      <c r="BEF702" s="613"/>
      <c r="BEG702" s="613"/>
      <c r="BEH702" s="613"/>
      <c r="BEI702" s="613"/>
      <c r="BEJ702" s="613"/>
      <c r="BEK702" s="613"/>
      <c r="BEL702" s="613"/>
      <c r="BEM702" s="613"/>
      <c r="BEN702" s="613"/>
      <c r="BEO702" s="613"/>
      <c r="BEP702" s="613"/>
      <c r="BEQ702" s="613"/>
      <c r="BER702" s="613"/>
      <c r="BES702" s="613"/>
      <c r="BET702" s="613"/>
      <c r="BEU702" s="613"/>
      <c r="BEV702" s="613"/>
      <c r="BEW702" s="613"/>
      <c r="BEX702" s="613"/>
      <c r="BEY702" s="613"/>
      <c r="BEZ702" s="613"/>
      <c r="BFA702" s="613"/>
      <c r="BFB702" s="613"/>
      <c r="BFC702" s="613"/>
      <c r="BFD702" s="613"/>
      <c r="BFE702" s="613"/>
      <c r="BFF702" s="613"/>
      <c r="BFG702" s="613"/>
      <c r="BFH702" s="613"/>
      <c r="BFI702" s="613"/>
      <c r="BFJ702" s="613"/>
      <c r="BFK702" s="613"/>
      <c r="BFL702" s="613"/>
      <c r="BFM702" s="613"/>
      <c r="BFN702" s="613"/>
      <c r="BFO702" s="613"/>
      <c r="BFP702" s="613"/>
      <c r="BFQ702" s="613"/>
      <c r="BFR702" s="613"/>
      <c r="BFS702" s="613"/>
      <c r="BFT702" s="613"/>
      <c r="BFU702" s="613"/>
      <c r="BFV702" s="613"/>
      <c r="BFW702" s="613"/>
      <c r="BFX702" s="613"/>
      <c r="BFY702" s="613"/>
      <c r="BFZ702" s="613"/>
      <c r="BGA702" s="613"/>
      <c r="BGB702" s="613"/>
      <c r="BGC702" s="613"/>
      <c r="BGD702" s="613"/>
      <c r="BGE702" s="613"/>
      <c r="BGF702" s="613"/>
      <c r="BGG702" s="613"/>
      <c r="BGH702" s="613"/>
      <c r="BGI702" s="613"/>
      <c r="BGJ702" s="613"/>
      <c r="BGK702" s="613"/>
      <c r="BGL702" s="613"/>
      <c r="BGM702" s="613"/>
      <c r="BGN702" s="613"/>
      <c r="BGO702" s="613"/>
      <c r="BGP702" s="613"/>
      <c r="BGQ702" s="613"/>
      <c r="BGR702" s="613"/>
      <c r="BGS702" s="613"/>
      <c r="BGT702" s="613"/>
      <c r="BGU702" s="613"/>
      <c r="BGV702" s="613"/>
      <c r="BGW702" s="613"/>
      <c r="BGX702" s="613"/>
      <c r="BGY702" s="613"/>
      <c r="BGZ702" s="613"/>
      <c r="BHA702" s="613"/>
      <c r="BHB702" s="613"/>
      <c r="BHC702" s="613"/>
      <c r="BHD702" s="613"/>
      <c r="BHE702" s="613"/>
      <c r="BHF702" s="613"/>
      <c r="BHG702" s="613"/>
      <c r="BHH702" s="613"/>
      <c r="BHI702" s="613"/>
      <c r="BHJ702" s="613"/>
      <c r="BHK702" s="613"/>
      <c r="BHL702" s="613"/>
      <c r="BHM702" s="613"/>
      <c r="BHN702" s="613"/>
      <c r="BHO702" s="613"/>
      <c r="BHP702" s="613"/>
      <c r="BHQ702" s="613"/>
      <c r="BHR702" s="613"/>
      <c r="BHS702" s="613"/>
      <c r="BHT702" s="613"/>
      <c r="BHU702" s="613"/>
      <c r="BHV702" s="613"/>
      <c r="BHW702" s="613"/>
      <c r="BHX702" s="613"/>
      <c r="BHY702" s="613"/>
      <c r="BHZ702" s="613"/>
      <c r="BIA702" s="613"/>
      <c r="BIB702" s="613"/>
      <c r="BIC702" s="613"/>
      <c r="BID702" s="613"/>
      <c r="BIE702" s="613"/>
      <c r="BIF702" s="613"/>
      <c r="BIG702" s="613"/>
      <c r="BIH702" s="613"/>
      <c r="BII702" s="613"/>
      <c r="BIJ702" s="613"/>
      <c r="BIK702" s="613"/>
      <c r="BIL702" s="613"/>
      <c r="BIM702" s="613"/>
      <c r="BIN702" s="613"/>
      <c r="BIO702" s="613"/>
      <c r="BIP702" s="613"/>
      <c r="BIQ702" s="613"/>
      <c r="BIR702" s="613"/>
      <c r="BIS702" s="613"/>
      <c r="BIT702" s="613"/>
      <c r="BIU702" s="613"/>
      <c r="BIV702" s="613"/>
      <c r="BIW702" s="613"/>
      <c r="BIX702" s="613"/>
      <c r="BIY702" s="613"/>
      <c r="BIZ702" s="613"/>
      <c r="BJA702" s="613"/>
      <c r="BJB702" s="613"/>
      <c r="BJC702" s="613"/>
      <c r="BJD702" s="613"/>
      <c r="BJE702" s="613"/>
      <c r="BJF702" s="613"/>
      <c r="BJG702" s="613"/>
      <c r="BJH702" s="613"/>
      <c r="BJI702" s="613"/>
      <c r="BJJ702" s="613"/>
      <c r="BJK702" s="613"/>
      <c r="BJL702" s="613"/>
      <c r="BJM702" s="613"/>
      <c r="BJN702" s="613"/>
      <c r="BJO702" s="613"/>
      <c r="BJP702" s="613"/>
      <c r="BJQ702" s="613"/>
      <c r="BJR702" s="613"/>
      <c r="BJS702" s="613"/>
      <c r="BJT702" s="613"/>
      <c r="BJU702" s="613"/>
      <c r="BJV702" s="613"/>
      <c r="BJW702" s="613"/>
      <c r="BJX702" s="613"/>
      <c r="BJY702" s="613"/>
      <c r="BJZ702" s="613"/>
      <c r="BKA702" s="613"/>
      <c r="BKB702" s="613"/>
      <c r="BKC702" s="613"/>
      <c r="BKD702" s="613"/>
      <c r="BKE702" s="613"/>
      <c r="BKF702" s="613"/>
      <c r="BKG702" s="613"/>
      <c r="BKH702" s="613"/>
      <c r="BKI702" s="613"/>
      <c r="BKJ702" s="613"/>
      <c r="BKK702" s="613"/>
      <c r="BKL702" s="613"/>
      <c r="BKM702" s="613"/>
      <c r="BKN702" s="613"/>
      <c r="BKO702" s="613"/>
      <c r="BKP702" s="613"/>
      <c r="BKQ702" s="613"/>
      <c r="BKR702" s="613"/>
      <c r="BKS702" s="613"/>
      <c r="BKT702" s="613"/>
      <c r="BKU702" s="613"/>
      <c r="BKV702" s="613"/>
      <c r="BKW702" s="613"/>
      <c r="BKX702" s="613"/>
      <c r="BKY702" s="613"/>
      <c r="BKZ702" s="613"/>
      <c r="BLA702" s="613"/>
      <c r="BLB702" s="613"/>
      <c r="BLC702" s="613"/>
      <c r="BLD702" s="613"/>
      <c r="BLE702" s="613"/>
      <c r="BLF702" s="613"/>
      <c r="BLG702" s="613"/>
      <c r="BLH702" s="613"/>
      <c r="BLI702" s="613"/>
      <c r="BLJ702" s="613"/>
      <c r="BLK702" s="613"/>
      <c r="BLL702" s="613"/>
      <c r="BLM702" s="613"/>
      <c r="BLN702" s="613"/>
      <c r="BLO702" s="613"/>
      <c r="BLP702" s="613"/>
      <c r="BLQ702" s="613"/>
      <c r="BLR702" s="613"/>
      <c r="BLS702" s="613"/>
      <c r="BLT702" s="613"/>
      <c r="BLU702" s="613"/>
      <c r="BLV702" s="613"/>
      <c r="BLW702" s="613"/>
      <c r="BLX702" s="613"/>
      <c r="BLY702" s="613"/>
      <c r="BLZ702" s="613"/>
      <c r="BMA702" s="613"/>
      <c r="BMB702" s="613"/>
      <c r="BMC702" s="613"/>
      <c r="BMD702" s="613"/>
      <c r="BME702" s="613"/>
      <c r="BMF702" s="613"/>
      <c r="BMG702" s="613"/>
      <c r="BMH702" s="613"/>
      <c r="BMI702" s="613"/>
      <c r="BMJ702" s="613"/>
      <c r="BMK702" s="613"/>
      <c r="BML702" s="613"/>
      <c r="BMM702" s="613"/>
      <c r="BMN702" s="613"/>
      <c r="BMO702" s="613"/>
      <c r="BMP702" s="613"/>
      <c r="BMQ702" s="613"/>
      <c r="BMR702" s="613"/>
      <c r="BMS702" s="613"/>
      <c r="BMT702" s="613"/>
      <c r="BMU702" s="613"/>
      <c r="BMV702" s="613"/>
      <c r="BMW702" s="613"/>
      <c r="BMX702" s="613"/>
      <c r="BMY702" s="613"/>
      <c r="BMZ702" s="613"/>
      <c r="BNA702" s="613"/>
      <c r="BNB702" s="613"/>
      <c r="BNC702" s="613"/>
      <c r="BND702" s="613"/>
      <c r="BNE702" s="613"/>
      <c r="BNF702" s="613"/>
      <c r="BNG702" s="613"/>
      <c r="BNH702" s="613"/>
      <c r="BNI702" s="613"/>
      <c r="BNJ702" s="613"/>
      <c r="BNK702" s="613"/>
      <c r="BNL702" s="613"/>
      <c r="BNM702" s="613"/>
      <c r="BNN702" s="613"/>
      <c r="BNO702" s="613"/>
      <c r="BNP702" s="613"/>
      <c r="BNQ702" s="613"/>
      <c r="BNR702" s="613"/>
      <c r="BNS702" s="613"/>
      <c r="BNT702" s="613"/>
      <c r="BNU702" s="613"/>
      <c r="BNV702" s="613"/>
      <c r="BNW702" s="613"/>
      <c r="BNX702" s="613"/>
      <c r="BNY702" s="613"/>
      <c r="BNZ702" s="613"/>
      <c r="BOA702" s="613"/>
      <c r="BOB702" s="613"/>
      <c r="BOC702" s="613"/>
      <c r="BOD702" s="613"/>
      <c r="BOE702" s="613"/>
      <c r="BOF702" s="613"/>
      <c r="BOG702" s="613"/>
      <c r="BOH702" s="613"/>
      <c r="BOI702" s="613"/>
      <c r="BOJ702" s="613"/>
      <c r="BOK702" s="613"/>
      <c r="BOL702" s="613"/>
      <c r="BOM702" s="613"/>
      <c r="BON702" s="613"/>
      <c r="BOO702" s="613"/>
      <c r="BOP702" s="613"/>
      <c r="BOQ702" s="613"/>
      <c r="BOR702" s="613"/>
      <c r="BOS702" s="613"/>
      <c r="BOT702" s="613"/>
      <c r="BOU702" s="613"/>
      <c r="BOV702" s="613"/>
      <c r="BOW702" s="613"/>
      <c r="BOX702" s="613"/>
      <c r="BOY702" s="613"/>
      <c r="BOZ702" s="613"/>
      <c r="BPA702" s="613"/>
      <c r="BPB702" s="613"/>
      <c r="BPC702" s="613"/>
      <c r="BPD702" s="613"/>
      <c r="BPE702" s="613"/>
      <c r="BPF702" s="613"/>
      <c r="BPG702" s="613"/>
      <c r="BPH702" s="613"/>
      <c r="BPI702" s="613"/>
      <c r="BPJ702" s="613"/>
      <c r="BPK702" s="613"/>
      <c r="BPL702" s="613"/>
      <c r="BPM702" s="613"/>
      <c r="BPN702" s="613"/>
      <c r="BPO702" s="613"/>
      <c r="BPP702" s="613"/>
      <c r="BPQ702" s="613"/>
      <c r="BPR702" s="613"/>
      <c r="BPS702" s="613"/>
      <c r="BPT702" s="613"/>
      <c r="BPU702" s="613"/>
      <c r="BPV702" s="613"/>
      <c r="BPW702" s="613"/>
      <c r="BPX702" s="613"/>
      <c r="BPY702" s="613"/>
      <c r="BPZ702" s="613"/>
      <c r="BQA702" s="613"/>
      <c r="BQB702" s="613"/>
      <c r="BQC702" s="613"/>
      <c r="BQD702" s="613"/>
      <c r="BQE702" s="613"/>
      <c r="BQF702" s="613"/>
      <c r="BQG702" s="613"/>
      <c r="BQH702" s="613"/>
      <c r="BQI702" s="613"/>
      <c r="BQJ702" s="613"/>
      <c r="BQK702" s="613"/>
      <c r="BQL702" s="613"/>
      <c r="BQM702" s="613"/>
      <c r="BQN702" s="613"/>
      <c r="BQO702" s="613"/>
      <c r="BQP702" s="613"/>
      <c r="BQQ702" s="613"/>
      <c r="BQR702" s="613"/>
      <c r="BQS702" s="613"/>
      <c r="BQT702" s="613"/>
      <c r="BQU702" s="613"/>
      <c r="BQV702" s="613"/>
      <c r="BQW702" s="613"/>
      <c r="BQX702" s="613"/>
      <c r="BQY702" s="613"/>
      <c r="BQZ702" s="613"/>
      <c r="BRA702" s="613"/>
      <c r="BRB702" s="613"/>
      <c r="BRC702" s="613"/>
      <c r="BRD702" s="613"/>
      <c r="BRE702" s="613"/>
      <c r="BRF702" s="613"/>
      <c r="BRG702" s="613"/>
      <c r="BRH702" s="613"/>
      <c r="BRI702" s="613"/>
      <c r="BRJ702" s="613"/>
      <c r="BRK702" s="613"/>
      <c r="BRL702" s="613"/>
      <c r="BRM702" s="613"/>
      <c r="BRN702" s="613"/>
      <c r="BRO702" s="613"/>
      <c r="BRP702" s="613"/>
      <c r="BRQ702" s="613"/>
      <c r="BRR702" s="613"/>
      <c r="BRS702" s="613"/>
      <c r="BRT702" s="613"/>
      <c r="BRU702" s="613"/>
      <c r="BRV702" s="613"/>
      <c r="BRW702" s="613"/>
      <c r="BRX702" s="613"/>
      <c r="BRY702" s="613"/>
      <c r="BRZ702" s="613"/>
      <c r="BSA702" s="613"/>
      <c r="BSB702" s="613"/>
      <c r="BSC702" s="613"/>
      <c r="BSD702" s="613"/>
      <c r="BSE702" s="613"/>
      <c r="BSF702" s="613"/>
      <c r="BSG702" s="613"/>
      <c r="BSH702" s="613"/>
      <c r="BSI702" s="613"/>
      <c r="BSJ702" s="613"/>
      <c r="BSK702" s="613"/>
      <c r="BSL702" s="613"/>
      <c r="BSM702" s="613"/>
      <c r="BSN702" s="613"/>
      <c r="BSO702" s="613"/>
      <c r="BSP702" s="613"/>
      <c r="BSQ702" s="613"/>
      <c r="BSR702" s="613"/>
      <c r="BSS702" s="613"/>
      <c r="BST702" s="613"/>
      <c r="BSU702" s="613"/>
      <c r="BSV702" s="613"/>
      <c r="BSW702" s="613"/>
      <c r="BSX702" s="613"/>
      <c r="BSY702" s="613"/>
      <c r="BSZ702" s="613"/>
      <c r="BTA702" s="613"/>
      <c r="BTB702" s="613"/>
      <c r="BTC702" s="613"/>
      <c r="BTD702" s="613"/>
      <c r="BTE702" s="613"/>
      <c r="BTF702" s="613"/>
      <c r="BTG702" s="613"/>
      <c r="BTH702" s="613"/>
      <c r="BTI702" s="613"/>
      <c r="BTJ702" s="613"/>
      <c r="BTK702" s="613"/>
      <c r="BTL702" s="613"/>
      <c r="BTM702" s="613"/>
      <c r="BTN702" s="613"/>
      <c r="BTO702" s="613"/>
      <c r="BTP702" s="613"/>
      <c r="BTQ702" s="613"/>
      <c r="BTR702" s="613"/>
      <c r="BTS702" s="613"/>
      <c r="BTT702" s="613"/>
      <c r="BTU702" s="613"/>
      <c r="BTV702" s="613"/>
      <c r="BTW702" s="613"/>
      <c r="BTX702" s="613"/>
      <c r="BTY702" s="613"/>
      <c r="BTZ702" s="613"/>
      <c r="BUA702" s="613"/>
      <c r="BUB702" s="613"/>
      <c r="BUC702" s="613"/>
      <c r="BUD702" s="613"/>
      <c r="BUE702" s="613"/>
      <c r="BUF702" s="613"/>
      <c r="BUG702" s="613"/>
      <c r="BUH702" s="613"/>
      <c r="BUI702" s="613"/>
      <c r="BUJ702" s="613"/>
      <c r="BUK702" s="613"/>
      <c r="BUL702" s="613"/>
      <c r="BUM702" s="613"/>
      <c r="BUN702" s="613"/>
      <c r="BUO702" s="613"/>
      <c r="BUP702" s="613"/>
      <c r="BUQ702" s="613"/>
      <c r="BUR702" s="613"/>
      <c r="BUS702" s="613"/>
      <c r="BUT702" s="613"/>
      <c r="BUU702" s="613"/>
      <c r="BUV702" s="613"/>
      <c r="BUW702" s="613"/>
      <c r="BUX702" s="613"/>
      <c r="BUY702" s="613"/>
      <c r="BUZ702" s="613"/>
      <c r="BVA702" s="613"/>
      <c r="BVB702" s="613"/>
      <c r="BVC702" s="613"/>
      <c r="BVD702" s="613"/>
      <c r="BVE702" s="613"/>
      <c r="BVF702" s="613"/>
      <c r="BVG702" s="613"/>
      <c r="BVH702" s="613"/>
      <c r="BVI702" s="613"/>
      <c r="BVJ702" s="613"/>
      <c r="BVK702" s="613"/>
      <c r="BVL702" s="613"/>
      <c r="BVM702" s="613"/>
      <c r="BVN702" s="613"/>
      <c r="BVO702" s="613"/>
      <c r="BVP702" s="613"/>
      <c r="BVQ702" s="613"/>
      <c r="BVR702" s="613"/>
      <c r="BVS702" s="613"/>
      <c r="BVT702" s="613"/>
      <c r="BVU702" s="613"/>
      <c r="BVV702" s="613"/>
      <c r="BVW702" s="613"/>
      <c r="BVX702" s="613"/>
      <c r="BVY702" s="613"/>
      <c r="BVZ702" s="613"/>
      <c r="BWA702" s="613"/>
      <c r="BWB702" s="613"/>
      <c r="BWC702" s="613"/>
      <c r="BWD702" s="613"/>
      <c r="BWE702" s="613"/>
      <c r="BWF702" s="613"/>
      <c r="BWG702" s="613"/>
      <c r="BWH702" s="613"/>
      <c r="BWI702" s="613"/>
      <c r="BWJ702" s="613"/>
      <c r="BWK702" s="613"/>
      <c r="BWL702" s="613"/>
      <c r="BWM702" s="613"/>
      <c r="BWN702" s="613"/>
      <c r="BWO702" s="613"/>
      <c r="BWP702" s="613"/>
      <c r="BWQ702" s="613"/>
      <c r="BWR702" s="613"/>
      <c r="BWS702" s="613"/>
      <c r="BWT702" s="613"/>
      <c r="BWU702" s="613"/>
      <c r="BWV702" s="613"/>
      <c r="BWW702" s="613"/>
      <c r="BWX702" s="613"/>
      <c r="BWY702" s="613"/>
      <c r="BWZ702" s="613"/>
      <c r="BXA702" s="613"/>
      <c r="BXB702" s="613"/>
      <c r="BXC702" s="613"/>
      <c r="BXD702" s="613"/>
      <c r="BXE702" s="613"/>
      <c r="BXF702" s="613"/>
      <c r="BXG702" s="613"/>
      <c r="BXH702" s="613"/>
      <c r="BXI702" s="613"/>
      <c r="BXJ702" s="613"/>
      <c r="BXK702" s="613"/>
      <c r="BXL702" s="613"/>
      <c r="BXM702" s="613"/>
      <c r="BXN702" s="613"/>
      <c r="BXO702" s="613"/>
      <c r="BXP702" s="613"/>
      <c r="BXQ702" s="613"/>
      <c r="BXR702" s="613"/>
      <c r="BXS702" s="613"/>
      <c r="BXT702" s="613"/>
      <c r="BXU702" s="613"/>
      <c r="BXV702" s="613"/>
      <c r="BXW702" s="613"/>
      <c r="BXX702" s="613"/>
      <c r="BXY702" s="613"/>
      <c r="BXZ702" s="613"/>
      <c r="BYA702" s="613"/>
      <c r="BYB702" s="613"/>
      <c r="BYC702" s="613"/>
      <c r="BYD702" s="613"/>
      <c r="BYE702" s="613"/>
      <c r="BYF702" s="613"/>
      <c r="BYG702" s="613"/>
      <c r="BYH702" s="613"/>
      <c r="BYI702" s="613"/>
      <c r="BYJ702" s="613"/>
      <c r="BYK702" s="613"/>
      <c r="BYL702" s="613"/>
      <c r="BYM702" s="613"/>
      <c r="BYN702" s="613"/>
      <c r="BYO702" s="613"/>
      <c r="BYP702" s="613"/>
      <c r="BYQ702" s="613"/>
      <c r="BYR702" s="613"/>
      <c r="BYS702" s="613"/>
      <c r="BYT702" s="613"/>
      <c r="BYU702" s="613"/>
      <c r="BYV702" s="613"/>
      <c r="BYW702" s="613"/>
      <c r="BYX702" s="613"/>
      <c r="BYY702" s="613"/>
      <c r="BYZ702" s="613"/>
      <c r="BZA702" s="613"/>
      <c r="BZB702" s="613"/>
      <c r="BZC702" s="613"/>
      <c r="BZD702" s="613"/>
      <c r="BZE702" s="613"/>
      <c r="BZF702" s="613"/>
      <c r="BZG702" s="613"/>
      <c r="BZH702" s="613"/>
      <c r="BZI702" s="613"/>
      <c r="BZJ702" s="613"/>
      <c r="BZK702" s="613"/>
      <c r="BZL702" s="613"/>
      <c r="BZM702" s="613"/>
      <c r="BZN702" s="613"/>
      <c r="BZO702" s="613"/>
      <c r="BZP702" s="613"/>
      <c r="BZQ702" s="613"/>
      <c r="BZR702" s="613"/>
      <c r="BZS702" s="613"/>
      <c r="BZT702" s="613"/>
      <c r="BZU702" s="613"/>
      <c r="BZV702" s="613"/>
      <c r="BZW702" s="613"/>
      <c r="BZX702" s="613"/>
      <c r="BZY702" s="613"/>
      <c r="BZZ702" s="613"/>
      <c r="CAA702" s="613"/>
      <c r="CAB702" s="613"/>
      <c r="CAC702" s="613"/>
      <c r="CAD702" s="613"/>
      <c r="CAE702" s="613"/>
      <c r="CAF702" s="613"/>
      <c r="CAG702" s="613"/>
      <c r="CAH702" s="613"/>
      <c r="CAI702" s="613"/>
      <c r="CAJ702" s="613"/>
      <c r="CAK702" s="613"/>
      <c r="CAL702" s="613"/>
      <c r="CAM702" s="613"/>
      <c r="CAN702" s="613"/>
      <c r="CAO702" s="613"/>
      <c r="CAP702" s="613"/>
      <c r="CAQ702" s="613"/>
      <c r="CAR702" s="613"/>
      <c r="CAS702" s="613"/>
      <c r="CAT702" s="613"/>
      <c r="CAU702" s="613"/>
      <c r="CAV702" s="613"/>
      <c r="CAW702" s="613"/>
      <c r="CAX702" s="613"/>
      <c r="CAY702" s="613"/>
      <c r="CAZ702" s="613"/>
      <c r="CBA702" s="613"/>
      <c r="CBB702" s="613"/>
      <c r="CBC702" s="613"/>
      <c r="CBD702" s="613"/>
      <c r="CBE702" s="613"/>
      <c r="CBF702" s="613"/>
      <c r="CBG702" s="613"/>
      <c r="CBH702" s="613"/>
      <c r="CBI702" s="613"/>
      <c r="CBJ702" s="613"/>
      <c r="CBK702" s="613"/>
      <c r="CBL702" s="613"/>
      <c r="CBM702" s="613"/>
      <c r="CBN702" s="613"/>
      <c r="CBO702" s="613"/>
      <c r="CBP702" s="613"/>
      <c r="CBQ702" s="613"/>
      <c r="CBR702" s="613"/>
      <c r="CBS702" s="613"/>
      <c r="CBT702" s="613"/>
      <c r="CBU702" s="613"/>
      <c r="CBV702" s="613"/>
      <c r="CBW702" s="613"/>
      <c r="CBX702" s="613"/>
      <c r="CBY702" s="613"/>
      <c r="CBZ702" s="613"/>
      <c r="CCA702" s="613"/>
      <c r="CCB702" s="613"/>
      <c r="CCC702" s="613"/>
      <c r="CCD702" s="613"/>
      <c r="CCE702" s="613"/>
      <c r="CCF702" s="613"/>
      <c r="CCG702" s="613"/>
      <c r="CCH702" s="613"/>
      <c r="CCI702" s="613"/>
      <c r="CCJ702" s="613"/>
      <c r="CCK702" s="613"/>
      <c r="CCL702" s="613"/>
      <c r="CCM702" s="613"/>
      <c r="CCN702" s="613"/>
      <c r="CCO702" s="613"/>
      <c r="CCP702" s="613"/>
      <c r="CCQ702" s="613"/>
      <c r="CCR702" s="613"/>
      <c r="CCS702" s="613"/>
      <c r="CCT702" s="613"/>
      <c r="CCU702" s="613"/>
      <c r="CCV702" s="613"/>
      <c r="CCW702" s="613"/>
      <c r="CCX702" s="613"/>
      <c r="CCY702" s="613"/>
      <c r="CCZ702" s="613"/>
      <c r="CDA702" s="613"/>
      <c r="CDB702" s="613"/>
      <c r="CDC702" s="613"/>
      <c r="CDD702" s="613"/>
      <c r="CDE702" s="613"/>
      <c r="CDF702" s="613"/>
      <c r="CDG702" s="613"/>
      <c r="CDH702" s="613"/>
      <c r="CDI702" s="613"/>
      <c r="CDJ702" s="613"/>
      <c r="CDK702" s="613"/>
      <c r="CDL702" s="613"/>
      <c r="CDM702" s="613"/>
      <c r="CDN702" s="613"/>
      <c r="CDO702" s="613"/>
      <c r="CDP702" s="613"/>
      <c r="CDQ702" s="613"/>
      <c r="CDR702" s="613"/>
      <c r="CDS702" s="613"/>
      <c r="CDT702" s="613"/>
      <c r="CDU702" s="613"/>
      <c r="CDV702" s="613"/>
      <c r="CDW702" s="613"/>
      <c r="CDX702" s="613"/>
      <c r="CDY702" s="613"/>
      <c r="CDZ702" s="613"/>
      <c r="CEA702" s="613"/>
      <c r="CEB702" s="613"/>
      <c r="CEC702" s="613"/>
      <c r="CED702" s="613"/>
      <c r="CEE702" s="613"/>
      <c r="CEF702" s="613"/>
      <c r="CEG702" s="613"/>
      <c r="CEH702" s="613"/>
      <c r="CEI702" s="613"/>
      <c r="CEJ702" s="613"/>
      <c r="CEK702" s="613"/>
      <c r="CEL702" s="613"/>
      <c r="CEM702" s="613"/>
      <c r="CEN702" s="613"/>
      <c r="CEO702" s="613"/>
      <c r="CEP702" s="613"/>
      <c r="CEQ702" s="613"/>
      <c r="CER702" s="613"/>
      <c r="CES702" s="613"/>
      <c r="CET702" s="613"/>
      <c r="CEU702" s="613"/>
      <c r="CEV702" s="613"/>
      <c r="CEW702" s="613"/>
      <c r="CEX702" s="613"/>
      <c r="CEY702" s="613"/>
      <c r="CEZ702" s="613"/>
      <c r="CFA702" s="613"/>
      <c r="CFB702" s="613"/>
      <c r="CFC702" s="613"/>
      <c r="CFD702" s="613"/>
      <c r="CFE702" s="613"/>
      <c r="CFF702" s="613"/>
      <c r="CFG702" s="613"/>
      <c r="CFH702" s="613"/>
      <c r="CFI702" s="613"/>
      <c r="CFJ702" s="613"/>
      <c r="CFK702" s="613"/>
      <c r="CFL702" s="613"/>
      <c r="CFM702" s="613"/>
      <c r="CFN702" s="613"/>
      <c r="CFO702" s="613"/>
      <c r="CFP702" s="613"/>
      <c r="CFQ702" s="613"/>
      <c r="CFR702" s="613"/>
      <c r="CFS702" s="613"/>
      <c r="CFT702" s="613"/>
      <c r="CFU702" s="613"/>
      <c r="CFV702" s="613"/>
      <c r="CFW702" s="613"/>
      <c r="CFX702" s="613"/>
      <c r="CFY702" s="613"/>
      <c r="CFZ702" s="613"/>
      <c r="CGA702" s="613"/>
      <c r="CGB702" s="613"/>
      <c r="CGC702" s="613"/>
      <c r="CGD702" s="613"/>
      <c r="CGE702" s="613"/>
      <c r="CGF702" s="613"/>
      <c r="CGG702" s="613"/>
      <c r="CGH702" s="613"/>
      <c r="CGI702" s="613"/>
      <c r="CGJ702" s="613"/>
      <c r="CGK702" s="613"/>
      <c r="CGL702" s="613"/>
      <c r="CGM702" s="613"/>
      <c r="CGN702" s="613"/>
      <c r="CGO702" s="613"/>
      <c r="CGP702" s="613"/>
      <c r="CGQ702" s="613"/>
      <c r="CGR702" s="613"/>
      <c r="CGS702" s="613"/>
      <c r="CGT702" s="613"/>
      <c r="CGU702" s="613"/>
      <c r="CGV702" s="613"/>
      <c r="CGW702" s="613"/>
      <c r="CGX702" s="613"/>
      <c r="CGY702" s="613"/>
      <c r="CGZ702" s="613"/>
      <c r="CHA702" s="613"/>
      <c r="CHB702" s="613"/>
      <c r="CHC702" s="613"/>
      <c r="CHD702" s="613"/>
      <c r="CHE702" s="613"/>
      <c r="CHF702" s="613"/>
      <c r="CHG702" s="613"/>
      <c r="CHH702" s="613"/>
      <c r="CHI702" s="613"/>
      <c r="CHJ702" s="613"/>
      <c r="CHK702" s="613"/>
      <c r="CHL702" s="613"/>
      <c r="CHM702" s="613"/>
      <c r="CHN702" s="613"/>
      <c r="CHO702" s="613"/>
      <c r="CHP702" s="613"/>
      <c r="CHQ702" s="613"/>
      <c r="CHR702" s="613"/>
      <c r="CHS702" s="613"/>
      <c r="CHT702" s="613"/>
      <c r="CHU702" s="613"/>
      <c r="CHV702" s="613"/>
      <c r="CHW702" s="613"/>
      <c r="CHX702" s="613"/>
      <c r="CHY702" s="613"/>
      <c r="CHZ702" s="613"/>
      <c r="CIA702" s="613"/>
      <c r="CIB702" s="613"/>
      <c r="CIC702" s="613"/>
      <c r="CID702" s="613"/>
      <c r="CIE702" s="613"/>
      <c r="CIF702" s="613"/>
      <c r="CIG702" s="613"/>
      <c r="CIH702" s="613"/>
      <c r="CII702" s="613"/>
      <c r="CIJ702" s="613"/>
      <c r="CIK702" s="613"/>
      <c r="CIL702" s="613"/>
      <c r="CIM702" s="613"/>
      <c r="CIN702" s="613"/>
      <c r="CIO702" s="613"/>
      <c r="CIP702" s="613"/>
      <c r="CIQ702" s="613"/>
      <c r="CIR702" s="613"/>
      <c r="CIS702" s="613"/>
      <c r="CIT702" s="613"/>
      <c r="CIU702" s="613"/>
      <c r="CIV702" s="613"/>
      <c r="CIW702" s="613"/>
      <c r="CIX702" s="613"/>
      <c r="CIY702" s="613"/>
      <c r="CIZ702" s="613"/>
      <c r="CJA702" s="613"/>
      <c r="CJB702" s="613"/>
      <c r="CJC702" s="613"/>
      <c r="CJD702" s="613"/>
      <c r="CJE702" s="613"/>
      <c r="CJF702" s="613"/>
      <c r="CJG702" s="613"/>
      <c r="CJH702" s="613"/>
      <c r="CJI702" s="613"/>
      <c r="CJJ702" s="613"/>
      <c r="CJK702" s="613"/>
      <c r="CJL702" s="613"/>
      <c r="CJM702" s="613"/>
      <c r="CJN702" s="613"/>
      <c r="CJO702" s="613"/>
      <c r="CJP702" s="613"/>
      <c r="CJQ702" s="613"/>
      <c r="CJR702" s="613"/>
      <c r="CJS702" s="613"/>
      <c r="CJT702" s="613"/>
      <c r="CJU702" s="613"/>
      <c r="CJV702" s="613"/>
      <c r="CJW702" s="613"/>
      <c r="CJX702" s="613"/>
      <c r="CJY702" s="613"/>
      <c r="CJZ702" s="613"/>
      <c r="CKA702" s="613"/>
      <c r="CKB702" s="613"/>
      <c r="CKC702" s="613"/>
      <c r="CKD702" s="613"/>
      <c r="CKE702" s="613"/>
      <c r="CKF702" s="613"/>
      <c r="CKG702" s="613"/>
      <c r="CKH702" s="613"/>
      <c r="CKI702" s="613"/>
      <c r="CKJ702" s="613"/>
      <c r="CKK702" s="613"/>
      <c r="CKL702" s="613"/>
      <c r="CKM702" s="613"/>
      <c r="CKN702" s="613"/>
      <c r="CKO702" s="613"/>
      <c r="CKP702" s="613"/>
      <c r="CKQ702" s="613"/>
      <c r="CKR702" s="613"/>
      <c r="CKS702" s="613"/>
      <c r="CKT702" s="613"/>
      <c r="CKU702" s="613"/>
      <c r="CKV702" s="613"/>
      <c r="CKW702" s="613"/>
      <c r="CKX702" s="613"/>
      <c r="CKY702" s="613"/>
      <c r="CKZ702" s="613"/>
      <c r="CLA702" s="613"/>
      <c r="CLB702" s="613"/>
      <c r="CLC702" s="613"/>
      <c r="CLD702" s="613"/>
      <c r="CLE702" s="613"/>
      <c r="CLF702" s="613"/>
      <c r="CLG702" s="613"/>
      <c r="CLH702" s="613"/>
      <c r="CLI702" s="613"/>
      <c r="CLJ702" s="613"/>
      <c r="CLK702" s="613"/>
      <c r="CLL702" s="613"/>
      <c r="CLM702" s="613"/>
      <c r="CLN702" s="613"/>
      <c r="CLO702" s="613"/>
      <c r="CLP702" s="613"/>
      <c r="CLQ702" s="613"/>
      <c r="CLR702" s="613"/>
      <c r="CLS702" s="613"/>
      <c r="CLT702" s="613"/>
      <c r="CLU702" s="613"/>
      <c r="CLV702" s="613"/>
      <c r="CLW702" s="613"/>
      <c r="CLX702" s="613"/>
      <c r="CLY702" s="613"/>
      <c r="CLZ702" s="613"/>
      <c r="CMA702" s="613"/>
      <c r="CMB702" s="613"/>
      <c r="CMC702" s="613"/>
      <c r="CMD702" s="613"/>
      <c r="CME702" s="613"/>
      <c r="CMF702" s="613"/>
      <c r="CMG702" s="613"/>
      <c r="CMH702" s="613"/>
      <c r="CMI702" s="613"/>
      <c r="CMJ702" s="613"/>
      <c r="CMK702" s="613"/>
      <c r="CML702" s="613"/>
      <c r="CMM702" s="613"/>
      <c r="CMN702" s="613"/>
      <c r="CMO702" s="613"/>
      <c r="CMP702" s="613"/>
      <c r="CMQ702" s="613"/>
      <c r="CMR702" s="613"/>
      <c r="CMS702" s="613"/>
      <c r="CMT702" s="613"/>
      <c r="CMU702" s="613"/>
      <c r="CMV702" s="613"/>
      <c r="CMW702" s="613"/>
      <c r="CMX702" s="613"/>
      <c r="CMY702" s="613"/>
      <c r="CMZ702" s="613"/>
      <c r="CNA702" s="613"/>
      <c r="CNB702" s="613"/>
      <c r="CNC702" s="613"/>
      <c r="CND702" s="613"/>
      <c r="CNE702" s="613"/>
      <c r="CNF702" s="613"/>
      <c r="CNG702" s="613"/>
      <c r="CNH702" s="613"/>
      <c r="CNI702" s="613"/>
      <c r="CNJ702" s="613"/>
      <c r="CNK702" s="613"/>
      <c r="CNL702" s="613"/>
      <c r="CNM702" s="613"/>
      <c r="CNN702" s="613"/>
      <c r="CNO702" s="613"/>
      <c r="CNP702" s="613"/>
      <c r="CNQ702" s="613"/>
      <c r="CNR702" s="613"/>
      <c r="CNS702" s="613"/>
      <c r="CNT702" s="613"/>
      <c r="CNU702" s="613"/>
      <c r="CNV702" s="613"/>
      <c r="CNW702" s="613"/>
      <c r="CNX702" s="613"/>
      <c r="CNY702" s="613"/>
      <c r="CNZ702" s="613"/>
      <c r="COA702" s="613"/>
      <c r="COB702" s="613"/>
      <c r="COC702" s="613"/>
      <c r="COD702" s="613"/>
      <c r="COE702" s="613"/>
      <c r="COF702" s="613"/>
      <c r="COG702" s="613"/>
      <c r="COH702" s="613"/>
      <c r="COI702" s="613"/>
      <c r="COJ702" s="613"/>
      <c r="COK702" s="613"/>
      <c r="COL702" s="613"/>
      <c r="COM702" s="613"/>
      <c r="CON702" s="613"/>
      <c r="COO702" s="613"/>
      <c r="COP702" s="613"/>
      <c r="COQ702" s="613"/>
      <c r="COR702" s="613"/>
      <c r="COS702" s="613"/>
      <c r="COT702" s="613"/>
      <c r="COU702" s="613"/>
      <c r="COV702" s="613"/>
      <c r="COW702" s="613"/>
      <c r="COX702" s="613"/>
      <c r="COY702" s="613"/>
      <c r="COZ702" s="613"/>
      <c r="CPA702" s="613"/>
      <c r="CPB702" s="613"/>
      <c r="CPC702" s="613"/>
      <c r="CPD702" s="613"/>
      <c r="CPE702" s="613"/>
      <c r="CPF702" s="613"/>
      <c r="CPG702" s="613"/>
      <c r="CPH702" s="613"/>
      <c r="CPI702" s="613"/>
      <c r="CPJ702" s="613"/>
      <c r="CPK702" s="613"/>
      <c r="CPL702" s="613"/>
      <c r="CPM702" s="613"/>
      <c r="CPN702" s="613"/>
      <c r="CPO702" s="613"/>
      <c r="CPP702" s="613"/>
      <c r="CPQ702" s="613"/>
      <c r="CPR702" s="613"/>
      <c r="CPS702" s="613"/>
      <c r="CPT702" s="613"/>
      <c r="CPU702" s="613"/>
      <c r="CPV702" s="613"/>
      <c r="CPW702" s="613"/>
      <c r="CPX702" s="613"/>
      <c r="CPY702" s="613"/>
      <c r="CPZ702" s="613"/>
      <c r="CQA702" s="613"/>
      <c r="CQB702" s="613"/>
      <c r="CQC702" s="613"/>
      <c r="CQD702" s="613"/>
      <c r="CQE702" s="613"/>
      <c r="CQF702" s="613"/>
      <c r="CQG702" s="613"/>
      <c r="CQH702" s="613"/>
      <c r="CQI702" s="613"/>
      <c r="CQJ702" s="613"/>
      <c r="CQK702" s="613"/>
      <c r="CQL702" s="613"/>
      <c r="CQM702" s="613"/>
      <c r="CQN702" s="613"/>
      <c r="CQO702" s="613"/>
      <c r="CQP702" s="613"/>
      <c r="CQQ702" s="613"/>
      <c r="CQR702" s="613"/>
      <c r="CQS702" s="613"/>
      <c r="CQT702" s="613"/>
      <c r="CQU702" s="613"/>
      <c r="CQV702" s="613"/>
      <c r="CQW702" s="613"/>
      <c r="CQX702" s="613"/>
      <c r="CQY702" s="613"/>
      <c r="CQZ702" s="613"/>
      <c r="CRA702" s="613"/>
      <c r="CRB702" s="613"/>
      <c r="CRC702" s="613"/>
      <c r="CRD702" s="613"/>
      <c r="CRE702" s="613"/>
      <c r="CRF702" s="613"/>
      <c r="CRG702" s="613"/>
      <c r="CRH702" s="613"/>
      <c r="CRI702" s="613"/>
      <c r="CRJ702" s="613"/>
      <c r="CRK702" s="613"/>
      <c r="CRL702" s="613"/>
      <c r="CRM702" s="613"/>
      <c r="CRN702" s="613"/>
      <c r="CRO702" s="613"/>
      <c r="CRP702" s="613"/>
      <c r="CRQ702" s="613"/>
      <c r="CRR702" s="613"/>
      <c r="CRS702" s="613"/>
      <c r="CRT702" s="613"/>
      <c r="CRU702" s="613"/>
      <c r="CRV702" s="613"/>
      <c r="CRW702" s="613"/>
      <c r="CRX702" s="613"/>
      <c r="CRY702" s="613"/>
      <c r="CRZ702" s="613"/>
      <c r="CSA702" s="613"/>
      <c r="CSB702" s="613"/>
      <c r="CSC702" s="613"/>
      <c r="CSD702" s="613"/>
      <c r="CSE702" s="613"/>
      <c r="CSF702" s="613"/>
      <c r="CSG702" s="613"/>
      <c r="CSH702" s="613"/>
      <c r="CSI702" s="613"/>
      <c r="CSJ702" s="613"/>
      <c r="CSK702" s="613"/>
      <c r="CSL702" s="613"/>
      <c r="CSM702" s="613"/>
      <c r="CSN702" s="613"/>
      <c r="CSO702" s="613"/>
      <c r="CSP702" s="613"/>
      <c r="CSQ702" s="613"/>
      <c r="CSR702" s="613"/>
      <c r="CSS702" s="613"/>
      <c r="CST702" s="613"/>
      <c r="CSU702" s="613"/>
      <c r="CSV702" s="613"/>
      <c r="CSW702" s="613"/>
      <c r="CSX702" s="613"/>
      <c r="CSY702" s="613"/>
      <c r="CSZ702" s="613"/>
      <c r="CTA702" s="613"/>
      <c r="CTB702" s="613"/>
      <c r="CTC702" s="613"/>
      <c r="CTD702" s="613"/>
      <c r="CTE702" s="613"/>
      <c r="CTF702" s="613"/>
      <c r="CTG702" s="613"/>
      <c r="CTH702" s="613"/>
      <c r="CTI702" s="613"/>
      <c r="CTJ702" s="613"/>
      <c r="CTK702" s="613"/>
      <c r="CTL702" s="613"/>
      <c r="CTM702" s="613"/>
      <c r="CTN702" s="613"/>
      <c r="CTO702" s="613"/>
      <c r="CTP702" s="613"/>
      <c r="CTQ702" s="613"/>
      <c r="CTR702" s="613"/>
      <c r="CTS702" s="613"/>
      <c r="CTT702" s="613"/>
      <c r="CTU702" s="613"/>
      <c r="CTV702" s="613"/>
      <c r="CTW702" s="613"/>
      <c r="CTX702" s="613"/>
      <c r="CTY702" s="613"/>
      <c r="CTZ702" s="613"/>
      <c r="CUA702" s="613"/>
      <c r="CUB702" s="613"/>
      <c r="CUC702" s="613"/>
      <c r="CUD702" s="613"/>
      <c r="CUE702" s="613"/>
      <c r="CUF702" s="613"/>
      <c r="CUG702" s="613"/>
      <c r="CUH702" s="613"/>
      <c r="CUI702" s="613"/>
      <c r="CUJ702" s="613"/>
      <c r="CUK702" s="613"/>
      <c r="CUL702" s="613"/>
      <c r="CUM702" s="613"/>
      <c r="CUN702" s="613"/>
      <c r="CUO702" s="613"/>
      <c r="CUP702" s="613"/>
      <c r="CUQ702" s="613"/>
      <c r="CUR702" s="613"/>
      <c r="CUS702" s="613"/>
      <c r="CUT702" s="613"/>
      <c r="CUU702" s="613"/>
      <c r="CUV702" s="613"/>
      <c r="CUW702" s="613"/>
      <c r="CUX702" s="613"/>
      <c r="CUY702" s="613"/>
      <c r="CUZ702" s="613"/>
      <c r="CVA702" s="613"/>
      <c r="CVB702" s="613"/>
      <c r="CVC702" s="613"/>
      <c r="CVD702" s="613"/>
      <c r="CVE702" s="613"/>
      <c r="CVF702" s="613"/>
      <c r="CVG702" s="613"/>
      <c r="CVH702" s="613"/>
      <c r="CVI702" s="613"/>
      <c r="CVJ702" s="613"/>
      <c r="CVK702" s="613"/>
      <c r="CVL702" s="613"/>
      <c r="CVM702" s="613"/>
      <c r="CVN702" s="613"/>
      <c r="CVO702" s="613"/>
      <c r="CVP702" s="613"/>
      <c r="CVQ702" s="613"/>
      <c r="CVR702" s="613"/>
      <c r="CVS702" s="613"/>
      <c r="CVT702" s="613"/>
      <c r="CVU702" s="613"/>
      <c r="CVV702" s="613"/>
      <c r="CVW702" s="613"/>
      <c r="CVX702" s="613"/>
      <c r="CVY702" s="613"/>
      <c r="CVZ702" s="613"/>
      <c r="CWA702" s="613"/>
      <c r="CWB702" s="613"/>
      <c r="CWC702" s="613"/>
      <c r="CWD702" s="613"/>
      <c r="CWE702" s="613"/>
      <c r="CWF702" s="613"/>
      <c r="CWG702" s="613"/>
      <c r="CWH702" s="613"/>
      <c r="CWI702" s="613"/>
      <c r="CWJ702" s="613"/>
      <c r="CWK702" s="613"/>
      <c r="CWL702" s="613"/>
      <c r="CWM702" s="613"/>
      <c r="CWN702" s="613"/>
      <c r="CWO702" s="613"/>
      <c r="CWP702" s="613"/>
      <c r="CWQ702" s="613"/>
      <c r="CWR702" s="613"/>
      <c r="CWS702" s="613"/>
      <c r="CWT702" s="613"/>
      <c r="CWU702" s="613"/>
      <c r="CWV702" s="613"/>
      <c r="CWW702" s="613"/>
      <c r="CWX702" s="613"/>
      <c r="CWY702" s="613"/>
      <c r="CWZ702" s="613"/>
      <c r="CXA702" s="613"/>
      <c r="CXB702" s="613"/>
      <c r="CXC702" s="613"/>
      <c r="CXD702" s="613"/>
      <c r="CXE702" s="613"/>
      <c r="CXF702" s="613"/>
      <c r="CXG702" s="613"/>
      <c r="CXH702" s="613"/>
      <c r="CXI702" s="613"/>
      <c r="CXJ702" s="613"/>
      <c r="CXK702" s="613"/>
      <c r="CXL702" s="613"/>
      <c r="CXM702" s="613"/>
      <c r="CXN702" s="613"/>
      <c r="CXO702" s="613"/>
      <c r="CXP702" s="613"/>
      <c r="CXQ702" s="613"/>
      <c r="CXR702" s="613"/>
      <c r="CXS702" s="613"/>
      <c r="CXT702" s="613"/>
      <c r="CXU702" s="613"/>
      <c r="CXV702" s="613"/>
      <c r="CXW702" s="613"/>
      <c r="CXX702" s="613"/>
      <c r="CXY702" s="613"/>
      <c r="CXZ702" s="613"/>
      <c r="CYA702" s="613"/>
      <c r="CYB702" s="613"/>
      <c r="CYC702" s="613"/>
      <c r="CYD702" s="613"/>
      <c r="CYE702" s="613"/>
      <c r="CYF702" s="613"/>
      <c r="CYG702" s="613"/>
      <c r="CYH702" s="613"/>
      <c r="CYI702" s="613"/>
      <c r="CYJ702" s="613"/>
      <c r="CYK702" s="613"/>
      <c r="CYL702" s="613"/>
      <c r="CYM702" s="613"/>
      <c r="CYN702" s="613"/>
      <c r="CYO702" s="613"/>
      <c r="CYP702" s="613"/>
      <c r="CYQ702" s="613"/>
      <c r="CYR702" s="613"/>
      <c r="CYS702" s="613"/>
      <c r="CYT702" s="613"/>
      <c r="CYU702" s="613"/>
      <c r="CYV702" s="613"/>
      <c r="CYW702" s="613"/>
      <c r="CYX702" s="613"/>
      <c r="CYY702" s="613"/>
      <c r="CYZ702" s="613"/>
      <c r="CZA702" s="613"/>
      <c r="CZB702" s="613"/>
      <c r="CZC702" s="613"/>
      <c r="CZD702" s="613"/>
      <c r="CZE702" s="613"/>
      <c r="CZF702" s="613"/>
      <c r="CZG702" s="613"/>
      <c r="CZH702" s="613"/>
      <c r="CZI702" s="613"/>
      <c r="CZJ702" s="613"/>
      <c r="CZK702" s="613"/>
      <c r="CZL702" s="613"/>
      <c r="CZM702" s="613"/>
      <c r="CZN702" s="613"/>
      <c r="CZO702" s="613"/>
      <c r="CZP702" s="613"/>
      <c r="CZQ702" s="613"/>
      <c r="CZR702" s="613"/>
      <c r="CZS702" s="613"/>
      <c r="CZT702" s="613"/>
      <c r="CZU702" s="613"/>
      <c r="CZV702" s="613"/>
      <c r="CZW702" s="613"/>
      <c r="CZX702" s="613"/>
      <c r="CZY702" s="613"/>
      <c r="CZZ702" s="613"/>
      <c r="DAA702" s="613"/>
      <c r="DAB702" s="613"/>
      <c r="DAC702" s="613"/>
      <c r="DAD702" s="613"/>
      <c r="DAE702" s="613"/>
      <c r="DAF702" s="613"/>
      <c r="DAG702" s="613"/>
      <c r="DAH702" s="613"/>
      <c r="DAI702" s="613"/>
      <c r="DAJ702" s="613"/>
      <c r="DAK702" s="613"/>
      <c r="DAL702" s="613"/>
      <c r="DAM702" s="613"/>
      <c r="DAN702" s="613"/>
      <c r="DAO702" s="613"/>
      <c r="DAP702" s="613"/>
      <c r="DAQ702" s="613"/>
      <c r="DAR702" s="613"/>
      <c r="DAS702" s="613"/>
      <c r="DAT702" s="613"/>
      <c r="DAU702" s="613"/>
      <c r="DAV702" s="613"/>
      <c r="DAW702" s="613"/>
      <c r="DAX702" s="613"/>
      <c r="DAY702" s="613"/>
      <c r="DAZ702" s="613"/>
      <c r="DBA702" s="613"/>
      <c r="DBB702" s="613"/>
      <c r="DBC702" s="613"/>
      <c r="DBD702" s="613"/>
      <c r="DBE702" s="613"/>
      <c r="DBF702" s="613"/>
      <c r="DBG702" s="613"/>
      <c r="DBH702" s="613"/>
      <c r="DBI702" s="613"/>
      <c r="DBJ702" s="613"/>
      <c r="DBK702" s="613"/>
      <c r="DBL702" s="613"/>
      <c r="DBM702" s="613"/>
      <c r="DBN702" s="613"/>
      <c r="DBO702" s="613"/>
      <c r="DBP702" s="613"/>
      <c r="DBQ702" s="613"/>
      <c r="DBR702" s="613"/>
      <c r="DBS702" s="613"/>
      <c r="DBT702" s="613"/>
      <c r="DBU702" s="613"/>
      <c r="DBV702" s="613"/>
      <c r="DBW702" s="613"/>
      <c r="DBX702" s="613"/>
      <c r="DBY702" s="613"/>
      <c r="DBZ702" s="613"/>
      <c r="DCA702" s="613"/>
      <c r="DCB702" s="613"/>
      <c r="DCC702" s="613"/>
      <c r="DCD702" s="613"/>
      <c r="DCE702" s="613"/>
      <c r="DCF702" s="613"/>
      <c r="DCG702" s="613"/>
      <c r="DCH702" s="613"/>
      <c r="DCI702" s="613"/>
      <c r="DCJ702" s="613"/>
      <c r="DCK702" s="613"/>
      <c r="DCL702" s="613"/>
      <c r="DCM702" s="613"/>
      <c r="DCN702" s="613"/>
      <c r="DCO702" s="613"/>
      <c r="DCP702" s="613"/>
      <c r="DCQ702" s="613"/>
      <c r="DCR702" s="613"/>
      <c r="DCS702" s="613"/>
      <c r="DCT702" s="613"/>
      <c r="DCU702" s="613"/>
      <c r="DCV702" s="613"/>
      <c r="DCW702" s="613"/>
      <c r="DCX702" s="613"/>
      <c r="DCY702" s="613"/>
      <c r="DCZ702" s="613"/>
      <c r="DDA702" s="613"/>
      <c r="DDB702" s="613"/>
      <c r="DDC702" s="613"/>
      <c r="DDD702" s="613"/>
      <c r="DDE702" s="613"/>
      <c r="DDF702" s="613"/>
      <c r="DDG702" s="613"/>
      <c r="DDH702" s="613"/>
      <c r="DDI702" s="613"/>
      <c r="DDJ702" s="613"/>
      <c r="DDK702" s="613"/>
      <c r="DDL702" s="613"/>
      <c r="DDM702" s="613"/>
      <c r="DDN702" s="613"/>
      <c r="DDO702" s="613"/>
      <c r="DDP702" s="613"/>
      <c r="DDQ702" s="613"/>
      <c r="DDR702" s="613"/>
      <c r="DDS702" s="613"/>
      <c r="DDT702" s="613"/>
      <c r="DDU702" s="613"/>
      <c r="DDV702" s="613"/>
      <c r="DDW702" s="613"/>
      <c r="DDX702" s="613"/>
      <c r="DDY702" s="613"/>
      <c r="DDZ702" s="613"/>
      <c r="DEA702" s="613"/>
      <c r="DEB702" s="613"/>
      <c r="DEC702" s="613"/>
      <c r="DED702" s="613"/>
      <c r="DEE702" s="613"/>
      <c r="DEF702" s="613"/>
      <c r="DEG702" s="613"/>
      <c r="DEH702" s="613"/>
      <c r="DEI702" s="613"/>
      <c r="DEJ702" s="613"/>
      <c r="DEK702" s="613"/>
      <c r="DEL702" s="613"/>
      <c r="DEM702" s="613"/>
      <c r="DEN702" s="613"/>
      <c r="DEO702" s="613"/>
      <c r="DEP702" s="613"/>
      <c r="DEQ702" s="613"/>
      <c r="DER702" s="613"/>
      <c r="DES702" s="613"/>
      <c r="DET702" s="613"/>
      <c r="DEU702" s="613"/>
      <c r="DEV702" s="613"/>
      <c r="DEW702" s="613"/>
      <c r="DEX702" s="613"/>
      <c r="DEY702" s="613"/>
      <c r="DEZ702" s="613"/>
      <c r="DFA702" s="613"/>
      <c r="DFB702" s="613"/>
      <c r="DFC702" s="613"/>
      <c r="DFD702" s="613"/>
      <c r="DFE702" s="613"/>
      <c r="DFF702" s="613"/>
      <c r="DFG702" s="613"/>
      <c r="DFH702" s="613"/>
      <c r="DFI702" s="613"/>
      <c r="DFJ702" s="613"/>
      <c r="DFK702" s="613"/>
      <c r="DFL702" s="613"/>
      <c r="DFM702" s="613"/>
      <c r="DFN702" s="613"/>
      <c r="DFO702" s="613"/>
      <c r="DFP702" s="613"/>
      <c r="DFQ702" s="613"/>
      <c r="DFR702" s="613"/>
      <c r="DFS702" s="613"/>
      <c r="DFT702" s="613"/>
      <c r="DFU702" s="613"/>
      <c r="DFV702" s="613"/>
      <c r="DFW702" s="613"/>
      <c r="DFX702" s="613"/>
      <c r="DFY702" s="613"/>
      <c r="DFZ702" s="613"/>
      <c r="DGA702" s="613"/>
      <c r="DGB702" s="613"/>
      <c r="DGC702" s="613"/>
      <c r="DGD702" s="613"/>
      <c r="DGE702" s="613"/>
      <c r="DGF702" s="613"/>
      <c r="DGG702" s="613"/>
      <c r="DGH702" s="613"/>
      <c r="DGI702" s="613"/>
      <c r="DGJ702" s="613"/>
      <c r="DGK702" s="613"/>
      <c r="DGL702" s="613"/>
      <c r="DGM702" s="613"/>
      <c r="DGN702" s="613"/>
      <c r="DGO702" s="613"/>
      <c r="DGP702" s="613"/>
      <c r="DGQ702" s="613"/>
      <c r="DGR702" s="613"/>
      <c r="DGS702" s="613"/>
      <c r="DGT702" s="613"/>
      <c r="DGU702" s="613"/>
      <c r="DGV702" s="613"/>
      <c r="DGW702" s="613"/>
      <c r="DGX702" s="613"/>
      <c r="DGY702" s="613"/>
      <c r="DGZ702" s="613"/>
      <c r="DHA702" s="613"/>
      <c r="DHB702" s="613"/>
      <c r="DHC702" s="613"/>
      <c r="DHD702" s="613"/>
      <c r="DHE702" s="613"/>
      <c r="DHF702" s="613"/>
      <c r="DHG702" s="613"/>
      <c r="DHH702" s="613"/>
      <c r="DHI702" s="613"/>
      <c r="DHJ702" s="613"/>
      <c r="DHK702" s="613"/>
      <c r="DHL702" s="613"/>
      <c r="DHM702" s="613"/>
      <c r="DHN702" s="613"/>
      <c r="DHO702" s="613"/>
      <c r="DHP702" s="613"/>
      <c r="DHQ702" s="613"/>
      <c r="DHR702" s="613"/>
      <c r="DHS702" s="613"/>
      <c r="DHT702" s="613"/>
      <c r="DHU702" s="613"/>
      <c r="DHV702" s="613"/>
      <c r="DHW702" s="613"/>
      <c r="DHX702" s="613"/>
      <c r="DHY702" s="613"/>
      <c r="DHZ702" s="613"/>
      <c r="DIA702" s="613"/>
      <c r="DIB702" s="613"/>
      <c r="DIC702" s="613"/>
      <c r="DID702" s="613"/>
      <c r="DIE702" s="613"/>
      <c r="DIF702" s="613"/>
      <c r="DIG702" s="613"/>
      <c r="DIH702" s="613"/>
      <c r="DII702" s="613"/>
      <c r="DIJ702" s="613"/>
      <c r="DIK702" s="613"/>
      <c r="DIL702" s="613"/>
      <c r="DIM702" s="613"/>
      <c r="DIN702" s="613"/>
      <c r="DIO702" s="613"/>
      <c r="DIP702" s="613"/>
      <c r="DIQ702" s="613"/>
      <c r="DIR702" s="613"/>
      <c r="DIS702" s="613"/>
      <c r="DIT702" s="613"/>
      <c r="DIU702" s="613"/>
      <c r="DIV702" s="613"/>
      <c r="DIW702" s="613"/>
      <c r="DIX702" s="613"/>
      <c r="DIY702" s="613"/>
      <c r="DIZ702" s="613"/>
      <c r="DJA702" s="613"/>
      <c r="DJB702" s="613"/>
      <c r="DJC702" s="613"/>
      <c r="DJD702" s="613"/>
      <c r="DJE702" s="613"/>
      <c r="DJF702" s="613"/>
      <c r="DJG702" s="613"/>
      <c r="DJH702" s="613"/>
      <c r="DJI702" s="613"/>
      <c r="DJJ702" s="613"/>
      <c r="DJK702" s="613"/>
      <c r="DJL702" s="613"/>
      <c r="DJM702" s="613"/>
      <c r="DJN702" s="613"/>
      <c r="DJO702" s="613"/>
      <c r="DJP702" s="613"/>
      <c r="DJQ702" s="613"/>
      <c r="DJR702" s="613"/>
      <c r="DJS702" s="613"/>
      <c r="DJT702" s="613"/>
      <c r="DJU702" s="613"/>
      <c r="DJV702" s="613"/>
      <c r="DJW702" s="613"/>
      <c r="DJX702" s="613"/>
      <c r="DJY702" s="613"/>
      <c r="DJZ702" s="613"/>
      <c r="DKA702" s="613"/>
      <c r="DKB702" s="613"/>
      <c r="DKC702" s="613"/>
      <c r="DKD702" s="613"/>
      <c r="DKE702" s="613"/>
      <c r="DKF702" s="613"/>
      <c r="DKG702" s="613"/>
      <c r="DKH702" s="613"/>
      <c r="DKI702" s="613"/>
      <c r="DKJ702" s="613"/>
      <c r="DKK702" s="613"/>
      <c r="DKL702" s="613"/>
      <c r="DKM702" s="613"/>
      <c r="DKN702" s="613"/>
      <c r="DKO702" s="613"/>
      <c r="DKP702" s="613"/>
      <c r="DKQ702" s="613"/>
      <c r="DKR702" s="613"/>
      <c r="DKS702" s="613"/>
      <c r="DKT702" s="613"/>
      <c r="DKU702" s="613"/>
      <c r="DKV702" s="613"/>
      <c r="DKW702" s="613"/>
      <c r="DKX702" s="613"/>
      <c r="DKY702" s="613"/>
      <c r="DKZ702" s="613"/>
      <c r="DLA702" s="613"/>
      <c r="DLB702" s="613"/>
      <c r="DLC702" s="613"/>
      <c r="DLD702" s="613"/>
      <c r="DLE702" s="613"/>
      <c r="DLF702" s="613"/>
      <c r="DLG702" s="613"/>
      <c r="DLH702" s="613"/>
      <c r="DLI702" s="613"/>
      <c r="DLJ702" s="613"/>
      <c r="DLK702" s="613"/>
      <c r="DLL702" s="613"/>
      <c r="DLM702" s="613"/>
      <c r="DLN702" s="613"/>
      <c r="DLO702" s="613"/>
      <c r="DLP702" s="613"/>
      <c r="DLQ702" s="613"/>
      <c r="DLR702" s="613"/>
      <c r="DLS702" s="613"/>
      <c r="DLT702" s="613"/>
      <c r="DLU702" s="613"/>
      <c r="DLV702" s="613"/>
      <c r="DLW702" s="613"/>
      <c r="DLX702" s="613"/>
      <c r="DLY702" s="613"/>
      <c r="DLZ702" s="613"/>
      <c r="DMA702" s="613"/>
      <c r="DMB702" s="613"/>
      <c r="DMC702" s="613"/>
      <c r="DMD702" s="613"/>
      <c r="DME702" s="613"/>
      <c r="DMF702" s="613"/>
      <c r="DMG702" s="613"/>
      <c r="DMH702" s="613"/>
      <c r="DMI702" s="613"/>
      <c r="DMJ702" s="613"/>
      <c r="DMK702" s="613"/>
      <c r="DML702" s="613"/>
      <c r="DMM702" s="613"/>
      <c r="DMN702" s="613"/>
      <c r="DMO702" s="613"/>
      <c r="DMP702" s="613"/>
      <c r="DMQ702" s="613"/>
      <c r="DMR702" s="613"/>
      <c r="DMS702" s="613"/>
      <c r="DMT702" s="613"/>
      <c r="DMU702" s="613"/>
      <c r="DMV702" s="613"/>
      <c r="DMW702" s="613"/>
      <c r="DMX702" s="613"/>
      <c r="DMY702" s="613"/>
      <c r="DMZ702" s="613"/>
      <c r="DNA702" s="613"/>
      <c r="DNB702" s="613"/>
      <c r="DNC702" s="613"/>
      <c r="DND702" s="613"/>
      <c r="DNE702" s="613"/>
      <c r="DNF702" s="613"/>
      <c r="DNG702" s="613"/>
      <c r="DNH702" s="613"/>
      <c r="DNI702" s="613"/>
      <c r="DNJ702" s="613"/>
      <c r="DNK702" s="613"/>
      <c r="DNL702" s="613"/>
      <c r="DNM702" s="613"/>
      <c r="DNN702" s="613"/>
      <c r="DNO702" s="613"/>
      <c r="DNP702" s="613"/>
      <c r="DNQ702" s="613"/>
      <c r="DNR702" s="613"/>
      <c r="DNS702" s="613"/>
      <c r="DNT702" s="613"/>
      <c r="DNU702" s="613"/>
      <c r="DNV702" s="613"/>
      <c r="DNW702" s="613"/>
      <c r="DNX702" s="613"/>
      <c r="DNY702" s="613"/>
      <c r="DNZ702" s="613"/>
      <c r="DOA702" s="613"/>
      <c r="DOB702" s="613"/>
      <c r="DOC702" s="613"/>
      <c r="DOD702" s="613"/>
      <c r="DOE702" s="613"/>
      <c r="DOF702" s="613"/>
      <c r="DOG702" s="613"/>
      <c r="DOH702" s="613"/>
      <c r="DOI702" s="613"/>
      <c r="DOJ702" s="613"/>
      <c r="DOK702" s="613"/>
      <c r="DOL702" s="613"/>
      <c r="DOM702" s="613"/>
      <c r="DON702" s="613"/>
      <c r="DOO702" s="613"/>
      <c r="DOP702" s="613"/>
      <c r="DOQ702" s="613"/>
      <c r="DOR702" s="613"/>
      <c r="DOS702" s="613"/>
      <c r="DOT702" s="613"/>
      <c r="DOU702" s="613"/>
      <c r="DOV702" s="613"/>
      <c r="DOW702" s="613"/>
      <c r="DOX702" s="613"/>
      <c r="DOY702" s="613"/>
      <c r="DOZ702" s="613"/>
      <c r="DPA702" s="613"/>
      <c r="DPB702" s="613"/>
      <c r="DPC702" s="613"/>
      <c r="DPD702" s="613"/>
      <c r="DPE702" s="613"/>
      <c r="DPF702" s="613"/>
      <c r="DPG702" s="613"/>
      <c r="DPH702" s="613"/>
      <c r="DPI702" s="613"/>
      <c r="DPJ702" s="613"/>
      <c r="DPK702" s="613"/>
      <c r="DPL702" s="613"/>
      <c r="DPM702" s="613"/>
      <c r="DPN702" s="613"/>
      <c r="DPO702" s="613"/>
      <c r="DPP702" s="613"/>
      <c r="DPQ702" s="613"/>
      <c r="DPR702" s="613"/>
      <c r="DPS702" s="613"/>
      <c r="DPT702" s="613"/>
      <c r="DPU702" s="613"/>
      <c r="DPV702" s="613"/>
      <c r="DPW702" s="613"/>
      <c r="DPX702" s="613"/>
      <c r="DPY702" s="613"/>
      <c r="DPZ702" s="613"/>
      <c r="DQA702" s="613"/>
      <c r="DQB702" s="613"/>
      <c r="DQC702" s="613"/>
      <c r="DQD702" s="613"/>
      <c r="DQE702" s="613"/>
      <c r="DQF702" s="613"/>
      <c r="DQG702" s="613"/>
      <c r="DQH702" s="613"/>
      <c r="DQI702" s="613"/>
      <c r="DQJ702" s="613"/>
      <c r="DQK702" s="613"/>
      <c r="DQL702" s="613"/>
      <c r="DQM702" s="613"/>
      <c r="DQN702" s="613"/>
      <c r="DQO702" s="613"/>
      <c r="DQP702" s="613"/>
      <c r="DQQ702" s="613"/>
      <c r="DQR702" s="613"/>
      <c r="DQS702" s="613"/>
      <c r="DQT702" s="613"/>
      <c r="DQU702" s="613"/>
      <c r="DQV702" s="613"/>
      <c r="DQW702" s="613"/>
      <c r="DQX702" s="613"/>
      <c r="DQY702" s="613"/>
      <c r="DQZ702" s="613"/>
      <c r="DRA702" s="613"/>
      <c r="DRB702" s="613"/>
      <c r="DRC702" s="613"/>
      <c r="DRD702" s="613"/>
      <c r="DRE702" s="613"/>
      <c r="DRF702" s="613"/>
      <c r="DRG702" s="613"/>
      <c r="DRH702" s="613"/>
      <c r="DRI702" s="613"/>
      <c r="DRJ702" s="613"/>
      <c r="DRK702" s="613"/>
      <c r="DRL702" s="613"/>
      <c r="DRM702" s="613"/>
      <c r="DRN702" s="613"/>
      <c r="DRO702" s="613"/>
      <c r="DRP702" s="613"/>
      <c r="DRQ702" s="613"/>
      <c r="DRR702" s="613"/>
      <c r="DRS702" s="613"/>
      <c r="DRT702" s="613"/>
      <c r="DRU702" s="613"/>
      <c r="DRV702" s="613"/>
      <c r="DRW702" s="613"/>
      <c r="DRX702" s="613"/>
      <c r="DRY702" s="613"/>
      <c r="DRZ702" s="613"/>
      <c r="DSA702" s="613"/>
      <c r="DSB702" s="613"/>
      <c r="DSC702" s="613"/>
      <c r="DSD702" s="613"/>
      <c r="DSE702" s="613"/>
      <c r="DSF702" s="613"/>
      <c r="DSG702" s="613"/>
      <c r="DSH702" s="613"/>
      <c r="DSI702" s="613"/>
      <c r="DSJ702" s="613"/>
      <c r="DSK702" s="613"/>
      <c r="DSL702" s="613"/>
      <c r="DSM702" s="613"/>
      <c r="DSN702" s="613"/>
      <c r="DSO702" s="613"/>
      <c r="DSP702" s="613"/>
      <c r="DSQ702" s="613"/>
      <c r="DSR702" s="613"/>
      <c r="DSS702" s="613"/>
      <c r="DST702" s="613"/>
      <c r="DSU702" s="613"/>
      <c r="DSV702" s="613"/>
      <c r="DSW702" s="613"/>
      <c r="DSX702" s="613"/>
      <c r="DSY702" s="613"/>
      <c r="DSZ702" s="613"/>
      <c r="DTA702" s="613"/>
      <c r="DTB702" s="613"/>
      <c r="DTC702" s="613"/>
      <c r="DTD702" s="613"/>
      <c r="DTE702" s="613"/>
      <c r="DTF702" s="613"/>
      <c r="DTG702" s="613"/>
      <c r="DTH702" s="613"/>
      <c r="DTI702" s="613"/>
      <c r="DTJ702" s="613"/>
      <c r="DTK702" s="613"/>
      <c r="DTL702" s="613"/>
      <c r="DTM702" s="613"/>
      <c r="DTN702" s="613"/>
      <c r="DTO702" s="613"/>
      <c r="DTP702" s="613"/>
      <c r="DTQ702" s="613"/>
      <c r="DTR702" s="613"/>
      <c r="DTS702" s="613"/>
      <c r="DTT702" s="613"/>
      <c r="DTU702" s="613"/>
      <c r="DTV702" s="613"/>
      <c r="DTW702" s="613"/>
      <c r="DTX702" s="613"/>
      <c r="DTY702" s="613"/>
      <c r="DTZ702" s="613"/>
      <c r="DUA702" s="613"/>
      <c r="DUB702" s="613"/>
      <c r="DUC702" s="613"/>
      <c r="DUD702" s="613"/>
      <c r="DUE702" s="613"/>
      <c r="DUF702" s="613"/>
      <c r="DUG702" s="613"/>
      <c r="DUH702" s="613"/>
      <c r="DUI702" s="613"/>
      <c r="DUJ702" s="613"/>
      <c r="DUK702" s="613"/>
      <c r="DUL702" s="613"/>
      <c r="DUM702" s="613"/>
      <c r="DUN702" s="613"/>
      <c r="DUO702" s="613"/>
      <c r="DUP702" s="613"/>
      <c r="DUQ702" s="613"/>
      <c r="DUR702" s="613"/>
      <c r="DUS702" s="613"/>
      <c r="DUT702" s="613"/>
      <c r="DUU702" s="613"/>
      <c r="DUV702" s="613"/>
      <c r="DUW702" s="613"/>
      <c r="DUX702" s="613"/>
      <c r="DUY702" s="613"/>
      <c r="DUZ702" s="613"/>
      <c r="DVA702" s="613"/>
      <c r="DVB702" s="613"/>
      <c r="DVC702" s="613"/>
      <c r="DVD702" s="613"/>
      <c r="DVE702" s="613"/>
      <c r="DVF702" s="613"/>
      <c r="DVG702" s="613"/>
      <c r="DVH702" s="613"/>
      <c r="DVI702" s="613"/>
      <c r="DVJ702" s="613"/>
      <c r="DVK702" s="613"/>
      <c r="DVL702" s="613"/>
      <c r="DVM702" s="613"/>
      <c r="DVN702" s="613"/>
      <c r="DVO702" s="613"/>
      <c r="DVP702" s="613"/>
      <c r="DVQ702" s="613"/>
      <c r="DVR702" s="613"/>
      <c r="DVS702" s="613"/>
      <c r="DVT702" s="613"/>
      <c r="DVU702" s="613"/>
      <c r="DVV702" s="613"/>
      <c r="DVW702" s="613"/>
      <c r="DVX702" s="613"/>
      <c r="DVY702" s="613"/>
      <c r="DVZ702" s="613"/>
      <c r="DWA702" s="613"/>
      <c r="DWB702" s="613"/>
      <c r="DWC702" s="613"/>
      <c r="DWD702" s="613"/>
      <c r="DWE702" s="613"/>
      <c r="DWF702" s="613"/>
      <c r="DWG702" s="613"/>
      <c r="DWH702" s="613"/>
      <c r="DWI702" s="613"/>
      <c r="DWJ702" s="613"/>
      <c r="DWK702" s="613"/>
      <c r="DWL702" s="613"/>
      <c r="DWM702" s="613"/>
      <c r="DWN702" s="613"/>
      <c r="DWO702" s="613"/>
      <c r="DWP702" s="613"/>
      <c r="DWQ702" s="613"/>
      <c r="DWR702" s="613"/>
      <c r="DWS702" s="613"/>
      <c r="DWT702" s="613"/>
      <c r="DWU702" s="613"/>
      <c r="DWV702" s="613"/>
      <c r="DWW702" s="613"/>
      <c r="DWX702" s="613"/>
      <c r="DWY702" s="613"/>
      <c r="DWZ702" s="613"/>
      <c r="DXA702" s="613"/>
      <c r="DXB702" s="613"/>
      <c r="DXC702" s="613"/>
      <c r="DXD702" s="613"/>
      <c r="DXE702" s="613"/>
      <c r="DXF702" s="613"/>
      <c r="DXG702" s="613"/>
      <c r="DXH702" s="613"/>
      <c r="DXI702" s="613"/>
      <c r="DXJ702" s="613"/>
      <c r="DXK702" s="613"/>
      <c r="DXL702" s="613"/>
      <c r="DXM702" s="613"/>
      <c r="DXN702" s="613"/>
      <c r="DXO702" s="613"/>
      <c r="DXP702" s="613"/>
      <c r="DXQ702" s="613"/>
      <c r="DXR702" s="613"/>
      <c r="DXS702" s="613"/>
      <c r="DXT702" s="613"/>
      <c r="DXU702" s="613"/>
      <c r="DXV702" s="613"/>
      <c r="DXW702" s="613"/>
      <c r="DXX702" s="613"/>
      <c r="DXY702" s="613"/>
      <c r="DXZ702" s="613"/>
      <c r="DYA702" s="613"/>
      <c r="DYB702" s="613"/>
      <c r="DYC702" s="613"/>
      <c r="DYD702" s="613"/>
      <c r="DYE702" s="613"/>
      <c r="DYF702" s="613"/>
      <c r="DYG702" s="613"/>
      <c r="DYH702" s="613"/>
      <c r="DYI702" s="613"/>
      <c r="DYJ702" s="613"/>
      <c r="DYK702" s="613"/>
      <c r="DYL702" s="613"/>
      <c r="DYM702" s="613"/>
      <c r="DYN702" s="613"/>
      <c r="DYO702" s="613"/>
      <c r="DYP702" s="613"/>
      <c r="DYQ702" s="613"/>
      <c r="DYR702" s="613"/>
      <c r="DYS702" s="613"/>
      <c r="DYT702" s="613"/>
      <c r="DYU702" s="613"/>
      <c r="DYV702" s="613"/>
      <c r="DYW702" s="613"/>
      <c r="DYX702" s="613"/>
      <c r="DYY702" s="613"/>
      <c r="DYZ702" s="613"/>
      <c r="DZA702" s="613"/>
      <c r="DZB702" s="613"/>
      <c r="DZC702" s="613"/>
      <c r="DZD702" s="613"/>
      <c r="DZE702" s="613"/>
      <c r="DZF702" s="613"/>
      <c r="DZG702" s="613"/>
      <c r="DZH702" s="613"/>
      <c r="DZI702" s="613"/>
      <c r="DZJ702" s="613"/>
      <c r="DZK702" s="613"/>
      <c r="DZL702" s="613"/>
      <c r="DZM702" s="613"/>
      <c r="DZN702" s="613"/>
      <c r="DZO702" s="613"/>
      <c r="DZP702" s="613"/>
      <c r="DZQ702" s="613"/>
      <c r="DZR702" s="613"/>
      <c r="DZS702" s="613"/>
      <c r="DZT702" s="613"/>
      <c r="DZU702" s="613"/>
      <c r="DZV702" s="613"/>
      <c r="DZW702" s="613"/>
      <c r="DZX702" s="613"/>
      <c r="DZY702" s="613"/>
      <c r="DZZ702" s="613"/>
      <c r="EAA702" s="613"/>
      <c r="EAB702" s="613"/>
      <c r="EAC702" s="613"/>
      <c r="EAD702" s="613"/>
      <c r="EAE702" s="613"/>
      <c r="EAF702" s="613"/>
      <c r="EAG702" s="613"/>
      <c r="EAH702" s="613"/>
      <c r="EAI702" s="613"/>
      <c r="EAJ702" s="613"/>
      <c r="EAK702" s="613"/>
      <c r="EAL702" s="613"/>
      <c r="EAM702" s="613"/>
      <c r="EAN702" s="613"/>
      <c r="EAO702" s="613"/>
      <c r="EAP702" s="613"/>
      <c r="EAQ702" s="613"/>
      <c r="EAR702" s="613"/>
      <c r="EAS702" s="613"/>
      <c r="EAT702" s="613"/>
      <c r="EAU702" s="613"/>
      <c r="EAV702" s="613"/>
      <c r="EAW702" s="613"/>
      <c r="EAX702" s="613"/>
      <c r="EAY702" s="613"/>
      <c r="EAZ702" s="613"/>
      <c r="EBA702" s="613"/>
      <c r="EBB702" s="613"/>
      <c r="EBC702" s="613"/>
      <c r="EBD702" s="613"/>
      <c r="EBE702" s="613"/>
      <c r="EBF702" s="613"/>
      <c r="EBG702" s="613"/>
      <c r="EBH702" s="613"/>
      <c r="EBI702" s="613"/>
      <c r="EBJ702" s="613"/>
      <c r="EBK702" s="613"/>
      <c r="EBL702" s="613"/>
      <c r="EBM702" s="613"/>
      <c r="EBN702" s="613"/>
      <c r="EBO702" s="613"/>
      <c r="EBP702" s="613"/>
      <c r="EBQ702" s="613"/>
      <c r="EBR702" s="613"/>
      <c r="EBS702" s="613"/>
      <c r="EBT702" s="613"/>
      <c r="EBU702" s="613"/>
      <c r="EBV702" s="613"/>
      <c r="EBW702" s="613"/>
      <c r="EBX702" s="613"/>
      <c r="EBY702" s="613"/>
      <c r="EBZ702" s="613"/>
      <c r="ECA702" s="613"/>
      <c r="ECB702" s="613"/>
      <c r="ECC702" s="613"/>
      <c r="ECD702" s="613"/>
      <c r="ECE702" s="613"/>
      <c r="ECF702" s="613"/>
      <c r="ECG702" s="613"/>
      <c r="ECH702" s="613"/>
      <c r="ECI702" s="613"/>
      <c r="ECJ702" s="613"/>
      <c r="ECK702" s="613"/>
      <c r="ECL702" s="613"/>
      <c r="ECM702" s="613"/>
      <c r="ECN702" s="613"/>
      <c r="ECO702" s="613"/>
      <c r="ECP702" s="613"/>
      <c r="ECQ702" s="613"/>
      <c r="ECR702" s="613"/>
      <c r="ECS702" s="613"/>
      <c r="ECT702" s="613"/>
      <c r="ECU702" s="613"/>
      <c r="ECV702" s="613"/>
      <c r="ECW702" s="613"/>
      <c r="ECX702" s="613"/>
      <c r="ECY702" s="613"/>
      <c r="ECZ702" s="613"/>
      <c r="EDA702" s="613"/>
      <c r="EDB702" s="613"/>
      <c r="EDC702" s="613"/>
      <c r="EDD702" s="613"/>
      <c r="EDE702" s="613"/>
      <c r="EDF702" s="613"/>
      <c r="EDG702" s="613"/>
      <c r="EDH702" s="613"/>
      <c r="EDI702" s="613"/>
      <c r="EDJ702" s="613"/>
      <c r="EDK702" s="613"/>
      <c r="EDL702" s="613"/>
      <c r="EDM702" s="613"/>
      <c r="EDN702" s="613"/>
      <c r="EDO702" s="613"/>
      <c r="EDP702" s="613"/>
      <c r="EDQ702" s="613"/>
      <c r="EDR702" s="613"/>
      <c r="EDS702" s="613"/>
      <c r="EDT702" s="613"/>
      <c r="EDU702" s="613"/>
      <c r="EDV702" s="613"/>
      <c r="EDW702" s="613"/>
      <c r="EDX702" s="613"/>
      <c r="EDY702" s="613"/>
      <c r="EDZ702" s="613"/>
      <c r="EEA702" s="613"/>
      <c r="EEB702" s="613"/>
      <c r="EEC702" s="613"/>
      <c r="EED702" s="613"/>
      <c r="EEE702" s="613"/>
      <c r="EEF702" s="613"/>
      <c r="EEG702" s="613"/>
      <c r="EEH702" s="613"/>
      <c r="EEI702" s="613"/>
      <c r="EEJ702" s="613"/>
      <c r="EEK702" s="613"/>
      <c r="EEL702" s="613"/>
      <c r="EEM702" s="613"/>
      <c r="EEN702" s="613"/>
      <c r="EEO702" s="613"/>
      <c r="EEP702" s="613"/>
      <c r="EEQ702" s="613"/>
      <c r="EER702" s="613"/>
      <c r="EES702" s="613"/>
      <c r="EET702" s="613"/>
      <c r="EEU702" s="613"/>
      <c r="EEV702" s="613"/>
      <c r="EEW702" s="613"/>
      <c r="EEX702" s="613"/>
      <c r="EEY702" s="613"/>
      <c r="EEZ702" s="613"/>
      <c r="EFA702" s="613"/>
      <c r="EFB702" s="613"/>
      <c r="EFC702" s="613"/>
      <c r="EFD702" s="613"/>
      <c r="EFE702" s="613"/>
      <c r="EFF702" s="613"/>
      <c r="EFG702" s="613"/>
      <c r="EFH702" s="613"/>
      <c r="EFI702" s="613"/>
      <c r="EFJ702" s="613"/>
      <c r="EFK702" s="613"/>
      <c r="EFL702" s="613"/>
      <c r="EFM702" s="613"/>
      <c r="EFN702" s="613"/>
      <c r="EFO702" s="613"/>
      <c r="EFP702" s="613"/>
      <c r="EFQ702" s="613"/>
      <c r="EFR702" s="613"/>
      <c r="EFS702" s="613"/>
      <c r="EFT702" s="613"/>
      <c r="EFU702" s="613"/>
      <c r="EFV702" s="613"/>
      <c r="EFW702" s="613"/>
      <c r="EFX702" s="613"/>
      <c r="EFY702" s="613"/>
      <c r="EFZ702" s="613"/>
      <c r="EGA702" s="613"/>
      <c r="EGB702" s="613"/>
      <c r="EGC702" s="613"/>
      <c r="EGD702" s="613"/>
      <c r="EGE702" s="613"/>
      <c r="EGF702" s="613"/>
      <c r="EGG702" s="613"/>
      <c r="EGH702" s="613"/>
      <c r="EGI702" s="613"/>
      <c r="EGJ702" s="613"/>
      <c r="EGK702" s="613"/>
      <c r="EGL702" s="613"/>
      <c r="EGM702" s="613"/>
      <c r="EGN702" s="613"/>
      <c r="EGO702" s="613"/>
      <c r="EGP702" s="613"/>
      <c r="EGQ702" s="613"/>
      <c r="EGR702" s="613"/>
      <c r="EGS702" s="613"/>
      <c r="EGT702" s="613"/>
      <c r="EGU702" s="613"/>
      <c r="EGV702" s="613"/>
      <c r="EGW702" s="613"/>
      <c r="EGX702" s="613"/>
      <c r="EGY702" s="613"/>
      <c r="EGZ702" s="613"/>
      <c r="EHA702" s="613"/>
      <c r="EHB702" s="613"/>
      <c r="EHC702" s="613"/>
      <c r="EHD702" s="613"/>
      <c r="EHE702" s="613"/>
      <c r="EHF702" s="613"/>
      <c r="EHG702" s="613"/>
      <c r="EHH702" s="613"/>
      <c r="EHI702" s="613"/>
      <c r="EHJ702" s="613"/>
      <c r="EHK702" s="613"/>
      <c r="EHL702" s="613"/>
      <c r="EHM702" s="613"/>
      <c r="EHN702" s="613"/>
      <c r="EHO702" s="613"/>
      <c r="EHP702" s="613"/>
      <c r="EHQ702" s="613"/>
      <c r="EHR702" s="613"/>
      <c r="EHS702" s="613"/>
      <c r="EHT702" s="613"/>
      <c r="EHU702" s="613"/>
      <c r="EHV702" s="613"/>
      <c r="EHW702" s="613"/>
      <c r="EHX702" s="613"/>
      <c r="EHY702" s="613"/>
      <c r="EHZ702" s="613"/>
      <c r="EIA702" s="613"/>
      <c r="EIB702" s="613"/>
      <c r="EIC702" s="613"/>
      <c r="EID702" s="613"/>
      <c r="EIE702" s="613"/>
      <c r="EIF702" s="613"/>
      <c r="EIG702" s="613"/>
      <c r="EIH702" s="613"/>
      <c r="EII702" s="613"/>
      <c r="EIJ702" s="613"/>
      <c r="EIK702" s="613"/>
      <c r="EIL702" s="613"/>
      <c r="EIM702" s="613"/>
      <c r="EIN702" s="613"/>
      <c r="EIO702" s="613"/>
      <c r="EIP702" s="613"/>
      <c r="EIQ702" s="613"/>
      <c r="EIR702" s="613"/>
      <c r="EIS702" s="613"/>
      <c r="EIT702" s="613"/>
      <c r="EIU702" s="613"/>
      <c r="EIV702" s="613"/>
      <c r="EIW702" s="613"/>
      <c r="EIX702" s="613"/>
      <c r="EIY702" s="613"/>
      <c r="EIZ702" s="613"/>
      <c r="EJA702" s="613"/>
      <c r="EJB702" s="613"/>
      <c r="EJC702" s="613"/>
      <c r="EJD702" s="613"/>
      <c r="EJE702" s="613"/>
      <c r="EJF702" s="613"/>
      <c r="EJG702" s="613"/>
      <c r="EJH702" s="613"/>
      <c r="EJI702" s="613"/>
      <c r="EJJ702" s="613"/>
      <c r="EJK702" s="613"/>
      <c r="EJL702" s="613"/>
      <c r="EJM702" s="613"/>
      <c r="EJN702" s="613"/>
      <c r="EJO702" s="613"/>
      <c r="EJP702" s="613"/>
      <c r="EJQ702" s="613"/>
      <c r="EJR702" s="613"/>
      <c r="EJS702" s="613"/>
      <c r="EJT702" s="613"/>
      <c r="EJU702" s="613"/>
      <c r="EJV702" s="613"/>
      <c r="EJW702" s="613"/>
      <c r="EJX702" s="613"/>
      <c r="EJY702" s="613"/>
      <c r="EJZ702" s="613"/>
      <c r="EKA702" s="613"/>
      <c r="EKB702" s="613"/>
      <c r="EKC702" s="613"/>
      <c r="EKD702" s="613"/>
      <c r="EKE702" s="613"/>
      <c r="EKF702" s="613"/>
      <c r="EKG702" s="613"/>
      <c r="EKH702" s="613"/>
      <c r="EKI702" s="613"/>
      <c r="EKJ702" s="613"/>
      <c r="EKK702" s="613"/>
      <c r="EKL702" s="613"/>
      <c r="EKM702" s="613"/>
      <c r="EKN702" s="613"/>
      <c r="EKO702" s="613"/>
      <c r="EKP702" s="613"/>
      <c r="EKQ702" s="613"/>
      <c r="EKR702" s="613"/>
      <c r="EKS702" s="613"/>
      <c r="EKT702" s="613"/>
      <c r="EKU702" s="613"/>
      <c r="EKV702" s="613"/>
      <c r="EKW702" s="613"/>
      <c r="EKX702" s="613"/>
      <c r="EKY702" s="613"/>
      <c r="EKZ702" s="613"/>
      <c r="ELA702" s="613"/>
      <c r="ELB702" s="613"/>
      <c r="ELC702" s="613"/>
      <c r="ELD702" s="613"/>
      <c r="ELE702" s="613"/>
      <c r="ELF702" s="613"/>
      <c r="ELG702" s="613"/>
      <c r="ELH702" s="613"/>
      <c r="ELI702" s="613"/>
      <c r="ELJ702" s="613"/>
      <c r="ELK702" s="613"/>
      <c r="ELL702" s="613"/>
      <c r="ELM702" s="613"/>
      <c r="ELN702" s="613"/>
      <c r="ELO702" s="613"/>
      <c r="ELP702" s="613"/>
      <c r="ELQ702" s="613"/>
      <c r="ELR702" s="613"/>
      <c r="ELS702" s="613"/>
      <c r="ELT702" s="613"/>
      <c r="ELU702" s="613"/>
      <c r="ELV702" s="613"/>
      <c r="ELW702" s="613"/>
      <c r="ELX702" s="613"/>
      <c r="ELY702" s="613"/>
      <c r="ELZ702" s="613"/>
      <c r="EMA702" s="613"/>
      <c r="EMB702" s="613"/>
      <c r="EMC702" s="613"/>
      <c r="EMD702" s="613"/>
      <c r="EME702" s="613"/>
      <c r="EMF702" s="613"/>
      <c r="EMG702" s="613"/>
      <c r="EMH702" s="613"/>
      <c r="EMI702" s="613"/>
      <c r="EMJ702" s="613"/>
      <c r="EMK702" s="613"/>
      <c r="EML702" s="613"/>
      <c r="EMM702" s="613"/>
      <c r="EMN702" s="613"/>
      <c r="EMO702" s="613"/>
      <c r="EMP702" s="613"/>
      <c r="EMQ702" s="613"/>
      <c r="EMR702" s="613"/>
      <c r="EMS702" s="613"/>
      <c r="EMT702" s="613"/>
      <c r="EMU702" s="613"/>
      <c r="EMV702" s="613"/>
      <c r="EMW702" s="613"/>
      <c r="EMX702" s="613"/>
      <c r="EMY702" s="613"/>
      <c r="EMZ702" s="613"/>
      <c r="ENA702" s="613"/>
      <c r="ENB702" s="613"/>
      <c r="ENC702" s="613"/>
      <c r="END702" s="613"/>
      <c r="ENE702" s="613"/>
      <c r="ENF702" s="613"/>
      <c r="ENG702" s="613"/>
      <c r="ENH702" s="613"/>
      <c r="ENI702" s="613"/>
      <c r="ENJ702" s="613"/>
      <c r="ENK702" s="613"/>
      <c r="ENL702" s="613"/>
      <c r="ENM702" s="613"/>
      <c r="ENN702" s="613"/>
      <c r="ENO702" s="613"/>
      <c r="ENP702" s="613"/>
      <c r="ENQ702" s="613"/>
      <c r="ENR702" s="613"/>
      <c r="ENS702" s="613"/>
      <c r="ENT702" s="613"/>
      <c r="ENU702" s="613"/>
      <c r="ENV702" s="613"/>
      <c r="ENW702" s="613"/>
      <c r="ENX702" s="613"/>
      <c r="ENY702" s="613"/>
      <c r="ENZ702" s="613"/>
      <c r="EOA702" s="613"/>
      <c r="EOB702" s="613"/>
      <c r="EOC702" s="613"/>
      <c r="EOD702" s="613"/>
      <c r="EOE702" s="613"/>
      <c r="EOF702" s="613"/>
      <c r="EOG702" s="613"/>
      <c r="EOH702" s="613"/>
      <c r="EOI702" s="613"/>
      <c r="EOJ702" s="613"/>
      <c r="EOK702" s="613"/>
      <c r="EOL702" s="613"/>
      <c r="EOM702" s="613"/>
      <c r="EON702" s="613"/>
      <c r="EOO702" s="613"/>
      <c r="EOP702" s="613"/>
      <c r="EOQ702" s="613"/>
      <c r="EOR702" s="613"/>
      <c r="EOS702" s="613"/>
      <c r="EOT702" s="613"/>
      <c r="EOU702" s="613"/>
      <c r="EOV702" s="613"/>
      <c r="EOW702" s="613"/>
      <c r="EOX702" s="613"/>
      <c r="EOY702" s="613"/>
      <c r="EOZ702" s="613"/>
      <c r="EPA702" s="613"/>
      <c r="EPB702" s="613"/>
      <c r="EPC702" s="613"/>
      <c r="EPD702" s="613"/>
      <c r="EPE702" s="613"/>
      <c r="EPF702" s="613"/>
      <c r="EPG702" s="613"/>
      <c r="EPH702" s="613"/>
      <c r="EPI702" s="613"/>
      <c r="EPJ702" s="613"/>
      <c r="EPK702" s="613"/>
      <c r="EPL702" s="613"/>
      <c r="EPM702" s="613"/>
      <c r="EPN702" s="613"/>
      <c r="EPO702" s="613"/>
      <c r="EPP702" s="613"/>
      <c r="EPQ702" s="613"/>
      <c r="EPR702" s="613"/>
      <c r="EPS702" s="613"/>
      <c r="EPT702" s="613"/>
      <c r="EPU702" s="613"/>
      <c r="EPV702" s="613"/>
      <c r="EPW702" s="613"/>
      <c r="EPX702" s="613"/>
      <c r="EPY702" s="613"/>
      <c r="EPZ702" s="613"/>
      <c r="EQA702" s="613"/>
      <c r="EQB702" s="613"/>
      <c r="EQC702" s="613"/>
      <c r="EQD702" s="613"/>
      <c r="EQE702" s="613"/>
      <c r="EQF702" s="613"/>
      <c r="EQG702" s="613"/>
      <c r="EQH702" s="613"/>
      <c r="EQI702" s="613"/>
      <c r="EQJ702" s="613"/>
      <c r="EQK702" s="613"/>
      <c r="EQL702" s="613"/>
      <c r="EQM702" s="613"/>
      <c r="EQN702" s="613"/>
      <c r="EQO702" s="613"/>
      <c r="EQP702" s="613"/>
      <c r="EQQ702" s="613"/>
      <c r="EQR702" s="613"/>
      <c r="EQS702" s="613"/>
      <c r="EQT702" s="613"/>
      <c r="EQU702" s="613"/>
      <c r="EQV702" s="613"/>
      <c r="EQW702" s="613"/>
      <c r="EQX702" s="613"/>
      <c r="EQY702" s="613"/>
      <c r="EQZ702" s="613"/>
      <c r="ERA702" s="613"/>
      <c r="ERB702" s="613"/>
      <c r="ERC702" s="613"/>
      <c r="ERD702" s="613"/>
      <c r="ERE702" s="613"/>
      <c r="ERF702" s="613"/>
      <c r="ERG702" s="613"/>
      <c r="ERH702" s="613"/>
      <c r="ERI702" s="613"/>
      <c r="ERJ702" s="613"/>
      <c r="ERK702" s="613"/>
      <c r="ERL702" s="613"/>
      <c r="ERM702" s="613"/>
      <c r="ERN702" s="613"/>
      <c r="ERO702" s="613"/>
      <c r="ERP702" s="613"/>
      <c r="ERQ702" s="613"/>
      <c r="ERR702" s="613"/>
      <c r="ERS702" s="613"/>
      <c r="ERT702" s="613"/>
      <c r="ERU702" s="613"/>
      <c r="ERV702" s="613"/>
      <c r="ERW702" s="613"/>
      <c r="ERX702" s="613"/>
      <c r="ERY702" s="613"/>
      <c r="ERZ702" s="613"/>
      <c r="ESA702" s="613"/>
      <c r="ESB702" s="613"/>
      <c r="ESC702" s="613"/>
      <c r="ESD702" s="613"/>
      <c r="ESE702" s="613"/>
      <c r="ESF702" s="613"/>
      <c r="ESG702" s="613"/>
      <c r="ESH702" s="613"/>
      <c r="ESI702" s="613"/>
      <c r="ESJ702" s="613"/>
      <c r="ESK702" s="613"/>
      <c r="ESL702" s="613"/>
      <c r="ESM702" s="613"/>
      <c r="ESN702" s="613"/>
      <c r="ESO702" s="613"/>
      <c r="ESP702" s="613"/>
      <c r="ESQ702" s="613"/>
      <c r="ESR702" s="613"/>
      <c r="ESS702" s="613"/>
      <c r="EST702" s="613"/>
      <c r="ESU702" s="613"/>
      <c r="ESV702" s="613"/>
      <c r="ESW702" s="613"/>
      <c r="ESX702" s="613"/>
      <c r="ESY702" s="613"/>
      <c r="ESZ702" s="613"/>
      <c r="ETA702" s="613"/>
      <c r="ETB702" s="613"/>
      <c r="ETC702" s="613"/>
      <c r="ETD702" s="613"/>
      <c r="ETE702" s="613"/>
      <c r="ETF702" s="613"/>
      <c r="ETG702" s="613"/>
      <c r="ETH702" s="613"/>
      <c r="ETI702" s="613"/>
      <c r="ETJ702" s="613"/>
      <c r="ETK702" s="613"/>
      <c r="ETL702" s="613"/>
      <c r="ETM702" s="613"/>
      <c r="ETN702" s="613"/>
      <c r="ETO702" s="613"/>
      <c r="ETP702" s="613"/>
      <c r="ETQ702" s="613"/>
      <c r="ETR702" s="613"/>
      <c r="ETS702" s="613"/>
      <c r="ETT702" s="613"/>
      <c r="ETU702" s="613"/>
      <c r="ETV702" s="613"/>
      <c r="ETW702" s="613"/>
      <c r="ETX702" s="613"/>
      <c r="ETY702" s="613"/>
      <c r="ETZ702" s="613"/>
      <c r="EUA702" s="613"/>
      <c r="EUB702" s="613"/>
      <c r="EUC702" s="613"/>
      <c r="EUD702" s="613"/>
      <c r="EUE702" s="613"/>
      <c r="EUF702" s="613"/>
      <c r="EUG702" s="613"/>
      <c r="EUH702" s="613"/>
      <c r="EUI702" s="613"/>
      <c r="EUJ702" s="613"/>
      <c r="EUK702" s="613"/>
      <c r="EUL702" s="613"/>
      <c r="EUM702" s="613"/>
      <c r="EUN702" s="613"/>
      <c r="EUO702" s="613"/>
      <c r="EUP702" s="613"/>
      <c r="EUQ702" s="613"/>
      <c r="EUR702" s="613"/>
      <c r="EUS702" s="613"/>
      <c r="EUT702" s="613"/>
      <c r="EUU702" s="613"/>
      <c r="EUV702" s="613"/>
      <c r="EUW702" s="613"/>
      <c r="EUX702" s="613"/>
      <c r="EUY702" s="613"/>
      <c r="EUZ702" s="613"/>
      <c r="EVA702" s="613"/>
      <c r="EVB702" s="613"/>
      <c r="EVC702" s="613"/>
      <c r="EVD702" s="613"/>
      <c r="EVE702" s="613"/>
      <c r="EVF702" s="613"/>
      <c r="EVG702" s="613"/>
      <c r="EVH702" s="613"/>
      <c r="EVI702" s="613"/>
      <c r="EVJ702" s="613"/>
      <c r="EVK702" s="613"/>
      <c r="EVL702" s="613"/>
      <c r="EVM702" s="613"/>
      <c r="EVN702" s="613"/>
      <c r="EVO702" s="613"/>
      <c r="EVP702" s="613"/>
      <c r="EVQ702" s="613"/>
      <c r="EVR702" s="613"/>
      <c r="EVS702" s="613"/>
      <c r="EVT702" s="613"/>
      <c r="EVU702" s="613"/>
      <c r="EVV702" s="613"/>
      <c r="EVW702" s="613"/>
      <c r="EVX702" s="613"/>
      <c r="EVY702" s="613"/>
      <c r="EVZ702" s="613"/>
      <c r="EWA702" s="613"/>
      <c r="EWB702" s="613"/>
      <c r="EWC702" s="613"/>
      <c r="EWD702" s="613"/>
      <c r="EWE702" s="613"/>
      <c r="EWF702" s="613"/>
      <c r="EWG702" s="613"/>
      <c r="EWH702" s="613"/>
      <c r="EWI702" s="613"/>
      <c r="EWJ702" s="613"/>
      <c r="EWK702" s="613"/>
      <c r="EWL702" s="613"/>
      <c r="EWM702" s="613"/>
      <c r="EWN702" s="613"/>
      <c r="EWO702" s="613"/>
      <c r="EWP702" s="613"/>
      <c r="EWQ702" s="613"/>
      <c r="EWR702" s="613"/>
      <c r="EWS702" s="613"/>
      <c r="EWT702" s="613"/>
      <c r="EWU702" s="613"/>
      <c r="EWV702" s="613"/>
      <c r="EWW702" s="613"/>
      <c r="EWX702" s="613"/>
      <c r="EWY702" s="613"/>
      <c r="EWZ702" s="613"/>
      <c r="EXA702" s="613"/>
      <c r="EXB702" s="613"/>
      <c r="EXC702" s="613"/>
      <c r="EXD702" s="613"/>
      <c r="EXE702" s="613"/>
      <c r="EXF702" s="613"/>
      <c r="EXG702" s="613"/>
      <c r="EXH702" s="613"/>
      <c r="EXI702" s="613"/>
      <c r="EXJ702" s="613"/>
      <c r="EXK702" s="613"/>
      <c r="EXL702" s="613"/>
      <c r="EXM702" s="613"/>
      <c r="EXN702" s="613"/>
      <c r="EXO702" s="613"/>
      <c r="EXP702" s="613"/>
      <c r="EXQ702" s="613"/>
      <c r="EXR702" s="613"/>
      <c r="EXS702" s="613"/>
      <c r="EXT702" s="613"/>
      <c r="EXU702" s="613"/>
      <c r="EXV702" s="613"/>
      <c r="EXW702" s="613"/>
      <c r="EXX702" s="613"/>
      <c r="EXY702" s="613"/>
      <c r="EXZ702" s="613"/>
      <c r="EYA702" s="613"/>
      <c r="EYB702" s="613"/>
      <c r="EYC702" s="613"/>
      <c r="EYD702" s="613"/>
      <c r="EYE702" s="613"/>
      <c r="EYF702" s="613"/>
      <c r="EYG702" s="613"/>
      <c r="EYH702" s="613"/>
      <c r="EYI702" s="613"/>
      <c r="EYJ702" s="613"/>
      <c r="EYK702" s="613"/>
      <c r="EYL702" s="613"/>
      <c r="EYM702" s="613"/>
      <c r="EYN702" s="613"/>
      <c r="EYO702" s="613"/>
      <c r="EYP702" s="613"/>
      <c r="EYQ702" s="613"/>
      <c r="EYR702" s="613"/>
      <c r="EYS702" s="613"/>
      <c r="EYT702" s="613"/>
      <c r="EYU702" s="613"/>
      <c r="EYV702" s="613"/>
      <c r="EYW702" s="613"/>
      <c r="EYX702" s="613"/>
      <c r="EYY702" s="613"/>
      <c r="EYZ702" s="613"/>
      <c r="EZA702" s="613"/>
      <c r="EZB702" s="613"/>
      <c r="EZC702" s="613"/>
      <c r="EZD702" s="613"/>
      <c r="EZE702" s="613"/>
      <c r="EZF702" s="613"/>
      <c r="EZG702" s="613"/>
      <c r="EZH702" s="613"/>
      <c r="EZI702" s="613"/>
      <c r="EZJ702" s="613"/>
      <c r="EZK702" s="613"/>
      <c r="EZL702" s="613"/>
      <c r="EZM702" s="613"/>
      <c r="EZN702" s="613"/>
      <c r="EZO702" s="613"/>
      <c r="EZP702" s="613"/>
      <c r="EZQ702" s="613"/>
      <c r="EZR702" s="613"/>
      <c r="EZS702" s="613"/>
      <c r="EZT702" s="613"/>
      <c r="EZU702" s="613"/>
      <c r="EZV702" s="613"/>
      <c r="EZW702" s="613"/>
      <c r="EZX702" s="613"/>
      <c r="EZY702" s="613"/>
      <c r="EZZ702" s="613"/>
      <c r="FAA702" s="613"/>
      <c r="FAB702" s="613"/>
      <c r="FAC702" s="613"/>
      <c r="FAD702" s="613"/>
      <c r="FAE702" s="613"/>
      <c r="FAF702" s="613"/>
      <c r="FAG702" s="613"/>
      <c r="FAH702" s="613"/>
      <c r="FAI702" s="613"/>
      <c r="FAJ702" s="613"/>
      <c r="FAK702" s="613"/>
      <c r="FAL702" s="613"/>
      <c r="FAM702" s="613"/>
      <c r="FAN702" s="613"/>
      <c r="FAO702" s="613"/>
      <c r="FAP702" s="613"/>
      <c r="FAQ702" s="613"/>
      <c r="FAR702" s="613"/>
      <c r="FAS702" s="613"/>
      <c r="FAT702" s="613"/>
      <c r="FAU702" s="613"/>
      <c r="FAV702" s="613"/>
      <c r="FAW702" s="613"/>
      <c r="FAX702" s="613"/>
      <c r="FAY702" s="613"/>
      <c r="FAZ702" s="613"/>
      <c r="FBA702" s="613"/>
      <c r="FBB702" s="613"/>
      <c r="FBC702" s="613"/>
      <c r="FBD702" s="613"/>
      <c r="FBE702" s="613"/>
      <c r="FBF702" s="613"/>
      <c r="FBG702" s="613"/>
      <c r="FBH702" s="613"/>
      <c r="FBI702" s="613"/>
      <c r="FBJ702" s="613"/>
      <c r="FBK702" s="613"/>
      <c r="FBL702" s="613"/>
      <c r="FBM702" s="613"/>
      <c r="FBN702" s="613"/>
      <c r="FBO702" s="613"/>
      <c r="FBP702" s="613"/>
      <c r="FBQ702" s="613"/>
      <c r="FBR702" s="613"/>
      <c r="FBS702" s="613"/>
      <c r="FBT702" s="613"/>
      <c r="FBU702" s="613"/>
      <c r="FBV702" s="613"/>
      <c r="FBW702" s="613"/>
      <c r="FBX702" s="613"/>
      <c r="FBY702" s="613"/>
      <c r="FBZ702" s="613"/>
      <c r="FCA702" s="613"/>
      <c r="FCB702" s="613"/>
      <c r="FCC702" s="613"/>
      <c r="FCD702" s="613"/>
      <c r="FCE702" s="613"/>
      <c r="FCF702" s="613"/>
      <c r="FCG702" s="613"/>
      <c r="FCH702" s="613"/>
      <c r="FCI702" s="613"/>
      <c r="FCJ702" s="613"/>
      <c r="FCK702" s="613"/>
      <c r="FCL702" s="613"/>
      <c r="FCM702" s="613"/>
      <c r="FCN702" s="613"/>
      <c r="FCO702" s="613"/>
      <c r="FCP702" s="613"/>
      <c r="FCQ702" s="613"/>
      <c r="FCR702" s="613"/>
      <c r="FCS702" s="613"/>
      <c r="FCT702" s="613"/>
      <c r="FCU702" s="613"/>
      <c r="FCV702" s="613"/>
      <c r="FCW702" s="613"/>
      <c r="FCX702" s="613"/>
      <c r="FCY702" s="613"/>
      <c r="FCZ702" s="613"/>
      <c r="FDA702" s="613"/>
      <c r="FDB702" s="613"/>
      <c r="FDC702" s="613"/>
      <c r="FDD702" s="613"/>
      <c r="FDE702" s="613"/>
      <c r="FDF702" s="613"/>
      <c r="FDG702" s="613"/>
      <c r="FDH702" s="613"/>
      <c r="FDI702" s="613"/>
      <c r="FDJ702" s="613"/>
      <c r="FDK702" s="613"/>
      <c r="FDL702" s="613"/>
      <c r="FDM702" s="613"/>
      <c r="FDN702" s="613"/>
      <c r="FDO702" s="613"/>
      <c r="FDP702" s="613"/>
      <c r="FDQ702" s="613"/>
      <c r="FDR702" s="613"/>
      <c r="FDS702" s="613"/>
      <c r="FDT702" s="613"/>
      <c r="FDU702" s="613"/>
      <c r="FDV702" s="613"/>
      <c r="FDW702" s="613"/>
      <c r="FDX702" s="613"/>
      <c r="FDY702" s="613"/>
      <c r="FDZ702" s="613"/>
      <c r="FEA702" s="613"/>
      <c r="FEB702" s="613"/>
      <c r="FEC702" s="613"/>
      <c r="FED702" s="613"/>
      <c r="FEE702" s="613"/>
      <c r="FEF702" s="613"/>
      <c r="FEG702" s="613"/>
      <c r="FEH702" s="613"/>
      <c r="FEI702" s="613"/>
      <c r="FEJ702" s="613"/>
      <c r="FEK702" s="613"/>
      <c r="FEL702" s="613"/>
      <c r="FEM702" s="613"/>
      <c r="FEN702" s="613"/>
      <c r="FEO702" s="613"/>
      <c r="FEP702" s="613"/>
      <c r="FEQ702" s="613"/>
      <c r="FER702" s="613"/>
      <c r="FES702" s="613"/>
      <c r="FET702" s="613"/>
      <c r="FEU702" s="613"/>
      <c r="FEV702" s="613"/>
      <c r="FEW702" s="613"/>
      <c r="FEX702" s="613"/>
      <c r="FEY702" s="613"/>
      <c r="FEZ702" s="613"/>
      <c r="FFA702" s="613"/>
      <c r="FFB702" s="613"/>
      <c r="FFC702" s="613"/>
      <c r="FFD702" s="613"/>
      <c r="FFE702" s="613"/>
      <c r="FFF702" s="613"/>
      <c r="FFG702" s="613"/>
      <c r="FFH702" s="613"/>
      <c r="FFI702" s="613"/>
      <c r="FFJ702" s="613"/>
      <c r="FFK702" s="613"/>
      <c r="FFL702" s="613"/>
      <c r="FFM702" s="613"/>
      <c r="FFN702" s="613"/>
      <c r="FFO702" s="613"/>
      <c r="FFP702" s="613"/>
      <c r="FFQ702" s="613"/>
      <c r="FFR702" s="613"/>
      <c r="FFS702" s="613"/>
      <c r="FFT702" s="613"/>
      <c r="FFU702" s="613"/>
      <c r="FFV702" s="613"/>
      <c r="FFW702" s="613"/>
      <c r="FFX702" s="613"/>
      <c r="FFY702" s="613"/>
      <c r="FFZ702" s="613"/>
      <c r="FGA702" s="613"/>
      <c r="FGB702" s="613"/>
      <c r="FGC702" s="613"/>
      <c r="FGD702" s="613"/>
      <c r="FGE702" s="613"/>
      <c r="FGF702" s="613"/>
      <c r="FGG702" s="613"/>
      <c r="FGH702" s="613"/>
      <c r="FGI702" s="613"/>
      <c r="FGJ702" s="613"/>
      <c r="FGK702" s="613"/>
      <c r="FGL702" s="613"/>
      <c r="FGM702" s="613"/>
      <c r="FGN702" s="613"/>
      <c r="FGO702" s="613"/>
      <c r="FGP702" s="613"/>
      <c r="FGQ702" s="613"/>
      <c r="FGR702" s="613"/>
      <c r="FGS702" s="613"/>
      <c r="FGT702" s="613"/>
      <c r="FGU702" s="613"/>
      <c r="FGV702" s="613"/>
      <c r="FGW702" s="613"/>
      <c r="FGX702" s="613"/>
      <c r="FGY702" s="613"/>
      <c r="FGZ702" s="613"/>
      <c r="FHA702" s="613"/>
      <c r="FHB702" s="613"/>
      <c r="FHC702" s="613"/>
      <c r="FHD702" s="613"/>
      <c r="FHE702" s="613"/>
      <c r="FHF702" s="613"/>
      <c r="FHG702" s="613"/>
      <c r="FHH702" s="613"/>
      <c r="FHI702" s="613"/>
      <c r="FHJ702" s="613"/>
      <c r="FHK702" s="613"/>
      <c r="FHL702" s="613"/>
      <c r="FHM702" s="613"/>
      <c r="FHN702" s="613"/>
      <c r="FHO702" s="613"/>
      <c r="FHP702" s="613"/>
      <c r="FHQ702" s="613"/>
      <c r="FHR702" s="613"/>
      <c r="FHS702" s="613"/>
      <c r="FHT702" s="613"/>
      <c r="FHU702" s="613"/>
      <c r="FHV702" s="613"/>
      <c r="FHW702" s="613"/>
      <c r="FHX702" s="613"/>
      <c r="FHY702" s="613"/>
      <c r="FHZ702" s="613"/>
      <c r="FIA702" s="613"/>
      <c r="FIB702" s="613"/>
      <c r="FIC702" s="613"/>
      <c r="FID702" s="613"/>
      <c r="FIE702" s="613"/>
      <c r="FIF702" s="613"/>
      <c r="FIG702" s="613"/>
      <c r="FIH702" s="613"/>
      <c r="FII702" s="613"/>
      <c r="FIJ702" s="613"/>
      <c r="FIK702" s="613"/>
      <c r="FIL702" s="613"/>
      <c r="FIM702" s="613"/>
      <c r="FIN702" s="613"/>
      <c r="FIO702" s="613"/>
      <c r="FIP702" s="613"/>
      <c r="FIQ702" s="613"/>
      <c r="FIR702" s="613"/>
      <c r="FIS702" s="613"/>
      <c r="FIT702" s="613"/>
      <c r="FIU702" s="613"/>
      <c r="FIV702" s="613"/>
      <c r="FIW702" s="613"/>
      <c r="FIX702" s="613"/>
      <c r="FIY702" s="613"/>
      <c r="FIZ702" s="613"/>
      <c r="FJA702" s="613"/>
      <c r="FJB702" s="613"/>
      <c r="FJC702" s="613"/>
      <c r="FJD702" s="613"/>
      <c r="FJE702" s="613"/>
      <c r="FJF702" s="613"/>
      <c r="FJG702" s="613"/>
      <c r="FJH702" s="613"/>
      <c r="FJI702" s="613"/>
      <c r="FJJ702" s="613"/>
      <c r="FJK702" s="613"/>
      <c r="FJL702" s="613"/>
      <c r="FJM702" s="613"/>
      <c r="FJN702" s="613"/>
      <c r="FJO702" s="613"/>
      <c r="FJP702" s="613"/>
      <c r="FJQ702" s="613"/>
      <c r="FJR702" s="613"/>
      <c r="FJS702" s="613"/>
      <c r="FJT702" s="613"/>
      <c r="FJU702" s="613"/>
      <c r="FJV702" s="613"/>
      <c r="FJW702" s="613"/>
      <c r="FJX702" s="613"/>
      <c r="FJY702" s="613"/>
      <c r="FJZ702" s="613"/>
      <c r="FKA702" s="613"/>
      <c r="FKB702" s="613"/>
      <c r="FKC702" s="613"/>
      <c r="FKD702" s="613"/>
      <c r="FKE702" s="613"/>
      <c r="FKF702" s="613"/>
      <c r="FKG702" s="613"/>
      <c r="FKH702" s="613"/>
      <c r="FKI702" s="613"/>
      <c r="FKJ702" s="613"/>
      <c r="FKK702" s="613"/>
      <c r="FKL702" s="613"/>
      <c r="FKM702" s="613"/>
      <c r="FKN702" s="613"/>
      <c r="FKO702" s="613"/>
      <c r="FKP702" s="613"/>
      <c r="FKQ702" s="613"/>
      <c r="FKR702" s="613"/>
      <c r="FKS702" s="613"/>
      <c r="FKT702" s="613"/>
      <c r="FKU702" s="613"/>
      <c r="FKV702" s="613"/>
      <c r="FKW702" s="613"/>
      <c r="FKX702" s="613"/>
      <c r="FKY702" s="613"/>
      <c r="FKZ702" s="613"/>
      <c r="FLA702" s="613"/>
      <c r="FLB702" s="613"/>
      <c r="FLC702" s="613"/>
      <c r="FLD702" s="613"/>
      <c r="FLE702" s="613"/>
      <c r="FLF702" s="613"/>
      <c r="FLG702" s="613"/>
      <c r="FLH702" s="613"/>
      <c r="FLI702" s="613"/>
      <c r="FLJ702" s="613"/>
      <c r="FLK702" s="613"/>
      <c r="FLL702" s="613"/>
      <c r="FLM702" s="613"/>
      <c r="FLN702" s="613"/>
      <c r="FLO702" s="613"/>
      <c r="FLP702" s="613"/>
      <c r="FLQ702" s="613"/>
      <c r="FLR702" s="613"/>
      <c r="FLS702" s="613"/>
      <c r="FLT702" s="613"/>
      <c r="FLU702" s="613"/>
      <c r="FLV702" s="613"/>
      <c r="FLW702" s="613"/>
      <c r="FLX702" s="613"/>
      <c r="FLY702" s="613"/>
      <c r="FLZ702" s="613"/>
      <c r="FMA702" s="613"/>
      <c r="FMB702" s="613"/>
      <c r="FMC702" s="613"/>
      <c r="FMD702" s="613"/>
      <c r="FME702" s="613"/>
      <c r="FMF702" s="613"/>
      <c r="FMG702" s="613"/>
      <c r="FMH702" s="613"/>
      <c r="FMI702" s="613"/>
      <c r="FMJ702" s="613"/>
      <c r="FMK702" s="613"/>
      <c r="FML702" s="613"/>
      <c r="FMM702" s="613"/>
      <c r="FMN702" s="613"/>
      <c r="FMO702" s="613"/>
      <c r="FMP702" s="613"/>
      <c r="FMQ702" s="613"/>
      <c r="FMR702" s="613"/>
      <c r="FMS702" s="613"/>
      <c r="FMT702" s="613"/>
      <c r="FMU702" s="613"/>
      <c r="FMV702" s="613"/>
      <c r="FMW702" s="613"/>
      <c r="FMX702" s="613"/>
      <c r="FMY702" s="613"/>
      <c r="FMZ702" s="613"/>
      <c r="FNA702" s="613"/>
      <c r="FNB702" s="613"/>
      <c r="FNC702" s="613"/>
      <c r="FND702" s="613"/>
      <c r="FNE702" s="613"/>
      <c r="FNF702" s="613"/>
      <c r="FNG702" s="613"/>
      <c r="FNH702" s="613"/>
      <c r="FNI702" s="613"/>
      <c r="FNJ702" s="613"/>
      <c r="FNK702" s="613"/>
      <c r="FNL702" s="613"/>
      <c r="FNM702" s="613"/>
      <c r="FNN702" s="613"/>
      <c r="FNO702" s="613"/>
      <c r="FNP702" s="613"/>
      <c r="FNQ702" s="613"/>
      <c r="FNR702" s="613"/>
      <c r="FNS702" s="613"/>
      <c r="FNT702" s="613"/>
      <c r="FNU702" s="613"/>
      <c r="FNV702" s="613"/>
      <c r="FNW702" s="613"/>
      <c r="FNX702" s="613"/>
      <c r="FNY702" s="613"/>
      <c r="FNZ702" s="613"/>
      <c r="FOA702" s="613"/>
      <c r="FOB702" s="613"/>
      <c r="FOC702" s="613"/>
      <c r="FOD702" s="613"/>
      <c r="FOE702" s="613"/>
      <c r="FOF702" s="613"/>
      <c r="FOG702" s="613"/>
      <c r="FOH702" s="613"/>
      <c r="FOI702" s="613"/>
      <c r="FOJ702" s="613"/>
      <c r="FOK702" s="613"/>
      <c r="FOL702" s="613"/>
      <c r="FOM702" s="613"/>
      <c r="FON702" s="613"/>
      <c r="FOO702" s="613"/>
      <c r="FOP702" s="613"/>
      <c r="FOQ702" s="613"/>
      <c r="FOR702" s="613"/>
      <c r="FOS702" s="613"/>
      <c r="FOT702" s="613"/>
      <c r="FOU702" s="613"/>
      <c r="FOV702" s="613"/>
      <c r="FOW702" s="613"/>
      <c r="FOX702" s="613"/>
      <c r="FOY702" s="613"/>
      <c r="FOZ702" s="613"/>
      <c r="FPA702" s="613"/>
      <c r="FPB702" s="613"/>
      <c r="FPC702" s="613"/>
      <c r="FPD702" s="613"/>
      <c r="FPE702" s="613"/>
      <c r="FPF702" s="613"/>
      <c r="FPG702" s="613"/>
      <c r="FPH702" s="613"/>
      <c r="FPI702" s="613"/>
      <c r="FPJ702" s="613"/>
      <c r="FPK702" s="613"/>
      <c r="FPL702" s="613"/>
      <c r="FPM702" s="613"/>
      <c r="FPN702" s="613"/>
      <c r="FPO702" s="613"/>
      <c r="FPP702" s="613"/>
      <c r="FPQ702" s="613"/>
      <c r="FPR702" s="613"/>
      <c r="FPS702" s="613"/>
      <c r="FPT702" s="613"/>
      <c r="FPU702" s="613"/>
      <c r="FPV702" s="613"/>
      <c r="FPW702" s="613"/>
      <c r="FPX702" s="613"/>
      <c r="FPY702" s="613"/>
      <c r="FPZ702" s="613"/>
      <c r="FQA702" s="613"/>
      <c r="FQB702" s="613"/>
      <c r="FQC702" s="613"/>
      <c r="FQD702" s="613"/>
      <c r="FQE702" s="613"/>
      <c r="FQF702" s="613"/>
      <c r="FQG702" s="613"/>
      <c r="FQH702" s="613"/>
      <c r="FQI702" s="613"/>
      <c r="FQJ702" s="613"/>
      <c r="FQK702" s="613"/>
      <c r="FQL702" s="613"/>
      <c r="FQM702" s="613"/>
      <c r="FQN702" s="613"/>
      <c r="FQO702" s="613"/>
      <c r="FQP702" s="613"/>
      <c r="FQQ702" s="613"/>
      <c r="FQR702" s="613"/>
      <c r="FQS702" s="613"/>
      <c r="FQT702" s="613"/>
      <c r="FQU702" s="613"/>
      <c r="FQV702" s="613"/>
      <c r="FQW702" s="613"/>
      <c r="FQX702" s="613"/>
      <c r="FQY702" s="613"/>
      <c r="FQZ702" s="613"/>
      <c r="FRA702" s="613"/>
      <c r="FRB702" s="613"/>
      <c r="FRC702" s="613"/>
      <c r="FRD702" s="613"/>
      <c r="FRE702" s="613"/>
      <c r="FRF702" s="613"/>
      <c r="FRG702" s="613"/>
      <c r="FRH702" s="613"/>
      <c r="FRI702" s="613"/>
      <c r="FRJ702" s="613"/>
      <c r="FRK702" s="613"/>
      <c r="FRL702" s="613"/>
      <c r="FRM702" s="613"/>
      <c r="FRN702" s="613"/>
      <c r="FRO702" s="613"/>
      <c r="FRP702" s="613"/>
      <c r="FRQ702" s="613"/>
      <c r="FRR702" s="613"/>
      <c r="FRS702" s="613"/>
      <c r="FRT702" s="613"/>
      <c r="FRU702" s="613"/>
      <c r="FRV702" s="613"/>
      <c r="FRW702" s="613"/>
      <c r="FRX702" s="613"/>
      <c r="FRY702" s="613"/>
      <c r="FRZ702" s="613"/>
      <c r="FSA702" s="613"/>
      <c r="FSB702" s="613"/>
      <c r="FSC702" s="613"/>
      <c r="FSD702" s="613"/>
      <c r="FSE702" s="613"/>
      <c r="FSF702" s="613"/>
      <c r="FSG702" s="613"/>
      <c r="FSH702" s="613"/>
      <c r="FSI702" s="613"/>
      <c r="FSJ702" s="613"/>
      <c r="FSK702" s="613"/>
      <c r="FSL702" s="613"/>
      <c r="FSM702" s="613"/>
      <c r="FSN702" s="613"/>
      <c r="FSO702" s="613"/>
      <c r="FSP702" s="613"/>
      <c r="FSQ702" s="613"/>
      <c r="FSR702" s="613"/>
      <c r="FSS702" s="613"/>
      <c r="FST702" s="613"/>
      <c r="FSU702" s="613"/>
      <c r="FSV702" s="613"/>
      <c r="FSW702" s="613"/>
      <c r="FSX702" s="613"/>
      <c r="FSY702" s="613"/>
      <c r="FSZ702" s="613"/>
      <c r="FTA702" s="613"/>
      <c r="FTB702" s="613"/>
      <c r="FTC702" s="613"/>
      <c r="FTD702" s="613"/>
      <c r="FTE702" s="613"/>
      <c r="FTF702" s="613"/>
      <c r="FTG702" s="613"/>
      <c r="FTH702" s="613"/>
      <c r="FTI702" s="613"/>
      <c r="FTJ702" s="613"/>
      <c r="FTK702" s="613"/>
      <c r="FTL702" s="613"/>
      <c r="FTM702" s="613"/>
      <c r="FTN702" s="613"/>
      <c r="FTO702" s="613"/>
      <c r="FTP702" s="613"/>
      <c r="FTQ702" s="613"/>
      <c r="FTR702" s="613"/>
      <c r="FTS702" s="613"/>
      <c r="FTT702" s="613"/>
      <c r="FTU702" s="613"/>
      <c r="FTV702" s="613"/>
      <c r="FTW702" s="613"/>
      <c r="FTX702" s="613"/>
      <c r="FTY702" s="613"/>
      <c r="FTZ702" s="613"/>
      <c r="FUA702" s="613"/>
      <c r="FUB702" s="613"/>
      <c r="FUC702" s="613"/>
      <c r="FUD702" s="613"/>
      <c r="FUE702" s="613"/>
      <c r="FUF702" s="613"/>
      <c r="FUG702" s="613"/>
      <c r="FUH702" s="613"/>
      <c r="FUI702" s="613"/>
      <c r="FUJ702" s="613"/>
      <c r="FUK702" s="613"/>
      <c r="FUL702" s="613"/>
      <c r="FUM702" s="613"/>
      <c r="FUN702" s="613"/>
      <c r="FUO702" s="613"/>
      <c r="FUP702" s="613"/>
      <c r="FUQ702" s="613"/>
      <c r="FUR702" s="613"/>
      <c r="FUS702" s="613"/>
      <c r="FUT702" s="613"/>
      <c r="FUU702" s="613"/>
      <c r="FUV702" s="613"/>
      <c r="FUW702" s="613"/>
      <c r="FUX702" s="613"/>
      <c r="FUY702" s="613"/>
      <c r="FUZ702" s="613"/>
      <c r="FVA702" s="613"/>
      <c r="FVB702" s="613"/>
      <c r="FVC702" s="613"/>
      <c r="FVD702" s="613"/>
      <c r="FVE702" s="613"/>
      <c r="FVF702" s="613"/>
      <c r="FVG702" s="613"/>
      <c r="FVH702" s="613"/>
      <c r="FVI702" s="613"/>
      <c r="FVJ702" s="613"/>
      <c r="FVK702" s="613"/>
      <c r="FVL702" s="613"/>
      <c r="FVM702" s="613"/>
      <c r="FVN702" s="613"/>
      <c r="FVO702" s="613"/>
      <c r="FVP702" s="613"/>
      <c r="FVQ702" s="613"/>
      <c r="FVR702" s="613"/>
      <c r="FVS702" s="613"/>
      <c r="FVT702" s="613"/>
      <c r="FVU702" s="613"/>
      <c r="FVV702" s="613"/>
      <c r="FVW702" s="613"/>
      <c r="FVX702" s="613"/>
      <c r="FVY702" s="613"/>
      <c r="FVZ702" s="613"/>
      <c r="FWA702" s="613"/>
      <c r="FWB702" s="613"/>
      <c r="FWC702" s="613"/>
      <c r="FWD702" s="613"/>
      <c r="FWE702" s="613"/>
      <c r="FWF702" s="613"/>
      <c r="FWG702" s="613"/>
      <c r="FWH702" s="613"/>
      <c r="FWI702" s="613"/>
      <c r="FWJ702" s="613"/>
      <c r="FWK702" s="613"/>
      <c r="FWL702" s="613"/>
      <c r="FWM702" s="613"/>
      <c r="FWN702" s="613"/>
      <c r="FWO702" s="613"/>
      <c r="FWP702" s="613"/>
      <c r="FWQ702" s="613"/>
      <c r="FWR702" s="613"/>
      <c r="FWS702" s="613"/>
      <c r="FWT702" s="613"/>
      <c r="FWU702" s="613"/>
      <c r="FWV702" s="613"/>
      <c r="FWW702" s="613"/>
      <c r="FWX702" s="613"/>
      <c r="FWY702" s="613"/>
      <c r="FWZ702" s="613"/>
      <c r="FXA702" s="613"/>
      <c r="FXB702" s="613"/>
      <c r="FXC702" s="613"/>
      <c r="FXD702" s="613"/>
      <c r="FXE702" s="613"/>
      <c r="FXF702" s="613"/>
      <c r="FXG702" s="613"/>
      <c r="FXH702" s="613"/>
      <c r="FXI702" s="613"/>
      <c r="FXJ702" s="613"/>
      <c r="FXK702" s="613"/>
      <c r="FXL702" s="613"/>
      <c r="FXM702" s="613"/>
      <c r="FXN702" s="613"/>
      <c r="FXO702" s="613"/>
      <c r="FXP702" s="613"/>
      <c r="FXQ702" s="613"/>
      <c r="FXR702" s="613"/>
      <c r="FXS702" s="613"/>
      <c r="FXT702" s="613"/>
      <c r="FXU702" s="613"/>
      <c r="FXV702" s="613"/>
      <c r="FXW702" s="613"/>
      <c r="FXX702" s="613"/>
      <c r="FXY702" s="613"/>
      <c r="FXZ702" s="613"/>
      <c r="FYA702" s="613"/>
      <c r="FYB702" s="613"/>
      <c r="FYC702" s="613"/>
      <c r="FYD702" s="613"/>
      <c r="FYE702" s="613"/>
      <c r="FYF702" s="613"/>
      <c r="FYG702" s="613"/>
      <c r="FYH702" s="613"/>
      <c r="FYI702" s="613"/>
      <c r="FYJ702" s="613"/>
      <c r="FYK702" s="613"/>
      <c r="FYL702" s="613"/>
      <c r="FYM702" s="613"/>
      <c r="FYN702" s="613"/>
      <c r="FYO702" s="613"/>
      <c r="FYP702" s="613"/>
      <c r="FYQ702" s="613"/>
      <c r="FYR702" s="613"/>
      <c r="FYS702" s="613"/>
      <c r="FYT702" s="613"/>
      <c r="FYU702" s="613"/>
      <c r="FYV702" s="613"/>
      <c r="FYW702" s="613"/>
      <c r="FYX702" s="613"/>
      <c r="FYY702" s="613"/>
      <c r="FYZ702" s="613"/>
      <c r="FZA702" s="613"/>
      <c r="FZB702" s="613"/>
      <c r="FZC702" s="613"/>
      <c r="FZD702" s="613"/>
      <c r="FZE702" s="613"/>
      <c r="FZF702" s="613"/>
      <c r="FZG702" s="613"/>
      <c r="FZH702" s="613"/>
      <c r="FZI702" s="613"/>
      <c r="FZJ702" s="613"/>
      <c r="FZK702" s="613"/>
      <c r="FZL702" s="613"/>
      <c r="FZM702" s="613"/>
      <c r="FZN702" s="613"/>
      <c r="FZO702" s="613"/>
      <c r="FZP702" s="613"/>
      <c r="FZQ702" s="613"/>
      <c r="FZR702" s="613"/>
      <c r="FZS702" s="613"/>
      <c r="FZT702" s="613"/>
      <c r="FZU702" s="613"/>
      <c r="FZV702" s="613"/>
      <c r="FZW702" s="613"/>
      <c r="FZX702" s="613"/>
      <c r="FZY702" s="613"/>
      <c r="FZZ702" s="613"/>
      <c r="GAA702" s="613"/>
      <c r="GAB702" s="613"/>
      <c r="GAC702" s="613"/>
      <c r="GAD702" s="613"/>
      <c r="GAE702" s="613"/>
      <c r="GAF702" s="613"/>
      <c r="GAG702" s="613"/>
      <c r="GAH702" s="613"/>
      <c r="GAI702" s="613"/>
      <c r="GAJ702" s="613"/>
      <c r="GAK702" s="613"/>
      <c r="GAL702" s="613"/>
      <c r="GAM702" s="613"/>
      <c r="GAN702" s="613"/>
      <c r="GAO702" s="613"/>
      <c r="GAP702" s="613"/>
      <c r="GAQ702" s="613"/>
      <c r="GAR702" s="613"/>
      <c r="GAS702" s="613"/>
      <c r="GAT702" s="613"/>
      <c r="GAU702" s="613"/>
      <c r="GAV702" s="613"/>
      <c r="GAW702" s="613"/>
      <c r="GAX702" s="613"/>
      <c r="GAY702" s="613"/>
      <c r="GAZ702" s="613"/>
      <c r="GBA702" s="613"/>
      <c r="GBB702" s="613"/>
      <c r="GBC702" s="613"/>
      <c r="GBD702" s="613"/>
      <c r="GBE702" s="613"/>
      <c r="GBF702" s="613"/>
      <c r="GBG702" s="613"/>
      <c r="GBH702" s="613"/>
      <c r="GBI702" s="613"/>
      <c r="GBJ702" s="613"/>
      <c r="GBK702" s="613"/>
      <c r="GBL702" s="613"/>
      <c r="GBM702" s="613"/>
      <c r="GBN702" s="613"/>
      <c r="GBO702" s="613"/>
      <c r="GBP702" s="613"/>
      <c r="GBQ702" s="613"/>
      <c r="GBR702" s="613"/>
      <c r="GBS702" s="613"/>
      <c r="GBT702" s="613"/>
      <c r="GBU702" s="613"/>
      <c r="GBV702" s="613"/>
      <c r="GBW702" s="613"/>
      <c r="GBX702" s="613"/>
      <c r="GBY702" s="613"/>
      <c r="GBZ702" s="613"/>
      <c r="GCA702" s="613"/>
      <c r="GCB702" s="613"/>
      <c r="GCC702" s="613"/>
      <c r="GCD702" s="613"/>
      <c r="GCE702" s="613"/>
      <c r="GCF702" s="613"/>
      <c r="GCG702" s="613"/>
      <c r="GCH702" s="613"/>
      <c r="GCI702" s="613"/>
      <c r="GCJ702" s="613"/>
      <c r="GCK702" s="613"/>
      <c r="GCL702" s="613"/>
      <c r="GCM702" s="613"/>
      <c r="GCN702" s="613"/>
      <c r="GCO702" s="613"/>
      <c r="GCP702" s="613"/>
      <c r="GCQ702" s="613"/>
      <c r="GCR702" s="613"/>
      <c r="GCS702" s="613"/>
      <c r="GCT702" s="613"/>
      <c r="GCU702" s="613"/>
      <c r="GCV702" s="613"/>
      <c r="GCW702" s="613"/>
      <c r="GCX702" s="613"/>
      <c r="GCY702" s="613"/>
      <c r="GCZ702" s="613"/>
      <c r="GDA702" s="613"/>
      <c r="GDB702" s="613"/>
      <c r="GDC702" s="613"/>
      <c r="GDD702" s="613"/>
      <c r="GDE702" s="613"/>
      <c r="GDF702" s="613"/>
      <c r="GDG702" s="613"/>
      <c r="GDH702" s="613"/>
      <c r="GDI702" s="613"/>
      <c r="GDJ702" s="613"/>
      <c r="GDK702" s="613"/>
      <c r="GDL702" s="613"/>
      <c r="GDM702" s="613"/>
      <c r="GDN702" s="613"/>
      <c r="GDO702" s="613"/>
      <c r="GDP702" s="613"/>
      <c r="GDQ702" s="613"/>
      <c r="GDR702" s="613"/>
      <c r="GDS702" s="613"/>
      <c r="GDT702" s="613"/>
      <c r="GDU702" s="613"/>
      <c r="GDV702" s="613"/>
      <c r="GDW702" s="613"/>
      <c r="GDX702" s="613"/>
      <c r="GDY702" s="613"/>
      <c r="GDZ702" s="613"/>
      <c r="GEA702" s="613"/>
      <c r="GEB702" s="613"/>
      <c r="GEC702" s="613"/>
      <c r="GED702" s="613"/>
      <c r="GEE702" s="613"/>
      <c r="GEF702" s="613"/>
      <c r="GEG702" s="613"/>
      <c r="GEH702" s="613"/>
      <c r="GEI702" s="613"/>
      <c r="GEJ702" s="613"/>
      <c r="GEK702" s="613"/>
      <c r="GEL702" s="613"/>
      <c r="GEM702" s="613"/>
      <c r="GEN702" s="613"/>
      <c r="GEO702" s="613"/>
      <c r="GEP702" s="613"/>
      <c r="GEQ702" s="613"/>
      <c r="GER702" s="613"/>
      <c r="GES702" s="613"/>
      <c r="GET702" s="613"/>
      <c r="GEU702" s="613"/>
      <c r="GEV702" s="613"/>
      <c r="GEW702" s="613"/>
      <c r="GEX702" s="613"/>
      <c r="GEY702" s="613"/>
      <c r="GEZ702" s="613"/>
      <c r="GFA702" s="613"/>
      <c r="GFB702" s="613"/>
      <c r="GFC702" s="613"/>
      <c r="GFD702" s="613"/>
      <c r="GFE702" s="613"/>
      <c r="GFF702" s="613"/>
      <c r="GFG702" s="613"/>
      <c r="GFH702" s="613"/>
      <c r="GFI702" s="613"/>
      <c r="GFJ702" s="613"/>
      <c r="GFK702" s="613"/>
      <c r="GFL702" s="613"/>
      <c r="GFM702" s="613"/>
      <c r="GFN702" s="613"/>
      <c r="GFO702" s="613"/>
      <c r="GFP702" s="613"/>
      <c r="GFQ702" s="613"/>
      <c r="GFR702" s="613"/>
      <c r="GFS702" s="613"/>
      <c r="GFT702" s="613"/>
      <c r="GFU702" s="613"/>
      <c r="GFV702" s="613"/>
      <c r="GFW702" s="613"/>
      <c r="GFX702" s="613"/>
      <c r="GFY702" s="613"/>
      <c r="GFZ702" s="613"/>
      <c r="GGA702" s="613"/>
      <c r="GGB702" s="613"/>
      <c r="GGC702" s="613"/>
      <c r="GGD702" s="613"/>
      <c r="GGE702" s="613"/>
      <c r="GGF702" s="613"/>
      <c r="GGG702" s="613"/>
      <c r="GGH702" s="613"/>
      <c r="GGI702" s="613"/>
      <c r="GGJ702" s="613"/>
      <c r="GGK702" s="613"/>
      <c r="GGL702" s="613"/>
      <c r="GGM702" s="613"/>
      <c r="GGN702" s="613"/>
      <c r="GGO702" s="613"/>
      <c r="GGP702" s="613"/>
      <c r="GGQ702" s="613"/>
      <c r="GGR702" s="613"/>
      <c r="GGS702" s="613"/>
      <c r="GGT702" s="613"/>
      <c r="GGU702" s="613"/>
      <c r="GGV702" s="613"/>
      <c r="GGW702" s="613"/>
      <c r="GGX702" s="613"/>
      <c r="GGY702" s="613"/>
      <c r="GGZ702" s="613"/>
      <c r="GHA702" s="613"/>
      <c r="GHB702" s="613"/>
      <c r="GHC702" s="613"/>
      <c r="GHD702" s="613"/>
      <c r="GHE702" s="613"/>
      <c r="GHF702" s="613"/>
      <c r="GHG702" s="613"/>
      <c r="GHH702" s="613"/>
      <c r="GHI702" s="613"/>
      <c r="GHJ702" s="613"/>
      <c r="GHK702" s="613"/>
      <c r="GHL702" s="613"/>
      <c r="GHM702" s="613"/>
      <c r="GHN702" s="613"/>
      <c r="GHO702" s="613"/>
      <c r="GHP702" s="613"/>
      <c r="GHQ702" s="613"/>
      <c r="GHR702" s="613"/>
      <c r="GHS702" s="613"/>
      <c r="GHT702" s="613"/>
      <c r="GHU702" s="613"/>
      <c r="GHV702" s="613"/>
      <c r="GHW702" s="613"/>
      <c r="GHX702" s="613"/>
      <c r="GHY702" s="613"/>
      <c r="GHZ702" s="613"/>
      <c r="GIA702" s="613"/>
      <c r="GIB702" s="613"/>
      <c r="GIC702" s="613"/>
      <c r="GID702" s="613"/>
      <c r="GIE702" s="613"/>
      <c r="GIF702" s="613"/>
      <c r="GIG702" s="613"/>
      <c r="GIH702" s="613"/>
      <c r="GII702" s="613"/>
      <c r="GIJ702" s="613"/>
      <c r="GIK702" s="613"/>
      <c r="GIL702" s="613"/>
      <c r="GIM702" s="613"/>
      <c r="GIN702" s="613"/>
      <c r="GIO702" s="613"/>
      <c r="GIP702" s="613"/>
      <c r="GIQ702" s="613"/>
      <c r="GIR702" s="613"/>
      <c r="GIS702" s="613"/>
      <c r="GIT702" s="613"/>
      <c r="GIU702" s="613"/>
      <c r="GIV702" s="613"/>
      <c r="GIW702" s="613"/>
      <c r="GIX702" s="613"/>
      <c r="GIY702" s="613"/>
      <c r="GIZ702" s="613"/>
      <c r="GJA702" s="613"/>
      <c r="GJB702" s="613"/>
      <c r="GJC702" s="613"/>
      <c r="GJD702" s="613"/>
      <c r="GJE702" s="613"/>
      <c r="GJF702" s="613"/>
      <c r="GJG702" s="613"/>
      <c r="GJH702" s="613"/>
      <c r="GJI702" s="613"/>
      <c r="GJJ702" s="613"/>
      <c r="GJK702" s="613"/>
      <c r="GJL702" s="613"/>
      <c r="GJM702" s="613"/>
      <c r="GJN702" s="613"/>
      <c r="GJO702" s="613"/>
      <c r="GJP702" s="613"/>
      <c r="GJQ702" s="613"/>
      <c r="GJR702" s="613"/>
      <c r="GJS702" s="613"/>
      <c r="GJT702" s="613"/>
      <c r="GJU702" s="613"/>
      <c r="GJV702" s="613"/>
      <c r="GJW702" s="613"/>
      <c r="GJX702" s="613"/>
      <c r="GJY702" s="613"/>
      <c r="GJZ702" s="613"/>
      <c r="GKA702" s="613"/>
      <c r="GKB702" s="613"/>
      <c r="GKC702" s="613"/>
      <c r="GKD702" s="613"/>
      <c r="GKE702" s="613"/>
      <c r="GKF702" s="613"/>
      <c r="GKG702" s="613"/>
      <c r="GKH702" s="613"/>
      <c r="GKI702" s="613"/>
      <c r="GKJ702" s="613"/>
      <c r="GKK702" s="613"/>
      <c r="GKL702" s="613"/>
      <c r="GKM702" s="613"/>
      <c r="GKN702" s="613"/>
      <c r="GKO702" s="613"/>
      <c r="GKP702" s="613"/>
      <c r="GKQ702" s="613"/>
      <c r="GKR702" s="613"/>
      <c r="GKS702" s="613"/>
      <c r="GKT702" s="613"/>
      <c r="GKU702" s="613"/>
      <c r="GKV702" s="613"/>
      <c r="GKW702" s="613"/>
      <c r="GKX702" s="613"/>
      <c r="GKY702" s="613"/>
      <c r="GKZ702" s="613"/>
      <c r="GLA702" s="613"/>
      <c r="GLB702" s="613"/>
      <c r="GLC702" s="613"/>
      <c r="GLD702" s="613"/>
      <c r="GLE702" s="613"/>
      <c r="GLF702" s="613"/>
      <c r="GLG702" s="613"/>
      <c r="GLH702" s="613"/>
      <c r="GLI702" s="613"/>
      <c r="GLJ702" s="613"/>
      <c r="GLK702" s="613"/>
      <c r="GLL702" s="613"/>
      <c r="GLM702" s="613"/>
      <c r="GLN702" s="613"/>
      <c r="GLO702" s="613"/>
      <c r="GLP702" s="613"/>
      <c r="GLQ702" s="613"/>
      <c r="GLR702" s="613"/>
      <c r="GLS702" s="613"/>
      <c r="GLT702" s="613"/>
      <c r="GLU702" s="613"/>
      <c r="GLV702" s="613"/>
      <c r="GLW702" s="613"/>
      <c r="GLX702" s="613"/>
      <c r="GLY702" s="613"/>
      <c r="GLZ702" s="613"/>
      <c r="GMA702" s="613"/>
      <c r="GMB702" s="613"/>
      <c r="GMC702" s="613"/>
      <c r="GMD702" s="613"/>
      <c r="GME702" s="613"/>
      <c r="GMF702" s="613"/>
      <c r="GMG702" s="613"/>
      <c r="GMH702" s="613"/>
      <c r="GMI702" s="613"/>
      <c r="GMJ702" s="613"/>
      <c r="GMK702" s="613"/>
      <c r="GML702" s="613"/>
      <c r="GMM702" s="613"/>
      <c r="GMN702" s="613"/>
      <c r="GMO702" s="613"/>
      <c r="GMP702" s="613"/>
      <c r="GMQ702" s="613"/>
      <c r="GMR702" s="613"/>
      <c r="GMS702" s="613"/>
      <c r="GMT702" s="613"/>
      <c r="GMU702" s="613"/>
      <c r="GMV702" s="613"/>
      <c r="GMW702" s="613"/>
      <c r="GMX702" s="613"/>
      <c r="GMY702" s="613"/>
      <c r="GMZ702" s="613"/>
      <c r="GNA702" s="613"/>
      <c r="GNB702" s="613"/>
      <c r="GNC702" s="613"/>
      <c r="GND702" s="613"/>
      <c r="GNE702" s="613"/>
      <c r="GNF702" s="613"/>
      <c r="GNG702" s="613"/>
      <c r="GNH702" s="613"/>
      <c r="GNI702" s="613"/>
      <c r="GNJ702" s="613"/>
      <c r="GNK702" s="613"/>
      <c r="GNL702" s="613"/>
      <c r="GNM702" s="613"/>
      <c r="GNN702" s="613"/>
      <c r="GNO702" s="613"/>
      <c r="GNP702" s="613"/>
      <c r="GNQ702" s="613"/>
      <c r="GNR702" s="613"/>
      <c r="GNS702" s="613"/>
      <c r="GNT702" s="613"/>
      <c r="GNU702" s="613"/>
      <c r="GNV702" s="613"/>
      <c r="GNW702" s="613"/>
      <c r="GNX702" s="613"/>
      <c r="GNY702" s="613"/>
      <c r="GNZ702" s="613"/>
      <c r="GOA702" s="613"/>
      <c r="GOB702" s="613"/>
      <c r="GOC702" s="613"/>
      <c r="GOD702" s="613"/>
      <c r="GOE702" s="613"/>
      <c r="GOF702" s="613"/>
      <c r="GOG702" s="613"/>
      <c r="GOH702" s="613"/>
      <c r="GOI702" s="613"/>
      <c r="GOJ702" s="613"/>
      <c r="GOK702" s="613"/>
      <c r="GOL702" s="613"/>
      <c r="GOM702" s="613"/>
      <c r="GON702" s="613"/>
      <c r="GOO702" s="613"/>
      <c r="GOP702" s="613"/>
      <c r="GOQ702" s="613"/>
      <c r="GOR702" s="613"/>
      <c r="GOS702" s="613"/>
      <c r="GOT702" s="613"/>
      <c r="GOU702" s="613"/>
      <c r="GOV702" s="613"/>
      <c r="GOW702" s="613"/>
      <c r="GOX702" s="613"/>
      <c r="GOY702" s="613"/>
      <c r="GOZ702" s="613"/>
      <c r="GPA702" s="613"/>
      <c r="GPB702" s="613"/>
      <c r="GPC702" s="613"/>
      <c r="GPD702" s="613"/>
      <c r="GPE702" s="613"/>
      <c r="GPF702" s="613"/>
      <c r="GPG702" s="613"/>
      <c r="GPH702" s="613"/>
      <c r="GPI702" s="613"/>
      <c r="GPJ702" s="613"/>
      <c r="GPK702" s="613"/>
      <c r="GPL702" s="613"/>
      <c r="GPM702" s="613"/>
      <c r="GPN702" s="613"/>
      <c r="GPO702" s="613"/>
      <c r="GPP702" s="613"/>
      <c r="GPQ702" s="613"/>
      <c r="GPR702" s="613"/>
      <c r="GPS702" s="613"/>
      <c r="GPT702" s="613"/>
      <c r="GPU702" s="613"/>
      <c r="GPV702" s="613"/>
      <c r="GPW702" s="613"/>
      <c r="GPX702" s="613"/>
      <c r="GPY702" s="613"/>
      <c r="GPZ702" s="613"/>
      <c r="GQA702" s="613"/>
      <c r="GQB702" s="613"/>
      <c r="GQC702" s="613"/>
      <c r="GQD702" s="613"/>
      <c r="GQE702" s="613"/>
      <c r="GQF702" s="613"/>
      <c r="GQG702" s="613"/>
      <c r="GQH702" s="613"/>
      <c r="GQI702" s="613"/>
      <c r="GQJ702" s="613"/>
      <c r="GQK702" s="613"/>
      <c r="GQL702" s="613"/>
      <c r="GQM702" s="613"/>
      <c r="GQN702" s="613"/>
      <c r="GQO702" s="613"/>
      <c r="GQP702" s="613"/>
      <c r="GQQ702" s="613"/>
      <c r="GQR702" s="613"/>
      <c r="GQS702" s="613"/>
      <c r="GQT702" s="613"/>
      <c r="GQU702" s="613"/>
      <c r="GQV702" s="613"/>
      <c r="GQW702" s="613"/>
      <c r="GQX702" s="613"/>
      <c r="GQY702" s="613"/>
      <c r="GQZ702" s="613"/>
      <c r="GRA702" s="613"/>
      <c r="GRB702" s="613"/>
      <c r="GRC702" s="613"/>
      <c r="GRD702" s="613"/>
      <c r="GRE702" s="613"/>
      <c r="GRF702" s="613"/>
      <c r="GRG702" s="613"/>
      <c r="GRH702" s="613"/>
      <c r="GRI702" s="613"/>
      <c r="GRJ702" s="613"/>
      <c r="GRK702" s="613"/>
      <c r="GRL702" s="613"/>
      <c r="GRM702" s="613"/>
      <c r="GRN702" s="613"/>
      <c r="GRO702" s="613"/>
      <c r="GRP702" s="613"/>
      <c r="GRQ702" s="613"/>
      <c r="GRR702" s="613"/>
      <c r="GRS702" s="613"/>
      <c r="GRT702" s="613"/>
      <c r="GRU702" s="613"/>
      <c r="GRV702" s="613"/>
      <c r="GRW702" s="613"/>
      <c r="GRX702" s="613"/>
      <c r="GRY702" s="613"/>
      <c r="GRZ702" s="613"/>
      <c r="GSA702" s="613"/>
      <c r="GSB702" s="613"/>
      <c r="GSC702" s="613"/>
      <c r="GSD702" s="613"/>
      <c r="GSE702" s="613"/>
      <c r="GSF702" s="613"/>
      <c r="GSG702" s="613"/>
      <c r="GSH702" s="613"/>
      <c r="GSI702" s="613"/>
      <c r="GSJ702" s="613"/>
      <c r="GSK702" s="613"/>
      <c r="GSL702" s="613"/>
      <c r="GSM702" s="613"/>
      <c r="GSN702" s="613"/>
      <c r="GSO702" s="613"/>
      <c r="GSP702" s="613"/>
      <c r="GSQ702" s="613"/>
      <c r="GSR702" s="613"/>
      <c r="GSS702" s="613"/>
      <c r="GST702" s="613"/>
      <c r="GSU702" s="613"/>
      <c r="GSV702" s="613"/>
      <c r="GSW702" s="613"/>
      <c r="GSX702" s="613"/>
      <c r="GSY702" s="613"/>
      <c r="GSZ702" s="613"/>
      <c r="GTA702" s="613"/>
      <c r="GTB702" s="613"/>
      <c r="GTC702" s="613"/>
      <c r="GTD702" s="613"/>
      <c r="GTE702" s="613"/>
      <c r="GTF702" s="613"/>
      <c r="GTG702" s="613"/>
      <c r="GTH702" s="613"/>
      <c r="GTI702" s="613"/>
      <c r="GTJ702" s="613"/>
      <c r="GTK702" s="613"/>
      <c r="GTL702" s="613"/>
      <c r="GTM702" s="613"/>
      <c r="GTN702" s="613"/>
      <c r="GTO702" s="613"/>
      <c r="GTP702" s="613"/>
      <c r="GTQ702" s="613"/>
      <c r="GTR702" s="613"/>
      <c r="GTS702" s="613"/>
      <c r="GTT702" s="613"/>
      <c r="GTU702" s="613"/>
      <c r="GTV702" s="613"/>
      <c r="GTW702" s="613"/>
      <c r="GTX702" s="613"/>
      <c r="GTY702" s="613"/>
      <c r="GTZ702" s="613"/>
      <c r="GUA702" s="613"/>
      <c r="GUB702" s="613"/>
      <c r="GUC702" s="613"/>
      <c r="GUD702" s="613"/>
      <c r="GUE702" s="613"/>
      <c r="GUF702" s="613"/>
      <c r="GUG702" s="613"/>
      <c r="GUH702" s="613"/>
      <c r="GUI702" s="613"/>
      <c r="GUJ702" s="613"/>
      <c r="GUK702" s="613"/>
      <c r="GUL702" s="613"/>
      <c r="GUM702" s="613"/>
      <c r="GUN702" s="613"/>
      <c r="GUO702" s="613"/>
      <c r="GUP702" s="613"/>
      <c r="GUQ702" s="613"/>
      <c r="GUR702" s="613"/>
      <c r="GUS702" s="613"/>
      <c r="GUT702" s="613"/>
      <c r="GUU702" s="613"/>
      <c r="GUV702" s="613"/>
      <c r="GUW702" s="613"/>
      <c r="GUX702" s="613"/>
      <c r="GUY702" s="613"/>
      <c r="GUZ702" s="613"/>
      <c r="GVA702" s="613"/>
      <c r="GVB702" s="613"/>
      <c r="GVC702" s="613"/>
      <c r="GVD702" s="613"/>
      <c r="GVE702" s="613"/>
      <c r="GVF702" s="613"/>
      <c r="GVG702" s="613"/>
      <c r="GVH702" s="613"/>
      <c r="GVI702" s="613"/>
      <c r="GVJ702" s="613"/>
      <c r="GVK702" s="613"/>
      <c r="GVL702" s="613"/>
      <c r="GVM702" s="613"/>
      <c r="GVN702" s="613"/>
      <c r="GVO702" s="613"/>
      <c r="GVP702" s="613"/>
      <c r="GVQ702" s="613"/>
      <c r="GVR702" s="613"/>
      <c r="GVS702" s="613"/>
      <c r="GVT702" s="613"/>
      <c r="GVU702" s="613"/>
      <c r="GVV702" s="613"/>
      <c r="GVW702" s="613"/>
      <c r="GVX702" s="613"/>
      <c r="GVY702" s="613"/>
      <c r="GVZ702" s="613"/>
      <c r="GWA702" s="613"/>
      <c r="GWB702" s="613"/>
      <c r="GWC702" s="613"/>
      <c r="GWD702" s="613"/>
      <c r="GWE702" s="613"/>
      <c r="GWF702" s="613"/>
      <c r="GWG702" s="613"/>
      <c r="GWH702" s="613"/>
      <c r="GWI702" s="613"/>
      <c r="GWJ702" s="613"/>
      <c r="GWK702" s="613"/>
      <c r="GWL702" s="613"/>
      <c r="GWM702" s="613"/>
      <c r="GWN702" s="613"/>
      <c r="GWO702" s="613"/>
      <c r="GWP702" s="613"/>
      <c r="GWQ702" s="613"/>
      <c r="GWR702" s="613"/>
      <c r="GWS702" s="613"/>
      <c r="GWT702" s="613"/>
      <c r="GWU702" s="613"/>
      <c r="GWV702" s="613"/>
      <c r="GWW702" s="613"/>
      <c r="GWX702" s="613"/>
      <c r="GWY702" s="613"/>
      <c r="GWZ702" s="613"/>
      <c r="GXA702" s="613"/>
      <c r="GXB702" s="613"/>
      <c r="GXC702" s="613"/>
      <c r="GXD702" s="613"/>
      <c r="GXE702" s="613"/>
      <c r="GXF702" s="613"/>
      <c r="GXG702" s="613"/>
      <c r="GXH702" s="613"/>
      <c r="GXI702" s="613"/>
      <c r="GXJ702" s="613"/>
      <c r="GXK702" s="613"/>
      <c r="GXL702" s="613"/>
      <c r="GXM702" s="613"/>
      <c r="GXN702" s="613"/>
      <c r="GXO702" s="613"/>
      <c r="GXP702" s="613"/>
      <c r="GXQ702" s="613"/>
      <c r="GXR702" s="613"/>
      <c r="GXS702" s="613"/>
      <c r="GXT702" s="613"/>
      <c r="GXU702" s="613"/>
      <c r="GXV702" s="613"/>
      <c r="GXW702" s="613"/>
      <c r="GXX702" s="613"/>
      <c r="GXY702" s="613"/>
      <c r="GXZ702" s="613"/>
      <c r="GYA702" s="613"/>
      <c r="GYB702" s="613"/>
      <c r="GYC702" s="613"/>
      <c r="GYD702" s="613"/>
      <c r="GYE702" s="613"/>
      <c r="GYF702" s="613"/>
      <c r="GYG702" s="613"/>
      <c r="GYH702" s="613"/>
      <c r="GYI702" s="613"/>
      <c r="GYJ702" s="613"/>
      <c r="GYK702" s="613"/>
      <c r="GYL702" s="613"/>
      <c r="GYM702" s="613"/>
      <c r="GYN702" s="613"/>
      <c r="GYO702" s="613"/>
      <c r="GYP702" s="613"/>
      <c r="GYQ702" s="613"/>
      <c r="GYR702" s="613"/>
      <c r="GYS702" s="613"/>
      <c r="GYT702" s="613"/>
      <c r="GYU702" s="613"/>
      <c r="GYV702" s="613"/>
      <c r="GYW702" s="613"/>
      <c r="GYX702" s="613"/>
      <c r="GYY702" s="613"/>
      <c r="GYZ702" s="613"/>
      <c r="GZA702" s="613"/>
      <c r="GZB702" s="613"/>
      <c r="GZC702" s="613"/>
      <c r="GZD702" s="613"/>
      <c r="GZE702" s="613"/>
      <c r="GZF702" s="613"/>
      <c r="GZG702" s="613"/>
      <c r="GZH702" s="613"/>
      <c r="GZI702" s="613"/>
      <c r="GZJ702" s="613"/>
      <c r="GZK702" s="613"/>
      <c r="GZL702" s="613"/>
      <c r="GZM702" s="613"/>
      <c r="GZN702" s="613"/>
      <c r="GZO702" s="613"/>
      <c r="GZP702" s="613"/>
      <c r="GZQ702" s="613"/>
      <c r="GZR702" s="613"/>
      <c r="GZS702" s="613"/>
      <c r="GZT702" s="613"/>
      <c r="GZU702" s="613"/>
      <c r="GZV702" s="613"/>
      <c r="GZW702" s="613"/>
      <c r="GZX702" s="613"/>
      <c r="GZY702" s="613"/>
      <c r="GZZ702" s="613"/>
      <c r="HAA702" s="613"/>
      <c r="HAB702" s="613"/>
      <c r="HAC702" s="613"/>
      <c r="HAD702" s="613"/>
      <c r="HAE702" s="613"/>
      <c r="HAF702" s="613"/>
      <c r="HAG702" s="613"/>
      <c r="HAH702" s="613"/>
      <c r="HAI702" s="613"/>
      <c r="HAJ702" s="613"/>
      <c r="HAK702" s="613"/>
      <c r="HAL702" s="613"/>
      <c r="HAM702" s="613"/>
      <c r="HAN702" s="613"/>
      <c r="HAO702" s="613"/>
      <c r="HAP702" s="613"/>
      <c r="HAQ702" s="613"/>
      <c r="HAR702" s="613"/>
      <c r="HAS702" s="613"/>
      <c r="HAT702" s="613"/>
      <c r="HAU702" s="613"/>
      <c r="HAV702" s="613"/>
      <c r="HAW702" s="613"/>
      <c r="HAX702" s="613"/>
      <c r="HAY702" s="613"/>
      <c r="HAZ702" s="613"/>
      <c r="HBA702" s="613"/>
      <c r="HBB702" s="613"/>
      <c r="HBC702" s="613"/>
      <c r="HBD702" s="613"/>
      <c r="HBE702" s="613"/>
      <c r="HBF702" s="613"/>
      <c r="HBG702" s="613"/>
      <c r="HBH702" s="613"/>
      <c r="HBI702" s="613"/>
      <c r="HBJ702" s="613"/>
      <c r="HBK702" s="613"/>
      <c r="HBL702" s="613"/>
      <c r="HBM702" s="613"/>
      <c r="HBN702" s="613"/>
      <c r="HBO702" s="613"/>
      <c r="HBP702" s="613"/>
      <c r="HBQ702" s="613"/>
      <c r="HBR702" s="613"/>
      <c r="HBS702" s="613"/>
      <c r="HBT702" s="613"/>
      <c r="HBU702" s="613"/>
      <c r="HBV702" s="613"/>
      <c r="HBW702" s="613"/>
      <c r="HBX702" s="613"/>
      <c r="HBY702" s="613"/>
      <c r="HBZ702" s="613"/>
      <c r="HCA702" s="613"/>
      <c r="HCB702" s="613"/>
      <c r="HCC702" s="613"/>
      <c r="HCD702" s="613"/>
      <c r="HCE702" s="613"/>
      <c r="HCF702" s="613"/>
      <c r="HCG702" s="613"/>
      <c r="HCH702" s="613"/>
      <c r="HCI702" s="613"/>
      <c r="HCJ702" s="613"/>
      <c r="HCK702" s="613"/>
      <c r="HCL702" s="613"/>
      <c r="HCM702" s="613"/>
      <c r="HCN702" s="613"/>
      <c r="HCO702" s="613"/>
      <c r="HCP702" s="613"/>
      <c r="HCQ702" s="613"/>
      <c r="HCR702" s="613"/>
      <c r="HCS702" s="613"/>
      <c r="HCT702" s="613"/>
      <c r="HCU702" s="613"/>
      <c r="HCV702" s="613"/>
      <c r="HCW702" s="613"/>
      <c r="HCX702" s="613"/>
      <c r="HCY702" s="613"/>
      <c r="HCZ702" s="613"/>
      <c r="HDA702" s="613"/>
      <c r="HDB702" s="613"/>
      <c r="HDC702" s="613"/>
      <c r="HDD702" s="613"/>
      <c r="HDE702" s="613"/>
      <c r="HDF702" s="613"/>
      <c r="HDG702" s="613"/>
      <c r="HDH702" s="613"/>
      <c r="HDI702" s="613"/>
      <c r="HDJ702" s="613"/>
      <c r="HDK702" s="613"/>
      <c r="HDL702" s="613"/>
      <c r="HDM702" s="613"/>
      <c r="HDN702" s="613"/>
      <c r="HDO702" s="613"/>
      <c r="HDP702" s="613"/>
      <c r="HDQ702" s="613"/>
      <c r="HDR702" s="613"/>
      <c r="HDS702" s="613"/>
      <c r="HDT702" s="613"/>
      <c r="HDU702" s="613"/>
      <c r="HDV702" s="613"/>
      <c r="HDW702" s="613"/>
      <c r="HDX702" s="613"/>
      <c r="HDY702" s="613"/>
      <c r="HDZ702" s="613"/>
      <c r="HEA702" s="613"/>
      <c r="HEB702" s="613"/>
      <c r="HEC702" s="613"/>
      <c r="HED702" s="613"/>
      <c r="HEE702" s="613"/>
      <c r="HEF702" s="613"/>
      <c r="HEG702" s="613"/>
      <c r="HEH702" s="613"/>
      <c r="HEI702" s="613"/>
      <c r="HEJ702" s="613"/>
      <c r="HEK702" s="613"/>
      <c r="HEL702" s="613"/>
      <c r="HEM702" s="613"/>
      <c r="HEN702" s="613"/>
      <c r="HEO702" s="613"/>
      <c r="HEP702" s="613"/>
      <c r="HEQ702" s="613"/>
      <c r="HER702" s="613"/>
      <c r="HES702" s="613"/>
      <c r="HET702" s="613"/>
      <c r="HEU702" s="613"/>
      <c r="HEV702" s="613"/>
      <c r="HEW702" s="613"/>
      <c r="HEX702" s="613"/>
      <c r="HEY702" s="613"/>
      <c r="HEZ702" s="613"/>
      <c r="HFA702" s="613"/>
      <c r="HFB702" s="613"/>
      <c r="HFC702" s="613"/>
      <c r="HFD702" s="613"/>
      <c r="HFE702" s="613"/>
      <c r="HFF702" s="613"/>
      <c r="HFG702" s="613"/>
      <c r="HFH702" s="613"/>
      <c r="HFI702" s="613"/>
      <c r="HFJ702" s="613"/>
      <c r="HFK702" s="613"/>
      <c r="HFL702" s="613"/>
      <c r="HFM702" s="613"/>
      <c r="HFN702" s="613"/>
      <c r="HFO702" s="613"/>
      <c r="HFP702" s="613"/>
      <c r="HFQ702" s="613"/>
      <c r="HFR702" s="613"/>
      <c r="HFS702" s="613"/>
      <c r="HFT702" s="613"/>
      <c r="HFU702" s="613"/>
      <c r="HFV702" s="613"/>
      <c r="HFW702" s="613"/>
      <c r="HFX702" s="613"/>
      <c r="HFY702" s="613"/>
      <c r="HFZ702" s="613"/>
      <c r="HGA702" s="613"/>
      <c r="HGB702" s="613"/>
      <c r="HGC702" s="613"/>
      <c r="HGD702" s="613"/>
      <c r="HGE702" s="613"/>
      <c r="HGF702" s="613"/>
      <c r="HGG702" s="613"/>
      <c r="HGH702" s="613"/>
      <c r="HGI702" s="613"/>
      <c r="HGJ702" s="613"/>
      <c r="HGK702" s="613"/>
      <c r="HGL702" s="613"/>
      <c r="HGM702" s="613"/>
      <c r="HGN702" s="613"/>
      <c r="HGO702" s="613"/>
      <c r="HGP702" s="613"/>
      <c r="HGQ702" s="613"/>
      <c r="HGR702" s="613"/>
      <c r="HGS702" s="613"/>
      <c r="HGT702" s="613"/>
      <c r="HGU702" s="613"/>
      <c r="HGV702" s="613"/>
      <c r="HGW702" s="613"/>
      <c r="HGX702" s="613"/>
      <c r="HGY702" s="613"/>
      <c r="HGZ702" s="613"/>
      <c r="HHA702" s="613"/>
      <c r="HHB702" s="613"/>
      <c r="HHC702" s="613"/>
      <c r="HHD702" s="613"/>
      <c r="HHE702" s="613"/>
      <c r="HHF702" s="613"/>
      <c r="HHG702" s="613"/>
      <c r="HHH702" s="613"/>
      <c r="HHI702" s="613"/>
      <c r="HHJ702" s="613"/>
      <c r="HHK702" s="613"/>
      <c r="HHL702" s="613"/>
      <c r="HHM702" s="613"/>
      <c r="HHN702" s="613"/>
      <c r="HHO702" s="613"/>
      <c r="HHP702" s="613"/>
      <c r="HHQ702" s="613"/>
      <c r="HHR702" s="613"/>
      <c r="HHS702" s="613"/>
      <c r="HHT702" s="613"/>
      <c r="HHU702" s="613"/>
      <c r="HHV702" s="613"/>
      <c r="HHW702" s="613"/>
      <c r="HHX702" s="613"/>
      <c r="HHY702" s="613"/>
      <c r="HHZ702" s="613"/>
      <c r="HIA702" s="613"/>
      <c r="HIB702" s="613"/>
      <c r="HIC702" s="613"/>
      <c r="HID702" s="613"/>
      <c r="HIE702" s="613"/>
      <c r="HIF702" s="613"/>
      <c r="HIG702" s="613"/>
      <c r="HIH702" s="613"/>
      <c r="HII702" s="613"/>
      <c r="HIJ702" s="613"/>
      <c r="HIK702" s="613"/>
      <c r="HIL702" s="613"/>
      <c r="HIM702" s="613"/>
      <c r="HIN702" s="613"/>
      <c r="HIO702" s="613"/>
      <c r="HIP702" s="613"/>
      <c r="HIQ702" s="613"/>
      <c r="HIR702" s="613"/>
      <c r="HIS702" s="613"/>
      <c r="HIT702" s="613"/>
      <c r="HIU702" s="613"/>
      <c r="HIV702" s="613"/>
      <c r="HIW702" s="613"/>
      <c r="HIX702" s="613"/>
      <c r="HIY702" s="613"/>
      <c r="HIZ702" s="613"/>
      <c r="HJA702" s="613"/>
      <c r="HJB702" s="613"/>
      <c r="HJC702" s="613"/>
      <c r="HJD702" s="613"/>
      <c r="HJE702" s="613"/>
      <c r="HJF702" s="613"/>
      <c r="HJG702" s="613"/>
      <c r="HJH702" s="613"/>
      <c r="HJI702" s="613"/>
      <c r="HJJ702" s="613"/>
      <c r="HJK702" s="613"/>
      <c r="HJL702" s="613"/>
      <c r="HJM702" s="613"/>
      <c r="HJN702" s="613"/>
      <c r="HJO702" s="613"/>
      <c r="HJP702" s="613"/>
      <c r="HJQ702" s="613"/>
      <c r="HJR702" s="613"/>
      <c r="HJS702" s="613"/>
      <c r="HJT702" s="613"/>
      <c r="HJU702" s="613"/>
      <c r="HJV702" s="613"/>
      <c r="HJW702" s="613"/>
      <c r="HJX702" s="613"/>
      <c r="HJY702" s="613"/>
      <c r="HJZ702" s="613"/>
      <c r="HKA702" s="613"/>
      <c r="HKB702" s="613"/>
      <c r="HKC702" s="613"/>
      <c r="HKD702" s="613"/>
      <c r="HKE702" s="613"/>
      <c r="HKF702" s="613"/>
      <c r="HKG702" s="613"/>
      <c r="HKH702" s="613"/>
      <c r="HKI702" s="613"/>
      <c r="HKJ702" s="613"/>
      <c r="HKK702" s="613"/>
      <c r="HKL702" s="613"/>
      <c r="HKM702" s="613"/>
      <c r="HKN702" s="613"/>
      <c r="HKO702" s="613"/>
      <c r="HKP702" s="613"/>
      <c r="HKQ702" s="613"/>
      <c r="HKR702" s="613"/>
      <c r="HKS702" s="613"/>
      <c r="HKT702" s="613"/>
      <c r="HKU702" s="613"/>
      <c r="HKV702" s="613"/>
      <c r="HKW702" s="613"/>
      <c r="HKX702" s="613"/>
      <c r="HKY702" s="613"/>
      <c r="HKZ702" s="613"/>
      <c r="HLA702" s="613"/>
      <c r="HLB702" s="613"/>
      <c r="HLC702" s="613"/>
      <c r="HLD702" s="613"/>
      <c r="HLE702" s="613"/>
      <c r="HLF702" s="613"/>
      <c r="HLG702" s="613"/>
      <c r="HLH702" s="613"/>
      <c r="HLI702" s="613"/>
      <c r="HLJ702" s="613"/>
      <c r="HLK702" s="613"/>
      <c r="HLL702" s="613"/>
      <c r="HLM702" s="613"/>
      <c r="HLN702" s="613"/>
      <c r="HLO702" s="613"/>
      <c r="HLP702" s="613"/>
      <c r="HLQ702" s="613"/>
      <c r="HLR702" s="613"/>
      <c r="HLS702" s="613"/>
      <c r="HLT702" s="613"/>
      <c r="HLU702" s="613"/>
      <c r="HLV702" s="613"/>
      <c r="HLW702" s="613"/>
      <c r="HLX702" s="613"/>
      <c r="HLY702" s="613"/>
      <c r="HLZ702" s="613"/>
      <c r="HMA702" s="613"/>
      <c r="HMB702" s="613"/>
      <c r="HMC702" s="613"/>
      <c r="HMD702" s="613"/>
      <c r="HME702" s="613"/>
      <c r="HMF702" s="613"/>
      <c r="HMG702" s="613"/>
      <c r="HMH702" s="613"/>
      <c r="HMI702" s="613"/>
      <c r="HMJ702" s="613"/>
      <c r="HMK702" s="613"/>
      <c r="HML702" s="613"/>
      <c r="HMM702" s="613"/>
      <c r="HMN702" s="613"/>
      <c r="HMO702" s="613"/>
      <c r="HMP702" s="613"/>
      <c r="HMQ702" s="613"/>
      <c r="HMR702" s="613"/>
      <c r="HMS702" s="613"/>
      <c r="HMT702" s="613"/>
      <c r="HMU702" s="613"/>
      <c r="HMV702" s="613"/>
      <c r="HMW702" s="613"/>
      <c r="HMX702" s="613"/>
      <c r="HMY702" s="613"/>
      <c r="HMZ702" s="613"/>
      <c r="HNA702" s="613"/>
      <c r="HNB702" s="613"/>
      <c r="HNC702" s="613"/>
      <c r="HND702" s="613"/>
      <c r="HNE702" s="613"/>
      <c r="HNF702" s="613"/>
      <c r="HNG702" s="613"/>
      <c r="HNH702" s="613"/>
      <c r="HNI702" s="613"/>
      <c r="HNJ702" s="613"/>
      <c r="HNK702" s="613"/>
      <c r="HNL702" s="613"/>
      <c r="HNM702" s="613"/>
      <c r="HNN702" s="613"/>
      <c r="HNO702" s="613"/>
      <c r="HNP702" s="613"/>
      <c r="HNQ702" s="613"/>
      <c r="HNR702" s="613"/>
      <c r="HNS702" s="613"/>
      <c r="HNT702" s="613"/>
      <c r="HNU702" s="613"/>
      <c r="HNV702" s="613"/>
      <c r="HNW702" s="613"/>
      <c r="HNX702" s="613"/>
      <c r="HNY702" s="613"/>
      <c r="HNZ702" s="613"/>
      <c r="HOA702" s="613"/>
      <c r="HOB702" s="613"/>
      <c r="HOC702" s="613"/>
      <c r="HOD702" s="613"/>
      <c r="HOE702" s="613"/>
      <c r="HOF702" s="613"/>
      <c r="HOG702" s="613"/>
      <c r="HOH702" s="613"/>
      <c r="HOI702" s="613"/>
      <c r="HOJ702" s="613"/>
      <c r="HOK702" s="613"/>
      <c r="HOL702" s="613"/>
      <c r="HOM702" s="613"/>
      <c r="HON702" s="613"/>
      <c r="HOO702" s="613"/>
      <c r="HOP702" s="613"/>
      <c r="HOQ702" s="613"/>
      <c r="HOR702" s="613"/>
      <c r="HOS702" s="613"/>
      <c r="HOT702" s="613"/>
      <c r="HOU702" s="613"/>
      <c r="HOV702" s="613"/>
      <c r="HOW702" s="613"/>
      <c r="HOX702" s="613"/>
      <c r="HOY702" s="613"/>
      <c r="HOZ702" s="613"/>
      <c r="HPA702" s="613"/>
      <c r="HPB702" s="613"/>
      <c r="HPC702" s="613"/>
      <c r="HPD702" s="613"/>
      <c r="HPE702" s="613"/>
      <c r="HPF702" s="613"/>
      <c r="HPG702" s="613"/>
      <c r="HPH702" s="613"/>
      <c r="HPI702" s="613"/>
      <c r="HPJ702" s="613"/>
      <c r="HPK702" s="613"/>
      <c r="HPL702" s="613"/>
      <c r="HPM702" s="613"/>
      <c r="HPN702" s="613"/>
      <c r="HPO702" s="613"/>
      <c r="HPP702" s="613"/>
      <c r="HPQ702" s="613"/>
      <c r="HPR702" s="613"/>
      <c r="HPS702" s="613"/>
      <c r="HPT702" s="613"/>
      <c r="HPU702" s="613"/>
      <c r="HPV702" s="613"/>
      <c r="HPW702" s="613"/>
      <c r="HPX702" s="613"/>
      <c r="HPY702" s="613"/>
      <c r="HPZ702" s="613"/>
      <c r="HQA702" s="613"/>
      <c r="HQB702" s="613"/>
      <c r="HQC702" s="613"/>
      <c r="HQD702" s="613"/>
      <c r="HQE702" s="613"/>
      <c r="HQF702" s="613"/>
      <c r="HQG702" s="613"/>
      <c r="HQH702" s="613"/>
      <c r="HQI702" s="613"/>
      <c r="HQJ702" s="613"/>
      <c r="HQK702" s="613"/>
      <c r="HQL702" s="613"/>
      <c r="HQM702" s="613"/>
      <c r="HQN702" s="613"/>
      <c r="HQO702" s="613"/>
      <c r="HQP702" s="613"/>
      <c r="HQQ702" s="613"/>
      <c r="HQR702" s="613"/>
      <c r="HQS702" s="613"/>
      <c r="HQT702" s="613"/>
      <c r="HQU702" s="613"/>
      <c r="HQV702" s="613"/>
      <c r="HQW702" s="613"/>
      <c r="HQX702" s="613"/>
      <c r="HQY702" s="613"/>
      <c r="HQZ702" s="613"/>
      <c r="HRA702" s="613"/>
      <c r="HRB702" s="613"/>
      <c r="HRC702" s="613"/>
      <c r="HRD702" s="613"/>
      <c r="HRE702" s="613"/>
      <c r="HRF702" s="613"/>
      <c r="HRG702" s="613"/>
      <c r="HRH702" s="613"/>
      <c r="HRI702" s="613"/>
      <c r="HRJ702" s="613"/>
      <c r="HRK702" s="613"/>
      <c r="HRL702" s="613"/>
      <c r="HRM702" s="613"/>
      <c r="HRN702" s="613"/>
      <c r="HRO702" s="613"/>
      <c r="HRP702" s="613"/>
      <c r="HRQ702" s="613"/>
      <c r="HRR702" s="613"/>
      <c r="HRS702" s="613"/>
      <c r="HRT702" s="613"/>
      <c r="HRU702" s="613"/>
      <c r="HRV702" s="613"/>
      <c r="HRW702" s="613"/>
      <c r="HRX702" s="613"/>
      <c r="HRY702" s="613"/>
      <c r="HRZ702" s="613"/>
      <c r="HSA702" s="613"/>
      <c r="HSB702" s="613"/>
      <c r="HSC702" s="613"/>
      <c r="HSD702" s="613"/>
      <c r="HSE702" s="613"/>
      <c r="HSF702" s="613"/>
      <c r="HSG702" s="613"/>
      <c r="HSH702" s="613"/>
      <c r="HSI702" s="613"/>
      <c r="HSJ702" s="613"/>
      <c r="HSK702" s="613"/>
      <c r="HSL702" s="613"/>
      <c r="HSM702" s="613"/>
      <c r="HSN702" s="613"/>
      <c r="HSO702" s="613"/>
      <c r="HSP702" s="613"/>
      <c r="HSQ702" s="613"/>
      <c r="HSR702" s="613"/>
      <c r="HSS702" s="613"/>
      <c r="HST702" s="613"/>
      <c r="HSU702" s="613"/>
      <c r="HSV702" s="613"/>
      <c r="HSW702" s="613"/>
      <c r="HSX702" s="613"/>
      <c r="HSY702" s="613"/>
      <c r="HSZ702" s="613"/>
      <c r="HTA702" s="613"/>
      <c r="HTB702" s="613"/>
      <c r="HTC702" s="613"/>
      <c r="HTD702" s="613"/>
      <c r="HTE702" s="613"/>
      <c r="HTF702" s="613"/>
      <c r="HTG702" s="613"/>
      <c r="HTH702" s="613"/>
      <c r="HTI702" s="613"/>
      <c r="HTJ702" s="613"/>
      <c r="HTK702" s="613"/>
      <c r="HTL702" s="613"/>
      <c r="HTM702" s="613"/>
      <c r="HTN702" s="613"/>
      <c r="HTO702" s="613"/>
      <c r="HTP702" s="613"/>
      <c r="HTQ702" s="613"/>
      <c r="HTR702" s="613"/>
      <c r="HTS702" s="613"/>
      <c r="HTT702" s="613"/>
      <c r="HTU702" s="613"/>
      <c r="HTV702" s="613"/>
      <c r="HTW702" s="613"/>
      <c r="HTX702" s="613"/>
      <c r="HTY702" s="613"/>
      <c r="HTZ702" s="613"/>
      <c r="HUA702" s="613"/>
      <c r="HUB702" s="613"/>
      <c r="HUC702" s="613"/>
      <c r="HUD702" s="613"/>
      <c r="HUE702" s="613"/>
      <c r="HUF702" s="613"/>
      <c r="HUG702" s="613"/>
      <c r="HUH702" s="613"/>
      <c r="HUI702" s="613"/>
      <c r="HUJ702" s="613"/>
      <c r="HUK702" s="613"/>
      <c r="HUL702" s="613"/>
      <c r="HUM702" s="613"/>
      <c r="HUN702" s="613"/>
      <c r="HUO702" s="613"/>
      <c r="HUP702" s="613"/>
      <c r="HUQ702" s="613"/>
      <c r="HUR702" s="613"/>
      <c r="HUS702" s="613"/>
      <c r="HUT702" s="613"/>
      <c r="HUU702" s="613"/>
      <c r="HUV702" s="613"/>
      <c r="HUW702" s="613"/>
      <c r="HUX702" s="613"/>
      <c r="HUY702" s="613"/>
      <c r="HUZ702" s="613"/>
      <c r="HVA702" s="613"/>
      <c r="HVB702" s="613"/>
      <c r="HVC702" s="613"/>
      <c r="HVD702" s="613"/>
      <c r="HVE702" s="613"/>
      <c r="HVF702" s="613"/>
      <c r="HVG702" s="613"/>
      <c r="HVH702" s="613"/>
      <c r="HVI702" s="613"/>
      <c r="HVJ702" s="613"/>
      <c r="HVK702" s="613"/>
      <c r="HVL702" s="613"/>
      <c r="HVM702" s="613"/>
      <c r="HVN702" s="613"/>
      <c r="HVO702" s="613"/>
      <c r="HVP702" s="613"/>
      <c r="HVQ702" s="613"/>
      <c r="HVR702" s="613"/>
      <c r="HVS702" s="613"/>
      <c r="HVT702" s="613"/>
      <c r="HVU702" s="613"/>
      <c r="HVV702" s="613"/>
      <c r="HVW702" s="613"/>
      <c r="HVX702" s="613"/>
      <c r="HVY702" s="613"/>
      <c r="HVZ702" s="613"/>
      <c r="HWA702" s="613"/>
      <c r="HWB702" s="613"/>
      <c r="HWC702" s="613"/>
      <c r="HWD702" s="613"/>
      <c r="HWE702" s="613"/>
      <c r="HWF702" s="613"/>
      <c r="HWG702" s="613"/>
      <c r="HWH702" s="613"/>
      <c r="HWI702" s="613"/>
      <c r="HWJ702" s="613"/>
      <c r="HWK702" s="613"/>
      <c r="HWL702" s="613"/>
      <c r="HWM702" s="613"/>
      <c r="HWN702" s="613"/>
      <c r="HWO702" s="613"/>
      <c r="HWP702" s="613"/>
      <c r="HWQ702" s="613"/>
      <c r="HWR702" s="613"/>
      <c r="HWS702" s="613"/>
      <c r="HWT702" s="613"/>
      <c r="HWU702" s="613"/>
      <c r="HWV702" s="613"/>
      <c r="HWW702" s="613"/>
      <c r="HWX702" s="613"/>
      <c r="HWY702" s="613"/>
      <c r="HWZ702" s="613"/>
      <c r="HXA702" s="613"/>
      <c r="HXB702" s="613"/>
      <c r="HXC702" s="613"/>
      <c r="HXD702" s="613"/>
      <c r="HXE702" s="613"/>
      <c r="HXF702" s="613"/>
      <c r="HXG702" s="613"/>
      <c r="HXH702" s="613"/>
      <c r="HXI702" s="613"/>
      <c r="HXJ702" s="613"/>
      <c r="HXK702" s="613"/>
      <c r="HXL702" s="613"/>
      <c r="HXM702" s="613"/>
      <c r="HXN702" s="613"/>
      <c r="HXO702" s="613"/>
      <c r="HXP702" s="613"/>
      <c r="HXQ702" s="613"/>
      <c r="HXR702" s="613"/>
      <c r="HXS702" s="613"/>
      <c r="HXT702" s="613"/>
      <c r="HXU702" s="613"/>
      <c r="HXV702" s="613"/>
      <c r="HXW702" s="613"/>
      <c r="HXX702" s="613"/>
      <c r="HXY702" s="613"/>
      <c r="HXZ702" s="613"/>
      <c r="HYA702" s="613"/>
      <c r="HYB702" s="613"/>
      <c r="HYC702" s="613"/>
      <c r="HYD702" s="613"/>
      <c r="HYE702" s="613"/>
      <c r="HYF702" s="613"/>
      <c r="HYG702" s="613"/>
      <c r="HYH702" s="613"/>
      <c r="HYI702" s="613"/>
      <c r="HYJ702" s="613"/>
      <c r="HYK702" s="613"/>
      <c r="HYL702" s="613"/>
      <c r="HYM702" s="613"/>
      <c r="HYN702" s="613"/>
      <c r="HYO702" s="613"/>
      <c r="HYP702" s="613"/>
      <c r="HYQ702" s="613"/>
      <c r="HYR702" s="613"/>
      <c r="HYS702" s="613"/>
      <c r="HYT702" s="613"/>
      <c r="HYU702" s="613"/>
      <c r="HYV702" s="613"/>
      <c r="HYW702" s="613"/>
      <c r="HYX702" s="613"/>
      <c r="HYY702" s="613"/>
      <c r="HYZ702" s="613"/>
      <c r="HZA702" s="613"/>
      <c r="HZB702" s="613"/>
      <c r="HZC702" s="613"/>
      <c r="HZD702" s="613"/>
      <c r="HZE702" s="613"/>
      <c r="HZF702" s="613"/>
      <c r="HZG702" s="613"/>
      <c r="HZH702" s="613"/>
      <c r="HZI702" s="613"/>
      <c r="HZJ702" s="613"/>
      <c r="HZK702" s="613"/>
      <c r="HZL702" s="613"/>
      <c r="HZM702" s="613"/>
      <c r="HZN702" s="613"/>
      <c r="HZO702" s="613"/>
      <c r="HZP702" s="613"/>
      <c r="HZQ702" s="613"/>
      <c r="HZR702" s="613"/>
      <c r="HZS702" s="613"/>
      <c r="HZT702" s="613"/>
      <c r="HZU702" s="613"/>
      <c r="HZV702" s="613"/>
      <c r="HZW702" s="613"/>
      <c r="HZX702" s="613"/>
      <c r="HZY702" s="613"/>
      <c r="HZZ702" s="613"/>
      <c r="IAA702" s="613"/>
      <c r="IAB702" s="613"/>
      <c r="IAC702" s="613"/>
      <c r="IAD702" s="613"/>
      <c r="IAE702" s="613"/>
      <c r="IAF702" s="613"/>
      <c r="IAG702" s="613"/>
      <c r="IAH702" s="613"/>
      <c r="IAI702" s="613"/>
      <c r="IAJ702" s="613"/>
      <c r="IAK702" s="613"/>
      <c r="IAL702" s="613"/>
      <c r="IAM702" s="613"/>
      <c r="IAN702" s="613"/>
      <c r="IAO702" s="613"/>
      <c r="IAP702" s="613"/>
      <c r="IAQ702" s="613"/>
      <c r="IAR702" s="613"/>
      <c r="IAS702" s="613"/>
      <c r="IAT702" s="613"/>
      <c r="IAU702" s="613"/>
      <c r="IAV702" s="613"/>
      <c r="IAW702" s="613"/>
      <c r="IAX702" s="613"/>
      <c r="IAY702" s="613"/>
      <c r="IAZ702" s="613"/>
      <c r="IBA702" s="613"/>
      <c r="IBB702" s="613"/>
      <c r="IBC702" s="613"/>
      <c r="IBD702" s="613"/>
      <c r="IBE702" s="613"/>
      <c r="IBF702" s="613"/>
      <c r="IBG702" s="613"/>
      <c r="IBH702" s="613"/>
      <c r="IBI702" s="613"/>
      <c r="IBJ702" s="613"/>
      <c r="IBK702" s="613"/>
      <c r="IBL702" s="613"/>
      <c r="IBM702" s="613"/>
      <c r="IBN702" s="613"/>
      <c r="IBO702" s="613"/>
      <c r="IBP702" s="613"/>
      <c r="IBQ702" s="613"/>
      <c r="IBR702" s="613"/>
      <c r="IBS702" s="613"/>
      <c r="IBT702" s="613"/>
      <c r="IBU702" s="613"/>
      <c r="IBV702" s="613"/>
      <c r="IBW702" s="613"/>
      <c r="IBX702" s="613"/>
      <c r="IBY702" s="613"/>
      <c r="IBZ702" s="613"/>
      <c r="ICA702" s="613"/>
      <c r="ICB702" s="613"/>
      <c r="ICC702" s="613"/>
      <c r="ICD702" s="613"/>
      <c r="ICE702" s="613"/>
      <c r="ICF702" s="613"/>
      <c r="ICG702" s="613"/>
      <c r="ICH702" s="613"/>
      <c r="ICI702" s="613"/>
      <c r="ICJ702" s="613"/>
      <c r="ICK702" s="613"/>
      <c r="ICL702" s="613"/>
      <c r="ICM702" s="613"/>
      <c r="ICN702" s="613"/>
      <c r="ICO702" s="613"/>
      <c r="ICP702" s="613"/>
      <c r="ICQ702" s="613"/>
      <c r="ICR702" s="613"/>
      <c r="ICS702" s="613"/>
      <c r="ICT702" s="613"/>
      <c r="ICU702" s="613"/>
      <c r="ICV702" s="613"/>
      <c r="ICW702" s="613"/>
      <c r="ICX702" s="613"/>
      <c r="ICY702" s="613"/>
      <c r="ICZ702" s="613"/>
      <c r="IDA702" s="613"/>
      <c r="IDB702" s="613"/>
      <c r="IDC702" s="613"/>
      <c r="IDD702" s="613"/>
      <c r="IDE702" s="613"/>
      <c r="IDF702" s="613"/>
      <c r="IDG702" s="613"/>
      <c r="IDH702" s="613"/>
      <c r="IDI702" s="613"/>
      <c r="IDJ702" s="613"/>
      <c r="IDK702" s="613"/>
      <c r="IDL702" s="613"/>
      <c r="IDM702" s="613"/>
      <c r="IDN702" s="613"/>
      <c r="IDO702" s="613"/>
      <c r="IDP702" s="613"/>
      <c r="IDQ702" s="613"/>
      <c r="IDR702" s="613"/>
      <c r="IDS702" s="613"/>
      <c r="IDT702" s="613"/>
      <c r="IDU702" s="613"/>
      <c r="IDV702" s="613"/>
      <c r="IDW702" s="613"/>
      <c r="IDX702" s="613"/>
      <c r="IDY702" s="613"/>
      <c r="IDZ702" s="613"/>
      <c r="IEA702" s="613"/>
      <c r="IEB702" s="613"/>
      <c r="IEC702" s="613"/>
      <c r="IED702" s="613"/>
      <c r="IEE702" s="613"/>
      <c r="IEF702" s="613"/>
      <c r="IEG702" s="613"/>
      <c r="IEH702" s="613"/>
      <c r="IEI702" s="613"/>
      <c r="IEJ702" s="613"/>
      <c r="IEK702" s="613"/>
      <c r="IEL702" s="613"/>
      <c r="IEM702" s="613"/>
      <c r="IEN702" s="613"/>
      <c r="IEO702" s="613"/>
      <c r="IEP702" s="613"/>
      <c r="IEQ702" s="613"/>
      <c r="IER702" s="613"/>
      <c r="IES702" s="613"/>
      <c r="IET702" s="613"/>
      <c r="IEU702" s="613"/>
      <c r="IEV702" s="613"/>
      <c r="IEW702" s="613"/>
      <c r="IEX702" s="613"/>
      <c r="IEY702" s="613"/>
      <c r="IEZ702" s="613"/>
      <c r="IFA702" s="613"/>
      <c r="IFB702" s="613"/>
      <c r="IFC702" s="613"/>
      <c r="IFD702" s="613"/>
      <c r="IFE702" s="613"/>
      <c r="IFF702" s="613"/>
      <c r="IFG702" s="613"/>
      <c r="IFH702" s="613"/>
      <c r="IFI702" s="613"/>
      <c r="IFJ702" s="613"/>
      <c r="IFK702" s="613"/>
      <c r="IFL702" s="613"/>
      <c r="IFM702" s="613"/>
      <c r="IFN702" s="613"/>
      <c r="IFO702" s="613"/>
      <c r="IFP702" s="613"/>
      <c r="IFQ702" s="613"/>
      <c r="IFR702" s="613"/>
      <c r="IFS702" s="613"/>
      <c r="IFT702" s="613"/>
      <c r="IFU702" s="613"/>
      <c r="IFV702" s="613"/>
      <c r="IFW702" s="613"/>
      <c r="IFX702" s="613"/>
      <c r="IFY702" s="613"/>
      <c r="IFZ702" s="613"/>
      <c r="IGA702" s="613"/>
      <c r="IGB702" s="613"/>
      <c r="IGC702" s="613"/>
      <c r="IGD702" s="613"/>
      <c r="IGE702" s="613"/>
      <c r="IGF702" s="613"/>
      <c r="IGG702" s="613"/>
      <c r="IGH702" s="613"/>
      <c r="IGI702" s="613"/>
      <c r="IGJ702" s="613"/>
      <c r="IGK702" s="613"/>
      <c r="IGL702" s="613"/>
      <c r="IGM702" s="613"/>
      <c r="IGN702" s="613"/>
      <c r="IGO702" s="613"/>
      <c r="IGP702" s="613"/>
      <c r="IGQ702" s="613"/>
      <c r="IGR702" s="613"/>
      <c r="IGS702" s="613"/>
      <c r="IGT702" s="613"/>
      <c r="IGU702" s="613"/>
      <c r="IGV702" s="613"/>
      <c r="IGW702" s="613"/>
      <c r="IGX702" s="613"/>
      <c r="IGY702" s="613"/>
      <c r="IGZ702" s="613"/>
      <c r="IHA702" s="613"/>
      <c r="IHB702" s="613"/>
      <c r="IHC702" s="613"/>
      <c r="IHD702" s="613"/>
      <c r="IHE702" s="613"/>
      <c r="IHF702" s="613"/>
      <c r="IHG702" s="613"/>
      <c r="IHH702" s="613"/>
      <c r="IHI702" s="613"/>
      <c r="IHJ702" s="613"/>
      <c r="IHK702" s="613"/>
      <c r="IHL702" s="613"/>
      <c r="IHM702" s="613"/>
      <c r="IHN702" s="613"/>
      <c r="IHO702" s="613"/>
      <c r="IHP702" s="613"/>
      <c r="IHQ702" s="613"/>
      <c r="IHR702" s="613"/>
      <c r="IHS702" s="613"/>
      <c r="IHT702" s="613"/>
      <c r="IHU702" s="613"/>
      <c r="IHV702" s="613"/>
      <c r="IHW702" s="613"/>
      <c r="IHX702" s="613"/>
      <c r="IHY702" s="613"/>
      <c r="IHZ702" s="613"/>
      <c r="IIA702" s="613"/>
      <c r="IIB702" s="613"/>
      <c r="IIC702" s="613"/>
      <c r="IID702" s="613"/>
      <c r="IIE702" s="613"/>
      <c r="IIF702" s="613"/>
      <c r="IIG702" s="613"/>
      <c r="IIH702" s="613"/>
      <c r="III702" s="613"/>
      <c r="IIJ702" s="613"/>
      <c r="IIK702" s="613"/>
      <c r="IIL702" s="613"/>
      <c r="IIM702" s="613"/>
      <c r="IIN702" s="613"/>
      <c r="IIO702" s="613"/>
      <c r="IIP702" s="613"/>
      <c r="IIQ702" s="613"/>
      <c r="IIR702" s="613"/>
      <c r="IIS702" s="613"/>
      <c r="IIT702" s="613"/>
      <c r="IIU702" s="613"/>
      <c r="IIV702" s="613"/>
      <c r="IIW702" s="613"/>
      <c r="IIX702" s="613"/>
      <c r="IIY702" s="613"/>
      <c r="IIZ702" s="613"/>
      <c r="IJA702" s="613"/>
      <c r="IJB702" s="613"/>
      <c r="IJC702" s="613"/>
      <c r="IJD702" s="613"/>
      <c r="IJE702" s="613"/>
      <c r="IJF702" s="613"/>
      <c r="IJG702" s="613"/>
      <c r="IJH702" s="613"/>
      <c r="IJI702" s="613"/>
      <c r="IJJ702" s="613"/>
      <c r="IJK702" s="613"/>
      <c r="IJL702" s="613"/>
      <c r="IJM702" s="613"/>
      <c r="IJN702" s="613"/>
      <c r="IJO702" s="613"/>
      <c r="IJP702" s="613"/>
      <c r="IJQ702" s="613"/>
      <c r="IJR702" s="613"/>
      <c r="IJS702" s="613"/>
      <c r="IJT702" s="613"/>
      <c r="IJU702" s="613"/>
      <c r="IJV702" s="613"/>
      <c r="IJW702" s="613"/>
      <c r="IJX702" s="613"/>
      <c r="IJY702" s="613"/>
      <c r="IJZ702" s="613"/>
      <c r="IKA702" s="613"/>
      <c r="IKB702" s="613"/>
      <c r="IKC702" s="613"/>
      <c r="IKD702" s="613"/>
      <c r="IKE702" s="613"/>
      <c r="IKF702" s="613"/>
      <c r="IKG702" s="613"/>
      <c r="IKH702" s="613"/>
      <c r="IKI702" s="613"/>
      <c r="IKJ702" s="613"/>
      <c r="IKK702" s="613"/>
      <c r="IKL702" s="613"/>
      <c r="IKM702" s="613"/>
      <c r="IKN702" s="613"/>
      <c r="IKO702" s="613"/>
      <c r="IKP702" s="613"/>
      <c r="IKQ702" s="613"/>
      <c r="IKR702" s="613"/>
      <c r="IKS702" s="613"/>
      <c r="IKT702" s="613"/>
      <c r="IKU702" s="613"/>
      <c r="IKV702" s="613"/>
      <c r="IKW702" s="613"/>
      <c r="IKX702" s="613"/>
      <c r="IKY702" s="613"/>
      <c r="IKZ702" s="613"/>
      <c r="ILA702" s="613"/>
      <c r="ILB702" s="613"/>
      <c r="ILC702" s="613"/>
      <c r="ILD702" s="613"/>
      <c r="ILE702" s="613"/>
      <c r="ILF702" s="613"/>
      <c r="ILG702" s="613"/>
      <c r="ILH702" s="613"/>
      <c r="ILI702" s="613"/>
      <c r="ILJ702" s="613"/>
      <c r="ILK702" s="613"/>
      <c r="ILL702" s="613"/>
      <c r="ILM702" s="613"/>
      <c r="ILN702" s="613"/>
      <c r="ILO702" s="613"/>
      <c r="ILP702" s="613"/>
      <c r="ILQ702" s="613"/>
      <c r="ILR702" s="613"/>
      <c r="ILS702" s="613"/>
      <c r="ILT702" s="613"/>
      <c r="ILU702" s="613"/>
      <c r="ILV702" s="613"/>
      <c r="ILW702" s="613"/>
      <c r="ILX702" s="613"/>
      <c r="ILY702" s="613"/>
      <c r="ILZ702" s="613"/>
      <c r="IMA702" s="613"/>
      <c r="IMB702" s="613"/>
      <c r="IMC702" s="613"/>
      <c r="IMD702" s="613"/>
      <c r="IME702" s="613"/>
      <c r="IMF702" s="613"/>
      <c r="IMG702" s="613"/>
      <c r="IMH702" s="613"/>
      <c r="IMI702" s="613"/>
      <c r="IMJ702" s="613"/>
      <c r="IMK702" s="613"/>
      <c r="IML702" s="613"/>
      <c r="IMM702" s="613"/>
      <c r="IMN702" s="613"/>
      <c r="IMO702" s="613"/>
      <c r="IMP702" s="613"/>
      <c r="IMQ702" s="613"/>
      <c r="IMR702" s="613"/>
      <c r="IMS702" s="613"/>
      <c r="IMT702" s="613"/>
      <c r="IMU702" s="613"/>
      <c r="IMV702" s="613"/>
      <c r="IMW702" s="613"/>
      <c r="IMX702" s="613"/>
      <c r="IMY702" s="613"/>
      <c r="IMZ702" s="613"/>
      <c r="INA702" s="613"/>
      <c r="INB702" s="613"/>
      <c r="INC702" s="613"/>
      <c r="IND702" s="613"/>
      <c r="INE702" s="613"/>
      <c r="INF702" s="613"/>
      <c r="ING702" s="613"/>
      <c r="INH702" s="613"/>
      <c r="INI702" s="613"/>
      <c r="INJ702" s="613"/>
      <c r="INK702" s="613"/>
      <c r="INL702" s="613"/>
      <c r="INM702" s="613"/>
      <c r="INN702" s="613"/>
      <c r="INO702" s="613"/>
      <c r="INP702" s="613"/>
      <c r="INQ702" s="613"/>
      <c r="INR702" s="613"/>
      <c r="INS702" s="613"/>
      <c r="INT702" s="613"/>
      <c r="INU702" s="613"/>
      <c r="INV702" s="613"/>
      <c r="INW702" s="613"/>
      <c r="INX702" s="613"/>
      <c r="INY702" s="613"/>
      <c r="INZ702" s="613"/>
      <c r="IOA702" s="613"/>
      <c r="IOB702" s="613"/>
      <c r="IOC702" s="613"/>
      <c r="IOD702" s="613"/>
      <c r="IOE702" s="613"/>
      <c r="IOF702" s="613"/>
      <c r="IOG702" s="613"/>
      <c r="IOH702" s="613"/>
      <c r="IOI702" s="613"/>
      <c r="IOJ702" s="613"/>
      <c r="IOK702" s="613"/>
      <c r="IOL702" s="613"/>
      <c r="IOM702" s="613"/>
      <c r="ION702" s="613"/>
      <c r="IOO702" s="613"/>
      <c r="IOP702" s="613"/>
      <c r="IOQ702" s="613"/>
      <c r="IOR702" s="613"/>
      <c r="IOS702" s="613"/>
      <c r="IOT702" s="613"/>
      <c r="IOU702" s="613"/>
      <c r="IOV702" s="613"/>
      <c r="IOW702" s="613"/>
      <c r="IOX702" s="613"/>
      <c r="IOY702" s="613"/>
      <c r="IOZ702" s="613"/>
      <c r="IPA702" s="613"/>
      <c r="IPB702" s="613"/>
      <c r="IPC702" s="613"/>
      <c r="IPD702" s="613"/>
      <c r="IPE702" s="613"/>
      <c r="IPF702" s="613"/>
      <c r="IPG702" s="613"/>
      <c r="IPH702" s="613"/>
      <c r="IPI702" s="613"/>
      <c r="IPJ702" s="613"/>
      <c r="IPK702" s="613"/>
      <c r="IPL702" s="613"/>
      <c r="IPM702" s="613"/>
      <c r="IPN702" s="613"/>
      <c r="IPO702" s="613"/>
      <c r="IPP702" s="613"/>
      <c r="IPQ702" s="613"/>
      <c r="IPR702" s="613"/>
      <c r="IPS702" s="613"/>
      <c r="IPT702" s="613"/>
      <c r="IPU702" s="613"/>
      <c r="IPV702" s="613"/>
      <c r="IPW702" s="613"/>
      <c r="IPX702" s="613"/>
      <c r="IPY702" s="613"/>
      <c r="IPZ702" s="613"/>
      <c r="IQA702" s="613"/>
      <c r="IQB702" s="613"/>
      <c r="IQC702" s="613"/>
      <c r="IQD702" s="613"/>
      <c r="IQE702" s="613"/>
      <c r="IQF702" s="613"/>
      <c r="IQG702" s="613"/>
      <c r="IQH702" s="613"/>
      <c r="IQI702" s="613"/>
      <c r="IQJ702" s="613"/>
      <c r="IQK702" s="613"/>
      <c r="IQL702" s="613"/>
      <c r="IQM702" s="613"/>
      <c r="IQN702" s="613"/>
      <c r="IQO702" s="613"/>
      <c r="IQP702" s="613"/>
      <c r="IQQ702" s="613"/>
      <c r="IQR702" s="613"/>
      <c r="IQS702" s="613"/>
      <c r="IQT702" s="613"/>
      <c r="IQU702" s="613"/>
      <c r="IQV702" s="613"/>
      <c r="IQW702" s="613"/>
      <c r="IQX702" s="613"/>
      <c r="IQY702" s="613"/>
      <c r="IQZ702" s="613"/>
      <c r="IRA702" s="613"/>
      <c r="IRB702" s="613"/>
      <c r="IRC702" s="613"/>
      <c r="IRD702" s="613"/>
      <c r="IRE702" s="613"/>
      <c r="IRF702" s="613"/>
      <c r="IRG702" s="613"/>
      <c r="IRH702" s="613"/>
      <c r="IRI702" s="613"/>
      <c r="IRJ702" s="613"/>
      <c r="IRK702" s="613"/>
      <c r="IRL702" s="613"/>
      <c r="IRM702" s="613"/>
      <c r="IRN702" s="613"/>
      <c r="IRO702" s="613"/>
      <c r="IRP702" s="613"/>
      <c r="IRQ702" s="613"/>
      <c r="IRR702" s="613"/>
      <c r="IRS702" s="613"/>
      <c r="IRT702" s="613"/>
      <c r="IRU702" s="613"/>
      <c r="IRV702" s="613"/>
      <c r="IRW702" s="613"/>
      <c r="IRX702" s="613"/>
      <c r="IRY702" s="613"/>
      <c r="IRZ702" s="613"/>
      <c r="ISA702" s="613"/>
      <c r="ISB702" s="613"/>
      <c r="ISC702" s="613"/>
      <c r="ISD702" s="613"/>
      <c r="ISE702" s="613"/>
      <c r="ISF702" s="613"/>
      <c r="ISG702" s="613"/>
      <c r="ISH702" s="613"/>
      <c r="ISI702" s="613"/>
      <c r="ISJ702" s="613"/>
      <c r="ISK702" s="613"/>
      <c r="ISL702" s="613"/>
      <c r="ISM702" s="613"/>
      <c r="ISN702" s="613"/>
      <c r="ISO702" s="613"/>
      <c r="ISP702" s="613"/>
      <c r="ISQ702" s="613"/>
      <c r="ISR702" s="613"/>
      <c r="ISS702" s="613"/>
      <c r="IST702" s="613"/>
      <c r="ISU702" s="613"/>
      <c r="ISV702" s="613"/>
      <c r="ISW702" s="613"/>
      <c r="ISX702" s="613"/>
      <c r="ISY702" s="613"/>
      <c r="ISZ702" s="613"/>
      <c r="ITA702" s="613"/>
      <c r="ITB702" s="613"/>
      <c r="ITC702" s="613"/>
      <c r="ITD702" s="613"/>
      <c r="ITE702" s="613"/>
      <c r="ITF702" s="613"/>
      <c r="ITG702" s="613"/>
      <c r="ITH702" s="613"/>
      <c r="ITI702" s="613"/>
      <c r="ITJ702" s="613"/>
      <c r="ITK702" s="613"/>
      <c r="ITL702" s="613"/>
      <c r="ITM702" s="613"/>
      <c r="ITN702" s="613"/>
      <c r="ITO702" s="613"/>
      <c r="ITP702" s="613"/>
      <c r="ITQ702" s="613"/>
      <c r="ITR702" s="613"/>
      <c r="ITS702" s="613"/>
      <c r="ITT702" s="613"/>
      <c r="ITU702" s="613"/>
      <c r="ITV702" s="613"/>
      <c r="ITW702" s="613"/>
      <c r="ITX702" s="613"/>
      <c r="ITY702" s="613"/>
      <c r="ITZ702" s="613"/>
      <c r="IUA702" s="613"/>
      <c r="IUB702" s="613"/>
      <c r="IUC702" s="613"/>
      <c r="IUD702" s="613"/>
      <c r="IUE702" s="613"/>
      <c r="IUF702" s="613"/>
      <c r="IUG702" s="613"/>
      <c r="IUH702" s="613"/>
      <c r="IUI702" s="613"/>
      <c r="IUJ702" s="613"/>
      <c r="IUK702" s="613"/>
      <c r="IUL702" s="613"/>
      <c r="IUM702" s="613"/>
      <c r="IUN702" s="613"/>
      <c r="IUO702" s="613"/>
      <c r="IUP702" s="613"/>
      <c r="IUQ702" s="613"/>
      <c r="IUR702" s="613"/>
      <c r="IUS702" s="613"/>
      <c r="IUT702" s="613"/>
      <c r="IUU702" s="613"/>
      <c r="IUV702" s="613"/>
      <c r="IUW702" s="613"/>
      <c r="IUX702" s="613"/>
      <c r="IUY702" s="613"/>
      <c r="IUZ702" s="613"/>
      <c r="IVA702" s="613"/>
      <c r="IVB702" s="613"/>
      <c r="IVC702" s="613"/>
      <c r="IVD702" s="613"/>
      <c r="IVE702" s="613"/>
      <c r="IVF702" s="613"/>
      <c r="IVG702" s="613"/>
      <c r="IVH702" s="613"/>
      <c r="IVI702" s="613"/>
      <c r="IVJ702" s="613"/>
      <c r="IVK702" s="613"/>
      <c r="IVL702" s="613"/>
      <c r="IVM702" s="613"/>
      <c r="IVN702" s="613"/>
      <c r="IVO702" s="613"/>
      <c r="IVP702" s="613"/>
      <c r="IVQ702" s="613"/>
      <c r="IVR702" s="613"/>
      <c r="IVS702" s="613"/>
      <c r="IVT702" s="613"/>
      <c r="IVU702" s="613"/>
      <c r="IVV702" s="613"/>
      <c r="IVW702" s="613"/>
      <c r="IVX702" s="613"/>
      <c r="IVY702" s="613"/>
      <c r="IVZ702" s="613"/>
      <c r="IWA702" s="613"/>
      <c r="IWB702" s="613"/>
      <c r="IWC702" s="613"/>
      <c r="IWD702" s="613"/>
      <c r="IWE702" s="613"/>
      <c r="IWF702" s="613"/>
      <c r="IWG702" s="613"/>
      <c r="IWH702" s="613"/>
      <c r="IWI702" s="613"/>
      <c r="IWJ702" s="613"/>
      <c r="IWK702" s="613"/>
      <c r="IWL702" s="613"/>
      <c r="IWM702" s="613"/>
      <c r="IWN702" s="613"/>
      <c r="IWO702" s="613"/>
      <c r="IWP702" s="613"/>
      <c r="IWQ702" s="613"/>
      <c r="IWR702" s="613"/>
      <c r="IWS702" s="613"/>
      <c r="IWT702" s="613"/>
      <c r="IWU702" s="613"/>
      <c r="IWV702" s="613"/>
      <c r="IWW702" s="613"/>
      <c r="IWX702" s="613"/>
      <c r="IWY702" s="613"/>
      <c r="IWZ702" s="613"/>
      <c r="IXA702" s="613"/>
      <c r="IXB702" s="613"/>
      <c r="IXC702" s="613"/>
      <c r="IXD702" s="613"/>
      <c r="IXE702" s="613"/>
      <c r="IXF702" s="613"/>
      <c r="IXG702" s="613"/>
      <c r="IXH702" s="613"/>
      <c r="IXI702" s="613"/>
      <c r="IXJ702" s="613"/>
      <c r="IXK702" s="613"/>
      <c r="IXL702" s="613"/>
      <c r="IXM702" s="613"/>
      <c r="IXN702" s="613"/>
      <c r="IXO702" s="613"/>
      <c r="IXP702" s="613"/>
      <c r="IXQ702" s="613"/>
      <c r="IXR702" s="613"/>
      <c r="IXS702" s="613"/>
      <c r="IXT702" s="613"/>
      <c r="IXU702" s="613"/>
      <c r="IXV702" s="613"/>
      <c r="IXW702" s="613"/>
      <c r="IXX702" s="613"/>
      <c r="IXY702" s="613"/>
      <c r="IXZ702" s="613"/>
      <c r="IYA702" s="613"/>
      <c r="IYB702" s="613"/>
      <c r="IYC702" s="613"/>
      <c r="IYD702" s="613"/>
      <c r="IYE702" s="613"/>
      <c r="IYF702" s="613"/>
      <c r="IYG702" s="613"/>
      <c r="IYH702" s="613"/>
      <c r="IYI702" s="613"/>
      <c r="IYJ702" s="613"/>
      <c r="IYK702" s="613"/>
      <c r="IYL702" s="613"/>
      <c r="IYM702" s="613"/>
      <c r="IYN702" s="613"/>
      <c r="IYO702" s="613"/>
      <c r="IYP702" s="613"/>
      <c r="IYQ702" s="613"/>
      <c r="IYR702" s="613"/>
      <c r="IYS702" s="613"/>
      <c r="IYT702" s="613"/>
      <c r="IYU702" s="613"/>
      <c r="IYV702" s="613"/>
      <c r="IYW702" s="613"/>
      <c r="IYX702" s="613"/>
      <c r="IYY702" s="613"/>
      <c r="IYZ702" s="613"/>
      <c r="IZA702" s="613"/>
      <c r="IZB702" s="613"/>
      <c r="IZC702" s="613"/>
      <c r="IZD702" s="613"/>
      <c r="IZE702" s="613"/>
      <c r="IZF702" s="613"/>
      <c r="IZG702" s="613"/>
      <c r="IZH702" s="613"/>
      <c r="IZI702" s="613"/>
      <c r="IZJ702" s="613"/>
      <c r="IZK702" s="613"/>
      <c r="IZL702" s="613"/>
      <c r="IZM702" s="613"/>
      <c r="IZN702" s="613"/>
      <c r="IZO702" s="613"/>
      <c r="IZP702" s="613"/>
      <c r="IZQ702" s="613"/>
      <c r="IZR702" s="613"/>
      <c r="IZS702" s="613"/>
      <c r="IZT702" s="613"/>
      <c r="IZU702" s="613"/>
      <c r="IZV702" s="613"/>
      <c r="IZW702" s="613"/>
      <c r="IZX702" s="613"/>
      <c r="IZY702" s="613"/>
      <c r="IZZ702" s="613"/>
      <c r="JAA702" s="613"/>
      <c r="JAB702" s="613"/>
      <c r="JAC702" s="613"/>
      <c r="JAD702" s="613"/>
      <c r="JAE702" s="613"/>
      <c r="JAF702" s="613"/>
      <c r="JAG702" s="613"/>
      <c r="JAH702" s="613"/>
      <c r="JAI702" s="613"/>
      <c r="JAJ702" s="613"/>
      <c r="JAK702" s="613"/>
      <c r="JAL702" s="613"/>
      <c r="JAM702" s="613"/>
      <c r="JAN702" s="613"/>
      <c r="JAO702" s="613"/>
      <c r="JAP702" s="613"/>
      <c r="JAQ702" s="613"/>
      <c r="JAR702" s="613"/>
      <c r="JAS702" s="613"/>
      <c r="JAT702" s="613"/>
      <c r="JAU702" s="613"/>
      <c r="JAV702" s="613"/>
      <c r="JAW702" s="613"/>
      <c r="JAX702" s="613"/>
      <c r="JAY702" s="613"/>
      <c r="JAZ702" s="613"/>
      <c r="JBA702" s="613"/>
      <c r="JBB702" s="613"/>
      <c r="JBC702" s="613"/>
      <c r="JBD702" s="613"/>
      <c r="JBE702" s="613"/>
      <c r="JBF702" s="613"/>
      <c r="JBG702" s="613"/>
      <c r="JBH702" s="613"/>
      <c r="JBI702" s="613"/>
      <c r="JBJ702" s="613"/>
      <c r="JBK702" s="613"/>
      <c r="JBL702" s="613"/>
      <c r="JBM702" s="613"/>
      <c r="JBN702" s="613"/>
      <c r="JBO702" s="613"/>
      <c r="JBP702" s="613"/>
      <c r="JBQ702" s="613"/>
      <c r="JBR702" s="613"/>
      <c r="JBS702" s="613"/>
      <c r="JBT702" s="613"/>
      <c r="JBU702" s="613"/>
      <c r="JBV702" s="613"/>
      <c r="JBW702" s="613"/>
      <c r="JBX702" s="613"/>
      <c r="JBY702" s="613"/>
      <c r="JBZ702" s="613"/>
      <c r="JCA702" s="613"/>
      <c r="JCB702" s="613"/>
      <c r="JCC702" s="613"/>
      <c r="JCD702" s="613"/>
      <c r="JCE702" s="613"/>
      <c r="JCF702" s="613"/>
      <c r="JCG702" s="613"/>
      <c r="JCH702" s="613"/>
      <c r="JCI702" s="613"/>
      <c r="JCJ702" s="613"/>
      <c r="JCK702" s="613"/>
      <c r="JCL702" s="613"/>
      <c r="JCM702" s="613"/>
      <c r="JCN702" s="613"/>
      <c r="JCO702" s="613"/>
      <c r="JCP702" s="613"/>
      <c r="JCQ702" s="613"/>
      <c r="JCR702" s="613"/>
      <c r="JCS702" s="613"/>
      <c r="JCT702" s="613"/>
      <c r="JCU702" s="613"/>
      <c r="JCV702" s="613"/>
      <c r="JCW702" s="613"/>
      <c r="JCX702" s="613"/>
      <c r="JCY702" s="613"/>
      <c r="JCZ702" s="613"/>
      <c r="JDA702" s="613"/>
      <c r="JDB702" s="613"/>
      <c r="JDC702" s="613"/>
      <c r="JDD702" s="613"/>
      <c r="JDE702" s="613"/>
      <c r="JDF702" s="613"/>
      <c r="JDG702" s="613"/>
      <c r="JDH702" s="613"/>
      <c r="JDI702" s="613"/>
      <c r="JDJ702" s="613"/>
      <c r="JDK702" s="613"/>
      <c r="JDL702" s="613"/>
      <c r="JDM702" s="613"/>
      <c r="JDN702" s="613"/>
      <c r="JDO702" s="613"/>
      <c r="JDP702" s="613"/>
      <c r="JDQ702" s="613"/>
      <c r="JDR702" s="613"/>
      <c r="JDS702" s="613"/>
      <c r="JDT702" s="613"/>
      <c r="JDU702" s="613"/>
      <c r="JDV702" s="613"/>
      <c r="JDW702" s="613"/>
      <c r="JDX702" s="613"/>
      <c r="JDY702" s="613"/>
      <c r="JDZ702" s="613"/>
      <c r="JEA702" s="613"/>
      <c r="JEB702" s="613"/>
      <c r="JEC702" s="613"/>
      <c r="JED702" s="613"/>
      <c r="JEE702" s="613"/>
      <c r="JEF702" s="613"/>
      <c r="JEG702" s="613"/>
      <c r="JEH702" s="613"/>
      <c r="JEI702" s="613"/>
      <c r="JEJ702" s="613"/>
      <c r="JEK702" s="613"/>
      <c r="JEL702" s="613"/>
      <c r="JEM702" s="613"/>
      <c r="JEN702" s="613"/>
      <c r="JEO702" s="613"/>
      <c r="JEP702" s="613"/>
      <c r="JEQ702" s="613"/>
      <c r="JER702" s="613"/>
      <c r="JES702" s="613"/>
      <c r="JET702" s="613"/>
      <c r="JEU702" s="613"/>
      <c r="JEV702" s="613"/>
      <c r="JEW702" s="613"/>
      <c r="JEX702" s="613"/>
      <c r="JEY702" s="613"/>
      <c r="JEZ702" s="613"/>
      <c r="JFA702" s="613"/>
      <c r="JFB702" s="613"/>
      <c r="JFC702" s="613"/>
      <c r="JFD702" s="613"/>
      <c r="JFE702" s="613"/>
      <c r="JFF702" s="613"/>
      <c r="JFG702" s="613"/>
      <c r="JFH702" s="613"/>
      <c r="JFI702" s="613"/>
      <c r="JFJ702" s="613"/>
      <c r="JFK702" s="613"/>
      <c r="JFL702" s="613"/>
      <c r="JFM702" s="613"/>
      <c r="JFN702" s="613"/>
      <c r="JFO702" s="613"/>
      <c r="JFP702" s="613"/>
      <c r="JFQ702" s="613"/>
      <c r="JFR702" s="613"/>
      <c r="JFS702" s="613"/>
      <c r="JFT702" s="613"/>
      <c r="JFU702" s="613"/>
      <c r="JFV702" s="613"/>
      <c r="JFW702" s="613"/>
      <c r="JFX702" s="613"/>
      <c r="JFY702" s="613"/>
      <c r="JFZ702" s="613"/>
      <c r="JGA702" s="613"/>
      <c r="JGB702" s="613"/>
      <c r="JGC702" s="613"/>
      <c r="JGD702" s="613"/>
      <c r="JGE702" s="613"/>
      <c r="JGF702" s="613"/>
      <c r="JGG702" s="613"/>
      <c r="JGH702" s="613"/>
      <c r="JGI702" s="613"/>
      <c r="JGJ702" s="613"/>
      <c r="JGK702" s="613"/>
      <c r="JGL702" s="613"/>
      <c r="JGM702" s="613"/>
      <c r="JGN702" s="613"/>
      <c r="JGO702" s="613"/>
      <c r="JGP702" s="613"/>
      <c r="JGQ702" s="613"/>
      <c r="JGR702" s="613"/>
      <c r="JGS702" s="613"/>
      <c r="JGT702" s="613"/>
      <c r="JGU702" s="613"/>
      <c r="JGV702" s="613"/>
      <c r="JGW702" s="613"/>
      <c r="JGX702" s="613"/>
      <c r="JGY702" s="613"/>
      <c r="JGZ702" s="613"/>
      <c r="JHA702" s="613"/>
      <c r="JHB702" s="613"/>
      <c r="JHC702" s="613"/>
      <c r="JHD702" s="613"/>
      <c r="JHE702" s="613"/>
      <c r="JHF702" s="613"/>
      <c r="JHG702" s="613"/>
      <c r="JHH702" s="613"/>
      <c r="JHI702" s="613"/>
      <c r="JHJ702" s="613"/>
      <c r="JHK702" s="613"/>
      <c r="JHL702" s="613"/>
      <c r="JHM702" s="613"/>
      <c r="JHN702" s="613"/>
      <c r="JHO702" s="613"/>
      <c r="JHP702" s="613"/>
      <c r="JHQ702" s="613"/>
      <c r="JHR702" s="613"/>
      <c r="JHS702" s="613"/>
      <c r="JHT702" s="613"/>
      <c r="JHU702" s="613"/>
      <c r="JHV702" s="613"/>
      <c r="JHW702" s="613"/>
      <c r="JHX702" s="613"/>
      <c r="JHY702" s="613"/>
      <c r="JHZ702" s="613"/>
      <c r="JIA702" s="613"/>
      <c r="JIB702" s="613"/>
      <c r="JIC702" s="613"/>
      <c r="JID702" s="613"/>
      <c r="JIE702" s="613"/>
      <c r="JIF702" s="613"/>
      <c r="JIG702" s="613"/>
      <c r="JIH702" s="613"/>
      <c r="JII702" s="613"/>
      <c r="JIJ702" s="613"/>
      <c r="JIK702" s="613"/>
      <c r="JIL702" s="613"/>
      <c r="JIM702" s="613"/>
      <c r="JIN702" s="613"/>
      <c r="JIO702" s="613"/>
      <c r="JIP702" s="613"/>
      <c r="JIQ702" s="613"/>
      <c r="JIR702" s="613"/>
      <c r="JIS702" s="613"/>
      <c r="JIT702" s="613"/>
      <c r="JIU702" s="613"/>
      <c r="JIV702" s="613"/>
      <c r="JIW702" s="613"/>
      <c r="JIX702" s="613"/>
      <c r="JIY702" s="613"/>
      <c r="JIZ702" s="613"/>
      <c r="JJA702" s="613"/>
      <c r="JJB702" s="613"/>
      <c r="JJC702" s="613"/>
      <c r="JJD702" s="613"/>
      <c r="JJE702" s="613"/>
      <c r="JJF702" s="613"/>
      <c r="JJG702" s="613"/>
      <c r="JJH702" s="613"/>
      <c r="JJI702" s="613"/>
      <c r="JJJ702" s="613"/>
      <c r="JJK702" s="613"/>
      <c r="JJL702" s="613"/>
      <c r="JJM702" s="613"/>
      <c r="JJN702" s="613"/>
      <c r="JJO702" s="613"/>
      <c r="JJP702" s="613"/>
      <c r="JJQ702" s="613"/>
      <c r="JJR702" s="613"/>
      <c r="JJS702" s="613"/>
      <c r="JJT702" s="613"/>
      <c r="JJU702" s="613"/>
      <c r="JJV702" s="613"/>
      <c r="JJW702" s="613"/>
      <c r="JJX702" s="613"/>
      <c r="JJY702" s="613"/>
      <c r="JJZ702" s="613"/>
      <c r="JKA702" s="613"/>
      <c r="JKB702" s="613"/>
      <c r="JKC702" s="613"/>
      <c r="JKD702" s="613"/>
      <c r="JKE702" s="613"/>
      <c r="JKF702" s="613"/>
      <c r="JKG702" s="613"/>
      <c r="JKH702" s="613"/>
      <c r="JKI702" s="613"/>
      <c r="JKJ702" s="613"/>
      <c r="JKK702" s="613"/>
      <c r="JKL702" s="613"/>
      <c r="JKM702" s="613"/>
      <c r="JKN702" s="613"/>
      <c r="JKO702" s="613"/>
      <c r="JKP702" s="613"/>
      <c r="JKQ702" s="613"/>
      <c r="JKR702" s="613"/>
      <c r="JKS702" s="613"/>
      <c r="JKT702" s="613"/>
      <c r="JKU702" s="613"/>
      <c r="JKV702" s="613"/>
      <c r="JKW702" s="613"/>
      <c r="JKX702" s="613"/>
      <c r="JKY702" s="613"/>
      <c r="JKZ702" s="613"/>
      <c r="JLA702" s="613"/>
      <c r="JLB702" s="613"/>
      <c r="JLC702" s="613"/>
      <c r="JLD702" s="613"/>
      <c r="JLE702" s="613"/>
      <c r="JLF702" s="613"/>
      <c r="JLG702" s="613"/>
      <c r="JLH702" s="613"/>
      <c r="JLI702" s="613"/>
      <c r="JLJ702" s="613"/>
      <c r="JLK702" s="613"/>
      <c r="JLL702" s="613"/>
      <c r="JLM702" s="613"/>
      <c r="JLN702" s="613"/>
      <c r="JLO702" s="613"/>
      <c r="JLP702" s="613"/>
      <c r="JLQ702" s="613"/>
      <c r="JLR702" s="613"/>
      <c r="JLS702" s="613"/>
      <c r="JLT702" s="613"/>
      <c r="JLU702" s="613"/>
      <c r="JLV702" s="613"/>
      <c r="JLW702" s="613"/>
      <c r="JLX702" s="613"/>
      <c r="JLY702" s="613"/>
      <c r="JLZ702" s="613"/>
      <c r="JMA702" s="613"/>
      <c r="JMB702" s="613"/>
      <c r="JMC702" s="613"/>
      <c r="JMD702" s="613"/>
      <c r="JME702" s="613"/>
      <c r="JMF702" s="613"/>
      <c r="JMG702" s="613"/>
      <c r="JMH702" s="613"/>
      <c r="JMI702" s="613"/>
      <c r="JMJ702" s="613"/>
      <c r="JMK702" s="613"/>
      <c r="JML702" s="613"/>
      <c r="JMM702" s="613"/>
      <c r="JMN702" s="613"/>
      <c r="JMO702" s="613"/>
      <c r="JMP702" s="613"/>
      <c r="JMQ702" s="613"/>
      <c r="JMR702" s="613"/>
      <c r="JMS702" s="613"/>
      <c r="JMT702" s="613"/>
      <c r="JMU702" s="613"/>
      <c r="JMV702" s="613"/>
      <c r="JMW702" s="613"/>
      <c r="JMX702" s="613"/>
      <c r="JMY702" s="613"/>
      <c r="JMZ702" s="613"/>
      <c r="JNA702" s="613"/>
      <c r="JNB702" s="613"/>
      <c r="JNC702" s="613"/>
      <c r="JND702" s="613"/>
      <c r="JNE702" s="613"/>
      <c r="JNF702" s="613"/>
      <c r="JNG702" s="613"/>
      <c r="JNH702" s="613"/>
      <c r="JNI702" s="613"/>
      <c r="JNJ702" s="613"/>
      <c r="JNK702" s="613"/>
      <c r="JNL702" s="613"/>
      <c r="JNM702" s="613"/>
      <c r="JNN702" s="613"/>
      <c r="JNO702" s="613"/>
      <c r="JNP702" s="613"/>
      <c r="JNQ702" s="613"/>
      <c r="JNR702" s="613"/>
      <c r="JNS702" s="613"/>
      <c r="JNT702" s="613"/>
      <c r="JNU702" s="613"/>
      <c r="JNV702" s="613"/>
      <c r="JNW702" s="613"/>
      <c r="JNX702" s="613"/>
      <c r="JNY702" s="613"/>
      <c r="JNZ702" s="613"/>
      <c r="JOA702" s="613"/>
      <c r="JOB702" s="613"/>
      <c r="JOC702" s="613"/>
      <c r="JOD702" s="613"/>
      <c r="JOE702" s="613"/>
      <c r="JOF702" s="613"/>
      <c r="JOG702" s="613"/>
      <c r="JOH702" s="613"/>
      <c r="JOI702" s="613"/>
      <c r="JOJ702" s="613"/>
      <c r="JOK702" s="613"/>
      <c r="JOL702" s="613"/>
      <c r="JOM702" s="613"/>
      <c r="JON702" s="613"/>
      <c r="JOO702" s="613"/>
      <c r="JOP702" s="613"/>
      <c r="JOQ702" s="613"/>
      <c r="JOR702" s="613"/>
      <c r="JOS702" s="613"/>
      <c r="JOT702" s="613"/>
      <c r="JOU702" s="613"/>
      <c r="JOV702" s="613"/>
      <c r="JOW702" s="613"/>
      <c r="JOX702" s="613"/>
      <c r="JOY702" s="613"/>
      <c r="JOZ702" s="613"/>
      <c r="JPA702" s="613"/>
      <c r="JPB702" s="613"/>
      <c r="JPC702" s="613"/>
      <c r="JPD702" s="613"/>
      <c r="JPE702" s="613"/>
      <c r="JPF702" s="613"/>
      <c r="JPG702" s="613"/>
      <c r="JPH702" s="613"/>
      <c r="JPI702" s="613"/>
      <c r="JPJ702" s="613"/>
      <c r="JPK702" s="613"/>
      <c r="JPL702" s="613"/>
      <c r="JPM702" s="613"/>
      <c r="JPN702" s="613"/>
      <c r="JPO702" s="613"/>
      <c r="JPP702" s="613"/>
      <c r="JPQ702" s="613"/>
      <c r="JPR702" s="613"/>
      <c r="JPS702" s="613"/>
      <c r="JPT702" s="613"/>
      <c r="JPU702" s="613"/>
      <c r="JPV702" s="613"/>
      <c r="JPW702" s="613"/>
      <c r="JPX702" s="613"/>
      <c r="JPY702" s="613"/>
      <c r="JPZ702" s="613"/>
      <c r="JQA702" s="613"/>
      <c r="JQB702" s="613"/>
      <c r="JQC702" s="613"/>
      <c r="JQD702" s="613"/>
      <c r="JQE702" s="613"/>
      <c r="JQF702" s="613"/>
      <c r="JQG702" s="613"/>
      <c r="JQH702" s="613"/>
      <c r="JQI702" s="613"/>
      <c r="JQJ702" s="613"/>
      <c r="JQK702" s="613"/>
      <c r="JQL702" s="613"/>
      <c r="JQM702" s="613"/>
      <c r="JQN702" s="613"/>
      <c r="JQO702" s="613"/>
      <c r="JQP702" s="613"/>
      <c r="JQQ702" s="613"/>
      <c r="JQR702" s="613"/>
      <c r="JQS702" s="613"/>
      <c r="JQT702" s="613"/>
      <c r="JQU702" s="613"/>
      <c r="JQV702" s="613"/>
      <c r="JQW702" s="613"/>
      <c r="JQX702" s="613"/>
      <c r="JQY702" s="613"/>
      <c r="JQZ702" s="613"/>
      <c r="JRA702" s="613"/>
      <c r="JRB702" s="613"/>
      <c r="JRC702" s="613"/>
      <c r="JRD702" s="613"/>
      <c r="JRE702" s="613"/>
      <c r="JRF702" s="613"/>
      <c r="JRG702" s="613"/>
      <c r="JRH702" s="613"/>
      <c r="JRI702" s="613"/>
      <c r="JRJ702" s="613"/>
      <c r="JRK702" s="613"/>
      <c r="JRL702" s="613"/>
      <c r="JRM702" s="613"/>
      <c r="JRN702" s="613"/>
      <c r="JRO702" s="613"/>
      <c r="JRP702" s="613"/>
      <c r="JRQ702" s="613"/>
      <c r="JRR702" s="613"/>
      <c r="JRS702" s="613"/>
      <c r="JRT702" s="613"/>
      <c r="JRU702" s="613"/>
      <c r="JRV702" s="613"/>
      <c r="JRW702" s="613"/>
      <c r="JRX702" s="613"/>
      <c r="JRY702" s="613"/>
      <c r="JRZ702" s="613"/>
      <c r="JSA702" s="613"/>
      <c r="JSB702" s="613"/>
      <c r="JSC702" s="613"/>
      <c r="JSD702" s="613"/>
      <c r="JSE702" s="613"/>
      <c r="JSF702" s="613"/>
      <c r="JSG702" s="613"/>
      <c r="JSH702" s="613"/>
      <c r="JSI702" s="613"/>
      <c r="JSJ702" s="613"/>
      <c r="JSK702" s="613"/>
      <c r="JSL702" s="613"/>
      <c r="JSM702" s="613"/>
      <c r="JSN702" s="613"/>
      <c r="JSO702" s="613"/>
      <c r="JSP702" s="613"/>
      <c r="JSQ702" s="613"/>
      <c r="JSR702" s="613"/>
      <c r="JSS702" s="613"/>
      <c r="JST702" s="613"/>
      <c r="JSU702" s="613"/>
      <c r="JSV702" s="613"/>
      <c r="JSW702" s="613"/>
      <c r="JSX702" s="613"/>
      <c r="JSY702" s="613"/>
      <c r="JSZ702" s="613"/>
      <c r="JTA702" s="613"/>
      <c r="JTB702" s="613"/>
      <c r="JTC702" s="613"/>
      <c r="JTD702" s="613"/>
      <c r="JTE702" s="613"/>
      <c r="JTF702" s="613"/>
      <c r="JTG702" s="613"/>
      <c r="JTH702" s="613"/>
      <c r="JTI702" s="613"/>
      <c r="JTJ702" s="613"/>
      <c r="JTK702" s="613"/>
      <c r="JTL702" s="613"/>
      <c r="JTM702" s="613"/>
      <c r="JTN702" s="613"/>
      <c r="JTO702" s="613"/>
      <c r="JTP702" s="613"/>
      <c r="JTQ702" s="613"/>
      <c r="JTR702" s="613"/>
      <c r="JTS702" s="613"/>
      <c r="JTT702" s="613"/>
      <c r="JTU702" s="613"/>
      <c r="JTV702" s="613"/>
      <c r="JTW702" s="613"/>
      <c r="JTX702" s="613"/>
      <c r="JTY702" s="613"/>
      <c r="JTZ702" s="613"/>
      <c r="JUA702" s="613"/>
      <c r="JUB702" s="613"/>
      <c r="JUC702" s="613"/>
      <c r="JUD702" s="613"/>
      <c r="JUE702" s="613"/>
      <c r="JUF702" s="613"/>
      <c r="JUG702" s="613"/>
      <c r="JUH702" s="613"/>
      <c r="JUI702" s="613"/>
      <c r="JUJ702" s="613"/>
      <c r="JUK702" s="613"/>
      <c r="JUL702" s="613"/>
      <c r="JUM702" s="613"/>
      <c r="JUN702" s="613"/>
      <c r="JUO702" s="613"/>
      <c r="JUP702" s="613"/>
      <c r="JUQ702" s="613"/>
      <c r="JUR702" s="613"/>
      <c r="JUS702" s="613"/>
      <c r="JUT702" s="613"/>
      <c r="JUU702" s="613"/>
      <c r="JUV702" s="613"/>
      <c r="JUW702" s="613"/>
      <c r="JUX702" s="613"/>
      <c r="JUY702" s="613"/>
      <c r="JUZ702" s="613"/>
      <c r="JVA702" s="613"/>
      <c r="JVB702" s="613"/>
      <c r="JVC702" s="613"/>
      <c r="JVD702" s="613"/>
      <c r="JVE702" s="613"/>
      <c r="JVF702" s="613"/>
      <c r="JVG702" s="613"/>
      <c r="JVH702" s="613"/>
      <c r="JVI702" s="613"/>
      <c r="JVJ702" s="613"/>
      <c r="JVK702" s="613"/>
      <c r="JVL702" s="613"/>
      <c r="JVM702" s="613"/>
      <c r="JVN702" s="613"/>
      <c r="JVO702" s="613"/>
      <c r="JVP702" s="613"/>
      <c r="JVQ702" s="613"/>
      <c r="JVR702" s="613"/>
      <c r="JVS702" s="613"/>
      <c r="JVT702" s="613"/>
      <c r="JVU702" s="613"/>
      <c r="JVV702" s="613"/>
      <c r="JVW702" s="613"/>
      <c r="JVX702" s="613"/>
      <c r="JVY702" s="613"/>
      <c r="JVZ702" s="613"/>
      <c r="JWA702" s="613"/>
      <c r="JWB702" s="613"/>
      <c r="JWC702" s="613"/>
      <c r="JWD702" s="613"/>
      <c r="JWE702" s="613"/>
      <c r="JWF702" s="613"/>
      <c r="JWG702" s="613"/>
      <c r="JWH702" s="613"/>
      <c r="JWI702" s="613"/>
      <c r="JWJ702" s="613"/>
      <c r="JWK702" s="613"/>
      <c r="JWL702" s="613"/>
      <c r="JWM702" s="613"/>
      <c r="JWN702" s="613"/>
      <c r="JWO702" s="613"/>
      <c r="JWP702" s="613"/>
      <c r="JWQ702" s="613"/>
      <c r="JWR702" s="613"/>
      <c r="JWS702" s="613"/>
      <c r="JWT702" s="613"/>
      <c r="JWU702" s="613"/>
      <c r="JWV702" s="613"/>
      <c r="JWW702" s="613"/>
      <c r="JWX702" s="613"/>
      <c r="JWY702" s="613"/>
      <c r="JWZ702" s="613"/>
      <c r="JXA702" s="613"/>
      <c r="JXB702" s="613"/>
      <c r="JXC702" s="613"/>
      <c r="JXD702" s="613"/>
      <c r="JXE702" s="613"/>
      <c r="JXF702" s="613"/>
      <c r="JXG702" s="613"/>
      <c r="JXH702" s="613"/>
      <c r="JXI702" s="613"/>
      <c r="JXJ702" s="613"/>
      <c r="JXK702" s="613"/>
      <c r="JXL702" s="613"/>
      <c r="JXM702" s="613"/>
      <c r="JXN702" s="613"/>
      <c r="JXO702" s="613"/>
      <c r="JXP702" s="613"/>
      <c r="JXQ702" s="613"/>
      <c r="JXR702" s="613"/>
      <c r="JXS702" s="613"/>
      <c r="JXT702" s="613"/>
      <c r="JXU702" s="613"/>
      <c r="JXV702" s="613"/>
      <c r="JXW702" s="613"/>
      <c r="JXX702" s="613"/>
      <c r="JXY702" s="613"/>
      <c r="JXZ702" s="613"/>
      <c r="JYA702" s="613"/>
      <c r="JYB702" s="613"/>
      <c r="JYC702" s="613"/>
      <c r="JYD702" s="613"/>
      <c r="JYE702" s="613"/>
      <c r="JYF702" s="613"/>
      <c r="JYG702" s="613"/>
      <c r="JYH702" s="613"/>
      <c r="JYI702" s="613"/>
      <c r="JYJ702" s="613"/>
      <c r="JYK702" s="613"/>
      <c r="JYL702" s="613"/>
      <c r="JYM702" s="613"/>
      <c r="JYN702" s="613"/>
      <c r="JYO702" s="613"/>
      <c r="JYP702" s="613"/>
      <c r="JYQ702" s="613"/>
      <c r="JYR702" s="613"/>
      <c r="JYS702" s="613"/>
      <c r="JYT702" s="613"/>
      <c r="JYU702" s="613"/>
      <c r="JYV702" s="613"/>
      <c r="JYW702" s="613"/>
      <c r="JYX702" s="613"/>
      <c r="JYY702" s="613"/>
      <c r="JYZ702" s="613"/>
      <c r="JZA702" s="613"/>
      <c r="JZB702" s="613"/>
      <c r="JZC702" s="613"/>
      <c r="JZD702" s="613"/>
      <c r="JZE702" s="613"/>
      <c r="JZF702" s="613"/>
      <c r="JZG702" s="613"/>
      <c r="JZH702" s="613"/>
      <c r="JZI702" s="613"/>
      <c r="JZJ702" s="613"/>
      <c r="JZK702" s="613"/>
      <c r="JZL702" s="613"/>
      <c r="JZM702" s="613"/>
      <c r="JZN702" s="613"/>
      <c r="JZO702" s="613"/>
      <c r="JZP702" s="613"/>
      <c r="JZQ702" s="613"/>
      <c r="JZR702" s="613"/>
      <c r="JZS702" s="613"/>
      <c r="JZT702" s="613"/>
      <c r="JZU702" s="613"/>
      <c r="JZV702" s="613"/>
      <c r="JZW702" s="613"/>
      <c r="JZX702" s="613"/>
      <c r="JZY702" s="613"/>
      <c r="JZZ702" s="613"/>
      <c r="KAA702" s="613"/>
      <c r="KAB702" s="613"/>
      <c r="KAC702" s="613"/>
      <c r="KAD702" s="613"/>
      <c r="KAE702" s="613"/>
      <c r="KAF702" s="613"/>
      <c r="KAG702" s="613"/>
      <c r="KAH702" s="613"/>
      <c r="KAI702" s="613"/>
      <c r="KAJ702" s="613"/>
      <c r="KAK702" s="613"/>
      <c r="KAL702" s="613"/>
      <c r="KAM702" s="613"/>
      <c r="KAN702" s="613"/>
      <c r="KAO702" s="613"/>
      <c r="KAP702" s="613"/>
      <c r="KAQ702" s="613"/>
      <c r="KAR702" s="613"/>
      <c r="KAS702" s="613"/>
      <c r="KAT702" s="613"/>
      <c r="KAU702" s="613"/>
      <c r="KAV702" s="613"/>
      <c r="KAW702" s="613"/>
      <c r="KAX702" s="613"/>
      <c r="KAY702" s="613"/>
      <c r="KAZ702" s="613"/>
      <c r="KBA702" s="613"/>
      <c r="KBB702" s="613"/>
      <c r="KBC702" s="613"/>
      <c r="KBD702" s="613"/>
      <c r="KBE702" s="613"/>
      <c r="KBF702" s="613"/>
      <c r="KBG702" s="613"/>
      <c r="KBH702" s="613"/>
      <c r="KBI702" s="613"/>
      <c r="KBJ702" s="613"/>
      <c r="KBK702" s="613"/>
      <c r="KBL702" s="613"/>
      <c r="KBM702" s="613"/>
      <c r="KBN702" s="613"/>
      <c r="KBO702" s="613"/>
      <c r="KBP702" s="613"/>
      <c r="KBQ702" s="613"/>
      <c r="KBR702" s="613"/>
      <c r="KBS702" s="613"/>
      <c r="KBT702" s="613"/>
      <c r="KBU702" s="613"/>
      <c r="KBV702" s="613"/>
      <c r="KBW702" s="613"/>
      <c r="KBX702" s="613"/>
      <c r="KBY702" s="613"/>
      <c r="KBZ702" s="613"/>
      <c r="KCA702" s="613"/>
      <c r="KCB702" s="613"/>
      <c r="KCC702" s="613"/>
      <c r="KCD702" s="613"/>
      <c r="KCE702" s="613"/>
      <c r="KCF702" s="613"/>
      <c r="KCG702" s="613"/>
      <c r="KCH702" s="613"/>
      <c r="KCI702" s="613"/>
      <c r="KCJ702" s="613"/>
      <c r="KCK702" s="613"/>
      <c r="KCL702" s="613"/>
      <c r="KCM702" s="613"/>
      <c r="KCN702" s="613"/>
      <c r="KCO702" s="613"/>
      <c r="KCP702" s="613"/>
      <c r="KCQ702" s="613"/>
      <c r="KCR702" s="613"/>
      <c r="KCS702" s="613"/>
      <c r="KCT702" s="613"/>
      <c r="KCU702" s="613"/>
      <c r="KCV702" s="613"/>
      <c r="KCW702" s="613"/>
      <c r="KCX702" s="613"/>
      <c r="KCY702" s="613"/>
      <c r="KCZ702" s="613"/>
      <c r="KDA702" s="613"/>
      <c r="KDB702" s="613"/>
      <c r="KDC702" s="613"/>
      <c r="KDD702" s="613"/>
      <c r="KDE702" s="613"/>
      <c r="KDF702" s="613"/>
      <c r="KDG702" s="613"/>
      <c r="KDH702" s="613"/>
      <c r="KDI702" s="613"/>
      <c r="KDJ702" s="613"/>
      <c r="KDK702" s="613"/>
      <c r="KDL702" s="613"/>
      <c r="KDM702" s="613"/>
      <c r="KDN702" s="613"/>
      <c r="KDO702" s="613"/>
      <c r="KDP702" s="613"/>
      <c r="KDQ702" s="613"/>
      <c r="KDR702" s="613"/>
      <c r="KDS702" s="613"/>
      <c r="KDT702" s="613"/>
      <c r="KDU702" s="613"/>
      <c r="KDV702" s="613"/>
      <c r="KDW702" s="613"/>
      <c r="KDX702" s="613"/>
      <c r="KDY702" s="613"/>
      <c r="KDZ702" s="613"/>
      <c r="KEA702" s="613"/>
      <c r="KEB702" s="613"/>
      <c r="KEC702" s="613"/>
      <c r="KED702" s="613"/>
      <c r="KEE702" s="613"/>
      <c r="KEF702" s="613"/>
      <c r="KEG702" s="613"/>
      <c r="KEH702" s="613"/>
      <c r="KEI702" s="613"/>
      <c r="KEJ702" s="613"/>
      <c r="KEK702" s="613"/>
      <c r="KEL702" s="613"/>
      <c r="KEM702" s="613"/>
      <c r="KEN702" s="613"/>
      <c r="KEO702" s="613"/>
      <c r="KEP702" s="613"/>
      <c r="KEQ702" s="613"/>
      <c r="KER702" s="613"/>
      <c r="KES702" s="613"/>
      <c r="KET702" s="613"/>
      <c r="KEU702" s="613"/>
      <c r="KEV702" s="613"/>
      <c r="KEW702" s="613"/>
      <c r="KEX702" s="613"/>
      <c r="KEY702" s="613"/>
      <c r="KEZ702" s="613"/>
      <c r="KFA702" s="613"/>
      <c r="KFB702" s="613"/>
      <c r="KFC702" s="613"/>
      <c r="KFD702" s="613"/>
      <c r="KFE702" s="613"/>
      <c r="KFF702" s="613"/>
      <c r="KFG702" s="613"/>
      <c r="KFH702" s="613"/>
      <c r="KFI702" s="613"/>
      <c r="KFJ702" s="613"/>
      <c r="KFK702" s="613"/>
      <c r="KFL702" s="613"/>
      <c r="KFM702" s="613"/>
      <c r="KFN702" s="613"/>
      <c r="KFO702" s="613"/>
      <c r="KFP702" s="613"/>
      <c r="KFQ702" s="613"/>
      <c r="KFR702" s="613"/>
      <c r="KFS702" s="613"/>
      <c r="KFT702" s="613"/>
      <c r="KFU702" s="613"/>
      <c r="KFV702" s="613"/>
      <c r="KFW702" s="613"/>
      <c r="KFX702" s="613"/>
      <c r="KFY702" s="613"/>
      <c r="KFZ702" s="613"/>
      <c r="KGA702" s="613"/>
      <c r="KGB702" s="613"/>
      <c r="KGC702" s="613"/>
      <c r="KGD702" s="613"/>
      <c r="KGE702" s="613"/>
      <c r="KGF702" s="613"/>
      <c r="KGG702" s="613"/>
      <c r="KGH702" s="613"/>
      <c r="KGI702" s="613"/>
      <c r="KGJ702" s="613"/>
      <c r="KGK702" s="613"/>
      <c r="KGL702" s="613"/>
      <c r="KGM702" s="613"/>
      <c r="KGN702" s="613"/>
      <c r="KGO702" s="613"/>
      <c r="KGP702" s="613"/>
      <c r="KGQ702" s="613"/>
      <c r="KGR702" s="613"/>
      <c r="KGS702" s="613"/>
      <c r="KGT702" s="613"/>
      <c r="KGU702" s="613"/>
      <c r="KGV702" s="613"/>
      <c r="KGW702" s="613"/>
      <c r="KGX702" s="613"/>
      <c r="KGY702" s="613"/>
      <c r="KGZ702" s="613"/>
      <c r="KHA702" s="613"/>
      <c r="KHB702" s="613"/>
      <c r="KHC702" s="613"/>
      <c r="KHD702" s="613"/>
      <c r="KHE702" s="613"/>
      <c r="KHF702" s="613"/>
      <c r="KHG702" s="613"/>
      <c r="KHH702" s="613"/>
      <c r="KHI702" s="613"/>
      <c r="KHJ702" s="613"/>
      <c r="KHK702" s="613"/>
      <c r="KHL702" s="613"/>
      <c r="KHM702" s="613"/>
      <c r="KHN702" s="613"/>
      <c r="KHO702" s="613"/>
      <c r="KHP702" s="613"/>
      <c r="KHQ702" s="613"/>
      <c r="KHR702" s="613"/>
      <c r="KHS702" s="613"/>
      <c r="KHT702" s="613"/>
      <c r="KHU702" s="613"/>
      <c r="KHV702" s="613"/>
      <c r="KHW702" s="613"/>
      <c r="KHX702" s="613"/>
      <c r="KHY702" s="613"/>
      <c r="KHZ702" s="613"/>
      <c r="KIA702" s="613"/>
      <c r="KIB702" s="613"/>
      <c r="KIC702" s="613"/>
      <c r="KID702" s="613"/>
      <c r="KIE702" s="613"/>
      <c r="KIF702" s="613"/>
      <c r="KIG702" s="613"/>
      <c r="KIH702" s="613"/>
      <c r="KII702" s="613"/>
      <c r="KIJ702" s="613"/>
      <c r="KIK702" s="613"/>
      <c r="KIL702" s="613"/>
      <c r="KIM702" s="613"/>
      <c r="KIN702" s="613"/>
      <c r="KIO702" s="613"/>
      <c r="KIP702" s="613"/>
      <c r="KIQ702" s="613"/>
      <c r="KIR702" s="613"/>
      <c r="KIS702" s="613"/>
      <c r="KIT702" s="613"/>
      <c r="KIU702" s="613"/>
      <c r="KIV702" s="613"/>
      <c r="KIW702" s="613"/>
      <c r="KIX702" s="613"/>
      <c r="KIY702" s="613"/>
      <c r="KIZ702" s="613"/>
      <c r="KJA702" s="613"/>
      <c r="KJB702" s="613"/>
      <c r="KJC702" s="613"/>
      <c r="KJD702" s="613"/>
      <c r="KJE702" s="613"/>
      <c r="KJF702" s="613"/>
      <c r="KJG702" s="613"/>
      <c r="KJH702" s="613"/>
      <c r="KJI702" s="613"/>
      <c r="KJJ702" s="613"/>
      <c r="KJK702" s="613"/>
      <c r="KJL702" s="613"/>
      <c r="KJM702" s="613"/>
      <c r="KJN702" s="613"/>
      <c r="KJO702" s="613"/>
      <c r="KJP702" s="613"/>
      <c r="KJQ702" s="613"/>
      <c r="KJR702" s="613"/>
      <c r="KJS702" s="613"/>
      <c r="KJT702" s="613"/>
      <c r="KJU702" s="613"/>
      <c r="KJV702" s="613"/>
      <c r="KJW702" s="613"/>
      <c r="KJX702" s="613"/>
      <c r="KJY702" s="613"/>
      <c r="KJZ702" s="613"/>
      <c r="KKA702" s="613"/>
      <c r="KKB702" s="613"/>
      <c r="KKC702" s="613"/>
      <c r="KKD702" s="613"/>
      <c r="KKE702" s="613"/>
      <c r="KKF702" s="613"/>
      <c r="KKG702" s="613"/>
      <c r="KKH702" s="613"/>
      <c r="KKI702" s="613"/>
      <c r="KKJ702" s="613"/>
      <c r="KKK702" s="613"/>
      <c r="KKL702" s="613"/>
      <c r="KKM702" s="613"/>
      <c r="KKN702" s="613"/>
      <c r="KKO702" s="613"/>
      <c r="KKP702" s="613"/>
      <c r="KKQ702" s="613"/>
      <c r="KKR702" s="613"/>
      <c r="KKS702" s="613"/>
      <c r="KKT702" s="613"/>
      <c r="KKU702" s="613"/>
      <c r="KKV702" s="613"/>
      <c r="KKW702" s="613"/>
      <c r="KKX702" s="613"/>
      <c r="KKY702" s="613"/>
      <c r="KKZ702" s="613"/>
      <c r="KLA702" s="613"/>
      <c r="KLB702" s="613"/>
      <c r="KLC702" s="613"/>
      <c r="KLD702" s="613"/>
      <c r="KLE702" s="613"/>
      <c r="KLF702" s="613"/>
      <c r="KLG702" s="613"/>
      <c r="KLH702" s="613"/>
      <c r="KLI702" s="613"/>
      <c r="KLJ702" s="613"/>
      <c r="KLK702" s="613"/>
      <c r="KLL702" s="613"/>
      <c r="KLM702" s="613"/>
      <c r="KLN702" s="613"/>
      <c r="KLO702" s="613"/>
      <c r="KLP702" s="613"/>
      <c r="KLQ702" s="613"/>
      <c r="KLR702" s="613"/>
      <c r="KLS702" s="613"/>
      <c r="KLT702" s="613"/>
      <c r="KLU702" s="613"/>
      <c r="KLV702" s="613"/>
      <c r="KLW702" s="613"/>
      <c r="KLX702" s="613"/>
      <c r="KLY702" s="613"/>
      <c r="KLZ702" s="613"/>
      <c r="KMA702" s="613"/>
      <c r="KMB702" s="613"/>
      <c r="KMC702" s="613"/>
      <c r="KMD702" s="613"/>
      <c r="KME702" s="613"/>
      <c r="KMF702" s="613"/>
      <c r="KMG702" s="613"/>
      <c r="KMH702" s="613"/>
      <c r="KMI702" s="613"/>
      <c r="KMJ702" s="613"/>
      <c r="KMK702" s="613"/>
      <c r="KML702" s="613"/>
      <c r="KMM702" s="613"/>
      <c r="KMN702" s="613"/>
      <c r="KMO702" s="613"/>
      <c r="KMP702" s="613"/>
      <c r="KMQ702" s="613"/>
      <c r="KMR702" s="613"/>
      <c r="KMS702" s="613"/>
      <c r="KMT702" s="613"/>
      <c r="KMU702" s="613"/>
      <c r="KMV702" s="613"/>
      <c r="KMW702" s="613"/>
      <c r="KMX702" s="613"/>
      <c r="KMY702" s="613"/>
      <c r="KMZ702" s="613"/>
      <c r="KNA702" s="613"/>
      <c r="KNB702" s="613"/>
      <c r="KNC702" s="613"/>
      <c r="KND702" s="613"/>
      <c r="KNE702" s="613"/>
      <c r="KNF702" s="613"/>
      <c r="KNG702" s="613"/>
      <c r="KNH702" s="613"/>
      <c r="KNI702" s="613"/>
      <c r="KNJ702" s="613"/>
      <c r="KNK702" s="613"/>
      <c r="KNL702" s="613"/>
      <c r="KNM702" s="613"/>
      <c r="KNN702" s="613"/>
      <c r="KNO702" s="613"/>
      <c r="KNP702" s="613"/>
      <c r="KNQ702" s="613"/>
      <c r="KNR702" s="613"/>
      <c r="KNS702" s="613"/>
      <c r="KNT702" s="613"/>
      <c r="KNU702" s="613"/>
      <c r="KNV702" s="613"/>
      <c r="KNW702" s="613"/>
      <c r="KNX702" s="613"/>
      <c r="KNY702" s="613"/>
      <c r="KNZ702" s="613"/>
      <c r="KOA702" s="613"/>
      <c r="KOB702" s="613"/>
      <c r="KOC702" s="613"/>
      <c r="KOD702" s="613"/>
      <c r="KOE702" s="613"/>
      <c r="KOF702" s="613"/>
      <c r="KOG702" s="613"/>
      <c r="KOH702" s="613"/>
      <c r="KOI702" s="613"/>
      <c r="KOJ702" s="613"/>
      <c r="KOK702" s="613"/>
      <c r="KOL702" s="613"/>
      <c r="KOM702" s="613"/>
      <c r="KON702" s="613"/>
      <c r="KOO702" s="613"/>
      <c r="KOP702" s="613"/>
      <c r="KOQ702" s="613"/>
      <c r="KOR702" s="613"/>
      <c r="KOS702" s="613"/>
      <c r="KOT702" s="613"/>
      <c r="KOU702" s="613"/>
      <c r="KOV702" s="613"/>
      <c r="KOW702" s="613"/>
      <c r="KOX702" s="613"/>
      <c r="KOY702" s="613"/>
      <c r="KOZ702" s="613"/>
      <c r="KPA702" s="613"/>
      <c r="KPB702" s="613"/>
      <c r="KPC702" s="613"/>
      <c r="KPD702" s="613"/>
      <c r="KPE702" s="613"/>
      <c r="KPF702" s="613"/>
      <c r="KPG702" s="613"/>
      <c r="KPH702" s="613"/>
      <c r="KPI702" s="613"/>
      <c r="KPJ702" s="613"/>
      <c r="KPK702" s="613"/>
      <c r="KPL702" s="613"/>
      <c r="KPM702" s="613"/>
      <c r="KPN702" s="613"/>
      <c r="KPO702" s="613"/>
      <c r="KPP702" s="613"/>
      <c r="KPQ702" s="613"/>
      <c r="KPR702" s="613"/>
      <c r="KPS702" s="613"/>
      <c r="KPT702" s="613"/>
      <c r="KPU702" s="613"/>
      <c r="KPV702" s="613"/>
      <c r="KPW702" s="613"/>
      <c r="KPX702" s="613"/>
      <c r="KPY702" s="613"/>
      <c r="KPZ702" s="613"/>
      <c r="KQA702" s="613"/>
      <c r="KQB702" s="613"/>
      <c r="KQC702" s="613"/>
      <c r="KQD702" s="613"/>
      <c r="KQE702" s="613"/>
      <c r="KQF702" s="613"/>
      <c r="KQG702" s="613"/>
      <c r="KQH702" s="613"/>
      <c r="KQI702" s="613"/>
      <c r="KQJ702" s="613"/>
      <c r="KQK702" s="613"/>
      <c r="KQL702" s="613"/>
      <c r="KQM702" s="613"/>
      <c r="KQN702" s="613"/>
      <c r="KQO702" s="613"/>
      <c r="KQP702" s="613"/>
      <c r="KQQ702" s="613"/>
      <c r="KQR702" s="613"/>
      <c r="KQS702" s="613"/>
      <c r="KQT702" s="613"/>
      <c r="KQU702" s="613"/>
      <c r="KQV702" s="613"/>
      <c r="KQW702" s="613"/>
      <c r="KQX702" s="613"/>
      <c r="KQY702" s="613"/>
      <c r="KQZ702" s="613"/>
      <c r="KRA702" s="613"/>
      <c r="KRB702" s="613"/>
      <c r="KRC702" s="613"/>
      <c r="KRD702" s="613"/>
      <c r="KRE702" s="613"/>
      <c r="KRF702" s="613"/>
      <c r="KRG702" s="613"/>
      <c r="KRH702" s="613"/>
      <c r="KRI702" s="613"/>
      <c r="KRJ702" s="613"/>
      <c r="KRK702" s="613"/>
      <c r="KRL702" s="613"/>
      <c r="KRM702" s="613"/>
      <c r="KRN702" s="613"/>
      <c r="KRO702" s="613"/>
      <c r="KRP702" s="613"/>
      <c r="KRQ702" s="613"/>
      <c r="KRR702" s="613"/>
      <c r="KRS702" s="613"/>
      <c r="KRT702" s="613"/>
      <c r="KRU702" s="613"/>
      <c r="KRV702" s="613"/>
      <c r="KRW702" s="613"/>
      <c r="KRX702" s="613"/>
      <c r="KRY702" s="613"/>
      <c r="KRZ702" s="613"/>
      <c r="KSA702" s="613"/>
      <c r="KSB702" s="613"/>
      <c r="KSC702" s="613"/>
      <c r="KSD702" s="613"/>
      <c r="KSE702" s="613"/>
      <c r="KSF702" s="613"/>
      <c r="KSG702" s="613"/>
      <c r="KSH702" s="613"/>
      <c r="KSI702" s="613"/>
      <c r="KSJ702" s="613"/>
      <c r="KSK702" s="613"/>
      <c r="KSL702" s="613"/>
      <c r="KSM702" s="613"/>
      <c r="KSN702" s="613"/>
      <c r="KSO702" s="613"/>
      <c r="KSP702" s="613"/>
      <c r="KSQ702" s="613"/>
      <c r="KSR702" s="613"/>
      <c r="KSS702" s="613"/>
      <c r="KST702" s="613"/>
      <c r="KSU702" s="613"/>
      <c r="KSV702" s="613"/>
      <c r="KSW702" s="613"/>
      <c r="KSX702" s="613"/>
      <c r="KSY702" s="613"/>
      <c r="KSZ702" s="613"/>
      <c r="KTA702" s="613"/>
      <c r="KTB702" s="613"/>
      <c r="KTC702" s="613"/>
      <c r="KTD702" s="613"/>
      <c r="KTE702" s="613"/>
      <c r="KTF702" s="613"/>
      <c r="KTG702" s="613"/>
      <c r="KTH702" s="613"/>
      <c r="KTI702" s="613"/>
      <c r="KTJ702" s="613"/>
      <c r="KTK702" s="613"/>
      <c r="KTL702" s="613"/>
      <c r="KTM702" s="613"/>
      <c r="KTN702" s="613"/>
      <c r="KTO702" s="613"/>
      <c r="KTP702" s="613"/>
      <c r="KTQ702" s="613"/>
      <c r="KTR702" s="613"/>
      <c r="KTS702" s="613"/>
      <c r="KTT702" s="613"/>
      <c r="KTU702" s="613"/>
      <c r="KTV702" s="613"/>
      <c r="KTW702" s="613"/>
      <c r="KTX702" s="613"/>
      <c r="KTY702" s="613"/>
      <c r="KTZ702" s="613"/>
      <c r="KUA702" s="613"/>
      <c r="KUB702" s="613"/>
      <c r="KUC702" s="613"/>
      <c r="KUD702" s="613"/>
      <c r="KUE702" s="613"/>
      <c r="KUF702" s="613"/>
      <c r="KUG702" s="613"/>
      <c r="KUH702" s="613"/>
      <c r="KUI702" s="613"/>
      <c r="KUJ702" s="613"/>
      <c r="KUK702" s="613"/>
      <c r="KUL702" s="613"/>
      <c r="KUM702" s="613"/>
      <c r="KUN702" s="613"/>
      <c r="KUO702" s="613"/>
      <c r="KUP702" s="613"/>
      <c r="KUQ702" s="613"/>
      <c r="KUR702" s="613"/>
      <c r="KUS702" s="613"/>
      <c r="KUT702" s="613"/>
      <c r="KUU702" s="613"/>
      <c r="KUV702" s="613"/>
      <c r="KUW702" s="613"/>
      <c r="KUX702" s="613"/>
      <c r="KUY702" s="613"/>
      <c r="KUZ702" s="613"/>
      <c r="KVA702" s="613"/>
      <c r="KVB702" s="613"/>
      <c r="KVC702" s="613"/>
      <c r="KVD702" s="613"/>
      <c r="KVE702" s="613"/>
      <c r="KVF702" s="613"/>
      <c r="KVG702" s="613"/>
      <c r="KVH702" s="613"/>
      <c r="KVI702" s="613"/>
      <c r="KVJ702" s="613"/>
      <c r="KVK702" s="613"/>
      <c r="KVL702" s="613"/>
      <c r="KVM702" s="613"/>
      <c r="KVN702" s="613"/>
      <c r="KVO702" s="613"/>
      <c r="KVP702" s="613"/>
      <c r="KVQ702" s="613"/>
      <c r="KVR702" s="613"/>
      <c r="KVS702" s="613"/>
      <c r="KVT702" s="613"/>
      <c r="KVU702" s="613"/>
      <c r="KVV702" s="613"/>
      <c r="KVW702" s="613"/>
      <c r="KVX702" s="613"/>
      <c r="KVY702" s="613"/>
      <c r="KVZ702" s="613"/>
      <c r="KWA702" s="613"/>
      <c r="KWB702" s="613"/>
      <c r="KWC702" s="613"/>
      <c r="KWD702" s="613"/>
      <c r="KWE702" s="613"/>
      <c r="KWF702" s="613"/>
      <c r="KWG702" s="613"/>
      <c r="KWH702" s="613"/>
      <c r="KWI702" s="613"/>
      <c r="KWJ702" s="613"/>
      <c r="KWK702" s="613"/>
      <c r="KWL702" s="613"/>
      <c r="KWM702" s="613"/>
      <c r="KWN702" s="613"/>
      <c r="KWO702" s="613"/>
      <c r="KWP702" s="613"/>
      <c r="KWQ702" s="613"/>
      <c r="KWR702" s="613"/>
      <c r="KWS702" s="613"/>
      <c r="KWT702" s="613"/>
      <c r="KWU702" s="613"/>
      <c r="KWV702" s="613"/>
      <c r="KWW702" s="613"/>
      <c r="KWX702" s="613"/>
      <c r="KWY702" s="613"/>
      <c r="KWZ702" s="613"/>
      <c r="KXA702" s="613"/>
      <c r="KXB702" s="613"/>
      <c r="KXC702" s="613"/>
      <c r="KXD702" s="613"/>
      <c r="KXE702" s="613"/>
      <c r="KXF702" s="613"/>
      <c r="KXG702" s="613"/>
      <c r="KXH702" s="613"/>
      <c r="KXI702" s="613"/>
      <c r="KXJ702" s="613"/>
      <c r="KXK702" s="613"/>
      <c r="KXL702" s="613"/>
      <c r="KXM702" s="613"/>
      <c r="KXN702" s="613"/>
      <c r="KXO702" s="613"/>
      <c r="KXP702" s="613"/>
      <c r="KXQ702" s="613"/>
      <c r="KXR702" s="613"/>
      <c r="KXS702" s="613"/>
      <c r="KXT702" s="613"/>
      <c r="KXU702" s="613"/>
      <c r="KXV702" s="613"/>
      <c r="KXW702" s="613"/>
      <c r="KXX702" s="613"/>
      <c r="KXY702" s="613"/>
      <c r="KXZ702" s="613"/>
      <c r="KYA702" s="613"/>
      <c r="KYB702" s="613"/>
      <c r="KYC702" s="613"/>
      <c r="KYD702" s="613"/>
      <c r="KYE702" s="613"/>
      <c r="KYF702" s="613"/>
      <c r="KYG702" s="613"/>
      <c r="KYH702" s="613"/>
      <c r="KYI702" s="613"/>
      <c r="KYJ702" s="613"/>
      <c r="KYK702" s="613"/>
      <c r="KYL702" s="613"/>
      <c r="KYM702" s="613"/>
      <c r="KYN702" s="613"/>
      <c r="KYO702" s="613"/>
      <c r="KYP702" s="613"/>
      <c r="KYQ702" s="613"/>
      <c r="KYR702" s="613"/>
      <c r="KYS702" s="613"/>
      <c r="KYT702" s="613"/>
      <c r="KYU702" s="613"/>
      <c r="KYV702" s="613"/>
      <c r="KYW702" s="613"/>
      <c r="KYX702" s="613"/>
      <c r="KYY702" s="613"/>
      <c r="KYZ702" s="613"/>
      <c r="KZA702" s="613"/>
      <c r="KZB702" s="613"/>
      <c r="KZC702" s="613"/>
      <c r="KZD702" s="613"/>
      <c r="KZE702" s="613"/>
      <c r="KZF702" s="613"/>
      <c r="KZG702" s="613"/>
      <c r="KZH702" s="613"/>
      <c r="KZI702" s="613"/>
      <c r="KZJ702" s="613"/>
      <c r="KZK702" s="613"/>
      <c r="KZL702" s="613"/>
      <c r="KZM702" s="613"/>
      <c r="KZN702" s="613"/>
      <c r="KZO702" s="613"/>
      <c r="KZP702" s="613"/>
      <c r="KZQ702" s="613"/>
      <c r="KZR702" s="613"/>
      <c r="KZS702" s="613"/>
      <c r="KZT702" s="613"/>
      <c r="KZU702" s="613"/>
      <c r="KZV702" s="613"/>
      <c r="KZW702" s="613"/>
      <c r="KZX702" s="613"/>
      <c r="KZY702" s="613"/>
      <c r="KZZ702" s="613"/>
      <c r="LAA702" s="613"/>
      <c r="LAB702" s="613"/>
      <c r="LAC702" s="613"/>
      <c r="LAD702" s="613"/>
      <c r="LAE702" s="613"/>
      <c r="LAF702" s="613"/>
      <c r="LAG702" s="613"/>
      <c r="LAH702" s="613"/>
      <c r="LAI702" s="613"/>
      <c r="LAJ702" s="613"/>
      <c r="LAK702" s="613"/>
      <c r="LAL702" s="613"/>
      <c r="LAM702" s="613"/>
      <c r="LAN702" s="613"/>
      <c r="LAO702" s="613"/>
      <c r="LAP702" s="613"/>
      <c r="LAQ702" s="613"/>
      <c r="LAR702" s="613"/>
      <c r="LAS702" s="613"/>
      <c r="LAT702" s="613"/>
      <c r="LAU702" s="613"/>
      <c r="LAV702" s="613"/>
      <c r="LAW702" s="613"/>
      <c r="LAX702" s="613"/>
      <c r="LAY702" s="613"/>
      <c r="LAZ702" s="613"/>
      <c r="LBA702" s="613"/>
      <c r="LBB702" s="613"/>
      <c r="LBC702" s="613"/>
      <c r="LBD702" s="613"/>
      <c r="LBE702" s="613"/>
      <c r="LBF702" s="613"/>
      <c r="LBG702" s="613"/>
      <c r="LBH702" s="613"/>
      <c r="LBI702" s="613"/>
      <c r="LBJ702" s="613"/>
      <c r="LBK702" s="613"/>
      <c r="LBL702" s="613"/>
      <c r="LBM702" s="613"/>
      <c r="LBN702" s="613"/>
      <c r="LBO702" s="613"/>
      <c r="LBP702" s="613"/>
      <c r="LBQ702" s="613"/>
      <c r="LBR702" s="613"/>
      <c r="LBS702" s="613"/>
      <c r="LBT702" s="613"/>
      <c r="LBU702" s="613"/>
      <c r="LBV702" s="613"/>
      <c r="LBW702" s="613"/>
      <c r="LBX702" s="613"/>
      <c r="LBY702" s="613"/>
      <c r="LBZ702" s="613"/>
      <c r="LCA702" s="613"/>
      <c r="LCB702" s="613"/>
      <c r="LCC702" s="613"/>
      <c r="LCD702" s="613"/>
      <c r="LCE702" s="613"/>
      <c r="LCF702" s="613"/>
      <c r="LCG702" s="613"/>
      <c r="LCH702" s="613"/>
      <c r="LCI702" s="613"/>
      <c r="LCJ702" s="613"/>
      <c r="LCK702" s="613"/>
      <c r="LCL702" s="613"/>
      <c r="LCM702" s="613"/>
      <c r="LCN702" s="613"/>
      <c r="LCO702" s="613"/>
      <c r="LCP702" s="613"/>
      <c r="LCQ702" s="613"/>
      <c r="LCR702" s="613"/>
      <c r="LCS702" s="613"/>
      <c r="LCT702" s="613"/>
      <c r="LCU702" s="613"/>
      <c r="LCV702" s="613"/>
      <c r="LCW702" s="613"/>
      <c r="LCX702" s="613"/>
      <c r="LCY702" s="613"/>
      <c r="LCZ702" s="613"/>
      <c r="LDA702" s="613"/>
      <c r="LDB702" s="613"/>
      <c r="LDC702" s="613"/>
      <c r="LDD702" s="613"/>
      <c r="LDE702" s="613"/>
      <c r="LDF702" s="613"/>
      <c r="LDG702" s="613"/>
      <c r="LDH702" s="613"/>
      <c r="LDI702" s="613"/>
      <c r="LDJ702" s="613"/>
      <c r="LDK702" s="613"/>
      <c r="LDL702" s="613"/>
      <c r="LDM702" s="613"/>
      <c r="LDN702" s="613"/>
      <c r="LDO702" s="613"/>
      <c r="LDP702" s="613"/>
      <c r="LDQ702" s="613"/>
      <c r="LDR702" s="613"/>
      <c r="LDS702" s="613"/>
      <c r="LDT702" s="613"/>
      <c r="LDU702" s="613"/>
      <c r="LDV702" s="613"/>
      <c r="LDW702" s="613"/>
      <c r="LDX702" s="613"/>
      <c r="LDY702" s="613"/>
      <c r="LDZ702" s="613"/>
      <c r="LEA702" s="613"/>
      <c r="LEB702" s="613"/>
      <c r="LEC702" s="613"/>
      <c r="LED702" s="613"/>
      <c r="LEE702" s="613"/>
      <c r="LEF702" s="613"/>
      <c r="LEG702" s="613"/>
      <c r="LEH702" s="613"/>
      <c r="LEI702" s="613"/>
      <c r="LEJ702" s="613"/>
      <c r="LEK702" s="613"/>
      <c r="LEL702" s="613"/>
      <c r="LEM702" s="613"/>
      <c r="LEN702" s="613"/>
      <c r="LEO702" s="613"/>
      <c r="LEP702" s="613"/>
      <c r="LEQ702" s="613"/>
      <c r="LER702" s="613"/>
      <c r="LES702" s="613"/>
      <c r="LET702" s="613"/>
      <c r="LEU702" s="613"/>
      <c r="LEV702" s="613"/>
      <c r="LEW702" s="613"/>
      <c r="LEX702" s="613"/>
      <c r="LEY702" s="613"/>
      <c r="LEZ702" s="613"/>
      <c r="LFA702" s="613"/>
      <c r="LFB702" s="613"/>
      <c r="LFC702" s="613"/>
      <c r="LFD702" s="613"/>
      <c r="LFE702" s="613"/>
      <c r="LFF702" s="613"/>
      <c r="LFG702" s="613"/>
      <c r="LFH702" s="613"/>
      <c r="LFI702" s="613"/>
      <c r="LFJ702" s="613"/>
      <c r="LFK702" s="613"/>
      <c r="LFL702" s="613"/>
      <c r="LFM702" s="613"/>
      <c r="LFN702" s="613"/>
      <c r="LFO702" s="613"/>
      <c r="LFP702" s="613"/>
      <c r="LFQ702" s="613"/>
      <c r="LFR702" s="613"/>
      <c r="LFS702" s="613"/>
      <c r="LFT702" s="613"/>
      <c r="LFU702" s="613"/>
      <c r="LFV702" s="613"/>
      <c r="LFW702" s="613"/>
      <c r="LFX702" s="613"/>
      <c r="LFY702" s="613"/>
      <c r="LFZ702" s="613"/>
      <c r="LGA702" s="613"/>
      <c r="LGB702" s="613"/>
      <c r="LGC702" s="613"/>
      <c r="LGD702" s="613"/>
      <c r="LGE702" s="613"/>
      <c r="LGF702" s="613"/>
      <c r="LGG702" s="613"/>
      <c r="LGH702" s="613"/>
      <c r="LGI702" s="613"/>
      <c r="LGJ702" s="613"/>
      <c r="LGK702" s="613"/>
      <c r="LGL702" s="613"/>
      <c r="LGM702" s="613"/>
      <c r="LGN702" s="613"/>
      <c r="LGO702" s="613"/>
      <c r="LGP702" s="613"/>
      <c r="LGQ702" s="613"/>
      <c r="LGR702" s="613"/>
      <c r="LGS702" s="613"/>
      <c r="LGT702" s="613"/>
      <c r="LGU702" s="613"/>
      <c r="LGV702" s="613"/>
      <c r="LGW702" s="613"/>
      <c r="LGX702" s="613"/>
      <c r="LGY702" s="613"/>
      <c r="LGZ702" s="613"/>
      <c r="LHA702" s="613"/>
      <c r="LHB702" s="613"/>
      <c r="LHC702" s="613"/>
      <c r="LHD702" s="613"/>
      <c r="LHE702" s="613"/>
      <c r="LHF702" s="613"/>
      <c r="LHG702" s="613"/>
      <c r="LHH702" s="613"/>
      <c r="LHI702" s="613"/>
      <c r="LHJ702" s="613"/>
      <c r="LHK702" s="613"/>
      <c r="LHL702" s="613"/>
      <c r="LHM702" s="613"/>
      <c r="LHN702" s="613"/>
      <c r="LHO702" s="613"/>
      <c r="LHP702" s="613"/>
      <c r="LHQ702" s="613"/>
      <c r="LHR702" s="613"/>
      <c r="LHS702" s="613"/>
      <c r="LHT702" s="613"/>
      <c r="LHU702" s="613"/>
      <c r="LHV702" s="613"/>
      <c r="LHW702" s="613"/>
      <c r="LHX702" s="613"/>
      <c r="LHY702" s="613"/>
      <c r="LHZ702" s="613"/>
      <c r="LIA702" s="613"/>
      <c r="LIB702" s="613"/>
      <c r="LIC702" s="613"/>
      <c r="LID702" s="613"/>
      <c r="LIE702" s="613"/>
      <c r="LIF702" s="613"/>
      <c r="LIG702" s="613"/>
      <c r="LIH702" s="613"/>
      <c r="LII702" s="613"/>
      <c r="LIJ702" s="613"/>
      <c r="LIK702" s="613"/>
      <c r="LIL702" s="613"/>
      <c r="LIM702" s="613"/>
      <c r="LIN702" s="613"/>
      <c r="LIO702" s="613"/>
      <c r="LIP702" s="613"/>
      <c r="LIQ702" s="613"/>
      <c r="LIR702" s="613"/>
      <c r="LIS702" s="613"/>
      <c r="LIT702" s="613"/>
      <c r="LIU702" s="613"/>
      <c r="LIV702" s="613"/>
      <c r="LIW702" s="613"/>
      <c r="LIX702" s="613"/>
      <c r="LIY702" s="613"/>
      <c r="LIZ702" s="613"/>
      <c r="LJA702" s="613"/>
      <c r="LJB702" s="613"/>
      <c r="LJC702" s="613"/>
      <c r="LJD702" s="613"/>
      <c r="LJE702" s="613"/>
      <c r="LJF702" s="613"/>
      <c r="LJG702" s="613"/>
      <c r="LJH702" s="613"/>
      <c r="LJI702" s="613"/>
      <c r="LJJ702" s="613"/>
      <c r="LJK702" s="613"/>
      <c r="LJL702" s="613"/>
      <c r="LJM702" s="613"/>
      <c r="LJN702" s="613"/>
      <c r="LJO702" s="613"/>
      <c r="LJP702" s="613"/>
      <c r="LJQ702" s="613"/>
      <c r="LJR702" s="613"/>
      <c r="LJS702" s="613"/>
      <c r="LJT702" s="613"/>
      <c r="LJU702" s="613"/>
      <c r="LJV702" s="613"/>
      <c r="LJW702" s="613"/>
      <c r="LJX702" s="613"/>
      <c r="LJY702" s="613"/>
      <c r="LJZ702" s="613"/>
      <c r="LKA702" s="613"/>
      <c r="LKB702" s="613"/>
      <c r="LKC702" s="613"/>
      <c r="LKD702" s="613"/>
      <c r="LKE702" s="613"/>
      <c r="LKF702" s="613"/>
      <c r="LKG702" s="613"/>
      <c r="LKH702" s="613"/>
      <c r="LKI702" s="613"/>
      <c r="LKJ702" s="613"/>
      <c r="LKK702" s="613"/>
      <c r="LKL702" s="613"/>
      <c r="LKM702" s="613"/>
      <c r="LKN702" s="613"/>
      <c r="LKO702" s="613"/>
      <c r="LKP702" s="613"/>
      <c r="LKQ702" s="613"/>
      <c r="LKR702" s="613"/>
      <c r="LKS702" s="613"/>
      <c r="LKT702" s="613"/>
      <c r="LKU702" s="613"/>
      <c r="LKV702" s="613"/>
      <c r="LKW702" s="613"/>
      <c r="LKX702" s="613"/>
      <c r="LKY702" s="613"/>
      <c r="LKZ702" s="613"/>
      <c r="LLA702" s="613"/>
      <c r="LLB702" s="613"/>
      <c r="LLC702" s="613"/>
      <c r="LLD702" s="613"/>
      <c r="LLE702" s="613"/>
      <c r="LLF702" s="613"/>
      <c r="LLG702" s="613"/>
      <c r="LLH702" s="613"/>
      <c r="LLI702" s="613"/>
      <c r="LLJ702" s="613"/>
      <c r="LLK702" s="613"/>
      <c r="LLL702" s="613"/>
      <c r="LLM702" s="613"/>
      <c r="LLN702" s="613"/>
      <c r="LLO702" s="613"/>
      <c r="LLP702" s="613"/>
      <c r="LLQ702" s="613"/>
      <c r="LLR702" s="613"/>
      <c r="LLS702" s="613"/>
      <c r="LLT702" s="613"/>
      <c r="LLU702" s="613"/>
      <c r="LLV702" s="613"/>
      <c r="LLW702" s="613"/>
      <c r="LLX702" s="613"/>
      <c r="LLY702" s="613"/>
      <c r="LLZ702" s="613"/>
      <c r="LMA702" s="613"/>
      <c r="LMB702" s="613"/>
      <c r="LMC702" s="613"/>
      <c r="LMD702" s="613"/>
      <c r="LME702" s="613"/>
      <c r="LMF702" s="613"/>
      <c r="LMG702" s="613"/>
      <c r="LMH702" s="613"/>
      <c r="LMI702" s="613"/>
      <c r="LMJ702" s="613"/>
      <c r="LMK702" s="613"/>
      <c r="LML702" s="613"/>
      <c r="LMM702" s="613"/>
      <c r="LMN702" s="613"/>
      <c r="LMO702" s="613"/>
      <c r="LMP702" s="613"/>
      <c r="LMQ702" s="613"/>
      <c r="LMR702" s="613"/>
      <c r="LMS702" s="613"/>
      <c r="LMT702" s="613"/>
      <c r="LMU702" s="613"/>
      <c r="LMV702" s="613"/>
      <c r="LMW702" s="613"/>
      <c r="LMX702" s="613"/>
      <c r="LMY702" s="613"/>
      <c r="LMZ702" s="613"/>
      <c r="LNA702" s="613"/>
      <c r="LNB702" s="613"/>
      <c r="LNC702" s="613"/>
      <c r="LND702" s="613"/>
      <c r="LNE702" s="613"/>
      <c r="LNF702" s="613"/>
      <c r="LNG702" s="613"/>
      <c r="LNH702" s="613"/>
      <c r="LNI702" s="613"/>
      <c r="LNJ702" s="613"/>
      <c r="LNK702" s="613"/>
      <c r="LNL702" s="613"/>
      <c r="LNM702" s="613"/>
      <c r="LNN702" s="613"/>
      <c r="LNO702" s="613"/>
      <c r="LNP702" s="613"/>
      <c r="LNQ702" s="613"/>
      <c r="LNR702" s="613"/>
      <c r="LNS702" s="613"/>
      <c r="LNT702" s="613"/>
      <c r="LNU702" s="613"/>
      <c r="LNV702" s="613"/>
      <c r="LNW702" s="613"/>
      <c r="LNX702" s="613"/>
      <c r="LNY702" s="613"/>
      <c r="LNZ702" s="613"/>
      <c r="LOA702" s="613"/>
      <c r="LOB702" s="613"/>
      <c r="LOC702" s="613"/>
      <c r="LOD702" s="613"/>
      <c r="LOE702" s="613"/>
      <c r="LOF702" s="613"/>
      <c r="LOG702" s="613"/>
      <c r="LOH702" s="613"/>
      <c r="LOI702" s="613"/>
      <c r="LOJ702" s="613"/>
      <c r="LOK702" s="613"/>
      <c r="LOL702" s="613"/>
      <c r="LOM702" s="613"/>
      <c r="LON702" s="613"/>
      <c r="LOO702" s="613"/>
      <c r="LOP702" s="613"/>
      <c r="LOQ702" s="613"/>
      <c r="LOR702" s="613"/>
      <c r="LOS702" s="613"/>
      <c r="LOT702" s="613"/>
      <c r="LOU702" s="613"/>
      <c r="LOV702" s="613"/>
      <c r="LOW702" s="613"/>
      <c r="LOX702" s="613"/>
      <c r="LOY702" s="613"/>
      <c r="LOZ702" s="613"/>
      <c r="LPA702" s="613"/>
      <c r="LPB702" s="613"/>
      <c r="LPC702" s="613"/>
      <c r="LPD702" s="613"/>
      <c r="LPE702" s="613"/>
      <c r="LPF702" s="613"/>
      <c r="LPG702" s="613"/>
      <c r="LPH702" s="613"/>
      <c r="LPI702" s="613"/>
      <c r="LPJ702" s="613"/>
      <c r="LPK702" s="613"/>
      <c r="LPL702" s="613"/>
      <c r="LPM702" s="613"/>
      <c r="LPN702" s="613"/>
      <c r="LPO702" s="613"/>
      <c r="LPP702" s="613"/>
      <c r="LPQ702" s="613"/>
      <c r="LPR702" s="613"/>
      <c r="LPS702" s="613"/>
      <c r="LPT702" s="613"/>
      <c r="LPU702" s="613"/>
      <c r="LPV702" s="613"/>
      <c r="LPW702" s="613"/>
      <c r="LPX702" s="613"/>
      <c r="LPY702" s="613"/>
      <c r="LPZ702" s="613"/>
      <c r="LQA702" s="613"/>
      <c r="LQB702" s="613"/>
      <c r="LQC702" s="613"/>
      <c r="LQD702" s="613"/>
      <c r="LQE702" s="613"/>
      <c r="LQF702" s="613"/>
      <c r="LQG702" s="613"/>
      <c r="LQH702" s="613"/>
      <c r="LQI702" s="613"/>
      <c r="LQJ702" s="613"/>
      <c r="LQK702" s="613"/>
      <c r="LQL702" s="613"/>
      <c r="LQM702" s="613"/>
      <c r="LQN702" s="613"/>
      <c r="LQO702" s="613"/>
      <c r="LQP702" s="613"/>
      <c r="LQQ702" s="613"/>
      <c r="LQR702" s="613"/>
      <c r="LQS702" s="613"/>
      <c r="LQT702" s="613"/>
      <c r="LQU702" s="613"/>
      <c r="LQV702" s="613"/>
      <c r="LQW702" s="613"/>
      <c r="LQX702" s="613"/>
      <c r="LQY702" s="613"/>
      <c r="LQZ702" s="613"/>
      <c r="LRA702" s="613"/>
      <c r="LRB702" s="613"/>
      <c r="LRC702" s="613"/>
      <c r="LRD702" s="613"/>
      <c r="LRE702" s="613"/>
      <c r="LRF702" s="613"/>
      <c r="LRG702" s="613"/>
      <c r="LRH702" s="613"/>
      <c r="LRI702" s="613"/>
      <c r="LRJ702" s="613"/>
      <c r="LRK702" s="613"/>
      <c r="LRL702" s="613"/>
      <c r="LRM702" s="613"/>
      <c r="LRN702" s="613"/>
      <c r="LRO702" s="613"/>
      <c r="LRP702" s="613"/>
      <c r="LRQ702" s="613"/>
      <c r="LRR702" s="613"/>
      <c r="LRS702" s="613"/>
      <c r="LRT702" s="613"/>
      <c r="LRU702" s="613"/>
      <c r="LRV702" s="613"/>
      <c r="LRW702" s="613"/>
      <c r="LRX702" s="613"/>
      <c r="LRY702" s="613"/>
      <c r="LRZ702" s="613"/>
      <c r="LSA702" s="613"/>
      <c r="LSB702" s="613"/>
      <c r="LSC702" s="613"/>
      <c r="LSD702" s="613"/>
      <c r="LSE702" s="613"/>
      <c r="LSF702" s="613"/>
      <c r="LSG702" s="613"/>
      <c r="LSH702" s="613"/>
      <c r="LSI702" s="613"/>
      <c r="LSJ702" s="613"/>
      <c r="LSK702" s="613"/>
      <c r="LSL702" s="613"/>
      <c r="LSM702" s="613"/>
      <c r="LSN702" s="613"/>
      <c r="LSO702" s="613"/>
      <c r="LSP702" s="613"/>
      <c r="LSQ702" s="613"/>
      <c r="LSR702" s="613"/>
      <c r="LSS702" s="613"/>
      <c r="LST702" s="613"/>
      <c r="LSU702" s="613"/>
      <c r="LSV702" s="613"/>
      <c r="LSW702" s="613"/>
      <c r="LSX702" s="613"/>
      <c r="LSY702" s="613"/>
      <c r="LSZ702" s="613"/>
      <c r="LTA702" s="613"/>
      <c r="LTB702" s="613"/>
      <c r="LTC702" s="613"/>
      <c r="LTD702" s="613"/>
      <c r="LTE702" s="613"/>
      <c r="LTF702" s="613"/>
      <c r="LTG702" s="613"/>
      <c r="LTH702" s="613"/>
      <c r="LTI702" s="613"/>
      <c r="LTJ702" s="613"/>
      <c r="LTK702" s="613"/>
      <c r="LTL702" s="613"/>
      <c r="LTM702" s="613"/>
      <c r="LTN702" s="613"/>
      <c r="LTO702" s="613"/>
      <c r="LTP702" s="613"/>
      <c r="LTQ702" s="613"/>
      <c r="LTR702" s="613"/>
      <c r="LTS702" s="613"/>
      <c r="LTT702" s="613"/>
      <c r="LTU702" s="613"/>
      <c r="LTV702" s="613"/>
      <c r="LTW702" s="613"/>
      <c r="LTX702" s="613"/>
      <c r="LTY702" s="613"/>
      <c r="LTZ702" s="613"/>
      <c r="LUA702" s="613"/>
      <c r="LUB702" s="613"/>
      <c r="LUC702" s="613"/>
      <c r="LUD702" s="613"/>
      <c r="LUE702" s="613"/>
      <c r="LUF702" s="613"/>
      <c r="LUG702" s="613"/>
      <c r="LUH702" s="613"/>
      <c r="LUI702" s="613"/>
      <c r="LUJ702" s="613"/>
      <c r="LUK702" s="613"/>
      <c r="LUL702" s="613"/>
      <c r="LUM702" s="613"/>
      <c r="LUN702" s="613"/>
      <c r="LUO702" s="613"/>
      <c r="LUP702" s="613"/>
      <c r="LUQ702" s="613"/>
      <c r="LUR702" s="613"/>
      <c r="LUS702" s="613"/>
      <c r="LUT702" s="613"/>
      <c r="LUU702" s="613"/>
      <c r="LUV702" s="613"/>
      <c r="LUW702" s="613"/>
      <c r="LUX702" s="613"/>
      <c r="LUY702" s="613"/>
      <c r="LUZ702" s="613"/>
      <c r="LVA702" s="613"/>
      <c r="LVB702" s="613"/>
      <c r="LVC702" s="613"/>
      <c r="LVD702" s="613"/>
      <c r="LVE702" s="613"/>
      <c r="LVF702" s="613"/>
      <c r="LVG702" s="613"/>
      <c r="LVH702" s="613"/>
      <c r="LVI702" s="613"/>
      <c r="LVJ702" s="613"/>
      <c r="LVK702" s="613"/>
      <c r="LVL702" s="613"/>
      <c r="LVM702" s="613"/>
      <c r="LVN702" s="613"/>
      <c r="LVO702" s="613"/>
      <c r="LVP702" s="613"/>
      <c r="LVQ702" s="613"/>
      <c r="LVR702" s="613"/>
      <c r="LVS702" s="613"/>
      <c r="LVT702" s="613"/>
      <c r="LVU702" s="613"/>
      <c r="LVV702" s="613"/>
      <c r="LVW702" s="613"/>
      <c r="LVX702" s="613"/>
      <c r="LVY702" s="613"/>
      <c r="LVZ702" s="613"/>
      <c r="LWA702" s="613"/>
      <c r="LWB702" s="613"/>
      <c r="LWC702" s="613"/>
      <c r="LWD702" s="613"/>
      <c r="LWE702" s="613"/>
      <c r="LWF702" s="613"/>
      <c r="LWG702" s="613"/>
      <c r="LWH702" s="613"/>
      <c r="LWI702" s="613"/>
      <c r="LWJ702" s="613"/>
      <c r="LWK702" s="613"/>
      <c r="LWL702" s="613"/>
      <c r="LWM702" s="613"/>
      <c r="LWN702" s="613"/>
      <c r="LWO702" s="613"/>
      <c r="LWP702" s="613"/>
      <c r="LWQ702" s="613"/>
      <c r="LWR702" s="613"/>
      <c r="LWS702" s="613"/>
      <c r="LWT702" s="613"/>
      <c r="LWU702" s="613"/>
      <c r="LWV702" s="613"/>
      <c r="LWW702" s="613"/>
      <c r="LWX702" s="613"/>
      <c r="LWY702" s="613"/>
      <c r="LWZ702" s="613"/>
      <c r="LXA702" s="613"/>
      <c r="LXB702" s="613"/>
      <c r="LXC702" s="613"/>
      <c r="LXD702" s="613"/>
      <c r="LXE702" s="613"/>
      <c r="LXF702" s="613"/>
      <c r="LXG702" s="613"/>
      <c r="LXH702" s="613"/>
      <c r="LXI702" s="613"/>
      <c r="LXJ702" s="613"/>
      <c r="LXK702" s="613"/>
      <c r="LXL702" s="613"/>
      <c r="LXM702" s="613"/>
      <c r="LXN702" s="613"/>
      <c r="LXO702" s="613"/>
      <c r="LXP702" s="613"/>
      <c r="LXQ702" s="613"/>
      <c r="LXR702" s="613"/>
      <c r="LXS702" s="613"/>
      <c r="LXT702" s="613"/>
      <c r="LXU702" s="613"/>
      <c r="LXV702" s="613"/>
      <c r="LXW702" s="613"/>
      <c r="LXX702" s="613"/>
      <c r="LXY702" s="613"/>
      <c r="LXZ702" s="613"/>
      <c r="LYA702" s="613"/>
      <c r="LYB702" s="613"/>
      <c r="LYC702" s="613"/>
      <c r="LYD702" s="613"/>
      <c r="LYE702" s="613"/>
      <c r="LYF702" s="613"/>
      <c r="LYG702" s="613"/>
      <c r="LYH702" s="613"/>
      <c r="LYI702" s="613"/>
      <c r="LYJ702" s="613"/>
      <c r="LYK702" s="613"/>
      <c r="LYL702" s="613"/>
      <c r="LYM702" s="613"/>
      <c r="LYN702" s="613"/>
      <c r="LYO702" s="613"/>
      <c r="LYP702" s="613"/>
      <c r="LYQ702" s="613"/>
      <c r="LYR702" s="613"/>
      <c r="LYS702" s="613"/>
      <c r="LYT702" s="613"/>
      <c r="LYU702" s="613"/>
      <c r="LYV702" s="613"/>
      <c r="LYW702" s="613"/>
      <c r="LYX702" s="613"/>
      <c r="LYY702" s="613"/>
      <c r="LYZ702" s="613"/>
      <c r="LZA702" s="613"/>
      <c r="LZB702" s="613"/>
      <c r="LZC702" s="613"/>
      <c r="LZD702" s="613"/>
      <c r="LZE702" s="613"/>
      <c r="LZF702" s="613"/>
      <c r="LZG702" s="613"/>
      <c r="LZH702" s="613"/>
      <c r="LZI702" s="613"/>
      <c r="LZJ702" s="613"/>
      <c r="LZK702" s="613"/>
      <c r="LZL702" s="613"/>
      <c r="LZM702" s="613"/>
      <c r="LZN702" s="613"/>
      <c r="LZO702" s="613"/>
      <c r="LZP702" s="613"/>
      <c r="LZQ702" s="613"/>
      <c r="LZR702" s="613"/>
      <c r="LZS702" s="613"/>
      <c r="LZT702" s="613"/>
      <c r="LZU702" s="613"/>
      <c r="LZV702" s="613"/>
      <c r="LZW702" s="613"/>
      <c r="LZX702" s="613"/>
      <c r="LZY702" s="613"/>
      <c r="LZZ702" s="613"/>
      <c r="MAA702" s="613"/>
      <c r="MAB702" s="613"/>
      <c r="MAC702" s="613"/>
      <c r="MAD702" s="613"/>
      <c r="MAE702" s="613"/>
      <c r="MAF702" s="613"/>
      <c r="MAG702" s="613"/>
      <c r="MAH702" s="613"/>
      <c r="MAI702" s="613"/>
      <c r="MAJ702" s="613"/>
      <c r="MAK702" s="613"/>
      <c r="MAL702" s="613"/>
      <c r="MAM702" s="613"/>
      <c r="MAN702" s="613"/>
      <c r="MAO702" s="613"/>
      <c r="MAP702" s="613"/>
      <c r="MAQ702" s="613"/>
      <c r="MAR702" s="613"/>
      <c r="MAS702" s="613"/>
      <c r="MAT702" s="613"/>
      <c r="MAU702" s="613"/>
      <c r="MAV702" s="613"/>
      <c r="MAW702" s="613"/>
      <c r="MAX702" s="613"/>
      <c r="MAY702" s="613"/>
      <c r="MAZ702" s="613"/>
      <c r="MBA702" s="613"/>
      <c r="MBB702" s="613"/>
      <c r="MBC702" s="613"/>
      <c r="MBD702" s="613"/>
      <c r="MBE702" s="613"/>
      <c r="MBF702" s="613"/>
      <c r="MBG702" s="613"/>
      <c r="MBH702" s="613"/>
      <c r="MBI702" s="613"/>
      <c r="MBJ702" s="613"/>
      <c r="MBK702" s="613"/>
      <c r="MBL702" s="613"/>
      <c r="MBM702" s="613"/>
      <c r="MBN702" s="613"/>
      <c r="MBO702" s="613"/>
      <c r="MBP702" s="613"/>
      <c r="MBQ702" s="613"/>
      <c r="MBR702" s="613"/>
      <c r="MBS702" s="613"/>
      <c r="MBT702" s="613"/>
      <c r="MBU702" s="613"/>
      <c r="MBV702" s="613"/>
      <c r="MBW702" s="613"/>
      <c r="MBX702" s="613"/>
      <c r="MBY702" s="613"/>
      <c r="MBZ702" s="613"/>
      <c r="MCA702" s="613"/>
      <c r="MCB702" s="613"/>
      <c r="MCC702" s="613"/>
      <c r="MCD702" s="613"/>
      <c r="MCE702" s="613"/>
      <c r="MCF702" s="613"/>
      <c r="MCG702" s="613"/>
      <c r="MCH702" s="613"/>
      <c r="MCI702" s="613"/>
      <c r="MCJ702" s="613"/>
      <c r="MCK702" s="613"/>
      <c r="MCL702" s="613"/>
      <c r="MCM702" s="613"/>
      <c r="MCN702" s="613"/>
      <c r="MCO702" s="613"/>
      <c r="MCP702" s="613"/>
      <c r="MCQ702" s="613"/>
      <c r="MCR702" s="613"/>
      <c r="MCS702" s="613"/>
      <c r="MCT702" s="613"/>
      <c r="MCU702" s="613"/>
      <c r="MCV702" s="613"/>
      <c r="MCW702" s="613"/>
      <c r="MCX702" s="613"/>
      <c r="MCY702" s="613"/>
      <c r="MCZ702" s="613"/>
      <c r="MDA702" s="613"/>
      <c r="MDB702" s="613"/>
      <c r="MDC702" s="613"/>
      <c r="MDD702" s="613"/>
      <c r="MDE702" s="613"/>
      <c r="MDF702" s="613"/>
      <c r="MDG702" s="613"/>
      <c r="MDH702" s="613"/>
      <c r="MDI702" s="613"/>
      <c r="MDJ702" s="613"/>
      <c r="MDK702" s="613"/>
      <c r="MDL702" s="613"/>
      <c r="MDM702" s="613"/>
      <c r="MDN702" s="613"/>
      <c r="MDO702" s="613"/>
      <c r="MDP702" s="613"/>
      <c r="MDQ702" s="613"/>
      <c r="MDR702" s="613"/>
      <c r="MDS702" s="613"/>
      <c r="MDT702" s="613"/>
      <c r="MDU702" s="613"/>
      <c r="MDV702" s="613"/>
      <c r="MDW702" s="613"/>
      <c r="MDX702" s="613"/>
      <c r="MDY702" s="613"/>
      <c r="MDZ702" s="613"/>
      <c r="MEA702" s="613"/>
      <c r="MEB702" s="613"/>
      <c r="MEC702" s="613"/>
      <c r="MED702" s="613"/>
      <c r="MEE702" s="613"/>
      <c r="MEF702" s="613"/>
      <c r="MEG702" s="613"/>
      <c r="MEH702" s="613"/>
      <c r="MEI702" s="613"/>
      <c r="MEJ702" s="613"/>
      <c r="MEK702" s="613"/>
      <c r="MEL702" s="613"/>
      <c r="MEM702" s="613"/>
      <c r="MEN702" s="613"/>
      <c r="MEO702" s="613"/>
      <c r="MEP702" s="613"/>
      <c r="MEQ702" s="613"/>
      <c r="MER702" s="613"/>
      <c r="MES702" s="613"/>
      <c r="MET702" s="613"/>
      <c r="MEU702" s="613"/>
      <c r="MEV702" s="613"/>
      <c r="MEW702" s="613"/>
      <c r="MEX702" s="613"/>
      <c r="MEY702" s="613"/>
      <c r="MEZ702" s="613"/>
      <c r="MFA702" s="613"/>
      <c r="MFB702" s="613"/>
      <c r="MFC702" s="613"/>
      <c r="MFD702" s="613"/>
      <c r="MFE702" s="613"/>
      <c r="MFF702" s="613"/>
      <c r="MFG702" s="613"/>
      <c r="MFH702" s="613"/>
      <c r="MFI702" s="613"/>
      <c r="MFJ702" s="613"/>
      <c r="MFK702" s="613"/>
      <c r="MFL702" s="613"/>
      <c r="MFM702" s="613"/>
      <c r="MFN702" s="613"/>
      <c r="MFO702" s="613"/>
      <c r="MFP702" s="613"/>
      <c r="MFQ702" s="613"/>
      <c r="MFR702" s="613"/>
      <c r="MFS702" s="613"/>
      <c r="MFT702" s="613"/>
      <c r="MFU702" s="613"/>
      <c r="MFV702" s="613"/>
      <c r="MFW702" s="613"/>
      <c r="MFX702" s="613"/>
      <c r="MFY702" s="613"/>
      <c r="MFZ702" s="613"/>
      <c r="MGA702" s="613"/>
      <c r="MGB702" s="613"/>
      <c r="MGC702" s="613"/>
      <c r="MGD702" s="613"/>
      <c r="MGE702" s="613"/>
      <c r="MGF702" s="613"/>
      <c r="MGG702" s="613"/>
      <c r="MGH702" s="613"/>
      <c r="MGI702" s="613"/>
      <c r="MGJ702" s="613"/>
      <c r="MGK702" s="613"/>
      <c r="MGL702" s="613"/>
      <c r="MGM702" s="613"/>
      <c r="MGN702" s="613"/>
      <c r="MGO702" s="613"/>
      <c r="MGP702" s="613"/>
      <c r="MGQ702" s="613"/>
      <c r="MGR702" s="613"/>
      <c r="MGS702" s="613"/>
      <c r="MGT702" s="613"/>
      <c r="MGU702" s="613"/>
      <c r="MGV702" s="613"/>
      <c r="MGW702" s="613"/>
      <c r="MGX702" s="613"/>
      <c r="MGY702" s="613"/>
      <c r="MGZ702" s="613"/>
      <c r="MHA702" s="613"/>
      <c r="MHB702" s="613"/>
      <c r="MHC702" s="613"/>
      <c r="MHD702" s="613"/>
      <c r="MHE702" s="613"/>
      <c r="MHF702" s="613"/>
      <c r="MHG702" s="613"/>
      <c r="MHH702" s="613"/>
      <c r="MHI702" s="613"/>
      <c r="MHJ702" s="613"/>
      <c r="MHK702" s="613"/>
      <c r="MHL702" s="613"/>
      <c r="MHM702" s="613"/>
      <c r="MHN702" s="613"/>
      <c r="MHO702" s="613"/>
      <c r="MHP702" s="613"/>
      <c r="MHQ702" s="613"/>
      <c r="MHR702" s="613"/>
      <c r="MHS702" s="613"/>
      <c r="MHT702" s="613"/>
      <c r="MHU702" s="613"/>
      <c r="MHV702" s="613"/>
      <c r="MHW702" s="613"/>
      <c r="MHX702" s="613"/>
      <c r="MHY702" s="613"/>
      <c r="MHZ702" s="613"/>
      <c r="MIA702" s="613"/>
      <c r="MIB702" s="613"/>
      <c r="MIC702" s="613"/>
      <c r="MID702" s="613"/>
      <c r="MIE702" s="613"/>
      <c r="MIF702" s="613"/>
      <c r="MIG702" s="613"/>
      <c r="MIH702" s="613"/>
      <c r="MII702" s="613"/>
      <c r="MIJ702" s="613"/>
      <c r="MIK702" s="613"/>
      <c r="MIL702" s="613"/>
      <c r="MIM702" s="613"/>
      <c r="MIN702" s="613"/>
      <c r="MIO702" s="613"/>
      <c r="MIP702" s="613"/>
      <c r="MIQ702" s="613"/>
      <c r="MIR702" s="613"/>
      <c r="MIS702" s="613"/>
      <c r="MIT702" s="613"/>
      <c r="MIU702" s="613"/>
      <c r="MIV702" s="613"/>
      <c r="MIW702" s="613"/>
      <c r="MIX702" s="613"/>
      <c r="MIY702" s="613"/>
      <c r="MIZ702" s="613"/>
      <c r="MJA702" s="613"/>
      <c r="MJB702" s="613"/>
      <c r="MJC702" s="613"/>
      <c r="MJD702" s="613"/>
      <c r="MJE702" s="613"/>
      <c r="MJF702" s="613"/>
      <c r="MJG702" s="613"/>
      <c r="MJH702" s="613"/>
      <c r="MJI702" s="613"/>
      <c r="MJJ702" s="613"/>
      <c r="MJK702" s="613"/>
      <c r="MJL702" s="613"/>
      <c r="MJM702" s="613"/>
      <c r="MJN702" s="613"/>
      <c r="MJO702" s="613"/>
      <c r="MJP702" s="613"/>
      <c r="MJQ702" s="613"/>
      <c r="MJR702" s="613"/>
      <c r="MJS702" s="613"/>
      <c r="MJT702" s="613"/>
      <c r="MJU702" s="613"/>
      <c r="MJV702" s="613"/>
      <c r="MJW702" s="613"/>
      <c r="MJX702" s="613"/>
      <c r="MJY702" s="613"/>
      <c r="MJZ702" s="613"/>
      <c r="MKA702" s="613"/>
      <c r="MKB702" s="613"/>
      <c r="MKC702" s="613"/>
      <c r="MKD702" s="613"/>
      <c r="MKE702" s="613"/>
      <c r="MKF702" s="613"/>
      <c r="MKG702" s="613"/>
      <c r="MKH702" s="613"/>
      <c r="MKI702" s="613"/>
      <c r="MKJ702" s="613"/>
      <c r="MKK702" s="613"/>
      <c r="MKL702" s="613"/>
      <c r="MKM702" s="613"/>
      <c r="MKN702" s="613"/>
      <c r="MKO702" s="613"/>
      <c r="MKP702" s="613"/>
      <c r="MKQ702" s="613"/>
      <c r="MKR702" s="613"/>
      <c r="MKS702" s="613"/>
      <c r="MKT702" s="613"/>
      <c r="MKU702" s="613"/>
      <c r="MKV702" s="613"/>
      <c r="MKW702" s="613"/>
      <c r="MKX702" s="613"/>
      <c r="MKY702" s="613"/>
      <c r="MKZ702" s="613"/>
      <c r="MLA702" s="613"/>
      <c r="MLB702" s="613"/>
      <c r="MLC702" s="613"/>
      <c r="MLD702" s="613"/>
      <c r="MLE702" s="613"/>
      <c r="MLF702" s="613"/>
      <c r="MLG702" s="613"/>
      <c r="MLH702" s="613"/>
      <c r="MLI702" s="613"/>
      <c r="MLJ702" s="613"/>
      <c r="MLK702" s="613"/>
      <c r="MLL702" s="613"/>
      <c r="MLM702" s="613"/>
      <c r="MLN702" s="613"/>
      <c r="MLO702" s="613"/>
      <c r="MLP702" s="613"/>
      <c r="MLQ702" s="613"/>
      <c r="MLR702" s="613"/>
      <c r="MLS702" s="613"/>
      <c r="MLT702" s="613"/>
      <c r="MLU702" s="613"/>
      <c r="MLV702" s="613"/>
      <c r="MLW702" s="613"/>
      <c r="MLX702" s="613"/>
      <c r="MLY702" s="613"/>
      <c r="MLZ702" s="613"/>
      <c r="MMA702" s="613"/>
      <c r="MMB702" s="613"/>
      <c r="MMC702" s="613"/>
      <c r="MMD702" s="613"/>
      <c r="MME702" s="613"/>
      <c r="MMF702" s="613"/>
      <c r="MMG702" s="613"/>
      <c r="MMH702" s="613"/>
      <c r="MMI702" s="613"/>
      <c r="MMJ702" s="613"/>
      <c r="MMK702" s="613"/>
      <c r="MML702" s="613"/>
      <c r="MMM702" s="613"/>
      <c r="MMN702" s="613"/>
      <c r="MMO702" s="613"/>
      <c r="MMP702" s="613"/>
      <c r="MMQ702" s="613"/>
      <c r="MMR702" s="613"/>
      <c r="MMS702" s="613"/>
      <c r="MMT702" s="613"/>
      <c r="MMU702" s="613"/>
      <c r="MMV702" s="613"/>
      <c r="MMW702" s="613"/>
      <c r="MMX702" s="613"/>
      <c r="MMY702" s="613"/>
      <c r="MMZ702" s="613"/>
      <c r="MNA702" s="613"/>
      <c r="MNB702" s="613"/>
      <c r="MNC702" s="613"/>
      <c r="MND702" s="613"/>
      <c r="MNE702" s="613"/>
      <c r="MNF702" s="613"/>
      <c r="MNG702" s="613"/>
      <c r="MNH702" s="613"/>
      <c r="MNI702" s="613"/>
      <c r="MNJ702" s="613"/>
      <c r="MNK702" s="613"/>
      <c r="MNL702" s="613"/>
      <c r="MNM702" s="613"/>
      <c r="MNN702" s="613"/>
      <c r="MNO702" s="613"/>
      <c r="MNP702" s="613"/>
      <c r="MNQ702" s="613"/>
      <c r="MNR702" s="613"/>
      <c r="MNS702" s="613"/>
      <c r="MNT702" s="613"/>
      <c r="MNU702" s="613"/>
      <c r="MNV702" s="613"/>
      <c r="MNW702" s="613"/>
      <c r="MNX702" s="613"/>
      <c r="MNY702" s="613"/>
      <c r="MNZ702" s="613"/>
      <c r="MOA702" s="613"/>
      <c r="MOB702" s="613"/>
      <c r="MOC702" s="613"/>
      <c r="MOD702" s="613"/>
      <c r="MOE702" s="613"/>
      <c r="MOF702" s="613"/>
      <c r="MOG702" s="613"/>
      <c r="MOH702" s="613"/>
      <c r="MOI702" s="613"/>
      <c r="MOJ702" s="613"/>
      <c r="MOK702" s="613"/>
      <c r="MOL702" s="613"/>
      <c r="MOM702" s="613"/>
      <c r="MON702" s="613"/>
      <c r="MOO702" s="613"/>
      <c r="MOP702" s="613"/>
      <c r="MOQ702" s="613"/>
      <c r="MOR702" s="613"/>
      <c r="MOS702" s="613"/>
      <c r="MOT702" s="613"/>
      <c r="MOU702" s="613"/>
      <c r="MOV702" s="613"/>
      <c r="MOW702" s="613"/>
      <c r="MOX702" s="613"/>
      <c r="MOY702" s="613"/>
      <c r="MOZ702" s="613"/>
      <c r="MPA702" s="613"/>
      <c r="MPB702" s="613"/>
      <c r="MPC702" s="613"/>
      <c r="MPD702" s="613"/>
      <c r="MPE702" s="613"/>
      <c r="MPF702" s="613"/>
      <c r="MPG702" s="613"/>
      <c r="MPH702" s="613"/>
      <c r="MPI702" s="613"/>
      <c r="MPJ702" s="613"/>
      <c r="MPK702" s="613"/>
      <c r="MPL702" s="613"/>
      <c r="MPM702" s="613"/>
      <c r="MPN702" s="613"/>
      <c r="MPO702" s="613"/>
      <c r="MPP702" s="613"/>
      <c r="MPQ702" s="613"/>
      <c r="MPR702" s="613"/>
      <c r="MPS702" s="613"/>
      <c r="MPT702" s="613"/>
      <c r="MPU702" s="613"/>
      <c r="MPV702" s="613"/>
      <c r="MPW702" s="613"/>
      <c r="MPX702" s="613"/>
      <c r="MPY702" s="613"/>
      <c r="MPZ702" s="613"/>
      <c r="MQA702" s="613"/>
      <c r="MQB702" s="613"/>
      <c r="MQC702" s="613"/>
      <c r="MQD702" s="613"/>
      <c r="MQE702" s="613"/>
      <c r="MQF702" s="613"/>
      <c r="MQG702" s="613"/>
      <c r="MQH702" s="613"/>
      <c r="MQI702" s="613"/>
      <c r="MQJ702" s="613"/>
      <c r="MQK702" s="613"/>
      <c r="MQL702" s="613"/>
      <c r="MQM702" s="613"/>
      <c r="MQN702" s="613"/>
      <c r="MQO702" s="613"/>
      <c r="MQP702" s="613"/>
      <c r="MQQ702" s="613"/>
      <c r="MQR702" s="613"/>
      <c r="MQS702" s="613"/>
      <c r="MQT702" s="613"/>
      <c r="MQU702" s="613"/>
      <c r="MQV702" s="613"/>
      <c r="MQW702" s="613"/>
      <c r="MQX702" s="613"/>
      <c r="MQY702" s="613"/>
      <c r="MQZ702" s="613"/>
      <c r="MRA702" s="613"/>
      <c r="MRB702" s="613"/>
      <c r="MRC702" s="613"/>
      <c r="MRD702" s="613"/>
      <c r="MRE702" s="613"/>
      <c r="MRF702" s="613"/>
      <c r="MRG702" s="613"/>
      <c r="MRH702" s="613"/>
      <c r="MRI702" s="613"/>
      <c r="MRJ702" s="613"/>
      <c r="MRK702" s="613"/>
      <c r="MRL702" s="613"/>
      <c r="MRM702" s="613"/>
      <c r="MRN702" s="613"/>
      <c r="MRO702" s="613"/>
      <c r="MRP702" s="613"/>
      <c r="MRQ702" s="613"/>
      <c r="MRR702" s="613"/>
      <c r="MRS702" s="613"/>
      <c r="MRT702" s="613"/>
      <c r="MRU702" s="613"/>
      <c r="MRV702" s="613"/>
      <c r="MRW702" s="613"/>
      <c r="MRX702" s="613"/>
      <c r="MRY702" s="613"/>
      <c r="MRZ702" s="613"/>
      <c r="MSA702" s="613"/>
      <c r="MSB702" s="613"/>
      <c r="MSC702" s="613"/>
      <c r="MSD702" s="613"/>
      <c r="MSE702" s="613"/>
      <c r="MSF702" s="613"/>
      <c r="MSG702" s="613"/>
      <c r="MSH702" s="613"/>
      <c r="MSI702" s="613"/>
      <c r="MSJ702" s="613"/>
      <c r="MSK702" s="613"/>
      <c r="MSL702" s="613"/>
      <c r="MSM702" s="613"/>
      <c r="MSN702" s="613"/>
      <c r="MSO702" s="613"/>
      <c r="MSP702" s="613"/>
      <c r="MSQ702" s="613"/>
      <c r="MSR702" s="613"/>
      <c r="MSS702" s="613"/>
      <c r="MST702" s="613"/>
      <c r="MSU702" s="613"/>
      <c r="MSV702" s="613"/>
      <c r="MSW702" s="613"/>
      <c r="MSX702" s="613"/>
      <c r="MSY702" s="613"/>
      <c r="MSZ702" s="613"/>
      <c r="MTA702" s="613"/>
      <c r="MTB702" s="613"/>
      <c r="MTC702" s="613"/>
      <c r="MTD702" s="613"/>
      <c r="MTE702" s="613"/>
      <c r="MTF702" s="613"/>
      <c r="MTG702" s="613"/>
      <c r="MTH702" s="613"/>
      <c r="MTI702" s="613"/>
      <c r="MTJ702" s="613"/>
      <c r="MTK702" s="613"/>
      <c r="MTL702" s="613"/>
      <c r="MTM702" s="613"/>
      <c r="MTN702" s="613"/>
      <c r="MTO702" s="613"/>
      <c r="MTP702" s="613"/>
      <c r="MTQ702" s="613"/>
      <c r="MTR702" s="613"/>
      <c r="MTS702" s="613"/>
      <c r="MTT702" s="613"/>
      <c r="MTU702" s="613"/>
      <c r="MTV702" s="613"/>
      <c r="MTW702" s="613"/>
      <c r="MTX702" s="613"/>
      <c r="MTY702" s="613"/>
      <c r="MTZ702" s="613"/>
      <c r="MUA702" s="613"/>
      <c r="MUB702" s="613"/>
      <c r="MUC702" s="613"/>
      <c r="MUD702" s="613"/>
      <c r="MUE702" s="613"/>
      <c r="MUF702" s="613"/>
      <c r="MUG702" s="613"/>
      <c r="MUH702" s="613"/>
      <c r="MUI702" s="613"/>
      <c r="MUJ702" s="613"/>
      <c r="MUK702" s="613"/>
      <c r="MUL702" s="613"/>
      <c r="MUM702" s="613"/>
      <c r="MUN702" s="613"/>
      <c r="MUO702" s="613"/>
      <c r="MUP702" s="613"/>
      <c r="MUQ702" s="613"/>
      <c r="MUR702" s="613"/>
      <c r="MUS702" s="613"/>
      <c r="MUT702" s="613"/>
      <c r="MUU702" s="613"/>
      <c r="MUV702" s="613"/>
      <c r="MUW702" s="613"/>
      <c r="MUX702" s="613"/>
      <c r="MUY702" s="613"/>
      <c r="MUZ702" s="613"/>
      <c r="MVA702" s="613"/>
      <c r="MVB702" s="613"/>
      <c r="MVC702" s="613"/>
      <c r="MVD702" s="613"/>
      <c r="MVE702" s="613"/>
      <c r="MVF702" s="613"/>
      <c r="MVG702" s="613"/>
      <c r="MVH702" s="613"/>
      <c r="MVI702" s="613"/>
      <c r="MVJ702" s="613"/>
      <c r="MVK702" s="613"/>
      <c r="MVL702" s="613"/>
      <c r="MVM702" s="613"/>
      <c r="MVN702" s="613"/>
      <c r="MVO702" s="613"/>
      <c r="MVP702" s="613"/>
      <c r="MVQ702" s="613"/>
      <c r="MVR702" s="613"/>
      <c r="MVS702" s="613"/>
      <c r="MVT702" s="613"/>
      <c r="MVU702" s="613"/>
      <c r="MVV702" s="613"/>
      <c r="MVW702" s="613"/>
      <c r="MVX702" s="613"/>
      <c r="MVY702" s="613"/>
      <c r="MVZ702" s="613"/>
      <c r="MWA702" s="613"/>
      <c r="MWB702" s="613"/>
      <c r="MWC702" s="613"/>
      <c r="MWD702" s="613"/>
      <c r="MWE702" s="613"/>
      <c r="MWF702" s="613"/>
      <c r="MWG702" s="613"/>
      <c r="MWH702" s="613"/>
      <c r="MWI702" s="613"/>
      <c r="MWJ702" s="613"/>
      <c r="MWK702" s="613"/>
      <c r="MWL702" s="613"/>
      <c r="MWM702" s="613"/>
      <c r="MWN702" s="613"/>
      <c r="MWO702" s="613"/>
      <c r="MWP702" s="613"/>
      <c r="MWQ702" s="613"/>
      <c r="MWR702" s="613"/>
      <c r="MWS702" s="613"/>
      <c r="MWT702" s="613"/>
      <c r="MWU702" s="613"/>
      <c r="MWV702" s="613"/>
      <c r="MWW702" s="613"/>
      <c r="MWX702" s="613"/>
      <c r="MWY702" s="613"/>
      <c r="MWZ702" s="613"/>
      <c r="MXA702" s="613"/>
      <c r="MXB702" s="613"/>
      <c r="MXC702" s="613"/>
      <c r="MXD702" s="613"/>
      <c r="MXE702" s="613"/>
      <c r="MXF702" s="613"/>
      <c r="MXG702" s="613"/>
      <c r="MXH702" s="613"/>
      <c r="MXI702" s="613"/>
      <c r="MXJ702" s="613"/>
      <c r="MXK702" s="613"/>
      <c r="MXL702" s="613"/>
      <c r="MXM702" s="613"/>
      <c r="MXN702" s="613"/>
      <c r="MXO702" s="613"/>
      <c r="MXP702" s="613"/>
      <c r="MXQ702" s="613"/>
      <c r="MXR702" s="613"/>
      <c r="MXS702" s="613"/>
      <c r="MXT702" s="613"/>
      <c r="MXU702" s="613"/>
      <c r="MXV702" s="613"/>
      <c r="MXW702" s="613"/>
      <c r="MXX702" s="613"/>
      <c r="MXY702" s="613"/>
      <c r="MXZ702" s="613"/>
      <c r="MYA702" s="613"/>
      <c r="MYB702" s="613"/>
      <c r="MYC702" s="613"/>
      <c r="MYD702" s="613"/>
      <c r="MYE702" s="613"/>
      <c r="MYF702" s="613"/>
      <c r="MYG702" s="613"/>
      <c r="MYH702" s="613"/>
      <c r="MYI702" s="613"/>
      <c r="MYJ702" s="613"/>
      <c r="MYK702" s="613"/>
      <c r="MYL702" s="613"/>
      <c r="MYM702" s="613"/>
      <c r="MYN702" s="613"/>
      <c r="MYO702" s="613"/>
      <c r="MYP702" s="613"/>
      <c r="MYQ702" s="613"/>
      <c r="MYR702" s="613"/>
      <c r="MYS702" s="613"/>
      <c r="MYT702" s="613"/>
      <c r="MYU702" s="613"/>
      <c r="MYV702" s="613"/>
      <c r="MYW702" s="613"/>
      <c r="MYX702" s="613"/>
      <c r="MYY702" s="613"/>
      <c r="MYZ702" s="613"/>
      <c r="MZA702" s="613"/>
      <c r="MZB702" s="613"/>
      <c r="MZC702" s="613"/>
      <c r="MZD702" s="613"/>
      <c r="MZE702" s="613"/>
      <c r="MZF702" s="613"/>
      <c r="MZG702" s="613"/>
      <c r="MZH702" s="613"/>
      <c r="MZI702" s="613"/>
      <c r="MZJ702" s="613"/>
      <c r="MZK702" s="613"/>
      <c r="MZL702" s="613"/>
      <c r="MZM702" s="613"/>
      <c r="MZN702" s="613"/>
      <c r="MZO702" s="613"/>
      <c r="MZP702" s="613"/>
      <c r="MZQ702" s="613"/>
      <c r="MZR702" s="613"/>
      <c r="MZS702" s="613"/>
      <c r="MZT702" s="613"/>
      <c r="MZU702" s="613"/>
      <c r="MZV702" s="613"/>
      <c r="MZW702" s="613"/>
      <c r="MZX702" s="613"/>
      <c r="MZY702" s="613"/>
      <c r="MZZ702" s="613"/>
      <c r="NAA702" s="613"/>
      <c r="NAB702" s="613"/>
      <c r="NAC702" s="613"/>
      <c r="NAD702" s="613"/>
      <c r="NAE702" s="613"/>
      <c r="NAF702" s="613"/>
      <c r="NAG702" s="613"/>
      <c r="NAH702" s="613"/>
      <c r="NAI702" s="613"/>
      <c r="NAJ702" s="613"/>
      <c r="NAK702" s="613"/>
      <c r="NAL702" s="613"/>
      <c r="NAM702" s="613"/>
      <c r="NAN702" s="613"/>
      <c r="NAO702" s="613"/>
      <c r="NAP702" s="613"/>
      <c r="NAQ702" s="613"/>
      <c r="NAR702" s="613"/>
      <c r="NAS702" s="613"/>
      <c r="NAT702" s="613"/>
      <c r="NAU702" s="613"/>
      <c r="NAV702" s="613"/>
      <c r="NAW702" s="613"/>
      <c r="NAX702" s="613"/>
      <c r="NAY702" s="613"/>
      <c r="NAZ702" s="613"/>
      <c r="NBA702" s="613"/>
      <c r="NBB702" s="613"/>
      <c r="NBC702" s="613"/>
      <c r="NBD702" s="613"/>
      <c r="NBE702" s="613"/>
      <c r="NBF702" s="613"/>
      <c r="NBG702" s="613"/>
      <c r="NBH702" s="613"/>
      <c r="NBI702" s="613"/>
      <c r="NBJ702" s="613"/>
      <c r="NBK702" s="613"/>
      <c r="NBL702" s="613"/>
      <c r="NBM702" s="613"/>
      <c r="NBN702" s="613"/>
      <c r="NBO702" s="613"/>
      <c r="NBP702" s="613"/>
      <c r="NBQ702" s="613"/>
      <c r="NBR702" s="613"/>
      <c r="NBS702" s="613"/>
      <c r="NBT702" s="613"/>
      <c r="NBU702" s="613"/>
      <c r="NBV702" s="613"/>
      <c r="NBW702" s="613"/>
      <c r="NBX702" s="613"/>
      <c r="NBY702" s="613"/>
      <c r="NBZ702" s="613"/>
      <c r="NCA702" s="613"/>
      <c r="NCB702" s="613"/>
      <c r="NCC702" s="613"/>
      <c r="NCD702" s="613"/>
      <c r="NCE702" s="613"/>
      <c r="NCF702" s="613"/>
      <c r="NCG702" s="613"/>
      <c r="NCH702" s="613"/>
      <c r="NCI702" s="613"/>
      <c r="NCJ702" s="613"/>
      <c r="NCK702" s="613"/>
      <c r="NCL702" s="613"/>
      <c r="NCM702" s="613"/>
      <c r="NCN702" s="613"/>
      <c r="NCO702" s="613"/>
      <c r="NCP702" s="613"/>
      <c r="NCQ702" s="613"/>
      <c r="NCR702" s="613"/>
      <c r="NCS702" s="613"/>
      <c r="NCT702" s="613"/>
      <c r="NCU702" s="613"/>
      <c r="NCV702" s="613"/>
      <c r="NCW702" s="613"/>
      <c r="NCX702" s="613"/>
      <c r="NCY702" s="613"/>
      <c r="NCZ702" s="613"/>
      <c r="NDA702" s="613"/>
      <c r="NDB702" s="613"/>
      <c r="NDC702" s="613"/>
      <c r="NDD702" s="613"/>
      <c r="NDE702" s="613"/>
      <c r="NDF702" s="613"/>
      <c r="NDG702" s="613"/>
      <c r="NDH702" s="613"/>
      <c r="NDI702" s="613"/>
      <c r="NDJ702" s="613"/>
      <c r="NDK702" s="613"/>
      <c r="NDL702" s="613"/>
      <c r="NDM702" s="613"/>
      <c r="NDN702" s="613"/>
      <c r="NDO702" s="613"/>
      <c r="NDP702" s="613"/>
      <c r="NDQ702" s="613"/>
      <c r="NDR702" s="613"/>
      <c r="NDS702" s="613"/>
      <c r="NDT702" s="613"/>
      <c r="NDU702" s="613"/>
      <c r="NDV702" s="613"/>
      <c r="NDW702" s="613"/>
      <c r="NDX702" s="613"/>
      <c r="NDY702" s="613"/>
      <c r="NDZ702" s="613"/>
      <c r="NEA702" s="613"/>
      <c r="NEB702" s="613"/>
      <c r="NEC702" s="613"/>
      <c r="NED702" s="613"/>
      <c r="NEE702" s="613"/>
      <c r="NEF702" s="613"/>
      <c r="NEG702" s="613"/>
      <c r="NEH702" s="613"/>
      <c r="NEI702" s="613"/>
      <c r="NEJ702" s="613"/>
      <c r="NEK702" s="613"/>
      <c r="NEL702" s="613"/>
      <c r="NEM702" s="613"/>
      <c r="NEN702" s="613"/>
      <c r="NEO702" s="613"/>
      <c r="NEP702" s="613"/>
      <c r="NEQ702" s="613"/>
      <c r="NER702" s="613"/>
      <c r="NES702" s="613"/>
      <c r="NET702" s="613"/>
      <c r="NEU702" s="613"/>
      <c r="NEV702" s="613"/>
      <c r="NEW702" s="613"/>
      <c r="NEX702" s="613"/>
      <c r="NEY702" s="613"/>
      <c r="NEZ702" s="613"/>
      <c r="NFA702" s="613"/>
      <c r="NFB702" s="613"/>
      <c r="NFC702" s="613"/>
      <c r="NFD702" s="613"/>
      <c r="NFE702" s="613"/>
      <c r="NFF702" s="613"/>
      <c r="NFG702" s="613"/>
      <c r="NFH702" s="613"/>
      <c r="NFI702" s="613"/>
      <c r="NFJ702" s="613"/>
      <c r="NFK702" s="613"/>
      <c r="NFL702" s="613"/>
      <c r="NFM702" s="613"/>
      <c r="NFN702" s="613"/>
      <c r="NFO702" s="613"/>
      <c r="NFP702" s="613"/>
      <c r="NFQ702" s="613"/>
      <c r="NFR702" s="613"/>
      <c r="NFS702" s="613"/>
      <c r="NFT702" s="613"/>
      <c r="NFU702" s="613"/>
      <c r="NFV702" s="613"/>
      <c r="NFW702" s="613"/>
      <c r="NFX702" s="613"/>
      <c r="NFY702" s="613"/>
      <c r="NFZ702" s="613"/>
      <c r="NGA702" s="613"/>
      <c r="NGB702" s="613"/>
      <c r="NGC702" s="613"/>
      <c r="NGD702" s="613"/>
      <c r="NGE702" s="613"/>
      <c r="NGF702" s="613"/>
      <c r="NGG702" s="613"/>
      <c r="NGH702" s="613"/>
      <c r="NGI702" s="613"/>
      <c r="NGJ702" s="613"/>
      <c r="NGK702" s="613"/>
      <c r="NGL702" s="613"/>
      <c r="NGM702" s="613"/>
      <c r="NGN702" s="613"/>
      <c r="NGO702" s="613"/>
      <c r="NGP702" s="613"/>
      <c r="NGQ702" s="613"/>
      <c r="NGR702" s="613"/>
      <c r="NGS702" s="613"/>
      <c r="NGT702" s="613"/>
      <c r="NGU702" s="613"/>
      <c r="NGV702" s="613"/>
      <c r="NGW702" s="613"/>
      <c r="NGX702" s="613"/>
      <c r="NGY702" s="613"/>
      <c r="NGZ702" s="613"/>
      <c r="NHA702" s="613"/>
      <c r="NHB702" s="613"/>
      <c r="NHC702" s="613"/>
      <c r="NHD702" s="613"/>
      <c r="NHE702" s="613"/>
      <c r="NHF702" s="613"/>
      <c r="NHG702" s="613"/>
      <c r="NHH702" s="613"/>
      <c r="NHI702" s="613"/>
      <c r="NHJ702" s="613"/>
      <c r="NHK702" s="613"/>
      <c r="NHL702" s="613"/>
      <c r="NHM702" s="613"/>
      <c r="NHN702" s="613"/>
      <c r="NHO702" s="613"/>
      <c r="NHP702" s="613"/>
      <c r="NHQ702" s="613"/>
      <c r="NHR702" s="613"/>
      <c r="NHS702" s="613"/>
      <c r="NHT702" s="613"/>
      <c r="NHU702" s="613"/>
      <c r="NHV702" s="613"/>
      <c r="NHW702" s="613"/>
      <c r="NHX702" s="613"/>
      <c r="NHY702" s="613"/>
      <c r="NHZ702" s="613"/>
      <c r="NIA702" s="613"/>
      <c r="NIB702" s="613"/>
      <c r="NIC702" s="613"/>
      <c r="NID702" s="613"/>
      <c r="NIE702" s="613"/>
      <c r="NIF702" s="613"/>
      <c r="NIG702" s="613"/>
      <c r="NIH702" s="613"/>
      <c r="NII702" s="613"/>
      <c r="NIJ702" s="613"/>
      <c r="NIK702" s="613"/>
      <c r="NIL702" s="613"/>
      <c r="NIM702" s="613"/>
      <c r="NIN702" s="613"/>
      <c r="NIO702" s="613"/>
      <c r="NIP702" s="613"/>
      <c r="NIQ702" s="613"/>
      <c r="NIR702" s="613"/>
      <c r="NIS702" s="613"/>
      <c r="NIT702" s="613"/>
      <c r="NIU702" s="613"/>
      <c r="NIV702" s="613"/>
      <c r="NIW702" s="613"/>
      <c r="NIX702" s="613"/>
      <c r="NIY702" s="613"/>
      <c r="NIZ702" s="613"/>
      <c r="NJA702" s="613"/>
      <c r="NJB702" s="613"/>
      <c r="NJC702" s="613"/>
      <c r="NJD702" s="613"/>
      <c r="NJE702" s="613"/>
      <c r="NJF702" s="613"/>
      <c r="NJG702" s="613"/>
      <c r="NJH702" s="613"/>
      <c r="NJI702" s="613"/>
      <c r="NJJ702" s="613"/>
      <c r="NJK702" s="613"/>
      <c r="NJL702" s="613"/>
      <c r="NJM702" s="613"/>
      <c r="NJN702" s="613"/>
      <c r="NJO702" s="613"/>
      <c r="NJP702" s="613"/>
      <c r="NJQ702" s="613"/>
      <c r="NJR702" s="613"/>
      <c r="NJS702" s="613"/>
      <c r="NJT702" s="613"/>
      <c r="NJU702" s="613"/>
      <c r="NJV702" s="613"/>
      <c r="NJW702" s="613"/>
      <c r="NJX702" s="613"/>
      <c r="NJY702" s="613"/>
      <c r="NJZ702" s="613"/>
      <c r="NKA702" s="613"/>
      <c r="NKB702" s="613"/>
      <c r="NKC702" s="613"/>
      <c r="NKD702" s="613"/>
      <c r="NKE702" s="613"/>
      <c r="NKF702" s="613"/>
      <c r="NKG702" s="613"/>
      <c r="NKH702" s="613"/>
      <c r="NKI702" s="613"/>
      <c r="NKJ702" s="613"/>
      <c r="NKK702" s="613"/>
      <c r="NKL702" s="613"/>
      <c r="NKM702" s="613"/>
      <c r="NKN702" s="613"/>
      <c r="NKO702" s="613"/>
      <c r="NKP702" s="613"/>
      <c r="NKQ702" s="613"/>
      <c r="NKR702" s="613"/>
      <c r="NKS702" s="613"/>
      <c r="NKT702" s="613"/>
      <c r="NKU702" s="613"/>
      <c r="NKV702" s="613"/>
      <c r="NKW702" s="613"/>
      <c r="NKX702" s="613"/>
      <c r="NKY702" s="613"/>
      <c r="NKZ702" s="613"/>
      <c r="NLA702" s="613"/>
      <c r="NLB702" s="613"/>
      <c r="NLC702" s="613"/>
      <c r="NLD702" s="613"/>
      <c r="NLE702" s="613"/>
      <c r="NLF702" s="613"/>
      <c r="NLG702" s="613"/>
      <c r="NLH702" s="613"/>
      <c r="NLI702" s="613"/>
      <c r="NLJ702" s="613"/>
      <c r="NLK702" s="613"/>
      <c r="NLL702" s="613"/>
      <c r="NLM702" s="613"/>
      <c r="NLN702" s="613"/>
      <c r="NLO702" s="613"/>
      <c r="NLP702" s="613"/>
      <c r="NLQ702" s="613"/>
      <c r="NLR702" s="613"/>
      <c r="NLS702" s="613"/>
      <c r="NLT702" s="613"/>
      <c r="NLU702" s="613"/>
      <c r="NLV702" s="613"/>
      <c r="NLW702" s="613"/>
      <c r="NLX702" s="613"/>
      <c r="NLY702" s="613"/>
      <c r="NLZ702" s="613"/>
      <c r="NMA702" s="613"/>
      <c r="NMB702" s="613"/>
      <c r="NMC702" s="613"/>
      <c r="NMD702" s="613"/>
      <c r="NME702" s="613"/>
      <c r="NMF702" s="613"/>
      <c r="NMG702" s="613"/>
      <c r="NMH702" s="613"/>
      <c r="NMI702" s="613"/>
      <c r="NMJ702" s="613"/>
      <c r="NMK702" s="613"/>
      <c r="NML702" s="613"/>
      <c r="NMM702" s="613"/>
      <c r="NMN702" s="613"/>
      <c r="NMO702" s="613"/>
      <c r="NMP702" s="613"/>
      <c r="NMQ702" s="613"/>
      <c r="NMR702" s="613"/>
      <c r="NMS702" s="613"/>
      <c r="NMT702" s="613"/>
      <c r="NMU702" s="613"/>
      <c r="NMV702" s="613"/>
      <c r="NMW702" s="613"/>
      <c r="NMX702" s="613"/>
      <c r="NMY702" s="613"/>
      <c r="NMZ702" s="613"/>
      <c r="NNA702" s="613"/>
      <c r="NNB702" s="613"/>
      <c r="NNC702" s="613"/>
      <c r="NND702" s="613"/>
      <c r="NNE702" s="613"/>
      <c r="NNF702" s="613"/>
      <c r="NNG702" s="613"/>
      <c r="NNH702" s="613"/>
      <c r="NNI702" s="613"/>
      <c r="NNJ702" s="613"/>
      <c r="NNK702" s="613"/>
      <c r="NNL702" s="613"/>
      <c r="NNM702" s="613"/>
      <c r="NNN702" s="613"/>
      <c r="NNO702" s="613"/>
      <c r="NNP702" s="613"/>
      <c r="NNQ702" s="613"/>
      <c r="NNR702" s="613"/>
      <c r="NNS702" s="613"/>
      <c r="NNT702" s="613"/>
      <c r="NNU702" s="613"/>
      <c r="NNV702" s="613"/>
      <c r="NNW702" s="613"/>
      <c r="NNX702" s="613"/>
      <c r="NNY702" s="613"/>
      <c r="NNZ702" s="613"/>
      <c r="NOA702" s="613"/>
      <c r="NOB702" s="613"/>
      <c r="NOC702" s="613"/>
      <c r="NOD702" s="613"/>
      <c r="NOE702" s="613"/>
      <c r="NOF702" s="613"/>
      <c r="NOG702" s="613"/>
      <c r="NOH702" s="613"/>
      <c r="NOI702" s="613"/>
      <c r="NOJ702" s="613"/>
      <c r="NOK702" s="613"/>
      <c r="NOL702" s="613"/>
      <c r="NOM702" s="613"/>
      <c r="NON702" s="613"/>
      <c r="NOO702" s="613"/>
      <c r="NOP702" s="613"/>
      <c r="NOQ702" s="613"/>
      <c r="NOR702" s="613"/>
      <c r="NOS702" s="613"/>
      <c r="NOT702" s="613"/>
      <c r="NOU702" s="613"/>
      <c r="NOV702" s="613"/>
      <c r="NOW702" s="613"/>
      <c r="NOX702" s="613"/>
      <c r="NOY702" s="613"/>
      <c r="NOZ702" s="613"/>
      <c r="NPA702" s="613"/>
      <c r="NPB702" s="613"/>
      <c r="NPC702" s="613"/>
      <c r="NPD702" s="613"/>
      <c r="NPE702" s="613"/>
      <c r="NPF702" s="613"/>
      <c r="NPG702" s="613"/>
      <c r="NPH702" s="613"/>
      <c r="NPI702" s="613"/>
      <c r="NPJ702" s="613"/>
      <c r="NPK702" s="613"/>
      <c r="NPL702" s="613"/>
      <c r="NPM702" s="613"/>
      <c r="NPN702" s="613"/>
      <c r="NPO702" s="613"/>
      <c r="NPP702" s="613"/>
      <c r="NPQ702" s="613"/>
      <c r="NPR702" s="613"/>
      <c r="NPS702" s="613"/>
      <c r="NPT702" s="613"/>
      <c r="NPU702" s="613"/>
      <c r="NPV702" s="613"/>
      <c r="NPW702" s="613"/>
      <c r="NPX702" s="613"/>
      <c r="NPY702" s="613"/>
      <c r="NPZ702" s="613"/>
      <c r="NQA702" s="613"/>
      <c r="NQB702" s="613"/>
      <c r="NQC702" s="613"/>
      <c r="NQD702" s="613"/>
      <c r="NQE702" s="613"/>
      <c r="NQF702" s="613"/>
      <c r="NQG702" s="613"/>
      <c r="NQH702" s="613"/>
      <c r="NQI702" s="613"/>
      <c r="NQJ702" s="613"/>
      <c r="NQK702" s="613"/>
      <c r="NQL702" s="613"/>
      <c r="NQM702" s="613"/>
      <c r="NQN702" s="613"/>
      <c r="NQO702" s="613"/>
      <c r="NQP702" s="613"/>
      <c r="NQQ702" s="613"/>
      <c r="NQR702" s="613"/>
      <c r="NQS702" s="613"/>
      <c r="NQT702" s="613"/>
      <c r="NQU702" s="613"/>
      <c r="NQV702" s="613"/>
      <c r="NQW702" s="613"/>
      <c r="NQX702" s="613"/>
      <c r="NQY702" s="613"/>
      <c r="NQZ702" s="613"/>
      <c r="NRA702" s="613"/>
      <c r="NRB702" s="613"/>
      <c r="NRC702" s="613"/>
      <c r="NRD702" s="613"/>
      <c r="NRE702" s="613"/>
      <c r="NRF702" s="613"/>
      <c r="NRG702" s="613"/>
      <c r="NRH702" s="613"/>
      <c r="NRI702" s="613"/>
      <c r="NRJ702" s="613"/>
      <c r="NRK702" s="613"/>
      <c r="NRL702" s="613"/>
      <c r="NRM702" s="613"/>
      <c r="NRN702" s="613"/>
      <c r="NRO702" s="613"/>
      <c r="NRP702" s="613"/>
      <c r="NRQ702" s="613"/>
      <c r="NRR702" s="613"/>
      <c r="NRS702" s="613"/>
      <c r="NRT702" s="613"/>
      <c r="NRU702" s="613"/>
      <c r="NRV702" s="613"/>
      <c r="NRW702" s="613"/>
      <c r="NRX702" s="613"/>
      <c r="NRY702" s="613"/>
      <c r="NRZ702" s="613"/>
      <c r="NSA702" s="613"/>
      <c r="NSB702" s="613"/>
      <c r="NSC702" s="613"/>
      <c r="NSD702" s="613"/>
      <c r="NSE702" s="613"/>
      <c r="NSF702" s="613"/>
      <c r="NSG702" s="613"/>
      <c r="NSH702" s="613"/>
      <c r="NSI702" s="613"/>
      <c r="NSJ702" s="613"/>
      <c r="NSK702" s="613"/>
      <c r="NSL702" s="613"/>
      <c r="NSM702" s="613"/>
      <c r="NSN702" s="613"/>
      <c r="NSO702" s="613"/>
      <c r="NSP702" s="613"/>
      <c r="NSQ702" s="613"/>
      <c r="NSR702" s="613"/>
      <c r="NSS702" s="613"/>
      <c r="NST702" s="613"/>
      <c r="NSU702" s="613"/>
      <c r="NSV702" s="613"/>
      <c r="NSW702" s="613"/>
      <c r="NSX702" s="613"/>
      <c r="NSY702" s="613"/>
      <c r="NSZ702" s="613"/>
      <c r="NTA702" s="613"/>
      <c r="NTB702" s="613"/>
      <c r="NTC702" s="613"/>
      <c r="NTD702" s="613"/>
      <c r="NTE702" s="613"/>
      <c r="NTF702" s="613"/>
      <c r="NTG702" s="613"/>
      <c r="NTH702" s="613"/>
      <c r="NTI702" s="613"/>
      <c r="NTJ702" s="613"/>
      <c r="NTK702" s="613"/>
      <c r="NTL702" s="613"/>
      <c r="NTM702" s="613"/>
      <c r="NTN702" s="613"/>
      <c r="NTO702" s="613"/>
      <c r="NTP702" s="613"/>
      <c r="NTQ702" s="613"/>
      <c r="NTR702" s="613"/>
      <c r="NTS702" s="613"/>
      <c r="NTT702" s="613"/>
      <c r="NTU702" s="613"/>
      <c r="NTV702" s="613"/>
      <c r="NTW702" s="613"/>
      <c r="NTX702" s="613"/>
      <c r="NTY702" s="613"/>
      <c r="NTZ702" s="613"/>
      <c r="NUA702" s="613"/>
      <c r="NUB702" s="613"/>
      <c r="NUC702" s="613"/>
      <c r="NUD702" s="613"/>
      <c r="NUE702" s="613"/>
      <c r="NUF702" s="613"/>
      <c r="NUG702" s="613"/>
      <c r="NUH702" s="613"/>
      <c r="NUI702" s="613"/>
      <c r="NUJ702" s="613"/>
      <c r="NUK702" s="613"/>
      <c r="NUL702" s="613"/>
      <c r="NUM702" s="613"/>
      <c r="NUN702" s="613"/>
      <c r="NUO702" s="613"/>
      <c r="NUP702" s="613"/>
      <c r="NUQ702" s="613"/>
      <c r="NUR702" s="613"/>
      <c r="NUS702" s="613"/>
      <c r="NUT702" s="613"/>
      <c r="NUU702" s="613"/>
      <c r="NUV702" s="613"/>
      <c r="NUW702" s="613"/>
      <c r="NUX702" s="613"/>
      <c r="NUY702" s="613"/>
      <c r="NUZ702" s="613"/>
      <c r="NVA702" s="613"/>
      <c r="NVB702" s="613"/>
      <c r="NVC702" s="613"/>
      <c r="NVD702" s="613"/>
      <c r="NVE702" s="613"/>
      <c r="NVF702" s="613"/>
      <c r="NVG702" s="613"/>
      <c r="NVH702" s="613"/>
      <c r="NVI702" s="613"/>
      <c r="NVJ702" s="613"/>
      <c r="NVK702" s="613"/>
      <c r="NVL702" s="613"/>
      <c r="NVM702" s="613"/>
      <c r="NVN702" s="613"/>
      <c r="NVO702" s="613"/>
      <c r="NVP702" s="613"/>
      <c r="NVQ702" s="613"/>
      <c r="NVR702" s="613"/>
      <c r="NVS702" s="613"/>
      <c r="NVT702" s="613"/>
      <c r="NVU702" s="613"/>
      <c r="NVV702" s="613"/>
      <c r="NVW702" s="613"/>
      <c r="NVX702" s="613"/>
      <c r="NVY702" s="613"/>
      <c r="NVZ702" s="613"/>
      <c r="NWA702" s="613"/>
      <c r="NWB702" s="613"/>
      <c r="NWC702" s="613"/>
      <c r="NWD702" s="613"/>
      <c r="NWE702" s="613"/>
      <c r="NWF702" s="613"/>
      <c r="NWG702" s="613"/>
      <c r="NWH702" s="613"/>
      <c r="NWI702" s="613"/>
      <c r="NWJ702" s="613"/>
      <c r="NWK702" s="613"/>
      <c r="NWL702" s="613"/>
      <c r="NWM702" s="613"/>
      <c r="NWN702" s="613"/>
      <c r="NWO702" s="613"/>
      <c r="NWP702" s="613"/>
      <c r="NWQ702" s="613"/>
      <c r="NWR702" s="613"/>
      <c r="NWS702" s="613"/>
      <c r="NWT702" s="613"/>
      <c r="NWU702" s="613"/>
      <c r="NWV702" s="613"/>
      <c r="NWW702" s="613"/>
      <c r="NWX702" s="613"/>
      <c r="NWY702" s="613"/>
      <c r="NWZ702" s="613"/>
      <c r="NXA702" s="613"/>
      <c r="NXB702" s="613"/>
      <c r="NXC702" s="613"/>
      <c r="NXD702" s="613"/>
      <c r="NXE702" s="613"/>
      <c r="NXF702" s="613"/>
      <c r="NXG702" s="613"/>
      <c r="NXH702" s="613"/>
      <c r="NXI702" s="613"/>
      <c r="NXJ702" s="613"/>
      <c r="NXK702" s="613"/>
      <c r="NXL702" s="613"/>
      <c r="NXM702" s="613"/>
      <c r="NXN702" s="613"/>
      <c r="NXO702" s="613"/>
      <c r="NXP702" s="613"/>
      <c r="NXQ702" s="613"/>
      <c r="NXR702" s="613"/>
      <c r="NXS702" s="613"/>
      <c r="NXT702" s="613"/>
      <c r="NXU702" s="613"/>
      <c r="NXV702" s="613"/>
      <c r="NXW702" s="613"/>
      <c r="NXX702" s="613"/>
      <c r="NXY702" s="613"/>
      <c r="NXZ702" s="613"/>
      <c r="NYA702" s="613"/>
      <c r="NYB702" s="613"/>
      <c r="NYC702" s="613"/>
      <c r="NYD702" s="613"/>
      <c r="NYE702" s="613"/>
      <c r="NYF702" s="613"/>
      <c r="NYG702" s="613"/>
      <c r="NYH702" s="613"/>
      <c r="NYI702" s="613"/>
      <c r="NYJ702" s="613"/>
      <c r="NYK702" s="613"/>
      <c r="NYL702" s="613"/>
      <c r="NYM702" s="613"/>
      <c r="NYN702" s="613"/>
      <c r="NYO702" s="613"/>
      <c r="NYP702" s="613"/>
      <c r="NYQ702" s="613"/>
      <c r="NYR702" s="613"/>
      <c r="NYS702" s="613"/>
      <c r="NYT702" s="613"/>
      <c r="NYU702" s="613"/>
      <c r="NYV702" s="613"/>
      <c r="NYW702" s="613"/>
      <c r="NYX702" s="613"/>
      <c r="NYY702" s="613"/>
      <c r="NYZ702" s="613"/>
      <c r="NZA702" s="613"/>
      <c r="NZB702" s="613"/>
      <c r="NZC702" s="613"/>
      <c r="NZD702" s="613"/>
      <c r="NZE702" s="613"/>
      <c r="NZF702" s="613"/>
      <c r="NZG702" s="613"/>
      <c r="NZH702" s="613"/>
      <c r="NZI702" s="613"/>
      <c r="NZJ702" s="613"/>
      <c r="NZK702" s="613"/>
      <c r="NZL702" s="613"/>
      <c r="NZM702" s="613"/>
      <c r="NZN702" s="613"/>
      <c r="NZO702" s="613"/>
      <c r="NZP702" s="613"/>
      <c r="NZQ702" s="613"/>
      <c r="NZR702" s="613"/>
      <c r="NZS702" s="613"/>
      <c r="NZT702" s="613"/>
      <c r="NZU702" s="613"/>
      <c r="NZV702" s="613"/>
      <c r="NZW702" s="613"/>
      <c r="NZX702" s="613"/>
      <c r="NZY702" s="613"/>
      <c r="NZZ702" s="613"/>
      <c r="OAA702" s="613"/>
      <c r="OAB702" s="613"/>
      <c r="OAC702" s="613"/>
      <c r="OAD702" s="613"/>
      <c r="OAE702" s="613"/>
      <c r="OAF702" s="613"/>
      <c r="OAG702" s="613"/>
      <c r="OAH702" s="613"/>
      <c r="OAI702" s="613"/>
      <c r="OAJ702" s="613"/>
      <c r="OAK702" s="613"/>
      <c r="OAL702" s="613"/>
      <c r="OAM702" s="613"/>
      <c r="OAN702" s="613"/>
      <c r="OAO702" s="613"/>
      <c r="OAP702" s="613"/>
      <c r="OAQ702" s="613"/>
      <c r="OAR702" s="613"/>
      <c r="OAS702" s="613"/>
      <c r="OAT702" s="613"/>
      <c r="OAU702" s="613"/>
      <c r="OAV702" s="613"/>
      <c r="OAW702" s="613"/>
      <c r="OAX702" s="613"/>
      <c r="OAY702" s="613"/>
      <c r="OAZ702" s="613"/>
      <c r="OBA702" s="613"/>
      <c r="OBB702" s="613"/>
      <c r="OBC702" s="613"/>
      <c r="OBD702" s="613"/>
      <c r="OBE702" s="613"/>
      <c r="OBF702" s="613"/>
      <c r="OBG702" s="613"/>
      <c r="OBH702" s="613"/>
      <c r="OBI702" s="613"/>
      <c r="OBJ702" s="613"/>
      <c r="OBK702" s="613"/>
      <c r="OBL702" s="613"/>
      <c r="OBM702" s="613"/>
      <c r="OBN702" s="613"/>
      <c r="OBO702" s="613"/>
      <c r="OBP702" s="613"/>
      <c r="OBQ702" s="613"/>
      <c r="OBR702" s="613"/>
      <c r="OBS702" s="613"/>
      <c r="OBT702" s="613"/>
      <c r="OBU702" s="613"/>
      <c r="OBV702" s="613"/>
      <c r="OBW702" s="613"/>
      <c r="OBX702" s="613"/>
      <c r="OBY702" s="613"/>
      <c r="OBZ702" s="613"/>
      <c r="OCA702" s="613"/>
      <c r="OCB702" s="613"/>
      <c r="OCC702" s="613"/>
      <c r="OCD702" s="613"/>
      <c r="OCE702" s="613"/>
      <c r="OCF702" s="613"/>
      <c r="OCG702" s="613"/>
      <c r="OCH702" s="613"/>
      <c r="OCI702" s="613"/>
      <c r="OCJ702" s="613"/>
      <c r="OCK702" s="613"/>
      <c r="OCL702" s="613"/>
      <c r="OCM702" s="613"/>
      <c r="OCN702" s="613"/>
      <c r="OCO702" s="613"/>
      <c r="OCP702" s="613"/>
      <c r="OCQ702" s="613"/>
      <c r="OCR702" s="613"/>
      <c r="OCS702" s="613"/>
      <c r="OCT702" s="613"/>
      <c r="OCU702" s="613"/>
      <c r="OCV702" s="613"/>
      <c r="OCW702" s="613"/>
      <c r="OCX702" s="613"/>
      <c r="OCY702" s="613"/>
      <c r="OCZ702" s="613"/>
      <c r="ODA702" s="613"/>
      <c r="ODB702" s="613"/>
      <c r="ODC702" s="613"/>
      <c r="ODD702" s="613"/>
      <c r="ODE702" s="613"/>
      <c r="ODF702" s="613"/>
      <c r="ODG702" s="613"/>
      <c r="ODH702" s="613"/>
      <c r="ODI702" s="613"/>
      <c r="ODJ702" s="613"/>
      <c r="ODK702" s="613"/>
      <c r="ODL702" s="613"/>
      <c r="ODM702" s="613"/>
      <c r="ODN702" s="613"/>
      <c r="ODO702" s="613"/>
      <c r="ODP702" s="613"/>
      <c r="ODQ702" s="613"/>
      <c r="ODR702" s="613"/>
      <c r="ODS702" s="613"/>
      <c r="ODT702" s="613"/>
      <c r="ODU702" s="613"/>
      <c r="ODV702" s="613"/>
      <c r="ODW702" s="613"/>
      <c r="ODX702" s="613"/>
      <c r="ODY702" s="613"/>
      <c r="ODZ702" s="613"/>
      <c r="OEA702" s="613"/>
      <c r="OEB702" s="613"/>
      <c r="OEC702" s="613"/>
      <c r="OED702" s="613"/>
      <c r="OEE702" s="613"/>
      <c r="OEF702" s="613"/>
      <c r="OEG702" s="613"/>
      <c r="OEH702" s="613"/>
      <c r="OEI702" s="613"/>
      <c r="OEJ702" s="613"/>
      <c r="OEK702" s="613"/>
      <c r="OEL702" s="613"/>
      <c r="OEM702" s="613"/>
      <c r="OEN702" s="613"/>
      <c r="OEO702" s="613"/>
      <c r="OEP702" s="613"/>
      <c r="OEQ702" s="613"/>
      <c r="OER702" s="613"/>
      <c r="OES702" s="613"/>
      <c r="OET702" s="613"/>
      <c r="OEU702" s="613"/>
      <c r="OEV702" s="613"/>
      <c r="OEW702" s="613"/>
      <c r="OEX702" s="613"/>
      <c r="OEY702" s="613"/>
      <c r="OEZ702" s="613"/>
      <c r="OFA702" s="613"/>
      <c r="OFB702" s="613"/>
      <c r="OFC702" s="613"/>
      <c r="OFD702" s="613"/>
      <c r="OFE702" s="613"/>
      <c r="OFF702" s="613"/>
      <c r="OFG702" s="613"/>
      <c r="OFH702" s="613"/>
      <c r="OFI702" s="613"/>
      <c r="OFJ702" s="613"/>
      <c r="OFK702" s="613"/>
      <c r="OFL702" s="613"/>
      <c r="OFM702" s="613"/>
      <c r="OFN702" s="613"/>
      <c r="OFO702" s="613"/>
      <c r="OFP702" s="613"/>
      <c r="OFQ702" s="613"/>
      <c r="OFR702" s="613"/>
      <c r="OFS702" s="613"/>
      <c r="OFT702" s="613"/>
      <c r="OFU702" s="613"/>
      <c r="OFV702" s="613"/>
      <c r="OFW702" s="613"/>
      <c r="OFX702" s="613"/>
      <c r="OFY702" s="613"/>
      <c r="OFZ702" s="613"/>
      <c r="OGA702" s="613"/>
      <c r="OGB702" s="613"/>
      <c r="OGC702" s="613"/>
      <c r="OGD702" s="613"/>
      <c r="OGE702" s="613"/>
      <c r="OGF702" s="613"/>
      <c r="OGG702" s="613"/>
      <c r="OGH702" s="613"/>
      <c r="OGI702" s="613"/>
      <c r="OGJ702" s="613"/>
      <c r="OGK702" s="613"/>
      <c r="OGL702" s="613"/>
      <c r="OGM702" s="613"/>
      <c r="OGN702" s="613"/>
      <c r="OGO702" s="613"/>
      <c r="OGP702" s="613"/>
      <c r="OGQ702" s="613"/>
      <c r="OGR702" s="613"/>
      <c r="OGS702" s="613"/>
      <c r="OGT702" s="613"/>
      <c r="OGU702" s="613"/>
      <c r="OGV702" s="613"/>
      <c r="OGW702" s="613"/>
      <c r="OGX702" s="613"/>
      <c r="OGY702" s="613"/>
      <c r="OGZ702" s="613"/>
      <c r="OHA702" s="613"/>
      <c r="OHB702" s="613"/>
      <c r="OHC702" s="613"/>
      <c r="OHD702" s="613"/>
      <c r="OHE702" s="613"/>
      <c r="OHF702" s="613"/>
      <c r="OHG702" s="613"/>
      <c r="OHH702" s="613"/>
      <c r="OHI702" s="613"/>
      <c r="OHJ702" s="613"/>
      <c r="OHK702" s="613"/>
      <c r="OHL702" s="613"/>
      <c r="OHM702" s="613"/>
      <c r="OHN702" s="613"/>
      <c r="OHO702" s="613"/>
      <c r="OHP702" s="613"/>
      <c r="OHQ702" s="613"/>
      <c r="OHR702" s="613"/>
      <c r="OHS702" s="613"/>
      <c r="OHT702" s="613"/>
      <c r="OHU702" s="613"/>
      <c r="OHV702" s="613"/>
      <c r="OHW702" s="613"/>
      <c r="OHX702" s="613"/>
      <c r="OHY702" s="613"/>
      <c r="OHZ702" s="613"/>
      <c r="OIA702" s="613"/>
      <c r="OIB702" s="613"/>
      <c r="OIC702" s="613"/>
      <c r="OID702" s="613"/>
      <c r="OIE702" s="613"/>
      <c r="OIF702" s="613"/>
      <c r="OIG702" s="613"/>
      <c r="OIH702" s="613"/>
      <c r="OII702" s="613"/>
      <c r="OIJ702" s="613"/>
      <c r="OIK702" s="613"/>
      <c r="OIL702" s="613"/>
      <c r="OIM702" s="613"/>
      <c r="OIN702" s="613"/>
      <c r="OIO702" s="613"/>
      <c r="OIP702" s="613"/>
      <c r="OIQ702" s="613"/>
      <c r="OIR702" s="613"/>
      <c r="OIS702" s="613"/>
      <c r="OIT702" s="613"/>
      <c r="OIU702" s="613"/>
      <c r="OIV702" s="613"/>
      <c r="OIW702" s="613"/>
      <c r="OIX702" s="613"/>
      <c r="OIY702" s="613"/>
      <c r="OIZ702" s="613"/>
      <c r="OJA702" s="613"/>
      <c r="OJB702" s="613"/>
      <c r="OJC702" s="613"/>
      <c r="OJD702" s="613"/>
      <c r="OJE702" s="613"/>
      <c r="OJF702" s="613"/>
      <c r="OJG702" s="613"/>
      <c r="OJH702" s="613"/>
      <c r="OJI702" s="613"/>
      <c r="OJJ702" s="613"/>
      <c r="OJK702" s="613"/>
      <c r="OJL702" s="613"/>
      <c r="OJM702" s="613"/>
      <c r="OJN702" s="613"/>
      <c r="OJO702" s="613"/>
      <c r="OJP702" s="613"/>
      <c r="OJQ702" s="613"/>
      <c r="OJR702" s="613"/>
      <c r="OJS702" s="613"/>
      <c r="OJT702" s="613"/>
      <c r="OJU702" s="613"/>
      <c r="OJV702" s="613"/>
      <c r="OJW702" s="613"/>
      <c r="OJX702" s="613"/>
      <c r="OJY702" s="613"/>
      <c r="OJZ702" s="613"/>
      <c r="OKA702" s="613"/>
      <c r="OKB702" s="613"/>
      <c r="OKC702" s="613"/>
      <c r="OKD702" s="613"/>
      <c r="OKE702" s="613"/>
      <c r="OKF702" s="613"/>
      <c r="OKG702" s="613"/>
      <c r="OKH702" s="613"/>
      <c r="OKI702" s="613"/>
      <c r="OKJ702" s="613"/>
      <c r="OKK702" s="613"/>
      <c r="OKL702" s="613"/>
      <c r="OKM702" s="613"/>
      <c r="OKN702" s="613"/>
      <c r="OKO702" s="613"/>
      <c r="OKP702" s="613"/>
      <c r="OKQ702" s="613"/>
      <c r="OKR702" s="613"/>
      <c r="OKS702" s="613"/>
      <c r="OKT702" s="613"/>
      <c r="OKU702" s="613"/>
      <c r="OKV702" s="613"/>
      <c r="OKW702" s="613"/>
      <c r="OKX702" s="613"/>
      <c r="OKY702" s="613"/>
      <c r="OKZ702" s="613"/>
      <c r="OLA702" s="613"/>
      <c r="OLB702" s="613"/>
      <c r="OLC702" s="613"/>
      <c r="OLD702" s="613"/>
      <c r="OLE702" s="613"/>
      <c r="OLF702" s="613"/>
      <c r="OLG702" s="613"/>
      <c r="OLH702" s="613"/>
      <c r="OLI702" s="613"/>
      <c r="OLJ702" s="613"/>
      <c r="OLK702" s="613"/>
      <c r="OLL702" s="613"/>
      <c r="OLM702" s="613"/>
      <c r="OLN702" s="613"/>
      <c r="OLO702" s="613"/>
      <c r="OLP702" s="613"/>
      <c r="OLQ702" s="613"/>
      <c r="OLR702" s="613"/>
      <c r="OLS702" s="613"/>
      <c r="OLT702" s="613"/>
      <c r="OLU702" s="613"/>
      <c r="OLV702" s="613"/>
      <c r="OLW702" s="613"/>
      <c r="OLX702" s="613"/>
      <c r="OLY702" s="613"/>
      <c r="OLZ702" s="613"/>
      <c r="OMA702" s="613"/>
      <c r="OMB702" s="613"/>
      <c r="OMC702" s="613"/>
      <c r="OMD702" s="613"/>
      <c r="OME702" s="613"/>
      <c r="OMF702" s="613"/>
      <c r="OMG702" s="613"/>
      <c r="OMH702" s="613"/>
      <c r="OMI702" s="613"/>
      <c r="OMJ702" s="613"/>
      <c r="OMK702" s="613"/>
      <c r="OML702" s="613"/>
      <c r="OMM702" s="613"/>
      <c r="OMN702" s="613"/>
      <c r="OMO702" s="613"/>
      <c r="OMP702" s="613"/>
      <c r="OMQ702" s="613"/>
      <c r="OMR702" s="613"/>
      <c r="OMS702" s="613"/>
      <c r="OMT702" s="613"/>
      <c r="OMU702" s="613"/>
      <c r="OMV702" s="613"/>
      <c r="OMW702" s="613"/>
      <c r="OMX702" s="613"/>
      <c r="OMY702" s="613"/>
      <c r="OMZ702" s="613"/>
      <c r="ONA702" s="613"/>
      <c r="ONB702" s="613"/>
      <c r="ONC702" s="613"/>
      <c r="OND702" s="613"/>
      <c r="ONE702" s="613"/>
      <c r="ONF702" s="613"/>
      <c r="ONG702" s="613"/>
      <c r="ONH702" s="613"/>
      <c r="ONI702" s="613"/>
      <c r="ONJ702" s="613"/>
      <c r="ONK702" s="613"/>
      <c r="ONL702" s="613"/>
      <c r="ONM702" s="613"/>
      <c r="ONN702" s="613"/>
      <c r="ONO702" s="613"/>
      <c r="ONP702" s="613"/>
      <c r="ONQ702" s="613"/>
      <c r="ONR702" s="613"/>
      <c r="ONS702" s="613"/>
      <c r="ONT702" s="613"/>
      <c r="ONU702" s="613"/>
      <c r="ONV702" s="613"/>
      <c r="ONW702" s="613"/>
      <c r="ONX702" s="613"/>
      <c r="ONY702" s="613"/>
      <c r="ONZ702" s="613"/>
      <c r="OOA702" s="613"/>
      <c r="OOB702" s="613"/>
      <c r="OOC702" s="613"/>
      <c r="OOD702" s="613"/>
      <c r="OOE702" s="613"/>
      <c r="OOF702" s="613"/>
      <c r="OOG702" s="613"/>
      <c r="OOH702" s="613"/>
      <c r="OOI702" s="613"/>
      <c r="OOJ702" s="613"/>
      <c r="OOK702" s="613"/>
      <c r="OOL702" s="613"/>
      <c r="OOM702" s="613"/>
      <c r="OON702" s="613"/>
      <c r="OOO702" s="613"/>
      <c r="OOP702" s="613"/>
      <c r="OOQ702" s="613"/>
      <c r="OOR702" s="613"/>
      <c r="OOS702" s="613"/>
      <c r="OOT702" s="613"/>
      <c r="OOU702" s="613"/>
      <c r="OOV702" s="613"/>
      <c r="OOW702" s="613"/>
      <c r="OOX702" s="613"/>
      <c r="OOY702" s="613"/>
      <c r="OOZ702" s="613"/>
      <c r="OPA702" s="613"/>
      <c r="OPB702" s="613"/>
      <c r="OPC702" s="613"/>
      <c r="OPD702" s="613"/>
      <c r="OPE702" s="613"/>
      <c r="OPF702" s="613"/>
      <c r="OPG702" s="613"/>
      <c r="OPH702" s="613"/>
      <c r="OPI702" s="613"/>
      <c r="OPJ702" s="613"/>
      <c r="OPK702" s="613"/>
      <c r="OPL702" s="613"/>
      <c r="OPM702" s="613"/>
      <c r="OPN702" s="613"/>
      <c r="OPO702" s="613"/>
      <c r="OPP702" s="613"/>
      <c r="OPQ702" s="613"/>
      <c r="OPR702" s="613"/>
      <c r="OPS702" s="613"/>
      <c r="OPT702" s="613"/>
      <c r="OPU702" s="613"/>
      <c r="OPV702" s="613"/>
      <c r="OPW702" s="613"/>
      <c r="OPX702" s="613"/>
      <c r="OPY702" s="613"/>
      <c r="OPZ702" s="613"/>
      <c r="OQA702" s="613"/>
      <c r="OQB702" s="613"/>
      <c r="OQC702" s="613"/>
      <c r="OQD702" s="613"/>
      <c r="OQE702" s="613"/>
      <c r="OQF702" s="613"/>
      <c r="OQG702" s="613"/>
      <c r="OQH702" s="613"/>
      <c r="OQI702" s="613"/>
      <c r="OQJ702" s="613"/>
      <c r="OQK702" s="613"/>
      <c r="OQL702" s="613"/>
      <c r="OQM702" s="613"/>
      <c r="OQN702" s="613"/>
      <c r="OQO702" s="613"/>
      <c r="OQP702" s="613"/>
      <c r="OQQ702" s="613"/>
      <c r="OQR702" s="613"/>
      <c r="OQS702" s="613"/>
      <c r="OQT702" s="613"/>
      <c r="OQU702" s="613"/>
      <c r="OQV702" s="613"/>
      <c r="OQW702" s="613"/>
      <c r="OQX702" s="613"/>
      <c r="OQY702" s="613"/>
      <c r="OQZ702" s="613"/>
      <c r="ORA702" s="613"/>
      <c r="ORB702" s="613"/>
      <c r="ORC702" s="613"/>
      <c r="ORD702" s="613"/>
      <c r="ORE702" s="613"/>
      <c r="ORF702" s="613"/>
      <c r="ORG702" s="613"/>
      <c r="ORH702" s="613"/>
      <c r="ORI702" s="613"/>
      <c r="ORJ702" s="613"/>
      <c r="ORK702" s="613"/>
      <c r="ORL702" s="613"/>
      <c r="ORM702" s="613"/>
      <c r="ORN702" s="613"/>
      <c r="ORO702" s="613"/>
      <c r="ORP702" s="613"/>
      <c r="ORQ702" s="613"/>
      <c r="ORR702" s="613"/>
      <c r="ORS702" s="613"/>
      <c r="ORT702" s="613"/>
      <c r="ORU702" s="613"/>
      <c r="ORV702" s="613"/>
      <c r="ORW702" s="613"/>
      <c r="ORX702" s="613"/>
      <c r="ORY702" s="613"/>
      <c r="ORZ702" s="613"/>
      <c r="OSA702" s="613"/>
      <c r="OSB702" s="613"/>
      <c r="OSC702" s="613"/>
      <c r="OSD702" s="613"/>
      <c r="OSE702" s="613"/>
      <c r="OSF702" s="613"/>
      <c r="OSG702" s="613"/>
      <c r="OSH702" s="613"/>
      <c r="OSI702" s="613"/>
      <c r="OSJ702" s="613"/>
      <c r="OSK702" s="613"/>
      <c r="OSL702" s="613"/>
      <c r="OSM702" s="613"/>
      <c r="OSN702" s="613"/>
      <c r="OSO702" s="613"/>
      <c r="OSP702" s="613"/>
      <c r="OSQ702" s="613"/>
      <c r="OSR702" s="613"/>
      <c r="OSS702" s="613"/>
      <c r="OST702" s="613"/>
      <c r="OSU702" s="613"/>
      <c r="OSV702" s="613"/>
      <c r="OSW702" s="613"/>
      <c r="OSX702" s="613"/>
      <c r="OSY702" s="613"/>
      <c r="OSZ702" s="613"/>
      <c r="OTA702" s="613"/>
      <c r="OTB702" s="613"/>
      <c r="OTC702" s="613"/>
      <c r="OTD702" s="613"/>
      <c r="OTE702" s="613"/>
      <c r="OTF702" s="613"/>
      <c r="OTG702" s="613"/>
      <c r="OTH702" s="613"/>
      <c r="OTI702" s="613"/>
      <c r="OTJ702" s="613"/>
      <c r="OTK702" s="613"/>
      <c r="OTL702" s="613"/>
      <c r="OTM702" s="613"/>
      <c r="OTN702" s="613"/>
      <c r="OTO702" s="613"/>
      <c r="OTP702" s="613"/>
      <c r="OTQ702" s="613"/>
      <c r="OTR702" s="613"/>
      <c r="OTS702" s="613"/>
      <c r="OTT702" s="613"/>
      <c r="OTU702" s="613"/>
      <c r="OTV702" s="613"/>
      <c r="OTW702" s="613"/>
      <c r="OTX702" s="613"/>
      <c r="OTY702" s="613"/>
      <c r="OTZ702" s="613"/>
      <c r="OUA702" s="613"/>
      <c r="OUB702" s="613"/>
      <c r="OUC702" s="613"/>
      <c r="OUD702" s="613"/>
      <c r="OUE702" s="613"/>
      <c r="OUF702" s="613"/>
      <c r="OUG702" s="613"/>
      <c r="OUH702" s="613"/>
      <c r="OUI702" s="613"/>
      <c r="OUJ702" s="613"/>
      <c r="OUK702" s="613"/>
      <c r="OUL702" s="613"/>
      <c r="OUM702" s="613"/>
      <c r="OUN702" s="613"/>
      <c r="OUO702" s="613"/>
      <c r="OUP702" s="613"/>
      <c r="OUQ702" s="613"/>
      <c r="OUR702" s="613"/>
      <c r="OUS702" s="613"/>
      <c r="OUT702" s="613"/>
      <c r="OUU702" s="613"/>
      <c r="OUV702" s="613"/>
      <c r="OUW702" s="613"/>
      <c r="OUX702" s="613"/>
      <c r="OUY702" s="613"/>
      <c r="OUZ702" s="613"/>
      <c r="OVA702" s="613"/>
      <c r="OVB702" s="613"/>
      <c r="OVC702" s="613"/>
      <c r="OVD702" s="613"/>
      <c r="OVE702" s="613"/>
      <c r="OVF702" s="613"/>
      <c r="OVG702" s="613"/>
      <c r="OVH702" s="613"/>
      <c r="OVI702" s="613"/>
      <c r="OVJ702" s="613"/>
      <c r="OVK702" s="613"/>
      <c r="OVL702" s="613"/>
      <c r="OVM702" s="613"/>
      <c r="OVN702" s="613"/>
      <c r="OVO702" s="613"/>
      <c r="OVP702" s="613"/>
      <c r="OVQ702" s="613"/>
      <c r="OVR702" s="613"/>
      <c r="OVS702" s="613"/>
      <c r="OVT702" s="613"/>
      <c r="OVU702" s="613"/>
      <c r="OVV702" s="613"/>
      <c r="OVW702" s="613"/>
      <c r="OVX702" s="613"/>
      <c r="OVY702" s="613"/>
      <c r="OVZ702" s="613"/>
      <c r="OWA702" s="613"/>
      <c r="OWB702" s="613"/>
      <c r="OWC702" s="613"/>
      <c r="OWD702" s="613"/>
      <c r="OWE702" s="613"/>
      <c r="OWF702" s="613"/>
      <c r="OWG702" s="613"/>
      <c r="OWH702" s="613"/>
      <c r="OWI702" s="613"/>
      <c r="OWJ702" s="613"/>
      <c r="OWK702" s="613"/>
      <c r="OWL702" s="613"/>
      <c r="OWM702" s="613"/>
      <c r="OWN702" s="613"/>
      <c r="OWO702" s="613"/>
      <c r="OWP702" s="613"/>
      <c r="OWQ702" s="613"/>
      <c r="OWR702" s="613"/>
      <c r="OWS702" s="613"/>
      <c r="OWT702" s="613"/>
      <c r="OWU702" s="613"/>
      <c r="OWV702" s="613"/>
      <c r="OWW702" s="613"/>
      <c r="OWX702" s="613"/>
      <c r="OWY702" s="613"/>
      <c r="OWZ702" s="613"/>
      <c r="OXA702" s="613"/>
      <c r="OXB702" s="613"/>
      <c r="OXC702" s="613"/>
      <c r="OXD702" s="613"/>
      <c r="OXE702" s="613"/>
      <c r="OXF702" s="613"/>
      <c r="OXG702" s="613"/>
      <c r="OXH702" s="613"/>
      <c r="OXI702" s="613"/>
      <c r="OXJ702" s="613"/>
      <c r="OXK702" s="613"/>
      <c r="OXL702" s="613"/>
      <c r="OXM702" s="613"/>
      <c r="OXN702" s="613"/>
      <c r="OXO702" s="613"/>
      <c r="OXP702" s="613"/>
      <c r="OXQ702" s="613"/>
      <c r="OXR702" s="613"/>
      <c r="OXS702" s="613"/>
      <c r="OXT702" s="613"/>
      <c r="OXU702" s="613"/>
      <c r="OXV702" s="613"/>
      <c r="OXW702" s="613"/>
      <c r="OXX702" s="613"/>
      <c r="OXY702" s="613"/>
      <c r="OXZ702" s="613"/>
      <c r="OYA702" s="613"/>
      <c r="OYB702" s="613"/>
      <c r="OYC702" s="613"/>
      <c r="OYD702" s="613"/>
      <c r="OYE702" s="613"/>
      <c r="OYF702" s="613"/>
      <c r="OYG702" s="613"/>
      <c r="OYH702" s="613"/>
      <c r="OYI702" s="613"/>
      <c r="OYJ702" s="613"/>
      <c r="OYK702" s="613"/>
      <c r="OYL702" s="613"/>
      <c r="OYM702" s="613"/>
      <c r="OYN702" s="613"/>
      <c r="OYO702" s="613"/>
      <c r="OYP702" s="613"/>
      <c r="OYQ702" s="613"/>
      <c r="OYR702" s="613"/>
      <c r="OYS702" s="613"/>
      <c r="OYT702" s="613"/>
      <c r="OYU702" s="613"/>
      <c r="OYV702" s="613"/>
      <c r="OYW702" s="613"/>
      <c r="OYX702" s="613"/>
      <c r="OYY702" s="613"/>
      <c r="OYZ702" s="613"/>
      <c r="OZA702" s="613"/>
      <c r="OZB702" s="613"/>
      <c r="OZC702" s="613"/>
      <c r="OZD702" s="613"/>
      <c r="OZE702" s="613"/>
      <c r="OZF702" s="613"/>
      <c r="OZG702" s="613"/>
      <c r="OZH702" s="613"/>
      <c r="OZI702" s="613"/>
      <c r="OZJ702" s="613"/>
      <c r="OZK702" s="613"/>
      <c r="OZL702" s="613"/>
      <c r="OZM702" s="613"/>
      <c r="OZN702" s="613"/>
      <c r="OZO702" s="613"/>
      <c r="OZP702" s="613"/>
      <c r="OZQ702" s="613"/>
      <c r="OZR702" s="613"/>
      <c r="OZS702" s="613"/>
      <c r="OZT702" s="613"/>
      <c r="OZU702" s="613"/>
      <c r="OZV702" s="613"/>
      <c r="OZW702" s="613"/>
      <c r="OZX702" s="613"/>
      <c r="OZY702" s="613"/>
      <c r="OZZ702" s="613"/>
      <c r="PAA702" s="613"/>
      <c r="PAB702" s="613"/>
      <c r="PAC702" s="613"/>
      <c r="PAD702" s="613"/>
      <c r="PAE702" s="613"/>
      <c r="PAF702" s="613"/>
      <c r="PAG702" s="613"/>
      <c r="PAH702" s="613"/>
      <c r="PAI702" s="613"/>
      <c r="PAJ702" s="613"/>
      <c r="PAK702" s="613"/>
      <c r="PAL702" s="613"/>
      <c r="PAM702" s="613"/>
      <c r="PAN702" s="613"/>
      <c r="PAO702" s="613"/>
      <c r="PAP702" s="613"/>
      <c r="PAQ702" s="613"/>
      <c r="PAR702" s="613"/>
      <c r="PAS702" s="613"/>
      <c r="PAT702" s="613"/>
      <c r="PAU702" s="613"/>
      <c r="PAV702" s="613"/>
      <c r="PAW702" s="613"/>
      <c r="PAX702" s="613"/>
      <c r="PAY702" s="613"/>
      <c r="PAZ702" s="613"/>
      <c r="PBA702" s="613"/>
      <c r="PBB702" s="613"/>
      <c r="PBC702" s="613"/>
      <c r="PBD702" s="613"/>
      <c r="PBE702" s="613"/>
      <c r="PBF702" s="613"/>
      <c r="PBG702" s="613"/>
      <c r="PBH702" s="613"/>
      <c r="PBI702" s="613"/>
      <c r="PBJ702" s="613"/>
      <c r="PBK702" s="613"/>
      <c r="PBL702" s="613"/>
      <c r="PBM702" s="613"/>
      <c r="PBN702" s="613"/>
      <c r="PBO702" s="613"/>
      <c r="PBP702" s="613"/>
      <c r="PBQ702" s="613"/>
      <c r="PBR702" s="613"/>
      <c r="PBS702" s="613"/>
      <c r="PBT702" s="613"/>
      <c r="PBU702" s="613"/>
      <c r="PBV702" s="613"/>
      <c r="PBW702" s="613"/>
      <c r="PBX702" s="613"/>
      <c r="PBY702" s="613"/>
      <c r="PBZ702" s="613"/>
      <c r="PCA702" s="613"/>
      <c r="PCB702" s="613"/>
      <c r="PCC702" s="613"/>
      <c r="PCD702" s="613"/>
      <c r="PCE702" s="613"/>
      <c r="PCF702" s="613"/>
      <c r="PCG702" s="613"/>
      <c r="PCH702" s="613"/>
      <c r="PCI702" s="613"/>
      <c r="PCJ702" s="613"/>
      <c r="PCK702" s="613"/>
      <c r="PCL702" s="613"/>
      <c r="PCM702" s="613"/>
      <c r="PCN702" s="613"/>
      <c r="PCO702" s="613"/>
      <c r="PCP702" s="613"/>
      <c r="PCQ702" s="613"/>
      <c r="PCR702" s="613"/>
      <c r="PCS702" s="613"/>
      <c r="PCT702" s="613"/>
      <c r="PCU702" s="613"/>
      <c r="PCV702" s="613"/>
      <c r="PCW702" s="613"/>
      <c r="PCX702" s="613"/>
      <c r="PCY702" s="613"/>
      <c r="PCZ702" s="613"/>
      <c r="PDA702" s="613"/>
      <c r="PDB702" s="613"/>
      <c r="PDC702" s="613"/>
      <c r="PDD702" s="613"/>
      <c r="PDE702" s="613"/>
      <c r="PDF702" s="613"/>
      <c r="PDG702" s="613"/>
      <c r="PDH702" s="613"/>
      <c r="PDI702" s="613"/>
      <c r="PDJ702" s="613"/>
      <c r="PDK702" s="613"/>
      <c r="PDL702" s="613"/>
      <c r="PDM702" s="613"/>
      <c r="PDN702" s="613"/>
      <c r="PDO702" s="613"/>
      <c r="PDP702" s="613"/>
      <c r="PDQ702" s="613"/>
      <c r="PDR702" s="613"/>
      <c r="PDS702" s="613"/>
      <c r="PDT702" s="613"/>
      <c r="PDU702" s="613"/>
      <c r="PDV702" s="613"/>
      <c r="PDW702" s="613"/>
      <c r="PDX702" s="613"/>
      <c r="PDY702" s="613"/>
      <c r="PDZ702" s="613"/>
      <c r="PEA702" s="613"/>
      <c r="PEB702" s="613"/>
      <c r="PEC702" s="613"/>
      <c r="PED702" s="613"/>
      <c r="PEE702" s="613"/>
      <c r="PEF702" s="613"/>
      <c r="PEG702" s="613"/>
      <c r="PEH702" s="613"/>
      <c r="PEI702" s="613"/>
      <c r="PEJ702" s="613"/>
      <c r="PEK702" s="613"/>
      <c r="PEL702" s="613"/>
      <c r="PEM702" s="613"/>
      <c r="PEN702" s="613"/>
      <c r="PEO702" s="613"/>
      <c r="PEP702" s="613"/>
      <c r="PEQ702" s="613"/>
      <c r="PER702" s="613"/>
      <c r="PES702" s="613"/>
      <c r="PET702" s="613"/>
      <c r="PEU702" s="613"/>
      <c r="PEV702" s="613"/>
      <c r="PEW702" s="613"/>
      <c r="PEX702" s="613"/>
      <c r="PEY702" s="613"/>
      <c r="PEZ702" s="613"/>
      <c r="PFA702" s="613"/>
      <c r="PFB702" s="613"/>
      <c r="PFC702" s="613"/>
      <c r="PFD702" s="613"/>
      <c r="PFE702" s="613"/>
      <c r="PFF702" s="613"/>
      <c r="PFG702" s="613"/>
      <c r="PFH702" s="613"/>
      <c r="PFI702" s="613"/>
      <c r="PFJ702" s="613"/>
      <c r="PFK702" s="613"/>
      <c r="PFL702" s="613"/>
      <c r="PFM702" s="613"/>
      <c r="PFN702" s="613"/>
      <c r="PFO702" s="613"/>
      <c r="PFP702" s="613"/>
      <c r="PFQ702" s="613"/>
      <c r="PFR702" s="613"/>
      <c r="PFS702" s="613"/>
      <c r="PFT702" s="613"/>
      <c r="PFU702" s="613"/>
      <c r="PFV702" s="613"/>
      <c r="PFW702" s="613"/>
      <c r="PFX702" s="613"/>
      <c r="PFY702" s="613"/>
      <c r="PFZ702" s="613"/>
      <c r="PGA702" s="613"/>
      <c r="PGB702" s="613"/>
      <c r="PGC702" s="613"/>
      <c r="PGD702" s="613"/>
      <c r="PGE702" s="613"/>
      <c r="PGF702" s="613"/>
      <c r="PGG702" s="613"/>
      <c r="PGH702" s="613"/>
      <c r="PGI702" s="613"/>
      <c r="PGJ702" s="613"/>
      <c r="PGK702" s="613"/>
      <c r="PGL702" s="613"/>
      <c r="PGM702" s="613"/>
      <c r="PGN702" s="613"/>
      <c r="PGO702" s="613"/>
      <c r="PGP702" s="613"/>
      <c r="PGQ702" s="613"/>
      <c r="PGR702" s="613"/>
      <c r="PGS702" s="613"/>
      <c r="PGT702" s="613"/>
      <c r="PGU702" s="613"/>
      <c r="PGV702" s="613"/>
      <c r="PGW702" s="613"/>
      <c r="PGX702" s="613"/>
      <c r="PGY702" s="613"/>
      <c r="PGZ702" s="613"/>
      <c r="PHA702" s="613"/>
      <c r="PHB702" s="613"/>
      <c r="PHC702" s="613"/>
      <c r="PHD702" s="613"/>
      <c r="PHE702" s="613"/>
      <c r="PHF702" s="613"/>
      <c r="PHG702" s="613"/>
      <c r="PHH702" s="613"/>
      <c r="PHI702" s="613"/>
      <c r="PHJ702" s="613"/>
      <c r="PHK702" s="613"/>
      <c r="PHL702" s="613"/>
      <c r="PHM702" s="613"/>
      <c r="PHN702" s="613"/>
      <c r="PHO702" s="613"/>
      <c r="PHP702" s="613"/>
      <c r="PHQ702" s="613"/>
      <c r="PHR702" s="613"/>
      <c r="PHS702" s="613"/>
      <c r="PHT702" s="613"/>
      <c r="PHU702" s="613"/>
      <c r="PHV702" s="613"/>
      <c r="PHW702" s="613"/>
      <c r="PHX702" s="613"/>
      <c r="PHY702" s="613"/>
      <c r="PHZ702" s="613"/>
      <c r="PIA702" s="613"/>
      <c r="PIB702" s="613"/>
      <c r="PIC702" s="613"/>
      <c r="PID702" s="613"/>
      <c r="PIE702" s="613"/>
      <c r="PIF702" s="613"/>
      <c r="PIG702" s="613"/>
      <c r="PIH702" s="613"/>
      <c r="PII702" s="613"/>
      <c r="PIJ702" s="613"/>
      <c r="PIK702" s="613"/>
      <c r="PIL702" s="613"/>
      <c r="PIM702" s="613"/>
      <c r="PIN702" s="613"/>
      <c r="PIO702" s="613"/>
      <c r="PIP702" s="613"/>
      <c r="PIQ702" s="613"/>
      <c r="PIR702" s="613"/>
      <c r="PIS702" s="613"/>
      <c r="PIT702" s="613"/>
      <c r="PIU702" s="613"/>
      <c r="PIV702" s="613"/>
      <c r="PIW702" s="613"/>
      <c r="PIX702" s="613"/>
      <c r="PIY702" s="613"/>
      <c r="PIZ702" s="613"/>
      <c r="PJA702" s="613"/>
      <c r="PJB702" s="613"/>
      <c r="PJC702" s="613"/>
      <c r="PJD702" s="613"/>
      <c r="PJE702" s="613"/>
      <c r="PJF702" s="613"/>
      <c r="PJG702" s="613"/>
      <c r="PJH702" s="613"/>
      <c r="PJI702" s="613"/>
      <c r="PJJ702" s="613"/>
      <c r="PJK702" s="613"/>
      <c r="PJL702" s="613"/>
      <c r="PJM702" s="613"/>
      <c r="PJN702" s="613"/>
      <c r="PJO702" s="613"/>
      <c r="PJP702" s="613"/>
      <c r="PJQ702" s="613"/>
      <c r="PJR702" s="613"/>
      <c r="PJS702" s="613"/>
      <c r="PJT702" s="613"/>
      <c r="PJU702" s="613"/>
      <c r="PJV702" s="613"/>
      <c r="PJW702" s="613"/>
      <c r="PJX702" s="613"/>
      <c r="PJY702" s="613"/>
      <c r="PJZ702" s="613"/>
      <c r="PKA702" s="613"/>
      <c r="PKB702" s="613"/>
      <c r="PKC702" s="613"/>
      <c r="PKD702" s="613"/>
      <c r="PKE702" s="613"/>
      <c r="PKF702" s="613"/>
      <c r="PKG702" s="613"/>
      <c r="PKH702" s="613"/>
      <c r="PKI702" s="613"/>
      <c r="PKJ702" s="613"/>
      <c r="PKK702" s="613"/>
      <c r="PKL702" s="613"/>
      <c r="PKM702" s="613"/>
      <c r="PKN702" s="613"/>
      <c r="PKO702" s="613"/>
      <c r="PKP702" s="613"/>
      <c r="PKQ702" s="613"/>
      <c r="PKR702" s="613"/>
      <c r="PKS702" s="613"/>
      <c r="PKT702" s="613"/>
      <c r="PKU702" s="613"/>
      <c r="PKV702" s="613"/>
      <c r="PKW702" s="613"/>
      <c r="PKX702" s="613"/>
      <c r="PKY702" s="613"/>
      <c r="PKZ702" s="613"/>
      <c r="PLA702" s="613"/>
      <c r="PLB702" s="613"/>
      <c r="PLC702" s="613"/>
      <c r="PLD702" s="613"/>
      <c r="PLE702" s="613"/>
      <c r="PLF702" s="613"/>
      <c r="PLG702" s="613"/>
      <c r="PLH702" s="613"/>
      <c r="PLI702" s="613"/>
      <c r="PLJ702" s="613"/>
      <c r="PLK702" s="613"/>
      <c r="PLL702" s="613"/>
      <c r="PLM702" s="613"/>
      <c r="PLN702" s="613"/>
      <c r="PLO702" s="613"/>
      <c r="PLP702" s="613"/>
      <c r="PLQ702" s="613"/>
      <c r="PLR702" s="613"/>
      <c r="PLS702" s="613"/>
      <c r="PLT702" s="613"/>
      <c r="PLU702" s="613"/>
      <c r="PLV702" s="613"/>
      <c r="PLW702" s="613"/>
      <c r="PLX702" s="613"/>
      <c r="PLY702" s="613"/>
      <c r="PLZ702" s="613"/>
      <c r="PMA702" s="613"/>
      <c r="PMB702" s="613"/>
      <c r="PMC702" s="613"/>
      <c r="PMD702" s="613"/>
      <c r="PME702" s="613"/>
      <c r="PMF702" s="613"/>
      <c r="PMG702" s="613"/>
      <c r="PMH702" s="613"/>
      <c r="PMI702" s="613"/>
      <c r="PMJ702" s="613"/>
      <c r="PMK702" s="613"/>
      <c r="PML702" s="613"/>
      <c r="PMM702" s="613"/>
      <c r="PMN702" s="613"/>
      <c r="PMO702" s="613"/>
      <c r="PMP702" s="613"/>
      <c r="PMQ702" s="613"/>
      <c r="PMR702" s="613"/>
      <c r="PMS702" s="613"/>
      <c r="PMT702" s="613"/>
      <c r="PMU702" s="613"/>
      <c r="PMV702" s="613"/>
      <c r="PMW702" s="613"/>
      <c r="PMX702" s="613"/>
      <c r="PMY702" s="613"/>
      <c r="PMZ702" s="613"/>
      <c r="PNA702" s="613"/>
      <c r="PNB702" s="613"/>
      <c r="PNC702" s="613"/>
      <c r="PND702" s="613"/>
      <c r="PNE702" s="613"/>
      <c r="PNF702" s="613"/>
      <c r="PNG702" s="613"/>
      <c r="PNH702" s="613"/>
      <c r="PNI702" s="613"/>
      <c r="PNJ702" s="613"/>
      <c r="PNK702" s="613"/>
      <c r="PNL702" s="613"/>
      <c r="PNM702" s="613"/>
      <c r="PNN702" s="613"/>
      <c r="PNO702" s="613"/>
      <c r="PNP702" s="613"/>
      <c r="PNQ702" s="613"/>
      <c r="PNR702" s="613"/>
      <c r="PNS702" s="613"/>
      <c r="PNT702" s="613"/>
      <c r="PNU702" s="613"/>
      <c r="PNV702" s="613"/>
      <c r="PNW702" s="613"/>
      <c r="PNX702" s="613"/>
      <c r="PNY702" s="613"/>
      <c r="PNZ702" s="613"/>
      <c r="POA702" s="613"/>
      <c r="POB702" s="613"/>
      <c r="POC702" s="613"/>
      <c r="POD702" s="613"/>
      <c r="POE702" s="613"/>
      <c r="POF702" s="613"/>
      <c r="POG702" s="613"/>
      <c r="POH702" s="613"/>
      <c r="POI702" s="613"/>
      <c r="POJ702" s="613"/>
      <c r="POK702" s="613"/>
      <c r="POL702" s="613"/>
      <c r="POM702" s="613"/>
      <c r="PON702" s="613"/>
      <c r="POO702" s="613"/>
      <c r="POP702" s="613"/>
      <c r="POQ702" s="613"/>
      <c r="POR702" s="613"/>
      <c r="POS702" s="613"/>
      <c r="POT702" s="613"/>
      <c r="POU702" s="613"/>
      <c r="POV702" s="613"/>
      <c r="POW702" s="613"/>
      <c r="POX702" s="613"/>
      <c r="POY702" s="613"/>
      <c r="POZ702" s="613"/>
      <c r="PPA702" s="613"/>
      <c r="PPB702" s="613"/>
      <c r="PPC702" s="613"/>
      <c r="PPD702" s="613"/>
      <c r="PPE702" s="613"/>
      <c r="PPF702" s="613"/>
      <c r="PPG702" s="613"/>
      <c r="PPH702" s="613"/>
      <c r="PPI702" s="613"/>
      <c r="PPJ702" s="613"/>
      <c r="PPK702" s="613"/>
      <c r="PPL702" s="613"/>
      <c r="PPM702" s="613"/>
      <c r="PPN702" s="613"/>
      <c r="PPO702" s="613"/>
      <c r="PPP702" s="613"/>
      <c r="PPQ702" s="613"/>
      <c r="PPR702" s="613"/>
      <c r="PPS702" s="613"/>
      <c r="PPT702" s="613"/>
      <c r="PPU702" s="613"/>
      <c r="PPV702" s="613"/>
      <c r="PPW702" s="613"/>
      <c r="PPX702" s="613"/>
      <c r="PPY702" s="613"/>
      <c r="PPZ702" s="613"/>
      <c r="PQA702" s="613"/>
      <c r="PQB702" s="613"/>
      <c r="PQC702" s="613"/>
      <c r="PQD702" s="613"/>
      <c r="PQE702" s="613"/>
      <c r="PQF702" s="613"/>
      <c r="PQG702" s="613"/>
      <c r="PQH702" s="613"/>
      <c r="PQI702" s="613"/>
      <c r="PQJ702" s="613"/>
      <c r="PQK702" s="613"/>
      <c r="PQL702" s="613"/>
      <c r="PQM702" s="613"/>
      <c r="PQN702" s="613"/>
      <c r="PQO702" s="613"/>
      <c r="PQP702" s="613"/>
      <c r="PQQ702" s="613"/>
      <c r="PQR702" s="613"/>
      <c r="PQS702" s="613"/>
      <c r="PQT702" s="613"/>
      <c r="PQU702" s="613"/>
      <c r="PQV702" s="613"/>
      <c r="PQW702" s="613"/>
      <c r="PQX702" s="613"/>
      <c r="PQY702" s="613"/>
      <c r="PQZ702" s="613"/>
      <c r="PRA702" s="613"/>
      <c r="PRB702" s="613"/>
      <c r="PRC702" s="613"/>
      <c r="PRD702" s="613"/>
      <c r="PRE702" s="613"/>
      <c r="PRF702" s="613"/>
      <c r="PRG702" s="613"/>
      <c r="PRH702" s="613"/>
      <c r="PRI702" s="613"/>
      <c r="PRJ702" s="613"/>
      <c r="PRK702" s="613"/>
      <c r="PRL702" s="613"/>
      <c r="PRM702" s="613"/>
      <c r="PRN702" s="613"/>
      <c r="PRO702" s="613"/>
      <c r="PRP702" s="613"/>
      <c r="PRQ702" s="613"/>
      <c r="PRR702" s="613"/>
      <c r="PRS702" s="613"/>
      <c r="PRT702" s="613"/>
      <c r="PRU702" s="613"/>
      <c r="PRV702" s="613"/>
      <c r="PRW702" s="613"/>
      <c r="PRX702" s="613"/>
      <c r="PRY702" s="613"/>
      <c r="PRZ702" s="613"/>
      <c r="PSA702" s="613"/>
      <c r="PSB702" s="613"/>
      <c r="PSC702" s="613"/>
      <c r="PSD702" s="613"/>
      <c r="PSE702" s="613"/>
      <c r="PSF702" s="613"/>
      <c r="PSG702" s="613"/>
      <c r="PSH702" s="613"/>
      <c r="PSI702" s="613"/>
      <c r="PSJ702" s="613"/>
      <c r="PSK702" s="613"/>
      <c r="PSL702" s="613"/>
      <c r="PSM702" s="613"/>
      <c r="PSN702" s="613"/>
      <c r="PSO702" s="613"/>
      <c r="PSP702" s="613"/>
      <c r="PSQ702" s="613"/>
      <c r="PSR702" s="613"/>
      <c r="PSS702" s="613"/>
      <c r="PST702" s="613"/>
      <c r="PSU702" s="613"/>
      <c r="PSV702" s="613"/>
      <c r="PSW702" s="613"/>
      <c r="PSX702" s="613"/>
      <c r="PSY702" s="613"/>
      <c r="PSZ702" s="613"/>
      <c r="PTA702" s="613"/>
      <c r="PTB702" s="613"/>
      <c r="PTC702" s="613"/>
      <c r="PTD702" s="613"/>
      <c r="PTE702" s="613"/>
      <c r="PTF702" s="613"/>
      <c r="PTG702" s="613"/>
      <c r="PTH702" s="613"/>
      <c r="PTI702" s="613"/>
      <c r="PTJ702" s="613"/>
      <c r="PTK702" s="613"/>
      <c r="PTL702" s="613"/>
      <c r="PTM702" s="613"/>
      <c r="PTN702" s="613"/>
      <c r="PTO702" s="613"/>
      <c r="PTP702" s="613"/>
      <c r="PTQ702" s="613"/>
      <c r="PTR702" s="613"/>
      <c r="PTS702" s="613"/>
      <c r="PTT702" s="613"/>
      <c r="PTU702" s="613"/>
      <c r="PTV702" s="613"/>
      <c r="PTW702" s="613"/>
      <c r="PTX702" s="613"/>
      <c r="PTY702" s="613"/>
      <c r="PTZ702" s="613"/>
      <c r="PUA702" s="613"/>
      <c r="PUB702" s="613"/>
      <c r="PUC702" s="613"/>
      <c r="PUD702" s="613"/>
      <c r="PUE702" s="613"/>
      <c r="PUF702" s="613"/>
      <c r="PUG702" s="613"/>
      <c r="PUH702" s="613"/>
      <c r="PUI702" s="613"/>
      <c r="PUJ702" s="613"/>
      <c r="PUK702" s="613"/>
      <c r="PUL702" s="613"/>
      <c r="PUM702" s="613"/>
      <c r="PUN702" s="613"/>
      <c r="PUO702" s="613"/>
      <c r="PUP702" s="613"/>
      <c r="PUQ702" s="613"/>
      <c r="PUR702" s="613"/>
      <c r="PUS702" s="613"/>
      <c r="PUT702" s="613"/>
      <c r="PUU702" s="613"/>
      <c r="PUV702" s="613"/>
      <c r="PUW702" s="613"/>
      <c r="PUX702" s="613"/>
      <c r="PUY702" s="613"/>
      <c r="PUZ702" s="613"/>
      <c r="PVA702" s="613"/>
      <c r="PVB702" s="613"/>
      <c r="PVC702" s="613"/>
      <c r="PVD702" s="613"/>
      <c r="PVE702" s="613"/>
      <c r="PVF702" s="613"/>
      <c r="PVG702" s="613"/>
      <c r="PVH702" s="613"/>
      <c r="PVI702" s="613"/>
      <c r="PVJ702" s="613"/>
      <c r="PVK702" s="613"/>
      <c r="PVL702" s="613"/>
      <c r="PVM702" s="613"/>
      <c r="PVN702" s="613"/>
      <c r="PVO702" s="613"/>
      <c r="PVP702" s="613"/>
      <c r="PVQ702" s="613"/>
      <c r="PVR702" s="613"/>
      <c r="PVS702" s="613"/>
      <c r="PVT702" s="613"/>
      <c r="PVU702" s="613"/>
      <c r="PVV702" s="613"/>
      <c r="PVW702" s="613"/>
      <c r="PVX702" s="613"/>
      <c r="PVY702" s="613"/>
      <c r="PVZ702" s="613"/>
      <c r="PWA702" s="613"/>
      <c r="PWB702" s="613"/>
      <c r="PWC702" s="613"/>
      <c r="PWD702" s="613"/>
      <c r="PWE702" s="613"/>
      <c r="PWF702" s="613"/>
      <c r="PWG702" s="613"/>
      <c r="PWH702" s="613"/>
      <c r="PWI702" s="613"/>
      <c r="PWJ702" s="613"/>
      <c r="PWK702" s="613"/>
      <c r="PWL702" s="613"/>
      <c r="PWM702" s="613"/>
      <c r="PWN702" s="613"/>
      <c r="PWO702" s="613"/>
      <c r="PWP702" s="613"/>
      <c r="PWQ702" s="613"/>
      <c r="PWR702" s="613"/>
      <c r="PWS702" s="613"/>
      <c r="PWT702" s="613"/>
      <c r="PWU702" s="613"/>
      <c r="PWV702" s="613"/>
      <c r="PWW702" s="613"/>
      <c r="PWX702" s="613"/>
      <c r="PWY702" s="613"/>
      <c r="PWZ702" s="613"/>
      <c r="PXA702" s="613"/>
      <c r="PXB702" s="613"/>
      <c r="PXC702" s="613"/>
      <c r="PXD702" s="613"/>
      <c r="PXE702" s="613"/>
      <c r="PXF702" s="613"/>
      <c r="PXG702" s="613"/>
      <c r="PXH702" s="613"/>
      <c r="PXI702" s="613"/>
      <c r="PXJ702" s="613"/>
      <c r="PXK702" s="613"/>
      <c r="PXL702" s="613"/>
      <c r="PXM702" s="613"/>
      <c r="PXN702" s="613"/>
      <c r="PXO702" s="613"/>
      <c r="PXP702" s="613"/>
      <c r="PXQ702" s="613"/>
      <c r="PXR702" s="613"/>
      <c r="PXS702" s="613"/>
      <c r="PXT702" s="613"/>
      <c r="PXU702" s="613"/>
      <c r="PXV702" s="613"/>
      <c r="PXW702" s="613"/>
      <c r="PXX702" s="613"/>
      <c r="PXY702" s="613"/>
      <c r="PXZ702" s="613"/>
      <c r="PYA702" s="613"/>
      <c r="PYB702" s="613"/>
      <c r="PYC702" s="613"/>
      <c r="PYD702" s="613"/>
      <c r="PYE702" s="613"/>
      <c r="PYF702" s="613"/>
      <c r="PYG702" s="613"/>
      <c r="PYH702" s="613"/>
      <c r="PYI702" s="613"/>
      <c r="PYJ702" s="613"/>
      <c r="PYK702" s="613"/>
      <c r="PYL702" s="613"/>
      <c r="PYM702" s="613"/>
      <c r="PYN702" s="613"/>
      <c r="PYO702" s="613"/>
      <c r="PYP702" s="613"/>
      <c r="PYQ702" s="613"/>
      <c r="PYR702" s="613"/>
      <c r="PYS702" s="613"/>
      <c r="PYT702" s="613"/>
      <c r="PYU702" s="613"/>
      <c r="PYV702" s="613"/>
      <c r="PYW702" s="613"/>
      <c r="PYX702" s="613"/>
      <c r="PYY702" s="613"/>
      <c r="PYZ702" s="613"/>
      <c r="PZA702" s="613"/>
      <c r="PZB702" s="613"/>
      <c r="PZC702" s="613"/>
      <c r="PZD702" s="613"/>
      <c r="PZE702" s="613"/>
      <c r="PZF702" s="613"/>
      <c r="PZG702" s="613"/>
      <c r="PZH702" s="613"/>
      <c r="PZI702" s="613"/>
      <c r="PZJ702" s="613"/>
      <c r="PZK702" s="613"/>
      <c r="PZL702" s="613"/>
      <c r="PZM702" s="613"/>
      <c r="PZN702" s="613"/>
      <c r="PZO702" s="613"/>
      <c r="PZP702" s="613"/>
      <c r="PZQ702" s="613"/>
      <c r="PZR702" s="613"/>
      <c r="PZS702" s="613"/>
      <c r="PZT702" s="613"/>
      <c r="PZU702" s="613"/>
      <c r="PZV702" s="613"/>
      <c r="PZW702" s="613"/>
      <c r="PZX702" s="613"/>
      <c r="PZY702" s="613"/>
      <c r="PZZ702" s="613"/>
      <c r="QAA702" s="613"/>
      <c r="QAB702" s="613"/>
      <c r="QAC702" s="613"/>
      <c r="QAD702" s="613"/>
      <c r="QAE702" s="613"/>
      <c r="QAF702" s="613"/>
      <c r="QAG702" s="613"/>
      <c r="QAH702" s="613"/>
      <c r="QAI702" s="613"/>
      <c r="QAJ702" s="613"/>
      <c r="QAK702" s="613"/>
      <c r="QAL702" s="613"/>
      <c r="QAM702" s="613"/>
      <c r="QAN702" s="613"/>
      <c r="QAO702" s="613"/>
      <c r="QAP702" s="613"/>
      <c r="QAQ702" s="613"/>
      <c r="QAR702" s="613"/>
      <c r="QAS702" s="613"/>
      <c r="QAT702" s="613"/>
      <c r="QAU702" s="613"/>
      <c r="QAV702" s="613"/>
      <c r="QAW702" s="613"/>
      <c r="QAX702" s="613"/>
      <c r="QAY702" s="613"/>
      <c r="QAZ702" s="613"/>
      <c r="QBA702" s="613"/>
      <c r="QBB702" s="613"/>
      <c r="QBC702" s="613"/>
      <c r="QBD702" s="613"/>
      <c r="QBE702" s="613"/>
      <c r="QBF702" s="613"/>
      <c r="QBG702" s="613"/>
      <c r="QBH702" s="613"/>
      <c r="QBI702" s="613"/>
      <c r="QBJ702" s="613"/>
      <c r="QBK702" s="613"/>
      <c r="QBL702" s="613"/>
      <c r="QBM702" s="613"/>
      <c r="QBN702" s="613"/>
      <c r="QBO702" s="613"/>
      <c r="QBP702" s="613"/>
      <c r="QBQ702" s="613"/>
      <c r="QBR702" s="613"/>
      <c r="QBS702" s="613"/>
      <c r="QBT702" s="613"/>
      <c r="QBU702" s="613"/>
      <c r="QBV702" s="613"/>
      <c r="QBW702" s="613"/>
      <c r="QBX702" s="613"/>
      <c r="QBY702" s="613"/>
      <c r="QBZ702" s="613"/>
      <c r="QCA702" s="613"/>
      <c r="QCB702" s="613"/>
      <c r="QCC702" s="613"/>
      <c r="QCD702" s="613"/>
      <c r="QCE702" s="613"/>
      <c r="QCF702" s="613"/>
      <c r="QCG702" s="613"/>
      <c r="QCH702" s="613"/>
      <c r="QCI702" s="613"/>
      <c r="QCJ702" s="613"/>
      <c r="QCK702" s="613"/>
      <c r="QCL702" s="613"/>
      <c r="QCM702" s="613"/>
      <c r="QCN702" s="613"/>
      <c r="QCO702" s="613"/>
      <c r="QCP702" s="613"/>
      <c r="QCQ702" s="613"/>
      <c r="QCR702" s="613"/>
      <c r="QCS702" s="613"/>
      <c r="QCT702" s="613"/>
      <c r="QCU702" s="613"/>
      <c r="QCV702" s="613"/>
      <c r="QCW702" s="613"/>
      <c r="QCX702" s="613"/>
      <c r="QCY702" s="613"/>
      <c r="QCZ702" s="613"/>
      <c r="QDA702" s="613"/>
      <c r="QDB702" s="613"/>
      <c r="QDC702" s="613"/>
      <c r="QDD702" s="613"/>
      <c r="QDE702" s="613"/>
      <c r="QDF702" s="613"/>
      <c r="QDG702" s="613"/>
      <c r="QDH702" s="613"/>
      <c r="QDI702" s="613"/>
      <c r="QDJ702" s="613"/>
      <c r="QDK702" s="613"/>
      <c r="QDL702" s="613"/>
      <c r="QDM702" s="613"/>
      <c r="QDN702" s="613"/>
      <c r="QDO702" s="613"/>
      <c r="QDP702" s="613"/>
      <c r="QDQ702" s="613"/>
      <c r="QDR702" s="613"/>
      <c r="QDS702" s="613"/>
      <c r="QDT702" s="613"/>
      <c r="QDU702" s="613"/>
      <c r="QDV702" s="613"/>
      <c r="QDW702" s="613"/>
      <c r="QDX702" s="613"/>
      <c r="QDY702" s="613"/>
      <c r="QDZ702" s="613"/>
      <c r="QEA702" s="613"/>
      <c r="QEB702" s="613"/>
      <c r="QEC702" s="613"/>
      <c r="QED702" s="613"/>
      <c r="QEE702" s="613"/>
      <c r="QEF702" s="613"/>
      <c r="QEG702" s="613"/>
      <c r="QEH702" s="613"/>
      <c r="QEI702" s="613"/>
      <c r="QEJ702" s="613"/>
      <c r="QEK702" s="613"/>
      <c r="QEL702" s="613"/>
      <c r="QEM702" s="613"/>
      <c r="QEN702" s="613"/>
      <c r="QEO702" s="613"/>
      <c r="QEP702" s="613"/>
      <c r="QEQ702" s="613"/>
      <c r="QER702" s="613"/>
      <c r="QES702" s="613"/>
      <c r="QET702" s="613"/>
      <c r="QEU702" s="613"/>
      <c r="QEV702" s="613"/>
      <c r="QEW702" s="613"/>
      <c r="QEX702" s="613"/>
      <c r="QEY702" s="613"/>
      <c r="QEZ702" s="613"/>
      <c r="QFA702" s="613"/>
      <c r="QFB702" s="613"/>
      <c r="QFC702" s="613"/>
      <c r="QFD702" s="613"/>
      <c r="QFE702" s="613"/>
      <c r="QFF702" s="613"/>
      <c r="QFG702" s="613"/>
      <c r="QFH702" s="613"/>
      <c r="QFI702" s="613"/>
      <c r="QFJ702" s="613"/>
      <c r="QFK702" s="613"/>
      <c r="QFL702" s="613"/>
      <c r="QFM702" s="613"/>
      <c r="QFN702" s="613"/>
      <c r="QFO702" s="613"/>
      <c r="QFP702" s="613"/>
      <c r="QFQ702" s="613"/>
      <c r="QFR702" s="613"/>
      <c r="QFS702" s="613"/>
      <c r="QFT702" s="613"/>
      <c r="QFU702" s="613"/>
      <c r="QFV702" s="613"/>
      <c r="QFW702" s="613"/>
      <c r="QFX702" s="613"/>
      <c r="QFY702" s="613"/>
      <c r="QFZ702" s="613"/>
      <c r="QGA702" s="613"/>
      <c r="QGB702" s="613"/>
      <c r="QGC702" s="613"/>
      <c r="QGD702" s="613"/>
      <c r="QGE702" s="613"/>
      <c r="QGF702" s="613"/>
      <c r="QGG702" s="613"/>
      <c r="QGH702" s="613"/>
      <c r="QGI702" s="613"/>
      <c r="QGJ702" s="613"/>
      <c r="QGK702" s="613"/>
      <c r="QGL702" s="613"/>
      <c r="QGM702" s="613"/>
      <c r="QGN702" s="613"/>
      <c r="QGO702" s="613"/>
      <c r="QGP702" s="613"/>
      <c r="QGQ702" s="613"/>
      <c r="QGR702" s="613"/>
      <c r="QGS702" s="613"/>
      <c r="QGT702" s="613"/>
      <c r="QGU702" s="613"/>
      <c r="QGV702" s="613"/>
      <c r="QGW702" s="613"/>
      <c r="QGX702" s="613"/>
      <c r="QGY702" s="613"/>
      <c r="QGZ702" s="613"/>
      <c r="QHA702" s="613"/>
      <c r="QHB702" s="613"/>
      <c r="QHC702" s="613"/>
      <c r="QHD702" s="613"/>
      <c r="QHE702" s="613"/>
      <c r="QHF702" s="613"/>
      <c r="QHG702" s="613"/>
      <c r="QHH702" s="613"/>
      <c r="QHI702" s="613"/>
      <c r="QHJ702" s="613"/>
      <c r="QHK702" s="613"/>
      <c r="QHL702" s="613"/>
      <c r="QHM702" s="613"/>
      <c r="QHN702" s="613"/>
      <c r="QHO702" s="613"/>
      <c r="QHP702" s="613"/>
      <c r="QHQ702" s="613"/>
      <c r="QHR702" s="613"/>
      <c r="QHS702" s="613"/>
      <c r="QHT702" s="613"/>
      <c r="QHU702" s="613"/>
      <c r="QHV702" s="613"/>
      <c r="QHW702" s="613"/>
      <c r="QHX702" s="613"/>
      <c r="QHY702" s="613"/>
      <c r="QHZ702" s="613"/>
      <c r="QIA702" s="613"/>
      <c r="QIB702" s="613"/>
      <c r="QIC702" s="613"/>
      <c r="QID702" s="613"/>
      <c r="QIE702" s="613"/>
      <c r="QIF702" s="613"/>
      <c r="QIG702" s="613"/>
      <c r="QIH702" s="613"/>
      <c r="QII702" s="613"/>
      <c r="QIJ702" s="613"/>
      <c r="QIK702" s="613"/>
      <c r="QIL702" s="613"/>
      <c r="QIM702" s="613"/>
      <c r="QIN702" s="613"/>
      <c r="QIO702" s="613"/>
      <c r="QIP702" s="613"/>
      <c r="QIQ702" s="613"/>
      <c r="QIR702" s="613"/>
      <c r="QIS702" s="613"/>
      <c r="QIT702" s="613"/>
      <c r="QIU702" s="613"/>
      <c r="QIV702" s="613"/>
      <c r="QIW702" s="613"/>
      <c r="QIX702" s="613"/>
      <c r="QIY702" s="613"/>
      <c r="QIZ702" s="613"/>
      <c r="QJA702" s="613"/>
      <c r="QJB702" s="613"/>
      <c r="QJC702" s="613"/>
      <c r="QJD702" s="613"/>
      <c r="QJE702" s="613"/>
      <c r="QJF702" s="613"/>
      <c r="QJG702" s="613"/>
      <c r="QJH702" s="613"/>
      <c r="QJI702" s="613"/>
      <c r="QJJ702" s="613"/>
      <c r="QJK702" s="613"/>
      <c r="QJL702" s="613"/>
      <c r="QJM702" s="613"/>
      <c r="QJN702" s="613"/>
      <c r="QJO702" s="613"/>
      <c r="QJP702" s="613"/>
      <c r="QJQ702" s="613"/>
      <c r="QJR702" s="613"/>
      <c r="QJS702" s="613"/>
      <c r="QJT702" s="613"/>
      <c r="QJU702" s="613"/>
      <c r="QJV702" s="613"/>
      <c r="QJW702" s="613"/>
      <c r="QJX702" s="613"/>
      <c r="QJY702" s="613"/>
      <c r="QJZ702" s="613"/>
      <c r="QKA702" s="613"/>
      <c r="QKB702" s="613"/>
      <c r="QKC702" s="613"/>
      <c r="QKD702" s="613"/>
      <c r="QKE702" s="613"/>
      <c r="QKF702" s="613"/>
      <c r="QKG702" s="613"/>
      <c r="QKH702" s="613"/>
      <c r="QKI702" s="613"/>
      <c r="QKJ702" s="613"/>
      <c r="QKK702" s="613"/>
      <c r="QKL702" s="613"/>
      <c r="QKM702" s="613"/>
      <c r="QKN702" s="613"/>
      <c r="QKO702" s="613"/>
      <c r="QKP702" s="613"/>
      <c r="QKQ702" s="613"/>
      <c r="QKR702" s="613"/>
      <c r="QKS702" s="613"/>
      <c r="QKT702" s="613"/>
      <c r="QKU702" s="613"/>
      <c r="QKV702" s="613"/>
      <c r="QKW702" s="613"/>
      <c r="QKX702" s="613"/>
      <c r="QKY702" s="613"/>
      <c r="QKZ702" s="613"/>
      <c r="QLA702" s="613"/>
      <c r="QLB702" s="613"/>
      <c r="QLC702" s="613"/>
      <c r="QLD702" s="613"/>
      <c r="QLE702" s="613"/>
      <c r="QLF702" s="613"/>
      <c r="QLG702" s="613"/>
      <c r="QLH702" s="613"/>
      <c r="QLI702" s="613"/>
      <c r="QLJ702" s="613"/>
      <c r="QLK702" s="613"/>
      <c r="QLL702" s="613"/>
      <c r="QLM702" s="613"/>
      <c r="QLN702" s="613"/>
      <c r="QLO702" s="613"/>
      <c r="QLP702" s="613"/>
      <c r="QLQ702" s="613"/>
      <c r="QLR702" s="613"/>
      <c r="QLS702" s="613"/>
      <c r="QLT702" s="613"/>
      <c r="QLU702" s="613"/>
      <c r="QLV702" s="613"/>
      <c r="QLW702" s="613"/>
      <c r="QLX702" s="613"/>
      <c r="QLY702" s="613"/>
      <c r="QLZ702" s="613"/>
      <c r="QMA702" s="613"/>
      <c r="QMB702" s="613"/>
      <c r="QMC702" s="613"/>
      <c r="QMD702" s="613"/>
      <c r="QME702" s="613"/>
      <c r="QMF702" s="613"/>
      <c r="QMG702" s="613"/>
      <c r="QMH702" s="613"/>
      <c r="QMI702" s="613"/>
      <c r="QMJ702" s="613"/>
      <c r="QMK702" s="613"/>
      <c r="QML702" s="613"/>
      <c r="QMM702" s="613"/>
      <c r="QMN702" s="613"/>
      <c r="QMO702" s="613"/>
      <c r="QMP702" s="613"/>
      <c r="QMQ702" s="613"/>
      <c r="QMR702" s="613"/>
      <c r="QMS702" s="613"/>
      <c r="QMT702" s="613"/>
      <c r="QMU702" s="613"/>
      <c r="QMV702" s="613"/>
      <c r="QMW702" s="613"/>
      <c r="QMX702" s="613"/>
      <c r="QMY702" s="613"/>
      <c r="QMZ702" s="613"/>
      <c r="QNA702" s="613"/>
      <c r="QNB702" s="613"/>
      <c r="QNC702" s="613"/>
      <c r="QND702" s="613"/>
      <c r="QNE702" s="613"/>
      <c r="QNF702" s="613"/>
      <c r="QNG702" s="613"/>
      <c r="QNH702" s="613"/>
      <c r="QNI702" s="613"/>
      <c r="QNJ702" s="613"/>
      <c r="QNK702" s="613"/>
      <c r="QNL702" s="613"/>
      <c r="QNM702" s="613"/>
      <c r="QNN702" s="613"/>
      <c r="QNO702" s="613"/>
      <c r="QNP702" s="613"/>
      <c r="QNQ702" s="613"/>
      <c r="QNR702" s="613"/>
      <c r="QNS702" s="613"/>
      <c r="QNT702" s="613"/>
      <c r="QNU702" s="613"/>
      <c r="QNV702" s="613"/>
      <c r="QNW702" s="613"/>
      <c r="QNX702" s="613"/>
      <c r="QNY702" s="613"/>
      <c r="QNZ702" s="613"/>
      <c r="QOA702" s="613"/>
      <c r="QOB702" s="613"/>
      <c r="QOC702" s="613"/>
      <c r="QOD702" s="613"/>
      <c r="QOE702" s="613"/>
      <c r="QOF702" s="613"/>
      <c r="QOG702" s="613"/>
      <c r="QOH702" s="613"/>
      <c r="QOI702" s="613"/>
      <c r="QOJ702" s="613"/>
      <c r="QOK702" s="613"/>
      <c r="QOL702" s="613"/>
      <c r="QOM702" s="613"/>
      <c r="QON702" s="613"/>
      <c r="QOO702" s="613"/>
      <c r="QOP702" s="613"/>
      <c r="QOQ702" s="613"/>
      <c r="QOR702" s="613"/>
      <c r="QOS702" s="613"/>
      <c r="QOT702" s="613"/>
      <c r="QOU702" s="613"/>
      <c r="QOV702" s="613"/>
      <c r="QOW702" s="613"/>
      <c r="QOX702" s="613"/>
      <c r="QOY702" s="613"/>
      <c r="QOZ702" s="613"/>
      <c r="QPA702" s="613"/>
      <c r="QPB702" s="613"/>
      <c r="QPC702" s="613"/>
      <c r="QPD702" s="613"/>
      <c r="QPE702" s="613"/>
      <c r="QPF702" s="613"/>
      <c r="QPG702" s="613"/>
      <c r="QPH702" s="613"/>
      <c r="QPI702" s="613"/>
      <c r="QPJ702" s="613"/>
      <c r="QPK702" s="613"/>
      <c r="QPL702" s="613"/>
      <c r="QPM702" s="613"/>
      <c r="QPN702" s="613"/>
      <c r="QPO702" s="613"/>
      <c r="QPP702" s="613"/>
      <c r="QPQ702" s="613"/>
      <c r="QPR702" s="613"/>
      <c r="QPS702" s="613"/>
      <c r="QPT702" s="613"/>
      <c r="QPU702" s="613"/>
      <c r="QPV702" s="613"/>
      <c r="QPW702" s="613"/>
      <c r="QPX702" s="613"/>
      <c r="QPY702" s="613"/>
      <c r="QPZ702" s="613"/>
      <c r="QQA702" s="613"/>
      <c r="QQB702" s="613"/>
      <c r="QQC702" s="613"/>
      <c r="QQD702" s="613"/>
      <c r="QQE702" s="613"/>
      <c r="QQF702" s="613"/>
      <c r="QQG702" s="613"/>
      <c r="QQH702" s="613"/>
      <c r="QQI702" s="613"/>
      <c r="QQJ702" s="613"/>
      <c r="QQK702" s="613"/>
      <c r="QQL702" s="613"/>
      <c r="QQM702" s="613"/>
      <c r="QQN702" s="613"/>
      <c r="QQO702" s="613"/>
      <c r="QQP702" s="613"/>
      <c r="QQQ702" s="613"/>
      <c r="QQR702" s="613"/>
      <c r="QQS702" s="613"/>
      <c r="QQT702" s="613"/>
      <c r="QQU702" s="613"/>
      <c r="QQV702" s="613"/>
      <c r="QQW702" s="613"/>
      <c r="QQX702" s="613"/>
      <c r="QQY702" s="613"/>
      <c r="QQZ702" s="613"/>
      <c r="QRA702" s="613"/>
      <c r="QRB702" s="613"/>
      <c r="QRC702" s="613"/>
      <c r="QRD702" s="613"/>
      <c r="QRE702" s="613"/>
      <c r="QRF702" s="613"/>
      <c r="QRG702" s="613"/>
      <c r="QRH702" s="613"/>
      <c r="QRI702" s="613"/>
      <c r="QRJ702" s="613"/>
      <c r="QRK702" s="613"/>
      <c r="QRL702" s="613"/>
      <c r="QRM702" s="613"/>
      <c r="QRN702" s="613"/>
      <c r="QRO702" s="613"/>
      <c r="QRP702" s="613"/>
      <c r="QRQ702" s="613"/>
      <c r="QRR702" s="613"/>
      <c r="QRS702" s="613"/>
      <c r="QRT702" s="613"/>
      <c r="QRU702" s="613"/>
      <c r="QRV702" s="613"/>
      <c r="QRW702" s="613"/>
      <c r="QRX702" s="613"/>
      <c r="QRY702" s="613"/>
      <c r="QRZ702" s="613"/>
      <c r="QSA702" s="613"/>
      <c r="QSB702" s="613"/>
      <c r="QSC702" s="613"/>
      <c r="QSD702" s="613"/>
      <c r="QSE702" s="613"/>
      <c r="QSF702" s="613"/>
      <c r="QSG702" s="613"/>
      <c r="QSH702" s="613"/>
      <c r="QSI702" s="613"/>
      <c r="QSJ702" s="613"/>
      <c r="QSK702" s="613"/>
      <c r="QSL702" s="613"/>
      <c r="QSM702" s="613"/>
      <c r="QSN702" s="613"/>
      <c r="QSO702" s="613"/>
      <c r="QSP702" s="613"/>
      <c r="QSQ702" s="613"/>
      <c r="QSR702" s="613"/>
      <c r="QSS702" s="613"/>
      <c r="QST702" s="613"/>
      <c r="QSU702" s="613"/>
      <c r="QSV702" s="613"/>
      <c r="QSW702" s="613"/>
      <c r="QSX702" s="613"/>
      <c r="QSY702" s="613"/>
      <c r="QSZ702" s="613"/>
      <c r="QTA702" s="613"/>
      <c r="QTB702" s="613"/>
      <c r="QTC702" s="613"/>
      <c r="QTD702" s="613"/>
      <c r="QTE702" s="613"/>
      <c r="QTF702" s="613"/>
      <c r="QTG702" s="613"/>
      <c r="QTH702" s="613"/>
      <c r="QTI702" s="613"/>
      <c r="QTJ702" s="613"/>
      <c r="QTK702" s="613"/>
      <c r="QTL702" s="613"/>
      <c r="QTM702" s="613"/>
      <c r="QTN702" s="613"/>
      <c r="QTO702" s="613"/>
      <c r="QTP702" s="613"/>
      <c r="QTQ702" s="613"/>
      <c r="QTR702" s="613"/>
      <c r="QTS702" s="613"/>
      <c r="QTT702" s="613"/>
      <c r="QTU702" s="613"/>
      <c r="QTV702" s="613"/>
      <c r="QTW702" s="613"/>
      <c r="QTX702" s="613"/>
      <c r="QTY702" s="613"/>
      <c r="QTZ702" s="613"/>
      <c r="QUA702" s="613"/>
      <c r="QUB702" s="613"/>
      <c r="QUC702" s="613"/>
      <c r="QUD702" s="613"/>
      <c r="QUE702" s="613"/>
      <c r="QUF702" s="613"/>
      <c r="QUG702" s="613"/>
      <c r="QUH702" s="613"/>
      <c r="QUI702" s="613"/>
      <c r="QUJ702" s="613"/>
      <c r="QUK702" s="613"/>
      <c r="QUL702" s="613"/>
      <c r="QUM702" s="613"/>
      <c r="QUN702" s="613"/>
      <c r="QUO702" s="613"/>
      <c r="QUP702" s="613"/>
      <c r="QUQ702" s="613"/>
      <c r="QUR702" s="613"/>
      <c r="QUS702" s="613"/>
      <c r="QUT702" s="613"/>
      <c r="QUU702" s="613"/>
      <c r="QUV702" s="613"/>
      <c r="QUW702" s="613"/>
      <c r="QUX702" s="613"/>
      <c r="QUY702" s="613"/>
      <c r="QUZ702" s="613"/>
      <c r="QVA702" s="613"/>
      <c r="QVB702" s="613"/>
      <c r="QVC702" s="613"/>
      <c r="QVD702" s="613"/>
      <c r="QVE702" s="613"/>
      <c r="QVF702" s="613"/>
      <c r="QVG702" s="613"/>
      <c r="QVH702" s="613"/>
      <c r="QVI702" s="613"/>
      <c r="QVJ702" s="613"/>
      <c r="QVK702" s="613"/>
      <c r="QVL702" s="613"/>
      <c r="QVM702" s="613"/>
      <c r="QVN702" s="613"/>
      <c r="QVO702" s="613"/>
      <c r="QVP702" s="613"/>
      <c r="QVQ702" s="613"/>
      <c r="QVR702" s="613"/>
      <c r="QVS702" s="613"/>
      <c r="QVT702" s="613"/>
      <c r="QVU702" s="613"/>
      <c r="QVV702" s="613"/>
      <c r="QVW702" s="613"/>
      <c r="QVX702" s="613"/>
      <c r="QVY702" s="613"/>
      <c r="QVZ702" s="613"/>
      <c r="QWA702" s="613"/>
      <c r="QWB702" s="613"/>
      <c r="QWC702" s="613"/>
      <c r="QWD702" s="613"/>
      <c r="QWE702" s="613"/>
      <c r="QWF702" s="613"/>
      <c r="QWG702" s="613"/>
      <c r="QWH702" s="613"/>
      <c r="QWI702" s="613"/>
      <c r="QWJ702" s="613"/>
      <c r="QWK702" s="613"/>
      <c r="QWL702" s="613"/>
      <c r="QWM702" s="613"/>
      <c r="QWN702" s="613"/>
      <c r="QWO702" s="613"/>
      <c r="QWP702" s="613"/>
      <c r="QWQ702" s="613"/>
      <c r="QWR702" s="613"/>
      <c r="QWS702" s="613"/>
      <c r="QWT702" s="613"/>
      <c r="QWU702" s="613"/>
      <c r="QWV702" s="613"/>
      <c r="QWW702" s="613"/>
      <c r="QWX702" s="613"/>
      <c r="QWY702" s="613"/>
      <c r="QWZ702" s="613"/>
      <c r="QXA702" s="613"/>
      <c r="QXB702" s="613"/>
      <c r="QXC702" s="613"/>
      <c r="QXD702" s="613"/>
      <c r="QXE702" s="613"/>
      <c r="QXF702" s="613"/>
      <c r="QXG702" s="613"/>
      <c r="QXH702" s="613"/>
      <c r="QXI702" s="613"/>
      <c r="QXJ702" s="613"/>
      <c r="QXK702" s="613"/>
      <c r="QXL702" s="613"/>
      <c r="QXM702" s="613"/>
      <c r="QXN702" s="613"/>
      <c r="QXO702" s="613"/>
      <c r="QXP702" s="613"/>
      <c r="QXQ702" s="613"/>
      <c r="QXR702" s="613"/>
      <c r="QXS702" s="613"/>
      <c r="QXT702" s="613"/>
      <c r="QXU702" s="613"/>
      <c r="QXV702" s="613"/>
      <c r="QXW702" s="613"/>
      <c r="QXX702" s="613"/>
      <c r="QXY702" s="613"/>
      <c r="QXZ702" s="613"/>
      <c r="QYA702" s="613"/>
      <c r="QYB702" s="613"/>
      <c r="QYC702" s="613"/>
      <c r="QYD702" s="613"/>
      <c r="QYE702" s="613"/>
      <c r="QYF702" s="613"/>
      <c r="QYG702" s="613"/>
      <c r="QYH702" s="613"/>
      <c r="QYI702" s="613"/>
      <c r="QYJ702" s="613"/>
      <c r="QYK702" s="613"/>
      <c r="QYL702" s="613"/>
      <c r="QYM702" s="613"/>
      <c r="QYN702" s="613"/>
      <c r="QYO702" s="613"/>
      <c r="QYP702" s="613"/>
      <c r="QYQ702" s="613"/>
      <c r="QYR702" s="613"/>
      <c r="QYS702" s="613"/>
      <c r="QYT702" s="613"/>
      <c r="QYU702" s="613"/>
      <c r="QYV702" s="613"/>
      <c r="QYW702" s="613"/>
      <c r="QYX702" s="613"/>
      <c r="QYY702" s="613"/>
      <c r="QYZ702" s="613"/>
      <c r="QZA702" s="613"/>
      <c r="QZB702" s="613"/>
      <c r="QZC702" s="613"/>
      <c r="QZD702" s="613"/>
      <c r="QZE702" s="613"/>
      <c r="QZF702" s="613"/>
      <c r="QZG702" s="613"/>
      <c r="QZH702" s="613"/>
      <c r="QZI702" s="613"/>
      <c r="QZJ702" s="613"/>
      <c r="QZK702" s="613"/>
      <c r="QZL702" s="613"/>
      <c r="QZM702" s="613"/>
      <c r="QZN702" s="613"/>
      <c r="QZO702" s="613"/>
      <c r="QZP702" s="613"/>
      <c r="QZQ702" s="613"/>
      <c r="QZR702" s="613"/>
      <c r="QZS702" s="613"/>
      <c r="QZT702" s="613"/>
      <c r="QZU702" s="613"/>
      <c r="QZV702" s="613"/>
      <c r="QZW702" s="613"/>
      <c r="QZX702" s="613"/>
      <c r="QZY702" s="613"/>
      <c r="QZZ702" s="613"/>
      <c r="RAA702" s="613"/>
      <c r="RAB702" s="613"/>
      <c r="RAC702" s="613"/>
      <c r="RAD702" s="613"/>
      <c r="RAE702" s="613"/>
      <c r="RAF702" s="613"/>
      <c r="RAG702" s="613"/>
      <c r="RAH702" s="613"/>
      <c r="RAI702" s="613"/>
      <c r="RAJ702" s="613"/>
      <c r="RAK702" s="613"/>
      <c r="RAL702" s="613"/>
      <c r="RAM702" s="613"/>
      <c r="RAN702" s="613"/>
      <c r="RAO702" s="613"/>
      <c r="RAP702" s="613"/>
      <c r="RAQ702" s="613"/>
      <c r="RAR702" s="613"/>
      <c r="RAS702" s="613"/>
      <c r="RAT702" s="613"/>
      <c r="RAU702" s="613"/>
      <c r="RAV702" s="613"/>
      <c r="RAW702" s="613"/>
      <c r="RAX702" s="613"/>
      <c r="RAY702" s="613"/>
      <c r="RAZ702" s="613"/>
      <c r="RBA702" s="613"/>
      <c r="RBB702" s="613"/>
      <c r="RBC702" s="613"/>
      <c r="RBD702" s="613"/>
      <c r="RBE702" s="613"/>
      <c r="RBF702" s="613"/>
      <c r="RBG702" s="613"/>
      <c r="RBH702" s="613"/>
      <c r="RBI702" s="613"/>
      <c r="RBJ702" s="613"/>
      <c r="RBK702" s="613"/>
      <c r="RBL702" s="613"/>
      <c r="RBM702" s="613"/>
      <c r="RBN702" s="613"/>
      <c r="RBO702" s="613"/>
      <c r="RBP702" s="613"/>
      <c r="RBQ702" s="613"/>
      <c r="RBR702" s="613"/>
      <c r="RBS702" s="613"/>
      <c r="RBT702" s="613"/>
      <c r="RBU702" s="613"/>
      <c r="RBV702" s="613"/>
      <c r="RBW702" s="613"/>
      <c r="RBX702" s="613"/>
      <c r="RBY702" s="613"/>
      <c r="RBZ702" s="613"/>
      <c r="RCA702" s="613"/>
      <c r="RCB702" s="613"/>
      <c r="RCC702" s="613"/>
      <c r="RCD702" s="613"/>
      <c r="RCE702" s="613"/>
      <c r="RCF702" s="613"/>
      <c r="RCG702" s="613"/>
      <c r="RCH702" s="613"/>
      <c r="RCI702" s="613"/>
      <c r="RCJ702" s="613"/>
      <c r="RCK702" s="613"/>
      <c r="RCL702" s="613"/>
      <c r="RCM702" s="613"/>
      <c r="RCN702" s="613"/>
      <c r="RCO702" s="613"/>
      <c r="RCP702" s="613"/>
      <c r="RCQ702" s="613"/>
      <c r="RCR702" s="613"/>
      <c r="RCS702" s="613"/>
      <c r="RCT702" s="613"/>
      <c r="RCU702" s="613"/>
      <c r="RCV702" s="613"/>
      <c r="RCW702" s="613"/>
      <c r="RCX702" s="613"/>
      <c r="RCY702" s="613"/>
      <c r="RCZ702" s="613"/>
      <c r="RDA702" s="613"/>
      <c r="RDB702" s="613"/>
      <c r="RDC702" s="613"/>
      <c r="RDD702" s="613"/>
      <c r="RDE702" s="613"/>
      <c r="RDF702" s="613"/>
      <c r="RDG702" s="613"/>
      <c r="RDH702" s="613"/>
      <c r="RDI702" s="613"/>
      <c r="RDJ702" s="613"/>
      <c r="RDK702" s="613"/>
      <c r="RDL702" s="613"/>
      <c r="RDM702" s="613"/>
      <c r="RDN702" s="613"/>
      <c r="RDO702" s="613"/>
      <c r="RDP702" s="613"/>
      <c r="RDQ702" s="613"/>
      <c r="RDR702" s="613"/>
      <c r="RDS702" s="613"/>
      <c r="RDT702" s="613"/>
      <c r="RDU702" s="613"/>
      <c r="RDV702" s="613"/>
      <c r="RDW702" s="613"/>
      <c r="RDX702" s="613"/>
      <c r="RDY702" s="613"/>
      <c r="RDZ702" s="613"/>
      <c r="REA702" s="613"/>
      <c r="REB702" s="613"/>
      <c r="REC702" s="613"/>
      <c r="RED702" s="613"/>
      <c r="REE702" s="613"/>
      <c r="REF702" s="613"/>
      <c r="REG702" s="613"/>
      <c r="REH702" s="613"/>
      <c r="REI702" s="613"/>
      <c r="REJ702" s="613"/>
      <c r="REK702" s="613"/>
      <c r="REL702" s="613"/>
      <c r="REM702" s="613"/>
      <c r="REN702" s="613"/>
      <c r="REO702" s="613"/>
      <c r="REP702" s="613"/>
      <c r="REQ702" s="613"/>
      <c r="RER702" s="613"/>
      <c r="RES702" s="613"/>
      <c r="RET702" s="613"/>
      <c r="REU702" s="613"/>
      <c r="REV702" s="613"/>
      <c r="REW702" s="613"/>
      <c r="REX702" s="613"/>
      <c r="REY702" s="613"/>
      <c r="REZ702" s="613"/>
      <c r="RFA702" s="613"/>
      <c r="RFB702" s="613"/>
      <c r="RFC702" s="613"/>
      <c r="RFD702" s="613"/>
      <c r="RFE702" s="613"/>
      <c r="RFF702" s="613"/>
      <c r="RFG702" s="613"/>
      <c r="RFH702" s="613"/>
      <c r="RFI702" s="613"/>
      <c r="RFJ702" s="613"/>
      <c r="RFK702" s="613"/>
      <c r="RFL702" s="613"/>
      <c r="RFM702" s="613"/>
      <c r="RFN702" s="613"/>
      <c r="RFO702" s="613"/>
      <c r="RFP702" s="613"/>
      <c r="RFQ702" s="613"/>
      <c r="RFR702" s="613"/>
      <c r="RFS702" s="613"/>
      <c r="RFT702" s="613"/>
      <c r="RFU702" s="613"/>
      <c r="RFV702" s="613"/>
      <c r="RFW702" s="613"/>
      <c r="RFX702" s="613"/>
      <c r="RFY702" s="613"/>
      <c r="RFZ702" s="613"/>
      <c r="RGA702" s="613"/>
      <c r="RGB702" s="613"/>
      <c r="RGC702" s="613"/>
      <c r="RGD702" s="613"/>
      <c r="RGE702" s="613"/>
      <c r="RGF702" s="613"/>
      <c r="RGG702" s="613"/>
      <c r="RGH702" s="613"/>
      <c r="RGI702" s="613"/>
      <c r="RGJ702" s="613"/>
      <c r="RGK702" s="613"/>
      <c r="RGL702" s="613"/>
      <c r="RGM702" s="613"/>
      <c r="RGN702" s="613"/>
      <c r="RGO702" s="613"/>
      <c r="RGP702" s="613"/>
      <c r="RGQ702" s="613"/>
      <c r="RGR702" s="613"/>
      <c r="RGS702" s="613"/>
      <c r="RGT702" s="613"/>
      <c r="RGU702" s="613"/>
      <c r="RGV702" s="613"/>
      <c r="RGW702" s="613"/>
      <c r="RGX702" s="613"/>
      <c r="RGY702" s="613"/>
      <c r="RGZ702" s="613"/>
      <c r="RHA702" s="613"/>
      <c r="RHB702" s="613"/>
      <c r="RHC702" s="613"/>
      <c r="RHD702" s="613"/>
      <c r="RHE702" s="613"/>
      <c r="RHF702" s="613"/>
      <c r="RHG702" s="613"/>
      <c r="RHH702" s="613"/>
      <c r="RHI702" s="613"/>
      <c r="RHJ702" s="613"/>
      <c r="RHK702" s="613"/>
      <c r="RHL702" s="613"/>
      <c r="RHM702" s="613"/>
      <c r="RHN702" s="613"/>
      <c r="RHO702" s="613"/>
      <c r="RHP702" s="613"/>
      <c r="RHQ702" s="613"/>
      <c r="RHR702" s="613"/>
      <c r="RHS702" s="613"/>
      <c r="RHT702" s="613"/>
      <c r="RHU702" s="613"/>
      <c r="RHV702" s="613"/>
      <c r="RHW702" s="613"/>
      <c r="RHX702" s="613"/>
      <c r="RHY702" s="613"/>
      <c r="RHZ702" s="613"/>
      <c r="RIA702" s="613"/>
      <c r="RIB702" s="613"/>
      <c r="RIC702" s="613"/>
      <c r="RID702" s="613"/>
      <c r="RIE702" s="613"/>
      <c r="RIF702" s="613"/>
      <c r="RIG702" s="613"/>
      <c r="RIH702" s="613"/>
      <c r="RII702" s="613"/>
      <c r="RIJ702" s="613"/>
      <c r="RIK702" s="613"/>
      <c r="RIL702" s="613"/>
      <c r="RIM702" s="613"/>
      <c r="RIN702" s="613"/>
      <c r="RIO702" s="613"/>
      <c r="RIP702" s="613"/>
      <c r="RIQ702" s="613"/>
      <c r="RIR702" s="613"/>
      <c r="RIS702" s="613"/>
      <c r="RIT702" s="613"/>
      <c r="RIU702" s="613"/>
      <c r="RIV702" s="613"/>
      <c r="RIW702" s="613"/>
      <c r="RIX702" s="613"/>
      <c r="RIY702" s="613"/>
      <c r="RIZ702" s="613"/>
      <c r="RJA702" s="613"/>
      <c r="RJB702" s="613"/>
      <c r="RJC702" s="613"/>
      <c r="RJD702" s="613"/>
      <c r="RJE702" s="613"/>
      <c r="RJF702" s="613"/>
      <c r="RJG702" s="613"/>
      <c r="RJH702" s="613"/>
      <c r="RJI702" s="613"/>
      <c r="RJJ702" s="613"/>
      <c r="RJK702" s="613"/>
      <c r="RJL702" s="613"/>
      <c r="RJM702" s="613"/>
      <c r="RJN702" s="613"/>
      <c r="RJO702" s="613"/>
      <c r="RJP702" s="613"/>
      <c r="RJQ702" s="613"/>
      <c r="RJR702" s="613"/>
      <c r="RJS702" s="613"/>
      <c r="RJT702" s="613"/>
      <c r="RJU702" s="613"/>
      <c r="RJV702" s="613"/>
      <c r="RJW702" s="613"/>
      <c r="RJX702" s="613"/>
      <c r="RJY702" s="613"/>
      <c r="RJZ702" s="613"/>
      <c r="RKA702" s="613"/>
      <c r="RKB702" s="613"/>
      <c r="RKC702" s="613"/>
      <c r="RKD702" s="613"/>
      <c r="RKE702" s="613"/>
      <c r="RKF702" s="613"/>
      <c r="RKG702" s="613"/>
      <c r="RKH702" s="613"/>
      <c r="RKI702" s="613"/>
      <c r="RKJ702" s="613"/>
      <c r="RKK702" s="613"/>
      <c r="RKL702" s="613"/>
      <c r="RKM702" s="613"/>
      <c r="RKN702" s="613"/>
      <c r="RKO702" s="613"/>
      <c r="RKP702" s="613"/>
      <c r="RKQ702" s="613"/>
      <c r="RKR702" s="613"/>
      <c r="RKS702" s="613"/>
      <c r="RKT702" s="613"/>
      <c r="RKU702" s="613"/>
      <c r="RKV702" s="613"/>
      <c r="RKW702" s="613"/>
      <c r="RKX702" s="613"/>
      <c r="RKY702" s="613"/>
      <c r="RKZ702" s="613"/>
      <c r="RLA702" s="613"/>
      <c r="RLB702" s="613"/>
      <c r="RLC702" s="613"/>
      <c r="RLD702" s="613"/>
      <c r="RLE702" s="613"/>
      <c r="RLF702" s="613"/>
      <c r="RLG702" s="613"/>
      <c r="RLH702" s="613"/>
      <c r="RLI702" s="613"/>
      <c r="RLJ702" s="613"/>
      <c r="RLK702" s="613"/>
      <c r="RLL702" s="613"/>
      <c r="RLM702" s="613"/>
      <c r="RLN702" s="613"/>
      <c r="RLO702" s="613"/>
      <c r="RLP702" s="613"/>
      <c r="RLQ702" s="613"/>
      <c r="RLR702" s="613"/>
      <c r="RLS702" s="613"/>
      <c r="RLT702" s="613"/>
      <c r="RLU702" s="613"/>
      <c r="RLV702" s="613"/>
      <c r="RLW702" s="613"/>
      <c r="RLX702" s="613"/>
      <c r="RLY702" s="613"/>
      <c r="RLZ702" s="613"/>
      <c r="RMA702" s="613"/>
      <c r="RMB702" s="613"/>
      <c r="RMC702" s="613"/>
      <c r="RMD702" s="613"/>
      <c r="RME702" s="613"/>
      <c r="RMF702" s="613"/>
      <c r="RMG702" s="613"/>
      <c r="RMH702" s="613"/>
      <c r="RMI702" s="613"/>
      <c r="RMJ702" s="613"/>
      <c r="RMK702" s="613"/>
      <c r="RML702" s="613"/>
      <c r="RMM702" s="613"/>
      <c r="RMN702" s="613"/>
      <c r="RMO702" s="613"/>
      <c r="RMP702" s="613"/>
      <c r="RMQ702" s="613"/>
      <c r="RMR702" s="613"/>
      <c r="RMS702" s="613"/>
      <c r="RMT702" s="613"/>
      <c r="RMU702" s="613"/>
      <c r="RMV702" s="613"/>
      <c r="RMW702" s="613"/>
      <c r="RMX702" s="613"/>
      <c r="RMY702" s="613"/>
      <c r="RMZ702" s="613"/>
      <c r="RNA702" s="613"/>
      <c r="RNB702" s="613"/>
      <c r="RNC702" s="613"/>
      <c r="RND702" s="613"/>
      <c r="RNE702" s="613"/>
      <c r="RNF702" s="613"/>
      <c r="RNG702" s="613"/>
      <c r="RNH702" s="613"/>
      <c r="RNI702" s="613"/>
      <c r="RNJ702" s="613"/>
      <c r="RNK702" s="613"/>
      <c r="RNL702" s="613"/>
      <c r="RNM702" s="613"/>
      <c r="RNN702" s="613"/>
      <c r="RNO702" s="613"/>
      <c r="RNP702" s="613"/>
      <c r="RNQ702" s="613"/>
      <c r="RNR702" s="613"/>
      <c r="RNS702" s="613"/>
      <c r="RNT702" s="613"/>
      <c r="RNU702" s="613"/>
      <c r="RNV702" s="613"/>
      <c r="RNW702" s="613"/>
      <c r="RNX702" s="613"/>
      <c r="RNY702" s="613"/>
      <c r="RNZ702" s="613"/>
      <c r="ROA702" s="613"/>
      <c r="ROB702" s="613"/>
      <c r="ROC702" s="613"/>
      <c r="ROD702" s="613"/>
      <c r="ROE702" s="613"/>
      <c r="ROF702" s="613"/>
      <c r="ROG702" s="613"/>
      <c r="ROH702" s="613"/>
      <c r="ROI702" s="613"/>
      <c r="ROJ702" s="613"/>
      <c r="ROK702" s="613"/>
      <c r="ROL702" s="613"/>
      <c r="ROM702" s="613"/>
      <c r="RON702" s="613"/>
      <c r="ROO702" s="613"/>
      <c r="ROP702" s="613"/>
      <c r="ROQ702" s="613"/>
      <c r="ROR702" s="613"/>
      <c r="ROS702" s="613"/>
      <c r="ROT702" s="613"/>
      <c r="ROU702" s="613"/>
      <c r="ROV702" s="613"/>
      <c r="ROW702" s="613"/>
      <c r="ROX702" s="613"/>
      <c r="ROY702" s="613"/>
      <c r="ROZ702" s="613"/>
      <c r="RPA702" s="613"/>
      <c r="RPB702" s="613"/>
      <c r="RPC702" s="613"/>
      <c r="RPD702" s="613"/>
      <c r="RPE702" s="613"/>
      <c r="RPF702" s="613"/>
      <c r="RPG702" s="613"/>
      <c r="RPH702" s="613"/>
      <c r="RPI702" s="613"/>
      <c r="RPJ702" s="613"/>
      <c r="RPK702" s="613"/>
      <c r="RPL702" s="613"/>
      <c r="RPM702" s="613"/>
      <c r="RPN702" s="613"/>
      <c r="RPO702" s="613"/>
      <c r="RPP702" s="613"/>
      <c r="RPQ702" s="613"/>
      <c r="RPR702" s="613"/>
      <c r="RPS702" s="613"/>
      <c r="RPT702" s="613"/>
      <c r="RPU702" s="613"/>
      <c r="RPV702" s="613"/>
      <c r="RPW702" s="613"/>
      <c r="RPX702" s="613"/>
      <c r="RPY702" s="613"/>
      <c r="RPZ702" s="613"/>
      <c r="RQA702" s="613"/>
      <c r="RQB702" s="613"/>
      <c r="RQC702" s="613"/>
      <c r="RQD702" s="613"/>
      <c r="RQE702" s="613"/>
      <c r="RQF702" s="613"/>
      <c r="RQG702" s="613"/>
      <c r="RQH702" s="613"/>
      <c r="RQI702" s="613"/>
      <c r="RQJ702" s="613"/>
      <c r="RQK702" s="613"/>
      <c r="RQL702" s="613"/>
      <c r="RQM702" s="613"/>
      <c r="RQN702" s="613"/>
      <c r="RQO702" s="613"/>
      <c r="RQP702" s="613"/>
      <c r="RQQ702" s="613"/>
      <c r="RQR702" s="613"/>
      <c r="RQS702" s="613"/>
      <c r="RQT702" s="613"/>
      <c r="RQU702" s="613"/>
      <c r="RQV702" s="613"/>
      <c r="RQW702" s="613"/>
      <c r="RQX702" s="613"/>
      <c r="RQY702" s="613"/>
      <c r="RQZ702" s="613"/>
      <c r="RRA702" s="613"/>
      <c r="RRB702" s="613"/>
      <c r="RRC702" s="613"/>
      <c r="RRD702" s="613"/>
      <c r="RRE702" s="613"/>
      <c r="RRF702" s="613"/>
      <c r="RRG702" s="613"/>
      <c r="RRH702" s="613"/>
      <c r="RRI702" s="613"/>
      <c r="RRJ702" s="613"/>
      <c r="RRK702" s="613"/>
      <c r="RRL702" s="613"/>
      <c r="RRM702" s="613"/>
      <c r="RRN702" s="613"/>
      <c r="RRO702" s="613"/>
      <c r="RRP702" s="613"/>
      <c r="RRQ702" s="613"/>
      <c r="RRR702" s="613"/>
      <c r="RRS702" s="613"/>
      <c r="RRT702" s="613"/>
      <c r="RRU702" s="613"/>
      <c r="RRV702" s="613"/>
      <c r="RRW702" s="613"/>
      <c r="RRX702" s="613"/>
      <c r="RRY702" s="613"/>
      <c r="RRZ702" s="613"/>
      <c r="RSA702" s="613"/>
      <c r="RSB702" s="613"/>
      <c r="RSC702" s="613"/>
      <c r="RSD702" s="613"/>
      <c r="RSE702" s="613"/>
      <c r="RSF702" s="613"/>
      <c r="RSG702" s="613"/>
      <c r="RSH702" s="613"/>
      <c r="RSI702" s="613"/>
      <c r="RSJ702" s="613"/>
      <c r="RSK702" s="613"/>
      <c r="RSL702" s="613"/>
      <c r="RSM702" s="613"/>
      <c r="RSN702" s="613"/>
      <c r="RSO702" s="613"/>
      <c r="RSP702" s="613"/>
      <c r="RSQ702" s="613"/>
      <c r="RSR702" s="613"/>
      <c r="RSS702" s="613"/>
      <c r="RST702" s="613"/>
      <c r="RSU702" s="613"/>
      <c r="RSV702" s="613"/>
      <c r="RSW702" s="613"/>
      <c r="RSX702" s="613"/>
      <c r="RSY702" s="613"/>
      <c r="RSZ702" s="613"/>
      <c r="RTA702" s="613"/>
      <c r="RTB702" s="613"/>
      <c r="RTC702" s="613"/>
      <c r="RTD702" s="613"/>
      <c r="RTE702" s="613"/>
      <c r="RTF702" s="613"/>
      <c r="RTG702" s="613"/>
      <c r="RTH702" s="613"/>
      <c r="RTI702" s="613"/>
      <c r="RTJ702" s="613"/>
      <c r="RTK702" s="613"/>
      <c r="RTL702" s="613"/>
      <c r="RTM702" s="613"/>
      <c r="RTN702" s="613"/>
      <c r="RTO702" s="613"/>
      <c r="RTP702" s="613"/>
      <c r="RTQ702" s="613"/>
      <c r="RTR702" s="613"/>
      <c r="RTS702" s="613"/>
      <c r="RTT702" s="613"/>
      <c r="RTU702" s="613"/>
      <c r="RTV702" s="613"/>
      <c r="RTW702" s="613"/>
      <c r="RTX702" s="613"/>
      <c r="RTY702" s="613"/>
      <c r="RTZ702" s="613"/>
      <c r="RUA702" s="613"/>
      <c r="RUB702" s="613"/>
      <c r="RUC702" s="613"/>
      <c r="RUD702" s="613"/>
      <c r="RUE702" s="613"/>
      <c r="RUF702" s="613"/>
      <c r="RUG702" s="613"/>
      <c r="RUH702" s="613"/>
      <c r="RUI702" s="613"/>
      <c r="RUJ702" s="613"/>
      <c r="RUK702" s="613"/>
      <c r="RUL702" s="613"/>
      <c r="RUM702" s="613"/>
      <c r="RUN702" s="613"/>
      <c r="RUO702" s="613"/>
      <c r="RUP702" s="613"/>
      <c r="RUQ702" s="613"/>
      <c r="RUR702" s="613"/>
      <c r="RUS702" s="613"/>
      <c r="RUT702" s="613"/>
      <c r="RUU702" s="613"/>
      <c r="RUV702" s="613"/>
      <c r="RUW702" s="613"/>
      <c r="RUX702" s="613"/>
      <c r="RUY702" s="613"/>
      <c r="RUZ702" s="613"/>
      <c r="RVA702" s="613"/>
      <c r="RVB702" s="613"/>
      <c r="RVC702" s="613"/>
      <c r="RVD702" s="613"/>
      <c r="RVE702" s="613"/>
      <c r="RVF702" s="613"/>
      <c r="RVG702" s="613"/>
      <c r="RVH702" s="613"/>
      <c r="RVI702" s="613"/>
      <c r="RVJ702" s="613"/>
      <c r="RVK702" s="613"/>
      <c r="RVL702" s="613"/>
      <c r="RVM702" s="613"/>
      <c r="RVN702" s="613"/>
      <c r="RVO702" s="613"/>
      <c r="RVP702" s="613"/>
      <c r="RVQ702" s="613"/>
      <c r="RVR702" s="613"/>
      <c r="RVS702" s="613"/>
      <c r="RVT702" s="613"/>
      <c r="RVU702" s="613"/>
      <c r="RVV702" s="613"/>
      <c r="RVW702" s="613"/>
      <c r="RVX702" s="613"/>
      <c r="RVY702" s="613"/>
      <c r="RVZ702" s="613"/>
      <c r="RWA702" s="613"/>
      <c r="RWB702" s="613"/>
      <c r="RWC702" s="613"/>
      <c r="RWD702" s="613"/>
      <c r="RWE702" s="613"/>
      <c r="RWF702" s="613"/>
      <c r="RWG702" s="613"/>
      <c r="RWH702" s="613"/>
      <c r="RWI702" s="613"/>
      <c r="RWJ702" s="613"/>
      <c r="RWK702" s="613"/>
      <c r="RWL702" s="613"/>
      <c r="RWM702" s="613"/>
      <c r="RWN702" s="613"/>
      <c r="RWO702" s="613"/>
      <c r="RWP702" s="613"/>
      <c r="RWQ702" s="613"/>
      <c r="RWR702" s="613"/>
      <c r="RWS702" s="613"/>
      <c r="RWT702" s="613"/>
      <c r="RWU702" s="613"/>
      <c r="RWV702" s="613"/>
      <c r="RWW702" s="613"/>
      <c r="RWX702" s="613"/>
      <c r="RWY702" s="613"/>
      <c r="RWZ702" s="613"/>
      <c r="RXA702" s="613"/>
      <c r="RXB702" s="613"/>
      <c r="RXC702" s="613"/>
      <c r="RXD702" s="613"/>
      <c r="RXE702" s="613"/>
      <c r="RXF702" s="613"/>
      <c r="RXG702" s="613"/>
      <c r="RXH702" s="613"/>
      <c r="RXI702" s="613"/>
      <c r="RXJ702" s="613"/>
      <c r="RXK702" s="613"/>
      <c r="RXL702" s="613"/>
      <c r="RXM702" s="613"/>
      <c r="RXN702" s="613"/>
      <c r="RXO702" s="613"/>
      <c r="RXP702" s="613"/>
      <c r="RXQ702" s="613"/>
      <c r="RXR702" s="613"/>
      <c r="RXS702" s="613"/>
      <c r="RXT702" s="613"/>
      <c r="RXU702" s="613"/>
      <c r="RXV702" s="613"/>
      <c r="RXW702" s="613"/>
      <c r="RXX702" s="613"/>
      <c r="RXY702" s="613"/>
      <c r="RXZ702" s="613"/>
      <c r="RYA702" s="613"/>
      <c r="RYB702" s="613"/>
      <c r="RYC702" s="613"/>
      <c r="RYD702" s="613"/>
      <c r="RYE702" s="613"/>
      <c r="RYF702" s="613"/>
      <c r="RYG702" s="613"/>
      <c r="RYH702" s="613"/>
      <c r="RYI702" s="613"/>
      <c r="RYJ702" s="613"/>
      <c r="RYK702" s="613"/>
      <c r="RYL702" s="613"/>
      <c r="RYM702" s="613"/>
      <c r="RYN702" s="613"/>
      <c r="RYO702" s="613"/>
      <c r="RYP702" s="613"/>
      <c r="RYQ702" s="613"/>
      <c r="RYR702" s="613"/>
      <c r="RYS702" s="613"/>
      <c r="RYT702" s="613"/>
      <c r="RYU702" s="613"/>
      <c r="RYV702" s="613"/>
      <c r="RYW702" s="613"/>
      <c r="RYX702" s="613"/>
      <c r="RYY702" s="613"/>
      <c r="RYZ702" s="613"/>
      <c r="RZA702" s="613"/>
      <c r="RZB702" s="613"/>
      <c r="RZC702" s="613"/>
      <c r="RZD702" s="613"/>
      <c r="RZE702" s="613"/>
      <c r="RZF702" s="613"/>
      <c r="RZG702" s="613"/>
      <c r="RZH702" s="613"/>
      <c r="RZI702" s="613"/>
      <c r="RZJ702" s="613"/>
      <c r="RZK702" s="613"/>
      <c r="RZL702" s="613"/>
      <c r="RZM702" s="613"/>
      <c r="RZN702" s="613"/>
      <c r="RZO702" s="613"/>
      <c r="RZP702" s="613"/>
      <c r="RZQ702" s="613"/>
      <c r="RZR702" s="613"/>
      <c r="RZS702" s="613"/>
      <c r="RZT702" s="613"/>
      <c r="RZU702" s="613"/>
      <c r="RZV702" s="613"/>
      <c r="RZW702" s="613"/>
      <c r="RZX702" s="613"/>
      <c r="RZY702" s="613"/>
      <c r="RZZ702" s="613"/>
      <c r="SAA702" s="613"/>
      <c r="SAB702" s="613"/>
      <c r="SAC702" s="613"/>
      <c r="SAD702" s="613"/>
      <c r="SAE702" s="613"/>
      <c r="SAF702" s="613"/>
      <c r="SAG702" s="613"/>
      <c r="SAH702" s="613"/>
      <c r="SAI702" s="613"/>
      <c r="SAJ702" s="613"/>
      <c r="SAK702" s="613"/>
      <c r="SAL702" s="613"/>
      <c r="SAM702" s="613"/>
      <c r="SAN702" s="613"/>
      <c r="SAO702" s="613"/>
      <c r="SAP702" s="613"/>
      <c r="SAQ702" s="613"/>
      <c r="SAR702" s="613"/>
      <c r="SAS702" s="613"/>
      <c r="SAT702" s="613"/>
      <c r="SAU702" s="613"/>
      <c r="SAV702" s="613"/>
      <c r="SAW702" s="613"/>
      <c r="SAX702" s="613"/>
      <c r="SAY702" s="613"/>
      <c r="SAZ702" s="613"/>
      <c r="SBA702" s="613"/>
      <c r="SBB702" s="613"/>
      <c r="SBC702" s="613"/>
      <c r="SBD702" s="613"/>
      <c r="SBE702" s="613"/>
      <c r="SBF702" s="613"/>
      <c r="SBG702" s="613"/>
      <c r="SBH702" s="613"/>
      <c r="SBI702" s="613"/>
      <c r="SBJ702" s="613"/>
      <c r="SBK702" s="613"/>
      <c r="SBL702" s="613"/>
      <c r="SBM702" s="613"/>
      <c r="SBN702" s="613"/>
      <c r="SBO702" s="613"/>
      <c r="SBP702" s="613"/>
      <c r="SBQ702" s="613"/>
      <c r="SBR702" s="613"/>
      <c r="SBS702" s="613"/>
      <c r="SBT702" s="613"/>
      <c r="SBU702" s="613"/>
      <c r="SBV702" s="613"/>
      <c r="SBW702" s="613"/>
      <c r="SBX702" s="613"/>
      <c r="SBY702" s="613"/>
      <c r="SBZ702" s="613"/>
      <c r="SCA702" s="613"/>
      <c r="SCB702" s="613"/>
      <c r="SCC702" s="613"/>
      <c r="SCD702" s="613"/>
      <c r="SCE702" s="613"/>
      <c r="SCF702" s="613"/>
      <c r="SCG702" s="613"/>
      <c r="SCH702" s="613"/>
      <c r="SCI702" s="613"/>
      <c r="SCJ702" s="613"/>
      <c r="SCK702" s="613"/>
      <c r="SCL702" s="613"/>
      <c r="SCM702" s="613"/>
      <c r="SCN702" s="613"/>
      <c r="SCO702" s="613"/>
      <c r="SCP702" s="613"/>
      <c r="SCQ702" s="613"/>
      <c r="SCR702" s="613"/>
      <c r="SCS702" s="613"/>
      <c r="SCT702" s="613"/>
      <c r="SCU702" s="613"/>
      <c r="SCV702" s="613"/>
      <c r="SCW702" s="613"/>
      <c r="SCX702" s="613"/>
      <c r="SCY702" s="613"/>
      <c r="SCZ702" s="613"/>
      <c r="SDA702" s="613"/>
      <c r="SDB702" s="613"/>
      <c r="SDC702" s="613"/>
      <c r="SDD702" s="613"/>
      <c r="SDE702" s="613"/>
      <c r="SDF702" s="613"/>
      <c r="SDG702" s="613"/>
      <c r="SDH702" s="613"/>
      <c r="SDI702" s="613"/>
      <c r="SDJ702" s="613"/>
      <c r="SDK702" s="613"/>
      <c r="SDL702" s="613"/>
      <c r="SDM702" s="613"/>
      <c r="SDN702" s="613"/>
      <c r="SDO702" s="613"/>
      <c r="SDP702" s="613"/>
      <c r="SDQ702" s="613"/>
      <c r="SDR702" s="613"/>
      <c r="SDS702" s="613"/>
      <c r="SDT702" s="613"/>
      <c r="SDU702" s="613"/>
      <c r="SDV702" s="613"/>
      <c r="SDW702" s="613"/>
      <c r="SDX702" s="613"/>
      <c r="SDY702" s="613"/>
      <c r="SDZ702" s="613"/>
      <c r="SEA702" s="613"/>
      <c r="SEB702" s="613"/>
      <c r="SEC702" s="613"/>
      <c r="SED702" s="613"/>
      <c r="SEE702" s="613"/>
      <c r="SEF702" s="613"/>
      <c r="SEG702" s="613"/>
      <c r="SEH702" s="613"/>
      <c r="SEI702" s="613"/>
      <c r="SEJ702" s="613"/>
      <c r="SEK702" s="613"/>
      <c r="SEL702" s="613"/>
      <c r="SEM702" s="613"/>
      <c r="SEN702" s="613"/>
      <c r="SEO702" s="613"/>
      <c r="SEP702" s="613"/>
      <c r="SEQ702" s="613"/>
      <c r="SER702" s="613"/>
      <c r="SES702" s="613"/>
      <c r="SET702" s="613"/>
      <c r="SEU702" s="613"/>
      <c r="SEV702" s="613"/>
      <c r="SEW702" s="613"/>
      <c r="SEX702" s="613"/>
      <c r="SEY702" s="613"/>
      <c r="SEZ702" s="613"/>
      <c r="SFA702" s="613"/>
      <c r="SFB702" s="613"/>
      <c r="SFC702" s="613"/>
      <c r="SFD702" s="613"/>
      <c r="SFE702" s="613"/>
      <c r="SFF702" s="613"/>
      <c r="SFG702" s="613"/>
      <c r="SFH702" s="613"/>
      <c r="SFI702" s="613"/>
      <c r="SFJ702" s="613"/>
      <c r="SFK702" s="613"/>
      <c r="SFL702" s="613"/>
      <c r="SFM702" s="613"/>
      <c r="SFN702" s="613"/>
      <c r="SFO702" s="613"/>
      <c r="SFP702" s="613"/>
      <c r="SFQ702" s="613"/>
      <c r="SFR702" s="613"/>
      <c r="SFS702" s="613"/>
      <c r="SFT702" s="613"/>
      <c r="SFU702" s="613"/>
      <c r="SFV702" s="613"/>
      <c r="SFW702" s="613"/>
      <c r="SFX702" s="613"/>
      <c r="SFY702" s="613"/>
      <c r="SFZ702" s="613"/>
      <c r="SGA702" s="613"/>
      <c r="SGB702" s="613"/>
      <c r="SGC702" s="613"/>
      <c r="SGD702" s="613"/>
      <c r="SGE702" s="613"/>
      <c r="SGF702" s="613"/>
      <c r="SGG702" s="613"/>
      <c r="SGH702" s="613"/>
      <c r="SGI702" s="613"/>
      <c r="SGJ702" s="613"/>
      <c r="SGK702" s="613"/>
      <c r="SGL702" s="613"/>
      <c r="SGM702" s="613"/>
      <c r="SGN702" s="613"/>
      <c r="SGO702" s="613"/>
      <c r="SGP702" s="613"/>
      <c r="SGQ702" s="613"/>
      <c r="SGR702" s="613"/>
      <c r="SGS702" s="613"/>
      <c r="SGT702" s="613"/>
      <c r="SGU702" s="613"/>
      <c r="SGV702" s="613"/>
      <c r="SGW702" s="613"/>
      <c r="SGX702" s="613"/>
      <c r="SGY702" s="613"/>
      <c r="SGZ702" s="613"/>
      <c r="SHA702" s="613"/>
      <c r="SHB702" s="613"/>
      <c r="SHC702" s="613"/>
      <c r="SHD702" s="613"/>
      <c r="SHE702" s="613"/>
      <c r="SHF702" s="613"/>
      <c r="SHG702" s="613"/>
      <c r="SHH702" s="613"/>
      <c r="SHI702" s="613"/>
      <c r="SHJ702" s="613"/>
      <c r="SHK702" s="613"/>
      <c r="SHL702" s="613"/>
      <c r="SHM702" s="613"/>
      <c r="SHN702" s="613"/>
      <c r="SHO702" s="613"/>
      <c r="SHP702" s="613"/>
      <c r="SHQ702" s="613"/>
      <c r="SHR702" s="613"/>
      <c r="SHS702" s="613"/>
      <c r="SHT702" s="613"/>
      <c r="SHU702" s="613"/>
      <c r="SHV702" s="613"/>
      <c r="SHW702" s="613"/>
      <c r="SHX702" s="613"/>
      <c r="SHY702" s="613"/>
      <c r="SHZ702" s="613"/>
      <c r="SIA702" s="613"/>
      <c r="SIB702" s="613"/>
      <c r="SIC702" s="613"/>
      <c r="SID702" s="613"/>
      <c r="SIE702" s="613"/>
      <c r="SIF702" s="613"/>
      <c r="SIG702" s="613"/>
      <c r="SIH702" s="613"/>
      <c r="SII702" s="613"/>
      <c r="SIJ702" s="613"/>
      <c r="SIK702" s="613"/>
      <c r="SIL702" s="613"/>
      <c r="SIM702" s="613"/>
      <c r="SIN702" s="613"/>
      <c r="SIO702" s="613"/>
      <c r="SIP702" s="613"/>
      <c r="SIQ702" s="613"/>
      <c r="SIR702" s="613"/>
      <c r="SIS702" s="613"/>
      <c r="SIT702" s="613"/>
      <c r="SIU702" s="613"/>
      <c r="SIV702" s="613"/>
      <c r="SIW702" s="613"/>
      <c r="SIX702" s="613"/>
      <c r="SIY702" s="613"/>
      <c r="SIZ702" s="613"/>
      <c r="SJA702" s="613"/>
      <c r="SJB702" s="613"/>
      <c r="SJC702" s="613"/>
      <c r="SJD702" s="613"/>
      <c r="SJE702" s="613"/>
      <c r="SJF702" s="613"/>
      <c r="SJG702" s="613"/>
      <c r="SJH702" s="613"/>
      <c r="SJI702" s="613"/>
      <c r="SJJ702" s="613"/>
      <c r="SJK702" s="613"/>
      <c r="SJL702" s="613"/>
      <c r="SJM702" s="613"/>
      <c r="SJN702" s="613"/>
      <c r="SJO702" s="613"/>
      <c r="SJP702" s="613"/>
      <c r="SJQ702" s="613"/>
      <c r="SJR702" s="613"/>
      <c r="SJS702" s="613"/>
      <c r="SJT702" s="613"/>
      <c r="SJU702" s="613"/>
      <c r="SJV702" s="613"/>
      <c r="SJW702" s="613"/>
      <c r="SJX702" s="613"/>
      <c r="SJY702" s="613"/>
      <c r="SJZ702" s="613"/>
      <c r="SKA702" s="613"/>
      <c r="SKB702" s="613"/>
      <c r="SKC702" s="613"/>
      <c r="SKD702" s="613"/>
      <c r="SKE702" s="613"/>
      <c r="SKF702" s="613"/>
      <c r="SKG702" s="613"/>
      <c r="SKH702" s="613"/>
      <c r="SKI702" s="613"/>
      <c r="SKJ702" s="613"/>
      <c r="SKK702" s="613"/>
      <c r="SKL702" s="613"/>
      <c r="SKM702" s="613"/>
      <c r="SKN702" s="613"/>
      <c r="SKO702" s="613"/>
      <c r="SKP702" s="613"/>
      <c r="SKQ702" s="613"/>
      <c r="SKR702" s="613"/>
      <c r="SKS702" s="613"/>
      <c r="SKT702" s="613"/>
      <c r="SKU702" s="613"/>
      <c r="SKV702" s="613"/>
      <c r="SKW702" s="613"/>
      <c r="SKX702" s="613"/>
      <c r="SKY702" s="613"/>
      <c r="SKZ702" s="613"/>
      <c r="SLA702" s="613"/>
      <c r="SLB702" s="613"/>
      <c r="SLC702" s="613"/>
      <c r="SLD702" s="613"/>
      <c r="SLE702" s="613"/>
      <c r="SLF702" s="613"/>
      <c r="SLG702" s="613"/>
      <c r="SLH702" s="613"/>
      <c r="SLI702" s="613"/>
      <c r="SLJ702" s="613"/>
      <c r="SLK702" s="613"/>
      <c r="SLL702" s="613"/>
      <c r="SLM702" s="613"/>
      <c r="SLN702" s="613"/>
      <c r="SLO702" s="613"/>
      <c r="SLP702" s="613"/>
      <c r="SLQ702" s="613"/>
      <c r="SLR702" s="613"/>
      <c r="SLS702" s="613"/>
      <c r="SLT702" s="613"/>
      <c r="SLU702" s="613"/>
      <c r="SLV702" s="613"/>
      <c r="SLW702" s="613"/>
      <c r="SLX702" s="613"/>
      <c r="SLY702" s="613"/>
      <c r="SLZ702" s="613"/>
      <c r="SMA702" s="613"/>
      <c r="SMB702" s="613"/>
      <c r="SMC702" s="613"/>
      <c r="SMD702" s="613"/>
      <c r="SME702" s="613"/>
      <c r="SMF702" s="613"/>
      <c r="SMG702" s="613"/>
      <c r="SMH702" s="613"/>
      <c r="SMI702" s="613"/>
      <c r="SMJ702" s="613"/>
      <c r="SMK702" s="613"/>
      <c r="SML702" s="613"/>
      <c r="SMM702" s="613"/>
      <c r="SMN702" s="613"/>
      <c r="SMO702" s="613"/>
      <c r="SMP702" s="613"/>
      <c r="SMQ702" s="613"/>
      <c r="SMR702" s="613"/>
      <c r="SMS702" s="613"/>
      <c r="SMT702" s="613"/>
      <c r="SMU702" s="613"/>
      <c r="SMV702" s="613"/>
      <c r="SMW702" s="613"/>
      <c r="SMX702" s="613"/>
      <c r="SMY702" s="613"/>
      <c r="SMZ702" s="613"/>
      <c r="SNA702" s="613"/>
      <c r="SNB702" s="613"/>
      <c r="SNC702" s="613"/>
      <c r="SND702" s="613"/>
      <c r="SNE702" s="613"/>
      <c r="SNF702" s="613"/>
      <c r="SNG702" s="613"/>
      <c r="SNH702" s="613"/>
      <c r="SNI702" s="613"/>
      <c r="SNJ702" s="613"/>
      <c r="SNK702" s="613"/>
      <c r="SNL702" s="613"/>
      <c r="SNM702" s="613"/>
      <c r="SNN702" s="613"/>
      <c r="SNO702" s="613"/>
      <c r="SNP702" s="613"/>
      <c r="SNQ702" s="613"/>
      <c r="SNR702" s="613"/>
      <c r="SNS702" s="613"/>
      <c r="SNT702" s="613"/>
      <c r="SNU702" s="613"/>
      <c r="SNV702" s="613"/>
      <c r="SNW702" s="613"/>
      <c r="SNX702" s="613"/>
      <c r="SNY702" s="613"/>
      <c r="SNZ702" s="613"/>
      <c r="SOA702" s="613"/>
      <c r="SOB702" s="613"/>
      <c r="SOC702" s="613"/>
      <c r="SOD702" s="613"/>
      <c r="SOE702" s="613"/>
      <c r="SOF702" s="613"/>
      <c r="SOG702" s="613"/>
      <c r="SOH702" s="613"/>
      <c r="SOI702" s="613"/>
      <c r="SOJ702" s="613"/>
      <c r="SOK702" s="613"/>
      <c r="SOL702" s="613"/>
      <c r="SOM702" s="613"/>
      <c r="SON702" s="613"/>
      <c r="SOO702" s="613"/>
      <c r="SOP702" s="613"/>
      <c r="SOQ702" s="613"/>
      <c r="SOR702" s="613"/>
      <c r="SOS702" s="613"/>
      <c r="SOT702" s="613"/>
      <c r="SOU702" s="613"/>
      <c r="SOV702" s="613"/>
      <c r="SOW702" s="613"/>
      <c r="SOX702" s="613"/>
      <c r="SOY702" s="613"/>
      <c r="SOZ702" s="613"/>
      <c r="SPA702" s="613"/>
      <c r="SPB702" s="613"/>
      <c r="SPC702" s="613"/>
      <c r="SPD702" s="613"/>
      <c r="SPE702" s="613"/>
      <c r="SPF702" s="613"/>
      <c r="SPG702" s="613"/>
      <c r="SPH702" s="613"/>
      <c r="SPI702" s="613"/>
      <c r="SPJ702" s="613"/>
      <c r="SPK702" s="613"/>
      <c r="SPL702" s="613"/>
      <c r="SPM702" s="613"/>
      <c r="SPN702" s="613"/>
      <c r="SPO702" s="613"/>
      <c r="SPP702" s="613"/>
      <c r="SPQ702" s="613"/>
      <c r="SPR702" s="613"/>
      <c r="SPS702" s="613"/>
      <c r="SPT702" s="613"/>
      <c r="SPU702" s="613"/>
      <c r="SPV702" s="613"/>
      <c r="SPW702" s="613"/>
      <c r="SPX702" s="613"/>
      <c r="SPY702" s="613"/>
      <c r="SPZ702" s="613"/>
      <c r="SQA702" s="613"/>
      <c r="SQB702" s="613"/>
      <c r="SQC702" s="613"/>
      <c r="SQD702" s="613"/>
      <c r="SQE702" s="613"/>
      <c r="SQF702" s="613"/>
      <c r="SQG702" s="613"/>
      <c r="SQH702" s="613"/>
      <c r="SQI702" s="613"/>
      <c r="SQJ702" s="613"/>
      <c r="SQK702" s="613"/>
      <c r="SQL702" s="613"/>
      <c r="SQM702" s="613"/>
      <c r="SQN702" s="613"/>
      <c r="SQO702" s="613"/>
      <c r="SQP702" s="613"/>
      <c r="SQQ702" s="613"/>
      <c r="SQR702" s="613"/>
      <c r="SQS702" s="613"/>
      <c r="SQT702" s="613"/>
      <c r="SQU702" s="613"/>
      <c r="SQV702" s="613"/>
      <c r="SQW702" s="613"/>
      <c r="SQX702" s="613"/>
      <c r="SQY702" s="613"/>
      <c r="SQZ702" s="613"/>
      <c r="SRA702" s="613"/>
      <c r="SRB702" s="613"/>
      <c r="SRC702" s="613"/>
      <c r="SRD702" s="613"/>
      <c r="SRE702" s="613"/>
      <c r="SRF702" s="613"/>
      <c r="SRG702" s="613"/>
      <c r="SRH702" s="613"/>
      <c r="SRI702" s="613"/>
      <c r="SRJ702" s="613"/>
      <c r="SRK702" s="613"/>
      <c r="SRL702" s="613"/>
      <c r="SRM702" s="613"/>
      <c r="SRN702" s="613"/>
      <c r="SRO702" s="613"/>
      <c r="SRP702" s="613"/>
      <c r="SRQ702" s="613"/>
      <c r="SRR702" s="613"/>
      <c r="SRS702" s="613"/>
      <c r="SRT702" s="613"/>
      <c r="SRU702" s="613"/>
      <c r="SRV702" s="613"/>
      <c r="SRW702" s="613"/>
      <c r="SRX702" s="613"/>
      <c r="SRY702" s="613"/>
      <c r="SRZ702" s="613"/>
      <c r="SSA702" s="613"/>
      <c r="SSB702" s="613"/>
      <c r="SSC702" s="613"/>
      <c r="SSD702" s="613"/>
      <c r="SSE702" s="613"/>
      <c r="SSF702" s="613"/>
      <c r="SSG702" s="613"/>
      <c r="SSH702" s="613"/>
      <c r="SSI702" s="613"/>
      <c r="SSJ702" s="613"/>
      <c r="SSK702" s="613"/>
      <c r="SSL702" s="613"/>
      <c r="SSM702" s="613"/>
      <c r="SSN702" s="613"/>
      <c r="SSO702" s="613"/>
      <c r="SSP702" s="613"/>
      <c r="SSQ702" s="613"/>
      <c r="SSR702" s="613"/>
      <c r="SSS702" s="613"/>
      <c r="SST702" s="613"/>
      <c r="SSU702" s="613"/>
      <c r="SSV702" s="613"/>
      <c r="SSW702" s="613"/>
      <c r="SSX702" s="613"/>
      <c r="SSY702" s="613"/>
      <c r="SSZ702" s="613"/>
      <c r="STA702" s="613"/>
      <c r="STB702" s="613"/>
      <c r="STC702" s="613"/>
      <c r="STD702" s="613"/>
      <c r="STE702" s="613"/>
      <c r="STF702" s="613"/>
      <c r="STG702" s="613"/>
      <c r="STH702" s="613"/>
      <c r="STI702" s="613"/>
      <c r="STJ702" s="613"/>
      <c r="STK702" s="613"/>
      <c r="STL702" s="613"/>
      <c r="STM702" s="613"/>
      <c r="STN702" s="613"/>
      <c r="STO702" s="613"/>
      <c r="STP702" s="613"/>
      <c r="STQ702" s="613"/>
      <c r="STR702" s="613"/>
      <c r="STS702" s="613"/>
      <c r="STT702" s="613"/>
      <c r="STU702" s="613"/>
      <c r="STV702" s="613"/>
      <c r="STW702" s="613"/>
      <c r="STX702" s="613"/>
      <c r="STY702" s="613"/>
      <c r="STZ702" s="613"/>
      <c r="SUA702" s="613"/>
      <c r="SUB702" s="613"/>
      <c r="SUC702" s="613"/>
      <c r="SUD702" s="613"/>
      <c r="SUE702" s="613"/>
      <c r="SUF702" s="613"/>
      <c r="SUG702" s="613"/>
      <c r="SUH702" s="613"/>
      <c r="SUI702" s="613"/>
      <c r="SUJ702" s="613"/>
      <c r="SUK702" s="613"/>
      <c r="SUL702" s="613"/>
      <c r="SUM702" s="613"/>
      <c r="SUN702" s="613"/>
      <c r="SUO702" s="613"/>
      <c r="SUP702" s="613"/>
      <c r="SUQ702" s="613"/>
      <c r="SUR702" s="613"/>
      <c r="SUS702" s="613"/>
      <c r="SUT702" s="613"/>
      <c r="SUU702" s="613"/>
      <c r="SUV702" s="613"/>
      <c r="SUW702" s="613"/>
      <c r="SUX702" s="613"/>
      <c r="SUY702" s="613"/>
      <c r="SUZ702" s="613"/>
      <c r="SVA702" s="613"/>
      <c r="SVB702" s="613"/>
      <c r="SVC702" s="613"/>
      <c r="SVD702" s="613"/>
      <c r="SVE702" s="613"/>
      <c r="SVF702" s="613"/>
      <c r="SVG702" s="613"/>
      <c r="SVH702" s="613"/>
      <c r="SVI702" s="613"/>
      <c r="SVJ702" s="613"/>
      <c r="SVK702" s="613"/>
      <c r="SVL702" s="613"/>
      <c r="SVM702" s="613"/>
      <c r="SVN702" s="613"/>
      <c r="SVO702" s="613"/>
      <c r="SVP702" s="613"/>
      <c r="SVQ702" s="613"/>
      <c r="SVR702" s="613"/>
      <c r="SVS702" s="613"/>
      <c r="SVT702" s="613"/>
      <c r="SVU702" s="613"/>
      <c r="SVV702" s="613"/>
      <c r="SVW702" s="613"/>
      <c r="SVX702" s="613"/>
      <c r="SVY702" s="613"/>
      <c r="SVZ702" s="613"/>
      <c r="SWA702" s="613"/>
      <c r="SWB702" s="613"/>
      <c r="SWC702" s="613"/>
      <c r="SWD702" s="613"/>
      <c r="SWE702" s="613"/>
      <c r="SWF702" s="613"/>
      <c r="SWG702" s="613"/>
      <c r="SWH702" s="613"/>
      <c r="SWI702" s="613"/>
      <c r="SWJ702" s="613"/>
      <c r="SWK702" s="613"/>
      <c r="SWL702" s="613"/>
      <c r="SWM702" s="613"/>
      <c r="SWN702" s="613"/>
      <c r="SWO702" s="613"/>
      <c r="SWP702" s="613"/>
      <c r="SWQ702" s="613"/>
      <c r="SWR702" s="613"/>
      <c r="SWS702" s="613"/>
      <c r="SWT702" s="613"/>
      <c r="SWU702" s="613"/>
      <c r="SWV702" s="613"/>
      <c r="SWW702" s="613"/>
      <c r="SWX702" s="613"/>
      <c r="SWY702" s="613"/>
      <c r="SWZ702" s="613"/>
      <c r="SXA702" s="613"/>
      <c r="SXB702" s="613"/>
      <c r="SXC702" s="613"/>
      <c r="SXD702" s="613"/>
      <c r="SXE702" s="613"/>
      <c r="SXF702" s="613"/>
      <c r="SXG702" s="613"/>
      <c r="SXH702" s="613"/>
      <c r="SXI702" s="613"/>
      <c r="SXJ702" s="613"/>
      <c r="SXK702" s="613"/>
      <c r="SXL702" s="613"/>
      <c r="SXM702" s="613"/>
      <c r="SXN702" s="613"/>
      <c r="SXO702" s="613"/>
      <c r="SXP702" s="613"/>
      <c r="SXQ702" s="613"/>
      <c r="SXR702" s="613"/>
      <c r="SXS702" s="613"/>
      <c r="SXT702" s="613"/>
      <c r="SXU702" s="613"/>
      <c r="SXV702" s="613"/>
      <c r="SXW702" s="613"/>
      <c r="SXX702" s="613"/>
      <c r="SXY702" s="613"/>
      <c r="SXZ702" s="613"/>
      <c r="SYA702" s="613"/>
      <c r="SYB702" s="613"/>
      <c r="SYC702" s="613"/>
      <c r="SYD702" s="613"/>
      <c r="SYE702" s="613"/>
      <c r="SYF702" s="613"/>
      <c r="SYG702" s="613"/>
      <c r="SYH702" s="613"/>
      <c r="SYI702" s="613"/>
      <c r="SYJ702" s="613"/>
      <c r="SYK702" s="613"/>
      <c r="SYL702" s="613"/>
      <c r="SYM702" s="613"/>
      <c r="SYN702" s="613"/>
      <c r="SYO702" s="613"/>
      <c r="SYP702" s="613"/>
      <c r="SYQ702" s="613"/>
      <c r="SYR702" s="613"/>
      <c r="SYS702" s="613"/>
      <c r="SYT702" s="613"/>
      <c r="SYU702" s="613"/>
      <c r="SYV702" s="613"/>
      <c r="SYW702" s="613"/>
      <c r="SYX702" s="613"/>
      <c r="SYY702" s="613"/>
      <c r="SYZ702" s="613"/>
      <c r="SZA702" s="613"/>
      <c r="SZB702" s="613"/>
      <c r="SZC702" s="613"/>
      <c r="SZD702" s="613"/>
      <c r="SZE702" s="613"/>
      <c r="SZF702" s="613"/>
      <c r="SZG702" s="613"/>
      <c r="SZH702" s="613"/>
      <c r="SZI702" s="613"/>
      <c r="SZJ702" s="613"/>
      <c r="SZK702" s="613"/>
      <c r="SZL702" s="613"/>
      <c r="SZM702" s="613"/>
      <c r="SZN702" s="613"/>
      <c r="SZO702" s="613"/>
      <c r="SZP702" s="613"/>
      <c r="SZQ702" s="613"/>
      <c r="SZR702" s="613"/>
      <c r="SZS702" s="613"/>
      <c r="SZT702" s="613"/>
      <c r="SZU702" s="613"/>
      <c r="SZV702" s="613"/>
      <c r="SZW702" s="613"/>
      <c r="SZX702" s="613"/>
      <c r="SZY702" s="613"/>
      <c r="SZZ702" s="613"/>
      <c r="TAA702" s="613"/>
      <c r="TAB702" s="613"/>
      <c r="TAC702" s="613"/>
      <c r="TAD702" s="613"/>
      <c r="TAE702" s="613"/>
      <c r="TAF702" s="613"/>
      <c r="TAG702" s="613"/>
      <c r="TAH702" s="613"/>
      <c r="TAI702" s="613"/>
      <c r="TAJ702" s="613"/>
      <c r="TAK702" s="613"/>
      <c r="TAL702" s="613"/>
      <c r="TAM702" s="613"/>
      <c r="TAN702" s="613"/>
      <c r="TAO702" s="613"/>
      <c r="TAP702" s="613"/>
      <c r="TAQ702" s="613"/>
      <c r="TAR702" s="613"/>
      <c r="TAS702" s="613"/>
      <c r="TAT702" s="613"/>
      <c r="TAU702" s="613"/>
      <c r="TAV702" s="613"/>
      <c r="TAW702" s="613"/>
      <c r="TAX702" s="613"/>
      <c r="TAY702" s="613"/>
      <c r="TAZ702" s="613"/>
      <c r="TBA702" s="613"/>
      <c r="TBB702" s="613"/>
      <c r="TBC702" s="613"/>
      <c r="TBD702" s="613"/>
      <c r="TBE702" s="613"/>
      <c r="TBF702" s="613"/>
      <c r="TBG702" s="613"/>
      <c r="TBH702" s="613"/>
      <c r="TBI702" s="613"/>
      <c r="TBJ702" s="613"/>
      <c r="TBK702" s="613"/>
      <c r="TBL702" s="613"/>
      <c r="TBM702" s="613"/>
      <c r="TBN702" s="613"/>
      <c r="TBO702" s="613"/>
      <c r="TBP702" s="613"/>
      <c r="TBQ702" s="613"/>
      <c r="TBR702" s="613"/>
      <c r="TBS702" s="613"/>
      <c r="TBT702" s="613"/>
      <c r="TBU702" s="613"/>
      <c r="TBV702" s="613"/>
      <c r="TBW702" s="613"/>
      <c r="TBX702" s="613"/>
      <c r="TBY702" s="613"/>
      <c r="TBZ702" s="613"/>
      <c r="TCA702" s="613"/>
      <c r="TCB702" s="613"/>
      <c r="TCC702" s="613"/>
      <c r="TCD702" s="613"/>
      <c r="TCE702" s="613"/>
      <c r="TCF702" s="613"/>
      <c r="TCG702" s="613"/>
      <c r="TCH702" s="613"/>
      <c r="TCI702" s="613"/>
      <c r="TCJ702" s="613"/>
      <c r="TCK702" s="613"/>
      <c r="TCL702" s="613"/>
      <c r="TCM702" s="613"/>
      <c r="TCN702" s="613"/>
      <c r="TCO702" s="613"/>
      <c r="TCP702" s="613"/>
      <c r="TCQ702" s="613"/>
      <c r="TCR702" s="613"/>
      <c r="TCS702" s="613"/>
      <c r="TCT702" s="613"/>
      <c r="TCU702" s="613"/>
      <c r="TCV702" s="613"/>
      <c r="TCW702" s="613"/>
      <c r="TCX702" s="613"/>
      <c r="TCY702" s="613"/>
      <c r="TCZ702" s="613"/>
      <c r="TDA702" s="613"/>
      <c r="TDB702" s="613"/>
      <c r="TDC702" s="613"/>
      <c r="TDD702" s="613"/>
      <c r="TDE702" s="613"/>
      <c r="TDF702" s="613"/>
      <c r="TDG702" s="613"/>
      <c r="TDH702" s="613"/>
      <c r="TDI702" s="613"/>
      <c r="TDJ702" s="613"/>
      <c r="TDK702" s="613"/>
      <c r="TDL702" s="613"/>
      <c r="TDM702" s="613"/>
      <c r="TDN702" s="613"/>
      <c r="TDO702" s="613"/>
      <c r="TDP702" s="613"/>
      <c r="TDQ702" s="613"/>
      <c r="TDR702" s="613"/>
      <c r="TDS702" s="613"/>
      <c r="TDT702" s="613"/>
      <c r="TDU702" s="613"/>
      <c r="TDV702" s="613"/>
      <c r="TDW702" s="613"/>
      <c r="TDX702" s="613"/>
      <c r="TDY702" s="613"/>
      <c r="TDZ702" s="613"/>
      <c r="TEA702" s="613"/>
      <c r="TEB702" s="613"/>
      <c r="TEC702" s="613"/>
      <c r="TED702" s="613"/>
      <c r="TEE702" s="613"/>
      <c r="TEF702" s="613"/>
      <c r="TEG702" s="613"/>
      <c r="TEH702" s="613"/>
      <c r="TEI702" s="613"/>
      <c r="TEJ702" s="613"/>
      <c r="TEK702" s="613"/>
      <c r="TEL702" s="613"/>
      <c r="TEM702" s="613"/>
      <c r="TEN702" s="613"/>
      <c r="TEO702" s="613"/>
      <c r="TEP702" s="613"/>
      <c r="TEQ702" s="613"/>
      <c r="TER702" s="613"/>
      <c r="TES702" s="613"/>
      <c r="TET702" s="613"/>
      <c r="TEU702" s="613"/>
      <c r="TEV702" s="613"/>
      <c r="TEW702" s="613"/>
      <c r="TEX702" s="613"/>
      <c r="TEY702" s="613"/>
      <c r="TEZ702" s="613"/>
      <c r="TFA702" s="613"/>
      <c r="TFB702" s="613"/>
      <c r="TFC702" s="613"/>
      <c r="TFD702" s="613"/>
      <c r="TFE702" s="613"/>
      <c r="TFF702" s="613"/>
      <c r="TFG702" s="613"/>
      <c r="TFH702" s="613"/>
      <c r="TFI702" s="613"/>
      <c r="TFJ702" s="613"/>
      <c r="TFK702" s="613"/>
      <c r="TFL702" s="613"/>
      <c r="TFM702" s="613"/>
      <c r="TFN702" s="613"/>
      <c r="TFO702" s="613"/>
      <c r="TFP702" s="613"/>
      <c r="TFQ702" s="613"/>
      <c r="TFR702" s="613"/>
      <c r="TFS702" s="613"/>
      <c r="TFT702" s="613"/>
      <c r="TFU702" s="613"/>
      <c r="TFV702" s="613"/>
      <c r="TFW702" s="613"/>
      <c r="TFX702" s="613"/>
      <c r="TFY702" s="613"/>
      <c r="TFZ702" s="613"/>
      <c r="TGA702" s="613"/>
      <c r="TGB702" s="613"/>
      <c r="TGC702" s="613"/>
      <c r="TGD702" s="613"/>
      <c r="TGE702" s="613"/>
      <c r="TGF702" s="613"/>
      <c r="TGG702" s="613"/>
      <c r="TGH702" s="613"/>
      <c r="TGI702" s="613"/>
      <c r="TGJ702" s="613"/>
      <c r="TGK702" s="613"/>
      <c r="TGL702" s="613"/>
      <c r="TGM702" s="613"/>
      <c r="TGN702" s="613"/>
      <c r="TGO702" s="613"/>
      <c r="TGP702" s="613"/>
      <c r="TGQ702" s="613"/>
      <c r="TGR702" s="613"/>
      <c r="TGS702" s="613"/>
      <c r="TGT702" s="613"/>
      <c r="TGU702" s="613"/>
      <c r="TGV702" s="613"/>
      <c r="TGW702" s="613"/>
      <c r="TGX702" s="613"/>
      <c r="TGY702" s="613"/>
      <c r="TGZ702" s="613"/>
      <c r="THA702" s="613"/>
      <c r="THB702" s="613"/>
      <c r="THC702" s="613"/>
      <c r="THD702" s="613"/>
      <c r="THE702" s="613"/>
      <c r="THF702" s="613"/>
      <c r="THG702" s="613"/>
      <c r="THH702" s="613"/>
      <c r="THI702" s="613"/>
      <c r="THJ702" s="613"/>
      <c r="THK702" s="613"/>
      <c r="THL702" s="613"/>
      <c r="THM702" s="613"/>
      <c r="THN702" s="613"/>
      <c r="THO702" s="613"/>
      <c r="THP702" s="613"/>
      <c r="THQ702" s="613"/>
      <c r="THR702" s="613"/>
      <c r="THS702" s="613"/>
      <c r="THT702" s="613"/>
      <c r="THU702" s="613"/>
      <c r="THV702" s="613"/>
      <c r="THW702" s="613"/>
      <c r="THX702" s="613"/>
      <c r="THY702" s="613"/>
      <c r="THZ702" s="613"/>
      <c r="TIA702" s="613"/>
      <c r="TIB702" s="613"/>
      <c r="TIC702" s="613"/>
      <c r="TID702" s="613"/>
      <c r="TIE702" s="613"/>
      <c r="TIF702" s="613"/>
      <c r="TIG702" s="613"/>
      <c r="TIH702" s="613"/>
      <c r="TII702" s="613"/>
      <c r="TIJ702" s="613"/>
      <c r="TIK702" s="613"/>
      <c r="TIL702" s="613"/>
      <c r="TIM702" s="613"/>
      <c r="TIN702" s="613"/>
      <c r="TIO702" s="613"/>
      <c r="TIP702" s="613"/>
      <c r="TIQ702" s="613"/>
      <c r="TIR702" s="613"/>
      <c r="TIS702" s="613"/>
      <c r="TIT702" s="613"/>
      <c r="TIU702" s="613"/>
      <c r="TIV702" s="613"/>
      <c r="TIW702" s="613"/>
      <c r="TIX702" s="613"/>
      <c r="TIY702" s="613"/>
      <c r="TIZ702" s="613"/>
      <c r="TJA702" s="613"/>
      <c r="TJB702" s="613"/>
      <c r="TJC702" s="613"/>
      <c r="TJD702" s="613"/>
      <c r="TJE702" s="613"/>
      <c r="TJF702" s="613"/>
      <c r="TJG702" s="613"/>
      <c r="TJH702" s="613"/>
      <c r="TJI702" s="613"/>
      <c r="TJJ702" s="613"/>
      <c r="TJK702" s="613"/>
      <c r="TJL702" s="613"/>
      <c r="TJM702" s="613"/>
      <c r="TJN702" s="613"/>
      <c r="TJO702" s="613"/>
      <c r="TJP702" s="613"/>
      <c r="TJQ702" s="613"/>
      <c r="TJR702" s="613"/>
      <c r="TJS702" s="613"/>
      <c r="TJT702" s="613"/>
      <c r="TJU702" s="613"/>
      <c r="TJV702" s="613"/>
      <c r="TJW702" s="613"/>
      <c r="TJX702" s="613"/>
      <c r="TJY702" s="613"/>
      <c r="TJZ702" s="613"/>
      <c r="TKA702" s="613"/>
      <c r="TKB702" s="613"/>
      <c r="TKC702" s="613"/>
      <c r="TKD702" s="613"/>
      <c r="TKE702" s="613"/>
      <c r="TKF702" s="613"/>
      <c r="TKG702" s="613"/>
      <c r="TKH702" s="613"/>
      <c r="TKI702" s="613"/>
      <c r="TKJ702" s="613"/>
      <c r="TKK702" s="613"/>
      <c r="TKL702" s="613"/>
      <c r="TKM702" s="613"/>
      <c r="TKN702" s="613"/>
      <c r="TKO702" s="613"/>
      <c r="TKP702" s="613"/>
      <c r="TKQ702" s="613"/>
      <c r="TKR702" s="613"/>
      <c r="TKS702" s="613"/>
      <c r="TKT702" s="613"/>
      <c r="TKU702" s="613"/>
      <c r="TKV702" s="613"/>
      <c r="TKW702" s="613"/>
      <c r="TKX702" s="613"/>
      <c r="TKY702" s="613"/>
      <c r="TKZ702" s="613"/>
      <c r="TLA702" s="613"/>
      <c r="TLB702" s="613"/>
      <c r="TLC702" s="613"/>
      <c r="TLD702" s="613"/>
      <c r="TLE702" s="613"/>
      <c r="TLF702" s="613"/>
      <c r="TLG702" s="613"/>
      <c r="TLH702" s="613"/>
      <c r="TLI702" s="613"/>
      <c r="TLJ702" s="613"/>
      <c r="TLK702" s="613"/>
      <c r="TLL702" s="613"/>
      <c r="TLM702" s="613"/>
      <c r="TLN702" s="613"/>
      <c r="TLO702" s="613"/>
      <c r="TLP702" s="613"/>
      <c r="TLQ702" s="613"/>
      <c r="TLR702" s="613"/>
      <c r="TLS702" s="613"/>
      <c r="TLT702" s="613"/>
      <c r="TLU702" s="613"/>
      <c r="TLV702" s="613"/>
      <c r="TLW702" s="613"/>
      <c r="TLX702" s="613"/>
      <c r="TLY702" s="613"/>
      <c r="TLZ702" s="613"/>
      <c r="TMA702" s="613"/>
      <c r="TMB702" s="613"/>
      <c r="TMC702" s="613"/>
      <c r="TMD702" s="613"/>
      <c r="TME702" s="613"/>
      <c r="TMF702" s="613"/>
      <c r="TMG702" s="613"/>
      <c r="TMH702" s="613"/>
      <c r="TMI702" s="613"/>
      <c r="TMJ702" s="613"/>
      <c r="TMK702" s="613"/>
      <c r="TML702" s="613"/>
      <c r="TMM702" s="613"/>
      <c r="TMN702" s="613"/>
      <c r="TMO702" s="613"/>
      <c r="TMP702" s="613"/>
      <c r="TMQ702" s="613"/>
      <c r="TMR702" s="613"/>
      <c r="TMS702" s="613"/>
      <c r="TMT702" s="613"/>
      <c r="TMU702" s="613"/>
      <c r="TMV702" s="613"/>
      <c r="TMW702" s="613"/>
      <c r="TMX702" s="613"/>
      <c r="TMY702" s="613"/>
      <c r="TMZ702" s="613"/>
      <c r="TNA702" s="613"/>
      <c r="TNB702" s="613"/>
      <c r="TNC702" s="613"/>
      <c r="TND702" s="613"/>
      <c r="TNE702" s="613"/>
      <c r="TNF702" s="613"/>
      <c r="TNG702" s="613"/>
      <c r="TNH702" s="613"/>
      <c r="TNI702" s="613"/>
      <c r="TNJ702" s="613"/>
      <c r="TNK702" s="613"/>
      <c r="TNL702" s="613"/>
      <c r="TNM702" s="613"/>
      <c r="TNN702" s="613"/>
      <c r="TNO702" s="613"/>
      <c r="TNP702" s="613"/>
      <c r="TNQ702" s="613"/>
      <c r="TNR702" s="613"/>
      <c r="TNS702" s="613"/>
      <c r="TNT702" s="613"/>
      <c r="TNU702" s="613"/>
      <c r="TNV702" s="613"/>
      <c r="TNW702" s="613"/>
      <c r="TNX702" s="613"/>
      <c r="TNY702" s="613"/>
      <c r="TNZ702" s="613"/>
      <c r="TOA702" s="613"/>
      <c r="TOB702" s="613"/>
      <c r="TOC702" s="613"/>
      <c r="TOD702" s="613"/>
      <c r="TOE702" s="613"/>
      <c r="TOF702" s="613"/>
      <c r="TOG702" s="613"/>
      <c r="TOH702" s="613"/>
      <c r="TOI702" s="613"/>
      <c r="TOJ702" s="613"/>
      <c r="TOK702" s="613"/>
      <c r="TOL702" s="613"/>
      <c r="TOM702" s="613"/>
      <c r="TON702" s="613"/>
      <c r="TOO702" s="613"/>
      <c r="TOP702" s="613"/>
      <c r="TOQ702" s="613"/>
      <c r="TOR702" s="613"/>
      <c r="TOS702" s="613"/>
      <c r="TOT702" s="613"/>
      <c r="TOU702" s="613"/>
      <c r="TOV702" s="613"/>
      <c r="TOW702" s="613"/>
      <c r="TOX702" s="613"/>
      <c r="TOY702" s="613"/>
      <c r="TOZ702" s="613"/>
      <c r="TPA702" s="613"/>
      <c r="TPB702" s="613"/>
      <c r="TPC702" s="613"/>
      <c r="TPD702" s="613"/>
      <c r="TPE702" s="613"/>
      <c r="TPF702" s="613"/>
      <c r="TPG702" s="613"/>
      <c r="TPH702" s="613"/>
      <c r="TPI702" s="613"/>
      <c r="TPJ702" s="613"/>
      <c r="TPK702" s="613"/>
      <c r="TPL702" s="613"/>
      <c r="TPM702" s="613"/>
      <c r="TPN702" s="613"/>
      <c r="TPO702" s="613"/>
      <c r="TPP702" s="613"/>
      <c r="TPQ702" s="613"/>
      <c r="TPR702" s="613"/>
      <c r="TPS702" s="613"/>
      <c r="TPT702" s="613"/>
      <c r="TPU702" s="613"/>
      <c r="TPV702" s="613"/>
      <c r="TPW702" s="613"/>
      <c r="TPX702" s="613"/>
      <c r="TPY702" s="613"/>
      <c r="TPZ702" s="613"/>
      <c r="TQA702" s="613"/>
      <c r="TQB702" s="613"/>
      <c r="TQC702" s="613"/>
      <c r="TQD702" s="613"/>
      <c r="TQE702" s="613"/>
      <c r="TQF702" s="613"/>
      <c r="TQG702" s="613"/>
      <c r="TQH702" s="613"/>
      <c r="TQI702" s="613"/>
      <c r="TQJ702" s="613"/>
      <c r="TQK702" s="613"/>
      <c r="TQL702" s="613"/>
      <c r="TQM702" s="613"/>
      <c r="TQN702" s="613"/>
      <c r="TQO702" s="613"/>
      <c r="TQP702" s="613"/>
      <c r="TQQ702" s="613"/>
      <c r="TQR702" s="613"/>
      <c r="TQS702" s="613"/>
      <c r="TQT702" s="613"/>
      <c r="TQU702" s="613"/>
      <c r="TQV702" s="613"/>
      <c r="TQW702" s="613"/>
      <c r="TQX702" s="613"/>
      <c r="TQY702" s="613"/>
      <c r="TQZ702" s="613"/>
      <c r="TRA702" s="613"/>
      <c r="TRB702" s="613"/>
      <c r="TRC702" s="613"/>
      <c r="TRD702" s="613"/>
      <c r="TRE702" s="613"/>
      <c r="TRF702" s="613"/>
      <c r="TRG702" s="613"/>
      <c r="TRH702" s="613"/>
      <c r="TRI702" s="613"/>
      <c r="TRJ702" s="613"/>
      <c r="TRK702" s="613"/>
      <c r="TRL702" s="613"/>
      <c r="TRM702" s="613"/>
      <c r="TRN702" s="613"/>
      <c r="TRO702" s="613"/>
      <c r="TRP702" s="613"/>
      <c r="TRQ702" s="613"/>
      <c r="TRR702" s="613"/>
      <c r="TRS702" s="613"/>
      <c r="TRT702" s="613"/>
      <c r="TRU702" s="613"/>
      <c r="TRV702" s="613"/>
      <c r="TRW702" s="613"/>
      <c r="TRX702" s="613"/>
      <c r="TRY702" s="613"/>
      <c r="TRZ702" s="613"/>
      <c r="TSA702" s="613"/>
      <c r="TSB702" s="613"/>
      <c r="TSC702" s="613"/>
      <c r="TSD702" s="613"/>
      <c r="TSE702" s="613"/>
      <c r="TSF702" s="613"/>
      <c r="TSG702" s="613"/>
      <c r="TSH702" s="613"/>
      <c r="TSI702" s="613"/>
      <c r="TSJ702" s="613"/>
      <c r="TSK702" s="613"/>
      <c r="TSL702" s="613"/>
      <c r="TSM702" s="613"/>
      <c r="TSN702" s="613"/>
      <c r="TSO702" s="613"/>
      <c r="TSP702" s="613"/>
      <c r="TSQ702" s="613"/>
      <c r="TSR702" s="613"/>
      <c r="TSS702" s="613"/>
      <c r="TST702" s="613"/>
      <c r="TSU702" s="613"/>
      <c r="TSV702" s="613"/>
      <c r="TSW702" s="613"/>
      <c r="TSX702" s="613"/>
      <c r="TSY702" s="613"/>
      <c r="TSZ702" s="613"/>
      <c r="TTA702" s="613"/>
      <c r="TTB702" s="613"/>
      <c r="TTC702" s="613"/>
      <c r="TTD702" s="613"/>
      <c r="TTE702" s="613"/>
      <c r="TTF702" s="613"/>
      <c r="TTG702" s="613"/>
      <c r="TTH702" s="613"/>
      <c r="TTI702" s="613"/>
      <c r="TTJ702" s="613"/>
      <c r="TTK702" s="613"/>
      <c r="TTL702" s="613"/>
      <c r="TTM702" s="613"/>
      <c r="TTN702" s="613"/>
      <c r="TTO702" s="613"/>
      <c r="TTP702" s="613"/>
      <c r="TTQ702" s="613"/>
      <c r="TTR702" s="613"/>
      <c r="TTS702" s="613"/>
      <c r="TTT702" s="613"/>
      <c r="TTU702" s="613"/>
      <c r="TTV702" s="613"/>
      <c r="TTW702" s="613"/>
      <c r="TTX702" s="613"/>
      <c r="TTY702" s="613"/>
      <c r="TTZ702" s="613"/>
      <c r="TUA702" s="613"/>
      <c r="TUB702" s="613"/>
      <c r="TUC702" s="613"/>
      <c r="TUD702" s="613"/>
      <c r="TUE702" s="613"/>
      <c r="TUF702" s="613"/>
      <c r="TUG702" s="613"/>
      <c r="TUH702" s="613"/>
      <c r="TUI702" s="613"/>
      <c r="TUJ702" s="613"/>
      <c r="TUK702" s="613"/>
      <c r="TUL702" s="613"/>
      <c r="TUM702" s="613"/>
      <c r="TUN702" s="613"/>
      <c r="TUO702" s="613"/>
      <c r="TUP702" s="613"/>
      <c r="TUQ702" s="613"/>
      <c r="TUR702" s="613"/>
      <c r="TUS702" s="613"/>
      <c r="TUT702" s="613"/>
      <c r="TUU702" s="613"/>
      <c r="TUV702" s="613"/>
      <c r="TUW702" s="613"/>
      <c r="TUX702" s="613"/>
      <c r="TUY702" s="613"/>
      <c r="TUZ702" s="613"/>
      <c r="TVA702" s="613"/>
      <c r="TVB702" s="613"/>
      <c r="TVC702" s="613"/>
      <c r="TVD702" s="613"/>
      <c r="TVE702" s="613"/>
      <c r="TVF702" s="613"/>
      <c r="TVG702" s="613"/>
      <c r="TVH702" s="613"/>
      <c r="TVI702" s="613"/>
      <c r="TVJ702" s="613"/>
      <c r="TVK702" s="613"/>
      <c r="TVL702" s="613"/>
      <c r="TVM702" s="613"/>
      <c r="TVN702" s="613"/>
      <c r="TVO702" s="613"/>
      <c r="TVP702" s="613"/>
      <c r="TVQ702" s="613"/>
      <c r="TVR702" s="613"/>
      <c r="TVS702" s="613"/>
      <c r="TVT702" s="613"/>
      <c r="TVU702" s="613"/>
      <c r="TVV702" s="613"/>
      <c r="TVW702" s="613"/>
      <c r="TVX702" s="613"/>
      <c r="TVY702" s="613"/>
      <c r="TVZ702" s="613"/>
      <c r="TWA702" s="613"/>
      <c r="TWB702" s="613"/>
      <c r="TWC702" s="613"/>
      <c r="TWD702" s="613"/>
      <c r="TWE702" s="613"/>
      <c r="TWF702" s="613"/>
      <c r="TWG702" s="613"/>
      <c r="TWH702" s="613"/>
      <c r="TWI702" s="613"/>
      <c r="TWJ702" s="613"/>
      <c r="TWK702" s="613"/>
      <c r="TWL702" s="613"/>
      <c r="TWM702" s="613"/>
      <c r="TWN702" s="613"/>
      <c r="TWO702" s="613"/>
      <c r="TWP702" s="613"/>
      <c r="TWQ702" s="613"/>
      <c r="TWR702" s="613"/>
      <c r="TWS702" s="613"/>
      <c r="TWT702" s="613"/>
      <c r="TWU702" s="613"/>
      <c r="TWV702" s="613"/>
      <c r="TWW702" s="613"/>
      <c r="TWX702" s="613"/>
      <c r="TWY702" s="613"/>
      <c r="TWZ702" s="613"/>
      <c r="TXA702" s="613"/>
      <c r="TXB702" s="613"/>
      <c r="TXC702" s="613"/>
      <c r="TXD702" s="613"/>
      <c r="TXE702" s="613"/>
      <c r="TXF702" s="613"/>
      <c r="TXG702" s="613"/>
      <c r="TXH702" s="613"/>
      <c r="TXI702" s="613"/>
      <c r="TXJ702" s="613"/>
      <c r="TXK702" s="613"/>
      <c r="TXL702" s="613"/>
      <c r="TXM702" s="613"/>
      <c r="TXN702" s="613"/>
      <c r="TXO702" s="613"/>
      <c r="TXP702" s="613"/>
      <c r="TXQ702" s="613"/>
      <c r="TXR702" s="613"/>
      <c r="TXS702" s="613"/>
      <c r="TXT702" s="613"/>
      <c r="TXU702" s="613"/>
      <c r="TXV702" s="613"/>
      <c r="TXW702" s="613"/>
      <c r="TXX702" s="613"/>
      <c r="TXY702" s="613"/>
      <c r="TXZ702" s="613"/>
      <c r="TYA702" s="613"/>
      <c r="TYB702" s="613"/>
      <c r="TYC702" s="613"/>
      <c r="TYD702" s="613"/>
      <c r="TYE702" s="613"/>
      <c r="TYF702" s="613"/>
      <c r="TYG702" s="613"/>
      <c r="TYH702" s="613"/>
      <c r="TYI702" s="613"/>
      <c r="TYJ702" s="613"/>
      <c r="TYK702" s="613"/>
      <c r="TYL702" s="613"/>
      <c r="TYM702" s="613"/>
      <c r="TYN702" s="613"/>
      <c r="TYO702" s="613"/>
      <c r="TYP702" s="613"/>
      <c r="TYQ702" s="613"/>
      <c r="TYR702" s="613"/>
      <c r="TYS702" s="613"/>
      <c r="TYT702" s="613"/>
      <c r="TYU702" s="613"/>
      <c r="TYV702" s="613"/>
      <c r="TYW702" s="613"/>
      <c r="TYX702" s="613"/>
      <c r="TYY702" s="613"/>
      <c r="TYZ702" s="613"/>
      <c r="TZA702" s="613"/>
      <c r="TZB702" s="613"/>
      <c r="TZC702" s="613"/>
      <c r="TZD702" s="613"/>
      <c r="TZE702" s="613"/>
      <c r="TZF702" s="613"/>
      <c r="TZG702" s="613"/>
      <c r="TZH702" s="613"/>
      <c r="TZI702" s="613"/>
      <c r="TZJ702" s="613"/>
      <c r="TZK702" s="613"/>
      <c r="TZL702" s="613"/>
      <c r="TZM702" s="613"/>
      <c r="TZN702" s="613"/>
      <c r="TZO702" s="613"/>
      <c r="TZP702" s="613"/>
      <c r="TZQ702" s="613"/>
      <c r="TZR702" s="613"/>
      <c r="TZS702" s="613"/>
      <c r="TZT702" s="613"/>
      <c r="TZU702" s="613"/>
      <c r="TZV702" s="613"/>
      <c r="TZW702" s="613"/>
      <c r="TZX702" s="613"/>
      <c r="TZY702" s="613"/>
      <c r="TZZ702" s="613"/>
      <c r="UAA702" s="613"/>
      <c r="UAB702" s="613"/>
      <c r="UAC702" s="613"/>
      <c r="UAD702" s="613"/>
      <c r="UAE702" s="613"/>
      <c r="UAF702" s="613"/>
      <c r="UAG702" s="613"/>
      <c r="UAH702" s="613"/>
      <c r="UAI702" s="613"/>
      <c r="UAJ702" s="613"/>
      <c r="UAK702" s="613"/>
      <c r="UAL702" s="613"/>
      <c r="UAM702" s="613"/>
      <c r="UAN702" s="613"/>
      <c r="UAO702" s="613"/>
      <c r="UAP702" s="613"/>
      <c r="UAQ702" s="613"/>
      <c r="UAR702" s="613"/>
      <c r="UAS702" s="613"/>
      <c r="UAT702" s="613"/>
      <c r="UAU702" s="613"/>
      <c r="UAV702" s="613"/>
      <c r="UAW702" s="613"/>
      <c r="UAX702" s="613"/>
      <c r="UAY702" s="613"/>
      <c r="UAZ702" s="613"/>
      <c r="UBA702" s="613"/>
      <c r="UBB702" s="613"/>
      <c r="UBC702" s="613"/>
      <c r="UBD702" s="613"/>
      <c r="UBE702" s="613"/>
      <c r="UBF702" s="613"/>
      <c r="UBG702" s="613"/>
      <c r="UBH702" s="613"/>
      <c r="UBI702" s="613"/>
      <c r="UBJ702" s="613"/>
      <c r="UBK702" s="613"/>
      <c r="UBL702" s="613"/>
      <c r="UBM702" s="613"/>
      <c r="UBN702" s="613"/>
      <c r="UBO702" s="613"/>
      <c r="UBP702" s="613"/>
      <c r="UBQ702" s="613"/>
      <c r="UBR702" s="613"/>
      <c r="UBS702" s="613"/>
      <c r="UBT702" s="613"/>
      <c r="UBU702" s="613"/>
      <c r="UBV702" s="613"/>
      <c r="UBW702" s="613"/>
      <c r="UBX702" s="613"/>
      <c r="UBY702" s="613"/>
      <c r="UBZ702" s="613"/>
      <c r="UCA702" s="613"/>
      <c r="UCB702" s="613"/>
      <c r="UCC702" s="613"/>
      <c r="UCD702" s="613"/>
      <c r="UCE702" s="613"/>
      <c r="UCF702" s="613"/>
      <c r="UCG702" s="613"/>
      <c r="UCH702" s="613"/>
      <c r="UCI702" s="613"/>
      <c r="UCJ702" s="613"/>
      <c r="UCK702" s="613"/>
      <c r="UCL702" s="613"/>
      <c r="UCM702" s="613"/>
      <c r="UCN702" s="613"/>
      <c r="UCO702" s="613"/>
      <c r="UCP702" s="613"/>
      <c r="UCQ702" s="613"/>
      <c r="UCR702" s="613"/>
      <c r="UCS702" s="613"/>
      <c r="UCT702" s="613"/>
      <c r="UCU702" s="613"/>
      <c r="UCV702" s="613"/>
      <c r="UCW702" s="613"/>
      <c r="UCX702" s="613"/>
      <c r="UCY702" s="613"/>
      <c r="UCZ702" s="613"/>
      <c r="UDA702" s="613"/>
      <c r="UDB702" s="613"/>
      <c r="UDC702" s="613"/>
      <c r="UDD702" s="613"/>
      <c r="UDE702" s="613"/>
      <c r="UDF702" s="613"/>
      <c r="UDG702" s="613"/>
      <c r="UDH702" s="613"/>
      <c r="UDI702" s="613"/>
      <c r="UDJ702" s="613"/>
      <c r="UDK702" s="613"/>
      <c r="UDL702" s="613"/>
      <c r="UDM702" s="613"/>
      <c r="UDN702" s="613"/>
      <c r="UDO702" s="613"/>
      <c r="UDP702" s="613"/>
      <c r="UDQ702" s="613"/>
      <c r="UDR702" s="613"/>
      <c r="UDS702" s="613"/>
      <c r="UDT702" s="613"/>
      <c r="UDU702" s="613"/>
      <c r="UDV702" s="613"/>
      <c r="UDW702" s="613"/>
      <c r="UDX702" s="613"/>
      <c r="UDY702" s="613"/>
      <c r="UDZ702" s="613"/>
      <c r="UEA702" s="613"/>
      <c r="UEB702" s="613"/>
      <c r="UEC702" s="613"/>
      <c r="UED702" s="613"/>
      <c r="UEE702" s="613"/>
      <c r="UEF702" s="613"/>
      <c r="UEG702" s="613"/>
      <c r="UEH702" s="613"/>
      <c r="UEI702" s="613"/>
      <c r="UEJ702" s="613"/>
      <c r="UEK702" s="613"/>
      <c r="UEL702" s="613"/>
      <c r="UEM702" s="613"/>
      <c r="UEN702" s="613"/>
      <c r="UEO702" s="613"/>
      <c r="UEP702" s="613"/>
      <c r="UEQ702" s="613"/>
      <c r="UER702" s="613"/>
      <c r="UES702" s="613"/>
      <c r="UET702" s="613"/>
      <c r="UEU702" s="613"/>
      <c r="UEV702" s="613"/>
      <c r="UEW702" s="613"/>
      <c r="UEX702" s="613"/>
      <c r="UEY702" s="613"/>
      <c r="UEZ702" s="613"/>
      <c r="UFA702" s="613"/>
      <c r="UFB702" s="613"/>
      <c r="UFC702" s="613"/>
      <c r="UFD702" s="613"/>
      <c r="UFE702" s="613"/>
      <c r="UFF702" s="613"/>
      <c r="UFG702" s="613"/>
      <c r="UFH702" s="613"/>
      <c r="UFI702" s="613"/>
      <c r="UFJ702" s="613"/>
      <c r="UFK702" s="613"/>
      <c r="UFL702" s="613"/>
      <c r="UFM702" s="613"/>
      <c r="UFN702" s="613"/>
      <c r="UFO702" s="613"/>
      <c r="UFP702" s="613"/>
      <c r="UFQ702" s="613"/>
      <c r="UFR702" s="613"/>
      <c r="UFS702" s="613"/>
      <c r="UFT702" s="613"/>
      <c r="UFU702" s="613"/>
      <c r="UFV702" s="613"/>
      <c r="UFW702" s="613"/>
      <c r="UFX702" s="613"/>
      <c r="UFY702" s="613"/>
      <c r="UFZ702" s="613"/>
      <c r="UGA702" s="613"/>
      <c r="UGB702" s="613"/>
      <c r="UGC702" s="613"/>
      <c r="UGD702" s="613"/>
      <c r="UGE702" s="613"/>
      <c r="UGF702" s="613"/>
      <c r="UGG702" s="613"/>
      <c r="UGH702" s="613"/>
      <c r="UGI702" s="613"/>
      <c r="UGJ702" s="613"/>
      <c r="UGK702" s="613"/>
      <c r="UGL702" s="613"/>
      <c r="UGM702" s="613"/>
      <c r="UGN702" s="613"/>
      <c r="UGO702" s="613"/>
      <c r="UGP702" s="613"/>
      <c r="UGQ702" s="613"/>
      <c r="UGR702" s="613"/>
      <c r="UGS702" s="613"/>
      <c r="UGT702" s="613"/>
      <c r="UGU702" s="613"/>
      <c r="UGV702" s="613"/>
      <c r="UGW702" s="613"/>
      <c r="UGX702" s="613"/>
      <c r="UGY702" s="613"/>
      <c r="UGZ702" s="613"/>
      <c r="UHA702" s="613"/>
      <c r="UHB702" s="613"/>
      <c r="UHC702" s="613"/>
      <c r="UHD702" s="613"/>
      <c r="UHE702" s="613"/>
      <c r="UHF702" s="613"/>
      <c r="UHG702" s="613"/>
      <c r="UHH702" s="613"/>
      <c r="UHI702" s="613"/>
      <c r="UHJ702" s="613"/>
      <c r="UHK702" s="613"/>
      <c r="UHL702" s="613"/>
      <c r="UHM702" s="613"/>
      <c r="UHN702" s="613"/>
      <c r="UHO702" s="613"/>
      <c r="UHP702" s="613"/>
      <c r="UHQ702" s="613"/>
      <c r="UHR702" s="613"/>
      <c r="UHS702" s="613"/>
      <c r="UHT702" s="613"/>
      <c r="UHU702" s="613"/>
      <c r="UHV702" s="613"/>
      <c r="UHW702" s="613"/>
      <c r="UHX702" s="613"/>
      <c r="UHY702" s="613"/>
      <c r="UHZ702" s="613"/>
      <c r="UIA702" s="613"/>
      <c r="UIB702" s="613"/>
      <c r="UIC702" s="613"/>
      <c r="UID702" s="613"/>
      <c r="UIE702" s="613"/>
      <c r="UIF702" s="613"/>
      <c r="UIG702" s="613"/>
      <c r="UIH702" s="613"/>
      <c r="UII702" s="613"/>
      <c r="UIJ702" s="613"/>
      <c r="UIK702" s="613"/>
      <c r="UIL702" s="613"/>
      <c r="UIM702" s="613"/>
      <c r="UIN702" s="613"/>
      <c r="UIO702" s="613"/>
      <c r="UIP702" s="613"/>
      <c r="UIQ702" s="613"/>
      <c r="UIR702" s="613"/>
      <c r="UIS702" s="613"/>
      <c r="UIT702" s="613"/>
      <c r="UIU702" s="613"/>
      <c r="UIV702" s="613"/>
      <c r="UIW702" s="613"/>
      <c r="UIX702" s="613"/>
      <c r="UIY702" s="613"/>
      <c r="UIZ702" s="613"/>
      <c r="UJA702" s="613"/>
      <c r="UJB702" s="613"/>
      <c r="UJC702" s="613"/>
      <c r="UJD702" s="613"/>
      <c r="UJE702" s="613"/>
      <c r="UJF702" s="613"/>
      <c r="UJG702" s="613"/>
      <c r="UJH702" s="613"/>
      <c r="UJI702" s="613"/>
      <c r="UJJ702" s="613"/>
      <c r="UJK702" s="613"/>
      <c r="UJL702" s="613"/>
      <c r="UJM702" s="613"/>
      <c r="UJN702" s="613"/>
      <c r="UJO702" s="613"/>
      <c r="UJP702" s="613"/>
      <c r="UJQ702" s="613"/>
      <c r="UJR702" s="613"/>
      <c r="UJS702" s="613"/>
      <c r="UJT702" s="613"/>
      <c r="UJU702" s="613"/>
      <c r="UJV702" s="613"/>
      <c r="UJW702" s="613"/>
      <c r="UJX702" s="613"/>
      <c r="UJY702" s="613"/>
      <c r="UJZ702" s="613"/>
      <c r="UKA702" s="613"/>
      <c r="UKB702" s="613"/>
      <c r="UKC702" s="613"/>
      <c r="UKD702" s="613"/>
      <c r="UKE702" s="613"/>
      <c r="UKF702" s="613"/>
      <c r="UKG702" s="613"/>
      <c r="UKH702" s="613"/>
      <c r="UKI702" s="613"/>
      <c r="UKJ702" s="613"/>
      <c r="UKK702" s="613"/>
      <c r="UKL702" s="613"/>
      <c r="UKM702" s="613"/>
      <c r="UKN702" s="613"/>
      <c r="UKO702" s="613"/>
      <c r="UKP702" s="613"/>
      <c r="UKQ702" s="613"/>
      <c r="UKR702" s="613"/>
      <c r="UKS702" s="613"/>
      <c r="UKT702" s="613"/>
      <c r="UKU702" s="613"/>
      <c r="UKV702" s="613"/>
      <c r="UKW702" s="613"/>
      <c r="UKX702" s="613"/>
      <c r="UKY702" s="613"/>
      <c r="UKZ702" s="613"/>
      <c r="ULA702" s="613"/>
      <c r="ULB702" s="613"/>
      <c r="ULC702" s="613"/>
      <c r="ULD702" s="613"/>
      <c r="ULE702" s="613"/>
      <c r="ULF702" s="613"/>
      <c r="ULG702" s="613"/>
      <c r="ULH702" s="613"/>
      <c r="ULI702" s="613"/>
      <c r="ULJ702" s="613"/>
      <c r="ULK702" s="613"/>
      <c r="ULL702" s="613"/>
      <c r="ULM702" s="613"/>
      <c r="ULN702" s="613"/>
      <c r="ULO702" s="613"/>
      <c r="ULP702" s="613"/>
      <c r="ULQ702" s="613"/>
      <c r="ULR702" s="613"/>
      <c r="ULS702" s="613"/>
      <c r="ULT702" s="613"/>
      <c r="ULU702" s="613"/>
      <c r="ULV702" s="613"/>
      <c r="ULW702" s="613"/>
      <c r="ULX702" s="613"/>
      <c r="ULY702" s="613"/>
      <c r="ULZ702" s="613"/>
      <c r="UMA702" s="613"/>
      <c r="UMB702" s="613"/>
      <c r="UMC702" s="613"/>
      <c r="UMD702" s="613"/>
      <c r="UME702" s="613"/>
      <c r="UMF702" s="613"/>
      <c r="UMG702" s="613"/>
      <c r="UMH702" s="613"/>
      <c r="UMI702" s="613"/>
      <c r="UMJ702" s="613"/>
      <c r="UMK702" s="613"/>
      <c r="UML702" s="613"/>
      <c r="UMM702" s="613"/>
      <c r="UMN702" s="613"/>
      <c r="UMO702" s="613"/>
      <c r="UMP702" s="613"/>
      <c r="UMQ702" s="613"/>
      <c r="UMR702" s="613"/>
      <c r="UMS702" s="613"/>
      <c r="UMT702" s="613"/>
      <c r="UMU702" s="613"/>
      <c r="UMV702" s="613"/>
      <c r="UMW702" s="613"/>
      <c r="UMX702" s="613"/>
      <c r="UMY702" s="613"/>
      <c r="UMZ702" s="613"/>
      <c r="UNA702" s="613"/>
      <c r="UNB702" s="613"/>
      <c r="UNC702" s="613"/>
      <c r="UND702" s="613"/>
      <c r="UNE702" s="613"/>
      <c r="UNF702" s="613"/>
      <c r="UNG702" s="613"/>
      <c r="UNH702" s="613"/>
      <c r="UNI702" s="613"/>
      <c r="UNJ702" s="613"/>
      <c r="UNK702" s="613"/>
      <c r="UNL702" s="613"/>
      <c r="UNM702" s="613"/>
      <c r="UNN702" s="613"/>
      <c r="UNO702" s="613"/>
      <c r="UNP702" s="613"/>
      <c r="UNQ702" s="613"/>
      <c r="UNR702" s="613"/>
      <c r="UNS702" s="613"/>
      <c r="UNT702" s="613"/>
      <c r="UNU702" s="613"/>
      <c r="UNV702" s="613"/>
      <c r="UNW702" s="613"/>
      <c r="UNX702" s="613"/>
      <c r="UNY702" s="613"/>
      <c r="UNZ702" s="613"/>
      <c r="UOA702" s="613"/>
      <c r="UOB702" s="613"/>
      <c r="UOC702" s="613"/>
      <c r="UOD702" s="613"/>
      <c r="UOE702" s="613"/>
      <c r="UOF702" s="613"/>
      <c r="UOG702" s="613"/>
      <c r="UOH702" s="613"/>
      <c r="UOI702" s="613"/>
      <c r="UOJ702" s="613"/>
      <c r="UOK702" s="613"/>
      <c r="UOL702" s="613"/>
      <c r="UOM702" s="613"/>
      <c r="UON702" s="613"/>
      <c r="UOO702" s="613"/>
      <c r="UOP702" s="613"/>
      <c r="UOQ702" s="613"/>
      <c r="UOR702" s="613"/>
      <c r="UOS702" s="613"/>
      <c r="UOT702" s="613"/>
      <c r="UOU702" s="613"/>
      <c r="UOV702" s="613"/>
      <c r="UOW702" s="613"/>
      <c r="UOX702" s="613"/>
      <c r="UOY702" s="613"/>
      <c r="UOZ702" s="613"/>
      <c r="UPA702" s="613"/>
      <c r="UPB702" s="613"/>
      <c r="UPC702" s="613"/>
      <c r="UPD702" s="613"/>
      <c r="UPE702" s="613"/>
      <c r="UPF702" s="613"/>
      <c r="UPG702" s="613"/>
      <c r="UPH702" s="613"/>
      <c r="UPI702" s="613"/>
      <c r="UPJ702" s="613"/>
      <c r="UPK702" s="613"/>
      <c r="UPL702" s="613"/>
      <c r="UPM702" s="613"/>
      <c r="UPN702" s="613"/>
      <c r="UPO702" s="613"/>
      <c r="UPP702" s="613"/>
      <c r="UPQ702" s="613"/>
      <c r="UPR702" s="613"/>
      <c r="UPS702" s="613"/>
      <c r="UPT702" s="613"/>
      <c r="UPU702" s="613"/>
      <c r="UPV702" s="613"/>
      <c r="UPW702" s="613"/>
      <c r="UPX702" s="613"/>
      <c r="UPY702" s="613"/>
      <c r="UPZ702" s="613"/>
      <c r="UQA702" s="613"/>
      <c r="UQB702" s="613"/>
      <c r="UQC702" s="613"/>
      <c r="UQD702" s="613"/>
      <c r="UQE702" s="613"/>
      <c r="UQF702" s="613"/>
      <c r="UQG702" s="613"/>
      <c r="UQH702" s="613"/>
      <c r="UQI702" s="613"/>
      <c r="UQJ702" s="613"/>
      <c r="UQK702" s="613"/>
      <c r="UQL702" s="613"/>
      <c r="UQM702" s="613"/>
      <c r="UQN702" s="613"/>
      <c r="UQO702" s="613"/>
      <c r="UQP702" s="613"/>
      <c r="UQQ702" s="613"/>
      <c r="UQR702" s="613"/>
      <c r="UQS702" s="613"/>
      <c r="UQT702" s="613"/>
      <c r="UQU702" s="613"/>
      <c r="UQV702" s="613"/>
      <c r="UQW702" s="613"/>
      <c r="UQX702" s="613"/>
      <c r="UQY702" s="613"/>
      <c r="UQZ702" s="613"/>
      <c r="URA702" s="613"/>
      <c r="URB702" s="613"/>
      <c r="URC702" s="613"/>
      <c r="URD702" s="613"/>
      <c r="URE702" s="613"/>
      <c r="URF702" s="613"/>
      <c r="URG702" s="613"/>
      <c r="URH702" s="613"/>
      <c r="URI702" s="613"/>
      <c r="URJ702" s="613"/>
      <c r="URK702" s="613"/>
      <c r="URL702" s="613"/>
      <c r="URM702" s="613"/>
      <c r="URN702" s="613"/>
      <c r="URO702" s="613"/>
      <c r="URP702" s="613"/>
      <c r="URQ702" s="613"/>
      <c r="URR702" s="613"/>
      <c r="URS702" s="613"/>
      <c r="URT702" s="613"/>
      <c r="URU702" s="613"/>
      <c r="URV702" s="613"/>
      <c r="URW702" s="613"/>
      <c r="URX702" s="613"/>
      <c r="URY702" s="613"/>
      <c r="URZ702" s="613"/>
      <c r="USA702" s="613"/>
      <c r="USB702" s="613"/>
      <c r="USC702" s="613"/>
      <c r="USD702" s="613"/>
      <c r="USE702" s="613"/>
      <c r="USF702" s="613"/>
      <c r="USG702" s="613"/>
      <c r="USH702" s="613"/>
      <c r="USI702" s="613"/>
      <c r="USJ702" s="613"/>
      <c r="USK702" s="613"/>
      <c r="USL702" s="613"/>
      <c r="USM702" s="613"/>
      <c r="USN702" s="613"/>
      <c r="USO702" s="613"/>
      <c r="USP702" s="613"/>
      <c r="USQ702" s="613"/>
      <c r="USR702" s="613"/>
      <c r="USS702" s="613"/>
      <c r="UST702" s="613"/>
      <c r="USU702" s="613"/>
      <c r="USV702" s="613"/>
      <c r="USW702" s="613"/>
      <c r="USX702" s="613"/>
      <c r="USY702" s="613"/>
      <c r="USZ702" s="613"/>
      <c r="UTA702" s="613"/>
      <c r="UTB702" s="613"/>
      <c r="UTC702" s="613"/>
      <c r="UTD702" s="613"/>
      <c r="UTE702" s="613"/>
      <c r="UTF702" s="613"/>
      <c r="UTG702" s="613"/>
      <c r="UTH702" s="613"/>
      <c r="UTI702" s="613"/>
      <c r="UTJ702" s="613"/>
      <c r="UTK702" s="613"/>
      <c r="UTL702" s="613"/>
      <c r="UTM702" s="613"/>
      <c r="UTN702" s="613"/>
      <c r="UTO702" s="613"/>
      <c r="UTP702" s="613"/>
      <c r="UTQ702" s="613"/>
      <c r="UTR702" s="613"/>
      <c r="UTS702" s="613"/>
      <c r="UTT702" s="613"/>
      <c r="UTU702" s="613"/>
      <c r="UTV702" s="613"/>
      <c r="UTW702" s="613"/>
      <c r="UTX702" s="613"/>
      <c r="UTY702" s="613"/>
      <c r="UTZ702" s="613"/>
      <c r="UUA702" s="613"/>
      <c r="UUB702" s="613"/>
      <c r="UUC702" s="613"/>
      <c r="UUD702" s="613"/>
      <c r="UUE702" s="613"/>
      <c r="UUF702" s="613"/>
      <c r="UUG702" s="613"/>
      <c r="UUH702" s="613"/>
      <c r="UUI702" s="613"/>
      <c r="UUJ702" s="613"/>
      <c r="UUK702" s="613"/>
      <c r="UUL702" s="613"/>
      <c r="UUM702" s="613"/>
      <c r="UUN702" s="613"/>
      <c r="UUO702" s="613"/>
      <c r="UUP702" s="613"/>
      <c r="UUQ702" s="613"/>
      <c r="UUR702" s="613"/>
      <c r="UUS702" s="613"/>
      <c r="UUT702" s="613"/>
      <c r="UUU702" s="613"/>
      <c r="UUV702" s="613"/>
      <c r="UUW702" s="613"/>
      <c r="UUX702" s="613"/>
      <c r="UUY702" s="613"/>
      <c r="UUZ702" s="613"/>
      <c r="UVA702" s="613"/>
      <c r="UVB702" s="613"/>
      <c r="UVC702" s="613"/>
      <c r="UVD702" s="613"/>
      <c r="UVE702" s="613"/>
      <c r="UVF702" s="613"/>
      <c r="UVG702" s="613"/>
      <c r="UVH702" s="613"/>
      <c r="UVI702" s="613"/>
      <c r="UVJ702" s="613"/>
      <c r="UVK702" s="613"/>
      <c r="UVL702" s="613"/>
      <c r="UVM702" s="613"/>
      <c r="UVN702" s="613"/>
      <c r="UVO702" s="613"/>
      <c r="UVP702" s="613"/>
      <c r="UVQ702" s="613"/>
      <c r="UVR702" s="613"/>
      <c r="UVS702" s="613"/>
      <c r="UVT702" s="613"/>
      <c r="UVU702" s="613"/>
      <c r="UVV702" s="613"/>
      <c r="UVW702" s="613"/>
      <c r="UVX702" s="613"/>
      <c r="UVY702" s="613"/>
      <c r="UVZ702" s="613"/>
      <c r="UWA702" s="613"/>
      <c r="UWB702" s="613"/>
      <c r="UWC702" s="613"/>
      <c r="UWD702" s="613"/>
      <c r="UWE702" s="613"/>
      <c r="UWF702" s="613"/>
      <c r="UWG702" s="613"/>
      <c r="UWH702" s="613"/>
      <c r="UWI702" s="613"/>
      <c r="UWJ702" s="613"/>
      <c r="UWK702" s="613"/>
      <c r="UWL702" s="613"/>
      <c r="UWM702" s="613"/>
      <c r="UWN702" s="613"/>
      <c r="UWO702" s="613"/>
      <c r="UWP702" s="613"/>
      <c r="UWQ702" s="613"/>
      <c r="UWR702" s="613"/>
      <c r="UWS702" s="613"/>
      <c r="UWT702" s="613"/>
      <c r="UWU702" s="613"/>
      <c r="UWV702" s="613"/>
      <c r="UWW702" s="613"/>
      <c r="UWX702" s="613"/>
      <c r="UWY702" s="613"/>
      <c r="UWZ702" s="613"/>
      <c r="UXA702" s="613"/>
      <c r="UXB702" s="613"/>
      <c r="UXC702" s="613"/>
      <c r="UXD702" s="613"/>
      <c r="UXE702" s="613"/>
      <c r="UXF702" s="613"/>
      <c r="UXG702" s="613"/>
      <c r="UXH702" s="613"/>
      <c r="UXI702" s="613"/>
      <c r="UXJ702" s="613"/>
      <c r="UXK702" s="613"/>
      <c r="UXL702" s="613"/>
      <c r="UXM702" s="613"/>
      <c r="UXN702" s="613"/>
      <c r="UXO702" s="613"/>
      <c r="UXP702" s="613"/>
      <c r="UXQ702" s="613"/>
      <c r="UXR702" s="613"/>
      <c r="UXS702" s="613"/>
      <c r="UXT702" s="613"/>
      <c r="UXU702" s="613"/>
      <c r="UXV702" s="613"/>
      <c r="UXW702" s="613"/>
      <c r="UXX702" s="613"/>
      <c r="UXY702" s="613"/>
      <c r="UXZ702" s="613"/>
      <c r="UYA702" s="613"/>
      <c r="UYB702" s="613"/>
      <c r="UYC702" s="613"/>
      <c r="UYD702" s="613"/>
      <c r="UYE702" s="613"/>
      <c r="UYF702" s="613"/>
      <c r="UYG702" s="613"/>
      <c r="UYH702" s="613"/>
      <c r="UYI702" s="613"/>
      <c r="UYJ702" s="613"/>
      <c r="UYK702" s="613"/>
      <c r="UYL702" s="613"/>
      <c r="UYM702" s="613"/>
      <c r="UYN702" s="613"/>
      <c r="UYO702" s="613"/>
      <c r="UYP702" s="613"/>
      <c r="UYQ702" s="613"/>
      <c r="UYR702" s="613"/>
      <c r="UYS702" s="613"/>
      <c r="UYT702" s="613"/>
      <c r="UYU702" s="613"/>
      <c r="UYV702" s="613"/>
      <c r="UYW702" s="613"/>
      <c r="UYX702" s="613"/>
      <c r="UYY702" s="613"/>
      <c r="UYZ702" s="613"/>
      <c r="UZA702" s="613"/>
      <c r="UZB702" s="613"/>
      <c r="UZC702" s="613"/>
      <c r="UZD702" s="613"/>
      <c r="UZE702" s="613"/>
      <c r="UZF702" s="613"/>
      <c r="UZG702" s="613"/>
      <c r="UZH702" s="613"/>
      <c r="UZI702" s="613"/>
      <c r="UZJ702" s="613"/>
      <c r="UZK702" s="613"/>
      <c r="UZL702" s="613"/>
      <c r="UZM702" s="613"/>
      <c r="UZN702" s="613"/>
      <c r="UZO702" s="613"/>
      <c r="UZP702" s="613"/>
      <c r="UZQ702" s="613"/>
      <c r="UZR702" s="613"/>
      <c r="UZS702" s="613"/>
      <c r="UZT702" s="613"/>
      <c r="UZU702" s="613"/>
      <c r="UZV702" s="613"/>
      <c r="UZW702" s="613"/>
      <c r="UZX702" s="613"/>
      <c r="UZY702" s="613"/>
      <c r="UZZ702" s="613"/>
      <c r="VAA702" s="613"/>
      <c r="VAB702" s="613"/>
      <c r="VAC702" s="613"/>
      <c r="VAD702" s="613"/>
      <c r="VAE702" s="613"/>
      <c r="VAF702" s="613"/>
      <c r="VAG702" s="613"/>
      <c r="VAH702" s="613"/>
      <c r="VAI702" s="613"/>
      <c r="VAJ702" s="613"/>
      <c r="VAK702" s="613"/>
      <c r="VAL702" s="613"/>
      <c r="VAM702" s="613"/>
      <c r="VAN702" s="613"/>
      <c r="VAO702" s="613"/>
      <c r="VAP702" s="613"/>
      <c r="VAQ702" s="613"/>
      <c r="VAR702" s="613"/>
      <c r="VAS702" s="613"/>
      <c r="VAT702" s="613"/>
      <c r="VAU702" s="613"/>
      <c r="VAV702" s="613"/>
      <c r="VAW702" s="613"/>
      <c r="VAX702" s="613"/>
      <c r="VAY702" s="613"/>
      <c r="VAZ702" s="613"/>
      <c r="VBA702" s="613"/>
      <c r="VBB702" s="613"/>
      <c r="VBC702" s="613"/>
      <c r="VBD702" s="613"/>
      <c r="VBE702" s="613"/>
      <c r="VBF702" s="613"/>
      <c r="VBG702" s="613"/>
      <c r="VBH702" s="613"/>
      <c r="VBI702" s="613"/>
      <c r="VBJ702" s="613"/>
      <c r="VBK702" s="613"/>
      <c r="VBL702" s="613"/>
      <c r="VBM702" s="613"/>
      <c r="VBN702" s="613"/>
      <c r="VBO702" s="613"/>
      <c r="VBP702" s="613"/>
      <c r="VBQ702" s="613"/>
      <c r="VBR702" s="613"/>
      <c r="VBS702" s="613"/>
      <c r="VBT702" s="613"/>
      <c r="VBU702" s="613"/>
      <c r="VBV702" s="613"/>
      <c r="VBW702" s="613"/>
      <c r="VBX702" s="613"/>
      <c r="VBY702" s="613"/>
      <c r="VBZ702" s="613"/>
      <c r="VCA702" s="613"/>
      <c r="VCB702" s="613"/>
      <c r="VCC702" s="613"/>
      <c r="VCD702" s="613"/>
      <c r="VCE702" s="613"/>
      <c r="VCF702" s="613"/>
      <c r="VCG702" s="613"/>
      <c r="VCH702" s="613"/>
      <c r="VCI702" s="613"/>
      <c r="VCJ702" s="613"/>
      <c r="VCK702" s="613"/>
      <c r="VCL702" s="613"/>
      <c r="VCM702" s="613"/>
      <c r="VCN702" s="613"/>
      <c r="VCO702" s="613"/>
      <c r="VCP702" s="613"/>
      <c r="VCQ702" s="613"/>
      <c r="VCR702" s="613"/>
      <c r="VCS702" s="613"/>
      <c r="VCT702" s="613"/>
      <c r="VCU702" s="613"/>
      <c r="VCV702" s="613"/>
      <c r="VCW702" s="613"/>
      <c r="VCX702" s="613"/>
      <c r="VCY702" s="613"/>
      <c r="VCZ702" s="613"/>
      <c r="VDA702" s="613"/>
      <c r="VDB702" s="613"/>
      <c r="VDC702" s="613"/>
      <c r="VDD702" s="613"/>
      <c r="VDE702" s="613"/>
      <c r="VDF702" s="613"/>
      <c r="VDG702" s="613"/>
      <c r="VDH702" s="613"/>
      <c r="VDI702" s="613"/>
      <c r="VDJ702" s="613"/>
      <c r="VDK702" s="613"/>
      <c r="VDL702" s="613"/>
      <c r="VDM702" s="613"/>
      <c r="VDN702" s="613"/>
      <c r="VDO702" s="613"/>
      <c r="VDP702" s="613"/>
      <c r="VDQ702" s="613"/>
      <c r="VDR702" s="613"/>
      <c r="VDS702" s="613"/>
      <c r="VDT702" s="613"/>
      <c r="VDU702" s="613"/>
      <c r="VDV702" s="613"/>
      <c r="VDW702" s="613"/>
      <c r="VDX702" s="613"/>
      <c r="VDY702" s="613"/>
      <c r="VDZ702" s="613"/>
      <c r="VEA702" s="613"/>
      <c r="VEB702" s="613"/>
      <c r="VEC702" s="613"/>
      <c r="VED702" s="613"/>
      <c r="VEE702" s="613"/>
      <c r="VEF702" s="613"/>
      <c r="VEG702" s="613"/>
      <c r="VEH702" s="613"/>
      <c r="VEI702" s="613"/>
      <c r="VEJ702" s="613"/>
      <c r="VEK702" s="613"/>
      <c r="VEL702" s="613"/>
      <c r="VEM702" s="613"/>
      <c r="VEN702" s="613"/>
      <c r="VEO702" s="613"/>
      <c r="VEP702" s="613"/>
      <c r="VEQ702" s="613"/>
      <c r="VER702" s="613"/>
      <c r="VES702" s="613"/>
      <c r="VET702" s="613"/>
      <c r="VEU702" s="613"/>
      <c r="VEV702" s="613"/>
      <c r="VEW702" s="613"/>
      <c r="VEX702" s="613"/>
      <c r="VEY702" s="613"/>
      <c r="VEZ702" s="613"/>
      <c r="VFA702" s="613"/>
      <c r="VFB702" s="613"/>
      <c r="VFC702" s="613"/>
      <c r="VFD702" s="613"/>
      <c r="VFE702" s="613"/>
      <c r="VFF702" s="613"/>
      <c r="VFG702" s="613"/>
      <c r="VFH702" s="613"/>
      <c r="VFI702" s="613"/>
      <c r="VFJ702" s="613"/>
      <c r="VFK702" s="613"/>
      <c r="VFL702" s="613"/>
      <c r="VFM702" s="613"/>
      <c r="VFN702" s="613"/>
      <c r="VFO702" s="613"/>
      <c r="VFP702" s="613"/>
      <c r="VFQ702" s="613"/>
      <c r="VFR702" s="613"/>
      <c r="VFS702" s="613"/>
      <c r="VFT702" s="613"/>
      <c r="VFU702" s="613"/>
      <c r="VFV702" s="613"/>
      <c r="VFW702" s="613"/>
      <c r="VFX702" s="613"/>
      <c r="VFY702" s="613"/>
      <c r="VFZ702" s="613"/>
      <c r="VGA702" s="613"/>
      <c r="VGB702" s="613"/>
      <c r="VGC702" s="613"/>
      <c r="VGD702" s="613"/>
      <c r="VGE702" s="613"/>
      <c r="VGF702" s="613"/>
      <c r="VGG702" s="613"/>
      <c r="VGH702" s="613"/>
      <c r="VGI702" s="613"/>
      <c r="VGJ702" s="613"/>
      <c r="VGK702" s="613"/>
      <c r="VGL702" s="613"/>
      <c r="VGM702" s="613"/>
      <c r="VGN702" s="613"/>
      <c r="VGO702" s="613"/>
      <c r="VGP702" s="613"/>
      <c r="VGQ702" s="613"/>
      <c r="VGR702" s="613"/>
      <c r="VGS702" s="613"/>
      <c r="VGT702" s="613"/>
      <c r="VGU702" s="613"/>
      <c r="VGV702" s="613"/>
      <c r="VGW702" s="613"/>
      <c r="VGX702" s="613"/>
      <c r="VGY702" s="613"/>
      <c r="VGZ702" s="613"/>
      <c r="VHA702" s="613"/>
      <c r="VHB702" s="613"/>
      <c r="VHC702" s="613"/>
      <c r="VHD702" s="613"/>
      <c r="VHE702" s="613"/>
      <c r="VHF702" s="613"/>
      <c r="VHG702" s="613"/>
      <c r="VHH702" s="613"/>
      <c r="VHI702" s="613"/>
      <c r="VHJ702" s="613"/>
      <c r="VHK702" s="613"/>
      <c r="VHL702" s="613"/>
      <c r="VHM702" s="613"/>
      <c r="VHN702" s="613"/>
      <c r="VHO702" s="613"/>
      <c r="VHP702" s="613"/>
      <c r="VHQ702" s="613"/>
      <c r="VHR702" s="613"/>
      <c r="VHS702" s="613"/>
      <c r="VHT702" s="613"/>
      <c r="VHU702" s="613"/>
      <c r="VHV702" s="613"/>
      <c r="VHW702" s="613"/>
      <c r="VHX702" s="613"/>
      <c r="VHY702" s="613"/>
      <c r="VHZ702" s="613"/>
      <c r="VIA702" s="613"/>
      <c r="VIB702" s="613"/>
      <c r="VIC702" s="613"/>
      <c r="VID702" s="613"/>
      <c r="VIE702" s="613"/>
      <c r="VIF702" s="613"/>
      <c r="VIG702" s="613"/>
      <c r="VIH702" s="613"/>
      <c r="VII702" s="613"/>
      <c r="VIJ702" s="613"/>
      <c r="VIK702" s="613"/>
      <c r="VIL702" s="613"/>
      <c r="VIM702" s="613"/>
      <c r="VIN702" s="613"/>
      <c r="VIO702" s="613"/>
      <c r="VIP702" s="613"/>
      <c r="VIQ702" s="613"/>
      <c r="VIR702" s="613"/>
      <c r="VIS702" s="613"/>
      <c r="VIT702" s="613"/>
      <c r="VIU702" s="613"/>
      <c r="VIV702" s="613"/>
      <c r="VIW702" s="613"/>
      <c r="VIX702" s="613"/>
      <c r="VIY702" s="613"/>
      <c r="VIZ702" s="613"/>
      <c r="VJA702" s="613"/>
      <c r="VJB702" s="613"/>
      <c r="VJC702" s="613"/>
      <c r="VJD702" s="613"/>
      <c r="VJE702" s="613"/>
      <c r="VJF702" s="613"/>
      <c r="VJG702" s="613"/>
      <c r="VJH702" s="613"/>
      <c r="VJI702" s="613"/>
      <c r="VJJ702" s="613"/>
      <c r="VJK702" s="613"/>
      <c r="VJL702" s="613"/>
      <c r="VJM702" s="613"/>
      <c r="VJN702" s="613"/>
      <c r="VJO702" s="613"/>
      <c r="VJP702" s="613"/>
      <c r="VJQ702" s="613"/>
      <c r="VJR702" s="613"/>
      <c r="VJS702" s="613"/>
      <c r="VJT702" s="613"/>
      <c r="VJU702" s="613"/>
      <c r="VJV702" s="613"/>
      <c r="VJW702" s="613"/>
      <c r="VJX702" s="613"/>
      <c r="VJY702" s="613"/>
      <c r="VJZ702" s="613"/>
      <c r="VKA702" s="613"/>
      <c r="VKB702" s="613"/>
      <c r="VKC702" s="613"/>
      <c r="VKD702" s="613"/>
      <c r="VKE702" s="613"/>
      <c r="VKF702" s="613"/>
      <c r="VKG702" s="613"/>
      <c r="VKH702" s="613"/>
      <c r="VKI702" s="613"/>
      <c r="VKJ702" s="613"/>
      <c r="VKK702" s="613"/>
      <c r="VKL702" s="613"/>
      <c r="VKM702" s="613"/>
      <c r="VKN702" s="613"/>
      <c r="VKO702" s="613"/>
      <c r="VKP702" s="613"/>
      <c r="VKQ702" s="613"/>
      <c r="VKR702" s="613"/>
      <c r="VKS702" s="613"/>
      <c r="VKT702" s="613"/>
      <c r="VKU702" s="613"/>
      <c r="VKV702" s="613"/>
      <c r="VKW702" s="613"/>
      <c r="VKX702" s="613"/>
      <c r="VKY702" s="613"/>
      <c r="VKZ702" s="613"/>
      <c r="VLA702" s="613"/>
      <c r="VLB702" s="613"/>
      <c r="VLC702" s="613"/>
      <c r="VLD702" s="613"/>
      <c r="VLE702" s="613"/>
      <c r="VLF702" s="613"/>
      <c r="VLG702" s="613"/>
      <c r="VLH702" s="613"/>
      <c r="VLI702" s="613"/>
      <c r="VLJ702" s="613"/>
      <c r="VLK702" s="613"/>
      <c r="VLL702" s="613"/>
      <c r="VLM702" s="613"/>
      <c r="VLN702" s="613"/>
      <c r="VLO702" s="613"/>
      <c r="VLP702" s="613"/>
      <c r="VLQ702" s="613"/>
      <c r="VLR702" s="613"/>
      <c r="VLS702" s="613"/>
      <c r="VLT702" s="613"/>
      <c r="VLU702" s="613"/>
      <c r="VLV702" s="613"/>
      <c r="VLW702" s="613"/>
      <c r="VLX702" s="613"/>
      <c r="VLY702" s="613"/>
      <c r="VLZ702" s="613"/>
      <c r="VMA702" s="613"/>
      <c r="VMB702" s="613"/>
      <c r="VMC702" s="613"/>
      <c r="VMD702" s="613"/>
      <c r="VME702" s="613"/>
      <c r="VMF702" s="613"/>
      <c r="VMG702" s="613"/>
      <c r="VMH702" s="613"/>
      <c r="VMI702" s="613"/>
      <c r="VMJ702" s="613"/>
      <c r="VMK702" s="613"/>
      <c r="VML702" s="613"/>
      <c r="VMM702" s="613"/>
      <c r="VMN702" s="613"/>
      <c r="VMO702" s="613"/>
      <c r="VMP702" s="613"/>
      <c r="VMQ702" s="613"/>
      <c r="VMR702" s="613"/>
      <c r="VMS702" s="613"/>
      <c r="VMT702" s="613"/>
      <c r="VMU702" s="613"/>
      <c r="VMV702" s="613"/>
      <c r="VMW702" s="613"/>
      <c r="VMX702" s="613"/>
      <c r="VMY702" s="613"/>
      <c r="VMZ702" s="613"/>
      <c r="VNA702" s="613"/>
      <c r="VNB702" s="613"/>
      <c r="VNC702" s="613"/>
      <c r="VND702" s="613"/>
      <c r="VNE702" s="613"/>
      <c r="VNF702" s="613"/>
      <c r="VNG702" s="613"/>
      <c r="VNH702" s="613"/>
      <c r="VNI702" s="613"/>
      <c r="VNJ702" s="613"/>
      <c r="VNK702" s="613"/>
      <c r="VNL702" s="613"/>
      <c r="VNM702" s="613"/>
      <c r="VNN702" s="613"/>
      <c r="VNO702" s="613"/>
      <c r="VNP702" s="613"/>
      <c r="VNQ702" s="613"/>
      <c r="VNR702" s="613"/>
      <c r="VNS702" s="613"/>
      <c r="VNT702" s="613"/>
      <c r="VNU702" s="613"/>
      <c r="VNV702" s="613"/>
      <c r="VNW702" s="613"/>
      <c r="VNX702" s="613"/>
      <c r="VNY702" s="613"/>
      <c r="VNZ702" s="613"/>
      <c r="VOA702" s="613"/>
      <c r="VOB702" s="613"/>
      <c r="VOC702" s="613"/>
      <c r="VOD702" s="613"/>
      <c r="VOE702" s="613"/>
      <c r="VOF702" s="613"/>
      <c r="VOG702" s="613"/>
      <c r="VOH702" s="613"/>
      <c r="VOI702" s="613"/>
      <c r="VOJ702" s="613"/>
      <c r="VOK702" s="613"/>
      <c r="VOL702" s="613"/>
      <c r="VOM702" s="613"/>
      <c r="VON702" s="613"/>
      <c r="VOO702" s="613"/>
      <c r="VOP702" s="613"/>
      <c r="VOQ702" s="613"/>
      <c r="VOR702" s="613"/>
      <c r="VOS702" s="613"/>
      <c r="VOT702" s="613"/>
      <c r="VOU702" s="613"/>
      <c r="VOV702" s="613"/>
      <c r="VOW702" s="613"/>
      <c r="VOX702" s="613"/>
      <c r="VOY702" s="613"/>
      <c r="VOZ702" s="613"/>
      <c r="VPA702" s="613"/>
      <c r="VPB702" s="613"/>
      <c r="VPC702" s="613"/>
      <c r="VPD702" s="613"/>
      <c r="VPE702" s="613"/>
      <c r="VPF702" s="613"/>
      <c r="VPG702" s="613"/>
      <c r="VPH702" s="613"/>
      <c r="VPI702" s="613"/>
      <c r="VPJ702" s="613"/>
      <c r="VPK702" s="613"/>
      <c r="VPL702" s="613"/>
      <c r="VPM702" s="613"/>
      <c r="VPN702" s="613"/>
      <c r="VPO702" s="613"/>
      <c r="VPP702" s="613"/>
      <c r="VPQ702" s="613"/>
      <c r="VPR702" s="613"/>
      <c r="VPS702" s="613"/>
      <c r="VPT702" s="613"/>
      <c r="VPU702" s="613"/>
      <c r="VPV702" s="613"/>
      <c r="VPW702" s="613"/>
      <c r="VPX702" s="613"/>
      <c r="VPY702" s="613"/>
      <c r="VPZ702" s="613"/>
      <c r="VQA702" s="613"/>
      <c r="VQB702" s="613"/>
      <c r="VQC702" s="613"/>
      <c r="VQD702" s="613"/>
      <c r="VQE702" s="613"/>
      <c r="VQF702" s="613"/>
      <c r="VQG702" s="613"/>
      <c r="VQH702" s="613"/>
      <c r="VQI702" s="613"/>
      <c r="VQJ702" s="613"/>
      <c r="VQK702" s="613"/>
      <c r="VQL702" s="613"/>
      <c r="VQM702" s="613"/>
      <c r="VQN702" s="613"/>
      <c r="VQO702" s="613"/>
      <c r="VQP702" s="613"/>
      <c r="VQQ702" s="613"/>
      <c r="VQR702" s="613"/>
      <c r="VQS702" s="613"/>
      <c r="VQT702" s="613"/>
      <c r="VQU702" s="613"/>
      <c r="VQV702" s="613"/>
      <c r="VQW702" s="613"/>
      <c r="VQX702" s="613"/>
      <c r="VQY702" s="613"/>
      <c r="VQZ702" s="613"/>
      <c r="VRA702" s="613"/>
      <c r="VRB702" s="613"/>
      <c r="VRC702" s="613"/>
      <c r="VRD702" s="613"/>
      <c r="VRE702" s="613"/>
      <c r="VRF702" s="613"/>
      <c r="VRG702" s="613"/>
      <c r="VRH702" s="613"/>
      <c r="VRI702" s="613"/>
      <c r="VRJ702" s="613"/>
      <c r="VRK702" s="613"/>
      <c r="VRL702" s="613"/>
      <c r="VRM702" s="613"/>
      <c r="VRN702" s="613"/>
      <c r="VRO702" s="613"/>
      <c r="VRP702" s="613"/>
      <c r="VRQ702" s="613"/>
      <c r="VRR702" s="613"/>
      <c r="VRS702" s="613"/>
      <c r="VRT702" s="613"/>
      <c r="VRU702" s="613"/>
      <c r="VRV702" s="613"/>
      <c r="VRW702" s="613"/>
      <c r="VRX702" s="613"/>
      <c r="VRY702" s="613"/>
      <c r="VRZ702" s="613"/>
      <c r="VSA702" s="613"/>
      <c r="VSB702" s="613"/>
      <c r="VSC702" s="613"/>
      <c r="VSD702" s="613"/>
      <c r="VSE702" s="613"/>
      <c r="VSF702" s="613"/>
      <c r="VSG702" s="613"/>
      <c r="VSH702" s="613"/>
      <c r="VSI702" s="613"/>
      <c r="VSJ702" s="613"/>
      <c r="VSK702" s="613"/>
      <c r="VSL702" s="613"/>
      <c r="VSM702" s="613"/>
      <c r="VSN702" s="613"/>
      <c r="VSO702" s="613"/>
      <c r="VSP702" s="613"/>
      <c r="VSQ702" s="613"/>
      <c r="VSR702" s="613"/>
      <c r="VSS702" s="613"/>
      <c r="VST702" s="613"/>
      <c r="VSU702" s="613"/>
      <c r="VSV702" s="613"/>
      <c r="VSW702" s="613"/>
      <c r="VSX702" s="613"/>
      <c r="VSY702" s="613"/>
      <c r="VSZ702" s="613"/>
      <c r="VTA702" s="613"/>
      <c r="VTB702" s="613"/>
      <c r="VTC702" s="613"/>
      <c r="VTD702" s="613"/>
      <c r="VTE702" s="613"/>
      <c r="VTF702" s="613"/>
      <c r="VTG702" s="613"/>
      <c r="VTH702" s="613"/>
      <c r="VTI702" s="613"/>
      <c r="VTJ702" s="613"/>
      <c r="VTK702" s="613"/>
      <c r="VTL702" s="613"/>
      <c r="VTM702" s="613"/>
      <c r="VTN702" s="613"/>
      <c r="VTO702" s="613"/>
      <c r="VTP702" s="613"/>
      <c r="VTQ702" s="613"/>
      <c r="VTR702" s="613"/>
      <c r="VTS702" s="613"/>
      <c r="VTT702" s="613"/>
      <c r="VTU702" s="613"/>
      <c r="VTV702" s="613"/>
      <c r="VTW702" s="613"/>
      <c r="VTX702" s="613"/>
      <c r="VTY702" s="613"/>
      <c r="VTZ702" s="613"/>
      <c r="VUA702" s="613"/>
      <c r="VUB702" s="613"/>
      <c r="VUC702" s="613"/>
      <c r="VUD702" s="613"/>
      <c r="VUE702" s="613"/>
      <c r="VUF702" s="613"/>
      <c r="VUG702" s="613"/>
      <c r="VUH702" s="613"/>
      <c r="VUI702" s="613"/>
      <c r="VUJ702" s="613"/>
      <c r="VUK702" s="613"/>
      <c r="VUL702" s="613"/>
      <c r="VUM702" s="613"/>
      <c r="VUN702" s="613"/>
      <c r="VUO702" s="613"/>
      <c r="VUP702" s="613"/>
      <c r="VUQ702" s="613"/>
      <c r="VUR702" s="613"/>
      <c r="VUS702" s="613"/>
      <c r="VUT702" s="613"/>
      <c r="VUU702" s="613"/>
      <c r="VUV702" s="613"/>
      <c r="VUW702" s="613"/>
      <c r="VUX702" s="613"/>
      <c r="VUY702" s="613"/>
      <c r="VUZ702" s="613"/>
      <c r="VVA702" s="613"/>
      <c r="VVB702" s="613"/>
      <c r="VVC702" s="613"/>
      <c r="VVD702" s="613"/>
      <c r="VVE702" s="613"/>
      <c r="VVF702" s="613"/>
      <c r="VVG702" s="613"/>
      <c r="VVH702" s="613"/>
      <c r="VVI702" s="613"/>
      <c r="VVJ702" s="613"/>
      <c r="VVK702" s="613"/>
      <c r="VVL702" s="613"/>
      <c r="VVM702" s="613"/>
      <c r="VVN702" s="613"/>
      <c r="VVO702" s="613"/>
      <c r="VVP702" s="613"/>
      <c r="VVQ702" s="613"/>
      <c r="VVR702" s="613"/>
      <c r="VVS702" s="613"/>
      <c r="VVT702" s="613"/>
      <c r="VVU702" s="613"/>
      <c r="VVV702" s="613"/>
      <c r="VVW702" s="613"/>
      <c r="VVX702" s="613"/>
      <c r="VVY702" s="613"/>
      <c r="VVZ702" s="613"/>
      <c r="VWA702" s="613"/>
      <c r="VWB702" s="613"/>
      <c r="VWC702" s="613"/>
      <c r="VWD702" s="613"/>
      <c r="VWE702" s="613"/>
      <c r="VWF702" s="613"/>
      <c r="VWG702" s="613"/>
      <c r="VWH702" s="613"/>
      <c r="VWI702" s="613"/>
      <c r="VWJ702" s="613"/>
      <c r="VWK702" s="613"/>
      <c r="VWL702" s="613"/>
      <c r="VWM702" s="613"/>
      <c r="VWN702" s="613"/>
      <c r="VWO702" s="613"/>
      <c r="VWP702" s="613"/>
      <c r="VWQ702" s="613"/>
      <c r="VWR702" s="613"/>
      <c r="VWS702" s="613"/>
      <c r="VWT702" s="613"/>
      <c r="VWU702" s="613"/>
      <c r="VWV702" s="613"/>
      <c r="VWW702" s="613"/>
      <c r="VWX702" s="613"/>
      <c r="VWY702" s="613"/>
      <c r="VWZ702" s="613"/>
      <c r="VXA702" s="613"/>
      <c r="VXB702" s="613"/>
      <c r="VXC702" s="613"/>
      <c r="VXD702" s="613"/>
      <c r="VXE702" s="613"/>
      <c r="VXF702" s="613"/>
      <c r="VXG702" s="613"/>
      <c r="VXH702" s="613"/>
      <c r="VXI702" s="613"/>
      <c r="VXJ702" s="613"/>
      <c r="VXK702" s="613"/>
      <c r="VXL702" s="613"/>
      <c r="VXM702" s="613"/>
      <c r="VXN702" s="613"/>
      <c r="VXO702" s="613"/>
      <c r="VXP702" s="613"/>
      <c r="VXQ702" s="613"/>
      <c r="VXR702" s="613"/>
      <c r="VXS702" s="613"/>
      <c r="VXT702" s="613"/>
      <c r="VXU702" s="613"/>
      <c r="VXV702" s="613"/>
      <c r="VXW702" s="613"/>
      <c r="VXX702" s="613"/>
      <c r="VXY702" s="613"/>
      <c r="VXZ702" s="613"/>
      <c r="VYA702" s="613"/>
      <c r="VYB702" s="613"/>
      <c r="VYC702" s="613"/>
      <c r="VYD702" s="613"/>
      <c r="VYE702" s="613"/>
      <c r="VYF702" s="613"/>
      <c r="VYG702" s="613"/>
      <c r="VYH702" s="613"/>
      <c r="VYI702" s="613"/>
      <c r="VYJ702" s="613"/>
      <c r="VYK702" s="613"/>
      <c r="VYL702" s="613"/>
      <c r="VYM702" s="613"/>
      <c r="VYN702" s="613"/>
      <c r="VYO702" s="613"/>
      <c r="VYP702" s="613"/>
      <c r="VYQ702" s="613"/>
      <c r="VYR702" s="613"/>
      <c r="VYS702" s="613"/>
      <c r="VYT702" s="613"/>
      <c r="VYU702" s="613"/>
      <c r="VYV702" s="613"/>
      <c r="VYW702" s="613"/>
      <c r="VYX702" s="613"/>
      <c r="VYY702" s="613"/>
      <c r="VYZ702" s="613"/>
      <c r="VZA702" s="613"/>
      <c r="VZB702" s="613"/>
      <c r="VZC702" s="613"/>
      <c r="VZD702" s="613"/>
      <c r="VZE702" s="613"/>
      <c r="VZF702" s="613"/>
      <c r="VZG702" s="613"/>
      <c r="VZH702" s="613"/>
      <c r="VZI702" s="613"/>
      <c r="VZJ702" s="613"/>
      <c r="VZK702" s="613"/>
      <c r="VZL702" s="613"/>
      <c r="VZM702" s="613"/>
      <c r="VZN702" s="613"/>
      <c r="VZO702" s="613"/>
      <c r="VZP702" s="613"/>
      <c r="VZQ702" s="613"/>
      <c r="VZR702" s="613"/>
      <c r="VZS702" s="613"/>
      <c r="VZT702" s="613"/>
      <c r="VZU702" s="613"/>
      <c r="VZV702" s="613"/>
      <c r="VZW702" s="613"/>
      <c r="VZX702" s="613"/>
      <c r="VZY702" s="613"/>
      <c r="VZZ702" s="613"/>
      <c r="WAA702" s="613"/>
      <c r="WAB702" s="613"/>
      <c r="WAC702" s="613"/>
      <c r="WAD702" s="613"/>
      <c r="WAE702" s="613"/>
      <c r="WAF702" s="613"/>
      <c r="WAG702" s="613"/>
      <c r="WAH702" s="613"/>
      <c r="WAI702" s="613"/>
      <c r="WAJ702" s="613"/>
      <c r="WAK702" s="613"/>
      <c r="WAL702" s="613"/>
      <c r="WAM702" s="613"/>
      <c r="WAN702" s="613"/>
      <c r="WAO702" s="613"/>
      <c r="WAP702" s="613"/>
      <c r="WAQ702" s="613"/>
      <c r="WAR702" s="613"/>
      <c r="WAS702" s="613"/>
      <c r="WAT702" s="613"/>
      <c r="WAU702" s="613"/>
      <c r="WAV702" s="613"/>
      <c r="WAW702" s="613"/>
      <c r="WAX702" s="613"/>
      <c r="WAY702" s="613"/>
      <c r="WAZ702" s="613"/>
      <c r="WBA702" s="613"/>
      <c r="WBB702" s="613"/>
      <c r="WBC702" s="613"/>
      <c r="WBD702" s="613"/>
      <c r="WBE702" s="613"/>
      <c r="WBF702" s="613"/>
      <c r="WBG702" s="613"/>
      <c r="WBH702" s="613"/>
      <c r="WBI702" s="613"/>
      <c r="WBJ702" s="613"/>
      <c r="WBK702" s="613"/>
      <c r="WBL702" s="613"/>
      <c r="WBM702" s="613"/>
      <c r="WBN702" s="613"/>
      <c r="WBO702" s="613"/>
      <c r="WBP702" s="613"/>
      <c r="WBQ702" s="613"/>
      <c r="WBR702" s="613"/>
      <c r="WBS702" s="613"/>
      <c r="WBT702" s="613"/>
      <c r="WBU702" s="613"/>
      <c r="WBV702" s="613"/>
      <c r="WBW702" s="613"/>
      <c r="WBX702" s="613"/>
      <c r="WBY702" s="613"/>
      <c r="WBZ702" s="613"/>
      <c r="WCA702" s="613"/>
      <c r="WCB702" s="613"/>
      <c r="WCC702" s="613"/>
      <c r="WCD702" s="613"/>
      <c r="WCE702" s="613"/>
      <c r="WCF702" s="613"/>
      <c r="WCG702" s="613"/>
      <c r="WCH702" s="613"/>
      <c r="WCI702" s="613"/>
      <c r="WCJ702" s="613"/>
      <c r="WCK702" s="613"/>
      <c r="WCL702" s="613"/>
      <c r="WCM702" s="613"/>
      <c r="WCN702" s="613"/>
      <c r="WCO702" s="613"/>
      <c r="WCP702" s="613"/>
      <c r="WCQ702" s="613"/>
      <c r="WCR702" s="613"/>
      <c r="WCS702" s="613"/>
      <c r="WCT702" s="613"/>
      <c r="WCU702" s="613"/>
      <c r="WCV702" s="613"/>
      <c r="WCW702" s="613"/>
      <c r="WCX702" s="613"/>
      <c r="WCY702" s="613"/>
      <c r="WCZ702" s="613"/>
      <c r="WDA702" s="613"/>
      <c r="WDB702" s="613"/>
      <c r="WDC702" s="613"/>
      <c r="WDD702" s="613"/>
      <c r="WDE702" s="613"/>
      <c r="WDF702" s="613"/>
      <c r="WDG702" s="613"/>
      <c r="WDH702" s="613"/>
      <c r="WDI702" s="613"/>
      <c r="WDJ702" s="613"/>
      <c r="WDK702" s="613"/>
      <c r="WDL702" s="613"/>
      <c r="WDM702" s="613"/>
      <c r="WDN702" s="613"/>
      <c r="WDO702" s="613"/>
      <c r="WDP702" s="613"/>
      <c r="WDQ702" s="613"/>
      <c r="WDR702" s="613"/>
      <c r="WDS702" s="613"/>
      <c r="WDT702" s="613"/>
      <c r="WDU702" s="613"/>
      <c r="WDV702" s="613"/>
      <c r="WDW702" s="613"/>
      <c r="WDX702" s="613"/>
      <c r="WDY702" s="613"/>
      <c r="WDZ702" s="613"/>
      <c r="WEA702" s="613"/>
      <c r="WEB702" s="613"/>
      <c r="WEC702" s="613"/>
      <c r="WED702" s="613"/>
      <c r="WEE702" s="613"/>
      <c r="WEF702" s="613"/>
      <c r="WEG702" s="613"/>
      <c r="WEH702" s="613"/>
      <c r="WEI702" s="613"/>
      <c r="WEJ702" s="613"/>
      <c r="WEK702" s="613"/>
      <c r="WEL702" s="613"/>
      <c r="WEM702" s="613"/>
      <c r="WEN702" s="613"/>
      <c r="WEO702" s="613"/>
      <c r="WEP702" s="613"/>
      <c r="WEQ702" s="613"/>
      <c r="WER702" s="613"/>
      <c r="WES702" s="613"/>
      <c r="WET702" s="613"/>
      <c r="WEU702" s="613"/>
      <c r="WEV702" s="613"/>
      <c r="WEW702" s="613"/>
      <c r="WEX702" s="613"/>
      <c r="WEY702" s="613"/>
      <c r="WEZ702" s="613"/>
      <c r="WFA702" s="613"/>
      <c r="WFB702" s="613"/>
      <c r="WFC702" s="613"/>
      <c r="WFD702" s="613"/>
      <c r="WFE702" s="613"/>
      <c r="WFF702" s="613"/>
      <c r="WFG702" s="613"/>
      <c r="WFH702" s="613"/>
      <c r="WFI702" s="613"/>
      <c r="WFJ702" s="613"/>
      <c r="WFK702" s="613"/>
      <c r="WFL702" s="613"/>
      <c r="WFM702" s="613"/>
      <c r="WFN702" s="613"/>
      <c r="WFO702" s="613"/>
      <c r="WFP702" s="613"/>
      <c r="WFQ702" s="613"/>
      <c r="WFR702" s="613"/>
      <c r="WFS702" s="613"/>
      <c r="WFT702" s="613"/>
      <c r="WFU702" s="613"/>
      <c r="WFV702" s="613"/>
      <c r="WFW702" s="613"/>
      <c r="WFX702" s="613"/>
      <c r="WFY702" s="613"/>
      <c r="WFZ702" s="613"/>
      <c r="WGA702" s="613"/>
      <c r="WGB702" s="613"/>
      <c r="WGC702" s="613"/>
      <c r="WGD702" s="613"/>
      <c r="WGE702" s="613"/>
      <c r="WGF702" s="613"/>
      <c r="WGG702" s="613"/>
      <c r="WGH702" s="613"/>
      <c r="WGI702" s="613"/>
      <c r="WGJ702" s="613"/>
      <c r="WGK702" s="613"/>
      <c r="WGL702" s="613"/>
      <c r="WGM702" s="613"/>
      <c r="WGN702" s="613"/>
      <c r="WGO702" s="613"/>
      <c r="WGP702" s="613"/>
      <c r="WGQ702" s="613"/>
      <c r="WGR702" s="613"/>
      <c r="WGS702" s="613"/>
      <c r="WGT702" s="613"/>
      <c r="WGU702" s="613"/>
      <c r="WGV702" s="613"/>
      <c r="WGW702" s="613"/>
      <c r="WGX702" s="613"/>
      <c r="WGY702" s="613"/>
      <c r="WGZ702" s="613"/>
      <c r="WHA702" s="613"/>
      <c r="WHB702" s="613"/>
      <c r="WHC702" s="613"/>
      <c r="WHD702" s="613"/>
      <c r="WHE702" s="613"/>
      <c r="WHF702" s="613"/>
      <c r="WHG702" s="613"/>
      <c r="WHH702" s="613"/>
      <c r="WHI702" s="613"/>
      <c r="WHJ702" s="613"/>
      <c r="WHK702" s="613"/>
      <c r="WHL702" s="613"/>
      <c r="WHM702" s="613"/>
      <c r="WHN702" s="613"/>
      <c r="WHO702" s="613"/>
      <c r="WHP702" s="613"/>
      <c r="WHQ702" s="613"/>
      <c r="WHR702" s="613"/>
      <c r="WHS702" s="613"/>
      <c r="WHT702" s="613"/>
      <c r="WHU702" s="613"/>
      <c r="WHV702" s="613"/>
      <c r="WHW702" s="613"/>
      <c r="WHX702" s="613"/>
      <c r="WHY702" s="613"/>
      <c r="WHZ702" s="613"/>
      <c r="WIA702" s="613"/>
      <c r="WIB702" s="613"/>
      <c r="WIC702" s="613"/>
      <c r="WID702" s="613"/>
      <c r="WIE702" s="613"/>
      <c r="WIF702" s="613"/>
      <c r="WIG702" s="613"/>
      <c r="WIH702" s="613"/>
      <c r="WII702" s="613"/>
      <c r="WIJ702" s="613"/>
      <c r="WIK702" s="613"/>
      <c r="WIL702" s="613"/>
      <c r="WIM702" s="613"/>
      <c r="WIN702" s="613"/>
      <c r="WIO702" s="613"/>
      <c r="WIP702" s="613"/>
      <c r="WIQ702" s="613"/>
      <c r="WIR702" s="613"/>
      <c r="WIS702" s="613"/>
      <c r="WIT702" s="613"/>
      <c r="WIU702" s="613"/>
      <c r="WIV702" s="613"/>
      <c r="WIW702" s="613"/>
      <c r="WIX702" s="613"/>
      <c r="WIY702" s="613"/>
      <c r="WIZ702" s="613"/>
      <c r="WJA702" s="613"/>
      <c r="WJB702" s="613"/>
      <c r="WJC702" s="613"/>
      <c r="WJD702" s="613"/>
      <c r="WJE702" s="613"/>
      <c r="WJF702" s="613"/>
      <c r="WJG702" s="613"/>
      <c r="WJH702" s="613"/>
      <c r="WJI702" s="613"/>
      <c r="WJJ702" s="613"/>
      <c r="WJK702" s="613"/>
      <c r="WJL702" s="613"/>
      <c r="WJM702" s="613"/>
      <c r="WJN702" s="613"/>
      <c r="WJO702" s="613"/>
      <c r="WJP702" s="613"/>
      <c r="WJQ702" s="613"/>
      <c r="WJR702" s="613"/>
      <c r="WJS702" s="613"/>
      <c r="WJT702" s="613"/>
      <c r="WJU702" s="613"/>
      <c r="WJV702" s="613"/>
      <c r="WJW702" s="613"/>
      <c r="WJX702" s="613"/>
      <c r="WJY702" s="613"/>
      <c r="WJZ702" s="613"/>
      <c r="WKA702" s="613"/>
      <c r="WKB702" s="613"/>
      <c r="WKC702" s="613"/>
      <c r="WKD702" s="613"/>
      <c r="WKE702" s="613"/>
      <c r="WKF702" s="613"/>
      <c r="WKG702" s="613"/>
      <c r="WKH702" s="613"/>
      <c r="WKI702" s="613"/>
      <c r="WKJ702" s="613"/>
      <c r="WKK702" s="613"/>
      <c r="WKL702" s="613"/>
      <c r="WKM702" s="613"/>
      <c r="WKN702" s="613"/>
      <c r="WKO702" s="613"/>
      <c r="WKP702" s="613"/>
      <c r="WKQ702" s="613"/>
      <c r="WKR702" s="613"/>
      <c r="WKS702" s="613"/>
      <c r="WKT702" s="613"/>
      <c r="WKU702" s="613"/>
      <c r="WKV702" s="613"/>
      <c r="WKW702" s="613"/>
      <c r="WKX702" s="613"/>
      <c r="WKY702" s="613"/>
      <c r="WKZ702" s="613"/>
      <c r="WLA702" s="613"/>
      <c r="WLB702" s="613"/>
      <c r="WLC702" s="613"/>
      <c r="WLD702" s="613"/>
      <c r="WLE702" s="613"/>
      <c r="WLF702" s="613"/>
      <c r="WLG702" s="613"/>
      <c r="WLH702" s="613"/>
      <c r="WLI702" s="613"/>
      <c r="WLJ702" s="613"/>
      <c r="WLK702" s="613"/>
      <c r="WLL702" s="613"/>
      <c r="WLM702" s="613"/>
      <c r="WLN702" s="613"/>
      <c r="WLO702" s="613"/>
      <c r="WLP702" s="613"/>
      <c r="WLQ702" s="613"/>
      <c r="WLR702" s="613"/>
      <c r="WLS702" s="613"/>
      <c r="WLT702" s="613"/>
      <c r="WLU702" s="613"/>
      <c r="WLV702" s="613"/>
      <c r="WLW702" s="613"/>
      <c r="WLX702" s="613"/>
      <c r="WLY702" s="613"/>
      <c r="WLZ702" s="613"/>
      <c r="WMA702" s="613"/>
      <c r="WMB702" s="613"/>
      <c r="WMC702" s="613"/>
      <c r="WMD702" s="613"/>
      <c r="WME702" s="613"/>
      <c r="WMF702" s="613"/>
      <c r="WMG702" s="613"/>
      <c r="WMH702" s="613"/>
      <c r="WMI702" s="613"/>
      <c r="WMJ702" s="613"/>
      <c r="WMK702" s="613"/>
      <c r="WML702" s="613"/>
      <c r="WMM702" s="613"/>
      <c r="WMN702" s="613"/>
      <c r="WMO702" s="613"/>
      <c r="WMP702" s="613"/>
      <c r="WMQ702" s="613"/>
      <c r="WMR702" s="613"/>
      <c r="WMS702" s="613"/>
      <c r="WMT702" s="613"/>
      <c r="WMU702" s="613"/>
      <c r="WMV702" s="613"/>
      <c r="WMW702" s="613"/>
      <c r="WMX702" s="613"/>
      <c r="WMY702" s="613"/>
      <c r="WMZ702" s="613"/>
      <c r="WNA702" s="613"/>
      <c r="WNB702" s="613"/>
      <c r="WNC702" s="613"/>
      <c r="WND702" s="613"/>
      <c r="WNE702" s="613"/>
      <c r="WNF702" s="613"/>
      <c r="WNG702" s="613"/>
      <c r="WNH702" s="613"/>
      <c r="WNI702" s="613"/>
      <c r="WNJ702" s="613"/>
      <c r="WNK702" s="613"/>
      <c r="WNL702" s="613"/>
      <c r="WNM702" s="613"/>
      <c r="WNN702" s="613"/>
      <c r="WNO702" s="613"/>
      <c r="WNP702" s="613"/>
      <c r="WNQ702" s="613"/>
      <c r="WNR702" s="613"/>
      <c r="WNS702" s="613"/>
      <c r="WNT702" s="613"/>
      <c r="WNU702" s="613"/>
      <c r="WNV702" s="613"/>
      <c r="WNW702" s="613"/>
      <c r="WNX702" s="613"/>
      <c r="WNY702" s="613"/>
      <c r="WNZ702" s="613"/>
      <c r="WOA702" s="613"/>
      <c r="WOB702" s="613"/>
      <c r="WOC702" s="613"/>
      <c r="WOD702" s="613"/>
      <c r="WOE702" s="613"/>
      <c r="WOF702" s="613"/>
      <c r="WOG702" s="613"/>
      <c r="WOH702" s="613"/>
      <c r="WOI702" s="613"/>
      <c r="WOJ702" s="613"/>
      <c r="WOK702" s="613"/>
      <c r="WOL702" s="613"/>
      <c r="WOM702" s="613"/>
      <c r="WON702" s="613"/>
      <c r="WOO702" s="613"/>
      <c r="WOP702" s="613"/>
      <c r="WOQ702" s="613"/>
      <c r="WOR702" s="613"/>
      <c r="WOS702" s="613"/>
      <c r="WOT702" s="613"/>
      <c r="WOU702" s="613"/>
      <c r="WOV702" s="613"/>
      <c r="WOW702" s="613"/>
      <c r="WOX702" s="613"/>
      <c r="WOY702" s="613"/>
      <c r="WOZ702" s="613"/>
      <c r="WPA702" s="613"/>
      <c r="WPB702" s="613"/>
      <c r="WPC702" s="613"/>
      <c r="WPD702" s="613"/>
      <c r="WPE702" s="613"/>
      <c r="WPF702" s="613"/>
      <c r="WPG702" s="613"/>
      <c r="WPH702" s="613"/>
      <c r="WPI702" s="613"/>
      <c r="WPJ702" s="613"/>
      <c r="WPK702" s="613"/>
      <c r="WPL702" s="613"/>
      <c r="WPM702" s="613"/>
      <c r="WPN702" s="613"/>
      <c r="WPO702" s="613"/>
      <c r="WPP702" s="613"/>
      <c r="WPQ702" s="613"/>
      <c r="WPR702" s="613"/>
      <c r="WPS702" s="613"/>
      <c r="WPT702" s="613"/>
      <c r="WPU702" s="613"/>
      <c r="WPV702" s="613"/>
      <c r="WPW702" s="613"/>
      <c r="WPX702" s="613"/>
      <c r="WPY702" s="613"/>
      <c r="WPZ702" s="613"/>
      <c r="WQA702" s="613"/>
      <c r="WQB702" s="613"/>
      <c r="WQC702" s="613"/>
      <c r="WQD702" s="613"/>
      <c r="WQE702" s="613"/>
      <c r="WQF702" s="613"/>
      <c r="WQG702" s="613"/>
      <c r="WQH702" s="613"/>
      <c r="WQI702" s="613"/>
      <c r="WQJ702" s="613"/>
      <c r="WQK702" s="613"/>
      <c r="WQL702" s="613"/>
      <c r="WQM702" s="613"/>
      <c r="WQN702" s="613"/>
      <c r="WQO702" s="613"/>
      <c r="WQP702" s="613"/>
      <c r="WQQ702" s="613"/>
      <c r="WQR702" s="613"/>
      <c r="WQS702" s="613"/>
      <c r="WQT702" s="613"/>
      <c r="WQU702" s="613"/>
      <c r="WQV702" s="613"/>
      <c r="WQW702" s="613"/>
      <c r="WQX702" s="613"/>
      <c r="WQY702" s="613"/>
      <c r="WQZ702" s="613"/>
      <c r="WRA702" s="613"/>
      <c r="WRB702" s="613"/>
      <c r="WRC702" s="613"/>
      <c r="WRD702" s="613"/>
      <c r="WRE702" s="613"/>
      <c r="WRF702" s="613"/>
      <c r="WRG702" s="613"/>
      <c r="WRH702" s="613"/>
      <c r="WRI702" s="613"/>
      <c r="WRJ702" s="613"/>
      <c r="WRK702" s="613"/>
      <c r="WRL702" s="613"/>
      <c r="WRM702" s="613"/>
      <c r="WRN702" s="613"/>
      <c r="WRO702" s="613"/>
      <c r="WRP702" s="613"/>
      <c r="WRQ702" s="613"/>
      <c r="WRR702" s="613"/>
      <c r="WRS702" s="613"/>
      <c r="WRT702" s="613"/>
      <c r="WRU702" s="613"/>
      <c r="WRV702" s="613"/>
      <c r="WRW702" s="613"/>
      <c r="WRX702" s="613"/>
      <c r="WRY702" s="613"/>
      <c r="WRZ702" s="613"/>
      <c r="WSA702" s="613"/>
      <c r="WSB702" s="613"/>
      <c r="WSC702" s="613"/>
      <c r="WSD702" s="613"/>
      <c r="WSE702" s="613"/>
      <c r="WSF702" s="613"/>
      <c r="WSG702" s="613"/>
      <c r="WSH702" s="613"/>
      <c r="WSI702" s="613"/>
      <c r="WSJ702" s="613"/>
      <c r="WSK702" s="613"/>
      <c r="WSL702" s="613"/>
      <c r="WSM702" s="613"/>
      <c r="WSN702" s="613"/>
      <c r="WSO702" s="613"/>
      <c r="WSP702" s="613"/>
      <c r="WSQ702" s="613"/>
      <c r="WSR702" s="613"/>
      <c r="WSS702" s="613"/>
      <c r="WST702" s="613"/>
      <c r="WSU702" s="613"/>
      <c r="WSV702" s="613"/>
      <c r="WSW702" s="613"/>
      <c r="WSX702" s="613"/>
      <c r="WSY702" s="613"/>
      <c r="WSZ702" s="613"/>
      <c r="WTA702" s="613"/>
      <c r="WTB702" s="613"/>
      <c r="WTC702" s="613"/>
      <c r="WTD702" s="613"/>
      <c r="WTE702" s="613"/>
      <c r="WTF702" s="613"/>
      <c r="WTG702" s="613"/>
      <c r="WTH702" s="613"/>
      <c r="WTI702" s="613"/>
      <c r="WTJ702" s="613"/>
      <c r="WTK702" s="613"/>
      <c r="WTL702" s="613"/>
      <c r="WTM702" s="613"/>
      <c r="WTN702" s="613"/>
      <c r="WTO702" s="613"/>
      <c r="WTP702" s="613"/>
      <c r="WTQ702" s="613"/>
      <c r="WTR702" s="613"/>
      <c r="WTS702" s="613"/>
      <c r="WTT702" s="613"/>
      <c r="WTU702" s="613"/>
      <c r="WTV702" s="613"/>
      <c r="WTW702" s="613"/>
      <c r="WTX702" s="613"/>
      <c r="WTY702" s="613"/>
      <c r="WTZ702" s="613"/>
      <c r="WUA702" s="613"/>
      <c r="WUB702" s="613"/>
      <c r="WUC702" s="613"/>
      <c r="WUD702" s="613"/>
      <c r="WUE702" s="613"/>
      <c r="WUF702" s="613"/>
      <c r="WUG702" s="613"/>
      <c r="WUH702" s="613"/>
      <c r="WUI702" s="613"/>
      <c r="WUJ702" s="613"/>
      <c r="WUK702" s="613"/>
      <c r="WUL702" s="613"/>
      <c r="WUM702" s="613"/>
      <c r="WUN702" s="613"/>
      <c r="WUO702" s="613"/>
      <c r="WUP702" s="613"/>
      <c r="WUQ702" s="613"/>
      <c r="WUR702" s="613"/>
      <c r="WUS702" s="613"/>
      <c r="WUT702" s="613"/>
      <c r="WUU702" s="613"/>
      <c r="WUV702" s="613"/>
      <c r="WUW702" s="613"/>
      <c r="WUX702" s="613"/>
      <c r="WUY702" s="613"/>
      <c r="WUZ702" s="613"/>
      <c r="WVA702" s="613"/>
      <c r="WVB702" s="613"/>
      <c r="WVC702" s="613"/>
      <c r="WVD702" s="613"/>
      <c r="WVE702" s="613"/>
      <c r="WVF702" s="613"/>
      <c r="WVG702" s="613"/>
      <c r="WVH702" s="613"/>
      <c r="WVI702" s="613"/>
      <c r="WVJ702" s="613"/>
      <c r="WVK702" s="613"/>
      <c r="WVL702" s="613"/>
      <c r="WVM702" s="613"/>
      <c r="WVN702" s="613"/>
      <c r="WVO702" s="613"/>
      <c r="WVP702" s="613"/>
      <c r="WVQ702" s="613"/>
      <c r="WVR702" s="613"/>
      <c r="WVS702" s="613"/>
      <c r="WVT702" s="613"/>
      <c r="WVU702" s="613"/>
      <c r="WVV702" s="613"/>
      <c r="WVW702" s="613"/>
      <c r="WVX702" s="613"/>
      <c r="WVY702" s="613"/>
      <c r="WVZ702" s="613"/>
      <c r="WWA702" s="613"/>
      <c r="WWB702" s="613"/>
      <c r="WWC702" s="613"/>
      <c r="WWD702" s="613"/>
      <c r="WWE702" s="613"/>
      <c r="WWF702" s="613"/>
      <c r="WWG702" s="613"/>
      <c r="WWH702" s="613"/>
      <c r="WWI702" s="613"/>
      <c r="WWJ702" s="613"/>
      <c r="WWK702" s="613"/>
      <c r="WWL702" s="613"/>
      <c r="WWM702" s="613"/>
      <c r="WWN702" s="613"/>
      <c r="WWO702" s="613"/>
      <c r="WWP702" s="613"/>
      <c r="WWQ702" s="613"/>
      <c r="WWR702" s="613"/>
      <c r="WWS702" s="613"/>
      <c r="WWT702" s="613"/>
      <c r="WWU702" s="613"/>
      <c r="WWV702" s="613"/>
      <c r="WWW702" s="613"/>
      <c r="WWX702" s="613"/>
      <c r="WWY702" s="613"/>
      <c r="WWZ702" s="613"/>
      <c r="WXA702" s="613"/>
      <c r="WXB702" s="613"/>
      <c r="WXC702" s="613"/>
      <c r="WXD702" s="613"/>
      <c r="WXE702" s="613"/>
      <c r="WXF702" s="613"/>
      <c r="WXG702" s="613"/>
      <c r="WXH702" s="613"/>
      <c r="WXI702" s="613"/>
      <c r="WXJ702" s="613"/>
      <c r="WXK702" s="613"/>
      <c r="WXL702" s="613"/>
      <c r="WXM702" s="613"/>
      <c r="WXN702" s="613"/>
      <c r="WXO702" s="613"/>
      <c r="WXP702" s="613"/>
      <c r="WXQ702" s="613"/>
      <c r="WXR702" s="613"/>
      <c r="WXS702" s="613"/>
      <c r="WXT702" s="613"/>
      <c r="WXU702" s="613"/>
      <c r="WXV702" s="613"/>
      <c r="WXW702" s="613"/>
      <c r="WXX702" s="613"/>
      <c r="WXY702" s="613"/>
      <c r="WXZ702" s="613"/>
      <c r="WYA702" s="613"/>
      <c r="WYB702" s="613"/>
      <c r="WYC702" s="613"/>
      <c r="WYD702" s="613"/>
      <c r="WYE702" s="613"/>
      <c r="WYF702" s="613"/>
      <c r="WYG702" s="613"/>
      <c r="WYH702" s="613"/>
      <c r="WYI702" s="613"/>
      <c r="WYJ702" s="613"/>
      <c r="WYK702" s="613"/>
      <c r="WYL702" s="613"/>
      <c r="WYM702" s="613"/>
      <c r="WYN702" s="613"/>
      <c r="WYO702" s="613"/>
      <c r="WYP702" s="613"/>
      <c r="WYQ702" s="613"/>
      <c r="WYR702" s="613"/>
      <c r="WYS702" s="613"/>
      <c r="WYT702" s="613"/>
      <c r="WYU702" s="613"/>
      <c r="WYV702" s="613"/>
      <c r="WYW702" s="613"/>
      <c r="WYX702" s="613"/>
      <c r="WYY702" s="613"/>
      <c r="WYZ702" s="613"/>
      <c r="WZA702" s="613"/>
      <c r="WZB702" s="613"/>
      <c r="WZC702" s="613"/>
      <c r="WZD702" s="613"/>
      <c r="WZE702" s="613"/>
      <c r="WZF702" s="613"/>
      <c r="WZG702" s="613"/>
      <c r="WZH702" s="613"/>
      <c r="WZI702" s="613"/>
      <c r="WZJ702" s="613"/>
      <c r="WZK702" s="613"/>
      <c r="WZL702" s="613"/>
      <c r="WZM702" s="613"/>
      <c r="WZN702" s="613"/>
      <c r="WZO702" s="613"/>
      <c r="WZP702" s="613"/>
      <c r="WZQ702" s="613"/>
      <c r="WZR702" s="613"/>
      <c r="WZS702" s="613"/>
      <c r="WZT702" s="613"/>
      <c r="WZU702" s="613"/>
      <c r="WZV702" s="613"/>
      <c r="WZW702" s="613"/>
      <c r="WZX702" s="613"/>
      <c r="WZY702" s="613"/>
      <c r="WZZ702" s="613"/>
      <c r="XAA702" s="613"/>
      <c r="XAB702" s="613"/>
      <c r="XAC702" s="613"/>
      <c r="XAD702" s="613"/>
      <c r="XAE702" s="613"/>
      <c r="XAF702" s="613"/>
      <c r="XAG702" s="613"/>
      <c r="XAH702" s="613"/>
      <c r="XAI702" s="613"/>
      <c r="XAJ702" s="613"/>
      <c r="XAK702" s="613"/>
      <c r="XAL702" s="613"/>
      <c r="XAM702" s="613"/>
      <c r="XAN702" s="613"/>
      <c r="XAO702" s="613"/>
      <c r="XAP702" s="613"/>
      <c r="XAQ702" s="613"/>
      <c r="XAR702" s="613"/>
      <c r="XAS702" s="613"/>
      <c r="XAT702" s="613"/>
      <c r="XAU702" s="613"/>
      <c r="XAV702" s="613"/>
      <c r="XAW702" s="613"/>
      <c r="XAX702" s="613"/>
      <c r="XAY702" s="613"/>
      <c r="XAZ702" s="613"/>
      <c r="XBA702" s="613"/>
      <c r="XBB702" s="613"/>
      <c r="XBC702" s="613"/>
      <c r="XBD702" s="613"/>
      <c r="XBE702" s="613"/>
      <c r="XBF702" s="613"/>
      <c r="XBG702" s="613"/>
      <c r="XBH702" s="613"/>
      <c r="XBI702" s="613"/>
      <c r="XBJ702" s="613"/>
      <c r="XBK702" s="613"/>
      <c r="XBL702" s="613"/>
      <c r="XBM702" s="613"/>
      <c r="XBN702" s="613"/>
      <c r="XBO702" s="613"/>
      <c r="XBP702" s="613"/>
      <c r="XBQ702" s="613"/>
      <c r="XBR702" s="613"/>
      <c r="XBS702" s="613"/>
      <c r="XBT702" s="613"/>
      <c r="XBU702" s="613"/>
      <c r="XBV702" s="613"/>
      <c r="XBW702" s="613"/>
      <c r="XBX702" s="613"/>
      <c r="XBY702" s="613"/>
      <c r="XBZ702" s="613"/>
      <c r="XCA702" s="613"/>
      <c r="XCB702" s="613"/>
      <c r="XCC702" s="613"/>
      <c r="XCD702" s="613"/>
      <c r="XCE702" s="613"/>
      <c r="XCF702" s="613"/>
      <c r="XCG702" s="613"/>
      <c r="XCH702" s="613"/>
      <c r="XCI702" s="613"/>
      <c r="XCJ702" s="613"/>
      <c r="XCK702" s="613"/>
      <c r="XCL702" s="613"/>
      <c r="XCM702" s="613"/>
      <c r="XCN702" s="613"/>
      <c r="XCO702" s="613"/>
      <c r="XCP702" s="613"/>
      <c r="XCQ702" s="613"/>
    </row>
    <row r="703" spans="1:16319" ht="56.1" customHeight="1" x14ac:dyDescent="0.2">
      <c r="A703" s="494"/>
      <c r="B703" s="494"/>
      <c r="C703" s="494"/>
      <c r="D703" s="481">
        <v>131</v>
      </c>
      <c r="E703" s="481"/>
      <c r="F703" s="481" t="s">
        <v>2481</v>
      </c>
      <c r="G703" s="482" t="s">
        <v>53</v>
      </c>
      <c r="H703" s="481" t="s">
        <v>329</v>
      </c>
      <c r="I703" s="654" t="s">
        <v>330</v>
      </c>
      <c r="J703" s="654" t="s">
        <v>369</v>
      </c>
      <c r="K703" s="495" t="s">
        <v>374</v>
      </c>
      <c r="L703" s="621"/>
      <c r="M703" s="484" t="s">
        <v>58</v>
      </c>
      <c r="N703" s="327" t="s">
        <v>2609</v>
      </c>
      <c r="O703" s="484" t="s">
        <v>2996</v>
      </c>
      <c r="P703" s="484" t="s">
        <v>81</v>
      </c>
      <c r="Q703" s="667" t="s">
        <v>334</v>
      </c>
      <c r="R703" s="484" t="s">
        <v>334</v>
      </c>
      <c r="S703" s="484" t="s">
        <v>187</v>
      </c>
      <c r="T703" s="484"/>
      <c r="U703" s="620" t="s">
        <v>63</v>
      </c>
      <c r="V703" s="620" t="s">
        <v>63</v>
      </c>
      <c r="W703" s="723">
        <v>151297.24743382912</v>
      </c>
      <c r="X703" s="723"/>
      <c r="Y703" s="654" t="s">
        <v>226</v>
      </c>
      <c r="Z703" s="654"/>
      <c r="AA703" s="723">
        <v>151297.24743382912</v>
      </c>
      <c r="AB703" s="652" t="s">
        <v>82</v>
      </c>
      <c r="AC703" s="652"/>
      <c r="AD703" s="496"/>
      <c r="AE703" s="496"/>
      <c r="AF703" s="496"/>
      <c r="AG703" s="496"/>
      <c r="AH703" s="496"/>
      <c r="AI703" s="487"/>
      <c r="AJ703" s="496"/>
      <c r="AK703" s="496"/>
      <c r="AL703" s="496"/>
      <c r="AM703" s="496"/>
      <c r="AN703" s="496"/>
      <c r="AO703" s="496"/>
      <c r="AP703" s="496"/>
      <c r="AQ703" s="496" t="s">
        <v>66</v>
      </c>
      <c r="AR703" s="496"/>
      <c r="AS703" s="496"/>
      <c r="AT703" s="496"/>
      <c r="AU703" s="487"/>
      <c r="AV703" s="487"/>
      <c r="AW703" s="487"/>
      <c r="AX703" s="487"/>
      <c r="AY703" s="487"/>
      <c r="AZ703" s="487"/>
      <c r="BA703" s="484"/>
      <c r="BB703" s="484"/>
      <c r="BC703" s="484"/>
      <c r="BD703" s="494"/>
      <c r="BE703" s="494"/>
      <c r="BF703" s="613"/>
      <c r="BG703" s="613"/>
      <c r="BH703" s="613"/>
      <c r="BI703" s="613"/>
      <c r="BJ703" s="613"/>
      <c r="BK703" s="613"/>
      <c r="BL703" s="613"/>
      <c r="BM703" s="613"/>
      <c r="BN703" s="613"/>
      <c r="BO703" s="613"/>
      <c r="BP703" s="613"/>
      <c r="BQ703" s="613"/>
      <c r="BR703" s="613"/>
      <c r="BS703" s="613"/>
      <c r="BT703" s="613"/>
      <c r="BU703" s="613"/>
      <c r="BV703" s="613"/>
      <c r="BW703" s="613"/>
      <c r="BX703" s="613"/>
      <c r="BY703" s="613"/>
      <c r="BZ703" s="613"/>
      <c r="CA703" s="613"/>
      <c r="CB703" s="613"/>
      <c r="CC703" s="613"/>
      <c r="CD703" s="613"/>
      <c r="CE703" s="613"/>
      <c r="CF703" s="613"/>
      <c r="CG703" s="613"/>
      <c r="CH703" s="613"/>
      <c r="CI703" s="613"/>
      <c r="CJ703" s="613"/>
      <c r="CK703" s="613"/>
      <c r="CL703" s="613"/>
      <c r="CM703" s="613"/>
      <c r="CN703" s="613"/>
      <c r="CO703" s="613"/>
      <c r="CP703" s="613"/>
      <c r="CQ703" s="613"/>
      <c r="CR703" s="613"/>
      <c r="CS703" s="613"/>
      <c r="CT703" s="613"/>
      <c r="CU703" s="613"/>
      <c r="CV703" s="613"/>
      <c r="CW703" s="613"/>
      <c r="CX703" s="613"/>
      <c r="CY703" s="613"/>
      <c r="CZ703" s="613"/>
      <c r="DA703" s="613"/>
      <c r="DB703" s="613"/>
      <c r="DC703" s="613"/>
      <c r="DD703" s="613"/>
      <c r="DE703" s="613"/>
      <c r="DF703" s="613"/>
      <c r="DG703" s="613"/>
      <c r="DH703" s="613"/>
      <c r="DI703" s="613"/>
      <c r="DJ703" s="613"/>
      <c r="DK703" s="613"/>
      <c r="DL703" s="613"/>
      <c r="DM703" s="613"/>
      <c r="DN703" s="613"/>
      <c r="DO703" s="613"/>
      <c r="DP703" s="613"/>
      <c r="DQ703" s="613"/>
      <c r="DR703" s="613"/>
      <c r="DS703" s="613"/>
      <c r="DT703" s="613"/>
      <c r="DU703" s="613"/>
      <c r="DV703" s="613"/>
      <c r="DW703" s="613"/>
      <c r="DX703" s="613"/>
      <c r="DY703" s="613"/>
      <c r="DZ703" s="613"/>
      <c r="EA703" s="613"/>
      <c r="EB703" s="613"/>
      <c r="EC703" s="613"/>
      <c r="ED703" s="613"/>
      <c r="EE703" s="613"/>
      <c r="EF703" s="613"/>
      <c r="EG703" s="613"/>
      <c r="EH703" s="613"/>
      <c r="EI703" s="613"/>
      <c r="EJ703" s="613"/>
      <c r="EK703" s="613"/>
      <c r="EL703" s="613"/>
      <c r="EM703" s="613"/>
      <c r="EN703" s="613"/>
      <c r="EO703" s="613"/>
      <c r="EP703" s="613"/>
      <c r="EQ703" s="613"/>
      <c r="ER703" s="613"/>
      <c r="ES703" s="613"/>
      <c r="ET703" s="613"/>
      <c r="EU703" s="613"/>
      <c r="EV703" s="613"/>
      <c r="EW703" s="613"/>
      <c r="EX703" s="613"/>
      <c r="EY703" s="613"/>
      <c r="EZ703" s="613"/>
      <c r="FA703" s="613"/>
      <c r="FB703" s="613"/>
      <c r="FC703" s="613"/>
      <c r="FD703" s="613"/>
      <c r="FE703" s="613"/>
      <c r="FF703" s="613"/>
      <c r="FG703" s="613"/>
      <c r="FH703" s="613"/>
      <c r="FI703" s="613"/>
      <c r="FJ703" s="613"/>
      <c r="FK703" s="613"/>
      <c r="FL703" s="613"/>
      <c r="FM703" s="613"/>
      <c r="FN703" s="613"/>
      <c r="FO703" s="613"/>
      <c r="FP703" s="613"/>
      <c r="FQ703" s="613"/>
      <c r="FR703" s="613"/>
      <c r="FS703" s="613"/>
      <c r="FT703" s="613"/>
      <c r="FU703" s="613"/>
      <c r="FV703" s="613"/>
      <c r="FW703" s="613"/>
      <c r="FX703" s="613"/>
      <c r="FY703" s="613"/>
      <c r="FZ703" s="613"/>
      <c r="GA703" s="613"/>
      <c r="GB703" s="613"/>
      <c r="GC703" s="613"/>
      <c r="GD703" s="613"/>
      <c r="GE703" s="613"/>
      <c r="GF703" s="613"/>
      <c r="GG703" s="613"/>
      <c r="GH703" s="613"/>
      <c r="GI703" s="613"/>
      <c r="GJ703" s="613"/>
      <c r="GK703" s="613"/>
      <c r="GL703" s="613"/>
      <c r="GM703" s="613"/>
      <c r="GN703" s="613"/>
      <c r="GO703" s="613"/>
      <c r="GP703" s="613"/>
      <c r="GQ703" s="613"/>
      <c r="GR703" s="613"/>
      <c r="GS703" s="613"/>
      <c r="GT703" s="613"/>
      <c r="GU703" s="613"/>
      <c r="GV703" s="613"/>
      <c r="GW703" s="613"/>
      <c r="GX703" s="613"/>
      <c r="GY703" s="613"/>
      <c r="GZ703" s="613"/>
      <c r="HA703" s="613"/>
      <c r="HB703" s="613"/>
      <c r="HC703" s="613"/>
      <c r="HD703" s="613"/>
      <c r="HE703" s="613"/>
      <c r="HF703" s="613"/>
      <c r="HG703" s="613"/>
      <c r="HH703" s="613"/>
      <c r="HI703" s="613"/>
      <c r="HJ703" s="613"/>
      <c r="HK703" s="613"/>
      <c r="HL703" s="613"/>
      <c r="HM703" s="613"/>
      <c r="HN703" s="613"/>
      <c r="HO703" s="613"/>
      <c r="HP703" s="613"/>
      <c r="HQ703" s="613"/>
      <c r="HR703" s="613"/>
      <c r="HS703" s="613"/>
      <c r="HT703" s="613"/>
      <c r="HU703" s="613"/>
      <c r="HV703" s="613"/>
      <c r="HW703" s="613"/>
      <c r="HX703" s="613"/>
      <c r="HY703" s="613"/>
      <c r="HZ703" s="613"/>
      <c r="IA703" s="613"/>
      <c r="IB703" s="613"/>
      <c r="IC703" s="613"/>
      <c r="ID703" s="613"/>
      <c r="IE703" s="613"/>
      <c r="IF703" s="613"/>
      <c r="IG703" s="613"/>
      <c r="IH703" s="613"/>
      <c r="II703" s="613"/>
      <c r="IJ703" s="613"/>
      <c r="IK703" s="613"/>
      <c r="IL703" s="613"/>
      <c r="IM703" s="613"/>
      <c r="IN703" s="613"/>
      <c r="IO703" s="613"/>
      <c r="IP703" s="613"/>
      <c r="IQ703" s="613"/>
      <c r="IR703" s="613"/>
      <c r="IS703" s="613"/>
      <c r="IT703" s="613"/>
      <c r="IU703" s="613"/>
      <c r="IV703" s="613"/>
      <c r="IW703" s="613"/>
      <c r="IX703" s="613"/>
      <c r="IY703" s="613"/>
      <c r="IZ703" s="613"/>
      <c r="JA703" s="613"/>
      <c r="JB703" s="613"/>
      <c r="JC703" s="613"/>
      <c r="JD703" s="613"/>
      <c r="JE703" s="613"/>
      <c r="JF703" s="613"/>
      <c r="JG703" s="613"/>
      <c r="JH703" s="613"/>
      <c r="JI703" s="613"/>
      <c r="JJ703" s="613"/>
      <c r="JK703" s="613"/>
      <c r="JL703" s="613"/>
      <c r="JM703" s="613"/>
      <c r="JN703" s="613"/>
      <c r="JO703" s="613"/>
      <c r="JP703" s="613"/>
      <c r="JQ703" s="613"/>
      <c r="JR703" s="613"/>
      <c r="JS703" s="613"/>
      <c r="JT703" s="613"/>
      <c r="JU703" s="613"/>
      <c r="JV703" s="613"/>
      <c r="JW703" s="613"/>
      <c r="JX703" s="613"/>
      <c r="JY703" s="613"/>
      <c r="JZ703" s="613"/>
      <c r="KA703" s="613"/>
      <c r="KB703" s="613"/>
      <c r="KC703" s="613"/>
      <c r="KD703" s="613"/>
      <c r="KE703" s="613"/>
      <c r="KF703" s="613"/>
      <c r="KG703" s="613"/>
      <c r="KH703" s="613"/>
      <c r="KI703" s="613"/>
      <c r="KJ703" s="613"/>
      <c r="KK703" s="613"/>
      <c r="KL703" s="613"/>
      <c r="KM703" s="613"/>
      <c r="KN703" s="613"/>
      <c r="KO703" s="613"/>
      <c r="KP703" s="613"/>
      <c r="KQ703" s="613"/>
      <c r="KR703" s="613"/>
      <c r="KS703" s="613"/>
      <c r="KT703" s="613"/>
      <c r="KU703" s="613"/>
      <c r="KV703" s="613"/>
      <c r="KW703" s="613"/>
      <c r="KX703" s="613"/>
      <c r="KY703" s="613"/>
      <c r="KZ703" s="613"/>
      <c r="LA703" s="613"/>
      <c r="LB703" s="613"/>
      <c r="LC703" s="613"/>
      <c r="LD703" s="613"/>
      <c r="LE703" s="613"/>
      <c r="LF703" s="613"/>
      <c r="LG703" s="613"/>
      <c r="LH703" s="613"/>
      <c r="LI703" s="613"/>
      <c r="LJ703" s="613"/>
      <c r="LK703" s="613"/>
      <c r="LL703" s="613"/>
      <c r="LM703" s="613"/>
      <c r="LN703" s="613"/>
      <c r="LO703" s="613"/>
      <c r="LP703" s="613"/>
      <c r="LQ703" s="613"/>
      <c r="LR703" s="613"/>
      <c r="LS703" s="613"/>
      <c r="LT703" s="613"/>
      <c r="LU703" s="613"/>
      <c r="LV703" s="613"/>
      <c r="LW703" s="613"/>
      <c r="LX703" s="613"/>
      <c r="LY703" s="613"/>
      <c r="LZ703" s="613"/>
      <c r="MA703" s="613"/>
      <c r="MB703" s="613"/>
      <c r="MC703" s="613"/>
      <c r="MD703" s="613"/>
      <c r="ME703" s="613"/>
      <c r="MF703" s="613"/>
      <c r="MG703" s="613"/>
      <c r="MH703" s="613"/>
      <c r="MI703" s="613"/>
      <c r="MJ703" s="613"/>
      <c r="MK703" s="613"/>
      <c r="ML703" s="613"/>
      <c r="MM703" s="613"/>
      <c r="MN703" s="613"/>
      <c r="MO703" s="613"/>
      <c r="MP703" s="613"/>
      <c r="MQ703" s="613"/>
      <c r="MR703" s="613"/>
      <c r="MS703" s="613"/>
      <c r="MT703" s="613"/>
      <c r="MU703" s="613"/>
      <c r="MV703" s="613"/>
      <c r="MW703" s="613"/>
      <c r="MX703" s="613"/>
      <c r="MY703" s="613"/>
      <c r="MZ703" s="613"/>
      <c r="NA703" s="613"/>
      <c r="NB703" s="613"/>
      <c r="NC703" s="613"/>
      <c r="ND703" s="613"/>
      <c r="NE703" s="613"/>
      <c r="NF703" s="613"/>
      <c r="NG703" s="613"/>
      <c r="NH703" s="613"/>
      <c r="NI703" s="613"/>
      <c r="NJ703" s="613"/>
      <c r="NK703" s="613"/>
      <c r="NL703" s="613"/>
      <c r="NM703" s="613"/>
      <c r="NN703" s="613"/>
      <c r="NO703" s="613"/>
      <c r="NP703" s="613"/>
      <c r="NQ703" s="613"/>
      <c r="NR703" s="613"/>
      <c r="NS703" s="613"/>
      <c r="NT703" s="613"/>
      <c r="NU703" s="613"/>
      <c r="NV703" s="613"/>
      <c r="NW703" s="613"/>
      <c r="NX703" s="613"/>
      <c r="NY703" s="613"/>
      <c r="NZ703" s="613"/>
      <c r="OA703" s="613"/>
      <c r="OB703" s="613"/>
      <c r="OC703" s="613"/>
      <c r="OD703" s="613"/>
      <c r="OE703" s="613"/>
      <c r="OF703" s="613"/>
      <c r="OG703" s="613"/>
      <c r="OH703" s="613"/>
      <c r="OI703" s="613"/>
      <c r="OJ703" s="613"/>
      <c r="OK703" s="613"/>
      <c r="OL703" s="613"/>
      <c r="OM703" s="613"/>
      <c r="ON703" s="613"/>
      <c r="OO703" s="613"/>
      <c r="OP703" s="613"/>
      <c r="OQ703" s="613"/>
      <c r="OR703" s="613"/>
      <c r="OS703" s="613"/>
      <c r="OT703" s="613"/>
      <c r="OU703" s="613"/>
      <c r="OV703" s="613"/>
      <c r="OW703" s="613"/>
      <c r="OX703" s="613"/>
      <c r="OY703" s="613"/>
      <c r="OZ703" s="613"/>
      <c r="PA703" s="613"/>
      <c r="PB703" s="613"/>
      <c r="PC703" s="613"/>
      <c r="PD703" s="613"/>
      <c r="PE703" s="613"/>
      <c r="PF703" s="613"/>
      <c r="PG703" s="613"/>
      <c r="PH703" s="613"/>
      <c r="PI703" s="613"/>
      <c r="PJ703" s="613"/>
      <c r="PK703" s="613"/>
      <c r="PL703" s="613"/>
      <c r="PM703" s="613"/>
      <c r="PN703" s="613"/>
      <c r="PO703" s="613"/>
      <c r="PP703" s="613"/>
      <c r="PQ703" s="613"/>
      <c r="PR703" s="613"/>
      <c r="PS703" s="613"/>
      <c r="PT703" s="613"/>
      <c r="PU703" s="613"/>
      <c r="PV703" s="613"/>
      <c r="PW703" s="613"/>
      <c r="PX703" s="613"/>
      <c r="PY703" s="613"/>
      <c r="PZ703" s="613"/>
      <c r="QA703" s="613"/>
      <c r="QB703" s="613"/>
      <c r="QC703" s="613"/>
      <c r="QD703" s="613"/>
      <c r="QE703" s="613"/>
      <c r="QF703" s="613"/>
      <c r="QG703" s="613"/>
      <c r="QH703" s="613"/>
      <c r="QI703" s="613"/>
      <c r="QJ703" s="613"/>
      <c r="QK703" s="613"/>
      <c r="QL703" s="613"/>
      <c r="QM703" s="613"/>
      <c r="QN703" s="613"/>
      <c r="QO703" s="613"/>
      <c r="QP703" s="613"/>
      <c r="QQ703" s="613"/>
      <c r="QR703" s="613"/>
      <c r="QS703" s="613"/>
      <c r="QT703" s="613"/>
      <c r="QU703" s="613"/>
      <c r="QV703" s="613"/>
      <c r="QW703" s="613"/>
      <c r="QX703" s="613"/>
      <c r="QY703" s="613"/>
      <c r="QZ703" s="613"/>
      <c r="RA703" s="613"/>
      <c r="RB703" s="613"/>
      <c r="RC703" s="613"/>
      <c r="RD703" s="613"/>
      <c r="RE703" s="613"/>
      <c r="RF703" s="613"/>
      <c r="RG703" s="613"/>
      <c r="RH703" s="613"/>
      <c r="RI703" s="613"/>
      <c r="RJ703" s="613"/>
      <c r="RK703" s="613"/>
      <c r="RL703" s="613"/>
      <c r="RM703" s="613"/>
      <c r="RN703" s="613"/>
      <c r="RO703" s="613"/>
      <c r="RP703" s="613"/>
      <c r="RQ703" s="613"/>
      <c r="RR703" s="613"/>
      <c r="RS703" s="613"/>
      <c r="RT703" s="613"/>
      <c r="RU703" s="613"/>
      <c r="RV703" s="613"/>
      <c r="RW703" s="613"/>
      <c r="RX703" s="613"/>
      <c r="RY703" s="613"/>
      <c r="RZ703" s="613"/>
      <c r="SA703" s="613"/>
      <c r="SB703" s="613"/>
      <c r="SC703" s="613"/>
      <c r="SD703" s="613"/>
      <c r="SE703" s="613"/>
      <c r="SF703" s="613"/>
      <c r="SG703" s="613"/>
      <c r="SH703" s="613"/>
      <c r="SI703" s="613"/>
      <c r="SJ703" s="613"/>
      <c r="SK703" s="613"/>
      <c r="SL703" s="613"/>
      <c r="SM703" s="613"/>
      <c r="SN703" s="613"/>
      <c r="SO703" s="613"/>
      <c r="SP703" s="613"/>
      <c r="SQ703" s="613"/>
      <c r="SR703" s="613"/>
      <c r="SS703" s="613"/>
      <c r="ST703" s="613"/>
      <c r="SU703" s="613"/>
      <c r="SV703" s="613"/>
      <c r="SW703" s="613"/>
      <c r="SX703" s="613"/>
      <c r="SY703" s="613"/>
      <c r="SZ703" s="613"/>
      <c r="TA703" s="613"/>
      <c r="TB703" s="613"/>
      <c r="TC703" s="613"/>
      <c r="TD703" s="613"/>
      <c r="TE703" s="613"/>
      <c r="TF703" s="613"/>
      <c r="TG703" s="613"/>
      <c r="TH703" s="613"/>
      <c r="TI703" s="613"/>
      <c r="TJ703" s="613"/>
      <c r="TK703" s="613"/>
      <c r="TL703" s="613"/>
      <c r="TM703" s="613"/>
      <c r="TN703" s="613"/>
      <c r="TO703" s="613"/>
      <c r="TP703" s="613"/>
      <c r="TQ703" s="613"/>
      <c r="TR703" s="613"/>
      <c r="TS703" s="613"/>
      <c r="TT703" s="613"/>
      <c r="TU703" s="613"/>
      <c r="TV703" s="613"/>
      <c r="TW703" s="613"/>
      <c r="TX703" s="613"/>
      <c r="TY703" s="613"/>
      <c r="TZ703" s="613"/>
      <c r="UA703" s="613"/>
      <c r="UB703" s="613"/>
      <c r="UC703" s="613"/>
      <c r="UD703" s="613"/>
      <c r="UE703" s="613"/>
      <c r="UF703" s="613"/>
      <c r="UG703" s="613"/>
      <c r="UH703" s="613"/>
      <c r="UI703" s="613"/>
      <c r="UJ703" s="613"/>
      <c r="UK703" s="613"/>
      <c r="UL703" s="613"/>
      <c r="UM703" s="613"/>
      <c r="UN703" s="613"/>
      <c r="UO703" s="613"/>
      <c r="UP703" s="613"/>
      <c r="UQ703" s="613"/>
      <c r="UR703" s="613"/>
      <c r="US703" s="613"/>
      <c r="UT703" s="613"/>
      <c r="UU703" s="613"/>
      <c r="UV703" s="613"/>
      <c r="UW703" s="613"/>
      <c r="UX703" s="613"/>
      <c r="UY703" s="613"/>
      <c r="UZ703" s="613"/>
      <c r="VA703" s="613"/>
      <c r="VB703" s="613"/>
      <c r="VC703" s="613"/>
      <c r="VD703" s="613"/>
      <c r="VE703" s="613"/>
      <c r="VF703" s="613"/>
      <c r="VG703" s="613"/>
      <c r="VH703" s="613"/>
      <c r="VI703" s="613"/>
      <c r="VJ703" s="613"/>
      <c r="VK703" s="613"/>
      <c r="VL703" s="613"/>
      <c r="VM703" s="613"/>
      <c r="VN703" s="613"/>
      <c r="VO703" s="613"/>
      <c r="VP703" s="613"/>
      <c r="VQ703" s="613"/>
      <c r="VR703" s="613"/>
      <c r="VS703" s="613"/>
      <c r="VT703" s="613"/>
      <c r="VU703" s="613"/>
      <c r="VV703" s="613"/>
      <c r="VW703" s="613"/>
      <c r="VX703" s="613"/>
      <c r="VY703" s="613"/>
      <c r="VZ703" s="613"/>
      <c r="WA703" s="613"/>
      <c r="WB703" s="613"/>
      <c r="WC703" s="613"/>
      <c r="WD703" s="613"/>
      <c r="WE703" s="613"/>
      <c r="WF703" s="613"/>
      <c r="WG703" s="613"/>
      <c r="WH703" s="613"/>
      <c r="WI703" s="613"/>
      <c r="WJ703" s="613"/>
      <c r="WK703" s="613"/>
      <c r="WL703" s="613"/>
      <c r="WM703" s="613"/>
      <c r="WN703" s="613"/>
      <c r="WO703" s="613"/>
      <c r="WP703" s="613"/>
      <c r="WQ703" s="613"/>
      <c r="WR703" s="613"/>
      <c r="WS703" s="613"/>
      <c r="WT703" s="613"/>
      <c r="WU703" s="613"/>
      <c r="WV703" s="613"/>
      <c r="WW703" s="613"/>
      <c r="WX703" s="613"/>
      <c r="WY703" s="613"/>
      <c r="WZ703" s="613"/>
      <c r="XA703" s="613"/>
      <c r="XB703" s="613"/>
      <c r="XC703" s="613"/>
      <c r="XD703" s="613"/>
      <c r="XE703" s="613"/>
      <c r="XF703" s="613"/>
      <c r="XG703" s="613"/>
      <c r="XH703" s="613"/>
      <c r="XI703" s="613"/>
      <c r="XJ703" s="613"/>
      <c r="XK703" s="613"/>
      <c r="XL703" s="613"/>
      <c r="XM703" s="613"/>
      <c r="XN703" s="613"/>
      <c r="XO703" s="613"/>
      <c r="XP703" s="613"/>
      <c r="XQ703" s="613"/>
      <c r="XR703" s="613"/>
      <c r="XS703" s="613"/>
      <c r="XT703" s="613"/>
      <c r="XU703" s="613"/>
      <c r="XV703" s="613"/>
      <c r="XW703" s="613"/>
      <c r="XX703" s="613"/>
      <c r="XY703" s="613"/>
      <c r="XZ703" s="613"/>
      <c r="YA703" s="613"/>
      <c r="YB703" s="613"/>
      <c r="YC703" s="613"/>
      <c r="YD703" s="613"/>
      <c r="YE703" s="613"/>
      <c r="YF703" s="613"/>
      <c r="YG703" s="613"/>
      <c r="YH703" s="613"/>
      <c r="YI703" s="613"/>
      <c r="YJ703" s="613"/>
      <c r="YK703" s="613"/>
      <c r="YL703" s="613"/>
      <c r="YM703" s="613"/>
      <c r="YN703" s="613"/>
      <c r="YO703" s="613"/>
      <c r="YP703" s="613"/>
      <c r="YQ703" s="613"/>
      <c r="YR703" s="613"/>
      <c r="YS703" s="613"/>
      <c r="YT703" s="613"/>
      <c r="YU703" s="613"/>
      <c r="YV703" s="613"/>
      <c r="YW703" s="613"/>
      <c r="YX703" s="613"/>
      <c r="YY703" s="613"/>
      <c r="YZ703" s="613"/>
      <c r="ZA703" s="613"/>
      <c r="ZB703" s="613"/>
      <c r="ZC703" s="613"/>
      <c r="ZD703" s="613"/>
      <c r="ZE703" s="613"/>
      <c r="ZF703" s="613"/>
      <c r="ZG703" s="613"/>
      <c r="ZH703" s="613"/>
      <c r="ZI703" s="613"/>
      <c r="ZJ703" s="613"/>
      <c r="ZK703" s="613"/>
      <c r="ZL703" s="613"/>
      <c r="ZM703" s="613"/>
      <c r="ZN703" s="613"/>
      <c r="ZO703" s="613"/>
      <c r="ZP703" s="613"/>
      <c r="ZQ703" s="613"/>
      <c r="ZR703" s="613"/>
      <c r="ZS703" s="613"/>
      <c r="ZT703" s="613"/>
      <c r="ZU703" s="613"/>
      <c r="ZV703" s="613"/>
      <c r="ZW703" s="613"/>
      <c r="ZX703" s="613"/>
      <c r="ZY703" s="613"/>
      <c r="ZZ703" s="613"/>
      <c r="AAA703" s="613"/>
      <c r="AAB703" s="613"/>
      <c r="AAC703" s="613"/>
      <c r="AAD703" s="613"/>
      <c r="AAE703" s="613"/>
      <c r="AAF703" s="613"/>
      <c r="AAG703" s="613"/>
      <c r="AAH703" s="613"/>
      <c r="AAI703" s="613"/>
      <c r="AAJ703" s="613"/>
      <c r="AAK703" s="613"/>
      <c r="AAL703" s="613"/>
      <c r="AAM703" s="613"/>
      <c r="AAN703" s="613"/>
      <c r="AAO703" s="613"/>
      <c r="AAP703" s="613"/>
      <c r="AAQ703" s="613"/>
      <c r="AAR703" s="613"/>
      <c r="AAS703" s="613"/>
      <c r="AAT703" s="613"/>
      <c r="AAU703" s="613"/>
      <c r="AAV703" s="613"/>
      <c r="AAW703" s="613"/>
      <c r="AAX703" s="613"/>
      <c r="AAY703" s="613"/>
      <c r="AAZ703" s="613"/>
      <c r="ABA703" s="613"/>
      <c r="ABB703" s="613"/>
      <c r="ABC703" s="613"/>
      <c r="ABD703" s="613"/>
      <c r="ABE703" s="613"/>
      <c r="ABF703" s="613"/>
      <c r="ABG703" s="613"/>
      <c r="ABH703" s="613"/>
      <c r="ABI703" s="613"/>
      <c r="ABJ703" s="613"/>
      <c r="ABK703" s="613"/>
      <c r="ABL703" s="613"/>
      <c r="ABM703" s="613"/>
      <c r="ABN703" s="613"/>
      <c r="ABO703" s="613"/>
      <c r="ABP703" s="613"/>
      <c r="ABQ703" s="613"/>
      <c r="ABR703" s="613"/>
      <c r="ABS703" s="613"/>
      <c r="ABT703" s="613"/>
      <c r="ABU703" s="613"/>
      <c r="ABV703" s="613"/>
      <c r="ABW703" s="613"/>
      <c r="ABX703" s="613"/>
      <c r="ABY703" s="613"/>
      <c r="ABZ703" s="613"/>
      <c r="ACA703" s="613"/>
      <c r="ACB703" s="613"/>
      <c r="ACC703" s="613"/>
      <c r="ACD703" s="613"/>
      <c r="ACE703" s="613"/>
      <c r="ACF703" s="613"/>
      <c r="ACG703" s="613"/>
      <c r="ACH703" s="613"/>
      <c r="ACI703" s="613"/>
      <c r="ACJ703" s="613"/>
      <c r="ACK703" s="613"/>
      <c r="ACL703" s="613"/>
      <c r="ACM703" s="613"/>
      <c r="ACN703" s="613"/>
      <c r="ACO703" s="613"/>
      <c r="ACP703" s="613"/>
      <c r="ACQ703" s="613"/>
      <c r="ACR703" s="613"/>
      <c r="ACS703" s="613"/>
      <c r="ACT703" s="613"/>
      <c r="ACU703" s="613"/>
      <c r="ACV703" s="613"/>
      <c r="ACW703" s="613"/>
      <c r="ACX703" s="613"/>
      <c r="ACY703" s="613"/>
      <c r="ACZ703" s="613"/>
      <c r="ADA703" s="613"/>
      <c r="ADB703" s="613"/>
      <c r="ADC703" s="613"/>
      <c r="ADD703" s="613"/>
      <c r="ADE703" s="613"/>
      <c r="ADF703" s="613"/>
      <c r="ADG703" s="613"/>
      <c r="ADH703" s="613"/>
      <c r="ADI703" s="613"/>
      <c r="ADJ703" s="613"/>
      <c r="ADK703" s="613"/>
      <c r="ADL703" s="613"/>
      <c r="ADM703" s="613"/>
      <c r="ADN703" s="613"/>
      <c r="ADO703" s="613"/>
      <c r="ADP703" s="613"/>
      <c r="ADQ703" s="613"/>
      <c r="ADR703" s="613"/>
      <c r="ADS703" s="613"/>
      <c r="ADT703" s="613"/>
      <c r="ADU703" s="613"/>
      <c r="ADV703" s="613"/>
      <c r="ADW703" s="613"/>
      <c r="ADX703" s="613"/>
      <c r="ADY703" s="613"/>
      <c r="ADZ703" s="613"/>
      <c r="AEA703" s="613"/>
      <c r="AEB703" s="613"/>
      <c r="AEC703" s="613"/>
      <c r="AED703" s="613"/>
      <c r="AEE703" s="613"/>
      <c r="AEF703" s="613"/>
      <c r="AEG703" s="613"/>
      <c r="AEH703" s="613"/>
      <c r="AEI703" s="613"/>
      <c r="AEJ703" s="613"/>
      <c r="AEK703" s="613"/>
      <c r="AEL703" s="613"/>
      <c r="AEM703" s="613"/>
      <c r="AEN703" s="613"/>
      <c r="AEO703" s="613"/>
      <c r="AEP703" s="613"/>
      <c r="AEQ703" s="613"/>
      <c r="AER703" s="613"/>
      <c r="AES703" s="613"/>
      <c r="AET703" s="613"/>
      <c r="AEU703" s="613"/>
      <c r="AEV703" s="613"/>
      <c r="AEW703" s="613"/>
      <c r="AEX703" s="613"/>
      <c r="AEY703" s="613"/>
      <c r="AEZ703" s="613"/>
      <c r="AFA703" s="613"/>
      <c r="AFB703" s="613"/>
      <c r="AFC703" s="613"/>
      <c r="AFD703" s="613"/>
      <c r="AFE703" s="613"/>
      <c r="AFF703" s="613"/>
      <c r="AFG703" s="613"/>
      <c r="AFH703" s="613"/>
      <c r="AFI703" s="613"/>
      <c r="AFJ703" s="613"/>
      <c r="AFK703" s="613"/>
      <c r="AFL703" s="613"/>
      <c r="AFM703" s="613"/>
      <c r="AFN703" s="613"/>
      <c r="AFO703" s="613"/>
      <c r="AFP703" s="613"/>
      <c r="AFQ703" s="613"/>
      <c r="AFR703" s="613"/>
      <c r="AFS703" s="613"/>
      <c r="AFT703" s="613"/>
      <c r="AFU703" s="613"/>
      <c r="AFV703" s="613"/>
      <c r="AFW703" s="613"/>
      <c r="AFX703" s="613"/>
      <c r="AFY703" s="613"/>
      <c r="AFZ703" s="613"/>
      <c r="AGA703" s="613"/>
      <c r="AGB703" s="613"/>
      <c r="AGC703" s="613"/>
      <c r="AGD703" s="613"/>
      <c r="AGE703" s="613"/>
      <c r="AGF703" s="613"/>
      <c r="AGG703" s="613"/>
      <c r="AGH703" s="613"/>
      <c r="AGI703" s="613"/>
      <c r="AGJ703" s="613"/>
      <c r="AGK703" s="613"/>
      <c r="AGL703" s="613"/>
      <c r="AGM703" s="613"/>
      <c r="AGN703" s="613"/>
      <c r="AGO703" s="613"/>
      <c r="AGP703" s="613"/>
      <c r="AGQ703" s="613"/>
      <c r="AGR703" s="613"/>
      <c r="AGS703" s="613"/>
      <c r="AGT703" s="613"/>
      <c r="AGU703" s="613"/>
      <c r="AGV703" s="613"/>
      <c r="AGW703" s="613"/>
      <c r="AGX703" s="613"/>
      <c r="AGY703" s="613"/>
      <c r="AGZ703" s="613"/>
      <c r="AHA703" s="613"/>
      <c r="AHB703" s="613"/>
      <c r="AHC703" s="613"/>
      <c r="AHD703" s="613"/>
      <c r="AHE703" s="613"/>
      <c r="AHF703" s="613"/>
      <c r="AHG703" s="613"/>
      <c r="AHH703" s="613"/>
      <c r="AHI703" s="613"/>
      <c r="AHJ703" s="613"/>
      <c r="AHK703" s="613"/>
      <c r="AHL703" s="613"/>
      <c r="AHM703" s="613"/>
      <c r="AHN703" s="613"/>
      <c r="AHO703" s="613"/>
      <c r="AHP703" s="613"/>
      <c r="AHQ703" s="613"/>
      <c r="AHR703" s="613"/>
      <c r="AHS703" s="613"/>
      <c r="AHT703" s="613"/>
      <c r="AHU703" s="613"/>
      <c r="AHV703" s="613"/>
      <c r="AHW703" s="613"/>
      <c r="AHX703" s="613"/>
      <c r="AHY703" s="613"/>
      <c r="AHZ703" s="613"/>
      <c r="AIA703" s="613"/>
      <c r="AIB703" s="613"/>
      <c r="AIC703" s="613"/>
      <c r="AID703" s="613"/>
      <c r="AIE703" s="613"/>
      <c r="AIF703" s="613"/>
      <c r="AIG703" s="613"/>
      <c r="AIH703" s="613"/>
      <c r="AII703" s="613"/>
      <c r="AIJ703" s="613"/>
      <c r="AIK703" s="613"/>
      <c r="AIL703" s="613"/>
      <c r="AIM703" s="613"/>
      <c r="AIN703" s="613"/>
      <c r="AIO703" s="613"/>
      <c r="AIP703" s="613"/>
      <c r="AIQ703" s="613"/>
      <c r="AIR703" s="613"/>
      <c r="AIS703" s="613"/>
      <c r="AIT703" s="613"/>
      <c r="AIU703" s="613"/>
      <c r="AIV703" s="613"/>
      <c r="AIW703" s="613"/>
      <c r="AIX703" s="613"/>
      <c r="AIY703" s="613"/>
      <c r="AIZ703" s="613"/>
      <c r="AJA703" s="613"/>
      <c r="AJB703" s="613"/>
      <c r="AJC703" s="613"/>
      <c r="AJD703" s="613"/>
      <c r="AJE703" s="613"/>
      <c r="AJF703" s="613"/>
      <c r="AJG703" s="613"/>
      <c r="AJH703" s="613"/>
      <c r="AJI703" s="613"/>
      <c r="AJJ703" s="613"/>
      <c r="AJK703" s="613"/>
      <c r="AJL703" s="613"/>
      <c r="AJM703" s="613"/>
      <c r="AJN703" s="613"/>
      <c r="AJO703" s="613"/>
      <c r="AJP703" s="613"/>
      <c r="AJQ703" s="613"/>
      <c r="AJR703" s="613"/>
      <c r="AJS703" s="613"/>
      <c r="AJT703" s="613"/>
      <c r="AJU703" s="613"/>
      <c r="AJV703" s="613"/>
      <c r="AJW703" s="613"/>
      <c r="AJX703" s="613"/>
      <c r="AJY703" s="613"/>
      <c r="AJZ703" s="613"/>
      <c r="AKA703" s="613"/>
      <c r="AKB703" s="613"/>
      <c r="AKC703" s="613"/>
      <c r="AKD703" s="613"/>
      <c r="AKE703" s="613"/>
      <c r="AKF703" s="613"/>
      <c r="AKG703" s="613"/>
      <c r="AKH703" s="613"/>
      <c r="AKI703" s="613"/>
      <c r="AKJ703" s="613"/>
      <c r="AKK703" s="613"/>
      <c r="AKL703" s="613"/>
      <c r="AKM703" s="613"/>
      <c r="AKN703" s="613"/>
      <c r="AKO703" s="613"/>
      <c r="AKP703" s="613"/>
      <c r="AKQ703" s="613"/>
      <c r="AKR703" s="613"/>
      <c r="AKS703" s="613"/>
      <c r="AKT703" s="613"/>
      <c r="AKU703" s="613"/>
      <c r="AKV703" s="613"/>
      <c r="AKW703" s="613"/>
      <c r="AKX703" s="613"/>
      <c r="AKY703" s="613"/>
      <c r="AKZ703" s="613"/>
      <c r="ALA703" s="613"/>
      <c r="ALB703" s="613"/>
      <c r="ALC703" s="613"/>
      <c r="ALD703" s="613"/>
      <c r="ALE703" s="613"/>
      <c r="ALF703" s="613"/>
      <c r="ALG703" s="613"/>
      <c r="ALH703" s="613"/>
      <c r="ALI703" s="613"/>
      <c r="ALJ703" s="613"/>
      <c r="ALK703" s="613"/>
      <c r="ALL703" s="613"/>
      <c r="ALM703" s="613"/>
      <c r="ALN703" s="613"/>
      <c r="ALO703" s="613"/>
      <c r="ALP703" s="613"/>
      <c r="ALQ703" s="613"/>
      <c r="ALR703" s="613"/>
      <c r="ALS703" s="613"/>
      <c r="ALT703" s="613"/>
      <c r="ALU703" s="613"/>
      <c r="ALV703" s="613"/>
      <c r="ALW703" s="613"/>
      <c r="ALX703" s="613"/>
      <c r="ALY703" s="613"/>
      <c r="ALZ703" s="613"/>
      <c r="AMA703" s="613"/>
      <c r="AMB703" s="613"/>
      <c r="AMC703" s="613"/>
      <c r="AMD703" s="613"/>
      <c r="AME703" s="613"/>
      <c r="AMF703" s="613"/>
      <c r="AMG703" s="613"/>
      <c r="AMH703" s="613"/>
      <c r="AMI703" s="613"/>
      <c r="AMJ703" s="613"/>
      <c r="AMK703" s="613"/>
      <c r="AML703" s="613"/>
      <c r="AMM703" s="613"/>
      <c r="AMN703" s="613"/>
      <c r="AMO703" s="613"/>
      <c r="AMP703" s="613"/>
      <c r="AMQ703" s="613"/>
      <c r="AMR703" s="613"/>
      <c r="AMS703" s="613"/>
      <c r="AMT703" s="613"/>
      <c r="AMU703" s="613"/>
      <c r="AMV703" s="613"/>
      <c r="AMW703" s="613"/>
      <c r="AMX703" s="613"/>
      <c r="AMY703" s="613"/>
      <c r="AMZ703" s="613"/>
      <c r="ANA703" s="613"/>
      <c r="ANB703" s="613"/>
      <c r="ANC703" s="613"/>
      <c r="AND703" s="613"/>
      <c r="ANE703" s="613"/>
      <c r="ANF703" s="613"/>
      <c r="ANG703" s="613"/>
      <c r="ANH703" s="613"/>
      <c r="ANI703" s="613"/>
      <c r="ANJ703" s="613"/>
      <c r="ANK703" s="613"/>
      <c r="ANL703" s="613"/>
      <c r="ANM703" s="613"/>
      <c r="ANN703" s="613"/>
      <c r="ANO703" s="613"/>
      <c r="ANP703" s="613"/>
      <c r="ANQ703" s="613"/>
      <c r="ANR703" s="613"/>
      <c r="ANS703" s="613"/>
      <c r="ANT703" s="613"/>
      <c r="ANU703" s="613"/>
      <c r="ANV703" s="613"/>
      <c r="ANW703" s="613"/>
      <c r="ANX703" s="613"/>
      <c r="ANY703" s="613"/>
      <c r="ANZ703" s="613"/>
      <c r="AOA703" s="613"/>
      <c r="AOB703" s="613"/>
      <c r="AOC703" s="613"/>
      <c r="AOD703" s="613"/>
      <c r="AOE703" s="613"/>
      <c r="AOF703" s="613"/>
      <c r="AOG703" s="613"/>
      <c r="AOH703" s="613"/>
      <c r="AOI703" s="613"/>
      <c r="AOJ703" s="613"/>
      <c r="AOK703" s="613"/>
      <c r="AOL703" s="613"/>
      <c r="AOM703" s="613"/>
      <c r="AON703" s="613"/>
      <c r="AOO703" s="613"/>
      <c r="AOP703" s="613"/>
      <c r="AOQ703" s="613"/>
      <c r="AOR703" s="613"/>
      <c r="AOS703" s="613"/>
      <c r="AOT703" s="613"/>
      <c r="AOU703" s="613"/>
      <c r="AOV703" s="613"/>
      <c r="AOW703" s="613"/>
      <c r="AOX703" s="613"/>
      <c r="AOY703" s="613"/>
      <c r="AOZ703" s="613"/>
      <c r="APA703" s="613"/>
      <c r="APB703" s="613"/>
      <c r="APC703" s="613"/>
      <c r="APD703" s="613"/>
      <c r="APE703" s="613"/>
      <c r="APF703" s="613"/>
      <c r="APG703" s="613"/>
      <c r="APH703" s="613"/>
      <c r="API703" s="613"/>
      <c r="APJ703" s="613"/>
      <c r="APK703" s="613"/>
      <c r="APL703" s="613"/>
      <c r="APM703" s="613"/>
      <c r="APN703" s="613"/>
      <c r="APO703" s="613"/>
      <c r="APP703" s="613"/>
      <c r="APQ703" s="613"/>
      <c r="APR703" s="613"/>
      <c r="APS703" s="613"/>
      <c r="APT703" s="613"/>
      <c r="APU703" s="613"/>
      <c r="APV703" s="613"/>
      <c r="APW703" s="613"/>
      <c r="APX703" s="613"/>
      <c r="APY703" s="613"/>
      <c r="APZ703" s="613"/>
      <c r="AQA703" s="613"/>
      <c r="AQB703" s="613"/>
      <c r="AQC703" s="613"/>
      <c r="AQD703" s="613"/>
      <c r="AQE703" s="613"/>
      <c r="AQF703" s="613"/>
      <c r="AQG703" s="613"/>
      <c r="AQH703" s="613"/>
      <c r="AQI703" s="613"/>
      <c r="AQJ703" s="613"/>
      <c r="AQK703" s="613"/>
      <c r="AQL703" s="613"/>
      <c r="AQM703" s="613"/>
      <c r="AQN703" s="613"/>
      <c r="AQO703" s="613"/>
      <c r="AQP703" s="613"/>
      <c r="AQQ703" s="613"/>
      <c r="AQR703" s="613"/>
      <c r="AQS703" s="613"/>
      <c r="AQT703" s="613"/>
      <c r="AQU703" s="613"/>
      <c r="AQV703" s="613"/>
      <c r="AQW703" s="613"/>
      <c r="AQX703" s="613"/>
      <c r="AQY703" s="613"/>
      <c r="AQZ703" s="613"/>
      <c r="ARA703" s="613"/>
      <c r="ARB703" s="613"/>
      <c r="ARC703" s="613"/>
      <c r="ARD703" s="613"/>
      <c r="ARE703" s="613"/>
      <c r="ARF703" s="613"/>
      <c r="ARG703" s="613"/>
      <c r="ARH703" s="613"/>
      <c r="ARI703" s="613"/>
      <c r="ARJ703" s="613"/>
      <c r="ARK703" s="613"/>
      <c r="ARL703" s="613"/>
      <c r="ARM703" s="613"/>
      <c r="ARN703" s="613"/>
      <c r="ARO703" s="613"/>
      <c r="ARP703" s="613"/>
      <c r="ARQ703" s="613"/>
      <c r="ARR703" s="613"/>
      <c r="ARS703" s="613"/>
      <c r="ART703" s="613"/>
      <c r="ARU703" s="613"/>
      <c r="ARV703" s="613"/>
      <c r="ARW703" s="613"/>
      <c r="ARX703" s="613"/>
      <c r="ARY703" s="613"/>
      <c r="ARZ703" s="613"/>
      <c r="ASA703" s="613"/>
      <c r="ASB703" s="613"/>
      <c r="ASC703" s="613"/>
      <c r="ASD703" s="613"/>
      <c r="ASE703" s="613"/>
      <c r="ASF703" s="613"/>
      <c r="ASG703" s="613"/>
      <c r="ASH703" s="613"/>
      <c r="ASI703" s="613"/>
      <c r="ASJ703" s="613"/>
      <c r="ASK703" s="613"/>
      <c r="ASL703" s="613"/>
      <c r="ASM703" s="613"/>
      <c r="ASN703" s="613"/>
      <c r="ASO703" s="613"/>
      <c r="ASP703" s="613"/>
      <c r="ASQ703" s="613"/>
      <c r="ASR703" s="613"/>
      <c r="ASS703" s="613"/>
      <c r="AST703" s="613"/>
      <c r="ASU703" s="613"/>
      <c r="ASV703" s="613"/>
      <c r="ASW703" s="613"/>
      <c r="ASX703" s="613"/>
      <c r="ASY703" s="613"/>
      <c r="ASZ703" s="613"/>
      <c r="ATA703" s="613"/>
      <c r="ATB703" s="613"/>
      <c r="ATC703" s="613"/>
      <c r="ATD703" s="613"/>
      <c r="ATE703" s="613"/>
      <c r="ATF703" s="613"/>
      <c r="ATG703" s="613"/>
      <c r="ATH703" s="613"/>
      <c r="ATI703" s="613"/>
      <c r="ATJ703" s="613"/>
      <c r="ATK703" s="613"/>
      <c r="ATL703" s="613"/>
      <c r="ATM703" s="613"/>
      <c r="ATN703" s="613"/>
      <c r="ATO703" s="613"/>
      <c r="ATP703" s="613"/>
      <c r="ATQ703" s="613"/>
      <c r="ATR703" s="613"/>
      <c r="ATS703" s="613"/>
      <c r="ATT703" s="613"/>
      <c r="ATU703" s="613"/>
      <c r="ATV703" s="613"/>
      <c r="ATW703" s="613"/>
      <c r="ATX703" s="613"/>
      <c r="ATY703" s="613"/>
      <c r="ATZ703" s="613"/>
      <c r="AUA703" s="613"/>
      <c r="AUB703" s="613"/>
      <c r="AUC703" s="613"/>
      <c r="AUD703" s="613"/>
      <c r="AUE703" s="613"/>
      <c r="AUF703" s="613"/>
      <c r="AUG703" s="613"/>
      <c r="AUH703" s="613"/>
      <c r="AUI703" s="613"/>
      <c r="AUJ703" s="613"/>
      <c r="AUK703" s="613"/>
      <c r="AUL703" s="613"/>
      <c r="AUM703" s="613"/>
      <c r="AUN703" s="613"/>
      <c r="AUO703" s="613"/>
      <c r="AUP703" s="613"/>
      <c r="AUQ703" s="613"/>
      <c r="AUR703" s="613"/>
      <c r="AUS703" s="613"/>
      <c r="AUT703" s="613"/>
      <c r="AUU703" s="613"/>
      <c r="AUV703" s="613"/>
      <c r="AUW703" s="613"/>
      <c r="AUX703" s="613"/>
      <c r="AUY703" s="613"/>
      <c r="AUZ703" s="613"/>
      <c r="AVA703" s="613"/>
      <c r="AVB703" s="613"/>
      <c r="AVC703" s="613"/>
      <c r="AVD703" s="613"/>
      <c r="AVE703" s="613"/>
      <c r="AVF703" s="613"/>
      <c r="AVG703" s="613"/>
      <c r="AVH703" s="613"/>
      <c r="AVI703" s="613"/>
      <c r="AVJ703" s="613"/>
      <c r="AVK703" s="613"/>
      <c r="AVL703" s="613"/>
      <c r="AVM703" s="613"/>
      <c r="AVN703" s="613"/>
      <c r="AVO703" s="613"/>
      <c r="AVP703" s="613"/>
      <c r="AVQ703" s="613"/>
      <c r="AVR703" s="613"/>
      <c r="AVS703" s="613"/>
      <c r="AVT703" s="613"/>
      <c r="AVU703" s="613"/>
      <c r="AVV703" s="613"/>
      <c r="AVW703" s="613"/>
      <c r="AVX703" s="613"/>
      <c r="AVY703" s="613"/>
      <c r="AVZ703" s="613"/>
      <c r="AWA703" s="613"/>
      <c r="AWB703" s="613"/>
      <c r="AWC703" s="613"/>
      <c r="AWD703" s="613"/>
      <c r="AWE703" s="613"/>
      <c r="AWF703" s="613"/>
      <c r="AWG703" s="613"/>
      <c r="AWH703" s="613"/>
      <c r="AWI703" s="613"/>
      <c r="AWJ703" s="613"/>
      <c r="AWK703" s="613"/>
      <c r="AWL703" s="613"/>
      <c r="AWM703" s="613"/>
      <c r="AWN703" s="613"/>
      <c r="AWO703" s="613"/>
      <c r="AWP703" s="613"/>
      <c r="AWQ703" s="613"/>
      <c r="AWR703" s="613"/>
      <c r="AWS703" s="613"/>
      <c r="AWT703" s="613"/>
      <c r="AWU703" s="613"/>
      <c r="AWV703" s="613"/>
      <c r="AWW703" s="613"/>
      <c r="AWX703" s="613"/>
      <c r="AWY703" s="613"/>
      <c r="AWZ703" s="613"/>
      <c r="AXA703" s="613"/>
      <c r="AXB703" s="613"/>
      <c r="AXC703" s="613"/>
      <c r="AXD703" s="613"/>
      <c r="AXE703" s="613"/>
      <c r="AXF703" s="613"/>
      <c r="AXG703" s="613"/>
      <c r="AXH703" s="613"/>
      <c r="AXI703" s="613"/>
      <c r="AXJ703" s="613"/>
      <c r="AXK703" s="613"/>
      <c r="AXL703" s="613"/>
      <c r="AXM703" s="613"/>
      <c r="AXN703" s="613"/>
      <c r="AXO703" s="613"/>
      <c r="AXP703" s="613"/>
      <c r="AXQ703" s="613"/>
      <c r="AXR703" s="613"/>
      <c r="AXS703" s="613"/>
      <c r="AXT703" s="613"/>
      <c r="AXU703" s="613"/>
      <c r="AXV703" s="613"/>
      <c r="AXW703" s="613"/>
      <c r="AXX703" s="613"/>
      <c r="AXY703" s="613"/>
      <c r="AXZ703" s="613"/>
      <c r="AYA703" s="613"/>
      <c r="AYB703" s="613"/>
      <c r="AYC703" s="613"/>
      <c r="AYD703" s="613"/>
      <c r="AYE703" s="613"/>
      <c r="AYF703" s="613"/>
      <c r="AYG703" s="613"/>
      <c r="AYH703" s="613"/>
      <c r="AYI703" s="613"/>
      <c r="AYJ703" s="613"/>
      <c r="AYK703" s="613"/>
      <c r="AYL703" s="613"/>
      <c r="AYM703" s="613"/>
      <c r="AYN703" s="613"/>
      <c r="AYO703" s="613"/>
      <c r="AYP703" s="613"/>
      <c r="AYQ703" s="613"/>
      <c r="AYR703" s="613"/>
      <c r="AYS703" s="613"/>
      <c r="AYT703" s="613"/>
      <c r="AYU703" s="613"/>
      <c r="AYV703" s="613"/>
      <c r="AYW703" s="613"/>
      <c r="AYX703" s="613"/>
      <c r="AYY703" s="613"/>
      <c r="AYZ703" s="613"/>
      <c r="AZA703" s="613"/>
      <c r="AZB703" s="613"/>
      <c r="AZC703" s="613"/>
      <c r="AZD703" s="613"/>
      <c r="AZE703" s="613"/>
      <c r="AZF703" s="613"/>
      <c r="AZG703" s="613"/>
      <c r="AZH703" s="613"/>
      <c r="AZI703" s="613"/>
      <c r="AZJ703" s="613"/>
      <c r="AZK703" s="613"/>
      <c r="AZL703" s="613"/>
      <c r="AZM703" s="613"/>
      <c r="AZN703" s="613"/>
      <c r="AZO703" s="613"/>
      <c r="AZP703" s="613"/>
      <c r="AZQ703" s="613"/>
      <c r="AZR703" s="613"/>
      <c r="AZS703" s="613"/>
      <c r="AZT703" s="613"/>
      <c r="AZU703" s="613"/>
      <c r="AZV703" s="613"/>
      <c r="AZW703" s="613"/>
      <c r="AZX703" s="613"/>
      <c r="AZY703" s="613"/>
      <c r="AZZ703" s="613"/>
      <c r="BAA703" s="613"/>
      <c r="BAB703" s="613"/>
      <c r="BAC703" s="613"/>
      <c r="BAD703" s="613"/>
      <c r="BAE703" s="613"/>
      <c r="BAF703" s="613"/>
      <c r="BAG703" s="613"/>
      <c r="BAH703" s="613"/>
      <c r="BAI703" s="613"/>
      <c r="BAJ703" s="613"/>
      <c r="BAK703" s="613"/>
      <c r="BAL703" s="613"/>
      <c r="BAM703" s="613"/>
      <c r="BAN703" s="613"/>
      <c r="BAO703" s="613"/>
      <c r="BAP703" s="613"/>
      <c r="BAQ703" s="613"/>
      <c r="BAR703" s="613"/>
      <c r="BAS703" s="613"/>
      <c r="BAT703" s="613"/>
      <c r="BAU703" s="613"/>
      <c r="BAV703" s="613"/>
      <c r="BAW703" s="613"/>
      <c r="BAX703" s="613"/>
      <c r="BAY703" s="613"/>
      <c r="BAZ703" s="613"/>
      <c r="BBA703" s="613"/>
      <c r="BBB703" s="613"/>
      <c r="BBC703" s="613"/>
      <c r="BBD703" s="613"/>
      <c r="BBE703" s="613"/>
      <c r="BBF703" s="613"/>
      <c r="BBG703" s="613"/>
      <c r="BBH703" s="613"/>
      <c r="BBI703" s="613"/>
      <c r="BBJ703" s="613"/>
      <c r="BBK703" s="613"/>
      <c r="BBL703" s="613"/>
      <c r="BBM703" s="613"/>
      <c r="BBN703" s="613"/>
      <c r="BBO703" s="613"/>
      <c r="BBP703" s="613"/>
      <c r="BBQ703" s="613"/>
      <c r="BBR703" s="613"/>
      <c r="BBS703" s="613"/>
      <c r="BBT703" s="613"/>
      <c r="BBU703" s="613"/>
      <c r="BBV703" s="613"/>
      <c r="BBW703" s="613"/>
      <c r="BBX703" s="613"/>
      <c r="BBY703" s="613"/>
      <c r="BBZ703" s="613"/>
      <c r="BCA703" s="613"/>
      <c r="BCB703" s="613"/>
      <c r="BCC703" s="613"/>
      <c r="BCD703" s="613"/>
      <c r="BCE703" s="613"/>
      <c r="BCF703" s="613"/>
      <c r="BCG703" s="613"/>
      <c r="BCH703" s="613"/>
      <c r="BCI703" s="613"/>
      <c r="BCJ703" s="613"/>
      <c r="BCK703" s="613"/>
      <c r="BCL703" s="613"/>
      <c r="BCM703" s="613"/>
      <c r="BCN703" s="613"/>
      <c r="BCO703" s="613"/>
      <c r="BCP703" s="613"/>
      <c r="BCQ703" s="613"/>
      <c r="BCR703" s="613"/>
      <c r="BCS703" s="613"/>
      <c r="BCT703" s="613"/>
      <c r="BCU703" s="613"/>
      <c r="BCV703" s="613"/>
      <c r="BCW703" s="613"/>
      <c r="BCX703" s="613"/>
      <c r="BCY703" s="613"/>
      <c r="BCZ703" s="613"/>
      <c r="BDA703" s="613"/>
      <c r="BDB703" s="613"/>
      <c r="BDC703" s="613"/>
      <c r="BDD703" s="613"/>
      <c r="BDE703" s="613"/>
      <c r="BDF703" s="613"/>
      <c r="BDG703" s="613"/>
      <c r="BDH703" s="613"/>
      <c r="BDI703" s="613"/>
      <c r="BDJ703" s="613"/>
      <c r="BDK703" s="613"/>
      <c r="BDL703" s="613"/>
      <c r="BDM703" s="613"/>
      <c r="BDN703" s="613"/>
      <c r="BDO703" s="613"/>
      <c r="BDP703" s="613"/>
      <c r="BDQ703" s="613"/>
      <c r="BDR703" s="613"/>
      <c r="BDS703" s="613"/>
      <c r="BDT703" s="613"/>
      <c r="BDU703" s="613"/>
      <c r="BDV703" s="613"/>
      <c r="BDW703" s="613"/>
      <c r="BDX703" s="613"/>
      <c r="BDY703" s="613"/>
      <c r="BDZ703" s="613"/>
      <c r="BEA703" s="613"/>
      <c r="BEB703" s="613"/>
      <c r="BEC703" s="613"/>
      <c r="BED703" s="613"/>
      <c r="BEE703" s="613"/>
      <c r="BEF703" s="613"/>
      <c r="BEG703" s="613"/>
      <c r="BEH703" s="613"/>
      <c r="BEI703" s="613"/>
      <c r="BEJ703" s="613"/>
      <c r="BEK703" s="613"/>
      <c r="BEL703" s="613"/>
      <c r="BEM703" s="613"/>
      <c r="BEN703" s="613"/>
      <c r="BEO703" s="613"/>
      <c r="BEP703" s="613"/>
      <c r="BEQ703" s="613"/>
      <c r="BER703" s="613"/>
      <c r="BES703" s="613"/>
      <c r="BET703" s="613"/>
      <c r="BEU703" s="613"/>
      <c r="BEV703" s="613"/>
      <c r="BEW703" s="613"/>
      <c r="BEX703" s="613"/>
      <c r="BEY703" s="613"/>
      <c r="BEZ703" s="613"/>
      <c r="BFA703" s="613"/>
      <c r="BFB703" s="613"/>
      <c r="BFC703" s="613"/>
      <c r="BFD703" s="613"/>
      <c r="BFE703" s="613"/>
      <c r="BFF703" s="613"/>
      <c r="BFG703" s="613"/>
      <c r="BFH703" s="613"/>
      <c r="BFI703" s="613"/>
      <c r="BFJ703" s="613"/>
      <c r="BFK703" s="613"/>
      <c r="BFL703" s="613"/>
      <c r="BFM703" s="613"/>
      <c r="BFN703" s="613"/>
      <c r="BFO703" s="613"/>
      <c r="BFP703" s="613"/>
      <c r="BFQ703" s="613"/>
      <c r="BFR703" s="613"/>
      <c r="BFS703" s="613"/>
      <c r="BFT703" s="613"/>
      <c r="BFU703" s="613"/>
      <c r="BFV703" s="613"/>
      <c r="BFW703" s="613"/>
      <c r="BFX703" s="613"/>
      <c r="BFY703" s="613"/>
      <c r="BFZ703" s="613"/>
      <c r="BGA703" s="613"/>
      <c r="BGB703" s="613"/>
      <c r="BGC703" s="613"/>
      <c r="BGD703" s="613"/>
      <c r="BGE703" s="613"/>
      <c r="BGF703" s="613"/>
      <c r="BGG703" s="613"/>
      <c r="BGH703" s="613"/>
      <c r="BGI703" s="613"/>
      <c r="BGJ703" s="613"/>
      <c r="BGK703" s="613"/>
      <c r="BGL703" s="613"/>
      <c r="BGM703" s="613"/>
      <c r="BGN703" s="613"/>
      <c r="BGO703" s="613"/>
      <c r="BGP703" s="613"/>
      <c r="BGQ703" s="613"/>
      <c r="BGR703" s="613"/>
      <c r="BGS703" s="613"/>
      <c r="BGT703" s="613"/>
      <c r="BGU703" s="613"/>
      <c r="BGV703" s="613"/>
      <c r="BGW703" s="613"/>
      <c r="BGX703" s="613"/>
      <c r="BGY703" s="613"/>
      <c r="BGZ703" s="613"/>
      <c r="BHA703" s="613"/>
      <c r="BHB703" s="613"/>
      <c r="BHC703" s="613"/>
      <c r="BHD703" s="613"/>
      <c r="BHE703" s="613"/>
      <c r="BHF703" s="613"/>
      <c r="BHG703" s="613"/>
      <c r="BHH703" s="613"/>
      <c r="BHI703" s="613"/>
      <c r="BHJ703" s="613"/>
      <c r="BHK703" s="613"/>
      <c r="BHL703" s="613"/>
      <c r="BHM703" s="613"/>
      <c r="BHN703" s="613"/>
      <c r="BHO703" s="613"/>
      <c r="BHP703" s="613"/>
      <c r="BHQ703" s="613"/>
      <c r="BHR703" s="613"/>
      <c r="BHS703" s="613"/>
      <c r="BHT703" s="613"/>
      <c r="BHU703" s="613"/>
      <c r="BHV703" s="613"/>
      <c r="BHW703" s="613"/>
      <c r="BHX703" s="613"/>
      <c r="BHY703" s="613"/>
      <c r="BHZ703" s="613"/>
      <c r="BIA703" s="613"/>
      <c r="BIB703" s="613"/>
      <c r="BIC703" s="613"/>
      <c r="BID703" s="613"/>
      <c r="BIE703" s="613"/>
      <c r="BIF703" s="613"/>
      <c r="BIG703" s="613"/>
      <c r="BIH703" s="613"/>
      <c r="BII703" s="613"/>
      <c r="BIJ703" s="613"/>
      <c r="BIK703" s="613"/>
      <c r="BIL703" s="613"/>
      <c r="BIM703" s="613"/>
      <c r="BIN703" s="613"/>
      <c r="BIO703" s="613"/>
      <c r="BIP703" s="613"/>
      <c r="BIQ703" s="613"/>
      <c r="BIR703" s="613"/>
      <c r="BIS703" s="613"/>
      <c r="BIT703" s="613"/>
      <c r="BIU703" s="613"/>
      <c r="BIV703" s="613"/>
      <c r="BIW703" s="613"/>
      <c r="BIX703" s="613"/>
      <c r="BIY703" s="613"/>
      <c r="BIZ703" s="613"/>
      <c r="BJA703" s="613"/>
      <c r="BJB703" s="613"/>
      <c r="BJC703" s="613"/>
      <c r="BJD703" s="613"/>
      <c r="BJE703" s="613"/>
      <c r="BJF703" s="613"/>
      <c r="BJG703" s="613"/>
      <c r="BJH703" s="613"/>
      <c r="BJI703" s="613"/>
      <c r="BJJ703" s="613"/>
      <c r="BJK703" s="613"/>
      <c r="BJL703" s="613"/>
      <c r="BJM703" s="613"/>
      <c r="BJN703" s="613"/>
      <c r="BJO703" s="613"/>
      <c r="BJP703" s="613"/>
      <c r="BJQ703" s="613"/>
      <c r="BJR703" s="613"/>
      <c r="BJS703" s="613"/>
      <c r="BJT703" s="613"/>
      <c r="BJU703" s="613"/>
      <c r="BJV703" s="613"/>
      <c r="BJW703" s="613"/>
      <c r="BJX703" s="613"/>
      <c r="BJY703" s="613"/>
      <c r="BJZ703" s="613"/>
      <c r="BKA703" s="613"/>
      <c r="BKB703" s="613"/>
      <c r="BKC703" s="613"/>
      <c r="BKD703" s="613"/>
      <c r="BKE703" s="613"/>
      <c r="BKF703" s="613"/>
      <c r="BKG703" s="613"/>
      <c r="BKH703" s="613"/>
      <c r="BKI703" s="613"/>
      <c r="BKJ703" s="613"/>
      <c r="BKK703" s="613"/>
      <c r="BKL703" s="613"/>
      <c r="BKM703" s="613"/>
      <c r="BKN703" s="613"/>
      <c r="BKO703" s="613"/>
      <c r="BKP703" s="613"/>
      <c r="BKQ703" s="613"/>
      <c r="BKR703" s="613"/>
      <c r="BKS703" s="613"/>
      <c r="BKT703" s="613"/>
      <c r="BKU703" s="613"/>
      <c r="BKV703" s="613"/>
      <c r="BKW703" s="613"/>
      <c r="BKX703" s="613"/>
      <c r="BKY703" s="613"/>
      <c r="BKZ703" s="613"/>
      <c r="BLA703" s="613"/>
      <c r="BLB703" s="613"/>
      <c r="BLC703" s="613"/>
      <c r="BLD703" s="613"/>
      <c r="BLE703" s="613"/>
      <c r="BLF703" s="613"/>
      <c r="BLG703" s="613"/>
      <c r="BLH703" s="613"/>
      <c r="BLI703" s="613"/>
      <c r="BLJ703" s="613"/>
      <c r="BLK703" s="613"/>
      <c r="BLL703" s="613"/>
      <c r="BLM703" s="613"/>
      <c r="BLN703" s="613"/>
      <c r="BLO703" s="613"/>
      <c r="BLP703" s="613"/>
      <c r="BLQ703" s="613"/>
      <c r="BLR703" s="613"/>
      <c r="BLS703" s="613"/>
      <c r="BLT703" s="613"/>
      <c r="BLU703" s="613"/>
      <c r="BLV703" s="613"/>
      <c r="BLW703" s="613"/>
      <c r="BLX703" s="613"/>
      <c r="BLY703" s="613"/>
      <c r="BLZ703" s="613"/>
      <c r="BMA703" s="613"/>
      <c r="BMB703" s="613"/>
      <c r="BMC703" s="613"/>
      <c r="BMD703" s="613"/>
      <c r="BME703" s="613"/>
      <c r="BMF703" s="613"/>
      <c r="BMG703" s="613"/>
      <c r="BMH703" s="613"/>
      <c r="BMI703" s="613"/>
      <c r="BMJ703" s="613"/>
      <c r="BMK703" s="613"/>
      <c r="BML703" s="613"/>
      <c r="BMM703" s="613"/>
      <c r="BMN703" s="613"/>
      <c r="BMO703" s="613"/>
      <c r="BMP703" s="613"/>
      <c r="BMQ703" s="613"/>
      <c r="BMR703" s="613"/>
      <c r="BMS703" s="613"/>
      <c r="BMT703" s="613"/>
      <c r="BMU703" s="613"/>
      <c r="BMV703" s="613"/>
      <c r="BMW703" s="613"/>
      <c r="BMX703" s="613"/>
      <c r="BMY703" s="613"/>
      <c r="BMZ703" s="613"/>
      <c r="BNA703" s="613"/>
      <c r="BNB703" s="613"/>
      <c r="BNC703" s="613"/>
      <c r="BND703" s="613"/>
      <c r="BNE703" s="613"/>
      <c r="BNF703" s="613"/>
      <c r="BNG703" s="613"/>
      <c r="BNH703" s="613"/>
      <c r="BNI703" s="613"/>
      <c r="BNJ703" s="613"/>
      <c r="BNK703" s="613"/>
      <c r="BNL703" s="613"/>
      <c r="BNM703" s="613"/>
      <c r="BNN703" s="613"/>
      <c r="BNO703" s="613"/>
      <c r="BNP703" s="613"/>
      <c r="BNQ703" s="613"/>
      <c r="BNR703" s="613"/>
      <c r="BNS703" s="613"/>
      <c r="BNT703" s="613"/>
      <c r="BNU703" s="613"/>
      <c r="BNV703" s="613"/>
      <c r="BNW703" s="613"/>
      <c r="BNX703" s="613"/>
      <c r="BNY703" s="613"/>
      <c r="BNZ703" s="613"/>
      <c r="BOA703" s="613"/>
      <c r="BOB703" s="613"/>
      <c r="BOC703" s="613"/>
      <c r="BOD703" s="613"/>
      <c r="BOE703" s="613"/>
      <c r="BOF703" s="613"/>
      <c r="BOG703" s="613"/>
      <c r="BOH703" s="613"/>
      <c r="BOI703" s="613"/>
      <c r="BOJ703" s="613"/>
      <c r="BOK703" s="613"/>
      <c r="BOL703" s="613"/>
      <c r="BOM703" s="613"/>
      <c r="BON703" s="613"/>
      <c r="BOO703" s="613"/>
      <c r="BOP703" s="613"/>
      <c r="BOQ703" s="613"/>
      <c r="BOR703" s="613"/>
      <c r="BOS703" s="613"/>
      <c r="BOT703" s="613"/>
      <c r="BOU703" s="613"/>
      <c r="BOV703" s="613"/>
      <c r="BOW703" s="613"/>
      <c r="BOX703" s="613"/>
      <c r="BOY703" s="613"/>
      <c r="BOZ703" s="613"/>
      <c r="BPA703" s="613"/>
      <c r="BPB703" s="613"/>
      <c r="BPC703" s="613"/>
      <c r="BPD703" s="613"/>
      <c r="BPE703" s="613"/>
      <c r="BPF703" s="613"/>
      <c r="BPG703" s="613"/>
      <c r="BPH703" s="613"/>
      <c r="BPI703" s="613"/>
      <c r="BPJ703" s="613"/>
      <c r="BPK703" s="613"/>
      <c r="BPL703" s="613"/>
      <c r="BPM703" s="613"/>
      <c r="BPN703" s="613"/>
      <c r="BPO703" s="613"/>
      <c r="BPP703" s="613"/>
      <c r="BPQ703" s="613"/>
      <c r="BPR703" s="613"/>
      <c r="BPS703" s="613"/>
      <c r="BPT703" s="613"/>
      <c r="BPU703" s="613"/>
      <c r="BPV703" s="613"/>
      <c r="BPW703" s="613"/>
      <c r="BPX703" s="613"/>
      <c r="BPY703" s="613"/>
      <c r="BPZ703" s="613"/>
      <c r="BQA703" s="613"/>
      <c r="BQB703" s="613"/>
      <c r="BQC703" s="613"/>
      <c r="BQD703" s="613"/>
      <c r="BQE703" s="613"/>
      <c r="BQF703" s="613"/>
      <c r="BQG703" s="613"/>
      <c r="BQH703" s="613"/>
      <c r="BQI703" s="613"/>
      <c r="BQJ703" s="613"/>
      <c r="BQK703" s="613"/>
      <c r="BQL703" s="613"/>
      <c r="BQM703" s="613"/>
      <c r="BQN703" s="613"/>
      <c r="BQO703" s="613"/>
      <c r="BQP703" s="613"/>
      <c r="BQQ703" s="613"/>
      <c r="BQR703" s="613"/>
      <c r="BQS703" s="613"/>
      <c r="BQT703" s="613"/>
      <c r="BQU703" s="613"/>
      <c r="BQV703" s="613"/>
      <c r="BQW703" s="613"/>
      <c r="BQX703" s="613"/>
      <c r="BQY703" s="613"/>
      <c r="BQZ703" s="613"/>
      <c r="BRA703" s="613"/>
      <c r="BRB703" s="613"/>
      <c r="BRC703" s="613"/>
      <c r="BRD703" s="613"/>
      <c r="BRE703" s="613"/>
      <c r="BRF703" s="613"/>
      <c r="BRG703" s="613"/>
      <c r="BRH703" s="613"/>
      <c r="BRI703" s="613"/>
      <c r="BRJ703" s="613"/>
      <c r="BRK703" s="613"/>
      <c r="BRL703" s="613"/>
      <c r="BRM703" s="613"/>
      <c r="BRN703" s="613"/>
      <c r="BRO703" s="613"/>
      <c r="BRP703" s="613"/>
      <c r="BRQ703" s="613"/>
      <c r="BRR703" s="613"/>
      <c r="BRS703" s="613"/>
      <c r="BRT703" s="613"/>
      <c r="BRU703" s="613"/>
      <c r="BRV703" s="613"/>
      <c r="BRW703" s="613"/>
      <c r="BRX703" s="613"/>
      <c r="BRY703" s="613"/>
      <c r="BRZ703" s="613"/>
      <c r="BSA703" s="613"/>
      <c r="BSB703" s="613"/>
      <c r="BSC703" s="613"/>
      <c r="BSD703" s="613"/>
      <c r="BSE703" s="613"/>
      <c r="BSF703" s="613"/>
      <c r="BSG703" s="613"/>
      <c r="BSH703" s="613"/>
      <c r="BSI703" s="613"/>
      <c r="BSJ703" s="613"/>
      <c r="BSK703" s="613"/>
      <c r="BSL703" s="613"/>
      <c r="BSM703" s="613"/>
      <c r="BSN703" s="613"/>
      <c r="BSO703" s="613"/>
      <c r="BSP703" s="613"/>
      <c r="BSQ703" s="613"/>
      <c r="BSR703" s="613"/>
      <c r="BSS703" s="613"/>
      <c r="BST703" s="613"/>
      <c r="BSU703" s="613"/>
      <c r="BSV703" s="613"/>
      <c r="BSW703" s="613"/>
      <c r="BSX703" s="613"/>
      <c r="BSY703" s="613"/>
      <c r="BSZ703" s="613"/>
      <c r="BTA703" s="613"/>
      <c r="BTB703" s="613"/>
      <c r="BTC703" s="613"/>
      <c r="BTD703" s="613"/>
      <c r="BTE703" s="613"/>
      <c r="BTF703" s="613"/>
      <c r="BTG703" s="613"/>
      <c r="BTH703" s="613"/>
      <c r="BTI703" s="613"/>
      <c r="BTJ703" s="613"/>
      <c r="BTK703" s="613"/>
      <c r="BTL703" s="613"/>
      <c r="BTM703" s="613"/>
      <c r="BTN703" s="613"/>
      <c r="BTO703" s="613"/>
      <c r="BTP703" s="613"/>
      <c r="BTQ703" s="613"/>
      <c r="BTR703" s="613"/>
      <c r="BTS703" s="613"/>
      <c r="BTT703" s="613"/>
      <c r="BTU703" s="613"/>
      <c r="BTV703" s="613"/>
      <c r="BTW703" s="613"/>
      <c r="BTX703" s="613"/>
      <c r="BTY703" s="613"/>
      <c r="BTZ703" s="613"/>
      <c r="BUA703" s="613"/>
      <c r="BUB703" s="613"/>
      <c r="BUC703" s="613"/>
      <c r="BUD703" s="613"/>
      <c r="BUE703" s="613"/>
      <c r="BUF703" s="613"/>
      <c r="BUG703" s="613"/>
      <c r="BUH703" s="613"/>
      <c r="BUI703" s="613"/>
      <c r="BUJ703" s="613"/>
      <c r="BUK703" s="613"/>
      <c r="BUL703" s="613"/>
      <c r="BUM703" s="613"/>
      <c r="BUN703" s="613"/>
      <c r="BUO703" s="613"/>
      <c r="BUP703" s="613"/>
      <c r="BUQ703" s="613"/>
      <c r="BUR703" s="613"/>
      <c r="BUS703" s="613"/>
      <c r="BUT703" s="613"/>
      <c r="BUU703" s="613"/>
      <c r="BUV703" s="613"/>
      <c r="BUW703" s="613"/>
      <c r="BUX703" s="613"/>
      <c r="BUY703" s="613"/>
      <c r="BUZ703" s="613"/>
      <c r="BVA703" s="613"/>
      <c r="BVB703" s="613"/>
      <c r="BVC703" s="613"/>
      <c r="BVD703" s="613"/>
      <c r="BVE703" s="613"/>
      <c r="BVF703" s="613"/>
      <c r="BVG703" s="613"/>
      <c r="BVH703" s="613"/>
      <c r="BVI703" s="613"/>
      <c r="BVJ703" s="613"/>
      <c r="BVK703" s="613"/>
      <c r="BVL703" s="613"/>
      <c r="BVM703" s="613"/>
      <c r="BVN703" s="613"/>
      <c r="BVO703" s="613"/>
      <c r="BVP703" s="613"/>
      <c r="BVQ703" s="613"/>
      <c r="BVR703" s="613"/>
      <c r="BVS703" s="613"/>
      <c r="BVT703" s="613"/>
      <c r="BVU703" s="613"/>
      <c r="BVV703" s="613"/>
      <c r="BVW703" s="613"/>
      <c r="BVX703" s="613"/>
      <c r="BVY703" s="613"/>
      <c r="BVZ703" s="613"/>
      <c r="BWA703" s="613"/>
      <c r="BWB703" s="613"/>
      <c r="BWC703" s="613"/>
      <c r="BWD703" s="613"/>
      <c r="BWE703" s="613"/>
      <c r="BWF703" s="613"/>
      <c r="BWG703" s="613"/>
      <c r="BWH703" s="613"/>
      <c r="BWI703" s="613"/>
      <c r="BWJ703" s="613"/>
      <c r="BWK703" s="613"/>
      <c r="BWL703" s="613"/>
      <c r="BWM703" s="613"/>
      <c r="BWN703" s="613"/>
      <c r="BWO703" s="613"/>
      <c r="BWP703" s="613"/>
      <c r="BWQ703" s="613"/>
      <c r="BWR703" s="613"/>
      <c r="BWS703" s="613"/>
      <c r="BWT703" s="613"/>
      <c r="BWU703" s="613"/>
      <c r="BWV703" s="613"/>
      <c r="BWW703" s="613"/>
      <c r="BWX703" s="613"/>
      <c r="BWY703" s="613"/>
      <c r="BWZ703" s="613"/>
      <c r="BXA703" s="613"/>
      <c r="BXB703" s="613"/>
      <c r="BXC703" s="613"/>
      <c r="BXD703" s="613"/>
      <c r="BXE703" s="613"/>
      <c r="BXF703" s="613"/>
      <c r="BXG703" s="613"/>
      <c r="BXH703" s="613"/>
      <c r="BXI703" s="613"/>
      <c r="BXJ703" s="613"/>
      <c r="BXK703" s="613"/>
      <c r="BXL703" s="613"/>
      <c r="BXM703" s="613"/>
      <c r="BXN703" s="613"/>
      <c r="BXO703" s="613"/>
      <c r="BXP703" s="613"/>
      <c r="BXQ703" s="613"/>
      <c r="BXR703" s="613"/>
      <c r="BXS703" s="613"/>
      <c r="BXT703" s="613"/>
      <c r="BXU703" s="613"/>
      <c r="BXV703" s="613"/>
      <c r="BXW703" s="613"/>
      <c r="BXX703" s="613"/>
      <c r="BXY703" s="613"/>
      <c r="BXZ703" s="613"/>
      <c r="BYA703" s="613"/>
      <c r="BYB703" s="613"/>
      <c r="BYC703" s="613"/>
      <c r="BYD703" s="613"/>
      <c r="BYE703" s="613"/>
      <c r="BYF703" s="613"/>
      <c r="BYG703" s="613"/>
      <c r="BYH703" s="613"/>
      <c r="BYI703" s="613"/>
      <c r="BYJ703" s="613"/>
      <c r="BYK703" s="613"/>
      <c r="BYL703" s="613"/>
      <c r="BYM703" s="613"/>
      <c r="BYN703" s="613"/>
      <c r="BYO703" s="613"/>
      <c r="BYP703" s="613"/>
      <c r="BYQ703" s="613"/>
      <c r="BYR703" s="613"/>
      <c r="BYS703" s="613"/>
      <c r="BYT703" s="613"/>
      <c r="BYU703" s="613"/>
      <c r="BYV703" s="613"/>
      <c r="BYW703" s="613"/>
      <c r="BYX703" s="613"/>
      <c r="BYY703" s="613"/>
      <c r="BYZ703" s="613"/>
      <c r="BZA703" s="613"/>
      <c r="BZB703" s="613"/>
      <c r="BZC703" s="613"/>
      <c r="BZD703" s="613"/>
      <c r="BZE703" s="613"/>
      <c r="BZF703" s="613"/>
      <c r="BZG703" s="613"/>
      <c r="BZH703" s="613"/>
      <c r="BZI703" s="613"/>
      <c r="BZJ703" s="613"/>
      <c r="BZK703" s="613"/>
      <c r="BZL703" s="613"/>
      <c r="BZM703" s="613"/>
      <c r="BZN703" s="613"/>
      <c r="BZO703" s="613"/>
      <c r="BZP703" s="613"/>
      <c r="BZQ703" s="613"/>
      <c r="BZR703" s="613"/>
      <c r="BZS703" s="613"/>
      <c r="BZT703" s="613"/>
      <c r="BZU703" s="613"/>
      <c r="BZV703" s="613"/>
      <c r="BZW703" s="613"/>
      <c r="BZX703" s="613"/>
      <c r="BZY703" s="613"/>
      <c r="BZZ703" s="613"/>
      <c r="CAA703" s="613"/>
      <c r="CAB703" s="613"/>
      <c r="CAC703" s="613"/>
      <c r="CAD703" s="613"/>
      <c r="CAE703" s="613"/>
      <c r="CAF703" s="613"/>
      <c r="CAG703" s="613"/>
      <c r="CAH703" s="613"/>
      <c r="CAI703" s="613"/>
      <c r="CAJ703" s="613"/>
      <c r="CAK703" s="613"/>
      <c r="CAL703" s="613"/>
      <c r="CAM703" s="613"/>
      <c r="CAN703" s="613"/>
      <c r="CAO703" s="613"/>
      <c r="CAP703" s="613"/>
      <c r="CAQ703" s="613"/>
      <c r="CAR703" s="613"/>
      <c r="CAS703" s="613"/>
      <c r="CAT703" s="613"/>
      <c r="CAU703" s="613"/>
      <c r="CAV703" s="613"/>
      <c r="CAW703" s="613"/>
      <c r="CAX703" s="613"/>
      <c r="CAY703" s="613"/>
      <c r="CAZ703" s="613"/>
      <c r="CBA703" s="613"/>
      <c r="CBB703" s="613"/>
      <c r="CBC703" s="613"/>
      <c r="CBD703" s="613"/>
      <c r="CBE703" s="613"/>
      <c r="CBF703" s="613"/>
      <c r="CBG703" s="613"/>
      <c r="CBH703" s="613"/>
      <c r="CBI703" s="613"/>
      <c r="CBJ703" s="613"/>
      <c r="CBK703" s="613"/>
      <c r="CBL703" s="613"/>
      <c r="CBM703" s="613"/>
      <c r="CBN703" s="613"/>
      <c r="CBO703" s="613"/>
      <c r="CBP703" s="613"/>
      <c r="CBQ703" s="613"/>
      <c r="CBR703" s="613"/>
      <c r="CBS703" s="613"/>
      <c r="CBT703" s="613"/>
      <c r="CBU703" s="613"/>
      <c r="CBV703" s="613"/>
      <c r="CBW703" s="613"/>
      <c r="CBX703" s="613"/>
      <c r="CBY703" s="613"/>
      <c r="CBZ703" s="613"/>
      <c r="CCA703" s="613"/>
      <c r="CCB703" s="613"/>
      <c r="CCC703" s="613"/>
      <c r="CCD703" s="613"/>
      <c r="CCE703" s="613"/>
      <c r="CCF703" s="613"/>
      <c r="CCG703" s="613"/>
      <c r="CCH703" s="613"/>
      <c r="CCI703" s="613"/>
      <c r="CCJ703" s="613"/>
      <c r="CCK703" s="613"/>
      <c r="CCL703" s="613"/>
      <c r="CCM703" s="613"/>
      <c r="CCN703" s="613"/>
      <c r="CCO703" s="613"/>
      <c r="CCP703" s="613"/>
      <c r="CCQ703" s="613"/>
      <c r="CCR703" s="613"/>
      <c r="CCS703" s="613"/>
      <c r="CCT703" s="613"/>
      <c r="CCU703" s="613"/>
      <c r="CCV703" s="613"/>
      <c r="CCW703" s="613"/>
      <c r="CCX703" s="613"/>
      <c r="CCY703" s="613"/>
      <c r="CCZ703" s="613"/>
      <c r="CDA703" s="613"/>
      <c r="CDB703" s="613"/>
      <c r="CDC703" s="613"/>
      <c r="CDD703" s="613"/>
      <c r="CDE703" s="613"/>
      <c r="CDF703" s="613"/>
      <c r="CDG703" s="613"/>
      <c r="CDH703" s="613"/>
      <c r="CDI703" s="613"/>
      <c r="CDJ703" s="613"/>
      <c r="CDK703" s="613"/>
      <c r="CDL703" s="613"/>
      <c r="CDM703" s="613"/>
      <c r="CDN703" s="613"/>
      <c r="CDO703" s="613"/>
      <c r="CDP703" s="613"/>
      <c r="CDQ703" s="613"/>
      <c r="CDR703" s="613"/>
      <c r="CDS703" s="613"/>
      <c r="CDT703" s="613"/>
      <c r="CDU703" s="613"/>
      <c r="CDV703" s="613"/>
      <c r="CDW703" s="613"/>
      <c r="CDX703" s="613"/>
      <c r="CDY703" s="613"/>
      <c r="CDZ703" s="613"/>
      <c r="CEA703" s="613"/>
      <c r="CEB703" s="613"/>
      <c r="CEC703" s="613"/>
      <c r="CED703" s="613"/>
      <c r="CEE703" s="613"/>
      <c r="CEF703" s="613"/>
      <c r="CEG703" s="613"/>
      <c r="CEH703" s="613"/>
      <c r="CEI703" s="613"/>
      <c r="CEJ703" s="613"/>
      <c r="CEK703" s="613"/>
      <c r="CEL703" s="613"/>
      <c r="CEM703" s="613"/>
      <c r="CEN703" s="613"/>
      <c r="CEO703" s="613"/>
      <c r="CEP703" s="613"/>
      <c r="CEQ703" s="613"/>
      <c r="CER703" s="613"/>
      <c r="CES703" s="613"/>
      <c r="CET703" s="613"/>
      <c r="CEU703" s="613"/>
      <c r="CEV703" s="613"/>
      <c r="CEW703" s="613"/>
      <c r="CEX703" s="613"/>
      <c r="CEY703" s="613"/>
      <c r="CEZ703" s="613"/>
      <c r="CFA703" s="613"/>
      <c r="CFB703" s="613"/>
      <c r="CFC703" s="613"/>
      <c r="CFD703" s="613"/>
      <c r="CFE703" s="613"/>
      <c r="CFF703" s="613"/>
      <c r="CFG703" s="613"/>
      <c r="CFH703" s="613"/>
      <c r="CFI703" s="613"/>
      <c r="CFJ703" s="613"/>
      <c r="CFK703" s="613"/>
      <c r="CFL703" s="613"/>
      <c r="CFM703" s="613"/>
      <c r="CFN703" s="613"/>
      <c r="CFO703" s="613"/>
      <c r="CFP703" s="613"/>
      <c r="CFQ703" s="613"/>
      <c r="CFR703" s="613"/>
      <c r="CFS703" s="613"/>
      <c r="CFT703" s="613"/>
      <c r="CFU703" s="613"/>
      <c r="CFV703" s="613"/>
      <c r="CFW703" s="613"/>
      <c r="CFX703" s="613"/>
      <c r="CFY703" s="613"/>
      <c r="CFZ703" s="613"/>
      <c r="CGA703" s="613"/>
      <c r="CGB703" s="613"/>
      <c r="CGC703" s="613"/>
      <c r="CGD703" s="613"/>
      <c r="CGE703" s="613"/>
      <c r="CGF703" s="613"/>
      <c r="CGG703" s="613"/>
      <c r="CGH703" s="613"/>
      <c r="CGI703" s="613"/>
      <c r="CGJ703" s="613"/>
      <c r="CGK703" s="613"/>
      <c r="CGL703" s="613"/>
      <c r="CGM703" s="613"/>
      <c r="CGN703" s="613"/>
      <c r="CGO703" s="613"/>
      <c r="CGP703" s="613"/>
      <c r="CGQ703" s="613"/>
      <c r="CGR703" s="613"/>
      <c r="CGS703" s="613"/>
      <c r="CGT703" s="613"/>
      <c r="CGU703" s="613"/>
      <c r="CGV703" s="613"/>
      <c r="CGW703" s="613"/>
      <c r="CGX703" s="613"/>
      <c r="CGY703" s="613"/>
      <c r="CGZ703" s="613"/>
      <c r="CHA703" s="613"/>
      <c r="CHB703" s="613"/>
      <c r="CHC703" s="613"/>
      <c r="CHD703" s="613"/>
      <c r="CHE703" s="613"/>
      <c r="CHF703" s="613"/>
      <c r="CHG703" s="613"/>
      <c r="CHH703" s="613"/>
      <c r="CHI703" s="613"/>
      <c r="CHJ703" s="613"/>
      <c r="CHK703" s="613"/>
      <c r="CHL703" s="613"/>
      <c r="CHM703" s="613"/>
      <c r="CHN703" s="613"/>
      <c r="CHO703" s="613"/>
      <c r="CHP703" s="613"/>
      <c r="CHQ703" s="613"/>
      <c r="CHR703" s="613"/>
      <c r="CHS703" s="613"/>
      <c r="CHT703" s="613"/>
      <c r="CHU703" s="613"/>
      <c r="CHV703" s="613"/>
      <c r="CHW703" s="613"/>
      <c r="CHX703" s="613"/>
      <c r="CHY703" s="613"/>
      <c r="CHZ703" s="613"/>
      <c r="CIA703" s="613"/>
      <c r="CIB703" s="613"/>
      <c r="CIC703" s="613"/>
      <c r="CID703" s="613"/>
      <c r="CIE703" s="613"/>
      <c r="CIF703" s="613"/>
      <c r="CIG703" s="613"/>
      <c r="CIH703" s="613"/>
      <c r="CII703" s="613"/>
      <c r="CIJ703" s="613"/>
      <c r="CIK703" s="613"/>
      <c r="CIL703" s="613"/>
      <c r="CIM703" s="613"/>
      <c r="CIN703" s="613"/>
      <c r="CIO703" s="613"/>
      <c r="CIP703" s="613"/>
      <c r="CIQ703" s="613"/>
      <c r="CIR703" s="613"/>
      <c r="CIS703" s="613"/>
      <c r="CIT703" s="613"/>
      <c r="CIU703" s="613"/>
      <c r="CIV703" s="613"/>
      <c r="CIW703" s="613"/>
      <c r="CIX703" s="613"/>
      <c r="CIY703" s="613"/>
      <c r="CIZ703" s="613"/>
      <c r="CJA703" s="613"/>
      <c r="CJB703" s="613"/>
      <c r="CJC703" s="613"/>
      <c r="CJD703" s="613"/>
      <c r="CJE703" s="613"/>
      <c r="CJF703" s="613"/>
      <c r="CJG703" s="613"/>
      <c r="CJH703" s="613"/>
      <c r="CJI703" s="613"/>
      <c r="CJJ703" s="613"/>
      <c r="CJK703" s="613"/>
      <c r="CJL703" s="613"/>
      <c r="CJM703" s="613"/>
      <c r="CJN703" s="613"/>
      <c r="CJO703" s="613"/>
      <c r="CJP703" s="613"/>
      <c r="CJQ703" s="613"/>
      <c r="CJR703" s="613"/>
      <c r="CJS703" s="613"/>
      <c r="CJT703" s="613"/>
      <c r="CJU703" s="613"/>
      <c r="CJV703" s="613"/>
      <c r="CJW703" s="613"/>
      <c r="CJX703" s="613"/>
      <c r="CJY703" s="613"/>
      <c r="CJZ703" s="613"/>
      <c r="CKA703" s="613"/>
      <c r="CKB703" s="613"/>
      <c r="CKC703" s="613"/>
      <c r="CKD703" s="613"/>
      <c r="CKE703" s="613"/>
      <c r="CKF703" s="613"/>
      <c r="CKG703" s="613"/>
      <c r="CKH703" s="613"/>
      <c r="CKI703" s="613"/>
      <c r="CKJ703" s="613"/>
      <c r="CKK703" s="613"/>
      <c r="CKL703" s="613"/>
      <c r="CKM703" s="613"/>
      <c r="CKN703" s="613"/>
      <c r="CKO703" s="613"/>
      <c r="CKP703" s="613"/>
      <c r="CKQ703" s="613"/>
      <c r="CKR703" s="613"/>
      <c r="CKS703" s="613"/>
      <c r="CKT703" s="613"/>
      <c r="CKU703" s="613"/>
      <c r="CKV703" s="613"/>
      <c r="CKW703" s="613"/>
      <c r="CKX703" s="613"/>
      <c r="CKY703" s="613"/>
      <c r="CKZ703" s="613"/>
      <c r="CLA703" s="613"/>
      <c r="CLB703" s="613"/>
      <c r="CLC703" s="613"/>
      <c r="CLD703" s="613"/>
      <c r="CLE703" s="613"/>
      <c r="CLF703" s="613"/>
      <c r="CLG703" s="613"/>
      <c r="CLH703" s="613"/>
      <c r="CLI703" s="613"/>
      <c r="CLJ703" s="613"/>
      <c r="CLK703" s="613"/>
      <c r="CLL703" s="613"/>
      <c r="CLM703" s="613"/>
      <c r="CLN703" s="613"/>
      <c r="CLO703" s="613"/>
      <c r="CLP703" s="613"/>
      <c r="CLQ703" s="613"/>
      <c r="CLR703" s="613"/>
      <c r="CLS703" s="613"/>
      <c r="CLT703" s="613"/>
      <c r="CLU703" s="613"/>
      <c r="CLV703" s="613"/>
      <c r="CLW703" s="613"/>
      <c r="CLX703" s="613"/>
      <c r="CLY703" s="613"/>
      <c r="CLZ703" s="613"/>
      <c r="CMA703" s="613"/>
      <c r="CMB703" s="613"/>
      <c r="CMC703" s="613"/>
      <c r="CMD703" s="613"/>
      <c r="CME703" s="613"/>
      <c r="CMF703" s="613"/>
      <c r="CMG703" s="613"/>
      <c r="CMH703" s="613"/>
      <c r="CMI703" s="613"/>
      <c r="CMJ703" s="613"/>
      <c r="CMK703" s="613"/>
      <c r="CML703" s="613"/>
      <c r="CMM703" s="613"/>
      <c r="CMN703" s="613"/>
      <c r="CMO703" s="613"/>
      <c r="CMP703" s="613"/>
      <c r="CMQ703" s="613"/>
      <c r="CMR703" s="613"/>
      <c r="CMS703" s="613"/>
      <c r="CMT703" s="613"/>
      <c r="CMU703" s="613"/>
      <c r="CMV703" s="613"/>
      <c r="CMW703" s="613"/>
      <c r="CMX703" s="613"/>
      <c r="CMY703" s="613"/>
      <c r="CMZ703" s="613"/>
      <c r="CNA703" s="613"/>
      <c r="CNB703" s="613"/>
      <c r="CNC703" s="613"/>
      <c r="CND703" s="613"/>
      <c r="CNE703" s="613"/>
      <c r="CNF703" s="613"/>
      <c r="CNG703" s="613"/>
      <c r="CNH703" s="613"/>
      <c r="CNI703" s="613"/>
      <c r="CNJ703" s="613"/>
      <c r="CNK703" s="613"/>
      <c r="CNL703" s="613"/>
      <c r="CNM703" s="613"/>
      <c r="CNN703" s="613"/>
      <c r="CNO703" s="613"/>
      <c r="CNP703" s="613"/>
      <c r="CNQ703" s="613"/>
      <c r="CNR703" s="613"/>
      <c r="CNS703" s="613"/>
      <c r="CNT703" s="613"/>
      <c r="CNU703" s="613"/>
      <c r="CNV703" s="613"/>
      <c r="CNW703" s="613"/>
      <c r="CNX703" s="613"/>
      <c r="CNY703" s="613"/>
      <c r="CNZ703" s="613"/>
      <c r="COA703" s="613"/>
      <c r="COB703" s="613"/>
      <c r="COC703" s="613"/>
      <c r="COD703" s="613"/>
      <c r="COE703" s="613"/>
      <c r="COF703" s="613"/>
      <c r="COG703" s="613"/>
      <c r="COH703" s="613"/>
      <c r="COI703" s="613"/>
      <c r="COJ703" s="613"/>
      <c r="COK703" s="613"/>
      <c r="COL703" s="613"/>
      <c r="COM703" s="613"/>
      <c r="CON703" s="613"/>
      <c r="COO703" s="613"/>
      <c r="COP703" s="613"/>
      <c r="COQ703" s="613"/>
      <c r="COR703" s="613"/>
      <c r="COS703" s="613"/>
      <c r="COT703" s="613"/>
      <c r="COU703" s="613"/>
      <c r="COV703" s="613"/>
      <c r="COW703" s="613"/>
      <c r="COX703" s="613"/>
      <c r="COY703" s="613"/>
      <c r="COZ703" s="613"/>
      <c r="CPA703" s="613"/>
      <c r="CPB703" s="613"/>
      <c r="CPC703" s="613"/>
      <c r="CPD703" s="613"/>
      <c r="CPE703" s="613"/>
      <c r="CPF703" s="613"/>
      <c r="CPG703" s="613"/>
      <c r="CPH703" s="613"/>
      <c r="CPI703" s="613"/>
      <c r="CPJ703" s="613"/>
      <c r="CPK703" s="613"/>
      <c r="CPL703" s="613"/>
      <c r="CPM703" s="613"/>
      <c r="CPN703" s="613"/>
      <c r="CPO703" s="613"/>
      <c r="CPP703" s="613"/>
      <c r="CPQ703" s="613"/>
      <c r="CPR703" s="613"/>
      <c r="CPS703" s="613"/>
      <c r="CPT703" s="613"/>
      <c r="CPU703" s="613"/>
      <c r="CPV703" s="613"/>
      <c r="CPW703" s="613"/>
      <c r="CPX703" s="613"/>
      <c r="CPY703" s="613"/>
      <c r="CPZ703" s="613"/>
      <c r="CQA703" s="613"/>
      <c r="CQB703" s="613"/>
      <c r="CQC703" s="613"/>
      <c r="CQD703" s="613"/>
      <c r="CQE703" s="613"/>
      <c r="CQF703" s="613"/>
      <c r="CQG703" s="613"/>
      <c r="CQH703" s="613"/>
      <c r="CQI703" s="613"/>
      <c r="CQJ703" s="613"/>
      <c r="CQK703" s="613"/>
      <c r="CQL703" s="613"/>
      <c r="CQM703" s="613"/>
      <c r="CQN703" s="613"/>
      <c r="CQO703" s="613"/>
      <c r="CQP703" s="613"/>
      <c r="CQQ703" s="613"/>
      <c r="CQR703" s="613"/>
      <c r="CQS703" s="613"/>
      <c r="CQT703" s="613"/>
      <c r="CQU703" s="613"/>
      <c r="CQV703" s="613"/>
      <c r="CQW703" s="613"/>
      <c r="CQX703" s="613"/>
      <c r="CQY703" s="613"/>
      <c r="CQZ703" s="613"/>
      <c r="CRA703" s="613"/>
      <c r="CRB703" s="613"/>
      <c r="CRC703" s="613"/>
      <c r="CRD703" s="613"/>
      <c r="CRE703" s="613"/>
      <c r="CRF703" s="613"/>
      <c r="CRG703" s="613"/>
      <c r="CRH703" s="613"/>
      <c r="CRI703" s="613"/>
      <c r="CRJ703" s="613"/>
      <c r="CRK703" s="613"/>
      <c r="CRL703" s="613"/>
      <c r="CRM703" s="613"/>
      <c r="CRN703" s="613"/>
      <c r="CRO703" s="613"/>
      <c r="CRP703" s="613"/>
      <c r="CRQ703" s="613"/>
      <c r="CRR703" s="613"/>
      <c r="CRS703" s="613"/>
      <c r="CRT703" s="613"/>
      <c r="CRU703" s="613"/>
      <c r="CRV703" s="613"/>
      <c r="CRW703" s="613"/>
      <c r="CRX703" s="613"/>
      <c r="CRY703" s="613"/>
      <c r="CRZ703" s="613"/>
      <c r="CSA703" s="613"/>
      <c r="CSB703" s="613"/>
      <c r="CSC703" s="613"/>
      <c r="CSD703" s="613"/>
      <c r="CSE703" s="613"/>
      <c r="CSF703" s="613"/>
      <c r="CSG703" s="613"/>
      <c r="CSH703" s="613"/>
      <c r="CSI703" s="613"/>
      <c r="CSJ703" s="613"/>
      <c r="CSK703" s="613"/>
      <c r="CSL703" s="613"/>
      <c r="CSM703" s="613"/>
      <c r="CSN703" s="613"/>
      <c r="CSO703" s="613"/>
      <c r="CSP703" s="613"/>
      <c r="CSQ703" s="613"/>
      <c r="CSR703" s="613"/>
      <c r="CSS703" s="613"/>
      <c r="CST703" s="613"/>
      <c r="CSU703" s="613"/>
      <c r="CSV703" s="613"/>
      <c r="CSW703" s="613"/>
      <c r="CSX703" s="613"/>
      <c r="CSY703" s="613"/>
      <c r="CSZ703" s="613"/>
      <c r="CTA703" s="613"/>
      <c r="CTB703" s="613"/>
      <c r="CTC703" s="613"/>
      <c r="CTD703" s="613"/>
      <c r="CTE703" s="613"/>
      <c r="CTF703" s="613"/>
      <c r="CTG703" s="613"/>
      <c r="CTH703" s="613"/>
      <c r="CTI703" s="613"/>
      <c r="CTJ703" s="613"/>
      <c r="CTK703" s="613"/>
      <c r="CTL703" s="613"/>
      <c r="CTM703" s="613"/>
      <c r="CTN703" s="613"/>
      <c r="CTO703" s="613"/>
      <c r="CTP703" s="613"/>
      <c r="CTQ703" s="613"/>
      <c r="CTR703" s="613"/>
      <c r="CTS703" s="613"/>
      <c r="CTT703" s="613"/>
      <c r="CTU703" s="613"/>
      <c r="CTV703" s="613"/>
      <c r="CTW703" s="613"/>
      <c r="CTX703" s="613"/>
      <c r="CTY703" s="613"/>
      <c r="CTZ703" s="613"/>
      <c r="CUA703" s="613"/>
      <c r="CUB703" s="613"/>
      <c r="CUC703" s="613"/>
      <c r="CUD703" s="613"/>
      <c r="CUE703" s="613"/>
      <c r="CUF703" s="613"/>
      <c r="CUG703" s="613"/>
      <c r="CUH703" s="613"/>
      <c r="CUI703" s="613"/>
      <c r="CUJ703" s="613"/>
      <c r="CUK703" s="613"/>
      <c r="CUL703" s="613"/>
      <c r="CUM703" s="613"/>
      <c r="CUN703" s="613"/>
      <c r="CUO703" s="613"/>
      <c r="CUP703" s="613"/>
      <c r="CUQ703" s="613"/>
      <c r="CUR703" s="613"/>
      <c r="CUS703" s="613"/>
      <c r="CUT703" s="613"/>
      <c r="CUU703" s="613"/>
      <c r="CUV703" s="613"/>
      <c r="CUW703" s="613"/>
      <c r="CUX703" s="613"/>
      <c r="CUY703" s="613"/>
      <c r="CUZ703" s="613"/>
      <c r="CVA703" s="613"/>
      <c r="CVB703" s="613"/>
      <c r="CVC703" s="613"/>
      <c r="CVD703" s="613"/>
      <c r="CVE703" s="613"/>
      <c r="CVF703" s="613"/>
      <c r="CVG703" s="613"/>
      <c r="CVH703" s="613"/>
      <c r="CVI703" s="613"/>
      <c r="CVJ703" s="613"/>
      <c r="CVK703" s="613"/>
      <c r="CVL703" s="613"/>
      <c r="CVM703" s="613"/>
      <c r="CVN703" s="613"/>
      <c r="CVO703" s="613"/>
      <c r="CVP703" s="613"/>
      <c r="CVQ703" s="613"/>
      <c r="CVR703" s="613"/>
      <c r="CVS703" s="613"/>
      <c r="CVT703" s="613"/>
      <c r="CVU703" s="613"/>
      <c r="CVV703" s="613"/>
      <c r="CVW703" s="613"/>
      <c r="CVX703" s="613"/>
      <c r="CVY703" s="613"/>
      <c r="CVZ703" s="613"/>
      <c r="CWA703" s="613"/>
      <c r="CWB703" s="613"/>
      <c r="CWC703" s="613"/>
      <c r="CWD703" s="613"/>
      <c r="CWE703" s="613"/>
      <c r="CWF703" s="613"/>
      <c r="CWG703" s="613"/>
      <c r="CWH703" s="613"/>
      <c r="CWI703" s="613"/>
      <c r="CWJ703" s="613"/>
      <c r="CWK703" s="613"/>
      <c r="CWL703" s="613"/>
      <c r="CWM703" s="613"/>
      <c r="CWN703" s="613"/>
      <c r="CWO703" s="613"/>
      <c r="CWP703" s="613"/>
      <c r="CWQ703" s="613"/>
      <c r="CWR703" s="613"/>
      <c r="CWS703" s="613"/>
      <c r="CWT703" s="613"/>
      <c r="CWU703" s="613"/>
      <c r="CWV703" s="613"/>
      <c r="CWW703" s="613"/>
      <c r="CWX703" s="613"/>
      <c r="CWY703" s="613"/>
      <c r="CWZ703" s="613"/>
      <c r="CXA703" s="613"/>
      <c r="CXB703" s="613"/>
      <c r="CXC703" s="613"/>
      <c r="CXD703" s="613"/>
      <c r="CXE703" s="613"/>
      <c r="CXF703" s="613"/>
      <c r="CXG703" s="613"/>
      <c r="CXH703" s="613"/>
      <c r="CXI703" s="613"/>
      <c r="CXJ703" s="613"/>
      <c r="CXK703" s="613"/>
      <c r="CXL703" s="613"/>
      <c r="CXM703" s="613"/>
      <c r="CXN703" s="613"/>
      <c r="CXO703" s="613"/>
      <c r="CXP703" s="613"/>
      <c r="CXQ703" s="613"/>
      <c r="CXR703" s="613"/>
      <c r="CXS703" s="613"/>
      <c r="CXT703" s="613"/>
      <c r="CXU703" s="613"/>
      <c r="CXV703" s="613"/>
      <c r="CXW703" s="613"/>
      <c r="CXX703" s="613"/>
      <c r="CXY703" s="613"/>
      <c r="CXZ703" s="613"/>
      <c r="CYA703" s="613"/>
      <c r="CYB703" s="613"/>
      <c r="CYC703" s="613"/>
      <c r="CYD703" s="613"/>
      <c r="CYE703" s="613"/>
      <c r="CYF703" s="613"/>
      <c r="CYG703" s="613"/>
      <c r="CYH703" s="613"/>
      <c r="CYI703" s="613"/>
      <c r="CYJ703" s="613"/>
      <c r="CYK703" s="613"/>
      <c r="CYL703" s="613"/>
      <c r="CYM703" s="613"/>
      <c r="CYN703" s="613"/>
      <c r="CYO703" s="613"/>
      <c r="CYP703" s="613"/>
      <c r="CYQ703" s="613"/>
      <c r="CYR703" s="613"/>
      <c r="CYS703" s="613"/>
      <c r="CYT703" s="613"/>
      <c r="CYU703" s="613"/>
      <c r="CYV703" s="613"/>
      <c r="CYW703" s="613"/>
      <c r="CYX703" s="613"/>
      <c r="CYY703" s="613"/>
      <c r="CYZ703" s="613"/>
      <c r="CZA703" s="613"/>
      <c r="CZB703" s="613"/>
      <c r="CZC703" s="613"/>
      <c r="CZD703" s="613"/>
      <c r="CZE703" s="613"/>
      <c r="CZF703" s="613"/>
      <c r="CZG703" s="613"/>
      <c r="CZH703" s="613"/>
      <c r="CZI703" s="613"/>
      <c r="CZJ703" s="613"/>
      <c r="CZK703" s="613"/>
      <c r="CZL703" s="613"/>
      <c r="CZM703" s="613"/>
      <c r="CZN703" s="613"/>
      <c r="CZO703" s="613"/>
      <c r="CZP703" s="613"/>
      <c r="CZQ703" s="613"/>
      <c r="CZR703" s="613"/>
      <c r="CZS703" s="613"/>
      <c r="CZT703" s="613"/>
      <c r="CZU703" s="613"/>
      <c r="CZV703" s="613"/>
      <c r="CZW703" s="613"/>
      <c r="CZX703" s="613"/>
      <c r="CZY703" s="613"/>
      <c r="CZZ703" s="613"/>
      <c r="DAA703" s="613"/>
      <c r="DAB703" s="613"/>
      <c r="DAC703" s="613"/>
      <c r="DAD703" s="613"/>
      <c r="DAE703" s="613"/>
      <c r="DAF703" s="613"/>
      <c r="DAG703" s="613"/>
      <c r="DAH703" s="613"/>
      <c r="DAI703" s="613"/>
      <c r="DAJ703" s="613"/>
      <c r="DAK703" s="613"/>
      <c r="DAL703" s="613"/>
      <c r="DAM703" s="613"/>
      <c r="DAN703" s="613"/>
      <c r="DAO703" s="613"/>
      <c r="DAP703" s="613"/>
      <c r="DAQ703" s="613"/>
      <c r="DAR703" s="613"/>
      <c r="DAS703" s="613"/>
      <c r="DAT703" s="613"/>
      <c r="DAU703" s="613"/>
      <c r="DAV703" s="613"/>
      <c r="DAW703" s="613"/>
      <c r="DAX703" s="613"/>
      <c r="DAY703" s="613"/>
      <c r="DAZ703" s="613"/>
      <c r="DBA703" s="613"/>
      <c r="DBB703" s="613"/>
      <c r="DBC703" s="613"/>
      <c r="DBD703" s="613"/>
      <c r="DBE703" s="613"/>
      <c r="DBF703" s="613"/>
      <c r="DBG703" s="613"/>
      <c r="DBH703" s="613"/>
      <c r="DBI703" s="613"/>
      <c r="DBJ703" s="613"/>
      <c r="DBK703" s="613"/>
      <c r="DBL703" s="613"/>
      <c r="DBM703" s="613"/>
      <c r="DBN703" s="613"/>
      <c r="DBO703" s="613"/>
      <c r="DBP703" s="613"/>
      <c r="DBQ703" s="613"/>
      <c r="DBR703" s="613"/>
      <c r="DBS703" s="613"/>
      <c r="DBT703" s="613"/>
      <c r="DBU703" s="613"/>
      <c r="DBV703" s="613"/>
      <c r="DBW703" s="613"/>
      <c r="DBX703" s="613"/>
      <c r="DBY703" s="613"/>
      <c r="DBZ703" s="613"/>
      <c r="DCA703" s="613"/>
      <c r="DCB703" s="613"/>
      <c r="DCC703" s="613"/>
      <c r="DCD703" s="613"/>
      <c r="DCE703" s="613"/>
      <c r="DCF703" s="613"/>
      <c r="DCG703" s="613"/>
      <c r="DCH703" s="613"/>
      <c r="DCI703" s="613"/>
      <c r="DCJ703" s="613"/>
      <c r="DCK703" s="613"/>
      <c r="DCL703" s="613"/>
      <c r="DCM703" s="613"/>
      <c r="DCN703" s="613"/>
      <c r="DCO703" s="613"/>
      <c r="DCP703" s="613"/>
      <c r="DCQ703" s="613"/>
      <c r="DCR703" s="613"/>
      <c r="DCS703" s="613"/>
      <c r="DCT703" s="613"/>
      <c r="DCU703" s="613"/>
      <c r="DCV703" s="613"/>
      <c r="DCW703" s="613"/>
      <c r="DCX703" s="613"/>
      <c r="DCY703" s="613"/>
      <c r="DCZ703" s="613"/>
      <c r="DDA703" s="613"/>
      <c r="DDB703" s="613"/>
      <c r="DDC703" s="613"/>
      <c r="DDD703" s="613"/>
      <c r="DDE703" s="613"/>
      <c r="DDF703" s="613"/>
      <c r="DDG703" s="613"/>
      <c r="DDH703" s="613"/>
      <c r="DDI703" s="613"/>
      <c r="DDJ703" s="613"/>
      <c r="DDK703" s="613"/>
      <c r="DDL703" s="613"/>
      <c r="DDM703" s="613"/>
      <c r="DDN703" s="613"/>
      <c r="DDO703" s="613"/>
      <c r="DDP703" s="613"/>
      <c r="DDQ703" s="613"/>
      <c r="DDR703" s="613"/>
      <c r="DDS703" s="613"/>
      <c r="DDT703" s="613"/>
      <c r="DDU703" s="613"/>
      <c r="DDV703" s="613"/>
      <c r="DDW703" s="613"/>
      <c r="DDX703" s="613"/>
      <c r="DDY703" s="613"/>
      <c r="DDZ703" s="613"/>
      <c r="DEA703" s="613"/>
      <c r="DEB703" s="613"/>
      <c r="DEC703" s="613"/>
      <c r="DED703" s="613"/>
      <c r="DEE703" s="613"/>
      <c r="DEF703" s="613"/>
      <c r="DEG703" s="613"/>
      <c r="DEH703" s="613"/>
      <c r="DEI703" s="613"/>
      <c r="DEJ703" s="613"/>
      <c r="DEK703" s="613"/>
      <c r="DEL703" s="613"/>
      <c r="DEM703" s="613"/>
      <c r="DEN703" s="613"/>
      <c r="DEO703" s="613"/>
      <c r="DEP703" s="613"/>
      <c r="DEQ703" s="613"/>
      <c r="DER703" s="613"/>
      <c r="DES703" s="613"/>
      <c r="DET703" s="613"/>
      <c r="DEU703" s="613"/>
      <c r="DEV703" s="613"/>
      <c r="DEW703" s="613"/>
      <c r="DEX703" s="613"/>
      <c r="DEY703" s="613"/>
      <c r="DEZ703" s="613"/>
      <c r="DFA703" s="613"/>
      <c r="DFB703" s="613"/>
      <c r="DFC703" s="613"/>
      <c r="DFD703" s="613"/>
      <c r="DFE703" s="613"/>
      <c r="DFF703" s="613"/>
      <c r="DFG703" s="613"/>
      <c r="DFH703" s="613"/>
      <c r="DFI703" s="613"/>
      <c r="DFJ703" s="613"/>
      <c r="DFK703" s="613"/>
      <c r="DFL703" s="613"/>
      <c r="DFM703" s="613"/>
      <c r="DFN703" s="613"/>
      <c r="DFO703" s="613"/>
      <c r="DFP703" s="613"/>
      <c r="DFQ703" s="613"/>
      <c r="DFR703" s="613"/>
      <c r="DFS703" s="613"/>
      <c r="DFT703" s="613"/>
      <c r="DFU703" s="613"/>
      <c r="DFV703" s="613"/>
      <c r="DFW703" s="613"/>
      <c r="DFX703" s="613"/>
      <c r="DFY703" s="613"/>
      <c r="DFZ703" s="613"/>
      <c r="DGA703" s="613"/>
      <c r="DGB703" s="613"/>
      <c r="DGC703" s="613"/>
      <c r="DGD703" s="613"/>
      <c r="DGE703" s="613"/>
      <c r="DGF703" s="613"/>
      <c r="DGG703" s="613"/>
      <c r="DGH703" s="613"/>
      <c r="DGI703" s="613"/>
      <c r="DGJ703" s="613"/>
      <c r="DGK703" s="613"/>
      <c r="DGL703" s="613"/>
      <c r="DGM703" s="613"/>
      <c r="DGN703" s="613"/>
      <c r="DGO703" s="613"/>
      <c r="DGP703" s="613"/>
      <c r="DGQ703" s="613"/>
      <c r="DGR703" s="613"/>
      <c r="DGS703" s="613"/>
      <c r="DGT703" s="613"/>
      <c r="DGU703" s="613"/>
      <c r="DGV703" s="613"/>
      <c r="DGW703" s="613"/>
      <c r="DGX703" s="613"/>
      <c r="DGY703" s="613"/>
      <c r="DGZ703" s="613"/>
      <c r="DHA703" s="613"/>
      <c r="DHB703" s="613"/>
      <c r="DHC703" s="613"/>
      <c r="DHD703" s="613"/>
      <c r="DHE703" s="613"/>
      <c r="DHF703" s="613"/>
      <c r="DHG703" s="613"/>
      <c r="DHH703" s="613"/>
      <c r="DHI703" s="613"/>
      <c r="DHJ703" s="613"/>
      <c r="DHK703" s="613"/>
      <c r="DHL703" s="613"/>
      <c r="DHM703" s="613"/>
      <c r="DHN703" s="613"/>
      <c r="DHO703" s="613"/>
      <c r="DHP703" s="613"/>
      <c r="DHQ703" s="613"/>
      <c r="DHR703" s="613"/>
      <c r="DHS703" s="613"/>
      <c r="DHT703" s="613"/>
      <c r="DHU703" s="613"/>
      <c r="DHV703" s="613"/>
      <c r="DHW703" s="613"/>
      <c r="DHX703" s="613"/>
      <c r="DHY703" s="613"/>
      <c r="DHZ703" s="613"/>
      <c r="DIA703" s="613"/>
      <c r="DIB703" s="613"/>
      <c r="DIC703" s="613"/>
      <c r="DID703" s="613"/>
      <c r="DIE703" s="613"/>
      <c r="DIF703" s="613"/>
      <c r="DIG703" s="613"/>
      <c r="DIH703" s="613"/>
      <c r="DII703" s="613"/>
      <c r="DIJ703" s="613"/>
      <c r="DIK703" s="613"/>
      <c r="DIL703" s="613"/>
      <c r="DIM703" s="613"/>
      <c r="DIN703" s="613"/>
      <c r="DIO703" s="613"/>
      <c r="DIP703" s="613"/>
      <c r="DIQ703" s="613"/>
      <c r="DIR703" s="613"/>
      <c r="DIS703" s="613"/>
      <c r="DIT703" s="613"/>
      <c r="DIU703" s="613"/>
      <c r="DIV703" s="613"/>
      <c r="DIW703" s="613"/>
      <c r="DIX703" s="613"/>
      <c r="DIY703" s="613"/>
      <c r="DIZ703" s="613"/>
      <c r="DJA703" s="613"/>
      <c r="DJB703" s="613"/>
      <c r="DJC703" s="613"/>
      <c r="DJD703" s="613"/>
      <c r="DJE703" s="613"/>
      <c r="DJF703" s="613"/>
      <c r="DJG703" s="613"/>
      <c r="DJH703" s="613"/>
      <c r="DJI703" s="613"/>
      <c r="DJJ703" s="613"/>
      <c r="DJK703" s="613"/>
      <c r="DJL703" s="613"/>
      <c r="DJM703" s="613"/>
      <c r="DJN703" s="613"/>
      <c r="DJO703" s="613"/>
      <c r="DJP703" s="613"/>
      <c r="DJQ703" s="613"/>
      <c r="DJR703" s="613"/>
      <c r="DJS703" s="613"/>
      <c r="DJT703" s="613"/>
      <c r="DJU703" s="613"/>
      <c r="DJV703" s="613"/>
      <c r="DJW703" s="613"/>
      <c r="DJX703" s="613"/>
      <c r="DJY703" s="613"/>
      <c r="DJZ703" s="613"/>
      <c r="DKA703" s="613"/>
      <c r="DKB703" s="613"/>
      <c r="DKC703" s="613"/>
      <c r="DKD703" s="613"/>
      <c r="DKE703" s="613"/>
      <c r="DKF703" s="613"/>
      <c r="DKG703" s="613"/>
      <c r="DKH703" s="613"/>
      <c r="DKI703" s="613"/>
      <c r="DKJ703" s="613"/>
      <c r="DKK703" s="613"/>
      <c r="DKL703" s="613"/>
      <c r="DKM703" s="613"/>
      <c r="DKN703" s="613"/>
      <c r="DKO703" s="613"/>
      <c r="DKP703" s="613"/>
      <c r="DKQ703" s="613"/>
      <c r="DKR703" s="613"/>
      <c r="DKS703" s="613"/>
      <c r="DKT703" s="613"/>
      <c r="DKU703" s="613"/>
      <c r="DKV703" s="613"/>
      <c r="DKW703" s="613"/>
      <c r="DKX703" s="613"/>
      <c r="DKY703" s="613"/>
      <c r="DKZ703" s="613"/>
      <c r="DLA703" s="613"/>
      <c r="DLB703" s="613"/>
      <c r="DLC703" s="613"/>
      <c r="DLD703" s="613"/>
      <c r="DLE703" s="613"/>
      <c r="DLF703" s="613"/>
      <c r="DLG703" s="613"/>
      <c r="DLH703" s="613"/>
      <c r="DLI703" s="613"/>
      <c r="DLJ703" s="613"/>
      <c r="DLK703" s="613"/>
      <c r="DLL703" s="613"/>
      <c r="DLM703" s="613"/>
      <c r="DLN703" s="613"/>
      <c r="DLO703" s="613"/>
      <c r="DLP703" s="613"/>
      <c r="DLQ703" s="613"/>
      <c r="DLR703" s="613"/>
      <c r="DLS703" s="613"/>
      <c r="DLT703" s="613"/>
      <c r="DLU703" s="613"/>
      <c r="DLV703" s="613"/>
      <c r="DLW703" s="613"/>
      <c r="DLX703" s="613"/>
      <c r="DLY703" s="613"/>
      <c r="DLZ703" s="613"/>
      <c r="DMA703" s="613"/>
      <c r="DMB703" s="613"/>
      <c r="DMC703" s="613"/>
      <c r="DMD703" s="613"/>
      <c r="DME703" s="613"/>
      <c r="DMF703" s="613"/>
      <c r="DMG703" s="613"/>
      <c r="DMH703" s="613"/>
      <c r="DMI703" s="613"/>
      <c r="DMJ703" s="613"/>
      <c r="DMK703" s="613"/>
      <c r="DML703" s="613"/>
      <c r="DMM703" s="613"/>
      <c r="DMN703" s="613"/>
      <c r="DMO703" s="613"/>
      <c r="DMP703" s="613"/>
      <c r="DMQ703" s="613"/>
      <c r="DMR703" s="613"/>
      <c r="DMS703" s="613"/>
      <c r="DMT703" s="613"/>
      <c r="DMU703" s="613"/>
      <c r="DMV703" s="613"/>
      <c r="DMW703" s="613"/>
      <c r="DMX703" s="613"/>
      <c r="DMY703" s="613"/>
      <c r="DMZ703" s="613"/>
      <c r="DNA703" s="613"/>
      <c r="DNB703" s="613"/>
      <c r="DNC703" s="613"/>
      <c r="DND703" s="613"/>
      <c r="DNE703" s="613"/>
      <c r="DNF703" s="613"/>
      <c r="DNG703" s="613"/>
      <c r="DNH703" s="613"/>
      <c r="DNI703" s="613"/>
      <c r="DNJ703" s="613"/>
      <c r="DNK703" s="613"/>
      <c r="DNL703" s="613"/>
      <c r="DNM703" s="613"/>
      <c r="DNN703" s="613"/>
      <c r="DNO703" s="613"/>
      <c r="DNP703" s="613"/>
      <c r="DNQ703" s="613"/>
      <c r="DNR703" s="613"/>
      <c r="DNS703" s="613"/>
      <c r="DNT703" s="613"/>
      <c r="DNU703" s="613"/>
      <c r="DNV703" s="613"/>
      <c r="DNW703" s="613"/>
      <c r="DNX703" s="613"/>
      <c r="DNY703" s="613"/>
      <c r="DNZ703" s="613"/>
      <c r="DOA703" s="613"/>
      <c r="DOB703" s="613"/>
      <c r="DOC703" s="613"/>
      <c r="DOD703" s="613"/>
      <c r="DOE703" s="613"/>
      <c r="DOF703" s="613"/>
      <c r="DOG703" s="613"/>
      <c r="DOH703" s="613"/>
      <c r="DOI703" s="613"/>
      <c r="DOJ703" s="613"/>
      <c r="DOK703" s="613"/>
      <c r="DOL703" s="613"/>
      <c r="DOM703" s="613"/>
      <c r="DON703" s="613"/>
      <c r="DOO703" s="613"/>
      <c r="DOP703" s="613"/>
      <c r="DOQ703" s="613"/>
      <c r="DOR703" s="613"/>
      <c r="DOS703" s="613"/>
      <c r="DOT703" s="613"/>
      <c r="DOU703" s="613"/>
      <c r="DOV703" s="613"/>
      <c r="DOW703" s="613"/>
      <c r="DOX703" s="613"/>
      <c r="DOY703" s="613"/>
      <c r="DOZ703" s="613"/>
      <c r="DPA703" s="613"/>
      <c r="DPB703" s="613"/>
      <c r="DPC703" s="613"/>
      <c r="DPD703" s="613"/>
      <c r="DPE703" s="613"/>
      <c r="DPF703" s="613"/>
      <c r="DPG703" s="613"/>
      <c r="DPH703" s="613"/>
      <c r="DPI703" s="613"/>
      <c r="DPJ703" s="613"/>
      <c r="DPK703" s="613"/>
      <c r="DPL703" s="613"/>
      <c r="DPM703" s="613"/>
      <c r="DPN703" s="613"/>
      <c r="DPO703" s="613"/>
      <c r="DPP703" s="613"/>
      <c r="DPQ703" s="613"/>
      <c r="DPR703" s="613"/>
      <c r="DPS703" s="613"/>
      <c r="DPT703" s="613"/>
      <c r="DPU703" s="613"/>
      <c r="DPV703" s="613"/>
      <c r="DPW703" s="613"/>
      <c r="DPX703" s="613"/>
      <c r="DPY703" s="613"/>
      <c r="DPZ703" s="613"/>
      <c r="DQA703" s="613"/>
      <c r="DQB703" s="613"/>
      <c r="DQC703" s="613"/>
      <c r="DQD703" s="613"/>
      <c r="DQE703" s="613"/>
      <c r="DQF703" s="613"/>
      <c r="DQG703" s="613"/>
      <c r="DQH703" s="613"/>
      <c r="DQI703" s="613"/>
      <c r="DQJ703" s="613"/>
      <c r="DQK703" s="613"/>
      <c r="DQL703" s="613"/>
      <c r="DQM703" s="613"/>
      <c r="DQN703" s="613"/>
      <c r="DQO703" s="613"/>
      <c r="DQP703" s="613"/>
      <c r="DQQ703" s="613"/>
      <c r="DQR703" s="613"/>
      <c r="DQS703" s="613"/>
      <c r="DQT703" s="613"/>
      <c r="DQU703" s="613"/>
      <c r="DQV703" s="613"/>
      <c r="DQW703" s="613"/>
      <c r="DQX703" s="613"/>
      <c r="DQY703" s="613"/>
      <c r="DQZ703" s="613"/>
      <c r="DRA703" s="613"/>
      <c r="DRB703" s="613"/>
      <c r="DRC703" s="613"/>
      <c r="DRD703" s="613"/>
      <c r="DRE703" s="613"/>
      <c r="DRF703" s="613"/>
      <c r="DRG703" s="613"/>
      <c r="DRH703" s="613"/>
      <c r="DRI703" s="613"/>
      <c r="DRJ703" s="613"/>
      <c r="DRK703" s="613"/>
      <c r="DRL703" s="613"/>
      <c r="DRM703" s="613"/>
      <c r="DRN703" s="613"/>
      <c r="DRO703" s="613"/>
      <c r="DRP703" s="613"/>
      <c r="DRQ703" s="613"/>
      <c r="DRR703" s="613"/>
      <c r="DRS703" s="613"/>
      <c r="DRT703" s="613"/>
      <c r="DRU703" s="613"/>
      <c r="DRV703" s="613"/>
      <c r="DRW703" s="613"/>
      <c r="DRX703" s="613"/>
      <c r="DRY703" s="613"/>
      <c r="DRZ703" s="613"/>
      <c r="DSA703" s="613"/>
      <c r="DSB703" s="613"/>
      <c r="DSC703" s="613"/>
      <c r="DSD703" s="613"/>
      <c r="DSE703" s="613"/>
      <c r="DSF703" s="613"/>
      <c r="DSG703" s="613"/>
      <c r="DSH703" s="613"/>
      <c r="DSI703" s="613"/>
      <c r="DSJ703" s="613"/>
      <c r="DSK703" s="613"/>
      <c r="DSL703" s="613"/>
      <c r="DSM703" s="613"/>
      <c r="DSN703" s="613"/>
      <c r="DSO703" s="613"/>
      <c r="DSP703" s="613"/>
      <c r="DSQ703" s="613"/>
      <c r="DSR703" s="613"/>
      <c r="DSS703" s="613"/>
      <c r="DST703" s="613"/>
      <c r="DSU703" s="613"/>
      <c r="DSV703" s="613"/>
      <c r="DSW703" s="613"/>
      <c r="DSX703" s="613"/>
      <c r="DSY703" s="613"/>
      <c r="DSZ703" s="613"/>
      <c r="DTA703" s="613"/>
      <c r="DTB703" s="613"/>
      <c r="DTC703" s="613"/>
      <c r="DTD703" s="613"/>
      <c r="DTE703" s="613"/>
      <c r="DTF703" s="613"/>
      <c r="DTG703" s="613"/>
      <c r="DTH703" s="613"/>
      <c r="DTI703" s="613"/>
      <c r="DTJ703" s="613"/>
      <c r="DTK703" s="613"/>
      <c r="DTL703" s="613"/>
      <c r="DTM703" s="613"/>
      <c r="DTN703" s="613"/>
      <c r="DTO703" s="613"/>
      <c r="DTP703" s="613"/>
      <c r="DTQ703" s="613"/>
      <c r="DTR703" s="613"/>
      <c r="DTS703" s="613"/>
      <c r="DTT703" s="613"/>
      <c r="DTU703" s="613"/>
      <c r="DTV703" s="613"/>
      <c r="DTW703" s="613"/>
      <c r="DTX703" s="613"/>
      <c r="DTY703" s="613"/>
      <c r="DTZ703" s="613"/>
      <c r="DUA703" s="613"/>
      <c r="DUB703" s="613"/>
      <c r="DUC703" s="613"/>
      <c r="DUD703" s="613"/>
      <c r="DUE703" s="613"/>
      <c r="DUF703" s="613"/>
      <c r="DUG703" s="613"/>
      <c r="DUH703" s="613"/>
      <c r="DUI703" s="613"/>
      <c r="DUJ703" s="613"/>
      <c r="DUK703" s="613"/>
      <c r="DUL703" s="613"/>
      <c r="DUM703" s="613"/>
      <c r="DUN703" s="613"/>
      <c r="DUO703" s="613"/>
      <c r="DUP703" s="613"/>
      <c r="DUQ703" s="613"/>
      <c r="DUR703" s="613"/>
      <c r="DUS703" s="613"/>
      <c r="DUT703" s="613"/>
      <c r="DUU703" s="613"/>
      <c r="DUV703" s="613"/>
      <c r="DUW703" s="613"/>
      <c r="DUX703" s="613"/>
      <c r="DUY703" s="613"/>
      <c r="DUZ703" s="613"/>
      <c r="DVA703" s="613"/>
      <c r="DVB703" s="613"/>
      <c r="DVC703" s="613"/>
      <c r="DVD703" s="613"/>
      <c r="DVE703" s="613"/>
      <c r="DVF703" s="613"/>
      <c r="DVG703" s="613"/>
      <c r="DVH703" s="613"/>
      <c r="DVI703" s="613"/>
      <c r="DVJ703" s="613"/>
      <c r="DVK703" s="613"/>
      <c r="DVL703" s="613"/>
      <c r="DVM703" s="613"/>
      <c r="DVN703" s="613"/>
      <c r="DVO703" s="613"/>
      <c r="DVP703" s="613"/>
      <c r="DVQ703" s="613"/>
      <c r="DVR703" s="613"/>
      <c r="DVS703" s="613"/>
      <c r="DVT703" s="613"/>
      <c r="DVU703" s="613"/>
      <c r="DVV703" s="613"/>
      <c r="DVW703" s="613"/>
      <c r="DVX703" s="613"/>
      <c r="DVY703" s="613"/>
      <c r="DVZ703" s="613"/>
      <c r="DWA703" s="613"/>
      <c r="DWB703" s="613"/>
      <c r="DWC703" s="613"/>
      <c r="DWD703" s="613"/>
      <c r="DWE703" s="613"/>
      <c r="DWF703" s="613"/>
      <c r="DWG703" s="613"/>
      <c r="DWH703" s="613"/>
      <c r="DWI703" s="613"/>
      <c r="DWJ703" s="613"/>
      <c r="DWK703" s="613"/>
      <c r="DWL703" s="613"/>
      <c r="DWM703" s="613"/>
      <c r="DWN703" s="613"/>
      <c r="DWO703" s="613"/>
      <c r="DWP703" s="613"/>
      <c r="DWQ703" s="613"/>
      <c r="DWR703" s="613"/>
      <c r="DWS703" s="613"/>
      <c r="DWT703" s="613"/>
      <c r="DWU703" s="613"/>
      <c r="DWV703" s="613"/>
      <c r="DWW703" s="613"/>
      <c r="DWX703" s="613"/>
      <c r="DWY703" s="613"/>
      <c r="DWZ703" s="613"/>
      <c r="DXA703" s="613"/>
      <c r="DXB703" s="613"/>
      <c r="DXC703" s="613"/>
      <c r="DXD703" s="613"/>
      <c r="DXE703" s="613"/>
      <c r="DXF703" s="613"/>
      <c r="DXG703" s="613"/>
      <c r="DXH703" s="613"/>
      <c r="DXI703" s="613"/>
      <c r="DXJ703" s="613"/>
      <c r="DXK703" s="613"/>
      <c r="DXL703" s="613"/>
      <c r="DXM703" s="613"/>
      <c r="DXN703" s="613"/>
      <c r="DXO703" s="613"/>
      <c r="DXP703" s="613"/>
      <c r="DXQ703" s="613"/>
      <c r="DXR703" s="613"/>
      <c r="DXS703" s="613"/>
      <c r="DXT703" s="613"/>
      <c r="DXU703" s="613"/>
      <c r="DXV703" s="613"/>
      <c r="DXW703" s="613"/>
      <c r="DXX703" s="613"/>
      <c r="DXY703" s="613"/>
      <c r="DXZ703" s="613"/>
      <c r="DYA703" s="613"/>
      <c r="DYB703" s="613"/>
      <c r="DYC703" s="613"/>
      <c r="DYD703" s="613"/>
      <c r="DYE703" s="613"/>
      <c r="DYF703" s="613"/>
      <c r="DYG703" s="613"/>
      <c r="DYH703" s="613"/>
      <c r="DYI703" s="613"/>
      <c r="DYJ703" s="613"/>
      <c r="DYK703" s="613"/>
      <c r="DYL703" s="613"/>
      <c r="DYM703" s="613"/>
      <c r="DYN703" s="613"/>
      <c r="DYO703" s="613"/>
      <c r="DYP703" s="613"/>
      <c r="DYQ703" s="613"/>
      <c r="DYR703" s="613"/>
      <c r="DYS703" s="613"/>
      <c r="DYT703" s="613"/>
      <c r="DYU703" s="613"/>
      <c r="DYV703" s="613"/>
      <c r="DYW703" s="613"/>
      <c r="DYX703" s="613"/>
      <c r="DYY703" s="613"/>
      <c r="DYZ703" s="613"/>
      <c r="DZA703" s="613"/>
      <c r="DZB703" s="613"/>
      <c r="DZC703" s="613"/>
      <c r="DZD703" s="613"/>
      <c r="DZE703" s="613"/>
      <c r="DZF703" s="613"/>
      <c r="DZG703" s="613"/>
      <c r="DZH703" s="613"/>
      <c r="DZI703" s="613"/>
      <c r="DZJ703" s="613"/>
      <c r="DZK703" s="613"/>
      <c r="DZL703" s="613"/>
      <c r="DZM703" s="613"/>
      <c r="DZN703" s="613"/>
      <c r="DZO703" s="613"/>
      <c r="DZP703" s="613"/>
      <c r="DZQ703" s="613"/>
      <c r="DZR703" s="613"/>
      <c r="DZS703" s="613"/>
      <c r="DZT703" s="613"/>
      <c r="DZU703" s="613"/>
      <c r="DZV703" s="613"/>
      <c r="DZW703" s="613"/>
      <c r="DZX703" s="613"/>
      <c r="DZY703" s="613"/>
      <c r="DZZ703" s="613"/>
      <c r="EAA703" s="613"/>
      <c r="EAB703" s="613"/>
      <c r="EAC703" s="613"/>
      <c r="EAD703" s="613"/>
      <c r="EAE703" s="613"/>
      <c r="EAF703" s="613"/>
      <c r="EAG703" s="613"/>
      <c r="EAH703" s="613"/>
      <c r="EAI703" s="613"/>
      <c r="EAJ703" s="613"/>
      <c r="EAK703" s="613"/>
      <c r="EAL703" s="613"/>
      <c r="EAM703" s="613"/>
      <c r="EAN703" s="613"/>
      <c r="EAO703" s="613"/>
      <c r="EAP703" s="613"/>
      <c r="EAQ703" s="613"/>
      <c r="EAR703" s="613"/>
      <c r="EAS703" s="613"/>
      <c r="EAT703" s="613"/>
      <c r="EAU703" s="613"/>
      <c r="EAV703" s="613"/>
      <c r="EAW703" s="613"/>
      <c r="EAX703" s="613"/>
      <c r="EAY703" s="613"/>
      <c r="EAZ703" s="613"/>
      <c r="EBA703" s="613"/>
      <c r="EBB703" s="613"/>
      <c r="EBC703" s="613"/>
      <c r="EBD703" s="613"/>
      <c r="EBE703" s="613"/>
      <c r="EBF703" s="613"/>
      <c r="EBG703" s="613"/>
      <c r="EBH703" s="613"/>
      <c r="EBI703" s="613"/>
      <c r="EBJ703" s="613"/>
      <c r="EBK703" s="613"/>
      <c r="EBL703" s="613"/>
      <c r="EBM703" s="613"/>
      <c r="EBN703" s="613"/>
      <c r="EBO703" s="613"/>
      <c r="EBP703" s="613"/>
      <c r="EBQ703" s="613"/>
      <c r="EBR703" s="613"/>
      <c r="EBS703" s="613"/>
      <c r="EBT703" s="613"/>
      <c r="EBU703" s="613"/>
      <c r="EBV703" s="613"/>
      <c r="EBW703" s="613"/>
      <c r="EBX703" s="613"/>
      <c r="EBY703" s="613"/>
      <c r="EBZ703" s="613"/>
      <c r="ECA703" s="613"/>
      <c r="ECB703" s="613"/>
      <c r="ECC703" s="613"/>
      <c r="ECD703" s="613"/>
      <c r="ECE703" s="613"/>
      <c r="ECF703" s="613"/>
      <c r="ECG703" s="613"/>
      <c r="ECH703" s="613"/>
      <c r="ECI703" s="613"/>
      <c r="ECJ703" s="613"/>
      <c r="ECK703" s="613"/>
      <c r="ECL703" s="613"/>
      <c r="ECM703" s="613"/>
      <c r="ECN703" s="613"/>
      <c r="ECO703" s="613"/>
      <c r="ECP703" s="613"/>
      <c r="ECQ703" s="613"/>
      <c r="ECR703" s="613"/>
      <c r="ECS703" s="613"/>
      <c r="ECT703" s="613"/>
      <c r="ECU703" s="613"/>
      <c r="ECV703" s="613"/>
      <c r="ECW703" s="613"/>
      <c r="ECX703" s="613"/>
      <c r="ECY703" s="613"/>
      <c r="ECZ703" s="613"/>
      <c r="EDA703" s="613"/>
      <c r="EDB703" s="613"/>
      <c r="EDC703" s="613"/>
      <c r="EDD703" s="613"/>
      <c r="EDE703" s="613"/>
      <c r="EDF703" s="613"/>
      <c r="EDG703" s="613"/>
      <c r="EDH703" s="613"/>
      <c r="EDI703" s="613"/>
      <c r="EDJ703" s="613"/>
      <c r="EDK703" s="613"/>
      <c r="EDL703" s="613"/>
      <c r="EDM703" s="613"/>
      <c r="EDN703" s="613"/>
      <c r="EDO703" s="613"/>
      <c r="EDP703" s="613"/>
      <c r="EDQ703" s="613"/>
      <c r="EDR703" s="613"/>
      <c r="EDS703" s="613"/>
      <c r="EDT703" s="613"/>
      <c r="EDU703" s="613"/>
      <c r="EDV703" s="613"/>
      <c r="EDW703" s="613"/>
      <c r="EDX703" s="613"/>
      <c r="EDY703" s="613"/>
      <c r="EDZ703" s="613"/>
      <c r="EEA703" s="613"/>
      <c r="EEB703" s="613"/>
      <c r="EEC703" s="613"/>
      <c r="EED703" s="613"/>
      <c r="EEE703" s="613"/>
      <c r="EEF703" s="613"/>
      <c r="EEG703" s="613"/>
      <c r="EEH703" s="613"/>
      <c r="EEI703" s="613"/>
      <c r="EEJ703" s="613"/>
      <c r="EEK703" s="613"/>
      <c r="EEL703" s="613"/>
      <c r="EEM703" s="613"/>
      <c r="EEN703" s="613"/>
      <c r="EEO703" s="613"/>
      <c r="EEP703" s="613"/>
      <c r="EEQ703" s="613"/>
      <c r="EER703" s="613"/>
      <c r="EES703" s="613"/>
      <c r="EET703" s="613"/>
      <c r="EEU703" s="613"/>
      <c r="EEV703" s="613"/>
      <c r="EEW703" s="613"/>
      <c r="EEX703" s="613"/>
      <c r="EEY703" s="613"/>
      <c r="EEZ703" s="613"/>
      <c r="EFA703" s="613"/>
      <c r="EFB703" s="613"/>
      <c r="EFC703" s="613"/>
      <c r="EFD703" s="613"/>
      <c r="EFE703" s="613"/>
      <c r="EFF703" s="613"/>
      <c r="EFG703" s="613"/>
      <c r="EFH703" s="613"/>
      <c r="EFI703" s="613"/>
      <c r="EFJ703" s="613"/>
      <c r="EFK703" s="613"/>
      <c r="EFL703" s="613"/>
      <c r="EFM703" s="613"/>
      <c r="EFN703" s="613"/>
      <c r="EFO703" s="613"/>
      <c r="EFP703" s="613"/>
      <c r="EFQ703" s="613"/>
      <c r="EFR703" s="613"/>
      <c r="EFS703" s="613"/>
      <c r="EFT703" s="613"/>
      <c r="EFU703" s="613"/>
      <c r="EFV703" s="613"/>
      <c r="EFW703" s="613"/>
      <c r="EFX703" s="613"/>
      <c r="EFY703" s="613"/>
      <c r="EFZ703" s="613"/>
      <c r="EGA703" s="613"/>
      <c r="EGB703" s="613"/>
      <c r="EGC703" s="613"/>
      <c r="EGD703" s="613"/>
      <c r="EGE703" s="613"/>
      <c r="EGF703" s="613"/>
      <c r="EGG703" s="613"/>
      <c r="EGH703" s="613"/>
      <c r="EGI703" s="613"/>
      <c r="EGJ703" s="613"/>
      <c r="EGK703" s="613"/>
      <c r="EGL703" s="613"/>
      <c r="EGM703" s="613"/>
      <c r="EGN703" s="613"/>
      <c r="EGO703" s="613"/>
      <c r="EGP703" s="613"/>
      <c r="EGQ703" s="613"/>
      <c r="EGR703" s="613"/>
      <c r="EGS703" s="613"/>
      <c r="EGT703" s="613"/>
      <c r="EGU703" s="613"/>
      <c r="EGV703" s="613"/>
      <c r="EGW703" s="613"/>
      <c r="EGX703" s="613"/>
      <c r="EGY703" s="613"/>
      <c r="EGZ703" s="613"/>
      <c r="EHA703" s="613"/>
      <c r="EHB703" s="613"/>
      <c r="EHC703" s="613"/>
      <c r="EHD703" s="613"/>
      <c r="EHE703" s="613"/>
      <c r="EHF703" s="613"/>
      <c r="EHG703" s="613"/>
      <c r="EHH703" s="613"/>
      <c r="EHI703" s="613"/>
      <c r="EHJ703" s="613"/>
      <c r="EHK703" s="613"/>
      <c r="EHL703" s="613"/>
      <c r="EHM703" s="613"/>
      <c r="EHN703" s="613"/>
      <c r="EHO703" s="613"/>
      <c r="EHP703" s="613"/>
      <c r="EHQ703" s="613"/>
      <c r="EHR703" s="613"/>
      <c r="EHS703" s="613"/>
      <c r="EHT703" s="613"/>
      <c r="EHU703" s="613"/>
      <c r="EHV703" s="613"/>
      <c r="EHW703" s="613"/>
      <c r="EHX703" s="613"/>
      <c r="EHY703" s="613"/>
      <c r="EHZ703" s="613"/>
      <c r="EIA703" s="613"/>
      <c r="EIB703" s="613"/>
      <c r="EIC703" s="613"/>
      <c r="EID703" s="613"/>
      <c r="EIE703" s="613"/>
      <c r="EIF703" s="613"/>
      <c r="EIG703" s="613"/>
      <c r="EIH703" s="613"/>
      <c r="EII703" s="613"/>
      <c r="EIJ703" s="613"/>
      <c r="EIK703" s="613"/>
      <c r="EIL703" s="613"/>
      <c r="EIM703" s="613"/>
      <c r="EIN703" s="613"/>
      <c r="EIO703" s="613"/>
      <c r="EIP703" s="613"/>
      <c r="EIQ703" s="613"/>
      <c r="EIR703" s="613"/>
      <c r="EIS703" s="613"/>
      <c r="EIT703" s="613"/>
      <c r="EIU703" s="613"/>
      <c r="EIV703" s="613"/>
      <c r="EIW703" s="613"/>
      <c r="EIX703" s="613"/>
      <c r="EIY703" s="613"/>
      <c r="EIZ703" s="613"/>
      <c r="EJA703" s="613"/>
      <c r="EJB703" s="613"/>
      <c r="EJC703" s="613"/>
      <c r="EJD703" s="613"/>
      <c r="EJE703" s="613"/>
      <c r="EJF703" s="613"/>
      <c r="EJG703" s="613"/>
      <c r="EJH703" s="613"/>
      <c r="EJI703" s="613"/>
      <c r="EJJ703" s="613"/>
      <c r="EJK703" s="613"/>
      <c r="EJL703" s="613"/>
      <c r="EJM703" s="613"/>
      <c r="EJN703" s="613"/>
      <c r="EJO703" s="613"/>
      <c r="EJP703" s="613"/>
      <c r="EJQ703" s="613"/>
      <c r="EJR703" s="613"/>
      <c r="EJS703" s="613"/>
      <c r="EJT703" s="613"/>
      <c r="EJU703" s="613"/>
      <c r="EJV703" s="613"/>
      <c r="EJW703" s="613"/>
      <c r="EJX703" s="613"/>
      <c r="EJY703" s="613"/>
      <c r="EJZ703" s="613"/>
      <c r="EKA703" s="613"/>
      <c r="EKB703" s="613"/>
      <c r="EKC703" s="613"/>
      <c r="EKD703" s="613"/>
      <c r="EKE703" s="613"/>
      <c r="EKF703" s="613"/>
      <c r="EKG703" s="613"/>
      <c r="EKH703" s="613"/>
      <c r="EKI703" s="613"/>
      <c r="EKJ703" s="613"/>
      <c r="EKK703" s="613"/>
      <c r="EKL703" s="613"/>
      <c r="EKM703" s="613"/>
      <c r="EKN703" s="613"/>
      <c r="EKO703" s="613"/>
      <c r="EKP703" s="613"/>
      <c r="EKQ703" s="613"/>
      <c r="EKR703" s="613"/>
      <c r="EKS703" s="613"/>
      <c r="EKT703" s="613"/>
      <c r="EKU703" s="613"/>
      <c r="EKV703" s="613"/>
      <c r="EKW703" s="613"/>
      <c r="EKX703" s="613"/>
      <c r="EKY703" s="613"/>
      <c r="EKZ703" s="613"/>
      <c r="ELA703" s="613"/>
      <c r="ELB703" s="613"/>
      <c r="ELC703" s="613"/>
      <c r="ELD703" s="613"/>
      <c r="ELE703" s="613"/>
      <c r="ELF703" s="613"/>
      <c r="ELG703" s="613"/>
      <c r="ELH703" s="613"/>
      <c r="ELI703" s="613"/>
      <c r="ELJ703" s="613"/>
      <c r="ELK703" s="613"/>
      <c r="ELL703" s="613"/>
      <c r="ELM703" s="613"/>
      <c r="ELN703" s="613"/>
      <c r="ELO703" s="613"/>
      <c r="ELP703" s="613"/>
      <c r="ELQ703" s="613"/>
      <c r="ELR703" s="613"/>
      <c r="ELS703" s="613"/>
      <c r="ELT703" s="613"/>
      <c r="ELU703" s="613"/>
      <c r="ELV703" s="613"/>
      <c r="ELW703" s="613"/>
      <c r="ELX703" s="613"/>
      <c r="ELY703" s="613"/>
      <c r="ELZ703" s="613"/>
      <c r="EMA703" s="613"/>
      <c r="EMB703" s="613"/>
      <c r="EMC703" s="613"/>
      <c r="EMD703" s="613"/>
      <c r="EME703" s="613"/>
      <c r="EMF703" s="613"/>
      <c r="EMG703" s="613"/>
      <c r="EMH703" s="613"/>
      <c r="EMI703" s="613"/>
      <c r="EMJ703" s="613"/>
      <c r="EMK703" s="613"/>
      <c r="EML703" s="613"/>
      <c r="EMM703" s="613"/>
      <c r="EMN703" s="613"/>
      <c r="EMO703" s="613"/>
      <c r="EMP703" s="613"/>
      <c r="EMQ703" s="613"/>
      <c r="EMR703" s="613"/>
      <c r="EMS703" s="613"/>
      <c r="EMT703" s="613"/>
      <c r="EMU703" s="613"/>
      <c r="EMV703" s="613"/>
      <c r="EMW703" s="613"/>
      <c r="EMX703" s="613"/>
      <c r="EMY703" s="613"/>
      <c r="EMZ703" s="613"/>
      <c r="ENA703" s="613"/>
      <c r="ENB703" s="613"/>
      <c r="ENC703" s="613"/>
      <c r="END703" s="613"/>
      <c r="ENE703" s="613"/>
      <c r="ENF703" s="613"/>
      <c r="ENG703" s="613"/>
      <c r="ENH703" s="613"/>
      <c r="ENI703" s="613"/>
      <c r="ENJ703" s="613"/>
      <c r="ENK703" s="613"/>
      <c r="ENL703" s="613"/>
      <c r="ENM703" s="613"/>
      <c r="ENN703" s="613"/>
      <c r="ENO703" s="613"/>
      <c r="ENP703" s="613"/>
      <c r="ENQ703" s="613"/>
      <c r="ENR703" s="613"/>
      <c r="ENS703" s="613"/>
      <c r="ENT703" s="613"/>
      <c r="ENU703" s="613"/>
      <c r="ENV703" s="613"/>
      <c r="ENW703" s="613"/>
      <c r="ENX703" s="613"/>
      <c r="ENY703" s="613"/>
      <c r="ENZ703" s="613"/>
      <c r="EOA703" s="613"/>
      <c r="EOB703" s="613"/>
      <c r="EOC703" s="613"/>
      <c r="EOD703" s="613"/>
      <c r="EOE703" s="613"/>
      <c r="EOF703" s="613"/>
      <c r="EOG703" s="613"/>
      <c r="EOH703" s="613"/>
      <c r="EOI703" s="613"/>
      <c r="EOJ703" s="613"/>
      <c r="EOK703" s="613"/>
      <c r="EOL703" s="613"/>
      <c r="EOM703" s="613"/>
      <c r="EON703" s="613"/>
      <c r="EOO703" s="613"/>
      <c r="EOP703" s="613"/>
      <c r="EOQ703" s="613"/>
      <c r="EOR703" s="613"/>
      <c r="EOS703" s="613"/>
      <c r="EOT703" s="613"/>
      <c r="EOU703" s="613"/>
      <c r="EOV703" s="613"/>
      <c r="EOW703" s="613"/>
      <c r="EOX703" s="613"/>
      <c r="EOY703" s="613"/>
      <c r="EOZ703" s="613"/>
      <c r="EPA703" s="613"/>
      <c r="EPB703" s="613"/>
      <c r="EPC703" s="613"/>
      <c r="EPD703" s="613"/>
      <c r="EPE703" s="613"/>
      <c r="EPF703" s="613"/>
      <c r="EPG703" s="613"/>
      <c r="EPH703" s="613"/>
      <c r="EPI703" s="613"/>
      <c r="EPJ703" s="613"/>
      <c r="EPK703" s="613"/>
      <c r="EPL703" s="613"/>
      <c r="EPM703" s="613"/>
      <c r="EPN703" s="613"/>
      <c r="EPO703" s="613"/>
      <c r="EPP703" s="613"/>
      <c r="EPQ703" s="613"/>
      <c r="EPR703" s="613"/>
      <c r="EPS703" s="613"/>
      <c r="EPT703" s="613"/>
      <c r="EPU703" s="613"/>
      <c r="EPV703" s="613"/>
      <c r="EPW703" s="613"/>
      <c r="EPX703" s="613"/>
      <c r="EPY703" s="613"/>
      <c r="EPZ703" s="613"/>
      <c r="EQA703" s="613"/>
      <c r="EQB703" s="613"/>
      <c r="EQC703" s="613"/>
      <c r="EQD703" s="613"/>
      <c r="EQE703" s="613"/>
      <c r="EQF703" s="613"/>
      <c r="EQG703" s="613"/>
      <c r="EQH703" s="613"/>
      <c r="EQI703" s="613"/>
      <c r="EQJ703" s="613"/>
      <c r="EQK703" s="613"/>
      <c r="EQL703" s="613"/>
      <c r="EQM703" s="613"/>
      <c r="EQN703" s="613"/>
      <c r="EQO703" s="613"/>
      <c r="EQP703" s="613"/>
      <c r="EQQ703" s="613"/>
      <c r="EQR703" s="613"/>
      <c r="EQS703" s="613"/>
      <c r="EQT703" s="613"/>
      <c r="EQU703" s="613"/>
      <c r="EQV703" s="613"/>
      <c r="EQW703" s="613"/>
      <c r="EQX703" s="613"/>
      <c r="EQY703" s="613"/>
      <c r="EQZ703" s="613"/>
      <c r="ERA703" s="613"/>
      <c r="ERB703" s="613"/>
      <c r="ERC703" s="613"/>
      <c r="ERD703" s="613"/>
      <c r="ERE703" s="613"/>
      <c r="ERF703" s="613"/>
      <c r="ERG703" s="613"/>
      <c r="ERH703" s="613"/>
      <c r="ERI703" s="613"/>
      <c r="ERJ703" s="613"/>
      <c r="ERK703" s="613"/>
      <c r="ERL703" s="613"/>
      <c r="ERM703" s="613"/>
      <c r="ERN703" s="613"/>
      <c r="ERO703" s="613"/>
      <c r="ERP703" s="613"/>
      <c r="ERQ703" s="613"/>
      <c r="ERR703" s="613"/>
      <c r="ERS703" s="613"/>
      <c r="ERT703" s="613"/>
      <c r="ERU703" s="613"/>
      <c r="ERV703" s="613"/>
      <c r="ERW703" s="613"/>
      <c r="ERX703" s="613"/>
      <c r="ERY703" s="613"/>
      <c r="ERZ703" s="613"/>
      <c r="ESA703" s="613"/>
      <c r="ESB703" s="613"/>
      <c r="ESC703" s="613"/>
      <c r="ESD703" s="613"/>
      <c r="ESE703" s="613"/>
      <c r="ESF703" s="613"/>
      <c r="ESG703" s="613"/>
      <c r="ESH703" s="613"/>
      <c r="ESI703" s="613"/>
      <c r="ESJ703" s="613"/>
      <c r="ESK703" s="613"/>
      <c r="ESL703" s="613"/>
      <c r="ESM703" s="613"/>
      <c r="ESN703" s="613"/>
      <c r="ESO703" s="613"/>
      <c r="ESP703" s="613"/>
      <c r="ESQ703" s="613"/>
      <c r="ESR703" s="613"/>
      <c r="ESS703" s="613"/>
      <c r="EST703" s="613"/>
      <c r="ESU703" s="613"/>
      <c r="ESV703" s="613"/>
      <c r="ESW703" s="613"/>
      <c r="ESX703" s="613"/>
      <c r="ESY703" s="613"/>
      <c r="ESZ703" s="613"/>
      <c r="ETA703" s="613"/>
      <c r="ETB703" s="613"/>
      <c r="ETC703" s="613"/>
      <c r="ETD703" s="613"/>
      <c r="ETE703" s="613"/>
      <c r="ETF703" s="613"/>
      <c r="ETG703" s="613"/>
      <c r="ETH703" s="613"/>
      <c r="ETI703" s="613"/>
      <c r="ETJ703" s="613"/>
      <c r="ETK703" s="613"/>
      <c r="ETL703" s="613"/>
      <c r="ETM703" s="613"/>
      <c r="ETN703" s="613"/>
      <c r="ETO703" s="613"/>
      <c r="ETP703" s="613"/>
      <c r="ETQ703" s="613"/>
      <c r="ETR703" s="613"/>
      <c r="ETS703" s="613"/>
      <c r="ETT703" s="613"/>
      <c r="ETU703" s="613"/>
      <c r="ETV703" s="613"/>
      <c r="ETW703" s="613"/>
      <c r="ETX703" s="613"/>
      <c r="ETY703" s="613"/>
      <c r="ETZ703" s="613"/>
      <c r="EUA703" s="613"/>
      <c r="EUB703" s="613"/>
      <c r="EUC703" s="613"/>
      <c r="EUD703" s="613"/>
      <c r="EUE703" s="613"/>
      <c r="EUF703" s="613"/>
      <c r="EUG703" s="613"/>
      <c r="EUH703" s="613"/>
      <c r="EUI703" s="613"/>
      <c r="EUJ703" s="613"/>
      <c r="EUK703" s="613"/>
      <c r="EUL703" s="613"/>
      <c r="EUM703" s="613"/>
      <c r="EUN703" s="613"/>
      <c r="EUO703" s="613"/>
      <c r="EUP703" s="613"/>
      <c r="EUQ703" s="613"/>
      <c r="EUR703" s="613"/>
      <c r="EUS703" s="613"/>
      <c r="EUT703" s="613"/>
      <c r="EUU703" s="613"/>
      <c r="EUV703" s="613"/>
      <c r="EUW703" s="613"/>
      <c r="EUX703" s="613"/>
      <c r="EUY703" s="613"/>
      <c r="EUZ703" s="613"/>
      <c r="EVA703" s="613"/>
      <c r="EVB703" s="613"/>
      <c r="EVC703" s="613"/>
      <c r="EVD703" s="613"/>
      <c r="EVE703" s="613"/>
      <c r="EVF703" s="613"/>
      <c r="EVG703" s="613"/>
      <c r="EVH703" s="613"/>
      <c r="EVI703" s="613"/>
      <c r="EVJ703" s="613"/>
      <c r="EVK703" s="613"/>
      <c r="EVL703" s="613"/>
      <c r="EVM703" s="613"/>
      <c r="EVN703" s="613"/>
      <c r="EVO703" s="613"/>
      <c r="EVP703" s="613"/>
      <c r="EVQ703" s="613"/>
      <c r="EVR703" s="613"/>
      <c r="EVS703" s="613"/>
      <c r="EVT703" s="613"/>
      <c r="EVU703" s="613"/>
      <c r="EVV703" s="613"/>
      <c r="EVW703" s="613"/>
      <c r="EVX703" s="613"/>
      <c r="EVY703" s="613"/>
      <c r="EVZ703" s="613"/>
      <c r="EWA703" s="613"/>
      <c r="EWB703" s="613"/>
      <c r="EWC703" s="613"/>
      <c r="EWD703" s="613"/>
      <c r="EWE703" s="613"/>
      <c r="EWF703" s="613"/>
      <c r="EWG703" s="613"/>
      <c r="EWH703" s="613"/>
      <c r="EWI703" s="613"/>
      <c r="EWJ703" s="613"/>
      <c r="EWK703" s="613"/>
      <c r="EWL703" s="613"/>
      <c r="EWM703" s="613"/>
      <c r="EWN703" s="613"/>
      <c r="EWO703" s="613"/>
      <c r="EWP703" s="613"/>
      <c r="EWQ703" s="613"/>
      <c r="EWR703" s="613"/>
      <c r="EWS703" s="613"/>
      <c r="EWT703" s="613"/>
      <c r="EWU703" s="613"/>
      <c r="EWV703" s="613"/>
      <c r="EWW703" s="613"/>
      <c r="EWX703" s="613"/>
      <c r="EWY703" s="613"/>
      <c r="EWZ703" s="613"/>
      <c r="EXA703" s="613"/>
      <c r="EXB703" s="613"/>
      <c r="EXC703" s="613"/>
      <c r="EXD703" s="613"/>
      <c r="EXE703" s="613"/>
      <c r="EXF703" s="613"/>
      <c r="EXG703" s="613"/>
      <c r="EXH703" s="613"/>
      <c r="EXI703" s="613"/>
      <c r="EXJ703" s="613"/>
      <c r="EXK703" s="613"/>
      <c r="EXL703" s="613"/>
      <c r="EXM703" s="613"/>
      <c r="EXN703" s="613"/>
      <c r="EXO703" s="613"/>
      <c r="EXP703" s="613"/>
      <c r="EXQ703" s="613"/>
      <c r="EXR703" s="613"/>
      <c r="EXS703" s="613"/>
      <c r="EXT703" s="613"/>
      <c r="EXU703" s="613"/>
      <c r="EXV703" s="613"/>
      <c r="EXW703" s="613"/>
      <c r="EXX703" s="613"/>
      <c r="EXY703" s="613"/>
      <c r="EXZ703" s="613"/>
      <c r="EYA703" s="613"/>
      <c r="EYB703" s="613"/>
      <c r="EYC703" s="613"/>
      <c r="EYD703" s="613"/>
      <c r="EYE703" s="613"/>
      <c r="EYF703" s="613"/>
      <c r="EYG703" s="613"/>
      <c r="EYH703" s="613"/>
      <c r="EYI703" s="613"/>
      <c r="EYJ703" s="613"/>
      <c r="EYK703" s="613"/>
      <c r="EYL703" s="613"/>
      <c r="EYM703" s="613"/>
      <c r="EYN703" s="613"/>
      <c r="EYO703" s="613"/>
      <c r="EYP703" s="613"/>
      <c r="EYQ703" s="613"/>
      <c r="EYR703" s="613"/>
      <c r="EYS703" s="613"/>
      <c r="EYT703" s="613"/>
      <c r="EYU703" s="613"/>
      <c r="EYV703" s="613"/>
      <c r="EYW703" s="613"/>
      <c r="EYX703" s="613"/>
      <c r="EYY703" s="613"/>
      <c r="EYZ703" s="613"/>
      <c r="EZA703" s="613"/>
      <c r="EZB703" s="613"/>
      <c r="EZC703" s="613"/>
      <c r="EZD703" s="613"/>
      <c r="EZE703" s="613"/>
      <c r="EZF703" s="613"/>
      <c r="EZG703" s="613"/>
      <c r="EZH703" s="613"/>
      <c r="EZI703" s="613"/>
      <c r="EZJ703" s="613"/>
      <c r="EZK703" s="613"/>
      <c r="EZL703" s="613"/>
      <c r="EZM703" s="613"/>
      <c r="EZN703" s="613"/>
      <c r="EZO703" s="613"/>
      <c r="EZP703" s="613"/>
      <c r="EZQ703" s="613"/>
      <c r="EZR703" s="613"/>
      <c r="EZS703" s="613"/>
      <c r="EZT703" s="613"/>
      <c r="EZU703" s="613"/>
      <c r="EZV703" s="613"/>
      <c r="EZW703" s="613"/>
      <c r="EZX703" s="613"/>
      <c r="EZY703" s="613"/>
      <c r="EZZ703" s="613"/>
      <c r="FAA703" s="613"/>
      <c r="FAB703" s="613"/>
      <c r="FAC703" s="613"/>
      <c r="FAD703" s="613"/>
      <c r="FAE703" s="613"/>
      <c r="FAF703" s="613"/>
      <c r="FAG703" s="613"/>
      <c r="FAH703" s="613"/>
      <c r="FAI703" s="613"/>
      <c r="FAJ703" s="613"/>
      <c r="FAK703" s="613"/>
      <c r="FAL703" s="613"/>
      <c r="FAM703" s="613"/>
      <c r="FAN703" s="613"/>
      <c r="FAO703" s="613"/>
      <c r="FAP703" s="613"/>
      <c r="FAQ703" s="613"/>
      <c r="FAR703" s="613"/>
      <c r="FAS703" s="613"/>
      <c r="FAT703" s="613"/>
      <c r="FAU703" s="613"/>
      <c r="FAV703" s="613"/>
      <c r="FAW703" s="613"/>
      <c r="FAX703" s="613"/>
      <c r="FAY703" s="613"/>
      <c r="FAZ703" s="613"/>
      <c r="FBA703" s="613"/>
      <c r="FBB703" s="613"/>
      <c r="FBC703" s="613"/>
      <c r="FBD703" s="613"/>
      <c r="FBE703" s="613"/>
      <c r="FBF703" s="613"/>
      <c r="FBG703" s="613"/>
      <c r="FBH703" s="613"/>
      <c r="FBI703" s="613"/>
      <c r="FBJ703" s="613"/>
      <c r="FBK703" s="613"/>
      <c r="FBL703" s="613"/>
      <c r="FBM703" s="613"/>
      <c r="FBN703" s="613"/>
      <c r="FBO703" s="613"/>
      <c r="FBP703" s="613"/>
      <c r="FBQ703" s="613"/>
      <c r="FBR703" s="613"/>
      <c r="FBS703" s="613"/>
      <c r="FBT703" s="613"/>
      <c r="FBU703" s="613"/>
      <c r="FBV703" s="613"/>
      <c r="FBW703" s="613"/>
      <c r="FBX703" s="613"/>
      <c r="FBY703" s="613"/>
      <c r="FBZ703" s="613"/>
      <c r="FCA703" s="613"/>
      <c r="FCB703" s="613"/>
      <c r="FCC703" s="613"/>
      <c r="FCD703" s="613"/>
      <c r="FCE703" s="613"/>
      <c r="FCF703" s="613"/>
      <c r="FCG703" s="613"/>
      <c r="FCH703" s="613"/>
      <c r="FCI703" s="613"/>
      <c r="FCJ703" s="613"/>
      <c r="FCK703" s="613"/>
      <c r="FCL703" s="613"/>
      <c r="FCM703" s="613"/>
      <c r="FCN703" s="613"/>
      <c r="FCO703" s="613"/>
      <c r="FCP703" s="613"/>
      <c r="FCQ703" s="613"/>
      <c r="FCR703" s="613"/>
      <c r="FCS703" s="613"/>
      <c r="FCT703" s="613"/>
      <c r="FCU703" s="613"/>
      <c r="FCV703" s="613"/>
      <c r="FCW703" s="613"/>
      <c r="FCX703" s="613"/>
      <c r="FCY703" s="613"/>
      <c r="FCZ703" s="613"/>
      <c r="FDA703" s="613"/>
      <c r="FDB703" s="613"/>
      <c r="FDC703" s="613"/>
      <c r="FDD703" s="613"/>
      <c r="FDE703" s="613"/>
      <c r="FDF703" s="613"/>
      <c r="FDG703" s="613"/>
      <c r="FDH703" s="613"/>
      <c r="FDI703" s="613"/>
      <c r="FDJ703" s="613"/>
      <c r="FDK703" s="613"/>
      <c r="FDL703" s="613"/>
      <c r="FDM703" s="613"/>
      <c r="FDN703" s="613"/>
      <c r="FDO703" s="613"/>
      <c r="FDP703" s="613"/>
      <c r="FDQ703" s="613"/>
      <c r="FDR703" s="613"/>
      <c r="FDS703" s="613"/>
      <c r="FDT703" s="613"/>
      <c r="FDU703" s="613"/>
      <c r="FDV703" s="613"/>
      <c r="FDW703" s="613"/>
      <c r="FDX703" s="613"/>
      <c r="FDY703" s="613"/>
      <c r="FDZ703" s="613"/>
      <c r="FEA703" s="613"/>
      <c r="FEB703" s="613"/>
      <c r="FEC703" s="613"/>
      <c r="FED703" s="613"/>
      <c r="FEE703" s="613"/>
      <c r="FEF703" s="613"/>
      <c r="FEG703" s="613"/>
      <c r="FEH703" s="613"/>
      <c r="FEI703" s="613"/>
      <c r="FEJ703" s="613"/>
      <c r="FEK703" s="613"/>
      <c r="FEL703" s="613"/>
      <c r="FEM703" s="613"/>
      <c r="FEN703" s="613"/>
      <c r="FEO703" s="613"/>
      <c r="FEP703" s="613"/>
      <c r="FEQ703" s="613"/>
      <c r="FER703" s="613"/>
      <c r="FES703" s="613"/>
      <c r="FET703" s="613"/>
      <c r="FEU703" s="613"/>
      <c r="FEV703" s="613"/>
      <c r="FEW703" s="613"/>
      <c r="FEX703" s="613"/>
      <c r="FEY703" s="613"/>
      <c r="FEZ703" s="613"/>
      <c r="FFA703" s="613"/>
      <c r="FFB703" s="613"/>
      <c r="FFC703" s="613"/>
      <c r="FFD703" s="613"/>
      <c r="FFE703" s="613"/>
      <c r="FFF703" s="613"/>
      <c r="FFG703" s="613"/>
      <c r="FFH703" s="613"/>
      <c r="FFI703" s="613"/>
      <c r="FFJ703" s="613"/>
      <c r="FFK703" s="613"/>
      <c r="FFL703" s="613"/>
      <c r="FFM703" s="613"/>
      <c r="FFN703" s="613"/>
      <c r="FFO703" s="613"/>
      <c r="FFP703" s="613"/>
      <c r="FFQ703" s="613"/>
      <c r="FFR703" s="613"/>
      <c r="FFS703" s="613"/>
      <c r="FFT703" s="613"/>
      <c r="FFU703" s="613"/>
      <c r="FFV703" s="613"/>
      <c r="FFW703" s="613"/>
      <c r="FFX703" s="613"/>
      <c r="FFY703" s="613"/>
      <c r="FFZ703" s="613"/>
      <c r="FGA703" s="613"/>
      <c r="FGB703" s="613"/>
      <c r="FGC703" s="613"/>
      <c r="FGD703" s="613"/>
      <c r="FGE703" s="613"/>
      <c r="FGF703" s="613"/>
      <c r="FGG703" s="613"/>
      <c r="FGH703" s="613"/>
      <c r="FGI703" s="613"/>
      <c r="FGJ703" s="613"/>
      <c r="FGK703" s="613"/>
      <c r="FGL703" s="613"/>
      <c r="FGM703" s="613"/>
      <c r="FGN703" s="613"/>
      <c r="FGO703" s="613"/>
      <c r="FGP703" s="613"/>
      <c r="FGQ703" s="613"/>
      <c r="FGR703" s="613"/>
      <c r="FGS703" s="613"/>
      <c r="FGT703" s="613"/>
      <c r="FGU703" s="613"/>
      <c r="FGV703" s="613"/>
      <c r="FGW703" s="613"/>
      <c r="FGX703" s="613"/>
      <c r="FGY703" s="613"/>
      <c r="FGZ703" s="613"/>
      <c r="FHA703" s="613"/>
      <c r="FHB703" s="613"/>
      <c r="FHC703" s="613"/>
      <c r="FHD703" s="613"/>
      <c r="FHE703" s="613"/>
      <c r="FHF703" s="613"/>
      <c r="FHG703" s="613"/>
      <c r="FHH703" s="613"/>
      <c r="FHI703" s="613"/>
      <c r="FHJ703" s="613"/>
      <c r="FHK703" s="613"/>
      <c r="FHL703" s="613"/>
      <c r="FHM703" s="613"/>
      <c r="FHN703" s="613"/>
      <c r="FHO703" s="613"/>
      <c r="FHP703" s="613"/>
      <c r="FHQ703" s="613"/>
      <c r="FHR703" s="613"/>
      <c r="FHS703" s="613"/>
      <c r="FHT703" s="613"/>
      <c r="FHU703" s="613"/>
      <c r="FHV703" s="613"/>
      <c r="FHW703" s="613"/>
      <c r="FHX703" s="613"/>
      <c r="FHY703" s="613"/>
      <c r="FHZ703" s="613"/>
      <c r="FIA703" s="613"/>
      <c r="FIB703" s="613"/>
      <c r="FIC703" s="613"/>
      <c r="FID703" s="613"/>
      <c r="FIE703" s="613"/>
      <c r="FIF703" s="613"/>
      <c r="FIG703" s="613"/>
      <c r="FIH703" s="613"/>
      <c r="FII703" s="613"/>
      <c r="FIJ703" s="613"/>
      <c r="FIK703" s="613"/>
      <c r="FIL703" s="613"/>
      <c r="FIM703" s="613"/>
      <c r="FIN703" s="613"/>
      <c r="FIO703" s="613"/>
      <c r="FIP703" s="613"/>
      <c r="FIQ703" s="613"/>
      <c r="FIR703" s="613"/>
      <c r="FIS703" s="613"/>
      <c r="FIT703" s="613"/>
      <c r="FIU703" s="613"/>
      <c r="FIV703" s="613"/>
      <c r="FIW703" s="613"/>
      <c r="FIX703" s="613"/>
      <c r="FIY703" s="613"/>
      <c r="FIZ703" s="613"/>
      <c r="FJA703" s="613"/>
      <c r="FJB703" s="613"/>
      <c r="FJC703" s="613"/>
      <c r="FJD703" s="613"/>
      <c r="FJE703" s="613"/>
      <c r="FJF703" s="613"/>
      <c r="FJG703" s="613"/>
      <c r="FJH703" s="613"/>
      <c r="FJI703" s="613"/>
      <c r="FJJ703" s="613"/>
      <c r="FJK703" s="613"/>
      <c r="FJL703" s="613"/>
      <c r="FJM703" s="613"/>
      <c r="FJN703" s="613"/>
      <c r="FJO703" s="613"/>
      <c r="FJP703" s="613"/>
      <c r="FJQ703" s="613"/>
      <c r="FJR703" s="613"/>
      <c r="FJS703" s="613"/>
      <c r="FJT703" s="613"/>
      <c r="FJU703" s="613"/>
      <c r="FJV703" s="613"/>
      <c r="FJW703" s="613"/>
      <c r="FJX703" s="613"/>
      <c r="FJY703" s="613"/>
      <c r="FJZ703" s="613"/>
      <c r="FKA703" s="613"/>
      <c r="FKB703" s="613"/>
      <c r="FKC703" s="613"/>
      <c r="FKD703" s="613"/>
      <c r="FKE703" s="613"/>
      <c r="FKF703" s="613"/>
      <c r="FKG703" s="613"/>
      <c r="FKH703" s="613"/>
      <c r="FKI703" s="613"/>
      <c r="FKJ703" s="613"/>
      <c r="FKK703" s="613"/>
      <c r="FKL703" s="613"/>
      <c r="FKM703" s="613"/>
      <c r="FKN703" s="613"/>
      <c r="FKO703" s="613"/>
      <c r="FKP703" s="613"/>
      <c r="FKQ703" s="613"/>
      <c r="FKR703" s="613"/>
      <c r="FKS703" s="613"/>
      <c r="FKT703" s="613"/>
      <c r="FKU703" s="613"/>
      <c r="FKV703" s="613"/>
      <c r="FKW703" s="613"/>
      <c r="FKX703" s="613"/>
      <c r="FKY703" s="613"/>
      <c r="FKZ703" s="613"/>
      <c r="FLA703" s="613"/>
      <c r="FLB703" s="613"/>
      <c r="FLC703" s="613"/>
      <c r="FLD703" s="613"/>
      <c r="FLE703" s="613"/>
      <c r="FLF703" s="613"/>
      <c r="FLG703" s="613"/>
      <c r="FLH703" s="613"/>
      <c r="FLI703" s="613"/>
      <c r="FLJ703" s="613"/>
      <c r="FLK703" s="613"/>
      <c r="FLL703" s="613"/>
      <c r="FLM703" s="613"/>
      <c r="FLN703" s="613"/>
      <c r="FLO703" s="613"/>
      <c r="FLP703" s="613"/>
      <c r="FLQ703" s="613"/>
      <c r="FLR703" s="613"/>
      <c r="FLS703" s="613"/>
      <c r="FLT703" s="613"/>
      <c r="FLU703" s="613"/>
      <c r="FLV703" s="613"/>
      <c r="FLW703" s="613"/>
      <c r="FLX703" s="613"/>
      <c r="FLY703" s="613"/>
      <c r="FLZ703" s="613"/>
      <c r="FMA703" s="613"/>
      <c r="FMB703" s="613"/>
      <c r="FMC703" s="613"/>
      <c r="FMD703" s="613"/>
      <c r="FME703" s="613"/>
      <c r="FMF703" s="613"/>
      <c r="FMG703" s="613"/>
      <c r="FMH703" s="613"/>
      <c r="FMI703" s="613"/>
      <c r="FMJ703" s="613"/>
      <c r="FMK703" s="613"/>
      <c r="FML703" s="613"/>
      <c r="FMM703" s="613"/>
      <c r="FMN703" s="613"/>
      <c r="FMO703" s="613"/>
      <c r="FMP703" s="613"/>
      <c r="FMQ703" s="613"/>
      <c r="FMR703" s="613"/>
      <c r="FMS703" s="613"/>
      <c r="FMT703" s="613"/>
      <c r="FMU703" s="613"/>
      <c r="FMV703" s="613"/>
      <c r="FMW703" s="613"/>
      <c r="FMX703" s="613"/>
      <c r="FMY703" s="613"/>
      <c r="FMZ703" s="613"/>
      <c r="FNA703" s="613"/>
      <c r="FNB703" s="613"/>
      <c r="FNC703" s="613"/>
      <c r="FND703" s="613"/>
      <c r="FNE703" s="613"/>
      <c r="FNF703" s="613"/>
      <c r="FNG703" s="613"/>
      <c r="FNH703" s="613"/>
      <c r="FNI703" s="613"/>
      <c r="FNJ703" s="613"/>
      <c r="FNK703" s="613"/>
      <c r="FNL703" s="613"/>
      <c r="FNM703" s="613"/>
      <c r="FNN703" s="613"/>
      <c r="FNO703" s="613"/>
      <c r="FNP703" s="613"/>
      <c r="FNQ703" s="613"/>
      <c r="FNR703" s="613"/>
      <c r="FNS703" s="613"/>
      <c r="FNT703" s="613"/>
      <c r="FNU703" s="613"/>
      <c r="FNV703" s="613"/>
      <c r="FNW703" s="613"/>
      <c r="FNX703" s="613"/>
      <c r="FNY703" s="613"/>
      <c r="FNZ703" s="613"/>
      <c r="FOA703" s="613"/>
      <c r="FOB703" s="613"/>
      <c r="FOC703" s="613"/>
      <c r="FOD703" s="613"/>
      <c r="FOE703" s="613"/>
      <c r="FOF703" s="613"/>
      <c r="FOG703" s="613"/>
      <c r="FOH703" s="613"/>
      <c r="FOI703" s="613"/>
      <c r="FOJ703" s="613"/>
      <c r="FOK703" s="613"/>
      <c r="FOL703" s="613"/>
      <c r="FOM703" s="613"/>
      <c r="FON703" s="613"/>
      <c r="FOO703" s="613"/>
      <c r="FOP703" s="613"/>
      <c r="FOQ703" s="613"/>
      <c r="FOR703" s="613"/>
      <c r="FOS703" s="613"/>
      <c r="FOT703" s="613"/>
      <c r="FOU703" s="613"/>
      <c r="FOV703" s="613"/>
      <c r="FOW703" s="613"/>
      <c r="FOX703" s="613"/>
      <c r="FOY703" s="613"/>
      <c r="FOZ703" s="613"/>
      <c r="FPA703" s="613"/>
      <c r="FPB703" s="613"/>
      <c r="FPC703" s="613"/>
      <c r="FPD703" s="613"/>
      <c r="FPE703" s="613"/>
      <c r="FPF703" s="613"/>
      <c r="FPG703" s="613"/>
      <c r="FPH703" s="613"/>
      <c r="FPI703" s="613"/>
      <c r="FPJ703" s="613"/>
      <c r="FPK703" s="613"/>
      <c r="FPL703" s="613"/>
      <c r="FPM703" s="613"/>
      <c r="FPN703" s="613"/>
      <c r="FPO703" s="613"/>
      <c r="FPP703" s="613"/>
      <c r="FPQ703" s="613"/>
      <c r="FPR703" s="613"/>
      <c r="FPS703" s="613"/>
      <c r="FPT703" s="613"/>
      <c r="FPU703" s="613"/>
      <c r="FPV703" s="613"/>
      <c r="FPW703" s="613"/>
      <c r="FPX703" s="613"/>
      <c r="FPY703" s="613"/>
      <c r="FPZ703" s="613"/>
      <c r="FQA703" s="613"/>
      <c r="FQB703" s="613"/>
      <c r="FQC703" s="613"/>
      <c r="FQD703" s="613"/>
      <c r="FQE703" s="613"/>
      <c r="FQF703" s="613"/>
      <c r="FQG703" s="613"/>
      <c r="FQH703" s="613"/>
      <c r="FQI703" s="613"/>
      <c r="FQJ703" s="613"/>
      <c r="FQK703" s="613"/>
      <c r="FQL703" s="613"/>
      <c r="FQM703" s="613"/>
      <c r="FQN703" s="613"/>
      <c r="FQO703" s="613"/>
      <c r="FQP703" s="613"/>
      <c r="FQQ703" s="613"/>
      <c r="FQR703" s="613"/>
      <c r="FQS703" s="613"/>
      <c r="FQT703" s="613"/>
      <c r="FQU703" s="613"/>
      <c r="FQV703" s="613"/>
      <c r="FQW703" s="613"/>
      <c r="FQX703" s="613"/>
      <c r="FQY703" s="613"/>
      <c r="FQZ703" s="613"/>
      <c r="FRA703" s="613"/>
      <c r="FRB703" s="613"/>
      <c r="FRC703" s="613"/>
      <c r="FRD703" s="613"/>
      <c r="FRE703" s="613"/>
      <c r="FRF703" s="613"/>
      <c r="FRG703" s="613"/>
      <c r="FRH703" s="613"/>
      <c r="FRI703" s="613"/>
      <c r="FRJ703" s="613"/>
      <c r="FRK703" s="613"/>
      <c r="FRL703" s="613"/>
      <c r="FRM703" s="613"/>
      <c r="FRN703" s="613"/>
      <c r="FRO703" s="613"/>
      <c r="FRP703" s="613"/>
      <c r="FRQ703" s="613"/>
      <c r="FRR703" s="613"/>
      <c r="FRS703" s="613"/>
      <c r="FRT703" s="613"/>
      <c r="FRU703" s="613"/>
      <c r="FRV703" s="613"/>
      <c r="FRW703" s="613"/>
      <c r="FRX703" s="613"/>
      <c r="FRY703" s="613"/>
      <c r="FRZ703" s="613"/>
      <c r="FSA703" s="613"/>
      <c r="FSB703" s="613"/>
      <c r="FSC703" s="613"/>
      <c r="FSD703" s="613"/>
      <c r="FSE703" s="613"/>
      <c r="FSF703" s="613"/>
      <c r="FSG703" s="613"/>
      <c r="FSH703" s="613"/>
      <c r="FSI703" s="613"/>
      <c r="FSJ703" s="613"/>
      <c r="FSK703" s="613"/>
      <c r="FSL703" s="613"/>
      <c r="FSM703" s="613"/>
      <c r="FSN703" s="613"/>
      <c r="FSO703" s="613"/>
      <c r="FSP703" s="613"/>
      <c r="FSQ703" s="613"/>
      <c r="FSR703" s="613"/>
      <c r="FSS703" s="613"/>
      <c r="FST703" s="613"/>
      <c r="FSU703" s="613"/>
      <c r="FSV703" s="613"/>
      <c r="FSW703" s="613"/>
      <c r="FSX703" s="613"/>
      <c r="FSY703" s="613"/>
      <c r="FSZ703" s="613"/>
      <c r="FTA703" s="613"/>
      <c r="FTB703" s="613"/>
      <c r="FTC703" s="613"/>
      <c r="FTD703" s="613"/>
      <c r="FTE703" s="613"/>
      <c r="FTF703" s="613"/>
      <c r="FTG703" s="613"/>
      <c r="FTH703" s="613"/>
      <c r="FTI703" s="613"/>
      <c r="FTJ703" s="613"/>
      <c r="FTK703" s="613"/>
      <c r="FTL703" s="613"/>
      <c r="FTM703" s="613"/>
      <c r="FTN703" s="613"/>
      <c r="FTO703" s="613"/>
      <c r="FTP703" s="613"/>
      <c r="FTQ703" s="613"/>
      <c r="FTR703" s="613"/>
      <c r="FTS703" s="613"/>
      <c r="FTT703" s="613"/>
      <c r="FTU703" s="613"/>
      <c r="FTV703" s="613"/>
      <c r="FTW703" s="613"/>
      <c r="FTX703" s="613"/>
      <c r="FTY703" s="613"/>
      <c r="FTZ703" s="613"/>
      <c r="FUA703" s="613"/>
      <c r="FUB703" s="613"/>
      <c r="FUC703" s="613"/>
      <c r="FUD703" s="613"/>
      <c r="FUE703" s="613"/>
      <c r="FUF703" s="613"/>
      <c r="FUG703" s="613"/>
      <c r="FUH703" s="613"/>
      <c r="FUI703" s="613"/>
      <c r="FUJ703" s="613"/>
      <c r="FUK703" s="613"/>
      <c r="FUL703" s="613"/>
      <c r="FUM703" s="613"/>
      <c r="FUN703" s="613"/>
      <c r="FUO703" s="613"/>
      <c r="FUP703" s="613"/>
      <c r="FUQ703" s="613"/>
      <c r="FUR703" s="613"/>
      <c r="FUS703" s="613"/>
      <c r="FUT703" s="613"/>
      <c r="FUU703" s="613"/>
      <c r="FUV703" s="613"/>
      <c r="FUW703" s="613"/>
      <c r="FUX703" s="613"/>
      <c r="FUY703" s="613"/>
      <c r="FUZ703" s="613"/>
      <c r="FVA703" s="613"/>
      <c r="FVB703" s="613"/>
      <c r="FVC703" s="613"/>
      <c r="FVD703" s="613"/>
      <c r="FVE703" s="613"/>
      <c r="FVF703" s="613"/>
      <c r="FVG703" s="613"/>
      <c r="FVH703" s="613"/>
      <c r="FVI703" s="613"/>
      <c r="FVJ703" s="613"/>
      <c r="FVK703" s="613"/>
      <c r="FVL703" s="613"/>
      <c r="FVM703" s="613"/>
      <c r="FVN703" s="613"/>
      <c r="FVO703" s="613"/>
      <c r="FVP703" s="613"/>
      <c r="FVQ703" s="613"/>
      <c r="FVR703" s="613"/>
      <c r="FVS703" s="613"/>
      <c r="FVT703" s="613"/>
      <c r="FVU703" s="613"/>
      <c r="FVV703" s="613"/>
      <c r="FVW703" s="613"/>
      <c r="FVX703" s="613"/>
      <c r="FVY703" s="613"/>
      <c r="FVZ703" s="613"/>
      <c r="FWA703" s="613"/>
      <c r="FWB703" s="613"/>
      <c r="FWC703" s="613"/>
      <c r="FWD703" s="613"/>
      <c r="FWE703" s="613"/>
      <c r="FWF703" s="613"/>
      <c r="FWG703" s="613"/>
      <c r="FWH703" s="613"/>
      <c r="FWI703" s="613"/>
      <c r="FWJ703" s="613"/>
      <c r="FWK703" s="613"/>
      <c r="FWL703" s="613"/>
      <c r="FWM703" s="613"/>
      <c r="FWN703" s="613"/>
      <c r="FWO703" s="613"/>
      <c r="FWP703" s="613"/>
      <c r="FWQ703" s="613"/>
      <c r="FWR703" s="613"/>
      <c r="FWS703" s="613"/>
      <c r="FWT703" s="613"/>
      <c r="FWU703" s="613"/>
      <c r="FWV703" s="613"/>
      <c r="FWW703" s="613"/>
      <c r="FWX703" s="613"/>
      <c r="FWY703" s="613"/>
      <c r="FWZ703" s="613"/>
      <c r="FXA703" s="613"/>
      <c r="FXB703" s="613"/>
      <c r="FXC703" s="613"/>
      <c r="FXD703" s="613"/>
      <c r="FXE703" s="613"/>
      <c r="FXF703" s="613"/>
      <c r="FXG703" s="613"/>
      <c r="FXH703" s="613"/>
      <c r="FXI703" s="613"/>
      <c r="FXJ703" s="613"/>
      <c r="FXK703" s="613"/>
      <c r="FXL703" s="613"/>
      <c r="FXM703" s="613"/>
      <c r="FXN703" s="613"/>
      <c r="FXO703" s="613"/>
      <c r="FXP703" s="613"/>
      <c r="FXQ703" s="613"/>
      <c r="FXR703" s="613"/>
      <c r="FXS703" s="613"/>
      <c r="FXT703" s="613"/>
      <c r="FXU703" s="613"/>
      <c r="FXV703" s="613"/>
      <c r="FXW703" s="613"/>
      <c r="FXX703" s="613"/>
      <c r="FXY703" s="613"/>
      <c r="FXZ703" s="613"/>
      <c r="FYA703" s="613"/>
      <c r="FYB703" s="613"/>
      <c r="FYC703" s="613"/>
      <c r="FYD703" s="613"/>
      <c r="FYE703" s="613"/>
      <c r="FYF703" s="613"/>
      <c r="FYG703" s="613"/>
      <c r="FYH703" s="613"/>
      <c r="FYI703" s="613"/>
      <c r="FYJ703" s="613"/>
      <c r="FYK703" s="613"/>
      <c r="FYL703" s="613"/>
      <c r="FYM703" s="613"/>
      <c r="FYN703" s="613"/>
      <c r="FYO703" s="613"/>
      <c r="FYP703" s="613"/>
      <c r="FYQ703" s="613"/>
      <c r="FYR703" s="613"/>
      <c r="FYS703" s="613"/>
      <c r="FYT703" s="613"/>
      <c r="FYU703" s="613"/>
      <c r="FYV703" s="613"/>
      <c r="FYW703" s="613"/>
      <c r="FYX703" s="613"/>
      <c r="FYY703" s="613"/>
      <c r="FYZ703" s="613"/>
      <c r="FZA703" s="613"/>
      <c r="FZB703" s="613"/>
      <c r="FZC703" s="613"/>
      <c r="FZD703" s="613"/>
      <c r="FZE703" s="613"/>
      <c r="FZF703" s="613"/>
      <c r="FZG703" s="613"/>
      <c r="FZH703" s="613"/>
      <c r="FZI703" s="613"/>
      <c r="FZJ703" s="613"/>
      <c r="FZK703" s="613"/>
      <c r="FZL703" s="613"/>
      <c r="FZM703" s="613"/>
      <c r="FZN703" s="613"/>
      <c r="FZO703" s="613"/>
      <c r="FZP703" s="613"/>
      <c r="FZQ703" s="613"/>
      <c r="FZR703" s="613"/>
      <c r="FZS703" s="613"/>
      <c r="FZT703" s="613"/>
      <c r="FZU703" s="613"/>
      <c r="FZV703" s="613"/>
      <c r="FZW703" s="613"/>
      <c r="FZX703" s="613"/>
      <c r="FZY703" s="613"/>
      <c r="FZZ703" s="613"/>
      <c r="GAA703" s="613"/>
      <c r="GAB703" s="613"/>
      <c r="GAC703" s="613"/>
      <c r="GAD703" s="613"/>
      <c r="GAE703" s="613"/>
      <c r="GAF703" s="613"/>
      <c r="GAG703" s="613"/>
      <c r="GAH703" s="613"/>
      <c r="GAI703" s="613"/>
      <c r="GAJ703" s="613"/>
      <c r="GAK703" s="613"/>
      <c r="GAL703" s="613"/>
      <c r="GAM703" s="613"/>
      <c r="GAN703" s="613"/>
      <c r="GAO703" s="613"/>
      <c r="GAP703" s="613"/>
      <c r="GAQ703" s="613"/>
      <c r="GAR703" s="613"/>
      <c r="GAS703" s="613"/>
      <c r="GAT703" s="613"/>
      <c r="GAU703" s="613"/>
      <c r="GAV703" s="613"/>
      <c r="GAW703" s="613"/>
      <c r="GAX703" s="613"/>
      <c r="GAY703" s="613"/>
      <c r="GAZ703" s="613"/>
      <c r="GBA703" s="613"/>
      <c r="GBB703" s="613"/>
      <c r="GBC703" s="613"/>
      <c r="GBD703" s="613"/>
      <c r="GBE703" s="613"/>
      <c r="GBF703" s="613"/>
      <c r="GBG703" s="613"/>
      <c r="GBH703" s="613"/>
      <c r="GBI703" s="613"/>
      <c r="GBJ703" s="613"/>
      <c r="GBK703" s="613"/>
      <c r="GBL703" s="613"/>
      <c r="GBM703" s="613"/>
      <c r="GBN703" s="613"/>
      <c r="GBO703" s="613"/>
      <c r="GBP703" s="613"/>
      <c r="GBQ703" s="613"/>
      <c r="GBR703" s="613"/>
      <c r="GBS703" s="613"/>
      <c r="GBT703" s="613"/>
      <c r="GBU703" s="613"/>
      <c r="GBV703" s="613"/>
      <c r="GBW703" s="613"/>
      <c r="GBX703" s="613"/>
      <c r="GBY703" s="613"/>
      <c r="GBZ703" s="613"/>
      <c r="GCA703" s="613"/>
      <c r="GCB703" s="613"/>
      <c r="GCC703" s="613"/>
      <c r="GCD703" s="613"/>
      <c r="GCE703" s="613"/>
      <c r="GCF703" s="613"/>
      <c r="GCG703" s="613"/>
      <c r="GCH703" s="613"/>
      <c r="GCI703" s="613"/>
      <c r="GCJ703" s="613"/>
      <c r="GCK703" s="613"/>
      <c r="GCL703" s="613"/>
      <c r="GCM703" s="613"/>
      <c r="GCN703" s="613"/>
      <c r="GCO703" s="613"/>
      <c r="GCP703" s="613"/>
      <c r="GCQ703" s="613"/>
      <c r="GCR703" s="613"/>
      <c r="GCS703" s="613"/>
      <c r="GCT703" s="613"/>
      <c r="GCU703" s="613"/>
      <c r="GCV703" s="613"/>
      <c r="GCW703" s="613"/>
      <c r="GCX703" s="613"/>
      <c r="GCY703" s="613"/>
      <c r="GCZ703" s="613"/>
      <c r="GDA703" s="613"/>
      <c r="GDB703" s="613"/>
      <c r="GDC703" s="613"/>
      <c r="GDD703" s="613"/>
      <c r="GDE703" s="613"/>
      <c r="GDF703" s="613"/>
      <c r="GDG703" s="613"/>
      <c r="GDH703" s="613"/>
      <c r="GDI703" s="613"/>
      <c r="GDJ703" s="613"/>
      <c r="GDK703" s="613"/>
      <c r="GDL703" s="613"/>
      <c r="GDM703" s="613"/>
      <c r="GDN703" s="613"/>
      <c r="GDO703" s="613"/>
      <c r="GDP703" s="613"/>
      <c r="GDQ703" s="613"/>
      <c r="GDR703" s="613"/>
      <c r="GDS703" s="613"/>
      <c r="GDT703" s="613"/>
      <c r="GDU703" s="613"/>
      <c r="GDV703" s="613"/>
      <c r="GDW703" s="613"/>
      <c r="GDX703" s="613"/>
      <c r="GDY703" s="613"/>
      <c r="GDZ703" s="613"/>
      <c r="GEA703" s="613"/>
      <c r="GEB703" s="613"/>
      <c r="GEC703" s="613"/>
      <c r="GED703" s="613"/>
      <c r="GEE703" s="613"/>
      <c r="GEF703" s="613"/>
      <c r="GEG703" s="613"/>
      <c r="GEH703" s="613"/>
      <c r="GEI703" s="613"/>
      <c r="GEJ703" s="613"/>
      <c r="GEK703" s="613"/>
      <c r="GEL703" s="613"/>
      <c r="GEM703" s="613"/>
      <c r="GEN703" s="613"/>
      <c r="GEO703" s="613"/>
      <c r="GEP703" s="613"/>
      <c r="GEQ703" s="613"/>
      <c r="GER703" s="613"/>
      <c r="GES703" s="613"/>
      <c r="GET703" s="613"/>
      <c r="GEU703" s="613"/>
      <c r="GEV703" s="613"/>
      <c r="GEW703" s="613"/>
      <c r="GEX703" s="613"/>
      <c r="GEY703" s="613"/>
      <c r="GEZ703" s="613"/>
      <c r="GFA703" s="613"/>
      <c r="GFB703" s="613"/>
      <c r="GFC703" s="613"/>
      <c r="GFD703" s="613"/>
      <c r="GFE703" s="613"/>
      <c r="GFF703" s="613"/>
      <c r="GFG703" s="613"/>
      <c r="GFH703" s="613"/>
      <c r="GFI703" s="613"/>
      <c r="GFJ703" s="613"/>
      <c r="GFK703" s="613"/>
      <c r="GFL703" s="613"/>
      <c r="GFM703" s="613"/>
      <c r="GFN703" s="613"/>
      <c r="GFO703" s="613"/>
      <c r="GFP703" s="613"/>
      <c r="GFQ703" s="613"/>
      <c r="GFR703" s="613"/>
      <c r="GFS703" s="613"/>
      <c r="GFT703" s="613"/>
      <c r="GFU703" s="613"/>
      <c r="GFV703" s="613"/>
      <c r="GFW703" s="613"/>
      <c r="GFX703" s="613"/>
      <c r="GFY703" s="613"/>
      <c r="GFZ703" s="613"/>
      <c r="GGA703" s="613"/>
      <c r="GGB703" s="613"/>
      <c r="GGC703" s="613"/>
      <c r="GGD703" s="613"/>
      <c r="GGE703" s="613"/>
      <c r="GGF703" s="613"/>
      <c r="GGG703" s="613"/>
      <c r="GGH703" s="613"/>
      <c r="GGI703" s="613"/>
      <c r="GGJ703" s="613"/>
      <c r="GGK703" s="613"/>
      <c r="GGL703" s="613"/>
      <c r="GGM703" s="613"/>
      <c r="GGN703" s="613"/>
      <c r="GGO703" s="613"/>
      <c r="GGP703" s="613"/>
      <c r="GGQ703" s="613"/>
      <c r="GGR703" s="613"/>
      <c r="GGS703" s="613"/>
      <c r="GGT703" s="613"/>
      <c r="GGU703" s="613"/>
      <c r="GGV703" s="613"/>
      <c r="GGW703" s="613"/>
      <c r="GGX703" s="613"/>
      <c r="GGY703" s="613"/>
      <c r="GGZ703" s="613"/>
      <c r="GHA703" s="613"/>
      <c r="GHB703" s="613"/>
      <c r="GHC703" s="613"/>
      <c r="GHD703" s="613"/>
      <c r="GHE703" s="613"/>
      <c r="GHF703" s="613"/>
      <c r="GHG703" s="613"/>
      <c r="GHH703" s="613"/>
      <c r="GHI703" s="613"/>
      <c r="GHJ703" s="613"/>
      <c r="GHK703" s="613"/>
      <c r="GHL703" s="613"/>
      <c r="GHM703" s="613"/>
      <c r="GHN703" s="613"/>
      <c r="GHO703" s="613"/>
      <c r="GHP703" s="613"/>
      <c r="GHQ703" s="613"/>
      <c r="GHR703" s="613"/>
      <c r="GHS703" s="613"/>
      <c r="GHT703" s="613"/>
      <c r="GHU703" s="613"/>
      <c r="GHV703" s="613"/>
      <c r="GHW703" s="613"/>
      <c r="GHX703" s="613"/>
      <c r="GHY703" s="613"/>
      <c r="GHZ703" s="613"/>
      <c r="GIA703" s="613"/>
      <c r="GIB703" s="613"/>
      <c r="GIC703" s="613"/>
      <c r="GID703" s="613"/>
      <c r="GIE703" s="613"/>
      <c r="GIF703" s="613"/>
      <c r="GIG703" s="613"/>
      <c r="GIH703" s="613"/>
      <c r="GII703" s="613"/>
      <c r="GIJ703" s="613"/>
      <c r="GIK703" s="613"/>
      <c r="GIL703" s="613"/>
      <c r="GIM703" s="613"/>
      <c r="GIN703" s="613"/>
      <c r="GIO703" s="613"/>
      <c r="GIP703" s="613"/>
      <c r="GIQ703" s="613"/>
      <c r="GIR703" s="613"/>
      <c r="GIS703" s="613"/>
      <c r="GIT703" s="613"/>
      <c r="GIU703" s="613"/>
      <c r="GIV703" s="613"/>
      <c r="GIW703" s="613"/>
      <c r="GIX703" s="613"/>
      <c r="GIY703" s="613"/>
      <c r="GIZ703" s="613"/>
      <c r="GJA703" s="613"/>
      <c r="GJB703" s="613"/>
      <c r="GJC703" s="613"/>
      <c r="GJD703" s="613"/>
      <c r="GJE703" s="613"/>
      <c r="GJF703" s="613"/>
      <c r="GJG703" s="613"/>
      <c r="GJH703" s="613"/>
      <c r="GJI703" s="613"/>
      <c r="GJJ703" s="613"/>
      <c r="GJK703" s="613"/>
      <c r="GJL703" s="613"/>
      <c r="GJM703" s="613"/>
      <c r="GJN703" s="613"/>
      <c r="GJO703" s="613"/>
      <c r="GJP703" s="613"/>
      <c r="GJQ703" s="613"/>
      <c r="GJR703" s="613"/>
      <c r="GJS703" s="613"/>
      <c r="GJT703" s="613"/>
      <c r="GJU703" s="613"/>
      <c r="GJV703" s="613"/>
      <c r="GJW703" s="613"/>
      <c r="GJX703" s="613"/>
      <c r="GJY703" s="613"/>
      <c r="GJZ703" s="613"/>
      <c r="GKA703" s="613"/>
      <c r="GKB703" s="613"/>
      <c r="GKC703" s="613"/>
      <c r="GKD703" s="613"/>
      <c r="GKE703" s="613"/>
      <c r="GKF703" s="613"/>
      <c r="GKG703" s="613"/>
      <c r="GKH703" s="613"/>
      <c r="GKI703" s="613"/>
      <c r="GKJ703" s="613"/>
      <c r="GKK703" s="613"/>
      <c r="GKL703" s="613"/>
      <c r="GKM703" s="613"/>
      <c r="GKN703" s="613"/>
      <c r="GKO703" s="613"/>
      <c r="GKP703" s="613"/>
      <c r="GKQ703" s="613"/>
      <c r="GKR703" s="613"/>
      <c r="GKS703" s="613"/>
      <c r="GKT703" s="613"/>
      <c r="GKU703" s="613"/>
      <c r="GKV703" s="613"/>
      <c r="GKW703" s="613"/>
      <c r="GKX703" s="613"/>
      <c r="GKY703" s="613"/>
      <c r="GKZ703" s="613"/>
      <c r="GLA703" s="613"/>
      <c r="GLB703" s="613"/>
      <c r="GLC703" s="613"/>
      <c r="GLD703" s="613"/>
      <c r="GLE703" s="613"/>
      <c r="GLF703" s="613"/>
      <c r="GLG703" s="613"/>
      <c r="GLH703" s="613"/>
      <c r="GLI703" s="613"/>
      <c r="GLJ703" s="613"/>
      <c r="GLK703" s="613"/>
      <c r="GLL703" s="613"/>
      <c r="GLM703" s="613"/>
      <c r="GLN703" s="613"/>
      <c r="GLO703" s="613"/>
      <c r="GLP703" s="613"/>
      <c r="GLQ703" s="613"/>
      <c r="GLR703" s="613"/>
      <c r="GLS703" s="613"/>
      <c r="GLT703" s="613"/>
      <c r="GLU703" s="613"/>
      <c r="GLV703" s="613"/>
      <c r="GLW703" s="613"/>
      <c r="GLX703" s="613"/>
      <c r="GLY703" s="613"/>
      <c r="GLZ703" s="613"/>
      <c r="GMA703" s="613"/>
      <c r="GMB703" s="613"/>
      <c r="GMC703" s="613"/>
      <c r="GMD703" s="613"/>
      <c r="GME703" s="613"/>
      <c r="GMF703" s="613"/>
      <c r="GMG703" s="613"/>
      <c r="GMH703" s="613"/>
      <c r="GMI703" s="613"/>
      <c r="GMJ703" s="613"/>
      <c r="GMK703" s="613"/>
      <c r="GML703" s="613"/>
      <c r="GMM703" s="613"/>
      <c r="GMN703" s="613"/>
      <c r="GMO703" s="613"/>
      <c r="GMP703" s="613"/>
      <c r="GMQ703" s="613"/>
      <c r="GMR703" s="613"/>
      <c r="GMS703" s="613"/>
      <c r="GMT703" s="613"/>
      <c r="GMU703" s="613"/>
      <c r="GMV703" s="613"/>
      <c r="GMW703" s="613"/>
      <c r="GMX703" s="613"/>
      <c r="GMY703" s="613"/>
      <c r="GMZ703" s="613"/>
      <c r="GNA703" s="613"/>
      <c r="GNB703" s="613"/>
      <c r="GNC703" s="613"/>
      <c r="GND703" s="613"/>
      <c r="GNE703" s="613"/>
      <c r="GNF703" s="613"/>
      <c r="GNG703" s="613"/>
      <c r="GNH703" s="613"/>
      <c r="GNI703" s="613"/>
      <c r="GNJ703" s="613"/>
      <c r="GNK703" s="613"/>
      <c r="GNL703" s="613"/>
      <c r="GNM703" s="613"/>
      <c r="GNN703" s="613"/>
      <c r="GNO703" s="613"/>
      <c r="GNP703" s="613"/>
      <c r="GNQ703" s="613"/>
      <c r="GNR703" s="613"/>
      <c r="GNS703" s="613"/>
      <c r="GNT703" s="613"/>
      <c r="GNU703" s="613"/>
      <c r="GNV703" s="613"/>
      <c r="GNW703" s="613"/>
      <c r="GNX703" s="613"/>
      <c r="GNY703" s="613"/>
      <c r="GNZ703" s="613"/>
      <c r="GOA703" s="613"/>
      <c r="GOB703" s="613"/>
      <c r="GOC703" s="613"/>
      <c r="GOD703" s="613"/>
      <c r="GOE703" s="613"/>
      <c r="GOF703" s="613"/>
      <c r="GOG703" s="613"/>
      <c r="GOH703" s="613"/>
      <c r="GOI703" s="613"/>
      <c r="GOJ703" s="613"/>
      <c r="GOK703" s="613"/>
      <c r="GOL703" s="613"/>
      <c r="GOM703" s="613"/>
      <c r="GON703" s="613"/>
      <c r="GOO703" s="613"/>
      <c r="GOP703" s="613"/>
      <c r="GOQ703" s="613"/>
      <c r="GOR703" s="613"/>
      <c r="GOS703" s="613"/>
      <c r="GOT703" s="613"/>
      <c r="GOU703" s="613"/>
      <c r="GOV703" s="613"/>
      <c r="GOW703" s="613"/>
      <c r="GOX703" s="613"/>
      <c r="GOY703" s="613"/>
      <c r="GOZ703" s="613"/>
      <c r="GPA703" s="613"/>
      <c r="GPB703" s="613"/>
      <c r="GPC703" s="613"/>
      <c r="GPD703" s="613"/>
      <c r="GPE703" s="613"/>
      <c r="GPF703" s="613"/>
      <c r="GPG703" s="613"/>
      <c r="GPH703" s="613"/>
      <c r="GPI703" s="613"/>
      <c r="GPJ703" s="613"/>
      <c r="GPK703" s="613"/>
      <c r="GPL703" s="613"/>
      <c r="GPM703" s="613"/>
      <c r="GPN703" s="613"/>
      <c r="GPO703" s="613"/>
      <c r="GPP703" s="613"/>
      <c r="GPQ703" s="613"/>
      <c r="GPR703" s="613"/>
      <c r="GPS703" s="613"/>
      <c r="GPT703" s="613"/>
      <c r="GPU703" s="613"/>
      <c r="GPV703" s="613"/>
      <c r="GPW703" s="613"/>
      <c r="GPX703" s="613"/>
      <c r="GPY703" s="613"/>
      <c r="GPZ703" s="613"/>
      <c r="GQA703" s="613"/>
      <c r="GQB703" s="613"/>
      <c r="GQC703" s="613"/>
      <c r="GQD703" s="613"/>
      <c r="GQE703" s="613"/>
      <c r="GQF703" s="613"/>
      <c r="GQG703" s="613"/>
      <c r="GQH703" s="613"/>
      <c r="GQI703" s="613"/>
      <c r="GQJ703" s="613"/>
      <c r="GQK703" s="613"/>
      <c r="GQL703" s="613"/>
      <c r="GQM703" s="613"/>
      <c r="GQN703" s="613"/>
      <c r="GQO703" s="613"/>
      <c r="GQP703" s="613"/>
      <c r="GQQ703" s="613"/>
      <c r="GQR703" s="613"/>
      <c r="GQS703" s="613"/>
      <c r="GQT703" s="613"/>
      <c r="GQU703" s="613"/>
      <c r="GQV703" s="613"/>
      <c r="GQW703" s="613"/>
      <c r="GQX703" s="613"/>
      <c r="GQY703" s="613"/>
      <c r="GQZ703" s="613"/>
      <c r="GRA703" s="613"/>
      <c r="GRB703" s="613"/>
      <c r="GRC703" s="613"/>
      <c r="GRD703" s="613"/>
      <c r="GRE703" s="613"/>
      <c r="GRF703" s="613"/>
      <c r="GRG703" s="613"/>
      <c r="GRH703" s="613"/>
      <c r="GRI703" s="613"/>
      <c r="GRJ703" s="613"/>
      <c r="GRK703" s="613"/>
      <c r="GRL703" s="613"/>
      <c r="GRM703" s="613"/>
      <c r="GRN703" s="613"/>
      <c r="GRO703" s="613"/>
      <c r="GRP703" s="613"/>
      <c r="GRQ703" s="613"/>
      <c r="GRR703" s="613"/>
      <c r="GRS703" s="613"/>
      <c r="GRT703" s="613"/>
      <c r="GRU703" s="613"/>
      <c r="GRV703" s="613"/>
      <c r="GRW703" s="613"/>
      <c r="GRX703" s="613"/>
      <c r="GRY703" s="613"/>
      <c r="GRZ703" s="613"/>
      <c r="GSA703" s="613"/>
      <c r="GSB703" s="613"/>
      <c r="GSC703" s="613"/>
      <c r="GSD703" s="613"/>
      <c r="GSE703" s="613"/>
      <c r="GSF703" s="613"/>
      <c r="GSG703" s="613"/>
      <c r="GSH703" s="613"/>
      <c r="GSI703" s="613"/>
      <c r="GSJ703" s="613"/>
      <c r="GSK703" s="613"/>
      <c r="GSL703" s="613"/>
      <c r="GSM703" s="613"/>
      <c r="GSN703" s="613"/>
      <c r="GSO703" s="613"/>
      <c r="GSP703" s="613"/>
      <c r="GSQ703" s="613"/>
      <c r="GSR703" s="613"/>
      <c r="GSS703" s="613"/>
      <c r="GST703" s="613"/>
      <c r="GSU703" s="613"/>
      <c r="GSV703" s="613"/>
      <c r="GSW703" s="613"/>
      <c r="GSX703" s="613"/>
      <c r="GSY703" s="613"/>
      <c r="GSZ703" s="613"/>
      <c r="GTA703" s="613"/>
      <c r="GTB703" s="613"/>
      <c r="GTC703" s="613"/>
      <c r="GTD703" s="613"/>
      <c r="GTE703" s="613"/>
      <c r="GTF703" s="613"/>
      <c r="GTG703" s="613"/>
      <c r="GTH703" s="613"/>
      <c r="GTI703" s="613"/>
      <c r="GTJ703" s="613"/>
      <c r="GTK703" s="613"/>
      <c r="GTL703" s="613"/>
      <c r="GTM703" s="613"/>
      <c r="GTN703" s="613"/>
      <c r="GTO703" s="613"/>
      <c r="GTP703" s="613"/>
      <c r="GTQ703" s="613"/>
      <c r="GTR703" s="613"/>
      <c r="GTS703" s="613"/>
      <c r="GTT703" s="613"/>
      <c r="GTU703" s="613"/>
      <c r="GTV703" s="613"/>
      <c r="GTW703" s="613"/>
      <c r="GTX703" s="613"/>
      <c r="GTY703" s="613"/>
      <c r="GTZ703" s="613"/>
      <c r="GUA703" s="613"/>
      <c r="GUB703" s="613"/>
      <c r="GUC703" s="613"/>
      <c r="GUD703" s="613"/>
      <c r="GUE703" s="613"/>
      <c r="GUF703" s="613"/>
      <c r="GUG703" s="613"/>
      <c r="GUH703" s="613"/>
      <c r="GUI703" s="613"/>
      <c r="GUJ703" s="613"/>
      <c r="GUK703" s="613"/>
      <c r="GUL703" s="613"/>
      <c r="GUM703" s="613"/>
      <c r="GUN703" s="613"/>
      <c r="GUO703" s="613"/>
      <c r="GUP703" s="613"/>
      <c r="GUQ703" s="613"/>
      <c r="GUR703" s="613"/>
      <c r="GUS703" s="613"/>
      <c r="GUT703" s="613"/>
      <c r="GUU703" s="613"/>
      <c r="GUV703" s="613"/>
      <c r="GUW703" s="613"/>
      <c r="GUX703" s="613"/>
      <c r="GUY703" s="613"/>
      <c r="GUZ703" s="613"/>
      <c r="GVA703" s="613"/>
      <c r="GVB703" s="613"/>
      <c r="GVC703" s="613"/>
      <c r="GVD703" s="613"/>
      <c r="GVE703" s="613"/>
      <c r="GVF703" s="613"/>
      <c r="GVG703" s="613"/>
      <c r="GVH703" s="613"/>
      <c r="GVI703" s="613"/>
      <c r="GVJ703" s="613"/>
      <c r="GVK703" s="613"/>
      <c r="GVL703" s="613"/>
      <c r="GVM703" s="613"/>
      <c r="GVN703" s="613"/>
      <c r="GVO703" s="613"/>
      <c r="GVP703" s="613"/>
      <c r="GVQ703" s="613"/>
      <c r="GVR703" s="613"/>
      <c r="GVS703" s="613"/>
      <c r="GVT703" s="613"/>
      <c r="GVU703" s="613"/>
      <c r="GVV703" s="613"/>
      <c r="GVW703" s="613"/>
      <c r="GVX703" s="613"/>
      <c r="GVY703" s="613"/>
      <c r="GVZ703" s="613"/>
      <c r="GWA703" s="613"/>
      <c r="GWB703" s="613"/>
      <c r="GWC703" s="613"/>
      <c r="GWD703" s="613"/>
      <c r="GWE703" s="613"/>
      <c r="GWF703" s="613"/>
      <c r="GWG703" s="613"/>
      <c r="GWH703" s="613"/>
      <c r="GWI703" s="613"/>
      <c r="GWJ703" s="613"/>
      <c r="GWK703" s="613"/>
      <c r="GWL703" s="613"/>
      <c r="GWM703" s="613"/>
      <c r="GWN703" s="613"/>
      <c r="GWO703" s="613"/>
      <c r="GWP703" s="613"/>
      <c r="GWQ703" s="613"/>
      <c r="GWR703" s="613"/>
      <c r="GWS703" s="613"/>
      <c r="GWT703" s="613"/>
      <c r="GWU703" s="613"/>
      <c r="GWV703" s="613"/>
      <c r="GWW703" s="613"/>
      <c r="GWX703" s="613"/>
      <c r="GWY703" s="613"/>
      <c r="GWZ703" s="613"/>
      <c r="GXA703" s="613"/>
      <c r="GXB703" s="613"/>
      <c r="GXC703" s="613"/>
      <c r="GXD703" s="613"/>
      <c r="GXE703" s="613"/>
      <c r="GXF703" s="613"/>
      <c r="GXG703" s="613"/>
      <c r="GXH703" s="613"/>
      <c r="GXI703" s="613"/>
      <c r="GXJ703" s="613"/>
      <c r="GXK703" s="613"/>
      <c r="GXL703" s="613"/>
      <c r="GXM703" s="613"/>
      <c r="GXN703" s="613"/>
      <c r="GXO703" s="613"/>
      <c r="GXP703" s="613"/>
      <c r="GXQ703" s="613"/>
      <c r="GXR703" s="613"/>
      <c r="GXS703" s="613"/>
      <c r="GXT703" s="613"/>
      <c r="GXU703" s="613"/>
      <c r="GXV703" s="613"/>
      <c r="GXW703" s="613"/>
      <c r="GXX703" s="613"/>
      <c r="GXY703" s="613"/>
      <c r="GXZ703" s="613"/>
      <c r="GYA703" s="613"/>
      <c r="GYB703" s="613"/>
      <c r="GYC703" s="613"/>
      <c r="GYD703" s="613"/>
      <c r="GYE703" s="613"/>
      <c r="GYF703" s="613"/>
      <c r="GYG703" s="613"/>
      <c r="GYH703" s="613"/>
      <c r="GYI703" s="613"/>
      <c r="GYJ703" s="613"/>
      <c r="GYK703" s="613"/>
      <c r="GYL703" s="613"/>
      <c r="GYM703" s="613"/>
      <c r="GYN703" s="613"/>
      <c r="GYO703" s="613"/>
      <c r="GYP703" s="613"/>
      <c r="GYQ703" s="613"/>
      <c r="GYR703" s="613"/>
      <c r="GYS703" s="613"/>
      <c r="GYT703" s="613"/>
      <c r="GYU703" s="613"/>
      <c r="GYV703" s="613"/>
      <c r="GYW703" s="613"/>
      <c r="GYX703" s="613"/>
      <c r="GYY703" s="613"/>
      <c r="GYZ703" s="613"/>
      <c r="GZA703" s="613"/>
      <c r="GZB703" s="613"/>
      <c r="GZC703" s="613"/>
      <c r="GZD703" s="613"/>
      <c r="GZE703" s="613"/>
      <c r="GZF703" s="613"/>
      <c r="GZG703" s="613"/>
      <c r="GZH703" s="613"/>
      <c r="GZI703" s="613"/>
      <c r="GZJ703" s="613"/>
      <c r="GZK703" s="613"/>
      <c r="GZL703" s="613"/>
      <c r="GZM703" s="613"/>
      <c r="GZN703" s="613"/>
      <c r="GZO703" s="613"/>
      <c r="GZP703" s="613"/>
      <c r="GZQ703" s="613"/>
      <c r="GZR703" s="613"/>
      <c r="GZS703" s="613"/>
      <c r="GZT703" s="613"/>
      <c r="GZU703" s="613"/>
      <c r="GZV703" s="613"/>
      <c r="GZW703" s="613"/>
      <c r="GZX703" s="613"/>
      <c r="GZY703" s="613"/>
      <c r="GZZ703" s="613"/>
      <c r="HAA703" s="613"/>
      <c r="HAB703" s="613"/>
      <c r="HAC703" s="613"/>
      <c r="HAD703" s="613"/>
      <c r="HAE703" s="613"/>
      <c r="HAF703" s="613"/>
      <c r="HAG703" s="613"/>
      <c r="HAH703" s="613"/>
      <c r="HAI703" s="613"/>
      <c r="HAJ703" s="613"/>
      <c r="HAK703" s="613"/>
      <c r="HAL703" s="613"/>
      <c r="HAM703" s="613"/>
      <c r="HAN703" s="613"/>
      <c r="HAO703" s="613"/>
      <c r="HAP703" s="613"/>
      <c r="HAQ703" s="613"/>
      <c r="HAR703" s="613"/>
      <c r="HAS703" s="613"/>
      <c r="HAT703" s="613"/>
      <c r="HAU703" s="613"/>
      <c r="HAV703" s="613"/>
      <c r="HAW703" s="613"/>
      <c r="HAX703" s="613"/>
      <c r="HAY703" s="613"/>
      <c r="HAZ703" s="613"/>
      <c r="HBA703" s="613"/>
      <c r="HBB703" s="613"/>
      <c r="HBC703" s="613"/>
      <c r="HBD703" s="613"/>
      <c r="HBE703" s="613"/>
      <c r="HBF703" s="613"/>
      <c r="HBG703" s="613"/>
      <c r="HBH703" s="613"/>
      <c r="HBI703" s="613"/>
      <c r="HBJ703" s="613"/>
      <c r="HBK703" s="613"/>
      <c r="HBL703" s="613"/>
      <c r="HBM703" s="613"/>
      <c r="HBN703" s="613"/>
      <c r="HBO703" s="613"/>
      <c r="HBP703" s="613"/>
      <c r="HBQ703" s="613"/>
      <c r="HBR703" s="613"/>
      <c r="HBS703" s="613"/>
      <c r="HBT703" s="613"/>
      <c r="HBU703" s="613"/>
      <c r="HBV703" s="613"/>
      <c r="HBW703" s="613"/>
      <c r="HBX703" s="613"/>
      <c r="HBY703" s="613"/>
      <c r="HBZ703" s="613"/>
      <c r="HCA703" s="613"/>
      <c r="HCB703" s="613"/>
      <c r="HCC703" s="613"/>
      <c r="HCD703" s="613"/>
      <c r="HCE703" s="613"/>
      <c r="HCF703" s="613"/>
      <c r="HCG703" s="613"/>
      <c r="HCH703" s="613"/>
      <c r="HCI703" s="613"/>
      <c r="HCJ703" s="613"/>
      <c r="HCK703" s="613"/>
      <c r="HCL703" s="613"/>
      <c r="HCM703" s="613"/>
      <c r="HCN703" s="613"/>
      <c r="HCO703" s="613"/>
      <c r="HCP703" s="613"/>
      <c r="HCQ703" s="613"/>
      <c r="HCR703" s="613"/>
      <c r="HCS703" s="613"/>
      <c r="HCT703" s="613"/>
      <c r="HCU703" s="613"/>
      <c r="HCV703" s="613"/>
      <c r="HCW703" s="613"/>
      <c r="HCX703" s="613"/>
      <c r="HCY703" s="613"/>
      <c r="HCZ703" s="613"/>
      <c r="HDA703" s="613"/>
      <c r="HDB703" s="613"/>
      <c r="HDC703" s="613"/>
      <c r="HDD703" s="613"/>
      <c r="HDE703" s="613"/>
      <c r="HDF703" s="613"/>
      <c r="HDG703" s="613"/>
      <c r="HDH703" s="613"/>
      <c r="HDI703" s="613"/>
      <c r="HDJ703" s="613"/>
      <c r="HDK703" s="613"/>
      <c r="HDL703" s="613"/>
      <c r="HDM703" s="613"/>
      <c r="HDN703" s="613"/>
      <c r="HDO703" s="613"/>
      <c r="HDP703" s="613"/>
      <c r="HDQ703" s="613"/>
      <c r="HDR703" s="613"/>
      <c r="HDS703" s="613"/>
      <c r="HDT703" s="613"/>
      <c r="HDU703" s="613"/>
      <c r="HDV703" s="613"/>
      <c r="HDW703" s="613"/>
      <c r="HDX703" s="613"/>
      <c r="HDY703" s="613"/>
      <c r="HDZ703" s="613"/>
      <c r="HEA703" s="613"/>
      <c r="HEB703" s="613"/>
      <c r="HEC703" s="613"/>
      <c r="HED703" s="613"/>
      <c r="HEE703" s="613"/>
      <c r="HEF703" s="613"/>
      <c r="HEG703" s="613"/>
      <c r="HEH703" s="613"/>
      <c r="HEI703" s="613"/>
      <c r="HEJ703" s="613"/>
      <c r="HEK703" s="613"/>
      <c r="HEL703" s="613"/>
      <c r="HEM703" s="613"/>
      <c r="HEN703" s="613"/>
      <c r="HEO703" s="613"/>
      <c r="HEP703" s="613"/>
      <c r="HEQ703" s="613"/>
      <c r="HER703" s="613"/>
      <c r="HES703" s="613"/>
      <c r="HET703" s="613"/>
      <c r="HEU703" s="613"/>
      <c r="HEV703" s="613"/>
      <c r="HEW703" s="613"/>
      <c r="HEX703" s="613"/>
      <c r="HEY703" s="613"/>
      <c r="HEZ703" s="613"/>
      <c r="HFA703" s="613"/>
      <c r="HFB703" s="613"/>
      <c r="HFC703" s="613"/>
      <c r="HFD703" s="613"/>
      <c r="HFE703" s="613"/>
      <c r="HFF703" s="613"/>
      <c r="HFG703" s="613"/>
      <c r="HFH703" s="613"/>
      <c r="HFI703" s="613"/>
      <c r="HFJ703" s="613"/>
      <c r="HFK703" s="613"/>
      <c r="HFL703" s="613"/>
      <c r="HFM703" s="613"/>
      <c r="HFN703" s="613"/>
      <c r="HFO703" s="613"/>
      <c r="HFP703" s="613"/>
      <c r="HFQ703" s="613"/>
      <c r="HFR703" s="613"/>
      <c r="HFS703" s="613"/>
      <c r="HFT703" s="613"/>
      <c r="HFU703" s="613"/>
      <c r="HFV703" s="613"/>
      <c r="HFW703" s="613"/>
      <c r="HFX703" s="613"/>
      <c r="HFY703" s="613"/>
      <c r="HFZ703" s="613"/>
      <c r="HGA703" s="613"/>
      <c r="HGB703" s="613"/>
      <c r="HGC703" s="613"/>
      <c r="HGD703" s="613"/>
      <c r="HGE703" s="613"/>
      <c r="HGF703" s="613"/>
      <c r="HGG703" s="613"/>
      <c r="HGH703" s="613"/>
      <c r="HGI703" s="613"/>
      <c r="HGJ703" s="613"/>
      <c r="HGK703" s="613"/>
      <c r="HGL703" s="613"/>
      <c r="HGM703" s="613"/>
      <c r="HGN703" s="613"/>
      <c r="HGO703" s="613"/>
      <c r="HGP703" s="613"/>
      <c r="HGQ703" s="613"/>
      <c r="HGR703" s="613"/>
      <c r="HGS703" s="613"/>
      <c r="HGT703" s="613"/>
      <c r="HGU703" s="613"/>
      <c r="HGV703" s="613"/>
      <c r="HGW703" s="613"/>
      <c r="HGX703" s="613"/>
      <c r="HGY703" s="613"/>
      <c r="HGZ703" s="613"/>
      <c r="HHA703" s="613"/>
      <c r="HHB703" s="613"/>
      <c r="HHC703" s="613"/>
      <c r="HHD703" s="613"/>
      <c r="HHE703" s="613"/>
      <c r="HHF703" s="613"/>
      <c r="HHG703" s="613"/>
      <c r="HHH703" s="613"/>
      <c r="HHI703" s="613"/>
      <c r="HHJ703" s="613"/>
      <c r="HHK703" s="613"/>
      <c r="HHL703" s="613"/>
      <c r="HHM703" s="613"/>
      <c r="HHN703" s="613"/>
      <c r="HHO703" s="613"/>
      <c r="HHP703" s="613"/>
      <c r="HHQ703" s="613"/>
      <c r="HHR703" s="613"/>
      <c r="HHS703" s="613"/>
      <c r="HHT703" s="613"/>
      <c r="HHU703" s="613"/>
      <c r="HHV703" s="613"/>
      <c r="HHW703" s="613"/>
      <c r="HHX703" s="613"/>
      <c r="HHY703" s="613"/>
      <c r="HHZ703" s="613"/>
      <c r="HIA703" s="613"/>
      <c r="HIB703" s="613"/>
      <c r="HIC703" s="613"/>
      <c r="HID703" s="613"/>
      <c r="HIE703" s="613"/>
      <c r="HIF703" s="613"/>
      <c r="HIG703" s="613"/>
      <c r="HIH703" s="613"/>
      <c r="HII703" s="613"/>
      <c r="HIJ703" s="613"/>
      <c r="HIK703" s="613"/>
      <c r="HIL703" s="613"/>
      <c r="HIM703" s="613"/>
      <c r="HIN703" s="613"/>
      <c r="HIO703" s="613"/>
      <c r="HIP703" s="613"/>
      <c r="HIQ703" s="613"/>
      <c r="HIR703" s="613"/>
      <c r="HIS703" s="613"/>
      <c r="HIT703" s="613"/>
      <c r="HIU703" s="613"/>
      <c r="HIV703" s="613"/>
      <c r="HIW703" s="613"/>
      <c r="HIX703" s="613"/>
      <c r="HIY703" s="613"/>
      <c r="HIZ703" s="613"/>
      <c r="HJA703" s="613"/>
      <c r="HJB703" s="613"/>
      <c r="HJC703" s="613"/>
      <c r="HJD703" s="613"/>
      <c r="HJE703" s="613"/>
      <c r="HJF703" s="613"/>
      <c r="HJG703" s="613"/>
      <c r="HJH703" s="613"/>
      <c r="HJI703" s="613"/>
      <c r="HJJ703" s="613"/>
      <c r="HJK703" s="613"/>
      <c r="HJL703" s="613"/>
      <c r="HJM703" s="613"/>
      <c r="HJN703" s="613"/>
      <c r="HJO703" s="613"/>
      <c r="HJP703" s="613"/>
      <c r="HJQ703" s="613"/>
      <c r="HJR703" s="613"/>
      <c r="HJS703" s="613"/>
      <c r="HJT703" s="613"/>
      <c r="HJU703" s="613"/>
      <c r="HJV703" s="613"/>
      <c r="HJW703" s="613"/>
      <c r="HJX703" s="613"/>
      <c r="HJY703" s="613"/>
      <c r="HJZ703" s="613"/>
      <c r="HKA703" s="613"/>
      <c r="HKB703" s="613"/>
      <c r="HKC703" s="613"/>
      <c r="HKD703" s="613"/>
      <c r="HKE703" s="613"/>
      <c r="HKF703" s="613"/>
      <c r="HKG703" s="613"/>
      <c r="HKH703" s="613"/>
      <c r="HKI703" s="613"/>
      <c r="HKJ703" s="613"/>
      <c r="HKK703" s="613"/>
      <c r="HKL703" s="613"/>
      <c r="HKM703" s="613"/>
      <c r="HKN703" s="613"/>
      <c r="HKO703" s="613"/>
      <c r="HKP703" s="613"/>
      <c r="HKQ703" s="613"/>
      <c r="HKR703" s="613"/>
      <c r="HKS703" s="613"/>
      <c r="HKT703" s="613"/>
      <c r="HKU703" s="613"/>
      <c r="HKV703" s="613"/>
      <c r="HKW703" s="613"/>
      <c r="HKX703" s="613"/>
      <c r="HKY703" s="613"/>
      <c r="HKZ703" s="613"/>
      <c r="HLA703" s="613"/>
      <c r="HLB703" s="613"/>
      <c r="HLC703" s="613"/>
      <c r="HLD703" s="613"/>
      <c r="HLE703" s="613"/>
      <c r="HLF703" s="613"/>
      <c r="HLG703" s="613"/>
      <c r="HLH703" s="613"/>
      <c r="HLI703" s="613"/>
      <c r="HLJ703" s="613"/>
      <c r="HLK703" s="613"/>
      <c r="HLL703" s="613"/>
      <c r="HLM703" s="613"/>
      <c r="HLN703" s="613"/>
      <c r="HLO703" s="613"/>
      <c r="HLP703" s="613"/>
      <c r="HLQ703" s="613"/>
      <c r="HLR703" s="613"/>
      <c r="HLS703" s="613"/>
      <c r="HLT703" s="613"/>
      <c r="HLU703" s="613"/>
      <c r="HLV703" s="613"/>
      <c r="HLW703" s="613"/>
      <c r="HLX703" s="613"/>
      <c r="HLY703" s="613"/>
      <c r="HLZ703" s="613"/>
      <c r="HMA703" s="613"/>
      <c r="HMB703" s="613"/>
      <c r="HMC703" s="613"/>
      <c r="HMD703" s="613"/>
      <c r="HME703" s="613"/>
      <c r="HMF703" s="613"/>
      <c r="HMG703" s="613"/>
      <c r="HMH703" s="613"/>
      <c r="HMI703" s="613"/>
      <c r="HMJ703" s="613"/>
      <c r="HMK703" s="613"/>
      <c r="HML703" s="613"/>
      <c r="HMM703" s="613"/>
      <c r="HMN703" s="613"/>
      <c r="HMO703" s="613"/>
      <c r="HMP703" s="613"/>
      <c r="HMQ703" s="613"/>
      <c r="HMR703" s="613"/>
      <c r="HMS703" s="613"/>
      <c r="HMT703" s="613"/>
      <c r="HMU703" s="613"/>
      <c r="HMV703" s="613"/>
      <c r="HMW703" s="613"/>
      <c r="HMX703" s="613"/>
      <c r="HMY703" s="613"/>
      <c r="HMZ703" s="613"/>
      <c r="HNA703" s="613"/>
      <c r="HNB703" s="613"/>
      <c r="HNC703" s="613"/>
      <c r="HND703" s="613"/>
      <c r="HNE703" s="613"/>
      <c r="HNF703" s="613"/>
      <c r="HNG703" s="613"/>
      <c r="HNH703" s="613"/>
      <c r="HNI703" s="613"/>
      <c r="HNJ703" s="613"/>
      <c r="HNK703" s="613"/>
      <c r="HNL703" s="613"/>
      <c r="HNM703" s="613"/>
      <c r="HNN703" s="613"/>
      <c r="HNO703" s="613"/>
      <c r="HNP703" s="613"/>
      <c r="HNQ703" s="613"/>
      <c r="HNR703" s="613"/>
      <c r="HNS703" s="613"/>
      <c r="HNT703" s="613"/>
      <c r="HNU703" s="613"/>
      <c r="HNV703" s="613"/>
      <c r="HNW703" s="613"/>
      <c r="HNX703" s="613"/>
      <c r="HNY703" s="613"/>
      <c r="HNZ703" s="613"/>
      <c r="HOA703" s="613"/>
      <c r="HOB703" s="613"/>
      <c r="HOC703" s="613"/>
      <c r="HOD703" s="613"/>
      <c r="HOE703" s="613"/>
      <c r="HOF703" s="613"/>
      <c r="HOG703" s="613"/>
      <c r="HOH703" s="613"/>
      <c r="HOI703" s="613"/>
      <c r="HOJ703" s="613"/>
      <c r="HOK703" s="613"/>
      <c r="HOL703" s="613"/>
      <c r="HOM703" s="613"/>
      <c r="HON703" s="613"/>
      <c r="HOO703" s="613"/>
      <c r="HOP703" s="613"/>
      <c r="HOQ703" s="613"/>
      <c r="HOR703" s="613"/>
      <c r="HOS703" s="613"/>
      <c r="HOT703" s="613"/>
      <c r="HOU703" s="613"/>
      <c r="HOV703" s="613"/>
      <c r="HOW703" s="613"/>
      <c r="HOX703" s="613"/>
      <c r="HOY703" s="613"/>
      <c r="HOZ703" s="613"/>
      <c r="HPA703" s="613"/>
      <c r="HPB703" s="613"/>
      <c r="HPC703" s="613"/>
      <c r="HPD703" s="613"/>
      <c r="HPE703" s="613"/>
      <c r="HPF703" s="613"/>
      <c r="HPG703" s="613"/>
      <c r="HPH703" s="613"/>
      <c r="HPI703" s="613"/>
      <c r="HPJ703" s="613"/>
      <c r="HPK703" s="613"/>
      <c r="HPL703" s="613"/>
      <c r="HPM703" s="613"/>
      <c r="HPN703" s="613"/>
      <c r="HPO703" s="613"/>
      <c r="HPP703" s="613"/>
      <c r="HPQ703" s="613"/>
      <c r="HPR703" s="613"/>
      <c r="HPS703" s="613"/>
      <c r="HPT703" s="613"/>
      <c r="HPU703" s="613"/>
      <c r="HPV703" s="613"/>
      <c r="HPW703" s="613"/>
      <c r="HPX703" s="613"/>
      <c r="HPY703" s="613"/>
      <c r="HPZ703" s="613"/>
      <c r="HQA703" s="613"/>
      <c r="HQB703" s="613"/>
      <c r="HQC703" s="613"/>
      <c r="HQD703" s="613"/>
      <c r="HQE703" s="613"/>
      <c r="HQF703" s="613"/>
      <c r="HQG703" s="613"/>
      <c r="HQH703" s="613"/>
      <c r="HQI703" s="613"/>
      <c r="HQJ703" s="613"/>
      <c r="HQK703" s="613"/>
      <c r="HQL703" s="613"/>
      <c r="HQM703" s="613"/>
      <c r="HQN703" s="613"/>
      <c r="HQO703" s="613"/>
      <c r="HQP703" s="613"/>
      <c r="HQQ703" s="613"/>
      <c r="HQR703" s="613"/>
      <c r="HQS703" s="613"/>
      <c r="HQT703" s="613"/>
      <c r="HQU703" s="613"/>
      <c r="HQV703" s="613"/>
      <c r="HQW703" s="613"/>
      <c r="HQX703" s="613"/>
      <c r="HQY703" s="613"/>
      <c r="HQZ703" s="613"/>
      <c r="HRA703" s="613"/>
      <c r="HRB703" s="613"/>
      <c r="HRC703" s="613"/>
      <c r="HRD703" s="613"/>
      <c r="HRE703" s="613"/>
      <c r="HRF703" s="613"/>
      <c r="HRG703" s="613"/>
      <c r="HRH703" s="613"/>
      <c r="HRI703" s="613"/>
      <c r="HRJ703" s="613"/>
      <c r="HRK703" s="613"/>
      <c r="HRL703" s="613"/>
      <c r="HRM703" s="613"/>
      <c r="HRN703" s="613"/>
      <c r="HRO703" s="613"/>
      <c r="HRP703" s="613"/>
      <c r="HRQ703" s="613"/>
      <c r="HRR703" s="613"/>
      <c r="HRS703" s="613"/>
      <c r="HRT703" s="613"/>
      <c r="HRU703" s="613"/>
      <c r="HRV703" s="613"/>
      <c r="HRW703" s="613"/>
      <c r="HRX703" s="613"/>
      <c r="HRY703" s="613"/>
      <c r="HRZ703" s="613"/>
      <c r="HSA703" s="613"/>
      <c r="HSB703" s="613"/>
      <c r="HSC703" s="613"/>
      <c r="HSD703" s="613"/>
      <c r="HSE703" s="613"/>
      <c r="HSF703" s="613"/>
      <c r="HSG703" s="613"/>
      <c r="HSH703" s="613"/>
      <c r="HSI703" s="613"/>
      <c r="HSJ703" s="613"/>
      <c r="HSK703" s="613"/>
      <c r="HSL703" s="613"/>
      <c r="HSM703" s="613"/>
      <c r="HSN703" s="613"/>
      <c r="HSO703" s="613"/>
      <c r="HSP703" s="613"/>
      <c r="HSQ703" s="613"/>
      <c r="HSR703" s="613"/>
      <c r="HSS703" s="613"/>
      <c r="HST703" s="613"/>
      <c r="HSU703" s="613"/>
      <c r="HSV703" s="613"/>
      <c r="HSW703" s="613"/>
      <c r="HSX703" s="613"/>
      <c r="HSY703" s="613"/>
      <c r="HSZ703" s="613"/>
      <c r="HTA703" s="613"/>
      <c r="HTB703" s="613"/>
      <c r="HTC703" s="613"/>
      <c r="HTD703" s="613"/>
      <c r="HTE703" s="613"/>
      <c r="HTF703" s="613"/>
      <c r="HTG703" s="613"/>
      <c r="HTH703" s="613"/>
      <c r="HTI703" s="613"/>
      <c r="HTJ703" s="613"/>
      <c r="HTK703" s="613"/>
      <c r="HTL703" s="613"/>
      <c r="HTM703" s="613"/>
      <c r="HTN703" s="613"/>
      <c r="HTO703" s="613"/>
      <c r="HTP703" s="613"/>
      <c r="HTQ703" s="613"/>
      <c r="HTR703" s="613"/>
      <c r="HTS703" s="613"/>
      <c r="HTT703" s="613"/>
      <c r="HTU703" s="613"/>
      <c r="HTV703" s="613"/>
      <c r="HTW703" s="613"/>
      <c r="HTX703" s="613"/>
      <c r="HTY703" s="613"/>
      <c r="HTZ703" s="613"/>
      <c r="HUA703" s="613"/>
      <c r="HUB703" s="613"/>
      <c r="HUC703" s="613"/>
      <c r="HUD703" s="613"/>
      <c r="HUE703" s="613"/>
      <c r="HUF703" s="613"/>
      <c r="HUG703" s="613"/>
      <c r="HUH703" s="613"/>
      <c r="HUI703" s="613"/>
      <c r="HUJ703" s="613"/>
      <c r="HUK703" s="613"/>
      <c r="HUL703" s="613"/>
      <c r="HUM703" s="613"/>
      <c r="HUN703" s="613"/>
      <c r="HUO703" s="613"/>
      <c r="HUP703" s="613"/>
      <c r="HUQ703" s="613"/>
      <c r="HUR703" s="613"/>
      <c r="HUS703" s="613"/>
      <c r="HUT703" s="613"/>
      <c r="HUU703" s="613"/>
      <c r="HUV703" s="613"/>
      <c r="HUW703" s="613"/>
      <c r="HUX703" s="613"/>
      <c r="HUY703" s="613"/>
      <c r="HUZ703" s="613"/>
      <c r="HVA703" s="613"/>
      <c r="HVB703" s="613"/>
      <c r="HVC703" s="613"/>
      <c r="HVD703" s="613"/>
      <c r="HVE703" s="613"/>
      <c r="HVF703" s="613"/>
      <c r="HVG703" s="613"/>
      <c r="HVH703" s="613"/>
      <c r="HVI703" s="613"/>
      <c r="HVJ703" s="613"/>
      <c r="HVK703" s="613"/>
      <c r="HVL703" s="613"/>
      <c r="HVM703" s="613"/>
      <c r="HVN703" s="613"/>
      <c r="HVO703" s="613"/>
      <c r="HVP703" s="613"/>
      <c r="HVQ703" s="613"/>
      <c r="HVR703" s="613"/>
      <c r="HVS703" s="613"/>
      <c r="HVT703" s="613"/>
      <c r="HVU703" s="613"/>
      <c r="HVV703" s="613"/>
      <c r="HVW703" s="613"/>
      <c r="HVX703" s="613"/>
      <c r="HVY703" s="613"/>
      <c r="HVZ703" s="613"/>
      <c r="HWA703" s="613"/>
      <c r="HWB703" s="613"/>
      <c r="HWC703" s="613"/>
      <c r="HWD703" s="613"/>
      <c r="HWE703" s="613"/>
      <c r="HWF703" s="613"/>
      <c r="HWG703" s="613"/>
      <c r="HWH703" s="613"/>
      <c r="HWI703" s="613"/>
      <c r="HWJ703" s="613"/>
      <c r="HWK703" s="613"/>
      <c r="HWL703" s="613"/>
      <c r="HWM703" s="613"/>
      <c r="HWN703" s="613"/>
      <c r="HWO703" s="613"/>
      <c r="HWP703" s="613"/>
      <c r="HWQ703" s="613"/>
      <c r="HWR703" s="613"/>
      <c r="HWS703" s="613"/>
      <c r="HWT703" s="613"/>
      <c r="HWU703" s="613"/>
      <c r="HWV703" s="613"/>
      <c r="HWW703" s="613"/>
      <c r="HWX703" s="613"/>
      <c r="HWY703" s="613"/>
      <c r="HWZ703" s="613"/>
      <c r="HXA703" s="613"/>
      <c r="HXB703" s="613"/>
      <c r="HXC703" s="613"/>
      <c r="HXD703" s="613"/>
      <c r="HXE703" s="613"/>
      <c r="HXF703" s="613"/>
      <c r="HXG703" s="613"/>
      <c r="HXH703" s="613"/>
      <c r="HXI703" s="613"/>
      <c r="HXJ703" s="613"/>
      <c r="HXK703" s="613"/>
      <c r="HXL703" s="613"/>
      <c r="HXM703" s="613"/>
      <c r="HXN703" s="613"/>
      <c r="HXO703" s="613"/>
      <c r="HXP703" s="613"/>
      <c r="HXQ703" s="613"/>
      <c r="HXR703" s="613"/>
      <c r="HXS703" s="613"/>
      <c r="HXT703" s="613"/>
      <c r="HXU703" s="613"/>
      <c r="HXV703" s="613"/>
      <c r="HXW703" s="613"/>
      <c r="HXX703" s="613"/>
      <c r="HXY703" s="613"/>
      <c r="HXZ703" s="613"/>
      <c r="HYA703" s="613"/>
      <c r="HYB703" s="613"/>
      <c r="HYC703" s="613"/>
      <c r="HYD703" s="613"/>
      <c r="HYE703" s="613"/>
      <c r="HYF703" s="613"/>
      <c r="HYG703" s="613"/>
      <c r="HYH703" s="613"/>
      <c r="HYI703" s="613"/>
      <c r="HYJ703" s="613"/>
      <c r="HYK703" s="613"/>
      <c r="HYL703" s="613"/>
      <c r="HYM703" s="613"/>
      <c r="HYN703" s="613"/>
      <c r="HYO703" s="613"/>
      <c r="HYP703" s="613"/>
      <c r="HYQ703" s="613"/>
      <c r="HYR703" s="613"/>
      <c r="HYS703" s="613"/>
      <c r="HYT703" s="613"/>
      <c r="HYU703" s="613"/>
      <c r="HYV703" s="613"/>
      <c r="HYW703" s="613"/>
      <c r="HYX703" s="613"/>
      <c r="HYY703" s="613"/>
      <c r="HYZ703" s="613"/>
      <c r="HZA703" s="613"/>
      <c r="HZB703" s="613"/>
      <c r="HZC703" s="613"/>
      <c r="HZD703" s="613"/>
      <c r="HZE703" s="613"/>
      <c r="HZF703" s="613"/>
      <c r="HZG703" s="613"/>
      <c r="HZH703" s="613"/>
      <c r="HZI703" s="613"/>
      <c r="HZJ703" s="613"/>
      <c r="HZK703" s="613"/>
      <c r="HZL703" s="613"/>
      <c r="HZM703" s="613"/>
      <c r="HZN703" s="613"/>
      <c r="HZO703" s="613"/>
      <c r="HZP703" s="613"/>
      <c r="HZQ703" s="613"/>
      <c r="HZR703" s="613"/>
      <c r="HZS703" s="613"/>
      <c r="HZT703" s="613"/>
      <c r="HZU703" s="613"/>
      <c r="HZV703" s="613"/>
      <c r="HZW703" s="613"/>
      <c r="HZX703" s="613"/>
      <c r="HZY703" s="613"/>
      <c r="HZZ703" s="613"/>
      <c r="IAA703" s="613"/>
      <c r="IAB703" s="613"/>
      <c r="IAC703" s="613"/>
      <c r="IAD703" s="613"/>
      <c r="IAE703" s="613"/>
      <c r="IAF703" s="613"/>
      <c r="IAG703" s="613"/>
      <c r="IAH703" s="613"/>
      <c r="IAI703" s="613"/>
      <c r="IAJ703" s="613"/>
      <c r="IAK703" s="613"/>
      <c r="IAL703" s="613"/>
      <c r="IAM703" s="613"/>
      <c r="IAN703" s="613"/>
      <c r="IAO703" s="613"/>
      <c r="IAP703" s="613"/>
      <c r="IAQ703" s="613"/>
      <c r="IAR703" s="613"/>
      <c r="IAS703" s="613"/>
      <c r="IAT703" s="613"/>
      <c r="IAU703" s="613"/>
      <c r="IAV703" s="613"/>
      <c r="IAW703" s="613"/>
      <c r="IAX703" s="613"/>
      <c r="IAY703" s="613"/>
      <c r="IAZ703" s="613"/>
      <c r="IBA703" s="613"/>
      <c r="IBB703" s="613"/>
      <c r="IBC703" s="613"/>
      <c r="IBD703" s="613"/>
      <c r="IBE703" s="613"/>
      <c r="IBF703" s="613"/>
      <c r="IBG703" s="613"/>
      <c r="IBH703" s="613"/>
      <c r="IBI703" s="613"/>
      <c r="IBJ703" s="613"/>
      <c r="IBK703" s="613"/>
      <c r="IBL703" s="613"/>
      <c r="IBM703" s="613"/>
      <c r="IBN703" s="613"/>
      <c r="IBO703" s="613"/>
      <c r="IBP703" s="613"/>
      <c r="IBQ703" s="613"/>
      <c r="IBR703" s="613"/>
      <c r="IBS703" s="613"/>
      <c r="IBT703" s="613"/>
      <c r="IBU703" s="613"/>
      <c r="IBV703" s="613"/>
      <c r="IBW703" s="613"/>
      <c r="IBX703" s="613"/>
      <c r="IBY703" s="613"/>
      <c r="IBZ703" s="613"/>
      <c r="ICA703" s="613"/>
      <c r="ICB703" s="613"/>
      <c r="ICC703" s="613"/>
      <c r="ICD703" s="613"/>
      <c r="ICE703" s="613"/>
      <c r="ICF703" s="613"/>
      <c r="ICG703" s="613"/>
      <c r="ICH703" s="613"/>
      <c r="ICI703" s="613"/>
      <c r="ICJ703" s="613"/>
      <c r="ICK703" s="613"/>
      <c r="ICL703" s="613"/>
      <c r="ICM703" s="613"/>
      <c r="ICN703" s="613"/>
      <c r="ICO703" s="613"/>
      <c r="ICP703" s="613"/>
      <c r="ICQ703" s="613"/>
      <c r="ICR703" s="613"/>
      <c r="ICS703" s="613"/>
      <c r="ICT703" s="613"/>
      <c r="ICU703" s="613"/>
      <c r="ICV703" s="613"/>
      <c r="ICW703" s="613"/>
      <c r="ICX703" s="613"/>
      <c r="ICY703" s="613"/>
      <c r="ICZ703" s="613"/>
      <c r="IDA703" s="613"/>
      <c r="IDB703" s="613"/>
      <c r="IDC703" s="613"/>
      <c r="IDD703" s="613"/>
      <c r="IDE703" s="613"/>
      <c r="IDF703" s="613"/>
      <c r="IDG703" s="613"/>
      <c r="IDH703" s="613"/>
      <c r="IDI703" s="613"/>
      <c r="IDJ703" s="613"/>
      <c r="IDK703" s="613"/>
      <c r="IDL703" s="613"/>
      <c r="IDM703" s="613"/>
      <c r="IDN703" s="613"/>
      <c r="IDO703" s="613"/>
      <c r="IDP703" s="613"/>
      <c r="IDQ703" s="613"/>
      <c r="IDR703" s="613"/>
      <c r="IDS703" s="613"/>
      <c r="IDT703" s="613"/>
      <c r="IDU703" s="613"/>
      <c r="IDV703" s="613"/>
      <c r="IDW703" s="613"/>
      <c r="IDX703" s="613"/>
      <c r="IDY703" s="613"/>
      <c r="IDZ703" s="613"/>
      <c r="IEA703" s="613"/>
      <c r="IEB703" s="613"/>
      <c r="IEC703" s="613"/>
      <c r="IED703" s="613"/>
      <c r="IEE703" s="613"/>
      <c r="IEF703" s="613"/>
      <c r="IEG703" s="613"/>
      <c r="IEH703" s="613"/>
      <c r="IEI703" s="613"/>
      <c r="IEJ703" s="613"/>
      <c r="IEK703" s="613"/>
      <c r="IEL703" s="613"/>
      <c r="IEM703" s="613"/>
      <c r="IEN703" s="613"/>
      <c r="IEO703" s="613"/>
      <c r="IEP703" s="613"/>
      <c r="IEQ703" s="613"/>
      <c r="IER703" s="613"/>
      <c r="IES703" s="613"/>
      <c r="IET703" s="613"/>
      <c r="IEU703" s="613"/>
      <c r="IEV703" s="613"/>
      <c r="IEW703" s="613"/>
      <c r="IEX703" s="613"/>
      <c r="IEY703" s="613"/>
      <c r="IEZ703" s="613"/>
      <c r="IFA703" s="613"/>
      <c r="IFB703" s="613"/>
      <c r="IFC703" s="613"/>
      <c r="IFD703" s="613"/>
      <c r="IFE703" s="613"/>
      <c r="IFF703" s="613"/>
      <c r="IFG703" s="613"/>
      <c r="IFH703" s="613"/>
      <c r="IFI703" s="613"/>
      <c r="IFJ703" s="613"/>
      <c r="IFK703" s="613"/>
      <c r="IFL703" s="613"/>
      <c r="IFM703" s="613"/>
      <c r="IFN703" s="613"/>
      <c r="IFO703" s="613"/>
      <c r="IFP703" s="613"/>
      <c r="IFQ703" s="613"/>
      <c r="IFR703" s="613"/>
      <c r="IFS703" s="613"/>
      <c r="IFT703" s="613"/>
      <c r="IFU703" s="613"/>
      <c r="IFV703" s="613"/>
      <c r="IFW703" s="613"/>
      <c r="IFX703" s="613"/>
      <c r="IFY703" s="613"/>
      <c r="IFZ703" s="613"/>
      <c r="IGA703" s="613"/>
      <c r="IGB703" s="613"/>
      <c r="IGC703" s="613"/>
      <c r="IGD703" s="613"/>
      <c r="IGE703" s="613"/>
      <c r="IGF703" s="613"/>
      <c r="IGG703" s="613"/>
      <c r="IGH703" s="613"/>
      <c r="IGI703" s="613"/>
      <c r="IGJ703" s="613"/>
      <c r="IGK703" s="613"/>
      <c r="IGL703" s="613"/>
      <c r="IGM703" s="613"/>
      <c r="IGN703" s="613"/>
      <c r="IGO703" s="613"/>
      <c r="IGP703" s="613"/>
      <c r="IGQ703" s="613"/>
      <c r="IGR703" s="613"/>
      <c r="IGS703" s="613"/>
      <c r="IGT703" s="613"/>
      <c r="IGU703" s="613"/>
      <c r="IGV703" s="613"/>
      <c r="IGW703" s="613"/>
      <c r="IGX703" s="613"/>
      <c r="IGY703" s="613"/>
      <c r="IGZ703" s="613"/>
      <c r="IHA703" s="613"/>
      <c r="IHB703" s="613"/>
      <c r="IHC703" s="613"/>
      <c r="IHD703" s="613"/>
      <c r="IHE703" s="613"/>
      <c r="IHF703" s="613"/>
      <c r="IHG703" s="613"/>
      <c r="IHH703" s="613"/>
      <c r="IHI703" s="613"/>
      <c r="IHJ703" s="613"/>
      <c r="IHK703" s="613"/>
      <c r="IHL703" s="613"/>
      <c r="IHM703" s="613"/>
      <c r="IHN703" s="613"/>
      <c r="IHO703" s="613"/>
      <c r="IHP703" s="613"/>
      <c r="IHQ703" s="613"/>
      <c r="IHR703" s="613"/>
      <c r="IHS703" s="613"/>
      <c r="IHT703" s="613"/>
      <c r="IHU703" s="613"/>
      <c r="IHV703" s="613"/>
      <c r="IHW703" s="613"/>
      <c r="IHX703" s="613"/>
      <c r="IHY703" s="613"/>
      <c r="IHZ703" s="613"/>
      <c r="IIA703" s="613"/>
      <c r="IIB703" s="613"/>
      <c r="IIC703" s="613"/>
      <c r="IID703" s="613"/>
      <c r="IIE703" s="613"/>
      <c r="IIF703" s="613"/>
      <c r="IIG703" s="613"/>
      <c r="IIH703" s="613"/>
      <c r="III703" s="613"/>
      <c r="IIJ703" s="613"/>
      <c r="IIK703" s="613"/>
      <c r="IIL703" s="613"/>
      <c r="IIM703" s="613"/>
      <c r="IIN703" s="613"/>
      <c r="IIO703" s="613"/>
      <c r="IIP703" s="613"/>
      <c r="IIQ703" s="613"/>
      <c r="IIR703" s="613"/>
      <c r="IIS703" s="613"/>
      <c r="IIT703" s="613"/>
      <c r="IIU703" s="613"/>
      <c r="IIV703" s="613"/>
      <c r="IIW703" s="613"/>
      <c r="IIX703" s="613"/>
      <c r="IIY703" s="613"/>
      <c r="IIZ703" s="613"/>
      <c r="IJA703" s="613"/>
      <c r="IJB703" s="613"/>
      <c r="IJC703" s="613"/>
      <c r="IJD703" s="613"/>
      <c r="IJE703" s="613"/>
      <c r="IJF703" s="613"/>
      <c r="IJG703" s="613"/>
      <c r="IJH703" s="613"/>
      <c r="IJI703" s="613"/>
      <c r="IJJ703" s="613"/>
      <c r="IJK703" s="613"/>
      <c r="IJL703" s="613"/>
      <c r="IJM703" s="613"/>
      <c r="IJN703" s="613"/>
      <c r="IJO703" s="613"/>
      <c r="IJP703" s="613"/>
      <c r="IJQ703" s="613"/>
      <c r="IJR703" s="613"/>
      <c r="IJS703" s="613"/>
      <c r="IJT703" s="613"/>
      <c r="IJU703" s="613"/>
      <c r="IJV703" s="613"/>
      <c r="IJW703" s="613"/>
      <c r="IJX703" s="613"/>
      <c r="IJY703" s="613"/>
      <c r="IJZ703" s="613"/>
      <c r="IKA703" s="613"/>
      <c r="IKB703" s="613"/>
      <c r="IKC703" s="613"/>
      <c r="IKD703" s="613"/>
      <c r="IKE703" s="613"/>
      <c r="IKF703" s="613"/>
      <c r="IKG703" s="613"/>
      <c r="IKH703" s="613"/>
      <c r="IKI703" s="613"/>
      <c r="IKJ703" s="613"/>
      <c r="IKK703" s="613"/>
      <c r="IKL703" s="613"/>
      <c r="IKM703" s="613"/>
      <c r="IKN703" s="613"/>
      <c r="IKO703" s="613"/>
      <c r="IKP703" s="613"/>
      <c r="IKQ703" s="613"/>
      <c r="IKR703" s="613"/>
      <c r="IKS703" s="613"/>
      <c r="IKT703" s="613"/>
      <c r="IKU703" s="613"/>
      <c r="IKV703" s="613"/>
      <c r="IKW703" s="613"/>
      <c r="IKX703" s="613"/>
      <c r="IKY703" s="613"/>
      <c r="IKZ703" s="613"/>
      <c r="ILA703" s="613"/>
      <c r="ILB703" s="613"/>
      <c r="ILC703" s="613"/>
      <c r="ILD703" s="613"/>
      <c r="ILE703" s="613"/>
      <c r="ILF703" s="613"/>
      <c r="ILG703" s="613"/>
      <c r="ILH703" s="613"/>
      <c r="ILI703" s="613"/>
      <c r="ILJ703" s="613"/>
      <c r="ILK703" s="613"/>
      <c r="ILL703" s="613"/>
      <c r="ILM703" s="613"/>
      <c r="ILN703" s="613"/>
      <c r="ILO703" s="613"/>
      <c r="ILP703" s="613"/>
      <c r="ILQ703" s="613"/>
      <c r="ILR703" s="613"/>
      <c r="ILS703" s="613"/>
      <c r="ILT703" s="613"/>
      <c r="ILU703" s="613"/>
      <c r="ILV703" s="613"/>
      <c r="ILW703" s="613"/>
      <c r="ILX703" s="613"/>
      <c r="ILY703" s="613"/>
      <c r="ILZ703" s="613"/>
      <c r="IMA703" s="613"/>
      <c r="IMB703" s="613"/>
      <c r="IMC703" s="613"/>
      <c r="IMD703" s="613"/>
      <c r="IME703" s="613"/>
      <c r="IMF703" s="613"/>
      <c r="IMG703" s="613"/>
      <c r="IMH703" s="613"/>
      <c r="IMI703" s="613"/>
      <c r="IMJ703" s="613"/>
      <c r="IMK703" s="613"/>
      <c r="IML703" s="613"/>
      <c r="IMM703" s="613"/>
      <c r="IMN703" s="613"/>
      <c r="IMO703" s="613"/>
      <c r="IMP703" s="613"/>
      <c r="IMQ703" s="613"/>
      <c r="IMR703" s="613"/>
      <c r="IMS703" s="613"/>
      <c r="IMT703" s="613"/>
      <c r="IMU703" s="613"/>
      <c r="IMV703" s="613"/>
      <c r="IMW703" s="613"/>
      <c r="IMX703" s="613"/>
      <c r="IMY703" s="613"/>
      <c r="IMZ703" s="613"/>
      <c r="INA703" s="613"/>
      <c r="INB703" s="613"/>
      <c r="INC703" s="613"/>
      <c r="IND703" s="613"/>
      <c r="INE703" s="613"/>
      <c r="INF703" s="613"/>
      <c r="ING703" s="613"/>
      <c r="INH703" s="613"/>
      <c r="INI703" s="613"/>
      <c r="INJ703" s="613"/>
      <c r="INK703" s="613"/>
      <c r="INL703" s="613"/>
      <c r="INM703" s="613"/>
      <c r="INN703" s="613"/>
      <c r="INO703" s="613"/>
      <c r="INP703" s="613"/>
      <c r="INQ703" s="613"/>
      <c r="INR703" s="613"/>
      <c r="INS703" s="613"/>
      <c r="INT703" s="613"/>
      <c r="INU703" s="613"/>
      <c r="INV703" s="613"/>
      <c r="INW703" s="613"/>
      <c r="INX703" s="613"/>
      <c r="INY703" s="613"/>
      <c r="INZ703" s="613"/>
      <c r="IOA703" s="613"/>
      <c r="IOB703" s="613"/>
      <c r="IOC703" s="613"/>
      <c r="IOD703" s="613"/>
      <c r="IOE703" s="613"/>
      <c r="IOF703" s="613"/>
      <c r="IOG703" s="613"/>
      <c r="IOH703" s="613"/>
      <c r="IOI703" s="613"/>
      <c r="IOJ703" s="613"/>
      <c r="IOK703" s="613"/>
      <c r="IOL703" s="613"/>
      <c r="IOM703" s="613"/>
      <c r="ION703" s="613"/>
      <c r="IOO703" s="613"/>
      <c r="IOP703" s="613"/>
      <c r="IOQ703" s="613"/>
      <c r="IOR703" s="613"/>
      <c r="IOS703" s="613"/>
      <c r="IOT703" s="613"/>
      <c r="IOU703" s="613"/>
      <c r="IOV703" s="613"/>
      <c r="IOW703" s="613"/>
      <c r="IOX703" s="613"/>
      <c r="IOY703" s="613"/>
      <c r="IOZ703" s="613"/>
      <c r="IPA703" s="613"/>
      <c r="IPB703" s="613"/>
      <c r="IPC703" s="613"/>
      <c r="IPD703" s="613"/>
      <c r="IPE703" s="613"/>
      <c r="IPF703" s="613"/>
      <c r="IPG703" s="613"/>
      <c r="IPH703" s="613"/>
      <c r="IPI703" s="613"/>
      <c r="IPJ703" s="613"/>
      <c r="IPK703" s="613"/>
      <c r="IPL703" s="613"/>
      <c r="IPM703" s="613"/>
      <c r="IPN703" s="613"/>
      <c r="IPO703" s="613"/>
      <c r="IPP703" s="613"/>
      <c r="IPQ703" s="613"/>
      <c r="IPR703" s="613"/>
      <c r="IPS703" s="613"/>
      <c r="IPT703" s="613"/>
      <c r="IPU703" s="613"/>
      <c r="IPV703" s="613"/>
      <c r="IPW703" s="613"/>
      <c r="IPX703" s="613"/>
      <c r="IPY703" s="613"/>
      <c r="IPZ703" s="613"/>
      <c r="IQA703" s="613"/>
      <c r="IQB703" s="613"/>
      <c r="IQC703" s="613"/>
      <c r="IQD703" s="613"/>
      <c r="IQE703" s="613"/>
      <c r="IQF703" s="613"/>
      <c r="IQG703" s="613"/>
      <c r="IQH703" s="613"/>
      <c r="IQI703" s="613"/>
      <c r="IQJ703" s="613"/>
      <c r="IQK703" s="613"/>
      <c r="IQL703" s="613"/>
      <c r="IQM703" s="613"/>
      <c r="IQN703" s="613"/>
      <c r="IQO703" s="613"/>
      <c r="IQP703" s="613"/>
      <c r="IQQ703" s="613"/>
      <c r="IQR703" s="613"/>
      <c r="IQS703" s="613"/>
      <c r="IQT703" s="613"/>
      <c r="IQU703" s="613"/>
      <c r="IQV703" s="613"/>
      <c r="IQW703" s="613"/>
      <c r="IQX703" s="613"/>
      <c r="IQY703" s="613"/>
      <c r="IQZ703" s="613"/>
      <c r="IRA703" s="613"/>
      <c r="IRB703" s="613"/>
      <c r="IRC703" s="613"/>
      <c r="IRD703" s="613"/>
      <c r="IRE703" s="613"/>
      <c r="IRF703" s="613"/>
      <c r="IRG703" s="613"/>
      <c r="IRH703" s="613"/>
      <c r="IRI703" s="613"/>
      <c r="IRJ703" s="613"/>
      <c r="IRK703" s="613"/>
      <c r="IRL703" s="613"/>
      <c r="IRM703" s="613"/>
      <c r="IRN703" s="613"/>
      <c r="IRO703" s="613"/>
      <c r="IRP703" s="613"/>
      <c r="IRQ703" s="613"/>
      <c r="IRR703" s="613"/>
      <c r="IRS703" s="613"/>
      <c r="IRT703" s="613"/>
      <c r="IRU703" s="613"/>
      <c r="IRV703" s="613"/>
      <c r="IRW703" s="613"/>
      <c r="IRX703" s="613"/>
      <c r="IRY703" s="613"/>
      <c r="IRZ703" s="613"/>
      <c r="ISA703" s="613"/>
      <c r="ISB703" s="613"/>
      <c r="ISC703" s="613"/>
      <c r="ISD703" s="613"/>
      <c r="ISE703" s="613"/>
      <c r="ISF703" s="613"/>
      <c r="ISG703" s="613"/>
      <c r="ISH703" s="613"/>
      <c r="ISI703" s="613"/>
      <c r="ISJ703" s="613"/>
      <c r="ISK703" s="613"/>
      <c r="ISL703" s="613"/>
      <c r="ISM703" s="613"/>
      <c r="ISN703" s="613"/>
      <c r="ISO703" s="613"/>
      <c r="ISP703" s="613"/>
      <c r="ISQ703" s="613"/>
      <c r="ISR703" s="613"/>
      <c r="ISS703" s="613"/>
      <c r="IST703" s="613"/>
      <c r="ISU703" s="613"/>
      <c r="ISV703" s="613"/>
      <c r="ISW703" s="613"/>
      <c r="ISX703" s="613"/>
      <c r="ISY703" s="613"/>
      <c r="ISZ703" s="613"/>
      <c r="ITA703" s="613"/>
      <c r="ITB703" s="613"/>
      <c r="ITC703" s="613"/>
      <c r="ITD703" s="613"/>
      <c r="ITE703" s="613"/>
      <c r="ITF703" s="613"/>
      <c r="ITG703" s="613"/>
      <c r="ITH703" s="613"/>
      <c r="ITI703" s="613"/>
      <c r="ITJ703" s="613"/>
      <c r="ITK703" s="613"/>
      <c r="ITL703" s="613"/>
      <c r="ITM703" s="613"/>
      <c r="ITN703" s="613"/>
      <c r="ITO703" s="613"/>
      <c r="ITP703" s="613"/>
      <c r="ITQ703" s="613"/>
      <c r="ITR703" s="613"/>
      <c r="ITS703" s="613"/>
      <c r="ITT703" s="613"/>
      <c r="ITU703" s="613"/>
      <c r="ITV703" s="613"/>
      <c r="ITW703" s="613"/>
      <c r="ITX703" s="613"/>
      <c r="ITY703" s="613"/>
      <c r="ITZ703" s="613"/>
      <c r="IUA703" s="613"/>
      <c r="IUB703" s="613"/>
      <c r="IUC703" s="613"/>
      <c r="IUD703" s="613"/>
      <c r="IUE703" s="613"/>
      <c r="IUF703" s="613"/>
      <c r="IUG703" s="613"/>
      <c r="IUH703" s="613"/>
      <c r="IUI703" s="613"/>
      <c r="IUJ703" s="613"/>
      <c r="IUK703" s="613"/>
      <c r="IUL703" s="613"/>
      <c r="IUM703" s="613"/>
      <c r="IUN703" s="613"/>
      <c r="IUO703" s="613"/>
      <c r="IUP703" s="613"/>
      <c r="IUQ703" s="613"/>
      <c r="IUR703" s="613"/>
      <c r="IUS703" s="613"/>
      <c r="IUT703" s="613"/>
      <c r="IUU703" s="613"/>
      <c r="IUV703" s="613"/>
      <c r="IUW703" s="613"/>
      <c r="IUX703" s="613"/>
      <c r="IUY703" s="613"/>
      <c r="IUZ703" s="613"/>
      <c r="IVA703" s="613"/>
      <c r="IVB703" s="613"/>
      <c r="IVC703" s="613"/>
      <c r="IVD703" s="613"/>
      <c r="IVE703" s="613"/>
      <c r="IVF703" s="613"/>
      <c r="IVG703" s="613"/>
      <c r="IVH703" s="613"/>
      <c r="IVI703" s="613"/>
      <c r="IVJ703" s="613"/>
      <c r="IVK703" s="613"/>
      <c r="IVL703" s="613"/>
      <c r="IVM703" s="613"/>
      <c r="IVN703" s="613"/>
      <c r="IVO703" s="613"/>
      <c r="IVP703" s="613"/>
      <c r="IVQ703" s="613"/>
      <c r="IVR703" s="613"/>
      <c r="IVS703" s="613"/>
      <c r="IVT703" s="613"/>
      <c r="IVU703" s="613"/>
      <c r="IVV703" s="613"/>
      <c r="IVW703" s="613"/>
      <c r="IVX703" s="613"/>
      <c r="IVY703" s="613"/>
      <c r="IVZ703" s="613"/>
      <c r="IWA703" s="613"/>
      <c r="IWB703" s="613"/>
      <c r="IWC703" s="613"/>
      <c r="IWD703" s="613"/>
      <c r="IWE703" s="613"/>
      <c r="IWF703" s="613"/>
      <c r="IWG703" s="613"/>
      <c r="IWH703" s="613"/>
      <c r="IWI703" s="613"/>
      <c r="IWJ703" s="613"/>
      <c r="IWK703" s="613"/>
      <c r="IWL703" s="613"/>
      <c r="IWM703" s="613"/>
      <c r="IWN703" s="613"/>
      <c r="IWO703" s="613"/>
      <c r="IWP703" s="613"/>
      <c r="IWQ703" s="613"/>
      <c r="IWR703" s="613"/>
      <c r="IWS703" s="613"/>
      <c r="IWT703" s="613"/>
      <c r="IWU703" s="613"/>
      <c r="IWV703" s="613"/>
      <c r="IWW703" s="613"/>
      <c r="IWX703" s="613"/>
      <c r="IWY703" s="613"/>
      <c r="IWZ703" s="613"/>
      <c r="IXA703" s="613"/>
      <c r="IXB703" s="613"/>
      <c r="IXC703" s="613"/>
      <c r="IXD703" s="613"/>
      <c r="IXE703" s="613"/>
      <c r="IXF703" s="613"/>
      <c r="IXG703" s="613"/>
      <c r="IXH703" s="613"/>
      <c r="IXI703" s="613"/>
      <c r="IXJ703" s="613"/>
      <c r="IXK703" s="613"/>
      <c r="IXL703" s="613"/>
      <c r="IXM703" s="613"/>
      <c r="IXN703" s="613"/>
      <c r="IXO703" s="613"/>
      <c r="IXP703" s="613"/>
      <c r="IXQ703" s="613"/>
      <c r="IXR703" s="613"/>
      <c r="IXS703" s="613"/>
      <c r="IXT703" s="613"/>
      <c r="IXU703" s="613"/>
      <c r="IXV703" s="613"/>
      <c r="IXW703" s="613"/>
      <c r="IXX703" s="613"/>
      <c r="IXY703" s="613"/>
      <c r="IXZ703" s="613"/>
      <c r="IYA703" s="613"/>
      <c r="IYB703" s="613"/>
      <c r="IYC703" s="613"/>
      <c r="IYD703" s="613"/>
      <c r="IYE703" s="613"/>
      <c r="IYF703" s="613"/>
      <c r="IYG703" s="613"/>
      <c r="IYH703" s="613"/>
      <c r="IYI703" s="613"/>
      <c r="IYJ703" s="613"/>
      <c r="IYK703" s="613"/>
      <c r="IYL703" s="613"/>
      <c r="IYM703" s="613"/>
      <c r="IYN703" s="613"/>
      <c r="IYO703" s="613"/>
      <c r="IYP703" s="613"/>
      <c r="IYQ703" s="613"/>
      <c r="IYR703" s="613"/>
      <c r="IYS703" s="613"/>
      <c r="IYT703" s="613"/>
      <c r="IYU703" s="613"/>
      <c r="IYV703" s="613"/>
      <c r="IYW703" s="613"/>
      <c r="IYX703" s="613"/>
      <c r="IYY703" s="613"/>
      <c r="IYZ703" s="613"/>
      <c r="IZA703" s="613"/>
      <c r="IZB703" s="613"/>
      <c r="IZC703" s="613"/>
      <c r="IZD703" s="613"/>
      <c r="IZE703" s="613"/>
      <c r="IZF703" s="613"/>
      <c r="IZG703" s="613"/>
      <c r="IZH703" s="613"/>
      <c r="IZI703" s="613"/>
      <c r="IZJ703" s="613"/>
      <c r="IZK703" s="613"/>
      <c r="IZL703" s="613"/>
      <c r="IZM703" s="613"/>
      <c r="IZN703" s="613"/>
      <c r="IZO703" s="613"/>
      <c r="IZP703" s="613"/>
      <c r="IZQ703" s="613"/>
      <c r="IZR703" s="613"/>
      <c r="IZS703" s="613"/>
      <c r="IZT703" s="613"/>
      <c r="IZU703" s="613"/>
      <c r="IZV703" s="613"/>
      <c r="IZW703" s="613"/>
      <c r="IZX703" s="613"/>
      <c r="IZY703" s="613"/>
      <c r="IZZ703" s="613"/>
      <c r="JAA703" s="613"/>
      <c r="JAB703" s="613"/>
      <c r="JAC703" s="613"/>
      <c r="JAD703" s="613"/>
      <c r="JAE703" s="613"/>
      <c r="JAF703" s="613"/>
      <c r="JAG703" s="613"/>
      <c r="JAH703" s="613"/>
      <c r="JAI703" s="613"/>
      <c r="JAJ703" s="613"/>
      <c r="JAK703" s="613"/>
      <c r="JAL703" s="613"/>
      <c r="JAM703" s="613"/>
      <c r="JAN703" s="613"/>
      <c r="JAO703" s="613"/>
      <c r="JAP703" s="613"/>
      <c r="JAQ703" s="613"/>
      <c r="JAR703" s="613"/>
      <c r="JAS703" s="613"/>
      <c r="JAT703" s="613"/>
      <c r="JAU703" s="613"/>
      <c r="JAV703" s="613"/>
      <c r="JAW703" s="613"/>
      <c r="JAX703" s="613"/>
      <c r="JAY703" s="613"/>
      <c r="JAZ703" s="613"/>
      <c r="JBA703" s="613"/>
      <c r="JBB703" s="613"/>
      <c r="JBC703" s="613"/>
      <c r="JBD703" s="613"/>
      <c r="JBE703" s="613"/>
      <c r="JBF703" s="613"/>
      <c r="JBG703" s="613"/>
      <c r="JBH703" s="613"/>
      <c r="JBI703" s="613"/>
      <c r="JBJ703" s="613"/>
      <c r="JBK703" s="613"/>
      <c r="JBL703" s="613"/>
      <c r="JBM703" s="613"/>
      <c r="JBN703" s="613"/>
      <c r="JBO703" s="613"/>
      <c r="JBP703" s="613"/>
      <c r="JBQ703" s="613"/>
      <c r="JBR703" s="613"/>
      <c r="JBS703" s="613"/>
      <c r="JBT703" s="613"/>
      <c r="JBU703" s="613"/>
      <c r="JBV703" s="613"/>
      <c r="JBW703" s="613"/>
      <c r="JBX703" s="613"/>
      <c r="JBY703" s="613"/>
      <c r="JBZ703" s="613"/>
      <c r="JCA703" s="613"/>
      <c r="JCB703" s="613"/>
      <c r="JCC703" s="613"/>
      <c r="JCD703" s="613"/>
      <c r="JCE703" s="613"/>
      <c r="JCF703" s="613"/>
      <c r="JCG703" s="613"/>
      <c r="JCH703" s="613"/>
      <c r="JCI703" s="613"/>
      <c r="JCJ703" s="613"/>
      <c r="JCK703" s="613"/>
      <c r="JCL703" s="613"/>
      <c r="JCM703" s="613"/>
      <c r="JCN703" s="613"/>
      <c r="JCO703" s="613"/>
      <c r="JCP703" s="613"/>
      <c r="JCQ703" s="613"/>
      <c r="JCR703" s="613"/>
      <c r="JCS703" s="613"/>
      <c r="JCT703" s="613"/>
      <c r="JCU703" s="613"/>
      <c r="JCV703" s="613"/>
      <c r="JCW703" s="613"/>
      <c r="JCX703" s="613"/>
      <c r="JCY703" s="613"/>
      <c r="JCZ703" s="613"/>
      <c r="JDA703" s="613"/>
      <c r="JDB703" s="613"/>
      <c r="JDC703" s="613"/>
      <c r="JDD703" s="613"/>
      <c r="JDE703" s="613"/>
      <c r="JDF703" s="613"/>
      <c r="JDG703" s="613"/>
      <c r="JDH703" s="613"/>
      <c r="JDI703" s="613"/>
      <c r="JDJ703" s="613"/>
      <c r="JDK703" s="613"/>
      <c r="JDL703" s="613"/>
      <c r="JDM703" s="613"/>
      <c r="JDN703" s="613"/>
      <c r="JDO703" s="613"/>
      <c r="JDP703" s="613"/>
      <c r="JDQ703" s="613"/>
      <c r="JDR703" s="613"/>
      <c r="JDS703" s="613"/>
      <c r="JDT703" s="613"/>
      <c r="JDU703" s="613"/>
      <c r="JDV703" s="613"/>
      <c r="JDW703" s="613"/>
      <c r="JDX703" s="613"/>
      <c r="JDY703" s="613"/>
      <c r="JDZ703" s="613"/>
      <c r="JEA703" s="613"/>
      <c r="JEB703" s="613"/>
      <c r="JEC703" s="613"/>
      <c r="JED703" s="613"/>
      <c r="JEE703" s="613"/>
      <c r="JEF703" s="613"/>
      <c r="JEG703" s="613"/>
      <c r="JEH703" s="613"/>
      <c r="JEI703" s="613"/>
      <c r="JEJ703" s="613"/>
      <c r="JEK703" s="613"/>
      <c r="JEL703" s="613"/>
      <c r="JEM703" s="613"/>
      <c r="JEN703" s="613"/>
      <c r="JEO703" s="613"/>
      <c r="JEP703" s="613"/>
      <c r="JEQ703" s="613"/>
      <c r="JER703" s="613"/>
      <c r="JES703" s="613"/>
      <c r="JET703" s="613"/>
      <c r="JEU703" s="613"/>
      <c r="JEV703" s="613"/>
      <c r="JEW703" s="613"/>
      <c r="JEX703" s="613"/>
      <c r="JEY703" s="613"/>
      <c r="JEZ703" s="613"/>
      <c r="JFA703" s="613"/>
      <c r="JFB703" s="613"/>
      <c r="JFC703" s="613"/>
      <c r="JFD703" s="613"/>
      <c r="JFE703" s="613"/>
      <c r="JFF703" s="613"/>
      <c r="JFG703" s="613"/>
      <c r="JFH703" s="613"/>
      <c r="JFI703" s="613"/>
      <c r="JFJ703" s="613"/>
      <c r="JFK703" s="613"/>
      <c r="JFL703" s="613"/>
      <c r="JFM703" s="613"/>
      <c r="JFN703" s="613"/>
      <c r="JFO703" s="613"/>
      <c r="JFP703" s="613"/>
      <c r="JFQ703" s="613"/>
      <c r="JFR703" s="613"/>
      <c r="JFS703" s="613"/>
      <c r="JFT703" s="613"/>
      <c r="JFU703" s="613"/>
      <c r="JFV703" s="613"/>
      <c r="JFW703" s="613"/>
      <c r="JFX703" s="613"/>
      <c r="JFY703" s="613"/>
      <c r="JFZ703" s="613"/>
      <c r="JGA703" s="613"/>
      <c r="JGB703" s="613"/>
      <c r="JGC703" s="613"/>
      <c r="JGD703" s="613"/>
      <c r="JGE703" s="613"/>
      <c r="JGF703" s="613"/>
      <c r="JGG703" s="613"/>
      <c r="JGH703" s="613"/>
      <c r="JGI703" s="613"/>
      <c r="JGJ703" s="613"/>
      <c r="JGK703" s="613"/>
      <c r="JGL703" s="613"/>
      <c r="JGM703" s="613"/>
      <c r="JGN703" s="613"/>
      <c r="JGO703" s="613"/>
      <c r="JGP703" s="613"/>
      <c r="JGQ703" s="613"/>
      <c r="JGR703" s="613"/>
      <c r="JGS703" s="613"/>
      <c r="JGT703" s="613"/>
      <c r="JGU703" s="613"/>
      <c r="JGV703" s="613"/>
      <c r="JGW703" s="613"/>
      <c r="JGX703" s="613"/>
      <c r="JGY703" s="613"/>
      <c r="JGZ703" s="613"/>
      <c r="JHA703" s="613"/>
      <c r="JHB703" s="613"/>
      <c r="JHC703" s="613"/>
      <c r="JHD703" s="613"/>
      <c r="JHE703" s="613"/>
      <c r="JHF703" s="613"/>
      <c r="JHG703" s="613"/>
      <c r="JHH703" s="613"/>
      <c r="JHI703" s="613"/>
      <c r="JHJ703" s="613"/>
      <c r="JHK703" s="613"/>
      <c r="JHL703" s="613"/>
      <c r="JHM703" s="613"/>
      <c r="JHN703" s="613"/>
      <c r="JHO703" s="613"/>
      <c r="JHP703" s="613"/>
      <c r="JHQ703" s="613"/>
      <c r="JHR703" s="613"/>
      <c r="JHS703" s="613"/>
      <c r="JHT703" s="613"/>
      <c r="JHU703" s="613"/>
      <c r="JHV703" s="613"/>
      <c r="JHW703" s="613"/>
      <c r="JHX703" s="613"/>
      <c r="JHY703" s="613"/>
      <c r="JHZ703" s="613"/>
      <c r="JIA703" s="613"/>
      <c r="JIB703" s="613"/>
      <c r="JIC703" s="613"/>
      <c r="JID703" s="613"/>
      <c r="JIE703" s="613"/>
      <c r="JIF703" s="613"/>
      <c r="JIG703" s="613"/>
      <c r="JIH703" s="613"/>
      <c r="JII703" s="613"/>
      <c r="JIJ703" s="613"/>
      <c r="JIK703" s="613"/>
      <c r="JIL703" s="613"/>
      <c r="JIM703" s="613"/>
      <c r="JIN703" s="613"/>
      <c r="JIO703" s="613"/>
      <c r="JIP703" s="613"/>
      <c r="JIQ703" s="613"/>
      <c r="JIR703" s="613"/>
      <c r="JIS703" s="613"/>
      <c r="JIT703" s="613"/>
      <c r="JIU703" s="613"/>
      <c r="JIV703" s="613"/>
      <c r="JIW703" s="613"/>
      <c r="JIX703" s="613"/>
      <c r="JIY703" s="613"/>
      <c r="JIZ703" s="613"/>
      <c r="JJA703" s="613"/>
      <c r="JJB703" s="613"/>
      <c r="JJC703" s="613"/>
      <c r="JJD703" s="613"/>
      <c r="JJE703" s="613"/>
      <c r="JJF703" s="613"/>
      <c r="JJG703" s="613"/>
      <c r="JJH703" s="613"/>
      <c r="JJI703" s="613"/>
      <c r="JJJ703" s="613"/>
      <c r="JJK703" s="613"/>
      <c r="JJL703" s="613"/>
      <c r="JJM703" s="613"/>
      <c r="JJN703" s="613"/>
      <c r="JJO703" s="613"/>
      <c r="JJP703" s="613"/>
      <c r="JJQ703" s="613"/>
      <c r="JJR703" s="613"/>
      <c r="JJS703" s="613"/>
      <c r="JJT703" s="613"/>
      <c r="JJU703" s="613"/>
      <c r="JJV703" s="613"/>
      <c r="JJW703" s="613"/>
      <c r="JJX703" s="613"/>
      <c r="JJY703" s="613"/>
      <c r="JJZ703" s="613"/>
      <c r="JKA703" s="613"/>
      <c r="JKB703" s="613"/>
      <c r="JKC703" s="613"/>
      <c r="JKD703" s="613"/>
      <c r="JKE703" s="613"/>
      <c r="JKF703" s="613"/>
      <c r="JKG703" s="613"/>
      <c r="JKH703" s="613"/>
      <c r="JKI703" s="613"/>
      <c r="JKJ703" s="613"/>
      <c r="JKK703" s="613"/>
      <c r="JKL703" s="613"/>
      <c r="JKM703" s="613"/>
      <c r="JKN703" s="613"/>
      <c r="JKO703" s="613"/>
      <c r="JKP703" s="613"/>
      <c r="JKQ703" s="613"/>
      <c r="JKR703" s="613"/>
      <c r="JKS703" s="613"/>
      <c r="JKT703" s="613"/>
      <c r="JKU703" s="613"/>
      <c r="JKV703" s="613"/>
      <c r="JKW703" s="613"/>
      <c r="JKX703" s="613"/>
      <c r="JKY703" s="613"/>
      <c r="JKZ703" s="613"/>
      <c r="JLA703" s="613"/>
      <c r="JLB703" s="613"/>
      <c r="JLC703" s="613"/>
      <c r="JLD703" s="613"/>
      <c r="JLE703" s="613"/>
      <c r="JLF703" s="613"/>
      <c r="JLG703" s="613"/>
      <c r="JLH703" s="613"/>
      <c r="JLI703" s="613"/>
      <c r="JLJ703" s="613"/>
      <c r="JLK703" s="613"/>
      <c r="JLL703" s="613"/>
      <c r="JLM703" s="613"/>
      <c r="JLN703" s="613"/>
      <c r="JLO703" s="613"/>
      <c r="JLP703" s="613"/>
      <c r="JLQ703" s="613"/>
      <c r="JLR703" s="613"/>
      <c r="JLS703" s="613"/>
      <c r="JLT703" s="613"/>
      <c r="JLU703" s="613"/>
      <c r="JLV703" s="613"/>
      <c r="JLW703" s="613"/>
      <c r="JLX703" s="613"/>
      <c r="JLY703" s="613"/>
      <c r="JLZ703" s="613"/>
      <c r="JMA703" s="613"/>
      <c r="JMB703" s="613"/>
      <c r="JMC703" s="613"/>
      <c r="JMD703" s="613"/>
      <c r="JME703" s="613"/>
      <c r="JMF703" s="613"/>
      <c r="JMG703" s="613"/>
      <c r="JMH703" s="613"/>
      <c r="JMI703" s="613"/>
      <c r="JMJ703" s="613"/>
      <c r="JMK703" s="613"/>
      <c r="JML703" s="613"/>
      <c r="JMM703" s="613"/>
      <c r="JMN703" s="613"/>
      <c r="JMO703" s="613"/>
      <c r="JMP703" s="613"/>
      <c r="JMQ703" s="613"/>
      <c r="JMR703" s="613"/>
      <c r="JMS703" s="613"/>
      <c r="JMT703" s="613"/>
      <c r="JMU703" s="613"/>
      <c r="JMV703" s="613"/>
      <c r="JMW703" s="613"/>
      <c r="JMX703" s="613"/>
      <c r="JMY703" s="613"/>
      <c r="JMZ703" s="613"/>
      <c r="JNA703" s="613"/>
      <c r="JNB703" s="613"/>
      <c r="JNC703" s="613"/>
      <c r="JND703" s="613"/>
      <c r="JNE703" s="613"/>
      <c r="JNF703" s="613"/>
      <c r="JNG703" s="613"/>
      <c r="JNH703" s="613"/>
      <c r="JNI703" s="613"/>
      <c r="JNJ703" s="613"/>
      <c r="JNK703" s="613"/>
      <c r="JNL703" s="613"/>
      <c r="JNM703" s="613"/>
      <c r="JNN703" s="613"/>
      <c r="JNO703" s="613"/>
      <c r="JNP703" s="613"/>
      <c r="JNQ703" s="613"/>
      <c r="JNR703" s="613"/>
      <c r="JNS703" s="613"/>
      <c r="JNT703" s="613"/>
      <c r="JNU703" s="613"/>
      <c r="JNV703" s="613"/>
      <c r="JNW703" s="613"/>
      <c r="JNX703" s="613"/>
      <c r="JNY703" s="613"/>
      <c r="JNZ703" s="613"/>
      <c r="JOA703" s="613"/>
      <c r="JOB703" s="613"/>
      <c r="JOC703" s="613"/>
      <c r="JOD703" s="613"/>
      <c r="JOE703" s="613"/>
      <c r="JOF703" s="613"/>
      <c r="JOG703" s="613"/>
      <c r="JOH703" s="613"/>
      <c r="JOI703" s="613"/>
      <c r="JOJ703" s="613"/>
      <c r="JOK703" s="613"/>
      <c r="JOL703" s="613"/>
      <c r="JOM703" s="613"/>
      <c r="JON703" s="613"/>
      <c r="JOO703" s="613"/>
      <c r="JOP703" s="613"/>
      <c r="JOQ703" s="613"/>
      <c r="JOR703" s="613"/>
      <c r="JOS703" s="613"/>
      <c r="JOT703" s="613"/>
      <c r="JOU703" s="613"/>
      <c r="JOV703" s="613"/>
      <c r="JOW703" s="613"/>
      <c r="JOX703" s="613"/>
      <c r="JOY703" s="613"/>
      <c r="JOZ703" s="613"/>
      <c r="JPA703" s="613"/>
      <c r="JPB703" s="613"/>
      <c r="JPC703" s="613"/>
      <c r="JPD703" s="613"/>
      <c r="JPE703" s="613"/>
      <c r="JPF703" s="613"/>
      <c r="JPG703" s="613"/>
      <c r="JPH703" s="613"/>
      <c r="JPI703" s="613"/>
      <c r="JPJ703" s="613"/>
      <c r="JPK703" s="613"/>
      <c r="JPL703" s="613"/>
      <c r="JPM703" s="613"/>
      <c r="JPN703" s="613"/>
      <c r="JPO703" s="613"/>
      <c r="JPP703" s="613"/>
      <c r="JPQ703" s="613"/>
      <c r="JPR703" s="613"/>
      <c r="JPS703" s="613"/>
      <c r="JPT703" s="613"/>
      <c r="JPU703" s="613"/>
      <c r="JPV703" s="613"/>
      <c r="JPW703" s="613"/>
      <c r="JPX703" s="613"/>
      <c r="JPY703" s="613"/>
      <c r="JPZ703" s="613"/>
      <c r="JQA703" s="613"/>
      <c r="JQB703" s="613"/>
      <c r="JQC703" s="613"/>
      <c r="JQD703" s="613"/>
      <c r="JQE703" s="613"/>
      <c r="JQF703" s="613"/>
      <c r="JQG703" s="613"/>
      <c r="JQH703" s="613"/>
      <c r="JQI703" s="613"/>
      <c r="JQJ703" s="613"/>
      <c r="JQK703" s="613"/>
      <c r="JQL703" s="613"/>
      <c r="JQM703" s="613"/>
      <c r="JQN703" s="613"/>
      <c r="JQO703" s="613"/>
      <c r="JQP703" s="613"/>
      <c r="JQQ703" s="613"/>
      <c r="JQR703" s="613"/>
      <c r="JQS703" s="613"/>
      <c r="JQT703" s="613"/>
      <c r="JQU703" s="613"/>
      <c r="JQV703" s="613"/>
      <c r="JQW703" s="613"/>
      <c r="JQX703" s="613"/>
      <c r="JQY703" s="613"/>
      <c r="JQZ703" s="613"/>
      <c r="JRA703" s="613"/>
      <c r="JRB703" s="613"/>
      <c r="JRC703" s="613"/>
      <c r="JRD703" s="613"/>
      <c r="JRE703" s="613"/>
      <c r="JRF703" s="613"/>
      <c r="JRG703" s="613"/>
      <c r="JRH703" s="613"/>
      <c r="JRI703" s="613"/>
      <c r="JRJ703" s="613"/>
      <c r="JRK703" s="613"/>
      <c r="JRL703" s="613"/>
      <c r="JRM703" s="613"/>
      <c r="JRN703" s="613"/>
      <c r="JRO703" s="613"/>
      <c r="JRP703" s="613"/>
      <c r="JRQ703" s="613"/>
      <c r="JRR703" s="613"/>
      <c r="JRS703" s="613"/>
      <c r="JRT703" s="613"/>
      <c r="JRU703" s="613"/>
      <c r="JRV703" s="613"/>
      <c r="JRW703" s="613"/>
      <c r="JRX703" s="613"/>
      <c r="JRY703" s="613"/>
      <c r="JRZ703" s="613"/>
      <c r="JSA703" s="613"/>
      <c r="JSB703" s="613"/>
      <c r="JSC703" s="613"/>
      <c r="JSD703" s="613"/>
      <c r="JSE703" s="613"/>
      <c r="JSF703" s="613"/>
      <c r="JSG703" s="613"/>
      <c r="JSH703" s="613"/>
      <c r="JSI703" s="613"/>
      <c r="JSJ703" s="613"/>
      <c r="JSK703" s="613"/>
      <c r="JSL703" s="613"/>
      <c r="JSM703" s="613"/>
      <c r="JSN703" s="613"/>
      <c r="JSO703" s="613"/>
      <c r="JSP703" s="613"/>
      <c r="JSQ703" s="613"/>
      <c r="JSR703" s="613"/>
      <c r="JSS703" s="613"/>
      <c r="JST703" s="613"/>
      <c r="JSU703" s="613"/>
      <c r="JSV703" s="613"/>
      <c r="JSW703" s="613"/>
      <c r="JSX703" s="613"/>
      <c r="JSY703" s="613"/>
      <c r="JSZ703" s="613"/>
      <c r="JTA703" s="613"/>
      <c r="JTB703" s="613"/>
      <c r="JTC703" s="613"/>
      <c r="JTD703" s="613"/>
      <c r="JTE703" s="613"/>
      <c r="JTF703" s="613"/>
      <c r="JTG703" s="613"/>
      <c r="JTH703" s="613"/>
      <c r="JTI703" s="613"/>
      <c r="JTJ703" s="613"/>
      <c r="JTK703" s="613"/>
      <c r="JTL703" s="613"/>
      <c r="JTM703" s="613"/>
      <c r="JTN703" s="613"/>
      <c r="JTO703" s="613"/>
      <c r="JTP703" s="613"/>
      <c r="JTQ703" s="613"/>
      <c r="JTR703" s="613"/>
      <c r="JTS703" s="613"/>
      <c r="JTT703" s="613"/>
      <c r="JTU703" s="613"/>
      <c r="JTV703" s="613"/>
      <c r="JTW703" s="613"/>
      <c r="JTX703" s="613"/>
      <c r="JTY703" s="613"/>
      <c r="JTZ703" s="613"/>
      <c r="JUA703" s="613"/>
      <c r="JUB703" s="613"/>
      <c r="JUC703" s="613"/>
      <c r="JUD703" s="613"/>
      <c r="JUE703" s="613"/>
      <c r="JUF703" s="613"/>
      <c r="JUG703" s="613"/>
      <c r="JUH703" s="613"/>
      <c r="JUI703" s="613"/>
      <c r="JUJ703" s="613"/>
      <c r="JUK703" s="613"/>
      <c r="JUL703" s="613"/>
      <c r="JUM703" s="613"/>
      <c r="JUN703" s="613"/>
      <c r="JUO703" s="613"/>
      <c r="JUP703" s="613"/>
      <c r="JUQ703" s="613"/>
      <c r="JUR703" s="613"/>
      <c r="JUS703" s="613"/>
      <c r="JUT703" s="613"/>
      <c r="JUU703" s="613"/>
      <c r="JUV703" s="613"/>
      <c r="JUW703" s="613"/>
      <c r="JUX703" s="613"/>
      <c r="JUY703" s="613"/>
      <c r="JUZ703" s="613"/>
      <c r="JVA703" s="613"/>
      <c r="JVB703" s="613"/>
      <c r="JVC703" s="613"/>
      <c r="JVD703" s="613"/>
      <c r="JVE703" s="613"/>
      <c r="JVF703" s="613"/>
      <c r="JVG703" s="613"/>
      <c r="JVH703" s="613"/>
      <c r="JVI703" s="613"/>
      <c r="JVJ703" s="613"/>
      <c r="JVK703" s="613"/>
      <c r="JVL703" s="613"/>
      <c r="JVM703" s="613"/>
      <c r="JVN703" s="613"/>
      <c r="JVO703" s="613"/>
      <c r="JVP703" s="613"/>
      <c r="JVQ703" s="613"/>
      <c r="JVR703" s="613"/>
      <c r="JVS703" s="613"/>
      <c r="JVT703" s="613"/>
      <c r="JVU703" s="613"/>
      <c r="JVV703" s="613"/>
      <c r="JVW703" s="613"/>
      <c r="JVX703" s="613"/>
      <c r="JVY703" s="613"/>
      <c r="JVZ703" s="613"/>
      <c r="JWA703" s="613"/>
      <c r="JWB703" s="613"/>
      <c r="JWC703" s="613"/>
      <c r="JWD703" s="613"/>
      <c r="JWE703" s="613"/>
      <c r="JWF703" s="613"/>
      <c r="JWG703" s="613"/>
      <c r="JWH703" s="613"/>
      <c r="JWI703" s="613"/>
      <c r="JWJ703" s="613"/>
      <c r="JWK703" s="613"/>
      <c r="JWL703" s="613"/>
      <c r="JWM703" s="613"/>
      <c r="JWN703" s="613"/>
      <c r="JWO703" s="613"/>
      <c r="JWP703" s="613"/>
      <c r="JWQ703" s="613"/>
      <c r="JWR703" s="613"/>
      <c r="JWS703" s="613"/>
      <c r="JWT703" s="613"/>
      <c r="JWU703" s="613"/>
      <c r="JWV703" s="613"/>
      <c r="JWW703" s="613"/>
      <c r="JWX703" s="613"/>
      <c r="JWY703" s="613"/>
      <c r="JWZ703" s="613"/>
      <c r="JXA703" s="613"/>
      <c r="JXB703" s="613"/>
      <c r="JXC703" s="613"/>
      <c r="JXD703" s="613"/>
      <c r="JXE703" s="613"/>
      <c r="JXF703" s="613"/>
      <c r="JXG703" s="613"/>
      <c r="JXH703" s="613"/>
      <c r="JXI703" s="613"/>
      <c r="JXJ703" s="613"/>
      <c r="JXK703" s="613"/>
      <c r="JXL703" s="613"/>
      <c r="JXM703" s="613"/>
      <c r="JXN703" s="613"/>
      <c r="JXO703" s="613"/>
      <c r="JXP703" s="613"/>
      <c r="JXQ703" s="613"/>
      <c r="JXR703" s="613"/>
      <c r="JXS703" s="613"/>
      <c r="JXT703" s="613"/>
      <c r="JXU703" s="613"/>
      <c r="JXV703" s="613"/>
      <c r="JXW703" s="613"/>
      <c r="JXX703" s="613"/>
      <c r="JXY703" s="613"/>
      <c r="JXZ703" s="613"/>
      <c r="JYA703" s="613"/>
      <c r="JYB703" s="613"/>
      <c r="JYC703" s="613"/>
      <c r="JYD703" s="613"/>
      <c r="JYE703" s="613"/>
      <c r="JYF703" s="613"/>
      <c r="JYG703" s="613"/>
      <c r="JYH703" s="613"/>
      <c r="JYI703" s="613"/>
      <c r="JYJ703" s="613"/>
      <c r="JYK703" s="613"/>
      <c r="JYL703" s="613"/>
      <c r="JYM703" s="613"/>
      <c r="JYN703" s="613"/>
      <c r="JYO703" s="613"/>
      <c r="JYP703" s="613"/>
      <c r="JYQ703" s="613"/>
      <c r="JYR703" s="613"/>
      <c r="JYS703" s="613"/>
      <c r="JYT703" s="613"/>
      <c r="JYU703" s="613"/>
      <c r="JYV703" s="613"/>
      <c r="JYW703" s="613"/>
      <c r="JYX703" s="613"/>
      <c r="JYY703" s="613"/>
      <c r="JYZ703" s="613"/>
      <c r="JZA703" s="613"/>
      <c r="JZB703" s="613"/>
      <c r="JZC703" s="613"/>
      <c r="JZD703" s="613"/>
      <c r="JZE703" s="613"/>
      <c r="JZF703" s="613"/>
      <c r="JZG703" s="613"/>
      <c r="JZH703" s="613"/>
      <c r="JZI703" s="613"/>
      <c r="JZJ703" s="613"/>
      <c r="JZK703" s="613"/>
      <c r="JZL703" s="613"/>
      <c r="JZM703" s="613"/>
      <c r="JZN703" s="613"/>
      <c r="JZO703" s="613"/>
      <c r="JZP703" s="613"/>
      <c r="JZQ703" s="613"/>
      <c r="JZR703" s="613"/>
      <c r="JZS703" s="613"/>
      <c r="JZT703" s="613"/>
      <c r="JZU703" s="613"/>
      <c r="JZV703" s="613"/>
      <c r="JZW703" s="613"/>
      <c r="JZX703" s="613"/>
      <c r="JZY703" s="613"/>
      <c r="JZZ703" s="613"/>
      <c r="KAA703" s="613"/>
      <c r="KAB703" s="613"/>
      <c r="KAC703" s="613"/>
      <c r="KAD703" s="613"/>
      <c r="KAE703" s="613"/>
      <c r="KAF703" s="613"/>
      <c r="KAG703" s="613"/>
      <c r="KAH703" s="613"/>
      <c r="KAI703" s="613"/>
      <c r="KAJ703" s="613"/>
      <c r="KAK703" s="613"/>
      <c r="KAL703" s="613"/>
      <c r="KAM703" s="613"/>
      <c r="KAN703" s="613"/>
      <c r="KAO703" s="613"/>
      <c r="KAP703" s="613"/>
      <c r="KAQ703" s="613"/>
      <c r="KAR703" s="613"/>
      <c r="KAS703" s="613"/>
      <c r="KAT703" s="613"/>
      <c r="KAU703" s="613"/>
      <c r="KAV703" s="613"/>
      <c r="KAW703" s="613"/>
      <c r="KAX703" s="613"/>
      <c r="KAY703" s="613"/>
      <c r="KAZ703" s="613"/>
      <c r="KBA703" s="613"/>
      <c r="KBB703" s="613"/>
      <c r="KBC703" s="613"/>
      <c r="KBD703" s="613"/>
      <c r="KBE703" s="613"/>
      <c r="KBF703" s="613"/>
      <c r="KBG703" s="613"/>
      <c r="KBH703" s="613"/>
      <c r="KBI703" s="613"/>
      <c r="KBJ703" s="613"/>
      <c r="KBK703" s="613"/>
      <c r="KBL703" s="613"/>
      <c r="KBM703" s="613"/>
      <c r="KBN703" s="613"/>
      <c r="KBO703" s="613"/>
      <c r="KBP703" s="613"/>
      <c r="KBQ703" s="613"/>
      <c r="KBR703" s="613"/>
      <c r="KBS703" s="613"/>
      <c r="KBT703" s="613"/>
      <c r="KBU703" s="613"/>
      <c r="KBV703" s="613"/>
      <c r="KBW703" s="613"/>
      <c r="KBX703" s="613"/>
      <c r="KBY703" s="613"/>
      <c r="KBZ703" s="613"/>
      <c r="KCA703" s="613"/>
      <c r="KCB703" s="613"/>
      <c r="KCC703" s="613"/>
      <c r="KCD703" s="613"/>
      <c r="KCE703" s="613"/>
      <c r="KCF703" s="613"/>
      <c r="KCG703" s="613"/>
      <c r="KCH703" s="613"/>
      <c r="KCI703" s="613"/>
      <c r="KCJ703" s="613"/>
      <c r="KCK703" s="613"/>
      <c r="KCL703" s="613"/>
      <c r="KCM703" s="613"/>
      <c r="KCN703" s="613"/>
      <c r="KCO703" s="613"/>
      <c r="KCP703" s="613"/>
      <c r="KCQ703" s="613"/>
      <c r="KCR703" s="613"/>
      <c r="KCS703" s="613"/>
      <c r="KCT703" s="613"/>
      <c r="KCU703" s="613"/>
      <c r="KCV703" s="613"/>
      <c r="KCW703" s="613"/>
      <c r="KCX703" s="613"/>
      <c r="KCY703" s="613"/>
      <c r="KCZ703" s="613"/>
      <c r="KDA703" s="613"/>
      <c r="KDB703" s="613"/>
      <c r="KDC703" s="613"/>
      <c r="KDD703" s="613"/>
      <c r="KDE703" s="613"/>
      <c r="KDF703" s="613"/>
      <c r="KDG703" s="613"/>
      <c r="KDH703" s="613"/>
      <c r="KDI703" s="613"/>
      <c r="KDJ703" s="613"/>
      <c r="KDK703" s="613"/>
      <c r="KDL703" s="613"/>
      <c r="KDM703" s="613"/>
      <c r="KDN703" s="613"/>
      <c r="KDO703" s="613"/>
      <c r="KDP703" s="613"/>
      <c r="KDQ703" s="613"/>
      <c r="KDR703" s="613"/>
      <c r="KDS703" s="613"/>
      <c r="KDT703" s="613"/>
      <c r="KDU703" s="613"/>
      <c r="KDV703" s="613"/>
      <c r="KDW703" s="613"/>
      <c r="KDX703" s="613"/>
      <c r="KDY703" s="613"/>
      <c r="KDZ703" s="613"/>
      <c r="KEA703" s="613"/>
      <c r="KEB703" s="613"/>
      <c r="KEC703" s="613"/>
      <c r="KED703" s="613"/>
      <c r="KEE703" s="613"/>
      <c r="KEF703" s="613"/>
      <c r="KEG703" s="613"/>
      <c r="KEH703" s="613"/>
      <c r="KEI703" s="613"/>
      <c r="KEJ703" s="613"/>
      <c r="KEK703" s="613"/>
      <c r="KEL703" s="613"/>
      <c r="KEM703" s="613"/>
      <c r="KEN703" s="613"/>
      <c r="KEO703" s="613"/>
      <c r="KEP703" s="613"/>
      <c r="KEQ703" s="613"/>
      <c r="KER703" s="613"/>
      <c r="KES703" s="613"/>
      <c r="KET703" s="613"/>
      <c r="KEU703" s="613"/>
      <c r="KEV703" s="613"/>
      <c r="KEW703" s="613"/>
      <c r="KEX703" s="613"/>
      <c r="KEY703" s="613"/>
      <c r="KEZ703" s="613"/>
      <c r="KFA703" s="613"/>
      <c r="KFB703" s="613"/>
      <c r="KFC703" s="613"/>
      <c r="KFD703" s="613"/>
      <c r="KFE703" s="613"/>
      <c r="KFF703" s="613"/>
      <c r="KFG703" s="613"/>
      <c r="KFH703" s="613"/>
      <c r="KFI703" s="613"/>
      <c r="KFJ703" s="613"/>
      <c r="KFK703" s="613"/>
      <c r="KFL703" s="613"/>
      <c r="KFM703" s="613"/>
      <c r="KFN703" s="613"/>
      <c r="KFO703" s="613"/>
      <c r="KFP703" s="613"/>
      <c r="KFQ703" s="613"/>
      <c r="KFR703" s="613"/>
      <c r="KFS703" s="613"/>
      <c r="KFT703" s="613"/>
      <c r="KFU703" s="613"/>
      <c r="KFV703" s="613"/>
      <c r="KFW703" s="613"/>
      <c r="KFX703" s="613"/>
      <c r="KFY703" s="613"/>
      <c r="KFZ703" s="613"/>
      <c r="KGA703" s="613"/>
      <c r="KGB703" s="613"/>
      <c r="KGC703" s="613"/>
      <c r="KGD703" s="613"/>
      <c r="KGE703" s="613"/>
      <c r="KGF703" s="613"/>
      <c r="KGG703" s="613"/>
      <c r="KGH703" s="613"/>
      <c r="KGI703" s="613"/>
      <c r="KGJ703" s="613"/>
      <c r="KGK703" s="613"/>
      <c r="KGL703" s="613"/>
      <c r="KGM703" s="613"/>
      <c r="KGN703" s="613"/>
      <c r="KGO703" s="613"/>
      <c r="KGP703" s="613"/>
      <c r="KGQ703" s="613"/>
      <c r="KGR703" s="613"/>
      <c r="KGS703" s="613"/>
      <c r="KGT703" s="613"/>
      <c r="KGU703" s="613"/>
      <c r="KGV703" s="613"/>
      <c r="KGW703" s="613"/>
      <c r="KGX703" s="613"/>
      <c r="KGY703" s="613"/>
      <c r="KGZ703" s="613"/>
      <c r="KHA703" s="613"/>
      <c r="KHB703" s="613"/>
      <c r="KHC703" s="613"/>
      <c r="KHD703" s="613"/>
      <c r="KHE703" s="613"/>
      <c r="KHF703" s="613"/>
      <c r="KHG703" s="613"/>
      <c r="KHH703" s="613"/>
      <c r="KHI703" s="613"/>
      <c r="KHJ703" s="613"/>
      <c r="KHK703" s="613"/>
      <c r="KHL703" s="613"/>
      <c r="KHM703" s="613"/>
      <c r="KHN703" s="613"/>
      <c r="KHO703" s="613"/>
      <c r="KHP703" s="613"/>
      <c r="KHQ703" s="613"/>
      <c r="KHR703" s="613"/>
      <c r="KHS703" s="613"/>
      <c r="KHT703" s="613"/>
      <c r="KHU703" s="613"/>
      <c r="KHV703" s="613"/>
      <c r="KHW703" s="613"/>
      <c r="KHX703" s="613"/>
      <c r="KHY703" s="613"/>
      <c r="KHZ703" s="613"/>
      <c r="KIA703" s="613"/>
      <c r="KIB703" s="613"/>
      <c r="KIC703" s="613"/>
      <c r="KID703" s="613"/>
      <c r="KIE703" s="613"/>
      <c r="KIF703" s="613"/>
      <c r="KIG703" s="613"/>
      <c r="KIH703" s="613"/>
      <c r="KII703" s="613"/>
      <c r="KIJ703" s="613"/>
      <c r="KIK703" s="613"/>
      <c r="KIL703" s="613"/>
      <c r="KIM703" s="613"/>
      <c r="KIN703" s="613"/>
      <c r="KIO703" s="613"/>
      <c r="KIP703" s="613"/>
      <c r="KIQ703" s="613"/>
      <c r="KIR703" s="613"/>
      <c r="KIS703" s="613"/>
      <c r="KIT703" s="613"/>
      <c r="KIU703" s="613"/>
      <c r="KIV703" s="613"/>
      <c r="KIW703" s="613"/>
      <c r="KIX703" s="613"/>
      <c r="KIY703" s="613"/>
      <c r="KIZ703" s="613"/>
      <c r="KJA703" s="613"/>
      <c r="KJB703" s="613"/>
      <c r="KJC703" s="613"/>
      <c r="KJD703" s="613"/>
      <c r="KJE703" s="613"/>
      <c r="KJF703" s="613"/>
      <c r="KJG703" s="613"/>
      <c r="KJH703" s="613"/>
      <c r="KJI703" s="613"/>
      <c r="KJJ703" s="613"/>
      <c r="KJK703" s="613"/>
      <c r="KJL703" s="613"/>
      <c r="KJM703" s="613"/>
      <c r="KJN703" s="613"/>
      <c r="KJO703" s="613"/>
      <c r="KJP703" s="613"/>
      <c r="KJQ703" s="613"/>
      <c r="KJR703" s="613"/>
      <c r="KJS703" s="613"/>
      <c r="KJT703" s="613"/>
      <c r="KJU703" s="613"/>
      <c r="KJV703" s="613"/>
      <c r="KJW703" s="613"/>
      <c r="KJX703" s="613"/>
      <c r="KJY703" s="613"/>
      <c r="KJZ703" s="613"/>
      <c r="KKA703" s="613"/>
      <c r="KKB703" s="613"/>
      <c r="KKC703" s="613"/>
      <c r="KKD703" s="613"/>
      <c r="KKE703" s="613"/>
      <c r="KKF703" s="613"/>
      <c r="KKG703" s="613"/>
      <c r="KKH703" s="613"/>
      <c r="KKI703" s="613"/>
      <c r="KKJ703" s="613"/>
      <c r="KKK703" s="613"/>
      <c r="KKL703" s="613"/>
      <c r="KKM703" s="613"/>
      <c r="KKN703" s="613"/>
      <c r="KKO703" s="613"/>
      <c r="KKP703" s="613"/>
      <c r="KKQ703" s="613"/>
      <c r="KKR703" s="613"/>
      <c r="KKS703" s="613"/>
      <c r="KKT703" s="613"/>
      <c r="KKU703" s="613"/>
      <c r="KKV703" s="613"/>
      <c r="KKW703" s="613"/>
      <c r="KKX703" s="613"/>
      <c r="KKY703" s="613"/>
      <c r="KKZ703" s="613"/>
      <c r="KLA703" s="613"/>
      <c r="KLB703" s="613"/>
      <c r="KLC703" s="613"/>
      <c r="KLD703" s="613"/>
      <c r="KLE703" s="613"/>
      <c r="KLF703" s="613"/>
      <c r="KLG703" s="613"/>
      <c r="KLH703" s="613"/>
      <c r="KLI703" s="613"/>
      <c r="KLJ703" s="613"/>
      <c r="KLK703" s="613"/>
      <c r="KLL703" s="613"/>
      <c r="KLM703" s="613"/>
      <c r="KLN703" s="613"/>
      <c r="KLO703" s="613"/>
      <c r="KLP703" s="613"/>
      <c r="KLQ703" s="613"/>
      <c r="KLR703" s="613"/>
      <c r="KLS703" s="613"/>
      <c r="KLT703" s="613"/>
      <c r="KLU703" s="613"/>
      <c r="KLV703" s="613"/>
      <c r="KLW703" s="613"/>
      <c r="KLX703" s="613"/>
      <c r="KLY703" s="613"/>
      <c r="KLZ703" s="613"/>
      <c r="KMA703" s="613"/>
      <c r="KMB703" s="613"/>
      <c r="KMC703" s="613"/>
      <c r="KMD703" s="613"/>
      <c r="KME703" s="613"/>
      <c r="KMF703" s="613"/>
      <c r="KMG703" s="613"/>
      <c r="KMH703" s="613"/>
      <c r="KMI703" s="613"/>
      <c r="KMJ703" s="613"/>
      <c r="KMK703" s="613"/>
      <c r="KML703" s="613"/>
      <c r="KMM703" s="613"/>
      <c r="KMN703" s="613"/>
      <c r="KMO703" s="613"/>
      <c r="KMP703" s="613"/>
      <c r="KMQ703" s="613"/>
      <c r="KMR703" s="613"/>
      <c r="KMS703" s="613"/>
      <c r="KMT703" s="613"/>
      <c r="KMU703" s="613"/>
      <c r="KMV703" s="613"/>
      <c r="KMW703" s="613"/>
      <c r="KMX703" s="613"/>
      <c r="KMY703" s="613"/>
      <c r="KMZ703" s="613"/>
      <c r="KNA703" s="613"/>
      <c r="KNB703" s="613"/>
      <c r="KNC703" s="613"/>
      <c r="KND703" s="613"/>
      <c r="KNE703" s="613"/>
      <c r="KNF703" s="613"/>
      <c r="KNG703" s="613"/>
      <c r="KNH703" s="613"/>
      <c r="KNI703" s="613"/>
      <c r="KNJ703" s="613"/>
      <c r="KNK703" s="613"/>
      <c r="KNL703" s="613"/>
      <c r="KNM703" s="613"/>
      <c r="KNN703" s="613"/>
      <c r="KNO703" s="613"/>
      <c r="KNP703" s="613"/>
      <c r="KNQ703" s="613"/>
      <c r="KNR703" s="613"/>
      <c r="KNS703" s="613"/>
      <c r="KNT703" s="613"/>
      <c r="KNU703" s="613"/>
      <c r="KNV703" s="613"/>
      <c r="KNW703" s="613"/>
      <c r="KNX703" s="613"/>
      <c r="KNY703" s="613"/>
      <c r="KNZ703" s="613"/>
      <c r="KOA703" s="613"/>
      <c r="KOB703" s="613"/>
      <c r="KOC703" s="613"/>
      <c r="KOD703" s="613"/>
      <c r="KOE703" s="613"/>
      <c r="KOF703" s="613"/>
      <c r="KOG703" s="613"/>
      <c r="KOH703" s="613"/>
      <c r="KOI703" s="613"/>
      <c r="KOJ703" s="613"/>
      <c r="KOK703" s="613"/>
      <c r="KOL703" s="613"/>
      <c r="KOM703" s="613"/>
      <c r="KON703" s="613"/>
      <c r="KOO703" s="613"/>
      <c r="KOP703" s="613"/>
      <c r="KOQ703" s="613"/>
      <c r="KOR703" s="613"/>
      <c r="KOS703" s="613"/>
      <c r="KOT703" s="613"/>
      <c r="KOU703" s="613"/>
      <c r="KOV703" s="613"/>
      <c r="KOW703" s="613"/>
      <c r="KOX703" s="613"/>
      <c r="KOY703" s="613"/>
      <c r="KOZ703" s="613"/>
      <c r="KPA703" s="613"/>
      <c r="KPB703" s="613"/>
      <c r="KPC703" s="613"/>
      <c r="KPD703" s="613"/>
      <c r="KPE703" s="613"/>
      <c r="KPF703" s="613"/>
      <c r="KPG703" s="613"/>
      <c r="KPH703" s="613"/>
      <c r="KPI703" s="613"/>
      <c r="KPJ703" s="613"/>
      <c r="KPK703" s="613"/>
      <c r="KPL703" s="613"/>
      <c r="KPM703" s="613"/>
      <c r="KPN703" s="613"/>
      <c r="KPO703" s="613"/>
      <c r="KPP703" s="613"/>
      <c r="KPQ703" s="613"/>
      <c r="KPR703" s="613"/>
      <c r="KPS703" s="613"/>
      <c r="KPT703" s="613"/>
      <c r="KPU703" s="613"/>
      <c r="KPV703" s="613"/>
      <c r="KPW703" s="613"/>
      <c r="KPX703" s="613"/>
      <c r="KPY703" s="613"/>
      <c r="KPZ703" s="613"/>
      <c r="KQA703" s="613"/>
      <c r="KQB703" s="613"/>
      <c r="KQC703" s="613"/>
      <c r="KQD703" s="613"/>
      <c r="KQE703" s="613"/>
      <c r="KQF703" s="613"/>
      <c r="KQG703" s="613"/>
      <c r="KQH703" s="613"/>
      <c r="KQI703" s="613"/>
      <c r="KQJ703" s="613"/>
      <c r="KQK703" s="613"/>
      <c r="KQL703" s="613"/>
      <c r="KQM703" s="613"/>
      <c r="KQN703" s="613"/>
      <c r="KQO703" s="613"/>
      <c r="KQP703" s="613"/>
      <c r="KQQ703" s="613"/>
      <c r="KQR703" s="613"/>
      <c r="KQS703" s="613"/>
      <c r="KQT703" s="613"/>
      <c r="KQU703" s="613"/>
      <c r="KQV703" s="613"/>
      <c r="KQW703" s="613"/>
      <c r="KQX703" s="613"/>
      <c r="KQY703" s="613"/>
      <c r="KQZ703" s="613"/>
      <c r="KRA703" s="613"/>
      <c r="KRB703" s="613"/>
      <c r="KRC703" s="613"/>
      <c r="KRD703" s="613"/>
      <c r="KRE703" s="613"/>
      <c r="KRF703" s="613"/>
      <c r="KRG703" s="613"/>
      <c r="KRH703" s="613"/>
      <c r="KRI703" s="613"/>
      <c r="KRJ703" s="613"/>
      <c r="KRK703" s="613"/>
      <c r="KRL703" s="613"/>
      <c r="KRM703" s="613"/>
      <c r="KRN703" s="613"/>
      <c r="KRO703" s="613"/>
      <c r="KRP703" s="613"/>
      <c r="KRQ703" s="613"/>
      <c r="KRR703" s="613"/>
      <c r="KRS703" s="613"/>
      <c r="KRT703" s="613"/>
      <c r="KRU703" s="613"/>
      <c r="KRV703" s="613"/>
      <c r="KRW703" s="613"/>
      <c r="KRX703" s="613"/>
      <c r="KRY703" s="613"/>
      <c r="KRZ703" s="613"/>
      <c r="KSA703" s="613"/>
      <c r="KSB703" s="613"/>
      <c r="KSC703" s="613"/>
      <c r="KSD703" s="613"/>
      <c r="KSE703" s="613"/>
      <c r="KSF703" s="613"/>
      <c r="KSG703" s="613"/>
      <c r="KSH703" s="613"/>
      <c r="KSI703" s="613"/>
      <c r="KSJ703" s="613"/>
      <c r="KSK703" s="613"/>
      <c r="KSL703" s="613"/>
      <c r="KSM703" s="613"/>
      <c r="KSN703" s="613"/>
      <c r="KSO703" s="613"/>
      <c r="KSP703" s="613"/>
      <c r="KSQ703" s="613"/>
      <c r="KSR703" s="613"/>
      <c r="KSS703" s="613"/>
      <c r="KST703" s="613"/>
      <c r="KSU703" s="613"/>
      <c r="KSV703" s="613"/>
      <c r="KSW703" s="613"/>
      <c r="KSX703" s="613"/>
      <c r="KSY703" s="613"/>
      <c r="KSZ703" s="613"/>
      <c r="KTA703" s="613"/>
      <c r="KTB703" s="613"/>
      <c r="KTC703" s="613"/>
      <c r="KTD703" s="613"/>
      <c r="KTE703" s="613"/>
      <c r="KTF703" s="613"/>
      <c r="KTG703" s="613"/>
      <c r="KTH703" s="613"/>
      <c r="KTI703" s="613"/>
      <c r="KTJ703" s="613"/>
      <c r="KTK703" s="613"/>
      <c r="KTL703" s="613"/>
      <c r="KTM703" s="613"/>
      <c r="KTN703" s="613"/>
      <c r="KTO703" s="613"/>
      <c r="KTP703" s="613"/>
      <c r="KTQ703" s="613"/>
      <c r="KTR703" s="613"/>
      <c r="KTS703" s="613"/>
      <c r="KTT703" s="613"/>
      <c r="KTU703" s="613"/>
      <c r="KTV703" s="613"/>
      <c r="KTW703" s="613"/>
      <c r="KTX703" s="613"/>
      <c r="KTY703" s="613"/>
      <c r="KTZ703" s="613"/>
      <c r="KUA703" s="613"/>
      <c r="KUB703" s="613"/>
      <c r="KUC703" s="613"/>
      <c r="KUD703" s="613"/>
      <c r="KUE703" s="613"/>
      <c r="KUF703" s="613"/>
      <c r="KUG703" s="613"/>
      <c r="KUH703" s="613"/>
      <c r="KUI703" s="613"/>
      <c r="KUJ703" s="613"/>
      <c r="KUK703" s="613"/>
      <c r="KUL703" s="613"/>
      <c r="KUM703" s="613"/>
      <c r="KUN703" s="613"/>
      <c r="KUO703" s="613"/>
      <c r="KUP703" s="613"/>
      <c r="KUQ703" s="613"/>
      <c r="KUR703" s="613"/>
      <c r="KUS703" s="613"/>
      <c r="KUT703" s="613"/>
      <c r="KUU703" s="613"/>
      <c r="KUV703" s="613"/>
      <c r="KUW703" s="613"/>
      <c r="KUX703" s="613"/>
      <c r="KUY703" s="613"/>
      <c r="KUZ703" s="613"/>
      <c r="KVA703" s="613"/>
      <c r="KVB703" s="613"/>
      <c r="KVC703" s="613"/>
      <c r="KVD703" s="613"/>
      <c r="KVE703" s="613"/>
      <c r="KVF703" s="613"/>
      <c r="KVG703" s="613"/>
      <c r="KVH703" s="613"/>
      <c r="KVI703" s="613"/>
      <c r="KVJ703" s="613"/>
      <c r="KVK703" s="613"/>
      <c r="KVL703" s="613"/>
      <c r="KVM703" s="613"/>
      <c r="KVN703" s="613"/>
      <c r="KVO703" s="613"/>
      <c r="KVP703" s="613"/>
      <c r="KVQ703" s="613"/>
      <c r="KVR703" s="613"/>
      <c r="KVS703" s="613"/>
      <c r="KVT703" s="613"/>
      <c r="KVU703" s="613"/>
      <c r="KVV703" s="613"/>
      <c r="KVW703" s="613"/>
      <c r="KVX703" s="613"/>
      <c r="KVY703" s="613"/>
      <c r="KVZ703" s="613"/>
      <c r="KWA703" s="613"/>
      <c r="KWB703" s="613"/>
      <c r="KWC703" s="613"/>
      <c r="KWD703" s="613"/>
      <c r="KWE703" s="613"/>
      <c r="KWF703" s="613"/>
      <c r="KWG703" s="613"/>
      <c r="KWH703" s="613"/>
      <c r="KWI703" s="613"/>
      <c r="KWJ703" s="613"/>
      <c r="KWK703" s="613"/>
      <c r="KWL703" s="613"/>
      <c r="KWM703" s="613"/>
      <c r="KWN703" s="613"/>
      <c r="KWO703" s="613"/>
      <c r="KWP703" s="613"/>
      <c r="KWQ703" s="613"/>
      <c r="KWR703" s="613"/>
      <c r="KWS703" s="613"/>
      <c r="KWT703" s="613"/>
      <c r="KWU703" s="613"/>
      <c r="KWV703" s="613"/>
      <c r="KWW703" s="613"/>
      <c r="KWX703" s="613"/>
      <c r="KWY703" s="613"/>
      <c r="KWZ703" s="613"/>
      <c r="KXA703" s="613"/>
      <c r="KXB703" s="613"/>
      <c r="KXC703" s="613"/>
      <c r="KXD703" s="613"/>
      <c r="KXE703" s="613"/>
      <c r="KXF703" s="613"/>
      <c r="KXG703" s="613"/>
      <c r="KXH703" s="613"/>
      <c r="KXI703" s="613"/>
      <c r="KXJ703" s="613"/>
      <c r="KXK703" s="613"/>
      <c r="KXL703" s="613"/>
      <c r="KXM703" s="613"/>
      <c r="KXN703" s="613"/>
      <c r="KXO703" s="613"/>
      <c r="KXP703" s="613"/>
      <c r="KXQ703" s="613"/>
      <c r="KXR703" s="613"/>
      <c r="KXS703" s="613"/>
      <c r="KXT703" s="613"/>
      <c r="KXU703" s="613"/>
      <c r="KXV703" s="613"/>
      <c r="KXW703" s="613"/>
      <c r="KXX703" s="613"/>
      <c r="KXY703" s="613"/>
      <c r="KXZ703" s="613"/>
      <c r="KYA703" s="613"/>
      <c r="KYB703" s="613"/>
      <c r="KYC703" s="613"/>
      <c r="KYD703" s="613"/>
      <c r="KYE703" s="613"/>
      <c r="KYF703" s="613"/>
      <c r="KYG703" s="613"/>
      <c r="KYH703" s="613"/>
      <c r="KYI703" s="613"/>
      <c r="KYJ703" s="613"/>
      <c r="KYK703" s="613"/>
      <c r="KYL703" s="613"/>
      <c r="KYM703" s="613"/>
      <c r="KYN703" s="613"/>
      <c r="KYO703" s="613"/>
      <c r="KYP703" s="613"/>
      <c r="KYQ703" s="613"/>
      <c r="KYR703" s="613"/>
      <c r="KYS703" s="613"/>
      <c r="KYT703" s="613"/>
      <c r="KYU703" s="613"/>
      <c r="KYV703" s="613"/>
      <c r="KYW703" s="613"/>
      <c r="KYX703" s="613"/>
      <c r="KYY703" s="613"/>
      <c r="KYZ703" s="613"/>
      <c r="KZA703" s="613"/>
      <c r="KZB703" s="613"/>
      <c r="KZC703" s="613"/>
      <c r="KZD703" s="613"/>
      <c r="KZE703" s="613"/>
      <c r="KZF703" s="613"/>
      <c r="KZG703" s="613"/>
      <c r="KZH703" s="613"/>
      <c r="KZI703" s="613"/>
      <c r="KZJ703" s="613"/>
      <c r="KZK703" s="613"/>
      <c r="KZL703" s="613"/>
      <c r="KZM703" s="613"/>
      <c r="KZN703" s="613"/>
      <c r="KZO703" s="613"/>
      <c r="KZP703" s="613"/>
      <c r="KZQ703" s="613"/>
      <c r="KZR703" s="613"/>
      <c r="KZS703" s="613"/>
      <c r="KZT703" s="613"/>
      <c r="KZU703" s="613"/>
      <c r="KZV703" s="613"/>
      <c r="KZW703" s="613"/>
      <c r="KZX703" s="613"/>
      <c r="KZY703" s="613"/>
      <c r="KZZ703" s="613"/>
      <c r="LAA703" s="613"/>
      <c r="LAB703" s="613"/>
      <c r="LAC703" s="613"/>
      <c r="LAD703" s="613"/>
      <c r="LAE703" s="613"/>
      <c r="LAF703" s="613"/>
      <c r="LAG703" s="613"/>
      <c r="LAH703" s="613"/>
      <c r="LAI703" s="613"/>
      <c r="LAJ703" s="613"/>
      <c r="LAK703" s="613"/>
      <c r="LAL703" s="613"/>
      <c r="LAM703" s="613"/>
      <c r="LAN703" s="613"/>
      <c r="LAO703" s="613"/>
      <c r="LAP703" s="613"/>
      <c r="LAQ703" s="613"/>
      <c r="LAR703" s="613"/>
      <c r="LAS703" s="613"/>
      <c r="LAT703" s="613"/>
      <c r="LAU703" s="613"/>
      <c r="LAV703" s="613"/>
      <c r="LAW703" s="613"/>
      <c r="LAX703" s="613"/>
      <c r="LAY703" s="613"/>
      <c r="LAZ703" s="613"/>
      <c r="LBA703" s="613"/>
      <c r="LBB703" s="613"/>
      <c r="LBC703" s="613"/>
      <c r="LBD703" s="613"/>
      <c r="LBE703" s="613"/>
      <c r="LBF703" s="613"/>
      <c r="LBG703" s="613"/>
      <c r="LBH703" s="613"/>
      <c r="LBI703" s="613"/>
      <c r="LBJ703" s="613"/>
      <c r="LBK703" s="613"/>
      <c r="LBL703" s="613"/>
      <c r="LBM703" s="613"/>
      <c r="LBN703" s="613"/>
      <c r="LBO703" s="613"/>
      <c r="LBP703" s="613"/>
      <c r="LBQ703" s="613"/>
      <c r="LBR703" s="613"/>
      <c r="LBS703" s="613"/>
      <c r="LBT703" s="613"/>
      <c r="LBU703" s="613"/>
      <c r="LBV703" s="613"/>
      <c r="LBW703" s="613"/>
      <c r="LBX703" s="613"/>
      <c r="LBY703" s="613"/>
      <c r="LBZ703" s="613"/>
      <c r="LCA703" s="613"/>
      <c r="LCB703" s="613"/>
      <c r="LCC703" s="613"/>
      <c r="LCD703" s="613"/>
      <c r="LCE703" s="613"/>
      <c r="LCF703" s="613"/>
      <c r="LCG703" s="613"/>
      <c r="LCH703" s="613"/>
      <c r="LCI703" s="613"/>
      <c r="LCJ703" s="613"/>
      <c r="LCK703" s="613"/>
      <c r="LCL703" s="613"/>
      <c r="LCM703" s="613"/>
      <c r="LCN703" s="613"/>
      <c r="LCO703" s="613"/>
      <c r="LCP703" s="613"/>
      <c r="LCQ703" s="613"/>
      <c r="LCR703" s="613"/>
      <c r="LCS703" s="613"/>
      <c r="LCT703" s="613"/>
      <c r="LCU703" s="613"/>
      <c r="LCV703" s="613"/>
      <c r="LCW703" s="613"/>
      <c r="LCX703" s="613"/>
      <c r="LCY703" s="613"/>
      <c r="LCZ703" s="613"/>
      <c r="LDA703" s="613"/>
      <c r="LDB703" s="613"/>
      <c r="LDC703" s="613"/>
      <c r="LDD703" s="613"/>
      <c r="LDE703" s="613"/>
      <c r="LDF703" s="613"/>
      <c r="LDG703" s="613"/>
      <c r="LDH703" s="613"/>
      <c r="LDI703" s="613"/>
      <c r="LDJ703" s="613"/>
      <c r="LDK703" s="613"/>
      <c r="LDL703" s="613"/>
      <c r="LDM703" s="613"/>
      <c r="LDN703" s="613"/>
      <c r="LDO703" s="613"/>
      <c r="LDP703" s="613"/>
      <c r="LDQ703" s="613"/>
      <c r="LDR703" s="613"/>
      <c r="LDS703" s="613"/>
      <c r="LDT703" s="613"/>
      <c r="LDU703" s="613"/>
      <c r="LDV703" s="613"/>
      <c r="LDW703" s="613"/>
      <c r="LDX703" s="613"/>
      <c r="LDY703" s="613"/>
      <c r="LDZ703" s="613"/>
      <c r="LEA703" s="613"/>
      <c r="LEB703" s="613"/>
      <c r="LEC703" s="613"/>
      <c r="LED703" s="613"/>
      <c r="LEE703" s="613"/>
      <c r="LEF703" s="613"/>
      <c r="LEG703" s="613"/>
      <c r="LEH703" s="613"/>
      <c r="LEI703" s="613"/>
      <c r="LEJ703" s="613"/>
      <c r="LEK703" s="613"/>
      <c r="LEL703" s="613"/>
      <c r="LEM703" s="613"/>
      <c r="LEN703" s="613"/>
      <c r="LEO703" s="613"/>
      <c r="LEP703" s="613"/>
      <c r="LEQ703" s="613"/>
      <c r="LER703" s="613"/>
      <c r="LES703" s="613"/>
      <c r="LET703" s="613"/>
      <c r="LEU703" s="613"/>
      <c r="LEV703" s="613"/>
      <c r="LEW703" s="613"/>
      <c r="LEX703" s="613"/>
      <c r="LEY703" s="613"/>
      <c r="LEZ703" s="613"/>
      <c r="LFA703" s="613"/>
      <c r="LFB703" s="613"/>
      <c r="LFC703" s="613"/>
      <c r="LFD703" s="613"/>
      <c r="LFE703" s="613"/>
      <c r="LFF703" s="613"/>
      <c r="LFG703" s="613"/>
      <c r="LFH703" s="613"/>
      <c r="LFI703" s="613"/>
      <c r="LFJ703" s="613"/>
      <c r="LFK703" s="613"/>
      <c r="LFL703" s="613"/>
      <c r="LFM703" s="613"/>
      <c r="LFN703" s="613"/>
      <c r="LFO703" s="613"/>
      <c r="LFP703" s="613"/>
      <c r="LFQ703" s="613"/>
      <c r="LFR703" s="613"/>
      <c r="LFS703" s="613"/>
      <c r="LFT703" s="613"/>
      <c r="LFU703" s="613"/>
      <c r="LFV703" s="613"/>
      <c r="LFW703" s="613"/>
      <c r="LFX703" s="613"/>
      <c r="LFY703" s="613"/>
      <c r="LFZ703" s="613"/>
      <c r="LGA703" s="613"/>
      <c r="LGB703" s="613"/>
      <c r="LGC703" s="613"/>
      <c r="LGD703" s="613"/>
      <c r="LGE703" s="613"/>
      <c r="LGF703" s="613"/>
      <c r="LGG703" s="613"/>
      <c r="LGH703" s="613"/>
      <c r="LGI703" s="613"/>
      <c r="LGJ703" s="613"/>
      <c r="LGK703" s="613"/>
      <c r="LGL703" s="613"/>
      <c r="LGM703" s="613"/>
      <c r="LGN703" s="613"/>
      <c r="LGO703" s="613"/>
      <c r="LGP703" s="613"/>
      <c r="LGQ703" s="613"/>
      <c r="LGR703" s="613"/>
      <c r="LGS703" s="613"/>
      <c r="LGT703" s="613"/>
      <c r="LGU703" s="613"/>
      <c r="LGV703" s="613"/>
      <c r="LGW703" s="613"/>
      <c r="LGX703" s="613"/>
      <c r="LGY703" s="613"/>
      <c r="LGZ703" s="613"/>
      <c r="LHA703" s="613"/>
      <c r="LHB703" s="613"/>
      <c r="LHC703" s="613"/>
      <c r="LHD703" s="613"/>
      <c r="LHE703" s="613"/>
      <c r="LHF703" s="613"/>
      <c r="LHG703" s="613"/>
      <c r="LHH703" s="613"/>
      <c r="LHI703" s="613"/>
      <c r="LHJ703" s="613"/>
      <c r="LHK703" s="613"/>
      <c r="LHL703" s="613"/>
      <c r="LHM703" s="613"/>
      <c r="LHN703" s="613"/>
      <c r="LHO703" s="613"/>
      <c r="LHP703" s="613"/>
      <c r="LHQ703" s="613"/>
      <c r="LHR703" s="613"/>
      <c r="LHS703" s="613"/>
      <c r="LHT703" s="613"/>
      <c r="LHU703" s="613"/>
      <c r="LHV703" s="613"/>
      <c r="LHW703" s="613"/>
      <c r="LHX703" s="613"/>
      <c r="LHY703" s="613"/>
      <c r="LHZ703" s="613"/>
      <c r="LIA703" s="613"/>
      <c r="LIB703" s="613"/>
      <c r="LIC703" s="613"/>
      <c r="LID703" s="613"/>
      <c r="LIE703" s="613"/>
      <c r="LIF703" s="613"/>
      <c r="LIG703" s="613"/>
      <c r="LIH703" s="613"/>
      <c r="LII703" s="613"/>
      <c r="LIJ703" s="613"/>
      <c r="LIK703" s="613"/>
      <c r="LIL703" s="613"/>
      <c r="LIM703" s="613"/>
      <c r="LIN703" s="613"/>
      <c r="LIO703" s="613"/>
      <c r="LIP703" s="613"/>
      <c r="LIQ703" s="613"/>
      <c r="LIR703" s="613"/>
      <c r="LIS703" s="613"/>
      <c r="LIT703" s="613"/>
      <c r="LIU703" s="613"/>
      <c r="LIV703" s="613"/>
      <c r="LIW703" s="613"/>
      <c r="LIX703" s="613"/>
      <c r="LIY703" s="613"/>
      <c r="LIZ703" s="613"/>
      <c r="LJA703" s="613"/>
      <c r="LJB703" s="613"/>
      <c r="LJC703" s="613"/>
      <c r="LJD703" s="613"/>
      <c r="LJE703" s="613"/>
      <c r="LJF703" s="613"/>
      <c r="LJG703" s="613"/>
      <c r="LJH703" s="613"/>
      <c r="LJI703" s="613"/>
      <c r="LJJ703" s="613"/>
      <c r="LJK703" s="613"/>
      <c r="LJL703" s="613"/>
      <c r="LJM703" s="613"/>
      <c r="LJN703" s="613"/>
      <c r="LJO703" s="613"/>
      <c r="LJP703" s="613"/>
      <c r="LJQ703" s="613"/>
      <c r="LJR703" s="613"/>
      <c r="LJS703" s="613"/>
      <c r="LJT703" s="613"/>
      <c r="LJU703" s="613"/>
      <c r="LJV703" s="613"/>
      <c r="LJW703" s="613"/>
      <c r="LJX703" s="613"/>
      <c r="LJY703" s="613"/>
      <c r="LJZ703" s="613"/>
      <c r="LKA703" s="613"/>
      <c r="LKB703" s="613"/>
      <c r="LKC703" s="613"/>
      <c r="LKD703" s="613"/>
      <c r="LKE703" s="613"/>
      <c r="LKF703" s="613"/>
      <c r="LKG703" s="613"/>
      <c r="LKH703" s="613"/>
      <c r="LKI703" s="613"/>
      <c r="LKJ703" s="613"/>
      <c r="LKK703" s="613"/>
      <c r="LKL703" s="613"/>
      <c r="LKM703" s="613"/>
      <c r="LKN703" s="613"/>
      <c r="LKO703" s="613"/>
      <c r="LKP703" s="613"/>
      <c r="LKQ703" s="613"/>
      <c r="LKR703" s="613"/>
      <c r="LKS703" s="613"/>
      <c r="LKT703" s="613"/>
      <c r="LKU703" s="613"/>
      <c r="LKV703" s="613"/>
      <c r="LKW703" s="613"/>
      <c r="LKX703" s="613"/>
      <c r="LKY703" s="613"/>
      <c r="LKZ703" s="613"/>
      <c r="LLA703" s="613"/>
      <c r="LLB703" s="613"/>
      <c r="LLC703" s="613"/>
      <c r="LLD703" s="613"/>
      <c r="LLE703" s="613"/>
      <c r="LLF703" s="613"/>
      <c r="LLG703" s="613"/>
      <c r="LLH703" s="613"/>
      <c r="LLI703" s="613"/>
      <c r="LLJ703" s="613"/>
      <c r="LLK703" s="613"/>
      <c r="LLL703" s="613"/>
      <c r="LLM703" s="613"/>
      <c r="LLN703" s="613"/>
      <c r="LLO703" s="613"/>
      <c r="LLP703" s="613"/>
      <c r="LLQ703" s="613"/>
      <c r="LLR703" s="613"/>
      <c r="LLS703" s="613"/>
      <c r="LLT703" s="613"/>
      <c r="LLU703" s="613"/>
      <c r="LLV703" s="613"/>
      <c r="LLW703" s="613"/>
      <c r="LLX703" s="613"/>
      <c r="LLY703" s="613"/>
      <c r="LLZ703" s="613"/>
      <c r="LMA703" s="613"/>
      <c r="LMB703" s="613"/>
      <c r="LMC703" s="613"/>
      <c r="LMD703" s="613"/>
      <c r="LME703" s="613"/>
      <c r="LMF703" s="613"/>
      <c r="LMG703" s="613"/>
      <c r="LMH703" s="613"/>
      <c r="LMI703" s="613"/>
      <c r="LMJ703" s="613"/>
      <c r="LMK703" s="613"/>
      <c r="LML703" s="613"/>
      <c r="LMM703" s="613"/>
      <c r="LMN703" s="613"/>
      <c r="LMO703" s="613"/>
      <c r="LMP703" s="613"/>
      <c r="LMQ703" s="613"/>
      <c r="LMR703" s="613"/>
      <c r="LMS703" s="613"/>
      <c r="LMT703" s="613"/>
      <c r="LMU703" s="613"/>
      <c r="LMV703" s="613"/>
      <c r="LMW703" s="613"/>
      <c r="LMX703" s="613"/>
      <c r="LMY703" s="613"/>
      <c r="LMZ703" s="613"/>
      <c r="LNA703" s="613"/>
      <c r="LNB703" s="613"/>
      <c r="LNC703" s="613"/>
      <c r="LND703" s="613"/>
      <c r="LNE703" s="613"/>
      <c r="LNF703" s="613"/>
      <c r="LNG703" s="613"/>
      <c r="LNH703" s="613"/>
      <c r="LNI703" s="613"/>
      <c r="LNJ703" s="613"/>
      <c r="LNK703" s="613"/>
      <c r="LNL703" s="613"/>
      <c r="LNM703" s="613"/>
      <c r="LNN703" s="613"/>
      <c r="LNO703" s="613"/>
      <c r="LNP703" s="613"/>
      <c r="LNQ703" s="613"/>
      <c r="LNR703" s="613"/>
      <c r="LNS703" s="613"/>
      <c r="LNT703" s="613"/>
      <c r="LNU703" s="613"/>
      <c r="LNV703" s="613"/>
      <c r="LNW703" s="613"/>
      <c r="LNX703" s="613"/>
      <c r="LNY703" s="613"/>
      <c r="LNZ703" s="613"/>
      <c r="LOA703" s="613"/>
      <c r="LOB703" s="613"/>
      <c r="LOC703" s="613"/>
      <c r="LOD703" s="613"/>
      <c r="LOE703" s="613"/>
      <c r="LOF703" s="613"/>
      <c r="LOG703" s="613"/>
      <c r="LOH703" s="613"/>
      <c r="LOI703" s="613"/>
      <c r="LOJ703" s="613"/>
      <c r="LOK703" s="613"/>
      <c r="LOL703" s="613"/>
      <c r="LOM703" s="613"/>
      <c r="LON703" s="613"/>
      <c r="LOO703" s="613"/>
      <c r="LOP703" s="613"/>
      <c r="LOQ703" s="613"/>
      <c r="LOR703" s="613"/>
      <c r="LOS703" s="613"/>
      <c r="LOT703" s="613"/>
      <c r="LOU703" s="613"/>
      <c r="LOV703" s="613"/>
      <c r="LOW703" s="613"/>
      <c r="LOX703" s="613"/>
      <c r="LOY703" s="613"/>
      <c r="LOZ703" s="613"/>
      <c r="LPA703" s="613"/>
      <c r="LPB703" s="613"/>
      <c r="LPC703" s="613"/>
      <c r="LPD703" s="613"/>
      <c r="LPE703" s="613"/>
      <c r="LPF703" s="613"/>
      <c r="LPG703" s="613"/>
      <c r="LPH703" s="613"/>
      <c r="LPI703" s="613"/>
      <c r="LPJ703" s="613"/>
      <c r="LPK703" s="613"/>
      <c r="LPL703" s="613"/>
      <c r="LPM703" s="613"/>
      <c r="LPN703" s="613"/>
      <c r="LPO703" s="613"/>
      <c r="LPP703" s="613"/>
      <c r="LPQ703" s="613"/>
      <c r="LPR703" s="613"/>
      <c r="LPS703" s="613"/>
      <c r="LPT703" s="613"/>
      <c r="LPU703" s="613"/>
      <c r="LPV703" s="613"/>
      <c r="LPW703" s="613"/>
      <c r="LPX703" s="613"/>
      <c r="LPY703" s="613"/>
      <c r="LPZ703" s="613"/>
      <c r="LQA703" s="613"/>
      <c r="LQB703" s="613"/>
      <c r="LQC703" s="613"/>
      <c r="LQD703" s="613"/>
      <c r="LQE703" s="613"/>
      <c r="LQF703" s="613"/>
      <c r="LQG703" s="613"/>
      <c r="LQH703" s="613"/>
      <c r="LQI703" s="613"/>
      <c r="LQJ703" s="613"/>
      <c r="LQK703" s="613"/>
      <c r="LQL703" s="613"/>
      <c r="LQM703" s="613"/>
      <c r="LQN703" s="613"/>
      <c r="LQO703" s="613"/>
      <c r="LQP703" s="613"/>
      <c r="LQQ703" s="613"/>
      <c r="LQR703" s="613"/>
      <c r="LQS703" s="613"/>
      <c r="LQT703" s="613"/>
      <c r="LQU703" s="613"/>
      <c r="LQV703" s="613"/>
      <c r="LQW703" s="613"/>
      <c r="LQX703" s="613"/>
      <c r="LQY703" s="613"/>
      <c r="LQZ703" s="613"/>
      <c r="LRA703" s="613"/>
      <c r="LRB703" s="613"/>
      <c r="LRC703" s="613"/>
      <c r="LRD703" s="613"/>
      <c r="LRE703" s="613"/>
      <c r="LRF703" s="613"/>
      <c r="LRG703" s="613"/>
      <c r="LRH703" s="613"/>
      <c r="LRI703" s="613"/>
      <c r="LRJ703" s="613"/>
      <c r="LRK703" s="613"/>
      <c r="LRL703" s="613"/>
      <c r="LRM703" s="613"/>
      <c r="LRN703" s="613"/>
      <c r="LRO703" s="613"/>
      <c r="LRP703" s="613"/>
      <c r="LRQ703" s="613"/>
      <c r="LRR703" s="613"/>
      <c r="LRS703" s="613"/>
      <c r="LRT703" s="613"/>
      <c r="LRU703" s="613"/>
      <c r="LRV703" s="613"/>
      <c r="LRW703" s="613"/>
      <c r="LRX703" s="613"/>
      <c r="LRY703" s="613"/>
      <c r="LRZ703" s="613"/>
      <c r="LSA703" s="613"/>
      <c r="LSB703" s="613"/>
      <c r="LSC703" s="613"/>
      <c r="LSD703" s="613"/>
      <c r="LSE703" s="613"/>
      <c r="LSF703" s="613"/>
      <c r="LSG703" s="613"/>
      <c r="LSH703" s="613"/>
      <c r="LSI703" s="613"/>
      <c r="LSJ703" s="613"/>
      <c r="LSK703" s="613"/>
      <c r="LSL703" s="613"/>
      <c r="LSM703" s="613"/>
      <c r="LSN703" s="613"/>
      <c r="LSO703" s="613"/>
      <c r="LSP703" s="613"/>
      <c r="LSQ703" s="613"/>
      <c r="LSR703" s="613"/>
      <c r="LSS703" s="613"/>
      <c r="LST703" s="613"/>
      <c r="LSU703" s="613"/>
      <c r="LSV703" s="613"/>
      <c r="LSW703" s="613"/>
      <c r="LSX703" s="613"/>
      <c r="LSY703" s="613"/>
      <c r="LSZ703" s="613"/>
      <c r="LTA703" s="613"/>
      <c r="LTB703" s="613"/>
      <c r="LTC703" s="613"/>
      <c r="LTD703" s="613"/>
      <c r="LTE703" s="613"/>
      <c r="LTF703" s="613"/>
      <c r="LTG703" s="613"/>
      <c r="LTH703" s="613"/>
      <c r="LTI703" s="613"/>
      <c r="LTJ703" s="613"/>
      <c r="LTK703" s="613"/>
      <c r="LTL703" s="613"/>
      <c r="LTM703" s="613"/>
      <c r="LTN703" s="613"/>
      <c r="LTO703" s="613"/>
      <c r="LTP703" s="613"/>
      <c r="LTQ703" s="613"/>
      <c r="LTR703" s="613"/>
      <c r="LTS703" s="613"/>
      <c r="LTT703" s="613"/>
      <c r="LTU703" s="613"/>
      <c r="LTV703" s="613"/>
      <c r="LTW703" s="613"/>
      <c r="LTX703" s="613"/>
      <c r="LTY703" s="613"/>
      <c r="LTZ703" s="613"/>
      <c r="LUA703" s="613"/>
      <c r="LUB703" s="613"/>
      <c r="LUC703" s="613"/>
      <c r="LUD703" s="613"/>
      <c r="LUE703" s="613"/>
      <c r="LUF703" s="613"/>
      <c r="LUG703" s="613"/>
      <c r="LUH703" s="613"/>
      <c r="LUI703" s="613"/>
      <c r="LUJ703" s="613"/>
      <c r="LUK703" s="613"/>
      <c r="LUL703" s="613"/>
      <c r="LUM703" s="613"/>
      <c r="LUN703" s="613"/>
      <c r="LUO703" s="613"/>
      <c r="LUP703" s="613"/>
      <c r="LUQ703" s="613"/>
      <c r="LUR703" s="613"/>
      <c r="LUS703" s="613"/>
      <c r="LUT703" s="613"/>
      <c r="LUU703" s="613"/>
      <c r="LUV703" s="613"/>
      <c r="LUW703" s="613"/>
      <c r="LUX703" s="613"/>
      <c r="LUY703" s="613"/>
      <c r="LUZ703" s="613"/>
      <c r="LVA703" s="613"/>
      <c r="LVB703" s="613"/>
      <c r="LVC703" s="613"/>
      <c r="LVD703" s="613"/>
      <c r="LVE703" s="613"/>
      <c r="LVF703" s="613"/>
      <c r="LVG703" s="613"/>
      <c r="LVH703" s="613"/>
      <c r="LVI703" s="613"/>
      <c r="LVJ703" s="613"/>
      <c r="LVK703" s="613"/>
      <c r="LVL703" s="613"/>
      <c r="LVM703" s="613"/>
      <c r="LVN703" s="613"/>
      <c r="LVO703" s="613"/>
      <c r="LVP703" s="613"/>
      <c r="LVQ703" s="613"/>
      <c r="LVR703" s="613"/>
      <c r="LVS703" s="613"/>
      <c r="LVT703" s="613"/>
      <c r="LVU703" s="613"/>
      <c r="LVV703" s="613"/>
      <c r="LVW703" s="613"/>
      <c r="LVX703" s="613"/>
      <c r="LVY703" s="613"/>
      <c r="LVZ703" s="613"/>
      <c r="LWA703" s="613"/>
      <c r="LWB703" s="613"/>
      <c r="LWC703" s="613"/>
      <c r="LWD703" s="613"/>
      <c r="LWE703" s="613"/>
      <c r="LWF703" s="613"/>
      <c r="LWG703" s="613"/>
      <c r="LWH703" s="613"/>
      <c r="LWI703" s="613"/>
      <c r="LWJ703" s="613"/>
      <c r="LWK703" s="613"/>
      <c r="LWL703" s="613"/>
      <c r="LWM703" s="613"/>
      <c r="LWN703" s="613"/>
      <c r="LWO703" s="613"/>
      <c r="LWP703" s="613"/>
      <c r="LWQ703" s="613"/>
      <c r="LWR703" s="613"/>
      <c r="LWS703" s="613"/>
      <c r="LWT703" s="613"/>
      <c r="LWU703" s="613"/>
      <c r="LWV703" s="613"/>
      <c r="LWW703" s="613"/>
      <c r="LWX703" s="613"/>
      <c r="LWY703" s="613"/>
      <c r="LWZ703" s="613"/>
      <c r="LXA703" s="613"/>
      <c r="LXB703" s="613"/>
      <c r="LXC703" s="613"/>
      <c r="LXD703" s="613"/>
      <c r="LXE703" s="613"/>
      <c r="LXF703" s="613"/>
      <c r="LXG703" s="613"/>
      <c r="LXH703" s="613"/>
      <c r="LXI703" s="613"/>
      <c r="LXJ703" s="613"/>
      <c r="LXK703" s="613"/>
      <c r="LXL703" s="613"/>
      <c r="LXM703" s="613"/>
      <c r="LXN703" s="613"/>
      <c r="LXO703" s="613"/>
      <c r="LXP703" s="613"/>
      <c r="LXQ703" s="613"/>
      <c r="LXR703" s="613"/>
      <c r="LXS703" s="613"/>
      <c r="LXT703" s="613"/>
      <c r="LXU703" s="613"/>
      <c r="LXV703" s="613"/>
      <c r="LXW703" s="613"/>
      <c r="LXX703" s="613"/>
      <c r="LXY703" s="613"/>
      <c r="LXZ703" s="613"/>
      <c r="LYA703" s="613"/>
      <c r="LYB703" s="613"/>
      <c r="LYC703" s="613"/>
      <c r="LYD703" s="613"/>
      <c r="LYE703" s="613"/>
      <c r="LYF703" s="613"/>
      <c r="LYG703" s="613"/>
      <c r="LYH703" s="613"/>
      <c r="LYI703" s="613"/>
      <c r="LYJ703" s="613"/>
      <c r="LYK703" s="613"/>
      <c r="LYL703" s="613"/>
      <c r="LYM703" s="613"/>
      <c r="LYN703" s="613"/>
      <c r="LYO703" s="613"/>
      <c r="LYP703" s="613"/>
      <c r="LYQ703" s="613"/>
      <c r="LYR703" s="613"/>
      <c r="LYS703" s="613"/>
      <c r="LYT703" s="613"/>
      <c r="LYU703" s="613"/>
      <c r="LYV703" s="613"/>
      <c r="LYW703" s="613"/>
      <c r="LYX703" s="613"/>
      <c r="LYY703" s="613"/>
      <c r="LYZ703" s="613"/>
      <c r="LZA703" s="613"/>
      <c r="LZB703" s="613"/>
      <c r="LZC703" s="613"/>
      <c r="LZD703" s="613"/>
      <c r="LZE703" s="613"/>
      <c r="LZF703" s="613"/>
      <c r="LZG703" s="613"/>
      <c r="LZH703" s="613"/>
      <c r="LZI703" s="613"/>
      <c r="LZJ703" s="613"/>
      <c r="LZK703" s="613"/>
      <c r="LZL703" s="613"/>
      <c r="LZM703" s="613"/>
      <c r="LZN703" s="613"/>
      <c r="LZO703" s="613"/>
      <c r="LZP703" s="613"/>
      <c r="LZQ703" s="613"/>
      <c r="LZR703" s="613"/>
      <c r="LZS703" s="613"/>
      <c r="LZT703" s="613"/>
      <c r="LZU703" s="613"/>
      <c r="LZV703" s="613"/>
      <c r="LZW703" s="613"/>
      <c r="LZX703" s="613"/>
      <c r="LZY703" s="613"/>
      <c r="LZZ703" s="613"/>
      <c r="MAA703" s="613"/>
      <c r="MAB703" s="613"/>
      <c r="MAC703" s="613"/>
      <c r="MAD703" s="613"/>
      <c r="MAE703" s="613"/>
      <c r="MAF703" s="613"/>
      <c r="MAG703" s="613"/>
      <c r="MAH703" s="613"/>
      <c r="MAI703" s="613"/>
      <c r="MAJ703" s="613"/>
      <c r="MAK703" s="613"/>
      <c r="MAL703" s="613"/>
      <c r="MAM703" s="613"/>
      <c r="MAN703" s="613"/>
      <c r="MAO703" s="613"/>
      <c r="MAP703" s="613"/>
      <c r="MAQ703" s="613"/>
      <c r="MAR703" s="613"/>
      <c r="MAS703" s="613"/>
      <c r="MAT703" s="613"/>
      <c r="MAU703" s="613"/>
      <c r="MAV703" s="613"/>
      <c r="MAW703" s="613"/>
      <c r="MAX703" s="613"/>
      <c r="MAY703" s="613"/>
      <c r="MAZ703" s="613"/>
      <c r="MBA703" s="613"/>
      <c r="MBB703" s="613"/>
      <c r="MBC703" s="613"/>
      <c r="MBD703" s="613"/>
      <c r="MBE703" s="613"/>
      <c r="MBF703" s="613"/>
      <c r="MBG703" s="613"/>
      <c r="MBH703" s="613"/>
      <c r="MBI703" s="613"/>
      <c r="MBJ703" s="613"/>
      <c r="MBK703" s="613"/>
      <c r="MBL703" s="613"/>
      <c r="MBM703" s="613"/>
      <c r="MBN703" s="613"/>
      <c r="MBO703" s="613"/>
      <c r="MBP703" s="613"/>
      <c r="MBQ703" s="613"/>
      <c r="MBR703" s="613"/>
      <c r="MBS703" s="613"/>
      <c r="MBT703" s="613"/>
      <c r="MBU703" s="613"/>
      <c r="MBV703" s="613"/>
      <c r="MBW703" s="613"/>
      <c r="MBX703" s="613"/>
      <c r="MBY703" s="613"/>
      <c r="MBZ703" s="613"/>
      <c r="MCA703" s="613"/>
      <c r="MCB703" s="613"/>
      <c r="MCC703" s="613"/>
      <c r="MCD703" s="613"/>
      <c r="MCE703" s="613"/>
      <c r="MCF703" s="613"/>
      <c r="MCG703" s="613"/>
      <c r="MCH703" s="613"/>
      <c r="MCI703" s="613"/>
      <c r="MCJ703" s="613"/>
      <c r="MCK703" s="613"/>
      <c r="MCL703" s="613"/>
      <c r="MCM703" s="613"/>
      <c r="MCN703" s="613"/>
      <c r="MCO703" s="613"/>
      <c r="MCP703" s="613"/>
      <c r="MCQ703" s="613"/>
      <c r="MCR703" s="613"/>
      <c r="MCS703" s="613"/>
      <c r="MCT703" s="613"/>
      <c r="MCU703" s="613"/>
      <c r="MCV703" s="613"/>
      <c r="MCW703" s="613"/>
      <c r="MCX703" s="613"/>
      <c r="MCY703" s="613"/>
      <c r="MCZ703" s="613"/>
      <c r="MDA703" s="613"/>
      <c r="MDB703" s="613"/>
      <c r="MDC703" s="613"/>
      <c r="MDD703" s="613"/>
      <c r="MDE703" s="613"/>
      <c r="MDF703" s="613"/>
      <c r="MDG703" s="613"/>
      <c r="MDH703" s="613"/>
      <c r="MDI703" s="613"/>
      <c r="MDJ703" s="613"/>
      <c r="MDK703" s="613"/>
      <c r="MDL703" s="613"/>
      <c r="MDM703" s="613"/>
      <c r="MDN703" s="613"/>
      <c r="MDO703" s="613"/>
      <c r="MDP703" s="613"/>
      <c r="MDQ703" s="613"/>
      <c r="MDR703" s="613"/>
      <c r="MDS703" s="613"/>
      <c r="MDT703" s="613"/>
      <c r="MDU703" s="613"/>
      <c r="MDV703" s="613"/>
      <c r="MDW703" s="613"/>
      <c r="MDX703" s="613"/>
      <c r="MDY703" s="613"/>
      <c r="MDZ703" s="613"/>
      <c r="MEA703" s="613"/>
      <c r="MEB703" s="613"/>
      <c r="MEC703" s="613"/>
      <c r="MED703" s="613"/>
      <c r="MEE703" s="613"/>
      <c r="MEF703" s="613"/>
      <c r="MEG703" s="613"/>
      <c r="MEH703" s="613"/>
      <c r="MEI703" s="613"/>
      <c r="MEJ703" s="613"/>
      <c r="MEK703" s="613"/>
      <c r="MEL703" s="613"/>
      <c r="MEM703" s="613"/>
      <c r="MEN703" s="613"/>
      <c r="MEO703" s="613"/>
      <c r="MEP703" s="613"/>
      <c r="MEQ703" s="613"/>
      <c r="MER703" s="613"/>
      <c r="MES703" s="613"/>
      <c r="MET703" s="613"/>
      <c r="MEU703" s="613"/>
      <c r="MEV703" s="613"/>
      <c r="MEW703" s="613"/>
      <c r="MEX703" s="613"/>
      <c r="MEY703" s="613"/>
      <c r="MEZ703" s="613"/>
      <c r="MFA703" s="613"/>
      <c r="MFB703" s="613"/>
      <c r="MFC703" s="613"/>
      <c r="MFD703" s="613"/>
      <c r="MFE703" s="613"/>
      <c r="MFF703" s="613"/>
      <c r="MFG703" s="613"/>
      <c r="MFH703" s="613"/>
      <c r="MFI703" s="613"/>
      <c r="MFJ703" s="613"/>
      <c r="MFK703" s="613"/>
      <c r="MFL703" s="613"/>
      <c r="MFM703" s="613"/>
      <c r="MFN703" s="613"/>
      <c r="MFO703" s="613"/>
      <c r="MFP703" s="613"/>
      <c r="MFQ703" s="613"/>
      <c r="MFR703" s="613"/>
      <c r="MFS703" s="613"/>
      <c r="MFT703" s="613"/>
      <c r="MFU703" s="613"/>
      <c r="MFV703" s="613"/>
      <c r="MFW703" s="613"/>
      <c r="MFX703" s="613"/>
      <c r="MFY703" s="613"/>
      <c r="MFZ703" s="613"/>
      <c r="MGA703" s="613"/>
      <c r="MGB703" s="613"/>
      <c r="MGC703" s="613"/>
      <c r="MGD703" s="613"/>
      <c r="MGE703" s="613"/>
      <c r="MGF703" s="613"/>
      <c r="MGG703" s="613"/>
      <c r="MGH703" s="613"/>
      <c r="MGI703" s="613"/>
      <c r="MGJ703" s="613"/>
      <c r="MGK703" s="613"/>
      <c r="MGL703" s="613"/>
      <c r="MGM703" s="613"/>
      <c r="MGN703" s="613"/>
      <c r="MGO703" s="613"/>
      <c r="MGP703" s="613"/>
      <c r="MGQ703" s="613"/>
      <c r="MGR703" s="613"/>
      <c r="MGS703" s="613"/>
      <c r="MGT703" s="613"/>
      <c r="MGU703" s="613"/>
      <c r="MGV703" s="613"/>
      <c r="MGW703" s="613"/>
      <c r="MGX703" s="613"/>
      <c r="MGY703" s="613"/>
      <c r="MGZ703" s="613"/>
      <c r="MHA703" s="613"/>
      <c r="MHB703" s="613"/>
      <c r="MHC703" s="613"/>
      <c r="MHD703" s="613"/>
      <c r="MHE703" s="613"/>
      <c r="MHF703" s="613"/>
      <c r="MHG703" s="613"/>
      <c r="MHH703" s="613"/>
      <c r="MHI703" s="613"/>
      <c r="MHJ703" s="613"/>
      <c r="MHK703" s="613"/>
      <c r="MHL703" s="613"/>
      <c r="MHM703" s="613"/>
      <c r="MHN703" s="613"/>
      <c r="MHO703" s="613"/>
      <c r="MHP703" s="613"/>
      <c r="MHQ703" s="613"/>
      <c r="MHR703" s="613"/>
      <c r="MHS703" s="613"/>
      <c r="MHT703" s="613"/>
      <c r="MHU703" s="613"/>
      <c r="MHV703" s="613"/>
      <c r="MHW703" s="613"/>
      <c r="MHX703" s="613"/>
      <c r="MHY703" s="613"/>
      <c r="MHZ703" s="613"/>
      <c r="MIA703" s="613"/>
      <c r="MIB703" s="613"/>
      <c r="MIC703" s="613"/>
      <c r="MID703" s="613"/>
      <c r="MIE703" s="613"/>
      <c r="MIF703" s="613"/>
      <c r="MIG703" s="613"/>
      <c r="MIH703" s="613"/>
      <c r="MII703" s="613"/>
      <c r="MIJ703" s="613"/>
      <c r="MIK703" s="613"/>
      <c r="MIL703" s="613"/>
      <c r="MIM703" s="613"/>
      <c r="MIN703" s="613"/>
      <c r="MIO703" s="613"/>
      <c r="MIP703" s="613"/>
      <c r="MIQ703" s="613"/>
      <c r="MIR703" s="613"/>
      <c r="MIS703" s="613"/>
      <c r="MIT703" s="613"/>
      <c r="MIU703" s="613"/>
      <c r="MIV703" s="613"/>
      <c r="MIW703" s="613"/>
      <c r="MIX703" s="613"/>
      <c r="MIY703" s="613"/>
      <c r="MIZ703" s="613"/>
      <c r="MJA703" s="613"/>
      <c r="MJB703" s="613"/>
      <c r="MJC703" s="613"/>
      <c r="MJD703" s="613"/>
      <c r="MJE703" s="613"/>
      <c r="MJF703" s="613"/>
      <c r="MJG703" s="613"/>
      <c r="MJH703" s="613"/>
      <c r="MJI703" s="613"/>
      <c r="MJJ703" s="613"/>
      <c r="MJK703" s="613"/>
      <c r="MJL703" s="613"/>
      <c r="MJM703" s="613"/>
      <c r="MJN703" s="613"/>
      <c r="MJO703" s="613"/>
      <c r="MJP703" s="613"/>
      <c r="MJQ703" s="613"/>
      <c r="MJR703" s="613"/>
      <c r="MJS703" s="613"/>
      <c r="MJT703" s="613"/>
      <c r="MJU703" s="613"/>
      <c r="MJV703" s="613"/>
      <c r="MJW703" s="613"/>
      <c r="MJX703" s="613"/>
      <c r="MJY703" s="613"/>
      <c r="MJZ703" s="613"/>
      <c r="MKA703" s="613"/>
      <c r="MKB703" s="613"/>
      <c r="MKC703" s="613"/>
      <c r="MKD703" s="613"/>
      <c r="MKE703" s="613"/>
      <c r="MKF703" s="613"/>
      <c r="MKG703" s="613"/>
      <c r="MKH703" s="613"/>
      <c r="MKI703" s="613"/>
      <c r="MKJ703" s="613"/>
      <c r="MKK703" s="613"/>
      <c r="MKL703" s="613"/>
      <c r="MKM703" s="613"/>
      <c r="MKN703" s="613"/>
      <c r="MKO703" s="613"/>
      <c r="MKP703" s="613"/>
      <c r="MKQ703" s="613"/>
      <c r="MKR703" s="613"/>
      <c r="MKS703" s="613"/>
      <c r="MKT703" s="613"/>
      <c r="MKU703" s="613"/>
      <c r="MKV703" s="613"/>
      <c r="MKW703" s="613"/>
      <c r="MKX703" s="613"/>
      <c r="MKY703" s="613"/>
      <c r="MKZ703" s="613"/>
      <c r="MLA703" s="613"/>
      <c r="MLB703" s="613"/>
      <c r="MLC703" s="613"/>
      <c r="MLD703" s="613"/>
      <c r="MLE703" s="613"/>
      <c r="MLF703" s="613"/>
      <c r="MLG703" s="613"/>
      <c r="MLH703" s="613"/>
      <c r="MLI703" s="613"/>
      <c r="MLJ703" s="613"/>
      <c r="MLK703" s="613"/>
      <c r="MLL703" s="613"/>
      <c r="MLM703" s="613"/>
      <c r="MLN703" s="613"/>
      <c r="MLO703" s="613"/>
      <c r="MLP703" s="613"/>
      <c r="MLQ703" s="613"/>
      <c r="MLR703" s="613"/>
      <c r="MLS703" s="613"/>
      <c r="MLT703" s="613"/>
      <c r="MLU703" s="613"/>
      <c r="MLV703" s="613"/>
      <c r="MLW703" s="613"/>
      <c r="MLX703" s="613"/>
      <c r="MLY703" s="613"/>
      <c r="MLZ703" s="613"/>
      <c r="MMA703" s="613"/>
      <c r="MMB703" s="613"/>
      <c r="MMC703" s="613"/>
      <c r="MMD703" s="613"/>
      <c r="MME703" s="613"/>
      <c r="MMF703" s="613"/>
      <c r="MMG703" s="613"/>
      <c r="MMH703" s="613"/>
      <c r="MMI703" s="613"/>
      <c r="MMJ703" s="613"/>
      <c r="MMK703" s="613"/>
      <c r="MML703" s="613"/>
      <c r="MMM703" s="613"/>
      <c r="MMN703" s="613"/>
      <c r="MMO703" s="613"/>
      <c r="MMP703" s="613"/>
      <c r="MMQ703" s="613"/>
      <c r="MMR703" s="613"/>
      <c r="MMS703" s="613"/>
      <c r="MMT703" s="613"/>
      <c r="MMU703" s="613"/>
      <c r="MMV703" s="613"/>
      <c r="MMW703" s="613"/>
      <c r="MMX703" s="613"/>
      <c r="MMY703" s="613"/>
      <c r="MMZ703" s="613"/>
      <c r="MNA703" s="613"/>
      <c r="MNB703" s="613"/>
      <c r="MNC703" s="613"/>
      <c r="MND703" s="613"/>
      <c r="MNE703" s="613"/>
      <c r="MNF703" s="613"/>
      <c r="MNG703" s="613"/>
      <c r="MNH703" s="613"/>
      <c r="MNI703" s="613"/>
      <c r="MNJ703" s="613"/>
      <c r="MNK703" s="613"/>
      <c r="MNL703" s="613"/>
      <c r="MNM703" s="613"/>
      <c r="MNN703" s="613"/>
      <c r="MNO703" s="613"/>
      <c r="MNP703" s="613"/>
      <c r="MNQ703" s="613"/>
      <c r="MNR703" s="613"/>
      <c r="MNS703" s="613"/>
      <c r="MNT703" s="613"/>
      <c r="MNU703" s="613"/>
      <c r="MNV703" s="613"/>
      <c r="MNW703" s="613"/>
      <c r="MNX703" s="613"/>
      <c r="MNY703" s="613"/>
      <c r="MNZ703" s="613"/>
      <c r="MOA703" s="613"/>
      <c r="MOB703" s="613"/>
      <c r="MOC703" s="613"/>
      <c r="MOD703" s="613"/>
      <c r="MOE703" s="613"/>
      <c r="MOF703" s="613"/>
      <c r="MOG703" s="613"/>
      <c r="MOH703" s="613"/>
      <c r="MOI703" s="613"/>
      <c r="MOJ703" s="613"/>
      <c r="MOK703" s="613"/>
      <c r="MOL703" s="613"/>
      <c r="MOM703" s="613"/>
      <c r="MON703" s="613"/>
      <c r="MOO703" s="613"/>
      <c r="MOP703" s="613"/>
      <c r="MOQ703" s="613"/>
      <c r="MOR703" s="613"/>
      <c r="MOS703" s="613"/>
      <c r="MOT703" s="613"/>
      <c r="MOU703" s="613"/>
      <c r="MOV703" s="613"/>
      <c r="MOW703" s="613"/>
      <c r="MOX703" s="613"/>
      <c r="MOY703" s="613"/>
      <c r="MOZ703" s="613"/>
      <c r="MPA703" s="613"/>
      <c r="MPB703" s="613"/>
      <c r="MPC703" s="613"/>
      <c r="MPD703" s="613"/>
      <c r="MPE703" s="613"/>
      <c r="MPF703" s="613"/>
      <c r="MPG703" s="613"/>
      <c r="MPH703" s="613"/>
      <c r="MPI703" s="613"/>
      <c r="MPJ703" s="613"/>
      <c r="MPK703" s="613"/>
      <c r="MPL703" s="613"/>
      <c r="MPM703" s="613"/>
      <c r="MPN703" s="613"/>
      <c r="MPO703" s="613"/>
      <c r="MPP703" s="613"/>
      <c r="MPQ703" s="613"/>
      <c r="MPR703" s="613"/>
      <c r="MPS703" s="613"/>
      <c r="MPT703" s="613"/>
      <c r="MPU703" s="613"/>
      <c r="MPV703" s="613"/>
      <c r="MPW703" s="613"/>
      <c r="MPX703" s="613"/>
      <c r="MPY703" s="613"/>
      <c r="MPZ703" s="613"/>
      <c r="MQA703" s="613"/>
      <c r="MQB703" s="613"/>
      <c r="MQC703" s="613"/>
      <c r="MQD703" s="613"/>
      <c r="MQE703" s="613"/>
      <c r="MQF703" s="613"/>
      <c r="MQG703" s="613"/>
      <c r="MQH703" s="613"/>
      <c r="MQI703" s="613"/>
      <c r="MQJ703" s="613"/>
      <c r="MQK703" s="613"/>
      <c r="MQL703" s="613"/>
      <c r="MQM703" s="613"/>
      <c r="MQN703" s="613"/>
      <c r="MQO703" s="613"/>
      <c r="MQP703" s="613"/>
      <c r="MQQ703" s="613"/>
      <c r="MQR703" s="613"/>
      <c r="MQS703" s="613"/>
      <c r="MQT703" s="613"/>
      <c r="MQU703" s="613"/>
      <c r="MQV703" s="613"/>
      <c r="MQW703" s="613"/>
      <c r="MQX703" s="613"/>
      <c r="MQY703" s="613"/>
      <c r="MQZ703" s="613"/>
      <c r="MRA703" s="613"/>
      <c r="MRB703" s="613"/>
      <c r="MRC703" s="613"/>
      <c r="MRD703" s="613"/>
      <c r="MRE703" s="613"/>
      <c r="MRF703" s="613"/>
      <c r="MRG703" s="613"/>
      <c r="MRH703" s="613"/>
      <c r="MRI703" s="613"/>
      <c r="MRJ703" s="613"/>
      <c r="MRK703" s="613"/>
      <c r="MRL703" s="613"/>
      <c r="MRM703" s="613"/>
      <c r="MRN703" s="613"/>
      <c r="MRO703" s="613"/>
      <c r="MRP703" s="613"/>
      <c r="MRQ703" s="613"/>
      <c r="MRR703" s="613"/>
      <c r="MRS703" s="613"/>
      <c r="MRT703" s="613"/>
      <c r="MRU703" s="613"/>
      <c r="MRV703" s="613"/>
      <c r="MRW703" s="613"/>
      <c r="MRX703" s="613"/>
      <c r="MRY703" s="613"/>
      <c r="MRZ703" s="613"/>
      <c r="MSA703" s="613"/>
      <c r="MSB703" s="613"/>
      <c r="MSC703" s="613"/>
      <c r="MSD703" s="613"/>
      <c r="MSE703" s="613"/>
      <c r="MSF703" s="613"/>
      <c r="MSG703" s="613"/>
      <c r="MSH703" s="613"/>
      <c r="MSI703" s="613"/>
      <c r="MSJ703" s="613"/>
      <c r="MSK703" s="613"/>
      <c r="MSL703" s="613"/>
      <c r="MSM703" s="613"/>
      <c r="MSN703" s="613"/>
      <c r="MSO703" s="613"/>
      <c r="MSP703" s="613"/>
      <c r="MSQ703" s="613"/>
      <c r="MSR703" s="613"/>
      <c r="MSS703" s="613"/>
      <c r="MST703" s="613"/>
      <c r="MSU703" s="613"/>
      <c r="MSV703" s="613"/>
      <c r="MSW703" s="613"/>
      <c r="MSX703" s="613"/>
      <c r="MSY703" s="613"/>
      <c r="MSZ703" s="613"/>
      <c r="MTA703" s="613"/>
      <c r="MTB703" s="613"/>
      <c r="MTC703" s="613"/>
      <c r="MTD703" s="613"/>
      <c r="MTE703" s="613"/>
      <c r="MTF703" s="613"/>
      <c r="MTG703" s="613"/>
      <c r="MTH703" s="613"/>
      <c r="MTI703" s="613"/>
      <c r="MTJ703" s="613"/>
      <c r="MTK703" s="613"/>
      <c r="MTL703" s="613"/>
      <c r="MTM703" s="613"/>
      <c r="MTN703" s="613"/>
      <c r="MTO703" s="613"/>
      <c r="MTP703" s="613"/>
      <c r="MTQ703" s="613"/>
      <c r="MTR703" s="613"/>
      <c r="MTS703" s="613"/>
      <c r="MTT703" s="613"/>
      <c r="MTU703" s="613"/>
      <c r="MTV703" s="613"/>
      <c r="MTW703" s="613"/>
      <c r="MTX703" s="613"/>
      <c r="MTY703" s="613"/>
      <c r="MTZ703" s="613"/>
      <c r="MUA703" s="613"/>
      <c r="MUB703" s="613"/>
      <c r="MUC703" s="613"/>
      <c r="MUD703" s="613"/>
      <c r="MUE703" s="613"/>
      <c r="MUF703" s="613"/>
      <c r="MUG703" s="613"/>
      <c r="MUH703" s="613"/>
      <c r="MUI703" s="613"/>
      <c r="MUJ703" s="613"/>
      <c r="MUK703" s="613"/>
      <c r="MUL703" s="613"/>
      <c r="MUM703" s="613"/>
      <c r="MUN703" s="613"/>
      <c r="MUO703" s="613"/>
      <c r="MUP703" s="613"/>
      <c r="MUQ703" s="613"/>
      <c r="MUR703" s="613"/>
      <c r="MUS703" s="613"/>
      <c r="MUT703" s="613"/>
      <c r="MUU703" s="613"/>
      <c r="MUV703" s="613"/>
      <c r="MUW703" s="613"/>
      <c r="MUX703" s="613"/>
      <c r="MUY703" s="613"/>
      <c r="MUZ703" s="613"/>
      <c r="MVA703" s="613"/>
      <c r="MVB703" s="613"/>
      <c r="MVC703" s="613"/>
      <c r="MVD703" s="613"/>
      <c r="MVE703" s="613"/>
      <c r="MVF703" s="613"/>
      <c r="MVG703" s="613"/>
      <c r="MVH703" s="613"/>
      <c r="MVI703" s="613"/>
      <c r="MVJ703" s="613"/>
      <c r="MVK703" s="613"/>
      <c r="MVL703" s="613"/>
      <c r="MVM703" s="613"/>
      <c r="MVN703" s="613"/>
      <c r="MVO703" s="613"/>
      <c r="MVP703" s="613"/>
      <c r="MVQ703" s="613"/>
      <c r="MVR703" s="613"/>
      <c r="MVS703" s="613"/>
      <c r="MVT703" s="613"/>
      <c r="MVU703" s="613"/>
      <c r="MVV703" s="613"/>
      <c r="MVW703" s="613"/>
      <c r="MVX703" s="613"/>
      <c r="MVY703" s="613"/>
      <c r="MVZ703" s="613"/>
      <c r="MWA703" s="613"/>
      <c r="MWB703" s="613"/>
      <c r="MWC703" s="613"/>
      <c r="MWD703" s="613"/>
      <c r="MWE703" s="613"/>
      <c r="MWF703" s="613"/>
      <c r="MWG703" s="613"/>
      <c r="MWH703" s="613"/>
      <c r="MWI703" s="613"/>
      <c r="MWJ703" s="613"/>
      <c r="MWK703" s="613"/>
      <c r="MWL703" s="613"/>
      <c r="MWM703" s="613"/>
      <c r="MWN703" s="613"/>
      <c r="MWO703" s="613"/>
      <c r="MWP703" s="613"/>
      <c r="MWQ703" s="613"/>
      <c r="MWR703" s="613"/>
      <c r="MWS703" s="613"/>
      <c r="MWT703" s="613"/>
      <c r="MWU703" s="613"/>
      <c r="MWV703" s="613"/>
      <c r="MWW703" s="613"/>
      <c r="MWX703" s="613"/>
      <c r="MWY703" s="613"/>
      <c r="MWZ703" s="613"/>
      <c r="MXA703" s="613"/>
      <c r="MXB703" s="613"/>
      <c r="MXC703" s="613"/>
      <c r="MXD703" s="613"/>
      <c r="MXE703" s="613"/>
      <c r="MXF703" s="613"/>
      <c r="MXG703" s="613"/>
      <c r="MXH703" s="613"/>
      <c r="MXI703" s="613"/>
      <c r="MXJ703" s="613"/>
      <c r="MXK703" s="613"/>
      <c r="MXL703" s="613"/>
      <c r="MXM703" s="613"/>
      <c r="MXN703" s="613"/>
      <c r="MXO703" s="613"/>
      <c r="MXP703" s="613"/>
      <c r="MXQ703" s="613"/>
      <c r="MXR703" s="613"/>
      <c r="MXS703" s="613"/>
      <c r="MXT703" s="613"/>
      <c r="MXU703" s="613"/>
      <c r="MXV703" s="613"/>
      <c r="MXW703" s="613"/>
      <c r="MXX703" s="613"/>
      <c r="MXY703" s="613"/>
      <c r="MXZ703" s="613"/>
      <c r="MYA703" s="613"/>
      <c r="MYB703" s="613"/>
      <c r="MYC703" s="613"/>
      <c r="MYD703" s="613"/>
      <c r="MYE703" s="613"/>
      <c r="MYF703" s="613"/>
      <c r="MYG703" s="613"/>
      <c r="MYH703" s="613"/>
      <c r="MYI703" s="613"/>
      <c r="MYJ703" s="613"/>
      <c r="MYK703" s="613"/>
      <c r="MYL703" s="613"/>
      <c r="MYM703" s="613"/>
      <c r="MYN703" s="613"/>
      <c r="MYO703" s="613"/>
      <c r="MYP703" s="613"/>
      <c r="MYQ703" s="613"/>
      <c r="MYR703" s="613"/>
      <c r="MYS703" s="613"/>
      <c r="MYT703" s="613"/>
      <c r="MYU703" s="613"/>
      <c r="MYV703" s="613"/>
      <c r="MYW703" s="613"/>
      <c r="MYX703" s="613"/>
      <c r="MYY703" s="613"/>
      <c r="MYZ703" s="613"/>
      <c r="MZA703" s="613"/>
      <c r="MZB703" s="613"/>
      <c r="MZC703" s="613"/>
      <c r="MZD703" s="613"/>
      <c r="MZE703" s="613"/>
      <c r="MZF703" s="613"/>
      <c r="MZG703" s="613"/>
      <c r="MZH703" s="613"/>
      <c r="MZI703" s="613"/>
      <c r="MZJ703" s="613"/>
      <c r="MZK703" s="613"/>
      <c r="MZL703" s="613"/>
      <c r="MZM703" s="613"/>
      <c r="MZN703" s="613"/>
      <c r="MZO703" s="613"/>
      <c r="MZP703" s="613"/>
      <c r="MZQ703" s="613"/>
      <c r="MZR703" s="613"/>
      <c r="MZS703" s="613"/>
      <c r="MZT703" s="613"/>
      <c r="MZU703" s="613"/>
      <c r="MZV703" s="613"/>
      <c r="MZW703" s="613"/>
      <c r="MZX703" s="613"/>
      <c r="MZY703" s="613"/>
      <c r="MZZ703" s="613"/>
      <c r="NAA703" s="613"/>
      <c r="NAB703" s="613"/>
      <c r="NAC703" s="613"/>
      <c r="NAD703" s="613"/>
      <c r="NAE703" s="613"/>
      <c r="NAF703" s="613"/>
      <c r="NAG703" s="613"/>
      <c r="NAH703" s="613"/>
      <c r="NAI703" s="613"/>
      <c r="NAJ703" s="613"/>
      <c r="NAK703" s="613"/>
      <c r="NAL703" s="613"/>
      <c r="NAM703" s="613"/>
      <c r="NAN703" s="613"/>
      <c r="NAO703" s="613"/>
      <c r="NAP703" s="613"/>
      <c r="NAQ703" s="613"/>
      <c r="NAR703" s="613"/>
      <c r="NAS703" s="613"/>
      <c r="NAT703" s="613"/>
      <c r="NAU703" s="613"/>
      <c r="NAV703" s="613"/>
      <c r="NAW703" s="613"/>
      <c r="NAX703" s="613"/>
      <c r="NAY703" s="613"/>
      <c r="NAZ703" s="613"/>
      <c r="NBA703" s="613"/>
      <c r="NBB703" s="613"/>
      <c r="NBC703" s="613"/>
      <c r="NBD703" s="613"/>
      <c r="NBE703" s="613"/>
      <c r="NBF703" s="613"/>
      <c r="NBG703" s="613"/>
      <c r="NBH703" s="613"/>
      <c r="NBI703" s="613"/>
      <c r="NBJ703" s="613"/>
      <c r="NBK703" s="613"/>
      <c r="NBL703" s="613"/>
      <c r="NBM703" s="613"/>
      <c r="NBN703" s="613"/>
      <c r="NBO703" s="613"/>
      <c r="NBP703" s="613"/>
      <c r="NBQ703" s="613"/>
      <c r="NBR703" s="613"/>
      <c r="NBS703" s="613"/>
      <c r="NBT703" s="613"/>
      <c r="NBU703" s="613"/>
      <c r="NBV703" s="613"/>
      <c r="NBW703" s="613"/>
      <c r="NBX703" s="613"/>
      <c r="NBY703" s="613"/>
      <c r="NBZ703" s="613"/>
      <c r="NCA703" s="613"/>
      <c r="NCB703" s="613"/>
      <c r="NCC703" s="613"/>
      <c r="NCD703" s="613"/>
      <c r="NCE703" s="613"/>
      <c r="NCF703" s="613"/>
      <c r="NCG703" s="613"/>
      <c r="NCH703" s="613"/>
      <c r="NCI703" s="613"/>
      <c r="NCJ703" s="613"/>
      <c r="NCK703" s="613"/>
      <c r="NCL703" s="613"/>
      <c r="NCM703" s="613"/>
      <c r="NCN703" s="613"/>
      <c r="NCO703" s="613"/>
      <c r="NCP703" s="613"/>
      <c r="NCQ703" s="613"/>
      <c r="NCR703" s="613"/>
      <c r="NCS703" s="613"/>
      <c r="NCT703" s="613"/>
      <c r="NCU703" s="613"/>
      <c r="NCV703" s="613"/>
      <c r="NCW703" s="613"/>
      <c r="NCX703" s="613"/>
      <c r="NCY703" s="613"/>
      <c r="NCZ703" s="613"/>
      <c r="NDA703" s="613"/>
      <c r="NDB703" s="613"/>
      <c r="NDC703" s="613"/>
      <c r="NDD703" s="613"/>
      <c r="NDE703" s="613"/>
      <c r="NDF703" s="613"/>
      <c r="NDG703" s="613"/>
      <c r="NDH703" s="613"/>
      <c r="NDI703" s="613"/>
      <c r="NDJ703" s="613"/>
      <c r="NDK703" s="613"/>
      <c r="NDL703" s="613"/>
      <c r="NDM703" s="613"/>
      <c r="NDN703" s="613"/>
      <c r="NDO703" s="613"/>
      <c r="NDP703" s="613"/>
      <c r="NDQ703" s="613"/>
      <c r="NDR703" s="613"/>
      <c r="NDS703" s="613"/>
      <c r="NDT703" s="613"/>
      <c r="NDU703" s="613"/>
      <c r="NDV703" s="613"/>
      <c r="NDW703" s="613"/>
      <c r="NDX703" s="613"/>
      <c r="NDY703" s="613"/>
      <c r="NDZ703" s="613"/>
      <c r="NEA703" s="613"/>
      <c r="NEB703" s="613"/>
      <c r="NEC703" s="613"/>
      <c r="NED703" s="613"/>
      <c r="NEE703" s="613"/>
      <c r="NEF703" s="613"/>
      <c r="NEG703" s="613"/>
      <c r="NEH703" s="613"/>
      <c r="NEI703" s="613"/>
      <c r="NEJ703" s="613"/>
      <c r="NEK703" s="613"/>
      <c r="NEL703" s="613"/>
      <c r="NEM703" s="613"/>
      <c r="NEN703" s="613"/>
      <c r="NEO703" s="613"/>
      <c r="NEP703" s="613"/>
      <c r="NEQ703" s="613"/>
      <c r="NER703" s="613"/>
      <c r="NES703" s="613"/>
      <c r="NET703" s="613"/>
      <c r="NEU703" s="613"/>
      <c r="NEV703" s="613"/>
      <c r="NEW703" s="613"/>
      <c r="NEX703" s="613"/>
      <c r="NEY703" s="613"/>
      <c r="NEZ703" s="613"/>
      <c r="NFA703" s="613"/>
      <c r="NFB703" s="613"/>
      <c r="NFC703" s="613"/>
      <c r="NFD703" s="613"/>
      <c r="NFE703" s="613"/>
      <c r="NFF703" s="613"/>
      <c r="NFG703" s="613"/>
      <c r="NFH703" s="613"/>
      <c r="NFI703" s="613"/>
      <c r="NFJ703" s="613"/>
      <c r="NFK703" s="613"/>
      <c r="NFL703" s="613"/>
      <c r="NFM703" s="613"/>
      <c r="NFN703" s="613"/>
      <c r="NFO703" s="613"/>
      <c r="NFP703" s="613"/>
      <c r="NFQ703" s="613"/>
      <c r="NFR703" s="613"/>
      <c r="NFS703" s="613"/>
      <c r="NFT703" s="613"/>
      <c r="NFU703" s="613"/>
      <c r="NFV703" s="613"/>
      <c r="NFW703" s="613"/>
      <c r="NFX703" s="613"/>
      <c r="NFY703" s="613"/>
      <c r="NFZ703" s="613"/>
      <c r="NGA703" s="613"/>
      <c r="NGB703" s="613"/>
      <c r="NGC703" s="613"/>
      <c r="NGD703" s="613"/>
      <c r="NGE703" s="613"/>
      <c r="NGF703" s="613"/>
      <c r="NGG703" s="613"/>
      <c r="NGH703" s="613"/>
      <c r="NGI703" s="613"/>
      <c r="NGJ703" s="613"/>
      <c r="NGK703" s="613"/>
      <c r="NGL703" s="613"/>
      <c r="NGM703" s="613"/>
      <c r="NGN703" s="613"/>
      <c r="NGO703" s="613"/>
      <c r="NGP703" s="613"/>
      <c r="NGQ703" s="613"/>
      <c r="NGR703" s="613"/>
      <c r="NGS703" s="613"/>
      <c r="NGT703" s="613"/>
      <c r="NGU703" s="613"/>
      <c r="NGV703" s="613"/>
      <c r="NGW703" s="613"/>
      <c r="NGX703" s="613"/>
      <c r="NGY703" s="613"/>
      <c r="NGZ703" s="613"/>
      <c r="NHA703" s="613"/>
      <c r="NHB703" s="613"/>
      <c r="NHC703" s="613"/>
      <c r="NHD703" s="613"/>
      <c r="NHE703" s="613"/>
      <c r="NHF703" s="613"/>
      <c r="NHG703" s="613"/>
      <c r="NHH703" s="613"/>
      <c r="NHI703" s="613"/>
      <c r="NHJ703" s="613"/>
      <c r="NHK703" s="613"/>
      <c r="NHL703" s="613"/>
      <c r="NHM703" s="613"/>
      <c r="NHN703" s="613"/>
      <c r="NHO703" s="613"/>
      <c r="NHP703" s="613"/>
      <c r="NHQ703" s="613"/>
      <c r="NHR703" s="613"/>
      <c r="NHS703" s="613"/>
      <c r="NHT703" s="613"/>
      <c r="NHU703" s="613"/>
      <c r="NHV703" s="613"/>
      <c r="NHW703" s="613"/>
      <c r="NHX703" s="613"/>
      <c r="NHY703" s="613"/>
      <c r="NHZ703" s="613"/>
      <c r="NIA703" s="613"/>
      <c r="NIB703" s="613"/>
      <c r="NIC703" s="613"/>
      <c r="NID703" s="613"/>
      <c r="NIE703" s="613"/>
      <c r="NIF703" s="613"/>
      <c r="NIG703" s="613"/>
      <c r="NIH703" s="613"/>
      <c r="NII703" s="613"/>
      <c r="NIJ703" s="613"/>
      <c r="NIK703" s="613"/>
      <c r="NIL703" s="613"/>
      <c r="NIM703" s="613"/>
      <c r="NIN703" s="613"/>
      <c r="NIO703" s="613"/>
      <c r="NIP703" s="613"/>
      <c r="NIQ703" s="613"/>
      <c r="NIR703" s="613"/>
      <c r="NIS703" s="613"/>
      <c r="NIT703" s="613"/>
      <c r="NIU703" s="613"/>
      <c r="NIV703" s="613"/>
      <c r="NIW703" s="613"/>
      <c r="NIX703" s="613"/>
      <c r="NIY703" s="613"/>
      <c r="NIZ703" s="613"/>
      <c r="NJA703" s="613"/>
      <c r="NJB703" s="613"/>
      <c r="NJC703" s="613"/>
      <c r="NJD703" s="613"/>
      <c r="NJE703" s="613"/>
      <c r="NJF703" s="613"/>
      <c r="NJG703" s="613"/>
      <c r="NJH703" s="613"/>
      <c r="NJI703" s="613"/>
      <c r="NJJ703" s="613"/>
      <c r="NJK703" s="613"/>
      <c r="NJL703" s="613"/>
      <c r="NJM703" s="613"/>
      <c r="NJN703" s="613"/>
      <c r="NJO703" s="613"/>
      <c r="NJP703" s="613"/>
      <c r="NJQ703" s="613"/>
      <c r="NJR703" s="613"/>
      <c r="NJS703" s="613"/>
      <c r="NJT703" s="613"/>
      <c r="NJU703" s="613"/>
      <c r="NJV703" s="613"/>
      <c r="NJW703" s="613"/>
      <c r="NJX703" s="613"/>
      <c r="NJY703" s="613"/>
      <c r="NJZ703" s="613"/>
      <c r="NKA703" s="613"/>
      <c r="NKB703" s="613"/>
      <c r="NKC703" s="613"/>
      <c r="NKD703" s="613"/>
      <c r="NKE703" s="613"/>
      <c r="NKF703" s="613"/>
      <c r="NKG703" s="613"/>
      <c r="NKH703" s="613"/>
      <c r="NKI703" s="613"/>
      <c r="NKJ703" s="613"/>
      <c r="NKK703" s="613"/>
      <c r="NKL703" s="613"/>
      <c r="NKM703" s="613"/>
      <c r="NKN703" s="613"/>
      <c r="NKO703" s="613"/>
      <c r="NKP703" s="613"/>
      <c r="NKQ703" s="613"/>
      <c r="NKR703" s="613"/>
      <c r="NKS703" s="613"/>
      <c r="NKT703" s="613"/>
      <c r="NKU703" s="613"/>
      <c r="NKV703" s="613"/>
      <c r="NKW703" s="613"/>
      <c r="NKX703" s="613"/>
      <c r="NKY703" s="613"/>
      <c r="NKZ703" s="613"/>
      <c r="NLA703" s="613"/>
      <c r="NLB703" s="613"/>
      <c r="NLC703" s="613"/>
      <c r="NLD703" s="613"/>
      <c r="NLE703" s="613"/>
      <c r="NLF703" s="613"/>
      <c r="NLG703" s="613"/>
      <c r="NLH703" s="613"/>
      <c r="NLI703" s="613"/>
      <c r="NLJ703" s="613"/>
      <c r="NLK703" s="613"/>
      <c r="NLL703" s="613"/>
      <c r="NLM703" s="613"/>
      <c r="NLN703" s="613"/>
      <c r="NLO703" s="613"/>
      <c r="NLP703" s="613"/>
      <c r="NLQ703" s="613"/>
      <c r="NLR703" s="613"/>
      <c r="NLS703" s="613"/>
      <c r="NLT703" s="613"/>
      <c r="NLU703" s="613"/>
      <c r="NLV703" s="613"/>
      <c r="NLW703" s="613"/>
      <c r="NLX703" s="613"/>
      <c r="NLY703" s="613"/>
      <c r="NLZ703" s="613"/>
      <c r="NMA703" s="613"/>
      <c r="NMB703" s="613"/>
      <c r="NMC703" s="613"/>
      <c r="NMD703" s="613"/>
      <c r="NME703" s="613"/>
      <c r="NMF703" s="613"/>
      <c r="NMG703" s="613"/>
      <c r="NMH703" s="613"/>
      <c r="NMI703" s="613"/>
      <c r="NMJ703" s="613"/>
      <c r="NMK703" s="613"/>
      <c r="NML703" s="613"/>
      <c r="NMM703" s="613"/>
      <c r="NMN703" s="613"/>
      <c r="NMO703" s="613"/>
      <c r="NMP703" s="613"/>
      <c r="NMQ703" s="613"/>
      <c r="NMR703" s="613"/>
      <c r="NMS703" s="613"/>
      <c r="NMT703" s="613"/>
      <c r="NMU703" s="613"/>
      <c r="NMV703" s="613"/>
      <c r="NMW703" s="613"/>
      <c r="NMX703" s="613"/>
      <c r="NMY703" s="613"/>
      <c r="NMZ703" s="613"/>
      <c r="NNA703" s="613"/>
      <c r="NNB703" s="613"/>
      <c r="NNC703" s="613"/>
      <c r="NND703" s="613"/>
      <c r="NNE703" s="613"/>
      <c r="NNF703" s="613"/>
      <c r="NNG703" s="613"/>
      <c r="NNH703" s="613"/>
      <c r="NNI703" s="613"/>
      <c r="NNJ703" s="613"/>
      <c r="NNK703" s="613"/>
      <c r="NNL703" s="613"/>
      <c r="NNM703" s="613"/>
      <c r="NNN703" s="613"/>
      <c r="NNO703" s="613"/>
      <c r="NNP703" s="613"/>
      <c r="NNQ703" s="613"/>
      <c r="NNR703" s="613"/>
      <c r="NNS703" s="613"/>
      <c r="NNT703" s="613"/>
      <c r="NNU703" s="613"/>
      <c r="NNV703" s="613"/>
      <c r="NNW703" s="613"/>
      <c r="NNX703" s="613"/>
      <c r="NNY703" s="613"/>
      <c r="NNZ703" s="613"/>
      <c r="NOA703" s="613"/>
      <c r="NOB703" s="613"/>
      <c r="NOC703" s="613"/>
      <c r="NOD703" s="613"/>
      <c r="NOE703" s="613"/>
      <c r="NOF703" s="613"/>
      <c r="NOG703" s="613"/>
      <c r="NOH703" s="613"/>
      <c r="NOI703" s="613"/>
      <c r="NOJ703" s="613"/>
      <c r="NOK703" s="613"/>
      <c r="NOL703" s="613"/>
      <c r="NOM703" s="613"/>
      <c r="NON703" s="613"/>
      <c r="NOO703" s="613"/>
      <c r="NOP703" s="613"/>
      <c r="NOQ703" s="613"/>
      <c r="NOR703" s="613"/>
      <c r="NOS703" s="613"/>
      <c r="NOT703" s="613"/>
      <c r="NOU703" s="613"/>
      <c r="NOV703" s="613"/>
      <c r="NOW703" s="613"/>
      <c r="NOX703" s="613"/>
      <c r="NOY703" s="613"/>
      <c r="NOZ703" s="613"/>
      <c r="NPA703" s="613"/>
      <c r="NPB703" s="613"/>
      <c r="NPC703" s="613"/>
      <c r="NPD703" s="613"/>
      <c r="NPE703" s="613"/>
      <c r="NPF703" s="613"/>
      <c r="NPG703" s="613"/>
      <c r="NPH703" s="613"/>
      <c r="NPI703" s="613"/>
      <c r="NPJ703" s="613"/>
      <c r="NPK703" s="613"/>
      <c r="NPL703" s="613"/>
      <c r="NPM703" s="613"/>
      <c r="NPN703" s="613"/>
      <c r="NPO703" s="613"/>
      <c r="NPP703" s="613"/>
      <c r="NPQ703" s="613"/>
      <c r="NPR703" s="613"/>
      <c r="NPS703" s="613"/>
      <c r="NPT703" s="613"/>
      <c r="NPU703" s="613"/>
      <c r="NPV703" s="613"/>
      <c r="NPW703" s="613"/>
      <c r="NPX703" s="613"/>
      <c r="NPY703" s="613"/>
      <c r="NPZ703" s="613"/>
      <c r="NQA703" s="613"/>
      <c r="NQB703" s="613"/>
      <c r="NQC703" s="613"/>
      <c r="NQD703" s="613"/>
      <c r="NQE703" s="613"/>
      <c r="NQF703" s="613"/>
      <c r="NQG703" s="613"/>
      <c r="NQH703" s="613"/>
      <c r="NQI703" s="613"/>
      <c r="NQJ703" s="613"/>
      <c r="NQK703" s="613"/>
      <c r="NQL703" s="613"/>
      <c r="NQM703" s="613"/>
      <c r="NQN703" s="613"/>
      <c r="NQO703" s="613"/>
      <c r="NQP703" s="613"/>
      <c r="NQQ703" s="613"/>
      <c r="NQR703" s="613"/>
      <c r="NQS703" s="613"/>
      <c r="NQT703" s="613"/>
      <c r="NQU703" s="613"/>
      <c r="NQV703" s="613"/>
      <c r="NQW703" s="613"/>
      <c r="NQX703" s="613"/>
      <c r="NQY703" s="613"/>
      <c r="NQZ703" s="613"/>
      <c r="NRA703" s="613"/>
      <c r="NRB703" s="613"/>
      <c r="NRC703" s="613"/>
      <c r="NRD703" s="613"/>
      <c r="NRE703" s="613"/>
      <c r="NRF703" s="613"/>
      <c r="NRG703" s="613"/>
      <c r="NRH703" s="613"/>
      <c r="NRI703" s="613"/>
      <c r="NRJ703" s="613"/>
      <c r="NRK703" s="613"/>
      <c r="NRL703" s="613"/>
      <c r="NRM703" s="613"/>
      <c r="NRN703" s="613"/>
      <c r="NRO703" s="613"/>
      <c r="NRP703" s="613"/>
      <c r="NRQ703" s="613"/>
      <c r="NRR703" s="613"/>
      <c r="NRS703" s="613"/>
      <c r="NRT703" s="613"/>
      <c r="NRU703" s="613"/>
      <c r="NRV703" s="613"/>
      <c r="NRW703" s="613"/>
      <c r="NRX703" s="613"/>
      <c r="NRY703" s="613"/>
      <c r="NRZ703" s="613"/>
      <c r="NSA703" s="613"/>
      <c r="NSB703" s="613"/>
      <c r="NSC703" s="613"/>
      <c r="NSD703" s="613"/>
      <c r="NSE703" s="613"/>
      <c r="NSF703" s="613"/>
      <c r="NSG703" s="613"/>
      <c r="NSH703" s="613"/>
      <c r="NSI703" s="613"/>
      <c r="NSJ703" s="613"/>
      <c r="NSK703" s="613"/>
      <c r="NSL703" s="613"/>
      <c r="NSM703" s="613"/>
      <c r="NSN703" s="613"/>
      <c r="NSO703" s="613"/>
      <c r="NSP703" s="613"/>
      <c r="NSQ703" s="613"/>
      <c r="NSR703" s="613"/>
      <c r="NSS703" s="613"/>
      <c r="NST703" s="613"/>
      <c r="NSU703" s="613"/>
      <c r="NSV703" s="613"/>
      <c r="NSW703" s="613"/>
      <c r="NSX703" s="613"/>
      <c r="NSY703" s="613"/>
      <c r="NSZ703" s="613"/>
      <c r="NTA703" s="613"/>
      <c r="NTB703" s="613"/>
      <c r="NTC703" s="613"/>
      <c r="NTD703" s="613"/>
      <c r="NTE703" s="613"/>
      <c r="NTF703" s="613"/>
      <c r="NTG703" s="613"/>
      <c r="NTH703" s="613"/>
      <c r="NTI703" s="613"/>
      <c r="NTJ703" s="613"/>
      <c r="NTK703" s="613"/>
      <c r="NTL703" s="613"/>
      <c r="NTM703" s="613"/>
      <c r="NTN703" s="613"/>
      <c r="NTO703" s="613"/>
      <c r="NTP703" s="613"/>
      <c r="NTQ703" s="613"/>
      <c r="NTR703" s="613"/>
      <c r="NTS703" s="613"/>
      <c r="NTT703" s="613"/>
      <c r="NTU703" s="613"/>
      <c r="NTV703" s="613"/>
      <c r="NTW703" s="613"/>
      <c r="NTX703" s="613"/>
      <c r="NTY703" s="613"/>
      <c r="NTZ703" s="613"/>
      <c r="NUA703" s="613"/>
      <c r="NUB703" s="613"/>
      <c r="NUC703" s="613"/>
      <c r="NUD703" s="613"/>
      <c r="NUE703" s="613"/>
      <c r="NUF703" s="613"/>
      <c r="NUG703" s="613"/>
      <c r="NUH703" s="613"/>
      <c r="NUI703" s="613"/>
      <c r="NUJ703" s="613"/>
      <c r="NUK703" s="613"/>
      <c r="NUL703" s="613"/>
      <c r="NUM703" s="613"/>
      <c r="NUN703" s="613"/>
      <c r="NUO703" s="613"/>
      <c r="NUP703" s="613"/>
      <c r="NUQ703" s="613"/>
      <c r="NUR703" s="613"/>
      <c r="NUS703" s="613"/>
      <c r="NUT703" s="613"/>
      <c r="NUU703" s="613"/>
      <c r="NUV703" s="613"/>
      <c r="NUW703" s="613"/>
      <c r="NUX703" s="613"/>
      <c r="NUY703" s="613"/>
      <c r="NUZ703" s="613"/>
      <c r="NVA703" s="613"/>
      <c r="NVB703" s="613"/>
      <c r="NVC703" s="613"/>
      <c r="NVD703" s="613"/>
      <c r="NVE703" s="613"/>
      <c r="NVF703" s="613"/>
      <c r="NVG703" s="613"/>
      <c r="NVH703" s="613"/>
      <c r="NVI703" s="613"/>
      <c r="NVJ703" s="613"/>
      <c r="NVK703" s="613"/>
      <c r="NVL703" s="613"/>
      <c r="NVM703" s="613"/>
      <c r="NVN703" s="613"/>
      <c r="NVO703" s="613"/>
      <c r="NVP703" s="613"/>
      <c r="NVQ703" s="613"/>
      <c r="NVR703" s="613"/>
      <c r="NVS703" s="613"/>
      <c r="NVT703" s="613"/>
      <c r="NVU703" s="613"/>
      <c r="NVV703" s="613"/>
      <c r="NVW703" s="613"/>
      <c r="NVX703" s="613"/>
      <c r="NVY703" s="613"/>
      <c r="NVZ703" s="613"/>
      <c r="NWA703" s="613"/>
      <c r="NWB703" s="613"/>
      <c r="NWC703" s="613"/>
      <c r="NWD703" s="613"/>
      <c r="NWE703" s="613"/>
      <c r="NWF703" s="613"/>
      <c r="NWG703" s="613"/>
      <c r="NWH703" s="613"/>
      <c r="NWI703" s="613"/>
      <c r="NWJ703" s="613"/>
      <c r="NWK703" s="613"/>
      <c r="NWL703" s="613"/>
      <c r="NWM703" s="613"/>
      <c r="NWN703" s="613"/>
      <c r="NWO703" s="613"/>
      <c r="NWP703" s="613"/>
      <c r="NWQ703" s="613"/>
      <c r="NWR703" s="613"/>
      <c r="NWS703" s="613"/>
      <c r="NWT703" s="613"/>
      <c r="NWU703" s="613"/>
      <c r="NWV703" s="613"/>
      <c r="NWW703" s="613"/>
      <c r="NWX703" s="613"/>
      <c r="NWY703" s="613"/>
      <c r="NWZ703" s="613"/>
      <c r="NXA703" s="613"/>
      <c r="NXB703" s="613"/>
      <c r="NXC703" s="613"/>
      <c r="NXD703" s="613"/>
      <c r="NXE703" s="613"/>
      <c r="NXF703" s="613"/>
      <c r="NXG703" s="613"/>
      <c r="NXH703" s="613"/>
      <c r="NXI703" s="613"/>
      <c r="NXJ703" s="613"/>
      <c r="NXK703" s="613"/>
      <c r="NXL703" s="613"/>
      <c r="NXM703" s="613"/>
      <c r="NXN703" s="613"/>
      <c r="NXO703" s="613"/>
      <c r="NXP703" s="613"/>
      <c r="NXQ703" s="613"/>
      <c r="NXR703" s="613"/>
      <c r="NXS703" s="613"/>
      <c r="NXT703" s="613"/>
      <c r="NXU703" s="613"/>
      <c r="NXV703" s="613"/>
      <c r="NXW703" s="613"/>
      <c r="NXX703" s="613"/>
      <c r="NXY703" s="613"/>
      <c r="NXZ703" s="613"/>
      <c r="NYA703" s="613"/>
      <c r="NYB703" s="613"/>
      <c r="NYC703" s="613"/>
      <c r="NYD703" s="613"/>
      <c r="NYE703" s="613"/>
      <c r="NYF703" s="613"/>
      <c r="NYG703" s="613"/>
      <c r="NYH703" s="613"/>
      <c r="NYI703" s="613"/>
      <c r="NYJ703" s="613"/>
      <c r="NYK703" s="613"/>
      <c r="NYL703" s="613"/>
      <c r="NYM703" s="613"/>
      <c r="NYN703" s="613"/>
      <c r="NYO703" s="613"/>
      <c r="NYP703" s="613"/>
      <c r="NYQ703" s="613"/>
      <c r="NYR703" s="613"/>
      <c r="NYS703" s="613"/>
      <c r="NYT703" s="613"/>
      <c r="NYU703" s="613"/>
      <c r="NYV703" s="613"/>
      <c r="NYW703" s="613"/>
      <c r="NYX703" s="613"/>
      <c r="NYY703" s="613"/>
      <c r="NYZ703" s="613"/>
      <c r="NZA703" s="613"/>
      <c r="NZB703" s="613"/>
      <c r="NZC703" s="613"/>
      <c r="NZD703" s="613"/>
      <c r="NZE703" s="613"/>
      <c r="NZF703" s="613"/>
      <c r="NZG703" s="613"/>
      <c r="NZH703" s="613"/>
      <c r="NZI703" s="613"/>
      <c r="NZJ703" s="613"/>
      <c r="NZK703" s="613"/>
      <c r="NZL703" s="613"/>
      <c r="NZM703" s="613"/>
      <c r="NZN703" s="613"/>
      <c r="NZO703" s="613"/>
      <c r="NZP703" s="613"/>
      <c r="NZQ703" s="613"/>
      <c r="NZR703" s="613"/>
      <c r="NZS703" s="613"/>
      <c r="NZT703" s="613"/>
      <c r="NZU703" s="613"/>
      <c r="NZV703" s="613"/>
      <c r="NZW703" s="613"/>
      <c r="NZX703" s="613"/>
      <c r="NZY703" s="613"/>
      <c r="NZZ703" s="613"/>
      <c r="OAA703" s="613"/>
      <c r="OAB703" s="613"/>
      <c r="OAC703" s="613"/>
      <c r="OAD703" s="613"/>
      <c r="OAE703" s="613"/>
      <c r="OAF703" s="613"/>
      <c r="OAG703" s="613"/>
      <c r="OAH703" s="613"/>
      <c r="OAI703" s="613"/>
      <c r="OAJ703" s="613"/>
      <c r="OAK703" s="613"/>
      <c r="OAL703" s="613"/>
      <c r="OAM703" s="613"/>
      <c r="OAN703" s="613"/>
      <c r="OAO703" s="613"/>
      <c r="OAP703" s="613"/>
      <c r="OAQ703" s="613"/>
      <c r="OAR703" s="613"/>
      <c r="OAS703" s="613"/>
      <c r="OAT703" s="613"/>
      <c r="OAU703" s="613"/>
      <c r="OAV703" s="613"/>
      <c r="OAW703" s="613"/>
      <c r="OAX703" s="613"/>
      <c r="OAY703" s="613"/>
      <c r="OAZ703" s="613"/>
      <c r="OBA703" s="613"/>
      <c r="OBB703" s="613"/>
      <c r="OBC703" s="613"/>
      <c r="OBD703" s="613"/>
      <c r="OBE703" s="613"/>
      <c r="OBF703" s="613"/>
      <c r="OBG703" s="613"/>
      <c r="OBH703" s="613"/>
      <c r="OBI703" s="613"/>
      <c r="OBJ703" s="613"/>
      <c r="OBK703" s="613"/>
      <c r="OBL703" s="613"/>
      <c r="OBM703" s="613"/>
      <c r="OBN703" s="613"/>
      <c r="OBO703" s="613"/>
      <c r="OBP703" s="613"/>
      <c r="OBQ703" s="613"/>
      <c r="OBR703" s="613"/>
      <c r="OBS703" s="613"/>
      <c r="OBT703" s="613"/>
      <c r="OBU703" s="613"/>
      <c r="OBV703" s="613"/>
      <c r="OBW703" s="613"/>
      <c r="OBX703" s="613"/>
      <c r="OBY703" s="613"/>
      <c r="OBZ703" s="613"/>
      <c r="OCA703" s="613"/>
      <c r="OCB703" s="613"/>
      <c r="OCC703" s="613"/>
      <c r="OCD703" s="613"/>
      <c r="OCE703" s="613"/>
      <c r="OCF703" s="613"/>
      <c r="OCG703" s="613"/>
      <c r="OCH703" s="613"/>
      <c r="OCI703" s="613"/>
      <c r="OCJ703" s="613"/>
      <c r="OCK703" s="613"/>
      <c r="OCL703" s="613"/>
      <c r="OCM703" s="613"/>
      <c r="OCN703" s="613"/>
      <c r="OCO703" s="613"/>
      <c r="OCP703" s="613"/>
      <c r="OCQ703" s="613"/>
      <c r="OCR703" s="613"/>
      <c r="OCS703" s="613"/>
      <c r="OCT703" s="613"/>
      <c r="OCU703" s="613"/>
      <c r="OCV703" s="613"/>
      <c r="OCW703" s="613"/>
      <c r="OCX703" s="613"/>
      <c r="OCY703" s="613"/>
      <c r="OCZ703" s="613"/>
      <c r="ODA703" s="613"/>
      <c r="ODB703" s="613"/>
      <c r="ODC703" s="613"/>
      <c r="ODD703" s="613"/>
      <c r="ODE703" s="613"/>
      <c r="ODF703" s="613"/>
      <c r="ODG703" s="613"/>
      <c r="ODH703" s="613"/>
      <c r="ODI703" s="613"/>
      <c r="ODJ703" s="613"/>
      <c r="ODK703" s="613"/>
      <c r="ODL703" s="613"/>
      <c r="ODM703" s="613"/>
      <c r="ODN703" s="613"/>
      <c r="ODO703" s="613"/>
      <c r="ODP703" s="613"/>
      <c r="ODQ703" s="613"/>
      <c r="ODR703" s="613"/>
      <c r="ODS703" s="613"/>
      <c r="ODT703" s="613"/>
      <c r="ODU703" s="613"/>
      <c r="ODV703" s="613"/>
      <c r="ODW703" s="613"/>
      <c r="ODX703" s="613"/>
      <c r="ODY703" s="613"/>
      <c r="ODZ703" s="613"/>
      <c r="OEA703" s="613"/>
      <c r="OEB703" s="613"/>
      <c r="OEC703" s="613"/>
      <c r="OED703" s="613"/>
      <c r="OEE703" s="613"/>
      <c r="OEF703" s="613"/>
      <c r="OEG703" s="613"/>
      <c r="OEH703" s="613"/>
      <c r="OEI703" s="613"/>
      <c r="OEJ703" s="613"/>
      <c r="OEK703" s="613"/>
      <c r="OEL703" s="613"/>
      <c r="OEM703" s="613"/>
      <c r="OEN703" s="613"/>
      <c r="OEO703" s="613"/>
      <c r="OEP703" s="613"/>
      <c r="OEQ703" s="613"/>
      <c r="OER703" s="613"/>
      <c r="OES703" s="613"/>
      <c r="OET703" s="613"/>
      <c r="OEU703" s="613"/>
      <c r="OEV703" s="613"/>
      <c r="OEW703" s="613"/>
      <c r="OEX703" s="613"/>
      <c r="OEY703" s="613"/>
      <c r="OEZ703" s="613"/>
      <c r="OFA703" s="613"/>
      <c r="OFB703" s="613"/>
      <c r="OFC703" s="613"/>
      <c r="OFD703" s="613"/>
      <c r="OFE703" s="613"/>
      <c r="OFF703" s="613"/>
      <c r="OFG703" s="613"/>
      <c r="OFH703" s="613"/>
      <c r="OFI703" s="613"/>
      <c r="OFJ703" s="613"/>
      <c r="OFK703" s="613"/>
      <c r="OFL703" s="613"/>
      <c r="OFM703" s="613"/>
      <c r="OFN703" s="613"/>
      <c r="OFO703" s="613"/>
      <c r="OFP703" s="613"/>
      <c r="OFQ703" s="613"/>
      <c r="OFR703" s="613"/>
      <c r="OFS703" s="613"/>
      <c r="OFT703" s="613"/>
      <c r="OFU703" s="613"/>
      <c r="OFV703" s="613"/>
      <c r="OFW703" s="613"/>
      <c r="OFX703" s="613"/>
      <c r="OFY703" s="613"/>
      <c r="OFZ703" s="613"/>
      <c r="OGA703" s="613"/>
      <c r="OGB703" s="613"/>
      <c r="OGC703" s="613"/>
      <c r="OGD703" s="613"/>
      <c r="OGE703" s="613"/>
      <c r="OGF703" s="613"/>
      <c r="OGG703" s="613"/>
      <c r="OGH703" s="613"/>
      <c r="OGI703" s="613"/>
      <c r="OGJ703" s="613"/>
      <c r="OGK703" s="613"/>
      <c r="OGL703" s="613"/>
      <c r="OGM703" s="613"/>
      <c r="OGN703" s="613"/>
      <c r="OGO703" s="613"/>
      <c r="OGP703" s="613"/>
      <c r="OGQ703" s="613"/>
      <c r="OGR703" s="613"/>
      <c r="OGS703" s="613"/>
      <c r="OGT703" s="613"/>
      <c r="OGU703" s="613"/>
      <c r="OGV703" s="613"/>
      <c r="OGW703" s="613"/>
      <c r="OGX703" s="613"/>
      <c r="OGY703" s="613"/>
      <c r="OGZ703" s="613"/>
      <c r="OHA703" s="613"/>
      <c r="OHB703" s="613"/>
      <c r="OHC703" s="613"/>
      <c r="OHD703" s="613"/>
      <c r="OHE703" s="613"/>
      <c r="OHF703" s="613"/>
      <c r="OHG703" s="613"/>
      <c r="OHH703" s="613"/>
      <c r="OHI703" s="613"/>
      <c r="OHJ703" s="613"/>
      <c r="OHK703" s="613"/>
      <c r="OHL703" s="613"/>
      <c r="OHM703" s="613"/>
      <c r="OHN703" s="613"/>
      <c r="OHO703" s="613"/>
      <c r="OHP703" s="613"/>
      <c r="OHQ703" s="613"/>
      <c r="OHR703" s="613"/>
      <c r="OHS703" s="613"/>
      <c r="OHT703" s="613"/>
      <c r="OHU703" s="613"/>
      <c r="OHV703" s="613"/>
      <c r="OHW703" s="613"/>
      <c r="OHX703" s="613"/>
      <c r="OHY703" s="613"/>
      <c r="OHZ703" s="613"/>
      <c r="OIA703" s="613"/>
      <c r="OIB703" s="613"/>
      <c r="OIC703" s="613"/>
      <c r="OID703" s="613"/>
      <c r="OIE703" s="613"/>
      <c r="OIF703" s="613"/>
      <c r="OIG703" s="613"/>
      <c r="OIH703" s="613"/>
      <c r="OII703" s="613"/>
      <c r="OIJ703" s="613"/>
      <c r="OIK703" s="613"/>
      <c r="OIL703" s="613"/>
      <c r="OIM703" s="613"/>
      <c r="OIN703" s="613"/>
      <c r="OIO703" s="613"/>
      <c r="OIP703" s="613"/>
      <c r="OIQ703" s="613"/>
      <c r="OIR703" s="613"/>
      <c r="OIS703" s="613"/>
      <c r="OIT703" s="613"/>
      <c r="OIU703" s="613"/>
      <c r="OIV703" s="613"/>
      <c r="OIW703" s="613"/>
      <c r="OIX703" s="613"/>
      <c r="OIY703" s="613"/>
      <c r="OIZ703" s="613"/>
      <c r="OJA703" s="613"/>
      <c r="OJB703" s="613"/>
      <c r="OJC703" s="613"/>
      <c r="OJD703" s="613"/>
      <c r="OJE703" s="613"/>
      <c r="OJF703" s="613"/>
      <c r="OJG703" s="613"/>
      <c r="OJH703" s="613"/>
      <c r="OJI703" s="613"/>
      <c r="OJJ703" s="613"/>
      <c r="OJK703" s="613"/>
      <c r="OJL703" s="613"/>
      <c r="OJM703" s="613"/>
      <c r="OJN703" s="613"/>
      <c r="OJO703" s="613"/>
      <c r="OJP703" s="613"/>
      <c r="OJQ703" s="613"/>
      <c r="OJR703" s="613"/>
      <c r="OJS703" s="613"/>
      <c r="OJT703" s="613"/>
      <c r="OJU703" s="613"/>
      <c r="OJV703" s="613"/>
      <c r="OJW703" s="613"/>
      <c r="OJX703" s="613"/>
      <c r="OJY703" s="613"/>
      <c r="OJZ703" s="613"/>
      <c r="OKA703" s="613"/>
      <c r="OKB703" s="613"/>
      <c r="OKC703" s="613"/>
      <c r="OKD703" s="613"/>
      <c r="OKE703" s="613"/>
      <c r="OKF703" s="613"/>
      <c r="OKG703" s="613"/>
      <c r="OKH703" s="613"/>
      <c r="OKI703" s="613"/>
      <c r="OKJ703" s="613"/>
      <c r="OKK703" s="613"/>
      <c r="OKL703" s="613"/>
      <c r="OKM703" s="613"/>
      <c r="OKN703" s="613"/>
      <c r="OKO703" s="613"/>
      <c r="OKP703" s="613"/>
      <c r="OKQ703" s="613"/>
      <c r="OKR703" s="613"/>
      <c r="OKS703" s="613"/>
      <c r="OKT703" s="613"/>
      <c r="OKU703" s="613"/>
      <c r="OKV703" s="613"/>
      <c r="OKW703" s="613"/>
      <c r="OKX703" s="613"/>
      <c r="OKY703" s="613"/>
      <c r="OKZ703" s="613"/>
      <c r="OLA703" s="613"/>
      <c r="OLB703" s="613"/>
      <c r="OLC703" s="613"/>
      <c r="OLD703" s="613"/>
      <c r="OLE703" s="613"/>
      <c r="OLF703" s="613"/>
      <c r="OLG703" s="613"/>
      <c r="OLH703" s="613"/>
      <c r="OLI703" s="613"/>
      <c r="OLJ703" s="613"/>
      <c r="OLK703" s="613"/>
      <c r="OLL703" s="613"/>
      <c r="OLM703" s="613"/>
      <c r="OLN703" s="613"/>
      <c r="OLO703" s="613"/>
      <c r="OLP703" s="613"/>
      <c r="OLQ703" s="613"/>
      <c r="OLR703" s="613"/>
      <c r="OLS703" s="613"/>
      <c r="OLT703" s="613"/>
      <c r="OLU703" s="613"/>
      <c r="OLV703" s="613"/>
      <c r="OLW703" s="613"/>
      <c r="OLX703" s="613"/>
      <c r="OLY703" s="613"/>
      <c r="OLZ703" s="613"/>
      <c r="OMA703" s="613"/>
      <c r="OMB703" s="613"/>
      <c r="OMC703" s="613"/>
      <c r="OMD703" s="613"/>
      <c r="OME703" s="613"/>
      <c r="OMF703" s="613"/>
      <c r="OMG703" s="613"/>
      <c r="OMH703" s="613"/>
      <c r="OMI703" s="613"/>
      <c r="OMJ703" s="613"/>
      <c r="OMK703" s="613"/>
      <c r="OML703" s="613"/>
      <c r="OMM703" s="613"/>
      <c r="OMN703" s="613"/>
      <c r="OMO703" s="613"/>
      <c r="OMP703" s="613"/>
      <c r="OMQ703" s="613"/>
      <c r="OMR703" s="613"/>
      <c r="OMS703" s="613"/>
      <c r="OMT703" s="613"/>
      <c r="OMU703" s="613"/>
      <c r="OMV703" s="613"/>
      <c r="OMW703" s="613"/>
      <c r="OMX703" s="613"/>
      <c r="OMY703" s="613"/>
      <c r="OMZ703" s="613"/>
      <c r="ONA703" s="613"/>
      <c r="ONB703" s="613"/>
      <c r="ONC703" s="613"/>
      <c r="OND703" s="613"/>
      <c r="ONE703" s="613"/>
      <c r="ONF703" s="613"/>
      <c r="ONG703" s="613"/>
      <c r="ONH703" s="613"/>
      <c r="ONI703" s="613"/>
      <c r="ONJ703" s="613"/>
      <c r="ONK703" s="613"/>
      <c r="ONL703" s="613"/>
      <c r="ONM703" s="613"/>
      <c r="ONN703" s="613"/>
      <c r="ONO703" s="613"/>
      <c r="ONP703" s="613"/>
      <c r="ONQ703" s="613"/>
      <c r="ONR703" s="613"/>
      <c r="ONS703" s="613"/>
      <c r="ONT703" s="613"/>
      <c r="ONU703" s="613"/>
      <c r="ONV703" s="613"/>
      <c r="ONW703" s="613"/>
      <c r="ONX703" s="613"/>
      <c r="ONY703" s="613"/>
      <c r="ONZ703" s="613"/>
      <c r="OOA703" s="613"/>
      <c r="OOB703" s="613"/>
      <c r="OOC703" s="613"/>
      <c r="OOD703" s="613"/>
      <c r="OOE703" s="613"/>
      <c r="OOF703" s="613"/>
      <c r="OOG703" s="613"/>
      <c r="OOH703" s="613"/>
      <c r="OOI703" s="613"/>
      <c r="OOJ703" s="613"/>
      <c r="OOK703" s="613"/>
      <c r="OOL703" s="613"/>
      <c r="OOM703" s="613"/>
      <c r="OON703" s="613"/>
      <c r="OOO703" s="613"/>
      <c r="OOP703" s="613"/>
      <c r="OOQ703" s="613"/>
      <c r="OOR703" s="613"/>
      <c r="OOS703" s="613"/>
      <c r="OOT703" s="613"/>
      <c r="OOU703" s="613"/>
      <c r="OOV703" s="613"/>
      <c r="OOW703" s="613"/>
      <c r="OOX703" s="613"/>
      <c r="OOY703" s="613"/>
      <c r="OOZ703" s="613"/>
      <c r="OPA703" s="613"/>
      <c r="OPB703" s="613"/>
      <c r="OPC703" s="613"/>
      <c r="OPD703" s="613"/>
      <c r="OPE703" s="613"/>
      <c r="OPF703" s="613"/>
      <c r="OPG703" s="613"/>
      <c r="OPH703" s="613"/>
      <c r="OPI703" s="613"/>
      <c r="OPJ703" s="613"/>
      <c r="OPK703" s="613"/>
      <c r="OPL703" s="613"/>
      <c r="OPM703" s="613"/>
      <c r="OPN703" s="613"/>
      <c r="OPO703" s="613"/>
      <c r="OPP703" s="613"/>
      <c r="OPQ703" s="613"/>
      <c r="OPR703" s="613"/>
      <c r="OPS703" s="613"/>
      <c r="OPT703" s="613"/>
      <c r="OPU703" s="613"/>
      <c r="OPV703" s="613"/>
      <c r="OPW703" s="613"/>
      <c r="OPX703" s="613"/>
      <c r="OPY703" s="613"/>
      <c r="OPZ703" s="613"/>
      <c r="OQA703" s="613"/>
      <c r="OQB703" s="613"/>
      <c r="OQC703" s="613"/>
      <c r="OQD703" s="613"/>
      <c r="OQE703" s="613"/>
      <c r="OQF703" s="613"/>
      <c r="OQG703" s="613"/>
      <c r="OQH703" s="613"/>
      <c r="OQI703" s="613"/>
      <c r="OQJ703" s="613"/>
      <c r="OQK703" s="613"/>
      <c r="OQL703" s="613"/>
      <c r="OQM703" s="613"/>
      <c r="OQN703" s="613"/>
      <c r="OQO703" s="613"/>
      <c r="OQP703" s="613"/>
      <c r="OQQ703" s="613"/>
      <c r="OQR703" s="613"/>
      <c r="OQS703" s="613"/>
      <c r="OQT703" s="613"/>
      <c r="OQU703" s="613"/>
      <c r="OQV703" s="613"/>
      <c r="OQW703" s="613"/>
      <c r="OQX703" s="613"/>
      <c r="OQY703" s="613"/>
      <c r="OQZ703" s="613"/>
      <c r="ORA703" s="613"/>
      <c r="ORB703" s="613"/>
      <c r="ORC703" s="613"/>
      <c r="ORD703" s="613"/>
      <c r="ORE703" s="613"/>
      <c r="ORF703" s="613"/>
      <c r="ORG703" s="613"/>
      <c r="ORH703" s="613"/>
      <c r="ORI703" s="613"/>
      <c r="ORJ703" s="613"/>
      <c r="ORK703" s="613"/>
      <c r="ORL703" s="613"/>
      <c r="ORM703" s="613"/>
      <c r="ORN703" s="613"/>
      <c r="ORO703" s="613"/>
      <c r="ORP703" s="613"/>
      <c r="ORQ703" s="613"/>
      <c r="ORR703" s="613"/>
      <c r="ORS703" s="613"/>
      <c r="ORT703" s="613"/>
      <c r="ORU703" s="613"/>
      <c r="ORV703" s="613"/>
      <c r="ORW703" s="613"/>
      <c r="ORX703" s="613"/>
      <c r="ORY703" s="613"/>
      <c r="ORZ703" s="613"/>
      <c r="OSA703" s="613"/>
      <c r="OSB703" s="613"/>
      <c r="OSC703" s="613"/>
      <c r="OSD703" s="613"/>
      <c r="OSE703" s="613"/>
      <c r="OSF703" s="613"/>
      <c r="OSG703" s="613"/>
      <c r="OSH703" s="613"/>
      <c r="OSI703" s="613"/>
      <c r="OSJ703" s="613"/>
      <c r="OSK703" s="613"/>
      <c r="OSL703" s="613"/>
      <c r="OSM703" s="613"/>
      <c r="OSN703" s="613"/>
      <c r="OSO703" s="613"/>
      <c r="OSP703" s="613"/>
      <c r="OSQ703" s="613"/>
      <c r="OSR703" s="613"/>
      <c r="OSS703" s="613"/>
      <c r="OST703" s="613"/>
      <c r="OSU703" s="613"/>
      <c r="OSV703" s="613"/>
      <c r="OSW703" s="613"/>
      <c r="OSX703" s="613"/>
      <c r="OSY703" s="613"/>
      <c r="OSZ703" s="613"/>
      <c r="OTA703" s="613"/>
      <c r="OTB703" s="613"/>
      <c r="OTC703" s="613"/>
      <c r="OTD703" s="613"/>
      <c r="OTE703" s="613"/>
      <c r="OTF703" s="613"/>
      <c r="OTG703" s="613"/>
      <c r="OTH703" s="613"/>
      <c r="OTI703" s="613"/>
      <c r="OTJ703" s="613"/>
      <c r="OTK703" s="613"/>
      <c r="OTL703" s="613"/>
      <c r="OTM703" s="613"/>
      <c r="OTN703" s="613"/>
      <c r="OTO703" s="613"/>
      <c r="OTP703" s="613"/>
      <c r="OTQ703" s="613"/>
      <c r="OTR703" s="613"/>
      <c r="OTS703" s="613"/>
      <c r="OTT703" s="613"/>
      <c r="OTU703" s="613"/>
      <c r="OTV703" s="613"/>
      <c r="OTW703" s="613"/>
      <c r="OTX703" s="613"/>
      <c r="OTY703" s="613"/>
      <c r="OTZ703" s="613"/>
      <c r="OUA703" s="613"/>
      <c r="OUB703" s="613"/>
      <c r="OUC703" s="613"/>
      <c r="OUD703" s="613"/>
      <c r="OUE703" s="613"/>
      <c r="OUF703" s="613"/>
      <c r="OUG703" s="613"/>
      <c r="OUH703" s="613"/>
      <c r="OUI703" s="613"/>
      <c r="OUJ703" s="613"/>
      <c r="OUK703" s="613"/>
      <c r="OUL703" s="613"/>
      <c r="OUM703" s="613"/>
      <c r="OUN703" s="613"/>
      <c r="OUO703" s="613"/>
      <c r="OUP703" s="613"/>
      <c r="OUQ703" s="613"/>
      <c r="OUR703" s="613"/>
      <c r="OUS703" s="613"/>
      <c r="OUT703" s="613"/>
      <c r="OUU703" s="613"/>
      <c r="OUV703" s="613"/>
      <c r="OUW703" s="613"/>
      <c r="OUX703" s="613"/>
      <c r="OUY703" s="613"/>
      <c r="OUZ703" s="613"/>
      <c r="OVA703" s="613"/>
      <c r="OVB703" s="613"/>
      <c r="OVC703" s="613"/>
      <c r="OVD703" s="613"/>
      <c r="OVE703" s="613"/>
      <c r="OVF703" s="613"/>
      <c r="OVG703" s="613"/>
      <c r="OVH703" s="613"/>
      <c r="OVI703" s="613"/>
      <c r="OVJ703" s="613"/>
      <c r="OVK703" s="613"/>
      <c r="OVL703" s="613"/>
      <c r="OVM703" s="613"/>
      <c r="OVN703" s="613"/>
      <c r="OVO703" s="613"/>
      <c r="OVP703" s="613"/>
      <c r="OVQ703" s="613"/>
      <c r="OVR703" s="613"/>
      <c r="OVS703" s="613"/>
      <c r="OVT703" s="613"/>
      <c r="OVU703" s="613"/>
      <c r="OVV703" s="613"/>
      <c r="OVW703" s="613"/>
      <c r="OVX703" s="613"/>
      <c r="OVY703" s="613"/>
      <c r="OVZ703" s="613"/>
      <c r="OWA703" s="613"/>
      <c r="OWB703" s="613"/>
      <c r="OWC703" s="613"/>
      <c r="OWD703" s="613"/>
      <c r="OWE703" s="613"/>
      <c r="OWF703" s="613"/>
      <c r="OWG703" s="613"/>
      <c r="OWH703" s="613"/>
      <c r="OWI703" s="613"/>
      <c r="OWJ703" s="613"/>
      <c r="OWK703" s="613"/>
      <c r="OWL703" s="613"/>
      <c r="OWM703" s="613"/>
      <c r="OWN703" s="613"/>
      <c r="OWO703" s="613"/>
      <c r="OWP703" s="613"/>
      <c r="OWQ703" s="613"/>
      <c r="OWR703" s="613"/>
      <c r="OWS703" s="613"/>
      <c r="OWT703" s="613"/>
      <c r="OWU703" s="613"/>
      <c r="OWV703" s="613"/>
      <c r="OWW703" s="613"/>
      <c r="OWX703" s="613"/>
      <c r="OWY703" s="613"/>
      <c r="OWZ703" s="613"/>
      <c r="OXA703" s="613"/>
      <c r="OXB703" s="613"/>
      <c r="OXC703" s="613"/>
      <c r="OXD703" s="613"/>
      <c r="OXE703" s="613"/>
      <c r="OXF703" s="613"/>
      <c r="OXG703" s="613"/>
      <c r="OXH703" s="613"/>
      <c r="OXI703" s="613"/>
      <c r="OXJ703" s="613"/>
      <c r="OXK703" s="613"/>
      <c r="OXL703" s="613"/>
      <c r="OXM703" s="613"/>
      <c r="OXN703" s="613"/>
      <c r="OXO703" s="613"/>
      <c r="OXP703" s="613"/>
      <c r="OXQ703" s="613"/>
      <c r="OXR703" s="613"/>
      <c r="OXS703" s="613"/>
      <c r="OXT703" s="613"/>
      <c r="OXU703" s="613"/>
      <c r="OXV703" s="613"/>
      <c r="OXW703" s="613"/>
      <c r="OXX703" s="613"/>
      <c r="OXY703" s="613"/>
      <c r="OXZ703" s="613"/>
      <c r="OYA703" s="613"/>
      <c r="OYB703" s="613"/>
      <c r="OYC703" s="613"/>
      <c r="OYD703" s="613"/>
      <c r="OYE703" s="613"/>
      <c r="OYF703" s="613"/>
      <c r="OYG703" s="613"/>
      <c r="OYH703" s="613"/>
      <c r="OYI703" s="613"/>
      <c r="OYJ703" s="613"/>
      <c r="OYK703" s="613"/>
      <c r="OYL703" s="613"/>
      <c r="OYM703" s="613"/>
      <c r="OYN703" s="613"/>
      <c r="OYO703" s="613"/>
      <c r="OYP703" s="613"/>
      <c r="OYQ703" s="613"/>
      <c r="OYR703" s="613"/>
      <c r="OYS703" s="613"/>
      <c r="OYT703" s="613"/>
      <c r="OYU703" s="613"/>
      <c r="OYV703" s="613"/>
      <c r="OYW703" s="613"/>
      <c r="OYX703" s="613"/>
      <c r="OYY703" s="613"/>
      <c r="OYZ703" s="613"/>
      <c r="OZA703" s="613"/>
      <c r="OZB703" s="613"/>
      <c r="OZC703" s="613"/>
      <c r="OZD703" s="613"/>
      <c r="OZE703" s="613"/>
      <c r="OZF703" s="613"/>
      <c r="OZG703" s="613"/>
      <c r="OZH703" s="613"/>
      <c r="OZI703" s="613"/>
      <c r="OZJ703" s="613"/>
      <c r="OZK703" s="613"/>
      <c r="OZL703" s="613"/>
      <c r="OZM703" s="613"/>
      <c r="OZN703" s="613"/>
      <c r="OZO703" s="613"/>
      <c r="OZP703" s="613"/>
      <c r="OZQ703" s="613"/>
      <c r="OZR703" s="613"/>
      <c r="OZS703" s="613"/>
      <c r="OZT703" s="613"/>
      <c r="OZU703" s="613"/>
      <c r="OZV703" s="613"/>
      <c r="OZW703" s="613"/>
      <c r="OZX703" s="613"/>
      <c r="OZY703" s="613"/>
      <c r="OZZ703" s="613"/>
      <c r="PAA703" s="613"/>
      <c r="PAB703" s="613"/>
      <c r="PAC703" s="613"/>
      <c r="PAD703" s="613"/>
      <c r="PAE703" s="613"/>
      <c r="PAF703" s="613"/>
      <c r="PAG703" s="613"/>
      <c r="PAH703" s="613"/>
      <c r="PAI703" s="613"/>
      <c r="PAJ703" s="613"/>
      <c r="PAK703" s="613"/>
      <c r="PAL703" s="613"/>
      <c r="PAM703" s="613"/>
      <c r="PAN703" s="613"/>
      <c r="PAO703" s="613"/>
      <c r="PAP703" s="613"/>
      <c r="PAQ703" s="613"/>
      <c r="PAR703" s="613"/>
      <c r="PAS703" s="613"/>
      <c r="PAT703" s="613"/>
      <c r="PAU703" s="613"/>
      <c r="PAV703" s="613"/>
      <c r="PAW703" s="613"/>
      <c r="PAX703" s="613"/>
      <c r="PAY703" s="613"/>
      <c r="PAZ703" s="613"/>
      <c r="PBA703" s="613"/>
      <c r="PBB703" s="613"/>
      <c r="PBC703" s="613"/>
      <c r="PBD703" s="613"/>
      <c r="PBE703" s="613"/>
      <c r="PBF703" s="613"/>
      <c r="PBG703" s="613"/>
      <c r="PBH703" s="613"/>
      <c r="PBI703" s="613"/>
      <c r="PBJ703" s="613"/>
      <c r="PBK703" s="613"/>
      <c r="PBL703" s="613"/>
      <c r="PBM703" s="613"/>
      <c r="PBN703" s="613"/>
      <c r="PBO703" s="613"/>
      <c r="PBP703" s="613"/>
      <c r="PBQ703" s="613"/>
      <c r="PBR703" s="613"/>
      <c r="PBS703" s="613"/>
      <c r="PBT703" s="613"/>
      <c r="PBU703" s="613"/>
      <c r="PBV703" s="613"/>
      <c r="PBW703" s="613"/>
      <c r="PBX703" s="613"/>
      <c r="PBY703" s="613"/>
      <c r="PBZ703" s="613"/>
      <c r="PCA703" s="613"/>
      <c r="PCB703" s="613"/>
      <c r="PCC703" s="613"/>
      <c r="PCD703" s="613"/>
      <c r="PCE703" s="613"/>
      <c r="PCF703" s="613"/>
      <c r="PCG703" s="613"/>
      <c r="PCH703" s="613"/>
      <c r="PCI703" s="613"/>
      <c r="PCJ703" s="613"/>
      <c r="PCK703" s="613"/>
      <c r="PCL703" s="613"/>
      <c r="PCM703" s="613"/>
      <c r="PCN703" s="613"/>
      <c r="PCO703" s="613"/>
      <c r="PCP703" s="613"/>
      <c r="PCQ703" s="613"/>
      <c r="PCR703" s="613"/>
      <c r="PCS703" s="613"/>
      <c r="PCT703" s="613"/>
      <c r="PCU703" s="613"/>
      <c r="PCV703" s="613"/>
      <c r="PCW703" s="613"/>
      <c r="PCX703" s="613"/>
      <c r="PCY703" s="613"/>
      <c r="PCZ703" s="613"/>
      <c r="PDA703" s="613"/>
      <c r="PDB703" s="613"/>
      <c r="PDC703" s="613"/>
      <c r="PDD703" s="613"/>
      <c r="PDE703" s="613"/>
      <c r="PDF703" s="613"/>
      <c r="PDG703" s="613"/>
      <c r="PDH703" s="613"/>
      <c r="PDI703" s="613"/>
      <c r="PDJ703" s="613"/>
      <c r="PDK703" s="613"/>
      <c r="PDL703" s="613"/>
      <c r="PDM703" s="613"/>
      <c r="PDN703" s="613"/>
      <c r="PDO703" s="613"/>
      <c r="PDP703" s="613"/>
      <c r="PDQ703" s="613"/>
      <c r="PDR703" s="613"/>
      <c r="PDS703" s="613"/>
      <c r="PDT703" s="613"/>
      <c r="PDU703" s="613"/>
      <c r="PDV703" s="613"/>
      <c r="PDW703" s="613"/>
      <c r="PDX703" s="613"/>
      <c r="PDY703" s="613"/>
      <c r="PDZ703" s="613"/>
      <c r="PEA703" s="613"/>
      <c r="PEB703" s="613"/>
      <c r="PEC703" s="613"/>
      <c r="PED703" s="613"/>
      <c r="PEE703" s="613"/>
      <c r="PEF703" s="613"/>
      <c r="PEG703" s="613"/>
      <c r="PEH703" s="613"/>
      <c r="PEI703" s="613"/>
      <c r="PEJ703" s="613"/>
      <c r="PEK703" s="613"/>
      <c r="PEL703" s="613"/>
      <c r="PEM703" s="613"/>
      <c r="PEN703" s="613"/>
      <c r="PEO703" s="613"/>
      <c r="PEP703" s="613"/>
      <c r="PEQ703" s="613"/>
      <c r="PER703" s="613"/>
      <c r="PES703" s="613"/>
      <c r="PET703" s="613"/>
      <c r="PEU703" s="613"/>
      <c r="PEV703" s="613"/>
      <c r="PEW703" s="613"/>
      <c r="PEX703" s="613"/>
      <c r="PEY703" s="613"/>
      <c r="PEZ703" s="613"/>
      <c r="PFA703" s="613"/>
      <c r="PFB703" s="613"/>
      <c r="PFC703" s="613"/>
      <c r="PFD703" s="613"/>
      <c r="PFE703" s="613"/>
      <c r="PFF703" s="613"/>
      <c r="PFG703" s="613"/>
      <c r="PFH703" s="613"/>
      <c r="PFI703" s="613"/>
      <c r="PFJ703" s="613"/>
      <c r="PFK703" s="613"/>
      <c r="PFL703" s="613"/>
      <c r="PFM703" s="613"/>
      <c r="PFN703" s="613"/>
      <c r="PFO703" s="613"/>
      <c r="PFP703" s="613"/>
      <c r="PFQ703" s="613"/>
      <c r="PFR703" s="613"/>
      <c r="PFS703" s="613"/>
      <c r="PFT703" s="613"/>
      <c r="PFU703" s="613"/>
      <c r="PFV703" s="613"/>
      <c r="PFW703" s="613"/>
      <c r="PFX703" s="613"/>
      <c r="PFY703" s="613"/>
      <c r="PFZ703" s="613"/>
      <c r="PGA703" s="613"/>
      <c r="PGB703" s="613"/>
      <c r="PGC703" s="613"/>
      <c r="PGD703" s="613"/>
      <c r="PGE703" s="613"/>
      <c r="PGF703" s="613"/>
      <c r="PGG703" s="613"/>
      <c r="PGH703" s="613"/>
      <c r="PGI703" s="613"/>
      <c r="PGJ703" s="613"/>
      <c r="PGK703" s="613"/>
      <c r="PGL703" s="613"/>
      <c r="PGM703" s="613"/>
      <c r="PGN703" s="613"/>
      <c r="PGO703" s="613"/>
      <c r="PGP703" s="613"/>
      <c r="PGQ703" s="613"/>
      <c r="PGR703" s="613"/>
      <c r="PGS703" s="613"/>
      <c r="PGT703" s="613"/>
      <c r="PGU703" s="613"/>
      <c r="PGV703" s="613"/>
      <c r="PGW703" s="613"/>
      <c r="PGX703" s="613"/>
      <c r="PGY703" s="613"/>
      <c r="PGZ703" s="613"/>
      <c r="PHA703" s="613"/>
      <c r="PHB703" s="613"/>
      <c r="PHC703" s="613"/>
      <c r="PHD703" s="613"/>
      <c r="PHE703" s="613"/>
      <c r="PHF703" s="613"/>
      <c r="PHG703" s="613"/>
      <c r="PHH703" s="613"/>
      <c r="PHI703" s="613"/>
      <c r="PHJ703" s="613"/>
      <c r="PHK703" s="613"/>
      <c r="PHL703" s="613"/>
      <c r="PHM703" s="613"/>
      <c r="PHN703" s="613"/>
      <c r="PHO703" s="613"/>
      <c r="PHP703" s="613"/>
      <c r="PHQ703" s="613"/>
      <c r="PHR703" s="613"/>
      <c r="PHS703" s="613"/>
      <c r="PHT703" s="613"/>
      <c r="PHU703" s="613"/>
      <c r="PHV703" s="613"/>
      <c r="PHW703" s="613"/>
      <c r="PHX703" s="613"/>
      <c r="PHY703" s="613"/>
      <c r="PHZ703" s="613"/>
      <c r="PIA703" s="613"/>
      <c r="PIB703" s="613"/>
      <c r="PIC703" s="613"/>
      <c r="PID703" s="613"/>
      <c r="PIE703" s="613"/>
      <c r="PIF703" s="613"/>
      <c r="PIG703" s="613"/>
      <c r="PIH703" s="613"/>
      <c r="PII703" s="613"/>
      <c r="PIJ703" s="613"/>
      <c r="PIK703" s="613"/>
      <c r="PIL703" s="613"/>
      <c r="PIM703" s="613"/>
      <c r="PIN703" s="613"/>
      <c r="PIO703" s="613"/>
      <c r="PIP703" s="613"/>
      <c r="PIQ703" s="613"/>
      <c r="PIR703" s="613"/>
      <c r="PIS703" s="613"/>
      <c r="PIT703" s="613"/>
      <c r="PIU703" s="613"/>
      <c r="PIV703" s="613"/>
      <c r="PIW703" s="613"/>
      <c r="PIX703" s="613"/>
      <c r="PIY703" s="613"/>
      <c r="PIZ703" s="613"/>
      <c r="PJA703" s="613"/>
      <c r="PJB703" s="613"/>
      <c r="PJC703" s="613"/>
      <c r="PJD703" s="613"/>
      <c r="PJE703" s="613"/>
      <c r="PJF703" s="613"/>
      <c r="PJG703" s="613"/>
      <c r="PJH703" s="613"/>
      <c r="PJI703" s="613"/>
      <c r="PJJ703" s="613"/>
      <c r="PJK703" s="613"/>
      <c r="PJL703" s="613"/>
      <c r="PJM703" s="613"/>
      <c r="PJN703" s="613"/>
      <c r="PJO703" s="613"/>
      <c r="PJP703" s="613"/>
      <c r="PJQ703" s="613"/>
      <c r="PJR703" s="613"/>
      <c r="PJS703" s="613"/>
      <c r="PJT703" s="613"/>
      <c r="PJU703" s="613"/>
      <c r="PJV703" s="613"/>
      <c r="PJW703" s="613"/>
      <c r="PJX703" s="613"/>
      <c r="PJY703" s="613"/>
      <c r="PJZ703" s="613"/>
      <c r="PKA703" s="613"/>
      <c r="PKB703" s="613"/>
      <c r="PKC703" s="613"/>
      <c r="PKD703" s="613"/>
      <c r="PKE703" s="613"/>
      <c r="PKF703" s="613"/>
      <c r="PKG703" s="613"/>
      <c r="PKH703" s="613"/>
      <c r="PKI703" s="613"/>
      <c r="PKJ703" s="613"/>
      <c r="PKK703" s="613"/>
      <c r="PKL703" s="613"/>
      <c r="PKM703" s="613"/>
      <c r="PKN703" s="613"/>
      <c r="PKO703" s="613"/>
      <c r="PKP703" s="613"/>
      <c r="PKQ703" s="613"/>
      <c r="PKR703" s="613"/>
      <c r="PKS703" s="613"/>
      <c r="PKT703" s="613"/>
      <c r="PKU703" s="613"/>
      <c r="PKV703" s="613"/>
      <c r="PKW703" s="613"/>
      <c r="PKX703" s="613"/>
      <c r="PKY703" s="613"/>
      <c r="PKZ703" s="613"/>
      <c r="PLA703" s="613"/>
      <c r="PLB703" s="613"/>
      <c r="PLC703" s="613"/>
      <c r="PLD703" s="613"/>
      <c r="PLE703" s="613"/>
      <c r="PLF703" s="613"/>
      <c r="PLG703" s="613"/>
      <c r="PLH703" s="613"/>
      <c r="PLI703" s="613"/>
      <c r="PLJ703" s="613"/>
      <c r="PLK703" s="613"/>
      <c r="PLL703" s="613"/>
      <c r="PLM703" s="613"/>
      <c r="PLN703" s="613"/>
      <c r="PLO703" s="613"/>
      <c r="PLP703" s="613"/>
      <c r="PLQ703" s="613"/>
      <c r="PLR703" s="613"/>
      <c r="PLS703" s="613"/>
      <c r="PLT703" s="613"/>
      <c r="PLU703" s="613"/>
      <c r="PLV703" s="613"/>
      <c r="PLW703" s="613"/>
      <c r="PLX703" s="613"/>
      <c r="PLY703" s="613"/>
      <c r="PLZ703" s="613"/>
      <c r="PMA703" s="613"/>
      <c r="PMB703" s="613"/>
      <c r="PMC703" s="613"/>
      <c r="PMD703" s="613"/>
      <c r="PME703" s="613"/>
      <c r="PMF703" s="613"/>
      <c r="PMG703" s="613"/>
      <c r="PMH703" s="613"/>
      <c r="PMI703" s="613"/>
      <c r="PMJ703" s="613"/>
      <c r="PMK703" s="613"/>
      <c r="PML703" s="613"/>
      <c r="PMM703" s="613"/>
      <c r="PMN703" s="613"/>
      <c r="PMO703" s="613"/>
      <c r="PMP703" s="613"/>
      <c r="PMQ703" s="613"/>
      <c r="PMR703" s="613"/>
      <c r="PMS703" s="613"/>
      <c r="PMT703" s="613"/>
      <c r="PMU703" s="613"/>
      <c r="PMV703" s="613"/>
      <c r="PMW703" s="613"/>
      <c r="PMX703" s="613"/>
      <c r="PMY703" s="613"/>
      <c r="PMZ703" s="613"/>
      <c r="PNA703" s="613"/>
      <c r="PNB703" s="613"/>
      <c r="PNC703" s="613"/>
      <c r="PND703" s="613"/>
      <c r="PNE703" s="613"/>
      <c r="PNF703" s="613"/>
      <c r="PNG703" s="613"/>
      <c r="PNH703" s="613"/>
      <c r="PNI703" s="613"/>
      <c r="PNJ703" s="613"/>
      <c r="PNK703" s="613"/>
      <c r="PNL703" s="613"/>
      <c r="PNM703" s="613"/>
      <c r="PNN703" s="613"/>
      <c r="PNO703" s="613"/>
      <c r="PNP703" s="613"/>
      <c r="PNQ703" s="613"/>
      <c r="PNR703" s="613"/>
      <c r="PNS703" s="613"/>
      <c r="PNT703" s="613"/>
      <c r="PNU703" s="613"/>
      <c r="PNV703" s="613"/>
      <c r="PNW703" s="613"/>
      <c r="PNX703" s="613"/>
      <c r="PNY703" s="613"/>
      <c r="PNZ703" s="613"/>
      <c r="POA703" s="613"/>
      <c r="POB703" s="613"/>
      <c r="POC703" s="613"/>
      <c r="POD703" s="613"/>
      <c r="POE703" s="613"/>
      <c r="POF703" s="613"/>
      <c r="POG703" s="613"/>
      <c r="POH703" s="613"/>
      <c r="POI703" s="613"/>
      <c r="POJ703" s="613"/>
      <c r="POK703" s="613"/>
      <c r="POL703" s="613"/>
      <c r="POM703" s="613"/>
      <c r="PON703" s="613"/>
      <c r="POO703" s="613"/>
      <c r="POP703" s="613"/>
      <c r="POQ703" s="613"/>
      <c r="POR703" s="613"/>
      <c r="POS703" s="613"/>
      <c r="POT703" s="613"/>
      <c r="POU703" s="613"/>
      <c r="POV703" s="613"/>
      <c r="POW703" s="613"/>
      <c r="POX703" s="613"/>
      <c r="POY703" s="613"/>
      <c r="POZ703" s="613"/>
      <c r="PPA703" s="613"/>
      <c r="PPB703" s="613"/>
      <c r="PPC703" s="613"/>
      <c r="PPD703" s="613"/>
      <c r="PPE703" s="613"/>
      <c r="PPF703" s="613"/>
      <c r="PPG703" s="613"/>
      <c r="PPH703" s="613"/>
      <c r="PPI703" s="613"/>
      <c r="PPJ703" s="613"/>
      <c r="PPK703" s="613"/>
      <c r="PPL703" s="613"/>
      <c r="PPM703" s="613"/>
      <c r="PPN703" s="613"/>
      <c r="PPO703" s="613"/>
      <c r="PPP703" s="613"/>
      <c r="PPQ703" s="613"/>
      <c r="PPR703" s="613"/>
      <c r="PPS703" s="613"/>
      <c r="PPT703" s="613"/>
      <c r="PPU703" s="613"/>
      <c r="PPV703" s="613"/>
      <c r="PPW703" s="613"/>
      <c r="PPX703" s="613"/>
      <c r="PPY703" s="613"/>
      <c r="PPZ703" s="613"/>
      <c r="PQA703" s="613"/>
      <c r="PQB703" s="613"/>
      <c r="PQC703" s="613"/>
      <c r="PQD703" s="613"/>
      <c r="PQE703" s="613"/>
      <c r="PQF703" s="613"/>
      <c r="PQG703" s="613"/>
      <c r="PQH703" s="613"/>
      <c r="PQI703" s="613"/>
      <c r="PQJ703" s="613"/>
      <c r="PQK703" s="613"/>
      <c r="PQL703" s="613"/>
      <c r="PQM703" s="613"/>
      <c r="PQN703" s="613"/>
      <c r="PQO703" s="613"/>
      <c r="PQP703" s="613"/>
      <c r="PQQ703" s="613"/>
      <c r="PQR703" s="613"/>
      <c r="PQS703" s="613"/>
      <c r="PQT703" s="613"/>
      <c r="PQU703" s="613"/>
      <c r="PQV703" s="613"/>
      <c r="PQW703" s="613"/>
      <c r="PQX703" s="613"/>
      <c r="PQY703" s="613"/>
      <c r="PQZ703" s="613"/>
      <c r="PRA703" s="613"/>
      <c r="PRB703" s="613"/>
      <c r="PRC703" s="613"/>
      <c r="PRD703" s="613"/>
      <c r="PRE703" s="613"/>
      <c r="PRF703" s="613"/>
      <c r="PRG703" s="613"/>
      <c r="PRH703" s="613"/>
      <c r="PRI703" s="613"/>
      <c r="PRJ703" s="613"/>
      <c r="PRK703" s="613"/>
      <c r="PRL703" s="613"/>
      <c r="PRM703" s="613"/>
      <c r="PRN703" s="613"/>
      <c r="PRO703" s="613"/>
      <c r="PRP703" s="613"/>
      <c r="PRQ703" s="613"/>
      <c r="PRR703" s="613"/>
      <c r="PRS703" s="613"/>
      <c r="PRT703" s="613"/>
      <c r="PRU703" s="613"/>
      <c r="PRV703" s="613"/>
      <c r="PRW703" s="613"/>
      <c r="PRX703" s="613"/>
      <c r="PRY703" s="613"/>
      <c r="PRZ703" s="613"/>
      <c r="PSA703" s="613"/>
      <c r="PSB703" s="613"/>
      <c r="PSC703" s="613"/>
      <c r="PSD703" s="613"/>
      <c r="PSE703" s="613"/>
      <c r="PSF703" s="613"/>
      <c r="PSG703" s="613"/>
      <c r="PSH703" s="613"/>
      <c r="PSI703" s="613"/>
      <c r="PSJ703" s="613"/>
      <c r="PSK703" s="613"/>
      <c r="PSL703" s="613"/>
      <c r="PSM703" s="613"/>
      <c r="PSN703" s="613"/>
      <c r="PSO703" s="613"/>
      <c r="PSP703" s="613"/>
      <c r="PSQ703" s="613"/>
      <c r="PSR703" s="613"/>
      <c r="PSS703" s="613"/>
      <c r="PST703" s="613"/>
      <c r="PSU703" s="613"/>
      <c r="PSV703" s="613"/>
      <c r="PSW703" s="613"/>
      <c r="PSX703" s="613"/>
      <c r="PSY703" s="613"/>
      <c r="PSZ703" s="613"/>
      <c r="PTA703" s="613"/>
      <c r="PTB703" s="613"/>
      <c r="PTC703" s="613"/>
      <c r="PTD703" s="613"/>
      <c r="PTE703" s="613"/>
      <c r="PTF703" s="613"/>
      <c r="PTG703" s="613"/>
      <c r="PTH703" s="613"/>
      <c r="PTI703" s="613"/>
      <c r="PTJ703" s="613"/>
      <c r="PTK703" s="613"/>
      <c r="PTL703" s="613"/>
      <c r="PTM703" s="613"/>
      <c r="PTN703" s="613"/>
      <c r="PTO703" s="613"/>
      <c r="PTP703" s="613"/>
      <c r="PTQ703" s="613"/>
      <c r="PTR703" s="613"/>
      <c r="PTS703" s="613"/>
      <c r="PTT703" s="613"/>
      <c r="PTU703" s="613"/>
      <c r="PTV703" s="613"/>
      <c r="PTW703" s="613"/>
      <c r="PTX703" s="613"/>
      <c r="PTY703" s="613"/>
      <c r="PTZ703" s="613"/>
      <c r="PUA703" s="613"/>
      <c r="PUB703" s="613"/>
      <c r="PUC703" s="613"/>
      <c r="PUD703" s="613"/>
      <c r="PUE703" s="613"/>
      <c r="PUF703" s="613"/>
      <c r="PUG703" s="613"/>
      <c r="PUH703" s="613"/>
      <c r="PUI703" s="613"/>
      <c r="PUJ703" s="613"/>
      <c r="PUK703" s="613"/>
      <c r="PUL703" s="613"/>
      <c r="PUM703" s="613"/>
      <c r="PUN703" s="613"/>
      <c r="PUO703" s="613"/>
      <c r="PUP703" s="613"/>
      <c r="PUQ703" s="613"/>
      <c r="PUR703" s="613"/>
      <c r="PUS703" s="613"/>
      <c r="PUT703" s="613"/>
      <c r="PUU703" s="613"/>
      <c r="PUV703" s="613"/>
      <c r="PUW703" s="613"/>
      <c r="PUX703" s="613"/>
      <c r="PUY703" s="613"/>
      <c r="PUZ703" s="613"/>
      <c r="PVA703" s="613"/>
      <c r="PVB703" s="613"/>
      <c r="PVC703" s="613"/>
      <c r="PVD703" s="613"/>
      <c r="PVE703" s="613"/>
      <c r="PVF703" s="613"/>
      <c r="PVG703" s="613"/>
      <c r="PVH703" s="613"/>
      <c r="PVI703" s="613"/>
      <c r="PVJ703" s="613"/>
      <c r="PVK703" s="613"/>
      <c r="PVL703" s="613"/>
      <c r="PVM703" s="613"/>
      <c r="PVN703" s="613"/>
      <c r="PVO703" s="613"/>
      <c r="PVP703" s="613"/>
      <c r="PVQ703" s="613"/>
      <c r="PVR703" s="613"/>
      <c r="PVS703" s="613"/>
      <c r="PVT703" s="613"/>
      <c r="PVU703" s="613"/>
      <c r="PVV703" s="613"/>
      <c r="PVW703" s="613"/>
      <c r="PVX703" s="613"/>
      <c r="PVY703" s="613"/>
      <c r="PVZ703" s="613"/>
      <c r="PWA703" s="613"/>
      <c r="PWB703" s="613"/>
      <c r="PWC703" s="613"/>
      <c r="PWD703" s="613"/>
      <c r="PWE703" s="613"/>
      <c r="PWF703" s="613"/>
      <c r="PWG703" s="613"/>
      <c r="PWH703" s="613"/>
      <c r="PWI703" s="613"/>
      <c r="PWJ703" s="613"/>
      <c r="PWK703" s="613"/>
      <c r="PWL703" s="613"/>
      <c r="PWM703" s="613"/>
      <c r="PWN703" s="613"/>
      <c r="PWO703" s="613"/>
      <c r="PWP703" s="613"/>
      <c r="PWQ703" s="613"/>
      <c r="PWR703" s="613"/>
      <c r="PWS703" s="613"/>
      <c r="PWT703" s="613"/>
      <c r="PWU703" s="613"/>
      <c r="PWV703" s="613"/>
      <c r="PWW703" s="613"/>
      <c r="PWX703" s="613"/>
      <c r="PWY703" s="613"/>
      <c r="PWZ703" s="613"/>
      <c r="PXA703" s="613"/>
      <c r="PXB703" s="613"/>
      <c r="PXC703" s="613"/>
      <c r="PXD703" s="613"/>
      <c r="PXE703" s="613"/>
      <c r="PXF703" s="613"/>
      <c r="PXG703" s="613"/>
      <c r="PXH703" s="613"/>
      <c r="PXI703" s="613"/>
      <c r="PXJ703" s="613"/>
      <c r="PXK703" s="613"/>
      <c r="PXL703" s="613"/>
      <c r="PXM703" s="613"/>
      <c r="PXN703" s="613"/>
      <c r="PXO703" s="613"/>
      <c r="PXP703" s="613"/>
      <c r="PXQ703" s="613"/>
      <c r="PXR703" s="613"/>
      <c r="PXS703" s="613"/>
      <c r="PXT703" s="613"/>
      <c r="PXU703" s="613"/>
      <c r="PXV703" s="613"/>
      <c r="PXW703" s="613"/>
      <c r="PXX703" s="613"/>
      <c r="PXY703" s="613"/>
      <c r="PXZ703" s="613"/>
      <c r="PYA703" s="613"/>
      <c r="PYB703" s="613"/>
      <c r="PYC703" s="613"/>
      <c r="PYD703" s="613"/>
      <c r="PYE703" s="613"/>
      <c r="PYF703" s="613"/>
      <c r="PYG703" s="613"/>
      <c r="PYH703" s="613"/>
      <c r="PYI703" s="613"/>
      <c r="PYJ703" s="613"/>
      <c r="PYK703" s="613"/>
      <c r="PYL703" s="613"/>
      <c r="PYM703" s="613"/>
      <c r="PYN703" s="613"/>
      <c r="PYO703" s="613"/>
      <c r="PYP703" s="613"/>
      <c r="PYQ703" s="613"/>
      <c r="PYR703" s="613"/>
      <c r="PYS703" s="613"/>
      <c r="PYT703" s="613"/>
      <c r="PYU703" s="613"/>
      <c r="PYV703" s="613"/>
      <c r="PYW703" s="613"/>
      <c r="PYX703" s="613"/>
      <c r="PYY703" s="613"/>
      <c r="PYZ703" s="613"/>
      <c r="PZA703" s="613"/>
      <c r="PZB703" s="613"/>
      <c r="PZC703" s="613"/>
      <c r="PZD703" s="613"/>
      <c r="PZE703" s="613"/>
      <c r="PZF703" s="613"/>
      <c r="PZG703" s="613"/>
      <c r="PZH703" s="613"/>
      <c r="PZI703" s="613"/>
      <c r="PZJ703" s="613"/>
      <c r="PZK703" s="613"/>
      <c r="PZL703" s="613"/>
      <c r="PZM703" s="613"/>
      <c r="PZN703" s="613"/>
      <c r="PZO703" s="613"/>
      <c r="PZP703" s="613"/>
      <c r="PZQ703" s="613"/>
      <c r="PZR703" s="613"/>
      <c r="PZS703" s="613"/>
      <c r="PZT703" s="613"/>
      <c r="PZU703" s="613"/>
      <c r="PZV703" s="613"/>
      <c r="PZW703" s="613"/>
      <c r="PZX703" s="613"/>
      <c r="PZY703" s="613"/>
      <c r="PZZ703" s="613"/>
      <c r="QAA703" s="613"/>
      <c r="QAB703" s="613"/>
      <c r="QAC703" s="613"/>
      <c r="QAD703" s="613"/>
      <c r="QAE703" s="613"/>
      <c r="QAF703" s="613"/>
      <c r="QAG703" s="613"/>
      <c r="QAH703" s="613"/>
      <c r="QAI703" s="613"/>
      <c r="QAJ703" s="613"/>
      <c r="QAK703" s="613"/>
      <c r="QAL703" s="613"/>
      <c r="QAM703" s="613"/>
      <c r="QAN703" s="613"/>
      <c r="QAO703" s="613"/>
      <c r="QAP703" s="613"/>
      <c r="QAQ703" s="613"/>
      <c r="QAR703" s="613"/>
      <c r="QAS703" s="613"/>
      <c r="QAT703" s="613"/>
      <c r="QAU703" s="613"/>
      <c r="QAV703" s="613"/>
      <c r="QAW703" s="613"/>
      <c r="QAX703" s="613"/>
      <c r="QAY703" s="613"/>
      <c r="QAZ703" s="613"/>
      <c r="QBA703" s="613"/>
      <c r="QBB703" s="613"/>
      <c r="QBC703" s="613"/>
      <c r="QBD703" s="613"/>
      <c r="QBE703" s="613"/>
      <c r="QBF703" s="613"/>
      <c r="QBG703" s="613"/>
      <c r="QBH703" s="613"/>
      <c r="QBI703" s="613"/>
      <c r="QBJ703" s="613"/>
      <c r="QBK703" s="613"/>
      <c r="QBL703" s="613"/>
      <c r="QBM703" s="613"/>
      <c r="QBN703" s="613"/>
      <c r="QBO703" s="613"/>
      <c r="QBP703" s="613"/>
      <c r="QBQ703" s="613"/>
      <c r="QBR703" s="613"/>
      <c r="QBS703" s="613"/>
      <c r="QBT703" s="613"/>
      <c r="QBU703" s="613"/>
      <c r="QBV703" s="613"/>
      <c r="QBW703" s="613"/>
      <c r="QBX703" s="613"/>
      <c r="QBY703" s="613"/>
      <c r="QBZ703" s="613"/>
      <c r="QCA703" s="613"/>
      <c r="QCB703" s="613"/>
      <c r="QCC703" s="613"/>
      <c r="QCD703" s="613"/>
      <c r="QCE703" s="613"/>
      <c r="QCF703" s="613"/>
      <c r="QCG703" s="613"/>
      <c r="QCH703" s="613"/>
      <c r="QCI703" s="613"/>
      <c r="QCJ703" s="613"/>
      <c r="QCK703" s="613"/>
      <c r="QCL703" s="613"/>
      <c r="QCM703" s="613"/>
      <c r="QCN703" s="613"/>
      <c r="QCO703" s="613"/>
      <c r="QCP703" s="613"/>
      <c r="QCQ703" s="613"/>
      <c r="QCR703" s="613"/>
      <c r="QCS703" s="613"/>
      <c r="QCT703" s="613"/>
      <c r="QCU703" s="613"/>
      <c r="QCV703" s="613"/>
      <c r="QCW703" s="613"/>
      <c r="QCX703" s="613"/>
      <c r="QCY703" s="613"/>
      <c r="QCZ703" s="613"/>
      <c r="QDA703" s="613"/>
      <c r="QDB703" s="613"/>
      <c r="QDC703" s="613"/>
      <c r="QDD703" s="613"/>
      <c r="QDE703" s="613"/>
      <c r="QDF703" s="613"/>
      <c r="QDG703" s="613"/>
      <c r="QDH703" s="613"/>
      <c r="QDI703" s="613"/>
      <c r="QDJ703" s="613"/>
      <c r="QDK703" s="613"/>
      <c r="QDL703" s="613"/>
      <c r="QDM703" s="613"/>
      <c r="QDN703" s="613"/>
      <c r="QDO703" s="613"/>
      <c r="QDP703" s="613"/>
      <c r="QDQ703" s="613"/>
      <c r="QDR703" s="613"/>
      <c r="QDS703" s="613"/>
      <c r="QDT703" s="613"/>
      <c r="QDU703" s="613"/>
      <c r="QDV703" s="613"/>
      <c r="QDW703" s="613"/>
      <c r="QDX703" s="613"/>
      <c r="QDY703" s="613"/>
      <c r="QDZ703" s="613"/>
      <c r="QEA703" s="613"/>
      <c r="QEB703" s="613"/>
      <c r="QEC703" s="613"/>
      <c r="QED703" s="613"/>
      <c r="QEE703" s="613"/>
      <c r="QEF703" s="613"/>
      <c r="QEG703" s="613"/>
      <c r="QEH703" s="613"/>
      <c r="QEI703" s="613"/>
      <c r="QEJ703" s="613"/>
      <c r="QEK703" s="613"/>
      <c r="QEL703" s="613"/>
      <c r="QEM703" s="613"/>
      <c r="QEN703" s="613"/>
      <c r="QEO703" s="613"/>
      <c r="QEP703" s="613"/>
      <c r="QEQ703" s="613"/>
      <c r="QER703" s="613"/>
      <c r="QES703" s="613"/>
      <c r="QET703" s="613"/>
      <c r="QEU703" s="613"/>
      <c r="QEV703" s="613"/>
      <c r="QEW703" s="613"/>
      <c r="QEX703" s="613"/>
      <c r="QEY703" s="613"/>
      <c r="QEZ703" s="613"/>
      <c r="QFA703" s="613"/>
      <c r="QFB703" s="613"/>
      <c r="QFC703" s="613"/>
      <c r="QFD703" s="613"/>
      <c r="QFE703" s="613"/>
      <c r="QFF703" s="613"/>
      <c r="QFG703" s="613"/>
      <c r="QFH703" s="613"/>
      <c r="QFI703" s="613"/>
      <c r="QFJ703" s="613"/>
      <c r="QFK703" s="613"/>
      <c r="QFL703" s="613"/>
      <c r="QFM703" s="613"/>
      <c r="QFN703" s="613"/>
      <c r="QFO703" s="613"/>
      <c r="QFP703" s="613"/>
      <c r="QFQ703" s="613"/>
      <c r="QFR703" s="613"/>
      <c r="QFS703" s="613"/>
      <c r="QFT703" s="613"/>
      <c r="QFU703" s="613"/>
      <c r="QFV703" s="613"/>
      <c r="QFW703" s="613"/>
      <c r="QFX703" s="613"/>
      <c r="QFY703" s="613"/>
      <c r="QFZ703" s="613"/>
      <c r="QGA703" s="613"/>
      <c r="QGB703" s="613"/>
      <c r="QGC703" s="613"/>
      <c r="QGD703" s="613"/>
      <c r="QGE703" s="613"/>
      <c r="QGF703" s="613"/>
      <c r="QGG703" s="613"/>
      <c r="QGH703" s="613"/>
      <c r="QGI703" s="613"/>
      <c r="QGJ703" s="613"/>
      <c r="QGK703" s="613"/>
      <c r="QGL703" s="613"/>
      <c r="QGM703" s="613"/>
      <c r="QGN703" s="613"/>
      <c r="QGO703" s="613"/>
      <c r="QGP703" s="613"/>
      <c r="QGQ703" s="613"/>
      <c r="QGR703" s="613"/>
      <c r="QGS703" s="613"/>
      <c r="QGT703" s="613"/>
      <c r="QGU703" s="613"/>
      <c r="QGV703" s="613"/>
      <c r="QGW703" s="613"/>
      <c r="QGX703" s="613"/>
      <c r="QGY703" s="613"/>
      <c r="QGZ703" s="613"/>
      <c r="QHA703" s="613"/>
      <c r="QHB703" s="613"/>
      <c r="QHC703" s="613"/>
      <c r="QHD703" s="613"/>
      <c r="QHE703" s="613"/>
      <c r="QHF703" s="613"/>
      <c r="QHG703" s="613"/>
      <c r="QHH703" s="613"/>
      <c r="QHI703" s="613"/>
      <c r="QHJ703" s="613"/>
      <c r="QHK703" s="613"/>
      <c r="QHL703" s="613"/>
      <c r="QHM703" s="613"/>
      <c r="QHN703" s="613"/>
      <c r="QHO703" s="613"/>
      <c r="QHP703" s="613"/>
      <c r="QHQ703" s="613"/>
      <c r="QHR703" s="613"/>
      <c r="QHS703" s="613"/>
      <c r="QHT703" s="613"/>
      <c r="QHU703" s="613"/>
      <c r="QHV703" s="613"/>
      <c r="QHW703" s="613"/>
      <c r="QHX703" s="613"/>
      <c r="QHY703" s="613"/>
      <c r="QHZ703" s="613"/>
      <c r="QIA703" s="613"/>
      <c r="QIB703" s="613"/>
      <c r="QIC703" s="613"/>
      <c r="QID703" s="613"/>
      <c r="QIE703" s="613"/>
      <c r="QIF703" s="613"/>
      <c r="QIG703" s="613"/>
      <c r="QIH703" s="613"/>
      <c r="QII703" s="613"/>
      <c r="QIJ703" s="613"/>
      <c r="QIK703" s="613"/>
      <c r="QIL703" s="613"/>
      <c r="QIM703" s="613"/>
      <c r="QIN703" s="613"/>
      <c r="QIO703" s="613"/>
      <c r="QIP703" s="613"/>
      <c r="QIQ703" s="613"/>
      <c r="QIR703" s="613"/>
      <c r="QIS703" s="613"/>
      <c r="QIT703" s="613"/>
      <c r="QIU703" s="613"/>
      <c r="QIV703" s="613"/>
      <c r="QIW703" s="613"/>
      <c r="QIX703" s="613"/>
      <c r="QIY703" s="613"/>
      <c r="QIZ703" s="613"/>
      <c r="QJA703" s="613"/>
      <c r="QJB703" s="613"/>
      <c r="QJC703" s="613"/>
      <c r="QJD703" s="613"/>
      <c r="QJE703" s="613"/>
      <c r="QJF703" s="613"/>
      <c r="QJG703" s="613"/>
      <c r="QJH703" s="613"/>
      <c r="QJI703" s="613"/>
      <c r="QJJ703" s="613"/>
      <c r="QJK703" s="613"/>
      <c r="QJL703" s="613"/>
      <c r="QJM703" s="613"/>
      <c r="QJN703" s="613"/>
      <c r="QJO703" s="613"/>
      <c r="QJP703" s="613"/>
      <c r="QJQ703" s="613"/>
      <c r="QJR703" s="613"/>
      <c r="QJS703" s="613"/>
      <c r="QJT703" s="613"/>
      <c r="QJU703" s="613"/>
      <c r="QJV703" s="613"/>
      <c r="QJW703" s="613"/>
      <c r="QJX703" s="613"/>
      <c r="QJY703" s="613"/>
      <c r="QJZ703" s="613"/>
      <c r="QKA703" s="613"/>
      <c r="QKB703" s="613"/>
      <c r="QKC703" s="613"/>
      <c r="QKD703" s="613"/>
      <c r="QKE703" s="613"/>
      <c r="QKF703" s="613"/>
      <c r="QKG703" s="613"/>
      <c r="QKH703" s="613"/>
      <c r="QKI703" s="613"/>
      <c r="QKJ703" s="613"/>
      <c r="QKK703" s="613"/>
      <c r="QKL703" s="613"/>
      <c r="QKM703" s="613"/>
      <c r="QKN703" s="613"/>
      <c r="QKO703" s="613"/>
      <c r="QKP703" s="613"/>
      <c r="QKQ703" s="613"/>
      <c r="QKR703" s="613"/>
      <c r="QKS703" s="613"/>
      <c r="QKT703" s="613"/>
      <c r="QKU703" s="613"/>
      <c r="QKV703" s="613"/>
      <c r="QKW703" s="613"/>
      <c r="QKX703" s="613"/>
      <c r="QKY703" s="613"/>
      <c r="QKZ703" s="613"/>
      <c r="QLA703" s="613"/>
      <c r="QLB703" s="613"/>
      <c r="QLC703" s="613"/>
      <c r="QLD703" s="613"/>
      <c r="QLE703" s="613"/>
      <c r="QLF703" s="613"/>
      <c r="QLG703" s="613"/>
      <c r="QLH703" s="613"/>
      <c r="QLI703" s="613"/>
      <c r="QLJ703" s="613"/>
      <c r="QLK703" s="613"/>
      <c r="QLL703" s="613"/>
      <c r="QLM703" s="613"/>
      <c r="QLN703" s="613"/>
      <c r="QLO703" s="613"/>
      <c r="QLP703" s="613"/>
      <c r="QLQ703" s="613"/>
      <c r="QLR703" s="613"/>
      <c r="QLS703" s="613"/>
      <c r="QLT703" s="613"/>
      <c r="QLU703" s="613"/>
      <c r="QLV703" s="613"/>
      <c r="QLW703" s="613"/>
      <c r="QLX703" s="613"/>
      <c r="QLY703" s="613"/>
      <c r="QLZ703" s="613"/>
      <c r="QMA703" s="613"/>
      <c r="QMB703" s="613"/>
      <c r="QMC703" s="613"/>
      <c r="QMD703" s="613"/>
      <c r="QME703" s="613"/>
      <c r="QMF703" s="613"/>
      <c r="QMG703" s="613"/>
      <c r="QMH703" s="613"/>
      <c r="QMI703" s="613"/>
      <c r="QMJ703" s="613"/>
      <c r="QMK703" s="613"/>
      <c r="QML703" s="613"/>
      <c r="QMM703" s="613"/>
      <c r="QMN703" s="613"/>
      <c r="QMO703" s="613"/>
      <c r="QMP703" s="613"/>
      <c r="QMQ703" s="613"/>
      <c r="QMR703" s="613"/>
      <c r="QMS703" s="613"/>
      <c r="QMT703" s="613"/>
      <c r="QMU703" s="613"/>
      <c r="QMV703" s="613"/>
      <c r="QMW703" s="613"/>
      <c r="QMX703" s="613"/>
      <c r="QMY703" s="613"/>
      <c r="QMZ703" s="613"/>
      <c r="QNA703" s="613"/>
      <c r="QNB703" s="613"/>
      <c r="QNC703" s="613"/>
      <c r="QND703" s="613"/>
      <c r="QNE703" s="613"/>
      <c r="QNF703" s="613"/>
      <c r="QNG703" s="613"/>
      <c r="QNH703" s="613"/>
      <c r="QNI703" s="613"/>
      <c r="QNJ703" s="613"/>
      <c r="QNK703" s="613"/>
      <c r="QNL703" s="613"/>
      <c r="QNM703" s="613"/>
      <c r="QNN703" s="613"/>
      <c r="QNO703" s="613"/>
      <c r="QNP703" s="613"/>
      <c r="QNQ703" s="613"/>
      <c r="QNR703" s="613"/>
      <c r="QNS703" s="613"/>
      <c r="QNT703" s="613"/>
      <c r="QNU703" s="613"/>
      <c r="QNV703" s="613"/>
      <c r="QNW703" s="613"/>
      <c r="QNX703" s="613"/>
      <c r="QNY703" s="613"/>
      <c r="QNZ703" s="613"/>
      <c r="QOA703" s="613"/>
      <c r="QOB703" s="613"/>
      <c r="QOC703" s="613"/>
      <c r="QOD703" s="613"/>
      <c r="QOE703" s="613"/>
      <c r="QOF703" s="613"/>
      <c r="QOG703" s="613"/>
      <c r="QOH703" s="613"/>
      <c r="QOI703" s="613"/>
      <c r="QOJ703" s="613"/>
      <c r="QOK703" s="613"/>
      <c r="QOL703" s="613"/>
      <c r="QOM703" s="613"/>
      <c r="QON703" s="613"/>
      <c r="QOO703" s="613"/>
      <c r="QOP703" s="613"/>
      <c r="QOQ703" s="613"/>
      <c r="QOR703" s="613"/>
      <c r="QOS703" s="613"/>
      <c r="QOT703" s="613"/>
      <c r="QOU703" s="613"/>
      <c r="QOV703" s="613"/>
      <c r="QOW703" s="613"/>
      <c r="QOX703" s="613"/>
      <c r="QOY703" s="613"/>
      <c r="QOZ703" s="613"/>
      <c r="QPA703" s="613"/>
      <c r="QPB703" s="613"/>
      <c r="QPC703" s="613"/>
      <c r="QPD703" s="613"/>
      <c r="QPE703" s="613"/>
      <c r="QPF703" s="613"/>
      <c r="QPG703" s="613"/>
      <c r="QPH703" s="613"/>
      <c r="QPI703" s="613"/>
      <c r="QPJ703" s="613"/>
      <c r="QPK703" s="613"/>
      <c r="QPL703" s="613"/>
      <c r="QPM703" s="613"/>
      <c r="QPN703" s="613"/>
      <c r="QPO703" s="613"/>
      <c r="QPP703" s="613"/>
      <c r="QPQ703" s="613"/>
      <c r="QPR703" s="613"/>
      <c r="QPS703" s="613"/>
      <c r="QPT703" s="613"/>
      <c r="QPU703" s="613"/>
      <c r="QPV703" s="613"/>
      <c r="QPW703" s="613"/>
      <c r="QPX703" s="613"/>
      <c r="QPY703" s="613"/>
      <c r="QPZ703" s="613"/>
      <c r="QQA703" s="613"/>
      <c r="QQB703" s="613"/>
      <c r="QQC703" s="613"/>
      <c r="QQD703" s="613"/>
      <c r="QQE703" s="613"/>
      <c r="QQF703" s="613"/>
      <c r="QQG703" s="613"/>
      <c r="QQH703" s="613"/>
      <c r="QQI703" s="613"/>
      <c r="QQJ703" s="613"/>
      <c r="QQK703" s="613"/>
      <c r="QQL703" s="613"/>
      <c r="QQM703" s="613"/>
      <c r="QQN703" s="613"/>
      <c r="QQO703" s="613"/>
      <c r="QQP703" s="613"/>
      <c r="QQQ703" s="613"/>
      <c r="QQR703" s="613"/>
      <c r="QQS703" s="613"/>
      <c r="QQT703" s="613"/>
      <c r="QQU703" s="613"/>
      <c r="QQV703" s="613"/>
      <c r="QQW703" s="613"/>
      <c r="QQX703" s="613"/>
      <c r="QQY703" s="613"/>
      <c r="QQZ703" s="613"/>
      <c r="QRA703" s="613"/>
      <c r="QRB703" s="613"/>
      <c r="QRC703" s="613"/>
      <c r="QRD703" s="613"/>
      <c r="QRE703" s="613"/>
      <c r="QRF703" s="613"/>
      <c r="QRG703" s="613"/>
      <c r="QRH703" s="613"/>
      <c r="QRI703" s="613"/>
      <c r="QRJ703" s="613"/>
      <c r="QRK703" s="613"/>
      <c r="QRL703" s="613"/>
      <c r="QRM703" s="613"/>
      <c r="QRN703" s="613"/>
      <c r="QRO703" s="613"/>
      <c r="QRP703" s="613"/>
      <c r="QRQ703" s="613"/>
      <c r="QRR703" s="613"/>
      <c r="QRS703" s="613"/>
      <c r="QRT703" s="613"/>
      <c r="QRU703" s="613"/>
      <c r="QRV703" s="613"/>
      <c r="QRW703" s="613"/>
      <c r="QRX703" s="613"/>
      <c r="QRY703" s="613"/>
      <c r="QRZ703" s="613"/>
      <c r="QSA703" s="613"/>
      <c r="QSB703" s="613"/>
      <c r="QSC703" s="613"/>
      <c r="QSD703" s="613"/>
      <c r="QSE703" s="613"/>
      <c r="QSF703" s="613"/>
      <c r="QSG703" s="613"/>
      <c r="QSH703" s="613"/>
      <c r="QSI703" s="613"/>
      <c r="QSJ703" s="613"/>
      <c r="QSK703" s="613"/>
      <c r="QSL703" s="613"/>
      <c r="QSM703" s="613"/>
      <c r="QSN703" s="613"/>
      <c r="QSO703" s="613"/>
      <c r="QSP703" s="613"/>
      <c r="QSQ703" s="613"/>
      <c r="QSR703" s="613"/>
      <c r="QSS703" s="613"/>
      <c r="QST703" s="613"/>
      <c r="QSU703" s="613"/>
      <c r="QSV703" s="613"/>
      <c r="QSW703" s="613"/>
      <c r="QSX703" s="613"/>
      <c r="QSY703" s="613"/>
      <c r="QSZ703" s="613"/>
      <c r="QTA703" s="613"/>
      <c r="QTB703" s="613"/>
      <c r="QTC703" s="613"/>
      <c r="QTD703" s="613"/>
      <c r="QTE703" s="613"/>
      <c r="QTF703" s="613"/>
      <c r="QTG703" s="613"/>
      <c r="QTH703" s="613"/>
      <c r="QTI703" s="613"/>
      <c r="QTJ703" s="613"/>
      <c r="QTK703" s="613"/>
      <c r="QTL703" s="613"/>
      <c r="QTM703" s="613"/>
      <c r="QTN703" s="613"/>
      <c r="QTO703" s="613"/>
      <c r="QTP703" s="613"/>
      <c r="QTQ703" s="613"/>
      <c r="QTR703" s="613"/>
      <c r="QTS703" s="613"/>
      <c r="QTT703" s="613"/>
      <c r="QTU703" s="613"/>
      <c r="QTV703" s="613"/>
      <c r="QTW703" s="613"/>
      <c r="QTX703" s="613"/>
      <c r="QTY703" s="613"/>
      <c r="QTZ703" s="613"/>
      <c r="QUA703" s="613"/>
      <c r="QUB703" s="613"/>
      <c r="QUC703" s="613"/>
      <c r="QUD703" s="613"/>
      <c r="QUE703" s="613"/>
      <c r="QUF703" s="613"/>
      <c r="QUG703" s="613"/>
      <c r="QUH703" s="613"/>
      <c r="QUI703" s="613"/>
      <c r="QUJ703" s="613"/>
      <c r="QUK703" s="613"/>
      <c r="QUL703" s="613"/>
      <c r="QUM703" s="613"/>
      <c r="QUN703" s="613"/>
      <c r="QUO703" s="613"/>
      <c r="QUP703" s="613"/>
      <c r="QUQ703" s="613"/>
      <c r="QUR703" s="613"/>
      <c r="QUS703" s="613"/>
      <c r="QUT703" s="613"/>
      <c r="QUU703" s="613"/>
      <c r="QUV703" s="613"/>
      <c r="QUW703" s="613"/>
      <c r="QUX703" s="613"/>
      <c r="QUY703" s="613"/>
      <c r="QUZ703" s="613"/>
      <c r="QVA703" s="613"/>
      <c r="QVB703" s="613"/>
      <c r="QVC703" s="613"/>
      <c r="QVD703" s="613"/>
      <c r="QVE703" s="613"/>
      <c r="QVF703" s="613"/>
      <c r="QVG703" s="613"/>
      <c r="QVH703" s="613"/>
      <c r="QVI703" s="613"/>
      <c r="QVJ703" s="613"/>
      <c r="QVK703" s="613"/>
      <c r="QVL703" s="613"/>
      <c r="QVM703" s="613"/>
      <c r="QVN703" s="613"/>
      <c r="QVO703" s="613"/>
      <c r="QVP703" s="613"/>
      <c r="QVQ703" s="613"/>
      <c r="QVR703" s="613"/>
      <c r="QVS703" s="613"/>
      <c r="QVT703" s="613"/>
      <c r="QVU703" s="613"/>
      <c r="QVV703" s="613"/>
      <c r="QVW703" s="613"/>
      <c r="QVX703" s="613"/>
      <c r="QVY703" s="613"/>
      <c r="QVZ703" s="613"/>
      <c r="QWA703" s="613"/>
      <c r="QWB703" s="613"/>
      <c r="QWC703" s="613"/>
      <c r="QWD703" s="613"/>
      <c r="QWE703" s="613"/>
      <c r="QWF703" s="613"/>
      <c r="QWG703" s="613"/>
      <c r="QWH703" s="613"/>
      <c r="QWI703" s="613"/>
      <c r="QWJ703" s="613"/>
      <c r="QWK703" s="613"/>
      <c r="QWL703" s="613"/>
      <c r="QWM703" s="613"/>
      <c r="QWN703" s="613"/>
      <c r="QWO703" s="613"/>
      <c r="QWP703" s="613"/>
      <c r="QWQ703" s="613"/>
      <c r="QWR703" s="613"/>
      <c r="QWS703" s="613"/>
      <c r="QWT703" s="613"/>
      <c r="QWU703" s="613"/>
      <c r="QWV703" s="613"/>
      <c r="QWW703" s="613"/>
      <c r="QWX703" s="613"/>
      <c r="QWY703" s="613"/>
      <c r="QWZ703" s="613"/>
      <c r="QXA703" s="613"/>
      <c r="QXB703" s="613"/>
      <c r="QXC703" s="613"/>
      <c r="QXD703" s="613"/>
      <c r="QXE703" s="613"/>
      <c r="QXF703" s="613"/>
      <c r="QXG703" s="613"/>
      <c r="QXH703" s="613"/>
      <c r="QXI703" s="613"/>
      <c r="QXJ703" s="613"/>
      <c r="QXK703" s="613"/>
      <c r="QXL703" s="613"/>
      <c r="QXM703" s="613"/>
      <c r="QXN703" s="613"/>
      <c r="QXO703" s="613"/>
      <c r="QXP703" s="613"/>
      <c r="QXQ703" s="613"/>
      <c r="QXR703" s="613"/>
      <c r="QXS703" s="613"/>
      <c r="QXT703" s="613"/>
      <c r="QXU703" s="613"/>
      <c r="QXV703" s="613"/>
      <c r="QXW703" s="613"/>
      <c r="QXX703" s="613"/>
      <c r="QXY703" s="613"/>
      <c r="QXZ703" s="613"/>
      <c r="QYA703" s="613"/>
      <c r="QYB703" s="613"/>
      <c r="QYC703" s="613"/>
      <c r="QYD703" s="613"/>
      <c r="QYE703" s="613"/>
      <c r="QYF703" s="613"/>
      <c r="QYG703" s="613"/>
      <c r="QYH703" s="613"/>
      <c r="QYI703" s="613"/>
      <c r="QYJ703" s="613"/>
      <c r="QYK703" s="613"/>
      <c r="QYL703" s="613"/>
      <c r="QYM703" s="613"/>
      <c r="QYN703" s="613"/>
      <c r="QYO703" s="613"/>
      <c r="QYP703" s="613"/>
      <c r="QYQ703" s="613"/>
      <c r="QYR703" s="613"/>
      <c r="QYS703" s="613"/>
      <c r="QYT703" s="613"/>
      <c r="QYU703" s="613"/>
      <c r="QYV703" s="613"/>
      <c r="QYW703" s="613"/>
      <c r="QYX703" s="613"/>
      <c r="QYY703" s="613"/>
      <c r="QYZ703" s="613"/>
      <c r="QZA703" s="613"/>
      <c r="QZB703" s="613"/>
      <c r="QZC703" s="613"/>
      <c r="QZD703" s="613"/>
      <c r="QZE703" s="613"/>
      <c r="QZF703" s="613"/>
      <c r="QZG703" s="613"/>
      <c r="QZH703" s="613"/>
      <c r="QZI703" s="613"/>
      <c r="QZJ703" s="613"/>
      <c r="QZK703" s="613"/>
      <c r="QZL703" s="613"/>
      <c r="QZM703" s="613"/>
      <c r="QZN703" s="613"/>
      <c r="QZO703" s="613"/>
      <c r="QZP703" s="613"/>
      <c r="QZQ703" s="613"/>
      <c r="QZR703" s="613"/>
      <c r="QZS703" s="613"/>
      <c r="QZT703" s="613"/>
      <c r="QZU703" s="613"/>
      <c r="QZV703" s="613"/>
      <c r="QZW703" s="613"/>
      <c r="QZX703" s="613"/>
      <c r="QZY703" s="613"/>
      <c r="QZZ703" s="613"/>
      <c r="RAA703" s="613"/>
      <c r="RAB703" s="613"/>
      <c r="RAC703" s="613"/>
      <c r="RAD703" s="613"/>
      <c r="RAE703" s="613"/>
      <c r="RAF703" s="613"/>
      <c r="RAG703" s="613"/>
      <c r="RAH703" s="613"/>
      <c r="RAI703" s="613"/>
      <c r="RAJ703" s="613"/>
      <c r="RAK703" s="613"/>
      <c r="RAL703" s="613"/>
      <c r="RAM703" s="613"/>
      <c r="RAN703" s="613"/>
      <c r="RAO703" s="613"/>
      <c r="RAP703" s="613"/>
      <c r="RAQ703" s="613"/>
      <c r="RAR703" s="613"/>
      <c r="RAS703" s="613"/>
      <c r="RAT703" s="613"/>
      <c r="RAU703" s="613"/>
      <c r="RAV703" s="613"/>
      <c r="RAW703" s="613"/>
      <c r="RAX703" s="613"/>
      <c r="RAY703" s="613"/>
      <c r="RAZ703" s="613"/>
      <c r="RBA703" s="613"/>
      <c r="RBB703" s="613"/>
      <c r="RBC703" s="613"/>
      <c r="RBD703" s="613"/>
      <c r="RBE703" s="613"/>
      <c r="RBF703" s="613"/>
      <c r="RBG703" s="613"/>
      <c r="RBH703" s="613"/>
      <c r="RBI703" s="613"/>
      <c r="RBJ703" s="613"/>
      <c r="RBK703" s="613"/>
      <c r="RBL703" s="613"/>
      <c r="RBM703" s="613"/>
      <c r="RBN703" s="613"/>
      <c r="RBO703" s="613"/>
      <c r="RBP703" s="613"/>
      <c r="RBQ703" s="613"/>
      <c r="RBR703" s="613"/>
      <c r="RBS703" s="613"/>
      <c r="RBT703" s="613"/>
      <c r="RBU703" s="613"/>
      <c r="RBV703" s="613"/>
      <c r="RBW703" s="613"/>
      <c r="RBX703" s="613"/>
      <c r="RBY703" s="613"/>
      <c r="RBZ703" s="613"/>
      <c r="RCA703" s="613"/>
      <c r="RCB703" s="613"/>
      <c r="RCC703" s="613"/>
      <c r="RCD703" s="613"/>
      <c r="RCE703" s="613"/>
      <c r="RCF703" s="613"/>
      <c r="RCG703" s="613"/>
      <c r="RCH703" s="613"/>
      <c r="RCI703" s="613"/>
      <c r="RCJ703" s="613"/>
      <c r="RCK703" s="613"/>
      <c r="RCL703" s="613"/>
      <c r="RCM703" s="613"/>
      <c r="RCN703" s="613"/>
      <c r="RCO703" s="613"/>
      <c r="RCP703" s="613"/>
      <c r="RCQ703" s="613"/>
      <c r="RCR703" s="613"/>
      <c r="RCS703" s="613"/>
      <c r="RCT703" s="613"/>
      <c r="RCU703" s="613"/>
      <c r="RCV703" s="613"/>
      <c r="RCW703" s="613"/>
      <c r="RCX703" s="613"/>
      <c r="RCY703" s="613"/>
      <c r="RCZ703" s="613"/>
      <c r="RDA703" s="613"/>
      <c r="RDB703" s="613"/>
      <c r="RDC703" s="613"/>
      <c r="RDD703" s="613"/>
      <c r="RDE703" s="613"/>
      <c r="RDF703" s="613"/>
      <c r="RDG703" s="613"/>
      <c r="RDH703" s="613"/>
      <c r="RDI703" s="613"/>
      <c r="RDJ703" s="613"/>
      <c r="RDK703" s="613"/>
      <c r="RDL703" s="613"/>
      <c r="RDM703" s="613"/>
      <c r="RDN703" s="613"/>
      <c r="RDO703" s="613"/>
      <c r="RDP703" s="613"/>
      <c r="RDQ703" s="613"/>
      <c r="RDR703" s="613"/>
      <c r="RDS703" s="613"/>
      <c r="RDT703" s="613"/>
      <c r="RDU703" s="613"/>
      <c r="RDV703" s="613"/>
      <c r="RDW703" s="613"/>
      <c r="RDX703" s="613"/>
      <c r="RDY703" s="613"/>
      <c r="RDZ703" s="613"/>
      <c r="REA703" s="613"/>
      <c r="REB703" s="613"/>
      <c r="REC703" s="613"/>
      <c r="RED703" s="613"/>
      <c r="REE703" s="613"/>
      <c r="REF703" s="613"/>
      <c r="REG703" s="613"/>
      <c r="REH703" s="613"/>
      <c r="REI703" s="613"/>
      <c r="REJ703" s="613"/>
      <c r="REK703" s="613"/>
      <c r="REL703" s="613"/>
      <c r="REM703" s="613"/>
      <c r="REN703" s="613"/>
      <c r="REO703" s="613"/>
      <c r="REP703" s="613"/>
      <c r="REQ703" s="613"/>
      <c r="RER703" s="613"/>
      <c r="RES703" s="613"/>
      <c r="RET703" s="613"/>
      <c r="REU703" s="613"/>
      <c r="REV703" s="613"/>
      <c r="REW703" s="613"/>
      <c r="REX703" s="613"/>
      <c r="REY703" s="613"/>
      <c r="REZ703" s="613"/>
      <c r="RFA703" s="613"/>
      <c r="RFB703" s="613"/>
      <c r="RFC703" s="613"/>
      <c r="RFD703" s="613"/>
      <c r="RFE703" s="613"/>
      <c r="RFF703" s="613"/>
      <c r="RFG703" s="613"/>
      <c r="RFH703" s="613"/>
      <c r="RFI703" s="613"/>
      <c r="RFJ703" s="613"/>
      <c r="RFK703" s="613"/>
      <c r="RFL703" s="613"/>
      <c r="RFM703" s="613"/>
      <c r="RFN703" s="613"/>
      <c r="RFO703" s="613"/>
      <c r="RFP703" s="613"/>
      <c r="RFQ703" s="613"/>
      <c r="RFR703" s="613"/>
      <c r="RFS703" s="613"/>
      <c r="RFT703" s="613"/>
      <c r="RFU703" s="613"/>
      <c r="RFV703" s="613"/>
      <c r="RFW703" s="613"/>
      <c r="RFX703" s="613"/>
      <c r="RFY703" s="613"/>
      <c r="RFZ703" s="613"/>
      <c r="RGA703" s="613"/>
      <c r="RGB703" s="613"/>
      <c r="RGC703" s="613"/>
      <c r="RGD703" s="613"/>
      <c r="RGE703" s="613"/>
      <c r="RGF703" s="613"/>
      <c r="RGG703" s="613"/>
      <c r="RGH703" s="613"/>
      <c r="RGI703" s="613"/>
      <c r="RGJ703" s="613"/>
      <c r="RGK703" s="613"/>
      <c r="RGL703" s="613"/>
      <c r="RGM703" s="613"/>
      <c r="RGN703" s="613"/>
      <c r="RGO703" s="613"/>
      <c r="RGP703" s="613"/>
      <c r="RGQ703" s="613"/>
      <c r="RGR703" s="613"/>
      <c r="RGS703" s="613"/>
      <c r="RGT703" s="613"/>
      <c r="RGU703" s="613"/>
      <c r="RGV703" s="613"/>
      <c r="RGW703" s="613"/>
      <c r="RGX703" s="613"/>
      <c r="RGY703" s="613"/>
      <c r="RGZ703" s="613"/>
      <c r="RHA703" s="613"/>
      <c r="RHB703" s="613"/>
      <c r="RHC703" s="613"/>
      <c r="RHD703" s="613"/>
      <c r="RHE703" s="613"/>
      <c r="RHF703" s="613"/>
      <c r="RHG703" s="613"/>
      <c r="RHH703" s="613"/>
      <c r="RHI703" s="613"/>
      <c r="RHJ703" s="613"/>
      <c r="RHK703" s="613"/>
      <c r="RHL703" s="613"/>
      <c r="RHM703" s="613"/>
      <c r="RHN703" s="613"/>
      <c r="RHO703" s="613"/>
      <c r="RHP703" s="613"/>
      <c r="RHQ703" s="613"/>
      <c r="RHR703" s="613"/>
      <c r="RHS703" s="613"/>
      <c r="RHT703" s="613"/>
      <c r="RHU703" s="613"/>
      <c r="RHV703" s="613"/>
      <c r="RHW703" s="613"/>
      <c r="RHX703" s="613"/>
      <c r="RHY703" s="613"/>
      <c r="RHZ703" s="613"/>
      <c r="RIA703" s="613"/>
      <c r="RIB703" s="613"/>
      <c r="RIC703" s="613"/>
      <c r="RID703" s="613"/>
      <c r="RIE703" s="613"/>
      <c r="RIF703" s="613"/>
      <c r="RIG703" s="613"/>
      <c r="RIH703" s="613"/>
      <c r="RII703" s="613"/>
      <c r="RIJ703" s="613"/>
      <c r="RIK703" s="613"/>
      <c r="RIL703" s="613"/>
      <c r="RIM703" s="613"/>
      <c r="RIN703" s="613"/>
      <c r="RIO703" s="613"/>
      <c r="RIP703" s="613"/>
      <c r="RIQ703" s="613"/>
      <c r="RIR703" s="613"/>
      <c r="RIS703" s="613"/>
      <c r="RIT703" s="613"/>
      <c r="RIU703" s="613"/>
      <c r="RIV703" s="613"/>
      <c r="RIW703" s="613"/>
      <c r="RIX703" s="613"/>
      <c r="RIY703" s="613"/>
      <c r="RIZ703" s="613"/>
      <c r="RJA703" s="613"/>
      <c r="RJB703" s="613"/>
      <c r="RJC703" s="613"/>
      <c r="RJD703" s="613"/>
      <c r="RJE703" s="613"/>
      <c r="RJF703" s="613"/>
      <c r="RJG703" s="613"/>
      <c r="RJH703" s="613"/>
      <c r="RJI703" s="613"/>
      <c r="RJJ703" s="613"/>
      <c r="RJK703" s="613"/>
      <c r="RJL703" s="613"/>
      <c r="RJM703" s="613"/>
      <c r="RJN703" s="613"/>
      <c r="RJO703" s="613"/>
      <c r="RJP703" s="613"/>
      <c r="RJQ703" s="613"/>
      <c r="RJR703" s="613"/>
      <c r="RJS703" s="613"/>
      <c r="RJT703" s="613"/>
      <c r="RJU703" s="613"/>
      <c r="RJV703" s="613"/>
      <c r="RJW703" s="613"/>
      <c r="RJX703" s="613"/>
      <c r="RJY703" s="613"/>
      <c r="RJZ703" s="613"/>
      <c r="RKA703" s="613"/>
      <c r="RKB703" s="613"/>
      <c r="RKC703" s="613"/>
      <c r="RKD703" s="613"/>
      <c r="RKE703" s="613"/>
      <c r="RKF703" s="613"/>
      <c r="RKG703" s="613"/>
      <c r="RKH703" s="613"/>
      <c r="RKI703" s="613"/>
      <c r="RKJ703" s="613"/>
      <c r="RKK703" s="613"/>
      <c r="RKL703" s="613"/>
      <c r="RKM703" s="613"/>
      <c r="RKN703" s="613"/>
      <c r="RKO703" s="613"/>
      <c r="RKP703" s="613"/>
      <c r="RKQ703" s="613"/>
      <c r="RKR703" s="613"/>
      <c r="RKS703" s="613"/>
      <c r="RKT703" s="613"/>
      <c r="RKU703" s="613"/>
      <c r="RKV703" s="613"/>
      <c r="RKW703" s="613"/>
      <c r="RKX703" s="613"/>
      <c r="RKY703" s="613"/>
      <c r="RKZ703" s="613"/>
      <c r="RLA703" s="613"/>
      <c r="RLB703" s="613"/>
      <c r="RLC703" s="613"/>
      <c r="RLD703" s="613"/>
      <c r="RLE703" s="613"/>
      <c r="RLF703" s="613"/>
      <c r="RLG703" s="613"/>
      <c r="RLH703" s="613"/>
      <c r="RLI703" s="613"/>
      <c r="RLJ703" s="613"/>
      <c r="RLK703" s="613"/>
      <c r="RLL703" s="613"/>
      <c r="RLM703" s="613"/>
      <c r="RLN703" s="613"/>
      <c r="RLO703" s="613"/>
      <c r="RLP703" s="613"/>
      <c r="RLQ703" s="613"/>
      <c r="RLR703" s="613"/>
      <c r="RLS703" s="613"/>
      <c r="RLT703" s="613"/>
      <c r="RLU703" s="613"/>
      <c r="RLV703" s="613"/>
      <c r="RLW703" s="613"/>
      <c r="RLX703" s="613"/>
      <c r="RLY703" s="613"/>
      <c r="RLZ703" s="613"/>
      <c r="RMA703" s="613"/>
      <c r="RMB703" s="613"/>
      <c r="RMC703" s="613"/>
      <c r="RMD703" s="613"/>
      <c r="RME703" s="613"/>
      <c r="RMF703" s="613"/>
      <c r="RMG703" s="613"/>
      <c r="RMH703" s="613"/>
      <c r="RMI703" s="613"/>
      <c r="RMJ703" s="613"/>
      <c r="RMK703" s="613"/>
      <c r="RML703" s="613"/>
      <c r="RMM703" s="613"/>
      <c r="RMN703" s="613"/>
      <c r="RMO703" s="613"/>
      <c r="RMP703" s="613"/>
      <c r="RMQ703" s="613"/>
      <c r="RMR703" s="613"/>
      <c r="RMS703" s="613"/>
      <c r="RMT703" s="613"/>
      <c r="RMU703" s="613"/>
      <c r="RMV703" s="613"/>
      <c r="RMW703" s="613"/>
      <c r="RMX703" s="613"/>
      <c r="RMY703" s="613"/>
      <c r="RMZ703" s="613"/>
      <c r="RNA703" s="613"/>
      <c r="RNB703" s="613"/>
      <c r="RNC703" s="613"/>
      <c r="RND703" s="613"/>
      <c r="RNE703" s="613"/>
      <c r="RNF703" s="613"/>
      <c r="RNG703" s="613"/>
      <c r="RNH703" s="613"/>
      <c r="RNI703" s="613"/>
      <c r="RNJ703" s="613"/>
      <c r="RNK703" s="613"/>
      <c r="RNL703" s="613"/>
      <c r="RNM703" s="613"/>
      <c r="RNN703" s="613"/>
      <c r="RNO703" s="613"/>
      <c r="RNP703" s="613"/>
      <c r="RNQ703" s="613"/>
      <c r="RNR703" s="613"/>
      <c r="RNS703" s="613"/>
      <c r="RNT703" s="613"/>
      <c r="RNU703" s="613"/>
      <c r="RNV703" s="613"/>
      <c r="RNW703" s="613"/>
      <c r="RNX703" s="613"/>
      <c r="RNY703" s="613"/>
      <c r="RNZ703" s="613"/>
      <c r="ROA703" s="613"/>
      <c r="ROB703" s="613"/>
      <c r="ROC703" s="613"/>
      <c r="ROD703" s="613"/>
      <c r="ROE703" s="613"/>
      <c r="ROF703" s="613"/>
      <c r="ROG703" s="613"/>
      <c r="ROH703" s="613"/>
      <c r="ROI703" s="613"/>
      <c r="ROJ703" s="613"/>
      <c r="ROK703" s="613"/>
      <c r="ROL703" s="613"/>
      <c r="ROM703" s="613"/>
      <c r="RON703" s="613"/>
      <c r="ROO703" s="613"/>
      <c r="ROP703" s="613"/>
      <c r="ROQ703" s="613"/>
      <c r="ROR703" s="613"/>
      <c r="ROS703" s="613"/>
      <c r="ROT703" s="613"/>
      <c r="ROU703" s="613"/>
      <c r="ROV703" s="613"/>
      <c r="ROW703" s="613"/>
      <c r="ROX703" s="613"/>
      <c r="ROY703" s="613"/>
      <c r="ROZ703" s="613"/>
      <c r="RPA703" s="613"/>
      <c r="RPB703" s="613"/>
      <c r="RPC703" s="613"/>
      <c r="RPD703" s="613"/>
      <c r="RPE703" s="613"/>
      <c r="RPF703" s="613"/>
      <c r="RPG703" s="613"/>
      <c r="RPH703" s="613"/>
      <c r="RPI703" s="613"/>
      <c r="RPJ703" s="613"/>
      <c r="RPK703" s="613"/>
      <c r="RPL703" s="613"/>
      <c r="RPM703" s="613"/>
      <c r="RPN703" s="613"/>
      <c r="RPO703" s="613"/>
      <c r="RPP703" s="613"/>
      <c r="RPQ703" s="613"/>
      <c r="RPR703" s="613"/>
      <c r="RPS703" s="613"/>
      <c r="RPT703" s="613"/>
      <c r="RPU703" s="613"/>
      <c r="RPV703" s="613"/>
      <c r="RPW703" s="613"/>
      <c r="RPX703" s="613"/>
      <c r="RPY703" s="613"/>
      <c r="RPZ703" s="613"/>
      <c r="RQA703" s="613"/>
      <c r="RQB703" s="613"/>
      <c r="RQC703" s="613"/>
      <c r="RQD703" s="613"/>
      <c r="RQE703" s="613"/>
      <c r="RQF703" s="613"/>
      <c r="RQG703" s="613"/>
      <c r="RQH703" s="613"/>
      <c r="RQI703" s="613"/>
      <c r="RQJ703" s="613"/>
      <c r="RQK703" s="613"/>
      <c r="RQL703" s="613"/>
      <c r="RQM703" s="613"/>
      <c r="RQN703" s="613"/>
      <c r="RQO703" s="613"/>
      <c r="RQP703" s="613"/>
      <c r="RQQ703" s="613"/>
      <c r="RQR703" s="613"/>
      <c r="RQS703" s="613"/>
      <c r="RQT703" s="613"/>
      <c r="RQU703" s="613"/>
      <c r="RQV703" s="613"/>
      <c r="RQW703" s="613"/>
      <c r="RQX703" s="613"/>
      <c r="RQY703" s="613"/>
      <c r="RQZ703" s="613"/>
      <c r="RRA703" s="613"/>
      <c r="RRB703" s="613"/>
      <c r="RRC703" s="613"/>
      <c r="RRD703" s="613"/>
      <c r="RRE703" s="613"/>
      <c r="RRF703" s="613"/>
      <c r="RRG703" s="613"/>
      <c r="RRH703" s="613"/>
      <c r="RRI703" s="613"/>
      <c r="RRJ703" s="613"/>
      <c r="RRK703" s="613"/>
      <c r="RRL703" s="613"/>
      <c r="RRM703" s="613"/>
      <c r="RRN703" s="613"/>
      <c r="RRO703" s="613"/>
      <c r="RRP703" s="613"/>
      <c r="RRQ703" s="613"/>
      <c r="RRR703" s="613"/>
      <c r="RRS703" s="613"/>
      <c r="RRT703" s="613"/>
      <c r="RRU703" s="613"/>
      <c r="RRV703" s="613"/>
      <c r="RRW703" s="613"/>
      <c r="RRX703" s="613"/>
      <c r="RRY703" s="613"/>
      <c r="RRZ703" s="613"/>
      <c r="RSA703" s="613"/>
      <c r="RSB703" s="613"/>
      <c r="RSC703" s="613"/>
      <c r="RSD703" s="613"/>
      <c r="RSE703" s="613"/>
      <c r="RSF703" s="613"/>
      <c r="RSG703" s="613"/>
      <c r="RSH703" s="613"/>
      <c r="RSI703" s="613"/>
      <c r="RSJ703" s="613"/>
      <c r="RSK703" s="613"/>
      <c r="RSL703" s="613"/>
      <c r="RSM703" s="613"/>
      <c r="RSN703" s="613"/>
      <c r="RSO703" s="613"/>
      <c r="RSP703" s="613"/>
      <c r="RSQ703" s="613"/>
      <c r="RSR703" s="613"/>
      <c r="RSS703" s="613"/>
      <c r="RST703" s="613"/>
      <c r="RSU703" s="613"/>
      <c r="RSV703" s="613"/>
      <c r="RSW703" s="613"/>
      <c r="RSX703" s="613"/>
      <c r="RSY703" s="613"/>
      <c r="RSZ703" s="613"/>
      <c r="RTA703" s="613"/>
      <c r="RTB703" s="613"/>
      <c r="RTC703" s="613"/>
      <c r="RTD703" s="613"/>
      <c r="RTE703" s="613"/>
      <c r="RTF703" s="613"/>
      <c r="RTG703" s="613"/>
      <c r="RTH703" s="613"/>
      <c r="RTI703" s="613"/>
      <c r="RTJ703" s="613"/>
      <c r="RTK703" s="613"/>
      <c r="RTL703" s="613"/>
      <c r="RTM703" s="613"/>
      <c r="RTN703" s="613"/>
      <c r="RTO703" s="613"/>
      <c r="RTP703" s="613"/>
      <c r="RTQ703" s="613"/>
      <c r="RTR703" s="613"/>
      <c r="RTS703" s="613"/>
      <c r="RTT703" s="613"/>
      <c r="RTU703" s="613"/>
      <c r="RTV703" s="613"/>
      <c r="RTW703" s="613"/>
      <c r="RTX703" s="613"/>
      <c r="RTY703" s="613"/>
      <c r="RTZ703" s="613"/>
      <c r="RUA703" s="613"/>
      <c r="RUB703" s="613"/>
      <c r="RUC703" s="613"/>
      <c r="RUD703" s="613"/>
      <c r="RUE703" s="613"/>
      <c r="RUF703" s="613"/>
      <c r="RUG703" s="613"/>
      <c r="RUH703" s="613"/>
      <c r="RUI703" s="613"/>
      <c r="RUJ703" s="613"/>
      <c r="RUK703" s="613"/>
      <c r="RUL703" s="613"/>
      <c r="RUM703" s="613"/>
      <c r="RUN703" s="613"/>
      <c r="RUO703" s="613"/>
      <c r="RUP703" s="613"/>
      <c r="RUQ703" s="613"/>
      <c r="RUR703" s="613"/>
      <c r="RUS703" s="613"/>
      <c r="RUT703" s="613"/>
      <c r="RUU703" s="613"/>
      <c r="RUV703" s="613"/>
      <c r="RUW703" s="613"/>
      <c r="RUX703" s="613"/>
      <c r="RUY703" s="613"/>
      <c r="RUZ703" s="613"/>
      <c r="RVA703" s="613"/>
      <c r="RVB703" s="613"/>
      <c r="RVC703" s="613"/>
      <c r="RVD703" s="613"/>
      <c r="RVE703" s="613"/>
      <c r="RVF703" s="613"/>
      <c r="RVG703" s="613"/>
      <c r="RVH703" s="613"/>
      <c r="RVI703" s="613"/>
      <c r="RVJ703" s="613"/>
      <c r="RVK703" s="613"/>
      <c r="RVL703" s="613"/>
      <c r="RVM703" s="613"/>
      <c r="RVN703" s="613"/>
      <c r="RVO703" s="613"/>
      <c r="RVP703" s="613"/>
      <c r="RVQ703" s="613"/>
      <c r="RVR703" s="613"/>
      <c r="RVS703" s="613"/>
      <c r="RVT703" s="613"/>
      <c r="RVU703" s="613"/>
      <c r="RVV703" s="613"/>
      <c r="RVW703" s="613"/>
      <c r="RVX703" s="613"/>
      <c r="RVY703" s="613"/>
      <c r="RVZ703" s="613"/>
      <c r="RWA703" s="613"/>
      <c r="RWB703" s="613"/>
      <c r="RWC703" s="613"/>
      <c r="RWD703" s="613"/>
      <c r="RWE703" s="613"/>
      <c r="RWF703" s="613"/>
      <c r="RWG703" s="613"/>
      <c r="RWH703" s="613"/>
      <c r="RWI703" s="613"/>
      <c r="RWJ703" s="613"/>
      <c r="RWK703" s="613"/>
      <c r="RWL703" s="613"/>
      <c r="RWM703" s="613"/>
      <c r="RWN703" s="613"/>
      <c r="RWO703" s="613"/>
      <c r="RWP703" s="613"/>
      <c r="RWQ703" s="613"/>
      <c r="RWR703" s="613"/>
      <c r="RWS703" s="613"/>
      <c r="RWT703" s="613"/>
      <c r="RWU703" s="613"/>
      <c r="RWV703" s="613"/>
      <c r="RWW703" s="613"/>
      <c r="RWX703" s="613"/>
      <c r="RWY703" s="613"/>
      <c r="RWZ703" s="613"/>
      <c r="RXA703" s="613"/>
      <c r="RXB703" s="613"/>
      <c r="RXC703" s="613"/>
      <c r="RXD703" s="613"/>
      <c r="RXE703" s="613"/>
      <c r="RXF703" s="613"/>
      <c r="RXG703" s="613"/>
      <c r="RXH703" s="613"/>
      <c r="RXI703" s="613"/>
      <c r="RXJ703" s="613"/>
      <c r="RXK703" s="613"/>
      <c r="RXL703" s="613"/>
      <c r="RXM703" s="613"/>
      <c r="RXN703" s="613"/>
      <c r="RXO703" s="613"/>
      <c r="RXP703" s="613"/>
      <c r="RXQ703" s="613"/>
      <c r="RXR703" s="613"/>
      <c r="RXS703" s="613"/>
      <c r="RXT703" s="613"/>
      <c r="RXU703" s="613"/>
      <c r="RXV703" s="613"/>
      <c r="RXW703" s="613"/>
      <c r="RXX703" s="613"/>
      <c r="RXY703" s="613"/>
      <c r="RXZ703" s="613"/>
      <c r="RYA703" s="613"/>
      <c r="RYB703" s="613"/>
      <c r="RYC703" s="613"/>
      <c r="RYD703" s="613"/>
      <c r="RYE703" s="613"/>
      <c r="RYF703" s="613"/>
      <c r="RYG703" s="613"/>
      <c r="RYH703" s="613"/>
      <c r="RYI703" s="613"/>
      <c r="RYJ703" s="613"/>
      <c r="RYK703" s="613"/>
      <c r="RYL703" s="613"/>
      <c r="RYM703" s="613"/>
      <c r="RYN703" s="613"/>
      <c r="RYO703" s="613"/>
      <c r="RYP703" s="613"/>
      <c r="RYQ703" s="613"/>
      <c r="RYR703" s="613"/>
      <c r="RYS703" s="613"/>
      <c r="RYT703" s="613"/>
      <c r="RYU703" s="613"/>
      <c r="RYV703" s="613"/>
      <c r="RYW703" s="613"/>
      <c r="RYX703" s="613"/>
      <c r="RYY703" s="613"/>
      <c r="RYZ703" s="613"/>
      <c r="RZA703" s="613"/>
      <c r="RZB703" s="613"/>
      <c r="RZC703" s="613"/>
      <c r="RZD703" s="613"/>
      <c r="RZE703" s="613"/>
      <c r="RZF703" s="613"/>
      <c r="RZG703" s="613"/>
      <c r="RZH703" s="613"/>
      <c r="RZI703" s="613"/>
      <c r="RZJ703" s="613"/>
      <c r="RZK703" s="613"/>
      <c r="RZL703" s="613"/>
      <c r="RZM703" s="613"/>
      <c r="RZN703" s="613"/>
      <c r="RZO703" s="613"/>
      <c r="RZP703" s="613"/>
      <c r="RZQ703" s="613"/>
      <c r="RZR703" s="613"/>
      <c r="RZS703" s="613"/>
      <c r="RZT703" s="613"/>
      <c r="RZU703" s="613"/>
      <c r="RZV703" s="613"/>
      <c r="RZW703" s="613"/>
      <c r="RZX703" s="613"/>
      <c r="RZY703" s="613"/>
      <c r="RZZ703" s="613"/>
      <c r="SAA703" s="613"/>
      <c r="SAB703" s="613"/>
      <c r="SAC703" s="613"/>
      <c r="SAD703" s="613"/>
      <c r="SAE703" s="613"/>
      <c r="SAF703" s="613"/>
      <c r="SAG703" s="613"/>
      <c r="SAH703" s="613"/>
      <c r="SAI703" s="613"/>
      <c r="SAJ703" s="613"/>
      <c r="SAK703" s="613"/>
      <c r="SAL703" s="613"/>
      <c r="SAM703" s="613"/>
      <c r="SAN703" s="613"/>
      <c r="SAO703" s="613"/>
      <c r="SAP703" s="613"/>
      <c r="SAQ703" s="613"/>
      <c r="SAR703" s="613"/>
      <c r="SAS703" s="613"/>
      <c r="SAT703" s="613"/>
      <c r="SAU703" s="613"/>
      <c r="SAV703" s="613"/>
      <c r="SAW703" s="613"/>
      <c r="SAX703" s="613"/>
      <c r="SAY703" s="613"/>
      <c r="SAZ703" s="613"/>
      <c r="SBA703" s="613"/>
      <c r="SBB703" s="613"/>
      <c r="SBC703" s="613"/>
      <c r="SBD703" s="613"/>
      <c r="SBE703" s="613"/>
      <c r="SBF703" s="613"/>
      <c r="SBG703" s="613"/>
      <c r="SBH703" s="613"/>
      <c r="SBI703" s="613"/>
      <c r="SBJ703" s="613"/>
      <c r="SBK703" s="613"/>
      <c r="SBL703" s="613"/>
      <c r="SBM703" s="613"/>
      <c r="SBN703" s="613"/>
      <c r="SBO703" s="613"/>
      <c r="SBP703" s="613"/>
      <c r="SBQ703" s="613"/>
      <c r="SBR703" s="613"/>
      <c r="SBS703" s="613"/>
      <c r="SBT703" s="613"/>
      <c r="SBU703" s="613"/>
      <c r="SBV703" s="613"/>
      <c r="SBW703" s="613"/>
      <c r="SBX703" s="613"/>
      <c r="SBY703" s="613"/>
      <c r="SBZ703" s="613"/>
      <c r="SCA703" s="613"/>
      <c r="SCB703" s="613"/>
      <c r="SCC703" s="613"/>
      <c r="SCD703" s="613"/>
      <c r="SCE703" s="613"/>
      <c r="SCF703" s="613"/>
      <c r="SCG703" s="613"/>
      <c r="SCH703" s="613"/>
      <c r="SCI703" s="613"/>
      <c r="SCJ703" s="613"/>
      <c r="SCK703" s="613"/>
      <c r="SCL703" s="613"/>
      <c r="SCM703" s="613"/>
      <c r="SCN703" s="613"/>
      <c r="SCO703" s="613"/>
      <c r="SCP703" s="613"/>
      <c r="SCQ703" s="613"/>
      <c r="SCR703" s="613"/>
      <c r="SCS703" s="613"/>
      <c r="SCT703" s="613"/>
      <c r="SCU703" s="613"/>
      <c r="SCV703" s="613"/>
      <c r="SCW703" s="613"/>
      <c r="SCX703" s="613"/>
      <c r="SCY703" s="613"/>
      <c r="SCZ703" s="613"/>
      <c r="SDA703" s="613"/>
      <c r="SDB703" s="613"/>
      <c r="SDC703" s="613"/>
      <c r="SDD703" s="613"/>
      <c r="SDE703" s="613"/>
      <c r="SDF703" s="613"/>
      <c r="SDG703" s="613"/>
      <c r="SDH703" s="613"/>
      <c r="SDI703" s="613"/>
      <c r="SDJ703" s="613"/>
      <c r="SDK703" s="613"/>
      <c r="SDL703" s="613"/>
      <c r="SDM703" s="613"/>
      <c r="SDN703" s="613"/>
      <c r="SDO703" s="613"/>
      <c r="SDP703" s="613"/>
      <c r="SDQ703" s="613"/>
      <c r="SDR703" s="613"/>
      <c r="SDS703" s="613"/>
      <c r="SDT703" s="613"/>
      <c r="SDU703" s="613"/>
      <c r="SDV703" s="613"/>
      <c r="SDW703" s="613"/>
      <c r="SDX703" s="613"/>
      <c r="SDY703" s="613"/>
      <c r="SDZ703" s="613"/>
      <c r="SEA703" s="613"/>
      <c r="SEB703" s="613"/>
      <c r="SEC703" s="613"/>
      <c r="SED703" s="613"/>
      <c r="SEE703" s="613"/>
      <c r="SEF703" s="613"/>
      <c r="SEG703" s="613"/>
      <c r="SEH703" s="613"/>
      <c r="SEI703" s="613"/>
      <c r="SEJ703" s="613"/>
      <c r="SEK703" s="613"/>
      <c r="SEL703" s="613"/>
      <c r="SEM703" s="613"/>
      <c r="SEN703" s="613"/>
      <c r="SEO703" s="613"/>
      <c r="SEP703" s="613"/>
      <c r="SEQ703" s="613"/>
      <c r="SER703" s="613"/>
      <c r="SES703" s="613"/>
      <c r="SET703" s="613"/>
      <c r="SEU703" s="613"/>
      <c r="SEV703" s="613"/>
      <c r="SEW703" s="613"/>
      <c r="SEX703" s="613"/>
      <c r="SEY703" s="613"/>
      <c r="SEZ703" s="613"/>
      <c r="SFA703" s="613"/>
      <c r="SFB703" s="613"/>
      <c r="SFC703" s="613"/>
      <c r="SFD703" s="613"/>
      <c r="SFE703" s="613"/>
      <c r="SFF703" s="613"/>
      <c r="SFG703" s="613"/>
      <c r="SFH703" s="613"/>
      <c r="SFI703" s="613"/>
      <c r="SFJ703" s="613"/>
      <c r="SFK703" s="613"/>
      <c r="SFL703" s="613"/>
      <c r="SFM703" s="613"/>
      <c r="SFN703" s="613"/>
      <c r="SFO703" s="613"/>
      <c r="SFP703" s="613"/>
      <c r="SFQ703" s="613"/>
      <c r="SFR703" s="613"/>
      <c r="SFS703" s="613"/>
      <c r="SFT703" s="613"/>
      <c r="SFU703" s="613"/>
      <c r="SFV703" s="613"/>
      <c r="SFW703" s="613"/>
      <c r="SFX703" s="613"/>
      <c r="SFY703" s="613"/>
      <c r="SFZ703" s="613"/>
      <c r="SGA703" s="613"/>
      <c r="SGB703" s="613"/>
      <c r="SGC703" s="613"/>
      <c r="SGD703" s="613"/>
      <c r="SGE703" s="613"/>
      <c r="SGF703" s="613"/>
      <c r="SGG703" s="613"/>
      <c r="SGH703" s="613"/>
      <c r="SGI703" s="613"/>
      <c r="SGJ703" s="613"/>
      <c r="SGK703" s="613"/>
      <c r="SGL703" s="613"/>
      <c r="SGM703" s="613"/>
      <c r="SGN703" s="613"/>
      <c r="SGO703" s="613"/>
      <c r="SGP703" s="613"/>
      <c r="SGQ703" s="613"/>
      <c r="SGR703" s="613"/>
      <c r="SGS703" s="613"/>
      <c r="SGT703" s="613"/>
      <c r="SGU703" s="613"/>
      <c r="SGV703" s="613"/>
      <c r="SGW703" s="613"/>
      <c r="SGX703" s="613"/>
      <c r="SGY703" s="613"/>
      <c r="SGZ703" s="613"/>
      <c r="SHA703" s="613"/>
      <c r="SHB703" s="613"/>
      <c r="SHC703" s="613"/>
      <c r="SHD703" s="613"/>
      <c r="SHE703" s="613"/>
      <c r="SHF703" s="613"/>
      <c r="SHG703" s="613"/>
      <c r="SHH703" s="613"/>
      <c r="SHI703" s="613"/>
      <c r="SHJ703" s="613"/>
      <c r="SHK703" s="613"/>
      <c r="SHL703" s="613"/>
      <c r="SHM703" s="613"/>
      <c r="SHN703" s="613"/>
      <c r="SHO703" s="613"/>
      <c r="SHP703" s="613"/>
      <c r="SHQ703" s="613"/>
      <c r="SHR703" s="613"/>
      <c r="SHS703" s="613"/>
      <c r="SHT703" s="613"/>
      <c r="SHU703" s="613"/>
      <c r="SHV703" s="613"/>
      <c r="SHW703" s="613"/>
      <c r="SHX703" s="613"/>
      <c r="SHY703" s="613"/>
      <c r="SHZ703" s="613"/>
      <c r="SIA703" s="613"/>
      <c r="SIB703" s="613"/>
      <c r="SIC703" s="613"/>
      <c r="SID703" s="613"/>
      <c r="SIE703" s="613"/>
      <c r="SIF703" s="613"/>
      <c r="SIG703" s="613"/>
      <c r="SIH703" s="613"/>
      <c r="SII703" s="613"/>
      <c r="SIJ703" s="613"/>
      <c r="SIK703" s="613"/>
      <c r="SIL703" s="613"/>
      <c r="SIM703" s="613"/>
      <c r="SIN703" s="613"/>
      <c r="SIO703" s="613"/>
      <c r="SIP703" s="613"/>
      <c r="SIQ703" s="613"/>
      <c r="SIR703" s="613"/>
      <c r="SIS703" s="613"/>
      <c r="SIT703" s="613"/>
      <c r="SIU703" s="613"/>
      <c r="SIV703" s="613"/>
      <c r="SIW703" s="613"/>
      <c r="SIX703" s="613"/>
      <c r="SIY703" s="613"/>
      <c r="SIZ703" s="613"/>
      <c r="SJA703" s="613"/>
      <c r="SJB703" s="613"/>
      <c r="SJC703" s="613"/>
      <c r="SJD703" s="613"/>
      <c r="SJE703" s="613"/>
      <c r="SJF703" s="613"/>
      <c r="SJG703" s="613"/>
      <c r="SJH703" s="613"/>
      <c r="SJI703" s="613"/>
      <c r="SJJ703" s="613"/>
      <c r="SJK703" s="613"/>
      <c r="SJL703" s="613"/>
      <c r="SJM703" s="613"/>
      <c r="SJN703" s="613"/>
      <c r="SJO703" s="613"/>
      <c r="SJP703" s="613"/>
      <c r="SJQ703" s="613"/>
      <c r="SJR703" s="613"/>
      <c r="SJS703" s="613"/>
      <c r="SJT703" s="613"/>
      <c r="SJU703" s="613"/>
      <c r="SJV703" s="613"/>
      <c r="SJW703" s="613"/>
      <c r="SJX703" s="613"/>
      <c r="SJY703" s="613"/>
      <c r="SJZ703" s="613"/>
      <c r="SKA703" s="613"/>
      <c r="SKB703" s="613"/>
      <c r="SKC703" s="613"/>
      <c r="SKD703" s="613"/>
      <c r="SKE703" s="613"/>
      <c r="SKF703" s="613"/>
      <c r="SKG703" s="613"/>
      <c r="SKH703" s="613"/>
      <c r="SKI703" s="613"/>
      <c r="SKJ703" s="613"/>
      <c r="SKK703" s="613"/>
      <c r="SKL703" s="613"/>
      <c r="SKM703" s="613"/>
      <c r="SKN703" s="613"/>
      <c r="SKO703" s="613"/>
      <c r="SKP703" s="613"/>
      <c r="SKQ703" s="613"/>
      <c r="SKR703" s="613"/>
      <c r="SKS703" s="613"/>
      <c r="SKT703" s="613"/>
      <c r="SKU703" s="613"/>
      <c r="SKV703" s="613"/>
      <c r="SKW703" s="613"/>
      <c r="SKX703" s="613"/>
      <c r="SKY703" s="613"/>
      <c r="SKZ703" s="613"/>
      <c r="SLA703" s="613"/>
      <c r="SLB703" s="613"/>
      <c r="SLC703" s="613"/>
      <c r="SLD703" s="613"/>
      <c r="SLE703" s="613"/>
      <c r="SLF703" s="613"/>
      <c r="SLG703" s="613"/>
      <c r="SLH703" s="613"/>
      <c r="SLI703" s="613"/>
      <c r="SLJ703" s="613"/>
      <c r="SLK703" s="613"/>
      <c r="SLL703" s="613"/>
      <c r="SLM703" s="613"/>
      <c r="SLN703" s="613"/>
      <c r="SLO703" s="613"/>
      <c r="SLP703" s="613"/>
      <c r="SLQ703" s="613"/>
      <c r="SLR703" s="613"/>
      <c r="SLS703" s="613"/>
      <c r="SLT703" s="613"/>
      <c r="SLU703" s="613"/>
      <c r="SLV703" s="613"/>
      <c r="SLW703" s="613"/>
      <c r="SLX703" s="613"/>
      <c r="SLY703" s="613"/>
      <c r="SLZ703" s="613"/>
      <c r="SMA703" s="613"/>
      <c r="SMB703" s="613"/>
      <c r="SMC703" s="613"/>
      <c r="SMD703" s="613"/>
      <c r="SME703" s="613"/>
      <c r="SMF703" s="613"/>
      <c r="SMG703" s="613"/>
      <c r="SMH703" s="613"/>
      <c r="SMI703" s="613"/>
      <c r="SMJ703" s="613"/>
      <c r="SMK703" s="613"/>
      <c r="SML703" s="613"/>
      <c r="SMM703" s="613"/>
      <c r="SMN703" s="613"/>
      <c r="SMO703" s="613"/>
      <c r="SMP703" s="613"/>
      <c r="SMQ703" s="613"/>
      <c r="SMR703" s="613"/>
      <c r="SMS703" s="613"/>
      <c r="SMT703" s="613"/>
      <c r="SMU703" s="613"/>
      <c r="SMV703" s="613"/>
      <c r="SMW703" s="613"/>
      <c r="SMX703" s="613"/>
      <c r="SMY703" s="613"/>
      <c r="SMZ703" s="613"/>
      <c r="SNA703" s="613"/>
      <c r="SNB703" s="613"/>
      <c r="SNC703" s="613"/>
      <c r="SND703" s="613"/>
      <c r="SNE703" s="613"/>
      <c r="SNF703" s="613"/>
      <c r="SNG703" s="613"/>
      <c r="SNH703" s="613"/>
      <c r="SNI703" s="613"/>
      <c r="SNJ703" s="613"/>
      <c r="SNK703" s="613"/>
      <c r="SNL703" s="613"/>
      <c r="SNM703" s="613"/>
      <c r="SNN703" s="613"/>
      <c r="SNO703" s="613"/>
      <c r="SNP703" s="613"/>
      <c r="SNQ703" s="613"/>
      <c r="SNR703" s="613"/>
      <c r="SNS703" s="613"/>
      <c r="SNT703" s="613"/>
      <c r="SNU703" s="613"/>
      <c r="SNV703" s="613"/>
      <c r="SNW703" s="613"/>
      <c r="SNX703" s="613"/>
      <c r="SNY703" s="613"/>
      <c r="SNZ703" s="613"/>
      <c r="SOA703" s="613"/>
      <c r="SOB703" s="613"/>
      <c r="SOC703" s="613"/>
      <c r="SOD703" s="613"/>
      <c r="SOE703" s="613"/>
      <c r="SOF703" s="613"/>
      <c r="SOG703" s="613"/>
      <c r="SOH703" s="613"/>
      <c r="SOI703" s="613"/>
      <c r="SOJ703" s="613"/>
      <c r="SOK703" s="613"/>
      <c r="SOL703" s="613"/>
      <c r="SOM703" s="613"/>
      <c r="SON703" s="613"/>
      <c r="SOO703" s="613"/>
      <c r="SOP703" s="613"/>
      <c r="SOQ703" s="613"/>
      <c r="SOR703" s="613"/>
      <c r="SOS703" s="613"/>
      <c r="SOT703" s="613"/>
      <c r="SOU703" s="613"/>
      <c r="SOV703" s="613"/>
      <c r="SOW703" s="613"/>
      <c r="SOX703" s="613"/>
      <c r="SOY703" s="613"/>
      <c r="SOZ703" s="613"/>
      <c r="SPA703" s="613"/>
      <c r="SPB703" s="613"/>
      <c r="SPC703" s="613"/>
      <c r="SPD703" s="613"/>
      <c r="SPE703" s="613"/>
      <c r="SPF703" s="613"/>
      <c r="SPG703" s="613"/>
      <c r="SPH703" s="613"/>
      <c r="SPI703" s="613"/>
      <c r="SPJ703" s="613"/>
      <c r="SPK703" s="613"/>
      <c r="SPL703" s="613"/>
      <c r="SPM703" s="613"/>
      <c r="SPN703" s="613"/>
      <c r="SPO703" s="613"/>
      <c r="SPP703" s="613"/>
      <c r="SPQ703" s="613"/>
      <c r="SPR703" s="613"/>
      <c r="SPS703" s="613"/>
      <c r="SPT703" s="613"/>
      <c r="SPU703" s="613"/>
      <c r="SPV703" s="613"/>
      <c r="SPW703" s="613"/>
      <c r="SPX703" s="613"/>
      <c r="SPY703" s="613"/>
      <c r="SPZ703" s="613"/>
      <c r="SQA703" s="613"/>
      <c r="SQB703" s="613"/>
      <c r="SQC703" s="613"/>
      <c r="SQD703" s="613"/>
      <c r="SQE703" s="613"/>
      <c r="SQF703" s="613"/>
      <c r="SQG703" s="613"/>
      <c r="SQH703" s="613"/>
      <c r="SQI703" s="613"/>
      <c r="SQJ703" s="613"/>
      <c r="SQK703" s="613"/>
      <c r="SQL703" s="613"/>
      <c r="SQM703" s="613"/>
      <c r="SQN703" s="613"/>
      <c r="SQO703" s="613"/>
      <c r="SQP703" s="613"/>
      <c r="SQQ703" s="613"/>
      <c r="SQR703" s="613"/>
      <c r="SQS703" s="613"/>
      <c r="SQT703" s="613"/>
      <c r="SQU703" s="613"/>
      <c r="SQV703" s="613"/>
      <c r="SQW703" s="613"/>
      <c r="SQX703" s="613"/>
      <c r="SQY703" s="613"/>
      <c r="SQZ703" s="613"/>
      <c r="SRA703" s="613"/>
      <c r="SRB703" s="613"/>
      <c r="SRC703" s="613"/>
      <c r="SRD703" s="613"/>
      <c r="SRE703" s="613"/>
      <c r="SRF703" s="613"/>
      <c r="SRG703" s="613"/>
      <c r="SRH703" s="613"/>
      <c r="SRI703" s="613"/>
      <c r="SRJ703" s="613"/>
      <c r="SRK703" s="613"/>
      <c r="SRL703" s="613"/>
      <c r="SRM703" s="613"/>
      <c r="SRN703" s="613"/>
      <c r="SRO703" s="613"/>
      <c r="SRP703" s="613"/>
      <c r="SRQ703" s="613"/>
      <c r="SRR703" s="613"/>
      <c r="SRS703" s="613"/>
      <c r="SRT703" s="613"/>
      <c r="SRU703" s="613"/>
      <c r="SRV703" s="613"/>
      <c r="SRW703" s="613"/>
      <c r="SRX703" s="613"/>
      <c r="SRY703" s="613"/>
      <c r="SRZ703" s="613"/>
      <c r="SSA703" s="613"/>
      <c r="SSB703" s="613"/>
      <c r="SSC703" s="613"/>
      <c r="SSD703" s="613"/>
      <c r="SSE703" s="613"/>
      <c r="SSF703" s="613"/>
      <c r="SSG703" s="613"/>
      <c r="SSH703" s="613"/>
      <c r="SSI703" s="613"/>
      <c r="SSJ703" s="613"/>
      <c r="SSK703" s="613"/>
      <c r="SSL703" s="613"/>
      <c r="SSM703" s="613"/>
      <c r="SSN703" s="613"/>
      <c r="SSO703" s="613"/>
      <c r="SSP703" s="613"/>
      <c r="SSQ703" s="613"/>
      <c r="SSR703" s="613"/>
      <c r="SSS703" s="613"/>
      <c r="SST703" s="613"/>
      <c r="SSU703" s="613"/>
      <c r="SSV703" s="613"/>
      <c r="SSW703" s="613"/>
      <c r="SSX703" s="613"/>
      <c r="SSY703" s="613"/>
      <c r="SSZ703" s="613"/>
      <c r="STA703" s="613"/>
      <c r="STB703" s="613"/>
      <c r="STC703" s="613"/>
      <c r="STD703" s="613"/>
      <c r="STE703" s="613"/>
      <c r="STF703" s="613"/>
      <c r="STG703" s="613"/>
      <c r="STH703" s="613"/>
      <c r="STI703" s="613"/>
      <c r="STJ703" s="613"/>
      <c r="STK703" s="613"/>
      <c r="STL703" s="613"/>
      <c r="STM703" s="613"/>
      <c r="STN703" s="613"/>
      <c r="STO703" s="613"/>
      <c r="STP703" s="613"/>
      <c r="STQ703" s="613"/>
      <c r="STR703" s="613"/>
      <c r="STS703" s="613"/>
      <c r="STT703" s="613"/>
      <c r="STU703" s="613"/>
      <c r="STV703" s="613"/>
      <c r="STW703" s="613"/>
      <c r="STX703" s="613"/>
      <c r="STY703" s="613"/>
      <c r="STZ703" s="613"/>
      <c r="SUA703" s="613"/>
      <c r="SUB703" s="613"/>
      <c r="SUC703" s="613"/>
      <c r="SUD703" s="613"/>
      <c r="SUE703" s="613"/>
      <c r="SUF703" s="613"/>
      <c r="SUG703" s="613"/>
      <c r="SUH703" s="613"/>
      <c r="SUI703" s="613"/>
      <c r="SUJ703" s="613"/>
      <c r="SUK703" s="613"/>
      <c r="SUL703" s="613"/>
      <c r="SUM703" s="613"/>
      <c r="SUN703" s="613"/>
      <c r="SUO703" s="613"/>
      <c r="SUP703" s="613"/>
      <c r="SUQ703" s="613"/>
      <c r="SUR703" s="613"/>
      <c r="SUS703" s="613"/>
      <c r="SUT703" s="613"/>
      <c r="SUU703" s="613"/>
      <c r="SUV703" s="613"/>
      <c r="SUW703" s="613"/>
      <c r="SUX703" s="613"/>
      <c r="SUY703" s="613"/>
      <c r="SUZ703" s="613"/>
      <c r="SVA703" s="613"/>
      <c r="SVB703" s="613"/>
      <c r="SVC703" s="613"/>
      <c r="SVD703" s="613"/>
      <c r="SVE703" s="613"/>
      <c r="SVF703" s="613"/>
      <c r="SVG703" s="613"/>
      <c r="SVH703" s="613"/>
      <c r="SVI703" s="613"/>
      <c r="SVJ703" s="613"/>
      <c r="SVK703" s="613"/>
      <c r="SVL703" s="613"/>
      <c r="SVM703" s="613"/>
      <c r="SVN703" s="613"/>
      <c r="SVO703" s="613"/>
      <c r="SVP703" s="613"/>
      <c r="SVQ703" s="613"/>
      <c r="SVR703" s="613"/>
      <c r="SVS703" s="613"/>
      <c r="SVT703" s="613"/>
      <c r="SVU703" s="613"/>
      <c r="SVV703" s="613"/>
      <c r="SVW703" s="613"/>
      <c r="SVX703" s="613"/>
      <c r="SVY703" s="613"/>
      <c r="SVZ703" s="613"/>
      <c r="SWA703" s="613"/>
      <c r="SWB703" s="613"/>
      <c r="SWC703" s="613"/>
      <c r="SWD703" s="613"/>
      <c r="SWE703" s="613"/>
      <c r="SWF703" s="613"/>
      <c r="SWG703" s="613"/>
      <c r="SWH703" s="613"/>
      <c r="SWI703" s="613"/>
      <c r="SWJ703" s="613"/>
      <c r="SWK703" s="613"/>
      <c r="SWL703" s="613"/>
      <c r="SWM703" s="613"/>
      <c r="SWN703" s="613"/>
      <c r="SWO703" s="613"/>
      <c r="SWP703" s="613"/>
      <c r="SWQ703" s="613"/>
      <c r="SWR703" s="613"/>
      <c r="SWS703" s="613"/>
      <c r="SWT703" s="613"/>
      <c r="SWU703" s="613"/>
      <c r="SWV703" s="613"/>
      <c r="SWW703" s="613"/>
      <c r="SWX703" s="613"/>
      <c r="SWY703" s="613"/>
      <c r="SWZ703" s="613"/>
      <c r="SXA703" s="613"/>
      <c r="SXB703" s="613"/>
      <c r="SXC703" s="613"/>
      <c r="SXD703" s="613"/>
      <c r="SXE703" s="613"/>
      <c r="SXF703" s="613"/>
      <c r="SXG703" s="613"/>
      <c r="SXH703" s="613"/>
      <c r="SXI703" s="613"/>
      <c r="SXJ703" s="613"/>
      <c r="SXK703" s="613"/>
      <c r="SXL703" s="613"/>
      <c r="SXM703" s="613"/>
      <c r="SXN703" s="613"/>
      <c r="SXO703" s="613"/>
      <c r="SXP703" s="613"/>
      <c r="SXQ703" s="613"/>
      <c r="SXR703" s="613"/>
      <c r="SXS703" s="613"/>
      <c r="SXT703" s="613"/>
      <c r="SXU703" s="613"/>
      <c r="SXV703" s="613"/>
      <c r="SXW703" s="613"/>
      <c r="SXX703" s="613"/>
      <c r="SXY703" s="613"/>
      <c r="SXZ703" s="613"/>
      <c r="SYA703" s="613"/>
      <c r="SYB703" s="613"/>
      <c r="SYC703" s="613"/>
      <c r="SYD703" s="613"/>
      <c r="SYE703" s="613"/>
      <c r="SYF703" s="613"/>
      <c r="SYG703" s="613"/>
      <c r="SYH703" s="613"/>
      <c r="SYI703" s="613"/>
      <c r="SYJ703" s="613"/>
      <c r="SYK703" s="613"/>
      <c r="SYL703" s="613"/>
      <c r="SYM703" s="613"/>
      <c r="SYN703" s="613"/>
      <c r="SYO703" s="613"/>
      <c r="SYP703" s="613"/>
      <c r="SYQ703" s="613"/>
      <c r="SYR703" s="613"/>
      <c r="SYS703" s="613"/>
      <c r="SYT703" s="613"/>
      <c r="SYU703" s="613"/>
      <c r="SYV703" s="613"/>
      <c r="SYW703" s="613"/>
      <c r="SYX703" s="613"/>
      <c r="SYY703" s="613"/>
      <c r="SYZ703" s="613"/>
      <c r="SZA703" s="613"/>
      <c r="SZB703" s="613"/>
      <c r="SZC703" s="613"/>
      <c r="SZD703" s="613"/>
      <c r="SZE703" s="613"/>
      <c r="SZF703" s="613"/>
      <c r="SZG703" s="613"/>
      <c r="SZH703" s="613"/>
      <c r="SZI703" s="613"/>
      <c r="SZJ703" s="613"/>
      <c r="SZK703" s="613"/>
      <c r="SZL703" s="613"/>
      <c r="SZM703" s="613"/>
      <c r="SZN703" s="613"/>
      <c r="SZO703" s="613"/>
      <c r="SZP703" s="613"/>
      <c r="SZQ703" s="613"/>
      <c r="SZR703" s="613"/>
      <c r="SZS703" s="613"/>
      <c r="SZT703" s="613"/>
      <c r="SZU703" s="613"/>
      <c r="SZV703" s="613"/>
      <c r="SZW703" s="613"/>
      <c r="SZX703" s="613"/>
      <c r="SZY703" s="613"/>
      <c r="SZZ703" s="613"/>
      <c r="TAA703" s="613"/>
      <c r="TAB703" s="613"/>
      <c r="TAC703" s="613"/>
      <c r="TAD703" s="613"/>
      <c r="TAE703" s="613"/>
      <c r="TAF703" s="613"/>
      <c r="TAG703" s="613"/>
      <c r="TAH703" s="613"/>
      <c r="TAI703" s="613"/>
      <c r="TAJ703" s="613"/>
      <c r="TAK703" s="613"/>
      <c r="TAL703" s="613"/>
      <c r="TAM703" s="613"/>
      <c r="TAN703" s="613"/>
      <c r="TAO703" s="613"/>
      <c r="TAP703" s="613"/>
      <c r="TAQ703" s="613"/>
      <c r="TAR703" s="613"/>
      <c r="TAS703" s="613"/>
      <c r="TAT703" s="613"/>
      <c r="TAU703" s="613"/>
      <c r="TAV703" s="613"/>
      <c r="TAW703" s="613"/>
      <c r="TAX703" s="613"/>
      <c r="TAY703" s="613"/>
      <c r="TAZ703" s="613"/>
      <c r="TBA703" s="613"/>
      <c r="TBB703" s="613"/>
      <c r="TBC703" s="613"/>
      <c r="TBD703" s="613"/>
      <c r="TBE703" s="613"/>
      <c r="TBF703" s="613"/>
      <c r="TBG703" s="613"/>
      <c r="TBH703" s="613"/>
      <c r="TBI703" s="613"/>
      <c r="TBJ703" s="613"/>
      <c r="TBK703" s="613"/>
      <c r="TBL703" s="613"/>
      <c r="TBM703" s="613"/>
      <c r="TBN703" s="613"/>
      <c r="TBO703" s="613"/>
      <c r="TBP703" s="613"/>
      <c r="TBQ703" s="613"/>
      <c r="TBR703" s="613"/>
      <c r="TBS703" s="613"/>
      <c r="TBT703" s="613"/>
      <c r="TBU703" s="613"/>
      <c r="TBV703" s="613"/>
      <c r="TBW703" s="613"/>
      <c r="TBX703" s="613"/>
      <c r="TBY703" s="613"/>
      <c r="TBZ703" s="613"/>
      <c r="TCA703" s="613"/>
      <c r="TCB703" s="613"/>
      <c r="TCC703" s="613"/>
      <c r="TCD703" s="613"/>
      <c r="TCE703" s="613"/>
      <c r="TCF703" s="613"/>
      <c r="TCG703" s="613"/>
      <c r="TCH703" s="613"/>
      <c r="TCI703" s="613"/>
      <c r="TCJ703" s="613"/>
      <c r="TCK703" s="613"/>
      <c r="TCL703" s="613"/>
      <c r="TCM703" s="613"/>
      <c r="TCN703" s="613"/>
      <c r="TCO703" s="613"/>
      <c r="TCP703" s="613"/>
      <c r="TCQ703" s="613"/>
      <c r="TCR703" s="613"/>
      <c r="TCS703" s="613"/>
      <c r="TCT703" s="613"/>
      <c r="TCU703" s="613"/>
      <c r="TCV703" s="613"/>
      <c r="TCW703" s="613"/>
      <c r="TCX703" s="613"/>
      <c r="TCY703" s="613"/>
      <c r="TCZ703" s="613"/>
      <c r="TDA703" s="613"/>
      <c r="TDB703" s="613"/>
      <c r="TDC703" s="613"/>
      <c r="TDD703" s="613"/>
      <c r="TDE703" s="613"/>
      <c r="TDF703" s="613"/>
      <c r="TDG703" s="613"/>
      <c r="TDH703" s="613"/>
      <c r="TDI703" s="613"/>
      <c r="TDJ703" s="613"/>
      <c r="TDK703" s="613"/>
      <c r="TDL703" s="613"/>
      <c r="TDM703" s="613"/>
      <c r="TDN703" s="613"/>
      <c r="TDO703" s="613"/>
      <c r="TDP703" s="613"/>
      <c r="TDQ703" s="613"/>
      <c r="TDR703" s="613"/>
      <c r="TDS703" s="613"/>
      <c r="TDT703" s="613"/>
      <c r="TDU703" s="613"/>
      <c r="TDV703" s="613"/>
      <c r="TDW703" s="613"/>
      <c r="TDX703" s="613"/>
      <c r="TDY703" s="613"/>
      <c r="TDZ703" s="613"/>
      <c r="TEA703" s="613"/>
      <c r="TEB703" s="613"/>
      <c r="TEC703" s="613"/>
      <c r="TED703" s="613"/>
      <c r="TEE703" s="613"/>
      <c r="TEF703" s="613"/>
      <c r="TEG703" s="613"/>
      <c r="TEH703" s="613"/>
      <c r="TEI703" s="613"/>
      <c r="TEJ703" s="613"/>
      <c r="TEK703" s="613"/>
      <c r="TEL703" s="613"/>
      <c r="TEM703" s="613"/>
      <c r="TEN703" s="613"/>
      <c r="TEO703" s="613"/>
      <c r="TEP703" s="613"/>
      <c r="TEQ703" s="613"/>
      <c r="TER703" s="613"/>
      <c r="TES703" s="613"/>
      <c r="TET703" s="613"/>
      <c r="TEU703" s="613"/>
      <c r="TEV703" s="613"/>
      <c r="TEW703" s="613"/>
      <c r="TEX703" s="613"/>
      <c r="TEY703" s="613"/>
      <c r="TEZ703" s="613"/>
      <c r="TFA703" s="613"/>
      <c r="TFB703" s="613"/>
      <c r="TFC703" s="613"/>
      <c r="TFD703" s="613"/>
      <c r="TFE703" s="613"/>
      <c r="TFF703" s="613"/>
      <c r="TFG703" s="613"/>
      <c r="TFH703" s="613"/>
      <c r="TFI703" s="613"/>
      <c r="TFJ703" s="613"/>
      <c r="TFK703" s="613"/>
      <c r="TFL703" s="613"/>
      <c r="TFM703" s="613"/>
      <c r="TFN703" s="613"/>
      <c r="TFO703" s="613"/>
      <c r="TFP703" s="613"/>
      <c r="TFQ703" s="613"/>
      <c r="TFR703" s="613"/>
      <c r="TFS703" s="613"/>
      <c r="TFT703" s="613"/>
      <c r="TFU703" s="613"/>
      <c r="TFV703" s="613"/>
      <c r="TFW703" s="613"/>
      <c r="TFX703" s="613"/>
      <c r="TFY703" s="613"/>
      <c r="TFZ703" s="613"/>
      <c r="TGA703" s="613"/>
      <c r="TGB703" s="613"/>
      <c r="TGC703" s="613"/>
      <c r="TGD703" s="613"/>
      <c r="TGE703" s="613"/>
      <c r="TGF703" s="613"/>
      <c r="TGG703" s="613"/>
      <c r="TGH703" s="613"/>
      <c r="TGI703" s="613"/>
      <c r="TGJ703" s="613"/>
      <c r="TGK703" s="613"/>
      <c r="TGL703" s="613"/>
      <c r="TGM703" s="613"/>
      <c r="TGN703" s="613"/>
      <c r="TGO703" s="613"/>
      <c r="TGP703" s="613"/>
      <c r="TGQ703" s="613"/>
      <c r="TGR703" s="613"/>
      <c r="TGS703" s="613"/>
      <c r="TGT703" s="613"/>
      <c r="TGU703" s="613"/>
      <c r="TGV703" s="613"/>
      <c r="TGW703" s="613"/>
      <c r="TGX703" s="613"/>
      <c r="TGY703" s="613"/>
      <c r="TGZ703" s="613"/>
      <c r="THA703" s="613"/>
      <c r="THB703" s="613"/>
      <c r="THC703" s="613"/>
      <c r="THD703" s="613"/>
      <c r="THE703" s="613"/>
      <c r="THF703" s="613"/>
      <c r="THG703" s="613"/>
      <c r="THH703" s="613"/>
      <c r="THI703" s="613"/>
      <c r="THJ703" s="613"/>
      <c r="THK703" s="613"/>
      <c r="THL703" s="613"/>
      <c r="THM703" s="613"/>
      <c r="THN703" s="613"/>
      <c r="THO703" s="613"/>
      <c r="THP703" s="613"/>
      <c r="THQ703" s="613"/>
      <c r="THR703" s="613"/>
      <c r="THS703" s="613"/>
      <c r="THT703" s="613"/>
      <c r="THU703" s="613"/>
      <c r="THV703" s="613"/>
      <c r="THW703" s="613"/>
      <c r="THX703" s="613"/>
      <c r="THY703" s="613"/>
      <c r="THZ703" s="613"/>
      <c r="TIA703" s="613"/>
      <c r="TIB703" s="613"/>
      <c r="TIC703" s="613"/>
      <c r="TID703" s="613"/>
      <c r="TIE703" s="613"/>
      <c r="TIF703" s="613"/>
      <c r="TIG703" s="613"/>
      <c r="TIH703" s="613"/>
      <c r="TII703" s="613"/>
      <c r="TIJ703" s="613"/>
      <c r="TIK703" s="613"/>
      <c r="TIL703" s="613"/>
      <c r="TIM703" s="613"/>
      <c r="TIN703" s="613"/>
      <c r="TIO703" s="613"/>
      <c r="TIP703" s="613"/>
      <c r="TIQ703" s="613"/>
      <c r="TIR703" s="613"/>
      <c r="TIS703" s="613"/>
      <c r="TIT703" s="613"/>
      <c r="TIU703" s="613"/>
      <c r="TIV703" s="613"/>
      <c r="TIW703" s="613"/>
      <c r="TIX703" s="613"/>
      <c r="TIY703" s="613"/>
      <c r="TIZ703" s="613"/>
      <c r="TJA703" s="613"/>
      <c r="TJB703" s="613"/>
      <c r="TJC703" s="613"/>
      <c r="TJD703" s="613"/>
      <c r="TJE703" s="613"/>
      <c r="TJF703" s="613"/>
      <c r="TJG703" s="613"/>
      <c r="TJH703" s="613"/>
      <c r="TJI703" s="613"/>
      <c r="TJJ703" s="613"/>
      <c r="TJK703" s="613"/>
      <c r="TJL703" s="613"/>
      <c r="TJM703" s="613"/>
      <c r="TJN703" s="613"/>
      <c r="TJO703" s="613"/>
      <c r="TJP703" s="613"/>
      <c r="TJQ703" s="613"/>
      <c r="TJR703" s="613"/>
      <c r="TJS703" s="613"/>
      <c r="TJT703" s="613"/>
      <c r="TJU703" s="613"/>
      <c r="TJV703" s="613"/>
      <c r="TJW703" s="613"/>
      <c r="TJX703" s="613"/>
      <c r="TJY703" s="613"/>
      <c r="TJZ703" s="613"/>
      <c r="TKA703" s="613"/>
      <c r="TKB703" s="613"/>
      <c r="TKC703" s="613"/>
      <c r="TKD703" s="613"/>
      <c r="TKE703" s="613"/>
      <c r="TKF703" s="613"/>
      <c r="TKG703" s="613"/>
      <c r="TKH703" s="613"/>
      <c r="TKI703" s="613"/>
      <c r="TKJ703" s="613"/>
      <c r="TKK703" s="613"/>
      <c r="TKL703" s="613"/>
      <c r="TKM703" s="613"/>
      <c r="TKN703" s="613"/>
      <c r="TKO703" s="613"/>
      <c r="TKP703" s="613"/>
      <c r="TKQ703" s="613"/>
      <c r="TKR703" s="613"/>
      <c r="TKS703" s="613"/>
      <c r="TKT703" s="613"/>
      <c r="TKU703" s="613"/>
      <c r="TKV703" s="613"/>
      <c r="TKW703" s="613"/>
      <c r="TKX703" s="613"/>
      <c r="TKY703" s="613"/>
      <c r="TKZ703" s="613"/>
      <c r="TLA703" s="613"/>
      <c r="TLB703" s="613"/>
      <c r="TLC703" s="613"/>
      <c r="TLD703" s="613"/>
      <c r="TLE703" s="613"/>
      <c r="TLF703" s="613"/>
      <c r="TLG703" s="613"/>
      <c r="TLH703" s="613"/>
      <c r="TLI703" s="613"/>
      <c r="TLJ703" s="613"/>
      <c r="TLK703" s="613"/>
      <c r="TLL703" s="613"/>
      <c r="TLM703" s="613"/>
      <c r="TLN703" s="613"/>
      <c r="TLO703" s="613"/>
      <c r="TLP703" s="613"/>
      <c r="TLQ703" s="613"/>
      <c r="TLR703" s="613"/>
      <c r="TLS703" s="613"/>
      <c r="TLT703" s="613"/>
      <c r="TLU703" s="613"/>
      <c r="TLV703" s="613"/>
      <c r="TLW703" s="613"/>
      <c r="TLX703" s="613"/>
      <c r="TLY703" s="613"/>
      <c r="TLZ703" s="613"/>
      <c r="TMA703" s="613"/>
      <c r="TMB703" s="613"/>
      <c r="TMC703" s="613"/>
      <c r="TMD703" s="613"/>
      <c r="TME703" s="613"/>
      <c r="TMF703" s="613"/>
      <c r="TMG703" s="613"/>
      <c r="TMH703" s="613"/>
      <c r="TMI703" s="613"/>
      <c r="TMJ703" s="613"/>
      <c r="TMK703" s="613"/>
      <c r="TML703" s="613"/>
      <c r="TMM703" s="613"/>
      <c r="TMN703" s="613"/>
      <c r="TMO703" s="613"/>
      <c r="TMP703" s="613"/>
      <c r="TMQ703" s="613"/>
      <c r="TMR703" s="613"/>
      <c r="TMS703" s="613"/>
      <c r="TMT703" s="613"/>
      <c r="TMU703" s="613"/>
      <c r="TMV703" s="613"/>
      <c r="TMW703" s="613"/>
      <c r="TMX703" s="613"/>
      <c r="TMY703" s="613"/>
      <c r="TMZ703" s="613"/>
      <c r="TNA703" s="613"/>
      <c r="TNB703" s="613"/>
      <c r="TNC703" s="613"/>
      <c r="TND703" s="613"/>
      <c r="TNE703" s="613"/>
      <c r="TNF703" s="613"/>
      <c r="TNG703" s="613"/>
      <c r="TNH703" s="613"/>
      <c r="TNI703" s="613"/>
      <c r="TNJ703" s="613"/>
      <c r="TNK703" s="613"/>
      <c r="TNL703" s="613"/>
      <c r="TNM703" s="613"/>
      <c r="TNN703" s="613"/>
      <c r="TNO703" s="613"/>
      <c r="TNP703" s="613"/>
      <c r="TNQ703" s="613"/>
      <c r="TNR703" s="613"/>
      <c r="TNS703" s="613"/>
      <c r="TNT703" s="613"/>
      <c r="TNU703" s="613"/>
      <c r="TNV703" s="613"/>
      <c r="TNW703" s="613"/>
      <c r="TNX703" s="613"/>
      <c r="TNY703" s="613"/>
      <c r="TNZ703" s="613"/>
      <c r="TOA703" s="613"/>
      <c r="TOB703" s="613"/>
      <c r="TOC703" s="613"/>
      <c r="TOD703" s="613"/>
      <c r="TOE703" s="613"/>
      <c r="TOF703" s="613"/>
      <c r="TOG703" s="613"/>
      <c r="TOH703" s="613"/>
      <c r="TOI703" s="613"/>
      <c r="TOJ703" s="613"/>
      <c r="TOK703" s="613"/>
      <c r="TOL703" s="613"/>
      <c r="TOM703" s="613"/>
      <c r="TON703" s="613"/>
      <c r="TOO703" s="613"/>
      <c r="TOP703" s="613"/>
      <c r="TOQ703" s="613"/>
      <c r="TOR703" s="613"/>
      <c r="TOS703" s="613"/>
      <c r="TOT703" s="613"/>
      <c r="TOU703" s="613"/>
      <c r="TOV703" s="613"/>
      <c r="TOW703" s="613"/>
      <c r="TOX703" s="613"/>
      <c r="TOY703" s="613"/>
      <c r="TOZ703" s="613"/>
      <c r="TPA703" s="613"/>
      <c r="TPB703" s="613"/>
      <c r="TPC703" s="613"/>
      <c r="TPD703" s="613"/>
      <c r="TPE703" s="613"/>
      <c r="TPF703" s="613"/>
      <c r="TPG703" s="613"/>
      <c r="TPH703" s="613"/>
      <c r="TPI703" s="613"/>
      <c r="TPJ703" s="613"/>
      <c r="TPK703" s="613"/>
      <c r="TPL703" s="613"/>
      <c r="TPM703" s="613"/>
      <c r="TPN703" s="613"/>
      <c r="TPO703" s="613"/>
      <c r="TPP703" s="613"/>
      <c r="TPQ703" s="613"/>
      <c r="TPR703" s="613"/>
      <c r="TPS703" s="613"/>
      <c r="TPT703" s="613"/>
      <c r="TPU703" s="613"/>
      <c r="TPV703" s="613"/>
      <c r="TPW703" s="613"/>
      <c r="TPX703" s="613"/>
      <c r="TPY703" s="613"/>
      <c r="TPZ703" s="613"/>
      <c r="TQA703" s="613"/>
      <c r="TQB703" s="613"/>
      <c r="TQC703" s="613"/>
      <c r="TQD703" s="613"/>
      <c r="TQE703" s="613"/>
      <c r="TQF703" s="613"/>
      <c r="TQG703" s="613"/>
      <c r="TQH703" s="613"/>
      <c r="TQI703" s="613"/>
      <c r="TQJ703" s="613"/>
      <c r="TQK703" s="613"/>
      <c r="TQL703" s="613"/>
      <c r="TQM703" s="613"/>
      <c r="TQN703" s="613"/>
      <c r="TQO703" s="613"/>
      <c r="TQP703" s="613"/>
      <c r="TQQ703" s="613"/>
      <c r="TQR703" s="613"/>
      <c r="TQS703" s="613"/>
      <c r="TQT703" s="613"/>
      <c r="TQU703" s="613"/>
      <c r="TQV703" s="613"/>
      <c r="TQW703" s="613"/>
      <c r="TQX703" s="613"/>
      <c r="TQY703" s="613"/>
      <c r="TQZ703" s="613"/>
      <c r="TRA703" s="613"/>
      <c r="TRB703" s="613"/>
      <c r="TRC703" s="613"/>
      <c r="TRD703" s="613"/>
      <c r="TRE703" s="613"/>
      <c r="TRF703" s="613"/>
      <c r="TRG703" s="613"/>
      <c r="TRH703" s="613"/>
      <c r="TRI703" s="613"/>
      <c r="TRJ703" s="613"/>
      <c r="TRK703" s="613"/>
      <c r="TRL703" s="613"/>
      <c r="TRM703" s="613"/>
      <c r="TRN703" s="613"/>
      <c r="TRO703" s="613"/>
      <c r="TRP703" s="613"/>
      <c r="TRQ703" s="613"/>
      <c r="TRR703" s="613"/>
      <c r="TRS703" s="613"/>
      <c r="TRT703" s="613"/>
      <c r="TRU703" s="613"/>
      <c r="TRV703" s="613"/>
      <c r="TRW703" s="613"/>
      <c r="TRX703" s="613"/>
      <c r="TRY703" s="613"/>
      <c r="TRZ703" s="613"/>
      <c r="TSA703" s="613"/>
      <c r="TSB703" s="613"/>
      <c r="TSC703" s="613"/>
      <c r="TSD703" s="613"/>
      <c r="TSE703" s="613"/>
      <c r="TSF703" s="613"/>
      <c r="TSG703" s="613"/>
      <c r="TSH703" s="613"/>
      <c r="TSI703" s="613"/>
      <c r="TSJ703" s="613"/>
      <c r="TSK703" s="613"/>
      <c r="TSL703" s="613"/>
      <c r="TSM703" s="613"/>
      <c r="TSN703" s="613"/>
      <c r="TSO703" s="613"/>
      <c r="TSP703" s="613"/>
      <c r="TSQ703" s="613"/>
      <c r="TSR703" s="613"/>
      <c r="TSS703" s="613"/>
      <c r="TST703" s="613"/>
      <c r="TSU703" s="613"/>
      <c r="TSV703" s="613"/>
      <c r="TSW703" s="613"/>
      <c r="TSX703" s="613"/>
      <c r="TSY703" s="613"/>
      <c r="TSZ703" s="613"/>
      <c r="TTA703" s="613"/>
      <c r="TTB703" s="613"/>
      <c r="TTC703" s="613"/>
      <c r="TTD703" s="613"/>
      <c r="TTE703" s="613"/>
      <c r="TTF703" s="613"/>
      <c r="TTG703" s="613"/>
      <c r="TTH703" s="613"/>
      <c r="TTI703" s="613"/>
      <c r="TTJ703" s="613"/>
      <c r="TTK703" s="613"/>
      <c r="TTL703" s="613"/>
      <c r="TTM703" s="613"/>
      <c r="TTN703" s="613"/>
      <c r="TTO703" s="613"/>
      <c r="TTP703" s="613"/>
      <c r="TTQ703" s="613"/>
      <c r="TTR703" s="613"/>
      <c r="TTS703" s="613"/>
      <c r="TTT703" s="613"/>
      <c r="TTU703" s="613"/>
      <c r="TTV703" s="613"/>
      <c r="TTW703" s="613"/>
      <c r="TTX703" s="613"/>
      <c r="TTY703" s="613"/>
      <c r="TTZ703" s="613"/>
      <c r="TUA703" s="613"/>
      <c r="TUB703" s="613"/>
      <c r="TUC703" s="613"/>
      <c r="TUD703" s="613"/>
      <c r="TUE703" s="613"/>
      <c r="TUF703" s="613"/>
      <c r="TUG703" s="613"/>
      <c r="TUH703" s="613"/>
      <c r="TUI703" s="613"/>
      <c r="TUJ703" s="613"/>
      <c r="TUK703" s="613"/>
      <c r="TUL703" s="613"/>
      <c r="TUM703" s="613"/>
      <c r="TUN703" s="613"/>
      <c r="TUO703" s="613"/>
      <c r="TUP703" s="613"/>
      <c r="TUQ703" s="613"/>
      <c r="TUR703" s="613"/>
      <c r="TUS703" s="613"/>
      <c r="TUT703" s="613"/>
      <c r="TUU703" s="613"/>
      <c r="TUV703" s="613"/>
      <c r="TUW703" s="613"/>
      <c r="TUX703" s="613"/>
      <c r="TUY703" s="613"/>
      <c r="TUZ703" s="613"/>
      <c r="TVA703" s="613"/>
      <c r="TVB703" s="613"/>
      <c r="TVC703" s="613"/>
      <c r="TVD703" s="613"/>
      <c r="TVE703" s="613"/>
      <c r="TVF703" s="613"/>
      <c r="TVG703" s="613"/>
      <c r="TVH703" s="613"/>
      <c r="TVI703" s="613"/>
      <c r="TVJ703" s="613"/>
      <c r="TVK703" s="613"/>
      <c r="TVL703" s="613"/>
      <c r="TVM703" s="613"/>
      <c r="TVN703" s="613"/>
      <c r="TVO703" s="613"/>
      <c r="TVP703" s="613"/>
      <c r="TVQ703" s="613"/>
      <c r="TVR703" s="613"/>
      <c r="TVS703" s="613"/>
      <c r="TVT703" s="613"/>
      <c r="TVU703" s="613"/>
      <c r="TVV703" s="613"/>
      <c r="TVW703" s="613"/>
      <c r="TVX703" s="613"/>
      <c r="TVY703" s="613"/>
      <c r="TVZ703" s="613"/>
      <c r="TWA703" s="613"/>
      <c r="TWB703" s="613"/>
      <c r="TWC703" s="613"/>
      <c r="TWD703" s="613"/>
      <c r="TWE703" s="613"/>
      <c r="TWF703" s="613"/>
      <c r="TWG703" s="613"/>
      <c r="TWH703" s="613"/>
      <c r="TWI703" s="613"/>
      <c r="TWJ703" s="613"/>
      <c r="TWK703" s="613"/>
      <c r="TWL703" s="613"/>
      <c r="TWM703" s="613"/>
      <c r="TWN703" s="613"/>
      <c r="TWO703" s="613"/>
      <c r="TWP703" s="613"/>
      <c r="TWQ703" s="613"/>
      <c r="TWR703" s="613"/>
      <c r="TWS703" s="613"/>
      <c r="TWT703" s="613"/>
      <c r="TWU703" s="613"/>
      <c r="TWV703" s="613"/>
      <c r="TWW703" s="613"/>
      <c r="TWX703" s="613"/>
      <c r="TWY703" s="613"/>
      <c r="TWZ703" s="613"/>
      <c r="TXA703" s="613"/>
      <c r="TXB703" s="613"/>
      <c r="TXC703" s="613"/>
      <c r="TXD703" s="613"/>
      <c r="TXE703" s="613"/>
      <c r="TXF703" s="613"/>
      <c r="TXG703" s="613"/>
      <c r="TXH703" s="613"/>
      <c r="TXI703" s="613"/>
      <c r="TXJ703" s="613"/>
      <c r="TXK703" s="613"/>
      <c r="TXL703" s="613"/>
      <c r="TXM703" s="613"/>
      <c r="TXN703" s="613"/>
      <c r="TXO703" s="613"/>
      <c r="TXP703" s="613"/>
      <c r="TXQ703" s="613"/>
      <c r="TXR703" s="613"/>
      <c r="TXS703" s="613"/>
      <c r="TXT703" s="613"/>
      <c r="TXU703" s="613"/>
      <c r="TXV703" s="613"/>
      <c r="TXW703" s="613"/>
      <c r="TXX703" s="613"/>
      <c r="TXY703" s="613"/>
      <c r="TXZ703" s="613"/>
      <c r="TYA703" s="613"/>
      <c r="TYB703" s="613"/>
      <c r="TYC703" s="613"/>
      <c r="TYD703" s="613"/>
      <c r="TYE703" s="613"/>
      <c r="TYF703" s="613"/>
      <c r="TYG703" s="613"/>
      <c r="TYH703" s="613"/>
      <c r="TYI703" s="613"/>
      <c r="TYJ703" s="613"/>
      <c r="TYK703" s="613"/>
      <c r="TYL703" s="613"/>
      <c r="TYM703" s="613"/>
      <c r="TYN703" s="613"/>
      <c r="TYO703" s="613"/>
      <c r="TYP703" s="613"/>
      <c r="TYQ703" s="613"/>
      <c r="TYR703" s="613"/>
      <c r="TYS703" s="613"/>
      <c r="TYT703" s="613"/>
      <c r="TYU703" s="613"/>
      <c r="TYV703" s="613"/>
      <c r="TYW703" s="613"/>
      <c r="TYX703" s="613"/>
      <c r="TYY703" s="613"/>
      <c r="TYZ703" s="613"/>
      <c r="TZA703" s="613"/>
      <c r="TZB703" s="613"/>
      <c r="TZC703" s="613"/>
      <c r="TZD703" s="613"/>
      <c r="TZE703" s="613"/>
      <c r="TZF703" s="613"/>
      <c r="TZG703" s="613"/>
      <c r="TZH703" s="613"/>
      <c r="TZI703" s="613"/>
      <c r="TZJ703" s="613"/>
      <c r="TZK703" s="613"/>
      <c r="TZL703" s="613"/>
      <c r="TZM703" s="613"/>
      <c r="TZN703" s="613"/>
      <c r="TZO703" s="613"/>
      <c r="TZP703" s="613"/>
      <c r="TZQ703" s="613"/>
      <c r="TZR703" s="613"/>
      <c r="TZS703" s="613"/>
      <c r="TZT703" s="613"/>
      <c r="TZU703" s="613"/>
      <c r="TZV703" s="613"/>
      <c r="TZW703" s="613"/>
      <c r="TZX703" s="613"/>
      <c r="TZY703" s="613"/>
      <c r="TZZ703" s="613"/>
      <c r="UAA703" s="613"/>
      <c r="UAB703" s="613"/>
      <c r="UAC703" s="613"/>
      <c r="UAD703" s="613"/>
      <c r="UAE703" s="613"/>
      <c r="UAF703" s="613"/>
      <c r="UAG703" s="613"/>
      <c r="UAH703" s="613"/>
      <c r="UAI703" s="613"/>
      <c r="UAJ703" s="613"/>
      <c r="UAK703" s="613"/>
      <c r="UAL703" s="613"/>
      <c r="UAM703" s="613"/>
      <c r="UAN703" s="613"/>
      <c r="UAO703" s="613"/>
      <c r="UAP703" s="613"/>
      <c r="UAQ703" s="613"/>
      <c r="UAR703" s="613"/>
      <c r="UAS703" s="613"/>
      <c r="UAT703" s="613"/>
      <c r="UAU703" s="613"/>
      <c r="UAV703" s="613"/>
      <c r="UAW703" s="613"/>
      <c r="UAX703" s="613"/>
      <c r="UAY703" s="613"/>
      <c r="UAZ703" s="613"/>
      <c r="UBA703" s="613"/>
      <c r="UBB703" s="613"/>
      <c r="UBC703" s="613"/>
      <c r="UBD703" s="613"/>
      <c r="UBE703" s="613"/>
      <c r="UBF703" s="613"/>
      <c r="UBG703" s="613"/>
      <c r="UBH703" s="613"/>
      <c r="UBI703" s="613"/>
      <c r="UBJ703" s="613"/>
      <c r="UBK703" s="613"/>
      <c r="UBL703" s="613"/>
      <c r="UBM703" s="613"/>
      <c r="UBN703" s="613"/>
      <c r="UBO703" s="613"/>
      <c r="UBP703" s="613"/>
      <c r="UBQ703" s="613"/>
      <c r="UBR703" s="613"/>
      <c r="UBS703" s="613"/>
      <c r="UBT703" s="613"/>
      <c r="UBU703" s="613"/>
      <c r="UBV703" s="613"/>
      <c r="UBW703" s="613"/>
      <c r="UBX703" s="613"/>
      <c r="UBY703" s="613"/>
      <c r="UBZ703" s="613"/>
      <c r="UCA703" s="613"/>
      <c r="UCB703" s="613"/>
      <c r="UCC703" s="613"/>
      <c r="UCD703" s="613"/>
      <c r="UCE703" s="613"/>
      <c r="UCF703" s="613"/>
      <c r="UCG703" s="613"/>
      <c r="UCH703" s="613"/>
      <c r="UCI703" s="613"/>
      <c r="UCJ703" s="613"/>
      <c r="UCK703" s="613"/>
      <c r="UCL703" s="613"/>
      <c r="UCM703" s="613"/>
      <c r="UCN703" s="613"/>
      <c r="UCO703" s="613"/>
      <c r="UCP703" s="613"/>
      <c r="UCQ703" s="613"/>
      <c r="UCR703" s="613"/>
      <c r="UCS703" s="613"/>
      <c r="UCT703" s="613"/>
      <c r="UCU703" s="613"/>
      <c r="UCV703" s="613"/>
      <c r="UCW703" s="613"/>
      <c r="UCX703" s="613"/>
      <c r="UCY703" s="613"/>
      <c r="UCZ703" s="613"/>
      <c r="UDA703" s="613"/>
      <c r="UDB703" s="613"/>
      <c r="UDC703" s="613"/>
      <c r="UDD703" s="613"/>
      <c r="UDE703" s="613"/>
      <c r="UDF703" s="613"/>
      <c r="UDG703" s="613"/>
      <c r="UDH703" s="613"/>
      <c r="UDI703" s="613"/>
      <c r="UDJ703" s="613"/>
      <c r="UDK703" s="613"/>
      <c r="UDL703" s="613"/>
      <c r="UDM703" s="613"/>
      <c r="UDN703" s="613"/>
      <c r="UDO703" s="613"/>
      <c r="UDP703" s="613"/>
      <c r="UDQ703" s="613"/>
      <c r="UDR703" s="613"/>
      <c r="UDS703" s="613"/>
      <c r="UDT703" s="613"/>
      <c r="UDU703" s="613"/>
      <c r="UDV703" s="613"/>
      <c r="UDW703" s="613"/>
      <c r="UDX703" s="613"/>
      <c r="UDY703" s="613"/>
      <c r="UDZ703" s="613"/>
      <c r="UEA703" s="613"/>
      <c r="UEB703" s="613"/>
      <c r="UEC703" s="613"/>
      <c r="UED703" s="613"/>
      <c r="UEE703" s="613"/>
      <c r="UEF703" s="613"/>
      <c r="UEG703" s="613"/>
      <c r="UEH703" s="613"/>
      <c r="UEI703" s="613"/>
      <c r="UEJ703" s="613"/>
      <c r="UEK703" s="613"/>
      <c r="UEL703" s="613"/>
      <c r="UEM703" s="613"/>
      <c r="UEN703" s="613"/>
      <c r="UEO703" s="613"/>
      <c r="UEP703" s="613"/>
      <c r="UEQ703" s="613"/>
      <c r="UER703" s="613"/>
      <c r="UES703" s="613"/>
      <c r="UET703" s="613"/>
      <c r="UEU703" s="613"/>
      <c r="UEV703" s="613"/>
      <c r="UEW703" s="613"/>
      <c r="UEX703" s="613"/>
      <c r="UEY703" s="613"/>
      <c r="UEZ703" s="613"/>
      <c r="UFA703" s="613"/>
      <c r="UFB703" s="613"/>
      <c r="UFC703" s="613"/>
      <c r="UFD703" s="613"/>
      <c r="UFE703" s="613"/>
      <c r="UFF703" s="613"/>
      <c r="UFG703" s="613"/>
      <c r="UFH703" s="613"/>
      <c r="UFI703" s="613"/>
      <c r="UFJ703" s="613"/>
      <c r="UFK703" s="613"/>
      <c r="UFL703" s="613"/>
      <c r="UFM703" s="613"/>
      <c r="UFN703" s="613"/>
      <c r="UFO703" s="613"/>
      <c r="UFP703" s="613"/>
      <c r="UFQ703" s="613"/>
      <c r="UFR703" s="613"/>
      <c r="UFS703" s="613"/>
      <c r="UFT703" s="613"/>
      <c r="UFU703" s="613"/>
      <c r="UFV703" s="613"/>
      <c r="UFW703" s="613"/>
      <c r="UFX703" s="613"/>
      <c r="UFY703" s="613"/>
      <c r="UFZ703" s="613"/>
      <c r="UGA703" s="613"/>
      <c r="UGB703" s="613"/>
      <c r="UGC703" s="613"/>
      <c r="UGD703" s="613"/>
      <c r="UGE703" s="613"/>
      <c r="UGF703" s="613"/>
      <c r="UGG703" s="613"/>
      <c r="UGH703" s="613"/>
      <c r="UGI703" s="613"/>
      <c r="UGJ703" s="613"/>
      <c r="UGK703" s="613"/>
      <c r="UGL703" s="613"/>
      <c r="UGM703" s="613"/>
      <c r="UGN703" s="613"/>
      <c r="UGO703" s="613"/>
      <c r="UGP703" s="613"/>
      <c r="UGQ703" s="613"/>
      <c r="UGR703" s="613"/>
      <c r="UGS703" s="613"/>
      <c r="UGT703" s="613"/>
      <c r="UGU703" s="613"/>
      <c r="UGV703" s="613"/>
      <c r="UGW703" s="613"/>
      <c r="UGX703" s="613"/>
      <c r="UGY703" s="613"/>
      <c r="UGZ703" s="613"/>
      <c r="UHA703" s="613"/>
      <c r="UHB703" s="613"/>
      <c r="UHC703" s="613"/>
      <c r="UHD703" s="613"/>
      <c r="UHE703" s="613"/>
      <c r="UHF703" s="613"/>
      <c r="UHG703" s="613"/>
      <c r="UHH703" s="613"/>
      <c r="UHI703" s="613"/>
      <c r="UHJ703" s="613"/>
      <c r="UHK703" s="613"/>
      <c r="UHL703" s="613"/>
      <c r="UHM703" s="613"/>
      <c r="UHN703" s="613"/>
      <c r="UHO703" s="613"/>
      <c r="UHP703" s="613"/>
      <c r="UHQ703" s="613"/>
      <c r="UHR703" s="613"/>
      <c r="UHS703" s="613"/>
      <c r="UHT703" s="613"/>
      <c r="UHU703" s="613"/>
      <c r="UHV703" s="613"/>
      <c r="UHW703" s="613"/>
      <c r="UHX703" s="613"/>
      <c r="UHY703" s="613"/>
      <c r="UHZ703" s="613"/>
      <c r="UIA703" s="613"/>
      <c r="UIB703" s="613"/>
      <c r="UIC703" s="613"/>
      <c r="UID703" s="613"/>
      <c r="UIE703" s="613"/>
      <c r="UIF703" s="613"/>
      <c r="UIG703" s="613"/>
      <c r="UIH703" s="613"/>
      <c r="UII703" s="613"/>
      <c r="UIJ703" s="613"/>
      <c r="UIK703" s="613"/>
      <c r="UIL703" s="613"/>
      <c r="UIM703" s="613"/>
      <c r="UIN703" s="613"/>
      <c r="UIO703" s="613"/>
      <c r="UIP703" s="613"/>
      <c r="UIQ703" s="613"/>
      <c r="UIR703" s="613"/>
      <c r="UIS703" s="613"/>
      <c r="UIT703" s="613"/>
      <c r="UIU703" s="613"/>
      <c r="UIV703" s="613"/>
      <c r="UIW703" s="613"/>
      <c r="UIX703" s="613"/>
      <c r="UIY703" s="613"/>
      <c r="UIZ703" s="613"/>
      <c r="UJA703" s="613"/>
      <c r="UJB703" s="613"/>
      <c r="UJC703" s="613"/>
      <c r="UJD703" s="613"/>
      <c r="UJE703" s="613"/>
      <c r="UJF703" s="613"/>
      <c r="UJG703" s="613"/>
      <c r="UJH703" s="613"/>
      <c r="UJI703" s="613"/>
      <c r="UJJ703" s="613"/>
      <c r="UJK703" s="613"/>
      <c r="UJL703" s="613"/>
      <c r="UJM703" s="613"/>
      <c r="UJN703" s="613"/>
      <c r="UJO703" s="613"/>
      <c r="UJP703" s="613"/>
      <c r="UJQ703" s="613"/>
      <c r="UJR703" s="613"/>
      <c r="UJS703" s="613"/>
      <c r="UJT703" s="613"/>
      <c r="UJU703" s="613"/>
      <c r="UJV703" s="613"/>
      <c r="UJW703" s="613"/>
      <c r="UJX703" s="613"/>
      <c r="UJY703" s="613"/>
      <c r="UJZ703" s="613"/>
      <c r="UKA703" s="613"/>
      <c r="UKB703" s="613"/>
      <c r="UKC703" s="613"/>
      <c r="UKD703" s="613"/>
      <c r="UKE703" s="613"/>
      <c r="UKF703" s="613"/>
      <c r="UKG703" s="613"/>
      <c r="UKH703" s="613"/>
      <c r="UKI703" s="613"/>
      <c r="UKJ703" s="613"/>
      <c r="UKK703" s="613"/>
      <c r="UKL703" s="613"/>
      <c r="UKM703" s="613"/>
      <c r="UKN703" s="613"/>
      <c r="UKO703" s="613"/>
      <c r="UKP703" s="613"/>
      <c r="UKQ703" s="613"/>
      <c r="UKR703" s="613"/>
      <c r="UKS703" s="613"/>
      <c r="UKT703" s="613"/>
      <c r="UKU703" s="613"/>
      <c r="UKV703" s="613"/>
      <c r="UKW703" s="613"/>
      <c r="UKX703" s="613"/>
      <c r="UKY703" s="613"/>
      <c r="UKZ703" s="613"/>
      <c r="ULA703" s="613"/>
      <c r="ULB703" s="613"/>
      <c r="ULC703" s="613"/>
      <c r="ULD703" s="613"/>
      <c r="ULE703" s="613"/>
      <c r="ULF703" s="613"/>
      <c r="ULG703" s="613"/>
      <c r="ULH703" s="613"/>
      <c r="ULI703" s="613"/>
      <c r="ULJ703" s="613"/>
      <c r="ULK703" s="613"/>
      <c r="ULL703" s="613"/>
      <c r="ULM703" s="613"/>
      <c r="ULN703" s="613"/>
      <c r="ULO703" s="613"/>
      <c r="ULP703" s="613"/>
      <c r="ULQ703" s="613"/>
      <c r="ULR703" s="613"/>
      <c r="ULS703" s="613"/>
      <c r="ULT703" s="613"/>
      <c r="ULU703" s="613"/>
      <c r="ULV703" s="613"/>
      <c r="ULW703" s="613"/>
      <c r="ULX703" s="613"/>
      <c r="ULY703" s="613"/>
      <c r="ULZ703" s="613"/>
      <c r="UMA703" s="613"/>
      <c r="UMB703" s="613"/>
      <c r="UMC703" s="613"/>
      <c r="UMD703" s="613"/>
      <c r="UME703" s="613"/>
      <c r="UMF703" s="613"/>
      <c r="UMG703" s="613"/>
      <c r="UMH703" s="613"/>
      <c r="UMI703" s="613"/>
      <c r="UMJ703" s="613"/>
      <c r="UMK703" s="613"/>
      <c r="UML703" s="613"/>
      <c r="UMM703" s="613"/>
      <c r="UMN703" s="613"/>
      <c r="UMO703" s="613"/>
      <c r="UMP703" s="613"/>
      <c r="UMQ703" s="613"/>
      <c r="UMR703" s="613"/>
      <c r="UMS703" s="613"/>
      <c r="UMT703" s="613"/>
      <c r="UMU703" s="613"/>
      <c r="UMV703" s="613"/>
      <c r="UMW703" s="613"/>
      <c r="UMX703" s="613"/>
      <c r="UMY703" s="613"/>
      <c r="UMZ703" s="613"/>
      <c r="UNA703" s="613"/>
      <c r="UNB703" s="613"/>
      <c r="UNC703" s="613"/>
      <c r="UND703" s="613"/>
      <c r="UNE703" s="613"/>
      <c r="UNF703" s="613"/>
      <c r="UNG703" s="613"/>
      <c r="UNH703" s="613"/>
      <c r="UNI703" s="613"/>
      <c r="UNJ703" s="613"/>
      <c r="UNK703" s="613"/>
      <c r="UNL703" s="613"/>
      <c r="UNM703" s="613"/>
      <c r="UNN703" s="613"/>
      <c r="UNO703" s="613"/>
      <c r="UNP703" s="613"/>
      <c r="UNQ703" s="613"/>
      <c r="UNR703" s="613"/>
      <c r="UNS703" s="613"/>
      <c r="UNT703" s="613"/>
      <c r="UNU703" s="613"/>
      <c r="UNV703" s="613"/>
      <c r="UNW703" s="613"/>
      <c r="UNX703" s="613"/>
      <c r="UNY703" s="613"/>
      <c r="UNZ703" s="613"/>
      <c r="UOA703" s="613"/>
      <c r="UOB703" s="613"/>
      <c r="UOC703" s="613"/>
      <c r="UOD703" s="613"/>
      <c r="UOE703" s="613"/>
      <c r="UOF703" s="613"/>
      <c r="UOG703" s="613"/>
      <c r="UOH703" s="613"/>
      <c r="UOI703" s="613"/>
      <c r="UOJ703" s="613"/>
      <c r="UOK703" s="613"/>
      <c r="UOL703" s="613"/>
      <c r="UOM703" s="613"/>
      <c r="UON703" s="613"/>
      <c r="UOO703" s="613"/>
      <c r="UOP703" s="613"/>
      <c r="UOQ703" s="613"/>
      <c r="UOR703" s="613"/>
      <c r="UOS703" s="613"/>
      <c r="UOT703" s="613"/>
      <c r="UOU703" s="613"/>
      <c r="UOV703" s="613"/>
      <c r="UOW703" s="613"/>
      <c r="UOX703" s="613"/>
      <c r="UOY703" s="613"/>
      <c r="UOZ703" s="613"/>
      <c r="UPA703" s="613"/>
      <c r="UPB703" s="613"/>
      <c r="UPC703" s="613"/>
      <c r="UPD703" s="613"/>
      <c r="UPE703" s="613"/>
      <c r="UPF703" s="613"/>
      <c r="UPG703" s="613"/>
      <c r="UPH703" s="613"/>
      <c r="UPI703" s="613"/>
      <c r="UPJ703" s="613"/>
      <c r="UPK703" s="613"/>
      <c r="UPL703" s="613"/>
      <c r="UPM703" s="613"/>
      <c r="UPN703" s="613"/>
      <c r="UPO703" s="613"/>
      <c r="UPP703" s="613"/>
      <c r="UPQ703" s="613"/>
      <c r="UPR703" s="613"/>
      <c r="UPS703" s="613"/>
      <c r="UPT703" s="613"/>
      <c r="UPU703" s="613"/>
      <c r="UPV703" s="613"/>
      <c r="UPW703" s="613"/>
      <c r="UPX703" s="613"/>
      <c r="UPY703" s="613"/>
      <c r="UPZ703" s="613"/>
      <c r="UQA703" s="613"/>
      <c r="UQB703" s="613"/>
      <c r="UQC703" s="613"/>
      <c r="UQD703" s="613"/>
      <c r="UQE703" s="613"/>
      <c r="UQF703" s="613"/>
      <c r="UQG703" s="613"/>
      <c r="UQH703" s="613"/>
      <c r="UQI703" s="613"/>
      <c r="UQJ703" s="613"/>
      <c r="UQK703" s="613"/>
      <c r="UQL703" s="613"/>
      <c r="UQM703" s="613"/>
      <c r="UQN703" s="613"/>
      <c r="UQO703" s="613"/>
      <c r="UQP703" s="613"/>
      <c r="UQQ703" s="613"/>
      <c r="UQR703" s="613"/>
      <c r="UQS703" s="613"/>
      <c r="UQT703" s="613"/>
      <c r="UQU703" s="613"/>
      <c r="UQV703" s="613"/>
      <c r="UQW703" s="613"/>
      <c r="UQX703" s="613"/>
      <c r="UQY703" s="613"/>
      <c r="UQZ703" s="613"/>
      <c r="URA703" s="613"/>
      <c r="URB703" s="613"/>
      <c r="URC703" s="613"/>
      <c r="URD703" s="613"/>
      <c r="URE703" s="613"/>
      <c r="URF703" s="613"/>
      <c r="URG703" s="613"/>
      <c r="URH703" s="613"/>
      <c r="URI703" s="613"/>
      <c r="URJ703" s="613"/>
      <c r="URK703" s="613"/>
      <c r="URL703" s="613"/>
      <c r="URM703" s="613"/>
      <c r="URN703" s="613"/>
      <c r="URO703" s="613"/>
      <c r="URP703" s="613"/>
      <c r="URQ703" s="613"/>
      <c r="URR703" s="613"/>
      <c r="URS703" s="613"/>
      <c r="URT703" s="613"/>
      <c r="URU703" s="613"/>
      <c r="URV703" s="613"/>
      <c r="URW703" s="613"/>
      <c r="URX703" s="613"/>
      <c r="URY703" s="613"/>
      <c r="URZ703" s="613"/>
      <c r="USA703" s="613"/>
      <c r="USB703" s="613"/>
      <c r="USC703" s="613"/>
      <c r="USD703" s="613"/>
      <c r="USE703" s="613"/>
      <c r="USF703" s="613"/>
      <c r="USG703" s="613"/>
      <c r="USH703" s="613"/>
      <c r="USI703" s="613"/>
      <c r="USJ703" s="613"/>
      <c r="USK703" s="613"/>
      <c r="USL703" s="613"/>
      <c r="USM703" s="613"/>
      <c r="USN703" s="613"/>
      <c r="USO703" s="613"/>
      <c r="USP703" s="613"/>
      <c r="USQ703" s="613"/>
      <c r="USR703" s="613"/>
      <c r="USS703" s="613"/>
      <c r="UST703" s="613"/>
      <c r="USU703" s="613"/>
      <c r="USV703" s="613"/>
      <c r="USW703" s="613"/>
      <c r="USX703" s="613"/>
      <c r="USY703" s="613"/>
      <c r="USZ703" s="613"/>
      <c r="UTA703" s="613"/>
      <c r="UTB703" s="613"/>
      <c r="UTC703" s="613"/>
      <c r="UTD703" s="613"/>
      <c r="UTE703" s="613"/>
      <c r="UTF703" s="613"/>
      <c r="UTG703" s="613"/>
      <c r="UTH703" s="613"/>
      <c r="UTI703" s="613"/>
      <c r="UTJ703" s="613"/>
      <c r="UTK703" s="613"/>
      <c r="UTL703" s="613"/>
      <c r="UTM703" s="613"/>
      <c r="UTN703" s="613"/>
      <c r="UTO703" s="613"/>
      <c r="UTP703" s="613"/>
      <c r="UTQ703" s="613"/>
      <c r="UTR703" s="613"/>
      <c r="UTS703" s="613"/>
      <c r="UTT703" s="613"/>
      <c r="UTU703" s="613"/>
      <c r="UTV703" s="613"/>
      <c r="UTW703" s="613"/>
      <c r="UTX703" s="613"/>
      <c r="UTY703" s="613"/>
      <c r="UTZ703" s="613"/>
      <c r="UUA703" s="613"/>
      <c r="UUB703" s="613"/>
      <c r="UUC703" s="613"/>
      <c r="UUD703" s="613"/>
      <c r="UUE703" s="613"/>
      <c r="UUF703" s="613"/>
      <c r="UUG703" s="613"/>
      <c r="UUH703" s="613"/>
      <c r="UUI703" s="613"/>
      <c r="UUJ703" s="613"/>
      <c r="UUK703" s="613"/>
      <c r="UUL703" s="613"/>
      <c r="UUM703" s="613"/>
      <c r="UUN703" s="613"/>
      <c r="UUO703" s="613"/>
      <c r="UUP703" s="613"/>
      <c r="UUQ703" s="613"/>
      <c r="UUR703" s="613"/>
      <c r="UUS703" s="613"/>
      <c r="UUT703" s="613"/>
      <c r="UUU703" s="613"/>
      <c r="UUV703" s="613"/>
      <c r="UUW703" s="613"/>
      <c r="UUX703" s="613"/>
      <c r="UUY703" s="613"/>
      <c r="UUZ703" s="613"/>
      <c r="UVA703" s="613"/>
      <c r="UVB703" s="613"/>
      <c r="UVC703" s="613"/>
      <c r="UVD703" s="613"/>
      <c r="UVE703" s="613"/>
      <c r="UVF703" s="613"/>
      <c r="UVG703" s="613"/>
      <c r="UVH703" s="613"/>
      <c r="UVI703" s="613"/>
      <c r="UVJ703" s="613"/>
      <c r="UVK703" s="613"/>
      <c r="UVL703" s="613"/>
      <c r="UVM703" s="613"/>
      <c r="UVN703" s="613"/>
      <c r="UVO703" s="613"/>
      <c r="UVP703" s="613"/>
      <c r="UVQ703" s="613"/>
      <c r="UVR703" s="613"/>
      <c r="UVS703" s="613"/>
      <c r="UVT703" s="613"/>
      <c r="UVU703" s="613"/>
      <c r="UVV703" s="613"/>
      <c r="UVW703" s="613"/>
      <c r="UVX703" s="613"/>
      <c r="UVY703" s="613"/>
      <c r="UVZ703" s="613"/>
      <c r="UWA703" s="613"/>
      <c r="UWB703" s="613"/>
      <c r="UWC703" s="613"/>
      <c r="UWD703" s="613"/>
      <c r="UWE703" s="613"/>
      <c r="UWF703" s="613"/>
      <c r="UWG703" s="613"/>
      <c r="UWH703" s="613"/>
      <c r="UWI703" s="613"/>
      <c r="UWJ703" s="613"/>
      <c r="UWK703" s="613"/>
      <c r="UWL703" s="613"/>
      <c r="UWM703" s="613"/>
      <c r="UWN703" s="613"/>
      <c r="UWO703" s="613"/>
      <c r="UWP703" s="613"/>
      <c r="UWQ703" s="613"/>
      <c r="UWR703" s="613"/>
      <c r="UWS703" s="613"/>
      <c r="UWT703" s="613"/>
      <c r="UWU703" s="613"/>
      <c r="UWV703" s="613"/>
      <c r="UWW703" s="613"/>
      <c r="UWX703" s="613"/>
      <c r="UWY703" s="613"/>
      <c r="UWZ703" s="613"/>
      <c r="UXA703" s="613"/>
      <c r="UXB703" s="613"/>
      <c r="UXC703" s="613"/>
      <c r="UXD703" s="613"/>
      <c r="UXE703" s="613"/>
      <c r="UXF703" s="613"/>
      <c r="UXG703" s="613"/>
      <c r="UXH703" s="613"/>
      <c r="UXI703" s="613"/>
      <c r="UXJ703" s="613"/>
      <c r="UXK703" s="613"/>
      <c r="UXL703" s="613"/>
      <c r="UXM703" s="613"/>
      <c r="UXN703" s="613"/>
      <c r="UXO703" s="613"/>
      <c r="UXP703" s="613"/>
      <c r="UXQ703" s="613"/>
      <c r="UXR703" s="613"/>
      <c r="UXS703" s="613"/>
      <c r="UXT703" s="613"/>
      <c r="UXU703" s="613"/>
      <c r="UXV703" s="613"/>
      <c r="UXW703" s="613"/>
      <c r="UXX703" s="613"/>
      <c r="UXY703" s="613"/>
      <c r="UXZ703" s="613"/>
      <c r="UYA703" s="613"/>
      <c r="UYB703" s="613"/>
      <c r="UYC703" s="613"/>
      <c r="UYD703" s="613"/>
      <c r="UYE703" s="613"/>
      <c r="UYF703" s="613"/>
      <c r="UYG703" s="613"/>
      <c r="UYH703" s="613"/>
      <c r="UYI703" s="613"/>
      <c r="UYJ703" s="613"/>
      <c r="UYK703" s="613"/>
      <c r="UYL703" s="613"/>
      <c r="UYM703" s="613"/>
      <c r="UYN703" s="613"/>
      <c r="UYO703" s="613"/>
      <c r="UYP703" s="613"/>
      <c r="UYQ703" s="613"/>
      <c r="UYR703" s="613"/>
      <c r="UYS703" s="613"/>
      <c r="UYT703" s="613"/>
      <c r="UYU703" s="613"/>
      <c r="UYV703" s="613"/>
      <c r="UYW703" s="613"/>
      <c r="UYX703" s="613"/>
      <c r="UYY703" s="613"/>
      <c r="UYZ703" s="613"/>
      <c r="UZA703" s="613"/>
      <c r="UZB703" s="613"/>
      <c r="UZC703" s="613"/>
      <c r="UZD703" s="613"/>
      <c r="UZE703" s="613"/>
      <c r="UZF703" s="613"/>
      <c r="UZG703" s="613"/>
      <c r="UZH703" s="613"/>
      <c r="UZI703" s="613"/>
      <c r="UZJ703" s="613"/>
      <c r="UZK703" s="613"/>
      <c r="UZL703" s="613"/>
      <c r="UZM703" s="613"/>
      <c r="UZN703" s="613"/>
      <c r="UZO703" s="613"/>
      <c r="UZP703" s="613"/>
      <c r="UZQ703" s="613"/>
      <c r="UZR703" s="613"/>
      <c r="UZS703" s="613"/>
      <c r="UZT703" s="613"/>
      <c r="UZU703" s="613"/>
      <c r="UZV703" s="613"/>
      <c r="UZW703" s="613"/>
      <c r="UZX703" s="613"/>
      <c r="UZY703" s="613"/>
      <c r="UZZ703" s="613"/>
      <c r="VAA703" s="613"/>
      <c r="VAB703" s="613"/>
      <c r="VAC703" s="613"/>
      <c r="VAD703" s="613"/>
      <c r="VAE703" s="613"/>
      <c r="VAF703" s="613"/>
      <c r="VAG703" s="613"/>
      <c r="VAH703" s="613"/>
      <c r="VAI703" s="613"/>
      <c r="VAJ703" s="613"/>
      <c r="VAK703" s="613"/>
      <c r="VAL703" s="613"/>
      <c r="VAM703" s="613"/>
      <c r="VAN703" s="613"/>
      <c r="VAO703" s="613"/>
      <c r="VAP703" s="613"/>
      <c r="VAQ703" s="613"/>
      <c r="VAR703" s="613"/>
      <c r="VAS703" s="613"/>
      <c r="VAT703" s="613"/>
      <c r="VAU703" s="613"/>
      <c r="VAV703" s="613"/>
      <c r="VAW703" s="613"/>
      <c r="VAX703" s="613"/>
      <c r="VAY703" s="613"/>
      <c r="VAZ703" s="613"/>
      <c r="VBA703" s="613"/>
      <c r="VBB703" s="613"/>
      <c r="VBC703" s="613"/>
      <c r="VBD703" s="613"/>
      <c r="VBE703" s="613"/>
      <c r="VBF703" s="613"/>
      <c r="VBG703" s="613"/>
      <c r="VBH703" s="613"/>
      <c r="VBI703" s="613"/>
      <c r="VBJ703" s="613"/>
      <c r="VBK703" s="613"/>
      <c r="VBL703" s="613"/>
      <c r="VBM703" s="613"/>
      <c r="VBN703" s="613"/>
      <c r="VBO703" s="613"/>
      <c r="VBP703" s="613"/>
      <c r="VBQ703" s="613"/>
      <c r="VBR703" s="613"/>
      <c r="VBS703" s="613"/>
      <c r="VBT703" s="613"/>
      <c r="VBU703" s="613"/>
      <c r="VBV703" s="613"/>
      <c r="VBW703" s="613"/>
      <c r="VBX703" s="613"/>
      <c r="VBY703" s="613"/>
      <c r="VBZ703" s="613"/>
      <c r="VCA703" s="613"/>
      <c r="VCB703" s="613"/>
      <c r="VCC703" s="613"/>
      <c r="VCD703" s="613"/>
      <c r="VCE703" s="613"/>
      <c r="VCF703" s="613"/>
      <c r="VCG703" s="613"/>
      <c r="VCH703" s="613"/>
      <c r="VCI703" s="613"/>
      <c r="VCJ703" s="613"/>
      <c r="VCK703" s="613"/>
      <c r="VCL703" s="613"/>
      <c r="VCM703" s="613"/>
      <c r="VCN703" s="613"/>
      <c r="VCO703" s="613"/>
      <c r="VCP703" s="613"/>
      <c r="VCQ703" s="613"/>
      <c r="VCR703" s="613"/>
      <c r="VCS703" s="613"/>
      <c r="VCT703" s="613"/>
      <c r="VCU703" s="613"/>
      <c r="VCV703" s="613"/>
      <c r="VCW703" s="613"/>
      <c r="VCX703" s="613"/>
      <c r="VCY703" s="613"/>
      <c r="VCZ703" s="613"/>
      <c r="VDA703" s="613"/>
      <c r="VDB703" s="613"/>
      <c r="VDC703" s="613"/>
      <c r="VDD703" s="613"/>
      <c r="VDE703" s="613"/>
      <c r="VDF703" s="613"/>
      <c r="VDG703" s="613"/>
      <c r="VDH703" s="613"/>
      <c r="VDI703" s="613"/>
      <c r="VDJ703" s="613"/>
      <c r="VDK703" s="613"/>
      <c r="VDL703" s="613"/>
      <c r="VDM703" s="613"/>
      <c r="VDN703" s="613"/>
      <c r="VDO703" s="613"/>
      <c r="VDP703" s="613"/>
      <c r="VDQ703" s="613"/>
      <c r="VDR703" s="613"/>
      <c r="VDS703" s="613"/>
      <c r="VDT703" s="613"/>
      <c r="VDU703" s="613"/>
      <c r="VDV703" s="613"/>
      <c r="VDW703" s="613"/>
      <c r="VDX703" s="613"/>
      <c r="VDY703" s="613"/>
      <c r="VDZ703" s="613"/>
      <c r="VEA703" s="613"/>
      <c r="VEB703" s="613"/>
      <c r="VEC703" s="613"/>
      <c r="VED703" s="613"/>
      <c r="VEE703" s="613"/>
      <c r="VEF703" s="613"/>
      <c r="VEG703" s="613"/>
      <c r="VEH703" s="613"/>
      <c r="VEI703" s="613"/>
      <c r="VEJ703" s="613"/>
      <c r="VEK703" s="613"/>
      <c r="VEL703" s="613"/>
      <c r="VEM703" s="613"/>
      <c r="VEN703" s="613"/>
      <c r="VEO703" s="613"/>
      <c r="VEP703" s="613"/>
      <c r="VEQ703" s="613"/>
      <c r="VER703" s="613"/>
      <c r="VES703" s="613"/>
      <c r="VET703" s="613"/>
      <c r="VEU703" s="613"/>
      <c r="VEV703" s="613"/>
      <c r="VEW703" s="613"/>
      <c r="VEX703" s="613"/>
      <c r="VEY703" s="613"/>
      <c r="VEZ703" s="613"/>
      <c r="VFA703" s="613"/>
      <c r="VFB703" s="613"/>
      <c r="VFC703" s="613"/>
      <c r="VFD703" s="613"/>
      <c r="VFE703" s="613"/>
      <c r="VFF703" s="613"/>
      <c r="VFG703" s="613"/>
      <c r="VFH703" s="613"/>
      <c r="VFI703" s="613"/>
      <c r="VFJ703" s="613"/>
      <c r="VFK703" s="613"/>
      <c r="VFL703" s="613"/>
      <c r="VFM703" s="613"/>
      <c r="VFN703" s="613"/>
      <c r="VFO703" s="613"/>
      <c r="VFP703" s="613"/>
      <c r="VFQ703" s="613"/>
      <c r="VFR703" s="613"/>
      <c r="VFS703" s="613"/>
      <c r="VFT703" s="613"/>
      <c r="VFU703" s="613"/>
      <c r="VFV703" s="613"/>
      <c r="VFW703" s="613"/>
      <c r="VFX703" s="613"/>
      <c r="VFY703" s="613"/>
      <c r="VFZ703" s="613"/>
      <c r="VGA703" s="613"/>
      <c r="VGB703" s="613"/>
      <c r="VGC703" s="613"/>
      <c r="VGD703" s="613"/>
      <c r="VGE703" s="613"/>
      <c r="VGF703" s="613"/>
      <c r="VGG703" s="613"/>
      <c r="VGH703" s="613"/>
      <c r="VGI703" s="613"/>
      <c r="VGJ703" s="613"/>
      <c r="VGK703" s="613"/>
      <c r="VGL703" s="613"/>
      <c r="VGM703" s="613"/>
      <c r="VGN703" s="613"/>
      <c r="VGO703" s="613"/>
      <c r="VGP703" s="613"/>
      <c r="VGQ703" s="613"/>
      <c r="VGR703" s="613"/>
      <c r="VGS703" s="613"/>
      <c r="VGT703" s="613"/>
      <c r="VGU703" s="613"/>
      <c r="VGV703" s="613"/>
      <c r="VGW703" s="613"/>
      <c r="VGX703" s="613"/>
      <c r="VGY703" s="613"/>
      <c r="VGZ703" s="613"/>
      <c r="VHA703" s="613"/>
      <c r="VHB703" s="613"/>
      <c r="VHC703" s="613"/>
      <c r="VHD703" s="613"/>
      <c r="VHE703" s="613"/>
      <c r="VHF703" s="613"/>
      <c r="VHG703" s="613"/>
      <c r="VHH703" s="613"/>
      <c r="VHI703" s="613"/>
      <c r="VHJ703" s="613"/>
      <c r="VHK703" s="613"/>
      <c r="VHL703" s="613"/>
      <c r="VHM703" s="613"/>
      <c r="VHN703" s="613"/>
      <c r="VHO703" s="613"/>
      <c r="VHP703" s="613"/>
      <c r="VHQ703" s="613"/>
      <c r="VHR703" s="613"/>
      <c r="VHS703" s="613"/>
      <c r="VHT703" s="613"/>
      <c r="VHU703" s="613"/>
      <c r="VHV703" s="613"/>
      <c r="VHW703" s="613"/>
      <c r="VHX703" s="613"/>
      <c r="VHY703" s="613"/>
      <c r="VHZ703" s="613"/>
      <c r="VIA703" s="613"/>
      <c r="VIB703" s="613"/>
      <c r="VIC703" s="613"/>
      <c r="VID703" s="613"/>
      <c r="VIE703" s="613"/>
      <c r="VIF703" s="613"/>
      <c r="VIG703" s="613"/>
      <c r="VIH703" s="613"/>
      <c r="VII703" s="613"/>
      <c r="VIJ703" s="613"/>
      <c r="VIK703" s="613"/>
      <c r="VIL703" s="613"/>
      <c r="VIM703" s="613"/>
      <c r="VIN703" s="613"/>
      <c r="VIO703" s="613"/>
      <c r="VIP703" s="613"/>
      <c r="VIQ703" s="613"/>
      <c r="VIR703" s="613"/>
      <c r="VIS703" s="613"/>
      <c r="VIT703" s="613"/>
      <c r="VIU703" s="613"/>
      <c r="VIV703" s="613"/>
      <c r="VIW703" s="613"/>
      <c r="VIX703" s="613"/>
      <c r="VIY703" s="613"/>
      <c r="VIZ703" s="613"/>
      <c r="VJA703" s="613"/>
      <c r="VJB703" s="613"/>
      <c r="VJC703" s="613"/>
      <c r="VJD703" s="613"/>
      <c r="VJE703" s="613"/>
      <c r="VJF703" s="613"/>
      <c r="VJG703" s="613"/>
      <c r="VJH703" s="613"/>
      <c r="VJI703" s="613"/>
      <c r="VJJ703" s="613"/>
      <c r="VJK703" s="613"/>
      <c r="VJL703" s="613"/>
      <c r="VJM703" s="613"/>
      <c r="VJN703" s="613"/>
      <c r="VJO703" s="613"/>
      <c r="VJP703" s="613"/>
      <c r="VJQ703" s="613"/>
      <c r="VJR703" s="613"/>
      <c r="VJS703" s="613"/>
      <c r="VJT703" s="613"/>
      <c r="VJU703" s="613"/>
      <c r="VJV703" s="613"/>
      <c r="VJW703" s="613"/>
      <c r="VJX703" s="613"/>
      <c r="VJY703" s="613"/>
      <c r="VJZ703" s="613"/>
      <c r="VKA703" s="613"/>
      <c r="VKB703" s="613"/>
      <c r="VKC703" s="613"/>
      <c r="VKD703" s="613"/>
      <c r="VKE703" s="613"/>
      <c r="VKF703" s="613"/>
      <c r="VKG703" s="613"/>
      <c r="VKH703" s="613"/>
      <c r="VKI703" s="613"/>
      <c r="VKJ703" s="613"/>
      <c r="VKK703" s="613"/>
      <c r="VKL703" s="613"/>
      <c r="VKM703" s="613"/>
      <c r="VKN703" s="613"/>
      <c r="VKO703" s="613"/>
      <c r="VKP703" s="613"/>
      <c r="VKQ703" s="613"/>
      <c r="VKR703" s="613"/>
      <c r="VKS703" s="613"/>
      <c r="VKT703" s="613"/>
      <c r="VKU703" s="613"/>
      <c r="VKV703" s="613"/>
      <c r="VKW703" s="613"/>
      <c r="VKX703" s="613"/>
      <c r="VKY703" s="613"/>
      <c r="VKZ703" s="613"/>
      <c r="VLA703" s="613"/>
      <c r="VLB703" s="613"/>
      <c r="VLC703" s="613"/>
      <c r="VLD703" s="613"/>
      <c r="VLE703" s="613"/>
      <c r="VLF703" s="613"/>
      <c r="VLG703" s="613"/>
      <c r="VLH703" s="613"/>
      <c r="VLI703" s="613"/>
      <c r="VLJ703" s="613"/>
      <c r="VLK703" s="613"/>
      <c r="VLL703" s="613"/>
      <c r="VLM703" s="613"/>
      <c r="VLN703" s="613"/>
      <c r="VLO703" s="613"/>
      <c r="VLP703" s="613"/>
      <c r="VLQ703" s="613"/>
      <c r="VLR703" s="613"/>
      <c r="VLS703" s="613"/>
      <c r="VLT703" s="613"/>
      <c r="VLU703" s="613"/>
      <c r="VLV703" s="613"/>
      <c r="VLW703" s="613"/>
      <c r="VLX703" s="613"/>
      <c r="VLY703" s="613"/>
      <c r="VLZ703" s="613"/>
      <c r="VMA703" s="613"/>
      <c r="VMB703" s="613"/>
      <c r="VMC703" s="613"/>
      <c r="VMD703" s="613"/>
      <c r="VME703" s="613"/>
      <c r="VMF703" s="613"/>
      <c r="VMG703" s="613"/>
      <c r="VMH703" s="613"/>
      <c r="VMI703" s="613"/>
      <c r="VMJ703" s="613"/>
      <c r="VMK703" s="613"/>
      <c r="VML703" s="613"/>
      <c r="VMM703" s="613"/>
      <c r="VMN703" s="613"/>
      <c r="VMO703" s="613"/>
      <c r="VMP703" s="613"/>
      <c r="VMQ703" s="613"/>
      <c r="VMR703" s="613"/>
      <c r="VMS703" s="613"/>
      <c r="VMT703" s="613"/>
      <c r="VMU703" s="613"/>
      <c r="VMV703" s="613"/>
      <c r="VMW703" s="613"/>
      <c r="VMX703" s="613"/>
      <c r="VMY703" s="613"/>
      <c r="VMZ703" s="613"/>
      <c r="VNA703" s="613"/>
      <c r="VNB703" s="613"/>
      <c r="VNC703" s="613"/>
      <c r="VND703" s="613"/>
      <c r="VNE703" s="613"/>
      <c r="VNF703" s="613"/>
      <c r="VNG703" s="613"/>
      <c r="VNH703" s="613"/>
      <c r="VNI703" s="613"/>
      <c r="VNJ703" s="613"/>
      <c r="VNK703" s="613"/>
      <c r="VNL703" s="613"/>
      <c r="VNM703" s="613"/>
      <c r="VNN703" s="613"/>
      <c r="VNO703" s="613"/>
      <c r="VNP703" s="613"/>
      <c r="VNQ703" s="613"/>
      <c r="VNR703" s="613"/>
      <c r="VNS703" s="613"/>
      <c r="VNT703" s="613"/>
      <c r="VNU703" s="613"/>
      <c r="VNV703" s="613"/>
      <c r="VNW703" s="613"/>
      <c r="VNX703" s="613"/>
      <c r="VNY703" s="613"/>
      <c r="VNZ703" s="613"/>
      <c r="VOA703" s="613"/>
      <c r="VOB703" s="613"/>
      <c r="VOC703" s="613"/>
      <c r="VOD703" s="613"/>
      <c r="VOE703" s="613"/>
      <c r="VOF703" s="613"/>
      <c r="VOG703" s="613"/>
      <c r="VOH703" s="613"/>
      <c r="VOI703" s="613"/>
      <c r="VOJ703" s="613"/>
      <c r="VOK703" s="613"/>
      <c r="VOL703" s="613"/>
      <c r="VOM703" s="613"/>
      <c r="VON703" s="613"/>
      <c r="VOO703" s="613"/>
      <c r="VOP703" s="613"/>
      <c r="VOQ703" s="613"/>
      <c r="VOR703" s="613"/>
      <c r="VOS703" s="613"/>
      <c r="VOT703" s="613"/>
      <c r="VOU703" s="613"/>
      <c r="VOV703" s="613"/>
      <c r="VOW703" s="613"/>
      <c r="VOX703" s="613"/>
      <c r="VOY703" s="613"/>
      <c r="VOZ703" s="613"/>
      <c r="VPA703" s="613"/>
      <c r="VPB703" s="613"/>
      <c r="VPC703" s="613"/>
      <c r="VPD703" s="613"/>
      <c r="VPE703" s="613"/>
      <c r="VPF703" s="613"/>
      <c r="VPG703" s="613"/>
      <c r="VPH703" s="613"/>
      <c r="VPI703" s="613"/>
      <c r="VPJ703" s="613"/>
      <c r="VPK703" s="613"/>
      <c r="VPL703" s="613"/>
      <c r="VPM703" s="613"/>
      <c r="VPN703" s="613"/>
      <c r="VPO703" s="613"/>
      <c r="VPP703" s="613"/>
      <c r="VPQ703" s="613"/>
      <c r="VPR703" s="613"/>
      <c r="VPS703" s="613"/>
      <c r="VPT703" s="613"/>
      <c r="VPU703" s="613"/>
      <c r="VPV703" s="613"/>
      <c r="VPW703" s="613"/>
      <c r="VPX703" s="613"/>
      <c r="VPY703" s="613"/>
      <c r="VPZ703" s="613"/>
      <c r="VQA703" s="613"/>
      <c r="VQB703" s="613"/>
      <c r="VQC703" s="613"/>
      <c r="VQD703" s="613"/>
      <c r="VQE703" s="613"/>
      <c r="VQF703" s="613"/>
      <c r="VQG703" s="613"/>
      <c r="VQH703" s="613"/>
      <c r="VQI703" s="613"/>
      <c r="VQJ703" s="613"/>
      <c r="VQK703" s="613"/>
      <c r="VQL703" s="613"/>
      <c r="VQM703" s="613"/>
      <c r="VQN703" s="613"/>
      <c r="VQO703" s="613"/>
      <c r="VQP703" s="613"/>
      <c r="VQQ703" s="613"/>
      <c r="VQR703" s="613"/>
      <c r="VQS703" s="613"/>
      <c r="VQT703" s="613"/>
      <c r="VQU703" s="613"/>
      <c r="VQV703" s="613"/>
      <c r="VQW703" s="613"/>
      <c r="VQX703" s="613"/>
      <c r="VQY703" s="613"/>
      <c r="VQZ703" s="613"/>
      <c r="VRA703" s="613"/>
      <c r="VRB703" s="613"/>
      <c r="VRC703" s="613"/>
      <c r="VRD703" s="613"/>
      <c r="VRE703" s="613"/>
      <c r="VRF703" s="613"/>
      <c r="VRG703" s="613"/>
      <c r="VRH703" s="613"/>
      <c r="VRI703" s="613"/>
      <c r="VRJ703" s="613"/>
      <c r="VRK703" s="613"/>
      <c r="VRL703" s="613"/>
      <c r="VRM703" s="613"/>
      <c r="VRN703" s="613"/>
      <c r="VRO703" s="613"/>
      <c r="VRP703" s="613"/>
      <c r="VRQ703" s="613"/>
      <c r="VRR703" s="613"/>
      <c r="VRS703" s="613"/>
      <c r="VRT703" s="613"/>
      <c r="VRU703" s="613"/>
      <c r="VRV703" s="613"/>
      <c r="VRW703" s="613"/>
      <c r="VRX703" s="613"/>
      <c r="VRY703" s="613"/>
      <c r="VRZ703" s="613"/>
      <c r="VSA703" s="613"/>
      <c r="VSB703" s="613"/>
      <c r="VSC703" s="613"/>
      <c r="VSD703" s="613"/>
      <c r="VSE703" s="613"/>
      <c r="VSF703" s="613"/>
      <c r="VSG703" s="613"/>
      <c r="VSH703" s="613"/>
      <c r="VSI703" s="613"/>
      <c r="VSJ703" s="613"/>
      <c r="VSK703" s="613"/>
      <c r="VSL703" s="613"/>
      <c r="VSM703" s="613"/>
      <c r="VSN703" s="613"/>
      <c r="VSO703" s="613"/>
      <c r="VSP703" s="613"/>
      <c r="VSQ703" s="613"/>
      <c r="VSR703" s="613"/>
      <c r="VSS703" s="613"/>
      <c r="VST703" s="613"/>
      <c r="VSU703" s="613"/>
      <c r="VSV703" s="613"/>
      <c r="VSW703" s="613"/>
      <c r="VSX703" s="613"/>
      <c r="VSY703" s="613"/>
      <c r="VSZ703" s="613"/>
      <c r="VTA703" s="613"/>
      <c r="VTB703" s="613"/>
      <c r="VTC703" s="613"/>
      <c r="VTD703" s="613"/>
      <c r="VTE703" s="613"/>
      <c r="VTF703" s="613"/>
      <c r="VTG703" s="613"/>
      <c r="VTH703" s="613"/>
      <c r="VTI703" s="613"/>
      <c r="VTJ703" s="613"/>
      <c r="VTK703" s="613"/>
      <c r="VTL703" s="613"/>
      <c r="VTM703" s="613"/>
      <c r="VTN703" s="613"/>
      <c r="VTO703" s="613"/>
      <c r="VTP703" s="613"/>
      <c r="VTQ703" s="613"/>
      <c r="VTR703" s="613"/>
      <c r="VTS703" s="613"/>
      <c r="VTT703" s="613"/>
      <c r="VTU703" s="613"/>
      <c r="VTV703" s="613"/>
      <c r="VTW703" s="613"/>
      <c r="VTX703" s="613"/>
      <c r="VTY703" s="613"/>
      <c r="VTZ703" s="613"/>
      <c r="VUA703" s="613"/>
      <c r="VUB703" s="613"/>
      <c r="VUC703" s="613"/>
      <c r="VUD703" s="613"/>
      <c r="VUE703" s="613"/>
      <c r="VUF703" s="613"/>
      <c r="VUG703" s="613"/>
      <c r="VUH703" s="613"/>
      <c r="VUI703" s="613"/>
      <c r="VUJ703" s="613"/>
      <c r="VUK703" s="613"/>
      <c r="VUL703" s="613"/>
      <c r="VUM703" s="613"/>
      <c r="VUN703" s="613"/>
      <c r="VUO703" s="613"/>
      <c r="VUP703" s="613"/>
      <c r="VUQ703" s="613"/>
      <c r="VUR703" s="613"/>
      <c r="VUS703" s="613"/>
      <c r="VUT703" s="613"/>
      <c r="VUU703" s="613"/>
      <c r="VUV703" s="613"/>
      <c r="VUW703" s="613"/>
      <c r="VUX703" s="613"/>
      <c r="VUY703" s="613"/>
      <c r="VUZ703" s="613"/>
      <c r="VVA703" s="613"/>
      <c r="VVB703" s="613"/>
      <c r="VVC703" s="613"/>
      <c r="VVD703" s="613"/>
      <c r="VVE703" s="613"/>
      <c r="VVF703" s="613"/>
      <c r="VVG703" s="613"/>
      <c r="VVH703" s="613"/>
      <c r="VVI703" s="613"/>
      <c r="VVJ703" s="613"/>
      <c r="VVK703" s="613"/>
      <c r="VVL703" s="613"/>
      <c r="VVM703" s="613"/>
      <c r="VVN703" s="613"/>
      <c r="VVO703" s="613"/>
      <c r="VVP703" s="613"/>
      <c r="VVQ703" s="613"/>
      <c r="VVR703" s="613"/>
      <c r="VVS703" s="613"/>
      <c r="VVT703" s="613"/>
      <c r="VVU703" s="613"/>
      <c r="VVV703" s="613"/>
      <c r="VVW703" s="613"/>
      <c r="VVX703" s="613"/>
      <c r="VVY703" s="613"/>
      <c r="VVZ703" s="613"/>
      <c r="VWA703" s="613"/>
      <c r="VWB703" s="613"/>
      <c r="VWC703" s="613"/>
      <c r="VWD703" s="613"/>
      <c r="VWE703" s="613"/>
      <c r="VWF703" s="613"/>
      <c r="VWG703" s="613"/>
      <c r="VWH703" s="613"/>
      <c r="VWI703" s="613"/>
      <c r="VWJ703" s="613"/>
      <c r="VWK703" s="613"/>
      <c r="VWL703" s="613"/>
      <c r="VWM703" s="613"/>
      <c r="VWN703" s="613"/>
      <c r="VWO703" s="613"/>
      <c r="VWP703" s="613"/>
      <c r="VWQ703" s="613"/>
      <c r="VWR703" s="613"/>
      <c r="VWS703" s="613"/>
      <c r="VWT703" s="613"/>
      <c r="VWU703" s="613"/>
      <c r="VWV703" s="613"/>
      <c r="VWW703" s="613"/>
      <c r="VWX703" s="613"/>
      <c r="VWY703" s="613"/>
      <c r="VWZ703" s="613"/>
      <c r="VXA703" s="613"/>
      <c r="VXB703" s="613"/>
      <c r="VXC703" s="613"/>
      <c r="VXD703" s="613"/>
      <c r="VXE703" s="613"/>
      <c r="VXF703" s="613"/>
      <c r="VXG703" s="613"/>
      <c r="VXH703" s="613"/>
      <c r="VXI703" s="613"/>
      <c r="VXJ703" s="613"/>
      <c r="VXK703" s="613"/>
      <c r="VXL703" s="613"/>
      <c r="VXM703" s="613"/>
      <c r="VXN703" s="613"/>
      <c r="VXO703" s="613"/>
      <c r="VXP703" s="613"/>
      <c r="VXQ703" s="613"/>
      <c r="VXR703" s="613"/>
      <c r="VXS703" s="613"/>
      <c r="VXT703" s="613"/>
      <c r="VXU703" s="613"/>
      <c r="VXV703" s="613"/>
      <c r="VXW703" s="613"/>
      <c r="VXX703" s="613"/>
      <c r="VXY703" s="613"/>
      <c r="VXZ703" s="613"/>
      <c r="VYA703" s="613"/>
      <c r="VYB703" s="613"/>
      <c r="VYC703" s="613"/>
      <c r="VYD703" s="613"/>
      <c r="VYE703" s="613"/>
      <c r="VYF703" s="613"/>
      <c r="VYG703" s="613"/>
      <c r="VYH703" s="613"/>
      <c r="VYI703" s="613"/>
      <c r="VYJ703" s="613"/>
      <c r="VYK703" s="613"/>
      <c r="VYL703" s="613"/>
      <c r="VYM703" s="613"/>
      <c r="VYN703" s="613"/>
      <c r="VYO703" s="613"/>
      <c r="VYP703" s="613"/>
      <c r="VYQ703" s="613"/>
      <c r="VYR703" s="613"/>
      <c r="VYS703" s="613"/>
      <c r="VYT703" s="613"/>
      <c r="VYU703" s="613"/>
      <c r="VYV703" s="613"/>
      <c r="VYW703" s="613"/>
      <c r="VYX703" s="613"/>
      <c r="VYY703" s="613"/>
      <c r="VYZ703" s="613"/>
      <c r="VZA703" s="613"/>
      <c r="VZB703" s="613"/>
      <c r="VZC703" s="613"/>
      <c r="VZD703" s="613"/>
      <c r="VZE703" s="613"/>
      <c r="VZF703" s="613"/>
      <c r="VZG703" s="613"/>
      <c r="VZH703" s="613"/>
      <c r="VZI703" s="613"/>
      <c r="VZJ703" s="613"/>
      <c r="VZK703" s="613"/>
      <c r="VZL703" s="613"/>
      <c r="VZM703" s="613"/>
      <c r="VZN703" s="613"/>
      <c r="VZO703" s="613"/>
      <c r="VZP703" s="613"/>
      <c r="VZQ703" s="613"/>
      <c r="VZR703" s="613"/>
      <c r="VZS703" s="613"/>
      <c r="VZT703" s="613"/>
      <c r="VZU703" s="613"/>
      <c r="VZV703" s="613"/>
      <c r="VZW703" s="613"/>
      <c r="VZX703" s="613"/>
      <c r="VZY703" s="613"/>
      <c r="VZZ703" s="613"/>
      <c r="WAA703" s="613"/>
      <c r="WAB703" s="613"/>
      <c r="WAC703" s="613"/>
      <c r="WAD703" s="613"/>
      <c r="WAE703" s="613"/>
      <c r="WAF703" s="613"/>
      <c r="WAG703" s="613"/>
      <c r="WAH703" s="613"/>
      <c r="WAI703" s="613"/>
      <c r="WAJ703" s="613"/>
      <c r="WAK703" s="613"/>
      <c r="WAL703" s="613"/>
      <c r="WAM703" s="613"/>
      <c r="WAN703" s="613"/>
      <c r="WAO703" s="613"/>
      <c r="WAP703" s="613"/>
      <c r="WAQ703" s="613"/>
      <c r="WAR703" s="613"/>
      <c r="WAS703" s="613"/>
      <c r="WAT703" s="613"/>
      <c r="WAU703" s="613"/>
      <c r="WAV703" s="613"/>
      <c r="WAW703" s="613"/>
      <c r="WAX703" s="613"/>
      <c r="WAY703" s="613"/>
      <c r="WAZ703" s="613"/>
      <c r="WBA703" s="613"/>
      <c r="WBB703" s="613"/>
      <c r="WBC703" s="613"/>
      <c r="WBD703" s="613"/>
      <c r="WBE703" s="613"/>
      <c r="WBF703" s="613"/>
      <c r="WBG703" s="613"/>
      <c r="WBH703" s="613"/>
      <c r="WBI703" s="613"/>
      <c r="WBJ703" s="613"/>
      <c r="WBK703" s="613"/>
      <c r="WBL703" s="613"/>
      <c r="WBM703" s="613"/>
      <c r="WBN703" s="613"/>
      <c r="WBO703" s="613"/>
      <c r="WBP703" s="613"/>
      <c r="WBQ703" s="613"/>
      <c r="WBR703" s="613"/>
      <c r="WBS703" s="613"/>
      <c r="WBT703" s="613"/>
      <c r="WBU703" s="613"/>
      <c r="WBV703" s="613"/>
      <c r="WBW703" s="613"/>
      <c r="WBX703" s="613"/>
      <c r="WBY703" s="613"/>
      <c r="WBZ703" s="613"/>
      <c r="WCA703" s="613"/>
      <c r="WCB703" s="613"/>
      <c r="WCC703" s="613"/>
      <c r="WCD703" s="613"/>
      <c r="WCE703" s="613"/>
      <c r="WCF703" s="613"/>
      <c r="WCG703" s="613"/>
      <c r="WCH703" s="613"/>
      <c r="WCI703" s="613"/>
      <c r="WCJ703" s="613"/>
      <c r="WCK703" s="613"/>
      <c r="WCL703" s="613"/>
      <c r="WCM703" s="613"/>
      <c r="WCN703" s="613"/>
      <c r="WCO703" s="613"/>
      <c r="WCP703" s="613"/>
      <c r="WCQ703" s="613"/>
      <c r="WCR703" s="613"/>
      <c r="WCS703" s="613"/>
      <c r="WCT703" s="613"/>
      <c r="WCU703" s="613"/>
      <c r="WCV703" s="613"/>
      <c r="WCW703" s="613"/>
      <c r="WCX703" s="613"/>
      <c r="WCY703" s="613"/>
      <c r="WCZ703" s="613"/>
      <c r="WDA703" s="613"/>
      <c r="WDB703" s="613"/>
      <c r="WDC703" s="613"/>
      <c r="WDD703" s="613"/>
      <c r="WDE703" s="613"/>
      <c r="WDF703" s="613"/>
      <c r="WDG703" s="613"/>
      <c r="WDH703" s="613"/>
      <c r="WDI703" s="613"/>
      <c r="WDJ703" s="613"/>
      <c r="WDK703" s="613"/>
      <c r="WDL703" s="613"/>
      <c r="WDM703" s="613"/>
      <c r="WDN703" s="613"/>
      <c r="WDO703" s="613"/>
      <c r="WDP703" s="613"/>
      <c r="WDQ703" s="613"/>
      <c r="WDR703" s="613"/>
      <c r="WDS703" s="613"/>
      <c r="WDT703" s="613"/>
      <c r="WDU703" s="613"/>
      <c r="WDV703" s="613"/>
      <c r="WDW703" s="613"/>
      <c r="WDX703" s="613"/>
      <c r="WDY703" s="613"/>
      <c r="WDZ703" s="613"/>
      <c r="WEA703" s="613"/>
      <c r="WEB703" s="613"/>
      <c r="WEC703" s="613"/>
      <c r="WED703" s="613"/>
      <c r="WEE703" s="613"/>
      <c r="WEF703" s="613"/>
      <c r="WEG703" s="613"/>
      <c r="WEH703" s="613"/>
      <c r="WEI703" s="613"/>
      <c r="WEJ703" s="613"/>
      <c r="WEK703" s="613"/>
      <c r="WEL703" s="613"/>
      <c r="WEM703" s="613"/>
      <c r="WEN703" s="613"/>
      <c r="WEO703" s="613"/>
      <c r="WEP703" s="613"/>
      <c r="WEQ703" s="613"/>
      <c r="WER703" s="613"/>
      <c r="WES703" s="613"/>
      <c r="WET703" s="613"/>
      <c r="WEU703" s="613"/>
      <c r="WEV703" s="613"/>
      <c r="WEW703" s="613"/>
      <c r="WEX703" s="613"/>
      <c r="WEY703" s="613"/>
      <c r="WEZ703" s="613"/>
      <c r="WFA703" s="613"/>
      <c r="WFB703" s="613"/>
      <c r="WFC703" s="613"/>
      <c r="WFD703" s="613"/>
      <c r="WFE703" s="613"/>
      <c r="WFF703" s="613"/>
      <c r="WFG703" s="613"/>
      <c r="WFH703" s="613"/>
      <c r="WFI703" s="613"/>
      <c r="WFJ703" s="613"/>
      <c r="WFK703" s="613"/>
      <c r="WFL703" s="613"/>
      <c r="WFM703" s="613"/>
      <c r="WFN703" s="613"/>
      <c r="WFO703" s="613"/>
      <c r="WFP703" s="613"/>
      <c r="WFQ703" s="613"/>
      <c r="WFR703" s="613"/>
      <c r="WFS703" s="613"/>
      <c r="WFT703" s="613"/>
      <c r="WFU703" s="613"/>
      <c r="WFV703" s="613"/>
      <c r="WFW703" s="613"/>
      <c r="WFX703" s="613"/>
      <c r="WFY703" s="613"/>
      <c r="WFZ703" s="613"/>
      <c r="WGA703" s="613"/>
      <c r="WGB703" s="613"/>
      <c r="WGC703" s="613"/>
      <c r="WGD703" s="613"/>
      <c r="WGE703" s="613"/>
      <c r="WGF703" s="613"/>
      <c r="WGG703" s="613"/>
      <c r="WGH703" s="613"/>
      <c r="WGI703" s="613"/>
      <c r="WGJ703" s="613"/>
      <c r="WGK703" s="613"/>
      <c r="WGL703" s="613"/>
      <c r="WGM703" s="613"/>
      <c r="WGN703" s="613"/>
      <c r="WGO703" s="613"/>
      <c r="WGP703" s="613"/>
      <c r="WGQ703" s="613"/>
      <c r="WGR703" s="613"/>
      <c r="WGS703" s="613"/>
      <c r="WGT703" s="613"/>
      <c r="WGU703" s="613"/>
      <c r="WGV703" s="613"/>
      <c r="WGW703" s="613"/>
      <c r="WGX703" s="613"/>
      <c r="WGY703" s="613"/>
      <c r="WGZ703" s="613"/>
      <c r="WHA703" s="613"/>
      <c r="WHB703" s="613"/>
      <c r="WHC703" s="613"/>
      <c r="WHD703" s="613"/>
      <c r="WHE703" s="613"/>
      <c r="WHF703" s="613"/>
      <c r="WHG703" s="613"/>
      <c r="WHH703" s="613"/>
      <c r="WHI703" s="613"/>
      <c r="WHJ703" s="613"/>
      <c r="WHK703" s="613"/>
      <c r="WHL703" s="613"/>
      <c r="WHM703" s="613"/>
      <c r="WHN703" s="613"/>
      <c r="WHO703" s="613"/>
      <c r="WHP703" s="613"/>
      <c r="WHQ703" s="613"/>
      <c r="WHR703" s="613"/>
      <c r="WHS703" s="613"/>
      <c r="WHT703" s="613"/>
      <c r="WHU703" s="613"/>
      <c r="WHV703" s="613"/>
      <c r="WHW703" s="613"/>
      <c r="WHX703" s="613"/>
      <c r="WHY703" s="613"/>
      <c r="WHZ703" s="613"/>
      <c r="WIA703" s="613"/>
      <c r="WIB703" s="613"/>
      <c r="WIC703" s="613"/>
      <c r="WID703" s="613"/>
      <c r="WIE703" s="613"/>
      <c r="WIF703" s="613"/>
      <c r="WIG703" s="613"/>
      <c r="WIH703" s="613"/>
      <c r="WII703" s="613"/>
      <c r="WIJ703" s="613"/>
      <c r="WIK703" s="613"/>
      <c r="WIL703" s="613"/>
      <c r="WIM703" s="613"/>
      <c r="WIN703" s="613"/>
      <c r="WIO703" s="613"/>
      <c r="WIP703" s="613"/>
      <c r="WIQ703" s="613"/>
      <c r="WIR703" s="613"/>
      <c r="WIS703" s="613"/>
      <c r="WIT703" s="613"/>
      <c r="WIU703" s="613"/>
      <c r="WIV703" s="613"/>
      <c r="WIW703" s="613"/>
      <c r="WIX703" s="613"/>
      <c r="WIY703" s="613"/>
      <c r="WIZ703" s="613"/>
      <c r="WJA703" s="613"/>
      <c r="WJB703" s="613"/>
      <c r="WJC703" s="613"/>
      <c r="WJD703" s="613"/>
      <c r="WJE703" s="613"/>
      <c r="WJF703" s="613"/>
      <c r="WJG703" s="613"/>
      <c r="WJH703" s="613"/>
      <c r="WJI703" s="613"/>
      <c r="WJJ703" s="613"/>
      <c r="WJK703" s="613"/>
      <c r="WJL703" s="613"/>
      <c r="WJM703" s="613"/>
      <c r="WJN703" s="613"/>
      <c r="WJO703" s="613"/>
      <c r="WJP703" s="613"/>
      <c r="WJQ703" s="613"/>
      <c r="WJR703" s="613"/>
      <c r="WJS703" s="613"/>
      <c r="WJT703" s="613"/>
      <c r="WJU703" s="613"/>
      <c r="WJV703" s="613"/>
      <c r="WJW703" s="613"/>
      <c r="WJX703" s="613"/>
      <c r="WJY703" s="613"/>
      <c r="WJZ703" s="613"/>
      <c r="WKA703" s="613"/>
      <c r="WKB703" s="613"/>
      <c r="WKC703" s="613"/>
      <c r="WKD703" s="613"/>
      <c r="WKE703" s="613"/>
      <c r="WKF703" s="613"/>
      <c r="WKG703" s="613"/>
      <c r="WKH703" s="613"/>
      <c r="WKI703" s="613"/>
      <c r="WKJ703" s="613"/>
      <c r="WKK703" s="613"/>
      <c r="WKL703" s="613"/>
      <c r="WKM703" s="613"/>
      <c r="WKN703" s="613"/>
      <c r="WKO703" s="613"/>
      <c r="WKP703" s="613"/>
      <c r="WKQ703" s="613"/>
      <c r="WKR703" s="613"/>
      <c r="WKS703" s="613"/>
      <c r="WKT703" s="613"/>
      <c r="WKU703" s="613"/>
      <c r="WKV703" s="613"/>
      <c r="WKW703" s="613"/>
      <c r="WKX703" s="613"/>
      <c r="WKY703" s="613"/>
      <c r="WKZ703" s="613"/>
      <c r="WLA703" s="613"/>
      <c r="WLB703" s="613"/>
      <c r="WLC703" s="613"/>
      <c r="WLD703" s="613"/>
      <c r="WLE703" s="613"/>
      <c r="WLF703" s="613"/>
      <c r="WLG703" s="613"/>
      <c r="WLH703" s="613"/>
      <c r="WLI703" s="613"/>
      <c r="WLJ703" s="613"/>
      <c r="WLK703" s="613"/>
      <c r="WLL703" s="613"/>
      <c r="WLM703" s="613"/>
      <c r="WLN703" s="613"/>
      <c r="WLO703" s="613"/>
      <c r="WLP703" s="613"/>
      <c r="WLQ703" s="613"/>
      <c r="WLR703" s="613"/>
      <c r="WLS703" s="613"/>
      <c r="WLT703" s="613"/>
      <c r="WLU703" s="613"/>
      <c r="WLV703" s="613"/>
      <c r="WLW703" s="613"/>
      <c r="WLX703" s="613"/>
      <c r="WLY703" s="613"/>
      <c r="WLZ703" s="613"/>
      <c r="WMA703" s="613"/>
      <c r="WMB703" s="613"/>
      <c r="WMC703" s="613"/>
      <c r="WMD703" s="613"/>
      <c r="WME703" s="613"/>
      <c r="WMF703" s="613"/>
      <c r="WMG703" s="613"/>
      <c r="WMH703" s="613"/>
      <c r="WMI703" s="613"/>
      <c r="WMJ703" s="613"/>
      <c r="WMK703" s="613"/>
      <c r="WML703" s="613"/>
      <c r="WMM703" s="613"/>
      <c r="WMN703" s="613"/>
      <c r="WMO703" s="613"/>
      <c r="WMP703" s="613"/>
      <c r="WMQ703" s="613"/>
      <c r="WMR703" s="613"/>
      <c r="WMS703" s="613"/>
      <c r="WMT703" s="613"/>
      <c r="WMU703" s="613"/>
      <c r="WMV703" s="613"/>
      <c r="WMW703" s="613"/>
      <c r="WMX703" s="613"/>
      <c r="WMY703" s="613"/>
      <c r="WMZ703" s="613"/>
      <c r="WNA703" s="613"/>
      <c r="WNB703" s="613"/>
      <c r="WNC703" s="613"/>
      <c r="WND703" s="613"/>
      <c r="WNE703" s="613"/>
      <c r="WNF703" s="613"/>
      <c r="WNG703" s="613"/>
      <c r="WNH703" s="613"/>
      <c r="WNI703" s="613"/>
      <c r="WNJ703" s="613"/>
      <c r="WNK703" s="613"/>
      <c r="WNL703" s="613"/>
      <c r="WNM703" s="613"/>
      <c r="WNN703" s="613"/>
      <c r="WNO703" s="613"/>
      <c r="WNP703" s="613"/>
      <c r="WNQ703" s="613"/>
      <c r="WNR703" s="613"/>
      <c r="WNS703" s="613"/>
      <c r="WNT703" s="613"/>
      <c r="WNU703" s="613"/>
      <c r="WNV703" s="613"/>
      <c r="WNW703" s="613"/>
      <c r="WNX703" s="613"/>
      <c r="WNY703" s="613"/>
      <c r="WNZ703" s="613"/>
      <c r="WOA703" s="613"/>
      <c r="WOB703" s="613"/>
      <c r="WOC703" s="613"/>
      <c r="WOD703" s="613"/>
      <c r="WOE703" s="613"/>
      <c r="WOF703" s="613"/>
      <c r="WOG703" s="613"/>
      <c r="WOH703" s="613"/>
      <c r="WOI703" s="613"/>
      <c r="WOJ703" s="613"/>
      <c r="WOK703" s="613"/>
      <c r="WOL703" s="613"/>
      <c r="WOM703" s="613"/>
      <c r="WON703" s="613"/>
      <c r="WOO703" s="613"/>
      <c r="WOP703" s="613"/>
      <c r="WOQ703" s="613"/>
      <c r="WOR703" s="613"/>
      <c r="WOS703" s="613"/>
      <c r="WOT703" s="613"/>
      <c r="WOU703" s="613"/>
      <c r="WOV703" s="613"/>
      <c r="WOW703" s="613"/>
      <c r="WOX703" s="613"/>
      <c r="WOY703" s="613"/>
      <c r="WOZ703" s="613"/>
      <c r="WPA703" s="613"/>
      <c r="WPB703" s="613"/>
      <c r="WPC703" s="613"/>
      <c r="WPD703" s="613"/>
      <c r="WPE703" s="613"/>
      <c r="WPF703" s="613"/>
      <c r="WPG703" s="613"/>
      <c r="WPH703" s="613"/>
      <c r="WPI703" s="613"/>
      <c r="WPJ703" s="613"/>
      <c r="WPK703" s="613"/>
      <c r="WPL703" s="613"/>
      <c r="WPM703" s="613"/>
      <c r="WPN703" s="613"/>
      <c r="WPO703" s="613"/>
      <c r="WPP703" s="613"/>
      <c r="WPQ703" s="613"/>
      <c r="WPR703" s="613"/>
      <c r="WPS703" s="613"/>
      <c r="WPT703" s="613"/>
      <c r="WPU703" s="613"/>
      <c r="WPV703" s="613"/>
      <c r="WPW703" s="613"/>
      <c r="WPX703" s="613"/>
      <c r="WPY703" s="613"/>
      <c r="WPZ703" s="613"/>
      <c r="WQA703" s="613"/>
      <c r="WQB703" s="613"/>
      <c r="WQC703" s="613"/>
      <c r="WQD703" s="613"/>
      <c r="WQE703" s="613"/>
      <c r="WQF703" s="613"/>
      <c r="WQG703" s="613"/>
      <c r="WQH703" s="613"/>
      <c r="WQI703" s="613"/>
      <c r="WQJ703" s="613"/>
      <c r="WQK703" s="613"/>
      <c r="WQL703" s="613"/>
      <c r="WQM703" s="613"/>
      <c r="WQN703" s="613"/>
      <c r="WQO703" s="613"/>
      <c r="WQP703" s="613"/>
      <c r="WQQ703" s="613"/>
      <c r="WQR703" s="613"/>
      <c r="WQS703" s="613"/>
      <c r="WQT703" s="613"/>
      <c r="WQU703" s="613"/>
      <c r="WQV703" s="613"/>
      <c r="WQW703" s="613"/>
      <c r="WQX703" s="613"/>
      <c r="WQY703" s="613"/>
      <c r="WQZ703" s="613"/>
      <c r="WRA703" s="613"/>
      <c r="WRB703" s="613"/>
      <c r="WRC703" s="613"/>
      <c r="WRD703" s="613"/>
      <c r="WRE703" s="613"/>
      <c r="WRF703" s="613"/>
      <c r="WRG703" s="613"/>
      <c r="WRH703" s="613"/>
      <c r="WRI703" s="613"/>
      <c r="WRJ703" s="613"/>
      <c r="WRK703" s="613"/>
      <c r="WRL703" s="613"/>
      <c r="WRM703" s="613"/>
      <c r="WRN703" s="613"/>
      <c r="WRO703" s="613"/>
      <c r="WRP703" s="613"/>
      <c r="WRQ703" s="613"/>
      <c r="WRR703" s="613"/>
      <c r="WRS703" s="613"/>
      <c r="WRT703" s="613"/>
      <c r="WRU703" s="613"/>
      <c r="WRV703" s="613"/>
      <c r="WRW703" s="613"/>
      <c r="WRX703" s="613"/>
      <c r="WRY703" s="613"/>
      <c r="WRZ703" s="613"/>
      <c r="WSA703" s="613"/>
      <c r="WSB703" s="613"/>
      <c r="WSC703" s="613"/>
      <c r="WSD703" s="613"/>
      <c r="WSE703" s="613"/>
      <c r="WSF703" s="613"/>
      <c r="WSG703" s="613"/>
      <c r="WSH703" s="613"/>
      <c r="WSI703" s="613"/>
      <c r="WSJ703" s="613"/>
      <c r="WSK703" s="613"/>
      <c r="WSL703" s="613"/>
      <c r="WSM703" s="613"/>
      <c r="WSN703" s="613"/>
      <c r="WSO703" s="613"/>
      <c r="WSP703" s="613"/>
      <c r="WSQ703" s="613"/>
      <c r="WSR703" s="613"/>
      <c r="WSS703" s="613"/>
      <c r="WST703" s="613"/>
      <c r="WSU703" s="613"/>
      <c r="WSV703" s="613"/>
      <c r="WSW703" s="613"/>
      <c r="WSX703" s="613"/>
      <c r="WSY703" s="613"/>
      <c r="WSZ703" s="613"/>
      <c r="WTA703" s="613"/>
      <c r="WTB703" s="613"/>
      <c r="WTC703" s="613"/>
      <c r="WTD703" s="613"/>
      <c r="WTE703" s="613"/>
      <c r="WTF703" s="613"/>
      <c r="WTG703" s="613"/>
      <c r="WTH703" s="613"/>
      <c r="WTI703" s="613"/>
      <c r="WTJ703" s="613"/>
      <c r="WTK703" s="613"/>
      <c r="WTL703" s="613"/>
      <c r="WTM703" s="613"/>
      <c r="WTN703" s="613"/>
      <c r="WTO703" s="613"/>
      <c r="WTP703" s="613"/>
      <c r="WTQ703" s="613"/>
      <c r="WTR703" s="613"/>
      <c r="WTS703" s="613"/>
      <c r="WTT703" s="613"/>
      <c r="WTU703" s="613"/>
      <c r="WTV703" s="613"/>
      <c r="WTW703" s="613"/>
      <c r="WTX703" s="613"/>
      <c r="WTY703" s="613"/>
      <c r="WTZ703" s="613"/>
      <c r="WUA703" s="613"/>
      <c r="WUB703" s="613"/>
      <c r="WUC703" s="613"/>
      <c r="WUD703" s="613"/>
      <c r="WUE703" s="613"/>
      <c r="WUF703" s="613"/>
      <c r="WUG703" s="613"/>
      <c r="WUH703" s="613"/>
      <c r="WUI703" s="613"/>
      <c r="WUJ703" s="613"/>
      <c r="WUK703" s="613"/>
      <c r="WUL703" s="613"/>
      <c r="WUM703" s="613"/>
      <c r="WUN703" s="613"/>
      <c r="WUO703" s="613"/>
      <c r="WUP703" s="613"/>
      <c r="WUQ703" s="613"/>
      <c r="WUR703" s="613"/>
      <c r="WUS703" s="613"/>
      <c r="WUT703" s="613"/>
      <c r="WUU703" s="613"/>
      <c r="WUV703" s="613"/>
      <c r="WUW703" s="613"/>
      <c r="WUX703" s="613"/>
      <c r="WUY703" s="613"/>
      <c r="WUZ703" s="613"/>
      <c r="WVA703" s="613"/>
      <c r="WVB703" s="613"/>
      <c r="WVC703" s="613"/>
      <c r="WVD703" s="613"/>
      <c r="WVE703" s="613"/>
      <c r="WVF703" s="613"/>
      <c r="WVG703" s="613"/>
      <c r="WVH703" s="613"/>
      <c r="WVI703" s="613"/>
      <c r="WVJ703" s="613"/>
      <c r="WVK703" s="613"/>
      <c r="WVL703" s="613"/>
      <c r="WVM703" s="613"/>
      <c r="WVN703" s="613"/>
      <c r="WVO703" s="613"/>
      <c r="WVP703" s="613"/>
      <c r="WVQ703" s="613"/>
      <c r="WVR703" s="613"/>
      <c r="WVS703" s="613"/>
      <c r="WVT703" s="613"/>
      <c r="WVU703" s="613"/>
      <c r="WVV703" s="613"/>
      <c r="WVW703" s="613"/>
      <c r="WVX703" s="613"/>
      <c r="WVY703" s="613"/>
      <c r="WVZ703" s="613"/>
      <c r="WWA703" s="613"/>
      <c r="WWB703" s="613"/>
      <c r="WWC703" s="613"/>
      <c r="WWD703" s="613"/>
      <c r="WWE703" s="613"/>
      <c r="WWF703" s="613"/>
      <c r="WWG703" s="613"/>
      <c r="WWH703" s="613"/>
      <c r="WWI703" s="613"/>
      <c r="WWJ703" s="613"/>
      <c r="WWK703" s="613"/>
      <c r="WWL703" s="613"/>
      <c r="WWM703" s="613"/>
      <c r="WWN703" s="613"/>
      <c r="WWO703" s="613"/>
      <c r="WWP703" s="613"/>
      <c r="WWQ703" s="613"/>
      <c r="WWR703" s="613"/>
      <c r="WWS703" s="613"/>
      <c r="WWT703" s="613"/>
      <c r="WWU703" s="613"/>
      <c r="WWV703" s="613"/>
      <c r="WWW703" s="613"/>
      <c r="WWX703" s="613"/>
      <c r="WWY703" s="613"/>
      <c r="WWZ703" s="613"/>
      <c r="WXA703" s="613"/>
      <c r="WXB703" s="613"/>
      <c r="WXC703" s="613"/>
      <c r="WXD703" s="613"/>
      <c r="WXE703" s="613"/>
      <c r="WXF703" s="613"/>
      <c r="WXG703" s="613"/>
      <c r="WXH703" s="613"/>
      <c r="WXI703" s="613"/>
      <c r="WXJ703" s="613"/>
      <c r="WXK703" s="613"/>
      <c r="WXL703" s="613"/>
      <c r="WXM703" s="613"/>
      <c r="WXN703" s="613"/>
      <c r="WXO703" s="613"/>
      <c r="WXP703" s="613"/>
      <c r="WXQ703" s="613"/>
      <c r="WXR703" s="613"/>
      <c r="WXS703" s="613"/>
      <c r="WXT703" s="613"/>
      <c r="WXU703" s="613"/>
      <c r="WXV703" s="613"/>
      <c r="WXW703" s="613"/>
      <c r="WXX703" s="613"/>
      <c r="WXY703" s="613"/>
      <c r="WXZ703" s="613"/>
      <c r="WYA703" s="613"/>
      <c r="WYB703" s="613"/>
      <c r="WYC703" s="613"/>
      <c r="WYD703" s="613"/>
      <c r="WYE703" s="613"/>
      <c r="WYF703" s="613"/>
      <c r="WYG703" s="613"/>
      <c r="WYH703" s="613"/>
      <c r="WYI703" s="613"/>
      <c r="WYJ703" s="613"/>
      <c r="WYK703" s="613"/>
      <c r="WYL703" s="613"/>
      <c r="WYM703" s="613"/>
      <c r="WYN703" s="613"/>
      <c r="WYO703" s="613"/>
      <c r="WYP703" s="613"/>
      <c r="WYQ703" s="613"/>
      <c r="WYR703" s="613"/>
      <c r="WYS703" s="613"/>
      <c r="WYT703" s="613"/>
      <c r="WYU703" s="613"/>
      <c r="WYV703" s="613"/>
      <c r="WYW703" s="613"/>
      <c r="WYX703" s="613"/>
      <c r="WYY703" s="613"/>
      <c r="WYZ703" s="613"/>
      <c r="WZA703" s="613"/>
      <c r="WZB703" s="613"/>
      <c r="WZC703" s="613"/>
      <c r="WZD703" s="613"/>
      <c r="WZE703" s="613"/>
      <c r="WZF703" s="613"/>
      <c r="WZG703" s="613"/>
      <c r="WZH703" s="613"/>
      <c r="WZI703" s="613"/>
      <c r="WZJ703" s="613"/>
      <c r="WZK703" s="613"/>
      <c r="WZL703" s="613"/>
      <c r="WZM703" s="613"/>
      <c r="WZN703" s="613"/>
      <c r="WZO703" s="613"/>
      <c r="WZP703" s="613"/>
      <c r="WZQ703" s="613"/>
      <c r="WZR703" s="613"/>
      <c r="WZS703" s="613"/>
      <c r="WZT703" s="613"/>
      <c r="WZU703" s="613"/>
      <c r="WZV703" s="613"/>
      <c r="WZW703" s="613"/>
      <c r="WZX703" s="613"/>
      <c r="WZY703" s="613"/>
      <c r="WZZ703" s="613"/>
      <c r="XAA703" s="613"/>
      <c r="XAB703" s="613"/>
      <c r="XAC703" s="613"/>
      <c r="XAD703" s="613"/>
      <c r="XAE703" s="613"/>
      <c r="XAF703" s="613"/>
      <c r="XAG703" s="613"/>
      <c r="XAH703" s="613"/>
      <c r="XAI703" s="613"/>
      <c r="XAJ703" s="613"/>
      <c r="XAK703" s="613"/>
      <c r="XAL703" s="613"/>
      <c r="XAM703" s="613"/>
      <c r="XAN703" s="613"/>
      <c r="XAO703" s="613"/>
      <c r="XAP703" s="613"/>
      <c r="XAQ703" s="613"/>
      <c r="XAR703" s="613"/>
      <c r="XAS703" s="613"/>
      <c r="XAT703" s="613"/>
      <c r="XAU703" s="613"/>
      <c r="XAV703" s="613"/>
      <c r="XAW703" s="613"/>
      <c r="XAX703" s="613"/>
      <c r="XAY703" s="613"/>
      <c r="XAZ703" s="613"/>
      <c r="XBA703" s="613"/>
      <c r="XBB703" s="613"/>
      <c r="XBC703" s="613"/>
      <c r="XBD703" s="613"/>
      <c r="XBE703" s="613"/>
      <c r="XBF703" s="613"/>
      <c r="XBG703" s="613"/>
      <c r="XBH703" s="613"/>
      <c r="XBI703" s="613"/>
      <c r="XBJ703" s="613"/>
      <c r="XBK703" s="613"/>
      <c r="XBL703" s="613"/>
      <c r="XBM703" s="613"/>
      <c r="XBN703" s="613"/>
      <c r="XBO703" s="613"/>
      <c r="XBP703" s="613"/>
      <c r="XBQ703" s="613"/>
      <c r="XBR703" s="613"/>
      <c r="XBS703" s="613"/>
      <c r="XBT703" s="613"/>
      <c r="XBU703" s="613"/>
      <c r="XBV703" s="613"/>
      <c r="XBW703" s="613"/>
      <c r="XBX703" s="613"/>
      <c r="XBY703" s="613"/>
      <c r="XBZ703" s="613"/>
      <c r="XCA703" s="613"/>
      <c r="XCB703" s="613"/>
      <c r="XCC703" s="613"/>
      <c r="XCD703" s="613"/>
      <c r="XCE703" s="613"/>
      <c r="XCF703" s="613"/>
      <c r="XCG703" s="613"/>
      <c r="XCH703" s="613"/>
      <c r="XCI703" s="613"/>
      <c r="XCJ703" s="613"/>
      <c r="XCK703" s="613"/>
      <c r="XCL703" s="613"/>
      <c r="XCM703" s="613"/>
      <c r="XCN703" s="613"/>
      <c r="XCO703" s="613"/>
      <c r="XCP703" s="613"/>
      <c r="XCQ703" s="613"/>
    </row>
    <row r="704" spans="1:16319" ht="56.1" customHeight="1" x14ac:dyDescent="0.2">
      <c r="A704" s="273" t="s">
        <v>3017</v>
      </c>
      <c r="B704" s="499"/>
      <c r="C704" s="77"/>
      <c r="D704" s="481">
        <v>126</v>
      </c>
      <c r="E704" s="481"/>
      <c r="F704" s="481" t="s">
        <v>2481</v>
      </c>
      <c r="G704" s="482" t="s">
        <v>53</v>
      </c>
      <c r="H704" s="481" t="s">
        <v>329</v>
      </c>
      <c r="I704" s="654" t="s">
        <v>330</v>
      </c>
      <c r="J704" s="654" t="s">
        <v>369</v>
      </c>
      <c r="K704" s="495" t="s">
        <v>383</v>
      </c>
      <c r="L704" s="621"/>
      <c r="M704" s="484" t="s">
        <v>58</v>
      </c>
      <c r="N704" s="329" t="s">
        <v>1365</v>
      </c>
      <c r="O704" s="484" t="s">
        <v>2996</v>
      </c>
      <c r="P704" s="484" t="s">
        <v>81</v>
      </c>
      <c r="Q704" s="667" t="s">
        <v>334</v>
      </c>
      <c r="R704" s="484" t="s">
        <v>334</v>
      </c>
      <c r="S704" s="484" t="s">
        <v>187</v>
      </c>
      <c r="T704" s="484"/>
      <c r="U704" s="620" t="s">
        <v>63</v>
      </c>
      <c r="V704" s="620" t="s">
        <v>63</v>
      </c>
      <c r="W704" s="723">
        <v>207472</v>
      </c>
      <c r="X704" s="723"/>
      <c r="Y704" s="654" t="s">
        <v>226</v>
      </c>
      <c r="Z704" s="654"/>
      <c r="AA704" s="723">
        <v>207472</v>
      </c>
      <c r="AB704" s="652" t="s">
        <v>82</v>
      </c>
      <c r="AC704" s="652"/>
      <c r="AD704" s="496"/>
      <c r="AE704" s="496"/>
      <c r="AF704" s="496"/>
      <c r="AG704" s="496"/>
      <c r="AH704" s="496"/>
      <c r="AI704" s="487" t="s">
        <v>66</v>
      </c>
      <c r="AJ704" s="496"/>
      <c r="AK704" s="496"/>
      <c r="AL704" s="496"/>
      <c r="AM704" s="496"/>
      <c r="AN704" s="496"/>
      <c r="AO704" s="496"/>
      <c r="AP704" s="496"/>
      <c r="AQ704" s="496"/>
      <c r="AR704" s="496"/>
      <c r="AS704" s="496"/>
      <c r="AT704" s="496"/>
      <c r="AU704" s="487"/>
      <c r="AV704" s="487"/>
      <c r="AW704" s="487"/>
      <c r="AX704" s="487"/>
      <c r="AY704" s="487"/>
      <c r="AZ704" s="487"/>
      <c r="BA704" s="484"/>
      <c r="BB704" s="484" t="s">
        <v>340</v>
      </c>
      <c r="BC704" s="484" t="s">
        <v>3041</v>
      </c>
      <c r="BD704" s="494"/>
      <c r="BE704" s="494"/>
      <c r="BF704" s="613"/>
      <c r="BG704" s="613"/>
      <c r="BH704" s="613"/>
      <c r="BI704" s="613"/>
      <c r="BJ704" s="613"/>
      <c r="BK704" s="613"/>
      <c r="BL704" s="613"/>
      <c r="BM704" s="613"/>
      <c r="BN704" s="613"/>
      <c r="BO704" s="613"/>
      <c r="BP704" s="613"/>
      <c r="BQ704" s="613"/>
      <c r="BR704" s="613"/>
      <c r="BS704" s="613"/>
      <c r="BT704" s="613"/>
      <c r="BU704" s="613"/>
      <c r="BV704" s="613"/>
      <c r="BW704" s="613"/>
      <c r="BX704" s="613"/>
      <c r="BY704" s="613"/>
      <c r="BZ704" s="613"/>
      <c r="CA704" s="613"/>
      <c r="CB704" s="613"/>
      <c r="CC704" s="613"/>
      <c r="CD704" s="613"/>
      <c r="CE704" s="613"/>
      <c r="CF704" s="613"/>
      <c r="CG704" s="613"/>
      <c r="CH704" s="613"/>
      <c r="CI704" s="613"/>
      <c r="CJ704" s="613"/>
      <c r="CK704" s="613"/>
      <c r="CL704" s="613"/>
      <c r="CM704" s="613"/>
      <c r="CN704" s="613"/>
      <c r="CO704" s="613"/>
      <c r="CP704" s="613"/>
      <c r="CQ704" s="613"/>
      <c r="CR704" s="613"/>
      <c r="CS704" s="613"/>
      <c r="CT704" s="613"/>
      <c r="CU704" s="613"/>
      <c r="CV704" s="613"/>
      <c r="CW704" s="613"/>
      <c r="CX704" s="613"/>
      <c r="CY704" s="613"/>
      <c r="CZ704" s="613"/>
      <c r="DA704" s="613"/>
      <c r="DB704" s="613"/>
      <c r="DC704" s="613"/>
      <c r="DD704" s="613"/>
      <c r="DE704" s="613"/>
      <c r="DF704" s="613"/>
      <c r="DG704" s="613"/>
      <c r="DH704" s="613"/>
      <c r="DI704" s="613"/>
      <c r="DJ704" s="613"/>
      <c r="DK704" s="613"/>
      <c r="DL704" s="613"/>
      <c r="DM704" s="613"/>
      <c r="DN704" s="613"/>
      <c r="DO704" s="613"/>
      <c r="DP704" s="613"/>
      <c r="DQ704" s="613"/>
      <c r="DR704" s="613"/>
      <c r="DS704" s="613"/>
      <c r="DT704" s="613"/>
      <c r="DU704" s="613"/>
      <c r="DV704" s="613"/>
      <c r="DW704" s="613"/>
      <c r="DX704" s="613"/>
      <c r="DY704" s="613"/>
      <c r="DZ704" s="613"/>
      <c r="EA704" s="613"/>
      <c r="EB704" s="613"/>
      <c r="EC704" s="613"/>
      <c r="ED704" s="613"/>
      <c r="EE704" s="613"/>
      <c r="EF704" s="613"/>
      <c r="EG704" s="613"/>
      <c r="EH704" s="613"/>
      <c r="EI704" s="613"/>
      <c r="EJ704" s="613"/>
      <c r="EK704" s="613"/>
      <c r="EL704" s="613"/>
      <c r="EM704" s="613"/>
      <c r="EN704" s="613"/>
      <c r="EO704" s="613"/>
      <c r="EP704" s="613"/>
      <c r="EQ704" s="613"/>
      <c r="ER704" s="613"/>
      <c r="ES704" s="613"/>
      <c r="ET704" s="613"/>
      <c r="EU704" s="613"/>
      <c r="EV704" s="613"/>
      <c r="EW704" s="613"/>
      <c r="EX704" s="613"/>
      <c r="EY704" s="613"/>
      <c r="EZ704" s="613"/>
      <c r="FA704" s="613"/>
      <c r="FB704" s="613"/>
      <c r="FC704" s="613"/>
      <c r="FD704" s="613"/>
      <c r="FE704" s="613"/>
      <c r="FF704" s="613"/>
      <c r="FG704" s="613"/>
      <c r="FH704" s="613"/>
      <c r="FI704" s="613"/>
      <c r="FJ704" s="613"/>
      <c r="FK704" s="613"/>
      <c r="FL704" s="613"/>
      <c r="FM704" s="613"/>
      <c r="FN704" s="613"/>
      <c r="FO704" s="613"/>
      <c r="FP704" s="613"/>
      <c r="FQ704" s="613"/>
      <c r="FR704" s="613"/>
      <c r="FS704" s="613"/>
      <c r="FT704" s="613"/>
      <c r="FU704" s="613"/>
      <c r="FV704" s="613"/>
      <c r="FW704" s="613"/>
      <c r="FX704" s="613"/>
      <c r="FY704" s="613"/>
      <c r="FZ704" s="613"/>
      <c r="GA704" s="613"/>
      <c r="GB704" s="613"/>
      <c r="GC704" s="613"/>
      <c r="GD704" s="613"/>
      <c r="GE704" s="613"/>
      <c r="GF704" s="613"/>
      <c r="GG704" s="613"/>
      <c r="GH704" s="613"/>
      <c r="GI704" s="613"/>
      <c r="GJ704" s="613"/>
      <c r="GK704" s="613"/>
      <c r="GL704" s="613"/>
      <c r="GM704" s="613"/>
      <c r="GN704" s="613"/>
      <c r="GO704" s="613"/>
      <c r="GP704" s="613"/>
      <c r="GQ704" s="613"/>
      <c r="GR704" s="613"/>
      <c r="GS704" s="613"/>
      <c r="GT704" s="613"/>
      <c r="GU704" s="613"/>
      <c r="GV704" s="613"/>
      <c r="GW704" s="613"/>
      <c r="GX704" s="613"/>
      <c r="GY704" s="613"/>
      <c r="GZ704" s="613"/>
      <c r="HA704" s="613"/>
      <c r="HB704" s="613"/>
      <c r="HC704" s="613"/>
      <c r="HD704" s="613"/>
      <c r="HE704" s="613"/>
      <c r="HF704" s="613"/>
      <c r="HG704" s="613"/>
      <c r="HH704" s="613"/>
      <c r="HI704" s="613"/>
      <c r="HJ704" s="613"/>
      <c r="HK704" s="613"/>
      <c r="HL704" s="613"/>
      <c r="HM704" s="613"/>
      <c r="HN704" s="613"/>
      <c r="HO704" s="613"/>
      <c r="HP704" s="613"/>
      <c r="HQ704" s="613"/>
      <c r="HR704" s="613"/>
      <c r="HS704" s="613"/>
      <c r="HT704" s="613"/>
      <c r="HU704" s="613"/>
      <c r="HV704" s="613"/>
      <c r="HW704" s="613"/>
      <c r="HX704" s="613"/>
      <c r="HY704" s="613"/>
      <c r="HZ704" s="613"/>
      <c r="IA704" s="613"/>
      <c r="IB704" s="613"/>
      <c r="IC704" s="613"/>
      <c r="ID704" s="613"/>
      <c r="IE704" s="613"/>
      <c r="IF704" s="613"/>
      <c r="IG704" s="613"/>
      <c r="IH704" s="613"/>
      <c r="II704" s="613"/>
      <c r="IJ704" s="613"/>
      <c r="IK704" s="613"/>
      <c r="IL704" s="613"/>
      <c r="IM704" s="613"/>
      <c r="IN704" s="613"/>
      <c r="IO704" s="613"/>
      <c r="IP704" s="613"/>
      <c r="IQ704" s="613"/>
      <c r="IR704" s="613"/>
      <c r="IS704" s="613"/>
      <c r="IT704" s="613"/>
      <c r="IU704" s="613"/>
      <c r="IV704" s="613"/>
      <c r="IW704" s="613"/>
      <c r="IX704" s="613"/>
      <c r="IY704" s="613"/>
      <c r="IZ704" s="613"/>
      <c r="JA704" s="613"/>
      <c r="JB704" s="613"/>
      <c r="JC704" s="613"/>
      <c r="JD704" s="613"/>
      <c r="JE704" s="613"/>
      <c r="JF704" s="613"/>
      <c r="JG704" s="613"/>
      <c r="JH704" s="613"/>
      <c r="JI704" s="613"/>
      <c r="JJ704" s="613"/>
      <c r="JK704" s="613"/>
      <c r="JL704" s="613"/>
      <c r="JM704" s="613"/>
      <c r="JN704" s="613"/>
      <c r="JO704" s="613"/>
      <c r="JP704" s="613"/>
      <c r="JQ704" s="613"/>
      <c r="JR704" s="613"/>
      <c r="JS704" s="613"/>
      <c r="JT704" s="613"/>
      <c r="JU704" s="613"/>
      <c r="JV704" s="613"/>
      <c r="JW704" s="613"/>
      <c r="JX704" s="613"/>
      <c r="JY704" s="613"/>
      <c r="JZ704" s="613"/>
      <c r="KA704" s="613"/>
      <c r="KB704" s="613"/>
      <c r="KC704" s="613"/>
      <c r="KD704" s="613"/>
      <c r="KE704" s="613"/>
      <c r="KF704" s="613"/>
      <c r="KG704" s="613"/>
      <c r="KH704" s="613"/>
      <c r="KI704" s="613"/>
      <c r="KJ704" s="613"/>
      <c r="KK704" s="613"/>
      <c r="KL704" s="613"/>
      <c r="KM704" s="613"/>
      <c r="KN704" s="613"/>
      <c r="KO704" s="613"/>
      <c r="KP704" s="613"/>
      <c r="KQ704" s="613"/>
      <c r="KR704" s="613"/>
      <c r="KS704" s="613"/>
      <c r="KT704" s="613"/>
      <c r="KU704" s="613"/>
      <c r="KV704" s="613"/>
      <c r="KW704" s="613"/>
      <c r="KX704" s="613"/>
      <c r="KY704" s="613"/>
      <c r="KZ704" s="613"/>
      <c r="LA704" s="613"/>
      <c r="LB704" s="613"/>
      <c r="LC704" s="613"/>
      <c r="LD704" s="613"/>
      <c r="LE704" s="613"/>
      <c r="LF704" s="613"/>
      <c r="LG704" s="613"/>
      <c r="LH704" s="613"/>
      <c r="LI704" s="613"/>
      <c r="LJ704" s="613"/>
      <c r="LK704" s="613"/>
      <c r="LL704" s="613"/>
      <c r="LM704" s="613"/>
      <c r="LN704" s="613"/>
      <c r="LO704" s="613"/>
      <c r="LP704" s="613"/>
      <c r="LQ704" s="613"/>
      <c r="LR704" s="613"/>
      <c r="LS704" s="613"/>
      <c r="LT704" s="613"/>
      <c r="LU704" s="613"/>
      <c r="LV704" s="613"/>
      <c r="LW704" s="613"/>
      <c r="LX704" s="613"/>
      <c r="LY704" s="613"/>
      <c r="LZ704" s="613"/>
      <c r="MA704" s="613"/>
      <c r="MB704" s="613"/>
      <c r="MC704" s="613"/>
      <c r="MD704" s="613"/>
      <c r="ME704" s="613"/>
      <c r="MF704" s="613"/>
      <c r="MG704" s="613"/>
      <c r="MH704" s="613"/>
      <c r="MI704" s="613"/>
      <c r="MJ704" s="613"/>
      <c r="MK704" s="613"/>
      <c r="ML704" s="613"/>
      <c r="MM704" s="613"/>
      <c r="MN704" s="613"/>
      <c r="MO704" s="613"/>
      <c r="MP704" s="613"/>
      <c r="MQ704" s="613"/>
      <c r="MR704" s="613"/>
      <c r="MS704" s="613"/>
      <c r="MT704" s="613"/>
      <c r="MU704" s="613"/>
      <c r="MV704" s="613"/>
      <c r="MW704" s="613"/>
      <c r="MX704" s="613"/>
      <c r="MY704" s="613"/>
      <c r="MZ704" s="613"/>
      <c r="NA704" s="613"/>
      <c r="NB704" s="613"/>
      <c r="NC704" s="613"/>
      <c r="ND704" s="613"/>
      <c r="NE704" s="613"/>
      <c r="NF704" s="613"/>
      <c r="NG704" s="613"/>
      <c r="NH704" s="613"/>
      <c r="NI704" s="613"/>
      <c r="NJ704" s="613"/>
      <c r="NK704" s="613"/>
      <c r="NL704" s="613"/>
      <c r="NM704" s="613"/>
      <c r="NN704" s="613"/>
      <c r="NO704" s="613"/>
      <c r="NP704" s="613"/>
      <c r="NQ704" s="613"/>
      <c r="NR704" s="613"/>
      <c r="NS704" s="613"/>
      <c r="NT704" s="613"/>
      <c r="NU704" s="613"/>
      <c r="NV704" s="613"/>
      <c r="NW704" s="613"/>
      <c r="NX704" s="613"/>
      <c r="NY704" s="613"/>
      <c r="NZ704" s="613"/>
      <c r="OA704" s="613"/>
      <c r="OB704" s="613"/>
      <c r="OC704" s="613"/>
      <c r="OD704" s="613"/>
      <c r="OE704" s="613"/>
      <c r="OF704" s="613"/>
      <c r="OG704" s="613"/>
      <c r="OH704" s="613"/>
      <c r="OI704" s="613"/>
      <c r="OJ704" s="613"/>
      <c r="OK704" s="613"/>
      <c r="OL704" s="613"/>
      <c r="OM704" s="613"/>
      <c r="ON704" s="613"/>
      <c r="OO704" s="613"/>
      <c r="OP704" s="613"/>
      <c r="OQ704" s="613"/>
      <c r="OR704" s="613"/>
      <c r="OS704" s="613"/>
      <c r="OT704" s="613"/>
      <c r="OU704" s="613"/>
      <c r="OV704" s="613"/>
      <c r="OW704" s="613"/>
      <c r="OX704" s="613"/>
      <c r="OY704" s="613"/>
      <c r="OZ704" s="613"/>
      <c r="PA704" s="613"/>
      <c r="PB704" s="613"/>
      <c r="PC704" s="613"/>
      <c r="PD704" s="613"/>
      <c r="PE704" s="613"/>
      <c r="PF704" s="613"/>
      <c r="PG704" s="613"/>
      <c r="PH704" s="613"/>
      <c r="PI704" s="613"/>
      <c r="PJ704" s="613"/>
      <c r="PK704" s="613"/>
      <c r="PL704" s="613"/>
      <c r="PM704" s="613"/>
      <c r="PN704" s="613"/>
      <c r="PO704" s="613"/>
      <c r="PP704" s="613"/>
      <c r="PQ704" s="613"/>
      <c r="PR704" s="613"/>
      <c r="PS704" s="613"/>
      <c r="PT704" s="613"/>
      <c r="PU704" s="613"/>
      <c r="PV704" s="613"/>
      <c r="PW704" s="613"/>
      <c r="PX704" s="613"/>
      <c r="PY704" s="613"/>
      <c r="PZ704" s="613"/>
      <c r="QA704" s="613"/>
      <c r="QB704" s="613"/>
      <c r="QC704" s="613"/>
      <c r="QD704" s="613"/>
      <c r="QE704" s="613"/>
      <c r="QF704" s="613"/>
      <c r="QG704" s="613"/>
      <c r="QH704" s="613"/>
      <c r="QI704" s="613"/>
      <c r="QJ704" s="613"/>
      <c r="QK704" s="613"/>
      <c r="QL704" s="613"/>
      <c r="QM704" s="613"/>
      <c r="QN704" s="613"/>
      <c r="QO704" s="613"/>
      <c r="QP704" s="613"/>
      <c r="QQ704" s="613"/>
      <c r="QR704" s="613"/>
      <c r="QS704" s="613"/>
      <c r="QT704" s="613"/>
      <c r="QU704" s="613"/>
      <c r="QV704" s="613"/>
      <c r="QW704" s="613"/>
      <c r="QX704" s="613"/>
      <c r="QY704" s="613"/>
      <c r="QZ704" s="613"/>
      <c r="RA704" s="613"/>
      <c r="RB704" s="613"/>
      <c r="RC704" s="613"/>
      <c r="RD704" s="613"/>
      <c r="RE704" s="613"/>
      <c r="RF704" s="613"/>
      <c r="RG704" s="613"/>
      <c r="RH704" s="613"/>
      <c r="RI704" s="613"/>
      <c r="RJ704" s="613"/>
      <c r="RK704" s="613"/>
      <c r="RL704" s="613"/>
      <c r="RM704" s="613"/>
      <c r="RN704" s="613"/>
      <c r="RO704" s="613"/>
      <c r="RP704" s="613"/>
      <c r="RQ704" s="613"/>
      <c r="RR704" s="613"/>
      <c r="RS704" s="613"/>
      <c r="RT704" s="613"/>
      <c r="RU704" s="613"/>
      <c r="RV704" s="613"/>
      <c r="RW704" s="613"/>
      <c r="RX704" s="613"/>
      <c r="RY704" s="613"/>
      <c r="RZ704" s="613"/>
      <c r="SA704" s="613"/>
      <c r="SB704" s="613"/>
      <c r="SC704" s="613"/>
      <c r="SD704" s="613"/>
      <c r="SE704" s="613"/>
      <c r="SF704" s="613"/>
      <c r="SG704" s="613"/>
      <c r="SH704" s="613"/>
      <c r="SI704" s="613"/>
      <c r="SJ704" s="613"/>
      <c r="SK704" s="613"/>
      <c r="SL704" s="613"/>
      <c r="SM704" s="613"/>
      <c r="SN704" s="613"/>
      <c r="SO704" s="613"/>
      <c r="SP704" s="613"/>
      <c r="SQ704" s="613"/>
      <c r="SR704" s="613"/>
      <c r="SS704" s="613"/>
      <c r="ST704" s="613"/>
      <c r="SU704" s="613"/>
      <c r="SV704" s="613"/>
      <c r="SW704" s="613"/>
      <c r="SX704" s="613"/>
      <c r="SY704" s="613"/>
      <c r="SZ704" s="613"/>
      <c r="TA704" s="613"/>
      <c r="TB704" s="613"/>
      <c r="TC704" s="613"/>
      <c r="TD704" s="613"/>
      <c r="TE704" s="613"/>
      <c r="TF704" s="613"/>
      <c r="TG704" s="613"/>
      <c r="TH704" s="613"/>
      <c r="TI704" s="613"/>
      <c r="TJ704" s="613"/>
      <c r="TK704" s="613"/>
      <c r="TL704" s="613"/>
      <c r="TM704" s="613"/>
      <c r="TN704" s="613"/>
      <c r="TO704" s="613"/>
      <c r="TP704" s="613"/>
      <c r="TQ704" s="613"/>
      <c r="TR704" s="613"/>
      <c r="TS704" s="613"/>
      <c r="TT704" s="613"/>
      <c r="TU704" s="613"/>
      <c r="TV704" s="613"/>
      <c r="TW704" s="613"/>
      <c r="TX704" s="613"/>
      <c r="TY704" s="613"/>
      <c r="TZ704" s="613"/>
      <c r="UA704" s="613"/>
      <c r="UB704" s="613"/>
      <c r="UC704" s="613"/>
      <c r="UD704" s="613"/>
      <c r="UE704" s="613"/>
      <c r="UF704" s="613"/>
      <c r="UG704" s="613"/>
      <c r="UH704" s="613"/>
      <c r="UI704" s="613"/>
      <c r="UJ704" s="613"/>
      <c r="UK704" s="613"/>
      <c r="UL704" s="613"/>
      <c r="UM704" s="613"/>
      <c r="UN704" s="613"/>
      <c r="UO704" s="613"/>
      <c r="UP704" s="613"/>
      <c r="UQ704" s="613"/>
      <c r="UR704" s="613"/>
      <c r="US704" s="613"/>
      <c r="UT704" s="613"/>
      <c r="UU704" s="613"/>
      <c r="UV704" s="613"/>
      <c r="UW704" s="613"/>
      <c r="UX704" s="613"/>
      <c r="UY704" s="613"/>
      <c r="UZ704" s="613"/>
      <c r="VA704" s="613"/>
      <c r="VB704" s="613"/>
      <c r="VC704" s="613"/>
      <c r="VD704" s="613"/>
      <c r="VE704" s="613"/>
      <c r="VF704" s="613"/>
      <c r="VG704" s="613"/>
      <c r="VH704" s="613"/>
      <c r="VI704" s="613"/>
      <c r="VJ704" s="613"/>
      <c r="VK704" s="613"/>
      <c r="VL704" s="613"/>
      <c r="VM704" s="613"/>
      <c r="VN704" s="613"/>
      <c r="VO704" s="613"/>
      <c r="VP704" s="613"/>
      <c r="VQ704" s="613"/>
      <c r="VR704" s="613"/>
      <c r="VS704" s="613"/>
      <c r="VT704" s="613"/>
      <c r="VU704" s="613"/>
      <c r="VV704" s="613"/>
      <c r="VW704" s="613"/>
      <c r="VX704" s="613"/>
      <c r="VY704" s="613"/>
      <c r="VZ704" s="613"/>
      <c r="WA704" s="613"/>
      <c r="WB704" s="613"/>
      <c r="WC704" s="613"/>
      <c r="WD704" s="613"/>
      <c r="WE704" s="613"/>
      <c r="WF704" s="613"/>
      <c r="WG704" s="613"/>
      <c r="WH704" s="613"/>
      <c r="WI704" s="613"/>
      <c r="WJ704" s="613"/>
      <c r="WK704" s="613"/>
      <c r="WL704" s="613"/>
      <c r="WM704" s="613"/>
      <c r="WN704" s="613"/>
      <c r="WO704" s="613"/>
      <c r="WP704" s="613"/>
      <c r="WQ704" s="613"/>
      <c r="WR704" s="613"/>
      <c r="WS704" s="613"/>
      <c r="WT704" s="613"/>
      <c r="WU704" s="613"/>
      <c r="WV704" s="613"/>
      <c r="WW704" s="613"/>
      <c r="WX704" s="613"/>
      <c r="WY704" s="613"/>
      <c r="WZ704" s="613"/>
      <c r="XA704" s="613"/>
      <c r="XB704" s="613"/>
      <c r="XC704" s="613"/>
      <c r="XD704" s="613"/>
      <c r="XE704" s="613"/>
      <c r="XF704" s="613"/>
      <c r="XG704" s="613"/>
      <c r="XH704" s="613"/>
      <c r="XI704" s="613"/>
      <c r="XJ704" s="613"/>
      <c r="XK704" s="613"/>
      <c r="XL704" s="613"/>
      <c r="XM704" s="613"/>
      <c r="XN704" s="613"/>
      <c r="XO704" s="613"/>
      <c r="XP704" s="613"/>
      <c r="XQ704" s="613"/>
      <c r="XR704" s="613"/>
      <c r="XS704" s="613"/>
      <c r="XT704" s="613"/>
      <c r="XU704" s="613"/>
      <c r="XV704" s="613"/>
      <c r="XW704" s="613"/>
      <c r="XX704" s="613"/>
      <c r="XY704" s="613"/>
      <c r="XZ704" s="613"/>
      <c r="YA704" s="613"/>
      <c r="YB704" s="613"/>
      <c r="YC704" s="613"/>
      <c r="YD704" s="613"/>
      <c r="YE704" s="613"/>
      <c r="YF704" s="613"/>
      <c r="YG704" s="613"/>
      <c r="YH704" s="613"/>
      <c r="YI704" s="613"/>
      <c r="YJ704" s="613"/>
      <c r="YK704" s="613"/>
      <c r="YL704" s="613"/>
      <c r="YM704" s="613"/>
      <c r="YN704" s="613"/>
      <c r="YO704" s="613"/>
      <c r="YP704" s="613"/>
      <c r="YQ704" s="613"/>
      <c r="YR704" s="613"/>
      <c r="YS704" s="613"/>
      <c r="YT704" s="613"/>
      <c r="YU704" s="613"/>
      <c r="YV704" s="613"/>
      <c r="YW704" s="613"/>
      <c r="YX704" s="613"/>
      <c r="YY704" s="613"/>
      <c r="YZ704" s="613"/>
      <c r="ZA704" s="613"/>
      <c r="ZB704" s="613"/>
      <c r="ZC704" s="613"/>
      <c r="ZD704" s="613"/>
      <c r="ZE704" s="613"/>
      <c r="ZF704" s="613"/>
      <c r="ZG704" s="613"/>
      <c r="ZH704" s="613"/>
      <c r="ZI704" s="613"/>
      <c r="ZJ704" s="613"/>
      <c r="ZK704" s="613"/>
      <c r="ZL704" s="613"/>
      <c r="ZM704" s="613"/>
      <c r="ZN704" s="613"/>
      <c r="ZO704" s="613"/>
      <c r="ZP704" s="613"/>
      <c r="ZQ704" s="613"/>
      <c r="ZR704" s="613"/>
      <c r="ZS704" s="613"/>
      <c r="ZT704" s="613"/>
      <c r="ZU704" s="613"/>
      <c r="ZV704" s="613"/>
      <c r="ZW704" s="613"/>
      <c r="ZX704" s="613"/>
      <c r="ZY704" s="613"/>
      <c r="ZZ704" s="613"/>
      <c r="AAA704" s="613"/>
      <c r="AAB704" s="613"/>
      <c r="AAC704" s="613"/>
      <c r="AAD704" s="613"/>
      <c r="AAE704" s="613"/>
      <c r="AAF704" s="613"/>
      <c r="AAG704" s="613"/>
      <c r="AAH704" s="613"/>
      <c r="AAI704" s="613"/>
      <c r="AAJ704" s="613"/>
      <c r="AAK704" s="613"/>
      <c r="AAL704" s="613"/>
      <c r="AAM704" s="613"/>
      <c r="AAN704" s="613"/>
      <c r="AAO704" s="613"/>
      <c r="AAP704" s="613"/>
      <c r="AAQ704" s="613"/>
      <c r="AAR704" s="613"/>
      <c r="AAS704" s="613"/>
      <c r="AAT704" s="613"/>
      <c r="AAU704" s="613"/>
      <c r="AAV704" s="613"/>
      <c r="AAW704" s="613"/>
      <c r="AAX704" s="613"/>
      <c r="AAY704" s="613"/>
      <c r="AAZ704" s="613"/>
      <c r="ABA704" s="613"/>
      <c r="ABB704" s="613"/>
      <c r="ABC704" s="613"/>
      <c r="ABD704" s="613"/>
      <c r="ABE704" s="613"/>
      <c r="ABF704" s="613"/>
      <c r="ABG704" s="613"/>
      <c r="ABH704" s="613"/>
      <c r="ABI704" s="613"/>
      <c r="ABJ704" s="613"/>
      <c r="ABK704" s="613"/>
      <c r="ABL704" s="613"/>
      <c r="ABM704" s="613"/>
      <c r="ABN704" s="613"/>
      <c r="ABO704" s="613"/>
      <c r="ABP704" s="613"/>
      <c r="ABQ704" s="613"/>
      <c r="ABR704" s="613"/>
      <c r="ABS704" s="613"/>
      <c r="ABT704" s="613"/>
      <c r="ABU704" s="613"/>
      <c r="ABV704" s="613"/>
      <c r="ABW704" s="613"/>
      <c r="ABX704" s="613"/>
      <c r="ABY704" s="613"/>
      <c r="ABZ704" s="613"/>
      <c r="ACA704" s="613"/>
      <c r="ACB704" s="613"/>
      <c r="ACC704" s="613"/>
      <c r="ACD704" s="613"/>
      <c r="ACE704" s="613"/>
      <c r="ACF704" s="613"/>
      <c r="ACG704" s="613"/>
      <c r="ACH704" s="613"/>
      <c r="ACI704" s="613"/>
      <c r="ACJ704" s="613"/>
      <c r="ACK704" s="613"/>
      <c r="ACL704" s="613"/>
      <c r="ACM704" s="613"/>
      <c r="ACN704" s="613"/>
      <c r="ACO704" s="613"/>
      <c r="ACP704" s="613"/>
      <c r="ACQ704" s="613"/>
      <c r="ACR704" s="613"/>
      <c r="ACS704" s="613"/>
      <c r="ACT704" s="613"/>
      <c r="ACU704" s="613"/>
      <c r="ACV704" s="613"/>
      <c r="ACW704" s="613"/>
      <c r="ACX704" s="613"/>
      <c r="ACY704" s="613"/>
      <c r="ACZ704" s="613"/>
      <c r="ADA704" s="613"/>
      <c r="ADB704" s="613"/>
      <c r="ADC704" s="613"/>
      <c r="ADD704" s="613"/>
      <c r="ADE704" s="613"/>
      <c r="ADF704" s="613"/>
      <c r="ADG704" s="613"/>
      <c r="ADH704" s="613"/>
      <c r="ADI704" s="613"/>
      <c r="ADJ704" s="613"/>
      <c r="ADK704" s="613"/>
      <c r="ADL704" s="613"/>
      <c r="ADM704" s="613"/>
      <c r="ADN704" s="613"/>
      <c r="ADO704" s="613"/>
      <c r="ADP704" s="613"/>
      <c r="ADQ704" s="613"/>
      <c r="ADR704" s="613"/>
      <c r="ADS704" s="613"/>
      <c r="ADT704" s="613"/>
      <c r="ADU704" s="613"/>
      <c r="ADV704" s="613"/>
      <c r="ADW704" s="613"/>
      <c r="ADX704" s="613"/>
      <c r="ADY704" s="613"/>
      <c r="ADZ704" s="613"/>
      <c r="AEA704" s="613"/>
      <c r="AEB704" s="613"/>
      <c r="AEC704" s="613"/>
      <c r="AED704" s="613"/>
      <c r="AEE704" s="613"/>
      <c r="AEF704" s="613"/>
      <c r="AEG704" s="613"/>
      <c r="AEH704" s="613"/>
      <c r="AEI704" s="613"/>
      <c r="AEJ704" s="613"/>
      <c r="AEK704" s="613"/>
      <c r="AEL704" s="613"/>
      <c r="AEM704" s="613"/>
      <c r="AEN704" s="613"/>
      <c r="AEO704" s="613"/>
      <c r="AEP704" s="613"/>
      <c r="AEQ704" s="613"/>
      <c r="AER704" s="613"/>
      <c r="AES704" s="613"/>
      <c r="AET704" s="613"/>
      <c r="AEU704" s="613"/>
      <c r="AEV704" s="613"/>
      <c r="AEW704" s="613"/>
      <c r="AEX704" s="613"/>
      <c r="AEY704" s="613"/>
      <c r="AEZ704" s="613"/>
      <c r="AFA704" s="613"/>
      <c r="AFB704" s="613"/>
      <c r="AFC704" s="613"/>
      <c r="AFD704" s="613"/>
      <c r="AFE704" s="613"/>
      <c r="AFF704" s="613"/>
      <c r="AFG704" s="613"/>
      <c r="AFH704" s="613"/>
      <c r="AFI704" s="613"/>
      <c r="AFJ704" s="613"/>
      <c r="AFK704" s="613"/>
      <c r="AFL704" s="613"/>
      <c r="AFM704" s="613"/>
      <c r="AFN704" s="613"/>
      <c r="AFO704" s="613"/>
      <c r="AFP704" s="613"/>
      <c r="AFQ704" s="613"/>
      <c r="AFR704" s="613"/>
      <c r="AFS704" s="613"/>
      <c r="AFT704" s="613"/>
      <c r="AFU704" s="613"/>
      <c r="AFV704" s="613"/>
      <c r="AFW704" s="613"/>
      <c r="AFX704" s="613"/>
      <c r="AFY704" s="613"/>
      <c r="AFZ704" s="613"/>
      <c r="AGA704" s="613"/>
      <c r="AGB704" s="613"/>
      <c r="AGC704" s="613"/>
      <c r="AGD704" s="613"/>
      <c r="AGE704" s="613"/>
      <c r="AGF704" s="613"/>
      <c r="AGG704" s="613"/>
      <c r="AGH704" s="613"/>
      <c r="AGI704" s="613"/>
      <c r="AGJ704" s="613"/>
      <c r="AGK704" s="613"/>
      <c r="AGL704" s="613"/>
      <c r="AGM704" s="613"/>
      <c r="AGN704" s="613"/>
      <c r="AGO704" s="613"/>
      <c r="AGP704" s="613"/>
      <c r="AGQ704" s="613"/>
      <c r="AGR704" s="613"/>
      <c r="AGS704" s="613"/>
      <c r="AGT704" s="613"/>
      <c r="AGU704" s="613"/>
      <c r="AGV704" s="613"/>
      <c r="AGW704" s="613"/>
      <c r="AGX704" s="613"/>
      <c r="AGY704" s="613"/>
      <c r="AGZ704" s="613"/>
      <c r="AHA704" s="613"/>
      <c r="AHB704" s="613"/>
      <c r="AHC704" s="613"/>
      <c r="AHD704" s="613"/>
      <c r="AHE704" s="613"/>
      <c r="AHF704" s="613"/>
      <c r="AHG704" s="613"/>
      <c r="AHH704" s="613"/>
      <c r="AHI704" s="613"/>
      <c r="AHJ704" s="613"/>
      <c r="AHK704" s="613"/>
      <c r="AHL704" s="613"/>
      <c r="AHM704" s="613"/>
      <c r="AHN704" s="613"/>
      <c r="AHO704" s="613"/>
      <c r="AHP704" s="613"/>
      <c r="AHQ704" s="613"/>
      <c r="AHR704" s="613"/>
      <c r="AHS704" s="613"/>
      <c r="AHT704" s="613"/>
      <c r="AHU704" s="613"/>
      <c r="AHV704" s="613"/>
      <c r="AHW704" s="613"/>
      <c r="AHX704" s="613"/>
      <c r="AHY704" s="613"/>
      <c r="AHZ704" s="613"/>
      <c r="AIA704" s="613"/>
      <c r="AIB704" s="613"/>
      <c r="AIC704" s="613"/>
      <c r="AID704" s="613"/>
      <c r="AIE704" s="613"/>
      <c r="AIF704" s="613"/>
      <c r="AIG704" s="613"/>
      <c r="AIH704" s="613"/>
      <c r="AII704" s="613"/>
      <c r="AIJ704" s="613"/>
      <c r="AIK704" s="613"/>
      <c r="AIL704" s="613"/>
      <c r="AIM704" s="613"/>
      <c r="AIN704" s="613"/>
      <c r="AIO704" s="613"/>
      <c r="AIP704" s="613"/>
      <c r="AIQ704" s="613"/>
      <c r="AIR704" s="613"/>
      <c r="AIS704" s="613"/>
      <c r="AIT704" s="613"/>
      <c r="AIU704" s="613"/>
      <c r="AIV704" s="613"/>
      <c r="AIW704" s="613"/>
      <c r="AIX704" s="613"/>
      <c r="AIY704" s="613"/>
      <c r="AIZ704" s="613"/>
      <c r="AJA704" s="613"/>
      <c r="AJB704" s="613"/>
      <c r="AJC704" s="613"/>
      <c r="AJD704" s="613"/>
      <c r="AJE704" s="613"/>
      <c r="AJF704" s="613"/>
      <c r="AJG704" s="613"/>
      <c r="AJH704" s="613"/>
      <c r="AJI704" s="613"/>
      <c r="AJJ704" s="613"/>
      <c r="AJK704" s="613"/>
      <c r="AJL704" s="613"/>
      <c r="AJM704" s="613"/>
      <c r="AJN704" s="613"/>
      <c r="AJO704" s="613"/>
      <c r="AJP704" s="613"/>
      <c r="AJQ704" s="613"/>
      <c r="AJR704" s="613"/>
      <c r="AJS704" s="613"/>
      <c r="AJT704" s="613"/>
      <c r="AJU704" s="613"/>
      <c r="AJV704" s="613"/>
      <c r="AJW704" s="613"/>
      <c r="AJX704" s="613"/>
      <c r="AJY704" s="613"/>
      <c r="AJZ704" s="613"/>
      <c r="AKA704" s="613"/>
      <c r="AKB704" s="613"/>
      <c r="AKC704" s="613"/>
      <c r="AKD704" s="613"/>
      <c r="AKE704" s="613"/>
      <c r="AKF704" s="613"/>
      <c r="AKG704" s="613"/>
      <c r="AKH704" s="613"/>
      <c r="AKI704" s="613"/>
      <c r="AKJ704" s="613"/>
      <c r="AKK704" s="613"/>
      <c r="AKL704" s="613"/>
      <c r="AKM704" s="613"/>
      <c r="AKN704" s="613"/>
      <c r="AKO704" s="613"/>
      <c r="AKP704" s="613"/>
      <c r="AKQ704" s="613"/>
      <c r="AKR704" s="613"/>
      <c r="AKS704" s="613"/>
      <c r="AKT704" s="613"/>
      <c r="AKU704" s="613"/>
      <c r="AKV704" s="613"/>
      <c r="AKW704" s="613"/>
      <c r="AKX704" s="613"/>
      <c r="AKY704" s="613"/>
      <c r="AKZ704" s="613"/>
      <c r="ALA704" s="613"/>
      <c r="ALB704" s="613"/>
      <c r="ALC704" s="613"/>
      <c r="ALD704" s="613"/>
      <c r="ALE704" s="613"/>
      <c r="ALF704" s="613"/>
      <c r="ALG704" s="613"/>
      <c r="ALH704" s="613"/>
      <c r="ALI704" s="613"/>
      <c r="ALJ704" s="613"/>
      <c r="ALK704" s="613"/>
      <c r="ALL704" s="613"/>
      <c r="ALM704" s="613"/>
      <c r="ALN704" s="613"/>
      <c r="ALO704" s="613"/>
      <c r="ALP704" s="613"/>
      <c r="ALQ704" s="613"/>
      <c r="ALR704" s="613"/>
      <c r="ALS704" s="613"/>
      <c r="ALT704" s="613"/>
      <c r="ALU704" s="613"/>
      <c r="ALV704" s="613"/>
      <c r="ALW704" s="613"/>
      <c r="ALX704" s="613"/>
      <c r="ALY704" s="613"/>
      <c r="ALZ704" s="613"/>
      <c r="AMA704" s="613"/>
      <c r="AMB704" s="613"/>
      <c r="AMC704" s="613"/>
      <c r="AMD704" s="613"/>
      <c r="AME704" s="613"/>
      <c r="AMF704" s="613"/>
      <c r="AMG704" s="613"/>
      <c r="AMH704" s="613"/>
      <c r="AMI704" s="613"/>
      <c r="AMJ704" s="613"/>
      <c r="AMK704" s="613"/>
      <c r="AML704" s="613"/>
      <c r="AMM704" s="613"/>
      <c r="AMN704" s="613"/>
      <c r="AMO704" s="613"/>
      <c r="AMP704" s="613"/>
      <c r="AMQ704" s="613"/>
      <c r="AMR704" s="613"/>
      <c r="AMS704" s="613"/>
      <c r="AMT704" s="613"/>
      <c r="AMU704" s="613"/>
      <c r="AMV704" s="613"/>
      <c r="AMW704" s="613"/>
      <c r="AMX704" s="613"/>
      <c r="AMY704" s="613"/>
      <c r="AMZ704" s="613"/>
      <c r="ANA704" s="613"/>
      <c r="ANB704" s="613"/>
      <c r="ANC704" s="613"/>
      <c r="AND704" s="613"/>
      <c r="ANE704" s="613"/>
      <c r="ANF704" s="613"/>
      <c r="ANG704" s="613"/>
      <c r="ANH704" s="613"/>
      <c r="ANI704" s="613"/>
      <c r="ANJ704" s="613"/>
      <c r="ANK704" s="613"/>
      <c r="ANL704" s="613"/>
      <c r="ANM704" s="613"/>
      <c r="ANN704" s="613"/>
      <c r="ANO704" s="613"/>
      <c r="ANP704" s="613"/>
      <c r="ANQ704" s="613"/>
      <c r="ANR704" s="613"/>
      <c r="ANS704" s="613"/>
      <c r="ANT704" s="613"/>
      <c r="ANU704" s="613"/>
      <c r="ANV704" s="613"/>
      <c r="ANW704" s="613"/>
      <c r="ANX704" s="613"/>
      <c r="ANY704" s="613"/>
      <c r="ANZ704" s="613"/>
      <c r="AOA704" s="613"/>
      <c r="AOB704" s="613"/>
      <c r="AOC704" s="613"/>
      <c r="AOD704" s="613"/>
      <c r="AOE704" s="613"/>
      <c r="AOF704" s="613"/>
      <c r="AOG704" s="613"/>
      <c r="AOH704" s="613"/>
      <c r="AOI704" s="613"/>
      <c r="AOJ704" s="613"/>
      <c r="AOK704" s="613"/>
      <c r="AOL704" s="613"/>
      <c r="AOM704" s="613"/>
      <c r="AON704" s="613"/>
      <c r="AOO704" s="613"/>
      <c r="AOP704" s="613"/>
      <c r="AOQ704" s="613"/>
      <c r="AOR704" s="613"/>
      <c r="AOS704" s="613"/>
      <c r="AOT704" s="613"/>
      <c r="AOU704" s="613"/>
      <c r="AOV704" s="613"/>
      <c r="AOW704" s="613"/>
      <c r="AOX704" s="613"/>
      <c r="AOY704" s="613"/>
      <c r="AOZ704" s="613"/>
      <c r="APA704" s="613"/>
      <c r="APB704" s="613"/>
      <c r="APC704" s="613"/>
      <c r="APD704" s="613"/>
      <c r="APE704" s="613"/>
      <c r="APF704" s="613"/>
      <c r="APG704" s="613"/>
      <c r="APH704" s="613"/>
      <c r="API704" s="613"/>
      <c r="APJ704" s="613"/>
      <c r="APK704" s="613"/>
      <c r="APL704" s="613"/>
      <c r="APM704" s="613"/>
      <c r="APN704" s="613"/>
      <c r="APO704" s="613"/>
      <c r="APP704" s="613"/>
      <c r="APQ704" s="613"/>
      <c r="APR704" s="613"/>
      <c r="APS704" s="613"/>
      <c r="APT704" s="613"/>
      <c r="APU704" s="613"/>
      <c r="APV704" s="613"/>
      <c r="APW704" s="613"/>
      <c r="APX704" s="613"/>
      <c r="APY704" s="613"/>
      <c r="APZ704" s="613"/>
      <c r="AQA704" s="613"/>
      <c r="AQB704" s="613"/>
      <c r="AQC704" s="613"/>
      <c r="AQD704" s="613"/>
      <c r="AQE704" s="613"/>
      <c r="AQF704" s="613"/>
      <c r="AQG704" s="613"/>
      <c r="AQH704" s="613"/>
      <c r="AQI704" s="613"/>
      <c r="AQJ704" s="613"/>
      <c r="AQK704" s="613"/>
      <c r="AQL704" s="613"/>
      <c r="AQM704" s="613"/>
      <c r="AQN704" s="613"/>
      <c r="AQO704" s="613"/>
      <c r="AQP704" s="613"/>
      <c r="AQQ704" s="613"/>
      <c r="AQR704" s="613"/>
      <c r="AQS704" s="613"/>
      <c r="AQT704" s="613"/>
      <c r="AQU704" s="613"/>
      <c r="AQV704" s="613"/>
      <c r="AQW704" s="613"/>
      <c r="AQX704" s="613"/>
      <c r="AQY704" s="613"/>
      <c r="AQZ704" s="613"/>
      <c r="ARA704" s="613"/>
      <c r="ARB704" s="613"/>
      <c r="ARC704" s="613"/>
      <c r="ARD704" s="613"/>
      <c r="ARE704" s="613"/>
      <c r="ARF704" s="613"/>
      <c r="ARG704" s="613"/>
      <c r="ARH704" s="613"/>
      <c r="ARI704" s="613"/>
      <c r="ARJ704" s="613"/>
      <c r="ARK704" s="613"/>
      <c r="ARL704" s="613"/>
      <c r="ARM704" s="613"/>
      <c r="ARN704" s="613"/>
      <c r="ARO704" s="613"/>
      <c r="ARP704" s="613"/>
      <c r="ARQ704" s="613"/>
      <c r="ARR704" s="613"/>
      <c r="ARS704" s="613"/>
      <c r="ART704" s="613"/>
      <c r="ARU704" s="613"/>
      <c r="ARV704" s="613"/>
      <c r="ARW704" s="613"/>
      <c r="ARX704" s="613"/>
      <c r="ARY704" s="613"/>
      <c r="ARZ704" s="613"/>
      <c r="ASA704" s="613"/>
      <c r="ASB704" s="613"/>
      <c r="ASC704" s="613"/>
      <c r="ASD704" s="613"/>
      <c r="ASE704" s="613"/>
      <c r="ASF704" s="613"/>
      <c r="ASG704" s="613"/>
      <c r="ASH704" s="613"/>
      <c r="ASI704" s="613"/>
      <c r="ASJ704" s="613"/>
      <c r="ASK704" s="613"/>
      <c r="ASL704" s="613"/>
      <c r="ASM704" s="613"/>
      <c r="ASN704" s="613"/>
      <c r="ASO704" s="613"/>
      <c r="ASP704" s="613"/>
      <c r="ASQ704" s="613"/>
      <c r="ASR704" s="613"/>
      <c r="ASS704" s="613"/>
      <c r="AST704" s="613"/>
      <c r="ASU704" s="613"/>
      <c r="ASV704" s="613"/>
      <c r="ASW704" s="613"/>
      <c r="ASX704" s="613"/>
      <c r="ASY704" s="613"/>
      <c r="ASZ704" s="613"/>
      <c r="ATA704" s="613"/>
      <c r="ATB704" s="613"/>
      <c r="ATC704" s="613"/>
      <c r="ATD704" s="613"/>
      <c r="ATE704" s="613"/>
      <c r="ATF704" s="613"/>
      <c r="ATG704" s="613"/>
      <c r="ATH704" s="613"/>
      <c r="ATI704" s="613"/>
      <c r="ATJ704" s="613"/>
      <c r="ATK704" s="613"/>
      <c r="ATL704" s="613"/>
      <c r="ATM704" s="613"/>
      <c r="ATN704" s="613"/>
      <c r="ATO704" s="613"/>
      <c r="ATP704" s="613"/>
      <c r="ATQ704" s="613"/>
      <c r="ATR704" s="613"/>
      <c r="ATS704" s="613"/>
      <c r="ATT704" s="613"/>
      <c r="ATU704" s="613"/>
      <c r="ATV704" s="613"/>
      <c r="ATW704" s="613"/>
      <c r="ATX704" s="613"/>
      <c r="ATY704" s="613"/>
      <c r="ATZ704" s="613"/>
      <c r="AUA704" s="613"/>
      <c r="AUB704" s="613"/>
      <c r="AUC704" s="613"/>
      <c r="AUD704" s="613"/>
      <c r="AUE704" s="613"/>
      <c r="AUF704" s="613"/>
      <c r="AUG704" s="613"/>
      <c r="AUH704" s="613"/>
      <c r="AUI704" s="613"/>
      <c r="AUJ704" s="613"/>
      <c r="AUK704" s="613"/>
      <c r="AUL704" s="613"/>
      <c r="AUM704" s="613"/>
      <c r="AUN704" s="613"/>
      <c r="AUO704" s="613"/>
      <c r="AUP704" s="613"/>
      <c r="AUQ704" s="613"/>
      <c r="AUR704" s="613"/>
      <c r="AUS704" s="613"/>
      <c r="AUT704" s="613"/>
      <c r="AUU704" s="613"/>
      <c r="AUV704" s="613"/>
      <c r="AUW704" s="613"/>
      <c r="AUX704" s="613"/>
      <c r="AUY704" s="613"/>
      <c r="AUZ704" s="613"/>
      <c r="AVA704" s="613"/>
      <c r="AVB704" s="613"/>
      <c r="AVC704" s="613"/>
      <c r="AVD704" s="613"/>
      <c r="AVE704" s="613"/>
      <c r="AVF704" s="613"/>
      <c r="AVG704" s="613"/>
      <c r="AVH704" s="613"/>
      <c r="AVI704" s="613"/>
      <c r="AVJ704" s="613"/>
      <c r="AVK704" s="613"/>
      <c r="AVL704" s="613"/>
      <c r="AVM704" s="613"/>
      <c r="AVN704" s="613"/>
      <c r="AVO704" s="613"/>
      <c r="AVP704" s="613"/>
      <c r="AVQ704" s="613"/>
      <c r="AVR704" s="613"/>
      <c r="AVS704" s="613"/>
      <c r="AVT704" s="613"/>
      <c r="AVU704" s="613"/>
      <c r="AVV704" s="613"/>
      <c r="AVW704" s="613"/>
      <c r="AVX704" s="613"/>
      <c r="AVY704" s="613"/>
      <c r="AVZ704" s="613"/>
      <c r="AWA704" s="613"/>
      <c r="AWB704" s="613"/>
      <c r="AWC704" s="613"/>
      <c r="AWD704" s="613"/>
      <c r="AWE704" s="613"/>
      <c r="AWF704" s="613"/>
      <c r="AWG704" s="613"/>
      <c r="AWH704" s="613"/>
      <c r="AWI704" s="613"/>
      <c r="AWJ704" s="613"/>
      <c r="AWK704" s="613"/>
      <c r="AWL704" s="613"/>
      <c r="AWM704" s="613"/>
      <c r="AWN704" s="613"/>
      <c r="AWO704" s="613"/>
      <c r="AWP704" s="613"/>
      <c r="AWQ704" s="613"/>
      <c r="AWR704" s="613"/>
      <c r="AWS704" s="613"/>
      <c r="AWT704" s="613"/>
      <c r="AWU704" s="613"/>
      <c r="AWV704" s="613"/>
      <c r="AWW704" s="613"/>
      <c r="AWX704" s="613"/>
      <c r="AWY704" s="613"/>
      <c r="AWZ704" s="613"/>
      <c r="AXA704" s="613"/>
      <c r="AXB704" s="613"/>
      <c r="AXC704" s="613"/>
      <c r="AXD704" s="613"/>
      <c r="AXE704" s="613"/>
      <c r="AXF704" s="613"/>
      <c r="AXG704" s="613"/>
      <c r="AXH704" s="613"/>
      <c r="AXI704" s="613"/>
      <c r="AXJ704" s="613"/>
      <c r="AXK704" s="613"/>
      <c r="AXL704" s="613"/>
      <c r="AXM704" s="613"/>
      <c r="AXN704" s="613"/>
      <c r="AXO704" s="613"/>
      <c r="AXP704" s="613"/>
      <c r="AXQ704" s="613"/>
      <c r="AXR704" s="613"/>
      <c r="AXS704" s="613"/>
      <c r="AXT704" s="613"/>
      <c r="AXU704" s="613"/>
      <c r="AXV704" s="613"/>
      <c r="AXW704" s="613"/>
      <c r="AXX704" s="613"/>
      <c r="AXY704" s="613"/>
      <c r="AXZ704" s="613"/>
      <c r="AYA704" s="613"/>
      <c r="AYB704" s="613"/>
      <c r="AYC704" s="613"/>
      <c r="AYD704" s="613"/>
      <c r="AYE704" s="613"/>
      <c r="AYF704" s="613"/>
      <c r="AYG704" s="613"/>
      <c r="AYH704" s="613"/>
      <c r="AYI704" s="613"/>
      <c r="AYJ704" s="613"/>
      <c r="AYK704" s="613"/>
      <c r="AYL704" s="613"/>
      <c r="AYM704" s="613"/>
      <c r="AYN704" s="613"/>
      <c r="AYO704" s="613"/>
      <c r="AYP704" s="613"/>
      <c r="AYQ704" s="613"/>
      <c r="AYR704" s="613"/>
      <c r="AYS704" s="613"/>
      <c r="AYT704" s="613"/>
      <c r="AYU704" s="613"/>
      <c r="AYV704" s="613"/>
      <c r="AYW704" s="613"/>
      <c r="AYX704" s="613"/>
      <c r="AYY704" s="613"/>
      <c r="AYZ704" s="613"/>
      <c r="AZA704" s="613"/>
      <c r="AZB704" s="613"/>
      <c r="AZC704" s="613"/>
      <c r="AZD704" s="613"/>
      <c r="AZE704" s="613"/>
      <c r="AZF704" s="613"/>
      <c r="AZG704" s="613"/>
      <c r="AZH704" s="613"/>
      <c r="AZI704" s="613"/>
      <c r="AZJ704" s="613"/>
      <c r="AZK704" s="613"/>
      <c r="AZL704" s="613"/>
      <c r="AZM704" s="613"/>
      <c r="AZN704" s="613"/>
      <c r="AZO704" s="613"/>
      <c r="AZP704" s="613"/>
      <c r="AZQ704" s="613"/>
      <c r="AZR704" s="613"/>
      <c r="AZS704" s="613"/>
      <c r="AZT704" s="613"/>
      <c r="AZU704" s="613"/>
      <c r="AZV704" s="613"/>
      <c r="AZW704" s="613"/>
      <c r="AZX704" s="613"/>
      <c r="AZY704" s="613"/>
      <c r="AZZ704" s="613"/>
      <c r="BAA704" s="613"/>
      <c r="BAB704" s="613"/>
      <c r="BAC704" s="613"/>
      <c r="BAD704" s="613"/>
      <c r="BAE704" s="613"/>
      <c r="BAF704" s="613"/>
      <c r="BAG704" s="613"/>
      <c r="BAH704" s="613"/>
      <c r="BAI704" s="613"/>
      <c r="BAJ704" s="613"/>
      <c r="BAK704" s="613"/>
      <c r="BAL704" s="613"/>
      <c r="BAM704" s="613"/>
      <c r="BAN704" s="613"/>
      <c r="BAO704" s="613"/>
      <c r="BAP704" s="613"/>
      <c r="BAQ704" s="613"/>
      <c r="BAR704" s="613"/>
      <c r="BAS704" s="613"/>
      <c r="BAT704" s="613"/>
      <c r="BAU704" s="613"/>
      <c r="BAV704" s="613"/>
      <c r="BAW704" s="613"/>
      <c r="BAX704" s="613"/>
      <c r="BAY704" s="613"/>
      <c r="BAZ704" s="613"/>
      <c r="BBA704" s="613"/>
      <c r="BBB704" s="613"/>
      <c r="BBC704" s="613"/>
      <c r="BBD704" s="613"/>
      <c r="BBE704" s="613"/>
      <c r="BBF704" s="613"/>
      <c r="BBG704" s="613"/>
      <c r="BBH704" s="613"/>
      <c r="BBI704" s="613"/>
      <c r="BBJ704" s="613"/>
      <c r="BBK704" s="613"/>
      <c r="BBL704" s="613"/>
      <c r="BBM704" s="613"/>
      <c r="BBN704" s="613"/>
      <c r="BBO704" s="613"/>
      <c r="BBP704" s="613"/>
      <c r="BBQ704" s="613"/>
      <c r="BBR704" s="613"/>
      <c r="BBS704" s="613"/>
      <c r="BBT704" s="613"/>
      <c r="BBU704" s="613"/>
      <c r="BBV704" s="613"/>
      <c r="BBW704" s="613"/>
      <c r="BBX704" s="613"/>
      <c r="BBY704" s="613"/>
      <c r="BBZ704" s="613"/>
      <c r="BCA704" s="613"/>
      <c r="BCB704" s="613"/>
      <c r="BCC704" s="613"/>
      <c r="BCD704" s="613"/>
      <c r="BCE704" s="613"/>
      <c r="BCF704" s="613"/>
      <c r="BCG704" s="613"/>
      <c r="BCH704" s="613"/>
      <c r="BCI704" s="613"/>
      <c r="BCJ704" s="613"/>
      <c r="BCK704" s="613"/>
      <c r="BCL704" s="613"/>
      <c r="BCM704" s="613"/>
      <c r="BCN704" s="613"/>
      <c r="BCO704" s="613"/>
      <c r="BCP704" s="613"/>
      <c r="BCQ704" s="613"/>
      <c r="BCR704" s="613"/>
      <c r="BCS704" s="613"/>
      <c r="BCT704" s="613"/>
      <c r="BCU704" s="613"/>
      <c r="BCV704" s="613"/>
      <c r="BCW704" s="613"/>
      <c r="BCX704" s="613"/>
      <c r="BCY704" s="613"/>
      <c r="BCZ704" s="613"/>
      <c r="BDA704" s="613"/>
      <c r="BDB704" s="613"/>
      <c r="BDC704" s="613"/>
      <c r="BDD704" s="613"/>
      <c r="BDE704" s="613"/>
      <c r="BDF704" s="613"/>
      <c r="BDG704" s="613"/>
      <c r="BDH704" s="613"/>
      <c r="BDI704" s="613"/>
      <c r="BDJ704" s="613"/>
      <c r="BDK704" s="613"/>
      <c r="BDL704" s="613"/>
      <c r="BDM704" s="613"/>
      <c r="BDN704" s="613"/>
      <c r="BDO704" s="613"/>
      <c r="BDP704" s="613"/>
      <c r="BDQ704" s="613"/>
      <c r="BDR704" s="613"/>
      <c r="BDS704" s="613"/>
      <c r="BDT704" s="613"/>
      <c r="BDU704" s="613"/>
      <c r="BDV704" s="613"/>
      <c r="BDW704" s="613"/>
      <c r="BDX704" s="613"/>
      <c r="BDY704" s="613"/>
      <c r="BDZ704" s="613"/>
      <c r="BEA704" s="613"/>
      <c r="BEB704" s="613"/>
      <c r="BEC704" s="613"/>
      <c r="BED704" s="613"/>
      <c r="BEE704" s="613"/>
      <c r="BEF704" s="613"/>
      <c r="BEG704" s="613"/>
      <c r="BEH704" s="613"/>
      <c r="BEI704" s="613"/>
      <c r="BEJ704" s="613"/>
      <c r="BEK704" s="613"/>
      <c r="BEL704" s="613"/>
      <c r="BEM704" s="613"/>
      <c r="BEN704" s="613"/>
      <c r="BEO704" s="613"/>
      <c r="BEP704" s="613"/>
      <c r="BEQ704" s="613"/>
      <c r="BER704" s="613"/>
      <c r="BES704" s="613"/>
      <c r="BET704" s="613"/>
      <c r="BEU704" s="613"/>
      <c r="BEV704" s="613"/>
      <c r="BEW704" s="613"/>
      <c r="BEX704" s="613"/>
      <c r="BEY704" s="613"/>
      <c r="BEZ704" s="613"/>
      <c r="BFA704" s="613"/>
      <c r="BFB704" s="613"/>
      <c r="BFC704" s="613"/>
      <c r="BFD704" s="613"/>
      <c r="BFE704" s="613"/>
      <c r="BFF704" s="613"/>
      <c r="BFG704" s="613"/>
      <c r="BFH704" s="613"/>
      <c r="BFI704" s="613"/>
      <c r="BFJ704" s="613"/>
      <c r="BFK704" s="613"/>
      <c r="BFL704" s="613"/>
      <c r="BFM704" s="613"/>
      <c r="BFN704" s="613"/>
      <c r="BFO704" s="613"/>
      <c r="BFP704" s="613"/>
      <c r="BFQ704" s="613"/>
      <c r="BFR704" s="613"/>
      <c r="BFS704" s="613"/>
      <c r="BFT704" s="613"/>
      <c r="BFU704" s="613"/>
      <c r="BFV704" s="613"/>
      <c r="BFW704" s="613"/>
      <c r="BFX704" s="613"/>
      <c r="BFY704" s="613"/>
      <c r="BFZ704" s="613"/>
      <c r="BGA704" s="613"/>
      <c r="BGB704" s="613"/>
      <c r="BGC704" s="613"/>
      <c r="BGD704" s="613"/>
      <c r="BGE704" s="613"/>
      <c r="BGF704" s="613"/>
      <c r="BGG704" s="613"/>
      <c r="BGH704" s="613"/>
      <c r="BGI704" s="613"/>
      <c r="BGJ704" s="613"/>
      <c r="BGK704" s="613"/>
      <c r="BGL704" s="613"/>
      <c r="BGM704" s="613"/>
      <c r="BGN704" s="613"/>
      <c r="BGO704" s="613"/>
      <c r="BGP704" s="613"/>
      <c r="BGQ704" s="613"/>
      <c r="BGR704" s="613"/>
      <c r="BGS704" s="613"/>
      <c r="BGT704" s="613"/>
      <c r="BGU704" s="613"/>
      <c r="BGV704" s="613"/>
      <c r="BGW704" s="613"/>
      <c r="BGX704" s="613"/>
      <c r="BGY704" s="613"/>
      <c r="BGZ704" s="613"/>
      <c r="BHA704" s="613"/>
      <c r="BHB704" s="613"/>
      <c r="BHC704" s="613"/>
      <c r="BHD704" s="613"/>
      <c r="BHE704" s="613"/>
      <c r="BHF704" s="613"/>
      <c r="BHG704" s="613"/>
      <c r="BHH704" s="613"/>
      <c r="BHI704" s="613"/>
      <c r="BHJ704" s="613"/>
      <c r="BHK704" s="613"/>
      <c r="BHL704" s="613"/>
      <c r="BHM704" s="613"/>
      <c r="BHN704" s="613"/>
      <c r="BHO704" s="613"/>
      <c r="BHP704" s="613"/>
      <c r="BHQ704" s="613"/>
      <c r="BHR704" s="613"/>
      <c r="BHS704" s="613"/>
      <c r="BHT704" s="613"/>
      <c r="BHU704" s="613"/>
      <c r="BHV704" s="613"/>
      <c r="BHW704" s="613"/>
      <c r="BHX704" s="613"/>
      <c r="BHY704" s="613"/>
      <c r="BHZ704" s="613"/>
      <c r="BIA704" s="613"/>
      <c r="BIB704" s="613"/>
      <c r="BIC704" s="613"/>
      <c r="BID704" s="613"/>
      <c r="BIE704" s="613"/>
      <c r="BIF704" s="613"/>
      <c r="BIG704" s="613"/>
      <c r="BIH704" s="613"/>
      <c r="BII704" s="613"/>
      <c r="BIJ704" s="613"/>
      <c r="BIK704" s="613"/>
      <c r="BIL704" s="613"/>
      <c r="BIM704" s="613"/>
      <c r="BIN704" s="613"/>
      <c r="BIO704" s="613"/>
      <c r="BIP704" s="613"/>
      <c r="BIQ704" s="613"/>
      <c r="BIR704" s="613"/>
      <c r="BIS704" s="613"/>
      <c r="BIT704" s="613"/>
      <c r="BIU704" s="613"/>
      <c r="BIV704" s="613"/>
      <c r="BIW704" s="613"/>
      <c r="BIX704" s="613"/>
      <c r="BIY704" s="613"/>
      <c r="BIZ704" s="613"/>
      <c r="BJA704" s="613"/>
      <c r="BJB704" s="613"/>
      <c r="BJC704" s="613"/>
      <c r="BJD704" s="613"/>
      <c r="BJE704" s="613"/>
      <c r="BJF704" s="613"/>
      <c r="BJG704" s="613"/>
      <c r="BJH704" s="613"/>
      <c r="BJI704" s="613"/>
      <c r="BJJ704" s="613"/>
      <c r="BJK704" s="613"/>
      <c r="BJL704" s="613"/>
      <c r="BJM704" s="613"/>
      <c r="BJN704" s="613"/>
      <c r="BJO704" s="613"/>
      <c r="BJP704" s="613"/>
      <c r="BJQ704" s="613"/>
      <c r="BJR704" s="613"/>
      <c r="BJS704" s="613"/>
      <c r="BJT704" s="613"/>
      <c r="BJU704" s="613"/>
      <c r="BJV704" s="613"/>
      <c r="BJW704" s="613"/>
      <c r="BJX704" s="613"/>
      <c r="BJY704" s="613"/>
      <c r="BJZ704" s="613"/>
      <c r="BKA704" s="613"/>
      <c r="BKB704" s="613"/>
      <c r="BKC704" s="613"/>
      <c r="BKD704" s="613"/>
      <c r="BKE704" s="613"/>
      <c r="BKF704" s="613"/>
      <c r="BKG704" s="613"/>
      <c r="BKH704" s="613"/>
      <c r="BKI704" s="613"/>
      <c r="BKJ704" s="613"/>
      <c r="BKK704" s="613"/>
      <c r="BKL704" s="613"/>
      <c r="BKM704" s="613"/>
      <c r="BKN704" s="613"/>
      <c r="BKO704" s="613"/>
      <c r="BKP704" s="613"/>
      <c r="BKQ704" s="613"/>
      <c r="BKR704" s="613"/>
      <c r="BKS704" s="613"/>
      <c r="BKT704" s="613"/>
      <c r="BKU704" s="613"/>
      <c r="BKV704" s="613"/>
      <c r="BKW704" s="613"/>
      <c r="BKX704" s="613"/>
      <c r="BKY704" s="613"/>
      <c r="BKZ704" s="613"/>
      <c r="BLA704" s="613"/>
      <c r="BLB704" s="613"/>
      <c r="BLC704" s="613"/>
      <c r="BLD704" s="613"/>
      <c r="BLE704" s="613"/>
      <c r="BLF704" s="613"/>
      <c r="BLG704" s="613"/>
      <c r="BLH704" s="613"/>
      <c r="BLI704" s="613"/>
      <c r="BLJ704" s="613"/>
      <c r="BLK704" s="613"/>
      <c r="BLL704" s="613"/>
      <c r="BLM704" s="613"/>
      <c r="BLN704" s="613"/>
      <c r="BLO704" s="613"/>
      <c r="BLP704" s="613"/>
      <c r="BLQ704" s="613"/>
      <c r="BLR704" s="613"/>
      <c r="BLS704" s="613"/>
      <c r="BLT704" s="613"/>
      <c r="BLU704" s="613"/>
      <c r="BLV704" s="613"/>
      <c r="BLW704" s="613"/>
      <c r="BLX704" s="613"/>
      <c r="BLY704" s="613"/>
      <c r="BLZ704" s="613"/>
      <c r="BMA704" s="613"/>
      <c r="BMB704" s="613"/>
      <c r="BMC704" s="613"/>
      <c r="BMD704" s="613"/>
      <c r="BME704" s="613"/>
      <c r="BMF704" s="613"/>
      <c r="BMG704" s="613"/>
      <c r="BMH704" s="613"/>
      <c r="BMI704" s="613"/>
      <c r="BMJ704" s="613"/>
      <c r="BMK704" s="613"/>
      <c r="BML704" s="613"/>
      <c r="BMM704" s="613"/>
      <c r="BMN704" s="613"/>
      <c r="BMO704" s="613"/>
      <c r="BMP704" s="613"/>
      <c r="BMQ704" s="613"/>
      <c r="BMR704" s="613"/>
      <c r="BMS704" s="613"/>
      <c r="BMT704" s="613"/>
      <c r="BMU704" s="613"/>
      <c r="BMV704" s="613"/>
      <c r="BMW704" s="613"/>
      <c r="BMX704" s="613"/>
      <c r="BMY704" s="613"/>
      <c r="BMZ704" s="613"/>
      <c r="BNA704" s="613"/>
      <c r="BNB704" s="613"/>
      <c r="BNC704" s="613"/>
      <c r="BND704" s="613"/>
      <c r="BNE704" s="613"/>
      <c r="BNF704" s="613"/>
      <c r="BNG704" s="613"/>
      <c r="BNH704" s="613"/>
      <c r="BNI704" s="613"/>
      <c r="BNJ704" s="613"/>
      <c r="BNK704" s="613"/>
      <c r="BNL704" s="613"/>
      <c r="BNM704" s="613"/>
      <c r="BNN704" s="613"/>
      <c r="BNO704" s="613"/>
      <c r="BNP704" s="613"/>
      <c r="BNQ704" s="613"/>
      <c r="BNR704" s="613"/>
      <c r="BNS704" s="613"/>
      <c r="BNT704" s="613"/>
      <c r="BNU704" s="613"/>
      <c r="BNV704" s="613"/>
      <c r="BNW704" s="613"/>
      <c r="BNX704" s="613"/>
      <c r="BNY704" s="613"/>
      <c r="BNZ704" s="613"/>
      <c r="BOA704" s="613"/>
      <c r="BOB704" s="613"/>
      <c r="BOC704" s="613"/>
      <c r="BOD704" s="613"/>
      <c r="BOE704" s="613"/>
      <c r="BOF704" s="613"/>
      <c r="BOG704" s="613"/>
      <c r="BOH704" s="613"/>
      <c r="BOI704" s="613"/>
      <c r="BOJ704" s="613"/>
      <c r="BOK704" s="613"/>
      <c r="BOL704" s="613"/>
      <c r="BOM704" s="613"/>
      <c r="BON704" s="613"/>
      <c r="BOO704" s="613"/>
      <c r="BOP704" s="613"/>
      <c r="BOQ704" s="613"/>
      <c r="BOR704" s="613"/>
      <c r="BOS704" s="613"/>
      <c r="BOT704" s="613"/>
      <c r="BOU704" s="613"/>
      <c r="BOV704" s="613"/>
      <c r="BOW704" s="613"/>
      <c r="BOX704" s="613"/>
      <c r="BOY704" s="613"/>
      <c r="BOZ704" s="613"/>
      <c r="BPA704" s="613"/>
      <c r="BPB704" s="613"/>
      <c r="BPC704" s="613"/>
      <c r="BPD704" s="613"/>
      <c r="BPE704" s="613"/>
      <c r="BPF704" s="613"/>
      <c r="BPG704" s="613"/>
      <c r="BPH704" s="613"/>
      <c r="BPI704" s="613"/>
      <c r="BPJ704" s="613"/>
      <c r="BPK704" s="613"/>
      <c r="BPL704" s="613"/>
      <c r="BPM704" s="613"/>
      <c r="BPN704" s="613"/>
      <c r="BPO704" s="613"/>
      <c r="BPP704" s="613"/>
      <c r="BPQ704" s="613"/>
      <c r="BPR704" s="613"/>
      <c r="BPS704" s="613"/>
      <c r="BPT704" s="613"/>
      <c r="BPU704" s="613"/>
      <c r="BPV704" s="613"/>
      <c r="BPW704" s="613"/>
      <c r="BPX704" s="613"/>
      <c r="BPY704" s="613"/>
      <c r="BPZ704" s="613"/>
      <c r="BQA704" s="613"/>
      <c r="BQB704" s="613"/>
      <c r="BQC704" s="613"/>
      <c r="BQD704" s="613"/>
      <c r="BQE704" s="613"/>
      <c r="BQF704" s="613"/>
      <c r="BQG704" s="613"/>
      <c r="BQH704" s="613"/>
      <c r="BQI704" s="613"/>
      <c r="BQJ704" s="613"/>
      <c r="BQK704" s="613"/>
      <c r="BQL704" s="613"/>
      <c r="BQM704" s="613"/>
      <c r="BQN704" s="613"/>
      <c r="BQO704" s="613"/>
      <c r="BQP704" s="613"/>
      <c r="BQQ704" s="613"/>
      <c r="BQR704" s="613"/>
      <c r="BQS704" s="613"/>
      <c r="BQT704" s="613"/>
      <c r="BQU704" s="613"/>
      <c r="BQV704" s="613"/>
      <c r="BQW704" s="613"/>
      <c r="BQX704" s="613"/>
      <c r="BQY704" s="613"/>
      <c r="BQZ704" s="613"/>
      <c r="BRA704" s="613"/>
      <c r="BRB704" s="613"/>
      <c r="BRC704" s="613"/>
      <c r="BRD704" s="613"/>
      <c r="BRE704" s="613"/>
      <c r="BRF704" s="613"/>
      <c r="BRG704" s="613"/>
      <c r="BRH704" s="613"/>
      <c r="BRI704" s="613"/>
      <c r="BRJ704" s="613"/>
      <c r="BRK704" s="613"/>
      <c r="BRL704" s="613"/>
      <c r="BRM704" s="613"/>
      <c r="BRN704" s="613"/>
      <c r="BRO704" s="613"/>
      <c r="BRP704" s="613"/>
      <c r="BRQ704" s="613"/>
      <c r="BRR704" s="613"/>
      <c r="BRS704" s="613"/>
      <c r="BRT704" s="613"/>
      <c r="BRU704" s="613"/>
      <c r="BRV704" s="613"/>
      <c r="BRW704" s="613"/>
      <c r="BRX704" s="613"/>
      <c r="BRY704" s="613"/>
      <c r="BRZ704" s="613"/>
      <c r="BSA704" s="613"/>
      <c r="BSB704" s="613"/>
      <c r="BSC704" s="613"/>
      <c r="BSD704" s="613"/>
      <c r="BSE704" s="613"/>
      <c r="BSF704" s="613"/>
      <c r="BSG704" s="613"/>
      <c r="BSH704" s="613"/>
      <c r="BSI704" s="613"/>
      <c r="BSJ704" s="613"/>
      <c r="BSK704" s="613"/>
      <c r="BSL704" s="613"/>
      <c r="BSM704" s="613"/>
      <c r="BSN704" s="613"/>
      <c r="BSO704" s="613"/>
      <c r="BSP704" s="613"/>
      <c r="BSQ704" s="613"/>
      <c r="BSR704" s="613"/>
      <c r="BSS704" s="613"/>
      <c r="BST704" s="613"/>
      <c r="BSU704" s="613"/>
      <c r="BSV704" s="613"/>
      <c r="BSW704" s="613"/>
      <c r="BSX704" s="613"/>
      <c r="BSY704" s="613"/>
      <c r="BSZ704" s="613"/>
      <c r="BTA704" s="613"/>
      <c r="BTB704" s="613"/>
      <c r="BTC704" s="613"/>
      <c r="BTD704" s="613"/>
      <c r="BTE704" s="613"/>
      <c r="BTF704" s="613"/>
      <c r="BTG704" s="613"/>
      <c r="BTH704" s="613"/>
      <c r="BTI704" s="613"/>
      <c r="BTJ704" s="613"/>
      <c r="BTK704" s="613"/>
      <c r="BTL704" s="613"/>
      <c r="BTM704" s="613"/>
      <c r="BTN704" s="613"/>
      <c r="BTO704" s="613"/>
      <c r="BTP704" s="613"/>
      <c r="BTQ704" s="613"/>
      <c r="BTR704" s="613"/>
      <c r="BTS704" s="613"/>
      <c r="BTT704" s="613"/>
      <c r="BTU704" s="613"/>
      <c r="BTV704" s="613"/>
      <c r="BTW704" s="613"/>
      <c r="BTX704" s="613"/>
      <c r="BTY704" s="613"/>
      <c r="BTZ704" s="613"/>
      <c r="BUA704" s="613"/>
      <c r="BUB704" s="613"/>
      <c r="BUC704" s="613"/>
      <c r="BUD704" s="613"/>
      <c r="BUE704" s="613"/>
      <c r="BUF704" s="613"/>
      <c r="BUG704" s="613"/>
      <c r="BUH704" s="613"/>
      <c r="BUI704" s="613"/>
      <c r="BUJ704" s="613"/>
      <c r="BUK704" s="613"/>
      <c r="BUL704" s="613"/>
      <c r="BUM704" s="613"/>
      <c r="BUN704" s="613"/>
      <c r="BUO704" s="613"/>
      <c r="BUP704" s="613"/>
      <c r="BUQ704" s="613"/>
      <c r="BUR704" s="613"/>
      <c r="BUS704" s="613"/>
      <c r="BUT704" s="613"/>
      <c r="BUU704" s="613"/>
      <c r="BUV704" s="613"/>
      <c r="BUW704" s="613"/>
      <c r="BUX704" s="613"/>
      <c r="BUY704" s="613"/>
      <c r="BUZ704" s="613"/>
      <c r="BVA704" s="613"/>
      <c r="BVB704" s="613"/>
      <c r="BVC704" s="613"/>
      <c r="BVD704" s="613"/>
      <c r="BVE704" s="613"/>
      <c r="BVF704" s="613"/>
      <c r="BVG704" s="613"/>
      <c r="BVH704" s="613"/>
      <c r="BVI704" s="613"/>
      <c r="BVJ704" s="613"/>
      <c r="BVK704" s="613"/>
      <c r="BVL704" s="613"/>
      <c r="BVM704" s="613"/>
      <c r="BVN704" s="613"/>
      <c r="BVO704" s="613"/>
      <c r="BVP704" s="613"/>
      <c r="BVQ704" s="613"/>
      <c r="BVR704" s="613"/>
      <c r="BVS704" s="613"/>
      <c r="BVT704" s="613"/>
      <c r="BVU704" s="613"/>
      <c r="BVV704" s="613"/>
      <c r="BVW704" s="613"/>
      <c r="BVX704" s="613"/>
      <c r="BVY704" s="613"/>
      <c r="BVZ704" s="613"/>
      <c r="BWA704" s="613"/>
      <c r="BWB704" s="613"/>
      <c r="BWC704" s="613"/>
      <c r="BWD704" s="613"/>
      <c r="BWE704" s="613"/>
      <c r="BWF704" s="613"/>
      <c r="BWG704" s="613"/>
      <c r="BWH704" s="613"/>
      <c r="BWI704" s="613"/>
      <c r="BWJ704" s="613"/>
      <c r="BWK704" s="613"/>
      <c r="BWL704" s="613"/>
      <c r="BWM704" s="613"/>
      <c r="BWN704" s="613"/>
      <c r="BWO704" s="613"/>
      <c r="BWP704" s="613"/>
      <c r="BWQ704" s="613"/>
      <c r="BWR704" s="613"/>
      <c r="BWS704" s="613"/>
      <c r="BWT704" s="613"/>
      <c r="BWU704" s="613"/>
      <c r="BWV704" s="613"/>
      <c r="BWW704" s="613"/>
      <c r="BWX704" s="613"/>
      <c r="BWY704" s="613"/>
      <c r="BWZ704" s="613"/>
      <c r="BXA704" s="613"/>
      <c r="BXB704" s="613"/>
      <c r="BXC704" s="613"/>
      <c r="BXD704" s="613"/>
      <c r="BXE704" s="613"/>
      <c r="BXF704" s="613"/>
      <c r="BXG704" s="613"/>
      <c r="BXH704" s="613"/>
      <c r="BXI704" s="613"/>
      <c r="BXJ704" s="613"/>
      <c r="BXK704" s="613"/>
      <c r="BXL704" s="613"/>
      <c r="BXM704" s="613"/>
      <c r="BXN704" s="613"/>
      <c r="BXO704" s="613"/>
      <c r="BXP704" s="613"/>
      <c r="BXQ704" s="613"/>
      <c r="BXR704" s="613"/>
      <c r="BXS704" s="613"/>
      <c r="BXT704" s="613"/>
      <c r="BXU704" s="613"/>
      <c r="BXV704" s="613"/>
      <c r="BXW704" s="613"/>
      <c r="BXX704" s="613"/>
      <c r="BXY704" s="613"/>
      <c r="BXZ704" s="613"/>
      <c r="BYA704" s="613"/>
      <c r="BYB704" s="613"/>
      <c r="BYC704" s="613"/>
      <c r="BYD704" s="613"/>
      <c r="BYE704" s="613"/>
      <c r="BYF704" s="613"/>
      <c r="BYG704" s="613"/>
      <c r="BYH704" s="613"/>
      <c r="BYI704" s="613"/>
      <c r="BYJ704" s="613"/>
      <c r="BYK704" s="613"/>
      <c r="BYL704" s="613"/>
      <c r="BYM704" s="613"/>
      <c r="BYN704" s="613"/>
      <c r="BYO704" s="613"/>
      <c r="BYP704" s="613"/>
      <c r="BYQ704" s="613"/>
      <c r="BYR704" s="613"/>
      <c r="BYS704" s="613"/>
      <c r="BYT704" s="613"/>
      <c r="BYU704" s="613"/>
      <c r="BYV704" s="613"/>
      <c r="BYW704" s="613"/>
      <c r="BYX704" s="613"/>
      <c r="BYY704" s="613"/>
      <c r="BYZ704" s="613"/>
      <c r="BZA704" s="613"/>
      <c r="BZB704" s="613"/>
      <c r="BZC704" s="613"/>
      <c r="BZD704" s="613"/>
      <c r="BZE704" s="613"/>
      <c r="BZF704" s="613"/>
      <c r="BZG704" s="613"/>
      <c r="BZH704" s="613"/>
      <c r="BZI704" s="613"/>
      <c r="BZJ704" s="613"/>
      <c r="BZK704" s="613"/>
      <c r="BZL704" s="613"/>
      <c r="BZM704" s="613"/>
      <c r="BZN704" s="613"/>
      <c r="BZO704" s="613"/>
      <c r="BZP704" s="613"/>
      <c r="BZQ704" s="613"/>
      <c r="BZR704" s="613"/>
      <c r="BZS704" s="613"/>
      <c r="BZT704" s="613"/>
      <c r="BZU704" s="613"/>
      <c r="BZV704" s="613"/>
      <c r="BZW704" s="613"/>
      <c r="BZX704" s="613"/>
      <c r="BZY704" s="613"/>
      <c r="BZZ704" s="613"/>
      <c r="CAA704" s="613"/>
      <c r="CAB704" s="613"/>
      <c r="CAC704" s="613"/>
      <c r="CAD704" s="613"/>
      <c r="CAE704" s="613"/>
      <c r="CAF704" s="613"/>
      <c r="CAG704" s="613"/>
      <c r="CAH704" s="613"/>
      <c r="CAI704" s="613"/>
      <c r="CAJ704" s="613"/>
      <c r="CAK704" s="613"/>
      <c r="CAL704" s="613"/>
      <c r="CAM704" s="613"/>
      <c r="CAN704" s="613"/>
      <c r="CAO704" s="613"/>
      <c r="CAP704" s="613"/>
      <c r="CAQ704" s="613"/>
      <c r="CAR704" s="613"/>
      <c r="CAS704" s="613"/>
      <c r="CAT704" s="613"/>
      <c r="CAU704" s="613"/>
      <c r="CAV704" s="613"/>
      <c r="CAW704" s="613"/>
      <c r="CAX704" s="613"/>
      <c r="CAY704" s="613"/>
      <c r="CAZ704" s="613"/>
      <c r="CBA704" s="613"/>
      <c r="CBB704" s="613"/>
      <c r="CBC704" s="613"/>
      <c r="CBD704" s="613"/>
      <c r="CBE704" s="613"/>
      <c r="CBF704" s="613"/>
      <c r="CBG704" s="613"/>
      <c r="CBH704" s="613"/>
      <c r="CBI704" s="613"/>
      <c r="CBJ704" s="613"/>
      <c r="CBK704" s="613"/>
      <c r="CBL704" s="613"/>
      <c r="CBM704" s="613"/>
      <c r="CBN704" s="613"/>
      <c r="CBO704" s="613"/>
      <c r="CBP704" s="613"/>
      <c r="CBQ704" s="613"/>
      <c r="CBR704" s="613"/>
      <c r="CBS704" s="613"/>
      <c r="CBT704" s="613"/>
      <c r="CBU704" s="613"/>
      <c r="CBV704" s="613"/>
      <c r="CBW704" s="613"/>
      <c r="CBX704" s="613"/>
      <c r="CBY704" s="613"/>
      <c r="CBZ704" s="613"/>
      <c r="CCA704" s="613"/>
      <c r="CCB704" s="613"/>
      <c r="CCC704" s="613"/>
      <c r="CCD704" s="613"/>
      <c r="CCE704" s="613"/>
      <c r="CCF704" s="613"/>
      <c r="CCG704" s="613"/>
      <c r="CCH704" s="613"/>
      <c r="CCI704" s="613"/>
      <c r="CCJ704" s="613"/>
      <c r="CCK704" s="613"/>
      <c r="CCL704" s="613"/>
      <c r="CCM704" s="613"/>
      <c r="CCN704" s="613"/>
      <c r="CCO704" s="613"/>
      <c r="CCP704" s="613"/>
      <c r="CCQ704" s="613"/>
      <c r="CCR704" s="613"/>
      <c r="CCS704" s="613"/>
      <c r="CCT704" s="613"/>
      <c r="CCU704" s="613"/>
      <c r="CCV704" s="613"/>
      <c r="CCW704" s="613"/>
      <c r="CCX704" s="613"/>
      <c r="CCY704" s="613"/>
      <c r="CCZ704" s="613"/>
      <c r="CDA704" s="613"/>
      <c r="CDB704" s="613"/>
      <c r="CDC704" s="613"/>
      <c r="CDD704" s="613"/>
      <c r="CDE704" s="613"/>
      <c r="CDF704" s="613"/>
      <c r="CDG704" s="613"/>
      <c r="CDH704" s="613"/>
      <c r="CDI704" s="613"/>
      <c r="CDJ704" s="613"/>
      <c r="CDK704" s="613"/>
      <c r="CDL704" s="613"/>
      <c r="CDM704" s="613"/>
      <c r="CDN704" s="613"/>
      <c r="CDO704" s="613"/>
      <c r="CDP704" s="613"/>
      <c r="CDQ704" s="613"/>
      <c r="CDR704" s="613"/>
      <c r="CDS704" s="613"/>
      <c r="CDT704" s="613"/>
      <c r="CDU704" s="613"/>
      <c r="CDV704" s="613"/>
      <c r="CDW704" s="613"/>
      <c r="CDX704" s="613"/>
      <c r="CDY704" s="613"/>
      <c r="CDZ704" s="613"/>
      <c r="CEA704" s="613"/>
      <c r="CEB704" s="613"/>
      <c r="CEC704" s="613"/>
      <c r="CED704" s="613"/>
      <c r="CEE704" s="613"/>
      <c r="CEF704" s="613"/>
      <c r="CEG704" s="613"/>
      <c r="CEH704" s="613"/>
      <c r="CEI704" s="613"/>
      <c r="CEJ704" s="613"/>
      <c r="CEK704" s="613"/>
      <c r="CEL704" s="613"/>
      <c r="CEM704" s="613"/>
      <c r="CEN704" s="613"/>
      <c r="CEO704" s="613"/>
      <c r="CEP704" s="613"/>
      <c r="CEQ704" s="613"/>
      <c r="CER704" s="613"/>
      <c r="CES704" s="613"/>
      <c r="CET704" s="613"/>
      <c r="CEU704" s="613"/>
      <c r="CEV704" s="613"/>
      <c r="CEW704" s="613"/>
      <c r="CEX704" s="613"/>
      <c r="CEY704" s="613"/>
      <c r="CEZ704" s="613"/>
      <c r="CFA704" s="613"/>
      <c r="CFB704" s="613"/>
      <c r="CFC704" s="613"/>
      <c r="CFD704" s="613"/>
      <c r="CFE704" s="613"/>
      <c r="CFF704" s="613"/>
      <c r="CFG704" s="613"/>
      <c r="CFH704" s="613"/>
      <c r="CFI704" s="613"/>
      <c r="CFJ704" s="613"/>
      <c r="CFK704" s="613"/>
      <c r="CFL704" s="613"/>
      <c r="CFM704" s="613"/>
      <c r="CFN704" s="613"/>
      <c r="CFO704" s="613"/>
      <c r="CFP704" s="613"/>
      <c r="CFQ704" s="613"/>
      <c r="CFR704" s="613"/>
      <c r="CFS704" s="613"/>
      <c r="CFT704" s="613"/>
      <c r="CFU704" s="613"/>
      <c r="CFV704" s="613"/>
      <c r="CFW704" s="613"/>
      <c r="CFX704" s="613"/>
      <c r="CFY704" s="613"/>
      <c r="CFZ704" s="613"/>
      <c r="CGA704" s="613"/>
      <c r="CGB704" s="613"/>
      <c r="CGC704" s="613"/>
      <c r="CGD704" s="613"/>
      <c r="CGE704" s="613"/>
      <c r="CGF704" s="613"/>
      <c r="CGG704" s="613"/>
      <c r="CGH704" s="613"/>
      <c r="CGI704" s="613"/>
      <c r="CGJ704" s="613"/>
      <c r="CGK704" s="613"/>
      <c r="CGL704" s="613"/>
      <c r="CGM704" s="613"/>
      <c r="CGN704" s="613"/>
      <c r="CGO704" s="613"/>
      <c r="CGP704" s="613"/>
      <c r="CGQ704" s="613"/>
      <c r="CGR704" s="613"/>
      <c r="CGS704" s="613"/>
      <c r="CGT704" s="613"/>
      <c r="CGU704" s="613"/>
      <c r="CGV704" s="613"/>
      <c r="CGW704" s="613"/>
      <c r="CGX704" s="613"/>
      <c r="CGY704" s="613"/>
      <c r="CGZ704" s="613"/>
      <c r="CHA704" s="613"/>
      <c r="CHB704" s="613"/>
      <c r="CHC704" s="613"/>
      <c r="CHD704" s="613"/>
      <c r="CHE704" s="613"/>
      <c r="CHF704" s="613"/>
      <c r="CHG704" s="613"/>
      <c r="CHH704" s="613"/>
      <c r="CHI704" s="613"/>
      <c r="CHJ704" s="613"/>
      <c r="CHK704" s="613"/>
      <c r="CHL704" s="613"/>
      <c r="CHM704" s="613"/>
      <c r="CHN704" s="613"/>
      <c r="CHO704" s="613"/>
      <c r="CHP704" s="613"/>
      <c r="CHQ704" s="613"/>
      <c r="CHR704" s="613"/>
      <c r="CHS704" s="613"/>
      <c r="CHT704" s="613"/>
      <c r="CHU704" s="613"/>
      <c r="CHV704" s="613"/>
      <c r="CHW704" s="613"/>
      <c r="CHX704" s="613"/>
      <c r="CHY704" s="613"/>
      <c r="CHZ704" s="613"/>
      <c r="CIA704" s="613"/>
      <c r="CIB704" s="613"/>
      <c r="CIC704" s="613"/>
      <c r="CID704" s="613"/>
      <c r="CIE704" s="613"/>
      <c r="CIF704" s="613"/>
      <c r="CIG704" s="613"/>
      <c r="CIH704" s="613"/>
      <c r="CII704" s="613"/>
      <c r="CIJ704" s="613"/>
      <c r="CIK704" s="613"/>
      <c r="CIL704" s="613"/>
      <c r="CIM704" s="613"/>
      <c r="CIN704" s="613"/>
      <c r="CIO704" s="613"/>
      <c r="CIP704" s="613"/>
      <c r="CIQ704" s="613"/>
      <c r="CIR704" s="613"/>
      <c r="CIS704" s="613"/>
      <c r="CIT704" s="613"/>
      <c r="CIU704" s="613"/>
      <c r="CIV704" s="613"/>
      <c r="CIW704" s="613"/>
      <c r="CIX704" s="613"/>
      <c r="CIY704" s="613"/>
      <c r="CIZ704" s="613"/>
      <c r="CJA704" s="613"/>
      <c r="CJB704" s="613"/>
      <c r="CJC704" s="613"/>
      <c r="CJD704" s="613"/>
      <c r="CJE704" s="613"/>
      <c r="CJF704" s="613"/>
      <c r="CJG704" s="613"/>
      <c r="CJH704" s="613"/>
      <c r="CJI704" s="613"/>
      <c r="CJJ704" s="613"/>
      <c r="CJK704" s="613"/>
      <c r="CJL704" s="613"/>
      <c r="CJM704" s="613"/>
      <c r="CJN704" s="613"/>
      <c r="CJO704" s="613"/>
      <c r="CJP704" s="613"/>
      <c r="CJQ704" s="613"/>
      <c r="CJR704" s="613"/>
      <c r="CJS704" s="613"/>
      <c r="CJT704" s="613"/>
      <c r="CJU704" s="613"/>
      <c r="CJV704" s="613"/>
      <c r="CJW704" s="613"/>
      <c r="CJX704" s="613"/>
      <c r="CJY704" s="613"/>
      <c r="CJZ704" s="613"/>
      <c r="CKA704" s="613"/>
      <c r="CKB704" s="613"/>
      <c r="CKC704" s="613"/>
      <c r="CKD704" s="613"/>
      <c r="CKE704" s="613"/>
      <c r="CKF704" s="613"/>
      <c r="CKG704" s="613"/>
      <c r="CKH704" s="613"/>
      <c r="CKI704" s="613"/>
      <c r="CKJ704" s="613"/>
      <c r="CKK704" s="613"/>
      <c r="CKL704" s="613"/>
      <c r="CKM704" s="613"/>
      <c r="CKN704" s="613"/>
      <c r="CKO704" s="613"/>
      <c r="CKP704" s="613"/>
      <c r="CKQ704" s="613"/>
      <c r="CKR704" s="613"/>
      <c r="CKS704" s="613"/>
      <c r="CKT704" s="613"/>
      <c r="CKU704" s="613"/>
      <c r="CKV704" s="613"/>
      <c r="CKW704" s="613"/>
      <c r="CKX704" s="613"/>
      <c r="CKY704" s="613"/>
      <c r="CKZ704" s="613"/>
      <c r="CLA704" s="613"/>
      <c r="CLB704" s="613"/>
      <c r="CLC704" s="613"/>
      <c r="CLD704" s="613"/>
      <c r="CLE704" s="613"/>
      <c r="CLF704" s="613"/>
      <c r="CLG704" s="613"/>
      <c r="CLH704" s="613"/>
      <c r="CLI704" s="613"/>
      <c r="CLJ704" s="613"/>
      <c r="CLK704" s="613"/>
      <c r="CLL704" s="613"/>
      <c r="CLM704" s="613"/>
      <c r="CLN704" s="613"/>
      <c r="CLO704" s="613"/>
      <c r="CLP704" s="613"/>
      <c r="CLQ704" s="613"/>
      <c r="CLR704" s="613"/>
      <c r="CLS704" s="613"/>
      <c r="CLT704" s="613"/>
      <c r="CLU704" s="613"/>
      <c r="CLV704" s="613"/>
      <c r="CLW704" s="613"/>
      <c r="CLX704" s="613"/>
      <c r="CLY704" s="613"/>
      <c r="CLZ704" s="613"/>
      <c r="CMA704" s="613"/>
      <c r="CMB704" s="613"/>
      <c r="CMC704" s="613"/>
      <c r="CMD704" s="613"/>
      <c r="CME704" s="613"/>
      <c r="CMF704" s="613"/>
      <c r="CMG704" s="613"/>
      <c r="CMH704" s="613"/>
      <c r="CMI704" s="613"/>
      <c r="CMJ704" s="613"/>
      <c r="CMK704" s="613"/>
      <c r="CML704" s="613"/>
      <c r="CMM704" s="613"/>
      <c r="CMN704" s="613"/>
      <c r="CMO704" s="613"/>
      <c r="CMP704" s="613"/>
      <c r="CMQ704" s="613"/>
      <c r="CMR704" s="613"/>
      <c r="CMS704" s="613"/>
      <c r="CMT704" s="613"/>
      <c r="CMU704" s="613"/>
      <c r="CMV704" s="613"/>
      <c r="CMW704" s="613"/>
      <c r="CMX704" s="613"/>
      <c r="CMY704" s="613"/>
      <c r="CMZ704" s="613"/>
      <c r="CNA704" s="613"/>
      <c r="CNB704" s="613"/>
      <c r="CNC704" s="613"/>
      <c r="CND704" s="613"/>
      <c r="CNE704" s="613"/>
      <c r="CNF704" s="613"/>
      <c r="CNG704" s="613"/>
      <c r="CNH704" s="613"/>
      <c r="CNI704" s="613"/>
      <c r="CNJ704" s="613"/>
      <c r="CNK704" s="613"/>
      <c r="CNL704" s="613"/>
      <c r="CNM704" s="613"/>
      <c r="CNN704" s="613"/>
      <c r="CNO704" s="613"/>
      <c r="CNP704" s="613"/>
      <c r="CNQ704" s="613"/>
      <c r="CNR704" s="613"/>
      <c r="CNS704" s="613"/>
      <c r="CNT704" s="613"/>
      <c r="CNU704" s="613"/>
      <c r="CNV704" s="613"/>
      <c r="CNW704" s="613"/>
      <c r="CNX704" s="613"/>
      <c r="CNY704" s="613"/>
      <c r="CNZ704" s="613"/>
      <c r="COA704" s="613"/>
      <c r="COB704" s="613"/>
      <c r="COC704" s="613"/>
      <c r="COD704" s="613"/>
      <c r="COE704" s="613"/>
      <c r="COF704" s="613"/>
      <c r="COG704" s="613"/>
      <c r="COH704" s="613"/>
      <c r="COI704" s="613"/>
      <c r="COJ704" s="613"/>
      <c r="COK704" s="613"/>
      <c r="COL704" s="613"/>
      <c r="COM704" s="613"/>
      <c r="CON704" s="613"/>
      <c r="COO704" s="613"/>
      <c r="COP704" s="613"/>
      <c r="COQ704" s="613"/>
      <c r="COR704" s="613"/>
      <c r="COS704" s="613"/>
      <c r="COT704" s="613"/>
      <c r="COU704" s="613"/>
      <c r="COV704" s="613"/>
      <c r="COW704" s="613"/>
      <c r="COX704" s="613"/>
      <c r="COY704" s="613"/>
      <c r="COZ704" s="613"/>
      <c r="CPA704" s="613"/>
      <c r="CPB704" s="613"/>
      <c r="CPC704" s="613"/>
      <c r="CPD704" s="613"/>
      <c r="CPE704" s="613"/>
      <c r="CPF704" s="613"/>
      <c r="CPG704" s="613"/>
      <c r="CPH704" s="613"/>
      <c r="CPI704" s="613"/>
      <c r="CPJ704" s="613"/>
      <c r="CPK704" s="613"/>
      <c r="CPL704" s="613"/>
      <c r="CPM704" s="613"/>
      <c r="CPN704" s="613"/>
      <c r="CPO704" s="613"/>
      <c r="CPP704" s="613"/>
      <c r="CPQ704" s="613"/>
      <c r="CPR704" s="613"/>
      <c r="CPS704" s="613"/>
      <c r="CPT704" s="613"/>
      <c r="CPU704" s="613"/>
      <c r="CPV704" s="613"/>
      <c r="CPW704" s="613"/>
      <c r="CPX704" s="613"/>
      <c r="CPY704" s="613"/>
      <c r="CPZ704" s="613"/>
      <c r="CQA704" s="613"/>
      <c r="CQB704" s="613"/>
      <c r="CQC704" s="613"/>
      <c r="CQD704" s="613"/>
      <c r="CQE704" s="613"/>
      <c r="CQF704" s="613"/>
      <c r="CQG704" s="613"/>
      <c r="CQH704" s="613"/>
      <c r="CQI704" s="613"/>
      <c r="CQJ704" s="613"/>
      <c r="CQK704" s="613"/>
      <c r="CQL704" s="613"/>
      <c r="CQM704" s="613"/>
      <c r="CQN704" s="613"/>
      <c r="CQO704" s="613"/>
      <c r="CQP704" s="613"/>
      <c r="CQQ704" s="613"/>
      <c r="CQR704" s="613"/>
      <c r="CQS704" s="613"/>
      <c r="CQT704" s="613"/>
      <c r="CQU704" s="613"/>
      <c r="CQV704" s="613"/>
      <c r="CQW704" s="613"/>
      <c r="CQX704" s="613"/>
      <c r="CQY704" s="613"/>
      <c r="CQZ704" s="613"/>
      <c r="CRA704" s="613"/>
      <c r="CRB704" s="613"/>
      <c r="CRC704" s="613"/>
      <c r="CRD704" s="613"/>
      <c r="CRE704" s="613"/>
      <c r="CRF704" s="613"/>
      <c r="CRG704" s="613"/>
      <c r="CRH704" s="613"/>
      <c r="CRI704" s="613"/>
      <c r="CRJ704" s="613"/>
      <c r="CRK704" s="613"/>
      <c r="CRL704" s="613"/>
      <c r="CRM704" s="613"/>
      <c r="CRN704" s="613"/>
      <c r="CRO704" s="613"/>
      <c r="CRP704" s="613"/>
      <c r="CRQ704" s="613"/>
      <c r="CRR704" s="613"/>
      <c r="CRS704" s="613"/>
      <c r="CRT704" s="613"/>
      <c r="CRU704" s="613"/>
      <c r="CRV704" s="613"/>
      <c r="CRW704" s="613"/>
      <c r="CRX704" s="613"/>
      <c r="CRY704" s="613"/>
      <c r="CRZ704" s="613"/>
      <c r="CSA704" s="613"/>
      <c r="CSB704" s="613"/>
      <c r="CSC704" s="613"/>
      <c r="CSD704" s="613"/>
      <c r="CSE704" s="613"/>
      <c r="CSF704" s="613"/>
      <c r="CSG704" s="613"/>
      <c r="CSH704" s="613"/>
      <c r="CSI704" s="613"/>
      <c r="CSJ704" s="613"/>
      <c r="CSK704" s="613"/>
      <c r="CSL704" s="613"/>
      <c r="CSM704" s="613"/>
      <c r="CSN704" s="613"/>
      <c r="CSO704" s="613"/>
      <c r="CSP704" s="613"/>
      <c r="CSQ704" s="613"/>
      <c r="CSR704" s="613"/>
      <c r="CSS704" s="613"/>
      <c r="CST704" s="613"/>
      <c r="CSU704" s="613"/>
      <c r="CSV704" s="613"/>
      <c r="CSW704" s="613"/>
      <c r="CSX704" s="613"/>
      <c r="CSY704" s="613"/>
      <c r="CSZ704" s="613"/>
      <c r="CTA704" s="613"/>
      <c r="CTB704" s="613"/>
      <c r="CTC704" s="613"/>
      <c r="CTD704" s="613"/>
      <c r="CTE704" s="613"/>
      <c r="CTF704" s="613"/>
      <c r="CTG704" s="613"/>
      <c r="CTH704" s="613"/>
      <c r="CTI704" s="613"/>
      <c r="CTJ704" s="613"/>
      <c r="CTK704" s="613"/>
      <c r="CTL704" s="613"/>
      <c r="CTM704" s="613"/>
      <c r="CTN704" s="613"/>
      <c r="CTO704" s="613"/>
      <c r="CTP704" s="613"/>
      <c r="CTQ704" s="613"/>
      <c r="CTR704" s="613"/>
      <c r="CTS704" s="613"/>
      <c r="CTT704" s="613"/>
      <c r="CTU704" s="613"/>
      <c r="CTV704" s="613"/>
      <c r="CTW704" s="613"/>
      <c r="CTX704" s="613"/>
      <c r="CTY704" s="613"/>
      <c r="CTZ704" s="613"/>
      <c r="CUA704" s="613"/>
      <c r="CUB704" s="613"/>
      <c r="CUC704" s="613"/>
      <c r="CUD704" s="613"/>
      <c r="CUE704" s="613"/>
      <c r="CUF704" s="613"/>
      <c r="CUG704" s="613"/>
      <c r="CUH704" s="613"/>
      <c r="CUI704" s="613"/>
      <c r="CUJ704" s="613"/>
      <c r="CUK704" s="613"/>
      <c r="CUL704" s="613"/>
      <c r="CUM704" s="613"/>
      <c r="CUN704" s="613"/>
      <c r="CUO704" s="613"/>
      <c r="CUP704" s="613"/>
      <c r="CUQ704" s="613"/>
      <c r="CUR704" s="613"/>
      <c r="CUS704" s="613"/>
      <c r="CUT704" s="613"/>
      <c r="CUU704" s="613"/>
      <c r="CUV704" s="613"/>
      <c r="CUW704" s="613"/>
      <c r="CUX704" s="613"/>
      <c r="CUY704" s="613"/>
      <c r="CUZ704" s="613"/>
      <c r="CVA704" s="613"/>
      <c r="CVB704" s="613"/>
      <c r="CVC704" s="613"/>
      <c r="CVD704" s="613"/>
      <c r="CVE704" s="613"/>
      <c r="CVF704" s="613"/>
      <c r="CVG704" s="613"/>
      <c r="CVH704" s="613"/>
      <c r="CVI704" s="613"/>
      <c r="CVJ704" s="613"/>
      <c r="CVK704" s="613"/>
      <c r="CVL704" s="613"/>
      <c r="CVM704" s="613"/>
      <c r="CVN704" s="613"/>
      <c r="CVO704" s="613"/>
      <c r="CVP704" s="613"/>
      <c r="CVQ704" s="613"/>
      <c r="CVR704" s="613"/>
      <c r="CVS704" s="613"/>
      <c r="CVT704" s="613"/>
      <c r="CVU704" s="613"/>
      <c r="CVV704" s="613"/>
      <c r="CVW704" s="613"/>
      <c r="CVX704" s="613"/>
      <c r="CVY704" s="613"/>
      <c r="CVZ704" s="613"/>
      <c r="CWA704" s="613"/>
      <c r="CWB704" s="613"/>
      <c r="CWC704" s="613"/>
      <c r="CWD704" s="613"/>
      <c r="CWE704" s="613"/>
      <c r="CWF704" s="613"/>
      <c r="CWG704" s="613"/>
      <c r="CWH704" s="613"/>
      <c r="CWI704" s="613"/>
      <c r="CWJ704" s="613"/>
      <c r="CWK704" s="613"/>
      <c r="CWL704" s="613"/>
      <c r="CWM704" s="613"/>
      <c r="CWN704" s="613"/>
      <c r="CWO704" s="613"/>
      <c r="CWP704" s="613"/>
      <c r="CWQ704" s="613"/>
      <c r="CWR704" s="613"/>
      <c r="CWS704" s="613"/>
      <c r="CWT704" s="613"/>
      <c r="CWU704" s="613"/>
      <c r="CWV704" s="613"/>
      <c r="CWW704" s="613"/>
      <c r="CWX704" s="613"/>
      <c r="CWY704" s="613"/>
      <c r="CWZ704" s="613"/>
      <c r="CXA704" s="613"/>
      <c r="CXB704" s="613"/>
      <c r="CXC704" s="613"/>
      <c r="CXD704" s="613"/>
      <c r="CXE704" s="613"/>
      <c r="CXF704" s="613"/>
      <c r="CXG704" s="613"/>
      <c r="CXH704" s="613"/>
      <c r="CXI704" s="613"/>
      <c r="CXJ704" s="613"/>
      <c r="CXK704" s="613"/>
      <c r="CXL704" s="613"/>
      <c r="CXM704" s="613"/>
      <c r="CXN704" s="613"/>
      <c r="CXO704" s="613"/>
      <c r="CXP704" s="613"/>
      <c r="CXQ704" s="613"/>
      <c r="CXR704" s="613"/>
      <c r="CXS704" s="613"/>
      <c r="CXT704" s="613"/>
      <c r="CXU704" s="613"/>
      <c r="CXV704" s="613"/>
      <c r="CXW704" s="613"/>
      <c r="CXX704" s="613"/>
      <c r="CXY704" s="613"/>
      <c r="CXZ704" s="613"/>
      <c r="CYA704" s="613"/>
      <c r="CYB704" s="613"/>
      <c r="CYC704" s="613"/>
      <c r="CYD704" s="613"/>
      <c r="CYE704" s="613"/>
      <c r="CYF704" s="613"/>
      <c r="CYG704" s="613"/>
      <c r="CYH704" s="613"/>
      <c r="CYI704" s="613"/>
      <c r="CYJ704" s="613"/>
      <c r="CYK704" s="613"/>
      <c r="CYL704" s="613"/>
      <c r="CYM704" s="613"/>
      <c r="CYN704" s="613"/>
      <c r="CYO704" s="613"/>
      <c r="CYP704" s="613"/>
      <c r="CYQ704" s="613"/>
      <c r="CYR704" s="613"/>
      <c r="CYS704" s="613"/>
      <c r="CYT704" s="613"/>
      <c r="CYU704" s="613"/>
      <c r="CYV704" s="613"/>
      <c r="CYW704" s="613"/>
      <c r="CYX704" s="613"/>
      <c r="CYY704" s="613"/>
      <c r="CYZ704" s="613"/>
      <c r="CZA704" s="613"/>
      <c r="CZB704" s="613"/>
      <c r="CZC704" s="613"/>
      <c r="CZD704" s="613"/>
      <c r="CZE704" s="613"/>
      <c r="CZF704" s="613"/>
      <c r="CZG704" s="613"/>
      <c r="CZH704" s="613"/>
      <c r="CZI704" s="613"/>
      <c r="CZJ704" s="613"/>
      <c r="CZK704" s="613"/>
      <c r="CZL704" s="613"/>
      <c r="CZM704" s="613"/>
      <c r="CZN704" s="613"/>
      <c r="CZO704" s="613"/>
      <c r="CZP704" s="613"/>
      <c r="CZQ704" s="613"/>
      <c r="CZR704" s="613"/>
      <c r="CZS704" s="613"/>
      <c r="CZT704" s="613"/>
      <c r="CZU704" s="613"/>
      <c r="CZV704" s="613"/>
      <c r="CZW704" s="613"/>
      <c r="CZX704" s="613"/>
      <c r="CZY704" s="613"/>
      <c r="CZZ704" s="613"/>
      <c r="DAA704" s="613"/>
      <c r="DAB704" s="613"/>
      <c r="DAC704" s="613"/>
      <c r="DAD704" s="613"/>
      <c r="DAE704" s="613"/>
      <c r="DAF704" s="613"/>
      <c r="DAG704" s="613"/>
      <c r="DAH704" s="613"/>
      <c r="DAI704" s="613"/>
      <c r="DAJ704" s="613"/>
      <c r="DAK704" s="613"/>
      <c r="DAL704" s="613"/>
      <c r="DAM704" s="613"/>
      <c r="DAN704" s="613"/>
      <c r="DAO704" s="613"/>
      <c r="DAP704" s="613"/>
      <c r="DAQ704" s="613"/>
      <c r="DAR704" s="613"/>
      <c r="DAS704" s="613"/>
      <c r="DAT704" s="613"/>
      <c r="DAU704" s="613"/>
      <c r="DAV704" s="613"/>
      <c r="DAW704" s="613"/>
      <c r="DAX704" s="613"/>
      <c r="DAY704" s="613"/>
      <c r="DAZ704" s="613"/>
      <c r="DBA704" s="613"/>
      <c r="DBB704" s="613"/>
      <c r="DBC704" s="613"/>
      <c r="DBD704" s="613"/>
      <c r="DBE704" s="613"/>
      <c r="DBF704" s="613"/>
      <c r="DBG704" s="613"/>
      <c r="DBH704" s="613"/>
      <c r="DBI704" s="613"/>
      <c r="DBJ704" s="613"/>
      <c r="DBK704" s="613"/>
      <c r="DBL704" s="613"/>
      <c r="DBM704" s="613"/>
      <c r="DBN704" s="613"/>
      <c r="DBO704" s="613"/>
      <c r="DBP704" s="613"/>
      <c r="DBQ704" s="613"/>
      <c r="DBR704" s="613"/>
      <c r="DBS704" s="613"/>
      <c r="DBT704" s="613"/>
      <c r="DBU704" s="613"/>
      <c r="DBV704" s="613"/>
      <c r="DBW704" s="613"/>
      <c r="DBX704" s="613"/>
      <c r="DBY704" s="613"/>
      <c r="DBZ704" s="613"/>
      <c r="DCA704" s="613"/>
      <c r="DCB704" s="613"/>
      <c r="DCC704" s="613"/>
      <c r="DCD704" s="613"/>
      <c r="DCE704" s="613"/>
      <c r="DCF704" s="613"/>
      <c r="DCG704" s="613"/>
      <c r="DCH704" s="613"/>
      <c r="DCI704" s="613"/>
      <c r="DCJ704" s="613"/>
      <c r="DCK704" s="613"/>
      <c r="DCL704" s="613"/>
      <c r="DCM704" s="613"/>
      <c r="DCN704" s="613"/>
      <c r="DCO704" s="613"/>
      <c r="DCP704" s="613"/>
      <c r="DCQ704" s="613"/>
      <c r="DCR704" s="613"/>
      <c r="DCS704" s="613"/>
      <c r="DCT704" s="613"/>
      <c r="DCU704" s="613"/>
      <c r="DCV704" s="613"/>
      <c r="DCW704" s="613"/>
      <c r="DCX704" s="613"/>
      <c r="DCY704" s="613"/>
      <c r="DCZ704" s="613"/>
      <c r="DDA704" s="613"/>
      <c r="DDB704" s="613"/>
      <c r="DDC704" s="613"/>
      <c r="DDD704" s="613"/>
      <c r="DDE704" s="613"/>
      <c r="DDF704" s="613"/>
      <c r="DDG704" s="613"/>
      <c r="DDH704" s="613"/>
      <c r="DDI704" s="613"/>
      <c r="DDJ704" s="613"/>
      <c r="DDK704" s="613"/>
      <c r="DDL704" s="613"/>
      <c r="DDM704" s="613"/>
      <c r="DDN704" s="613"/>
      <c r="DDO704" s="613"/>
      <c r="DDP704" s="613"/>
      <c r="DDQ704" s="613"/>
      <c r="DDR704" s="613"/>
      <c r="DDS704" s="613"/>
      <c r="DDT704" s="613"/>
      <c r="DDU704" s="613"/>
      <c r="DDV704" s="613"/>
      <c r="DDW704" s="613"/>
      <c r="DDX704" s="613"/>
      <c r="DDY704" s="613"/>
      <c r="DDZ704" s="613"/>
      <c r="DEA704" s="613"/>
      <c r="DEB704" s="613"/>
      <c r="DEC704" s="613"/>
      <c r="DED704" s="613"/>
      <c r="DEE704" s="613"/>
      <c r="DEF704" s="613"/>
      <c r="DEG704" s="613"/>
      <c r="DEH704" s="613"/>
      <c r="DEI704" s="613"/>
      <c r="DEJ704" s="613"/>
      <c r="DEK704" s="613"/>
      <c r="DEL704" s="613"/>
      <c r="DEM704" s="613"/>
      <c r="DEN704" s="613"/>
      <c r="DEO704" s="613"/>
      <c r="DEP704" s="613"/>
      <c r="DEQ704" s="613"/>
      <c r="DER704" s="613"/>
      <c r="DES704" s="613"/>
      <c r="DET704" s="613"/>
      <c r="DEU704" s="613"/>
      <c r="DEV704" s="613"/>
      <c r="DEW704" s="613"/>
      <c r="DEX704" s="613"/>
      <c r="DEY704" s="613"/>
      <c r="DEZ704" s="613"/>
      <c r="DFA704" s="613"/>
      <c r="DFB704" s="613"/>
      <c r="DFC704" s="613"/>
      <c r="DFD704" s="613"/>
      <c r="DFE704" s="613"/>
      <c r="DFF704" s="613"/>
      <c r="DFG704" s="613"/>
      <c r="DFH704" s="613"/>
      <c r="DFI704" s="613"/>
      <c r="DFJ704" s="613"/>
      <c r="DFK704" s="613"/>
      <c r="DFL704" s="613"/>
      <c r="DFM704" s="613"/>
      <c r="DFN704" s="613"/>
      <c r="DFO704" s="613"/>
      <c r="DFP704" s="613"/>
      <c r="DFQ704" s="613"/>
      <c r="DFR704" s="613"/>
      <c r="DFS704" s="613"/>
      <c r="DFT704" s="613"/>
      <c r="DFU704" s="613"/>
      <c r="DFV704" s="613"/>
      <c r="DFW704" s="613"/>
      <c r="DFX704" s="613"/>
      <c r="DFY704" s="613"/>
      <c r="DFZ704" s="613"/>
      <c r="DGA704" s="613"/>
      <c r="DGB704" s="613"/>
      <c r="DGC704" s="613"/>
      <c r="DGD704" s="613"/>
      <c r="DGE704" s="613"/>
      <c r="DGF704" s="613"/>
      <c r="DGG704" s="613"/>
      <c r="DGH704" s="613"/>
      <c r="DGI704" s="613"/>
      <c r="DGJ704" s="613"/>
      <c r="DGK704" s="613"/>
      <c r="DGL704" s="613"/>
      <c r="DGM704" s="613"/>
      <c r="DGN704" s="613"/>
      <c r="DGO704" s="613"/>
      <c r="DGP704" s="613"/>
      <c r="DGQ704" s="613"/>
      <c r="DGR704" s="613"/>
      <c r="DGS704" s="613"/>
      <c r="DGT704" s="613"/>
      <c r="DGU704" s="613"/>
      <c r="DGV704" s="613"/>
      <c r="DGW704" s="613"/>
      <c r="DGX704" s="613"/>
      <c r="DGY704" s="613"/>
      <c r="DGZ704" s="613"/>
      <c r="DHA704" s="613"/>
      <c r="DHB704" s="613"/>
      <c r="DHC704" s="613"/>
      <c r="DHD704" s="613"/>
      <c r="DHE704" s="613"/>
      <c r="DHF704" s="613"/>
      <c r="DHG704" s="613"/>
      <c r="DHH704" s="613"/>
      <c r="DHI704" s="613"/>
      <c r="DHJ704" s="613"/>
      <c r="DHK704" s="613"/>
      <c r="DHL704" s="613"/>
      <c r="DHM704" s="613"/>
      <c r="DHN704" s="613"/>
      <c r="DHO704" s="613"/>
      <c r="DHP704" s="613"/>
      <c r="DHQ704" s="613"/>
      <c r="DHR704" s="613"/>
      <c r="DHS704" s="613"/>
      <c r="DHT704" s="613"/>
      <c r="DHU704" s="613"/>
      <c r="DHV704" s="613"/>
      <c r="DHW704" s="613"/>
      <c r="DHX704" s="613"/>
      <c r="DHY704" s="613"/>
      <c r="DHZ704" s="613"/>
      <c r="DIA704" s="613"/>
      <c r="DIB704" s="613"/>
      <c r="DIC704" s="613"/>
      <c r="DID704" s="613"/>
      <c r="DIE704" s="613"/>
      <c r="DIF704" s="613"/>
      <c r="DIG704" s="613"/>
      <c r="DIH704" s="613"/>
      <c r="DII704" s="613"/>
      <c r="DIJ704" s="613"/>
      <c r="DIK704" s="613"/>
      <c r="DIL704" s="613"/>
      <c r="DIM704" s="613"/>
      <c r="DIN704" s="613"/>
      <c r="DIO704" s="613"/>
      <c r="DIP704" s="613"/>
      <c r="DIQ704" s="613"/>
      <c r="DIR704" s="613"/>
      <c r="DIS704" s="613"/>
      <c r="DIT704" s="613"/>
      <c r="DIU704" s="613"/>
      <c r="DIV704" s="613"/>
      <c r="DIW704" s="613"/>
      <c r="DIX704" s="613"/>
      <c r="DIY704" s="613"/>
      <c r="DIZ704" s="613"/>
      <c r="DJA704" s="613"/>
      <c r="DJB704" s="613"/>
      <c r="DJC704" s="613"/>
      <c r="DJD704" s="613"/>
      <c r="DJE704" s="613"/>
      <c r="DJF704" s="613"/>
      <c r="DJG704" s="613"/>
      <c r="DJH704" s="613"/>
      <c r="DJI704" s="613"/>
      <c r="DJJ704" s="613"/>
      <c r="DJK704" s="613"/>
      <c r="DJL704" s="613"/>
      <c r="DJM704" s="613"/>
      <c r="DJN704" s="613"/>
      <c r="DJO704" s="613"/>
      <c r="DJP704" s="613"/>
      <c r="DJQ704" s="613"/>
      <c r="DJR704" s="613"/>
      <c r="DJS704" s="613"/>
      <c r="DJT704" s="613"/>
      <c r="DJU704" s="613"/>
      <c r="DJV704" s="613"/>
      <c r="DJW704" s="613"/>
      <c r="DJX704" s="613"/>
      <c r="DJY704" s="613"/>
      <c r="DJZ704" s="613"/>
      <c r="DKA704" s="613"/>
      <c r="DKB704" s="613"/>
      <c r="DKC704" s="613"/>
      <c r="DKD704" s="613"/>
      <c r="DKE704" s="613"/>
      <c r="DKF704" s="613"/>
      <c r="DKG704" s="613"/>
      <c r="DKH704" s="613"/>
      <c r="DKI704" s="613"/>
      <c r="DKJ704" s="613"/>
      <c r="DKK704" s="613"/>
      <c r="DKL704" s="613"/>
      <c r="DKM704" s="613"/>
      <c r="DKN704" s="613"/>
      <c r="DKO704" s="613"/>
      <c r="DKP704" s="613"/>
      <c r="DKQ704" s="613"/>
      <c r="DKR704" s="613"/>
      <c r="DKS704" s="613"/>
      <c r="DKT704" s="613"/>
      <c r="DKU704" s="613"/>
      <c r="DKV704" s="613"/>
      <c r="DKW704" s="613"/>
      <c r="DKX704" s="613"/>
      <c r="DKY704" s="613"/>
      <c r="DKZ704" s="613"/>
      <c r="DLA704" s="613"/>
      <c r="DLB704" s="613"/>
      <c r="DLC704" s="613"/>
      <c r="DLD704" s="613"/>
      <c r="DLE704" s="613"/>
      <c r="DLF704" s="613"/>
      <c r="DLG704" s="613"/>
      <c r="DLH704" s="613"/>
      <c r="DLI704" s="613"/>
      <c r="DLJ704" s="613"/>
      <c r="DLK704" s="613"/>
      <c r="DLL704" s="613"/>
      <c r="DLM704" s="613"/>
      <c r="DLN704" s="613"/>
      <c r="DLO704" s="613"/>
      <c r="DLP704" s="613"/>
      <c r="DLQ704" s="613"/>
      <c r="DLR704" s="613"/>
      <c r="DLS704" s="613"/>
      <c r="DLT704" s="613"/>
      <c r="DLU704" s="613"/>
      <c r="DLV704" s="613"/>
      <c r="DLW704" s="613"/>
      <c r="DLX704" s="613"/>
      <c r="DLY704" s="613"/>
      <c r="DLZ704" s="613"/>
      <c r="DMA704" s="613"/>
      <c r="DMB704" s="613"/>
      <c r="DMC704" s="613"/>
      <c r="DMD704" s="613"/>
      <c r="DME704" s="613"/>
      <c r="DMF704" s="613"/>
      <c r="DMG704" s="613"/>
      <c r="DMH704" s="613"/>
      <c r="DMI704" s="613"/>
      <c r="DMJ704" s="613"/>
      <c r="DMK704" s="613"/>
      <c r="DML704" s="613"/>
      <c r="DMM704" s="613"/>
      <c r="DMN704" s="613"/>
      <c r="DMO704" s="613"/>
      <c r="DMP704" s="613"/>
      <c r="DMQ704" s="613"/>
      <c r="DMR704" s="613"/>
      <c r="DMS704" s="613"/>
      <c r="DMT704" s="613"/>
      <c r="DMU704" s="613"/>
      <c r="DMV704" s="613"/>
      <c r="DMW704" s="613"/>
      <c r="DMX704" s="613"/>
      <c r="DMY704" s="613"/>
      <c r="DMZ704" s="613"/>
      <c r="DNA704" s="613"/>
      <c r="DNB704" s="613"/>
      <c r="DNC704" s="613"/>
      <c r="DND704" s="613"/>
      <c r="DNE704" s="613"/>
      <c r="DNF704" s="613"/>
      <c r="DNG704" s="613"/>
      <c r="DNH704" s="613"/>
      <c r="DNI704" s="613"/>
      <c r="DNJ704" s="613"/>
      <c r="DNK704" s="613"/>
      <c r="DNL704" s="613"/>
      <c r="DNM704" s="613"/>
      <c r="DNN704" s="613"/>
      <c r="DNO704" s="613"/>
      <c r="DNP704" s="613"/>
      <c r="DNQ704" s="613"/>
      <c r="DNR704" s="613"/>
      <c r="DNS704" s="613"/>
      <c r="DNT704" s="613"/>
      <c r="DNU704" s="613"/>
      <c r="DNV704" s="613"/>
      <c r="DNW704" s="613"/>
      <c r="DNX704" s="613"/>
      <c r="DNY704" s="613"/>
      <c r="DNZ704" s="613"/>
      <c r="DOA704" s="613"/>
      <c r="DOB704" s="613"/>
      <c r="DOC704" s="613"/>
      <c r="DOD704" s="613"/>
      <c r="DOE704" s="613"/>
      <c r="DOF704" s="613"/>
      <c r="DOG704" s="613"/>
      <c r="DOH704" s="613"/>
      <c r="DOI704" s="613"/>
      <c r="DOJ704" s="613"/>
      <c r="DOK704" s="613"/>
      <c r="DOL704" s="613"/>
      <c r="DOM704" s="613"/>
      <c r="DON704" s="613"/>
      <c r="DOO704" s="613"/>
      <c r="DOP704" s="613"/>
      <c r="DOQ704" s="613"/>
      <c r="DOR704" s="613"/>
      <c r="DOS704" s="613"/>
      <c r="DOT704" s="613"/>
      <c r="DOU704" s="613"/>
      <c r="DOV704" s="613"/>
      <c r="DOW704" s="613"/>
      <c r="DOX704" s="613"/>
      <c r="DOY704" s="613"/>
      <c r="DOZ704" s="613"/>
      <c r="DPA704" s="613"/>
      <c r="DPB704" s="613"/>
      <c r="DPC704" s="613"/>
      <c r="DPD704" s="613"/>
      <c r="DPE704" s="613"/>
      <c r="DPF704" s="613"/>
      <c r="DPG704" s="613"/>
      <c r="DPH704" s="613"/>
      <c r="DPI704" s="613"/>
      <c r="DPJ704" s="613"/>
      <c r="DPK704" s="613"/>
      <c r="DPL704" s="613"/>
      <c r="DPM704" s="613"/>
      <c r="DPN704" s="613"/>
      <c r="DPO704" s="613"/>
      <c r="DPP704" s="613"/>
      <c r="DPQ704" s="613"/>
      <c r="DPR704" s="613"/>
      <c r="DPS704" s="613"/>
      <c r="DPT704" s="613"/>
      <c r="DPU704" s="613"/>
      <c r="DPV704" s="613"/>
      <c r="DPW704" s="613"/>
      <c r="DPX704" s="613"/>
      <c r="DPY704" s="613"/>
      <c r="DPZ704" s="613"/>
      <c r="DQA704" s="613"/>
      <c r="DQB704" s="613"/>
      <c r="DQC704" s="613"/>
      <c r="DQD704" s="613"/>
      <c r="DQE704" s="613"/>
      <c r="DQF704" s="613"/>
      <c r="DQG704" s="613"/>
      <c r="DQH704" s="613"/>
      <c r="DQI704" s="613"/>
      <c r="DQJ704" s="613"/>
      <c r="DQK704" s="613"/>
      <c r="DQL704" s="613"/>
      <c r="DQM704" s="613"/>
      <c r="DQN704" s="613"/>
      <c r="DQO704" s="613"/>
      <c r="DQP704" s="613"/>
      <c r="DQQ704" s="613"/>
      <c r="DQR704" s="613"/>
      <c r="DQS704" s="613"/>
      <c r="DQT704" s="613"/>
      <c r="DQU704" s="613"/>
      <c r="DQV704" s="613"/>
      <c r="DQW704" s="613"/>
      <c r="DQX704" s="613"/>
      <c r="DQY704" s="613"/>
      <c r="DQZ704" s="613"/>
      <c r="DRA704" s="613"/>
      <c r="DRB704" s="613"/>
      <c r="DRC704" s="613"/>
      <c r="DRD704" s="613"/>
      <c r="DRE704" s="613"/>
      <c r="DRF704" s="613"/>
      <c r="DRG704" s="613"/>
      <c r="DRH704" s="613"/>
      <c r="DRI704" s="613"/>
      <c r="DRJ704" s="613"/>
      <c r="DRK704" s="613"/>
      <c r="DRL704" s="613"/>
      <c r="DRM704" s="613"/>
      <c r="DRN704" s="613"/>
      <c r="DRO704" s="613"/>
      <c r="DRP704" s="613"/>
      <c r="DRQ704" s="613"/>
      <c r="DRR704" s="613"/>
      <c r="DRS704" s="613"/>
      <c r="DRT704" s="613"/>
      <c r="DRU704" s="613"/>
      <c r="DRV704" s="613"/>
      <c r="DRW704" s="613"/>
      <c r="DRX704" s="613"/>
      <c r="DRY704" s="613"/>
      <c r="DRZ704" s="613"/>
      <c r="DSA704" s="613"/>
      <c r="DSB704" s="613"/>
      <c r="DSC704" s="613"/>
      <c r="DSD704" s="613"/>
      <c r="DSE704" s="613"/>
      <c r="DSF704" s="613"/>
      <c r="DSG704" s="613"/>
      <c r="DSH704" s="613"/>
      <c r="DSI704" s="613"/>
      <c r="DSJ704" s="613"/>
      <c r="DSK704" s="613"/>
      <c r="DSL704" s="613"/>
      <c r="DSM704" s="613"/>
      <c r="DSN704" s="613"/>
      <c r="DSO704" s="613"/>
      <c r="DSP704" s="613"/>
      <c r="DSQ704" s="613"/>
      <c r="DSR704" s="613"/>
      <c r="DSS704" s="613"/>
      <c r="DST704" s="613"/>
      <c r="DSU704" s="613"/>
      <c r="DSV704" s="613"/>
      <c r="DSW704" s="613"/>
      <c r="DSX704" s="613"/>
      <c r="DSY704" s="613"/>
      <c r="DSZ704" s="613"/>
      <c r="DTA704" s="613"/>
      <c r="DTB704" s="613"/>
      <c r="DTC704" s="613"/>
      <c r="DTD704" s="613"/>
      <c r="DTE704" s="613"/>
      <c r="DTF704" s="613"/>
      <c r="DTG704" s="613"/>
      <c r="DTH704" s="613"/>
      <c r="DTI704" s="613"/>
      <c r="DTJ704" s="613"/>
      <c r="DTK704" s="613"/>
      <c r="DTL704" s="613"/>
      <c r="DTM704" s="613"/>
      <c r="DTN704" s="613"/>
      <c r="DTO704" s="613"/>
      <c r="DTP704" s="613"/>
      <c r="DTQ704" s="613"/>
      <c r="DTR704" s="613"/>
      <c r="DTS704" s="613"/>
      <c r="DTT704" s="613"/>
      <c r="DTU704" s="613"/>
      <c r="DTV704" s="613"/>
      <c r="DTW704" s="613"/>
      <c r="DTX704" s="613"/>
      <c r="DTY704" s="613"/>
      <c r="DTZ704" s="613"/>
      <c r="DUA704" s="613"/>
      <c r="DUB704" s="613"/>
      <c r="DUC704" s="613"/>
      <c r="DUD704" s="613"/>
      <c r="DUE704" s="613"/>
      <c r="DUF704" s="613"/>
      <c r="DUG704" s="613"/>
      <c r="DUH704" s="613"/>
      <c r="DUI704" s="613"/>
      <c r="DUJ704" s="613"/>
      <c r="DUK704" s="613"/>
      <c r="DUL704" s="613"/>
      <c r="DUM704" s="613"/>
      <c r="DUN704" s="613"/>
      <c r="DUO704" s="613"/>
      <c r="DUP704" s="613"/>
      <c r="DUQ704" s="613"/>
      <c r="DUR704" s="613"/>
      <c r="DUS704" s="613"/>
      <c r="DUT704" s="613"/>
      <c r="DUU704" s="613"/>
      <c r="DUV704" s="613"/>
      <c r="DUW704" s="613"/>
      <c r="DUX704" s="613"/>
      <c r="DUY704" s="613"/>
      <c r="DUZ704" s="613"/>
      <c r="DVA704" s="613"/>
      <c r="DVB704" s="613"/>
      <c r="DVC704" s="613"/>
      <c r="DVD704" s="613"/>
      <c r="DVE704" s="613"/>
      <c r="DVF704" s="613"/>
      <c r="DVG704" s="613"/>
      <c r="DVH704" s="613"/>
      <c r="DVI704" s="613"/>
      <c r="DVJ704" s="613"/>
      <c r="DVK704" s="613"/>
      <c r="DVL704" s="613"/>
      <c r="DVM704" s="613"/>
      <c r="DVN704" s="613"/>
      <c r="DVO704" s="613"/>
      <c r="DVP704" s="613"/>
      <c r="DVQ704" s="613"/>
      <c r="DVR704" s="613"/>
      <c r="DVS704" s="613"/>
      <c r="DVT704" s="613"/>
      <c r="DVU704" s="613"/>
      <c r="DVV704" s="613"/>
      <c r="DVW704" s="613"/>
      <c r="DVX704" s="613"/>
      <c r="DVY704" s="613"/>
      <c r="DVZ704" s="613"/>
      <c r="DWA704" s="613"/>
      <c r="DWB704" s="613"/>
      <c r="DWC704" s="613"/>
      <c r="DWD704" s="613"/>
      <c r="DWE704" s="613"/>
      <c r="DWF704" s="613"/>
      <c r="DWG704" s="613"/>
      <c r="DWH704" s="613"/>
      <c r="DWI704" s="613"/>
      <c r="DWJ704" s="613"/>
      <c r="DWK704" s="613"/>
      <c r="DWL704" s="613"/>
      <c r="DWM704" s="613"/>
      <c r="DWN704" s="613"/>
      <c r="DWO704" s="613"/>
      <c r="DWP704" s="613"/>
      <c r="DWQ704" s="613"/>
      <c r="DWR704" s="613"/>
      <c r="DWS704" s="613"/>
      <c r="DWT704" s="613"/>
      <c r="DWU704" s="613"/>
      <c r="DWV704" s="613"/>
      <c r="DWW704" s="613"/>
      <c r="DWX704" s="613"/>
      <c r="DWY704" s="613"/>
      <c r="DWZ704" s="613"/>
      <c r="DXA704" s="613"/>
      <c r="DXB704" s="613"/>
      <c r="DXC704" s="613"/>
      <c r="DXD704" s="613"/>
      <c r="DXE704" s="613"/>
      <c r="DXF704" s="613"/>
      <c r="DXG704" s="613"/>
      <c r="DXH704" s="613"/>
      <c r="DXI704" s="613"/>
      <c r="DXJ704" s="613"/>
      <c r="DXK704" s="613"/>
      <c r="DXL704" s="613"/>
      <c r="DXM704" s="613"/>
      <c r="DXN704" s="613"/>
      <c r="DXO704" s="613"/>
      <c r="DXP704" s="613"/>
      <c r="DXQ704" s="613"/>
      <c r="DXR704" s="613"/>
      <c r="DXS704" s="613"/>
      <c r="DXT704" s="613"/>
      <c r="DXU704" s="613"/>
      <c r="DXV704" s="613"/>
      <c r="DXW704" s="613"/>
      <c r="DXX704" s="613"/>
      <c r="DXY704" s="613"/>
      <c r="DXZ704" s="613"/>
      <c r="DYA704" s="613"/>
      <c r="DYB704" s="613"/>
      <c r="DYC704" s="613"/>
      <c r="DYD704" s="613"/>
      <c r="DYE704" s="613"/>
      <c r="DYF704" s="613"/>
      <c r="DYG704" s="613"/>
      <c r="DYH704" s="613"/>
      <c r="DYI704" s="613"/>
      <c r="DYJ704" s="613"/>
      <c r="DYK704" s="613"/>
      <c r="DYL704" s="613"/>
      <c r="DYM704" s="613"/>
      <c r="DYN704" s="613"/>
      <c r="DYO704" s="613"/>
      <c r="DYP704" s="613"/>
      <c r="DYQ704" s="613"/>
      <c r="DYR704" s="613"/>
      <c r="DYS704" s="613"/>
      <c r="DYT704" s="613"/>
      <c r="DYU704" s="613"/>
      <c r="DYV704" s="613"/>
      <c r="DYW704" s="613"/>
      <c r="DYX704" s="613"/>
      <c r="DYY704" s="613"/>
      <c r="DYZ704" s="613"/>
      <c r="DZA704" s="613"/>
      <c r="DZB704" s="613"/>
      <c r="DZC704" s="613"/>
      <c r="DZD704" s="613"/>
      <c r="DZE704" s="613"/>
      <c r="DZF704" s="613"/>
      <c r="DZG704" s="613"/>
      <c r="DZH704" s="613"/>
      <c r="DZI704" s="613"/>
      <c r="DZJ704" s="613"/>
      <c r="DZK704" s="613"/>
      <c r="DZL704" s="613"/>
      <c r="DZM704" s="613"/>
      <c r="DZN704" s="613"/>
      <c r="DZO704" s="613"/>
      <c r="DZP704" s="613"/>
      <c r="DZQ704" s="613"/>
      <c r="DZR704" s="613"/>
      <c r="DZS704" s="613"/>
      <c r="DZT704" s="613"/>
      <c r="DZU704" s="613"/>
      <c r="DZV704" s="613"/>
      <c r="DZW704" s="613"/>
      <c r="DZX704" s="613"/>
      <c r="DZY704" s="613"/>
      <c r="DZZ704" s="613"/>
      <c r="EAA704" s="613"/>
      <c r="EAB704" s="613"/>
      <c r="EAC704" s="613"/>
      <c r="EAD704" s="613"/>
      <c r="EAE704" s="613"/>
      <c r="EAF704" s="613"/>
      <c r="EAG704" s="613"/>
      <c r="EAH704" s="613"/>
      <c r="EAI704" s="613"/>
      <c r="EAJ704" s="613"/>
      <c r="EAK704" s="613"/>
      <c r="EAL704" s="613"/>
      <c r="EAM704" s="613"/>
      <c r="EAN704" s="613"/>
      <c r="EAO704" s="613"/>
      <c r="EAP704" s="613"/>
      <c r="EAQ704" s="613"/>
      <c r="EAR704" s="613"/>
      <c r="EAS704" s="613"/>
      <c r="EAT704" s="613"/>
      <c r="EAU704" s="613"/>
      <c r="EAV704" s="613"/>
      <c r="EAW704" s="613"/>
      <c r="EAX704" s="613"/>
      <c r="EAY704" s="613"/>
      <c r="EAZ704" s="613"/>
      <c r="EBA704" s="613"/>
      <c r="EBB704" s="613"/>
      <c r="EBC704" s="613"/>
      <c r="EBD704" s="613"/>
      <c r="EBE704" s="613"/>
      <c r="EBF704" s="613"/>
      <c r="EBG704" s="613"/>
      <c r="EBH704" s="613"/>
      <c r="EBI704" s="613"/>
      <c r="EBJ704" s="613"/>
      <c r="EBK704" s="613"/>
      <c r="EBL704" s="613"/>
      <c r="EBM704" s="613"/>
      <c r="EBN704" s="613"/>
      <c r="EBO704" s="613"/>
      <c r="EBP704" s="613"/>
      <c r="EBQ704" s="613"/>
      <c r="EBR704" s="613"/>
      <c r="EBS704" s="613"/>
      <c r="EBT704" s="613"/>
      <c r="EBU704" s="613"/>
      <c r="EBV704" s="613"/>
      <c r="EBW704" s="613"/>
      <c r="EBX704" s="613"/>
      <c r="EBY704" s="613"/>
      <c r="EBZ704" s="613"/>
      <c r="ECA704" s="613"/>
      <c r="ECB704" s="613"/>
      <c r="ECC704" s="613"/>
      <c r="ECD704" s="613"/>
      <c r="ECE704" s="613"/>
      <c r="ECF704" s="613"/>
      <c r="ECG704" s="613"/>
      <c r="ECH704" s="613"/>
      <c r="ECI704" s="613"/>
      <c r="ECJ704" s="613"/>
      <c r="ECK704" s="613"/>
      <c r="ECL704" s="613"/>
      <c r="ECM704" s="613"/>
      <c r="ECN704" s="613"/>
      <c r="ECO704" s="613"/>
      <c r="ECP704" s="613"/>
      <c r="ECQ704" s="613"/>
      <c r="ECR704" s="613"/>
      <c r="ECS704" s="613"/>
      <c r="ECT704" s="613"/>
      <c r="ECU704" s="613"/>
      <c r="ECV704" s="613"/>
      <c r="ECW704" s="613"/>
      <c r="ECX704" s="613"/>
      <c r="ECY704" s="613"/>
      <c r="ECZ704" s="613"/>
      <c r="EDA704" s="613"/>
      <c r="EDB704" s="613"/>
      <c r="EDC704" s="613"/>
      <c r="EDD704" s="613"/>
      <c r="EDE704" s="613"/>
      <c r="EDF704" s="613"/>
      <c r="EDG704" s="613"/>
      <c r="EDH704" s="613"/>
      <c r="EDI704" s="613"/>
      <c r="EDJ704" s="613"/>
      <c r="EDK704" s="613"/>
      <c r="EDL704" s="613"/>
      <c r="EDM704" s="613"/>
      <c r="EDN704" s="613"/>
      <c r="EDO704" s="613"/>
      <c r="EDP704" s="613"/>
      <c r="EDQ704" s="613"/>
      <c r="EDR704" s="613"/>
      <c r="EDS704" s="613"/>
      <c r="EDT704" s="613"/>
      <c r="EDU704" s="613"/>
      <c r="EDV704" s="613"/>
      <c r="EDW704" s="613"/>
      <c r="EDX704" s="613"/>
      <c r="EDY704" s="613"/>
      <c r="EDZ704" s="613"/>
      <c r="EEA704" s="613"/>
      <c r="EEB704" s="613"/>
      <c r="EEC704" s="613"/>
      <c r="EED704" s="613"/>
      <c r="EEE704" s="613"/>
      <c r="EEF704" s="613"/>
      <c r="EEG704" s="613"/>
      <c r="EEH704" s="613"/>
      <c r="EEI704" s="613"/>
      <c r="EEJ704" s="613"/>
      <c r="EEK704" s="613"/>
      <c r="EEL704" s="613"/>
      <c r="EEM704" s="613"/>
      <c r="EEN704" s="613"/>
      <c r="EEO704" s="613"/>
      <c r="EEP704" s="613"/>
      <c r="EEQ704" s="613"/>
      <c r="EER704" s="613"/>
      <c r="EES704" s="613"/>
      <c r="EET704" s="613"/>
      <c r="EEU704" s="613"/>
      <c r="EEV704" s="613"/>
      <c r="EEW704" s="613"/>
      <c r="EEX704" s="613"/>
      <c r="EEY704" s="613"/>
      <c r="EEZ704" s="613"/>
      <c r="EFA704" s="613"/>
      <c r="EFB704" s="613"/>
      <c r="EFC704" s="613"/>
      <c r="EFD704" s="613"/>
      <c r="EFE704" s="613"/>
      <c r="EFF704" s="613"/>
      <c r="EFG704" s="613"/>
      <c r="EFH704" s="613"/>
      <c r="EFI704" s="613"/>
      <c r="EFJ704" s="613"/>
      <c r="EFK704" s="613"/>
      <c r="EFL704" s="613"/>
      <c r="EFM704" s="613"/>
      <c r="EFN704" s="613"/>
      <c r="EFO704" s="613"/>
      <c r="EFP704" s="613"/>
      <c r="EFQ704" s="613"/>
      <c r="EFR704" s="613"/>
      <c r="EFS704" s="613"/>
      <c r="EFT704" s="613"/>
      <c r="EFU704" s="613"/>
      <c r="EFV704" s="613"/>
      <c r="EFW704" s="613"/>
      <c r="EFX704" s="613"/>
      <c r="EFY704" s="613"/>
      <c r="EFZ704" s="613"/>
      <c r="EGA704" s="613"/>
      <c r="EGB704" s="613"/>
      <c r="EGC704" s="613"/>
      <c r="EGD704" s="613"/>
      <c r="EGE704" s="613"/>
      <c r="EGF704" s="613"/>
      <c r="EGG704" s="613"/>
      <c r="EGH704" s="613"/>
      <c r="EGI704" s="613"/>
      <c r="EGJ704" s="613"/>
      <c r="EGK704" s="613"/>
      <c r="EGL704" s="613"/>
      <c r="EGM704" s="613"/>
      <c r="EGN704" s="613"/>
      <c r="EGO704" s="613"/>
      <c r="EGP704" s="613"/>
      <c r="EGQ704" s="613"/>
      <c r="EGR704" s="613"/>
      <c r="EGS704" s="613"/>
      <c r="EGT704" s="613"/>
      <c r="EGU704" s="613"/>
      <c r="EGV704" s="613"/>
      <c r="EGW704" s="613"/>
      <c r="EGX704" s="613"/>
      <c r="EGY704" s="613"/>
      <c r="EGZ704" s="613"/>
      <c r="EHA704" s="613"/>
      <c r="EHB704" s="613"/>
      <c r="EHC704" s="613"/>
      <c r="EHD704" s="613"/>
      <c r="EHE704" s="613"/>
      <c r="EHF704" s="613"/>
      <c r="EHG704" s="613"/>
      <c r="EHH704" s="613"/>
      <c r="EHI704" s="613"/>
      <c r="EHJ704" s="613"/>
      <c r="EHK704" s="613"/>
      <c r="EHL704" s="613"/>
      <c r="EHM704" s="613"/>
      <c r="EHN704" s="613"/>
      <c r="EHO704" s="613"/>
      <c r="EHP704" s="613"/>
      <c r="EHQ704" s="613"/>
      <c r="EHR704" s="613"/>
      <c r="EHS704" s="613"/>
      <c r="EHT704" s="613"/>
      <c r="EHU704" s="613"/>
      <c r="EHV704" s="613"/>
      <c r="EHW704" s="613"/>
      <c r="EHX704" s="613"/>
      <c r="EHY704" s="613"/>
      <c r="EHZ704" s="613"/>
      <c r="EIA704" s="613"/>
      <c r="EIB704" s="613"/>
      <c r="EIC704" s="613"/>
      <c r="EID704" s="613"/>
      <c r="EIE704" s="613"/>
      <c r="EIF704" s="613"/>
      <c r="EIG704" s="613"/>
      <c r="EIH704" s="613"/>
      <c r="EII704" s="613"/>
      <c r="EIJ704" s="613"/>
      <c r="EIK704" s="613"/>
      <c r="EIL704" s="613"/>
      <c r="EIM704" s="613"/>
      <c r="EIN704" s="613"/>
      <c r="EIO704" s="613"/>
      <c r="EIP704" s="613"/>
      <c r="EIQ704" s="613"/>
      <c r="EIR704" s="613"/>
      <c r="EIS704" s="613"/>
      <c r="EIT704" s="613"/>
      <c r="EIU704" s="613"/>
      <c r="EIV704" s="613"/>
      <c r="EIW704" s="613"/>
      <c r="EIX704" s="613"/>
      <c r="EIY704" s="613"/>
      <c r="EIZ704" s="613"/>
      <c r="EJA704" s="613"/>
      <c r="EJB704" s="613"/>
      <c r="EJC704" s="613"/>
      <c r="EJD704" s="613"/>
      <c r="EJE704" s="613"/>
      <c r="EJF704" s="613"/>
      <c r="EJG704" s="613"/>
      <c r="EJH704" s="613"/>
      <c r="EJI704" s="613"/>
      <c r="EJJ704" s="613"/>
      <c r="EJK704" s="613"/>
      <c r="EJL704" s="613"/>
      <c r="EJM704" s="613"/>
      <c r="EJN704" s="613"/>
      <c r="EJO704" s="613"/>
      <c r="EJP704" s="613"/>
      <c r="EJQ704" s="613"/>
      <c r="EJR704" s="613"/>
      <c r="EJS704" s="613"/>
      <c r="EJT704" s="613"/>
      <c r="EJU704" s="613"/>
      <c r="EJV704" s="613"/>
      <c r="EJW704" s="613"/>
      <c r="EJX704" s="613"/>
      <c r="EJY704" s="613"/>
      <c r="EJZ704" s="613"/>
      <c r="EKA704" s="613"/>
      <c r="EKB704" s="613"/>
      <c r="EKC704" s="613"/>
      <c r="EKD704" s="613"/>
      <c r="EKE704" s="613"/>
      <c r="EKF704" s="613"/>
      <c r="EKG704" s="613"/>
      <c r="EKH704" s="613"/>
      <c r="EKI704" s="613"/>
      <c r="EKJ704" s="613"/>
      <c r="EKK704" s="613"/>
      <c r="EKL704" s="613"/>
      <c r="EKM704" s="613"/>
      <c r="EKN704" s="613"/>
      <c r="EKO704" s="613"/>
      <c r="EKP704" s="613"/>
      <c r="EKQ704" s="613"/>
      <c r="EKR704" s="613"/>
      <c r="EKS704" s="613"/>
      <c r="EKT704" s="613"/>
      <c r="EKU704" s="613"/>
      <c r="EKV704" s="613"/>
      <c r="EKW704" s="613"/>
      <c r="EKX704" s="613"/>
      <c r="EKY704" s="613"/>
      <c r="EKZ704" s="613"/>
      <c r="ELA704" s="613"/>
      <c r="ELB704" s="613"/>
      <c r="ELC704" s="613"/>
      <c r="ELD704" s="613"/>
      <c r="ELE704" s="613"/>
      <c r="ELF704" s="613"/>
      <c r="ELG704" s="613"/>
      <c r="ELH704" s="613"/>
      <c r="ELI704" s="613"/>
      <c r="ELJ704" s="613"/>
      <c r="ELK704" s="613"/>
      <c r="ELL704" s="613"/>
      <c r="ELM704" s="613"/>
      <c r="ELN704" s="613"/>
      <c r="ELO704" s="613"/>
      <c r="ELP704" s="613"/>
      <c r="ELQ704" s="613"/>
      <c r="ELR704" s="613"/>
      <c r="ELS704" s="613"/>
      <c r="ELT704" s="613"/>
      <c r="ELU704" s="613"/>
      <c r="ELV704" s="613"/>
      <c r="ELW704" s="613"/>
      <c r="ELX704" s="613"/>
      <c r="ELY704" s="613"/>
      <c r="ELZ704" s="613"/>
      <c r="EMA704" s="613"/>
      <c r="EMB704" s="613"/>
      <c r="EMC704" s="613"/>
      <c r="EMD704" s="613"/>
      <c r="EME704" s="613"/>
      <c r="EMF704" s="613"/>
      <c r="EMG704" s="613"/>
      <c r="EMH704" s="613"/>
      <c r="EMI704" s="613"/>
      <c r="EMJ704" s="613"/>
      <c r="EMK704" s="613"/>
      <c r="EML704" s="613"/>
      <c r="EMM704" s="613"/>
      <c r="EMN704" s="613"/>
      <c r="EMO704" s="613"/>
      <c r="EMP704" s="613"/>
      <c r="EMQ704" s="613"/>
      <c r="EMR704" s="613"/>
      <c r="EMS704" s="613"/>
      <c r="EMT704" s="613"/>
      <c r="EMU704" s="613"/>
      <c r="EMV704" s="613"/>
      <c r="EMW704" s="613"/>
      <c r="EMX704" s="613"/>
      <c r="EMY704" s="613"/>
      <c r="EMZ704" s="613"/>
      <c r="ENA704" s="613"/>
      <c r="ENB704" s="613"/>
      <c r="ENC704" s="613"/>
      <c r="END704" s="613"/>
      <c r="ENE704" s="613"/>
      <c r="ENF704" s="613"/>
      <c r="ENG704" s="613"/>
      <c r="ENH704" s="613"/>
      <c r="ENI704" s="613"/>
      <c r="ENJ704" s="613"/>
      <c r="ENK704" s="613"/>
      <c r="ENL704" s="613"/>
      <c r="ENM704" s="613"/>
      <c r="ENN704" s="613"/>
      <c r="ENO704" s="613"/>
      <c r="ENP704" s="613"/>
      <c r="ENQ704" s="613"/>
      <c r="ENR704" s="613"/>
      <c r="ENS704" s="613"/>
      <c r="ENT704" s="613"/>
      <c r="ENU704" s="613"/>
      <c r="ENV704" s="613"/>
      <c r="ENW704" s="613"/>
      <c r="ENX704" s="613"/>
      <c r="ENY704" s="613"/>
      <c r="ENZ704" s="613"/>
      <c r="EOA704" s="613"/>
      <c r="EOB704" s="613"/>
      <c r="EOC704" s="613"/>
      <c r="EOD704" s="613"/>
      <c r="EOE704" s="613"/>
      <c r="EOF704" s="613"/>
      <c r="EOG704" s="613"/>
      <c r="EOH704" s="613"/>
      <c r="EOI704" s="613"/>
      <c r="EOJ704" s="613"/>
      <c r="EOK704" s="613"/>
      <c r="EOL704" s="613"/>
      <c r="EOM704" s="613"/>
      <c r="EON704" s="613"/>
      <c r="EOO704" s="613"/>
      <c r="EOP704" s="613"/>
      <c r="EOQ704" s="613"/>
      <c r="EOR704" s="613"/>
      <c r="EOS704" s="613"/>
      <c r="EOT704" s="613"/>
      <c r="EOU704" s="613"/>
      <c r="EOV704" s="613"/>
      <c r="EOW704" s="613"/>
      <c r="EOX704" s="613"/>
      <c r="EOY704" s="613"/>
      <c r="EOZ704" s="613"/>
      <c r="EPA704" s="613"/>
      <c r="EPB704" s="613"/>
      <c r="EPC704" s="613"/>
      <c r="EPD704" s="613"/>
      <c r="EPE704" s="613"/>
      <c r="EPF704" s="613"/>
      <c r="EPG704" s="613"/>
      <c r="EPH704" s="613"/>
      <c r="EPI704" s="613"/>
      <c r="EPJ704" s="613"/>
      <c r="EPK704" s="613"/>
      <c r="EPL704" s="613"/>
      <c r="EPM704" s="613"/>
      <c r="EPN704" s="613"/>
      <c r="EPO704" s="613"/>
      <c r="EPP704" s="613"/>
      <c r="EPQ704" s="613"/>
      <c r="EPR704" s="613"/>
      <c r="EPS704" s="613"/>
      <c r="EPT704" s="613"/>
      <c r="EPU704" s="613"/>
      <c r="EPV704" s="613"/>
      <c r="EPW704" s="613"/>
      <c r="EPX704" s="613"/>
      <c r="EPY704" s="613"/>
      <c r="EPZ704" s="613"/>
      <c r="EQA704" s="613"/>
      <c r="EQB704" s="613"/>
      <c r="EQC704" s="613"/>
      <c r="EQD704" s="613"/>
      <c r="EQE704" s="613"/>
      <c r="EQF704" s="613"/>
      <c r="EQG704" s="613"/>
      <c r="EQH704" s="613"/>
      <c r="EQI704" s="613"/>
      <c r="EQJ704" s="613"/>
      <c r="EQK704" s="613"/>
      <c r="EQL704" s="613"/>
      <c r="EQM704" s="613"/>
      <c r="EQN704" s="613"/>
      <c r="EQO704" s="613"/>
      <c r="EQP704" s="613"/>
      <c r="EQQ704" s="613"/>
      <c r="EQR704" s="613"/>
      <c r="EQS704" s="613"/>
      <c r="EQT704" s="613"/>
      <c r="EQU704" s="613"/>
      <c r="EQV704" s="613"/>
      <c r="EQW704" s="613"/>
      <c r="EQX704" s="613"/>
      <c r="EQY704" s="613"/>
      <c r="EQZ704" s="613"/>
      <c r="ERA704" s="613"/>
      <c r="ERB704" s="613"/>
      <c r="ERC704" s="613"/>
      <c r="ERD704" s="613"/>
      <c r="ERE704" s="613"/>
      <c r="ERF704" s="613"/>
      <c r="ERG704" s="613"/>
      <c r="ERH704" s="613"/>
      <c r="ERI704" s="613"/>
      <c r="ERJ704" s="613"/>
      <c r="ERK704" s="613"/>
      <c r="ERL704" s="613"/>
      <c r="ERM704" s="613"/>
      <c r="ERN704" s="613"/>
      <c r="ERO704" s="613"/>
      <c r="ERP704" s="613"/>
      <c r="ERQ704" s="613"/>
      <c r="ERR704" s="613"/>
      <c r="ERS704" s="613"/>
      <c r="ERT704" s="613"/>
      <c r="ERU704" s="613"/>
      <c r="ERV704" s="613"/>
      <c r="ERW704" s="613"/>
      <c r="ERX704" s="613"/>
      <c r="ERY704" s="613"/>
      <c r="ERZ704" s="613"/>
      <c r="ESA704" s="613"/>
      <c r="ESB704" s="613"/>
      <c r="ESC704" s="613"/>
      <c r="ESD704" s="613"/>
      <c r="ESE704" s="613"/>
      <c r="ESF704" s="613"/>
      <c r="ESG704" s="613"/>
      <c r="ESH704" s="613"/>
      <c r="ESI704" s="613"/>
      <c r="ESJ704" s="613"/>
      <c r="ESK704" s="613"/>
      <c r="ESL704" s="613"/>
      <c r="ESM704" s="613"/>
      <c r="ESN704" s="613"/>
      <c r="ESO704" s="613"/>
      <c r="ESP704" s="613"/>
      <c r="ESQ704" s="613"/>
      <c r="ESR704" s="613"/>
      <c r="ESS704" s="613"/>
      <c r="EST704" s="613"/>
      <c r="ESU704" s="613"/>
      <c r="ESV704" s="613"/>
      <c r="ESW704" s="613"/>
      <c r="ESX704" s="613"/>
      <c r="ESY704" s="613"/>
      <c r="ESZ704" s="613"/>
      <c r="ETA704" s="613"/>
      <c r="ETB704" s="613"/>
      <c r="ETC704" s="613"/>
      <c r="ETD704" s="613"/>
      <c r="ETE704" s="613"/>
      <c r="ETF704" s="613"/>
      <c r="ETG704" s="613"/>
      <c r="ETH704" s="613"/>
      <c r="ETI704" s="613"/>
      <c r="ETJ704" s="613"/>
      <c r="ETK704" s="613"/>
      <c r="ETL704" s="613"/>
      <c r="ETM704" s="613"/>
      <c r="ETN704" s="613"/>
      <c r="ETO704" s="613"/>
      <c r="ETP704" s="613"/>
      <c r="ETQ704" s="613"/>
      <c r="ETR704" s="613"/>
      <c r="ETS704" s="613"/>
      <c r="ETT704" s="613"/>
      <c r="ETU704" s="613"/>
      <c r="ETV704" s="613"/>
      <c r="ETW704" s="613"/>
      <c r="ETX704" s="613"/>
      <c r="ETY704" s="613"/>
      <c r="ETZ704" s="613"/>
      <c r="EUA704" s="613"/>
      <c r="EUB704" s="613"/>
      <c r="EUC704" s="613"/>
      <c r="EUD704" s="613"/>
      <c r="EUE704" s="613"/>
      <c r="EUF704" s="613"/>
      <c r="EUG704" s="613"/>
      <c r="EUH704" s="613"/>
      <c r="EUI704" s="613"/>
      <c r="EUJ704" s="613"/>
      <c r="EUK704" s="613"/>
      <c r="EUL704" s="613"/>
      <c r="EUM704" s="613"/>
      <c r="EUN704" s="613"/>
      <c r="EUO704" s="613"/>
      <c r="EUP704" s="613"/>
      <c r="EUQ704" s="613"/>
      <c r="EUR704" s="613"/>
      <c r="EUS704" s="613"/>
      <c r="EUT704" s="613"/>
      <c r="EUU704" s="613"/>
      <c r="EUV704" s="613"/>
      <c r="EUW704" s="613"/>
      <c r="EUX704" s="613"/>
      <c r="EUY704" s="613"/>
      <c r="EUZ704" s="613"/>
      <c r="EVA704" s="613"/>
      <c r="EVB704" s="613"/>
      <c r="EVC704" s="613"/>
      <c r="EVD704" s="613"/>
      <c r="EVE704" s="613"/>
      <c r="EVF704" s="613"/>
      <c r="EVG704" s="613"/>
      <c r="EVH704" s="613"/>
      <c r="EVI704" s="613"/>
      <c r="EVJ704" s="613"/>
      <c r="EVK704" s="613"/>
      <c r="EVL704" s="613"/>
      <c r="EVM704" s="613"/>
      <c r="EVN704" s="613"/>
      <c r="EVO704" s="613"/>
      <c r="EVP704" s="613"/>
      <c r="EVQ704" s="613"/>
      <c r="EVR704" s="613"/>
      <c r="EVS704" s="613"/>
      <c r="EVT704" s="613"/>
      <c r="EVU704" s="613"/>
      <c r="EVV704" s="613"/>
      <c r="EVW704" s="613"/>
      <c r="EVX704" s="613"/>
      <c r="EVY704" s="613"/>
      <c r="EVZ704" s="613"/>
      <c r="EWA704" s="613"/>
      <c r="EWB704" s="613"/>
      <c r="EWC704" s="613"/>
      <c r="EWD704" s="613"/>
      <c r="EWE704" s="613"/>
      <c r="EWF704" s="613"/>
      <c r="EWG704" s="613"/>
      <c r="EWH704" s="613"/>
      <c r="EWI704" s="613"/>
      <c r="EWJ704" s="613"/>
      <c r="EWK704" s="613"/>
      <c r="EWL704" s="613"/>
      <c r="EWM704" s="613"/>
      <c r="EWN704" s="613"/>
      <c r="EWO704" s="613"/>
      <c r="EWP704" s="613"/>
      <c r="EWQ704" s="613"/>
      <c r="EWR704" s="613"/>
      <c r="EWS704" s="613"/>
      <c r="EWT704" s="613"/>
      <c r="EWU704" s="613"/>
      <c r="EWV704" s="613"/>
      <c r="EWW704" s="613"/>
      <c r="EWX704" s="613"/>
      <c r="EWY704" s="613"/>
      <c r="EWZ704" s="613"/>
      <c r="EXA704" s="613"/>
      <c r="EXB704" s="613"/>
      <c r="EXC704" s="613"/>
      <c r="EXD704" s="613"/>
      <c r="EXE704" s="613"/>
      <c r="EXF704" s="613"/>
      <c r="EXG704" s="613"/>
      <c r="EXH704" s="613"/>
      <c r="EXI704" s="613"/>
      <c r="EXJ704" s="613"/>
      <c r="EXK704" s="613"/>
      <c r="EXL704" s="613"/>
      <c r="EXM704" s="613"/>
      <c r="EXN704" s="613"/>
      <c r="EXO704" s="613"/>
      <c r="EXP704" s="613"/>
      <c r="EXQ704" s="613"/>
      <c r="EXR704" s="613"/>
      <c r="EXS704" s="613"/>
      <c r="EXT704" s="613"/>
      <c r="EXU704" s="613"/>
      <c r="EXV704" s="613"/>
      <c r="EXW704" s="613"/>
      <c r="EXX704" s="613"/>
      <c r="EXY704" s="613"/>
      <c r="EXZ704" s="613"/>
      <c r="EYA704" s="613"/>
      <c r="EYB704" s="613"/>
      <c r="EYC704" s="613"/>
      <c r="EYD704" s="613"/>
      <c r="EYE704" s="613"/>
      <c r="EYF704" s="613"/>
      <c r="EYG704" s="613"/>
      <c r="EYH704" s="613"/>
      <c r="EYI704" s="613"/>
      <c r="EYJ704" s="613"/>
      <c r="EYK704" s="613"/>
      <c r="EYL704" s="613"/>
      <c r="EYM704" s="613"/>
      <c r="EYN704" s="613"/>
      <c r="EYO704" s="613"/>
      <c r="EYP704" s="613"/>
      <c r="EYQ704" s="613"/>
      <c r="EYR704" s="613"/>
      <c r="EYS704" s="613"/>
      <c r="EYT704" s="613"/>
      <c r="EYU704" s="613"/>
      <c r="EYV704" s="613"/>
      <c r="EYW704" s="613"/>
      <c r="EYX704" s="613"/>
      <c r="EYY704" s="613"/>
      <c r="EYZ704" s="613"/>
      <c r="EZA704" s="613"/>
      <c r="EZB704" s="613"/>
      <c r="EZC704" s="613"/>
      <c r="EZD704" s="613"/>
      <c r="EZE704" s="613"/>
      <c r="EZF704" s="613"/>
      <c r="EZG704" s="613"/>
      <c r="EZH704" s="613"/>
      <c r="EZI704" s="613"/>
      <c r="EZJ704" s="613"/>
      <c r="EZK704" s="613"/>
      <c r="EZL704" s="613"/>
      <c r="EZM704" s="613"/>
      <c r="EZN704" s="613"/>
      <c r="EZO704" s="613"/>
      <c r="EZP704" s="613"/>
      <c r="EZQ704" s="613"/>
      <c r="EZR704" s="613"/>
      <c r="EZS704" s="613"/>
      <c r="EZT704" s="613"/>
      <c r="EZU704" s="613"/>
      <c r="EZV704" s="613"/>
      <c r="EZW704" s="613"/>
      <c r="EZX704" s="613"/>
      <c r="EZY704" s="613"/>
      <c r="EZZ704" s="613"/>
      <c r="FAA704" s="613"/>
      <c r="FAB704" s="613"/>
      <c r="FAC704" s="613"/>
      <c r="FAD704" s="613"/>
      <c r="FAE704" s="613"/>
      <c r="FAF704" s="613"/>
      <c r="FAG704" s="613"/>
      <c r="FAH704" s="613"/>
      <c r="FAI704" s="613"/>
      <c r="FAJ704" s="613"/>
      <c r="FAK704" s="613"/>
      <c r="FAL704" s="613"/>
      <c r="FAM704" s="613"/>
      <c r="FAN704" s="613"/>
      <c r="FAO704" s="613"/>
      <c r="FAP704" s="613"/>
      <c r="FAQ704" s="613"/>
      <c r="FAR704" s="613"/>
      <c r="FAS704" s="613"/>
      <c r="FAT704" s="613"/>
      <c r="FAU704" s="613"/>
      <c r="FAV704" s="613"/>
      <c r="FAW704" s="613"/>
      <c r="FAX704" s="613"/>
      <c r="FAY704" s="613"/>
      <c r="FAZ704" s="613"/>
      <c r="FBA704" s="613"/>
      <c r="FBB704" s="613"/>
      <c r="FBC704" s="613"/>
      <c r="FBD704" s="613"/>
      <c r="FBE704" s="613"/>
      <c r="FBF704" s="613"/>
      <c r="FBG704" s="613"/>
      <c r="FBH704" s="613"/>
      <c r="FBI704" s="613"/>
      <c r="FBJ704" s="613"/>
      <c r="FBK704" s="613"/>
      <c r="FBL704" s="613"/>
      <c r="FBM704" s="613"/>
      <c r="FBN704" s="613"/>
      <c r="FBO704" s="613"/>
      <c r="FBP704" s="613"/>
      <c r="FBQ704" s="613"/>
      <c r="FBR704" s="613"/>
      <c r="FBS704" s="613"/>
      <c r="FBT704" s="613"/>
      <c r="FBU704" s="613"/>
      <c r="FBV704" s="613"/>
      <c r="FBW704" s="613"/>
      <c r="FBX704" s="613"/>
      <c r="FBY704" s="613"/>
      <c r="FBZ704" s="613"/>
      <c r="FCA704" s="613"/>
      <c r="FCB704" s="613"/>
      <c r="FCC704" s="613"/>
      <c r="FCD704" s="613"/>
      <c r="FCE704" s="613"/>
      <c r="FCF704" s="613"/>
      <c r="FCG704" s="613"/>
      <c r="FCH704" s="613"/>
      <c r="FCI704" s="613"/>
      <c r="FCJ704" s="613"/>
      <c r="FCK704" s="613"/>
      <c r="FCL704" s="613"/>
      <c r="FCM704" s="613"/>
      <c r="FCN704" s="613"/>
      <c r="FCO704" s="613"/>
      <c r="FCP704" s="613"/>
      <c r="FCQ704" s="613"/>
      <c r="FCR704" s="613"/>
      <c r="FCS704" s="613"/>
      <c r="FCT704" s="613"/>
      <c r="FCU704" s="613"/>
      <c r="FCV704" s="613"/>
      <c r="FCW704" s="613"/>
      <c r="FCX704" s="613"/>
      <c r="FCY704" s="613"/>
      <c r="FCZ704" s="613"/>
      <c r="FDA704" s="613"/>
      <c r="FDB704" s="613"/>
      <c r="FDC704" s="613"/>
      <c r="FDD704" s="613"/>
      <c r="FDE704" s="613"/>
      <c r="FDF704" s="613"/>
      <c r="FDG704" s="613"/>
      <c r="FDH704" s="613"/>
      <c r="FDI704" s="613"/>
      <c r="FDJ704" s="613"/>
      <c r="FDK704" s="613"/>
      <c r="FDL704" s="613"/>
      <c r="FDM704" s="613"/>
      <c r="FDN704" s="613"/>
      <c r="FDO704" s="613"/>
      <c r="FDP704" s="613"/>
      <c r="FDQ704" s="613"/>
      <c r="FDR704" s="613"/>
      <c r="FDS704" s="613"/>
      <c r="FDT704" s="613"/>
      <c r="FDU704" s="613"/>
      <c r="FDV704" s="613"/>
      <c r="FDW704" s="613"/>
      <c r="FDX704" s="613"/>
      <c r="FDY704" s="613"/>
      <c r="FDZ704" s="613"/>
      <c r="FEA704" s="613"/>
      <c r="FEB704" s="613"/>
      <c r="FEC704" s="613"/>
      <c r="FED704" s="613"/>
      <c r="FEE704" s="613"/>
      <c r="FEF704" s="613"/>
      <c r="FEG704" s="613"/>
      <c r="FEH704" s="613"/>
      <c r="FEI704" s="613"/>
      <c r="FEJ704" s="613"/>
      <c r="FEK704" s="613"/>
      <c r="FEL704" s="613"/>
      <c r="FEM704" s="613"/>
      <c r="FEN704" s="613"/>
      <c r="FEO704" s="613"/>
      <c r="FEP704" s="613"/>
      <c r="FEQ704" s="613"/>
      <c r="FER704" s="613"/>
      <c r="FES704" s="613"/>
      <c r="FET704" s="613"/>
      <c r="FEU704" s="613"/>
      <c r="FEV704" s="613"/>
      <c r="FEW704" s="613"/>
      <c r="FEX704" s="613"/>
      <c r="FEY704" s="613"/>
      <c r="FEZ704" s="613"/>
      <c r="FFA704" s="613"/>
      <c r="FFB704" s="613"/>
      <c r="FFC704" s="613"/>
      <c r="FFD704" s="613"/>
      <c r="FFE704" s="613"/>
      <c r="FFF704" s="613"/>
      <c r="FFG704" s="613"/>
      <c r="FFH704" s="613"/>
      <c r="FFI704" s="613"/>
      <c r="FFJ704" s="613"/>
      <c r="FFK704" s="613"/>
      <c r="FFL704" s="613"/>
      <c r="FFM704" s="613"/>
      <c r="FFN704" s="613"/>
      <c r="FFO704" s="613"/>
      <c r="FFP704" s="613"/>
      <c r="FFQ704" s="613"/>
      <c r="FFR704" s="613"/>
      <c r="FFS704" s="613"/>
      <c r="FFT704" s="613"/>
      <c r="FFU704" s="613"/>
      <c r="FFV704" s="613"/>
      <c r="FFW704" s="613"/>
      <c r="FFX704" s="613"/>
      <c r="FFY704" s="613"/>
      <c r="FFZ704" s="613"/>
      <c r="FGA704" s="613"/>
      <c r="FGB704" s="613"/>
      <c r="FGC704" s="613"/>
      <c r="FGD704" s="613"/>
      <c r="FGE704" s="613"/>
      <c r="FGF704" s="613"/>
      <c r="FGG704" s="613"/>
      <c r="FGH704" s="613"/>
      <c r="FGI704" s="613"/>
      <c r="FGJ704" s="613"/>
      <c r="FGK704" s="613"/>
      <c r="FGL704" s="613"/>
      <c r="FGM704" s="613"/>
      <c r="FGN704" s="613"/>
      <c r="FGO704" s="613"/>
      <c r="FGP704" s="613"/>
      <c r="FGQ704" s="613"/>
      <c r="FGR704" s="613"/>
      <c r="FGS704" s="613"/>
      <c r="FGT704" s="613"/>
      <c r="FGU704" s="613"/>
      <c r="FGV704" s="613"/>
      <c r="FGW704" s="613"/>
      <c r="FGX704" s="613"/>
      <c r="FGY704" s="613"/>
      <c r="FGZ704" s="613"/>
      <c r="FHA704" s="613"/>
      <c r="FHB704" s="613"/>
      <c r="FHC704" s="613"/>
      <c r="FHD704" s="613"/>
      <c r="FHE704" s="613"/>
      <c r="FHF704" s="613"/>
      <c r="FHG704" s="613"/>
      <c r="FHH704" s="613"/>
      <c r="FHI704" s="613"/>
      <c r="FHJ704" s="613"/>
      <c r="FHK704" s="613"/>
      <c r="FHL704" s="613"/>
      <c r="FHM704" s="613"/>
      <c r="FHN704" s="613"/>
      <c r="FHO704" s="613"/>
      <c r="FHP704" s="613"/>
      <c r="FHQ704" s="613"/>
      <c r="FHR704" s="613"/>
      <c r="FHS704" s="613"/>
      <c r="FHT704" s="613"/>
      <c r="FHU704" s="613"/>
      <c r="FHV704" s="613"/>
      <c r="FHW704" s="613"/>
      <c r="FHX704" s="613"/>
      <c r="FHY704" s="613"/>
      <c r="FHZ704" s="613"/>
      <c r="FIA704" s="613"/>
      <c r="FIB704" s="613"/>
      <c r="FIC704" s="613"/>
      <c r="FID704" s="613"/>
      <c r="FIE704" s="613"/>
      <c r="FIF704" s="613"/>
      <c r="FIG704" s="613"/>
      <c r="FIH704" s="613"/>
      <c r="FII704" s="613"/>
      <c r="FIJ704" s="613"/>
      <c r="FIK704" s="613"/>
      <c r="FIL704" s="613"/>
      <c r="FIM704" s="613"/>
      <c r="FIN704" s="613"/>
      <c r="FIO704" s="613"/>
      <c r="FIP704" s="613"/>
      <c r="FIQ704" s="613"/>
      <c r="FIR704" s="613"/>
      <c r="FIS704" s="613"/>
      <c r="FIT704" s="613"/>
      <c r="FIU704" s="613"/>
      <c r="FIV704" s="613"/>
      <c r="FIW704" s="613"/>
      <c r="FIX704" s="613"/>
      <c r="FIY704" s="613"/>
      <c r="FIZ704" s="613"/>
      <c r="FJA704" s="613"/>
      <c r="FJB704" s="613"/>
      <c r="FJC704" s="613"/>
      <c r="FJD704" s="613"/>
      <c r="FJE704" s="613"/>
      <c r="FJF704" s="613"/>
      <c r="FJG704" s="613"/>
      <c r="FJH704" s="613"/>
      <c r="FJI704" s="613"/>
      <c r="FJJ704" s="613"/>
      <c r="FJK704" s="613"/>
      <c r="FJL704" s="613"/>
      <c r="FJM704" s="613"/>
      <c r="FJN704" s="613"/>
      <c r="FJO704" s="613"/>
      <c r="FJP704" s="613"/>
      <c r="FJQ704" s="613"/>
      <c r="FJR704" s="613"/>
      <c r="FJS704" s="613"/>
      <c r="FJT704" s="613"/>
      <c r="FJU704" s="613"/>
      <c r="FJV704" s="613"/>
      <c r="FJW704" s="613"/>
      <c r="FJX704" s="613"/>
      <c r="FJY704" s="613"/>
      <c r="FJZ704" s="613"/>
      <c r="FKA704" s="613"/>
      <c r="FKB704" s="613"/>
      <c r="FKC704" s="613"/>
      <c r="FKD704" s="613"/>
      <c r="FKE704" s="613"/>
      <c r="FKF704" s="613"/>
      <c r="FKG704" s="613"/>
      <c r="FKH704" s="613"/>
      <c r="FKI704" s="613"/>
      <c r="FKJ704" s="613"/>
      <c r="FKK704" s="613"/>
      <c r="FKL704" s="613"/>
      <c r="FKM704" s="613"/>
      <c r="FKN704" s="613"/>
      <c r="FKO704" s="613"/>
      <c r="FKP704" s="613"/>
      <c r="FKQ704" s="613"/>
      <c r="FKR704" s="613"/>
      <c r="FKS704" s="613"/>
      <c r="FKT704" s="613"/>
      <c r="FKU704" s="613"/>
      <c r="FKV704" s="613"/>
      <c r="FKW704" s="613"/>
      <c r="FKX704" s="613"/>
      <c r="FKY704" s="613"/>
      <c r="FKZ704" s="613"/>
      <c r="FLA704" s="613"/>
      <c r="FLB704" s="613"/>
      <c r="FLC704" s="613"/>
      <c r="FLD704" s="613"/>
      <c r="FLE704" s="613"/>
      <c r="FLF704" s="613"/>
      <c r="FLG704" s="613"/>
      <c r="FLH704" s="613"/>
      <c r="FLI704" s="613"/>
      <c r="FLJ704" s="613"/>
      <c r="FLK704" s="613"/>
      <c r="FLL704" s="613"/>
      <c r="FLM704" s="613"/>
      <c r="FLN704" s="613"/>
      <c r="FLO704" s="613"/>
      <c r="FLP704" s="613"/>
      <c r="FLQ704" s="613"/>
      <c r="FLR704" s="613"/>
      <c r="FLS704" s="613"/>
      <c r="FLT704" s="613"/>
      <c r="FLU704" s="613"/>
      <c r="FLV704" s="613"/>
      <c r="FLW704" s="613"/>
      <c r="FLX704" s="613"/>
      <c r="FLY704" s="613"/>
      <c r="FLZ704" s="613"/>
      <c r="FMA704" s="613"/>
      <c r="FMB704" s="613"/>
      <c r="FMC704" s="613"/>
      <c r="FMD704" s="613"/>
      <c r="FME704" s="613"/>
      <c r="FMF704" s="613"/>
      <c r="FMG704" s="613"/>
      <c r="FMH704" s="613"/>
      <c r="FMI704" s="613"/>
      <c r="FMJ704" s="613"/>
      <c r="FMK704" s="613"/>
      <c r="FML704" s="613"/>
      <c r="FMM704" s="613"/>
      <c r="FMN704" s="613"/>
      <c r="FMO704" s="613"/>
      <c r="FMP704" s="613"/>
      <c r="FMQ704" s="613"/>
      <c r="FMR704" s="613"/>
      <c r="FMS704" s="613"/>
      <c r="FMT704" s="613"/>
      <c r="FMU704" s="613"/>
      <c r="FMV704" s="613"/>
      <c r="FMW704" s="613"/>
      <c r="FMX704" s="613"/>
      <c r="FMY704" s="613"/>
      <c r="FMZ704" s="613"/>
      <c r="FNA704" s="613"/>
      <c r="FNB704" s="613"/>
      <c r="FNC704" s="613"/>
      <c r="FND704" s="613"/>
      <c r="FNE704" s="613"/>
      <c r="FNF704" s="613"/>
      <c r="FNG704" s="613"/>
      <c r="FNH704" s="613"/>
      <c r="FNI704" s="613"/>
      <c r="FNJ704" s="613"/>
      <c r="FNK704" s="613"/>
      <c r="FNL704" s="613"/>
      <c r="FNM704" s="613"/>
      <c r="FNN704" s="613"/>
      <c r="FNO704" s="613"/>
      <c r="FNP704" s="613"/>
      <c r="FNQ704" s="613"/>
      <c r="FNR704" s="613"/>
      <c r="FNS704" s="613"/>
      <c r="FNT704" s="613"/>
      <c r="FNU704" s="613"/>
      <c r="FNV704" s="613"/>
      <c r="FNW704" s="613"/>
      <c r="FNX704" s="613"/>
      <c r="FNY704" s="613"/>
      <c r="FNZ704" s="613"/>
      <c r="FOA704" s="613"/>
      <c r="FOB704" s="613"/>
      <c r="FOC704" s="613"/>
      <c r="FOD704" s="613"/>
      <c r="FOE704" s="613"/>
      <c r="FOF704" s="613"/>
      <c r="FOG704" s="613"/>
      <c r="FOH704" s="613"/>
      <c r="FOI704" s="613"/>
      <c r="FOJ704" s="613"/>
      <c r="FOK704" s="613"/>
      <c r="FOL704" s="613"/>
      <c r="FOM704" s="613"/>
      <c r="FON704" s="613"/>
      <c r="FOO704" s="613"/>
      <c r="FOP704" s="613"/>
      <c r="FOQ704" s="613"/>
      <c r="FOR704" s="613"/>
      <c r="FOS704" s="613"/>
      <c r="FOT704" s="613"/>
      <c r="FOU704" s="613"/>
      <c r="FOV704" s="613"/>
      <c r="FOW704" s="613"/>
      <c r="FOX704" s="613"/>
      <c r="FOY704" s="613"/>
      <c r="FOZ704" s="613"/>
      <c r="FPA704" s="613"/>
      <c r="FPB704" s="613"/>
      <c r="FPC704" s="613"/>
      <c r="FPD704" s="613"/>
      <c r="FPE704" s="613"/>
      <c r="FPF704" s="613"/>
      <c r="FPG704" s="613"/>
      <c r="FPH704" s="613"/>
      <c r="FPI704" s="613"/>
      <c r="FPJ704" s="613"/>
      <c r="FPK704" s="613"/>
      <c r="FPL704" s="613"/>
      <c r="FPM704" s="613"/>
      <c r="FPN704" s="613"/>
      <c r="FPO704" s="613"/>
      <c r="FPP704" s="613"/>
      <c r="FPQ704" s="613"/>
      <c r="FPR704" s="613"/>
      <c r="FPS704" s="613"/>
      <c r="FPT704" s="613"/>
      <c r="FPU704" s="613"/>
      <c r="FPV704" s="613"/>
      <c r="FPW704" s="613"/>
      <c r="FPX704" s="613"/>
      <c r="FPY704" s="613"/>
      <c r="FPZ704" s="613"/>
      <c r="FQA704" s="613"/>
      <c r="FQB704" s="613"/>
      <c r="FQC704" s="613"/>
      <c r="FQD704" s="613"/>
      <c r="FQE704" s="613"/>
      <c r="FQF704" s="613"/>
      <c r="FQG704" s="613"/>
      <c r="FQH704" s="613"/>
      <c r="FQI704" s="613"/>
      <c r="FQJ704" s="613"/>
      <c r="FQK704" s="613"/>
      <c r="FQL704" s="613"/>
      <c r="FQM704" s="613"/>
      <c r="FQN704" s="613"/>
      <c r="FQO704" s="613"/>
      <c r="FQP704" s="613"/>
      <c r="FQQ704" s="613"/>
      <c r="FQR704" s="613"/>
      <c r="FQS704" s="613"/>
      <c r="FQT704" s="613"/>
      <c r="FQU704" s="613"/>
      <c r="FQV704" s="613"/>
      <c r="FQW704" s="613"/>
      <c r="FQX704" s="613"/>
      <c r="FQY704" s="613"/>
      <c r="FQZ704" s="613"/>
      <c r="FRA704" s="613"/>
      <c r="FRB704" s="613"/>
      <c r="FRC704" s="613"/>
      <c r="FRD704" s="613"/>
      <c r="FRE704" s="613"/>
      <c r="FRF704" s="613"/>
      <c r="FRG704" s="613"/>
      <c r="FRH704" s="613"/>
      <c r="FRI704" s="613"/>
      <c r="FRJ704" s="613"/>
      <c r="FRK704" s="613"/>
      <c r="FRL704" s="613"/>
      <c r="FRM704" s="613"/>
      <c r="FRN704" s="613"/>
      <c r="FRO704" s="613"/>
      <c r="FRP704" s="613"/>
      <c r="FRQ704" s="613"/>
      <c r="FRR704" s="613"/>
      <c r="FRS704" s="613"/>
      <c r="FRT704" s="613"/>
      <c r="FRU704" s="613"/>
      <c r="FRV704" s="613"/>
      <c r="FRW704" s="613"/>
      <c r="FRX704" s="613"/>
      <c r="FRY704" s="613"/>
      <c r="FRZ704" s="613"/>
      <c r="FSA704" s="613"/>
      <c r="FSB704" s="613"/>
      <c r="FSC704" s="613"/>
      <c r="FSD704" s="613"/>
      <c r="FSE704" s="613"/>
      <c r="FSF704" s="613"/>
      <c r="FSG704" s="613"/>
      <c r="FSH704" s="613"/>
      <c r="FSI704" s="613"/>
      <c r="FSJ704" s="613"/>
      <c r="FSK704" s="613"/>
      <c r="FSL704" s="613"/>
      <c r="FSM704" s="613"/>
      <c r="FSN704" s="613"/>
      <c r="FSO704" s="613"/>
      <c r="FSP704" s="613"/>
      <c r="FSQ704" s="613"/>
      <c r="FSR704" s="613"/>
      <c r="FSS704" s="613"/>
      <c r="FST704" s="613"/>
      <c r="FSU704" s="613"/>
      <c r="FSV704" s="613"/>
      <c r="FSW704" s="613"/>
      <c r="FSX704" s="613"/>
      <c r="FSY704" s="613"/>
      <c r="FSZ704" s="613"/>
      <c r="FTA704" s="613"/>
      <c r="FTB704" s="613"/>
      <c r="FTC704" s="613"/>
      <c r="FTD704" s="613"/>
      <c r="FTE704" s="613"/>
      <c r="FTF704" s="613"/>
      <c r="FTG704" s="613"/>
      <c r="FTH704" s="613"/>
      <c r="FTI704" s="613"/>
      <c r="FTJ704" s="613"/>
      <c r="FTK704" s="613"/>
      <c r="FTL704" s="613"/>
      <c r="FTM704" s="613"/>
      <c r="FTN704" s="613"/>
      <c r="FTO704" s="613"/>
      <c r="FTP704" s="613"/>
      <c r="FTQ704" s="613"/>
      <c r="FTR704" s="613"/>
      <c r="FTS704" s="613"/>
      <c r="FTT704" s="613"/>
      <c r="FTU704" s="613"/>
      <c r="FTV704" s="613"/>
      <c r="FTW704" s="613"/>
      <c r="FTX704" s="613"/>
      <c r="FTY704" s="613"/>
      <c r="FTZ704" s="613"/>
      <c r="FUA704" s="613"/>
      <c r="FUB704" s="613"/>
      <c r="FUC704" s="613"/>
      <c r="FUD704" s="613"/>
      <c r="FUE704" s="613"/>
      <c r="FUF704" s="613"/>
      <c r="FUG704" s="613"/>
      <c r="FUH704" s="613"/>
      <c r="FUI704" s="613"/>
      <c r="FUJ704" s="613"/>
      <c r="FUK704" s="613"/>
      <c r="FUL704" s="613"/>
      <c r="FUM704" s="613"/>
      <c r="FUN704" s="613"/>
      <c r="FUO704" s="613"/>
      <c r="FUP704" s="613"/>
      <c r="FUQ704" s="613"/>
      <c r="FUR704" s="613"/>
      <c r="FUS704" s="613"/>
      <c r="FUT704" s="613"/>
      <c r="FUU704" s="613"/>
      <c r="FUV704" s="613"/>
      <c r="FUW704" s="613"/>
      <c r="FUX704" s="613"/>
      <c r="FUY704" s="613"/>
      <c r="FUZ704" s="613"/>
      <c r="FVA704" s="613"/>
      <c r="FVB704" s="613"/>
      <c r="FVC704" s="613"/>
      <c r="FVD704" s="613"/>
      <c r="FVE704" s="613"/>
      <c r="FVF704" s="613"/>
      <c r="FVG704" s="613"/>
      <c r="FVH704" s="613"/>
      <c r="FVI704" s="613"/>
      <c r="FVJ704" s="613"/>
      <c r="FVK704" s="613"/>
      <c r="FVL704" s="613"/>
      <c r="FVM704" s="613"/>
      <c r="FVN704" s="613"/>
      <c r="FVO704" s="613"/>
      <c r="FVP704" s="613"/>
      <c r="FVQ704" s="613"/>
      <c r="FVR704" s="613"/>
      <c r="FVS704" s="613"/>
      <c r="FVT704" s="613"/>
      <c r="FVU704" s="613"/>
      <c r="FVV704" s="613"/>
      <c r="FVW704" s="613"/>
      <c r="FVX704" s="613"/>
      <c r="FVY704" s="613"/>
      <c r="FVZ704" s="613"/>
      <c r="FWA704" s="613"/>
      <c r="FWB704" s="613"/>
      <c r="FWC704" s="613"/>
      <c r="FWD704" s="613"/>
      <c r="FWE704" s="613"/>
      <c r="FWF704" s="613"/>
      <c r="FWG704" s="613"/>
      <c r="FWH704" s="613"/>
      <c r="FWI704" s="613"/>
      <c r="FWJ704" s="613"/>
      <c r="FWK704" s="613"/>
      <c r="FWL704" s="613"/>
      <c r="FWM704" s="613"/>
      <c r="FWN704" s="613"/>
      <c r="FWO704" s="613"/>
      <c r="FWP704" s="613"/>
      <c r="FWQ704" s="613"/>
      <c r="FWR704" s="613"/>
      <c r="FWS704" s="613"/>
      <c r="FWT704" s="613"/>
      <c r="FWU704" s="613"/>
      <c r="FWV704" s="613"/>
      <c r="FWW704" s="613"/>
      <c r="FWX704" s="613"/>
      <c r="FWY704" s="613"/>
      <c r="FWZ704" s="613"/>
      <c r="FXA704" s="613"/>
      <c r="FXB704" s="613"/>
      <c r="FXC704" s="613"/>
      <c r="FXD704" s="613"/>
      <c r="FXE704" s="613"/>
      <c r="FXF704" s="613"/>
      <c r="FXG704" s="613"/>
      <c r="FXH704" s="613"/>
      <c r="FXI704" s="613"/>
      <c r="FXJ704" s="613"/>
      <c r="FXK704" s="613"/>
      <c r="FXL704" s="613"/>
      <c r="FXM704" s="613"/>
      <c r="FXN704" s="613"/>
      <c r="FXO704" s="613"/>
      <c r="FXP704" s="613"/>
      <c r="FXQ704" s="613"/>
      <c r="FXR704" s="613"/>
      <c r="FXS704" s="613"/>
      <c r="FXT704" s="613"/>
      <c r="FXU704" s="613"/>
      <c r="FXV704" s="613"/>
      <c r="FXW704" s="613"/>
      <c r="FXX704" s="613"/>
      <c r="FXY704" s="613"/>
      <c r="FXZ704" s="613"/>
      <c r="FYA704" s="613"/>
      <c r="FYB704" s="613"/>
      <c r="FYC704" s="613"/>
      <c r="FYD704" s="613"/>
      <c r="FYE704" s="613"/>
      <c r="FYF704" s="613"/>
      <c r="FYG704" s="613"/>
      <c r="FYH704" s="613"/>
      <c r="FYI704" s="613"/>
      <c r="FYJ704" s="613"/>
      <c r="FYK704" s="613"/>
      <c r="FYL704" s="613"/>
      <c r="FYM704" s="613"/>
      <c r="FYN704" s="613"/>
      <c r="FYO704" s="613"/>
      <c r="FYP704" s="613"/>
      <c r="FYQ704" s="613"/>
      <c r="FYR704" s="613"/>
      <c r="FYS704" s="613"/>
      <c r="FYT704" s="613"/>
      <c r="FYU704" s="613"/>
      <c r="FYV704" s="613"/>
      <c r="FYW704" s="613"/>
      <c r="FYX704" s="613"/>
      <c r="FYY704" s="613"/>
      <c r="FYZ704" s="613"/>
      <c r="FZA704" s="613"/>
      <c r="FZB704" s="613"/>
      <c r="FZC704" s="613"/>
      <c r="FZD704" s="613"/>
      <c r="FZE704" s="613"/>
      <c r="FZF704" s="613"/>
      <c r="FZG704" s="613"/>
      <c r="FZH704" s="613"/>
      <c r="FZI704" s="613"/>
      <c r="FZJ704" s="613"/>
      <c r="FZK704" s="613"/>
      <c r="FZL704" s="613"/>
      <c r="FZM704" s="613"/>
      <c r="FZN704" s="613"/>
      <c r="FZO704" s="613"/>
      <c r="FZP704" s="613"/>
      <c r="FZQ704" s="613"/>
      <c r="FZR704" s="613"/>
      <c r="FZS704" s="613"/>
      <c r="FZT704" s="613"/>
      <c r="FZU704" s="613"/>
      <c r="FZV704" s="613"/>
      <c r="FZW704" s="613"/>
      <c r="FZX704" s="613"/>
      <c r="FZY704" s="613"/>
      <c r="FZZ704" s="613"/>
      <c r="GAA704" s="613"/>
      <c r="GAB704" s="613"/>
      <c r="GAC704" s="613"/>
      <c r="GAD704" s="613"/>
      <c r="GAE704" s="613"/>
      <c r="GAF704" s="613"/>
      <c r="GAG704" s="613"/>
      <c r="GAH704" s="613"/>
      <c r="GAI704" s="613"/>
      <c r="GAJ704" s="613"/>
      <c r="GAK704" s="613"/>
      <c r="GAL704" s="613"/>
      <c r="GAM704" s="613"/>
      <c r="GAN704" s="613"/>
      <c r="GAO704" s="613"/>
      <c r="GAP704" s="613"/>
      <c r="GAQ704" s="613"/>
      <c r="GAR704" s="613"/>
      <c r="GAS704" s="613"/>
      <c r="GAT704" s="613"/>
      <c r="GAU704" s="613"/>
      <c r="GAV704" s="613"/>
      <c r="GAW704" s="613"/>
      <c r="GAX704" s="613"/>
      <c r="GAY704" s="613"/>
      <c r="GAZ704" s="613"/>
      <c r="GBA704" s="613"/>
      <c r="GBB704" s="613"/>
      <c r="GBC704" s="613"/>
      <c r="GBD704" s="613"/>
      <c r="GBE704" s="613"/>
      <c r="GBF704" s="613"/>
      <c r="GBG704" s="613"/>
      <c r="GBH704" s="613"/>
      <c r="GBI704" s="613"/>
      <c r="GBJ704" s="613"/>
      <c r="GBK704" s="613"/>
      <c r="GBL704" s="613"/>
      <c r="GBM704" s="613"/>
      <c r="GBN704" s="613"/>
      <c r="GBO704" s="613"/>
      <c r="GBP704" s="613"/>
      <c r="GBQ704" s="613"/>
      <c r="GBR704" s="613"/>
      <c r="GBS704" s="613"/>
      <c r="GBT704" s="613"/>
      <c r="GBU704" s="613"/>
      <c r="GBV704" s="613"/>
      <c r="GBW704" s="613"/>
      <c r="GBX704" s="613"/>
      <c r="GBY704" s="613"/>
      <c r="GBZ704" s="613"/>
      <c r="GCA704" s="613"/>
      <c r="GCB704" s="613"/>
      <c r="GCC704" s="613"/>
      <c r="GCD704" s="613"/>
      <c r="GCE704" s="613"/>
      <c r="GCF704" s="613"/>
      <c r="GCG704" s="613"/>
      <c r="GCH704" s="613"/>
      <c r="GCI704" s="613"/>
      <c r="GCJ704" s="613"/>
      <c r="GCK704" s="613"/>
      <c r="GCL704" s="613"/>
      <c r="GCM704" s="613"/>
      <c r="GCN704" s="613"/>
      <c r="GCO704" s="613"/>
      <c r="GCP704" s="613"/>
      <c r="GCQ704" s="613"/>
      <c r="GCR704" s="613"/>
      <c r="GCS704" s="613"/>
      <c r="GCT704" s="613"/>
      <c r="GCU704" s="613"/>
      <c r="GCV704" s="613"/>
      <c r="GCW704" s="613"/>
      <c r="GCX704" s="613"/>
      <c r="GCY704" s="613"/>
      <c r="GCZ704" s="613"/>
      <c r="GDA704" s="613"/>
      <c r="GDB704" s="613"/>
      <c r="GDC704" s="613"/>
      <c r="GDD704" s="613"/>
      <c r="GDE704" s="613"/>
      <c r="GDF704" s="613"/>
      <c r="GDG704" s="613"/>
      <c r="GDH704" s="613"/>
      <c r="GDI704" s="613"/>
      <c r="GDJ704" s="613"/>
      <c r="GDK704" s="613"/>
      <c r="GDL704" s="613"/>
      <c r="GDM704" s="613"/>
      <c r="GDN704" s="613"/>
      <c r="GDO704" s="613"/>
      <c r="GDP704" s="613"/>
      <c r="GDQ704" s="613"/>
      <c r="GDR704" s="613"/>
      <c r="GDS704" s="613"/>
      <c r="GDT704" s="613"/>
      <c r="GDU704" s="613"/>
      <c r="GDV704" s="613"/>
      <c r="GDW704" s="613"/>
      <c r="GDX704" s="613"/>
      <c r="GDY704" s="613"/>
      <c r="GDZ704" s="613"/>
      <c r="GEA704" s="613"/>
      <c r="GEB704" s="613"/>
      <c r="GEC704" s="613"/>
      <c r="GED704" s="613"/>
      <c r="GEE704" s="613"/>
      <c r="GEF704" s="613"/>
      <c r="GEG704" s="613"/>
      <c r="GEH704" s="613"/>
      <c r="GEI704" s="613"/>
      <c r="GEJ704" s="613"/>
      <c r="GEK704" s="613"/>
      <c r="GEL704" s="613"/>
      <c r="GEM704" s="613"/>
      <c r="GEN704" s="613"/>
      <c r="GEO704" s="613"/>
      <c r="GEP704" s="613"/>
      <c r="GEQ704" s="613"/>
      <c r="GER704" s="613"/>
      <c r="GES704" s="613"/>
      <c r="GET704" s="613"/>
      <c r="GEU704" s="613"/>
      <c r="GEV704" s="613"/>
      <c r="GEW704" s="613"/>
      <c r="GEX704" s="613"/>
      <c r="GEY704" s="613"/>
      <c r="GEZ704" s="613"/>
      <c r="GFA704" s="613"/>
      <c r="GFB704" s="613"/>
      <c r="GFC704" s="613"/>
      <c r="GFD704" s="613"/>
      <c r="GFE704" s="613"/>
      <c r="GFF704" s="613"/>
      <c r="GFG704" s="613"/>
      <c r="GFH704" s="613"/>
      <c r="GFI704" s="613"/>
      <c r="GFJ704" s="613"/>
      <c r="GFK704" s="613"/>
      <c r="GFL704" s="613"/>
      <c r="GFM704" s="613"/>
      <c r="GFN704" s="613"/>
      <c r="GFO704" s="613"/>
      <c r="GFP704" s="613"/>
      <c r="GFQ704" s="613"/>
      <c r="GFR704" s="613"/>
      <c r="GFS704" s="613"/>
      <c r="GFT704" s="613"/>
      <c r="GFU704" s="613"/>
      <c r="GFV704" s="613"/>
      <c r="GFW704" s="613"/>
      <c r="GFX704" s="613"/>
      <c r="GFY704" s="613"/>
      <c r="GFZ704" s="613"/>
      <c r="GGA704" s="613"/>
      <c r="GGB704" s="613"/>
      <c r="GGC704" s="613"/>
      <c r="GGD704" s="613"/>
      <c r="GGE704" s="613"/>
      <c r="GGF704" s="613"/>
      <c r="GGG704" s="613"/>
      <c r="GGH704" s="613"/>
      <c r="GGI704" s="613"/>
      <c r="GGJ704" s="613"/>
      <c r="GGK704" s="613"/>
      <c r="GGL704" s="613"/>
      <c r="GGM704" s="613"/>
      <c r="GGN704" s="613"/>
      <c r="GGO704" s="613"/>
      <c r="GGP704" s="613"/>
      <c r="GGQ704" s="613"/>
      <c r="GGR704" s="613"/>
      <c r="GGS704" s="613"/>
      <c r="GGT704" s="613"/>
      <c r="GGU704" s="613"/>
      <c r="GGV704" s="613"/>
      <c r="GGW704" s="613"/>
      <c r="GGX704" s="613"/>
      <c r="GGY704" s="613"/>
      <c r="GGZ704" s="613"/>
      <c r="GHA704" s="613"/>
      <c r="GHB704" s="613"/>
      <c r="GHC704" s="613"/>
      <c r="GHD704" s="613"/>
      <c r="GHE704" s="613"/>
      <c r="GHF704" s="613"/>
      <c r="GHG704" s="613"/>
      <c r="GHH704" s="613"/>
      <c r="GHI704" s="613"/>
      <c r="GHJ704" s="613"/>
      <c r="GHK704" s="613"/>
      <c r="GHL704" s="613"/>
      <c r="GHM704" s="613"/>
      <c r="GHN704" s="613"/>
      <c r="GHO704" s="613"/>
      <c r="GHP704" s="613"/>
      <c r="GHQ704" s="613"/>
      <c r="GHR704" s="613"/>
      <c r="GHS704" s="613"/>
      <c r="GHT704" s="613"/>
      <c r="GHU704" s="613"/>
      <c r="GHV704" s="613"/>
      <c r="GHW704" s="613"/>
      <c r="GHX704" s="613"/>
      <c r="GHY704" s="613"/>
      <c r="GHZ704" s="613"/>
      <c r="GIA704" s="613"/>
      <c r="GIB704" s="613"/>
      <c r="GIC704" s="613"/>
      <c r="GID704" s="613"/>
      <c r="GIE704" s="613"/>
      <c r="GIF704" s="613"/>
      <c r="GIG704" s="613"/>
      <c r="GIH704" s="613"/>
      <c r="GII704" s="613"/>
      <c r="GIJ704" s="613"/>
      <c r="GIK704" s="613"/>
      <c r="GIL704" s="613"/>
      <c r="GIM704" s="613"/>
      <c r="GIN704" s="613"/>
      <c r="GIO704" s="613"/>
      <c r="GIP704" s="613"/>
      <c r="GIQ704" s="613"/>
      <c r="GIR704" s="613"/>
      <c r="GIS704" s="613"/>
      <c r="GIT704" s="613"/>
      <c r="GIU704" s="613"/>
      <c r="GIV704" s="613"/>
      <c r="GIW704" s="613"/>
      <c r="GIX704" s="613"/>
      <c r="GIY704" s="613"/>
      <c r="GIZ704" s="613"/>
      <c r="GJA704" s="613"/>
      <c r="GJB704" s="613"/>
      <c r="GJC704" s="613"/>
      <c r="GJD704" s="613"/>
      <c r="GJE704" s="613"/>
      <c r="GJF704" s="613"/>
      <c r="GJG704" s="613"/>
      <c r="GJH704" s="613"/>
      <c r="GJI704" s="613"/>
      <c r="GJJ704" s="613"/>
      <c r="GJK704" s="613"/>
      <c r="GJL704" s="613"/>
      <c r="GJM704" s="613"/>
      <c r="GJN704" s="613"/>
      <c r="GJO704" s="613"/>
      <c r="GJP704" s="613"/>
      <c r="GJQ704" s="613"/>
      <c r="GJR704" s="613"/>
      <c r="GJS704" s="613"/>
      <c r="GJT704" s="613"/>
      <c r="GJU704" s="613"/>
      <c r="GJV704" s="613"/>
      <c r="GJW704" s="613"/>
      <c r="GJX704" s="613"/>
      <c r="GJY704" s="613"/>
      <c r="GJZ704" s="613"/>
      <c r="GKA704" s="613"/>
      <c r="GKB704" s="613"/>
      <c r="GKC704" s="613"/>
      <c r="GKD704" s="613"/>
      <c r="GKE704" s="613"/>
      <c r="GKF704" s="613"/>
      <c r="GKG704" s="613"/>
      <c r="GKH704" s="613"/>
      <c r="GKI704" s="613"/>
      <c r="GKJ704" s="613"/>
      <c r="GKK704" s="613"/>
      <c r="GKL704" s="613"/>
      <c r="GKM704" s="613"/>
      <c r="GKN704" s="613"/>
      <c r="GKO704" s="613"/>
      <c r="GKP704" s="613"/>
      <c r="GKQ704" s="613"/>
      <c r="GKR704" s="613"/>
      <c r="GKS704" s="613"/>
      <c r="GKT704" s="613"/>
      <c r="GKU704" s="613"/>
      <c r="GKV704" s="613"/>
      <c r="GKW704" s="613"/>
      <c r="GKX704" s="613"/>
      <c r="GKY704" s="613"/>
      <c r="GKZ704" s="613"/>
      <c r="GLA704" s="613"/>
      <c r="GLB704" s="613"/>
      <c r="GLC704" s="613"/>
      <c r="GLD704" s="613"/>
      <c r="GLE704" s="613"/>
      <c r="GLF704" s="613"/>
      <c r="GLG704" s="613"/>
      <c r="GLH704" s="613"/>
      <c r="GLI704" s="613"/>
      <c r="GLJ704" s="613"/>
      <c r="GLK704" s="613"/>
      <c r="GLL704" s="613"/>
      <c r="GLM704" s="613"/>
      <c r="GLN704" s="613"/>
      <c r="GLO704" s="613"/>
      <c r="GLP704" s="613"/>
      <c r="GLQ704" s="613"/>
      <c r="GLR704" s="613"/>
      <c r="GLS704" s="613"/>
      <c r="GLT704" s="613"/>
      <c r="GLU704" s="613"/>
      <c r="GLV704" s="613"/>
      <c r="GLW704" s="613"/>
      <c r="GLX704" s="613"/>
      <c r="GLY704" s="613"/>
      <c r="GLZ704" s="613"/>
      <c r="GMA704" s="613"/>
      <c r="GMB704" s="613"/>
      <c r="GMC704" s="613"/>
      <c r="GMD704" s="613"/>
      <c r="GME704" s="613"/>
      <c r="GMF704" s="613"/>
      <c r="GMG704" s="613"/>
      <c r="GMH704" s="613"/>
      <c r="GMI704" s="613"/>
      <c r="GMJ704" s="613"/>
      <c r="GMK704" s="613"/>
      <c r="GML704" s="613"/>
      <c r="GMM704" s="613"/>
      <c r="GMN704" s="613"/>
      <c r="GMO704" s="613"/>
      <c r="GMP704" s="613"/>
      <c r="GMQ704" s="613"/>
      <c r="GMR704" s="613"/>
      <c r="GMS704" s="613"/>
      <c r="GMT704" s="613"/>
      <c r="GMU704" s="613"/>
      <c r="GMV704" s="613"/>
      <c r="GMW704" s="613"/>
      <c r="GMX704" s="613"/>
      <c r="GMY704" s="613"/>
      <c r="GMZ704" s="613"/>
      <c r="GNA704" s="613"/>
      <c r="GNB704" s="613"/>
      <c r="GNC704" s="613"/>
      <c r="GND704" s="613"/>
      <c r="GNE704" s="613"/>
      <c r="GNF704" s="613"/>
      <c r="GNG704" s="613"/>
      <c r="GNH704" s="613"/>
      <c r="GNI704" s="613"/>
      <c r="GNJ704" s="613"/>
      <c r="GNK704" s="613"/>
      <c r="GNL704" s="613"/>
      <c r="GNM704" s="613"/>
      <c r="GNN704" s="613"/>
      <c r="GNO704" s="613"/>
      <c r="GNP704" s="613"/>
      <c r="GNQ704" s="613"/>
      <c r="GNR704" s="613"/>
      <c r="GNS704" s="613"/>
      <c r="GNT704" s="613"/>
      <c r="GNU704" s="613"/>
      <c r="GNV704" s="613"/>
      <c r="GNW704" s="613"/>
      <c r="GNX704" s="613"/>
      <c r="GNY704" s="613"/>
      <c r="GNZ704" s="613"/>
      <c r="GOA704" s="613"/>
      <c r="GOB704" s="613"/>
      <c r="GOC704" s="613"/>
      <c r="GOD704" s="613"/>
      <c r="GOE704" s="613"/>
      <c r="GOF704" s="613"/>
      <c r="GOG704" s="613"/>
      <c r="GOH704" s="613"/>
      <c r="GOI704" s="613"/>
      <c r="GOJ704" s="613"/>
      <c r="GOK704" s="613"/>
      <c r="GOL704" s="613"/>
      <c r="GOM704" s="613"/>
      <c r="GON704" s="613"/>
      <c r="GOO704" s="613"/>
      <c r="GOP704" s="613"/>
      <c r="GOQ704" s="613"/>
      <c r="GOR704" s="613"/>
      <c r="GOS704" s="613"/>
      <c r="GOT704" s="613"/>
      <c r="GOU704" s="613"/>
      <c r="GOV704" s="613"/>
      <c r="GOW704" s="613"/>
      <c r="GOX704" s="613"/>
      <c r="GOY704" s="613"/>
      <c r="GOZ704" s="613"/>
      <c r="GPA704" s="613"/>
      <c r="GPB704" s="613"/>
      <c r="GPC704" s="613"/>
      <c r="GPD704" s="613"/>
      <c r="GPE704" s="613"/>
      <c r="GPF704" s="613"/>
      <c r="GPG704" s="613"/>
      <c r="GPH704" s="613"/>
      <c r="GPI704" s="613"/>
      <c r="GPJ704" s="613"/>
      <c r="GPK704" s="613"/>
      <c r="GPL704" s="613"/>
      <c r="GPM704" s="613"/>
      <c r="GPN704" s="613"/>
      <c r="GPO704" s="613"/>
      <c r="GPP704" s="613"/>
      <c r="GPQ704" s="613"/>
      <c r="GPR704" s="613"/>
      <c r="GPS704" s="613"/>
      <c r="GPT704" s="613"/>
      <c r="GPU704" s="613"/>
      <c r="GPV704" s="613"/>
      <c r="GPW704" s="613"/>
      <c r="GPX704" s="613"/>
      <c r="GPY704" s="613"/>
      <c r="GPZ704" s="613"/>
      <c r="GQA704" s="613"/>
      <c r="GQB704" s="613"/>
      <c r="GQC704" s="613"/>
      <c r="GQD704" s="613"/>
      <c r="GQE704" s="613"/>
      <c r="GQF704" s="613"/>
      <c r="GQG704" s="613"/>
      <c r="GQH704" s="613"/>
      <c r="GQI704" s="613"/>
      <c r="GQJ704" s="613"/>
      <c r="GQK704" s="613"/>
      <c r="GQL704" s="613"/>
      <c r="GQM704" s="613"/>
      <c r="GQN704" s="613"/>
      <c r="GQO704" s="613"/>
      <c r="GQP704" s="613"/>
      <c r="GQQ704" s="613"/>
      <c r="GQR704" s="613"/>
      <c r="GQS704" s="613"/>
      <c r="GQT704" s="613"/>
      <c r="GQU704" s="613"/>
      <c r="GQV704" s="613"/>
      <c r="GQW704" s="613"/>
      <c r="GQX704" s="613"/>
      <c r="GQY704" s="613"/>
      <c r="GQZ704" s="613"/>
      <c r="GRA704" s="613"/>
      <c r="GRB704" s="613"/>
      <c r="GRC704" s="613"/>
      <c r="GRD704" s="613"/>
      <c r="GRE704" s="613"/>
      <c r="GRF704" s="613"/>
      <c r="GRG704" s="613"/>
      <c r="GRH704" s="613"/>
      <c r="GRI704" s="613"/>
      <c r="GRJ704" s="613"/>
      <c r="GRK704" s="613"/>
      <c r="GRL704" s="613"/>
      <c r="GRM704" s="613"/>
      <c r="GRN704" s="613"/>
      <c r="GRO704" s="613"/>
      <c r="GRP704" s="613"/>
      <c r="GRQ704" s="613"/>
      <c r="GRR704" s="613"/>
      <c r="GRS704" s="613"/>
      <c r="GRT704" s="613"/>
      <c r="GRU704" s="613"/>
      <c r="GRV704" s="613"/>
      <c r="GRW704" s="613"/>
      <c r="GRX704" s="613"/>
      <c r="GRY704" s="613"/>
      <c r="GRZ704" s="613"/>
      <c r="GSA704" s="613"/>
      <c r="GSB704" s="613"/>
      <c r="GSC704" s="613"/>
      <c r="GSD704" s="613"/>
      <c r="GSE704" s="613"/>
      <c r="GSF704" s="613"/>
      <c r="GSG704" s="613"/>
      <c r="GSH704" s="613"/>
      <c r="GSI704" s="613"/>
      <c r="GSJ704" s="613"/>
      <c r="GSK704" s="613"/>
      <c r="GSL704" s="613"/>
      <c r="GSM704" s="613"/>
      <c r="GSN704" s="613"/>
      <c r="GSO704" s="613"/>
      <c r="GSP704" s="613"/>
      <c r="GSQ704" s="613"/>
      <c r="GSR704" s="613"/>
      <c r="GSS704" s="613"/>
      <c r="GST704" s="613"/>
      <c r="GSU704" s="613"/>
      <c r="GSV704" s="613"/>
      <c r="GSW704" s="613"/>
      <c r="GSX704" s="613"/>
      <c r="GSY704" s="613"/>
      <c r="GSZ704" s="613"/>
      <c r="GTA704" s="613"/>
      <c r="GTB704" s="613"/>
      <c r="GTC704" s="613"/>
      <c r="GTD704" s="613"/>
      <c r="GTE704" s="613"/>
      <c r="GTF704" s="613"/>
      <c r="GTG704" s="613"/>
      <c r="GTH704" s="613"/>
      <c r="GTI704" s="613"/>
      <c r="GTJ704" s="613"/>
      <c r="GTK704" s="613"/>
      <c r="GTL704" s="613"/>
      <c r="GTM704" s="613"/>
      <c r="GTN704" s="613"/>
      <c r="GTO704" s="613"/>
      <c r="GTP704" s="613"/>
      <c r="GTQ704" s="613"/>
      <c r="GTR704" s="613"/>
      <c r="GTS704" s="613"/>
      <c r="GTT704" s="613"/>
      <c r="GTU704" s="613"/>
      <c r="GTV704" s="613"/>
      <c r="GTW704" s="613"/>
      <c r="GTX704" s="613"/>
      <c r="GTY704" s="613"/>
      <c r="GTZ704" s="613"/>
      <c r="GUA704" s="613"/>
      <c r="GUB704" s="613"/>
      <c r="GUC704" s="613"/>
      <c r="GUD704" s="613"/>
      <c r="GUE704" s="613"/>
      <c r="GUF704" s="613"/>
      <c r="GUG704" s="613"/>
      <c r="GUH704" s="613"/>
      <c r="GUI704" s="613"/>
      <c r="GUJ704" s="613"/>
      <c r="GUK704" s="613"/>
      <c r="GUL704" s="613"/>
      <c r="GUM704" s="613"/>
      <c r="GUN704" s="613"/>
      <c r="GUO704" s="613"/>
      <c r="GUP704" s="613"/>
      <c r="GUQ704" s="613"/>
      <c r="GUR704" s="613"/>
      <c r="GUS704" s="613"/>
      <c r="GUT704" s="613"/>
      <c r="GUU704" s="613"/>
      <c r="GUV704" s="613"/>
      <c r="GUW704" s="613"/>
      <c r="GUX704" s="613"/>
      <c r="GUY704" s="613"/>
      <c r="GUZ704" s="613"/>
      <c r="GVA704" s="613"/>
      <c r="GVB704" s="613"/>
      <c r="GVC704" s="613"/>
      <c r="GVD704" s="613"/>
      <c r="GVE704" s="613"/>
      <c r="GVF704" s="613"/>
      <c r="GVG704" s="613"/>
      <c r="GVH704" s="613"/>
      <c r="GVI704" s="613"/>
      <c r="GVJ704" s="613"/>
      <c r="GVK704" s="613"/>
      <c r="GVL704" s="613"/>
      <c r="GVM704" s="613"/>
      <c r="GVN704" s="613"/>
      <c r="GVO704" s="613"/>
      <c r="GVP704" s="613"/>
      <c r="GVQ704" s="613"/>
      <c r="GVR704" s="613"/>
      <c r="GVS704" s="613"/>
      <c r="GVT704" s="613"/>
      <c r="GVU704" s="613"/>
      <c r="GVV704" s="613"/>
      <c r="GVW704" s="613"/>
      <c r="GVX704" s="613"/>
      <c r="GVY704" s="613"/>
      <c r="GVZ704" s="613"/>
      <c r="GWA704" s="613"/>
      <c r="GWB704" s="613"/>
      <c r="GWC704" s="613"/>
      <c r="GWD704" s="613"/>
      <c r="GWE704" s="613"/>
      <c r="GWF704" s="613"/>
      <c r="GWG704" s="613"/>
      <c r="GWH704" s="613"/>
      <c r="GWI704" s="613"/>
      <c r="GWJ704" s="613"/>
      <c r="GWK704" s="613"/>
      <c r="GWL704" s="613"/>
      <c r="GWM704" s="613"/>
      <c r="GWN704" s="613"/>
      <c r="GWO704" s="613"/>
      <c r="GWP704" s="613"/>
      <c r="GWQ704" s="613"/>
      <c r="GWR704" s="613"/>
      <c r="GWS704" s="613"/>
      <c r="GWT704" s="613"/>
      <c r="GWU704" s="613"/>
      <c r="GWV704" s="613"/>
      <c r="GWW704" s="613"/>
      <c r="GWX704" s="613"/>
      <c r="GWY704" s="613"/>
      <c r="GWZ704" s="613"/>
      <c r="GXA704" s="613"/>
      <c r="GXB704" s="613"/>
      <c r="GXC704" s="613"/>
      <c r="GXD704" s="613"/>
      <c r="GXE704" s="613"/>
      <c r="GXF704" s="613"/>
      <c r="GXG704" s="613"/>
      <c r="GXH704" s="613"/>
      <c r="GXI704" s="613"/>
      <c r="GXJ704" s="613"/>
      <c r="GXK704" s="613"/>
      <c r="GXL704" s="613"/>
      <c r="GXM704" s="613"/>
      <c r="GXN704" s="613"/>
      <c r="GXO704" s="613"/>
      <c r="GXP704" s="613"/>
      <c r="GXQ704" s="613"/>
      <c r="GXR704" s="613"/>
      <c r="GXS704" s="613"/>
      <c r="GXT704" s="613"/>
      <c r="GXU704" s="613"/>
      <c r="GXV704" s="613"/>
      <c r="GXW704" s="613"/>
      <c r="GXX704" s="613"/>
      <c r="GXY704" s="613"/>
      <c r="GXZ704" s="613"/>
      <c r="GYA704" s="613"/>
      <c r="GYB704" s="613"/>
      <c r="GYC704" s="613"/>
      <c r="GYD704" s="613"/>
      <c r="GYE704" s="613"/>
      <c r="GYF704" s="613"/>
      <c r="GYG704" s="613"/>
      <c r="GYH704" s="613"/>
      <c r="GYI704" s="613"/>
      <c r="GYJ704" s="613"/>
      <c r="GYK704" s="613"/>
      <c r="GYL704" s="613"/>
      <c r="GYM704" s="613"/>
      <c r="GYN704" s="613"/>
      <c r="GYO704" s="613"/>
      <c r="GYP704" s="613"/>
      <c r="GYQ704" s="613"/>
      <c r="GYR704" s="613"/>
      <c r="GYS704" s="613"/>
      <c r="GYT704" s="613"/>
      <c r="GYU704" s="613"/>
      <c r="GYV704" s="613"/>
      <c r="GYW704" s="613"/>
      <c r="GYX704" s="613"/>
      <c r="GYY704" s="613"/>
      <c r="GYZ704" s="613"/>
      <c r="GZA704" s="613"/>
      <c r="GZB704" s="613"/>
      <c r="GZC704" s="613"/>
      <c r="GZD704" s="613"/>
      <c r="GZE704" s="613"/>
      <c r="GZF704" s="613"/>
      <c r="GZG704" s="613"/>
      <c r="GZH704" s="613"/>
      <c r="GZI704" s="613"/>
      <c r="GZJ704" s="613"/>
      <c r="GZK704" s="613"/>
      <c r="GZL704" s="613"/>
      <c r="GZM704" s="613"/>
      <c r="GZN704" s="613"/>
      <c r="GZO704" s="613"/>
      <c r="GZP704" s="613"/>
      <c r="GZQ704" s="613"/>
      <c r="GZR704" s="613"/>
      <c r="GZS704" s="613"/>
      <c r="GZT704" s="613"/>
      <c r="GZU704" s="613"/>
      <c r="GZV704" s="613"/>
      <c r="GZW704" s="613"/>
      <c r="GZX704" s="613"/>
      <c r="GZY704" s="613"/>
      <c r="GZZ704" s="613"/>
      <c r="HAA704" s="613"/>
      <c r="HAB704" s="613"/>
      <c r="HAC704" s="613"/>
      <c r="HAD704" s="613"/>
      <c r="HAE704" s="613"/>
      <c r="HAF704" s="613"/>
      <c r="HAG704" s="613"/>
      <c r="HAH704" s="613"/>
      <c r="HAI704" s="613"/>
      <c r="HAJ704" s="613"/>
      <c r="HAK704" s="613"/>
      <c r="HAL704" s="613"/>
      <c r="HAM704" s="613"/>
      <c r="HAN704" s="613"/>
      <c r="HAO704" s="613"/>
      <c r="HAP704" s="613"/>
      <c r="HAQ704" s="613"/>
      <c r="HAR704" s="613"/>
      <c r="HAS704" s="613"/>
      <c r="HAT704" s="613"/>
      <c r="HAU704" s="613"/>
      <c r="HAV704" s="613"/>
      <c r="HAW704" s="613"/>
      <c r="HAX704" s="613"/>
      <c r="HAY704" s="613"/>
      <c r="HAZ704" s="613"/>
      <c r="HBA704" s="613"/>
      <c r="HBB704" s="613"/>
      <c r="HBC704" s="613"/>
      <c r="HBD704" s="613"/>
      <c r="HBE704" s="613"/>
      <c r="HBF704" s="613"/>
      <c r="HBG704" s="613"/>
      <c r="HBH704" s="613"/>
      <c r="HBI704" s="613"/>
      <c r="HBJ704" s="613"/>
      <c r="HBK704" s="613"/>
      <c r="HBL704" s="613"/>
      <c r="HBM704" s="613"/>
      <c r="HBN704" s="613"/>
      <c r="HBO704" s="613"/>
      <c r="HBP704" s="613"/>
      <c r="HBQ704" s="613"/>
      <c r="HBR704" s="613"/>
      <c r="HBS704" s="613"/>
      <c r="HBT704" s="613"/>
      <c r="HBU704" s="613"/>
      <c r="HBV704" s="613"/>
      <c r="HBW704" s="613"/>
      <c r="HBX704" s="613"/>
      <c r="HBY704" s="613"/>
      <c r="HBZ704" s="613"/>
      <c r="HCA704" s="613"/>
      <c r="HCB704" s="613"/>
      <c r="HCC704" s="613"/>
      <c r="HCD704" s="613"/>
      <c r="HCE704" s="613"/>
      <c r="HCF704" s="613"/>
      <c r="HCG704" s="613"/>
      <c r="HCH704" s="613"/>
      <c r="HCI704" s="613"/>
      <c r="HCJ704" s="613"/>
      <c r="HCK704" s="613"/>
      <c r="HCL704" s="613"/>
      <c r="HCM704" s="613"/>
      <c r="HCN704" s="613"/>
      <c r="HCO704" s="613"/>
      <c r="HCP704" s="613"/>
      <c r="HCQ704" s="613"/>
      <c r="HCR704" s="613"/>
      <c r="HCS704" s="613"/>
      <c r="HCT704" s="613"/>
      <c r="HCU704" s="613"/>
      <c r="HCV704" s="613"/>
      <c r="HCW704" s="613"/>
      <c r="HCX704" s="613"/>
      <c r="HCY704" s="613"/>
      <c r="HCZ704" s="613"/>
      <c r="HDA704" s="613"/>
      <c r="HDB704" s="613"/>
      <c r="HDC704" s="613"/>
      <c r="HDD704" s="613"/>
      <c r="HDE704" s="613"/>
      <c r="HDF704" s="613"/>
      <c r="HDG704" s="613"/>
      <c r="HDH704" s="613"/>
      <c r="HDI704" s="613"/>
      <c r="HDJ704" s="613"/>
      <c r="HDK704" s="613"/>
      <c r="HDL704" s="613"/>
      <c r="HDM704" s="613"/>
      <c r="HDN704" s="613"/>
      <c r="HDO704" s="613"/>
      <c r="HDP704" s="613"/>
      <c r="HDQ704" s="613"/>
      <c r="HDR704" s="613"/>
      <c r="HDS704" s="613"/>
      <c r="HDT704" s="613"/>
      <c r="HDU704" s="613"/>
      <c r="HDV704" s="613"/>
      <c r="HDW704" s="613"/>
      <c r="HDX704" s="613"/>
      <c r="HDY704" s="613"/>
      <c r="HDZ704" s="613"/>
      <c r="HEA704" s="613"/>
      <c r="HEB704" s="613"/>
      <c r="HEC704" s="613"/>
      <c r="HED704" s="613"/>
      <c r="HEE704" s="613"/>
      <c r="HEF704" s="613"/>
      <c r="HEG704" s="613"/>
      <c r="HEH704" s="613"/>
      <c r="HEI704" s="613"/>
      <c r="HEJ704" s="613"/>
      <c r="HEK704" s="613"/>
      <c r="HEL704" s="613"/>
      <c r="HEM704" s="613"/>
      <c r="HEN704" s="613"/>
      <c r="HEO704" s="613"/>
      <c r="HEP704" s="613"/>
      <c r="HEQ704" s="613"/>
      <c r="HER704" s="613"/>
      <c r="HES704" s="613"/>
      <c r="HET704" s="613"/>
      <c r="HEU704" s="613"/>
      <c r="HEV704" s="613"/>
      <c r="HEW704" s="613"/>
      <c r="HEX704" s="613"/>
      <c r="HEY704" s="613"/>
      <c r="HEZ704" s="613"/>
      <c r="HFA704" s="613"/>
      <c r="HFB704" s="613"/>
      <c r="HFC704" s="613"/>
      <c r="HFD704" s="613"/>
      <c r="HFE704" s="613"/>
      <c r="HFF704" s="613"/>
      <c r="HFG704" s="613"/>
      <c r="HFH704" s="613"/>
      <c r="HFI704" s="613"/>
      <c r="HFJ704" s="613"/>
      <c r="HFK704" s="613"/>
      <c r="HFL704" s="613"/>
      <c r="HFM704" s="613"/>
      <c r="HFN704" s="613"/>
      <c r="HFO704" s="613"/>
      <c r="HFP704" s="613"/>
      <c r="HFQ704" s="613"/>
      <c r="HFR704" s="613"/>
      <c r="HFS704" s="613"/>
      <c r="HFT704" s="613"/>
      <c r="HFU704" s="613"/>
      <c r="HFV704" s="613"/>
      <c r="HFW704" s="613"/>
      <c r="HFX704" s="613"/>
      <c r="HFY704" s="613"/>
      <c r="HFZ704" s="613"/>
      <c r="HGA704" s="613"/>
      <c r="HGB704" s="613"/>
      <c r="HGC704" s="613"/>
      <c r="HGD704" s="613"/>
      <c r="HGE704" s="613"/>
      <c r="HGF704" s="613"/>
      <c r="HGG704" s="613"/>
      <c r="HGH704" s="613"/>
      <c r="HGI704" s="613"/>
      <c r="HGJ704" s="613"/>
      <c r="HGK704" s="613"/>
      <c r="HGL704" s="613"/>
      <c r="HGM704" s="613"/>
      <c r="HGN704" s="613"/>
      <c r="HGO704" s="613"/>
      <c r="HGP704" s="613"/>
      <c r="HGQ704" s="613"/>
      <c r="HGR704" s="613"/>
      <c r="HGS704" s="613"/>
      <c r="HGT704" s="613"/>
      <c r="HGU704" s="613"/>
      <c r="HGV704" s="613"/>
      <c r="HGW704" s="613"/>
      <c r="HGX704" s="613"/>
      <c r="HGY704" s="613"/>
      <c r="HGZ704" s="613"/>
      <c r="HHA704" s="613"/>
      <c r="HHB704" s="613"/>
      <c r="HHC704" s="613"/>
      <c r="HHD704" s="613"/>
      <c r="HHE704" s="613"/>
      <c r="HHF704" s="613"/>
      <c r="HHG704" s="613"/>
      <c r="HHH704" s="613"/>
      <c r="HHI704" s="613"/>
      <c r="HHJ704" s="613"/>
      <c r="HHK704" s="613"/>
      <c r="HHL704" s="613"/>
      <c r="HHM704" s="613"/>
      <c r="HHN704" s="613"/>
      <c r="HHO704" s="613"/>
      <c r="HHP704" s="613"/>
      <c r="HHQ704" s="613"/>
      <c r="HHR704" s="613"/>
      <c r="HHS704" s="613"/>
      <c r="HHT704" s="613"/>
      <c r="HHU704" s="613"/>
      <c r="HHV704" s="613"/>
      <c r="HHW704" s="613"/>
      <c r="HHX704" s="613"/>
      <c r="HHY704" s="613"/>
      <c r="HHZ704" s="613"/>
      <c r="HIA704" s="613"/>
      <c r="HIB704" s="613"/>
      <c r="HIC704" s="613"/>
      <c r="HID704" s="613"/>
      <c r="HIE704" s="613"/>
      <c r="HIF704" s="613"/>
      <c r="HIG704" s="613"/>
      <c r="HIH704" s="613"/>
      <c r="HII704" s="613"/>
      <c r="HIJ704" s="613"/>
      <c r="HIK704" s="613"/>
      <c r="HIL704" s="613"/>
      <c r="HIM704" s="613"/>
      <c r="HIN704" s="613"/>
      <c r="HIO704" s="613"/>
      <c r="HIP704" s="613"/>
      <c r="HIQ704" s="613"/>
      <c r="HIR704" s="613"/>
      <c r="HIS704" s="613"/>
      <c r="HIT704" s="613"/>
      <c r="HIU704" s="613"/>
      <c r="HIV704" s="613"/>
      <c r="HIW704" s="613"/>
      <c r="HIX704" s="613"/>
      <c r="HIY704" s="613"/>
      <c r="HIZ704" s="613"/>
      <c r="HJA704" s="613"/>
      <c r="HJB704" s="613"/>
      <c r="HJC704" s="613"/>
      <c r="HJD704" s="613"/>
      <c r="HJE704" s="613"/>
      <c r="HJF704" s="613"/>
      <c r="HJG704" s="613"/>
      <c r="HJH704" s="613"/>
      <c r="HJI704" s="613"/>
      <c r="HJJ704" s="613"/>
      <c r="HJK704" s="613"/>
      <c r="HJL704" s="613"/>
      <c r="HJM704" s="613"/>
      <c r="HJN704" s="613"/>
      <c r="HJO704" s="613"/>
      <c r="HJP704" s="613"/>
      <c r="HJQ704" s="613"/>
      <c r="HJR704" s="613"/>
      <c r="HJS704" s="613"/>
      <c r="HJT704" s="613"/>
      <c r="HJU704" s="613"/>
      <c r="HJV704" s="613"/>
      <c r="HJW704" s="613"/>
      <c r="HJX704" s="613"/>
      <c r="HJY704" s="613"/>
      <c r="HJZ704" s="613"/>
      <c r="HKA704" s="613"/>
      <c r="HKB704" s="613"/>
      <c r="HKC704" s="613"/>
      <c r="HKD704" s="613"/>
      <c r="HKE704" s="613"/>
      <c r="HKF704" s="613"/>
      <c r="HKG704" s="613"/>
      <c r="HKH704" s="613"/>
      <c r="HKI704" s="613"/>
      <c r="HKJ704" s="613"/>
      <c r="HKK704" s="613"/>
      <c r="HKL704" s="613"/>
      <c r="HKM704" s="613"/>
      <c r="HKN704" s="613"/>
      <c r="HKO704" s="613"/>
      <c r="HKP704" s="613"/>
      <c r="HKQ704" s="613"/>
      <c r="HKR704" s="613"/>
      <c r="HKS704" s="613"/>
      <c r="HKT704" s="613"/>
      <c r="HKU704" s="613"/>
      <c r="HKV704" s="613"/>
      <c r="HKW704" s="613"/>
      <c r="HKX704" s="613"/>
      <c r="HKY704" s="613"/>
      <c r="HKZ704" s="613"/>
      <c r="HLA704" s="613"/>
      <c r="HLB704" s="613"/>
      <c r="HLC704" s="613"/>
      <c r="HLD704" s="613"/>
      <c r="HLE704" s="613"/>
      <c r="HLF704" s="613"/>
      <c r="HLG704" s="613"/>
      <c r="HLH704" s="613"/>
      <c r="HLI704" s="613"/>
      <c r="HLJ704" s="613"/>
      <c r="HLK704" s="613"/>
      <c r="HLL704" s="613"/>
      <c r="HLM704" s="613"/>
      <c r="HLN704" s="613"/>
      <c r="HLO704" s="613"/>
      <c r="HLP704" s="613"/>
      <c r="HLQ704" s="613"/>
      <c r="HLR704" s="613"/>
      <c r="HLS704" s="613"/>
      <c r="HLT704" s="613"/>
      <c r="HLU704" s="613"/>
      <c r="HLV704" s="613"/>
      <c r="HLW704" s="613"/>
      <c r="HLX704" s="613"/>
      <c r="HLY704" s="613"/>
      <c r="HLZ704" s="613"/>
      <c r="HMA704" s="613"/>
      <c r="HMB704" s="613"/>
      <c r="HMC704" s="613"/>
      <c r="HMD704" s="613"/>
      <c r="HME704" s="613"/>
      <c r="HMF704" s="613"/>
      <c r="HMG704" s="613"/>
      <c r="HMH704" s="613"/>
      <c r="HMI704" s="613"/>
      <c r="HMJ704" s="613"/>
      <c r="HMK704" s="613"/>
      <c r="HML704" s="613"/>
      <c r="HMM704" s="613"/>
      <c r="HMN704" s="613"/>
      <c r="HMO704" s="613"/>
      <c r="HMP704" s="613"/>
      <c r="HMQ704" s="613"/>
      <c r="HMR704" s="613"/>
      <c r="HMS704" s="613"/>
      <c r="HMT704" s="613"/>
      <c r="HMU704" s="613"/>
      <c r="HMV704" s="613"/>
      <c r="HMW704" s="613"/>
      <c r="HMX704" s="613"/>
      <c r="HMY704" s="613"/>
      <c r="HMZ704" s="613"/>
      <c r="HNA704" s="613"/>
      <c r="HNB704" s="613"/>
      <c r="HNC704" s="613"/>
      <c r="HND704" s="613"/>
      <c r="HNE704" s="613"/>
      <c r="HNF704" s="613"/>
      <c r="HNG704" s="613"/>
      <c r="HNH704" s="613"/>
      <c r="HNI704" s="613"/>
      <c r="HNJ704" s="613"/>
      <c r="HNK704" s="613"/>
      <c r="HNL704" s="613"/>
      <c r="HNM704" s="613"/>
      <c r="HNN704" s="613"/>
      <c r="HNO704" s="613"/>
      <c r="HNP704" s="613"/>
      <c r="HNQ704" s="613"/>
      <c r="HNR704" s="613"/>
      <c r="HNS704" s="613"/>
      <c r="HNT704" s="613"/>
      <c r="HNU704" s="613"/>
      <c r="HNV704" s="613"/>
      <c r="HNW704" s="613"/>
      <c r="HNX704" s="613"/>
      <c r="HNY704" s="613"/>
      <c r="HNZ704" s="613"/>
      <c r="HOA704" s="613"/>
      <c r="HOB704" s="613"/>
      <c r="HOC704" s="613"/>
      <c r="HOD704" s="613"/>
      <c r="HOE704" s="613"/>
      <c r="HOF704" s="613"/>
      <c r="HOG704" s="613"/>
      <c r="HOH704" s="613"/>
      <c r="HOI704" s="613"/>
      <c r="HOJ704" s="613"/>
      <c r="HOK704" s="613"/>
      <c r="HOL704" s="613"/>
      <c r="HOM704" s="613"/>
      <c r="HON704" s="613"/>
      <c r="HOO704" s="613"/>
      <c r="HOP704" s="613"/>
      <c r="HOQ704" s="613"/>
      <c r="HOR704" s="613"/>
      <c r="HOS704" s="613"/>
      <c r="HOT704" s="613"/>
      <c r="HOU704" s="613"/>
      <c r="HOV704" s="613"/>
      <c r="HOW704" s="613"/>
      <c r="HOX704" s="613"/>
      <c r="HOY704" s="613"/>
      <c r="HOZ704" s="613"/>
      <c r="HPA704" s="613"/>
      <c r="HPB704" s="613"/>
      <c r="HPC704" s="613"/>
      <c r="HPD704" s="613"/>
      <c r="HPE704" s="613"/>
      <c r="HPF704" s="613"/>
      <c r="HPG704" s="613"/>
      <c r="HPH704" s="613"/>
      <c r="HPI704" s="613"/>
      <c r="HPJ704" s="613"/>
      <c r="HPK704" s="613"/>
      <c r="HPL704" s="613"/>
      <c r="HPM704" s="613"/>
      <c r="HPN704" s="613"/>
      <c r="HPO704" s="613"/>
      <c r="HPP704" s="613"/>
      <c r="HPQ704" s="613"/>
      <c r="HPR704" s="613"/>
      <c r="HPS704" s="613"/>
      <c r="HPT704" s="613"/>
      <c r="HPU704" s="613"/>
      <c r="HPV704" s="613"/>
      <c r="HPW704" s="613"/>
      <c r="HPX704" s="613"/>
      <c r="HPY704" s="613"/>
      <c r="HPZ704" s="613"/>
      <c r="HQA704" s="613"/>
      <c r="HQB704" s="613"/>
      <c r="HQC704" s="613"/>
      <c r="HQD704" s="613"/>
      <c r="HQE704" s="613"/>
      <c r="HQF704" s="613"/>
      <c r="HQG704" s="613"/>
      <c r="HQH704" s="613"/>
      <c r="HQI704" s="613"/>
      <c r="HQJ704" s="613"/>
      <c r="HQK704" s="613"/>
      <c r="HQL704" s="613"/>
      <c r="HQM704" s="613"/>
      <c r="HQN704" s="613"/>
      <c r="HQO704" s="613"/>
      <c r="HQP704" s="613"/>
      <c r="HQQ704" s="613"/>
      <c r="HQR704" s="613"/>
      <c r="HQS704" s="613"/>
      <c r="HQT704" s="613"/>
      <c r="HQU704" s="613"/>
      <c r="HQV704" s="613"/>
      <c r="HQW704" s="613"/>
      <c r="HQX704" s="613"/>
      <c r="HQY704" s="613"/>
      <c r="HQZ704" s="613"/>
      <c r="HRA704" s="613"/>
      <c r="HRB704" s="613"/>
      <c r="HRC704" s="613"/>
      <c r="HRD704" s="613"/>
      <c r="HRE704" s="613"/>
      <c r="HRF704" s="613"/>
      <c r="HRG704" s="613"/>
      <c r="HRH704" s="613"/>
      <c r="HRI704" s="613"/>
      <c r="HRJ704" s="613"/>
      <c r="HRK704" s="613"/>
      <c r="HRL704" s="613"/>
      <c r="HRM704" s="613"/>
      <c r="HRN704" s="613"/>
      <c r="HRO704" s="613"/>
      <c r="HRP704" s="613"/>
      <c r="HRQ704" s="613"/>
      <c r="HRR704" s="613"/>
      <c r="HRS704" s="613"/>
      <c r="HRT704" s="613"/>
      <c r="HRU704" s="613"/>
      <c r="HRV704" s="613"/>
      <c r="HRW704" s="613"/>
      <c r="HRX704" s="613"/>
      <c r="HRY704" s="613"/>
      <c r="HRZ704" s="613"/>
      <c r="HSA704" s="613"/>
      <c r="HSB704" s="613"/>
      <c r="HSC704" s="613"/>
      <c r="HSD704" s="613"/>
      <c r="HSE704" s="613"/>
      <c r="HSF704" s="613"/>
      <c r="HSG704" s="613"/>
      <c r="HSH704" s="613"/>
      <c r="HSI704" s="613"/>
      <c r="HSJ704" s="613"/>
      <c r="HSK704" s="613"/>
      <c r="HSL704" s="613"/>
      <c r="HSM704" s="613"/>
      <c r="HSN704" s="613"/>
      <c r="HSO704" s="613"/>
      <c r="HSP704" s="613"/>
      <c r="HSQ704" s="613"/>
      <c r="HSR704" s="613"/>
      <c r="HSS704" s="613"/>
      <c r="HST704" s="613"/>
      <c r="HSU704" s="613"/>
      <c r="HSV704" s="613"/>
      <c r="HSW704" s="613"/>
      <c r="HSX704" s="613"/>
      <c r="HSY704" s="613"/>
      <c r="HSZ704" s="613"/>
      <c r="HTA704" s="613"/>
      <c r="HTB704" s="613"/>
      <c r="HTC704" s="613"/>
      <c r="HTD704" s="613"/>
      <c r="HTE704" s="613"/>
      <c r="HTF704" s="613"/>
      <c r="HTG704" s="613"/>
      <c r="HTH704" s="613"/>
      <c r="HTI704" s="613"/>
      <c r="HTJ704" s="613"/>
      <c r="HTK704" s="613"/>
      <c r="HTL704" s="613"/>
      <c r="HTM704" s="613"/>
      <c r="HTN704" s="613"/>
      <c r="HTO704" s="613"/>
      <c r="HTP704" s="613"/>
      <c r="HTQ704" s="613"/>
      <c r="HTR704" s="613"/>
      <c r="HTS704" s="613"/>
      <c r="HTT704" s="613"/>
      <c r="HTU704" s="613"/>
      <c r="HTV704" s="613"/>
      <c r="HTW704" s="613"/>
      <c r="HTX704" s="613"/>
      <c r="HTY704" s="613"/>
      <c r="HTZ704" s="613"/>
      <c r="HUA704" s="613"/>
      <c r="HUB704" s="613"/>
      <c r="HUC704" s="613"/>
      <c r="HUD704" s="613"/>
      <c r="HUE704" s="613"/>
      <c r="HUF704" s="613"/>
      <c r="HUG704" s="613"/>
      <c r="HUH704" s="613"/>
      <c r="HUI704" s="613"/>
      <c r="HUJ704" s="613"/>
      <c r="HUK704" s="613"/>
      <c r="HUL704" s="613"/>
      <c r="HUM704" s="613"/>
      <c r="HUN704" s="613"/>
      <c r="HUO704" s="613"/>
      <c r="HUP704" s="613"/>
      <c r="HUQ704" s="613"/>
      <c r="HUR704" s="613"/>
      <c r="HUS704" s="613"/>
      <c r="HUT704" s="613"/>
      <c r="HUU704" s="613"/>
      <c r="HUV704" s="613"/>
      <c r="HUW704" s="613"/>
      <c r="HUX704" s="613"/>
      <c r="HUY704" s="613"/>
      <c r="HUZ704" s="613"/>
      <c r="HVA704" s="613"/>
      <c r="HVB704" s="613"/>
      <c r="HVC704" s="613"/>
      <c r="HVD704" s="613"/>
      <c r="HVE704" s="613"/>
      <c r="HVF704" s="613"/>
      <c r="HVG704" s="613"/>
      <c r="HVH704" s="613"/>
      <c r="HVI704" s="613"/>
      <c r="HVJ704" s="613"/>
      <c r="HVK704" s="613"/>
      <c r="HVL704" s="613"/>
      <c r="HVM704" s="613"/>
      <c r="HVN704" s="613"/>
      <c r="HVO704" s="613"/>
      <c r="HVP704" s="613"/>
      <c r="HVQ704" s="613"/>
      <c r="HVR704" s="613"/>
      <c r="HVS704" s="613"/>
      <c r="HVT704" s="613"/>
      <c r="HVU704" s="613"/>
      <c r="HVV704" s="613"/>
      <c r="HVW704" s="613"/>
      <c r="HVX704" s="613"/>
      <c r="HVY704" s="613"/>
      <c r="HVZ704" s="613"/>
      <c r="HWA704" s="613"/>
      <c r="HWB704" s="613"/>
      <c r="HWC704" s="613"/>
      <c r="HWD704" s="613"/>
      <c r="HWE704" s="613"/>
      <c r="HWF704" s="613"/>
      <c r="HWG704" s="613"/>
      <c r="HWH704" s="613"/>
      <c r="HWI704" s="613"/>
      <c r="HWJ704" s="613"/>
      <c r="HWK704" s="613"/>
      <c r="HWL704" s="613"/>
      <c r="HWM704" s="613"/>
      <c r="HWN704" s="613"/>
      <c r="HWO704" s="613"/>
      <c r="HWP704" s="613"/>
      <c r="HWQ704" s="613"/>
      <c r="HWR704" s="613"/>
      <c r="HWS704" s="613"/>
      <c r="HWT704" s="613"/>
      <c r="HWU704" s="613"/>
      <c r="HWV704" s="613"/>
      <c r="HWW704" s="613"/>
      <c r="HWX704" s="613"/>
      <c r="HWY704" s="613"/>
      <c r="HWZ704" s="613"/>
      <c r="HXA704" s="613"/>
      <c r="HXB704" s="613"/>
      <c r="HXC704" s="613"/>
      <c r="HXD704" s="613"/>
      <c r="HXE704" s="613"/>
      <c r="HXF704" s="613"/>
      <c r="HXG704" s="613"/>
      <c r="HXH704" s="613"/>
      <c r="HXI704" s="613"/>
      <c r="HXJ704" s="613"/>
      <c r="HXK704" s="613"/>
      <c r="HXL704" s="613"/>
      <c r="HXM704" s="613"/>
      <c r="HXN704" s="613"/>
      <c r="HXO704" s="613"/>
      <c r="HXP704" s="613"/>
      <c r="HXQ704" s="613"/>
      <c r="HXR704" s="613"/>
      <c r="HXS704" s="613"/>
      <c r="HXT704" s="613"/>
      <c r="HXU704" s="613"/>
      <c r="HXV704" s="613"/>
      <c r="HXW704" s="613"/>
      <c r="HXX704" s="613"/>
      <c r="HXY704" s="613"/>
      <c r="HXZ704" s="613"/>
      <c r="HYA704" s="613"/>
      <c r="HYB704" s="613"/>
      <c r="HYC704" s="613"/>
      <c r="HYD704" s="613"/>
      <c r="HYE704" s="613"/>
      <c r="HYF704" s="613"/>
      <c r="HYG704" s="613"/>
      <c r="HYH704" s="613"/>
      <c r="HYI704" s="613"/>
      <c r="HYJ704" s="613"/>
      <c r="HYK704" s="613"/>
      <c r="HYL704" s="613"/>
      <c r="HYM704" s="613"/>
      <c r="HYN704" s="613"/>
      <c r="HYO704" s="613"/>
      <c r="HYP704" s="613"/>
      <c r="HYQ704" s="613"/>
      <c r="HYR704" s="613"/>
      <c r="HYS704" s="613"/>
      <c r="HYT704" s="613"/>
      <c r="HYU704" s="613"/>
      <c r="HYV704" s="613"/>
      <c r="HYW704" s="613"/>
      <c r="HYX704" s="613"/>
      <c r="HYY704" s="613"/>
      <c r="HYZ704" s="613"/>
      <c r="HZA704" s="613"/>
      <c r="HZB704" s="613"/>
      <c r="HZC704" s="613"/>
      <c r="HZD704" s="613"/>
      <c r="HZE704" s="613"/>
      <c r="HZF704" s="613"/>
      <c r="HZG704" s="613"/>
      <c r="HZH704" s="613"/>
      <c r="HZI704" s="613"/>
      <c r="HZJ704" s="613"/>
      <c r="HZK704" s="613"/>
      <c r="HZL704" s="613"/>
      <c r="HZM704" s="613"/>
      <c r="HZN704" s="613"/>
      <c r="HZO704" s="613"/>
      <c r="HZP704" s="613"/>
      <c r="HZQ704" s="613"/>
      <c r="HZR704" s="613"/>
      <c r="HZS704" s="613"/>
      <c r="HZT704" s="613"/>
      <c r="HZU704" s="613"/>
      <c r="HZV704" s="613"/>
      <c r="HZW704" s="613"/>
      <c r="HZX704" s="613"/>
      <c r="HZY704" s="613"/>
      <c r="HZZ704" s="613"/>
      <c r="IAA704" s="613"/>
      <c r="IAB704" s="613"/>
      <c r="IAC704" s="613"/>
      <c r="IAD704" s="613"/>
      <c r="IAE704" s="613"/>
      <c r="IAF704" s="613"/>
      <c r="IAG704" s="613"/>
      <c r="IAH704" s="613"/>
      <c r="IAI704" s="613"/>
      <c r="IAJ704" s="613"/>
      <c r="IAK704" s="613"/>
      <c r="IAL704" s="613"/>
      <c r="IAM704" s="613"/>
      <c r="IAN704" s="613"/>
      <c r="IAO704" s="613"/>
      <c r="IAP704" s="613"/>
      <c r="IAQ704" s="613"/>
      <c r="IAR704" s="613"/>
      <c r="IAS704" s="613"/>
      <c r="IAT704" s="613"/>
      <c r="IAU704" s="613"/>
      <c r="IAV704" s="613"/>
      <c r="IAW704" s="613"/>
      <c r="IAX704" s="613"/>
      <c r="IAY704" s="613"/>
      <c r="IAZ704" s="613"/>
      <c r="IBA704" s="613"/>
      <c r="IBB704" s="613"/>
      <c r="IBC704" s="613"/>
      <c r="IBD704" s="613"/>
      <c r="IBE704" s="613"/>
      <c r="IBF704" s="613"/>
      <c r="IBG704" s="613"/>
      <c r="IBH704" s="613"/>
      <c r="IBI704" s="613"/>
      <c r="IBJ704" s="613"/>
      <c r="IBK704" s="613"/>
      <c r="IBL704" s="613"/>
      <c r="IBM704" s="613"/>
      <c r="IBN704" s="613"/>
      <c r="IBO704" s="613"/>
      <c r="IBP704" s="613"/>
      <c r="IBQ704" s="613"/>
      <c r="IBR704" s="613"/>
      <c r="IBS704" s="613"/>
      <c r="IBT704" s="613"/>
      <c r="IBU704" s="613"/>
      <c r="IBV704" s="613"/>
      <c r="IBW704" s="613"/>
      <c r="IBX704" s="613"/>
      <c r="IBY704" s="613"/>
      <c r="IBZ704" s="613"/>
      <c r="ICA704" s="613"/>
      <c r="ICB704" s="613"/>
      <c r="ICC704" s="613"/>
      <c r="ICD704" s="613"/>
      <c r="ICE704" s="613"/>
      <c r="ICF704" s="613"/>
      <c r="ICG704" s="613"/>
      <c r="ICH704" s="613"/>
      <c r="ICI704" s="613"/>
      <c r="ICJ704" s="613"/>
      <c r="ICK704" s="613"/>
      <c r="ICL704" s="613"/>
      <c r="ICM704" s="613"/>
      <c r="ICN704" s="613"/>
      <c r="ICO704" s="613"/>
      <c r="ICP704" s="613"/>
      <c r="ICQ704" s="613"/>
      <c r="ICR704" s="613"/>
      <c r="ICS704" s="613"/>
      <c r="ICT704" s="613"/>
      <c r="ICU704" s="613"/>
      <c r="ICV704" s="613"/>
      <c r="ICW704" s="613"/>
      <c r="ICX704" s="613"/>
      <c r="ICY704" s="613"/>
      <c r="ICZ704" s="613"/>
      <c r="IDA704" s="613"/>
      <c r="IDB704" s="613"/>
      <c r="IDC704" s="613"/>
      <c r="IDD704" s="613"/>
      <c r="IDE704" s="613"/>
      <c r="IDF704" s="613"/>
      <c r="IDG704" s="613"/>
      <c r="IDH704" s="613"/>
      <c r="IDI704" s="613"/>
      <c r="IDJ704" s="613"/>
      <c r="IDK704" s="613"/>
      <c r="IDL704" s="613"/>
      <c r="IDM704" s="613"/>
      <c r="IDN704" s="613"/>
      <c r="IDO704" s="613"/>
      <c r="IDP704" s="613"/>
      <c r="IDQ704" s="613"/>
      <c r="IDR704" s="613"/>
      <c r="IDS704" s="613"/>
      <c r="IDT704" s="613"/>
      <c r="IDU704" s="613"/>
      <c r="IDV704" s="613"/>
      <c r="IDW704" s="613"/>
      <c r="IDX704" s="613"/>
      <c r="IDY704" s="613"/>
      <c r="IDZ704" s="613"/>
      <c r="IEA704" s="613"/>
      <c r="IEB704" s="613"/>
      <c r="IEC704" s="613"/>
      <c r="IED704" s="613"/>
      <c r="IEE704" s="613"/>
      <c r="IEF704" s="613"/>
      <c r="IEG704" s="613"/>
      <c r="IEH704" s="613"/>
      <c r="IEI704" s="613"/>
      <c r="IEJ704" s="613"/>
      <c r="IEK704" s="613"/>
      <c r="IEL704" s="613"/>
      <c r="IEM704" s="613"/>
      <c r="IEN704" s="613"/>
      <c r="IEO704" s="613"/>
      <c r="IEP704" s="613"/>
      <c r="IEQ704" s="613"/>
      <c r="IER704" s="613"/>
      <c r="IES704" s="613"/>
      <c r="IET704" s="613"/>
      <c r="IEU704" s="613"/>
      <c r="IEV704" s="613"/>
      <c r="IEW704" s="613"/>
      <c r="IEX704" s="613"/>
      <c r="IEY704" s="613"/>
      <c r="IEZ704" s="613"/>
      <c r="IFA704" s="613"/>
      <c r="IFB704" s="613"/>
      <c r="IFC704" s="613"/>
      <c r="IFD704" s="613"/>
      <c r="IFE704" s="613"/>
      <c r="IFF704" s="613"/>
      <c r="IFG704" s="613"/>
      <c r="IFH704" s="613"/>
      <c r="IFI704" s="613"/>
      <c r="IFJ704" s="613"/>
      <c r="IFK704" s="613"/>
      <c r="IFL704" s="613"/>
      <c r="IFM704" s="613"/>
      <c r="IFN704" s="613"/>
      <c r="IFO704" s="613"/>
      <c r="IFP704" s="613"/>
      <c r="IFQ704" s="613"/>
      <c r="IFR704" s="613"/>
      <c r="IFS704" s="613"/>
      <c r="IFT704" s="613"/>
      <c r="IFU704" s="613"/>
      <c r="IFV704" s="613"/>
      <c r="IFW704" s="613"/>
      <c r="IFX704" s="613"/>
      <c r="IFY704" s="613"/>
      <c r="IFZ704" s="613"/>
      <c r="IGA704" s="613"/>
      <c r="IGB704" s="613"/>
      <c r="IGC704" s="613"/>
      <c r="IGD704" s="613"/>
      <c r="IGE704" s="613"/>
      <c r="IGF704" s="613"/>
      <c r="IGG704" s="613"/>
      <c r="IGH704" s="613"/>
      <c r="IGI704" s="613"/>
      <c r="IGJ704" s="613"/>
      <c r="IGK704" s="613"/>
      <c r="IGL704" s="613"/>
      <c r="IGM704" s="613"/>
      <c r="IGN704" s="613"/>
      <c r="IGO704" s="613"/>
      <c r="IGP704" s="613"/>
      <c r="IGQ704" s="613"/>
      <c r="IGR704" s="613"/>
      <c r="IGS704" s="613"/>
      <c r="IGT704" s="613"/>
      <c r="IGU704" s="613"/>
      <c r="IGV704" s="613"/>
      <c r="IGW704" s="613"/>
      <c r="IGX704" s="613"/>
      <c r="IGY704" s="613"/>
      <c r="IGZ704" s="613"/>
      <c r="IHA704" s="613"/>
      <c r="IHB704" s="613"/>
      <c r="IHC704" s="613"/>
      <c r="IHD704" s="613"/>
      <c r="IHE704" s="613"/>
      <c r="IHF704" s="613"/>
      <c r="IHG704" s="613"/>
      <c r="IHH704" s="613"/>
      <c r="IHI704" s="613"/>
      <c r="IHJ704" s="613"/>
      <c r="IHK704" s="613"/>
      <c r="IHL704" s="613"/>
      <c r="IHM704" s="613"/>
      <c r="IHN704" s="613"/>
      <c r="IHO704" s="613"/>
      <c r="IHP704" s="613"/>
      <c r="IHQ704" s="613"/>
      <c r="IHR704" s="613"/>
      <c r="IHS704" s="613"/>
      <c r="IHT704" s="613"/>
      <c r="IHU704" s="613"/>
      <c r="IHV704" s="613"/>
      <c r="IHW704" s="613"/>
      <c r="IHX704" s="613"/>
      <c r="IHY704" s="613"/>
      <c r="IHZ704" s="613"/>
      <c r="IIA704" s="613"/>
      <c r="IIB704" s="613"/>
      <c r="IIC704" s="613"/>
      <c r="IID704" s="613"/>
      <c r="IIE704" s="613"/>
      <c r="IIF704" s="613"/>
      <c r="IIG704" s="613"/>
      <c r="IIH704" s="613"/>
      <c r="III704" s="613"/>
      <c r="IIJ704" s="613"/>
      <c r="IIK704" s="613"/>
      <c r="IIL704" s="613"/>
      <c r="IIM704" s="613"/>
      <c r="IIN704" s="613"/>
      <c r="IIO704" s="613"/>
      <c r="IIP704" s="613"/>
      <c r="IIQ704" s="613"/>
      <c r="IIR704" s="613"/>
      <c r="IIS704" s="613"/>
      <c r="IIT704" s="613"/>
      <c r="IIU704" s="613"/>
      <c r="IIV704" s="613"/>
      <c r="IIW704" s="613"/>
      <c r="IIX704" s="613"/>
      <c r="IIY704" s="613"/>
      <c r="IIZ704" s="613"/>
      <c r="IJA704" s="613"/>
      <c r="IJB704" s="613"/>
      <c r="IJC704" s="613"/>
      <c r="IJD704" s="613"/>
      <c r="IJE704" s="613"/>
      <c r="IJF704" s="613"/>
      <c r="IJG704" s="613"/>
      <c r="IJH704" s="613"/>
      <c r="IJI704" s="613"/>
      <c r="IJJ704" s="613"/>
      <c r="IJK704" s="613"/>
      <c r="IJL704" s="613"/>
      <c r="IJM704" s="613"/>
      <c r="IJN704" s="613"/>
      <c r="IJO704" s="613"/>
      <c r="IJP704" s="613"/>
      <c r="IJQ704" s="613"/>
      <c r="IJR704" s="613"/>
      <c r="IJS704" s="613"/>
      <c r="IJT704" s="613"/>
      <c r="IJU704" s="613"/>
      <c r="IJV704" s="613"/>
      <c r="IJW704" s="613"/>
      <c r="IJX704" s="613"/>
      <c r="IJY704" s="613"/>
      <c r="IJZ704" s="613"/>
      <c r="IKA704" s="613"/>
      <c r="IKB704" s="613"/>
      <c r="IKC704" s="613"/>
      <c r="IKD704" s="613"/>
      <c r="IKE704" s="613"/>
      <c r="IKF704" s="613"/>
      <c r="IKG704" s="613"/>
      <c r="IKH704" s="613"/>
      <c r="IKI704" s="613"/>
      <c r="IKJ704" s="613"/>
      <c r="IKK704" s="613"/>
      <c r="IKL704" s="613"/>
      <c r="IKM704" s="613"/>
      <c r="IKN704" s="613"/>
      <c r="IKO704" s="613"/>
      <c r="IKP704" s="613"/>
      <c r="IKQ704" s="613"/>
      <c r="IKR704" s="613"/>
      <c r="IKS704" s="613"/>
      <c r="IKT704" s="613"/>
      <c r="IKU704" s="613"/>
      <c r="IKV704" s="613"/>
      <c r="IKW704" s="613"/>
      <c r="IKX704" s="613"/>
      <c r="IKY704" s="613"/>
      <c r="IKZ704" s="613"/>
      <c r="ILA704" s="613"/>
      <c r="ILB704" s="613"/>
      <c r="ILC704" s="613"/>
      <c r="ILD704" s="613"/>
      <c r="ILE704" s="613"/>
      <c r="ILF704" s="613"/>
      <c r="ILG704" s="613"/>
      <c r="ILH704" s="613"/>
      <c r="ILI704" s="613"/>
      <c r="ILJ704" s="613"/>
      <c r="ILK704" s="613"/>
      <c r="ILL704" s="613"/>
      <c r="ILM704" s="613"/>
      <c r="ILN704" s="613"/>
      <c r="ILO704" s="613"/>
      <c r="ILP704" s="613"/>
      <c r="ILQ704" s="613"/>
      <c r="ILR704" s="613"/>
      <c r="ILS704" s="613"/>
      <c r="ILT704" s="613"/>
      <c r="ILU704" s="613"/>
      <c r="ILV704" s="613"/>
      <c r="ILW704" s="613"/>
      <c r="ILX704" s="613"/>
      <c r="ILY704" s="613"/>
      <c r="ILZ704" s="613"/>
      <c r="IMA704" s="613"/>
      <c r="IMB704" s="613"/>
      <c r="IMC704" s="613"/>
      <c r="IMD704" s="613"/>
      <c r="IME704" s="613"/>
      <c r="IMF704" s="613"/>
      <c r="IMG704" s="613"/>
      <c r="IMH704" s="613"/>
      <c r="IMI704" s="613"/>
      <c r="IMJ704" s="613"/>
      <c r="IMK704" s="613"/>
      <c r="IML704" s="613"/>
      <c r="IMM704" s="613"/>
      <c r="IMN704" s="613"/>
      <c r="IMO704" s="613"/>
      <c r="IMP704" s="613"/>
      <c r="IMQ704" s="613"/>
      <c r="IMR704" s="613"/>
      <c r="IMS704" s="613"/>
      <c r="IMT704" s="613"/>
      <c r="IMU704" s="613"/>
      <c r="IMV704" s="613"/>
      <c r="IMW704" s="613"/>
      <c r="IMX704" s="613"/>
      <c r="IMY704" s="613"/>
      <c r="IMZ704" s="613"/>
      <c r="INA704" s="613"/>
      <c r="INB704" s="613"/>
      <c r="INC704" s="613"/>
      <c r="IND704" s="613"/>
      <c r="INE704" s="613"/>
      <c r="INF704" s="613"/>
      <c r="ING704" s="613"/>
      <c r="INH704" s="613"/>
      <c r="INI704" s="613"/>
      <c r="INJ704" s="613"/>
      <c r="INK704" s="613"/>
      <c r="INL704" s="613"/>
      <c r="INM704" s="613"/>
      <c r="INN704" s="613"/>
      <c r="INO704" s="613"/>
      <c r="INP704" s="613"/>
      <c r="INQ704" s="613"/>
      <c r="INR704" s="613"/>
      <c r="INS704" s="613"/>
      <c r="INT704" s="613"/>
      <c r="INU704" s="613"/>
      <c r="INV704" s="613"/>
      <c r="INW704" s="613"/>
      <c r="INX704" s="613"/>
      <c r="INY704" s="613"/>
      <c r="INZ704" s="613"/>
      <c r="IOA704" s="613"/>
      <c r="IOB704" s="613"/>
      <c r="IOC704" s="613"/>
      <c r="IOD704" s="613"/>
      <c r="IOE704" s="613"/>
      <c r="IOF704" s="613"/>
      <c r="IOG704" s="613"/>
      <c r="IOH704" s="613"/>
      <c r="IOI704" s="613"/>
      <c r="IOJ704" s="613"/>
      <c r="IOK704" s="613"/>
      <c r="IOL704" s="613"/>
      <c r="IOM704" s="613"/>
      <c r="ION704" s="613"/>
      <c r="IOO704" s="613"/>
      <c r="IOP704" s="613"/>
      <c r="IOQ704" s="613"/>
      <c r="IOR704" s="613"/>
      <c r="IOS704" s="613"/>
      <c r="IOT704" s="613"/>
      <c r="IOU704" s="613"/>
      <c r="IOV704" s="613"/>
      <c r="IOW704" s="613"/>
      <c r="IOX704" s="613"/>
      <c r="IOY704" s="613"/>
      <c r="IOZ704" s="613"/>
      <c r="IPA704" s="613"/>
      <c r="IPB704" s="613"/>
      <c r="IPC704" s="613"/>
      <c r="IPD704" s="613"/>
      <c r="IPE704" s="613"/>
      <c r="IPF704" s="613"/>
      <c r="IPG704" s="613"/>
      <c r="IPH704" s="613"/>
      <c r="IPI704" s="613"/>
      <c r="IPJ704" s="613"/>
      <c r="IPK704" s="613"/>
      <c r="IPL704" s="613"/>
      <c r="IPM704" s="613"/>
      <c r="IPN704" s="613"/>
      <c r="IPO704" s="613"/>
      <c r="IPP704" s="613"/>
      <c r="IPQ704" s="613"/>
      <c r="IPR704" s="613"/>
      <c r="IPS704" s="613"/>
      <c r="IPT704" s="613"/>
      <c r="IPU704" s="613"/>
      <c r="IPV704" s="613"/>
      <c r="IPW704" s="613"/>
      <c r="IPX704" s="613"/>
      <c r="IPY704" s="613"/>
      <c r="IPZ704" s="613"/>
      <c r="IQA704" s="613"/>
      <c r="IQB704" s="613"/>
      <c r="IQC704" s="613"/>
      <c r="IQD704" s="613"/>
      <c r="IQE704" s="613"/>
      <c r="IQF704" s="613"/>
      <c r="IQG704" s="613"/>
      <c r="IQH704" s="613"/>
      <c r="IQI704" s="613"/>
      <c r="IQJ704" s="613"/>
      <c r="IQK704" s="613"/>
      <c r="IQL704" s="613"/>
      <c r="IQM704" s="613"/>
      <c r="IQN704" s="613"/>
      <c r="IQO704" s="613"/>
      <c r="IQP704" s="613"/>
      <c r="IQQ704" s="613"/>
      <c r="IQR704" s="613"/>
      <c r="IQS704" s="613"/>
      <c r="IQT704" s="613"/>
      <c r="IQU704" s="613"/>
      <c r="IQV704" s="613"/>
      <c r="IQW704" s="613"/>
      <c r="IQX704" s="613"/>
      <c r="IQY704" s="613"/>
      <c r="IQZ704" s="613"/>
      <c r="IRA704" s="613"/>
      <c r="IRB704" s="613"/>
      <c r="IRC704" s="613"/>
      <c r="IRD704" s="613"/>
      <c r="IRE704" s="613"/>
      <c r="IRF704" s="613"/>
      <c r="IRG704" s="613"/>
      <c r="IRH704" s="613"/>
      <c r="IRI704" s="613"/>
      <c r="IRJ704" s="613"/>
      <c r="IRK704" s="613"/>
      <c r="IRL704" s="613"/>
      <c r="IRM704" s="613"/>
      <c r="IRN704" s="613"/>
      <c r="IRO704" s="613"/>
      <c r="IRP704" s="613"/>
      <c r="IRQ704" s="613"/>
      <c r="IRR704" s="613"/>
      <c r="IRS704" s="613"/>
      <c r="IRT704" s="613"/>
      <c r="IRU704" s="613"/>
      <c r="IRV704" s="613"/>
      <c r="IRW704" s="613"/>
      <c r="IRX704" s="613"/>
      <c r="IRY704" s="613"/>
      <c r="IRZ704" s="613"/>
      <c r="ISA704" s="613"/>
      <c r="ISB704" s="613"/>
      <c r="ISC704" s="613"/>
      <c r="ISD704" s="613"/>
      <c r="ISE704" s="613"/>
      <c r="ISF704" s="613"/>
      <c r="ISG704" s="613"/>
      <c r="ISH704" s="613"/>
      <c r="ISI704" s="613"/>
      <c r="ISJ704" s="613"/>
      <c r="ISK704" s="613"/>
      <c r="ISL704" s="613"/>
      <c r="ISM704" s="613"/>
      <c r="ISN704" s="613"/>
      <c r="ISO704" s="613"/>
      <c r="ISP704" s="613"/>
      <c r="ISQ704" s="613"/>
      <c r="ISR704" s="613"/>
      <c r="ISS704" s="613"/>
      <c r="IST704" s="613"/>
      <c r="ISU704" s="613"/>
      <c r="ISV704" s="613"/>
      <c r="ISW704" s="613"/>
      <c r="ISX704" s="613"/>
      <c r="ISY704" s="613"/>
      <c r="ISZ704" s="613"/>
      <c r="ITA704" s="613"/>
      <c r="ITB704" s="613"/>
      <c r="ITC704" s="613"/>
      <c r="ITD704" s="613"/>
      <c r="ITE704" s="613"/>
      <c r="ITF704" s="613"/>
      <c r="ITG704" s="613"/>
      <c r="ITH704" s="613"/>
      <c r="ITI704" s="613"/>
      <c r="ITJ704" s="613"/>
      <c r="ITK704" s="613"/>
      <c r="ITL704" s="613"/>
      <c r="ITM704" s="613"/>
      <c r="ITN704" s="613"/>
      <c r="ITO704" s="613"/>
      <c r="ITP704" s="613"/>
      <c r="ITQ704" s="613"/>
      <c r="ITR704" s="613"/>
      <c r="ITS704" s="613"/>
      <c r="ITT704" s="613"/>
      <c r="ITU704" s="613"/>
      <c r="ITV704" s="613"/>
      <c r="ITW704" s="613"/>
      <c r="ITX704" s="613"/>
      <c r="ITY704" s="613"/>
      <c r="ITZ704" s="613"/>
      <c r="IUA704" s="613"/>
      <c r="IUB704" s="613"/>
      <c r="IUC704" s="613"/>
      <c r="IUD704" s="613"/>
      <c r="IUE704" s="613"/>
      <c r="IUF704" s="613"/>
      <c r="IUG704" s="613"/>
      <c r="IUH704" s="613"/>
      <c r="IUI704" s="613"/>
      <c r="IUJ704" s="613"/>
      <c r="IUK704" s="613"/>
      <c r="IUL704" s="613"/>
      <c r="IUM704" s="613"/>
      <c r="IUN704" s="613"/>
      <c r="IUO704" s="613"/>
      <c r="IUP704" s="613"/>
      <c r="IUQ704" s="613"/>
      <c r="IUR704" s="613"/>
      <c r="IUS704" s="613"/>
      <c r="IUT704" s="613"/>
      <c r="IUU704" s="613"/>
      <c r="IUV704" s="613"/>
      <c r="IUW704" s="613"/>
      <c r="IUX704" s="613"/>
      <c r="IUY704" s="613"/>
      <c r="IUZ704" s="613"/>
      <c r="IVA704" s="613"/>
      <c r="IVB704" s="613"/>
      <c r="IVC704" s="613"/>
      <c r="IVD704" s="613"/>
      <c r="IVE704" s="613"/>
      <c r="IVF704" s="613"/>
      <c r="IVG704" s="613"/>
      <c r="IVH704" s="613"/>
      <c r="IVI704" s="613"/>
      <c r="IVJ704" s="613"/>
      <c r="IVK704" s="613"/>
      <c r="IVL704" s="613"/>
      <c r="IVM704" s="613"/>
      <c r="IVN704" s="613"/>
      <c r="IVO704" s="613"/>
      <c r="IVP704" s="613"/>
      <c r="IVQ704" s="613"/>
      <c r="IVR704" s="613"/>
      <c r="IVS704" s="613"/>
      <c r="IVT704" s="613"/>
      <c r="IVU704" s="613"/>
      <c r="IVV704" s="613"/>
      <c r="IVW704" s="613"/>
      <c r="IVX704" s="613"/>
      <c r="IVY704" s="613"/>
      <c r="IVZ704" s="613"/>
      <c r="IWA704" s="613"/>
      <c r="IWB704" s="613"/>
      <c r="IWC704" s="613"/>
      <c r="IWD704" s="613"/>
      <c r="IWE704" s="613"/>
      <c r="IWF704" s="613"/>
      <c r="IWG704" s="613"/>
      <c r="IWH704" s="613"/>
      <c r="IWI704" s="613"/>
      <c r="IWJ704" s="613"/>
      <c r="IWK704" s="613"/>
      <c r="IWL704" s="613"/>
      <c r="IWM704" s="613"/>
      <c r="IWN704" s="613"/>
      <c r="IWO704" s="613"/>
      <c r="IWP704" s="613"/>
      <c r="IWQ704" s="613"/>
      <c r="IWR704" s="613"/>
      <c r="IWS704" s="613"/>
      <c r="IWT704" s="613"/>
      <c r="IWU704" s="613"/>
      <c r="IWV704" s="613"/>
      <c r="IWW704" s="613"/>
      <c r="IWX704" s="613"/>
      <c r="IWY704" s="613"/>
      <c r="IWZ704" s="613"/>
      <c r="IXA704" s="613"/>
      <c r="IXB704" s="613"/>
      <c r="IXC704" s="613"/>
      <c r="IXD704" s="613"/>
      <c r="IXE704" s="613"/>
      <c r="IXF704" s="613"/>
      <c r="IXG704" s="613"/>
      <c r="IXH704" s="613"/>
      <c r="IXI704" s="613"/>
      <c r="IXJ704" s="613"/>
      <c r="IXK704" s="613"/>
      <c r="IXL704" s="613"/>
      <c r="IXM704" s="613"/>
      <c r="IXN704" s="613"/>
      <c r="IXO704" s="613"/>
      <c r="IXP704" s="613"/>
      <c r="IXQ704" s="613"/>
      <c r="IXR704" s="613"/>
      <c r="IXS704" s="613"/>
      <c r="IXT704" s="613"/>
      <c r="IXU704" s="613"/>
      <c r="IXV704" s="613"/>
      <c r="IXW704" s="613"/>
      <c r="IXX704" s="613"/>
      <c r="IXY704" s="613"/>
      <c r="IXZ704" s="613"/>
      <c r="IYA704" s="613"/>
      <c r="IYB704" s="613"/>
      <c r="IYC704" s="613"/>
      <c r="IYD704" s="613"/>
      <c r="IYE704" s="613"/>
      <c r="IYF704" s="613"/>
      <c r="IYG704" s="613"/>
      <c r="IYH704" s="613"/>
      <c r="IYI704" s="613"/>
      <c r="IYJ704" s="613"/>
      <c r="IYK704" s="613"/>
      <c r="IYL704" s="613"/>
      <c r="IYM704" s="613"/>
      <c r="IYN704" s="613"/>
      <c r="IYO704" s="613"/>
      <c r="IYP704" s="613"/>
      <c r="IYQ704" s="613"/>
      <c r="IYR704" s="613"/>
      <c r="IYS704" s="613"/>
      <c r="IYT704" s="613"/>
      <c r="IYU704" s="613"/>
      <c r="IYV704" s="613"/>
      <c r="IYW704" s="613"/>
      <c r="IYX704" s="613"/>
      <c r="IYY704" s="613"/>
      <c r="IYZ704" s="613"/>
      <c r="IZA704" s="613"/>
      <c r="IZB704" s="613"/>
      <c r="IZC704" s="613"/>
      <c r="IZD704" s="613"/>
      <c r="IZE704" s="613"/>
      <c r="IZF704" s="613"/>
      <c r="IZG704" s="613"/>
      <c r="IZH704" s="613"/>
      <c r="IZI704" s="613"/>
      <c r="IZJ704" s="613"/>
      <c r="IZK704" s="613"/>
      <c r="IZL704" s="613"/>
      <c r="IZM704" s="613"/>
      <c r="IZN704" s="613"/>
      <c r="IZO704" s="613"/>
      <c r="IZP704" s="613"/>
      <c r="IZQ704" s="613"/>
      <c r="IZR704" s="613"/>
      <c r="IZS704" s="613"/>
      <c r="IZT704" s="613"/>
      <c r="IZU704" s="613"/>
      <c r="IZV704" s="613"/>
      <c r="IZW704" s="613"/>
      <c r="IZX704" s="613"/>
      <c r="IZY704" s="613"/>
      <c r="IZZ704" s="613"/>
      <c r="JAA704" s="613"/>
      <c r="JAB704" s="613"/>
      <c r="JAC704" s="613"/>
      <c r="JAD704" s="613"/>
      <c r="JAE704" s="613"/>
      <c r="JAF704" s="613"/>
      <c r="JAG704" s="613"/>
      <c r="JAH704" s="613"/>
      <c r="JAI704" s="613"/>
      <c r="JAJ704" s="613"/>
      <c r="JAK704" s="613"/>
      <c r="JAL704" s="613"/>
      <c r="JAM704" s="613"/>
      <c r="JAN704" s="613"/>
      <c r="JAO704" s="613"/>
      <c r="JAP704" s="613"/>
      <c r="JAQ704" s="613"/>
      <c r="JAR704" s="613"/>
      <c r="JAS704" s="613"/>
      <c r="JAT704" s="613"/>
      <c r="JAU704" s="613"/>
      <c r="JAV704" s="613"/>
      <c r="JAW704" s="613"/>
      <c r="JAX704" s="613"/>
      <c r="JAY704" s="613"/>
      <c r="JAZ704" s="613"/>
      <c r="JBA704" s="613"/>
      <c r="JBB704" s="613"/>
      <c r="JBC704" s="613"/>
      <c r="JBD704" s="613"/>
      <c r="JBE704" s="613"/>
      <c r="JBF704" s="613"/>
      <c r="JBG704" s="613"/>
      <c r="JBH704" s="613"/>
      <c r="JBI704" s="613"/>
      <c r="JBJ704" s="613"/>
      <c r="JBK704" s="613"/>
      <c r="JBL704" s="613"/>
      <c r="JBM704" s="613"/>
      <c r="JBN704" s="613"/>
      <c r="JBO704" s="613"/>
      <c r="JBP704" s="613"/>
      <c r="JBQ704" s="613"/>
      <c r="JBR704" s="613"/>
      <c r="JBS704" s="613"/>
      <c r="JBT704" s="613"/>
      <c r="JBU704" s="613"/>
      <c r="JBV704" s="613"/>
      <c r="JBW704" s="613"/>
      <c r="JBX704" s="613"/>
      <c r="JBY704" s="613"/>
      <c r="JBZ704" s="613"/>
      <c r="JCA704" s="613"/>
      <c r="JCB704" s="613"/>
      <c r="JCC704" s="613"/>
      <c r="JCD704" s="613"/>
      <c r="JCE704" s="613"/>
      <c r="JCF704" s="613"/>
      <c r="JCG704" s="613"/>
      <c r="JCH704" s="613"/>
      <c r="JCI704" s="613"/>
      <c r="JCJ704" s="613"/>
      <c r="JCK704" s="613"/>
      <c r="JCL704" s="613"/>
      <c r="JCM704" s="613"/>
      <c r="JCN704" s="613"/>
      <c r="JCO704" s="613"/>
      <c r="JCP704" s="613"/>
      <c r="JCQ704" s="613"/>
      <c r="JCR704" s="613"/>
      <c r="JCS704" s="613"/>
      <c r="JCT704" s="613"/>
      <c r="JCU704" s="613"/>
      <c r="JCV704" s="613"/>
      <c r="JCW704" s="613"/>
      <c r="JCX704" s="613"/>
      <c r="JCY704" s="613"/>
      <c r="JCZ704" s="613"/>
      <c r="JDA704" s="613"/>
      <c r="JDB704" s="613"/>
      <c r="JDC704" s="613"/>
      <c r="JDD704" s="613"/>
      <c r="JDE704" s="613"/>
      <c r="JDF704" s="613"/>
      <c r="JDG704" s="613"/>
      <c r="JDH704" s="613"/>
      <c r="JDI704" s="613"/>
      <c r="JDJ704" s="613"/>
      <c r="JDK704" s="613"/>
      <c r="JDL704" s="613"/>
      <c r="JDM704" s="613"/>
      <c r="JDN704" s="613"/>
      <c r="JDO704" s="613"/>
      <c r="JDP704" s="613"/>
      <c r="JDQ704" s="613"/>
      <c r="JDR704" s="613"/>
      <c r="JDS704" s="613"/>
      <c r="JDT704" s="613"/>
      <c r="JDU704" s="613"/>
      <c r="JDV704" s="613"/>
      <c r="JDW704" s="613"/>
      <c r="JDX704" s="613"/>
      <c r="JDY704" s="613"/>
      <c r="JDZ704" s="613"/>
      <c r="JEA704" s="613"/>
      <c r="JEB704" s="613"/>
      <c r="JEC704" s="613"/>
      <c r="JED704" s="613"/>
      <c r="JEE704" s="613"/>
      <c r="JEF704" s="613"/>
      <c r="JEG704" s="613"/>
      <c r="JEH704" s="613"/>
      <c r="JEI704" s="613"/>
      <c r="JEJ704" s="613"/>
      <c r="JEK704" s="613"/>
      <c r="JEL704" s="613"/>
      <c r="JEM704" s="613"/>
      <c r="JEN704" s="613"/>
      <c r="JEO704" s="613"/>
      <c r="JEP704" s="613"/>
      <c r="JEQ704" s="613"/>
      <c r="JER704" s="613"/>
      <c r="JES704" s="613"/>
      <c r="JET704" s="613"/>
      <c r="JEU704" s="613"/>
      <c r="JEV704" s="613"/>
      <c r="JEW704" s="613"/>
      <c r="JEX704" s="613"/>
      <c r="JEY704" s="613"/>
      <c r="JEZ704" s="613"/>
      <c r="JFA704" s="613"/>
      <c r="JFB704" s="613"/>
      <c r="JFC704" s="613"/>
      <c r="JFD704" s="613"/>
      <c r="JFE704" s="613"/>
      <c r="JFF704" s="613"/>
      <c r="JFG704" s="613"/>
      <c r="JFH704" s="613"/>
      <c r="JFI704" s="613"/>
      <c r="JFJ704" s="613"/>
      <c r="JFK704" s="613"/>
      <c r="JFL704" s="613"/>
      <c r="JFM704" s="613"/>
      <c r="JFN704" s="613"/>
      <c r="JFO704" s="613"/>
      <c r="JFP704" s="613"/>
      <c r="JFQ704" s="613"/>
      <c r="JFR704" s="613"/>
      <c r="JFS704" s="613"/>
      <c r="JFT704" s="613"/>
      <c r="JFU704" s="613"/>
      <c r="JFV704" s="613"/>
      <c r="JFW704" s="613"/>
      <c r="JFX704" s="613"/>
      <c r="JFY704" s="613"/>
      <c r="JFZ704" s="613"/>
      <c r="JGA704" s="613"/>
      <c r="JGB704" s="613"/>
      <c r="JGC704" s="613"/>
      <c r="JGD704" s="613"/>
      <c r="JGE704" s="613"/>
      <c r="JGF704" s="613"/>
      <c r="JGG704" s="613"/>
      <c r="JGH704" s="613"/>
      <c r="JGI704" s="613"/>
      <c r="JGJ704" s="613"/>
      <c r="JGK704" s="613"/>
      <c r="JGL704" s="613"/>
      <c r="JGM704" s="613"/>
      <c r="JGN704" s="613"/>
      <c r="JGO704" s="613"/>
      <c r="JGP704" s="613"/>
      <c r="JGQ704" s="613"/>
      <c r="JGR704" s="613"/>
      <c r="JGS704" s="613"/>
      <c r="JGT704" s="613"/>
      <c r="JGU704" s="613"/>
      <c r="JGV704" s="613"/>
      <c r="JGW704" s="613"/>
      <c r="JGX704" s="613"/>
      <c r="JGY704" s="613"/>
      <c r="JGZ704" s="613"/>
      <c r="JHA704" s="613"/>
      <c r="JHB704" s="613"/>
      <c r="JHC704" s="613"/>
      <c r="JHD704" s="613"/>
      <c r="JHE704" s="613"/>
      <c r="JHF704" s="613"/>
      <c r="JHG704" s="613"/>
      <c r="JHH704" s="613"/>
      <c r="JHI704" s="613"/>
      <c r="JHJ704" s="613"/>
      <c r="JHK704" s="613"/>
      <c r="JHL704" s="613"/>
      <c r="JHM704" s="613"/>
      <c r="JHN704" s="613"/>
      <c r="JHO704" s="613"/>
      <c r="JHP704" s="613"/>
      <c r="JHQ704" s="613"/>
      <c r="JHR704" s="613"/>
      <c r="JHS704" s="613"/>
      <c r="JHT704" s="613"/>
      <c r="JHU704" s="613"/>
      <c r="JHV704" s="613"/>
      <c r="JHW704" s="613"/>
      <c r="JHX704" s="613"/>
      <c r="JHY704" s="613"/>
      <c r="JHZ704" s="613"/>
      <c r="JIA704" s="613"/>
      <c r="JIB704" s="613"/>
      <c r="JIC704" s="613"/>
      <c r="JID704" s="613"/>
      <c r="JIE704" s="613"/>
      <c r="JIF704" s="613"/>
      <c r="JIG704" s="613"/>
      <c r="JIH704" s="613"/>
      <c r="JII704" s="613"/>
      <c r="JIJ704" s="613"/>
      <c r="JIK704" s="613"/>
      <c r="JIL704" s="613"/>
      <c r="JIM704" s="613"/>
      <c r="JIN704" s="613"/>
      <c r="JIO704" s="613"/>
      <c r="JIP704" s="613"/>
      <c r="JIQ704" s="613"/>
      <c r="JIR704" s="613"/>
      <c r="JIS704" s="613"/>
      <c r="JIT704" s="613"/>
      <c r="JIU704" s="613"/>
      <c r="JIV704" s="613"/>
      <c r="JIW704" s="613"/>
      <c r="JIX704" s="613"/>
      <c r="JIY704" s="613"/>
      <c r="JIZ704" s="613"/>
      <c r="JJA704" s="613"/>
      <c r="JJB704" s="613"/>
      <c r="JJC704" s="613"/>
      <c r="JJD704" s="613"/>
      <c r="JJE704" s="613"/>
      <c r="JJF704" s="613"/>
      <c r="JJG704" s="613"/>
      <c r="JJH704" s="613"/>
      <c r="JJI704" s="613"/>
      <c r="JJJ704" s="613"/>
      <c r="JJK704" s="613"/>
      <c r="JJL704" s="613"/>
      <c r="JJM704" s="613"/>
      <c r="JJN704" s="613"/>
      <c r="JJO704" s="613"/>
      <c r="JJP704" s="613"/>
      <c r="JJQ704" s="613"/>
      <c r="JJR704" s="613"/>
      <c r="JJS704" s="613"/>
      <c r="JJT704" s="613"/>
      <c r="JJU704" s="613"/>
      <c r="JJV704" s="613"/>
      <c r="JJW704" s="613"/>
      <c r="JJX704" s="613"/>
      <c r="JJY704" s="613"/>
      <c r="JJZ704" s="613"/>
      <c r="JKA704" s="613"/>
      <c r="JKB704" s="613"/>
      <c r="JKC704" s="613"/>
      <c r="JKD704" s="613"/>
      <c r="JKE704" s="613"/>
      <c r="JKF704" s="613"/>
      <c r="JKG704" s="613"/>
      <c r="JKH704" s="613"/>
      <c r="JKI704" s="613"/>
      <c r="JKJ704" s="613"/>
      <c r="JKK704" s="613"/>
      <c r="JKL704" s="613"/>
      <c r="JKM704" s="613"/>
      <c r="JKN704" s="613"/>
      <c r="JKO704" s="613"/>
      <c r="JKP704" s="613"/>
      <c r="JKQ704" s="613"/>
      <c r="JKR704" s="613"/>
      <c r="JKS704" s="613"/>
      <c r="JKT704" s="613"/>
      <c r="JKU704" s="613"/>
      <c r="JKV704" s="613"/>
      <c r="JKW704" s="613"/>
      <c r="JKX704" s="613"/>
      <c r="JKY704" s="613"/>
      <c r="JKZ704" s="613"/>
      <c r="JLA704" s="613"/>
      <c r="JLB704" s="613"/>
      <c r="JLC704" s="613"/>
      <c r="JLD704" s="613"/>
      <c r="JLE704" s="613"/>
      <c r="JLF704" s="613"/>
      <c r="JLG704" s="613"/>
      <c r="JLH704" s="613"/>
      <c r="JLI704" s="613"/>
      <c r="JLJ704" s="613"/>
      <c r="JLK704" s="613"/>
      <c r="JLL704" s="613"/>
      <c r="JLM704" s="613"/>
      <c r="JLN704" s="613"/>
      <c r="JLO704" s="613"/>
      <c r="JLP704" s="613"/>
      <c r="JLQ704" s="613"/>
      <c r="JLR704" s="613"/>
      <c r="JLS704" s="613"/>
      <c r="JLT704" s="613"/>
      <c r="JLU704" s="613"/>
      <c r="JLV704" s="613"/>
      <c r="JLW704" s="613"/>
      <c r="JLX704" s="613"/>
      <c r="JLY704" s="613"/>
      <c r="JLZ704" s="613"/>
      <c r="JMA704" s="613"/>
      <c r="JMB704" s="613"/>
      <c r="JMC704" s="613"/>
      <c r="JMD704" s="613"/>
      <c r="JME704" s="613"/>
      <c r="JMF704" s="613"/>
      <c r="JMG704" s="613"/>
      <c r="JMH704" s="613"/>
      <c r="JMI704" s="613"/>
      <c r="JMJ704" s="613"/>
      <c r="JMK704" s="613"/>
      <c r="JML704" s="613"/>
      <c r="JMM704" s="613"/>
      <c r="JMN704" s="613"/>
      <c r="JMO704" s="613"/>
      <c r="JMP704" s="613"/>
      <c r="JMQ704" s="613"/>
      <c r="JMR704" s="613"/>
      <c r="JMS704" s="613"/>
      <c r="JMT704" s="613"/>
      <c r="JMU704" s="613"/>
      <c r="JMV704" s="613"/>
      <c r="JMW704" s="613"/>
      <c r="JMX704" s="613"/>
      <c r="JMY704" s="613"/>
      <c r="JMZ704" s="613"/>
      <c r="JNA704" s="613"/>
      <c r="JNB704" s="613"/>
      <c r="JNC704" s="613"/>
      <c r="JND704" s="613"/>
      <c r="JNE704" s="613"/>
      <c r="JNF704" s="613"/>
      <c r="JNG704" s="613"/>
      <c r="JNH704" s="613"/>
      <c r="JNI704" s="613"/>
      <c r="JNJ704" s="613"/>
      <c r="JNK704" s="613"/>
      <c r="JNL704" s="613"/>
      <c r="JNM704" s="613"/>
      <c r="JNN704" s="613"/>
      <c r="JNO704" s="613"/>
      <c r="JNP704" s="613"/>
      <c r="JNQ704" s="613"/>
      <c r="JNR704" s="613"/>
      <c r="JNS704" s="613"/>
      <c r="JNT704" s="613"/>
      <c r="JNU704" s="613"/>
      <c r="JNV704" s="613"/>
      <c r="JNW704" s="613"/>
      <c r="JNX704" s="613"/>
      <c r="JNY704" s="613"/>
      <c r="JNZ704" s="613"/>
      <c r="JOA704" s="613"/>
      <c r="JOB704" s="613"/>
      <c r="JOC704" s="613"/>
      <c r="JOD704" s="613"/>
      <c r="JOE704" s="613"/>
      <c r="JOF704" s="613"/>
      <c r="JOG704" s="613"/>
      <c r="JOH704" s="613"/>
      <c r="JOI704" s="613"/>
      <c r="JOJ704" s="613"/>
      <c r="JOK704" s="613"/>
      <c r="JOL704" s="613"/>
      <c r="JOM704" s="613"/>
      <c r="JON704" s="613"/>
      <c r="JOO704" s="613"/>
      <c r="JOP704" s="613"/>
      <c r="JOQ704" s="613"/>
      <c r="JOR704" s="613"/>
      <c r="JOS704" s="613"/>
      <c r="JOT704" s="613"/>
      <c r="JOU704" s="613"/>
      <c r="JOV704" s="613"/>
      <c r="JOW704" s="613"/>
      <c r="JOX704" s="613"/>
      <c r="JOY704" s="613"/>
      <c r="JOZ704" s="613"/>
      <c r="JPA704" s="613"/>
      <c r="JPB704" s="613"/>
      <c r="JPC704" s="613"/>
      <c r="JPD704" s="613"/>
      <c r="JPE704" s="613"/>
      <c r="JPF704" s="613"/>
      <c r="JPG704" s="613"/>
      <c r="JPH704" s="613"/>
      <c r="JPI704" s="613"/>
      <c r="JPJ704" s="613"/>
      <c r="JPK704" s="613"/>
      <c r="JPL704" s="613"/>
      <c r="JPM704" s="613"/>
      <c r="JPN704" s="613"/>
      <c r="JPO704" s="613"/>
      <c r="JPP704" s="613"/>
      <c r="JPQ704" s="613"/>
      <c r="JPR704" s="613"/>
      <c r="JPS704" s="613"/>
      <c r="JPT704" s="613"/>
      <c r="JPU704" s="613"/>
      <c r="JPV704" s="613"/>
      <c r="JPW704" s="613"/>
      <c r="JPX704" s="613"/>
      <c r="JPY704" s="613"/>
      <c r="JPZ704" s="613"/>
      <c r="JQA704" s="613"/>
      <c r="JQB704" s="613"/>
      <c r="JQC704" s="613"/>
      <c r="JQD704" s="613"/>
      <c r="JQE704" s="613"/>
      <c r="JQF704" s="613"/>
      <c r="JQG704" s="613"/>
      <c r="JQH704" s="613"/>
      <c r="JQI704" s="613"/>
      <c r="JQJ704" s="613"/>
      <c r="JQK704" s="613"/>
      <c r="JQL704" s="613"/>
      <c r="JQM704" s="613"/>
      <c r="JQN704" s="613"/>
      <c r="JQO704" s="613"/>
      <c r="JQP704" s="613"/>
      <c r="JQQ704" s="613"/>
      <c r="JQR704" s="613"/>
      <c r="JQS704" s="613"/>
      <c r="JQT704" s="613"/>
      <c r="JQU704" s="613"/>
      <c r="JQV704" s="613"/>
      <c r="JQW704" s="613"/>
      <c r="JQX704" s="613"/>
      <c r="JQY704" s="613"/>
      <c r="JQZ704" s="613"/>
      <c r="JRA704" s="613"/>
      <c r="JRB704" s="613"/>
      <c r="JRC704" s="613"/>
      <c r="JRD704" s="613"/>
      <c r="JRE704" s="613"/>
      <c r="JRF704" s="613"/>
      <c r="JRG704" s="613"/>
      <c r="JRH704" s="613"/>
      <c r="JRI704" s="613"/>
      <c r="JRJ704" s="613"/>
      <c r="JRK704" s="613"/>
      <c r="JRL704" s="613"/>
      <c r="JRM704" s="613"/>
      <c r="JRN704" s="613"/>
      <c r="JRO704" s="613"/>
      <c r="JRP704" s="613"/>
      <c r="JRQ704" s="613"/>
      <c r="JRR704" s="613"/>
      <c r="JRS704" s="613"/>
      <c r="JRT704" s="613"/>
      <c r="JRU704" s="613"/>
      <c r="JRV704" s="613"/>
      <c r="JRW704" s="613"/>
      <c r="JRX704" s="613"/>
      <c r="JRY704" s="613"/>
      <c r="JRZ704" s="613"/>
      <c r="JSA704" s="613"/>
      <c r="JSB704" s="613"/>
      <c r="JSC704" s="613"/>
      <c r="JSD704" s="613"/>
      <c r="JSE704" s="613"/>
      <c r="JSF704" s="613"/>
      <c r="JSG704" s="613"/>
      <c r="JSH704" s="613"/>
      <c r="JSI704" s="613"/>
      <c r="JSJ704" s="613"/>
      <c r="JSK704" s="613"/>
      <c r="JSL704" s="613"/>
      <c r="JSM704" s="613"/>
      <c r="JSN704" s="613"/>
      <c r="JSO704" s="613"/>
      <c r="JSP704" s="613"/>
      <c r="JSQ704" s="613"/>
      <c r="JSR704" s="613"/>
      <c r="JSS704" s="613"/>
      <c r="JST704" s="613"/>
      <c r="JSU704" s="613"/>
      <c r="JSV704" s="613"/>
      <c r="JSW704" s="613"/>
      <c r="JSX704" s="613"/>
      <c r="JSY704" s="613"/>
      <c r="JSZ704" s="613"/>
      <c r="JTA704" s="613"/>
      <c r="JTB704" s="613"/>
      <c r="JTC704" s="613"/>
      <c r="JTD704" s="613"/>
      <c r="JTE704" s="613"/>
      <c r="JTF704" s="613"/>
      <c r="JTG704" s="613"/>
      <c r="JTH704" s="613"/>
      <c r="JTI704" s="613"/>
      <c r="JTJ704" s="613"/>
      <c r="JTK704" s="613"/>
      <c r="JTL704" s="613"/>
      <c r="JTM704" s="613"/>
      <c r="JTN704" s="613"/>
      <c r="JTO704" s="613"/>
      <c r="JTP704" s="613"/>
      <c r="JTQ704" s="613"/>
      <c r="JTR704" s="613"/>
      <c r="JTS704" s="613"/>
      <c r="JTT704" s="613"/>
      <c r="JTU704" s="613"/>
      <c r="JTV704" s="613"/>
      <c r="JTW704" s="613"/>
      <c r="JTX704" s="613"/>
      <c r="JTY704" s="613"/>
      <c r="JTZ704" s="613"/>
      <c r="JUA704" s="613"/>
      <c r="JUB704" s="613"/>
      <c r="JUC704" s="613"/>
      <c r="JUD704" s="613"/>
      <c r="JUE704" s="613"/>
      <c r="JUF704" s="613"/>
      <c r="JUG704" s="613"/>
      <c r="JUH704" s="613"/>
      <c r="JUI704" s="613"/>
      <c r="JUJ704" s="613"/>
      <c r="JUK704" s="613"/>
      <c r="JUL704" s="613"/>
      <c r="JUM704" s="613"/>
      <c r="JUN704" s="613"/>
      <c r="JUO704" s="613"/>
      <c r="JUP704" s="613"/>
      <c r="JUQ704" s="613"/>
      <c r="JUR704" s="613"/>
      <c r="JUS704" s="613"/>
      <c r="JUT704" s="613"/>
      <c r="JUU704" s="613"/>
      <c r="JUV704" s="613"/>
      <c r="JUW704" s="613"/>
      <c r="JUX704" s="613"/>
      <c r="JUY704" s="613"/>
      <c r="JUZ704" s="613"/>
      <c r="JVA704" s="613"/>
      <c r="JVB704" s="613"/>
      <c r="JVC704" s="613"/>
      <c r="JVD704" s="613"/>
      <c r="JVE704" s="613"/>
      <c r="JVF704" s="613"/>
      <c r="JVG704" s="613"/>
      <c r="JVH704" s="613"/>
      <c r="JVI704" s="613"/>
      <c r="JVJ704" s="613"/>
      <c r="JVK704" s="613"/>
      <c r="JVL704" s="613"/>
      <c r="JVM704" s="613"/>
      <c r="JVN704" s="613"/>
      <c r="JVO704" s="613"/>
      <c r="JVP704" s="613"/>
      <c r="JVQ704" s="613"/>
      <c r="JVR704" s="613"/>
      <c r="JVS704" s="613"/>
      <c r="JVT704" s="613"/>
      <c r="JVU704" s="613"/>
      <c r="JVV704" s="613"/>
      <c r="JVW704" s="613"/>
      <c r="JVX704" s="613"/>
      <c r="JVY704" s="613"/>
      <c r="JVZ704" s="613"/>
      <c r="JWA704" s="613"/>
      <c r="JWB704" s="613"/>
      <c r="JWC704" s="613"/>
      <c r="JWD704" s="613"/>
      <c r="JWE704" s="613"/>
      <c r="JWF704" s="613"/>
      <c r="JWG704" s="613"/>
      <c r="JWH704" s="613"/>
      <c r="JWI704" s="613"/>
      <c r="JWJ704" s="613"/>
      <c r="JWK704" s="613"/>
      <c r="JWL704" s="613"/>
      <c r="JWM704" s="613"/>
      <c r="JWN704" s="613"/>
      <c r="JWO704" s="613"/>
      <c r="JWP704" s="613"/>
      <c r="JWQ704" s="613"/>
      <c r="JWR704" s="613"/>
      <c r="JWS704" s="613"/>
      <c r="JWT704" s="613"/>
      <c r="JWU704" s="613"/>
      <c r="JWV704" s="613"/>
      <c r="JWW704" s="613"/>
      <c r="JWX704" s="613"/>
      <c r="JWY704" s="613"/>
      <c r="JWZ704" s="613"/>
      <c r="JXA704" s="613"/>
      <c r="JXB704" s="613"/>
      <c r="JXC704" s="613"/>
      <c r="JXD704" s="613"/>
      <c r="JXE704" s="613"/>
      <c r="JXF704" s="613"/>
      <c r="JXG704" s="613"/>
      <c r="JXH704" s="613"/>
      <c r="JXI704" s="613"/>
      <c r="JXJ704" s="613"/>
      <c r="JXK704" s="613"/>
      <c r="JXL704" s="613"/>
      <c r="JXM704" s="613"/>
      <c r="JXN704" s="613"/>
      <c r="JXO704" s="613"/>
      <c r="JXP704" s="613"/>
      <c r="JXQ704" s="613"/>
      <c r="JXR704" s="613"/>
      <c r="JXS704" s="613"/>
      <c r="JXT704" s="613"/>
      <c r="JXU704" s="613"/>
      <c r="JXV704" s="613"/>
      <c r="JXW704" s="613"/>
      <c r="JXX704" s="613"/>
      <c r="JXY704" s="613"/>
      <c r="JXZ704" s="613"/>
      <c r="JYA704" s="613"/>
      <c r="JYB704" s="613"/>
      <c r="JYC704" s="613"/>
      <c r="JYD704" s="613"/>
      <c r="JYE704" s="613"/>
      <c r="JYF704" s="613"/>
      <c r="JYG704" s="613"/>
      <c r="JYH704" s="613"/>
      <c r="JYI704" s="613"/>
      <c r="JYJ704" s="613"/>
      <c r="JYK704" s="613"/>
      <c r="JYL704" s="613"/>
      <c r="JYM704" s="613"/>
      <c r="JYN704" s="613"/>
      <c r="JYO704" s="613"/>
      <c r="JYP704" s="613"/>
      <c r="JYQ704" s="613"/>
      <c r="JYR704" s="613"/>
      <c r="JYS704" s="613"/>
      <c r="JYT704" s="613"/>
      <c r="JYU704" s="613"/>
      <c r="JYV704" s="613"/>
      <c r="JYW704" s="613"/>
      <c r="JYX704" s="613"/>
      <c r="JYY704" s="613"/>
      <c r="JYZ704" s="613"/>
      <c r="JZA704" s="613"/>
      <c r="JZB704" s="613"/>
      <c r="JZC704" s="613"/>
      <c r="JZD704" s="613"/>
      <c r="JZE704" s="613"/>
      <c r="JZF704" s="613"/>
      <c r="JZG704" s="613"/>
      <c r="JZH704" s="613"/>
      <c r="JZI704" s="613"/>
      <c r="JZJ704" s="613"/>
      <c r="JZK704" s="613"/>
      <c r="JZL704" s="613"/>
      <c r="JZM704" s="613"/>
      <c r="JZN704" s="613"/>
      <c r="JZO704" s="613"/>
      <c r="JZP704" s="613"/>
      <c r="JZQ704" s="613"/>
      <c r="JZR704" s="613"/>
      <c r="JZS704" s="613"/>
      <c r="JZT704" s="613"/>
      <c r="JZU704" s="613"/>
      <c r="JZV704" s="613"/>
      <c r="JZW704" s="613"/>
      <c r="JZX704" s="613"/>
      <c r="JZY704" s="613"/>
      <c r="JZZ704" s="613"/>
      <c r="KAA704" s="613"/>
      <c r="KAB704" s="613"/>
      <c r="KAC704" s="613"/>
      <c r="KAD704" s="613"/>
      <c r="KAE704" s="613"/>
      <c r="KAF704" s="613"/>
      <c r="KAG704" s="613"/>
      <c r="KAH704" s="613"/>
      <c r="KAI704" s="613"/>
      <c r="KAJ704" s="613"/>
      <c r="KAK704" s="613"/>
      <c r="KAL704" s="613"/>
      <c r="KAM704" s="613"/>
      <c r="KAN704" s="613"/>
      <c r="KAO704" s="613"/>
      <c r="KAP704" s="613"/>
      <c r="KAQ704" s="613"/>
      <c r="KAR704" s="613"/>
      <c r="KAS704" s="613"/>
      <c r="KAT704" s="613"/>
      <c r="KAU704" s="613"/>
      <c r="KAV704" s="613"/>
      <c r="KAW704" s="613"/>
      <c r="KAX704" s="613"/>
      <c r="KAY704" s="613"/>
      <c r="KAZ704" s="613"/>
      <c r="KBA704" s="613"/>
      <c r="KBB704" s="613"/>
      <c r="KBC704" s="613"/>
      <c r="KBD704" s="613"/>
      <c r="KBE704" s="613"/>
      <c r="KBF704" s="613"/>
      <c r="KBG704" s="613"/>
      <c r="KBH704" s="613"/>
      <c r="KBI704" s="613"/>
      <c r="KBJ704" s="613"/>
      <c r="KBK704" s="613"/>
      <c r="KBL704" s="613"/>
      <c r="KBM704" s="613"/>
      <c r="KBN704" s="613"/>
      <c r="KBO704" s="613"/>
      <c r="KBP704" s="613"/>
      <c r="KBQ704" s="613"/>
      <c r="KBR704" s="613"/>
      <c r="KBS704" s="613"/>
      <c r="KBT704" s="613"/>
      <c r="KBU704" s="613"/>
      <c r="KBV704" s="613"/>
      <c r="KBW704" s="613"/>
      <c r="KBX704" s="613"/>
      <c r="KBY704" s="613"/>
      <c r="KBZ704" s="613"/>
      <c r="KCA704" s="613"/>
      <c r="KCB704" s="613"/>
      <c r="KCC704" s="613"/>
      <c r="KCD704" s="613"/>
      <c r="KCE704" s="613"/>
      <c r="KCF704" s="613"/>
      <c r="KCG704" s="613"/>
      <c r="KCH704" s="613"/>
      <c r="KCI704" s="613"/>
      <c r="KCJ704" s="613"/>
      <c r="KCK704" s="613"/>
      <c r="KCL704" s="613"/>
      <c r="KCM704" s="613"/>
      <c r="KCN704" s="613"/>
      <c r="KCO704" s="613"/>
      <c r="KCP704" s="613"/>
      <c r="KCQ704" s="613"/>
      <c r="KCR704" s="613"/>
      <c r="KCS704" s="613"/>
      <c r="KCT704" s="613"/>
      <c r="KCU704" s="613"/>
      <c r="KCV704" s="613"/>
      <c r="KCW704" s="613"/>
      <c r="KCX704" s="613"/>
      <c r="KCY704" s="613"/>
      <c r="KCZ704" s="613"/>
      <c r="KDA704" s="613"/>
      <c r="KDB704" s="613"/>
      <c r="KDC704" s="613"/>
      <c r="KDD704" s="613"/>
      <c r="KDE704" s="613"/>
      <c r="KDF704" s="613"/>
      <c r="KDG704" s="613"/>
      <c r="KDH704" s="613"/>
      <c r="KDI704" s="613"/>
      <c r="KDJ704" s="613"/>
      <c r="KDK704" s="613"/>
      <c r="KDL704" s="613"/>
      <c r="KDM704" s="613"/>
      <c r="KDN704" s="613"/>
      <c r="KDO704" s="613"/>
      <c r="KDP704" s="613"/>
      <c r="KDQ704" s="613"/>
      <c r="KDR704" s="613"/>
      <c r="KDS704" s="613"/>
      <c r="KDT704" s="613"/>
      <c r="KDU704" s="613"/>
      <c r="KDV704" s="613"/>
      <c r="KDW704" s="613"/>
      <c r="KDX704" s="613"/>
      <c r="KDY704" s="613"/>
      <c r="KDZ704" s="613"/>
      <c r="KEA704" s="613"/>
      <c r="KEB704" s="613"/>
      <c r="KEC704" s="613"/>
      <c r="KED704" s="613"/>
      <c r="KEE704" s="613"/>
      <c r="KEF704" s="613"/>
      <c r="KEG704" s="613"/>
      <c r="KEH704" s="613"/>
      <c r="KEI704" s="613"/>
      <c r="KEJ704" s="613"/>
      <c r="KEK704" s="613"/>
      <c r="KEL704" s="613"/>
      <c r="KEM704" s="613"/>
      <c r="KEN704" s="613"/>
      <c r="KEO704" s="613"/>
      <c r="KEP704" s="613"/>
      <c r="KEQ704" s="613"/>
      <c r="KER704" s="613"/>
      <c r="KES704" s="613"/>
      <c r="KET704" s="613"/>
      <c r="KEU704" s="613"/>
      <c r="KEV704" s="613"/>
      <c r="KEW704" s="613"/>
      <c r="KEX704" s="613"/>
      <c r="KEY704" s="613"/>
      <c r="KEZ704" s="613"/>
      <c r="KFA704" s="613"/>
      <c r="KFB704" s="613"/>
      <c r="KFC704" s="613"/>
      <c r="KFD704" s="613"/>
      <c r="KFE704" s="613"/>
      <c r="KFF704" s="613"/>
      <c r="KFG704" s="613"/>
      <c r="KFH704" s="613"/>
      <c r="KFI704" s="613"/>
      <c r="KFJ704" s="613"/>
      <c r="KFK704" s="613"/>
      <c r="KFL704" s="613"/>
      <c r="KFM704" s="613"/>
      <c r="KFN704" s="613"/>
      <c r="KFO704" s="613"/>
      <c r="KFP704" s="613"/>
      <c r="KFQ704" s="613"/>
      <c r="KFR704" s="613"/>
      <c r="KFS704" s="613"/>
      <c r="KFT704" s="613"/>
      <c r="KFU704" s="613"/>
      <c r="KFV704" s="613"/>
      <c r="KFW704" s="613"/>
      <c r="KFX704" s="613"/>
      <c r="KFY704" s="613"/>
      <c r="KFZ704" s="613"/>
      <c r="KGA704" s="613"/>
      <c r="KGB704" s="613"/>
      <c r="KGC704" s="613"/>
      <c r="KGD704" s="613"/>
      <c r="KGE704" s="613"/>
      <c r="KGF704" s="613"/>
      <c r="KGG704" s="613"/>
      <c r="KGH704" s="613"/>
      <c r="KGI704" s="613"/>
      <c r="KGJ704" s="613"/>
      <c r="KGK704" s="613"/>
      <c r="KGL704" s="613"/>
      <c r="KGM704" s="613"/>
      <c r="KGN704" s="613"/>
      <c r="KGO704" s="613"/>
      <c r="KGP704" s="613"/>
      <c r="KGQ704" s="613"/>
      <c r="KGR704" s="613"/>
      <c r="KGS704" s="613"/>
      <c r="KGT704" s="613"/>
      <c r="KGU704" s="613"/>
      <c r="KGV704" s="613"/>
      <c r="KGW704" s="613"/>
      <c r="KGX704" s="613"/>
      <c r="KGY704" s="613"/>
      <c r="KGZ704" s="613"/>
      <c r="KHA704" s="613"/>
      <c r="KHB704" s="613"/>
      <c r="KHC704" s="613"/>
      <c r="KHD704" s="613"/>
      <c r="KHE704" s="613"/>
      <c r="KHF704" s="613"/>
      <c r="KHG704" s="613"/>
      <c r="KHH704" s="613"/>
      <c r="KHI704" s="613"/>
      <c r="KHJ704" s="613"/>
      <c r="KHK704" s="613"/>
      <c r="KHL704" s="613"/>
      <c r="KHM704" s="613"/>
      <c r="KHN704" s="613"/>
      <c r="KHO704" s="613"/>
      <c r="KHP704" s="613"/>
      <c r="KHQ704" s="613"/>
      <c r="KHR704" s="613"/>
      <c r="KHS704" s="613"/>
      <c r="KHT704" s="613"/>
      <c r="KHU704" s="613"/>
      <c r="KHV704" s="613"/>
      <c r="KHW704" s="613"/>
      <c r="KHX704" s="613"/>
      <c r="KHY704" s="613"/>
      <c r="KHZ704" s="613"/>
      <c r="KIA704" s="613"/>
      <c r="KIB704" s="613"/>
      <c r="KIC704" s="613"/>
      <c r="KID704" s="613"/>
      <c r="KIE704" s="613"/>
      <c r="KIF704" s="613"/>
      <c r="KIG704" s="613"/>
      <c r="KIH704" s="613"/>
      <c r="KII704" s="613"/>
      <c r="KIJ704" s="613"/>
      <c r="KIK704" s="613"/>
      <c r="KIL704" s="613"/>
      <c r="KIM704" s="613"/>
      <c r="KIN704" s="613"/>
      <c r="KIO704" s="613"/>
      <c r="KIP704" s="613"/>
      <c r="KIQ704" s="613"/>
      <c r="KIR704" s="613"/>
      <c r="KIS704" s="613"/>
      <c r="KIT704" s="613"/>
      <c r="KIU704" s="613"/>
      <c r="KIV704" s="613"/>
      <c r="KIW704" s="613"/>
      <c r="KIX704" s="613"/>
      <c r="KIY704" s="613"/>
      <c r="KIZ704" s="613"/>
      <c r="KJA704" s="613"/>
      <c r="KJB704" s="613"/>
      <c r="KJC704" s="613"/>
      <c r="KJD704" s="613"/>
      <c r="KJE704" s="613"/>
      <c r="KJF704" s="613"/>
      <c r="KJG704" s="613"/>
      <c r="KJH704" s="613"/>
      <c r="KJI704" s="613"/>
      <c r="KJJ704" s="613"/>
      <c r="KJK704" s="613"/>
      <c r="KJL704" s="613"/>
      <c r="KJM704" s="613"/>
      <c r="KJN704" s="613"/>
      <c r="KJO704" s="613"/>
      <c r="KJP704" s="613"/>
      <c r="KJQ704" s="613"/>
      <c r="KJR704" s="613"/>
      <c r="KJS704" s="613"/>
      <c r="KJT704" s="613"/>
      <c r="KJU704" s="613"/>
      <c r="KJV704" s="613"/>
      <c r="KJW704" s="613"/>
      <c r="KJX704" s="613"/>
      <c r="KJY704" s="613"/>
      <c r="KJZ704" s="613"/>
      <c r="KKA704" s="613"/>
      <c r="KKB704" s="613"/>
      <c r="KKC704" s="613"/>
      <c r="KKD704" s="613"/>
      <c r="KKE704" s="613"/>
      <c r="KKF704" s="613"/>
      <c r="KKG704" s="613"/>
      <c r="KKH704" s="613"/>
      <c r="KKI704" s="613"/>
      <c r="KKJ704" s="613"/>
      <c r="KKK704" s="613"/>
      <c r="KKL704" s="613"/>
      <c r="KKM704" s="613"/>
      <c r="KKN704" s="613"/>
      <c r="KKO704" s="613"/>
      <c r="KKP704" s="613"/>
      <c r="KKQ704" s="613"/>
      <c r="KKR704" s="613"/>
      <c r="KKS704" s="613"/>
      <c r="KKT704" s="613"/>
      <c r="KKU704" s="613"/>
      <c r="KKV704" s="613"/>
      <c r="KKW704" s="613"/>
      <c r="KKX704" s="613"/>
      <c r="KKY704" s="613"/>
      <c r="KKZ704" s="613"/>
      <c r="KLA704" s="613"/>
      <c r="KLB704" s="613"/>
      <c r="KLC704" s="613"/>
      <c r="KLD704" s="613"/>
      <c r="KLE704" s="613"/>
      <c r="KLF704" s="613"/>
      <c r="KLG704" s="613"/>
      <c r="KLH704" s="613"/>
      <c r="KLI704" s="613"/>
      <c r="KLJ704" s="613"/>
      <c r="KLK704" s="613"/>
      <c r="KLL704" s="613"/>
      <c r="KLM704" s="613"/>
      <c r="KLN704" s="613"/>
      <c r="KLO704" s="613"/>
      <c r="KLP704" s="613"/>
      <c r="KLQ704" s="613"/>
      <c r="KLR704" s="613"/>
      <c r="KLS704" s="613"/>
      <c r="KLT704" s="613"/>
      <c r="KLU704" s="613"/>
      <c r="KLV704" s="613"/>
      <c r="KLW704" s="613"/>
      <c r="KLX704" s="613"/>
      <c r="KLY704" s="613"/>
      <c r="KLZ704" s="613"/>
      <c r="KMA704" s="613"/>
      <c r="KMB704" s="613"/>
      <c r="KMC704" s="613"/>
      <c r="KMD704" s="613"/>
      <c r="KME704" s="613"/>
      <c r="KMF704" s="613"/>
      <c r="KMG704" s="613"/>
      <c r="KMH704" s="613"/>
      <c r="KMI704" s="613"/>
      <c r="KMJ704" s="613"/>
      <c r="KMK704" s="613"/>
      <c r="KML704" s="613"/>
      <c r="KMM704" s="613"/>
      <c r="KMN704" s="613"/>
      <c r="KMO704" s="613"/>
      <c r="KMP704" s="613"/>
      <c r="KMQ704" s="613"/>
      <c r="KMR704" s="613"/>
      <c r="KMS704" s="613"/>
      <c r="KMT704" s="613"/>
      <c r="KMU704" s="613"/>
      <c r="KMV704" s="613"/>
      <c r="KMW704" s="613"/>
      <c r="KMX704" s="613"/>
      <c r="KMY704" s="613"/>
      <c r="KMZ704" s="613"/>
      <c r="KNA704" s="613"/>
      <c r="KNB704" s="613"/>
      <c r="KNC704" s="613"/>
      <c r="KND704" s="613"/>
      <c r="KNE704" s="613"/>
      <c r="KNF704" s="613"/>
      <c r="KNG704" s="613"/>
      <c r="KNH704" s="613"/>
      <c r="KNI704" s="613"/>
      <c r="KNJ704" s="613"/>
      <c r="KNK704" s="613"/>
      <c r="KNL704" s="613"/>
      <c r="KNM704" s="613"/>
      <c r="KNN704" s="613"/>
      <c r="KNO704" s="613"/>
      <c r="KNP704" s="613"/>
      <c r="KNQ704" s="613"/>
      <c r="KNR704" s="613"/>
      <c r="KNS704" s="613"/>
      <c r="KNT704" s="613"/>
      <c r="KNU704" s="613"/>
      <c r="KNV704" s="613"/>
      <c r="KNW704" s="613"/>
      <c r="KNX704" s="613"/>
      <c r="KNY704" s="613"/>
      <c r="KNZ704" s="613"/>
      <c r="KOA704" s="613"/>
      <c r="KOB704" s="613"/>
      <c r="KOC704" s="613"/>
      <c r="KOD704" s="613"/>
      <c r="KOE704" s="613"/>
      <c r="KOF704" s="613"/>
      <c r="KOG704" s="613"/>
      <c r="KOH704" s="613"/>
      <c r="KOI704" s="613"/>
      <c r="KOJ704" s="613"/>
      <c r="KOK704" s="613"/>
      <c r="KOL704" s="613"/>
      <c r="KOM704" s="613"/>
      <c r="KON704" s="613"/>
      <c r="KOO704" s="613"/>
      <c r="KOP704" s="613"/>
      <c r="KOQ704" s="613"/>
      <c r="KOR704" s="613"/>
      <c r="KOS704" s="613"/>
      <c r="KOT704" s="613"/>
      <c r="KOU704" s="613"/>
      <c r="KOV704" s="613"/>
      <c r="KOW704" s="613"/>
      <c r="KOX704" s="613"/>
      <c r="KOY704" s="613"/>
      <c r="KOZ704" s="613"/>
      <c r="KPA704" s="613"/>
      <c r="KPB704" s="613"/>
      <c r="KPC704" s="613"/>
      <c r="KPD704" s="613"/>
      <c r="KPE704" s="613"/>
      <c r="KPF704" s="613"/>
      <c r="KPG704" s="613"/>
      <c r="KPH704" s="613"/>
      <c r="KPI704" s="613"/>
      <c r="KPJ704" s="613"/>
      <c r="KPK704" s="613"/>
      <c r="KPL704" s="613"/>
      <c r="KPM704" s="613"/>
      <c r="KPN704" s="613"/>
      <c r="KPO704" s="613"/>
      <c r="KPP704" s="613"/>
      <c r="KPQ704" s="613"/>
      <c r="KPR704" s="613"/>
      <c r="KPS704" s="613"/>
      <c r="KPT704" s="613"/>
      <c r="KPU704" s="613"/>
      <c r="KPV704" s="613"/>
      <c r="KPW704" s="613"/>
      <c r="KPX704" s="613"/>
      <c r="KPY704" s="613"/>
      <c r="KPZ704" s="613"/>
      <c r="KQA704" s="613"/>
      <c r="KQB704" s="613"/>
      <c r="KQC704" s="613"/>
      <c r="KQD704" s="613"/>
      <c r="KQE704" s="613"/>
      <c r="KQF704" s="613"/>
      <c r="KQG704" s="613"/>
      <c r="KQH704" s="613"/>
      <c r="KQI704" s="613"/>
      <c r="KQJ704" s="613"/>
      <c r="KQK704" s="613"/>
      <c r="KQL704" s="613"/>
      <c r="KQM704" s="613"/>
      <c r="KQN704" s="613"/>
      <c r="KQO704" s="613"/>
      <c r="KQP704" s="613"/>
      <c r="KQQ704" s="613"/>
      <c r="KQR704" s="613"/>
      <c r="KQS704" s="613"/>
      <c r="KQT704" s="613"/>
      <c r="KQU704" s="613"/>
      <c r="KQV704" s="613"/>
      <c r="KQW704" s="613"/>
      <c r="KQX704" s="613"/>
      <c r="KQY704" s="613"/>
      <c r="KQZ704" s="613"/>
      <c r="KRA704" s="613"/>
      <c r="KRB704" s="613"/>
      <c r="KRC704" s="613"/>
      <c r="KRD704" s="613"/>
      <c r="KRE704" s="613"/>
      <c r="KRF704" s="613"/>
      <c r="KRG704" s="613"/>
      <c r="KRH704" s="613"/>
      <c r="KRI704" s="613"/>
      <c r="KRJ704" s="613"/>
      <c r="KRK704" s="613"/>
      <c r="KRL704" s="613"/>
      <c r="KRM704" s="613"/>
      <c r="KRN704" s="613"/>
      <c r="KRO704" s="613"/>
      <c r="KRP704" s="613"/>
      <c r="KRQ704" s="613"/>
      <c r="KRR704" s="613"/>
      <c r="KRS704" s="613"/>
      <c r="KRT704" s="613"/>
      <c r="KRU704" s="613"/>
      <c r="KRV704" s="613"/>
      <c r="KRW704" s="613"/>
      <c r="KRX704" s="613"/>
      <c r="KRY704" s="613"/>
      <c r="KRZ704" s="613"/>
      <c r="KSA704" s="613"/>
      <c r="KSB704" s="613"/>
      <c r="KSC704" s="613"/>
      <c r="KSD704" s="613"/>
      <c r="KSE704" s="613"/>
      <c r="KSF704" s="613"/>
      <c r="KSG704" s="613"/>
      <c r="KSH704" s="613"/>
      <c r="KSI704" s="613"/>
      <c r="KSJ704" s="613"/>
      <c r="KSK704" s="613"/>
      <c r="KSL704" s="613"/>
      <c r="KSM704" s="613"/>
      <c r="KSN704" s="613"/>
      <c r="KSO704" s="613"/>
      <c r="KSP704" s="613"/>
      <c r="KSQ704" s="613"/>
      <c r="KSR704" s="613"/>
      <c r="KSS704" s="613"/>
      <c r="KST704" s="613"/>
      <c r="KSU704" s="613"/>
      <c r="KSV704" s="613"/>
      <c r="KSW704" s="613"/>
      <c r="KSX704" s="613"/>
      <c r="KSY704" s="613"/>
      <c r="KSZ704" s="613"/>
      <c r="KTA704" s="613"/>
      <c r="KTB704" s="613"/>
      <c r="KTC704" s="613"/>
      <c r="KTD704" s="613"/>
      <c r="KTE704" s="613"/>
      <c r="KTF704" s="613"/>
      <c r="KTG704" s="613"/>
      <c r="KTH704" s="613"/>
      <c r="KTI704" s="613"/>
      <c r="KTJ704" s="613"/>
      <c r="KTK704" s="613"/>
      <c r="KTL704" s="613"/>
      <c r="KTM704" s="613"/>
      <c r="KTN704" s="613"/>
      <c r="KTO704" s="613"/>
      <c r="KTP704" s="613"/>
      <c r="KTQ704" s="613"/>
      <c r="KTR704" s="613"/>
      <c r="KTS704" s="613"/>
      <c r="KTT704" s="613"/>
      <c r="KTU704" s="613"/>
      <c r="KTV704" s="613"/>
      <c r="KTW704" s="613"/>
      <c r="KTX704" s="613"/>
      <c r="KTY704" s="613"/>
      <c r="KTZ704" s="613"/>
      <c r="KUA704" s="613"/>
      <c r="KUB704" s="613"/>
      <c r="KUC704" s="613"/>
      <c r="KUD704" s="613"/>
      <c r="KUE704" s="613"/>
      <c r="KUF704" s="613"/>
      <c r="KUG704" s="613"/>
      <c r="KUH704" s="613"/>
      <c r="KUI704" s="613"/>
      <c r="KUJ704" s="613"/>
      <c r="KUK704" s="613"/>
      <c r="KUL704" s="613"/>
      <c r="KUM704" s="613"/>
      <c r="KUN704" s="613"/>
      <c r="KUO704" s="613"/>
      <c r="KUP704" s="613"/>
      <c r="KUQ704" s="613"/>
      <c r="KUR704" s="613"/>
      <c r="KUS704" s="613"/>
      <c r="KUT704" s="613"/>
      <c r="KUU704" s="613"/>
      <c r="KUV704" s="613"/>
      <c r="KUW704" s="613"/>
      <c r="KUX704" s="613"/>
      <c r="KUY704" s="613"/>
      <c r="KUZ704" s="613"/>
      <c r="KVA704" s="613"/>
      <c r="KVB704" s="613"/>
      <c r="KVC704" s="613"/>
      <c r="KVD704" s="613"/>
      <c r="KVE704" s="613"/>
      <c r="KVF704" s="613"/>
      <c r="KVG704" s="613"/>
      <c r="KVH704" s="613"/>
      <c r="KVI704" s="613"/>
      <c r="KVJ704" s="613"/>
      <c r="KVK704" s="613"/>
      <c r="KVL704" s="613"/>
      <c r="KVM704" s="613"/>
      <c r="KVN704" s="613"/>
      <c r="KVO704" s="613"/>
      <c r="KVP704" s="613"/>
      <c r="KVQ704" s="613"/>
      <c r="KVR704" s="613"/>
      <c r="KVS704" s="613"/>
      <c r="KVT704" s="613"/>
      <c r="KVU704" s="613"/>
      <c r="KVV704" s="613"/>
      <c r="KVW704" s="613"/>
      <c r="KVX704" s="613"/>
      <c r="KVY704" s="613"/>
      <c r="KVZ704" s="613"/>
      <c r="KWA704" s="613"/>
      <c r="KWB704" s="613"/>
      <c r="KWC704" s="613"/>
      <c r="KWD704" s="613"/>
      <c r="KWE704" s="613"/>
      <c r="KWF704" s="613"/>
      <c r="KWG704" s="613"/>
      <c r="KWH704" s="613"/>
      <c r="KWI704" s="613"/>
      <c r="KWJ704" s="613"/>
      <c r="KWK704" s="613"/>
      <c r="KWL704" s="613"/>
      <c r="KWM704" s="613"/>
      <c r="KWN704" s="613"/>
      <c r="KWO704" s="613"/>
      <c r="KWP704" s="613"/>
      <c r="KWQ704" s="613"/>
      <c r="KWR704" s="613"/>
      <c r="KWS704" s="613"/>
      <c r="KWT704" s="613"/>
      <c r="KWU704" s="613"/>
      <c r="KWV704" s="613"/>
      <c r="KWW704" s="613"/>
      <c r="KWX704" s="613"/>
      <c r="KWY704" s="613"/>
      <c r="KWZ704" s="613"/>
      <c r="KXA704" s="613"/>
      <c r="KXB704" s="613"/>
      <c r="KXC704" s="613"/>
      <c r="KXD704" s="613"/>
      <c r="KXE704" s="613"/>
      <c r="KXF704" s="613"/>
      <c r="KXG704" s="613"/>
      <c r="KXH704" s="613"/>
      <c r="KXI704" s="613"/>
      <c r="KXJ704" s="613"/>
      <c r="KXK704" s="613"/>
      <c r="KXL704" s="613"/>
      <c r="KXM704" s="613"/>
      <c r="KXN704" s="613"/>
      <c r="KXO704" s="613"/>
      <c r="KXP704" s="613"/>
      <c r="KXQ704" s="613"/>
      <c r="KXR704" s="613"/>
      <c r="KXS704" s="613"/>
      <c r="KXT704" s="613"/>
      <c r="KXU704" s="613"/>
      <c r="KXV704" s="613"/>
      <c r="KXW704" s="613"/>
      <c r="KXX704" s="613"/>
      <c r="KXY704" s="613"/>
      <c r="KXZ704" s="613"/>
      <c r="KYA704" s="613"/>
      <c r="KYB704" s="613"/>
      <c r="KYC704" s="613"/>
      <c r="KYD704" s="613"/>
      <c r="KYE704" s="613"/>
      <c r="KYF704" s="613"/>
      <c r="KYG704" s="613"/>
      <c r="KYH704" s="613"/>
      <c r="KYI704" s="613"/>
      <c r="KYJ704" s="613"/>
      <c r="KYK704" s="613"/>
      <c r="KYL704" s="613"/>
      <c r="KYM704" s="613"/>
      <c r="KYN704" s="613"/>
      <c r="KYO704" s="613"/>
      <c r="KYP704" s="613"/>
      <c r="KYQ704" s="613"/>
      <c r="KYR704" s="613"/>
      <c r="KYS704" s="613"/>
      <c r="KYT704" s="613"/>
      <c r="KYU704" s="613"/>
      <c r="KYV704" s="613"/>
      <c r="KYW704" s="613"/>
      <c r="KYX704" s="613"/>
      <c r="KYY704" s="613"/>
      <c r="KYZ704" s="613"/>
      <c r="KZA704" s="613"/>
      <c r="KZB704" s="613"/>
      <c r="KZC704" s="613"/>
      <c r="KZD704" s="613"/>
      <c r="KZE704" s="613"/>
      <c r="KZF704" s="613"/>
      <c r="KZG704" s="613"/>
      <c r="KZH704" s="613"/>
      <c r="KZI704" s="613"/>
      <c r="KZJ704" s="613"/>
      <c r="KZK704" s="613"/>
      <c r="KZL704" s="613"/>
      <c r="KZM704" s="613"/>
      <c r="KZN704" s="613"/>
      <c r="KZO704" s="613"/>
      <c r="KZP704" s="613"/>
      <c r="KZQ704" s="613"/>
      <c r="KZR704" s="613"/>
      <c r="KZS704" s="613"/>
      <c r="KZT704" s="613"/>
      <c r="KZU704" s="613"/>
      <c r="KZV704" s="613"/>
      <c r="KZW704" s="613"/>
      <c r="KZX704" s="613"/>
      <c r="KZY704" s="613"/>
      <c r="KZZ704" s="613"/>
      <c r="LAA704" s="613"/>
      <c r="LAB704" s="613"/>
      <c r="LAC704" s="613"/>
      <c r="LAD704" s="613"/>
      <c r="LAE704" s="613"/>
      <c r="LAF704" s="613"/>
      <c r="LAG704" s="613"/>
      <c r="LAH704" s="613"/>
      <c r="LAI704" s="613"/>
      <c r="LAJ704" s="613"/>
      <c r="LAK704" s="613"/>
      <c r="LAL704" s="613"/>
      <c r="LAM704" s="613"/>
      <c r="LAN704" s="613"/>
      <c r="LAO704" s="613"/>
      <c r="LAP704" s="613"/>
      <c r="LAQ704" s="613"/>
      <c r="LAR704" s="613"/>
      <c r="LAS704" s="613"/>
      <c r="LAT704" s="613"/>
      <c r="LAU704" s="613"/>
      <c r="LAV704" s="613"/>
      <c r="LAW704" s="613"/>
      <c r="LAX704" s="613"/>
      <c r="LAY704" s="613"/>
      <c r="LAZ704" s="613"/>
      <c r="LBA704" s="613"/>
      <c r="LBB704" s="613"/>
      <c r="LBC704" s="613"/>
      <c r="LBD704" s="613"/>
      <c r="LBE704" s="613"/>
      <c r="LBF704" s="613"/>
      <c r="LBG704" s="613"/>
      <c r="LBH704" s="613"/>
      <c r="LBI704" s="613"/>
      <c r="LBJ704" s="613"/>
      <c r="LBK704" s="613"/>
      <c r="LBL704" s="613"/>
      <c r="LBM704" s="613"/>
      <c r="LBN704" s="613"/>
      <c r="LBO704" s="613"/>
      <c r="LBP704" s="613"/>
      <c r="LBQ704" s="613"/>
      <c r="LBR704" s="613"/>
      <c r="LBS704" s="613"/>
      <c r="LBT704" s="613"/>
      <c r="LBU704" s="613"/>
      <c r="LBV704" s="613"/>
      <c r="LBW704" s="613"/>
      <c r="LBX704" s="613"/>
      <c r="LBY704" s="613"/>
      <c r="LBZ704" s="613"/>
      <c r="LCA704" s="613"/>
      <c r="LCB704" s="613"/>
      <c r="LCC704" s="613"/>
      <c r="LCD704" s="613"/>
      <c r="LCE704" s="613"/>
      <c r="LCF704" s="613"/>
      <c r="LCG704" s="613"/>
      <c r="LCH704" s="613"/>
      <c r="LCI704" s="613"/>
      <c r="LCJ704" s="613"/>
      <c r="LCK704" s="613"/>
      <c r="LCL704" s="613"/>
      <c r="LCM704" s="613"/>
      <c r="LCN704" s="613"/>
      <c r="LCO704" s="613"/>
      <c r="LCP704" s="613"/>
      <c r="LCQ704" s="613"/>
      <c r="LCR704" s="613"/>
      <c r="LCS704" s="613"/>
      <c r="LCT704" s="613"/>
      <c r="LCU704" s="613"/>
      <c r="LCV704" s="613"/>
      <c r="LCW704" s="613"/>
      <c r="LCX704" s="613"/>
      <c r="LCY704" s="613"/>
      <c r="LCZ704" s="613"/>
      <c r="LDA704" s="613"/>
      <c r="LDB704" s="613"/>
      <c r="LDC704" s="613"/>
      <c r="LDD704" s="613"/>
      <c r="LDE704" s="613"/>
      <c r="LDF704" s="613"/>
      <c r="LDG704" s="613"/>
      <c r="LDH704" s="613"/>
      <c r="LDI704" s="613"/>
      <c r="LDJ704" s="613"/>
      <c r="LDK704" s="613"/>
      <c r="LDL704" s="613"/>
      <c r="LDM704" s="613"/>
      <c r="LDN704" s="613"/>
      <c r="LDO704" s="613"/>
      <c r="LDP704" s="613"/>
      <c r="LDQ704" s="613"/>
      <c r="LDR704" s="613"/>
      <c r="LDS704" s="613"/>
      <c r="LDT704" s="613"/>
      <c r="LDU704" s="613"/>
      <c r="LDV704" s="613"/>
      <c r="LDW704" s="613"/>
      <c r="LDX704" s="613"/>
      <c r="LDY704" s="613"/>
      <c r="LDZ704" s="613"/>
      <c r="LEA704" s="613"/>
      <c r="LEB704" s="613"/>
      <c r="LEC704" s="613"/>
      <c r="LED704" s="613"/>
      <c r="LEE704" s="613"/>
      <c r="LEF704" s="613"/>
      <c r="LEG704" s="613"/>
      <c r="LEH704" s="613"/>
      <c r="LEI704" s="613"/>
      <c r="LEJ704" s="613"/>
      <c r="LEK704" s="613"/>
      <c r="LEL704" s="613"/>
      <c r="LEM704" s="613"/>
      <c r="LEN704" s="613"/>
      <c r="LEO704" s="613"/>
      <c r="LEP704" s="613"/>
      <c r="LEQ704" s="613"/>
      <c r="LER704" s="613"/>
      <c r="LES704" s="613"/>
      <c r="LET704" s="613"/>
      <c r="LEU704" s="613"/>
      <c r="LEV704" s="613"/>
      <c r="LEW704" s="613"/>
      <c r="LEX704" s="613"/>
      <c r="LEY704" s="613"/>
      <c r="LEZ704" s="613"/>
      <c r="LFA704" s="613"/>
      <c r="LFB704" s="613"/>
      <c r="LFC704" s="613"/>
      <c r="LFD704" s="613"/>
      <c r="LFE704" s="613"/>
      <c r="LFF704" s="613"/>
      <c r="LFG704" s="613"/>
      <c r="LFH704" s="613"/>
      <c r="LFI704" s="613"/>
      <c r="LFJ704" s="613"/>
      <c r="LFK704" s="613"/>
      <c r="LFL704" s="613"/>
      <c r="LFM704" s="613"/>
      <c r="LFN704" s="613"/>
      <c r="LFO704" s="613"/>
      <c r="LFP704" s="613"/>
      <c r="LFQ704" s="613"/>
      <c r="LFR704" s="613"/>
      <c r="LFS704" s="613"/>
      <c r="LFT704" s="613"/>
      <c r="LFU704" s="613"/>
      <c r="LFV704" s="613"/>
      <c r="LFW704" s="613"/>
      <c r="LFX704" s="613"/>
      <c r="LFY704" s="613"/>
      <c r="LFZ704" s="613"/>
      <c r="LGA704" s="613"/>
      <c r="LGB704" s="613"/>
      <c r="LGC704" s="613"/>
      <c r="LGD704" s="613"/>
      <c r="LGE704" s="613"/>
      <c r="LGF704" s="613"/>
      <c r="LGG704" s="613"/>
      <c r="LGH704" s="613"/>
      <c r="LGI704" s="613"/>
      <c r="LGJ704" s="613"/>
      <c r="LGK704" s="613"/>
      <c r="LGL704" s="613"/>
      <c r="LGM704" s="613"/>
      <c r="LGN704" s="613"/>
      <c r="LGO704" s="613"/>
      <c r="LGP704" s="613"/>
      <c r="LGQ704" s="613"/>
      <c r="LGR704" s="613"/>
      <c r="LGS704" s="613"/>
      <c r="LGT704" s="613"/>
      <c r="LGU704" s="613"/>
      <c r="LGV704" s="613"/>
      <c r="LGW704" s="613"/>
      <c r="LGX704" s="613"/>
      <c r="LGY704" s="613"/>
      <c r="LGZ704" s="613"/>
      <c r="LHA704" s="613"/>
      <c r="LHB704" s="613"/>
      <c r="LHC704" s="613"/>
      <c r="LHD704" s="613"/>
      <c r="LHE704" s="613"/>
      <c r="LHF704" s="613"/>
      <c r="LHG704" s="613"/>
      <c r="LHH704" s="613"/>
      <c r="LHI704" s="613"/>
      <c r="LHJ704" s="613"/>
      <c r="LHK704" s="613"/>
      <c r="LHL704" s="613"/>
      <c r="LHM704" s="613"/>
      <c r="LHN704" s="613"/>
      <c r="LHO704" s="613"/>
      <c r="LHP704" s="613"/>
      <c r="LHQ704" s="613"/>
      <c r="LHR704" s="613"/>
      <c r="LHS704" s="613"/>
      <c r="LHT704" s="613"/>
      <c r="LHU704" s="613"/>
      <c r="LHV704" s="613"/>
      <c r="LHW704" s="613"/>
      <c r="LHX704" s="613"/>
      <c r="LHY704" s="613"/>
      <c r="LHZ704" s="613"/>
      <c r="LIA704" s="613"/>
      <c r="LIB704" s="613"/>
      <c r="LIC704" s="613"/>
      <c r="LID704" s="613"/>
      <c r="LIE704" s="613"/>
      <c r="LIF704" s="613"/>
      <c r="LIG704" s="613"/>
      <c r="LIH704" s="613"/>
      <c r="LII704" s="613"/>
      <c r="LIJ704" s="613"/>
      <c r="LIK704" s="613"/>
      <c r="LIL704" s="613"/>
      <c r="LIM704" s="613"/>
      <c r="LIN704" s="613"/>
      <c r="LIO704" s="613"/>
      <c r="LIP704" s="613"/>
      <c r="LIQ704" s="613"/>
      <c r="LIR704" s="613"/>
      <c r="LIS704" s="613"/>
      <c r="LIT704" s="613"/>
      <c r="LIU704" s="613"/>
      <c r="LIV704" s="613"/>
      <c r="LIW704" s="613"/>
      <c r="LIX704" s="613"/>
      <c r="LIY704" s="613"/>
      <c r="LIZ704" s="613"/>
      <c r="LJA704" s="613"/>
      <c r="LJB704" s="613"/>
      <c r="LJC704" s="613"/>
      <c r="LJD704" s="613"/>
      <c r="LJE704" s="613"/>
      <c r="LJF704" s="613"/>
      <c r="LJG704" s="613"/>
      <c r="LJH704" s="613"/>
      <c r="LJI704" s="613"/>
      <c r="LJJ704" s="613"/>
      <c r="LJK704" s="613"/>
      <c r="LJL704" s="613"/>
      <c r="LJM704" s="613"/>
      <c r="LJN704" s="613"/>
      <c r="LJO704" s="613"/>
      <c r="LJP704" s="613"/>
      <c r="LJQ704" s="613"/>
      <c r="LJR704" s="613"/>
      <c r="LJS704" s="613"/>
      <c r="LJT704" s="613"/>
      <c r="LJU704" s="613"/>
      <c r="LJV704" s="613"/>
      <c r="LJW704" s="613"/>
      <c r="LJX704" s="613"/>
      <c r="LJY704" s="613"/>
      <c r="LJZ704" s="613"/>
      <c r="LKA704" s="613"/>
      <c r="LKB704" s="613"/>
      <c r="LKC704" s="613"/>
      <c r="LKD704" s="613"/>
      <c r="LKE704" s="613"/>
      <c r="LKF704" s="613"/>
      <c r="LKG704" s="613"/>
      <c r="LKH704" s="613"/>
      <c r="LKI704" s="613"/>
      <c r="LKJ704" s="613"/>
      <c r="LKK704" s="613"/>
      <c r="LKL704" s="613"/>
      <c r="LKM704" s="613"/>
      <c r="LKN704" s="613"/>
      <c r="LKO704" s="613"/>
      <c r="LKP704" s="613"/>
      <c r="LKQ704" s="613"/>
      <c r="LKR704" s="613"/>
      <c r="LKS704" s="613"/>
      <c r="LKT704" s="613"/>
      <c r="LKU704" s="613"/>
      <c r="LKV704" s="613"/>
      <c r="LKW704" s="613"/>
      <c r="LKX704" s="613"/>
      <c r="LKY704" s="613"/>
      <c r="LKZ704" s="613"/>
      <c r="LLA704" s="613"/>
      <c r="LLB704" s="613"/>
      <c r="LLC704" s="613"/>
      <c r="LLD704" s="613"/>
      <c r="LLE704" s="613"/>
      <c r="LLF704" s="613"/>
      <c r="LLG704" s="613"/>
      <c r="LLH704" s="613"/>
      <c r="LLI704" s="613"/>
      <c r="LLJ704" s="613"/>
      <c r="LLK704" s="613"/>
      <c r="LLL704" s="613"/>
      <c r="LLM704" s="613"/>
      <c r="LLN704" s="613"/>
      <c r="LLO704" s="613"/>
      <c r="LLP704" s="613"/>
      <c r="LLQ704" s="613"/>
      <c r="LLR704" s="613"/>
      <c r="LLS704" s="613"/>
      <c r="LLT704" s="613"/>
      <c r="LLU704" s="613"/>
      <c r="LLV704" s="613"/>
      <c r="LLW704" s="613"/>
      <c r="LLX704" s="613"/>
      <c r="LLY704" s="613"/>
      <c r="LLZ704" s="613"/>
      <c r="LMA704" s="613"/>
      <c r="LMB704" s="613"/>
      <c r="LMC704" s="613"/>
      <c r="LMD704" s="613"/>
      <c r="LME704" s="613"/>
      <c r="LMF704" s="613"/>
      <c r="LMG704" s="613"/>
      <c r="LMH704" s="613"/>
      <c r="LMI704" s="613"/>
      <c r="LMJ704" s="613"/>
      <c r="LMK704" s="613"/>
      <c r="LML704" s="613"/>
      <c r="LMM704" s="613"/>
      <c r="LMN704" s="613"/>
      <c r="LMO704" s="613"/>
      <c r="LMP704" s="613"/>
      <c r="LMQ704" s="613"/>
      <c r="LMR704" s="613"/>
      <c r="LMS704" s="613"/>
      <c r="LMT704" s="613"/>
      <c r="LMU704" s="613"/>
      <c r="LMV704" s="613"/>
      <c r="LMW704" s="613"/>
      <c r="LMX704" s="613"/>
      <c r="LMY704" s="613"/>
      <c r="LMZ704" s="613"/>
      <c r="LNA704" s="613"/>
      <c r="LNB704" s="613"/>
      <c r="LNC704" s="613"/>
      <c r="LND704" s="613"/>
      <c r="LNE704" s="613"/>
      <c r="LNF704" s="613"/>
      <c r="LNG704" s="613"/>
      <c r="LNH704" s="613"/>
      <c r="LNI704" s="613"/>
      <c r="LNJ704" s="613"/>
      <c r="LNK704" s="613"/>
      <c r="LNL704" s="613"/>
      <c r="LNM704" s="613"/>
      <c r="LNN704" s="613"/>
      <c r="LNO704" s="613"/>
      <c r="LNP704" s="613"/>
      <c r="LNQ704" s="613"/>
      <c r="LNR704" s="613"/>
      <c r="LNS704" s="613"/>
      <c r="LNT704" s="613"/>
      <c r="LNU704" s="613"/>
      <c r="LNV704" s="613"/>
      <c r="LNW704" s="613"/>
      <c r="LNX704" s="613"/>
      <c r="LNY704" s="613"/>
      <c r="LNZ704" s="613"/>
      <c r="LOA704" s="613"/>
      <c r="LOB704" s="613"/>
      <c r="LOC704" s="613"/>
      <c r="LOD704" s="613"/>
      <c r="LOE704" s="613"/>
      <c r="LOF704" s="613"/>
      <c r="LOG704" s="613"/>
      <c r="LOH704" s="613"/>
      <c r="LOI704" s="613"/>
      <c r="LOJ704" s="613"/>
      <c r="LOK704" s="613"/>
      <c r="LOL704" s="613"/>
      <c r="LOM704" s="613"/>
      <c r="LON704" s="613"/>
      <c r="LOO704" s="613"/>
      <c r="LOP704" s="613"/>
      <c r="LOQ704" s="613"/>
      <c r="LOR704" s="613"/>
      <c r="LOS704" s="613"/>
      <c r="LOT704" s="613"/>
      <c r="LOU704" s="613"/>
      <c r="LOV704" s="613"/>
      <c r="LOW704" s="613"/>
      <c r="LOX704" s="613"/>
      <c r="LOY704" s="613"/>
      <c r="LOZ704" s="613"/>
      <c r="LPA704" s="613"/>
      <c r="LPB704" s="613"/>
      <c r="LPC704" s="613"/>
      <c r="LPD704" s="613"/>
      <c r="LPE704" s="613"/>
      <c r="LPF704" s="613"/>
      <c r="LPG704" s="613"/>
      <c r="LPH704" s="613"/>
      <c r="LPI704" s="613"/>
      <c r="LPJ704" s="613"/>
      <c r="LPK704" s="613"/>
      <c r="LPL704" s="613"/>
      <c r="LPM704" s="613"/>
      <c r="LPN704" s="613"/>
      <c r="LPO704" s="613"/>
      <c r="LPP704" s="613"/>
      <c r="LPQ704" s="613"/>
      <c r="LPR704" s="613"/>
      <c r="LPS704" s="613"/>
      <c r="LPT704" s="613"/>
      <c r="LPU704" s="613"/>
      <c r="LPV704" s="613"/>
      <c r="LPW704" s="613"/>
      <c r="LPX704" s="613"/>
      <c r="LPY704" s="613"/>
      <c r="LPZ704" s="613"/>
      <c r="LQA704" s="613"/>
      <c r="LQB704" s="613"/>
      <c r="LQC704" s="613"/>
      <c r="LQD704" s="613"/>
      <c r="LQE704" s="613"/>
      <c r="LQF704" s="613"/>
      <c r="LQG704" s="613"/>
      <c r="LQH704" s="613"/>
      <c r="LQI704" s="613"/>
      <c r="LQJ704" s="613"/>
      <c r="LQK704" s="613"/>
      <c r="LQL704" s="613"/>
      <c r="LQM704" s="613"/>
      <c r="LQN704" s="613"/>
      <c r="LQO704" s="613"/>
      <c r="LQP704" s="613"/>
      <c r="LQQ704" s="613"/>
      <c r="LQR704" s="613"/>
      <c r="LQS704" s="613"/>
      <c r="LQT704" s="613"/>
      <c r="LQU704" s="613"/>
      <c r="LQV704" s="613"/>
      <c r="LQW704" s="613"/>
      <c r="LQX704" s="613"/>
      <c r="LQY704" s="613"/>
      <c r="LQZ704" s="613"/>
      <c r="LRA704" s="613"/>
      <c r="LRB704" s="613"/>
      <c r="LRC704" s="613"/>
      <c r="LRD704" s="613"/>
      <c r="LRE704" s="613"/>
      <c r="LRF704" s="613"/>
      <c r="LRG704" s="613"/>
      <c r="LRH704" s="613"/>
      <c r="LRI704" s="613"/>
      <c r="LRJ704" s="613"/>
      <c r="LRK704" s="613"/>
      <c r="LRL704" s="613"/>
      <c r="LRM704" s="613"/>
      <c r="LRN704" s="613"/>
      <c r="LRO704" s="613"/>
      <c r="LRP704" s="613"/>
      <c r="LRQ704" s="613"/>
      <c r="LRR704" s="613"/>
      <c r="LRS704" s="613"/>
      <c r="LRT704" s="613"/>
      <c r="LRU704" s="613"/>
      <c r="LRV704" s="613"/>
      <c r="LRW704" s="613"/>
      <c r="LRX704" s="613"/>
      <c r="LRY704" s="613"/>
      <c r="LRZ704" s="613"/>
      <c r="LSA704" s="613"/>
      <c r="LSB704" s="613"/>
      <c r="LSC704" s="613"/>
      <c r="LSD704" s="613"/>
      <c r="LSE704" s="613"/>
      <c r="LSF704" s="613"/>
      <c r="LSG704" s="613"/>
      <c r="LSH704" s="613"/>
      <c r="LSI704" s="613"/>
      <c r="LSJ704" s="613"/>
      <c r="LSK704" s="613"/>
      <c r="LSL704" s="613"/>
      <c r="LSM704" s="613"/>
      <c r="LSN704" s="613"/>
      <c r="LSO704" s="613"/>
      <c r="LSP704" s="613"/>
      <c r="LSQ704" s="613"/>
      <c r="LSR704" s="613"/>
      <c r="LSS704" s="613"/>
      <c r="LST704" s="613"/>
      <c r="LSU704" s="613"/>
      <c r="LSV704" s="613"/>
      <c r="LSW704" s="613"/>
      <c r="LSX704" s="613"/>
      <c r="LSY704" s="613"/>
      <c r="LSZ704" s="613"/>
      <c r="LTA704" s="613"/>
      <c r="LTB704" s="613"/>
      <c r="LTC704" s="613"/>
      <c r="LTD704" s="613"/>
      <c r="LTE704" s="613"/>
      <c r="LTF704" s="613"/>
      <c r="LTG704" s="613"/>
      <c r="LTH704" s="613"/>
      <c r="LTI704" s="613"/>
      <c r="LTJ704" s="613"/>
      <c r="LTK704" s="613"/>
      <c r="LTL704" s="613"/>
      <c r="LTM704" s="613"/>
      <c r="LTN704" s="613"/>
      <c r="LTO704" s="613"/>
      <c r="LTP704" s="613"/>
      <c r="LTQ704" s="613"/>
      <c r="LTR704" s="613"/>
      <c r="LTS704" s="613"/>
      <c r="LTT704" s="613"/>
      <c r="LTU704" s="613"/>
      <c r="LTV704" s="613"/>
      <c r="LTW704" s="613"/>
      <c r="LTX704" s="613"/>
      <c r="LTY704" s="613"/>
      <c r="LTZ704" s="613"/>
      <c r="LUA704" s="613"/>
      <c r="LUB704" s="613"/>
      <c r="LUC704" s="613"/>
      <c r="LUD704" s="613"/>
      <c r="LUE704" s="613"/>
      <c r="LUF704" s="613"/>
      <c r="LUG704" s="613"/>
      <c r="LUH704" s="613"/>
      <c r="LUI704" s="613"/>
      <c r="LUJ704" s="613"/>
      <c r="LUK704" s="613"/>
      <c r="LUL704" s="613"/>
      <c r="LUM704" s="613"/>
      <c r="LUN704" s="613"/>
      <c r="LUO704" s="613"/>
      <c r="LUP704" s="613"/>
      <c r="LUQ704" s="613"/>
      <c r="LUR704" s="613"/>
      <c r="LUS704" s="613"/>
      <c r="LUT704" s="613"/>
      <c r="LUU704" s="613"/>
      <c r="LUV704" s="613"/>
      <c r="LUW704" s="613"/>
      <c r="LUX704" s="613"/>
      <c r="LUY704" s="613"/>
      <c r="LUZ704" s="613"/>
      <c r="LVA704" s="613"/>
      <c r="LVB704" s="613"/>
      <c r="LVC704" s="613"/>
      <c r="LVD704" s="613"/>
      <c r="LVE704" s="613"/>
      <c r="LVF704" s="613"/>
      <c r="LVG704" s="613"/>
      <c r="LVH704" s="613"/>
      <c r="LVI704" s="613"/>
      <c r="LVJ704" s="613"/>
      <c r="LVK704" s="613"/>
      <c r="LVL704" s="613"/>
      <c r="LVM704" s="613"/>
      <c r="LVN704" s="613"/>
      <c r="LVO704" s="613"/>
      <c r="LVP704" s="613"/>
      <c r="LVQ704" s="613"/>
      <c r="LVR704" s="613"/>
      <c r="LVS704" s="613"/>
      <c r="LVT704" s="613"/>
      <c r="LVU704" s="613"/>
      <c r="LVV704" s="613"/>
      <c r="LVW704" s="613"/>
      <c r="LVX704" s="613"/>
      <c r="LVY704" s="613"/>
      <c r="LVZ704" s="613"/>
      <c r="LWA704" s="613"/>
      <c r="LWB704" s="613"/>
      <c r="LWC704" s="613"/>
      <c r="LWD704" s="613"/>
      <c r="LWE704" s="613"/>
      <c r="LWF704" s="613"/>
      <c r="LWG704" s="613"/>
      <c r="LWH704" s="613"/>
      <c r="LWI704" s="613"/>
      <c r="LWJ704" s="613"/>
      <c r="LWK704" s="613"/>
      <c r="LWL704" s="613"/>
      <c r="LWM704" s="613"/>
      <c r="LWN704" s="613"/>
      <c r="LWO704" s="613"/>
      <c r="LWP704" s="613"/>
      <c r="LWQ704" s="613"/>
      <c r="LWR704" s="613"/>
      <c r="LWS704" s="613"/>
      <c r="LWT704" s="613"/>
      <c r="LWU704" s="613"/>
      <c r="LWV704" s="613"/>
      <c r="LWW704" s="613"/>
      <c r="LWX704" s="613"/>
      <c r="LWY704" s="613"/>
      <c r="LWZ704" s="613"/>
      <c r="LXA704" s="613"/>
      <c r="LXB704" s="613"/>
      <c r="LXC704" s="613"/>
      <c r="LXD704" s="613"/>
      <c r="LXE704" s="613"/>
      <c r="LXF704" s="613"/>
      <c r="LXG704" s="613"/>
      <c r="LXH704" s="613"/>
      <c r="LXI704" s="613"/>
      <c r="LXJ704" s="613"/>
      <c r="LXK704" s="613"/>
      <c r="LXL704" s="613"/>
      <c r="LXM704" s="613"/>
      <c r="LXN704" s="613"/>
      <c r="LXO704" s="613"/>
      <c r="LXP704" s="613"/>
      <c r="LXQ704" s="613"/>
      <c r="LXR704" s="613"/>
      <c r="LXS704" s="613"/>
      <c r="LXT704" s="613"/>
      <c r="LXU704" s="613"/>
      <c r="LXV704" s="613"/>
      <c r="LXW704" s="613"/>
      <c r="LXX704" s="613"/>
      <c r="LXY704" s="613"/>
      <c r="LXZ704" s="613"/>
      <c r="LYA704" s="613"/>
      <c r="LYB704" s="613"/>
      <c r="LYC704" s="613"/>
      <c r="LYD704" s="613"/>
      <c r="LYE704" s="613"/>
      <c r="LYF704" s="613"/>
      <c r="LYG704" s="613"/>
      <c r="LYH704" s="613"/>
      <c r="LYI704" s="613"/>
      <c r="LYJ704" s="613"/>
      <c r="LYK704" s="613"/>
      <c r="LYL704" s="613"/>
      <c r="LYM704" s="613"/>
      <c r="LYN704" s="613"/>
      <c r="LYO704" s="613"/>
      <c r="LYP704" s="613"/>
      <c r="LYQ704" s="613"/>
      <c r="LYR704" s="613"/>
      <c r="LYS704" s="613"/>
      <c r="LYT704" s="613"/>
      <c r="LYU704" s="613"/>
      <c r="LYV704" s="613"/>
      <c r="LYW704" s="613"/>
      <c r="LYX704" s="613"/>
      <c r="LYY704" s="613"/>
      <c r="LYZ704" s="613"/>
      <c r="LZA704" s="613"/>
      <c r="LZB704" s="613"/>
      <c r="LZC704" s="613"/>
      <c r="LZD704" s="613"/>
      <c r="LZE704" s="613"/>
      <c r="LZF704" s="613"/>
      <c r="LZG704" s="613"/>
      <c r="LZH704" s="613"/>
      <c r="LZI704" s="613"/>
      <c r="LZJ704" s="613"/>
      <c r="LZK704" s="613"/>
      <c r="LZL704" s="613"/>
      <c r="LZM704" s="613"/>
      <c r="LZN704" s="613"/>
      <c r="LZO704" s="613"/>
      <c r="LZP704" s="613"/>
      <c r="LZQ704" s="613"/>
      <c r="LZR704" s="613"/>
      <c r="LZS704" s="613"/>
      <c r="LZT704" s="613"/>
      <c r="LZU704" s="613"/>
      <c r="LZV704" s="613"/>
      <c r="LZW704" s="613"/>
      <c r="LZX704" s="613"/>
      <c r="LZY704" s="613"/>
      <c r="LZZ704" s="613"/>
      <c r="MAA704" s="613"/>
      <c r="MAB704" s="613"/>
      <c r="MAC704" s="613"/>
      <c r="MAD704" s="613"/>
      <c r="MAE704" s="613"/>
      <c r="MAF704" s="613"/>
      <c r="MAG704" s="613"/>
      <c r="MAH704" s="613"/>
      <c r="MAI704" s="613"/>
      <c r="MAJ704" s="613"/>
      <c r="MAK704" s="613"/>
      <c r="MAL704" s="613"/>
      <c r="MAM704" s="613"/>
      <c r="MAN704" s="613"/>
      <c r="MAO704" s="613"/>
      <c r="MAP704" s="613"/>
      <c r="MAQ704" s="613"/>
      <c r="MAR704" s="613"/>
      <c r="MAS704" s="613"/>
      <c r="MAT704" s="613"/>
      <c r="MAU704" s="613"/>
      <c r="MAV704" s="613"/>
      <c r="MAW704" s="613"/>
      <c r="MAX704" s="613"/>
      <c r="MAY704" s="613"/>
      <c r="MAZ704" s="613"/>
      <c r="MBA704" s="613"/>
      <c r="MBB704" s="613"/>
      <c r="MBC704" s="613"/>
      <c r="MBD704" s="613"/>
      <c r="MBE704" s="613"/>
      <c r="MBF704" s="613"/>
      <c r="MBG704" s="613"/>
      <c r="MBH704" s="613"/>
      <c r="MBI704" s="613"/>
      <c r="MBJ704" s="613"/>
      <c r="MBK704" s="613"/>
      <c r="MBL704" s="613"/>
      <c r="MBM704" s="613"/>
      <c r="MBN704" s="613"/>
      <c r="MBO704" s="613"/>
      <c r="MBP704" s="613"/>
      <c r="MBQ704" s="613"/>
      <c r="MBR704" s="613"/>
      <c r="MBS704" s="613"/>
      <c r="MBT704" s="613"/>
      <c r="MBU704" s="613"/>
      <c r="MBV704" s="613"/>
      <c r="MBW704" s="613"/>
      <c r="MBX704" s="613"/>
      <c r="MBY704" s="613"/>
      <c r="MBZ704" s="613"/>
      <c r="MCA704" s="613"/>
      <c r="MCB704" s="613"/>
      <c r="MCC704" s="613"/>
      <c r="MCD704" s="613"/>
      <c r="MCE704" s="613"/>
      <c r="MCF704" s="613"/>
      <c r="MCG704" s="613"/>
      <c r="MCH704" s="613"/>
      <c r="MCI704" s="613"/>
      <c r="MCJ704" s="613"/>
      <c r="MCK704" s="613"/>
      <c r="MCL704" s="613"/>
      <c r="MCM704" s="613"/>
      <c r="MCN704" s="613"/>
      <c r="MCO704" s="613"/>
      <c r="MCP704" s="613"/>
      <c r="MCQ704" s="613"/>
      <c r="MCR704" s="613"/>
      <c r="MCS704" s="613"/>
      <c r="MCT704" s="613"/>
      <c r="MCU704" s="613"/>
      <c r="MCV704" s="613"/>
      <c r="MCW704" s="613"/>
      <c r="MCX704" s="613"/>
      <c r="MCY704" s="613"/>
      <c r="MCZ704" s="613"/>
      <c r="MDA704" s="613"/>
      <c r="MDB704" s="613"/>
      <c r="MDC704" s="613"/>
      <c r="MDD704" s="613"/>
      <c r="MDE704" s="613"/>
      <c r="MDF704" s="613"/>
      <c r="MDG704" s="613"/>
      <c r="MDH704" s="613"/>
      <c r="MDI704" s="613"/>
      <c r="MDJ704" s="613"/>
      <c r="MDK704" s="613"/>
      <c r="MDL704" s="613"/>
      <c r="MDM704" s="613"/>
      <c r="MDN704" s="613"/>
      <c r="MDO704" s="613"/>
      <c r="MDP704" s="613"/>
      <c r="MDQ704" s="613"/>
      <c r="MDR704" s="613"/>
      <c r="MDS704" s="613"/>
      <c r="MDT704" s="613"/>
      <c r="MDU704" s="613"/>
      <c r="MDV704" s="613"/>
      <c r="MDW704" s="613"/>
      <c r="MDX704" s="613"/>
      <c r="MDY704" s="613"/>
      <c r="MDZ704" s="613"/>
      <c r="MEA704" s="613"/>
      <c r="MEB704" s="613"/>
      <c r="MEC704" s="613"/>
      <c r="MED704" s="613"/>
      <c r="MEE704" s="613"/>
      <c r="MEF704" s="613"/>
      <c r="MEG704" s="613"/>
      <c r="MEH704" s="613"/>
      <c r="MEI704" s="613"/>
      <c r="MEJ704" s="613"/>
      <c r="MEK704" s="613"/>
      <c r="MEL704" s="613"/>
      <c r="MEM704" s="613"/>
      <c r="MEN704" s="613"/>
      <c r="MEO704" s="613"/>
      <c r="MEP704" s="613"/>
      <c r="MEQ704" s="613"/>
      <c r="MER704" s="613"/>
      <c r="MES704" s="613"/>
      <c r="MET704" s="613"/>
      <c r="MEU704" s="613"/>
      <c r="MEV704" s="613"/>
      <c r="MEW704" s="613"/>
      <c r="MEX704" s="613"/>
      <c r="MEY704" s="613"/>
      <c r="MEZ704" s="613"/>
      <c r="MFA704" s="613"/>
      <c r="MFB704" s="613"/>
      <c r="MFC704" s="613"/>
      <c r="MFD704" s="613"/>
      <c r="MFE704" s="613"/>
      <c r="MFF704" s="613"/>
      <c r="MFG704" s="613"/>
      <c r="MFH704" s="613"/>
      <c r="MFI704" s="613"/>
      <c r="MFJ704" s="613"/>
      <c r="MFK704" s="613"/>
      <c r="MFL704" s="613"/>
      <c r="MFM704" s="613"/>
      <c r="MFN704" s="613"/>
      <c r="MFO704" s="613"/>
      <c r="MFP704" s="613"/>
      <c r="MFQ704" s="613"/>
      <c r="MFR704" s="613"/>
      <c r="MFS704" s="613"/>
      <c r="MFT704" s="613"/>
      <c r="MFU704" s="613"/>
      <c r="MFV704" s="613"/>
      <c r="MFW704" s="613"/>
      <c r="MFX704" s="613"/>
      <c r="MFY704" s="613"/>
      <c r="MFZ704" s="613"/>
      <c r="MGA704" s="613"/>
      <c r="MGB704" s="613"/>
      <c r="MGC704" s="613"/>
      <c r="MGD704" s="613"/>
      <c r="MGE704" s="613"/>
      <c r="MGF704" s="613"/>
      <c r="MGG704" s="613"/>
      <c r="MGH704" s="613"/>
      <c r="MGI704" s="613"/>
      <c r="MGJ704" s="613"/>
      <c r="MGK704" s="613"/>
      <c r="MGL704" s="613"/>
      <c r="MGM704" s="613"/>
      <c r="MGN704" s="613"/>
      <c r="MGO704" s="613"/>
      <c r="MGP704" s="613"/>
      <c r="MGQ704" s="613"/>
      <c r="MGR704" s="613"/>
      <c r="MGS704" s="613"/>
      <c r="MGT704" s="613"/>
      <c r="MGU704" s="613"/>
      <c r="MGV704" s="613"/>
      <c r="MGW704" s="613"/>
      <c r="MGX704" s="613"/>
      <c r="MGY704" s="613"/>
      <c r="MGZ704" s="613"/>
      <c r="MHA704" s="613"/>
      <c r="MHB704" s="613"/>
      <c r="MHC704" s="613"/>
      <c r="MHD704" s="613"/>
      <c r="MHE704" s="613"/>
      <c r="MHF704" s="613"/>
      <c r="MHG704" s="613"/>
      <c r="MHH704" s="613"/>
      <c r="MHI704" s="613"/>
      <c r="MHJ704" s="613"/>
      <c r="MHK704" s="613"/>
      <c r="MHL704" s="613"/>
      <c r="MHM704" s="613"/>
      <c r="MHN704" s="613"/>
      <c r="MHO704" s="613"/>
      <c r="MHP704" s="613"/>
      <c r="MHQ704" s="613"/>
      <c r="MHR704" s="613"/>
      <c r="MHS704" s="613"/>
      <c r="MHT704" s="613"/>
      <c r="MHU704" s="613"/>
      <c r="MHV704" s="613"/>
      <c r="MHW704" s="613"/>
      <c r="MHX704" s="613"/>
      <c r="MHY704" s="613"/>
      <c r="MHZ704" s="613"/>
      <c r="MIA704" s="613"/>
      <c r="MIB704" s="613"/>
      <c r="MIC704" s="613"/>
      <c r="MID704" s="613"/>
      <c r="MIE704" s="613"/>
      <c r="MIF704" s="613"/>
      <c r="MIG704" s="613"/>
      <c r="MIH704" s="613"/>
      <c r="MII704" s="613"/>
      <c r="MIJ704" s="613"/>
      <c r="MIK704" s="613"/>
      <c r="MIL704" s="613"/>
      <c r="MIM704" s="613"/>
      <c r="MIN704" s="613"/>
      <c r="MIO704" s="613"/>
      <c r="MIP704" s="613"/>
      <c r="MIQ704" s="613"/>
      <c r="MIR704" s="613"/>
      <c r="MIS704" s="613"/>
      <c r="MIT704" s="613"/>
      <c r="MIU704" s="613"/>
      <c r="MIV704" s="613"/>
      <c r="MIW704" s="613"/>
      <c r="MIX704" s="613"/>
      <c r="MIY704" s="613"/>
      <c r="MIZ704" s="613"/>
      <c r="MJA704" s="613"/>
      <c r="MJB704" s="613"/>
      <c r="MJC704" s="613"/>
      <c r="MJD704" s="613"/>
      <c r="MJE704" s="613"/>
      <c r="MJF704" s="613"/>
      <c r="MJG704" s="613"/>
      <c r="MJH704" s="613"/>
      <c r="MJI704" s="613"/>
      <c r="MJJ704" s="613"/>
      <c r="MJK704" s="613"/>
      <c r="MJL704" s="613"/>
      <c r="MJM704" s="613"/>
      <c r="MJN704" s="613"/>
      <c r="MJO704" s="613"/>
      <c r="MJP704" s="613"/>
      <c r="MJQ704" s="613"/>
      <c r="MJR704" s="613"/>
      <c r="MJS704" s="613"/>
      <c r="MJT704" s="613"/>
      <c r="MJU704" s="613"/>
      <c r="MJV704" s="613"/>
      <c r="MJW704" s="613"/>
      <c r="MJX704" s="613"/>
      <c r="MJY704" s="613"/>
      <c r="MJZ704" s="613"/>
      <c r="MKA704" s="613"/>
      <c r="MKB704" s="613"/>
      <c r="MKC704" s="613"/>
      <c r="MKD704" s="613"/>
      <c r="MKE704" s="613"/>
      <c r="MKF704" s="613"/>
      <c r="MKG704" s="613"/>
      <c r="MKH704" s="613"/>
      <c r="MKI704" s="613"/>
      <c r="MKJ704" s="613"/>
      <c r="MKK704" s="613"/>
      <c r="MKL704" s="613"/>
      <c r="MKM704" s="613"/>
      <c r="MKN704" s="613"/>
      <c r="MKO704" s="613"/>
      <c r="MKP704" s="613"/>
      <c r="MKQ704" s="613"/>
      <c r="MKR704" s="613"/>
      <c r="MKS704" s="613"/>
      <c r="MKT704" s="613"/>
      <c r="MKU704" s="613"/>
      <c r="MKV704" s="613"/>
      <c r="MKW704" s="613"/>
      <c r="MKX704" s="613"/>
      <c r="MKY704" s="613"/>
      <c r="MKZ704" s="613"/>
      <c r="MLA704" s="613"/>
      <c r="MLB704" s="613"/>
      <c r="MLC704" s="613"/>
      <c r="MLD704" s="613"/>
      <c r="MLE704" s="613"/>
      <c r="MLF704" s="613"/>
      <c r="MLG704" s="613"/>
      <c r="MLH704" s="613"/>
      <c r="MLI704" s="613"/>
      <c r="MLJ704" s="613"/>
      <c r="MLK704" s="613"/>
      <c r="MLL704" s="613"/>
      <c r="MLM704" s="613"/>
      <c r="MLN704" s="613"/>
      <c r="MLO704" s="613"/>
      <c r="MLP704" s="613"/>
      <c r="MLQ704" s="613"/>
      <c r="MLR704" s="613"/>
      <c r="MLS704" s="613"/>
      <c r="MLT704" s="613"/>
      <c r="MLU704" s="613"/>
      <c r="MLV704" s="613"/>
      <c r="MLW704" s="613"/>
      <c r="MLX704" s="613"/>
      <c r="MLY704" s="613"/>
      <c r="MLZ704" s="613"/>
      <c r="MMA704" s="613"/>
      <c r="MMB704" s="613"/>
      <c r="MMC704" s="613"/>
      <c r="MMD704" s="613"/>
      <c r="MME704" s="613"/>
      <c r="MMF704" s="613"/>
      <c r="MMG704" s="613"/>
      <c r="MMH704" s="613"/>
      <c r="MMI704" s="613"/>
      <c r="MMJ704" s="613"/>
      <c r="MMK704" s="613"/>
      <c r="MML704" s="613"/>
      <c r="MMM704" s="613"/>
      <c r="MMN704" s="613"/>
      <c r="MMO704" s="613"/>
      <c r="MMP704" s="613"/>
      <c r="MMQ704" s="613"/>
      <c r="MMR704" s="613"/>
      <c r="MMS704" s="613"/>
      <c r="MMT704" s="613"/>
      <c r="MMU704" s="613"/>
      <c r="MMV704" s="613"/>
      <c r="MMW704" s="613"/>
      <c r="MMX704" s="613"/>
      <c r="MMY704" s="613"/>
      <c r="MMZ704" s="613"/>
      <c r="MNA704" s="613"/>
      <c r="MNB704" s="613"/>
      <c r="MNC704" s="613"/>
      <c r="MND704" s="613"/>
      <c r="MNE704" s="613"/>
      <c r="MNF704" s="613"/>
      <c r="MNG704" s="613"/>
      <c r="MNH704" s="613"/>
      <c r="MNI704" s="613"/>
      <c r="MNJ704" s="613"/>
      <c r="MNK704" s="613"/>
      <c r="MNL704" s="613"/>
      <c r="MNM704" s="613"/>
      <c r="MNN704" s="613"/>
      <c r="MNO704" s="613"/>
      <c r="MNP704" s="613"/>
      <c r="MNQ704" s="613"/>
      <c r="MNR704" s="613"/>
      <c r="MNS704" s="613"/>
      <c r="MNT704" s="613"/>
      <c r="MNU704" s="613"/>
      <c r="MNV704" s="613"/>
      <c r="MNW704" s="613"/>
      <c r="MNX704" s="613"/>
      <c r="MNY704" s="613"/>
      <c r="MNZ704" s="613"/>
      <c r="MOA704" s="613"/>
      <c r="MOB704" s="613"/>
      <c r="MOC704" s="613"/>
      <c r="MOD704" s="613"/>
      <c r="MOE704" s="613"/>
      <c r="MOF704" s="613"/>
      <c r="MOG704" s="613"/>
      <c r="MOH704" s="613"/>
      <c r="MOI704" s="613"/>
      <c r="MOJ704" s="613"/>
      <c r="MOK704" s="613"/>
      <c r="MOL704" s="613"/>
      <c r="MOM704" s="613"/>
      <c r="MON704" s="613"/>
      <c r="MOO704" s="613"/>
      <c r="MOP704" s="613"/>
      <c r="MOQ704" s="613"/>
      <c r="MOR704" s="613"/>
      <c r="MOS704" s="613"/>
      <c r="MOT704" s="613"/>
      <c r="MOU704" s="613"/>
      <c r="MOV704" s="613"/>
      <c r="MOW704" s="613"/>
      <c r="MOX704" s="613"/>
      <c r="MOY704" s="613"/>
      <c r="MOZ704" s="613"/>
      <c r="MPA704" s="613"/>
      <c r="MPB704" s="613"/>
      <c r="MPC704" s="613"/>
      <c r="MPD704" s="613"/>
      <c r="MPE704" s="613"/>
      <c r="MPF704" s="613"/>
      <c r="MPG704" s="613"/>
      <c r="MPH704" s="613"/>
      <c r="MPI704" s="613"/>
      <c r="MPJ704" s="613"/>
      <c r="MPK704" s="613"/>
      <c r="MPL704" s="613"/>
      <c r="MPM704" s="613"/>
      <c r="MPN704" s="613"/>
      <c r="MPO704" s="613"/>
      <c r="MPP704" s="613"/>
      <c r="MPQ704" s="613"/>
      <c r="MPR704" s="613"/>
      <c r="MPS704" s="613"/>
      <c r="MPT704" s="613"/>
      <c r="MPU704" s="613"/>
      <c r="MPV704" s="613"/>
      <c r="MPW704" s="613"/>
      <c r="MPX704" s="613"/>
      <c r="MPY704" s="613"/>
      <c r="MPZ704" s="613"/>
      <c r="MQA704" s="613"/>
      <c r="MQB704" s="613"/>
      <c r="MQC704" s="613"/>
      <c r="MQD704" s="613"/>
      <c r="MQE704" s="613"/>
      <c r="MQF704" s="613"/>
      <c r="MQG704" s="613"/>
      <c r="MQH704" s="613"/>
      <c r="MQI704" s="613"/>
      <c r="MQJ704" s="613"/>
      <c r="MQK704" s="613"/>
      <c r="MQL704" s="613"/>
      <c r="MQM704" s="613"/>
      <c r="MQN704" s="613"/>
      <c r="MQO704" s="613"/>
      <c r="MQP704" s="613"/>
      <c r="MQQ704" s="613"/>
      <c r="MQR704" s="613"/>
      <c r="MQS704" s="613"/>
      <c r="MQT704" s="613"/>
      <c r="MQU704" s="613"/>
      <c r="MQV704" s="613"/>
      <c r="MQW704" s="613"/>
      <c r="MQX704" s="613"/>
      <c r="MQY704" s="613"/>
      <c r="MQZ704" s="613"/>
      <c r="MRA704" s="613"/>
      <c r="MRB704" s="613"/>
      <c r="MRC704" s="613"/>
      <c r="MRD704" s="613"/>
      <c r="MRE704" s="613"/>
      <c r="MRF704" s="613"/>
      <c r="MRG704" s="613"/>
      <c r="MRH704" s="613"/>
      <c r="MRI704" s="613"/>
      <c r="MRJ704" s="613"/>
      <c r="MRK704" s="613"/>
      <c r="MRL704" s="613"/>
      <c r="MRM704" s="613"/>
      <c r="MRN704" s="613"/>
      <c r="MRO704" s="613"/>
      <c r="MRP704" s="613"/>
      <c r="MRQ704" s="613"/>
      <c r="MRR704" s="613"/>
      <c r="MRS704" s="613"/>
      <c r="MRT704" s="613"/>
      <c r="MRU704" s="613"/>
      <c r="MRV704" s="613"/>
      <c r="MRW704" s="613"/>
      <c r="MRX704" s="613"/>
      <c r="MRY704" s="613"/>
      <c r="MRZ704" s="613"/>
      <c r="MSA704" s="613"/>
      <c r="MSB704" s="613"/>
      <c r="MSC704" s="613"/>
      <c r="MSD704" s="613"/>
      <c r="MSE704" s="613"/>
      <c r="MSF704" s="613"/>
      <c r="MSG704" s="613"/>
      <c r="MSH704" s="613"/>
      <c r="MSI704" s="613"/>
      <c r="MSJ704" s="613"/>
      <c r="MSK704" s="613"/>
      <c r="MSL704" s="613"/>
      <c r="MSM704" s="613"/>
      <c r="MSN704" s="613"/>
      <c r="MSO704" s="613"/>
      <c r="MSP704" s="613"/>
      <c r="MSQ704" s="613"/>
      <c r="MSR704" s="613"/>
      <c r="MSS704" s="613"/>
      <c r="MST704" s="613"/>
      <c r="MSU704" s="613"/>
      <c r="MSV704" s="613"/>
      <c r="MSW704" s="613"/>
      <c r="MSX704" s="613"/>
      <c r="MSY704" s="613"/>
      <c r="MSZ704" s="613"/>
      <c r="MTA704" s="613"/>
      <c r="MTB704" s="613"/>
      <c r="MTC704" s="613"/>
      <c r="MTD704" s="613"/>
      <c r="MTE704" s="613"/>
      <c r="MTF704" s="613"/>
      <c r="MTG704" s="613"/>
      <c r="MTH704" s="613"/>
      <c r="MTI704" s="613"/>
      <c r="MTJ704" s="613"/>
      <c r="MTK704" s="613"/>
      <c r="MTL704" s="613"/>
      <c r="MTM704" s="613"/>
      <c r="MTN704" s="613"/>
      <c r="MTO704" s="613"/>
      <c r="MTP704" s="613"/>
      <c r="MTQ704" s="613"/>
      <c r="MTR704" s="613"/>
      <c r="MTS704" s="613"/>
      <c r="MTT704" s="613"/>
      <c r="MTU704" s="613"/>
      <c r="MTV704" s="613"/>
      <c r="MTW704" s="613"/>
      <c r="MTX704" s="613"/>
      <c r="MTY704" s="613"/>
      <c r="MTZ704" s="613"/>
      <c r="MUA704" s="613"/>
      <c r="MUB704" s="613"/>
      <c r="MUC704" s="613"/>
      <c r="MUD704" s="613"/>
      <c r="MUE704" s="613"/>
      <c r="MUF704" s="613"/>
      <c r="MUG704" s="613"/>
      <c r="MUH704" s="613"/>
      <c r="MUI704" s="613"/>
      <c r="MUJ704" s="613"/>
      <c r="MUK704" s="613"/>
      <c r="MUL704" s="613"/>
      <c r="MUM704" s="613"/>
      <c r="MUN704" s="613"/>
      <c r="MUO704" s="613"/>
      <c r="MUP704" s="613"/>
      <c r="MUQ704" s="613"/>
      <c r="MUR704" s="613"/>
      <c r="MUS704" s="613"/>
      <c r="MUT704" s="613"/>
      <c r="MUU704" s="613"/>
      <c r="MUV704" s="613"/>
      <c r="MUW704" s="613"/>
      <c r="MUX704" s="613"/>
      <c r="MUY704" s="613"/>
      <c r="MUZ704" s="613"/>
      <c r="MVA704" s="613"/>
      <c r="MVB704" s="613"/>
      <c r="MVC704" s="613"/>
      <c r="MVD704" s="613"/>
      <c r="MVE704" s="613"/>
      <c r="MVF704" s="613"/>
      <c r="MVG704" s="613"/>
      <c r="MVH704" s="613"/>
      <c r="MVI704" s="613"/>
      <c r="MVJ704" s="613"/>
      <c r="MVK704" s="613"/>
      <c r="MVL704" s="613"/>
      <c r="MVM704" s="613"/>
      <c r="MVN704" s="613"/>
      <c r="MVO704" s="613"/>
      <c r="MVP704" s="613"/>
      <c r="MVQ704" s="613"/>
      <c r="MVR704" s="613"/>
      <c r="MVS704" s="613"/>
      <c r="MVT704" s="613"/>
      <c r="MVU704" s="613"/>
      <c r="MVV704" s="613"/>
      <c r="MVW704" s="613"/>
      <c r="MVX704" s="613"/>
      <c r="MVY704" s="613"/>
      <c r="MVZ704" s="613"/>
      <c r="MWA704" s="613"/>
      <c r="MWB704" s="613"/>
      <c r="MWC704" s="613"/>
      <c r="MWD704" s="613"/>
      <c r="MWE704" s="613"/>
      <c r="MWF704" s="613"/>
      <c r="MWG704" s="613"/>
      <c r="MWH704" s="613"/>
      <c r="MWI704" s="613"/>
      <c r="MWJ704" s="613"/>
      <c r="MWK704" s="613"/>
      <c r="MWL704" s="613"/>
      <c r="MWM704" s="613"/>
      <c r="MWN704" s="613"/>
      <c r="MWO704" s="613"/>
      <c r="MWP704" s="613"/>
      <c r="MWQ704" s="613"/>
      <c r="MWR704" s="613"/>
      <c r="MWS704" s="613"/>
      <c r="MWT704" s="613"/>
      <c r="MWU704" s="613"/>
      <c r="MWV704" s="613"/>
      <c r="MWW704" s="613"/>
      <c r="MWX704" s="613"/>
      <c r="MWY704" s="613"/>
      <c r="MWZ704" s="613"/>
      <c r="MXA704" s="613"/>
      <c r="MXB704" s="613"/>
      <c r="MXC704" s="613"/>
      <c r="MXD704" s="613"/>
      <c r="MXE704" s="613"/>
      <c r="MXF704" s="613"/>
      <c r="MXG704" s="613"/>
      <c r="MXH704" s="613"/>
      <c r="MXI704" s="613"/>
      <c r="MXJ704" s="613"/>
      <c r="MXK704" s="613"/>
      <c r="MXL704" s="613"/>
      <c r="MXM704" s="613"/>
      <c r="MXN704" s="613"/>
      <c r="MXO704" s="613"/>
      <c r="MXP704" s="613"/>
      <c r="MXQ704" s="613"/>
      <c r="MXR704" s="613"/>
      <c r="MXS704" s="613"/>
      <c r="MXT704" s="613"/>
      <c r="MXU704" s="613"/>
      <c r="MXV704" s="613"/>
      <c r="MXW704" s="613"/>
      <c r="MXX704" s="613"/>
      <c r="MXY704" s="613"/>
      <c r="MXZ704" s="613"/>
      <c r="MYA704" s="613"/>
      <c r="MYB704" s="613"/>
      <c r="MYC704" s="613"/>
      <c r="MYD704" s="613"/>
      <c r="MYE704" s="613"/>
      <c r="MYF704" s="613"/>
      <c r="MYG704" s="613"/>
      <c r="MYH704" s="613"/>
      <c r="MYI704" s="613"/>
      <c r="MYJ704" s="613"/>
      <c r="MYK704" s="613"/>
      <c r="MYL704" s="613"/>
      <c r="MYM704" s="613"/>
      <c r="MYN704" s="613"/>
      <c r="MYO704" s="613"/>
      <c r="MYP704" s="613"/>
      <c r="MYQ704" s="613"/>
      <c r="MYR704" s="613"/>
      <c r="MYS704" s="613"/>
      <c r="MYT704" s="613"/>
      <c r="MYU704" s="613"/>
      <c r="MYV704" s="613"/>
      <c r="MYW704" s="613"/>
      <c r="MYX704" s="613"/>
      <c r="MYY704" s="613"/>
      <c r="MYZ704" s="613"/>
      <c r="MZA704" s="613"/>
      <c r="MZB704" s="613"/>
      <c r="MZC704" s="613"/>
      <c r="MZD704" s="613"/>
      <c r="MZE704" s="613"/>
      <c r="MZF704" s="613"/>
      <c r="MZG704" s="613"/>
      <c r="MZH704" s="613"/>
      <c r="MZI704" s="613"/>
      <c r="MZJ704" s="613"/>
      <c r="MZK704" s="613"/>
      <c r="MZL704" s="613"/>
      <c r="MZM704" s="613"/>
      <c r="MZN704" s="613"/>
      <c r="MZO704" s="613"/>
      <c r="MZP704" s="613"/>
      <c r="MZQ704" s="613"/>
      <c r="MZR704" s="613"/>
      <c r="MZS704" s="613"/>
      <c r="MZT704" s="613"/>
      <c r="MZU704" s="613"/>
      <c r="MZV704" s="613"/>
      <c r="MZW704" s="613"/>
      <c r="MZX704" s="613"/>
      <c r="MZY704" s="613"/>
      <c r="MZZ704" s="613"/>
      <c r="NAA704" s="613"/>
      <c r="NAB704" s="613"/>
      <c r="NAC704" s="613"/>
      <c r="NAD704" s="613"/>
      <c r="NAE704" s="613"/>
      <c r="NAF704" s="613"/>
      <c r="NAG704" s="613"/>
      <c r="NAH704" s="613"/>
      <c r="NAI704" s="613"/>
      <c r="NAJ704" s="613"/>
      <c r="NAK704" s="613"/>
      <c r="NAL704" s="613"/>
      <c r="NAM704" s="613"/>
      <c r="NAN704" s="613"/>
      <c r="NAO704" s="613"/>
      <c r="NAP704" s="613"/>
      <c r="NAQ704" s="613"/>
      <c r="NAR704" s="613"/>
      <c r="NAS704" s="613"/>
      <c r="NAT704" s="613"/>
      <c r="NAU704" s="613"/>
      <c r="NAV704" s="613"/>
      <c r="NAW704" s="613"/>
      <c r="NAX704" s="613"/>
      <c r="NAY704" s="613"/>
      <c r="NAZ704" s="613"/>
      <c r="NBA704" s="613"/>
      <c r="NBB704" s="613"/>
      <c r="NBC704" s="613"/>
      <c r="NBD704" s="613"/>
      <c r="NBE704" s="613"/>
      <c r="NBF704" s="613"/>
      <c r="NBG704" s="613"/>
      <c r="NBH704" s="613"/>
      <c r="NBI704" s="613"/>
      <c r="NBJ704" s="613"/>
      <c r="NBK704" s="613"/>
      <c r="NBL704" s="613"/>
      <c r="NBM704" s="613"/>
      <c r="NBN704" s="613"/>
      <c r="NBO704" s="613"/>
      <c r="NBP704" s="613"/>
      <c r="NBQ704" s="613"/>
      <c r="NBR704" s="613"/>
      <c r="NBS704" s="613"/>
      <c r="NBT704" s="613"/>
      <c r="NBU704" s="613"/>
      <c r="NBV704" s="613"/>
      <c r="NBW704" s="613"/>
      <c r="NBX704" s="613"/>
      <c r="NBY704" s="613"/>
      <c r="NBZ704" s="613"/>
      <c r="NCA704" s="613"/>
      <c r="NCB704" s="613"/>
      <c r="NCC704" s="613"/>
      <c r="NCD704" s="613"/>
      <c r="NCE704" s="613"/>
      <c r="NCF704" s="613"/>
      <c r="NCG704" s="613"/>
      <c r="NCH704" s="613"/>
      <c r="NCI704" s="613"/>
      <c r="NCJ704" s="613"/>
      <c r="NCK704" s="613"/>
      <c r="NCL704" s="613"/>
      <c r="NCM704" s="613"/>
      <c r="NCN704" s="613"/>
      <c r="NCO704" s="613"/>
      <c r="NCP704" s="613"/>
      <c r="NCQ704" s="613"/>
      <c r="NCR704" s="613"/>
      <c r="NCS704" s="613"/>
      <c r="NCT704" s="613"/>
      <c r="NCU704" s="613"/>
      <c r="NCV704" s="613"/>
      <c r="NCW704" s="613"/>
      <c r="NCX704" s="613"/>
      <c r="NCY704" s="613"/>
      <c r="NCZ704" s="613"/>
      <c r="NDA704" s="613"/>
      <c r="NDB704" s="613"/>
      <c r="NDC704" s="613"/>
      <c r="NDD704" s="613"/>
      <c r="NDE704" s="613"/>
      <c r="NDF704" s="613"/>
      <c r="NDG704" s="613"/>
      <c r="NDH704" s="613"/>
      <c r="NDI704" s="613"/>
      <c r="NDJ704" s="613"/>
      <c r="NDK704" s="613"/>
      <c r="NDL704" s="613"/>
      <c r="NDM704" s="613"/>
      <c r="NDN704" s="613"/>
      <c r="NDO704" s="613"/>
      <c r="NDP704" s="613"/>
      <c r="NDQ704" s="613"/>
      <c r="NDR704" s="613"/>
      <c r="NDS704" s="613"/>
      <c r="NDT704" s="613"/>
      <c r="NDU704" s="613"/>
      <c r="NDV704" s="613"/>
      <c r="NDW704" s="613"/>
      <c r="NDX704" s="613"/>
      <c r="NDY704" s="613"/>
      <c r="NDZ704" s="613"/>
      <c r="NEA704" s="613"/>
      <c r="NEB704" s="613"/>
      <c r="NEC704" s="613"/>
      <c r="NED704" s="613"/>
      <c r="NEE704" s="613"/>
      <c r="NEF704" s="613"/>
      <c r="NEG704" s="613"/>
      <c r="NEH704" s="613"/>
      <c r="NEI704" s="613"/>
      <c r="NEJ704" s="613"/>
      <c r="NEK704" s="613"/>
      <c r="NEL704" s="613"/>
      <c r="NEM704" s="613"/>
      <c r="NEN704" s="613"/>
      <c r="NEO704" s="613"/>
      <c r="NEP704" s="613"/>
      <c r="NEQ704" s="613"/>
      <c r="NER704" s="613"/>
      <c r="NES704" s="613"/>
      <c r="NET704" s="613"/>
      <c r="NEU704" s="613"/>
      <c r="NEV704" s="613"/>
      <c r="NEW704" s="613"/>
      <c r="NEX704" s="613"/>
      <c r="NEY704" s="613"/>
      <c r="NEZ704" s="613"/>
      <c r="NFA704" s="613"/>
      <c r="NFB704" s="613"/>
      <c r="NFC704" s="613"/>
      <c r="NFD704" s="613"/>
      <c r="NFE704" s="613"/>
      <c r="NFF704" s="613"/>
      <c r="NFG704" s="613"/>
      <c r="NFH704" s="613"/>
      <c r="NFI704" s="613"/>
      <c r="NFJ704" s="613"/>
      <c r="NFK704" s="613"/>
      <c r="NFL704" s="613"/>
      <c r="NFM704" s="613"/>
      <c r="NFN704" s="613"/>
      <c r="NFO704" s="613"/>
      <c r="NFP704" s="613"/>
      <c r="NFQ704" s="613"/>
      <c r="NFR704" s="613"/>
      <c r="NFS704" s="613"/>
      <c r="NFT704" s="613"/>
      <c r="NFU704" s="613"/>
      <c r="NFV704" s="613"/>
      <c r="NFW704" s="613"/>
      <c r="NFX704" s="613"/>
      <c r="NFY704" s="613"/>
      <c r="NFZ704" s="613"/>
      <c r="NGA704" s="613"/>
      <c r="NGB704" s="613"/>
      <c r="NGC704" s="613"/>
      <c r="NGD704" s="613"/>
      <c r="NGE704" s="613"/>
      <c r="NGF704" s="613"/>
      <c r="NGG704" s="613"/>
      <c r="NGH704" s="613"/>
      <c r="NGI704" s="613"/>
      <c r="NGJ704" s="613"/>
      <c r="NGK704" s="613"/>
      <c r="NGL704" s="613"/>
      <c r="NGM704" s="613"/>
      <c r="NGN704" s="613"/>
      <c r="NGO704" s="613"/>
      <c r="NGP704" s="613"/>
      <c r="NGQ704" s="613"/>
      <c r="NGR704" s="613"/>
      <c r="NGS704" s="613"/>
      <c r="NGT704" s="613"/>
      <c r="NGU704" s="613"/>
      <c r="NGV704" s="613"/>
      <c r="NGW704" s="613"/>
      <c r="NGX704" s="613"/>
      <c r="NGY704" s="613"/>
      <c r="NGZ704" s="613"/>
      <c r="NHA704" s="613"/>
      <c r="NHB704" s="613"/>
      <c r="NHC704" s="613"/>
      <c r="NHD704" s="613"/>
      <c r="NHE704" s="613"/>
      <c r="NHF704" s="613"/>
      <c r="NHG704" s="613"/>
      <c r="NHH704" s="613"/>
      <c r="NHI704" s="613"/>
      <c r="NHJ704" s="613"/>
      <c r="NHK704" s="613"/>
      <c r="NHL704" s="613"/>
      <c r="NHM704" s="613"/>
      <c r="NHN704" s="613"/>
      <c r="NHO704" s="613"/>
      <c r="NHP704" s="613"/>
      <c r="NHQ704" s="613"/>
      <c r="NHR704" s="613"/>
      <c r="NHS704" s="613"/>
      <c r="NHT704" s="613"/>
      <c r="NHU704" s="613"/>
      <c r="NHV704" s="613"/>
      <c r="NHW704" s="613"/>
      <c r="NHX704" s="613"/>
      <c r="NHY704" s="613"/>
      <c r="NHZ704" s="613"/>
      <c r="NIA704" s="613"/>
      <c r="NIB704" s="613"/>
      <c r="NIC704" s="613"/>
      <c r="NID704" s="613"/>
      <c r="NIE704" s="613"/>
      <c r="NIF704" s="613"/>
      <c r="NIG704" s="613"/>
      <c r="NIH704" s="613"/>
      <c r="NII704" s="613"/>
      <c r="NIJ704" s="613"/>
      <c r="NIK704" s="613"/>
      <c r="NIL704" s="613"/>
      <c r="NIM704" s="613"/>
      <c r="NIN704" s="613"/>
      <c r="NIO704" s="613"/>
      <c r="NIP704" s="613"/>
      <c r="NIQ704" s="613"/>
      <c r="NIR704" s="613"/>
      <c r="NIS704" s="613"/>
      <c r="NIT704" s="613"/>
      <c r="NIU704" s="613"/>
      <c r="NIV704" s="613"/>
      <c r="NIW704" s="613"/>
      <c r="NIX704" s="613"/>
      <c r="NIY704" s="613"/>
      <c r="NIZ704" s="613"/>
      <c r="NJA704" s="613"/>
      <c r="NJB704" s="613"/>
      <c r="NJC704" s="613"/>
      <c r="NJD704" s="613"/>
      <c r="NJE704" s="613"/>
      <c r="NJF704" s="613"/>
      <c r="NJG704" s="613"/>
      <c r="NJH704" s="613"/>
      <c r="NJI704" s="613"/>
      <c r="NJJ704" s="613"/>
      <c r="NJK704" s="613"/>
      <c r="NJL704" s="613"/>
      <c r="NJM704" s="613"/>
      <c r="NJN704" s="613"/>
      <c r="NJO704" s="613"/>
      <c r="NJP704" s="613"/>
      <c r="NJQ704" s="613"/>
      <c r="NJR704" s="613"/>
      <c r="NJS704" s="613"/>
      <c r="NJT704" s="613"/>
      <c r="NJU704" s="613"/>
      <c r="NJV704" s="613"/>
      <c r="NJW704" s="613"/>
      <c r="NJX704" s="613"/>
      <c r="NJY704" s="613"/>
      <c r="NJZ704" s="613"/>
      <c r="NKA704" s="613"/>
      <c r="NKB704" s="613"/>
      <c r="NKC704" s="613"/>
      <c r="NKD704" s="613"/>
      <c r="NKE704" s="613"/>
      <c r="NKF704" s="613"/>
      <c r="NKG704" s="613"/>
      <c r="NKH704" s="613"/>
      <c r="NKI704" s="613"/>
      <c r="NKJ704" s="613"/>
      <c r="NKK704" s="613"/>
      <c r="NKL704" s="613"/>
      <c r="NKM704" s="613"/>
      <c r="NKN704" s="613"/>
      <c r="NKO704" s="613"/>
      <c r="NKP704" s="613"/>
      <c r="NKQ704" s="613"/>
      <c r="NKR704" s="613"/>
      <c r="NKS704" s="613"/>
      <c r="NKT704" s="613"/>
      <c r="NKU704" s="613"/>
      <c r="NKV704" s="613"/>
      <c r="NKW704" s="613"/>
      <c r="NKX704" s="613"/>
      <c r="NKY704" s="613"/>
      <c r="NKZ704" s="613"/>
      <c r="NLA704" s="613"/>
      <c r="NLB704" s="613"/>
      <c r="NLC704" s="613"/>
      <c r="NLD704" s="613"/>
      <c r="NLE704" s="613"/>
      <c r="NLF704" s="613"/>
      <c r="NLG704" s="613"/>
      <c r="NLH704" s="613"/>
      <c r="NLI704" s="613"/>
      <c r="NLJ704" s="613"/>
      <c r="NLK704" s="613"/>
      <c r="NLL704" s="613"/>
      <c r="NLM704" s="613"/>
      <c r="NLN704" s="613"/>
      <c r="NLO704" s="613"/>
      <c r="NLP704" s="613"/>
      <c r="NLQ704" s="613"/>
      <c r="NLR704" s="613"/>
      <c r="NLS704" s="613"/>
      <c r="NLT704" s="613"/>
      <c r="NLU704" s="613"/>
      <c r="NLV704" s="613"/>
      <c r="NLW704" s="613"/>
      <c r="NLX704" s="613"/>
      <c r="NLY704" s="613"/>
      <c r="NLZ704" s="613"/>
      <c r="NMA704" s="613"/>
      <c r="NMB704" s="613"/>
      <c r="NMC704" s="613"/>
      <c r="NMD704" s="613"/>
      <c r="NME704" s="613"/>
      <c r="NMF704" s="613"/>
      <c r="NMG704" s="613"/>
      <c r="NMH704" s="613"/>
      <c r="NMI704" s="613"/>
      <c r="NMJ704" s="613"/>
      <c r="NMK704" s="613"/>
      <c r="NML704" s="613"/>
      <c r="NMM704" s="613"/>
      <c r="NMN704" s="613"/>
      <c r="NMO704" s="613"/>
      <c r="NMP704" s="613"/>
      <c r="NMQ704" s="613"/>
      <c r="NMR704" s="613"/>
      <c r="NMS704" s="613"/>
      <c r="NMT704" s="613"/>
      <c r="NMU704" s="613"/>
      <c r="NMV704" s="613"/>
      <c r="NMW704" s="613"/>
      <c r="NMX704" s="613"/>
      <c r="NMY704" s="613"/>
      <c r="NMZ704" s="613"/>
      <c r="NNA704" s="613"/>
      <c r="NNB704" s="613"/>
      <c r="NNC704" s="613"/>
      <c r="NND704" s="613"/>
      <c r="NNE704" s="613"/>
      <c r="NNF704" s="613"/>
      <c r="NNG704" s="613"/>
      <c r="NNH704" s="613"/>
      <c r="NNI704" s="613"/>
      <c r="NNJ704" s="613"/>
      <c r="NNK704" s="613"/>
      <c r="NNL704" s="613"/>
      <c r="NNM704" s="613"/>
      <c r="NNN704" s="613"/>
      <c r="NNO704" s="613"/>
      <c r="NNP704" s="613"/>
      <c r="NNQ704" s="613"/>
      <c r="NNR704" s="613"/>
      <c r="NNS704" s="613"/>
      <c r="NNT704" s="613"/>
      <c r="NNU704" s="613"/>
      <c r="NNV704" s="613"/>
      <c r="NNW704" s="613"/>
      <c r="NNX704" s="613"/>
      <c r="NNY704" s="613"/>
      <c r="NNZ704" s="613"/>
      <c r="NOA704" s="613"/>
      <c r="NOB704" s="613"/>
      <c r="NOC704" s="613"/>
      <c r="NOD704" s="613"/>
      <c r="NOE704" s="613"/>
      <c r="NOF704" s="613"/>
      <c r="NOG704" s="613"/>
      <c r="NOH704" s="613"/>
      <c r="NOI704" s="613"/>
      <c r="NOJ704" s="613"/>
      <c r="NOK704" s="613"/>
      <c r="NOL704" s="613"/>
      <c r="NOM704" s="613"/>
      <c r="NON704" s="613"/>
      <c r="NOO704" s="613"/>
      <c r="NOP704" s="613"/>
      <c r="NOQ704" s="613"/>
      <c r="NOR704" s="613"/>
      <c r="NOS704" s="613"/>
      <c r="NOT704" s="613"/>
      <c r="NOU704" s="613"/>
      <c r="NOV704" s="613"/>
      <c r="NOW704" s="613"/>
      <c r="NOX704" s="613"/>
      <c r="NOY704" s="613"/>
      <c r="NOZ704" s="613"/>
      <c r="NPA704" s="613"/>
      <c r="NPB704" s="613"/>
      <c r="NPC704" s="613"/>
      <c r="NPD704" s="613"/>
      <c r="NPE704" s="613"/>
      <c r="NPF704" s="613"/>
      <c r="NPG704" s="613"/>
      <c r="NPH704" s="613"/>
      <c r="NPI704" s="613"/>
      <c r="NPJ704" s="613"/>
      <c r="NPK704" s="613"/>
      <c r="NPL704" s="613"/>
      <c r="NPM704" s="613"/>
      <c r="NPN704" s="613"/>
      <c r="NPO704" s="613"/>
      <c r="NPP704" s="613"/>
      <c r="NPQ704" s="613"/>
      <c r="NPR704" s="613"/>
      <c r="NPS704" s="613"/>
      <c r="NPT704" s="613"/>
      <c r="NPU704" s="613"/>
      <c r="NPV704" s="613"/>
      <c r="NPW704" s="613"/>
      <c r="NPX704" s="613"/>
      <c r="NPY704" s="613"/>
      <c r="NPZ704" s="613"/>
      <c r="NQA704" s="613"/>
      <c r="NQB704" s="613"/>
      <c r="NQC704" s="613"/>
      <c r="NQD704" s="613"/>
      <c r="NQE704" s="613"/>
      <c r="NQF704" s="613"/>
      <c r="NQG704" s="613"/>
      <c r="NQH704" s="613"/>
      <c r="NQI704" s="613"/>
      <c r="NQJ704" s="613"/>
      <c r="NQK704" s="613"/>
      <c r="NQL704" s="613"/>
      <c r="NQM704" s="613"/>
      <c r="NQN704" s="613"/>
      <c r="NQO704" s="613"/>
      <c r="NQP704" s="613"/>
      <c r="NQQ704" s="613"/>
      <c r="NQR704" s="613"/>
      <c r="NQS704" s="613"/>
      <c r="NQT704" s="613"/>
      <c r="NQU704" s="613"/>
      <c r="NQV704" s="613"/>
      <c r="NQW704" s="613"/>
      <c r="NQX704" s="613"/>
      <c r="NQY704" s="613"/>
      <c r="NQZ704" s="613"/>
      <c r="NRA704" s="613"/>
      <c r="NRB704" s="613"/>
      <c r="NRC704" s="613"/>
      <c r="NRD704" s="613"/>
      <c r="NRE704" s="613"/>
      <c r="NRF704" s="613"/>
      <c r="NRG704" s="613"/>
      <c r="NRH704" s="613"/>
      <c r="NRI704" s="613"/>
      <c r="NRJ704" s="613"/>
      <c r="NRK704" s="613"/>
      <c r="NRL704" s="613"/>
      <c r="NRM704" s="613"/>
      <c r="NRN704" s="613"/>
      <c r="NRO704" s="613"/>
      <c r="NRP704" s="613"/>
      <c r="NRQ704" s="613"/>
      <c r="NRR704" s="613"/>
      <c r="NRS704" s="613"/>
      <c r="NRT704" s="613"/>
      <c r="NRU704" s="613"/>
      <c r="NRV704" s="613"/>
      <c r="NRW704" s="613"/>
      <c r="NRX704" s="613"/>
      <c r="NRY704" s="613"/>
      <c r="NRZ704" s="613"/>
      <c r="NSA704" s="613"/>
      <c r="NSB704" s="613"/>
      <c r="NSC704" s="613"/>
      <c r="NSD704" s="613"/>
      <c r="NSE704" s="613"/>
      <c r="NSF704" s="613"/>
      <c r="NSG704" s="613"/>
      <c r="NSH704" s="613"/>
      <c r="NSI704" s="613"/>
      <c r="NSJ704" s="613"/>
      <c r="NSK704" s="613"/>
      <c r="NSL704" s="613"/>
      <c r="NSM704" s="613"/>
      <c r="NSN704" s="613"/>
      <c r="NSO704" s="613"/>
      <c r="NSP704" s="613"/>
      <c r="NSQ704" s="613"/>
      <c r="NSR704" s="613"/>
      <c r="NSS704" s="613"/>
      <c r="NST704" s="613"/>
      <c r="NSU704" s="613"/>
      <c r="NSV704" s="613"/>
      <c r="NSW704" s="613"/>
      <c r="NSX704" s="613"/>
      <c r="NSY704" s="613"/>
      <c r="NSZ704" s="613"/>
      <c r="NTA704" s="613"/>
      <c r="NTB704" s="613"/>
      <c r="NTC704" s="613"/>
      <c r="NTD704" s="613"/>
      <c r="NTE704" s="613"/>
      <c r="NTF704" s="613"/>
      <c r="NTG704" s="613"/>
      <c r="NTH704" s="613"/>
      <c r="NTI704" s="613"/>
      <c r="NTJ704" s="613"/>
      <c r="NTK704" s="613"/>
      <c r="NTL704" s="613"/>
      <c r="NTM704" s="613"/>
      <c r="NTN704" s="613"/>
      <c r="NTO704" s="613"/>
      <c r="NTP704" s="613"/>
      <c r="NTQ704" s="613"/>
      <c r="NTR704" s="613"/>
      <c r="NTS704" s="613"/>
      <c r="NTT704" s="613"/>
      <c r="NTU704" s="613"/>
      <c r="NTV704" s="613"/>
      <c r="NTW704" s="613"/>
      <c r="NTX704" s="613"/>
      <c r="NTY704" s="613"/>
      <c r="NTZ704" s="613"/>
      <c r="NUA704" s="613"/>
      <c r="NUB704" s="613"/>
      <c r="NUC704" s="613"/>
      <c r="NUD704" s="613"/>
      <c r="NUE704" s="613"/>
      <c r="NUF704" s="613"/>
      <c r="NUG704" s="613"/>
      <c r="NUH704" s="613"/>
      <c r="NUI704" s="613"/>
      <c r="NUJ704" s="613"/>
      <c r="NUK704" s="613"/>
      <c r="NUL704" s="613"/>
      <c r="NUM704" s="613"/>
      <c r="NUN704" s="613"/>
      <c r="NUO704" s="613"/>
      <c r="NUP704" s="613"/>
      <c r="NUQ704" s="613"/>
      <c r="NUR704" s="613"/>
      <c r="NUS704" s="613"/>
      <c r="NUT704" s="613"/>
      <c r="NUU704" s="613"/>
      <c r="NUV704" s="613"/>
      <c r="NUW704" s="613"/>
      <c r="NUX704" s="613"/>
      <c r="NUY704" s="613"/>
      <c r="NUZ704" s="613"/>
      <c r="NVA704" s="613"/>
      <c r="NVB704" s="613"/>
      <c r="NVC704" s="613"/>
      <c r="NVD704" s="613"/>
      <c r="NVE704" s="613"/>
      <c r="NVF704" s="613"/>
      <c r="NVG704" s="613"/>
      <c r="NVH704" s="613"/>
      <c r="NVI704" s="613"/>
      <c r="NVJ704" s="613"/>
      <c r="NVK704" s="613"/>
      <c r="NVL704" s="613"/>
      <c r="NVM704" s="613"/>
      <c r="NVN704" s="613"/>
      <c r="NVO704" s="613"/>
      <c r="NVP704" s="613"/>
      <c r="NVQ704" s="613"/>
      <c r="NVR704" s="613"/>
      <c r="NVS704" s="613"/>
      <c r="NVT704" s="613"/>
      <c r="NVU704" s="613"/>
      <c r="NVV704" s="613"/>
      <c r="NVW704" s="613"/>
      <c r="NVX704" s="613"/>
      <c r="NVY704" s="613"/>
      <c r="NVZ704" s="613"/>
      <c r="NWA704" s="613"/>
      <c r="NWB704" s="613"/>
      <c r="NWC704" s="613"/>
      <c r="NWD704" s="613"/>
      <c r="NWE704" s="613"/>
      <c r="NWF704" s="613"/>
      <c r="NWG704" s="613"/>
      <c r="NWH704" s="613"/>
      <c r="NWI704" s="613"/>
      <c r="NWJ704" s="613"/>
      <c r="NWK704" s="613"/>
      <c r="NWL704" s="613"/>
      <c r="NWM704" s="613"/>
      <c r="NWN704" s="613"/>
      <c r="NWO704" s="613"/>
      <c r="NWP704" s="613"/>
      <c r="NWQ704" s="613"/>
      <c r="NWR704" s="613"/>
      <c r="NWS704" s="613"/>
      <c r="NWT704" s="613"/>
      <c r="NWU704" s="613"/>
      <c r="NWV704" s="613"/>
      <c r="NWW704" s="613"/>
      <c r="NWX704" s="613"/>
      <c r="NWY704" s="613"/>
      <c r="NWZ704" s="613"/>
      <c r="NXA704" s="613"/>
      <c r="NXB704" s="613"/>
      <c r="NXC704" s="613"/>
      <c r="NXD704" s="613"/>
      <c r="NXE704" s="613"/>
      <c r="NXF704" s="613"/>
      <c r="NXG704" s="613"/>
      <c r="NXH704" s="613"/>
      <c r="NXI704" s="613"/>
      <c r="NXJ704" s="613"/>
      <c r="NXK704" s="613"/>
      <c r="NXL704" s="613"/>
      <c r="NXM704" s="613"/>
      <c r="NXN704" s="613"/>
      <c r="NXO704" s="613"/>
      <c r="NXP704" s="613"/>
      <c r="NXQ704" s="613"/>
      <c r="NXR704" s="613"/>
      <c r="NXS704" s="613"/>
      <c r="NXT704" s="613"/>
      <c r="NXU704" s="613"/>
      <c r="NXV704" s="613"/>
      <c r="NXW704" s="613"/>
      <c r="NXX704" s="613"/>
      <c r="NXY704" s="613"/>
      <c r="NXZ704" s="613"/>
      <c r="NYA704" s="613"/>
      <c r="NYB704" s="613"/>
      <c r="NYC704" s="613"/>
      <c r="NYD704" s="613"/>
      <c r="NYE704" s="613"/>
      <c r="NYF704" s="613"/>
      <c r="NYG704" s="613"/>
      <c r="NYH704" s="613"/>
      <c r="NYI704" s="613"/>
      <c r="NYJ704" s="613"/>
      <c r="NYK704" s="613"/>
      <c r="NYL704" s="613"/>
      <c r="NYM704" s="613"/>
      <c r="NYN704" s="613"/>
      <c r="NYO704" s="613"/>
      <c r="NYP704" s="613"/>
      <c r="NYQ704" s="613"/>
      <c r="NYR704" s="613"/>
      <c r="NYS704" s="613"/>
      <c r="NYT704" s="613"/>
      <c r="NYU704" s="613"/>
      <c r="NYV704" s="613"/>
      <c r="NYW704" s="613"/>
      <c r="NYX704" s="613"/>
      <c r="NYY704" s="613"/>
      <c r="NYZ704" s="613"/>
      <c r="NZA704" s="613"/>
      <c r="NZB704" s="613"/>
      <c r="NZC704" s="613"/>
      <c r="NZD704" s="613"/>
      <c r="NZE704" s="613"/>
      <c r="NZF704" s="613"/>
      <c r="NZG704" s="613"/>
      <c r="NZH704" s="613"/>
      <c r="NZI704" s="613"/>
      <c r="NZJ704" s="613"/>
      <c r="NZK704" s="613"/>
      <c r="NZL704" s="613"/>
      <c r="NZM704" s="613"/>
      <c r="NZN704" s="613"/>
      <c r="NZO704" s="613"/>
      <c r="NZP704" s="613"/>
      <c r="NZQ704" s="613"/>
      <c r="NZR704" s="613"/>
      <c r="NZS704" s="613"/>
      <c r="NZT704" s="613"/>
      <c r="NZU704" s="613"/>
      <c r="NZV704" s="613"/>
      <c r="NZW704" s="613"/>
      <c r="NZX704" s="613"/>
      <c r="NZY704" s="613"/>
      <c r="NZZ704" s="613"/>
      <c r="OAA704" s="613"/>
      <c r="OAB704" s="613"/>
      <c r="OAC704" s="613"/>
      <c r="OAD704" s="613"/>
      <c r="OAE704" s="613"/>
      <c r="OAF704" s="613"/>
      <c r="OAG704" s="613"/>
      <c r="OAH704" s="613"/>
      <c r="OAI704" s="613"/>
      <c r="OAJ704" s="613"/>
      <c r="OAK704" s="613"/>
      <c r="OAL704" s="613"/>
      <c r="OAM704" s="613"/>
      <c r="OAN704" s="613"/>
      <c r="OAO704" s="613"/>
      <c r="OAP704" s="613"/>
      <c r="OAQ704" s="613"/>
      <c r="OAR704" s="613"/>
      <c r="OAS704" s="613"/>
      <c r="OAT704" s="613"/>
      <c r="OAU704" s="613"/>
      <c r="OAV704" s="613"/>
      <c r="OAW704" s="613"/>
      <c r="OAX704" s="613"/>
      <c r="OAY704" s="613"/>
      <c r="OAZ704" s="613"/>
      <c r="OBA704" s="613"/>
      <c r="OBB704" s="613"/>
      <c r="OBC704" s="613"/>
      <c r="OBD704" s="613"/>
      <c r="OBE704" s="613"/>
      <c r="OBF704" s="613"/>
      <c r="OBG704" s="613"/>
      <c r="OBH704" s="613"/>
      <c r="OBI704" s="613"/>
      <c r="OBJ704" s="613"/>
      <c r="OBK704" s="613"/>
      <c r="OBL704" s="613"/>
      <c r="OBM704" s="613"/>
      <c r="OBN704" s="613"/>
      <c r="OBO704" s="613"/>
      <c r="OBP704" s="613"/>
      <c r="OBQ704" s="613"/>
      <c r="OBR704" s="613"/>
      <c r="OBS704" s="613"/>
      <c r="OBT704" s="613"/>
      <c r="OBU704" s="613"/>
      <c r="OBV704" s="613"/>
      <c r="OBW704" s="613"/>
      <c r="OBX704" s="613"/>
      <c r="OBY704" s="613"/>
      <c r="OBZ704" s="613"/>
      <c r="OCA704" s="613"/>
      <c r="OCB704" s="613"/>
      <c r="OCC704" s="613"/>
      <c r="OCD704" s="613"/>
      <c r="OCE704" s="613"/>
      <c r="OCF704" s="613"/>
      <c r="OCG704" s="613"/>
      <c r="OCH704" s="613"/>
      <c r="OCI704" s="613"/>
      <c r="OCJ704" s="613"/>
      <c r="OCK704" s="613"/>
      <c r="OCL704" s="613"/>
      <c r="OCM704" s="613"/>
      <c r="OCN704" s="613"/>
      <c r="OCO704" s="613"/>
      <c r="OCP704" s="613"/>
      <c r="OCQ704" s="613"/>
      <c r="OCR704" s="613"/>
      <c r="OCS704" s="613"/>
      <c r="OCT704" s="613"/>
      <c r="OCU704" s="613"/>
      <c r="OCV704" s="613"/>
      <c r="OCW704" s="613"/>
      <c r="OCX704" s="613"/>
      <c r="OCY704" s="613"/>
      <c r="OCZ704" s="613"/>
      <c r="ODA704" s="613"/>
      <c r="ODB704" s="613"/>
      <c r="ODC704" s="613"/>
      <c r="ODD704" s="613"/>
      <c r="ODE704" s="613"/>
      <c r="ODF704" s="613"/>
      <c r="ODG704" s="613"/>
      <c r="ODH704" s="613"/>
      <c r="ODI704" s="613"/>
      <c r="ODJ704" s="613"/>
      <c r="ODK704" s="613"/>
      <c r="ODL704" s="613"/>
      <c r="ODM704" s="613"/>
      <c r="ODN704" s="613"/>
      <c r="ODO704" s="613"/>
      <c r="ODP704" s="613"/>
      <c r="ODQ704" s="613"/>
      <c r="ODR704" s="613"/>
      <c r="ODS704" s="613"/>
      <c r="ODT704" s="613"/>
      <c r="ODU704" s="613"/>
      <c r="ODV704" s="613"/>
      <c r="ODW704" s="613"/>
      <c r="ODX704" s="613"/>
      <c r="ODY704" s="613"/>
      <c r="ODZ704" s="613"/>
      <c r="OEA704" s="613"/>
      <c r="OEB704" s="613"/>
      <c r="OEC704" s="613"/>
      <c r="OED704" s="613"/>
      <c r="OEE704" s="613"/>
      <c r="OEF704" s="613"/>
      <c r="OEG704" s="613"/>
      <c r="OEH704" s="613"/>
      <c r="OEI704" s="613"/>
      <c r="OEJ704" s="613"/>
      <c r="OEK704" s="613"/>
      <c r="OEL704" s="613"/>
      <c r="OEM704" s="613"/>
      <c r="OEN704" s="613"/>
      <c r="OEO704" s="613"/>
      <c r="OEP704" s="613"/>
      <c r="OEQ704" s="613"/>
      <c r="OER704" s="613"/>
      <c r="OES704" s="613"/>
      <c r="OET704" s="613"/>
      <c r="OEU704" s="613"/>
      <c r="OEV704" s="613"/>
      <c r="OEW704" s="613"/>
      <c r="OEX704" s="613"/>
      <c r="OEY704" s="613"/>
      <c r="OEZ704" s="613"/>
      <c r="OFA704" s="613"/>
      <c r="OFB704" s="613"/>
      <c r="OFC704" s="613"/>
      <c r="OFD704" s="613"/>
      <c r="OFE704" s="613"/>
      <c r="OFF704" s="613"/>
      <c r="OFG704" s="613"/>
      <c r="OFH704" s="613"/>
      <c r="OFI704" s="613"/>
      <c r="OFJ704" s="613"/>
      <c r="OFK704" s="613"/>
      <c r="OFL704" s="613"/>
      <c r="OFM704" s="613"/>
      <c r="OFN704" s="613"/>
      <c r="OFO704" s="613"/>
      <c r="OFP704" s="613"/>
      <c r="OFQ704" s="613"/>
      <c r="OFR704" s="613"/>
      <c r="OFS704" s="613"/>
      <c r="OFT704" s="613"/>
      <c r="OFU704" s="613"/>
      <c r="OFV704" s="613"/>
      <c r="OFW704" s="613"/>
      <c r="OFX704" s="613"/>
      <c r="OFY704" s="613"/>
      <c r="OFZ704" s="613"/>
      <c r="OGA704" s="613"/>
      <c r="OGB704" s="613"/>
      <c r="OGC704" s="613"/>
      <c r="OGD704" s="613"/>
      <c r="OGE704" s="613"/>
      <c r="OGF704" s="613"/>
      <c r="OGG704" s="613"/>
      <c r="OGH704" s="613"/>
      <c r="OGI704" s="613"/>
      <c r="OGJ704" s="613"/>
      <c r="OGK704" s="613"/>
      <c r="OGL704" s="613"/>
      <c r="OGM704" s="613"/>
      <c r="OGN704" s="613"/>
      <c r="OGO704" s="613"/>
      <c r="OGP704" s="613"/>
      <c r="OGQ704" s="613"/>
      <c r="OGR704" s="613"/>
      <c r="OGS704" s="613"/>
      <c r="OGT704" s="613"/>
      <c r="OGU704" s="613"/>
      <c r="OGV704" s="613"/>
      <c r="OGW704" s="613"/>
      <c r="OGX704" s="613"/>
      <c r="OGY704" s="613"/>
      <c r="OGZ704" s="613"/>
      <c r="OHA704" s="613"/>
      <c r="OHB704" s="613"/>
      <c r="OHC704" s="613"/>
      <c r="OHD704" s="613"/>
      <c r="OHE704" s="613"/>
      <c r="OHF704" s="613"/>
      <c r="OHG704" s="613"/>
      <c r="OHH704" s="613"/>
      <c r="OHI704" s="613"/>
      <c r="OHJ704" s="613"/>
      <c r="OHK704" s="613"/>
      <c r="OHL704" s="613"/>
      <c r="OHM704" s="613"/>
      <c r="OHN704" s="613"/>
      <c r="OHO704" s="613"/>
      <c r="OHP704" s="613"/>
      <c r="OHQ704" s="613"/>
      <c r="OHR704" s="613"/>
      <c r="OHS704" s="613"/>
      <c r="OHT704" s="613"/>
      <c r="OHU704" s="613"/>
      <c r="OHV704" s="613"/>
      <c r="OHW704" s="613"/>
      <c r="OHX704" s="613"/>
      <c r="OHY704" s="613"/>
      <c r="OHZ704" s="613"/>
      <c r="OIA704" s="613"/>
      <c r="OIB704" s="613"/>
      <c r="OIC704" s="613"/>
      <c r="OID704" s="613"/>
      <c r="OIE704" s="613"/>
      <c r="OIF704" s="613"/>
      <c r="OIG704" s="613"/>
      <c r="OIH704" s="613"/>
      <c r="OII704" s="613"/>
      <c r="OIJ704" s="613"/>
      <c r="OIK704" s="613"/>
      <c r="OIL704" s="613"/>
      <c r="OIM704" s="613"/>
      <c r="OIN704" s="613"/>
      <c r="OIO704" s="613"/>
      <c r="OIP704" s="613"/>
      <c r="OIQ704" s="613"/>
      <c r="OIR704" s="613"/>
      <c r="OIS704" s="613"/>
      <c r="OIT704" s="613"/>
      <c r="OIU704" s="613"/>
      <c r="OIV704" s="613"/>
      <c r="OIW704" s="613"/>
      <c r="OIX704" s="613"/>
      <c r="OIY704" s="613"/>
      <c r="OIZ704" s="613"/>
      <c r="OJA704" s="613"/>
      <c r="OJB704" s="613"/>
      <c r="OJC704" s="613"/>
      <c r="OJD704" s="613"/>
      <c r="OJE704" s="613"/>
      <c r="OJF704" s="613"/>
      <c r="OJG704" s="613"/>
      <c r="OJH704" s="613"/>
      <c r="OJI704" s="613"/>
      <c r="OJJ704" s="613"/>
      <c r="OJK704" s="613"/>
      <c r="OJL704" s="613"/>
      <c r="OJM704" s="613"/>
      <c r="OJN704" s="613"/>
      <c r="OJO704" s="613"/>
      <c r="OJP704" s="613"/>
      <c r="OJQ704" s="613"/>
      <c r="OJR704" s="613"/>
      <c r="OJS704" s="613"/>
      <c r="OJT704" s="613"/>
      <c r="OJU704" s="613"/>
      <c r="OJV704" s="613"/>
      <c r="OJW704" s="613"/>
      <c r="OJX704" s="613"/>
      <c r="OJY704" s="613"/>
      <c r="OJZ704" s="613"/>
      <c r="OKA704" s="613"/>
      <c r="OKB704" s="613"/>
      <c r="OKC704" s="613"/>
      <c r="OKD704" s="613"/>
      <c r="OKE704" s="613"/>
      <c r="OKF704" s="613"/>
      <c r="OKG704" s="613"/>
      <c r="OKH704" s="613"/>
      <c r="OKI704" s="613"/>
      <c r="OKJ704" s="613"/>
      <c r="OKK704" s="613"/>
      <c r="OKL704" s="613"/>
      <c r="OKM704" s="613"/>
      <c r="OKN704" s="613"/>
      <c r="OKO704" s="613"/>
      <c r="OKP704" s="613"/>
      <c r="OKQ704" s="613"/>
      <c r="OKR704" s="613"/>
      <c r="OKS704" s="613"/>
      <c r="OKT704" s="613"/>
      <c r="OKU704" s="613"/>
      <c r="OKV704" s="613"/>
      <c r="OKW704" s="613"/>
      <c r="OKX704" s="613"/>
      <c r="OKY704" s="613"/>
      <c r="OKZ704" s="613"/>
      <c r="OLA704" s="613"/>
      <c r="OLB704" s="613"/>
      <c r="OLC704" s="613"/>
      <c r="OLD704" s="613"/>
      <c r="OLE704" s="613"/>
      <c r="OLF704" s="613"/>
      <c r="OLG704" s="613"/>
      <c r="OLH704" s="613"/>
      <c r="OLI704" s="613"/>
      <c r="OLJ704" s="613"/>
      <c r="OLK704" s="613"/>
      <c r="OLL704" s="613"/>
      <c r="OLM704" s="613"/>
      <c r="OLN704" s="613"/>
      <c r="OLO704" s="613"/>
      <c r="OLP704" s="613"/>
      <c r="OLQ704" s="613"/>
      <c r="OLR704" s="613"/>
      <c r="OLS704" s="613"/>
      <c r="OLT704" s="613"/>
      <c r="OLU704" s="613"/>
      <c r="OLV704" s="613"/>
      <c r="OLW704" s="613"/>
      <c r="OLX704" s="613"/>
      <c r="OLY704" s="613"/>
      <c r="OLZ704" s="613"/>
      <c r="OMA704" s="613"/>
      <c r="OMB704" s="613"/>
      <c r="OMC704" s="613"/>
      <c r="OMD704" s="613"/>
      <c r="OME704" s="613"/>
      <c r="OMF704" s="613"/>
      <c r="OMG704" s="613"/>
      <c r="OMH704" s="613"/>
      <c r="OMI704" s="613"/>
      <c r="OMJ704" s="613"/>
      <c r="OMK704" s="613"/>
      <c r="OML704" s="613"/>
      <c r="OMM704" s="613"/>
      <c r="OMN704" s="613"/>
      <c r="OMO704" s="613"/>
      <c r="OMP704" s="613"/>
      <c r="OMQ704" s="613"/>
      <c r="OMR704" s="613"/>
      <c r="OMS704" s="613"/>
      <c r="OMT704" s="613"/>
      <c r="OMU704" s="613"/>
      <c r="OMV704" s="613"/>
      <c r="OMW704" s="613"/>
      <c r="OMX704" s="613"/>
      <c r="OMY704" s="613"/>
      <c r="OMZ704" s="613"/>
      <c r="ONA704" s="613"/>
      <c r="ONB704" s="613"/>
      <c r="ONC704" s="613"/>
      <c r="OND704" s="613"/>
      <c r="ONE704" s="613"/>
      <c r="ONF704" s="613"/>
      <c r="ONG704" s="613"/>
      <c r="ONH704" s="613"/>
      <c r="ONI704" s="613"/>
      <c r="ONJ704" s="613"/>
      <c r="ONK704" s="613"/>
      <c r="ONL704" s="613"/>
      <c r="ONM704" s="613"/>
      <c r="ONN704" s="613"/>
      <c r="ONO704" s="613"/>
      <c r="ONP704" s="613"/>
      <c r="ONQ704" s="613"/>
      <c r="ONR704" s="613"/>
      <c r="ONS704" s="613"/>
      <c r="ONT704" s="613"/>
      <c r="ONU704" s="613"/>
      <c r="ONV704" s="613"/>
      <c r="ONW704" s="613"/>
      <c r="ONX704" s="613"/>
      <c r="ONY704" s="613"/>
      <c r="ONZ704" s="613"/>
      <c r="OOA704" s="613"/>
      <c r="OOB704" s="613"/>
      <c r="OOC704" s="613"/>
      <c r="OOD704" s="613"/>
      <c r="OOE704" s="613"/>
      <c r="OOF704" s="613"/>
      <c r="OOG704" s="613"/>
      <c r="OOH704" s="613"/>
      <c r="OOI704" s="613"/>
      <c r="OOJ704" s="613"/>
      <c r="OOK704" s="613"/>
      <c r="OOL704" s="613"/>
      <c r="OOM704" s="613"/>
      <c r="OON704" s="613"/>
      <c r="OOO704" s="613"/>
      <c r="OOP704" s="613"/>
      <c r="OOQ704" s="613"/>
      <c r="OOR704" s="613"/>
      <c r="OOS704" s="613"/>
      <c r="OOT704" s="613"/>
      <c r="OOU704" s="613"/>
      <c r="OOV704" s="613"/>
      <c r="OOW704" s="613"/>
      <c r="OOX704" s="613"/>
      <c r="OOY704" s="613"/>
      <c r="OOZ704" s="613"/>
      <c r="OPA704" s="613"/>
      <c r="OPB704" s="613"/>
      <c r="OPC704" s="613"/>
      <c r="OPD704" s="613"/>
      <c r="OPE704" s="613"/>
      <c r="OPF704" s="613"/>
      <c r="OPG704" s="613"/>
      <c r="OPH704" s="613"/>
      <c r="OPI704" s="613"/>
      <c r="OPJ704" s="613"/>
      <c r="OPK704" s="613"/>
      <c r="OPL704" s="613"/>
      <c r="OPM704" s="613"/>
      <c r="OPN704" s="613"/>
      <c r="OPO704" s="613"/>
      <c r="OPP704" s="613"/>
      <c r="OPQ704" s="613"/>
      <c r="OPR704" s="613"/>
      <c r="OPS704" s="613"/>
      <c r="OPT704" s="613"/>
      <c r="OPU704" s="613"/>
      <c r="OPV704" s="613"/>
      <c r="OPW704" s="613"/>
      <c r="OPX704" s="613"/>
      <c r="OPY704" s="613"/>
      <c r="OPZ704" s="613"/>
      <c r="OQA704" s="613"/>
      <c r="OQB704" s="613"/>
      <c r="OQC704" s="613"/>
      <c r="OQD704" s="613"/>
      <c r="OQE704" s="613"/>
      <c r="OQF704" s="613"/>
      <c r="OQG704" s="613"/>
      <c r="OQH704" s="613"/>
      <c r="OQI704" s="613"/>
      <c r="OQJ704" s="613"/>
      <c r="OQK704" s="613"/>
      <c r="OQL704" s="613"/>
      <c r="OQM704" s="613"/>
      <c r="OQN704" s="613"/>
      <c r="OQO704" s="613"/>
      <c r="OQP704" s="613"/>
      <c r="OQQ704" s="613"/>
      <c r="OQR704" s="613"/>
      <c r="OQS704" s="613"/>
      <c r="OQT704" s="613"/>
      <c r="OQU704" s="613"/>
      <c r="OQV704" s="613"/>
      <c r="OQW704" s="613"/>
      <c r="OQX704" s="613"/>
      <c r="OQY704" s="613"/>
      <c r="OQZ704" s="613"/>
      <c r="ORA704" s="613"/>
      <c r="ORB704" s="613"/>
      <c r="ORC704" s="613"/>
      <c r="ORD704" s="613"/>
      <c r="ORE704" s="613"/>
      <c r="ORF704" s="613"/>
      <c r="ORG704" s="613"/>
      <c r="ORH704" s="613"/>
      <c r="ORI704" s="613"/>
      <c r="ORJ704" s="613"/>
      <c r="ORK704" s="613"/>
      <c r="ORL704" s="613"/>
      <c r="ORM704" s="613"/>
      <c r="ORN704" s="613"/>
      <c r="ORO704" s="613"/>
      <c r="ORP704" s="613"/>
      <c r="ORQ704" s="613"/>
      <c r="ORR704" s="613"/>
      <c r="ORS704" s="613"/>
      <c r="ORT704" s="613"/>
      <c r="ORU704" s="613"/>
      <c r="ORV704" s="613"/>
      <c r="ORW704" s="613"/>
      <c r="ORX704" s="613"/>
      <c r="ORY704" s="613"/>
      <c r="ORZ704" s="613"/>
      <c r="OSA704" s="613"/>
      <c r="OSB704" s="613"/>
      <c r="OSC704" s="613"/>
      <c r="OSD704" s="613"/>
      <c r="OSE704" s="613"/>
      <c r="OSF704" s="613"/>
      <c r="OSG704" s="613"/>
      <c r="OSH704" s="613"/>
      <c r="OSI704" s="613"/>
      <c r="OSJ704" s="613"/>
      <c r="OSK704" s="613"/>
      <c r="OSL704" s="613"/>
      <c r="OSM704" s="613"/>
      <c r="OSN704" s="613"/>
      <c r="OSO704" s="613"/>
      <c r="OSP704" s="613"/>
      <c r="OSQ704" s="613"/>
      <c r="OSR704" s="613"/>
      <c r="OSS704" s="613"/>
      <c r="OST704" s="613"/>
      <c r="OSU704" s="613"/>
      <c r="OSV704" s="613"/>
      <c r="OSW704" s="613"/>
      <c r="OSX704" s="613"/>
      <c r="OSY704" s="613"/>
      <c r="OSZ704" s="613"/>
      <c r="OTA704" s="613"/>
      <c r="OTB704" s="613"/>
      <c r="OTC704" s="613"/>
      <c r="OTD704" s="613"/>
      <c r="OTE704" s="613"/>
      <c r="OTF704" s="613"/>
      <c r="OTG704" s="613"/>
      <c r="OTH704" s="613"/>
      <c r="OTI704" s="613"/>
      <c r="OTJ704" s="613"/>
      <c r="OTK704" s="613"/>
      <c r="OTL704" s="613"/>
      <c r="OTM704" s="613"/>
      <c r="OTN704" s="613"/>
      <c r="OTO704" s="613"/>
      <c r="OTP704" s="613"/>
      <c r="OTQ704" s="613"/>
      <c r="OTR704" s="613"/>
      <c r="OTS704" s="613"/>
      <c r="OTT704" s="613"/>
      <c r="OTU704" s="613"/>
      <c r="OTV704" s="613"/>
      <c r="OTW704" s="613"/>
      <c r="OTX704" s="613"/>
      <c r="OTY704" s="613"/>
      <c r="OTZ704" s="613"/>
      <c r="OUA704" s="613"/>
      <c r="OUB704" s="613"/>
      <c r="OUC704" s="613"/>
      <c r="OUD704" s="613"/>
      <c r="OUE704" s="613"/>
      <c r="OUF704" s="613"/>
      <c r="OUG704" s="613"/>
      <c r="OUH704" s="613"/>
      <c r="OUI704" s="613"/>
      <c r="OUJ704" s="613"/>
      <c r="OUK704" s="613"/>
      <c r="OUL704" s="613"/>
      <c r="OUM704" s="613"/>
      <c r="OUN704" s="613"/>
      <c r="OUO704" s="613"/>
      <c r="OUP704" s="613"/>
      <c r="OUQ704" s="613"/>
      <c r="OUR704" s="613"/>
      <c r="OUS704" s="613"/>
      <c r="OUT704" s="613"/>
      <c r="OUU704" s="613"/>
      <c r="OUV704" s="613"/>
      <c r="OUW704" s="613"/>
      <c r="OUX704" s="613"/>
      <c r="OUY704" s="613"/>
      <c r="OUZ704" s="613"/>
      <c r="OVA704" s="613"/>
      <c r="OVB704" s="613"/>
      <c r="OVC704" s="613"/>
      <c r="OVD704" s="613"/>
      <c r="OVE704" s="613"/>
      <c r="OVF704" s="613"/>
      <c r="OVG704" s="613"/>
      <c r="OVH704" s="613"/>
      <c r="OVI704" s="613"/>
      <c r="OVJ704" s="613"/>
      <c r="OVK704" s="613"/>
      <c r="OVL704" s="613"/>
      <c r="OVM704" s="613"/>
      <c r="OVN704" s="613"/>
      <c r="OVO704" s="613"/>
      <c r="OVP704" s="613"/>
      <c r="OVQ704" s="613"/>
      <c r="OVR704" s="613"/>
      <c r="OVS704" s="613"/>
      <c r="OVT704" s="613"/>
      <c r="OVU704" s="613"/>
      <c r="OVV704" s="613"/>
      <c r="OVW704" s="613"/>
      <c r="OVX704" s="613"/>
      <c r="OVY704" s="613"/>
      <c r="OVZ704" s="613"/>
      <c r="OWA704" s="613"/>
      <c r="OWB704" s="613"/>
      <c r="OWC704" s="613"/>
      <c r="OWD704" s="613"/>
      <c r="OWE704" s="613"/>
      <c r="OWF704" s="613"/>
      <c r="OWG704" s="613"/>
      <c r="OWH704" s="613"/>
      <c r="OWI704" s="613"/>
      <c r="OWJ704" s="613"/>
      <c r="OWK704" s="613"/>
      <c r="OWL704" s="613"/>
      <c r="OWM704" s="613"/>
      <c r="OWN704" s="613"/>
      <c r="OWO704" s="613"/>
      <c r="OWP704" s="613"/>
      <c r="OWQ704" s="613"/>
      <c r="OWR704" s="613"/>
      <c r="OWS704" s="613"/>
      <c r="OWT704" s="613"/>
      <c r="OWU704" s="613"/>
      <c r="OWV704" s="613"/>
      <c r="OWW704" s="613"/>
      <c r="OWX704" s="613"/>
      <c r="OWY704" s="613"/>
      <c r="OWZ704" s="613"/>
      <c r="OXA704" s="613"/>
      <c r="OXB704" s="613"/>
      <c r="OXC704" s="613"/>
      <c r="OXD704" s="613"/>
      <c r="OXE704" s="613"/>
      <c r="OXF704" s="613"/>
      <c r="OXG704" s="613"/>
      <c r="OXH704" s="613"/>
      <c r="OXI704" s="613"/>
      <c r="OXJ704" s="613"/>
      <c r="OXK704" s="613"/>
      <c r="OXL704" s="613"/>
      <c r="OXM704" s="613"/>
      <c r="OXN704" s="613"/>
      <c r="OXO704" s="613"/>
      <c r="OXP704" s="613"/>
      <c r="OXQ704" s="613"/>
      <c r="OXR704" s="613"/>
      <c r="OXS704" s="613"/>
      <c r="OXT704" s="613"/>
      <c r="OXU704" s="613"/>
      <c r="OXV704" s="613"/>
      <c r="OXW704" s="613"/>
      <c r="OXX704" s="613"/>
      <c r="OXY704" s="613"/>
      <c r="OXZ704" s="613"/>
      <c r="OYA704" s="613"/>
      <c r="OYB704" s="613"/>
      <c r="OYC704" s="613"/>
      <c r="OYD704" s="613"/>
      <c r="OYE704" s="613"/>
      <c r="OYF704" s="613"/>
      <c r="OYG704" s="613"/>
      <c r="OYH704" s="613"/>
      <c r="OYI704" s="613"/>
      <c r="OYJ704" s="613"/>
      <c r="OYK704" s="613"/>
      <c r="OYL704" s="613"/>
      <c r="OYM704" s="613"/>
      <c r="OYN704" s="613"/>
      <c r="OYO704" s="613"/>
      <c r="OYP704" s="613"/>
      <c r="OYQ704" s="613"/>
      <c r="OYR704" s="613"/>
      <c r="OYS704" s="613"/>
      <c r="OYT704" s="613"/>
      <c r="OYU704" s="613"/>
      <c r="OYV704" s="613"/>
      <c r="OYW704" s="613"/>
      <c r="OYX704" s="613"/>
      <c r="OYY704" s="613"/>
      <c r="OYZ704" s="613"/>
      <c r="OZA704" s="613"/>
      <c r="OZB704" s="613"/>
      <c r="OZC704" s="613"/>
      <c r="OZD704" s="613"/>
      <c r="OZE704" s="613"/>
      <c r="OZF704" s="613"/>
      <c r="OZG704" s="613"/>
      <c r="OZH704" s="613"/>
      <c r="OZI704" s="613"/>
      <c r="OZJ704" s="613"/>
      <c r="OZK704" s="613"/>
      <c r="OZL704" s="613"/>
      <c r="OZM704" s="613"/>
      <c r="OZN704" s="613"/>
      <c r="OZO704" s="613"/>
      <c r="OZP704" s="613"/>
      <c r="OZQ704" s="613"/>
      <c r="OZR704" s="613"/>
      <c r="OZS704" s="613"/>
      <c r="OZT704" s="613"/>
      <c r="OZU704" s="613"/>
      <c r="OZV704" s="613"/>
      <c r="OZW704" s="613"/>
      <c r="OZX704" s="613"/>
      <c r="OZY704" s="613"/>
      <c r="OZZ704" s="613"/>
      <c r="PAA704" s="613"/>
      <c r="PAB704" s="613"/>
      <c r="PAC704" s="613"/>
      <c r="PAD704" s="613"/>
      <c r="PAE704" s="613"/>
      <c r="PAF704" s="613"/>
      <c r="PAG704" s="613"/>
      <c r="PAH704" s="613"/>
      <c r="PAI704" s="613"/>
      <c r="PAJ704" s="613"/>
      <c r="PAK704" s="613"/>
      <c r="PAL704" s="613"/>
      <c r="PAM704" s="613"/>
      <c r="PAN704" s="613"/>
      <c r="PAO704" s="613"/>
      <c r="PAP704" s="613"/>
      <c r="PAQ704" s="613"/>
      <c r="PAR704" s="613"/>
      <c r="PAS704" s="613"/>
      <c r="PAT704" s="613"/>
      <c r="PAU704" s="613"/>
      <c r="PAV704" s="613"/>
      <c r="PAW704" s="613"/>
      <c r="PAX704" s="613"/>
      <c r="PAY704" s="613"/>
      <c r="PAZ704" s="613"/>
      <c r="PBA704" s="613"/>
      <c r="PBB704" s="613"/>
      <c r="PBC704" s="613"/>
      <c r="PBD704" s="613"/>
      <c r="PBE704" s="613"/>
      <c r="PBF704" s="613"/>
      <c r="PBG704" s="613"/>
      <c r="PBH704" s="613"/>
      <c r="PBI704" s="613"/>
      <c r="PBJ704" s="613"/>
      <c r="PBK704" s="613"/>
      <c r="PBL704" s="613"/>
      <c r="PBM704" s="613"/>
      <c r="PBN704" s="613"/>
      <c r="PBO704" s="613"/>
      <c r="PBP704" s="613"/>
      <c r="PBQ704" s="613"/>
      <c r="PBR704" s="613"/>
      <c r="PBS704" s="613"/>
      <c r="PBT704" s="613"/>
      <c r="PBU704" s="613"/>
      <c r="PBV704" s="613"/>
      <c r="PBW704" s="613"/>
      <c r="PBX704" s="613"/>
      <c r="PBY704" s="613"/>
      <c r="PBZ704" s="613"/>
      <c r="PCA704" s="613"/>
      <c r="PCB704" s="613"/>
      <c r="PCC704" s="613"/>
      <c r="PCD704" s="613"/>
      <c r="PCE704" s="613"/>
      <c r="PCF704" s="613"/>
      <c r="PCG704" s="613"/>
      <c r="PCH704" s="613"/>
      <c r="PCI704" s="613"/>
      <c r="PCJ704" s="613"/>
      <c r="PCK704" s="613"/>
      <c r="PCL704" s="613"/>
      <c r="PCM704" s="613"/>
      <c r="PCN704" s="613"/>
      <c r="PCO704" s="613"/>
      <c r="PCP704" s="613"/>
      <c r="PCQ704" s="613"/>
      <c r="PCR704" s="613"/>
      <c r="PCS704" s="613"/>
      <c r="PCT704" s="613"/>
      <c r="PCU704" s="613"/>
      <c r="PCV704" s="613"/>
      <c r="PCW704" s="613"/>
      <c r="PCX704" s="613"/>
      <c r="PCY704" s="613"/>
      <c r="PCZ704" s="613"/>
      <c r="PDA704" s="613"/>
      <c r="PDB704" s="613"/>
      <c r="PDC704" s="613"/>
      <c r="PDD704" s="613"/>
      <c r="PDE704" s="613"/>
      <c r="PDF704" s="613"/>
      <c r="PDG704" s="613"/>
      <c r="PDH704" s="613"/>
      <c r="PDI704" s="613"/>
      <c r="PDJ704" s="613"/>
      <c r="PDK704" s="613"/>
      <c r="PDL704" s="613"/>
      <c r="PDM704" s="613"/>
      <c r="PDN704" s="613"/>
      <c r="PDO704" s="613"/>
      <c r="PDP704" s="613"/>
      <c r="PDQ704" s="613"/>
      <c r="PDR704" s="613"/>
      <c r="PDS704" s="613"/>
      <c r="PDT704" s="613"/>
      <c r="PDU704" s="613"/>
      <c r="PDV704" s="613"/>
      <c r="PDW704" s="613"/>
      <c r="PDX704" s="613"/>
      <c r="PDY704" s="613"/>
      <c r="PDZ704" s="613"/>
      <c r="PEA704" s="613"/>
      <c r="PEB704" s="613"/>
      <c r="PEC704" s="613"/>
      <c r="PED704" s="613"/>
      <c r="PEE704" s="613"/>
      <c r="PEF704" s="613"/>
      <c r="PEG704" s="613"/>
      <c r="PEH704" s="613"/>
      <c r="PEI704" s="613"/>
      <c r="PEJ704" s="613"/>
      <c r="PEK704" s="613"/>
      <c r="PEL704" s="613"/>
      <c r="PEM704" s="613"/>
      <c r="PEN704" s="613"/>
      <c r="PEO704" s="613"/>
      <c r="PEP704" s="613"/>
      <c r="PEQ704" s="613"/>
      <c r="PER704" s="613"/>
      <c r="PES704" s="613"/>
      <c r="PET704" s="613"/>
      <c r="PEU704" s="613"/>
      <c r="PEV704" s="613"/>
      <c r="PEW704" s="613"/>
      <c r="PEX704" s="613"/>
      <c r="PEY704" s="613"/>
      <c r="PEZ704" s="613"/>
      <c r="PFA704" s="613"/>
      <c r="PFB704" s="613"/>
      <c r="PFC704" s="613"/>
      <c r="PFD704" s="613"/>
      <c r="PFE704" s="613"/>
      <c r="PFF704" s="613"/>
      <c r="PFG704" s="613"/>
      <c r="PFH704" s="613"/>
      <c r="PFI704" s="613"/>
      <c r="PFJ704" s="613"/>
      <c r="PFK704" s="613"/>
      <c r="PFL704" s="613"/>
      <c r="PFM704" s="613"/>
      <c r="PFN704" s="613"/>
      <c r="PFO704" s="613"/>
      <c r="PFP704" s="613"/>
      <c r="PFQ704" s="613"/>
      <c r="PFR704" s="613"/>
      <c r="PFS704" s="613"/>
      <c r="PFT704" s="613"/>
      <c r="PFU704" s="613"/>
      <c r="PFV704" s="613"/>
      <c r="PFW704" s="613"/>
      <c r="PFX704" s="613"/>
      <c r="PFY704" s="613"/>
      <c r="PFZ704" s="613"/>
      <c r="PGA704" s="613"/>
      <c r="PGB704" s="613"/>
      <c r="PGC704" s="613"/>
      <c r="PGD704" s="613"/>
      <c r="PGE704" s="613"/>
      <c r="PGF704" s="613"/>
      <c r="PGG704" s="613"/>
      <c r="PGH704" s="613"/>
      <c r="PGI704" s="613"/>
      <c r="PGJ704" s="613"/>
      <c r="PGK704" s="613"/>
      <c r="PGL704" s="613"/>
      <c r="PGM704" s="613"/>
      <c r="PGN704" s="613"/>
      <c r="PGO704" s="613"/>
      <c r="PGP704" s="613"/>
      <c r="PGQ704" s="613"/>
      <c r="PGR704" s="613"/>
      <c r="PGS704" s="613"/>
      <c r="PGT704" s="613"/>
      <c r="PGU704" s="613"/>
      <c r="PGV704" s="613"/>
      <c r="PGW704" s="613"/>
      <c r="PGX704" s="613"/>
      <c r="PGY704" s="613"/>
      <c r="PGZ704" s="613"/>
      <c r="PHA704" s="613"/>
      <c r="PHB704" s="613"/>
      <c r="PHC704" s="613"/>
      <c r="PHD704" s="613"/>
      <c r="PHE704" s="613"/>
      <c r="PHF704" s="613"/>
      <c r="PHG704" s="613"/>
      <c r="PHH704" s="613"/>
      <c r="PHI704" s="613"/>
      <c r="PHJ704" s="613"/>
      <c r="PHK704" s="613"/>
      <c r="PHL704" s="613"/>
      <c r="PHM704" s="613"/>
      <c r="PHN704" s="613"/>
      <c r="PHO704" s="613"/>
      <c r="PHP704" s="613"/>
      <c r="PHQ704" s="613"/>
      <c r="PHR704" s="613"/>
      <c r="PHS704" s="613"/>
      <c r="PHT704" s="613"/>
      <c r="PHU704" s="613"/>
      <c r="PHV704" s="613"/>
      <c r="PHW704" s="613"/>
      <c r="PHX704" s="613"/>
      <c r="PHY704" s="613"/>
      <c r="PHZ704" s="613"/>
      <c r="PIA704" s="613"/>
      <c r="PIB704" s="613"/>
      <c r="PIC704" s="613"/>
      <c r="PID704" s="613"/>
      <c r="PIE704" s="613"/>
      <c r="PIF704" s="613"/>
      <c r="PIG704" s="613"/>
      <c r="PIH704" s="613"/>
      <c r="PII704" s="613"/>
      <c r="PIJ704" s="613"/>
      <c r="PIK704" s="613"/>
      <c r="PIL704" s="613"/>
      <c r="PIM704" s="613"/>
      <c r="PIN704" s="613"/>
      <c r="PIO704" s="613"/>
      <c r="PIP704" s="613"/>
      <c r="PIQ704" s="613"/>
      <c r="PIR704" s="613"/>
      <c r="PIS704" s="613"/>
      <c r="PIT704" s="613"/>
      <c r="PIU704" s="613"/>
      <c r="PIV704" s="613"/>
      <c r="PIW704" s="613"/>
      <c r="PIX704" s="613"/>
      <c r="PIY704" s="613"/>
      <c r="PIZ704" s="613"/>
      <c r="PJA704" s="613"/>
      <c r="PJB704" s="613"/>
      <c r="PJC704" s="613"/>
      <c r="PJD704" s="613"/>
      <c r="PJE704" s="613"/>
      <c r="PJF704" s="613"/>
      <c r="PJG704" s="613"/>
      <c r="PJH704" s="613"/>
      <c r="PJI704" s="613"/>
      <c r="PJJ704" s="613"/>
      <c r="PJK704" s="613"/>
      <c r="PJL704" s="613"/>
      <c r="PJM704" s="613"/>
      <c r="PJN704" s="613"/>
      <c r="PJO704" s="613"/>
      <c r="PJP704" s="613"/>
      <c r="PJQ704" s="613"/>
      <c r="PJR704" s="613"/>
      <c r="PJS704" s="613"/>
      <c r="PJT704" s="613"/>
      <c r="PJU704" s="613"/>
      <c r="PJV704" s="613"/>
      <c r="PJW704" s="613"/>
      <c r="PJX704" s="613"/>
      <c r="PJY704" s="613"/>
      <c r="PJZ704" s="613"/>
      <c r="PKA704" s="613"/>
      <c r="PKB704" s="613"/>
      <c r="PKC704" s="613"/>
      <c r="PKD704" s="613"/>
      <c r="PKE704" s="613"/>
      <c r="PKF704" s="613"/>
      <c r="PKG704" s="613"/>
      <c r="PKH704" s="613"/>
      <c r="PKI704" s="613"/>
      <c r="PKJ704" s="613"/>
      <c r="PKK704" s="613"/>
      <c r="PKL704" s="613"/>
      <c r="PKM704" s="613"/>
      <c r="PKN704" s="613"/>
      <c r="PKO704" s="613"/>
      <c r="PKP704" s="613"/>
      <c r="PKQ704" s="613"/>
      <c r="PKR704" s="613"/>
      <c r="PKS704" s="613"/>
      <c r="PKT704" s="613"/>
      <c r="PKU704" s="613"/>
      <c r="PKV704" s="613"/>
      <c r="PKW704" s="613"/>
      <c r="PKX704" s="613"/>
      <c r="PKY704" s="613"/>
      <c r="PKZ704" s="613"/>
      <c r="PLA704" s="613"/>
      <c r="PLB704" s="613"/>
      <c r="PLC704" s="613"/>
      <c r="PLD704" s="613"/>
      <c r="PLE704" s="613"/>
      <c r="PLF704" s="613"/>
      <c r="PLG704" s="613"/>
      <c r="PLH704" s="613"/>
      <c r="PLI704" s="613"/>
      <c r="PLJ704" s="613"/>
      <c r="PLK704" s="613"/>
      <c r="PLL704" s="613"/>
      <c r="PLM704" s="613"/>
      <c r="PLN704" s="613"/>
      <c r="PLO704" s="613"/>
      <c r="PLP704" s="613"/>
      <c r="PLQ704" s="613"/>
      <c r="PLR704" s="613"/>
      <c r="PLS704" s="613"/>
      <c r="PLT704" s="613"/>
      <c r="PLU704" s="613"/>
      <c r="PLV704" s="613"/>
      <c r="PLW704" s="613"/>
      <c r="PLX704" s="613"/>
      <c r="PLY704" s="613"/>
      <c r="PLZ704" s="613"/>
      <c r="PMA704" s="613"/>
      <c r="PMB704" s="613"/>
      <c r="PMC704" s="613"/>
      <c r="PMD704" s="613"/>
      <c r="PME704" s="613"/>
      <c r="PMF704" s="613"/>
      <c r="PMG704" s="613"/>
      <c r="PMH704" s="613"/>
      <c r="PMI704" s="613"/>
      <c r="PMJ704" s="613"/>
      <c r="PMK704" s="613"/>
      <c r="PML704" s="613"/>
      <c r="PMM704" s="613"/>
      <c r="PMN704" s="613"/>
      <c r="PMO704" s="613"/>
      <c r="PMP704" s="613"/>
      <c r="PMQ704" s="613"/>
      <c r="PMR704" s="613"/>
      <c r="PMS704" s="613"/>
      <c r="PMT704" s="613"/>
      <c r="PMU704" s="613"/>
      <c r="PMV704" s="613"/>
      <c r="PMW704" s="613"/>
      <c r="PMX704" s="613"/>
      <c r="PMY704" s="613"/>
      <c r="PMZ704" s="613"/>
      <c r="PNA704" s="613"/>
      <c r="PNB704" s="613"/>
      <c r="PNC704" s="613"/>
      <c r="PND704" s="613"/>
      <c r="PNE704" s="613"/>
      <c r="PNF704" s="613"/>
      <c r="PNG704" s="613"/>
      <c r="PNH704" s="613"/>
      <c r="PNI704" s="613"/>
      <c r="PNJ704" s="613"/>
      <c r="PNK704" s="613"/>
      <c r="PNL704" s="613"/>
      <c r="PNM704" s="613"/>
      <c r="PNN704" s="613"/>
      <c r="PNO704" s="613"/>
      <c r="PNP704" s="613"/>
      <c r="PNQ704" s="613"/>
      <c r="PNR704" s="613"/>
      <c r="PNS704" s="613"/>
      <c r="PNT704" s="613"/>
      <c r="PNU704" s="613"/>
      <c r="PNV704" s="613"/>
      <c r="PNW704" s="613"/>
      <c r="PNX704" s="613"/>
      <c r="PNY704" s="613"/>
      <c r="PNZ704" s="613"/>
      <c r="POA704" s="613"/>
      <c r="POB704" s="613"/>
      <c r="POC704" s="613"/>
      <c r="POD704" s="613"/>
      <c r="POE704" s="613"/>
      <c r="POF704" s="613"/>
      <c r="POG704" s="613"/>
      <c r="POH704" s="613"/>
      <c r="POI704" s="613"/>
      <c r="POJ704" s="613"/>
      <c r="POK704" s="613"/>
      <c r="POL704" s="613"/>
      <c r="POM704" s="613"/>
      <c r="PON704" s="613"/>
      <c r="POO704" s="613"/>
      <c r="POP704" s="613"/>
      <c r="POQ704" s="613"/>
      <c r="POR704" s="613"/>
      <c r="POS704" s="613"/>
      <c r="POT704" s="613"/>
      <c r="POU704" s="613"/>
      <c r="POV704" s="613"/>
      <c r="POW704" s="613"/>
      <c r="POX704" s="613"/>
      <c r="POY704" s="613"/>
      <c r="POZ704" s="613"/>
      <c r="PPA704" s="613"/>
      <c r="PPB704" s="613"/>
      <c r="PPC704" s="613"/>
      <c r="PPD704" s="613"/>
      <c r="PPE704" s="613"/>
      <c r="PPF704" s="613"/>
      <c r="PPG704" s="613"/>
      <c r="PPH704" s="613"/>
      <c r="PPI704" s="613"/>
      <c r="PPJ704" s="613"/>
      <c r="PPK704" s="613"/>
      <c r="PPL704" s="613"/>
      <c r="PPM704" s="613"/>
      <c r="PPN704" s="613"/>
      <c r="PPO704" s="613"/>
      <c r="PPP704" s="613"/>
      <c r="PPQ704" s="613"/>
      <c r="PPR704" s="613"/>
      <c r="PPS704" s="613"/>
      <c r="PPT704" s="613"/>
      <c r="PPU704" s="613"/>
      <c r="PPV704" s="613"/>
      <c r="PPW704" s="613"/>
      <c r="PPX704" s="613"/>
      <c r="PPY704" s="613"/>
      <c r="PPZ704" s="613"/>
      <c r="PQA704" s="613"/>
      <c r="PQB704" s="613"/>
      <c r="PQC704" s="613"/>
      <c r="PQD704" s="613"/>
      <c r="PQE704" s="613"/>
      <c r="PQF704" s="613"/>
      <c r="PQG704" s="613"/>
      <c r="PQH704" s="613"/>
      <c r="PQI704" s="613"/>
      <c r="PQJ704" s="613"/>
      <c r="PQK704" s="613"/>
      <c r="PQL704" s="613"/>
      <c r="PQM704" s="613"/>
      <c r="PQN704" s="613"/>
      <c r="PQO704" s="613"/>
      <c r="PQP704" s="613"/>
      <c r="PQQ704" s="613"/>
      <c r="PQR704" s="613"/>
      <c r="PQS704" s="613"/>
      <c r="PQT704" s="613"/>
      <c r="PQU704" s="613"/>
      <c r="PQV704" s="613"/>
      <c r="PQW704" s="613"/>
      <c r="PQX704" s="613"/>
      <c r="PQY704" s="613"/>
      <c r="PQZ704" s="613"/>
      <c r="PRA704" s="613"/>
      <c r="PRB704" s="613"/>
      <c r="PRC704" s="613"/>
      <c r="PRD704" s="613"/>
      <c r="PRE704" s="613"/>
      <c r="PRF704" s="613"/>
      <c r="PRG704" s="613"/>
      <c r="PRH704" s="613"/>
      <c r="PRI704" s="613"/>
      <c r="PRJ704" s="613"/>
      <c r="PRK704" s="613"/>
      <c r="PRL704" s="613"/>
      <c r="PRM704" s="613"/>
      <c r="PRN704" s="613"/>
      <c r="PRO704" s="613"/>
      <c r="PRP704" s="613"/>
      <c r="PRQ704" s="613"/>
      <c r="PRR704" s="613"/>
      <c r="PRS704" s="613"/>
      <c r="PRT704" s="613"/>
      <c r="PRU704" s="613"/>
      <c r="PRV704" s="613"/>
      <c r="PRW704" s="613"/>
      <c r="PRX704" s="613"/>
      <c r="PRY704" s="613"/>
      <c r="PRZ704" s="613"/>
      <c r="PSA704" s="613"/>
      <c r="PSB704" s="613"/>
      <c r="PSC704" s="613"/>
      <c r="PSD704" s="613"/>
      <c r="PSE704" s="613"/>
      <c r="PSF704" s="613"/>
      <c r="PSG704" s="613"/>
      <c r="PSH704" s="613"/>
      <c r="PSI704" s="613"/>
      <c r="PSJ704" s="613"/>
      <c r="PSK704" s="613"/>
      <c r="PSL704" s="613"/>
      <c r="PSM704" s="613"/>
      <c r="PSN704" s="613"/>
      <c r="PSO704" s="613"/>
      <c r="PSP704" s="613"/>
      <c r="PSQ704" s="613"/>
      <c r="PSR704" s="613"/>
      <c r="PSS704" s="613"/>
      <c r="PST704" s="613"/>
      <c r="PSU704" s="613"/>
      <c r="PSV704" s="613"/>
      <c r="PSW704" s="613"/>
      <c r="PSX704" s="613"/>
      <c r="PSY704" s="613"/>
      <c r="PSZ704" s="613"/>
      <c r="PTA704" s="613"/>
      <c r="PTB704" s="613"/>
      <c r="PTC704" s="613"/>
      <c r="PTD704" s="613"/>
      <c r="PTE704" s="613"/>
      <c r="PTF704" s="613"/>
      <c r="PTG704" s="613"/>
      <c r="PTH704" s="613"/>
      <c r="PTI704" s="613"/>
      <c r="PTJ704" s="613"/>
      <c r="PTK704" s="613"/>
      <c r="PTL704" s="613"/>
      <c r="PTM704" s="613"/>
      <c r="PTN704" s="613"/>
      <c r="PTO704" s="613"/>
      <c r="PTP704" s="613"/>
      <c r="PTQ704" s="613"/>
      <c r="PTR704" s="613"/>
      <c r="PTS704" s="613"/>
      <c r="PTT704" s="613"/>
      <c r="PTU704" s="613"/>
      <c r="PTV704" s="613"/>
      <c r="PTW704" s="613"/>
      <c r="PTX704" s="613"/>
      <c r="PTY704" s="613"/>
      <c r="PTZ704" s="613"/>
      <c r="PUA704" s="613"/>
      <c r="PUB704" s="613"/>
      <c r="PUC704" s="613"/>
      <c r="PUD704" s="613"/>
      <c r="PUE704" s="613"/>
      <c r="PUF704" s="613"/>
      <c r="PUG704" s="613"/>
      <c r="PUH704" s="613"/>
      <c r="PUI704" s="613"/>
      <c r="PUJ704" s="613"/>
      <c r="PUK704" s="613"/>
      <c r="PUL704" s="613"/>
      <c r="PUM704" s="613"/>
      <c r="PUN704" s="613"/>
      <c r="PUO704" s="613"/>
      <c r="PUP704" s="613"/>
      <c r="PUQ704" s="613"/>
      <c r="PUR704" s="613"/>
      <c r="PUS704" s="613"/>
      <c r="PUT704" s="613"/>
      <c r="PUU704" s="613"/>
      <c r="PUV704" s="613"/>
      <c r="PUW704" s="613"/>
      <c r="PUX704" s="613"/>
      <c r="PUY704" s="613"/>
      <c r="PUZ704" s="613"/>
      <c r="PVA704" s="613"/>
      <c r="PVB704" s="613"/>
      <c r="PVC704" s="613"/>
      <c r="PVD704" s="613"/>
      <c r="PVE704" s="613"/>
      <c r="PVF704" s="613"/>
      <c r="PVG704" s="613"/>
      <c r="PVH704" s="613"/>
      <c r="PVI704" s="613"/>
      <c r="PVJ704" s="613"/>
      <c r="PVK704" s="613"/>
      <c r="PVL704" s="613"/>
      <c r="PVM704" s="613"/>
      <c r="PVN704" s="613"/>
      <c r="PVO704" s="613"/>
      <c r="PVP704" s="613"/>
      <c r="PVQ704" s="613"/>
      <c r="PVR704" s="613"/>
      <c r="PVS704" s="613"/>
      <c r="PVT704" s="613"/>
      <c r="PVU704" s="613"/>
      <c r="PVV704" s="613"/>
      <c r="PVW704" s="613"/>
      <c r="PVX704" s="613"/>
      <c r="PVY704" s="613"/>
      <c r="PVZ704" s="613"/>
      <c r="PWA704" s="613"/>
      <c r="PWB704" s="613"/>
      <c r="PWC704" s="613"/>
      <c r="PWD704" s="613"/>
      <c r="PWE704" s="613"/>
      <c r="PWF704" s="613"/>
      <c r="PWG704" s="613"/>
      <c r="PWH704" s="613"/>
      <c r="PWI704" s="613"/>
      <c r="PWJ704" s="613"/>
      <c r="PWK704" s="613"/>
      <c r="PWL704" s="613"/>
      <c r="PWM704" s="613"/>
      <c r="PWN704" s="613"/>
      <c r="PWO704" s="613"/>
      <c r="PWP704" s="613"/>
      <c r="PWQ704" s="613"/>
      <c r="PWR704" s="613"/>
      <c r="PWS704" s="613"/>
      <c r="PWT704" s="613"/>
      <c r="PWU704" s="613"/>
      <c r="PWV704" s="613"/>
      <c r="PWW704" s="613"/>
      <c r="PWX704" s="613"/>
      <c r="PWY704" s="613"/>
      <c r="PWZ704" s="613"/>
      <c r="PXA704" s="613"/>
      <c r="PXB704" s="613"/>
      <c r="PXC704" s="613"/>
      <c r="PXD704" s="613"/>
      <c r="PXE704" s="613"/>
      <c r="PXF704" s="613"/>
      <c r="PXG704" s="613"/>
      <c r="PXH704" s="613"/>
      <c r="PXI704" s="613"/>
      <c r="PXJ704" s="613"/>
      <c r="PXK704" s="613"/>
      <c r="PXL704" s="613"/>
      <c r="PXM704" s="613"/>
      <c r="PXN704" s="613"/>
      <c r="PXO704" s="613"/>
      <c r="PXP704" s="613"/>
      <c r="PXQ704" s="613"/>
      <c r="PXR704" s="613"/>
      <c r="PXS704" s="613"/>
      <c r="PXT704" s="613"/>
      <c r="PXU704" s="613"/>
      <c r="PXV704" s="613"/>
      <c r="PXW704" s="613"/>
      <c r="PXX704" s="613"/>
      <c r="PXY704" s="613"/>
      <c r="PXZ704" s="613"/>
      <c r="PYA704" s="613"/>
      <c r="PYB704" s="613"/>
      <c r="PYC704" s="613"/>
      <c r="PYD704" s="613"/>
      <c r="PYE704" s="613"/>
      <c r="PYF704" s="613"/>
      <c r="PYG704" s="613"/>
      <c r="PYH704" s="613"/>
      <c r="PYI704" s="613"/>
      <c r="PYJ704" s="613"/>
      <c r="PYK704" s="613"/>
      <c r="PYL704" s="613"/>
      <c r="PYM704" s="613"/>
      <c r="PYN704" s="613"/>
      <c r="PYO704" s="613"/>
      <c r="PYP704" s="613"/>
      <c r="PYQ704" s="613"/>
      <c r="PYR704" s="613"/>
      <c r="PYS704" s="613"/>
      <c r="PYT704" s="613"/>
      <c r="PYU704" s="613"/>
      <c r="PYV704" s="613"/>
      <c r="PYW704" s="613"/>
      <c r="PYX704" s="613"/>
      <c r="PYY704" s="613"/>
      <c r="PYZ704" s="613"/>
      <c r="PZA704" s="613"/>
      <c r="PZB704" s="613"/>
      <c r="PZC704" s="613"/>
      <c r="PZD704" s="613"/>
      <c r="PZE704" s="613"/>
      <c r="PZF704" s="613"/>
      <c r="PZG704" s="613"/>
      <c r="PZH704" s="613"/>
      <c r="PZI704" s="613"/>
      <c r="PZJ704" s="613"/>
      <c r="PZK704" s="613"/>
      <c r="PZL704" s="613"/>
      <c r="PZM704" s="613"/>
      <c r="PZN704" s="613"/>
      <c r="PZO704" s="613"/>
      <c r="PZP704" s="613"/>
      <c r="PZQ704" s="613"/>
      <c r="PZR704" s="613"/>
      <c r="PZS704" s="613"/>
      <c r="PZT704" s="613"/>
      <c r="PZU704" s="613"/>
      <c r="PZV704" s="613"/>
      <c r="PZW704" s="613"/>
      <c r="PZX704" s="613"/>
      <c r="PZY704" s="613"/>
      <c r="PZZ704" s="613"/>
      <c r="QAA704" s="613"/>
      <c r="QAB704" s="613"/>
      <c r="QAC704" s="613"/>
      <c r="QAD704" s="613"/>
      <c r="QAE704" s="613"/>
      <c r="QAF704" s="613"/>
      <c r="QAG704" s="613"/>
      <c r="QAH704" s="613"/>
      <c r="QAI704" s="613"/>
      <c r="QAJ704" s="613"/>
      <c r="QAK704" s="613"/>
      <c r="QAL704" s="613"/>
      <c r="QAM704" s="613"/>
      <c r="QAN704" s="613"/>
      <c r="QAO704" s="613"/>
      <c r="QAP704" s="613"/>
      <c r="QAQ704" s="613"/>
      <c r="QAR704" s="613"/>
      <c r="QAS704" s="613"/>
      <c r="QAT704" s="613"/>
      <c r="QAU704" s="613"/>
      <c r="QAV704" s="613"/>
      <c r="QAW704" s="613"/>
      <c r="QAX704" s="613"/>
      <c r="QAY704" s="613"/>
      <c r="QAZ704" s="613"/>
      <c r="QBA704" s="613"/>
      <c r="QBB704" s="613"/>
      <c r="QBC704" s="613"/>
      <c r="QBD704" s="613"/>
      <c r="QBE704" s="613"/>
      <c r="QBF704" s="613"/>
      <c r="QBG704" s="613"/>
      <c r="QBH704" s="613"/>
      <c r="QBI704" s="613"/>
      <c r="QBJ704" s="613"/>
      <c r="QBK704" s="613"/>
      <c r="QBL704" s="613"/>
      <c r="QBM704" s="613"/>
      <c r="QBN704" s="613"/>
      <c r="QBO704" s="613"/>
      <c r="QBP704" s="613"/>
      <c r="QBQ704" s="613"/>
      <c r="QBR704" s="613"/>
      <c r="QBS704" s="613"/>
      <c r="QBT704" s="613"/>
      <c r="QBU704" s="613"/>
      <c r="QBV704" s="613"/>
      <c r="QBW704" s="613"/>
      <c r="QBX704" s="613"/>
      <c r="QBY704" s="613"/>
      <c r="QBZ704" s="613"/>
      <c r="QCA704" s="613"/>
      <c r="QCB704" s="613"/>
      <c r="QCC704" s="613"/>
      <c r="QCD704" s="613"/>
      <c r="QCE704" s="613"/>
      <c r="QCF704" s="613"/>
      <c r="QCG704" s="613"/>
      <c r="QCH704" s="613"/>
      <c r="QCI704" s="613"/>
      <c r="QCJ704" s="613"/>
      <c r="QCK704" s="613"/>
      <c r="QCL704" s="613"/>
      <c r="QCM704" s="613"/>
      <c r="QCN704" s="613"/>
      <c r="QCO704" s="613"/>
      <c r="QCP704" s="613"/>
      <c r="QCQ704" s="613"/>
      <c r="QCR704" s="613"/>
      <c r="QCS704" s="613"/>
      <c r="QCT704" s="613"/>
      <c r="QCU704" s="613"/>
      <c r="QCV704" s="613"/>
      <c r="QCW704" s="613"/>
      <c r="QCX704" s="613"/>
      <c r="QCY704" s="613"/>
      <c r="QCZ704" s="613"/>
      <c r="QDA704" s="613"/>
      <c r="QDB704" s="613"/>
      <c r="QDC704" s="613"/>
      <c r="QDD704" s="613"/>
      <c r="QDE704" s="613"/>
      <c r="QDF704" s="613"/>
      <c r="QDG704" s="613"/>
      <c r="QDH704" s="613"/>
      <c r="QDI704" s="613"/>
      <c r="QDJ704" s="613"/>
      <c r="QDK704" s="613"/>
      <c r="QDL704" s="613"/>
      <c r="QDM704" s="613"/>
      <c r="QDN704" s="613"/>
      <c r="QDO704" s="613"/>
      <c r="QDP704" s="613"/>
      <c r="QDQ704" s="613"/>
      <c r="QDR704" s="613"/>
      <c r="QDS704" s="613"/>
      <c r="QDT704" s="613"/>
      <c r="QDU704" s="613"/>
      <c r="QDV704" s="613"/>
      <c r="QDW704" s="613"/>
      <c r="QDX704" s="613"/>
      <c r="QDY704" s="613"/>
      <c r="QDZ704" s="613"/>
      <c r="QEA704" s="613"/>
      <c r="QEB704" s="613"/>
      <c r="QEC704" s="613"/>
      <c r="QED704" s="613"/>
      <c r="QEE704" s="613"/>
      <c r="QEF704" s="613"/>
      <c r="QEG704" s="613"/>
      <c r="QEH704" s="613"/>
      <c r="QEI704" s="613"/>
      <c r="QEJ704" s="613"/>
      <c r="QEK704" s="613"/>
      <c r="QEL704" s="613"/>
      <c r="QEM704" s="613"/>
      <c r="QEN704" s="613"/>
      <c r="QEO704" s="613"/>
      <c r="QEP704" s="613"/>
      <c r="QEQ704" s="613"/>
      <c r="QER704" s="613"/>
      <c r="QES704" s="613"/>
      <c r="QET704" s="613"/>
      <c r="QEU704" s="613"/>
      <c r="QEV704" s="613"/>
      <c r="QEW704" s="613"/>
      <c r="QEX704" s="613"/>
      <c r="QEY704" s="613"/>
      <c r="QEZ704" s="613"/>
      <c r="QFA704" s="613"/>
      <c r="QFB704" s="613"/>
      <c r="QFC704" s="613"/>
      <c r="QFD704" s="613"/>
      <c r="QFE704" s="613"/>
      <c r="QFF704" s="613"/>
      <c r="QFG704" s="613"/>
      <c r="QFH704" s="613"/>
      <c r="QFI704" s="613"/>
      <c r="QFJ704" s="613"/>
      <c r="QFK704" s="613"/>
      <c r="QFL704" s="613"/>
      <c r="QFM704" s="613"/>
      <c r="QFN704" s="613"/>
      <c r="QFO704" s="613"/>
      <c r="QFP704" s="613"/>
      <c r="QFQ704" s="613"/>
      <c r="QFR704" s="613"/>
      <c r="QFS704" s="613"/>
      <c r="QFT704" s="613"/>
      <c r="QFU704" s="613"/>
      <c r="QFV704" s="613"/>
      <c r="QFW704" s="613"/>
      <c r="QFX704" s="613"/>
      <c r="QFY704" s="613"/>
      <c r="QFZ704" s="613"/>
      <c r="QGA704" s="613"/>
      <c r="QGB704" s="613"/>
      <c r="QGC704" s="613"/>
      <c r="QGD704" s="613"/>
      <c r="QGE704" s="613"/>
      <c r="QGF704" s="613"/>
      <c r="QGG704" s="613"/>
      <c r="QGH704" s="613"/>
      <c r="QGI704" s="613"/>
      <c r="QGJ704" s="613"/>
      <c r="QGK704" s="613"/>
      <c r="QGL704" s="613"/>
      <c r="QGM704" s="613"/>
      <c r="QGN704" s="613"/>
      <c r="QGO704" s="613"/>
      <c r="QGP704" s="613"/>
      <c r="QGQ704" s="613"/>
      <c r="QGR704" s="613"/>
      <c r="QGS704" s="613"/>
      <c r="QGT704" s="613"/>
      <c r="QGU704" s="613"/>
      <c r="QGV704" s="613"/>
      <c r="QGW704" s="613"/>
      <c r="QGX704" s="613"/>
      <c r="QGY704" s="613"/>
      <c r="QGZ704" s="613"/>
      <c r="QHA704" s="613"/>
      <c r="QHB704" s="613"/>
      <c r="QHC704" s="613"/>
      <c r="QHD704" s="613"/>
      <c r="QHE704" s="613"/>
      <c r="QHF704" s="613"/>
      <c r="QHG704" s="613"/>
      <c r="QHH704" s="613"/>
      <c r="QHI704" s="613"/>
      <c r="QHJ704" s="613"/>
      <c r="QHK704" s="613"/>
      <c r="QHL704" s="613"/>
      <c r="QHM704" s="613"/>
      <c r="QHN704" s="613"/>
      <c r="QHO704" s="613"/>
      <c r="QHP704" s="613"/>
      <c r="QHQ704" s="613"/>
      <c r="QHR704" s="613"/>
      <c r="QHS704" s="613"/>
      <c r="QHT704" s="613"/>
      <c r="QHU704" s="613"/>
      <c r="QHV704" s="613"/>
      <c r="QHW704" s="613"/>
      <c r="QHX704" s="613"/>
      <c r="QHY704" s="613"/>
      <c r="QHZ704" s="613"/>
      <c r="QIA704" s="613"/>
      <c r="QIB704" s="613"/>
      <c r="QIC704" s="613"/>
      <c r="QID704" s="613"/>
      <c r="QIE704" s="613"/>
      <c r="QIF704" s="613"/>
      <c r="QIG704" s="613"/>
      <c r="QIH704" s="613"/>
      <c r="QII704" s="613"/>
      <c r="QIJ704" s="613"/>
      <c r="QIK704" s="613"/>
      <c r="QIL704" s="613"/>
      <c r="QIM704" s="613"/>
      <c r="QIN704" s="613"/>
      <c r="QIO704" s="613"/>
      <c r="QIP704" s="613"/>
      <c r="QIQ704" s="613"/>
      <c r="QIR704" s="613"/>
      <c r="QIS704" s="613"/>
      <c r="QIT704" s="613"/>
      <c r="QIU704" s="613"/>
      <c r="QIV704" s="613"/>
      <c r="QIW704" s="613"/>
      <c r="QIX704" s="613"/>
      <c r="QIY704" s="613"/>
      <c r="QIZ704" s="613"/>
      <c r="QJA704" s="613"/>
      <c r="QJB704" s="613"/>
      <c r="QJC704" s="613"/>
      <c r="QJD704" s="613"/>
      <c r="QJE704" s="613"/>
      <c r="QJF704" s="613"/>
      <c r="QJG704" s="613"/>
      <c r="QJH704" s="613"/>
      <c r="QJI704" s="613"/>
      <c r="QJJ704" s="613"/>
      <c r="QJK704" s="613"/>
      <c r="QJL704" s="613"/>
      <c r="QJM704" s="613"/>
      <c r="QJN704" s="613"/>
      <c r="QJO704" s="613"/>
      <c r="QJP704" s="613"/>
      <c r="QJQ704" s="613"/>
      <c r="QJR704" s="613"/>
      <c r="QJS704" s="613"/>
      <c r="QJT704" s="613"/>
      <c r="QJU704" s="613"/>
      <c r="QJV704" s="613"/>
      <c r="QJW704" s="613"/>
      <c r="QJX704" s="613"/>
      <c r="QJY704" s="613"/>
      <c r="QJZ704" s="613"/>
      <c r="QKA704" s="613"/>
      <c r="QKB704" s="613"/>
      <c r="QKC704" s="613"/>
      <c r="QKD704" s="613"/>
      <c r="QKE704" s="613"/>
      <c r="QKF704" s="613"/>
      <c r="QKG704" s="613"/>
      <c r="QKH704" s="613"/>
      <c r="QKI704" s="613"/>
      <c r="QKJ704" s="613"/>
      <c r="QKK704" s="613"/>
      <c r="QKL704" s="613"/>
      <c r="QKM704" s="613"/>
      <c r="QKN704" s="613"/>
      <c r="QKO704" s="613"/>
      <c r="QKP704" s="613"/>
      <c r="QKQ704" s="613"/>
      <c r="QKR704" s="613"/>
      <c r="QKS704" s="613"/>
      <c r="QKT704" s="613"/>
      <c r="QKU704" s="613"/>
      <c r="QKV704" s="613"/>
      <c r="QKW704" s="613"/>
      <c r="QKX704" s="613"/>
      <c r="QKY704" s="613"/>
      <c r="QKZ704" s="613"/>
      <c r="QLA704" s="613"/>
      <c r="QLB704" s="613"/>
      <c r="QLC704" s="613"/>
      <c r="QLD704" s="613"/>
      <c r="QLE704" s="613"/>
      <c r="QLF704" s="613"/>
      <c r="QLG704" s="613"/>
      <c r="QLH704" s="613"/>
      <c r="QLI704" s="613"/>
      <c r="QLJ704" s="613"/>
      <c r="QLK704" s="613"/>
      <c r="QLL704" s="613"/>
      <c r="QLM704" s="613"/>
      <c r="QLN704" s="613"/>
      <c r="QLO704" s="613"/>
      <c r="QLP704" s="613"/>
      <c r="QLQ704" s="613"/>
      <c r="QLR704" s="613"/>
      <c r="QLS704" s="613"/>
      <c r="QLT704" s="613"/>
      <c r="QLU704" s="613"/>
      <c r="QLV704" s="613"/>
      <c r="QLW704" s="613"/>
      <c r="QLX704" s="613"/>
      <c r="QLY704" s="613"/>
      <c r="QLZ704" s="613"/>
      <c r="QMA704" s="613"/>
      <c r="QMB704" s="613"/>
      <c r="QMC704" s="613"/>
      <c r="QMD704" s="613"/>
      <c r="QME704" s="613"/>
      <c r="QMF704" s="613"/>
      <c r="QMG704" s="613"/>
      <c r="QMH704" s="613"/>
      <c r="QMI704" s="613"/>
      <c r="QMJ704" s="613"/>
      <c r="QMK704" s="613"/>
      <c r="QML704" s="613"/>
      <c r="QMM704" s="613"/>
      <c r="QMN704" s="613"/>
      <c r="QMO704" s="613"/>
      <c r="QMP704" s="613"/>
      <c r="QMQ704" s="613"/>
      <c r="QMR704" s="613"/>
      <c r="QMS704" s="613"/>
      <c r="QMT704" s="613"/>
      <c r="QMU704" s="613"/>
      <c r="QMV704" s="613"/>
      <c r="QMW704" s="613"/>
      <c r="QMX704" s="613"/>
      <c r="QMY704" s="613"/>
      <c r="QMZ704" s="613"/>
      <c r="QNA704" s="613"/>
      <c r="QNB704" s="613"/>
      <c r="QNC704" s="613"/>
      <c r="QND704" s="613"/>
      <c r="QNE704" s="613"/>
      <c r="QNF704" s="613"/>
      <c r="QNG704" s="613"/>
      <c r="QNH704" s="613"/>
      <c r="QNI704" s="613"/>
      <c r="QNJ704" s="613"/>
      <c r="QNK704" s="613"/>
      <c r="QNL704" s="613"/>
      <c r="QNM704" s="613"/>
      <c r="QNN704" s="613"/>
      <c r="QNO704" s="613"/>
      <c r="QNP704" s="613"/>
      <c r="QNQ704" s="613"/>
      <c r="QNR704" s="613"/>
      <c r="QNS704" s="613"/>
      <c r="QNT704" s="613"/>
      <c r="QNU704" s="613"/>
      <c r="QNV704" s="613"/>
      <c r="QNW704" s="613"/>
      <c r="QNX704" s="613"/>
      <c r="QNY704" s="613"/>
      <c r="QNZ704" s="613"/>
      <c r="QOA704" s="613"/>
      <c r="QOB704" s="613"/>
      <c r="QOC704" s="613"/>
      <c r="QOD704" s="613"/>
      <c r="QOE704" s="613"/>
      <c r="QOF704" s="613"/>
      <c r="QOG704" s="613"/>
      <c r="QOH704" s="613"/>
      <c r="QOI704" s="613"/>
      <c r="QOJ704" s="613"/>
      <c r="QOK704" s="613"/>
      <c r="QOL704" s="613"/>
      <c r="QOM704" s="613"/>
      <c r="QON704" s="613"/>
      <c r="QOO704" s="613"/>
      <c r="QOP704" s="613"/>
      <c r="QOQ704" s="613"/>
      <c r="QOR704" s="613"/>
      <c r="QOS704" s="613"/>
      <c r="QOT704" s="613"/>
      <c r="QOU704" s="613"/>
      <c r="QOV704" s="613"/>
      <c r="QOW704" s="613"/>
      <c r="QOX704" s="613"/>
      <c r="QOY704" s="613"/>
      <c r="QOZ704" s="613"/>
      <c r="QPA704" s="613"/>
      <c r="QPB704" s="613"/>
      <c r="QPC704" s="613"/>
      <c r="QPD704" s="613"/>
      <c r="QPE704" s="613"/>
      <c r="QPF704" s="613"/>
      <c r="QPG704" s="613"/>
      <c r="QPH704" s="613"/>
      <c r="QPI704" s="613"/>
      <c r="QPJ704" s="613"/>
      <c r="QPK704" s="613"/>
      <c r="QPL704" s="613"/>
      <c r="QPM704" s="613"/>
      <c r="QPN704" s="613"/>
      <c r="QPO704" s="613"/>
      <c r="QPP704" s="613"/>
      <c r="QPQ704" s="613"/>
      <c r="QPR704" s="613"/>
      <c r="QPS704" s="613"/>
      <c r="QPT704" s="613"/>
      <c r="QPU704" s="613"/>
      <c r="QPV704" s="613"/>
      <c r="QPW704" s="613"/>
      <c r="QPX704" s="613"/>
      <c r="QPY704" s="613"/>
      <c r="QPZ704" s="613"/>
      <c r="QQA704" s="613"/>
      <c r="QQB704" s="613"/>
      <c r="QQC704" s="613"/>
      <c r="QQD704" s="613"/>
      <c r="QQE704" s="613"/>
      <c r="QQF704" s="613"/>
      <c r="QQG704" s="613"/>
      <c r="QQH704" s="613"/>
      <c r="QQI704" s="613"/>
      <c r="QQJ704" s="613"/>
      <c r="QQK704" s="613"/>
      <c r="QQL704" s="613"/>
      <c r="QQM704" s="613"/>
      <c r="QQN704" s="613"/>
      <c r="QQO704" s="613"/>
      <c r="QQP704" s="613"/>
      <c r="QQQ704" s="613"/>
      <c r="QQR704" s="613"/>
      <c r="QQS704" s="613"/>
      <c r="QQT704" s="613"/>
      <c r="QQU704" s="613"/>
      <c r="QQV704" s="613"/>
      <c r="QQW704" s="613"/>
      <c r="QQX704" s="613"/>
      <c r="QQY704" s="613"/>
      <c r="QQZ704" s="613"/>
      <c r="QRA704" s="613"/>
      <c r="QRB704" s="613"/>
      <c r="QRC704" s="613"/>
      <c r="QRD704" s="613"/>
      <c r="QRE704" s="613"/>
      <c r="QRF704" s="613"/>
      <c r="QRG704" s="613"/>
      <c r="QRH704" s="613"/>
      <c r="QRI704" s="613"/>
      <c r="QRJ704" s="613"/>
      <c r="QRK704" s="613"/>
      <c r="QRL704" s="613"/>
      <c r="QRM704" s="613"/>
      <c r="QRN704" s="613"/>
      <c r="QRO704" s="613"/>
      <c r="QRP704" s="613"/>
      <c r="QRQ704" s="613"/>
      <c r="QRR704" s="613"/>
      <c r="QRS704" s="613"/>
      <c r="QRT704" s="613"/>
      <c r="QRU704" s="613"/>
      <c r="QRV704" s="613"/>
      <c r="QRW704" s="613"/>
      <c r="QRX704" s="613"/>
      <c r="QRY704" s="613"/>
      <c r="QRZ704" s="613"/>
      <c r="QSA704" s="613"/>
      <c r="QSB704" s="613"/>
      <c r="QSC704" s="613"/>
      <c r="QSD704" s="613"/>
      <c r="QSE704" s="613"/>
      <c r="QSF704" s="613"/>
      <c r="QSG704" s="613"/>
      <c r="QSH704" s="613"/>
      <c r="QSI704" s="613"/>
      <c r="QSJ704" s="613"/>
      <c r="QSK704" s="613"/>
      <c r="QSL704" s="613"/>
      <c r="QSM704" s="613"/>
      <c r="QSN704" s="613"/>
      <c r="QSO704" s="613"/>
      <c r="QSP704" s="613"/>
      <c r="QSQ704" s="613"/>
      <c r="QSR704" s="613"/>
      <c r="QSS704" s="613"/>
      <c r="QST704" s="613"/>
      <c r="QSU704" s="613"/>
      <c r="QSV704" s="613"/>
      <c r="QSW704" s="613"/>
      <c r="QSX704" s="613"/>
      <c r="QSY704" s="613"/>
      <c r="QSZ704" s="613"/>
      <c r="QTA704" s="613"/>
      <c r="QTB704" s="613"/>
      <c r="QTC704" s="613"/>
      <c r="QTD704" s="613"/>
      <c r="QTE704" s="613"/>
      <c r="QTF704" s="613"/>
      <c r="QTG704" s="613"/>
      <c r="QTH704" s="613"/>
      <c r="QTI704" s="613"/>
      <c r="QTJ704" s="613"/>
      <c r="QTK704" s="613"/>
      <c r="QTL704" s="613"/>
      <c r="QTM704" s="613"/>
      <c r="QTN704" s="613"/>
      <c r="QTO704" s="613"/>
      <c r="QTP704" s="613"/>
      <c r="QTQ704" s="613"/>
      <c r="QTR704" s="613"/>
      <c r="QTS704" s="613"/>
      <c r="QTT704" s="613"/>
      <c r="QTU704" s="613"/>
      <c r="QTV704" s="613"/>
      <c r="QTW704" s="613"/>
      <c r="QTX704" s="613"/>
      <c r="QTY704" s="613"/>
      <c r="QTZ704" s="613"/>
      <c r="QUA704" s="613"/>
      <c r="QUB704" s="613"/>
      <c r="QUC704" s="613"/>
      <c r="QUD704" s="613"/>
      <c r="QUE704" s="613"/>
      <c r="QUF704" s="613"/>
      <c r="QUG704" s="613"/>
      <c r="QUH704" s="613"/>
      <c r="QUI704" s="613"/>
      <c r="QUJ704" s="613"/>
      <c r="QUK704" s="613"/>
      <c r="QUL704" s="613"/>
      <c r="QUM704" s="613"/>
      <c r="QUN704" s="613"/>
      <c r="QUO704" s="613"/>
      <c r="QUP704" s="613"/>
      <c r="QUQ704" s="613"/>
      <c r="QUR704" s="613"/>
      <c r="QUS704" s="613"/>
      <c r="QUT704" s="613"/>
      <c r="QUU704" s="613"/>
      <c r="QUV704" s="613"/>
      <c r="QUW704" s="613"/>
      <c r="QUX704" s="613"/>
      <c r="QUY704" s="613"/>
      <c r="QUZ704" s="613"/>
      <c r="QVA704" s="613"/>
      <c r="QVB704" s="613"/>
      <c r="QVC704" s="613"/>
      <c r="QVD704" s="613"/>
      <c r="QVE704" s="613"/>
      <c r="QVF704" s="613"/>
      <c r="QVG704" s="613"/>
      <c r="QVH704" s="613"/>
      <c r="QVI704" s="613"/>
      <c r="QVJ704" s="613"/>
      <c r="QVK704" s="613"/>
      <c r="QVL704" s="613"/>
      <c r="QVM704" s="613"/>
      <c r="QVN704" s="613"/>
      <c r="QVO704" s="613"/>
      <c r="QVP704" s="613"/>
      <c r="QVQ704" s="613"/>
      <c r="QVR704" s="613"/>
      <c r="QVS704" s="613"/>
      <c r="QVT704" s="613"/>
      <c r="QVU704" s="613"/>
      <c r="QVV704" s="613"/>
      <c r="QVW704" s="613"/>
      <c r="QVX704" s="613"/>
      <c r="QVY704" s="613"/>
      <c r="QVZ704" s="613"/>
      <c r="QWA704" s="613"/>
      <c r="QWB704" s="613"/>
      <c r="QWC704" s="613"/>
      <c r="QWD704" s="613"/>
      <c r="QWE704" s="613"/>
      <c r="QWF704" s="613"/>
      <c r="QWG704" s="613"/>
      <c r="QWH704" s="613"/>
      <c r="QWI704" s="613"/>
      <c r="QWJ704" s="613"/>
      <c r="QWK704" s="613"/>
      <c r="QWL704" s="613"/>
      <c r="QWM704" s="613"/>
      <c r="QWN704" s="613"/>
      <c r="QWO704" s="613"/>
      <c r="QWP704" s="613"/>
      <c r="QWQ704" s="613"/>
      <c r="QWR704" s="613"/>
      <c r="QWS704" s="613"/>
      <c r="QWT704" s="613"/>
      <c r="QWU704" s="613"/>
      <c r="QWV704" s="613"/>
      <c r="QWW704" s="613"/>
      <c r="QWX704" s="613"/>
      <c r="QWY704" s="613"/>
      <c r="QWZ704" s="613"/>
      <c r="QXA704" s="613"/>
      <c r="QXB704" s="613"/>
      <c r="QXC704" s="613"/>
      <c r="QXD704" s="613"/>
      <c r="QXE704" s="613"/>
      <c r="QXF704" s="613"/>
      <c r="QXG704" s="613"/>
      <c r="QXH704" s="613"/>
      <c r="QXI704" s="613"/>
      <c r="QXJ704" s="613"/>
      <c r="QXK704" s="613"/>
      <c r="QXL704" s="613"/>
      <c r="QXM704" s="613"/>
      <c r="QXN704" s="613"/>
      <c r="QXO704" s="613"/>
      <c r="QXP704" s="613"/>
      <c r="QXQ704" s="613"/>
      <c r="QXR704" s="613"/>
      <c r="QXS704" s="613"/>
      <c r="QXT704" s="613"/>
      <c r="QXU704" s="613"/>
      <c r="QXV704" s="613"/>
      <c r="QXW704" s="613"/>
      <c r="QXX704" s="613"/>
      <c r="QXY704" s="613"/>
      <c r="QXZ704" s="613"/>
      <c r="QYA704" s="613"/>
      <c r="QYB704" s="613"/>
      <c r="QYC704" s="613"/>
      <c r="QYD704" s="613"/>
      <c r="QYE704" s="613"/>
      <c r="QYF704" s="613"/>
      <c r="QYG704" s="613"/>
      <c r="QYH704" s="613"/>
      <c r="QYI704" s="613"/>
      <c r="QYJ704" s="613"/>
      <c r="QYK704" s="613"/>
      <c r="QYL704" s="613"/>
      <c r="QYM704" s="613"/>
      <c r="QYN704" s="613"/>
      <c r="QYO704" s="613"/>
      <c r="QYP704" s="613"/>
      <c r="QYQ704" s="613"/>
      <c r="QYR704" s="613"/>
      <c r="QYS704" s="613"/>
      <c r="QYT704" s="613"/>
      <c r="QYU704" s="613"/>
      <c r="QYV704" s="613"/>
      <c r="QYW704" s="613"/>
      <c r="QYX704" s="613"/>
      <c r="QYY704" s="613"/>
      <c r="QYZ704" s="613"/>
      <c r="QZA704" s="613"/>
      <c r="QZB704" s="613"/>
      <c r="QZC704" s="613"/>
      <c r="QZD704" s="613"/>
      <c r="QZE704" s="613"/>
      <c r="QZF704" s="613"/>
      <c r="QZG704" s="613"/>
      <c r="QZH704" s="613"/>
      <c r="QZI704" s="613"/>
      <c r="QZJ704" s="613"/>
      <c r="QZK704" s="613"/>
      <c r="QZL704" s="613"/>
      <c r="QZM704" s="613"/>
      <c r="QZN704" s="613"/>
      <c r="QZO704" s="613"/>
      <c r="QZP704" s="613"/>
      <c r="QZQ704" s="613"/>
      <c r="QZR704" s="613"/>
      <c r="QZS704" s="613"/>
      <c r="QZT704" s="613"/>
      <c r="QZU704" s="613"/>
      <c r="QZV704" s="613"/>
      <c r="QZW704" s="613"/>
      <c r="QZX704" s="613"/>
      <c r="QZY704" s="613"/>
      <c r="QZZ704" s="613"/>
      <c r="RAA704" s="613"/>
      <c r="RAB704" s="613"/>
      <c r="RAC704" s="613"/>
      <c r="RAD704" s="613"/>
      <c r="RAE704" s="613"/>
      <c r="RAF704" s="613"/>
      <c r="RAG704" s="613"/>
      <c r="RAH704" s="613"/>
      <c r="RAI704" s="613"/>
      <c r="RAJ704" s="613"/>
      <c r="RAK704" s="613"/>
      <c r="RAL704" s="613"/>
      <c r="RAM704" s="613"/>
      <c r="RAN704" s="613"/>
      <c r="RAO704" s="613"/>
      <c r="RAP704" s="613"/>
      <c r="RAQ704" s="613"/>
      <c r="RAR704" s="613"/>
      <c r="RAS704" s="613"/>
      <c r="RAT704" s="613"/>
      <c r="RAU704" s="613"/>
      <c r="RAV704" s="613"/>
      <c r="RAW704" s="613"/>
      <c r="RAX704" s="613"/>
      <c r="RAY704" s="613"/>
      <c r="RAZ704" s="613"/>
      <c r="RBA704" s="613"/>
      <c r="RBB704" s="613"/>
      <c r="RBC704" s="613"/>
      <c r="RBD704" s="613"/>
      <c r="RBE704" s="613"/>
      <c r="RBF704" s="613"/>
      <c r="RBG704" s="613"/>
      <c r="RBH704" s="613"/>
      <c r="RBI704" s="613"/>
      <c r="RBJ704" s="613"/>
      <c r="RBK704" s="613"/>
      <c r="RBL704" s="613"/>
      <c r="RBM704" s="613"/>
      <c r="RBN704" s="613"/>
      <c r="RBO704" s="613"/>
      <c r="RBP704" s="613"/>
      <c r="RBQ704" s="613"/>
      <c r="RBR704" s="613"/>
      <c r="RBS704" s="613"/>
      <c r="RBT704" s="613"/>
      <c r="RBU704" s="613"/>
      <c r="RBV704" s="613"/>
      <c r="RBW704" s="613"/>
      <c r="RBX704" s="613"/>
      <c r="RBY704" s="613"/>
      <c r="RBZ704" s="613"/>
      <c r="RCA704" s="613"/>
      <c r="RCB704" s="613"/>
      <c r="RCC704" s="613"/>
      <c r="RCD704" s="613"/>
      <c r="RCE704" s="613"/>
      <c r="RCF704" s="613"/>
      <c r="RCG704" s="613"/>
      <c r="RCH704" s="613"/>
      <c r="RCI704" s="613"/>
      <c r="RCJ704" s="613"/>
      <c r="RCK704" s="613"/>
      <c r="RCL704" s="613"/>
      <c r="RCM704" s="613"/>
      <c r="RCN704" s="613"/>
      <c r="RCO704" s="613"/>
      <c r="RCP704" s="613"/>
      <c r="RCQ704" s="613"/>
      <c r="RCR704" s="613"/>
      <c r="RCS704" s="613"/>
      <c r="RCT704" s="613"/>
      <c r="RCU704" s="613"/>
      <c r="RCV704" s="613"/>
      <c r="RCW704" s="613"/>
      <c r="RCX704" s="613"/>
      <c r="RCY704" s="613"/>
      <c r="RCZ704" s="613"/>
      <c r="RDA704" s="613"/>
      <c r="RDB704" s="613"/>
      <c r="RDC704" s="613"/>
      <c r="RDD704" s="613"/>
      <c r="RDE704" s="613"/>
      <c r="RDF704" s="613"/>
      <c r="RDG704" s="613"/>
      <c r="RDH704" s="613"/>
      <c r="RDI704" s="613"/>
      <c r="RDJ704" s="613"/>
      <c r="RDK704" s="613"/>
      <c r="RDL704" s="613"/>
      <c r="RDM704" s="613"/>
      <c r="RDN704" s="613"/>
      <c r="RDO704" s="613"/>
      <c r="RDP704" s="613"/>
      <c r="RDQ704" s="613"/>
      <c r="RDR704" s="613"/>
      <c r="RDS704" s="613"/>
      <c r="RDT704" s="613"/>
      <c r="RDU704" s="613"/>
      <c r="RDV704" s="613"/>
      <c r="RDW704" s="613"/>
      <c r="RDX704" s="613"/>
      <c r="RDY704" s="613"/>
      <c r="RDZ704" s="613"/>
      <c r="REA704" s="613"/>
      <c r="REB704" s="613"/>
      <c r="REC704" s="613"/>
      <c r="RED704" s="613"/>
      <c r="REE704" s="613"/>
      <c r="REF704" s="613"/>
      <c r="REG704" s="613"/>
      <c r="REH704" s="613"/>
      <c r="REI704" s="613"/>
      <c r="REJ704" s="613"/>
      <c r="REK704" s="613"/>
      <c r="REL704" s="613"/>
      <c r="REM704" s="613"/>
      <c r="REN704" s="613"/>
      <c r="REO704" s="613"/>
      <c r="REP704" s="613"/>
      <c r="REQ704" s="613"/>
      <c r="RER704" s="613"/>
      <c r="RES704" s="613"/>
      <c r="RET704" s="613"/>
      <c r="REU704" s="613"/>
      <c r="REV704" s="613"/>
      <c r="REW704" s="613"/>
      <c r="REX704" s="613"/>
      <c r="REY704" s="613"/>
      <c r="REZ704" s="613"/>
      <c r="RFA704" s="613"/>
      <c r="RFB704" s="613"/>
      <c r="RFC704" s="613"/>
      <c r="RFD704" s="613"/>
      <c r="RFE704" s="613"/>
      <c r="RFF704" s="613"/>
      <c r="RFG704" s="613"/>
      <c r="RFH704" s="613"/>
      <c r="RFI704" s="613"/>
      <c r="RFJ704" s="613"/>
      <c r="RFK704" s="613"/>
      <c r="RFL704" s="613"/>
      <c r="RFM704" s="613"/>
      <c r="RFN704" s="613"/>
      <c r="RFO704" s="613"/>
      <c r="RFP704" s="613"/>
      <c r="RFQ704" s="613"/>
      <c r="RFR704" s="613"/>
      <c r="RFS704" s="613"/>
      <c r="RFT704" s="613"/>
      <c r="RFU704" s="613"/>
      <c r="RFV704" s="613"/>
      <c r="RFW704" s="613"/>
      <c r="RFX704" s="613"/>
      <c r="RFY704" s="613"/>
      <c r="RFZ704" s="613"/>
      <c r="RGA704" s="613"/>
      <c r="RGB704" s="613"/>
      <c r="RGC704" s="613"/>
      <c r="RGD704" s="613"/>
      <c r="RGE704" s="613"/>
      <c r="RGF704" s="613"/>
      <c r="RGG704" s="613"/>
      <c r="RGH704" s="613"/>
      <c r="RGI704" s="613"/>
      <c r="RGJ704" s="613"/>
      <c r="RGK704" s="613"/>
      <c r="RGL704" s="613"/>
      <c r="RGM704" s="613"/>
      <c r="RGN704" s="613"/>
      <c r="RGO704" s="613"/>
      <c r="RGP704" s="613"/>
      <c r="RGQ704" s="613"/>
      <c r="RGR704" s="613"/>
      <c r="RGS704" s="613"/>
      <c r="RGT704" s="613"/>
      <c r="RGU704" s="613"/>
      <c r="RGV704" s="613"/>
      <c r="RGW704" s="613"/>
      <c r="RGX704" s="613"/>
      <c r="RGY704" s="613"/>
      <c r="RGZ704" s="613"/>
      <c r="RHA704" s="613"/>
      <c r="RHB704" s="613"/>
      <c r="RHC704" s="613"/>
      <c r="RHD704" s="613"/>
      <c r="RHE704" s="613"/>
      <c r="RHF704" s="613"/>
      <c r="RHG704" s="613"/>
      <c r="RHH704" s="613"/>
      <c r="RHI704" s="613"/>
      <c r="RHJ704" s="613"/>
      <c r="RHK704" s="613"/>
      <c r="RHL704" s="613"/>
      <c r="RHM704" s="613"/>
      <c r="RHN704" s="613"/>
      <c r="RHO704" s="613"/>
      <c r="RHP704" s="613"/>
      <c r="RHQ704" s="613"/>
      <c r="RHR704" s="613"/>
      <c r="RHS704" s="613"/>
      <c r="RHT704" s="613"/>
      <c r="RHU704" s="613"/>
      <c r="RHV704" s="613"/>
      <c r="RHW704" s="613"/>
      <c r="RHX704" s="613"/>
      <c r="RHY704" s="613"/>
      <c r="RHZ704" s="613"/>
      <c r="RIA704" s="613"/>
      <c r="RIB704" s="613"/>
      <c r="RIC704" s="613"/>
      <c r="RID704" s="613"/>
      <c r="RIE704" s="613"/>
      <c r="RIF704" s="613"/>
      <c r="RIG704" s="613"/>
      <c r="RIH704" s="613"/>
      <c r="RII704" s="613"/>
      <c r="RIJ704" s="613"/>
      <c r="RIK704" s="613"/>
      <c r="RIL704" s="613"/>
      <c r="RIM704" s="613"/>
      <c r="RIN704" s="613"/>
      <c r="RIO704" s="613"/>
      <c r="RIP704" s="613"/>
      <c r="RIQ704" s="613"/>
      <c r="RIR704" s="613"/>
      <c r="RIS704" s="613"/>
      <c r="RIT704" s="613"/>
      <c r="RIU704" s="613"/>
      <c r="RIV704" s="613"/>
      <c r="RIW704" s="613"/>
      <c r="RIX704" s="613"/>
      <c r="RIY704" s="613"/>
      <c r="RIZ704" s="613"/>
      <c r="RJA704" s="613"/>
      <c r="RJB704" s="613"/>
      <c r="RJC704" s="613"/>
      <c r="RJD704" s="613"/>
      <c r="RJE704" s="613"/>
      <c r="RJF704" s="613"/>
      <c r="RJG704" s="613"/>
      <c r="RJH704" s="613"/>
      <c r="RJI704" s="613"/>
      <c r="RJJ704" s="613"/>
      <c r="RJK704" s="613"/>
      <c r="RJL704" s="613"/>
      <c r="RJM704" s="613"/>
      <c r="RJN704" s="613"/>
      <c r="RJO704" s="613"/>
      <c r="RJP704" s="613"/>
      <c r="RJQ704" s="613"/>
      <c r="RJR704" s="613"/>
      <c r="RJS704" s="613"/>
      <c r="RJT704" s="613"/>
      <c r="RJU704" s="613"/>
      <c r="RJV704" s="613"/>
      <c r="RJW704" s="613"/>
      <c r="RJX704" s="613"/>
      <c r="RJY704" s="613"/>
      <c r="RJZ704" s="613"/>
      <c r="RKA704" s="613"/>
      <c r="RKB704" s="613"/>
      <c r="RKC704" s="613"/>
      <c r="RKD704" s="613"/>
      <c r="RKE704" s="613"/>
      <c r="RKF704" s="613"/>
      <c r="RKG704" s="613"/>
      <c r="RKH704" s="613"/>
      <c r="RKI704" s="613"/>
      <c r="RKJ704" s="613"/>
      <c r="RKK704" s="613"/>
      <c r="RKL704" s="613"/>
      <c r="RKM704" s="613"/>
      <c r="RKN704" s="613"/>
      <c r="RKO704" s="613"/>
      <c r="RKP704" s="613"/>
      <c r="RKQ704" s="613"/>
      <c r="RKR704" s="613"/>
      <c r="RKS704" s="613"/>
      <c r="RKT704" s="613"/>
      <c r="RKU704" s="613"/>
      <c r="RKV704" s="613"/>
      <c r="RKW704" s="613"/>
      <c r="RKX704" s="613"/>
      <c r="RKY704" s="613"/>
      <c r="RKZ704" s="613"/>
      <c r="RLA704" s="613"/>
      <c r="RLB704" s="613"/>
      <c r="RLC704" s="613"/>
      <c r="RLD704" s="613"/>
      <c r="RLE704" s="613"/>
      <c r="RLF704" s="613"/>
      <c r="RLG704" s="613"/>
      <c r="RLH704" s="613"/>
      <c r="RLI704" s="613"/>
      <c r="RLJ704" s="613"/>
      <c r="RLK704" s="613"/>
      <c r="RLL704" s="613"/>
      <c r="RLM704" s="613"/>
      <c r="RLN704" s="613"/>
      <c r="RLO704" s="613"/>
      <c r="RLP704" s="613"/>
      <c r="RLQ704" s="613"/>
      <c r="RLR704" s="613"/>
      <c r="RLS704" s="613"/>
      <c r="RLT704" s="613"/>
      <c r="RLU704" s="613"/>
      <c r="RLV704" s="613"/>
      <c r="RLW704" s="613"/>
      <c r="RLX704" s="613"/>
      <c r="RLY704" s="613"/>
      <c r="RLZ704" s="613"/>
      <c r="RMA704" s="613"/>
      <c r="RMB704" s="613"/>
      <c r="RMC704" s="613"/>
      <c r="RMD704" s="613"/>
      <c r="RME704" s="613"/>
      <c r="RMF704" s="613"/>
      <c r="RMG704" s="613"/>
      <c r="RMH704" s="613"/>
      <c r="RMI704" s="613"/>
      <c r="RMJ704" s="613"/>
      <c r="RMK704" s="613"/>
      <c r="RML704" s="613"/>
      <c r="RMM704" s="613"/>
      <c r="RMN704" s="613"/>
      <c r="RMO704" s="613"/>
      <c r="RMP704" s="613"/>
      <c r="RMQ704" s="613"/>
      <c r="RMR704" s="613"/>
      <c r="RMS704" s="613"/>
      <c r="RMT704" s="613"/>
      <c r="RMU704" s="613"/>
      <c r="RMV704" s="613"/>
      <c r="RMW704" s="613"/>
      <c r="RMX704" s="613"/>
      <c r="RMY704" s="613"/>
      <c r="RMZ704" s="613"/>
      <c r="RNA704" s="613"/>
      <c r="RNB704" s="613"/>
      <c r="RNC704" s="613"/>
      <c r="RND704" s="613"/>
      <c r="RNE704" s="613"/>
      <c r="RNF704" s="613"/>
      <c r="RNG704" s="613"/>
      <c r="RNH704" s="613"/>
      <c r="RNI704" s="613"/>
      <c r="RNJ704" s="613"/>
      <c r="RNK704" s="613"/>
      <c r="RNL704" s="613"/>
      <c r="RNM704" s="613"/>
      <c r="RNN704" s="613"/>
      <c r="RNO704" s="613"/>
      <c r="RNP704" s="613"/>
      <c r="RNQ704" s="613"/>
      <c r="RNR704" s="613"/>
      <c r="RNS704" s="613"/>
      <c r="RNT704" s="613"/>
      <c r="RNU704" s="613"/>
      <c r="RNV704" s="613"/>
      <c r="RNW704" s="613"/>
      <c r="RNX704" s="613"/>
      <c r="RNY704" s="613"/>
      <c r="RNZ704" s="613"/>
      <c r="ROA704" s="613"/>
      <c r="ROB704" s="613"/>
      <c r="ROC704" s="613"/>
      <c r="ROD704" s="613"/>
      <c r="ROE704" s="613"/>
      <c r="ROF704" s="613"/>
      <c r="ROG704" s="613"/>
      <c r="ROH704" s="613"/>
      <c r="ROI704" s="613"/>
      <c r="ROJ704" s="613"/>
      <c r="ROK704" s="613"/>
      <c r="ROL704" s="613"/>
      <c r="ROM704" s="613"/>
      <c r="RON704" s="613"/>
      <c r="ROO704" s="613"/>
      <c r="ROP704" s="613"/>
      <c r="ROQ704" s="613"/>
      <c r="ROR704" s="613"/>
      <c r="ROS704" s="613"/>
      <c r="ROT704" s="613"/>
      <c r="ROU704" s="613"/>
      <c r="ROV704" s="613"/>
      <c r="ROW704" s="613"/>
      <c r="ROX704" s="613"/>
      <c r="ROY704" s="613"/>
      <c r="ROZ704" s="613"/>
      <c r="RPA704" s="613"/>
      <c r="RPB704" s="613"/>
      <c r="RPC704" s="613"/>
      <c r="RPD704" s="613"/>
      <c r="RPE704" s="613"/>
      <c r="RPF704" s="613"/>
      <c r="RPG704" s="613"/>
      <c r="RPH704" s="613"/>
      <c r="RPI704" s="613"/>
      <c r="RPJ704" s="613"/>
      <c r="RPK704" s="613"/>
      <c r="RPL704" s="613"/>
      <c r="RPM704" s="613"/>
      <c r="RPN704" s="613"/>
      <c r="RPO704" s="613"/>
      <c r="RPP704" s="613"/>
      <c r="RPQ704" s="613"/>
      <c r="RPR704" s="613"/>
      <c r="RPS704" s="613"/>
      <c r="RPT704" s="613"/>
      <c r="RPU704" s="613"/>
      <c r="RPV704" s="613"/>
      <c r="RPW704" s="613"/>
      <c r="RPX704" s="613"/>
      <c r="RPY704" s="613"/>
      <c r="RPZ704" s="613"/>
      <c r="RQA704" s="613"/>
      <c r="RQB704" s="613"/>
      <c r="RQC704" s="613"/>
      <c r="RQD704" s="613"/>
      <c r="RQE704" s="613"/>
      <c r="RQF704" s="613"/>
      <c r="RQG704" s="613"/>
      <c r="RQH704" s="613"/>
      <c r="RQI704" s="613"/>
      <c r="RQJ704" s="613"/>
      <c r="RQK704" s="613"/>
      <c r="RQL704" s="613"/>
      <c r="RQM704" s="613"/>
      <c r="RQN704" s="613"/>
      <c r="RQO704" s="613"/>
      <c r="RQP704" s="613"/>
      <c r="RQQ704" s="613"/>
      <c r="RQR704" s="613"/>
      <c r="RQS704" s="613"/>
      <c r="RQT704" s="613"/>
      <c r="RQU704" s="613"/>
      <c r="RQV704" s="613"/>
      <c r="RQW704" s="613"/>
      <c r="RQX704" s="613"/>
      <c r="RQY704" s="613"/>
      <c r="RQZ704" s="613"/>
      <c r="RRA704" s="613"/>
      <c r="RRB704" s="613"/>
      <c r="RRC704" s="613"/>
      <c r="RRD704" s="613"/>
      <c r="RRE704" s="613"/>
      <c r="RRF704" s="613"/>
      <c r="RRG704" s="613"/>
      <c r="RRH704" s="613"/>
      <c r="RRI704" s="613"/>
      <c r="RRJ704" s="613"/>
      <c r="RRK704" s="613"/>
      <c r="RRL704" s="613"/>
      <c r="RRM704" s="613"/>
      <c r="RRN704" s="613"/>
      <c r="RRO704" s="613"/>
      <c r="RRP704" s="613"/>
      <c r="RRQ704" s="613"/>
      <c r="RRR704" s="613"/>
      <c r="RRS704" s="613"/>
      <c r="RRT704" s="613"/>
      <c r="RRU704" s="613"/>
      <c r="RRV704" s="613"/>
      <c r="RRW704" s="613"/>
      <c r="RRX704" s="613"/>
      <c r="RRY704" s="613"/>
      <c r="RRZ704" s="613"/>
      <c r="RSA704" s="613"/>
      <c r="RSB704" s="613"/>
      <c r="RSC704" s="613"/>
      <c r="RSD704" s="613"/>
      <c r="RSE704" s="613"/>
      <c r="RSF704" s="613"/>
      <c r="RSG704" s="613"/>
      <c r="RSH704" s="613"/>
      <c r="RSI704" s="613"/>
      <c r="RSJ704" s="613"/>
      <c r="RSK704" s="613"/>
      <c r="RSL704" s="613"/>
      <c r="RSM704" s="613"/>
      <c r="RSN704" s="613"/>
      <c r="RSO704" s="613"/>
      <c r="RSP704" s="613"/>
      <c r="RSQ704" s="613"/>
      <c r="RSR704" s="613"/>
      <c r="RSS704" s="613"/>
      <c r="RST704" s="613"/>
      <c r="RSU704" s="613"/>
      <c r="RSV704" s="613"/>
      <c r="RSW704" s="613"/>
      <c r="RSX704" s="613"/>
      <c r="RSY704" s="613"/>
      <c r="RSZ704" s="613"/>
      <c r="RTA704" s="613"/>
      <c r="RTB704" s="613"/>
      <c r="RTC704" s="613"/>
      <c r="RTD704" s="613"/>
      <c r="RTE704" s="613"/>
      <c r="RTF704" s="613"/>
      <c r="RTG704" s="613"/>
      <c r="RTH704" s="613"/>
      <c r="RTI704" s="613"/>
      <c r="RTJ704" s="613"/>
      <c r="RTK704" s="613"/>
      <c r="RTL704" s="613"/>
      <c r="RTM704" s="613"/>
      <c r="RTN704" s="613"/>
      <c r="RTO704" s="613"/>
      <c r="RTP704" s="613"/>
      <c r="RTQ704" s="613"/>
      <c r="RTR704" s="613"/>
      <c r="RTS704" s="613"/>
      <c r="RTT704" s="613"/>
      <c r="RTU704" s="613"/>
      <c r="RTV704" s="613"/>
      <c r="RTW704" s="613"/>
      <c r="RTX704" s="613"/>
      <c r="RTY704" s="613"/>
      <c r="RTZ704" s="613"/>
      <c r="RUA704" s="613"/>
      <c r="RUB704" s="613"/>
      <c r="RUC704" s="613"/>
      <c r="RUD704" s="613"/>
      <c r="RUE704" s="613"/>
      <c r="RUF704" s="613"/>
      <c r="RUG704" s="613"/>
      <c r="RUH704" s="613"/>
      <c r="RUI704" s="613"/>
      <c r="RUJ704" s="613"/>
      <c r="RUK704" s="613"/>
      <c r="RUL704" s="613"/>
      <c r="RUM704" s="613"/>
      <c r="RUN704" s="613"/>
      <c r="RUO704" s="613"/>
      <c r="RUP704" s="613"/>
      <c r="RUQ704" s="613"/>
      <c r="RUR704" s="613"/>
      <c r="RUS704" s="613"/>
      <c r="RUT704" s="613"/>
      <c r="RUU704" s="613"/>
      <c r="RUV704" s="613"/>
      <c r="RUW704" s="613"/>
      <c r="RUX704" s="613"/>
      <c r="RUY704" s="613"/>
      <c r="RUZ704" s="613"/>
      <c r="RVA704" s="613"/>
      <c r="RVB704" s="613"/>
      <c r="RVC704" s="613"/>
      <c r="RVD704" s="613"/>
      <c r="RVE704" s="613"/>
      <c r="RVF704" s="613"/>
      <c r="RVG704" s="613"/>
      <c r="RVH704" s="613"/>
      <c r="RVI704" s="613"/>
      <c r="RVJ704" s="613"/>
      <c r="RVK704" s="613"/>
      <c r="RVL704" s="613"/>
      <c r="RVM704" s="613"/>
      <c r="RVN704" s="613"/>
      <c r="RVO704" s="613"/>
      <c r="RVP704" s="613"/>
      <c r="RVQ704" s="613"/>
      <c r="RVR704" s="613"/>
      <c r="RVS704" s="613"/>
      <c r="RVT704" s="613"/>
      <c r="RVU704" s="613"/>
      <c r="RVV704" s="613"/>
      <c r="RVW704" s="613"/>
      <c r="RVX704" s="613"/>
      <c r="RVY704" s="613"/>
      <c r="RVZ704" s="613"/>
      <c r="RWA704" s="613"/>
      <c r="RWB704" s="613"/>
      <c r="RWC704" s="613"/>
      <c r="RWD704" s="613"/>
      <c r="RWE704" s="613"/>
      <c r="RWF704" s="613"/>
      <c r="RWG704" s="613"/>
      <c r="RWH704" s="613"/>
      <c r="RWI704" s="613"/>
      <c r="RWJ704" s="613"/>
      <c r="RWK704" s="613"/>
      <c r="RWL704" s="613"/>
      <c r="RWM704" s="613"/>
      <c r="RWN704" s="613"/>
      <c r="RWO704" s="613"/>
      <c r="RWP704" s="613"/>
      <c r="RWQ704" s="613"/>
      <c r="RWR704" s="613"/>
      <c r="RWS704" s="613"/>
      <c r="RWT704" s="613"/>
      <c r="RWU704" s="613"/>
      <c r="RWV704" s="613"/>
      <c r="RWW704" s="613"/>
      <c r="RWX704" s="613"/>
      <c r="RWY704" s="613"/>
      <c r="RWZ704" s="613"/>
      <c r="RXA704" s="613"/>
      <c r="RXB704" s="613"/>
      <c r="RXC704" s="613"/>
      <c r="RXD704" s="613"/>
      <c r="RXE704" s="613"/>
      <c r="RXF704" s="613"/>
      <c r="RXG704" s="613"/>
      <c r="RXH704" s="613"/>
      <c r="RXI704" s="613"/>
      <c r="RXJ704" s="613"/>
      <c r="RXK704" s="613"/>
      <c r="RXL704" s="613"/>
      <c r="RXM704" s="613"/>
      <c r="RXN704" s="613"/>
      <c r="RXO704" s="613"/>
      <c r="RXP704" s="613"/>
      <c r="RXQ704" s="613"/>
      <c r="RXR704" s="613"/>
      <c r="RXS704" s="613"/>
      <c r="RXT704" s="613"/>
      <c r="RXU704" s="613"/>
      <c r="RXV704" s="613"/>
      <c r="RXW704" s="613"/>
      <c r="RXX704" s="613"/>
      <c r="RXY704" s="613"/>
      <c r="RXZ704" s="613"/>
      <c r="RYA704" s="613"/>
      <c r="RYB704" s="613"/>
      <c r="RYC704" s="613"/>
      <c r="RYD704" s="613"/>
      <c r="RYE704" s="613"/>
      <c r="RYF704" s="613"/>
      <c r="RYG704" s="613"/>
      <c r="RYH704" s="613"/>
      <c r="RYI704" s="613"/>
      <c r="RYJ704" s="613"/>
      <c r="RYK704" s="613"/>
      <c r="RYL704" s="613"/>
      <c r="RYM704" s="613"/>
      <c r="RYN704" s="613"/>
      <c r="RYO704" s="613"/>
      <c r="RYP704" s="613"/>
      <c r="RYQ704" s="613"/>
      <c r="RYR704" s="613"/>
      <c r="RYS704" s="613"/>
      <c r="RYT704" s="613"/>
      <c r="RYU704" s="613"/>
      <c r="RYV704" s="613"/>
      <c r="RYW704" s="613"/>
      <c r="RYX704" s="613"/>
      <c r="RYY704" s="613"/>
      <c r="RYZ704" s="613"/>
      <c r="RZA704" s="613"/>
      <c r="RZB704" s="613"/>
      <c r="RZC704" s="613"/>
      <c r="RZD704" s="613"/>
      <c r="RZE704" s="613"/>
      <c r="RZF704" s="613"/>
      <c r="RZG704" s="613"/>
      <c r="RZH704" s="613"/>
      <c r="RZI704" s="613"/>
      <c r="RZJ704" s="613"/>
      <c r="RZK704" s="613"/>
      <c r="RZL704" s="613"/>
      <c r="RZM704" s="613"/>
      <c r="RZN704" s="613"/>
      <c r="RZO704" s="613"/>
      <c r="RZP704" s="613"/>
      <c r="RZQ704" s="613"/>
      <c r="RZR704" s="613"/>
      <c r="RZS704" s="613"/>
      <c r="RZT704" s="613"/>
      <c r="RZU704" s="613"/>
      <c r="RZV704" s="613"/>
      <c r="RZW704" s="613"/>
      <c r="RZX704" s="613"/>
      <c r="RZY704" s="613"/>
      <c r="RZZ704" s="613"/>
      <c r="SAA704" s="613"/>
      <c r="SAB704" s="613"/>
      <c r="SAC704" s="613"/>
      <c r="SAD704" s="613"/>
      <c r="SAE704" s="613"/>
      <c r="SAF704" s="613"/>
      <c r="SAG704" s="613"/>
      <c r="SAH704" s="613"/>
      <c r="SAI704" s="613"/>
      <c r="SAJ704" s="613"/>
      <c r="SAK704" s="613"/>
      <c r="SAL704" s="613"/>
      <c r="SAM704" s="613"/>
      <c r="SAN704" s="613"/>
      <c r="SAO704" s="613"/>
      <c r="SAP704" s="613"/>
      <c r="SAQ704" s="613"/>
      <c r="SAR704" s="613"/>
      <c r="SAS704" s="613"/>
      <c r="SAT704" s="613"/>
      <c r="SAU704" s="613"/>
      <c r="SAV704" s="613"/>
      <c r="SAW704" s="613"/>
      <c r="SAX704" s="613"/>
      <c r="SAY704" s="613"/>
      <c r="SAZ704" s="613"/>
      <c r="SBA704" s="613"/>
      <c r="SBB704" s="613"/>
      <c r="SBC704" s="613"/>
      <c r="SBD704" s="613"/>
      <c r="SBE704" s="613"/>
      <c r="SBF704" s="613"/>
      <c r="SBG704" s="613"/>
      <c r="SBH704" s="613"/>
      <c r="SBI704" s="613"/>
      <c r="SBJ704" s="613"/>
      <c r="SBK704" s="613"/>
      <c r="SBL704" s="613"/>
      <c r="SBM704" s="613"/>
      <c r="SBN704" s="613"/>
      <c r="SBO704" s="613"/>
      <c r="SBP704" s="613"/>
      <c r="SBQ704" s="613"/>
      <c r="SBR704" s="613"/>
      <c r="SBS704" s="613"/>
      <c r="SBT704" s="613"/>
      <c r="SBU704" s="613"/>
      <c r="SBV704" s="613"/>
      <c r="SBW704" s="613"/>
      <c r="SBX704" s="613"/>
      <c r="SBY704" s="613"/>
      <c r="SBZ704" s="613"/>
      <c r="SCA704" s="613"/>
      <c r="SCB704" s="613"/>
      <c r="SCC704" s="613"/>
      <c r="SCD704" s="613"/>
      <c r="SCE704" s="613"/>
      <c r="SCF704" s="613"/>
      <c r="SCG704" s="613"/>
      <c r="SCH704" s="613"/>
      <c r="SCI704" s="613"/>
      <c r="SCJ704" s="613"/>
      <c r="SCK704" s="613"/>
      <c r="SCL704" s="613"/>
      <c r="SCM704" s="613"/>
      <c r="SCN704" s="613"/>
      <c r="SCO704" s="613"/>
      <c r="SCP704" s="613"/>
      <c r="SCQ704" s="613"/>
      <c r="SCR704" s="613"/>
      <c r="SCS704" s="613"/>
      <c r="SCT704" s="613"/>
      <c r="SCU704" s="613"/>
      <c r="SCV704" s="613"/>
      <c r="SCW704" s="613"/>
      <c r="SCX704" s="613"/>
      <c r="SCY704" s="613"/>
      <c r="SCZ704" s="613"/>
      <c r="SDA704" s="613"/>
      <c r="SDB704" s="613"/>
      <c r="SDC704" s="613"/>
      <c r="SDD704" s="613"/>
      <c r="SDE704" s="613"/>
      <c r="SDF704" s="613"/>
      <c r="SDG704" s="613"/>
      <c r="SDH704" s="613"/>
      <c r="SDI704" s="613"/>
      <c r="SDJ704" s="613"/>
      <c r="SDK704" s="613"/>
      <c r="SDL704" s="613"/>
      <c r="SDM704" s="613"/>
      <c r="SDN704" s="613"/>
      <c r="SDO704" s="613"/>
      <c r="SDP704" s="613"/>
      <c r="SDQ704" s="613"/>
      <c r="SDR704" s="613"/>
      <c r="SDS704" s="613"/>
      <c r="SDT704" s="613"/>
      <c r="SDU704" s="613"/>
      <c r="SDV704" s="613"/>
      <c r="SDW704" s="613"/>
      <c r="SDX704" s="613"/>
      <c r="SDY704" s="613"/>
      <c r="SDZ704" s="613"/>
      <c r="SEA704" s="613"/>
      <c r="SEB704" s="613"/>
      <c r="SEC704" s="613"/>
      <c r="SED704" s="613"/>
      <c r="SEE704" s="613"/>
      <c r="SEF704" s="613"/>
      <c r="SEG704" s="613"/>
      <c r="SEH704" s="613"/>
      <c r="SEI704" s="613"/>
      <c r="SEJ704" s="613"/>
      <c r="SEK704" s="613"/>
      <c r="SEL704" s="613"/>
      <c r="SEM704" s="613"/>
      <c r="SEN704" s="613"/>
      <c r="SEO704" s="613"/>
      <c r="SEP704" s="613"/>
      <c r="SEQ704" s="613"/>
      <c r="SER704" s="613"/>
      <c r="SES704" s="613"/>
      <c r="SET704" s="613"/>
      <c r="SEU704" s="613"/>
      <c r="SEV704" s="613"/>
      <c r="SEW704" s="613"/>
      <c r="SEX704" s="613"/>
      <c r="SEY704" s="613"/>
      <c r="SEZ704" s="613"/>
      <c r="SFA704" s="613"/>
      <c r="SFB704" s="613"/>
      <c r="SFC704" s="613"/>
      <c r="SFD704" s="613"/>
      <c r="SFE704" s="613"/>
      <c r="SFF704" s="613"/>
      <c r="SFG704" s="613"/>
      <c r="SFH704" s="613"/>
      <c r="SFI704" s="613"/>
      <c r="SFJ704" s="613"/>
      <c r="SFK704" s="613"/>
      <c r="SFL704" s="613"/>
      <c r="SFM704" s="613"/>
      <c r="SFN704" s="613"/>
      <c r="SFO704" s="613"/>
      <c r="SFP704" s="613"/>
      <c r="SFQ704" s="613"/>
      <c r="SFR704" s="613"/>
      <c r="SFS704" s="613"/>
      <c r="SFT704" s="613"/>
      <c r="SFU704" s="613"/>
      <c r="SFV704" s="613"/>
      <c r="SFW704" s="613"/>
      <c r="SFX704" s="613"/>
      <c r="SFY704" s="613"/>
      <c r="SFZ704" s="613"/>
      <c r="SGA704" s="613"/>
      <c r="SGB704" s="613"/>
      <c r="SGC704" s="613"/>
      <c r="SGD704" s="613"/>
      <c r="SGE704" s="613"/>
      <c r="SGF704" s="613"/>
      <c r="SGG704" s="613"/>
      <c r="SGH704" s="613"/>
      <c r="SGI704" s="613"/>
      <c r="SGJ704" s="613"/>
      <c r="SGK704" s="613"/>
      <c r="SGL704" s="613"/>
      <c r="SGM704" s="613"/>
      <c r="SGN704" s="613"/>
      <c r="SGO704" s="613"/>
      <c r="SGP704" s="613"/>
      <c r="SGQ704" s="613"/>
      <c r="SGR704" s="613"/>
      <c r="SGS704" s="613"/>
      <c r="SGT704" s="613"/>
      <c r="SGU704" s="613"/>
      <c r="SGV704" s="613"/>
      <c r="SGW704" s="613"/>
      <c r="SGX704" s="613"/>
      <c r="SGY704" s="613"/>
      <c r="SGZ704" s="613"/>
      <c r="SHA704" s="613"/>
      <c r="SHB704" s="613"/>
      <c r="SHC704" s="613"/>
      <c r="SHD704" s="613"/>
      <c r="SHE704" s="613"/>
      <c r="SHF704" s="613"/>
      <c r="SHG704" s="613"/>
      <c r="SHH704" s="613"/>
      <c r="SHI704" s="613"/>
      <c r="SHJ704" s="613"/>
      <c r="SHK704" s="613"/>
      <c r="SHL704" s="613"/>
      <c r="SHM704" s="613"/>
      <c r="SHN704" s="613"/>
      <c r="SHO704" s="613"/>
      <c r="SHP704" s="613"/>
      <c r="SHQ704" s="613"/>
      <c r="SHR704" s="613"/>
      <c r="SHS704" s="613"/>
      <c r="SHT704" s="613"/>
      <c r="SHU704" s="613"/>
      <c r="SHV704" s="613"/>
      <c r="SHW704" s="613"/>
      <c r="SHX704" s="613"/>
      <c r="SHY704" s="613"/>
      <c r="SHZ704" s="613"/>
      <c r="SIA704" s="613"/>
      <c r="SIB704" s="613"/>
      <c r="SIC704" s="613"/>
      <c r="SID704" s="613"/>
      <c r="SIE704" s="613"/>
      <c r="SIF704" s="613"/>
      <c r="SIG704" s="613"/>
      <c r="SIH704" s="613"/>
      <c r="SII704" s="613"/>
      <c r="SIJ704" s="613"/>
      <c r="SIK704" s="613"/>
      <c r="SIL704" s="613"/>
      <c r="SIM704" s="613"/>
      <c r="SIN704" s="613"/>
      <c r="SIO704" s="613"/>
      <c r="SIP704" s="613"/>
      <c r="SIQ704" s="613"/>
      <c r="SIR704" s="613"/>
      <c r="SIS704" s="613"/>
      <c r="SIT704" s="613"/>
      <c r="SIU704" s="613"/>
      <c r="SIV704" s="613"/>
      <c r="SIW704" s="613"/>
      <c r="SIX704" s="613"/>
      <c r="SIY704" s="613"/>
      <c r="SIZ704" s="613"/>
      <c r="SJA704" s="613"/>
      <c r="SJB704" s="613"/>
      <c r="SJC704" s="613"/>
      <c r="SJD704" s="613"/>
      <c r="SJE704" s="613"/>
      <c r="SJF704" s="613"/>
      <c r="SJG704" s="613"/>
      <c r="SJH704" s="613"/>
      <c r="SJI704" s="613"/>
      <c r="SJJ704" s="613"/>
      <c r="SJK704" s="613"/>
      <c r="SJL704" s="613"/>
      <c r="SJM704" s="613"/>
      <c r="SJN704" s="613"/>
      <c r="SJO704" s="613"/>
      <c r="SJP704" s="613"/>
      <c r="SJQ704" s="613"/>
      <c r="SJR704" s="613"/>
      <c r="SJS704" s="613"/>
      <c r="SJT704" s="613"/>
      <c r="SJU704" s="613"/>
      <c r="SJV704" s="613"/>
      <c r="SJW704" s="613"/>
      <c r="SJX704" s="613"/>
      <c r="SJY704" s="613"/>
      <c r="SJZ704" s="613"/>
      <c r="SKA704" s="613"/>
      <c r="SKB704" s="613"/>
      <c r="SKC704" s="613"/>
      <c r="SKD704" s="613"/>
      <c r="SKE704" s="613"/>
      <c r="SKF704" s="613"/>
      <c r="SKG704" s="613"/>
      <c r="SKH704" s="613"/>
      <c r="SKI704" s="613"/>
      <c r="SKJ704" s="613"/>
      <c r="SKK704" s="613"/>
      <c r="SKL704" s="613"/>
      <c r="SKM704" s="613"/>
      <c r="SKN704" s="613"/>
      <c r="SKO704" s="613"/>
      <c r="SKP704" s="613"/>
      <c r="SKQ704" s="613"/>
      <c r="SKR704" s="613"/>
      <c r="SKS704" s="613"/>
      <c r="SKT704" s="613"/>
      <c r="SKU704" s="613"/>
      <c r="SKV704" s="613"/>
      <c r="SKW704" s="613"/>
      <c r="SKX704" s="613"/>
      <c r="SKY704" s="613"/>
      <c r="SKZ704" s="613"/>
      <c r="SLA704" s="613"/>
      <c r="SLB704" s="613"/>
      <c r="SLC704" s="613"/>
      <c r="SLD704" s="613"/>
      <c r="SLE704" s="613"/>
      <c r="SLF704" s="613"/>
      <c r="SLG704" s="613"/>
      <c r="SLH704" s="613"/>
      <c r="SLI704" s="613"/>
      <c r="SLJ704" s="613"/>
      <c r="SLK704" s="613"/>
      <c r="SLL704" s="613"/>
      <c r="SLM704" s="613"/>
      <c r="SLN704" s="613"/>
      <c r="SLO704" s="613"/>
      <c r="SLP704" s="613"/>
      <c r="SLQ704" s="613"/>
      <c r="SLR704" s="613"/>
      <c r="SLS704" s="613"/>
      <c r="SLT704" s="613"/>
      <c r="SLU704" s="613"/>
      <c r="SLV704" s="613"/>
      <c r="SLW704" s="613"/>
      <c r="SLX704" s="613"/>
      <c r="SLY704" s="613"/>
      <c r="SLZ704" s="613"/>
      <c r="SMA704" s="613"/>
      <c r="SMB704" s="613"/>
      <c r="SMC704" s="613"/>
      <c r="SMD704" s="613"/>
      <c r="SME704" s="613"/>
      <c r="SMF704" s="613"/>
      <c r="SMG704" s="613"/>
      <c r="SMH704" s="613"/>
      <c r="SMI704" s="613"/>
      <c r="SMJ704" s="613"/>
      <c r="SMK704" s="613"/>
      <c r="SML704" s="613"/>
      <c r="SMM704" s="613"/>
      <c r="SMN704" s="613"/>
      <c r="SMO704" s="613"/>
      <c r="SMP704" s="613"/>
      <c r="SMQ704" s="613"/>
      <c r="SMR704" s="613"/>
      <c r="SMS704" s="613"/>
      <c r="SMT704" s="613"/>
      <c r="SMU704" s="613"/>
      <c r="SMV704" s="613"/>
      <c r="SMW704" s="613"/>
      <c r="SMX704" s="613"/>
      <c r="SMY704" s="613"/>
      <c r="SMZ704" s="613"/>
      <c r="SNA704" s="613"/>
      <c r="SNB704" s="613"/>
      <c r="SNC704" s="613"/>
      <c r="SND704" s="613"/>
      <c r="SNE704" s="613"/>
      <c r="SNF704" s="613"/>
      <c r="SNG704" s="613"/>
      <c r="SNH704" s="613"/>
      <c r="SNI704" s="613"/>
      <c r="SNJ704" s="613"/>
      <c r="SNK704" s="613"/>
      <c r="SNL704" s="613"/>
      <c r="SNM704" s="613"/>
      <c r="SNN704" s="613"/>
      <c r="SNO704" s="613"/>
      <c r="SNP704" s="613"/>
      <c r="SNQ704" s="613"/>
      <c r="SNR704" s="613"/>
      <c r="SNS704" s="613"/>
      <c r="SNT704" s="613"/>
      <c r="SNU704" s="613"/>
      <c r="SNV704" s="613"/>
      <c r="SNW704" s="613"/>
      <c r="SNX704" s="613"/>
      <c r="SNY704" s="613"/>
      <c r="SNZ704" s="613"/>
      <c r="SOA704" s="613"/>
      <c r="SOB704" s="613"/>
      <c r="SOC704" s="613"/>
      <c r="SOD704" s="613"/>
      <c r="SOE704" s="613"/>
      <c r="SOF704" s="613"/>
      <c r="SOG704" s="613"/>
      <c r="SOH704" s="613"/>
      <c r="SOI704" s="613"/>
      <c r="SOJ704" s="613"/>
      <c r="SOK704" s="613"/>
      <c r="SOL704" s="613"/>
      <c r="SOM704" s="613"/>
      <c r="SON704" s="613"/>
      <c r="SOO704" s="613"/>
      <c r="SOP704" s="613"/>
      <c r="SOQ704" s="613"/>
      <c r="SOR704" s="613"/>
      <c r="SOS704" s="613"/>
      <c r="SOT704" s="613"/>
      <c r="SOU704" s="613"/>
      <c r="SOV704" s="613"/>
      <c r="SOW704" s="613"/>
      <c r="SOX704" s="613"/>
      <c r="SOY704" s="613"/>
      <c r="SOZ704" s="613"/>
      <c r="SPA704" s="613"/>
      <c r="SPB704" s="613"/>
      <c r="SPC704" s="613"/>
      <c r="SPD704" s="613"/>
      <c r="SPE704" s="613"/>
      <c r="SPF704" s="613"/>
      <c r="SPG704" s="613"/>
      <c r="SPH704" s="613"/>
      <c r="SPI704" s="613"/>
      <c r="SPJ704" s="613"/>
      <c r="SPK704" s="613"/>
      <c r="SPL704" s="613"/>
      <c r="SPM704" s="613"/>
      <c r="SPN704" s="613"/>
      <c r="SPO704" s="613"/>
      <c r="SPP704" s="613"/>
      <c r="SPQ704" s="613"/>
      <c r="SPR704" s="613"/>
      <c r="SPS704" s="613"/>
      <c r="SPT704" s="613"/>
      <c r="SPU704" s="613"/>
      <c r="SPV704" s="613"/>
      <c r="SPW704" s="613"/>
      <c r="SPX704" s="613"/>
      <c r="SPY704" s="613"/>
      <c r="SPZ704" s="613"/>
      <c r="SQA704" s="613"/>
      <c r="SQB704" s="613"/>
      <c r="SQC704" s="613"/>
      <c r="SQD704" s="613"/>
      <c r="SQE704" s="613"/>
      <c r="SQF704" s="613"/>
      <c r="SQG704" s="613"/>
      <c r="SQH704" s="613"/>
      <c r="SQI704" s="613"/>
      <c r="SQJ704" s="613"/>
      <c r="SQK704" s="613"/>
      <c r="SQL704" s="613"/>
      <c r="SQM704" s="613"/>
      <c r="SQN704" s="613"/>
      <c r="SQO704" s="613"/>
      <c r="SQP704" s="613"/>
      <c r="SQQ704" s="613"/>
      <c r="SQR704" s="613"/>
      <c r="SQS704" s="613"/>
      <c r="SQT704" s="613"/>
      <c r="SQU704" s="613"/>
      <c r="SQV704" s="613"/>
      <c r="SQW704" s="613"/>
      <c r="SQX704" s="613"/>
      <c r="SQY704" s="613"/>
      <c r="SQZ704" s="613"/>
      <c r="SRA704" s="613"/>
      <c r="SRB704" s="613"/>
      <c r="SRC704" s="613"/>
      <c r="SRD704" s="613"/>
      <c r="SRE704" s="613"/>
      <c r="SRF704" s="613"/>
      <c r="SRG704" s="613"/>
      <c r="SRH704" s="613"/>
      <c r="SRI704" s="613"/>
      <c r="SRJ704" s="613"/>
      <c r="SRK704" s="613"/>
      <c r="SRL704" s="613"/>
      <c r="SRM704" s="613"/>
      <c r="SRN704" s="613"/>
      <c r="SRO704" s="613"/>
      <c r="SRP704" s="613"/>
      <c r="SRQ704" s="613"/>
      <c r="SRR704" s="613"/>
      <c r="SRS704" s="613"/>
      <c r="SRT704" s="613"/>
      <c r="SRU704" s="613"/>
      <c r="SRV704" s="613"/>
      <c r="SRW704" s="613"/>
      <c r="SRX704" s="613"/>
      <c r="SRY704" s="613"/>
      <c r="SRZ704" s="613"/>
      <c r="SSA704" s="613"/>
      <c r="SSB704" s="613"/>
      <c r="SSC704" s="613"/>
      <c r="SSD704" s="613"/>
      <c r="SSE704" s="613"/>
      <c r="SSF704" s="613"/>
      <c r="SSG704" s="613"/>
      <c r="SSH704" s="613"/>
      <c r="SSI704" s="613"/>
      <c r="SSJ704" s="613"/>
      <c r="SSK704" s="613"/>
      <c r="SSL704" s="613"/>
      <c r="SSM704" s="613"/>
      <c r="SSN704" s="613"/>
      <c r="SSO704" s="613"/>
      <c r="SSP704" s="613"/>
      <c r="SSQ704" s="613"/>
      <c r="SSR704" s="613"/>
      <c r="SSS704" s="613"/>
      <c r="SST704" s="613"/>
      <c r="SSU704" s="613"/>
      <c r="SSV704" s="613"/>
      <c r="SSW704" s="613"/>
      <c r="SSX704" s="613"/>
      <c r="SSY704" s="613"/>
      <c r="SSZ704" s="613"/>
      <c r="STA704" s="613"/>
      <c r="STB704" s="613"/>
      <c r="STC704" s="613"/>
      <c r="STD704" s="613"/>
      <c r="STE704" s="613"/>
      <c r="STF704" s="613"/>
      <c r="STG704" s="613"/>
      <c r="STH704" s="613"/>
      <c r="STI704" s="613"/>
      <c r="STJ704" s="613"/>
      <c r="STK704" s="613"/>
      <c r="STL704" s="613"/>
      <c r="STM704" s="613"/>
      <c r="STN704" s="613"/>
      <c r="STO704" s="613"/>
      <c r="STP704" s="613"/>
      <c r="STQ704" s="613"/>
      <c r="STR704" s="613"/>
      <c r="STS704" s="613"/>
      <c r="STT704" s="613"/>
      <c r="STU704" s="613"/>
      <c r="STV704" s="613"/>
      <c r="STW704" s="613"/>
      <c r="STX704" s="613"/>
      <c r="STY704" s="613"/>
      <c r="STZ704" s="613"/>
      <c r="SUA704" s="613"/>
      <c r="SUB704" s="613"/>
      <c r="SUC704" s="613"/>
      <c r="SUD704" s="613"/>
      <c r="SUE704" s="613"/>
      <c r="SUF704" s="613"/>
      <c r="SUG704" s="613"/>
      <c r="SUH704" s="613"/>
      <c r="SUI704" s="613"/>
      <c r="SUJ704" s="613"/>
      <c r="SUK704" s="613"/>
      <c r="SUL704" s="613"/>
      <c r="SUM704" s="613"/>
      <c r="SUN704" s="613"/>
      <c r="SUO704" s="613"/>
      <c r="SUP704" s="613"/>
      <c r="SUQ704" s="613"/>
      <c r="SUR704" s="613"/>
      <c r="SUS704" s="613"/>
      <c r="SUT704" s="613"/>
      <c r="SUU704" s="613"/>
      <c r="SUV704" s="613"/>
      <c r="SUW704" s="613"/>
      <c r="SUX704" s="613"/>
      <c r="SUY704" s="613"/>
      <c r="SUZ704" s="613"/>
      <c r="SVA704" s="613"/>
      <c r="SVB704" s="613"/>
      <c r="SVC704" s="613"/>
      <c r="SVD704" s="613"/>
      <c r="SVE704" s="613"/>
      <c r="SVF704" s="613"/>
      <c r="SVG704" s="613"/>
      <c r="SVH704" s="613"/>
      <c r="SVI704" s="613"/>
      <c r="SVJ704" s="613"/>
      <c r="SVK704" s="613"/>
      <c r="SVL704" s="613"/>
      <c r="SVM704" s="613"/>
      <c r="SVN704" s="613"/>
      <c r="SVO704" s="613"/>
      <c r="SVP704" s="613"/>
      <c r="SVQ704" s="613"/>
      <c r="SVR704" s="613"/>
      <c r="SVS704" s="613"/>
      <c r="SVT704" s="613"/>
      <c r="SVU704" s="613"/>
      <c r="SVV704" s="613"/>
      <c r="SVW704" s="613"/>
      <c r="SVX704" s="613"/>
      <c r="SVY704" s="613"/>
      <c r="SVZ704" s="613"/>
      <c r="SWA704" s="613"/>
      <c r="SWB704" s="613"/>
      <c r="SWC704" s="613"/>
      <c r="SWD704" s="613"/>
      <c r="SWE704" s="613"/>
      <c r="SWF704" s="613"/>
      <c r="SWG704" s="613"/>
      <c r="SWH704" s="613"/>
      <c r="SWI704" s="613"/>
      <c r="SWJ704" s="613"/>
      <c r="SWK704" s="613"/>
      <c r="SWL704" s="613"/>
      <c r="SWM704" s="613"/>
      <c r="SWN704" s="613"/>
      <c r="SWO704" s="613"/>
      <c r="SWP704" s="613"/>
      <c r="SWQ704" s="613"/>
      <c r="SWR704" s="613"/>
      <c r="SWS704" s="613"/>
      <c r="SWT704" s="613"/>
      <c r="SWU704" s="613"/>
      <c r="SWV704" s="613"/>
      <c r="SWW704" s="613"/>
      <c r="SWX704" s="613"/>
      <c r="SWY704" s="613"/>
      <c r="SWZ704" s="613"/>
      <c r="SXA704" s="613"/>
      <c r="SXB704" s="613"/>
      <c r="SXC704" s="613"/>
      <c r="SXD704" s="613"/>
      <c r="SXE704" s="613"/>
      <c r="SXF704" s="613"/>
      <c r="SXG704" s="613"/>
      <c r="SXH704" s="613"/>
      <c r="SXI704" s="613"/>
      <c r="SXJ704" s="613"/>
      <c r="SXK704" s="613"/>
      <c r="SXL704" s="613"/>
      <c r="SXM704" s="613"/>
      <c r="SXN704" s="613"/>
      <c r="SXO704" s="613"/>
      <c r="SXP704" s="613"/>
      <c r="SXQ704" s="613"/>
      <c r="SXR704" s="613"/>
      <c r="SXS704" s="613"/>
      <c r="SXT704" s="613"/>
      <c r="SXU704" s="613"/>
      <c r="SXV704" s="613"/>
      <c r="SXW704" s="613"/>
      <c r="SXX704" s="613"/>
      <c r="SXY704" s="613"/>
      <c r="SXZ704" s="613"/>
      <c r="SYA704" s="613"/>
      <c r="SYB704" s="613"/>
      <c r="SYC704" s="613"/>
      <c r="SYD704" s="613"/>
      <c r="SYE704" s="613"/>
      <c r="SYF704" s="613"/>
      <c r="SYG704" s="613"/>
      <c r="SYH704" s="613"/>
      <c r="SYI704" s="613"/>
      <c r="SYJ704" s="613"/>
      <c r="SYK704" s="613"/>
      <c r="SYL704" s="613"/>
      <c r="SYM704" s="613"/>
      <c r="SYN704" s="613"/>
      <c r="SYO704" s="613"/>
      <c r="SYP704" s="613"/>
      <c r="SYQ704" s="613"/>
      <c r="SYR704" s="613"/>
      <c r="SYS704" s="613"/>
      <c r="SYT704" s="613"/>
      <c r="SYU704" s="613"/>
      <c r="SYV704" s="613"/>
      <c r="SYW704" s="613"/>
      <c r="SYX704" s="613"/>
      <c r="SYY704" s="613"/>
      <c r="SYZ704" s="613"/>
      <c r="SZA704" s="613"/>
      <c r="SZB704" s="613"/>
      <c r="SZC704" s="613"/>
      <c r="SZD704" s="613"/>
      <c r="SZE704" s="613"/>
      <c r="SZF704" s="613"/>
      <c r="SZG704" s="613"/>
      <c r="SZH704" s="613"/>
      <c r="SZI704" s="613"/>
      <c r="SZJ704" s="613"/>
      <c r="SZK704" s="613"/>
      <c r="SZL704" s="613"/>
      <c r="SZM704" s="613"/>
      <c r="SZN704" s="613"/>
      <c r="SZO704" s="613"/>
      <c r="SZP704" s="613"/>
      <c r="SZQ704" s="613"/>
      <c r="SZR704" s="613"/>
      <c r="SZS704" s="613"/>
      <c r="SZT704" s="613"/>
      <c r="SZU704" s="613"/>
      <c r="SZV704" s="613"/>
      <c r="SZW704" s="613"/>
      <c r="SZX704" s="613"/>
      <c r="SZY704" s="613"/>
      <c r="SZZ704" s="613"/>
      <c r="TAA704" s="613"/>
      <c r="TAB704" s="613"/>
      <c r="TAC704" s="613"/>
      <c r="TAD704" s="613"/>
      <c r="TAE704" s="613"/>
      <c r="TAF704" s="613"/>
      <c r="TAG704" s="613"/>
      <c r="TAH704" s="613"/>
      <c r="TAI704" s="613"/>
      <c r="TAJ704" s="613"/>
      <c r="TAK704" s="613"/>
      <c r="TAL704" s="613"/>
      <c r="TAM704" s="613"/>
      <c r="TAN704" s="613"/>
      <c r="TAO704" s="613"/>
      <c r="TAP704" s="613"/>
      <c r="TAQ704" s="613"/>
      <c r="TAR704" s="613"/>
      <c r="TAS704" s="613"/>
      <c r="TAT704" s="613"/>
      <c r="TAU704" s="613"/>
      <c r="TAV704" s="613"/>
      <c r="TAW704" s="613"/>
      <c r="TAX704" s="613"/>
      <c r="TAY704" s="613"/>
      <c r="TAZ704" s="613"/>
      <c r="TBA704" s="613"/>
      <c r="TBB704" s="613"/>
      <c r="TBC704" s="613"/>
      <c r="TBD704" s="613"/>
      <c r="TBE704" s="613"/>
      <c r="TBF704" s="613"/>
      <c r="TBG704" s="613"/>
      <c r="TBH704" s="613"/>
      <c r="TBI704" s="613"/>
      <c r="TBJ704" s="613"/>
      <c r="TBK704" s="613"/>
      <c r="TBL704" s="613"/>
      <c r="TBM704" s="613"/>
      <c r="TBN704" s="613"/>
      <c r="TBO704" s="613"/>
      <c r="TBP704" s="613"/>
      <c r="TBQ704" s="613"/>
      <c r="TBR704" s="613"/>
      <c r="TBS704" s="613"/>
      <c r="TBT704" s="613"/>
      <c r="TBU704" s="613"/>
      <c r="TBV704" s="613"/>
      <c r="TBW704" s="613"/>
      <c r="TBX704" s="613"/>
      <c r="TBY704" s="613"/>
      <c r="TBZ704" s="613"/>
      <c r="TCA704" s="613"/>
      <c r="TCB704" s="613"/>
      <c r="TCC704" s="613"/>
      <c r="TCD704" s="613"/>
      <c r="TCE704" s="613"/>
      <c r="TCF704" s="613"/>
      <c r="TCG704" s="613"/>
      <c r="TCH704" s="613"/>
      <c r="TCI704" s="613"/>
      <c r="TCJ704" s="613"/>
      <c r="TCK704" s="613"/>
      <c r="TCL704" s="613"/>
      <c r="TCM704" s="613"/>
      <c r="TCN704" s="613"/>
      <c r="TCO704" s="613"/>
      <c r="TCP704" s="613"/>
      <c r="TCQ704" s="613"/>
      <c r="TCR704" s="613"/>
      <c r="TCS704" s="613"/>
      <c r="TCT704" s="613"/>
      <c r="TCU704" s="613"/>
      <c r="TCV704" s="613"/>
      <c r="TCW704" s="613"/>
      <c r="TCX704" s="613"/>
      <c r="TCY704" s="613"/>
      <c r="TCZ704" s="613"/>
      <c r="TDA704" s="613"/>
      <c r="TDB704" s="613"/>
      <c r="TDC704" s="613"/>
      <c r="TDD704" s="613"/>
      <c r="TDE704" s="613"/>
      <c r="TDF704" s="613"/>
      <c r="TDG704" s="613"/>
      <c r="TDH704" s="613"/>
      <c r="TDI704" s="613"/>
      <c r="TDJ704" s="613"/>
      <c r="TDK704" s="613"/>
      <c r="TDL704" s="613"/>
      <c r="TDM704" s="613"/>
      <c r="TDN704" s="613"/>
      <c r="TDO704" s="613"/>
      <c r="TDP704" s="613"/>
      <c r="TDQ704" s="613"/>
      <c r="TDR704" s="613"/>
      <c r="TDS704" s="613"/>
      <c r="TDT704" s="613"/>
      <c r="TDU704" s="613"/>
      <c r="TDV704" s="613"/>
      <c r="TDW704" s="613"/>
      <c r="TDX704" s="613"/>
      <c r="TDY704" s="613"/>
      <c r="TDZ704" s="613"/>
      <c r="TEA704" s="613"/>
      <c r="TEB704" s="613"/>
      <c r="TEC704" s="613"/>
      <c r="TED704" s="613"/>
      <c r="TEE704" s="613"/>
      <c r="TEF704" s="613"/>
      <c r="TEG704" s="613"/>
      <c r="TEH704" s="613"/>
      <c r="TEI704" s="613"/>
      <c r="TEJ704" s="613"/>
      <c r="TEK704" s="613"/>
      <c r="TEL704" s="613"/>
      <c r="TEM704" s="613"/>
      <c r="TEN704" s="613"/>
      <c r="TEO704" s="613"/>
      <c r="TEP704" s="613"/>
      <c r="TEQ704" s="613"/>
      <c r="TER704" s="613"/>
      <c r="TES704" s="613"/>
      <c r="TET704" s="613"/>
      <c r="TEU704" s="613"/>
      <c r="TEV704" s="613"/>
      <c r="TEW704" s="613"/>
      <c r="TEX704" s="613"/>
      <c r="TEY704" s="613"/>
      <c r="TEZ704" s="613"/>
      <c r="TFA704" s="613"/>
      <c r="TFB704" s="613"/>
      <c r="TFC704" s="613"/>
      <c r="TFD704" s="613"/>
      <c r="TFE704" s="613"/>
      <c r="TFF704" s="613"/>
      <c r="TFG704" s="613"/>
      <c r="TFH704" s="613"/>
      <c r="TFI704" s="613"/>
      <c r="TFJ704" s="613"/>
      <c r="TFK704" s="613"/>
      <c r="TFL704" s="613"/>
      <c r="TFM704" s="613"/>
      <c r="TFN704" s="613"/>
      <c r="TFO704" s="613"/>
      <c r="TFP704" s="613"/>
      <c r="TFQ704" s="613"/>
      <c r="TFR704" s="613"/>
      <c r="TFS704" s="613"/>
      <c r="TFT704" s="613"/>
      <c r="TFU704" s="613"/>
      <c r="TFV704" s="613"/>
      <c r="TFW704" s="613"/>
      <c r="TFX704" s="613"/>
      <c r="TFY704" s="613"/>
      <c r="TFZ704" s="613"/>
      <c r="TGA704" s="613"/>
      <c r="TGB704" s="613"/>
      <c r="TGC704" s="613"/>
      <c r="TGD704" s="613"/>
      <c r="TGE704" s="613"/>
      <c r="TGF704" s="613"/>
      <c r="TGG704" s="613"/>
      <c r="TGH704" s="613"/>
      <c r="TGI704" s="613"/>
      <c r="TGJ704" s="613"/>
      <c r="TGK704" s="613"/>
      <c r="TGL704" s="613"/>
      <c r="TGM704" s="613"/>
      <c r="TGN704" s="613"/>
      <c r="TGO704" s="613"/>
      <c r="TGP704" s="613"/>
      <c r="TGQ704" s="613"/>
      <c r="TGR704" s="613"/>
      <c r="TGS704" s="613"/>
      <c r="TGT704" s="613"/>
      <c r="TGU704" s="613"/>
      <c r="TGV704" s="613"/>
      <c r="TGW704" s="613"/>
      <c r="TGX704" s="613"/>
      <c r="TGY704" s="613"/>
      <c r="TGZ704" s="613"/>
      <c r="THA704" s="613"/>
      <c r="THB704" s="613"/>
      <c r="THC704" s="613"/>
      <c r="THD704" s="613"/>
      <c r="THE704" s="613"/>
      <c r="THF704" s="613"/>
      <c r="THG704" s="613"/>
      <c r="THH704" s="613"/>
      <c r="THI704" s="613"/>
      <c r="THJ704" s="613"/>
      <c r="THK704" s="613"/>
      <c r="THL704" s="613"/>
      <c r="THM704" s="613"/>
      <c r="THN704" s="613"/>
      <c r="THO704" s="613"/>
      <c r="THP704" s="613"/>
      <c r="THQ704" s="613"/>
      <c r="THR704" s="613"/>
      <c r="THS704" s="613"/>
      <c r="THT704" s="613"/>
      <c r="THU704" s="613"/>
      <c r="THV704" s="613"/>
      <c r="THW704" s="613"/>
      <c r="THX704" s="613"/>
      <c r="THY704" s="613"/>
      <c r="THZ704" s="613"/>
      <c r="TIA704" s="613"/>
      <c r="TIB704" s="613"/>
      <c r="TIC704" s="613"/>
      <c r="TID704" s="613"/>
      <c r="TIE704" s="613"/>
      <c r="TIF704" s="613"/>
      <c r="TIG704" s="613"/>
      <c r="TIH704" s="613"/>
      <c r="TII704" s="613"/>
      <c r="TIJ704" s="613"/>
      <c r="TIK704" s="613"/>
      <c r="TIL704" s="613"/>
      <c r="TIM704" s="613"/>
      <c r="TIN704" s="613"/>
      <c r="TIO704" s="613"/>
      <c r="TIP704" s="613"/>
      <c r="TIQ704" s="613"/>
      <c r="TIR704" s="613"/>
      <c r="TIS704" s="613"/>
      <c r="TIT704" s="613"/>
      <c r="TIU704" s="613"/>
      <c r="TIV704" s="613"/>
      <c r="TIW704" s="613"/>
      <c r="TIX704" s="613"/>
      <c r="TIY704" s="613"/>
      <c r="TIZ704" s="613"/>
      <c r="TJA704" s="613"/>
      <c r="TJB704" s="613"/>
      <c r="TJC704" s="613"/>
      <c r="TJD704" s="613"/>
      <c r="TJE704" s="613"/>
      <c r="TJF704" s="613"/>
      <c r="TJG704" s="613"/>
      <c r="TJH704" s="613"/>
      <c r="TJI704" s="613"/>
      <c r="TJJ704" s="613"/>
      <c r="TJK704" s="613"/>
      <c r="TJL704" s="613"/>
      <c r="TJM704" s="613"/>
      <c r="TJN704" s="613"/>
      <c r="TJO704" s="613"/>
      <c r="TJP704" s="613"/>
      <c r="TJQ704" s="613"/>
      <c r="TJR704" s="613"/>
      <c r="TJS704" s="613"/>
      <c r="TJT704" s="613"/>
      <c r="TJU704" s="613"/>
      <c r="TJV704" s="613"/>
      <c r="TJW704" s="613"/>
      <c r="TJX704" s="613"/>
      <c r="TJY704" s="613"/>
      <c r="TJZ704" s="613"/>
      <c r="TKA704" s="613"/>
      <c r="TKB704" s="613"/>
      <c r="TKC704" s="613"/>
      <c r="TKD704" s="613"/>
      <c r="TKE704" s="613"/>
      <c r="TKF704" s="613"/>
      <c r="TKG704" s="613"/>
      <c r="TKH704" s="613"/>
      <c r="TKI704" s="613"/>
      <c r="TKJ704" s="613"/>
      <c r="TKK704" s="613"/>
      <c r="TKL704" s="613"/>
      <c r="TKM704" s="613"/>
      <c r="TKN704" s="613"/>
      <c r="TKO704" s="613"/>
      <c r="TKP704" s="613"/>
      <c r="TKQ704" s="613"/>
      <c r="TKR704" s="613"/>
      <c r="TKS704" s="613"/>
      <c r="TKT704" s="613"/>
      <c r="TKU704" s="613"/>
      <c r="TKV704" s="613"/>
      <c r="TKW704" s="613"/>
      <c r="TKX704" s="613"/>
      <c r="TKY704" s="613"/>
      <c r="TKZ704" s="613"/>
      <c r="TLA704" s="613"/>
      <c r="TLB704" s="613"/>
      <c r="TLC704" s="613"/>
      <c r="TLD704" s="613"/>
      <c r="TLE704" s="613"/>
      <c r="TLF704" s="613"/>
      <c r="TLG704" s="613"/>
      <c r="TLH704" s="613"/>
      <c r="TLI704" s="613"/>
      <c r="TLJ704" s="613"/>
      <c r="TLK704" s="613"/>
      <c r="TLL704" s="613"/>
      <c r="TLM704" s="613"/>
      <c r="TLN704" s="613"/>
      <c r="TLO704" s="613"/>
      <c r="TLP704" s="613"/>
      <c r="TLQ704" s="613"/>
      <c r="TLR704" s="613"/>
      <c r="TLS704" s="613"/>
      <c r="TLT704" s="613"/>
      <c r="TLU704" s="613"/>
      <c r="TLV704" s="613"/>
      <c r="TLW704" s="613"/>
      <c r="TLX704" s="613"/>
      <c r="TLY704" s="613"/>
      <c r="TLZ704" s="613"/>
      <c r="TMA704" s="613"/>
      <c r="TMB704" s="613"/>
      <c r="TMC704" s="613"/>
      <c r="TMD704" s="613"/>
      <c r="TME704" s="613"/>
      <c r="TMF704" s="613"/>
      <c r="TMG704" s="613"/>
      <c r="TMH704" s="613"/>
      <c r="TMI704" s="613"/>
      <c r="TMJ704" s="613"/>
      <c r="TMK704" s="613"/>
      <c r="TML704" s="613"/>
      <c r="TMM704" s="613"/>
      <c r="TMN704" s="613"/>
      <c r="TMO704" s="613"/>
      <c r="TMP704" s="613"/>
      <c r="TMQ704" s="613"/>
      <c r="TMR704" s="613"/>
      <c r="TMS704" s="613"/>
      <c r="TMT704" s="613"/>
      <c r="TMU704" s="613"/>
      <c r="TMV704" s="613"/>
      <c r="TMW704" s="613"/>
      <c r="TMX704" s="613"/>
      <c r="TMY704" s="613"/>
      <c r="TMZ704" s="613"/>
      <c r="TNA704" s="613"/>
      <c r="TNB704" s="613"/>
      <c r="TNC704" s="613"/>
      <c r="TND704" s="613"/>
      <c r="TNE704" s="613"/>
      <c r="TNF704" s="613"/>
      <c r="TNG704" s="613"/>
      <c r="TNH704" s="613"/>
      <c r="TNI704" s="613"/>
      <c r="TNJ704" s="613"/>
      <c r="TNK704" s="613"/>
      <c r="TNL704" s="613"/>
      <c r="TNM704" s="613"/>
      <c r="TNN704" s="613"/>
      <c r="TNO704" s="613"/>
      <c r="TNP704" s="613"/>
      <c r="TNQ704" s="613"/>
      <c r="TNR704" s="613"/>
      <c r="TNS704" s="613"/>
      <c r="TNT704" s="613"/>
      <c r="TNU704" s="613"/>
      <c r="TNV704" s="613"/>
      <c r="TNW704" s="613"/>
      <c r="TNX704" s="613"/>
      <c r="TNY704" s="613"/>
      <c r="TNZ704" s="613"/>
      <c r="TOA704" s="613"/>
      <c r="TOB704" s="613"/>
      <c r="TOC704" s="613"/>
      <c r="TOD704" s="613"/>
      <c r="TOE704" s="613"/>
      <c r="TOF704" s="613"/>
      <c r="TOG704" s="613"/>
      <c r="TOH704" s="613"/>
      <c r="TOI704" s="613"/>
      <c r="TOJ704" s="613"/>
      <c r="TOK704" s="613"/>
      <c r="TOL704" s="613"/>
      <c r="TOM704" s="613"/>
      <c r="TON704" s="613"/>
      <c r="TOO704" s="613"/>
      <c r="TOP704" s="613"/>
      <c r="TOQ704" s="613"/>
      <c r="TOR704" s="613"/>
      <c r="TOS704" s="613"/>
      <c r="TOT704" s="613"/>
      <c r="TOU704" s="613"/>
      <c r="TOV704" s="613"/>
      <c r="TOW704" s="613"/>
      <c r="TOX704" s="613"/>
      <c r="TOY704" s="613"/>
      <c r="TOZ704" s="613"/>
      <c r="TPA704" s="613"/>
      <c r="TPB704" s="613"/>
      <c r="TPC704" s="613"/>
      <c r="TPD704" s="613"/>
      <c r="TPE704" s="613"/>
      <c r="TPF704" s="613"/>
      <c r="TPG704" s="613"/>
      <c r="TPH704" s="613"/>
      <c r="TPI704" s="613"/>
      <c r="TPJ704" s="613"/>
      <c r="TPK704" s="613"/>
      <c r="TPL704" s="613"/>
      <c r="TPM704" s="613"/>
      <c r="TPN704" s="613"/>
      <c r="TPO704" s="613"/>
      <c r="TPP704" s="613"/>
      <c r="TPQ704" s="613"/>
      <c r="TPR704" s="613"/>
      <c r="TPS704" s="613"/>
      <c r="TPT704" s="613"/>
      <c r="TPU704" s="613"/>
      <c r="TPV704" s="613"/>
      <c r="TPW704" s="613"/>
      <c r="TPX704" s="613"/>
      <c r="TPY704" s="613"/>
      <c r="TPZ704" s="613"/>
      <c r="TQA704" s="613"/>
      <c r="TQB704" s="613"/>
      <c r="TQC704" s="613"/>
      <c r="TQD704" s="613"/>
      <c r="TQE704" s="613"/>
      <c r="TQF704" s="613"/>
      <c r="TQG704" s="613"/>
      <c r="TQH704" s="613"/>
      <c r="TQI704" s="613"/>
      <c r="TQJ704" s="613"/>
      <c r="TQK704" s="613"/>
      <c r="TQL704" s="613"/>
      <c r="TQM704" s="613"/>
      <c r="TQN704" s="613"/>
      <c r="TQO704" s="613"/>
      <c r="TQP704" s="613"/>
      <c r="TQQ704" s="613"/>
      <c r="TQR704" s="613"/>
      <c r="TQS704" s="613"/>
      <c r="TQT704" s="613"/>
      <c r="TQU704" s="613"/>
      <c r="TQV704" s="613"/>
      <c r="TQW704" s="613"/>
      <c r="TQX704" s="613"/>
      <c r="TQY704" s="613"/>
      <c r="TQZ704" s="613"/>
      <c r="TRA704" s="613"/>
      <c r="TRB704" s="613"/>
      <c r="TRC704" s="613"/>
      <c r="TRD704" s="613"/>
      <c r="TRE704" s="613"/>
      <c r="TRF704" s="613"/>
      <c r="TRG704" s="613"/>
      <c r="TRH704" s="613"/>
      <c r="TRI704" s="613"/>
      <c r="TRJ704" s="613"/>
      <c r="TRK704" s="613"/>
      <c r="TRL704" s="613"/>
      <c r="TRM704" s="613"/>
      <c r="TRN704" s="613"/>
      <c r="TRO704" s="613"/>
      <c r="TRP704" s="613"/>
      <c r="TRQ704" s="613"/>
      <c r="TRR704" s="613"/>
      <c r="TRS704" s="613"/>
      <c r="TRT704" s="613"/>
      <c r="TRU704" s="613"/>
      <c r="TRV704" s="613"/>
      <c r="TRW704" s="613"/>
      <c r="TRX704" s="613"/>
      <c r="TRY704" s="613"/>
      <c r="TRZ704" s="613"/>
      <c r="TSA704" s="613"/>
      <c r="TSB704" s="613"/>
      <c r="TSC704" s="613"/>
      <c r="TSD704" s="613"/>
      <c r="TSE704" s="613"/>
      <c r="TSF704" s="613"/>
      <c r="TSG704" s="613"/>
      <c r="TSH704" s="613"/>
      <c r="TSI704" s="613"/>
      <c r="TSJ704" s="613"/>
      <c r="TSK704" s="613"/>
      <c r="TSL704" s="613"/>
      <c r="TSM704" s="613"/>
      <c r="TSN704" s="613"/>
      <c r="TSO704" s="613"/>
      <c r="TSP704" s="613"/>
      <c r="TSQ704" s="613"/>
      <c r="TSR704" s="613"/>
      <c r="TSS704" s="613"/>
      <c r="TST704" s="613"/>
      <c r="TSU704" s="613"/>
      <c r="TSV704" s="613"/>
      <c r="TSW704" s="613"/>
      <c r="TSX704" s="613"/>
      <c r="TSY704" s="613"/>
      <c r="TSZ704" s="613"/>
      <c r="TTA704" s="613"/>
      <c r="TTB704" s="613"/>
      <c r="TTC704" s="613"/>
      <c r="TTD704" s="613"/>
      <c r="TTE704" s="613"/>
      <c r="TTF704" s="613"/>
      <c r="TTG704" s="613"/>
      <c r="TTH704" s="613"/>
      <c r="TTI704" s="613"/>
      <c r="TTJ704" s="613"/>
      <c r="TTK704" s="613"/>
      <c r="TTL704" s="613"/>
      <c r="TTM704" s="613"/>
      <c r="TTN704" s="613"/>
      <c r="TTO704" s="613"/>
      <c r="TTP704" s="613"/>
      <c r="TTQ704" s="613"/>
      <c r="TTR704" s="613"/>
      <c r="TTS704" s="613"/>
      <c r="TTT704" s="613"/>
      <c r="TTU704" s="613"/>
      <c r="TTV704" s="613"/>
      <c r="TTW704" s="613"/>
      <c r="TTX704" s="613"/>
      <c r="TTY704" s="613"/>
      <c r="TTZ704" s="613"/>
      <c r="TUA704" s="613"/>
      <c r="TUB704" s="613"/>
      <c r="TUC704" s="613"/>
      <c r="TUD704" s="613"/>
      <c r="TUE704" s="613"/>
      <c r="TUF704" s="613"/>
      <c r="TUG704" s="613"/>
      <c r="TUH704" s="613"/>
      <c r="TUI704" s="613"/>
      <c r="TUJ704" s="613"/>
      <c r="TUK704" s="613"/>
      <c r="TUL704" s="613"/>
      <c r="TUM704" s="613"/>
      <c r="TUN704" s="613"/>
      <c r="TUO704" s="613"/>
      <c r="TUP704" s="613"/>
      <c r="TUQ704" s="613"/>
      <c r="TUR704" s="613"/>
      <c r="TUS704" s="613"/>
      <c r="TUT704" s="613"/>
      <c r="TUU704" s="613"/>
      <c r="TUV704" s="613"/>
      <c r="TUW704" s="613"/>
      <c r="TUX704" s="613"/>
      <c r="TUY704" s="613"/>
      <c r="TUZ704" s="613"/>
      <c r="TVA704" s="613"/>
      <c r="TVB704" s="613"/>
      <c r="TVC704" s="613"/>
      <c r="TVD704" s="613"/>
      <c r="TVE704" s="613"/>
      <c r="TVF704" s="613"/>
      <c r="TVG704" s="613"/>
      <c r="TVH704" s="613"/>
      <c r="TVI704" s="613"/>
      <c r="TVJ704" s="613"/>
      <c r="TVK704" s="613"/>
      <c r="TVL704" s="613"/>
      <c r="TVM704" s="613"/>
      <c r="TVN704" s="613"/>
      <c r="TVO704" s="613"/>
      <c r="TVP704" s="613"/>
      <c r="TVQ704" s="613"/>
      <c r="TVR704" s="613"/>
      <c r="TVS704" s="613"/>
      <c r="TVT704" s="613"/>
      <c r="TVU704" s="613"/>
      <c r="TVV704" s="613"/>
      <c r="TVW704" s="613"/>
      <c r="TVX704" s="613"/>
      <c r="TVY704" s="613"/>
      <c r="TVZ704" s="613"/>
      <c r="TWA704" s="613"/>
      <c r="TWB704" s="613"/>
      <c r="TWC704" s="613"/>
      <c r="TWD704" s="613"/>
      <c r="TWE704" s="613"/>
      <c r="TWF704" s="613"/>
      <c r="TWG704" s="613"/>
      <c r="TWH704" s="613"/>
      <c r="TWI704" s="613"/>
      <c r="TWJ704" s="613"/>
      <c r="TWK704" s="613"/>
      <c r="TWL704" s="613"/>
      <c r="TWM704" s="613"/>
      <c r="TWN704" s="613"/>
      <c r="TWO704" s="613"/>
      <c r="TWP704" s="613"/>
      <c r="TWQ704" s="613"/>
      <c r="TWR704" s="613"/>
      <c r="TWS704" s="613"/>
      <c r="TWT704" s="613"/>
      <c r="TWU704" s="613"/>
      <c r="TWV704" s="613"/>
      <c r="TWW704" s="613"/>
      <c r="TWX704" s="613"/>
      <c r="TWY704" s="613"/>
      <c r="TWZ704" s="613"/>
      <c r="TXA704" s="613"/>
      <c r="TXB704" s="613"/>
      <c r="TXC704" s="613"/>
      <c r="TXD704" s="613"/>
      <c r="TXE704" s="613"/>
      <c r="TXF704" s="613"/>
      <c r="TXG704" s="613"/>
      <c r="TXH704" s="613"/>
      <c r="TXI704" s="613"/>
      <c r="TXJ704" s="613"/>
      <c r="TXK704" s="613"/>
      <c r="TXL704" s="613"/>
      <c r="TXM704" s="613"/>
      <c r="TXN704" s="613"/>
      <c r="TXO704" s="613"/>
      <c r="TXP704" s="613"/>
      <c r="TXQ704" s="613"/>
      <c r="TXR704" s="613"/>
      <c r="TXS704" s="613"/>
      <c r="TXT704" s="613"/>
      <c r="TXU704" s="613"/>
      <c r="TXV704" s="613"/>
      <c r="TXW704" s="613"/>
      <c r="TXX704" s="613"/>
      <c r="TXY704" s="613"/>
      <c r="TXZ704" s="613"/>
      <c r="TYA704" s="613"/>
      <c r="TYB704" s="613"/>
      <c r="TYC704" s="613"/>
      <c r="TYD704" s="613"/>
      <c r="TYE704" s="613"/>
      <c r="TYF704" s="613"/>
      <c r="TYG704" s="613"/>
      <c r="TYH704" s="613"/>
      <c r="TYI704" s="613"/>
      <c r="TYJ704" s="613"/>
      <c r="TYK704" s="613"/>
      <c r="TYL704" s="613"/>
      <c r="TYM704" s="613"/>
      <c r="TYN704" s="613"/>
      <c r="TYO704" s="613"/>
      <c r="TYP704" s="613"/>
      <c r="TYQ704" s="613"/>
      <c r="TYR704" s="613"/>
      <c r="TYS704" s="613"/>
      <c r="TYT704" s="613"/>
      <c r="TYU704" s="613"/>
      <c r="TYV704" s="613"/>
      <c r="TYW704" s="613"/>
      <c r="TYX704" s="613"/>
      <c r="TYY704" s="613"/>
      <c r="TYZ704" s="613"/>
      <c r="TZA704" s="613"/>
      <c r="TZB704" s="613"/>
      <c r="TZC704" s="613"/>
      <c r="TZD704" s="613"/>
      <c r="TZE704" s="613"/>
      <c r="TZF704" s="613"/>
      <c r="TZG704" s="613"/>
      <c r="TZH704" s="613"/>
      <c r="TZI704" s="613"/>
      <c r="TZJ704" s="613"/>
      <c r="TZK704" s="613"/>
      <c r="TZL704" s="613"/>
      <c r="TZM704" s="613"/>
      <c r="TZN704" s="613"/>
      <c r="TZO704" s="613"/>
      <c r="TZP704" s="613"/>
      <c r="TZQ704" s="613"/>
      <c r="TZR704" s="613"/>
      <c r="TZS704" s="613"/>
      <c r="TZT704" s="613"/>
      <c r="TZU704" s="613"/>
      <c r="TZV704" s="613"/>
      <c r="TZW704" s="613"/>
      <c r="TZX704" s="613"/>
      <c r="TZY704" s="613"/>
      <c r="TZZ704" s="613"/>
      <c r="UAA704" s="613"/>
      <c r="UAB704" s="613"/>
      <c r="UAC704" s="613"/>
      <c r="UAD704" s="613"/>
      <c r="UAE704" s="613"/>
      <c r="UAF704" s="613"/>
      <c r="UAG704" s="613"/>
      <c r="UAH704" s="613"/>
      <c r="UAI704" s="613"/>
      <c r="UAJ704" s="613"/>
      <c r="UAK704" s="613"/>
      <c r="UAL704" s="613"/>
      <c r="UAM704" s="613"/>
      <c r="UAN704" s="613"/>
      <c r="UAO704" s="613"/>
      <c r="UAP704" s="613"/>
      <c r="UAQ704" s="613"/>
      <c r="UAR704" s="613"/>
      <c r="UAS704" s="613"/>
      <c r="UAT704" s="613"/>
      <c r="UAU704" s="613"/>
      <c r="UAV704" s="613"/>
      <c r="UAW704" s="613"/>
      <c r="UAX704" s="613"/>
      <c r="UAY704" s="613"/>
      <c r="UAZ704" s="613"/>
      <c r="UBA704" s="613"/>
      <c r="UBB704" s="613"/>
      <c r="UBC704" s="613"/>
      <c r="UBD704" s="613"/>
      <c r="UBE704" s="613"/>
      <c r="UBF704" s="613"/>
      <c r="UBG704" s="613"/>
      <c r="UBH704" s="613"/>
      <c r="UBI704" s="613"/>
      <c r="UBJ704" s="613"/>
      <c r="UBK704" s="613"/>
      <c r="UBL704" s="613"/>
      <c r="UBM704" s="613"/>
      <c r="UBN704" s="613"/>
      <c r="UBO704" s="613"/>
      <c r="UBP704" s="613"/>
      <c r="UBQ704" s="613"/>
      <c r="UBR704" s="613"/>
      <c r="UBS704" s="613"/>
      <c r="UBT704" s="613"/>
      <c r="UBU704" s="613"/>
      <c r="UBV704" s="613"/>
      <c r="UBW704" s="613"/>
      <c r="UBX704" s="613"/>
      <c r="UBY704" s="613"/>
      <c r="UBZ704" s="613"/>
      <c r="UCA704" s="613"/>
      <c r="UCB704" s="613"/>
      <c r="UCC704" s="613"/>
      <c r="UCD704" s="613"/>
      <c r="UCE704" s="613"/>
      <c r="UCF704" s="613"/>
      <c r="UCG704" s="613"/>
      <c r="UCH704" s="613"/>
      <c r="UCI704" s="613"/>
      <c r="UCJ704" s="613"/>
      <c r="UCK704" s="613"/>
      <c r="UCL704" s="613"/>
      <c r="UCM704" s="613"/>
      <c r="UCN704" s="613"/>
      <c r="UCO704" s="613"/>
      <c r="UCP704" s="613"/>
      <c r="UCQ704" s="613"/>
      <c r="UCR704" s="613"/>
      <c r="UCS704" s="613"/>
      <c r="UCT704" s="613"/>
      <c r="UCU704" s="613"/>
      <c r="UCV704" s="613"/>
      <c r="UCW704" s="613"/>
      <c r="UCX704" s="613"/>
      <c r="UCY704" s="613"/>
      <c r="UCZ704" s="613"/>
      <c r="UDA704" s="613"/>
      <c r="UDB704" s="613"/>
      <c r="UDC704" s="613"/>
      <c r="UDD704" s="613"/>
      <c r="UDE704" s="613"/>
      <c r="UDF704" s="613"/>
      <c r="UDG704" s="613"/>
      <c r="UDH704" s="613"/>
      <c r="UDI704" s="613"/>
      <c r="UDJ704" s="613"/>
      <c r="UDK704" s="613"/>
      <c r="UDL704" s="613"/>
      <c r="UDM704" s="613"/>
      <c r="UDN704" s="613"/>
      <c r="UDO704" s="613"/>
      <c r="UDP704" s="613"/>
      <c r="UDQ704" s="613"/>
      <c r="UDR704" s="613"/>
      <c r="UDS704" s="613"/>
      <c r="UDT704" s="613"/>
      <c r="UDU704" s="613"/>
      <c r="UDV704" s="613"/>
      <c r="UDW704" s="613"/>
      <c r="UDX704" s="613"/>
      <c r="UDY704" s="613"/>
      <c r="UDZ704" s="613"/>
      <c r="UEA704" s="613"/>
      <c r="UEB704" s="613"/>
      <c r="UEC704" s="613"/>
      <c r="UED704" s="613"/>
      <c r="UEE704" s="613"/>
      <c r="UEF704" s="613"/>
      <c r="UEG704" s="613"/>
      <c r="UEH704" s="613"/>
      <c r="UEI704" s="613"/>
      <c r="UEJ704" s="613"/>
      <c r="UEK704" s="613"/>
      <c r="UEL704" s="613"/>
      <c r="UEM704" s="613"/>
      <c r="UEN704" s="613"/>
      <c r="UEO704" s="613"/>
      <c r="UEP704" s="613"/>
      <c r="UEQ704" s="613"/>
      <c r="UER704" s="613"/>
      <c r="UES704" s="613"/>
      <c r="UET704" s="613"/>
      <c r="UEU704" s="613"/>
      <c r="UEV704" s="613"/>
      <c r="UEW704" s="613"/>
      <c r="UEX704" s="613"/>
      <c r="UEY704" s="613"/>
      <c r="UEZ704" s="613"/>
      <c r="UFA704" s="613"/>
      <c r="UFB704" s="613"/>
      <c r="UFC704" s="613"/>
      <c r="UFD704" s="613"/>
      <c r="UFE704" s="613"/>
      <c r="UFF704" s="613"/>
      <c r="UFG704" s="613"/>
      <c r="UFH704" s="613"/>
      <c r="UFI704" s="613"/>
      <c r="UFJ704" s="613"/>
      <c r="UFK704" s="613"/>
      <c r="UFL704" s="613"/>
      <c r="UFM704" s="613"/>
      <c r="UFN704" s="613"/>
      <c r="UFO704" s="613"/>
      <c r="UFP704" s="613"/>
      <c r="UFQ704" s="613"/>
      <c r="UFR704" s="613"/>
      <c r="UFS704" s="613"/>
      <c r="UFT704" s="613"/>
      <c r="UFU704" s="613"/>
      <c r="UFV704" s="613"/>
      <c r="UFW704" s="613"/>
      <c r="UFX704" s="613"/>
      <c r="UFY704" s="613"/>
      <c r="UFZ704" s="613"/>
      <c r="UGA704" s="613"/>
      <c r="UGB704" s="613"/>
      <c r="UGC704" s="613"/>
      <c r="UGD704" s="613"/>
      <c r="UGE704" s="613"/>
      <c r="UGF704" s="613"/>
      <c r="UGG704" s="613"/>
      <c r="UGH704" s="613"/>
      <c r="UGI704" s="613"/>
      <c r="UGJ704" s="613"/>
      <c r="UGK704" s="613"/>
      <c r="UGL704" s="613"/>
      <c r="UGM704" s="613"/>
      <c r="UGN704" s="613"/>
      <c r="UGO704" s="613"/>
      <c r="UGP704" s="613"/>
      <c r="UGQ704" s="613"/>
      <c r="UGR704" s="613"/>
      <c r="UGS704" s="613"/>
      <c r="UGT704" s="613"/>
      <c r="UGU704" s="613"/>
      <c r="UGV704" s="613"/>
      <c r="UGW704" s="613"/>
      <c r="UGX704" s="613"/>
      <c r="UGY704" s="613"/>
      <c r="UGZ704" s="613"/>
      <c r="UHA704" s="613"/>
      <c r="UHB704" s="613"/>
      <c r="UHC704" s="613"/>
      <c r="UHD704" s="613"/>
      <c r="UHE704" s="613"/>
      <c r="UHF704" s="613"/>
      <c r="UHG704" s="613"/>
      <c r="UHH704" s="613"/>
      <c r="UHI704" s="613"/>
      <c r="UHJ704" s="613"/>
      <c r="UHK704" s="613"/>
      <c r="UHL704" s="613"/>
      <c r="UHM704" s="613"/>
      <c r="UHN704" s="613"/>
      <c r="UHO704" s="613"/>
      <c r="UHP704" s="613"/>
      <c r="UHQ704" s="613"/>
      <c r="UHR704" s="613"/>
      <c r="UHS704" s="613"/>
      <c r="UHT704" s="613"/>
      <c r="UHU704" s="613"/>
      <c r="UHV704" s="613"/>
      <c r="UHW704" s="613"/>
      <c r="UHX704" s="613"/>
      <c r="UHY704" s="613"/>
      <c r="UHZ704" s="613"/>
      <c r="UIA704" s="613"/>
      <c r="UIB704" s="613"/>
      <c r="UIC704" s="613"/>
      <c r="UID704" s="613"/>
      <c r="UIE704" s="613"/>
      <c r="UIF704" s="613"/>
      <c r="UIG704" s="613"/>
      <c r="UIH704" s="613"/>
      <c r="UII704" s="613"/>
      <c r="UIJ704" s="613"/>
      <c r="UIK704" s="613"/>
      <c r="UIL704" s="613"/>
      <c r="UIM704" s="613"/>
      <c r="UIN704" s="613"/>
      <c r="UIO704" s="613"/>
      <c r="UIP704" s="613"/>
      <c r="UIQ704" s="613"/>
      <c r="UIR704" s="613"/>
      <c r="UIS704" s="613"/>
      <c r="UIT704" s="613"/>
      <c r="UIU704" s="613"/>
      <c r="UIV704" s="613"/>
      <c r="UIW704" s="613"/>
      <c r="UIX704" s="613"/>
      <c r="UIY704" s="613"/>
      <c r="UIZ704" s="613"/>
      <c r="UJA704" s="613"/>
      <c r="UJB704" s="613"/>
      <c r="UJC704" s="613"/>
      <c r="UJD704" s="613"/>
      <c r="UJE704" s="613"/>
      <c r="UJF704" s="613"/>
      <c r="UJG704" s="613"/>
      <c r="UJH704" s="613"/>
      <c r="UJI704" s="613"/>
      <c r="UJJ704" s="613"/>
      <c r="UJK704" s="613"/>
      <c r="UJL704" s="613"/>
      <c r="UJM704" s="613"/>
      <c r="UJN704" s="613"/>
      <c r="UJO704" s="613"/>
      <c r="UJP704" s="613"/>
      <c r="UJQ704" s="613"/>
      <c r="UJR704" s="613"/>
      <c r="UJS704" s="613"/>
      <c r="UJT704" s="613"/>
      <c r="UJU704" s="613"/>
      <c r="UJV704" s="613"/>
      <c r="UJW704" s="613"/>
      <c r="UJX704" s="613"/>
      <c r="UJY704" s="613"/>
      <c r="UJZ704" s="613"/>
      <c r="UKA704" s="613"/>
      <c r="UKB704" s="613"/>
      <c r="UKC704" s="613"/>
      <c r="UKD704" s="613"/>
      <c r="UKE704" s="613"/>
      <c r="UKF704" s="613"/>
      <c r="UKG704" s="613"/>
      <c r="UKH704" s="613"/>
      <c r="UKI704" s="613"/>
      <c r="UKJ704" s="613"/>
      <c r="UKK704" s="613"/>
      <c r="UKL704" s="613"/>
      <c r="UKM704" s="613"/>
      <c r="UKN704" s="613"/>
      <c r="UKO704" s="613"/>
      <c r="UKP704" s="613"/>
      <c r="UKQ704" s="613"/>
      <c r="UKR704" s="613"/>
      <c r="UKS704" s="613"/>
      <c r="UKT704" s="613"/>
      <c r="UKU704" s="613"/>
      <c r="UKV704" s="613"/>
      <c r="UKW704" s="613"/>
      <c r="UKX704" s="613"/>
      <c r="UKY704" s="613"/>
      <c r="UKZ704" s="613"/>
      <c r="ULA704" s="613"/>
      <c r="ULB704" s="613"/>
      <c r="ULC704" s="613"/>
      <c r="ULD704" s="613"/>
      <c r="ULE704" s="613"/>
      <c r="ULF704" s="613"/>
      <c r="ULG704" s="613"/>
      <c r="ULH704" s="613"/>
      <c r="ULI704" s="613"/>
      <c r="ULJ704" s="613"/>
      <c r="ULK704" s="613"/>
      <c r="ULL704" s="613"/>
      <c r="ULM704" s="613"/>
      <c r="ULN704" s="613"/>
      <c r="ULO704" s="613"/>
      <c r="ULP704" s="613"/>
      <c r="ULQ704" s="613"/>
      <c r="ULR704" s="613"/>
      <c r="ULS704" s="613"/>
      <c r="ULT704" s="613"/>
      <c r="ULU704" s="613"/>
      <c r="ULV704" s="613"/>
      <c r="ULW704" s="613"/>
      <c r="ULX704" s="613"/>
      <c r="ULY704" s="613"/>
      <c r="ULZ704" s="613"/>
      <c r="UMA704" s="613"/>
      <c r="UMB704" s="613"/>
      <c r="UMC704" s="613"/>
      <c r="UMD704" s="613"/>
      <c r="UME704" s="613"/>
      <c r="UMF704" s="613"/>
      <c r="UMG704" s="613"/>
      <c r="UMH704" s="613"/>
      <c r="UMI704" s="613"/>
      <c r="UMJ704" s="613"/>
      <c r="UMK704" s="613"/>
      <c r="UML704" s="613"/>
      <c r="UMM704" s="613"/>
      <c r="UMN704" s="613"/>
      <c r="UMO704" s="613"/>
      <c r="UMP704" s="613"/>
      <c r="UMQ704" s="613"/>
      <c r="UMR704" s="613"/>
      <c r="UMS704" s="613"/>
      <c r="UMT704" s="613"/>
      <c r="UMU704" s="613"/>
      <c r="UMV704" s="613"/>
      <c r="UMW704" s="613"/>
      <c r="UMX704" s="613"/>
      <c r="UMY704" s="613"/>
      <c r="UMZ704" s="613"/>
      <c r="UNA704" s="613"/>
      <c r="UNB704" s="613"/>
      <c r="UNC704" s="613"/>
      <c r="UND704" s="613"/>
      <c r="UNE704" s="613"/>
      <c r="UNF704" s="613"/>
      <c r="UNG704" s="613"/>
      <c r="UNH704" s="613"/>
      <c r="UNI704" s="613"/>
      <c r="UNJ704" s="613"/>
      <c r="UNK704" s="613"/>
      <c r="UNL704" s="613"/>
      <c r="UNM704" s="613"/>
      <c r="UNN704" s="613"/>
      <c r="UNO704" s="613"/>
      <c r="UNP704" s="613"/>
      <c r="UNQ704" s="613"/>
      <c r="UNR704" s="613"/>
      <c r="UNS704" s="613"/>
      <c r="UNT704" s="613"/>
      <c r="UNU704" s="613"/>
      <c r="UNV704" s="613"/>
      <c r="UNW704" s="613"/>
      <c r="UNX704" s="613"/>
      <c r="UNY704" s="613"/>
      <c r="UNZ704" s="613"/>
      <c r="UOA704" s="613"/>
      <c r="UOB704" s="613"/>
      <c r="UOC704" s="613"/>
      <c r="UOD704" s="613"/>
      <c r="UOE704" s="613"/>
      <c r="UOF704" s="613"/>
      <c r="UOG704" s="613"/>
      <c r="UOH704" s="613"/>
      <c r="UOI704" s="613"/>
      <c r="UOJ704" s="613"/>
      <c r="UOK704" s="613"/>
      <c r="UOL704" s="613"/>
      <c r="UOM704" s="613"/>
      <c r="UON704" s="613"/>
      <c r="UOO704" s="613"/>
      <c r="UOP704" s="613"/>
      <c r="UOQ704" s="613"/>
      <c r="UOR704" s="613"/>
      <c r="UOS704" s="613"/>
      <c r="UOT704" s="613"/>
      <c r="UOU704" s="613"/>
      <c r="UOV704" s="613"/>
      <c r="UOW704" s="613"/>
      <c r="UOX704" s="613"/>
      <c r="UOY704" s="613"/>
      <c r="UOZ704" s="613"/>
      <c r="UPA704" s="613"/>
      <c r="UPB704" s="613"/>
      <c r="UPC704" s="613"/>
      <c r="UPD704" s="613"/>
      <c r="UPE704" s="613"/>
      <c r="UPF704" s="613"/>
      <c r="UPG704" s="613"/>
      <c r="UPH704" s="613"/>
      <c r="UPI704" s="613"/>
      <c r="UPJ704" s="613"/>
      <c r="UPK704" s="613"/>
      <c r="UPL704" s="613"/>
      <c r="UPM704" s="613"/>
      <c r="UPN704" s="613"/>
      <c r="UPO704" s="613"/>
      <c r="UPP704" s="613"/>
      <c r="UPQ704" s="613"/>
      <c r="UPR704" s="613"/>
      <c r="UPS704" s="613"/>
      <c r="UPT704" s="613"/>
      <c r="UPU704" s="613"/>
      <c r="UPV704" s="613"/>
      <c r="UPW704" s="613"/>
      <c r="UPX704" s="613"/>
      <c r="UPY704" s="613"/>
      <c r="UPZ704" s="613"/>
      <c r="UQA704" s="613"/>
      <c r="UQB704" s="613"/>
      <c r="UQC704" s="613"/>
      <c r="UQD704" s="613"/>
      <c r="UQE704" s="613"/>
      <c r="UQF704" s="613"/>
      <c r="UQG704" s="613"/>
      <c r="UQH704" s="613"/>
      <c r="UQI704" s="613"/>
      <c r="UQJ704" s="613"/>
      <c r="UQK704" s="613"/>
      <c r="UQL704" s="613"/>
      <c r="UQM704" s="613"/>
      <c r="UQN704" s="613"/>
      <c r="UQO704" s="613"/>
      <c r="UQP704" s="613"/>
      <c r="UQQ704" s="613"/>
      <c r="UQR704" s="613"/>
      <c r="UQS704" s="613"/>
      <c r="UQT704" s="613"/>
      <c r="UQU704" s="613"/>
      <c r="UQV704" s="613"/>
      <c r="UQW704" s="613"/>
      <c r="UQX704" s="613"/>
      <c r="UQY704" s="613"/>
      <c r="UQZ704" s="613"/>
      <c r="URA704" s="613"/>
      <c r="URB704" s="613"/>
      <c r="URC704" s="613"/>
      <c r="URD704" s="613"/>
      <c r="URE704" s="613"/>
      <c r="URF704" s="613"/>
      <c r="URG704" s="613"/>
      <c r="URH704" s="613"/>
      <c r="URI704" s="613"/>
      <c r="URJ704" s="613"/>
      <c r="URK704" s="613"/>
      <c r="URL704" s="613"/>
      <c r="URM704" s="613"/>
      <c r="URN704" s="613"/>
      <c r="URO704" s="613"/>
      <c r="URP704" s="613"/>
      <c r="URQ704" s="613"/>
      <c r="URR704" s="613"/>
      <c r="URS704" s="613"/>
      <c r="URT704" s="613"/>
      <c r="URU704" s="613"/>
      <c r="URV704" s="613"/>
      <c r="URW704" s="613"/>
      <c r="URX704" s="613"/>
      <c r="URY704" s="613"/>
      <c r="URZ704" s="613"/>
      <c r="USA704" s="613"/>
      <c r="USB704" s="613"/>
      <c r="USC704" s="613"/>
      <c r="USD704" s="613"/>
      <c r="USE704" s="613"/>
      <c r="USF704" s="613"/>
      <c r="USG704" s="613"/>
      <c r="USH704" s="613"/>
      <c r="USI704" s="613"/>
      <c r="USJ704" s="613"/>
      <c r="USK704" s="613"/>
      <c r="USL704" s="613"/>
      <c r="USM704" s="613"/>
      <c r="USN704" s="613"/>
      <c r="USO704" s="613"/>
      <c r="USP704" s="613"/>
      <c r="USQ704" s="613"/>
      <c r="USR704" s="613"/>
      <c r="USS704" s="613"/>
      <c r="UST704" s="613"/>
      <c r="USU704" s="613"/>
      <c r="USV704" s="613"/>
      <c r="USW704" s="613"/>
      <c r="USX704" s="613"/>
      <c r="USY704" s="613"/>
      <c r="USZ704" s="613"/>
      <c r="UTA704" s="613"/>
      <c r="UTB704" s="613"/>
      <c r="UTC704" s="613"/>
      <c r="UTD704" s="613"/>
      <c r="UTE704" s="613"/>
      <c r="UTF704" s="613"/>
      <c r="UTG704" s="613"/>
      <c r="UTH704" s="613"/>
      <c r="UTI704" s="613"/>
      <c r="UTJ704" s="613"/>
      <c r="UTK704" s="613"/>
      <c r="UTL704" s="613"/>
      <c r="UTM704" s="613"/>
      <c r="UTN704" s="613"/>
      <c r="UTO704" s="613"/>
      <c r="UTP704" s="613"/>
      <c r="UTQ704" s="613"/>
      <c r="UTR704" s="613"/>
      <c r="UTS704" s="613"/>
      <c r="UTT704" s="613"/>
      <c r="UTU704" s="613"/>
      <c r="UTV704" s="613"/>
      <c r="UTW704" s="613"/>
      <c r="UTX704" s="613"/>
      <c r="UTY704" s="613"/>
      <c r="UTZ704" s="613"/>
      <c r="UUA704" s="613"/>
      <c r="UUB704" s="613"/>
      <c r="UUC704" s="613"/>
      <c r="UUD704" s="613"/>
      <c r="UUE704" s="613"/>
      <c r="UUF704" s="613"/>
      <c r="UUG704" s="613"/>
      <c r="UUH704" s="613"/>
      <c r="UUI704" s="613"/>
      <c r="UUJ704" s="613"/>
      <c r="UUK704" s="613"/>
      <c r="UUL704" s="613"/>
      <c r="UUM704" s="613"/>
      <c r="UUN704" s="613"/>
      <c r="UUO704" s="613"/>
      <c r="UUP704" s="613"/>
      <c r="UUQ704" s="613"/>
      <c r="UUR704" s="613"/>
      <c r="UUS704" s="613"/>
      <c r="UUT704" s="613"/>
      <c r="UUU704" s="613"/>
      <c r="UUV704" s="613"/>
      <c r="UUW704" s="613"/>
      <c r="UUX704" s="613"/>
      <c r="UUY704" s="613"/>
      <c r="UUZ704" s="613"/>
      <c r="UVA704" s="613"/>
      <c r="UVB704" s="613"/>
      <c r="UVC704" s="613"/>
      <c r="UVD704" s="613"/>
      <c r="UVE704" s="613"/>
      <c r="UVF704" s="613"/>
      <c r="UVG704" s="613"/>
      <c r="UVH704" s="613"/>
      <c r="UVI704" s="613"/>
      <c r="UVJ704" s="613"/>
      <c r="UVK704" s="613"/>
      <c r="UVL704" s="613"/>
      <c r="UVM704" s="613"/>
      <c r="UVN704" s="613"/>
      <c r="UVO704" s="613"/>
      <c r="UVP704" s="613"/>
      <c r="UVQ704" s="613"/>
      <c r="UVR704" s="613"/>
      <c r="UVS704" s="613"/>
      <c r="UVT704" s="613"/>
      <c r="UVU704" s="613"/>
      <c r="UVV704" s="613"/>
      <c r="UVW704" s="613"/>
      <c r="UVX704" s="613"/>
      <c r="UVY704" s="613"/>
      <c r="UVZ704" s="613"/>
      <c r="UWA704" s="613"/>
      <c r="UWB704" s="613"/>
      <c r="UWC704" s="613"/>
      <c r="UWD704" s="613"/>
      <c r="UWE704" s="613"/>
      <c r="UWF704" s="613"/>
      <c r="UWG704" s="613"/>
      <c r="UWH704" s="613"/>
      <c r="UWI704" s="613"/>
      <c r="UWJ704" s="613"/>
      <c r="UWK704" s="613"/>
      <c r="UWL704" s="613"/>
      <c r="UWM704" s="613"/>
      <c r="UWN704" s="613"/>
      <c r="UWO704" s="613"/>
      <c r="UWP704" s="613"/>
      <c r="UWQ704" s="613"/>
      <c r="UWR704" s="613"/>
      <c r="UWS704" s="613"/>
      <c r="UWT704" s="613"/>
      <c r="UWU704" s="613"/>
      <c r="UWV704" s="613"/>
      <c r="UWW704" s="613"/>
      <c r="UWX704" s="613"/>
      <c r="UWY704" s="613"/>
      <c r="UWZ704" s="613"/>
      <c r="UXA704" s="613"/>
      <c r="UXB704" s="613"/>
      <c r="UXC704" s="613"/>
      <c r="UXD704" s="613"/>
      <c r="UXE704" s="613"/>
      <c r="UXF704" s="613"/>
      <c r="UXG704" s="613"/>
      <c r="UXH704" s="613"/>
      <c r="UXI704" s="613"/>
      <c r="UXJ704" s="613"/>
      <c r="UXK704" s="613"/>
      <c r="UXL704" s="613"/>
      <c r="UXM704" s="613"/>
      <c r="UXN704" s="613"/>
      <c r="UXO704" s="613"/>
      <c r="UXP704" s="613"/>
      <c r="UXQ704" s="613"/>
      <c r="UXR704" s="613"/>
      <c r="UXS704" s="613"/>
      <c r="UXT704" s="613"/>
      <c r="UXU704" s="613"/>
      <c r="UXV704" s="613"/>
      <c r="UXW704" s="613"/>
      <c r="UXX704" s="613"/>
      <c r="UXY704" s="613"/>
      <c r="UXZ704" s="613"/>
      <c r="UYA704" s="613"/>
      <c r="UYB704" s="613"/>
      <c r="UYC704" s="613"/>
      <c r="UYD704" s="613"/>
      <c r="UYE704" s="613"/>
      <c r="UYF704" s="613"/>
      <c r="UYG704" s="613"/>
      <c r="UYH704" s="613"/>
      <c r="UYI704" s="613"/>
      <c r="UYJ704" s="613"/>
      <c r="UYK704" s="613"/>
      <c r="UYL704" s="613"/>
      <c r="UYM704" s="613"/>
      <c r="UYN704" s="613"/>
      <c r="UYO704" s="613"/>
      <c r="UYP704" s="613"/>
      <c r="UYQ704" s="613"/>
      <c r="UYR704" s="613"/>
      <c r="UYS704" s="613"/>
      <c r="UYT704" s="613"/>
      <c r="UYU704" s="613"/>
      <c r="UYV704" s="613"/>
      <c r="UYW704" s="613"/>
      <c r="UYX704" s="613"/>
      <c r="UYY704" s="613"/>
      <c r="UYZ704" s="613"/>
      <c r="UZA704" s="613"/>
      <c r="UZB704" s="613"/>
      <c r="UZC704" s="613"/>
      <c r="UZD704" s="613"/>
      <c r="UZE704" s="613"/>
      <c r="UZF704" s="613"/>
      <c r="UZG704" s="613"/>
      <c r="UZH704" s="613"/>
      <c r="UZI704" s="613"/>
      <c r="UZJ704" s="613"/>
      <c r="UZK704" s="613"/>
      <c r="UZL704" s="613"/>
      <c r="UZM704" s="613"/>
      <c r="UZN704" s="613"/>
      <c r="UZO704" s="613"/>
      <c r="UZP704" s="613"/>
      <c r="UZQ704" s="613"/>
      <c r="UZR704" s="613"/>
      <c r="UZS704" s="613"/>
      <c r="UZT704" s="613"/>
      <c r="UZU704" s="613"/>
      <c r="UZV704" s="613"/>
      <c r="UZW704" s="613"/>
      <c r="UZX704" s="613"/>
      <c r="UZY704" s="613"/>
      <c r="UZZ704" s="613"/>
      <c r="VAA704" s="613"/>
      <c r="VAB704" s="613"/>
      <c r="VAC704" s="613"/>
      <c r="VAD704" s="613"/>
      <c r="VAE704" s="613"/>
      <c r="VAF704" s="613"/>
      <c r="VAG704" s="613"/>
      <c r="VAH704" s="613"/>
      <c r="VAI704" s="613"/>
      <c r="VAJ704" s="613"/>
      <c r="VAK704" s="613"/>
      <c r="VAL704" s="613"/>
      <c r="VAM704" s="613"/>
      <c r="VAN704" s="613"/>
      <c r="VAO704" s="613"/>
      <c r="VAP704" s="613"/>
      <c r="VAQ704" s="613"/>
      <c r="VAR704" s="613"/>
      <c r="VAS704" s="613"/>
      <c r="VAT704" s="613"/>
      <c r="VAU704" s="613"/>
      <c r="VAV704" s="613"/>
      <c r="VAW704" s="613"/>
      <c r="VAX704" s="613"/>
      <c r="VAY704" s="613"/>
      <c r="VAZ704" s="613"/>
      <c r="VBA704" s="613"/>
      <c r="VBB704" s="613"/>
      <c r="VBC704" s="613"/>
      <c r="VBD704" s="613"/>
      <c r="VBE704" s="613"/>
      <c r="VBF704" s="613"/>
      <c r="VBG704" s="613"/>
      <c r="VBH704" s="613"/>
      <c r="VBI704" s="613"/>
      <c r="VBJ704" s="613"/>
      <c r="VBK704" s="613"/>
      <c r="VBL704" s="613"/>
      <c r="VBM704" s="613"/>
      <c r="VBN704" s="613"/>
      <c r="VBO704" s="613"/>
      <c r="VBP704" s="613"/>
      <c r="VBQ704" s="613"/>
      <c r="VBR704" s="613"/>
      <c r="VBS704" s="613"/>
      <c r="VBT704" s="613"/>
      <c r="VBU704" s="613"/>
      <c r="VBV704" s="613"/>
      <c r="VBW704" s="613"/>
      <c r="VBX704" s="613"/>
      <c r="VBY704" s="613"/>
      <c r="VBZ704" s="613"/>
      <c r="VCA704" s="613"/>
      <c r="VCB704" s="613"/>
      <c r="VCC704" s="613"/>
      <c r="VCD704" s="613"/>
      <c r="VCE704" s="613"/>
      <c r="VCF704" s="613"/>
      <c r="VCG704" s="613"/>
      <c r="VCH704" s="613"/>
      <c r="VCI704" s="613"/>
      <c r="VCJ704" s="613"/>
      <c r="VCK704" s="613"/>
      <c r="VCL704" s="613"/>
      <c r="VCM704" s="613"/>
      <c r="VCN704" s="613"/>
      <c r="VCO704" s="613"/>
      <c r="VCP704" s="613"/>
      <c r="VCQ704" s="613"/>
      <c r="VCR704" s="613"/>
      <c r="VCS704" s="613"/>
      <c r="VCT704" s="613"/>
      <c r="VCU704" s="613"/>
      <c r="VCV704" s="613"/>
      <c r="VCW704" s="613"/>
      <c r="VCX704" s="613"/>
      <c r="VCY704" s="613"/>
      <c r="VCZ704" s="613"/>
      <c r="VDA704" s="613"/>
      <c r="VDB704" s="613"/>
      <c r="VDC704" s="613"/>
      <c r="VDD704" s="613"/>
      <c r="VDE704" s="613"/>
      <c r="VDF704" s="613"/>
      <c r="VDG704" s="613"/>
      <c r="VDH704" s="613"/>
      <c r="VDI704" s="613"/>
      <c r="VDJ704" s="613"/>
      <c r="VDK704" s="613"/>
      <c r="VDL704" s="613"/>
      <c r="VDM704" s="613"/>
      <c r="VDN704" s="613"/>
      <c r="VDO704" s="613"/>
      <c r="VDP704" s="613"/>
      <c r="VDQ704" s="613"/>
      <c r="VDR704" s="613"/>
      <c r="VDS704" s="613"/>
      <c r="VDT704" s="613"/>
      <c r="VDU704" s="613"/>
      <c r="VDV704" s="613"/>
      <c r="VDW704" s="613"/>
      <c r="VDX704" s="613"/>
      <c r="VDY704" s="613"/>
      <c r="VDZ704" s="613"/>
      <c r="VEA704" s="613"/>
      <c r="VEB704" s="613"/>
      <c r="VEC704" s="613"/>
      <c r="VED704" s="613"/>
      <c r="VEE704" s="613"/>
      <c r="VEF704" s="613"/>
      <c r="VEG704" s="613"/>
      <c r="VEH704" s="613"/>
      <c r="VEI704" s="613"/>
      <c r="VEJ704" s="613"/>
      <c r="VEK704" s="613"/>
      <c r="VEL704" s="613"/>
      <c r="VEM704" s="613"/>
      <c r="VEN704" s="613"/>
      <c r="VEO704" s="613"/>
      <c r="VEP704" s="613"/>
      <c r="VEQ704" s="613"/>
      <c r="VER704" s="613"/>
      <c r="VES704" s="613"/>
      <c r="VET704" s="613"/>
      <c r="VEU704" s="613"/>
      <c r="VEV704" s="613"/>
      <c r="VEW704" s="613"/>
      <c r="VEX704" s="613"/>
      <c r="VEY704" s="613"/>
      <c r="VEZ704" s="613"/>
      <c r="VFA704" s="613"/>
      <c r="VFB704" s="613"/>
      <c r="VFC704" s="613"/>
      <c r="VFD704" s="613"/>
      <c r="VFE704" s="613"/>
      <c r="VFF704" s="613"/>
      <c r="VFG704" s="613"/>
      <c r="VFH704" s="613"/>
      <c r="VFI704" s="613"/>
      <c r="VFJ704" s="613"/>
      <c r="VFK704" s="613"/>
      <c r="VFL704" s="613"/>
      <c r="VFM704" s="613"/>
      <c r="VFN704" s="613"/>
      <c r="VFO704" s="613"/>
      <c r="VFP704" s="613"/>
      <c r="VFQ704" s="613"/>
      <c r="VFR704" s="613"/>
      <c r="VFS704" s="613"/>
      <c r="VFT704" s="613"/>
      <c r="VFU704" s="613"/>
      <c r="VFV704" s="613"/>
      <c r="VFW704" s="613"/>
      <c r="VFX704" s="613"/>
      <c r="VFY704" s="613"/>
      <c r="VFZ704" s="613"/>
      <c r="VGA704" s="613"/>
      <c r="VGB704" s="613"/>
      <c r="VGC704" s="613"/>
      <c r="VGD704" s="613"/>
      <c r="VGE704" s="613"/>
      <c r="VGF704" s="613"/>
      <c r="VGG704" s="613"/>
      <c r="VGH704" s="613"/>
      <c r="VGI704" s="613"/>
      <c r="VGJ704" s="613"/>
      <c r="VGK704" s="613"/>
      <c r="VGL704" s="613"/>
      <c r="VGM704" s="613"/>
      <c r="VGN704" s="613"/>
      <c r="VGO704" s="613"/>
      <c r="VGP704" s="613"/>
      <c r="VGQ704" s="613"/>
      <c r="VGR704" s="613"/>
      <c r="VGS704" s="613"/>
      <c r="VGT704" s="613"/>
      <c r="VGU704" s="613"/>
      <c r="VGV704" s="613"/>
      <c r="VGW704" s="613"/>
      <c r="VGX704" s="613"/>
      <c r="VGY704" s="613"/>
      <c r="VGZ704" s="613"/>
      <c r="VHA704" s="613"/>
      <c r="VHB704" s="613"/>
      <c r="VHC704" s="613"/>
      <c r="VHD704" s="613"/>
      <c r="VHE704" s="613"/>
      <c r="VHF704" s="613"/>
      <c r="VHG704" s="613"/>
      <c r="VHH704" s="613"/>
      <c r="VHI704" s="613"/>
      <c r="VHJ704" s="613"/>
      <c r="VHK704" s="613"/>
      <c r="VHL704" s="613"/>
      <c r="VHM704" s="613"/>
      <c r="VHN704" s="613"/>
      <c r="VHO704" s="613"/>
      <c r="VHP704" s="613"/>
      <c r="VHQ704" s="613"/>
      <c r="VHR704" s="613"/>
      <c r="VHS704" s="613"/>
      <c r="VHT704" s="613"/>
      <c r="VHU704" s="613"/>
      <c r="VHV704" s="613"/>
      <c r="VHW704" s="613"/>
      <c r="VHX704" s="613"/>
      <c r="VHY704" s="613"/>
      <c r="VHZ704" s="613"/>
      <c r="VIA704" s="613"/>
      <c r="VIB704" s="613"/>
      <c r="VIC704" s="613"/>
      <c r="VID704" s="613"/>
      <c r="VIE704" s="613"/>
      <c r="VIF704" s="613"/>
      <c r="VIG704" s="613"/>
      <c r="VIH704" s="613"/>
      <c r="VII704" s="613"/>
      <c r="VIJ704" s="613"/>
      <c r="VIK704" s="613"/>
      <c r="VIL704" s="613"/>
      <c r="VIM704" s="613"/>
      <c r="VIN704" s="613"/>
      <c r="VIO704" s="613"/>
      <c r="VIP704" s="613"/>
      <c r="VIQ704" s="613"/>
      <c r="VIR704" s="613"/>
      <c r="VIS704" s="613"/>
      <c r="VIT704" s="613"/>
      <c r="VIU704" s="613"/>
      <c r="VIV704" s="613"/>
      <c r="VIW704" s="613"/>
      <c r="VIX704" s="613"/>
      <c r="VIY704" s="613"/>
      <c r="VIZ704" s="613"/>
      <c r="VJA704" s="613"/>
      <c r="VJB704" s="613"/>
      <c r="VJC704" s="613"/>
      <c r="VJD704" s="613"/>
      <c r="VJE704" s="613"/>
      <c r="VJF704" s="613"/>
      <c r="VJG704" s="613"/>
      <c r="VJH704" s="613"/>
      <c r="VJI704" s="613"/>
      <c r="VJJ704" s="613"/>
      <c r="VJK704" s="613"/>
      <c r="VJL704" s="613"/>
      <c r="VJM704" s="613"/>
      <c r="VJN704" s="613"/>
      <c r="VJO704" s="613"/>
      <c r="VJP704" s="613"/>
      <c r="VJQ704" s="613"/>
      <c r="VJR704" s="613"/>
      <c r="VJS704" s="613"/>
      <c r="VJT704" s="613"/>
      <c r="VJU704" s="613"/>
      <c r="VJV704" s="613"/>
      <c r="VJW704" s="613"/>
      <c r="VJX704" s="613"/>
      <c r="VJY704" s="613"/>
      <c r="VJZ704" s="613"/>
      <c r="VKA704" s="613"/>
      <c r="VKB704" s="613"/>
      <c r="VKC704" s="613"/>
      <c r="VKD704" s="613"/>
      <c r="VKE704" s="613"/>
      <c r="VKF704" s="613"/>
      <c r="VKG704" s="613"/>
      <c r="VKH704" s="613"/>
      <c r="VKI704" s="613"/>
      <c r="VKJ704" s="613"/>
      <c r="VKK704" s="613"/>
      <c r="VKL704" s="613"/>
      <c r="VKM704" s="613"/>
      <c r="VKN704" s="613"/>
      <c r="VKO704" s="613"/>
      <c r="VKP704" s="613"/>
      <c r="VKQ704" s="613"/>
      <c r="VKR704" s="613"/>
      <c r="VKS704" s="613"/>
      <c r="VKT704" s="613"/>
      <c r="VKU704" s="613"/>
      <c r="VKV704" s="613"/>
      <c r="VKW704" s="613"/>
      <c r="VKX704" s="613"/>
      <c r="VKY704" s="613"/>
      <c r="VKZ704" s="613"/>
      <c r="VLA704" s="613"/>
      <c r="VLB704" s="613"/>
      <c r="VLC704" s="613"/>
      <c r="VLD704" s="613"/>
      <c r="VLE704" s="613"/>
      <c r="VLF704" s="613"/>
      <c r="VLG704" s="613"/>
      <c r="VLH704" s="613"/>
      <c r="VLI704" s="613"/>
      <c r="VLJ704" s="613"/>
      <c r="VLK704" s="613"/>
      <c r="VLL704" s="613"/>
      <c r="VLM704" s="613"/>
      <c r="VLN704" s="613"/>
      <c r="VLO704" s="613"/>
      <c r="VLP704" s="613"/>
      <c r="VLQ704" s="613"/>
      <c r="VLR704" s="613"/>
      <c r="VLS704" s="613"/>
      <c r="VLT704" s="613"/>
      <c r="VLU704" s="613"/>
      <c r="VLV704" s="613"/>
      <c r="VLW704" s="613"/>
      <c r="VLX704" s="613"/>
      <c r="VLY704" s="613"/>
      <c r="VLZ704" s="613"/>
      <c r="VMA704" s="613"/>
      <c r="VMB704" s="613"/>
      <c r="VMC704" s="613"/>
      <c r="VMD704" s="613"/>
      <c r="VME704" s="613"/>
      <c r="VMF704" s="613"/>
      <c r="VMG704" s="613"/>
      <c r="VMH704" s="613"/>
      <c r="VMI704" s="613"/>
      <c r="VMJ704" s="613"/>
      <c r="VMK704" s="613"/>
      <c r="VML704" s="613"/>
      <c r="VMM704" s="613"/>
      <c r="VMN704" s="613"/>
      <c r="VMO704" s="613"/>
      <c r="VMP704" s="613"/>
      <c r="VMQ704" s="613"/>
      <c r="VMR704" s="613"/>
      <c r="VMS704" s="613"/>
      <c r="VMT704" s="613"/>
      <c r="VMU704" s="613"/>
      <c r="VMV704" s="613"/>
      <c r="VMW704" s="613"/>
      <c r="VMX704" s="613"/>
      <c r="VMY704" s="613"/>
      <c r="VMZ704" s="613"/>
      <c r="VNA704" s="613"/>
      <c r="VNB704" s="613"/>
      <c r="VNC704" s="613"/>
      <c r="VND704" s="613"/>
      <c r="VNE704" s="613"/>
      <c r="VNF704" s="613"/>
      <c r="VNG704" s="613"/>
      <c r="VNH704" s="613"/>
      <c r="VNI704" s="613"/>
      <c r="VNJ704" s="613"/>
      <c r="VNK704" s="613"/>
      <c r="VNL704" s="613"/>
      <c r="VNM704" s="613"/>
      <c r="VNN704" s="613"/>
      <c r="VNO704" s="613"/>
      <c r="VNP704" s="613"/>
      <c r="VNQ704" s="613"/>
      <c r="VNR704" s="613"/>
      <c r="VNS704" s="613"/>
      <c r="VNT704" s="613"/>
      <c r="VNU704" s="613"/>
      <c r="VNV704" s="613"/>
      <c r="VNW704" s="613"/>
      <c r="VNX704" s="613"/>
      <c r="VNY704" s="613"/>
      <c r="VNZ704" s="613"/>
      <c r="VOA704" s="613"/>
      <c r="VOB704" s="613"/>
      <c r="VOC704" s="613"/>
      <c r="VOD704" s="613"/>
      <c r="VOE704" s="613"/>
      <c r="VOF704" s="613"/>
      <c r="VOG704" s="613"/>
      <c r="VOH704" s="613"/>
      <c r="VOI704" s="613"/>
      <c r="VOJ704" s="613"/>
      <c r="VOK704" s="613"/>
      <c r="VOL704" s="613"/>
      <c r="VOM704" s="613"/>
      <c r="VON704" s="613"/>
      <c r="VOO704" s="613"/>
      <c r="VOP704" s="613"/>
      <c r="VOQ704" s="613"/>
      <c r="VOR704" s="613"/>
      <c r="VOS704" s="613"/>
      <c r="VOT704" s="613"/>
      <c r="VOU704" s="613"/>
      <c r="VOV704" s="613"/>
      <c r="VOW704" s="613"/>
      <c r="VOX704" s="613"/>
      <c r="VOY704" s="613"/>
      <c r="VOZ704" s="613"/>
      <c r="VPA704" s="613"/>
      <c r="VPB704" s="613"/>
      <c r="VPC704" s="613"/>
      <c r="VPD704" s="613"/>
      <c r="VPE704" s="613"/>
      <c r="VPF704" s="613"/>
      <c r="VPG704" s="613"/>
      <c r="VPH704" s="613"/>
      <c r="VPI704" s="613"/>
      <c r="VPJ704" s="613"/>
      <c r="VPK704" s="613"/>
      <c r="VPL704" s="613"/>
      <c r="VPM704" s="613"/>
      <c r="VPN704" s="613"/>
      <c r="VPO704" s="613"/>
      <c r="VPP704" s="613"/>
      <c r="VPQ704" s="613"/>
      <c r="VPR704" s="613"/>
      <c r="VPS704" s="613"/>
      <c r="VPT704" s="613"/>
      <c r="VPU704" s="613"/>
      <c r="VPV704" s="613"/>
      <c r="VPW704" s="613"/>
      <c r="VPX704" s="613"/>
      <c r="VPY704" s="613"/>
      <c r="VPZ704" s="613"/>
      <c r="VQA704" s="613"/>
      <c r="VQB704" s="613"/>
      <c r="VQC704" s="613"/>
      <c r="VQD704" s="613"/>
      <c r="VQE704" s="613"/>
      <c r="VQF704" s="613"/>
      <c r="VQG704" s="613"/>
      <c r="VQH704" s="613"/>
      <c r="VQI704" s="613"/>
      <c r="VQJ704" s="613"/>
      <c r="VQK704" s="613"/>
      <c r="VQL704" s="613"/>
      <c r="VQM704" s="613"/>
      <c r="VQN704" s="613"/>
      <c r="VQO704" s="613"/>
      <c r="VQP704" s="613"/>
      <c r="VQQ704" s="613"/>
      <c r="VQR704" s="613"/>
      <c r="VQS704" s="613"/>
      <c r="VQT704" s="613"/>
      <c r="VQU704" s="613"/>
      <c r="VQV704" s="613"/>
      <c r="VQW704" s="613"/>
      <c r="VQX704" s="613"/>
      <c r="VQY704" s="613"/>
      <c r="VQZ704" s="613"/>
      <c r="VRA704" s="613"/>
      <c r="VRB704" s="613"/>
      <c r="VRC704" s="613"/>
      <c r="VRD704" s="613"/>
      <c r="VRE704" s="613"/>
      <c r="VRF704" s="613"/>
      <c r="VRG704" s="613"/>
      <c r="VRH704" s="613"/>
      <c r="VRI704" s="613"/>
      <c r="VRJ704" s="613"/>
      <c r="VRK704" s="613"/>
      <c r="VRL704" s="613"/>
      <c r="VRM704" s="613"/>
      <c r="VRN704" s="613"/>
      <c r="VRO704" s="613"/>
      <c r="VRP704" s="613"/>
      <c r="VRQ704" s="613"/>
      <c r="VRR704" s="613"/>
      <c r="VRS704" s="613"/>
      <c r="VRT704" s="613"/>
      <c r="VRU704" s="613"/>
      <c r="VRV704" s="613"/>
      <c r="VRW704" s="613"/>
      <c r="VRX704" s="613"/>
      <c r="VRY704" s="613"/>
      <c r="VRZ704" s="613"/>
      <c r="VSA704" s="613"/>
      <c r="VSB704" s="613"/>
      <c r="VSC704" s="613"/>
      <c r="VSD704" s="613"/>
      <c r="VSE704" s="613"/>
      <c r="VSF704" s="613"/>
      <c r="VSG704" s="613"/>
      <c r="VSH704" s="613"/>
      <c r="VSI704" s="613"/>
      <c r="VSJ704" s="613"/>
      <c r="VSK704" s="613"/>
      <c r="VSL704" s="613"/>
      <c r="VSM704" s="613"/>
      <c r="VSN704" s="613"/>
      <c r="VSO704" s="613"/>
      <c r="VSP704" s="613"/>
      <c r="VSQ704" s="613"/>
      <c r="VSR704" s="613"/>
      <c r="VSS704" s="613"/>
      <c r="VST704" s="613"/>
      <c r="VSU704" s="613"/>
      <c r="VSV704" s="613"/>
      <c r="VSW704" s="613"/>
      <c r="VSX704" s="613"/>
      <c r="VSY704" s="613"/>
      <c r="VSZ704" s="613"/>
      <c r="VTA704" s="613"/>
      <c r="VTB704" s="613"/>
      <c r="VTC704" s="613"/>
      <c r="VTD704" s="613"/>
      <c r="VTE704" s="613"/>
      <c r="VTF704" s="613"/>
      <c r="VTG704" s="613"/>
      <c r="VTH704" s="613"/>
      <c r="VTI704" s="613"/>
      <c r="VTJ704" s="613"/>
      <c r="VTK704" s="613"/>
      <c r="VTL704" s="613"/>
      <c r="VTM704" s="613"/>
      <c r="VTN704" s="613"/>
      <c r="VTO704" s="613"/>
      <c r="VTP704" s="613"/>
      <c r="VTQ704" s="613"/>
      <c r="VTR704" s="613"/>
      <c r="VTS704" s="613"/>
      <c r="VTT704" s="613"/>
      <c r="VTU704" s="613"/>
      <c r="VTV704" s="613"/>
      <c r="VTW704" s="613"/>
      <c r="VTX704" s="613"/>
      <c r="VTY704" s="613"/>
      <c r="VTZ704" s="613"/>
      <c r="VUA704" s="613"/>
      <c r="VUB704" s="613"/>
      <c r="VUC704" s="613"/>
      <c r="VUD704" s="613"/>
      <c r="VUE704" s="613"/>
      <c r="VUF704" s="613"/>
      <c r="VUG704" s="613"/>
      <c r="VUH704" s="613"/>
      <c r="VUI704" s="613"/>
      <c r="VUJ704" s="613"/>
      <c r="VUK704" s="613"/>
      <c r="VUL704" s="613"/>
      <c r="VUM704" s="613"/>
      <c r="VUN704" s="613"/>
      <c r="VUO704" s="613"/>
      <c r="VUP704" s="613"/>
      <c r="VUQ704" s="613"/>
      <c r="VUR704" s="613"/>
      <c r="VUS704" s="613"/>
      <c r="VUT704" s="613"/>
      <c r="VUU704" s="613"/>
      <c r="VUV704" s="613"/>
      <c r="VUW704" s="613"/>
      <c r="VUX704" s="613"/>
      <c r="VUY704" s="613"/>
      <c r="VUZ704" s="613"/>
      <c r="VVA704" s="613"/>
      <c r="VVB704" s="613"/>
      <c r="VVC704" s="613"/>
      <c r="VVD704" s="613"/>
      <c r="VVE704" s="613"/>
      <c r="VVF704" s="613"/>
      <c r="VVG704" s="613"/>
      <c r="VVH704" s="613"/>
      <c r="VVI704" s="613"/>
      <c r="VVJ704" s="613"/>
      <c r="VVK704" s="613"/>
      <c r="VVL704" s="613"/>
      <c r="VVM704" s="613"/>
      <c r="VVN704" s="613"/>
      <c r="VVO704" s="613"/>
      <c r="VVP704" s="613"/>
      <c r="VVQ704" s="613"/>
      <c r="VVR704" s="613"/>
      <c r="VVS704" s="613"/>
      <c r="VVT704" s="613"/>
      <c r="VVU704" s="613"/>
      <c r="VVV704" s="613"/>
      <c r="VVW704" s="613"/>
      <c r="VVX704" s="613"/>
      <c r="VVY704" s="613"/>
      <c r="VVZ704" s="613"/>
      <c r="VWA704" s="613"/>
      <c r="VWB704" s="613"/>
      <c r="VWC704" s="613"/>
      <c r="VWD704" s="613"/>
      <c r="VWE704" s="613"/>
      <c r="VWF704" s="613"/>
      <c r="VWG704" s="613"/>
      <c r="VWH704" s="613"/>
      <c r="VWI704" s="613"/>
      <c r="VWJ704" s="613"/>
      <c r="VWK704" s="613"/>
      <c r="VWL704" s="613"/>
      <c r="VWM704" s="613"/>
      <c r="VWN704" s="613"/>
      <c r="VWO704" s="613"/>
      <c r="VWP704" s="613"/>
      <c r="VWQ704" s="613"/>
      <c r="VWR704" s="613"/>
      <c r="VWS704" s="613"/>
      <c r="VWT704" s="613"/>
      <c r="VWU704" s="613"/>
      <c r="VWV704" s="613"/>
      <c r="VWW704" s="613"/>
      <c r="VWX704" s="613"/>
      <c r="VWY704" s="613"/>
      <c r="VWZ704" s="613"/>
      <c r="VXA704" s="613"/>
      <c r="VXB704" s="613"/>
      <c r="VXC704" s="613"/>
      <c r="VXD704" s="613"/>
      <c r="VXE704" s="613"/>
      <c r="VXF704" s="613"/>
      <c r="VXG704" s="613"/>
      <c r="VXH704" s="613"/>
      <c r="VXI704" s="613"/>
      <c r="VXJ704" s="613"/>
      <c r="VXK704" s="613"/>
      <c r="VXL704" s="613"/>
      <c r="VXM704" s="613"/>
      <c r="VXN704" s="613"/>
      <c r="VXO704" s="613"/>
      <c r="VXP704" s="613"/>
      <c r="VXQ704" s="613"/>
      <c r="VXR704" s="613"/>
      <c r="VXS704" s="613"/>
      <c r="VXT704" s="613"/>
      <c r="VXU704" s="613"/>
      <c r="VXV704" s="613"/>
      <c r="VXW704" s="613"/>
      <c r="VXX704" s="613"/>
      <c r="VXY704" s="613"/>
      <c r="VXZ704" s="613"/>
      <c r="VYA704" s="613"/>
      <c r="VYB704" s="613"/>
      <c r="VYC704" s="613"/>
      <c r="VYD704" s="613"/>
      <c r="VYE704" s="613"/>
      <c r="VYF704" s="613"/>
      <c r="VYG704" s="613"/>
      <c r="VYH704" s="613"/>
      <c r="VYI704" s="613"/>
      <c r="VYJ704" s="613"/>
      <c r="VYK704" s="613"/>
      <c r="VYL704" s="613"/>
      <c r="VYM704" s="613"/>
      <c r="VYN704" s="613"/>
      <c r="VYO704" s="613"/>
      <c r="VYP704" s="613"/>
      <c r="VYQ704" s="613"/>
      <c r="VYR704" s="613"/>
      <c r="VYS704" s="613"/>
      <c r="VYT704" s="613"/>
      <c r="VYU704" s="613"/>
      <c r="VYV704" s="613"/>
      <c r="VYW704" s="613"/>
      <c r="VYX704" s="613"/>
      <c r="VYY704" s="613"/>
      <c r="VYZ704" s="613"/>
      <c r="VZA704" s="613"/>
      <c r="VZB704" s="613"/>
      <c r="VZC704" s="613"/>
      <c r="VZD704" s="613"/>
      <c r="VZE704" s="613"/>
      <c r="VZF704" s="613"/>
      <c r="VZG704" s="613"/>
      <c r="VZH704" s="613"/>
      <c r="VZI704" s="613"/>
      <c r="VZJ704" s="613"/>
      <c r="VZK704" s="613"/>
      <c r="VZL704" s="613"/>
      <c r="VZM704" s="613"/>
      <c r="VZN704" s="613"/>
      <c r="VZO704" s="613"/>
      <c r="VZP704" s="613"/>
      <c r="VZQ704" s="613"/>
      <c r="VZR704" s="613"/>
      <c r="VZS704" s="613"/>
      <c r="VZT704" s="613"/>
      <c r="VZU704" s="613"/>
      <c r="VZV704" s="613"/>
      <c r="VZW704" s="613"/>
      <c r="VZX704" s="613"/>
      <c r="VZY704" s="613"/>
      <c r="VZZ704" s="613"/>
      <c r="WAA704" s="613"/>
      <c r="WAB704" s="613"/>
      <c r="WAC704" s="613"/>
      <c r="WAD704" s="613"/>
      <c r="WAE704" s="613"/>
      <c r="WAF704" s="613"/>
      <c r="WAG704" s="613"/>
      <c r="WAH704" s="613"/>
      <c r="WAI704" s="613"/>
      <c r="WAJ704" s="613"/>
      <c r="WAK704" s="613"/>
      <c r="WAL704" s="613"/>
      <c r="WAM704" s="613"/>
      <c r="WAN704" s="613"/>
      <c r="WAO704" s="613"/>
      <c r="WAP704" s="613"/>
      <c r="WAQ704" s="613"/>
      <c r="WAR704" s="613"/>
      <c r="WAS704" s="613"/>
      <c r="WAT704" s="613"/>
      <c r="WAU704" s="613"/>
      <c r="WAV704" s="613"/>
      <c r="WAW704" s="613"/>
      <c r="WAX704" s="613"/>
      <c r="WAY704" s="613"/>
      <c r="WAZ704" s="613"/>
      <c r="WBA704" s="613"/>
      <c r="WBB704" s="613"/>
      <c r="WBC704" s="613"/>
      <c r="WBD704" s="613"/>
      <c r="WBE704" s="613"/>
      <c r="WBF704" s="613"/>
      <c r="WBG704" s="613"/>
      <c r="WBH704" s="613"/>
      <c r="WBI704" s="613"/>
      <c r="WBJ704" s="613"/>
      <c r="WBK704" s="613"/>
      <c r="WBL704" s="613"/>
      <c r="WBM704" s="613"/>
      <c r="WBN704" s="613"/>
      <c r="WBO704" s="613"/>
      <c r="WBP704" s="613"/>
      <c r="WBQ704" s="613"/>
      <c r="WBR704" s="613"/>
      <c r="WBS704" s="613"/>
      <c r="WBT704" s="613"/>
      <c r="WBU704" s="613"/>
      <c r="WBV704" s="613"/>
      <c r="WBW704" s="613"/>
      <c r="WBX704" s="613"/>
      <c r="WBY704" s="613"/>
      <c r="WBZ704" s="613"/>
      <c r="WCA704" s="613"/>
      <c r="WCB704" s="613"/>
      <c r="WCC704" s="613"/>
      <c r="WCD704" s="613"/>
      <c r="WCE704" s="613"/>
      <c r="WCF704" s="613"/>
      <c r="WCG704" s="613"/>
      <c r="WCH704" s="613"/>
      <c r="WCI704" s="613"/>
      <c r="WCJ704" s="613"/>
      <c r="WCK704" s="613"/>
      <c r="WCL704" s="613"/>
      <c r="WCM704" s="613"/>
      <c r="WCN704" s="613"/>
      <c r="WCO704" s="613"/>
      <c r="WCP704" s="613"/>
      <c r="WCQ704" s="613"/>
      <c r="WCR704" s="613"/>
      <c r="WCS704" s="613"/>
      <c r="WCT704" s="613"/>
      <c r="WCU704" s="613"/>
      <c r="WCV704" s="613"/>
      <c r="WCW704" s="613"/>
      <c r="WCX704" s="613"/>
      <c r="WCY704" s="613"/>
      <c r="WCZ704" s="613"/>
      <c r="WDA704" s="613"/>
      <c r="WDB704" s="613"/>
      <c r="WDC704" s="613"/>
      <c r="WDD704" s="613"/>
      <c r="WDE704" s="613"/>
      <c r="WDF704" s="613"/>
      <c r="WDG704" s="613"/>
      <c r="WDH704" s="613"/>
      <c r="WDI704" s="613"/>
      <c r="WDJ704" s="613"/>
      <c r="WDK704" s="613"/>
      <c r="WDL704" s="613"/>
      <c r="WDM704" s="613"/>
      <c r="WDN704" s="613"/>
      <c r="WDO704" s="613"/>
      <c r="WDP704" s="613"/>
      <c r="WDQ704" s="613"/>
      <c r="WDR704" s="613"/>
      <c r="WDS704" s="613"/>
      <c r="WDT704" s="613"/>
      <c r="WDU704" s="613"/>
      <c r="WDV704" s="613"/>
      <c r="WDW704" s="613"/>
      <c r="WDX704" s="613"/>
      <c r="WDY704" s="613"/>
      <c r="WDZ704" s="613"/>
      <c r="WEA704" s="613"/>
      <c r="WEB704" s="613"/>
      <c r="WEC704" s="613"/>
      <c r="WED704" s="613"/>
      <c r="WEE704" s="613"/>
      <c r="WEF704" s="613"/>
      <c r="WEG704" s="613"/>
      <c r="WEH704" s="613"/>
      <c r="WEI704" s="613"/>
      <c r="WEJ704" s="613"/>
      <c r="WEK704" s="613"/>
      <c r="WEL704" s="613"/>
      <c r="WEM704" s="613"/>
      <c r="WEN704" s="613"/>
      <c r="WEO704" s="613"/>
      <c r="WEP704" s="613"/>
      <c r="WEQ704" s="613"/>
      <c r="WER704" s="613"/>
      <c r="WES704" s="613"/>
      <c r="WET704" s="613"/>
      <c r="WEU704" s="613"/>
      <c r="WEV704" s="613"/>
      <c r="WEW704" s="613"/>
      <c r="WEX704" s="613"/>
      <c r="WEY704" s="613"/>
      <c r="WEZ704" s="613"/>
      <c r="WFA704" s="613"/>
      <c r="WFB704" s="613"/>
      <c r="WFC704" s="613"/>
      <c r="WFD704" s="613"/>
      <c r="WFE704" s="613"/>
      <c r="WFF704" s="613"/>
      <c r="WFG704" s="613"/>
      <c r="WFH704" s="613"/>
      <c r="WFI704" s="613"/>
      <c r="WFJ704" s="613"/>
      <c r="WFK704" s="613"/>
      <c r="WFL704" s="613"/>
      <c r="WFM704" s="613"/>
      <c r="WFN704" s="613"/>
      <c r="WFO704" s="613"/>
      <c r="WFP704" s="613"/>
      <c r="WFQ704" s="613"/>
      <c r="WFR704" s="613"/>
      <c r="WFS704" s="613"/>
      <c r="WFT704" s="613"/>
      <c r="WFU704" s="613"/>
      <c r="WFV704" s="613"/>
      <c r="WFW704" s="613"/>
      <c r="WFX704" s="613"/>
      <c r="WFY704" s="613"/>
      <c r="WFZ704" s="613"/>
      <c r="WGA704" s="613"/>
      <c r="WGB704" s="613"/>
      <c r="WGC704" s="613"/>
      <c r="WGD704" s="613"/>
      <c r="WGE704" s="613"/>
      <c r="WGF704" s="613"/>
      <c r="WGG704" s="613"/>
      <c r="WGH704" s="613"/>
      <c r="WGI704" s="613"/>
      <c r="WGJ704" s="613"/>
      <c r="WGK704" s="613"/>
      <c r="WGL704" s="613"/>
      <c r="WGM704" s="613"/>
      <c r="WGN704" s="613"/>
      <c r="WGO704" s="613"/>
      <c r="WGP704" s="613"/>
      <c r="WGQ704" s="613"/>
      <c r="WGR704" s="613"/>
      <c r="WGS704" s="613"/>
      <c r="WGT704" s="613"/>
      <c r="WGU704" s="613"/>
      <c r="WGV704" s="613"/>
      <c r="WGW704" s="613"/>
      <c r="WGX704" s="613"/>
      <c r="WGY704" s="613"/>
      <c r="WGZ704" s="613"/>
      <c r="WHA704" s="613"/>
      <c r="WHB704" s="613"/>
      <c r="WHC704" s="613"/>
      <c r="WHD704" s="613"/>
      <c r="WHE704" s="613"/>
      <c r="WHF704" s="613"/>
      <c r="WHG704" s="613"/>
      <c r="WHH704" s="613"/>
      <c r="WHI704" s="613"/>
      <c r="WHJ704" s="613"/>
      <c r="WHK704" s="613"/>
      <c r="WHL704" s="613"/>
      <c r="WHM704" s="613"/>
      <c r="WHN704" s="613"/>
      <c r="WHO704" s="613"/>
      <c r="WHP704" s="613"/>
      <c r="WHQ704" s="613"/>
      <c r="WHR704" s="613"/>
      <c r="WHS704" s="613"/>
      <c r="WHT704" s="613"/>
      <c r="WHU704" s="613"/>
      <c r="WHV704" s="613"/>
      <c r="WHW704" s="613"/>
      <c r="WHX704" s="613"/>
      <c r="WHY704" s="613"/>
      <c r="WHZ704" s="613"/>
      <c r="WIA704" s="613"/>
      <c r="WIB704" s="613"/>
      <c r="WIC704" s="613"/>
      <c r="WID704" s="613"/>
      <c r="WIE704" s="613"/>
      <c r="WIF704" s="613"/>
      <c r="WIG704" s="613"/>
      <c r="WIH704" s="613"/>
      <c r="WII704" s="613"/>
      <c r="WIJ704" s="613"/>
      <c r="WIK704" s="613"/>
      <c r="WIL704" s="613"/>
      <c r="WIM704" s="613"/>
      <c r="WIN704" s="613"/>
      <c r="WIO704" s="613"/>
      <c r="WIP704" s="613"/>
      <c r="WIQ704" s="613"/>
      <c r="WIR704" s="613"/>
      <c r="WIS704" s="613"/>
      <c r="WIT704" s="613"/>
      <c r="WIU704" s="613"/>
      <c r="WIV704" s="613"/>
      <c r="WIW704" s="613"/>
      <c r="WIX704" s="613"/>
      <c r="WIY704" s="613"/>
      <c r="WIZ704" s="613"/>
      <c r="WJA704" s="613"/>
      <c r="WJB704" s="613"/>
      <c r="WJC704" s="613"/>
      <c r="WJD704" s="613"/>
      <c r="WJE704" s="613"/>
      <c r="WJF704" s="613"/>
      <c r="WJG704" s="613"/>
      <c r="WJH704" s="613"/>
      <c r="WJI704" s="613"/>
      <c r="WJJ704" s="613"/>
      <c r="WJK704" s="613"/>
      <c r="WJL704" s="613"/>
      <c r="WJM704" s="613"/>
      <c r="WJN704" s="613"/>
      <c r="WJO704" s="613"/>
      <c r="WJP704" s="613"/>
      <c r="WJQ704" s="613"/>
      <c r="WJR704" s="613"/>
      <c r="WJS704" s="613"/>
      <c r="WJT704" s="613"/>
      <c r="WJU704" s="613"/>
      <c r="WJV704" s="613"/>
      <c r="WJW704" s="613"/>
      <c r="WJX704" s="613"/>
      <c r="WJY704" s="613"/>
      <c r="WJZ704" s="613"/>
      <c r="WKA704" s="613"/>
      <c r="WKB704" s="613"/>
      <c r="WKC704" s="613"/>
      <c r="WKD704" s="613"/>
      <c r="WKE704" s="613"/>
      <c r="WKF704" s="613"/>
      <c r="WKG704" s="613"/>
      <c r="WKH704" s="613"/>
      <c r="WKI704" s="613"/>
      <c r="WKJ704" s="613"/>
      <c r="WKK704" s="613"/>
      <c r="WKL704" s="613"/>
      <c r="WKM704" s="613"/>
      <c r="WKN704" s="613"/>
      <c r="WKO704" s="613"/>
      <c r="WKP704" s="613"/>
      <c r="WKQ704" s="613"/>
      <c r="WKR704" s="613"/>
      <c r="WKS704" s="613"/>
      <c r="WKT704" s="613"/>
      <c r="WKU704" s="613"/>
      <c r="WKV704" s="613"/>
      <c r="WKW704" s="613"/>
      <c r="WKX704" s="613"/>
      <c r="WKY704" s="613"/>
      <c r="WKZ704" s="613"/>
      <c r="WLA704" s="613"/>
      <c r="WLB704" s="613"/>
      <c r="WLC704" s="613"/>
      <c r="WLD704" s="613"/>
      <c r="WLE704" s="613"/>
      <c r="WLF704" s="613"/>
      <c r="WLG704" s="613"/>
      <c r="WLH704" s="613"/>
      <c r="WLI704" s="613"/>
      <c r="WLJ704" s="613"/>
      <c r="WLK704" s="613"/>
      <c r="WLL704" s="613"/>
      <c r="WLM704" s="613"/>
      <c r="WLN704" s="613"/>
      <c r="WLO704" s="613"/>
      <c r="WLP704" s="613"/>
      <c r="WLQ704" s="613"/>
      <c r="WLR704" s="613"/>
      <c r="WLS704" s="613"/>
      <c r="WLT704" s="613"/>
      <c r="WLU704" s="613"/>
      <c r="WLV704" s="613"/>
      <c r="WLW704" s="613"/>
      <c r="WLX704" s="613"/>
      <c r="WLY704" s="613"/>
      <c r="WLZ704" s="613"/>
      <c r="WMA704" s="613"/>
      <c r="WMB704" s="613"/>
      <c r="WMC704" s="613"/>
      <c r="WMD704" s="613"/>
      <c r="WME704" s="613"/>
      <c r="WMF704" s="613"/>
      <c r="WMG704" s="613"/>
      <c r="WMH704" s="613"/>
      <c r="WMI704" s="613"/>
      <c r="WMJ704" s="613"/>
      <c r="WMK704" s="613"/>
      <c r="WML704" s="613"/>
      <c r="WMM704" s="613"/>
      <c r="WMN704" s="613"/>
      <c r="WMO704" s="613"/>
      <c r="WMP704" s="613"/>
      <c r="WMQ704" s="613"/>
      <c r="WMR704" s="613"/>
      <c r="WMS704" s="613"/>
      <c r="WMT704" s="613"/>
      <c r="WMU704" s="613"/>
      <c r="WMV704" s="613"/>
      <c r="WMW704" s="613"/>
      <c r="WMX704" s="613"/>
      <c r="WMY704" s="613"/>
      <c r="WMZ704" s="613"/>
      <c r="WNA704" s="613"/>
      <c r="WNB704" s="613"/>
      <c r="WNC704" s="613"/>
      <c r="WND704" s="613"/>
      <c r="WNE704" s="613"/>
      <c r="WNF704" s="613"/>
      <c r="WNG704" s="613"/>
      <c r="WNH704" s="613"/>
      <c r="WNI704" s="613"/>
      <c r="WNJ704" s="613"/>
      <c r="WNK704" s="613"/>
      <c r="WNL704" s="613"/>
      <c r="WNM704" s="613"/>
      <c r="WNN704" s="613"/>
      <c r="WNO704" s="613"/>
      <c r="WNP704" s="613"/>
      <c r="WNQ704" s="613"/>
      <c r="WNR704" s="613"/>
      <c r="WNS704" s="613"/>
      <c r="WNT704" s="613"/>
      <c r="WNU704" s="613"/>
      <c r="WNV704" s="613"/>
      <c r="WNW704" s="613"/>
      <c r="WNX704" s="613"/>
      <c r="WNY704" s="613"/>
      <c r="WNZ704" s="613"/>
      <c r="WOA704" s="613"/>
      <c r="WOB704" s="613"/>
      <c r="WOC704" s="613"/>
      <c r="WOD704" s="613"/>
      <c r="WOE704" s="613"/>
      <c r="WOF704" s="613"/>
      <c r="WOG704" s="613"/>
      <c r="WOH704" s="613"/>
      <c r="WOI704" s="613"/>
      <c r="WOJ704" s="613"/>
      <c r="WOK704" s="613"/>
      <c r="WOL704" s="613"/>
      <c r="WOM704" s="613"/>
      <c r="WON704" s="613"/>
      <c r="WOO704" s="613"/>
      <c r="WOP704" s="613"/>
      <c r="WOQ704" s="613"/>
      <c r="WOR704" s="613"/>
      <c r="WOS704" s="613"/>
      <c r="WOT704" s="613"/>
      <c r="WOU704" s="613"/>
      <c r="WOV704" s="613"/>
      <c r="WOW704" s="613"/>
      <c r="WOX704" s="613"/>
      <c r="WOY704" s="613"/>
      <c r="WOZ704" s="613"/>
      <c r="WPA704" s="613"/>
      <c r="WPB704" s="613"/>
      <c r="WPC704" s="613"/>
      <c r="WPD704" s="613"/>
      <c r="WPE704" s="613"/>
      <c r="WPF704" s="613"/>
      <c r="WPG704" s="613"/>
      <c r="WPH704" s="613"/>
      <c r="WPI704" s="613"/>
      <c r="WPJ704" s="613"/>
      <c r="WPK704" s="613"/>
      <c r="WPL704" s="613"/>
      <c r="WPM704" s="613"/>
      <c r="WPN704" s="613"/>
      <c r="WPO704" s="613"/>
      <c r="WPP704" s="613"/>
      <c r="WPQ704" s="613"/>
      <c r="WPR704" s="613"/>
      <c r="WPS704" s="613"/>
      <c r="WPT704" s="613"/>
      <c r="WPU704" s="613"/>
      <c r="WPV704" s="613"/>
      <c r="WPW704" s="613"/>
      <c r="WPX704" s="613"/>
      <c r="WPY704" s="613"/>
      <c r="WPZ704" s="613"/>
      <c r="WQA704" s="613"/>
      <c r="WQB704" s="613"/>
      <c r="WQC704" s="613"/>
      <c r="WQD704" s="613"/>
      <c r="WQE704" s="613"/>
      <c r="WQF704" s="613"/>
      <c r="WQG704" s="613"/>
      <c r="WQH704" s="613"/>
      <c r="WQI704" s="613"/>
      <c r="WQJ704" s="613"/>
      <c r="WQK704" s="613"/>
      <c r="WQL704" s="613"/>
      <c r="WQM704" s="613"/>
      <c r="WQN704" s="613"/>
      <c r="WQO704" s="613"/>
      <c r="WQP704" s="613"/>
      <c r="WQQ704" s="613"/>
      <c r="WQR704" s="613"/>
      <c r="WQS704" s="613"/>
      <c r="WQT704" s="613"/>
      <c r="WQU704" s="613"/>
      <c r="WQV704" s="613"/>
      <c r="WQW704" s="613"/>
      <c r="WQX704" s="613"/>
      <c r="WQY704" s="613"/>
      <c r="WQZ704" s="613"/>
      <c r="WRA704" s="613"/>
      <c r="WRB704" s="613"/>
      <c r="WRC704" s="613"/>
      <c r="WRD704" s="613"/>
      <c r="WRE704" s="613"/>
      <c r="WRF704" s="613"/>
      <c r="WRG704" s="613"/>
      <c r="WRH704" s="613"/>
      <c r="WRI704" s="613"/>
      <c r="WRJ704" s="613"/>
      <c r="WRK704" s="613"/>
      <c r="WRL704" s="613"/>
      <c r="WRM704" s="613"/>
      <c r="WRN704" s="613"/>
      <c r="WRO704" s="613"/>
      <c r="WRP704" s="613"/>
      <c r="WRQ704" s="613"/>
      <c r="WRR704" s="613"/>
      <c r="WRS704" s="613"/>
      <c r="WRT704" s="613"/>
      <c r="WRU704" s="613"/>
      <c r="WRV704" s="613"/>
      <c r="WRW704" s="613"/>
      <c r="WRX704" s="613"/>
      <c r="WRY704" s="613"/>
      <c r="WRZ704" s="613"/>
      <c r="WSA704" s="613"/>
      <c r="WSB704" s="613"/>
      <c r="WSC704" s="613"/>
      <c r="WSD704" s="613"/>
      <c r="WSE704" s="613"/>
      <c r="WSF704" s="613"/>
      <c r="WSG704" s="613"/>
      <c r="WSH704" s="613"/>
      <c r="WSI704" s="613"/>
      <c r="WSJ704" s="613"/>
      <c r="WSK704" s="613"/>
      <c r="WSL704" s="613"/>
      <c r="WSM704" s="613"/>
      <c r="WSN704" s="613"/>
      <c r="WSO704" s="613"/>
      <c r="WSP704" s="613"/>
      <c r="WSQ704" s="613"/>
      <c r="WSR704" s="613"/>
      <c r="WSS704" s="613"/>
      <c r="WST704" s="613"/>
      <c r="WSU704" s="613"/>
      <c r="WSV704" s="613"/>
      <c r="WSW704" s="613"/>
      <c r="WSX704" s="613"/>
      <c r="WSY704" s="613"/>
      <c r="WSZ704" s="613"/>
      <c r="WTA704" s="613"/>
      <c r="WTB704" s="613"/>
      <c r="WTC704" s="613"/>
      <c r="WTD704" s="613"/>
      <c r="WTE704" s="613"/>
      <c r="WTF704" s="613"/>
      <c r="WTG704" s="613"/>
      <c r="WTH704" s="613"/>
      <c r="WTI704" s="613"/>
      <c r="WTJ704" s="613"/>
      <c r="WTK704" s="613"/>
      <c r="WTL704" s="613"/>
      <c r="WTM704" s="613"/>
      <c r="WTN704" s="613"/>
      <c r="WTO704" s="613"/>
      <c r="WTP704" s="613"/>
      <c r="WTQ704" s="613"/>
      <c r="WTR704" s="613"/>
      <c r="WTS704" s="613"/>
      <c r="WTT704" s="613"/>
      <c r="WTU704" s="613"/>
      <c r="WTV704" s="613"/>
      <c r="WTW704" s="613"/>
      <c r="WTX704" s="613"/>
      <c r="WTY704" s="613"/>
      <c r="WTZ704" s="613"/>
      <c r="WUA704" s="613"/>
      <c r="WUB704" s="613"/>
      <c r="WUC704" s="613"/>
      <c r="WUD704" s="613"/>
      <c r="WUE704" s="613"/>
      <c r="WUF704" s="613"/>
      <c r="WUG704" s="613"/>
      <c r="WUH704" s="613"/>
      <c r="WUI704" s="613"/>
      <c r="WUJ704" s="613"/>
      <c r="WUK704" s="613"/>
      <c r="WUL704" s="613"/>
      <c r="WUM704" s="613"/>
      <c r="WUN704" s="613"/>
      <c r="WUO704" s="613"/>
      <c r="WUP704" s="613"/>
      <c r="WUQ704" s="613"/>
      <c r="WUR704" s="613"/>
      <c r="WUS704" s="613"/>
      <c r="WUT704" s="613"/>
      <c r="WUU704" s="613"/>
      <c r="WUV704" s="613"/>
      <c r="WUW704" s="613"/>
      <c r="WUX704" s="613"/>
      <c r="WUY704" s="613"/>
      <c r="WUZ704" s="613"/>
      <c r="WVA704" s="613"/>
      <c r="WVB704" s="613"/>
      <c r="WVC704" s="613"/>
      <c r="WVD704" s="613"/>
      <c r="WVE704" s="613"/>
      <c r="WVF704" s="613"/>
      <c r="WVG704" s="613"/>
      <c r="WVH704" s="613"/>
      <c r="WVI704" s="613"/>
      <c r="WVJ704" s="613"/>
      <c r="WVK704" s="613"/>
      <c r="WVL704" s="613"/>
      <c r="WVM704" s="613"/>
      <c r="WVN704" s="613"/>
      <c r="WVO704" s="613"/>
      <c r="WVP704" s="613"/>
      <c r="WVQ704" s="613"/>
      <c r="WVR704" s="613"/>
      <c r="WVS704" s="613"/>
      <c r="WVT704" s="613"/>
      <c r="WVU704" s="613"/>
      <c r="WVV704" s="613"/>
      <c r="WVW704" s="613"/>
      <c r="WVX704" s="613"/>
      <c r="WVY704" s="613"/>
      <c r="WVZ704" s="613"/>
      <c r="WWA704" s="613"/>
      <c r="WWB704" s="613"/>
      <c r="WWC704" s="613"/>
      <c r="WWD704" s="613"/>
      <c r="WWE704" s="613"/>
      <c r="WWF704" s="613"/>
      <c r="WWG704" s="613"/>
      <c r="WWH704" s="613"/>
      <c r="WWI704" s="613"/>
      <c r="WWJ704" s="613"/>
      <c r="WWK704" s="613"/>
      <c r="WWL704" s="613"/>
      <c r="WWM704" s="613"/>
      <c r="WWN704" s="613"/>
      <c r="WWO704" s="613"/>
      <c r="WWP704" s="613"/>
      <c r="WWQ704" s="613"/>
      <c r="WWR704" s="613"/>
      <c r="WWS704" s="613"/>
      <c r="WWT704" s="613"/>
      <c r="WWU704" s="613"/>
      <c r="WWV704" s="613"/>
      <c r="WWW704" s="613"/>
      <c r="WWX704" s="613"/>
      <c r="WWY704" s="613"/>
      <c r="WWZ704" s="613"/>
      <c r="WXA704" s="613"/>
      <c r="WXB704" s="613"/>
      <c r="WXC704" s="613"/>
      <c r="WXD704" s="613"/>
      <c r="WXE704" s="613"/>
      <c r="WXF704" s="613"/>
      <c r="WXG704" s="613"/>
      <c r="WXH704" s="613"/>
      <c r="WXI704" s="613"/>
      <c r="WXJ704" s="613"/>
      <c r="WXK704" s="613"/>
      <c r="WXL704" s="613"/>
      <c r="WXM704" s="613"/>
      <c r="WXN704" s="613"/>
      <c r="WXO704" s="613"/>
      <c r="WXP704" s="613"/>
      <c r="WXQ704" s="613"/>
      <c r="WXR704" s="613"/>
      <c r="WXS704" s="613"/>
      <c r="WXT704" s="613"/>
      <c r="WXU704" s="613"/>
      <c r="WXV704" s="613"/>
      <c r="WXW704" s="613"/>
      <c r="WXX704" s="613"/>
      <c r="WXY704" s="613"/>
      <c r="WXZ704" s="613"/>
      <c r="WYA704" s="613"/>
      <c r="WYB704" s="613"/>
      <c r="WYC704" s="613"/>
      <c r="WYD704" s="613"/>
      <c r="WYE704" s="613"/>
      <c r="WYF704" s="613"/>
      <c r="WYG704" s="613"/>
      <c r="WYH704" s="613"/>
      <c r="WYI704" s="613"/>
      <c r="WYJ704" s="613"/>
      <c r="WYK704" s="613"/>
      <c r="WYL704" s="613"/>
      <c r="WYM704" s="613"/>
      <c r="WYN704" s="613"/>
      <c r="WYO704" s="613"/>
      <c r="WYP704" s="613"/>
      <c r="WYQ704" s="613"/>
      <c r="WYR704" s="613"/>
      <c r="WYS704" s="613"/>
      <c r="WYT704" s="613"/>
      <c r="WYU704" s="613"/>
      <c r="WYV704" s="613"/>
      <c r="WYW704" s="613"/>
      <c r="WYX704" s="613"/>
      <c r="WYY704" s="613"/>
      <c r="WYZ704" s="613"/>
      <c r="WZA704" s="613"/>
      <c r="WZB704" s="613"/>
      <c r="WZC704" s="613"/>
      <c r="WZD704" s="613"/>
      <c r="WZE704" s="613"/>
      <c r="WZF704" s="613"/>
      <c r="WZG704" s="613"/>
      <c r="WZH704" s="613"/>
      <c r="WZI704" s="613"/>
      <c r="WZJ704" s="613"/>
      <c r="WZK704" s="613"/>
      <c r="WZL704" s="613"/>
      <c r="WZM704" s="613"/>
      <c r="WZN704" s="613"/>
      <c r="WZO704" s="613"/>
      <c r="WZP704" s="613"/>
      <c r="WZQ704" s="613"/>
      <c r="WZR704" s="613"/>
      <c r="WZS704" s="613"/>
      <c r="WZT704" s="613"/>
      <c r="WZU704" s="613"/>
      <c r="WZV704" s="613"/>
      <c r="WZW704" s="613"/>
      <c r="WZX704" s="613"/>
      <c r="WZY704" s="613"/>
      <c r="WZZ704" s="613"/>
      <c r="XAA704" s="613"/>
      <c r="XAB704" s="613"/>
      <c r="XAC704" s="613"/>
      <c r="XAD704" s="613"/>
      <c r="XAE704" s="613"/>
      <c r="XAF704" s="613"/>
      <c r="XAG704" s="613"/>
      <c r="XAH704" s="613"/>
      <c r="XAI704" s="613"/>
      <c r="XAJ704" s="613"/>
      <c r="XAK704" s="613"/>
      <c r="XAL704" s="613"/>
      <c r="XAM704" s="613"/>
      <c r="XAN704" s="613"/>
      <c r="XAO704" s="613"/>
      <c r="XAP704" s="613"/>
      <c r="XAQ704" s="613"/>
      <c r="XAR704" s="613"/>
      <c r="XAS704" s="613"/>
      <c r="XAT704" s="613"/>
      <c r="XAU704" s="613"/>
      <c r="XAV704" s="613"/>
      <c r="XAW704" s="613"/>
      <c r="XAX704" s="613"/>
      <c r="XAY704" s="613"/>
      <c r="XAZ704" s="613"/>
      <c r="XBA704" s="613"/>
      <c r="XBB704" s="613"/>
      <c r="XBC704" s="613"/>
      <c r="XBD704" s="613"/>
      <c r="XBE704" s="613"/>
      <c r="XBF704" s="613"/>
      <c r="XBG704" s="613"/>
      <c r="XBH704" s="613"/>
      <c r="XBI704" s="613"/>
      <c r="XBJ704" s="613"/>
      <c r="XBK704" s="613"/>
      <c r="XBL704" s="613"/>
      <c r="XBM704" s="613"/>
      <c r="XBN704" s="613"/>
      <c r="XBO704" s="613"/>
      <c r="XBP704" s="613"/>
      <c r="XBQ704" s="613"/>
      <c r="XBR704" s="613"/>
      <c r="XBS704" s="613"/>
      <c r="XBT704" s="613"/>
      <c r="XBU704" s="613"/>
      <c r="XBV704" s="613"/>
      <c r="XBW704" s="613"/>
      <c r="XBX704" s="613"/>
      <c r="XBY704" s="613"/>
      <c r="XBZ704" s="613"/>
      <c r="XCA704" s="613"/>
      <c r="XCB704" s="613"/>
      <c r="XCC704" s="613"/>
      <c r="XCD704" s="613"/>
      <c r="XCE704" s="613"/>
      <c r="XCF704" s="613"/>
      <c r="XCG704" s="613"/>
      <c r="XCH704" s="613"/>
      <c r="XCI704" s="613"/>
      <c r="XCJ704" s="613"/>
      <c r="XCK704" s="613"/>
      <c r="XCL704" s="613"/>
      <c r="XCM704" s="613"/>
      <c r="XCN704" s="613"/>
      <c r="XCO704" s="613"/>
      <c r="XCP704" s="613"/>
      <c r="XCQ704" s="613"/>
    </row>
    <row r="705" spans="1:16319" ht="56.1" customHeight="1" x14ac:dyDescent="0.2">
      <c r="A705" s="494"/>
      <c r="B705" s="494"/>
      <c r="C705" s="494"/>
      <c r="D705" s="481">
        <v>119</v>
      </c>
      <c r="E705" s="481"/>
      <c r="F705" s="481" t="s">
        <v>2481</v>
      </c>
      <c r="G705" s="482" t="s">
        <v>53</v>
      </c>
      <c r="H705" s="481" t="s">
        <v>329</v>
      </c>
      <c r="I705" s="654" t="s">
        <v>330</v>
      </c>
      <c r="J705" s="654" t="s">
        <v>3059</v>
      </c>
      <c r="K705" s="495" t="s">
        <v>372</v>
      </c>
      <c r="L705" s="621"/>
      <c r="M705" s="484" t="s">
        <v>58</v>
      </c>
      <c r="N705" s="327" t="s">
        <v>1360</v>
      </c>
      <c r="O705" s="484" t="s">
        <v>3027</v>
      </c>
      <c r="P705" s="484" t="s">
        <v>60</v>
      </c>
      <c r="Q705" s="667" t="s">
        <v>334</v>
      </c>
      <c r="R705" s="484" t="s">
        <v>334</v>
      </c>
      <c r="S705" s="484" t="s">
        <v>62</v>
      </c>
      <c r="T705" s="484"/>
      <c r="U705" s="620" t="s">
        <v>63</v>
      </c>
      <c r="V705" s="620" t="s">
        <v>63</v>
      </c>
      <c r="W705" s="723">
        <v>648343</v>
      </c>
      <c r="X705" s="723"/>
      <c r="Y705" s="654" t="s">
        <v>226</v>
      </c>
      <c r="Z705" s="654"/>
      <c r="AA705" s="723">
        <v>648343</v>
      </c>
      <c r="AB705" s="652" t="s">
        <v>82</v>
      </c>
      <c r="AC705" s="652"/>
      <c r="AD705" s="487" t="s">
        <v>66</v>
      </c>
      <c r="AE705" s="496"/>
      <c r="AF705" s="496"/>
      <c r="AG705" s="496"/>
      <c r="AH705" s="496"/>
      <c r="AI705" s="496"/>
      <c r="AJ705" s="496"/>
      <c r="AK705" s="496"/>
      <c r="AL705" s="496"/>
      <c r="AM705" s="496"/>
      <c r="AN705" s="496"/>
      <c r="AO705" s="496"/>
      <c r="AP705" s="496"/>
      <c r="AQ705" s="496"/>
      <c r="AR705" s="496"/>
      <c r="AS705" s="496"/>
      <c r="AT705" s="496"/>
      <c r="AU705" s="487"/>
      <c r="AV705" s="487"/>
      <c r="AW705" s="487"/>
      <c r="AX705" s="487"/>
      <c r="AY705" s="487"/>
      <c r="AZ705" s="487"/>
      <c r="BA705" s="484"/>
      <c r="BB705" s="484" t="s">
        <v>340</v>
      </c>
      <c r="BC705" s="484" t="s">
        <v>3041</v>
      </c>
      <c r="BD705" s="494"/>
      <c r="BE705" s="494"/>
      <c r="BF705" s="613"/>
      <c r="BG705" s="613"/>
      <c r="BH705" s="613"/>
      <c r="BI705" s="613"/>
      <c r="BJ705" s="613"/>
      <c r="BK705" s="613"/>
      <c r="BL705" s="613"/>
      <c r="BM705" s="613"/>
      <c r="BN705" s="613"/>
      <c r="BO705" s="613"/>
      <c r="BP705" s="613"/>
      <c r="BQ705" s="613"/>
      <c r="BR705" s="613"/>
      <c r="BS705" s="613"/>
      <c r="BT705" s="613"/>
      <c r="BU705" s="613"/>
      <c r="BV705" s="613"/>
      <c r="BW705" s="613"/>
      <c r="BX705" s="613"/>
      <c r="BY705" s="613"/>
      <c r="BZ705" s="613"/>
      <c r="CA705" s="613"/>
      <c r="CB705" s="613"/>
      <c r="CC705" s="613"/>
      <c r="CD705" s="613"/>
      <c r="CE705" s="613"/>
      <c r="CF705" s="613"/>
      <c r="CG705" s="613"/>
      <c r="CH705" s="613"/>
      <c r="CI705" s="613"/>
      <c r="CJ705" s="613"/>
      <c r="CK705" s="613"/>
      <c r="CL705" s="613"/>
      <c r="CM705" s="613"/>
      <c r="CN705" s="613"/>
      <c r="CO705" s="613"/>
      <c r="CP705" s="613"/>
      <c r="CQ705" s="613"/>
      <c r="CR705" s="613"/>
      <c r="CS705" s="613"/>
      <c r="CT705" s="613"/>
      <c r="CU705" s="613"/>
      <c r="CV705" s="613"/>
      <c r="CW705" s="613"/>
      <c r="CX705" s="613"/>
      <c r="CY705" s="613"/>
      <c r="CZ705" s="613"/>
      <c r="DA705" s="613"/>
      <c r="DB705" s="613"/>
      <c r="DC705" s="613"/>
      <c r="DD705" s="613"/>
      <c r="DE705" s="613"/>
      <c r="DF705" s="613"/>
      <c r="DG705" s="613"/>
      <c r="DH705" s="613"/>
      <c r="DI705" s="613"/>
      <c r="DJ705" s="613"/>
      <c r="DK705" s="613"/>
      <c r="DL705" s="613"/>
      <c r="DM705" s="613"/>
      <c r="DN705" s="613"/>
      <c r="DO705" s="613"/>
      <c r="DP705" s="613"/>
      <c r="DQ705" s="613"/>
      <c r="DR705" s="613"/>
      <c r="DS705" s="613"/>
      <c r="DT705" s="613"/>
      <c r="DU705" s="613"/>
      <c r="DV705" s="613"/>
      <c r="DW705" s="613"/>
      <c r="DX705" s="613"/>
      <c r="DY705" s="613"/>
      <c r="DZ705" s="613"/>
      <c r="EA705" s="613"/>
      <c r="EB705" s="613"/>
      <c r="EC705" s="613"/>
      <c r="ED705" s="613"/>
      <c r="EE705" s="613"/>
      <c r="EF705" s="613"/>
      <c r="EG705" s="613"/>
      <c r="EH705" s="613"/>
      <c r="EI705" s="613"/>
      <c r="EJ705" s="613"/>
      <c r="EK705" s="613"/>
      <c r="EL705" s="613"/>
      <c r="EM705" s="613"/>
      <c r="EN705" s="613"/>
      <c r="EO705" s="613"/>
      <c r="EP705" s="613"/>
      <c r="EQ705" s="613"/>
      <c r="ER705" s="613"/>
      <c r="ES705" s="613"/>
      <c r="ET705" s="613"/>
      <c r="EU705" s="613"/>
      <c r="EV705" s="613"/>
      <c r="EW705" s="613"/>
      <c r="EX705" s="613"/>
      <c r="EY705" s="613"/>
      <c r="EZ705" s="613"/>
      <c r="FA705" s="613"/>
      <c r="FB705" s="613"/>
      <c r="FC705" s="613"/>
      <c r="FD705" s="613"/>
      <c r="FE705" s="613"/>
      <c r="FF705" s="613"/>
      <c r="FG705" s="613"/>
      <c r="FH705" s="613"/>
      <c r="FI705" s="613"/>
      <c r="FJ705" s="613"/>
      <c r="FK705" s="613"/>
      <c r="FL705" s="613"/>
      <c r="FM705" s="613"/>
      <c r="FN705" s="613"/>
      <c r="FO705" s="613"/>
      <c r="FP705" s="613"/>
      <c r="FQ705" s="613"/>
      <c r="FR705" s="613"/>
      <c r="FS705" s="613"/>
      <c r="FT705" s="613"/>
      <c r="FU705" s="613"/>
      <c r="FV705" s="613"/>
      <c r="FW705" s="613"/>
      <c r="FX705" s="613"/>
      <c r="FY705" s="613"/>
      <c r="FZ705" s="613"/>
      <c r="GA705" s="613"/>
      <c r="GB705" s="613"/>
      <c r="GC705" s="613"/>
      <c r="GD705" s="613"/>
      <c r="GE705" s="613"/>
      <c r="GF705" s="613"/>
      <c r="GG705" s="613"/>
      <c r="GH705" s="613"/>
      <c r="GI705" s="613"/>
      <c r="GJ705" s="613"/>
      <c r="GK705" s="613"/>
      <c r="GL705" s="613"/>
      <c r="GM705" s="613"/>
      <c r="GN705" s="613"/>
      <c r="GO705" s="613"/>
      <c r="GP705" s="613"/>
      <c r="GQ705" s="613"/>
      <c r="GR705" s="613"/>
      <c r="GS705" s="613"/>
      <c r="GT705" s="613"/>
      <c r="GU705" s="613"/>
      <c r="GV705" s="613"/>
      <c r="GW705" s="613"/>
      <c r="GX705" s="613"/>
      <c r="GY705" s="613"/>
      <c r="GZ705" s="613"/>
      <c r="HA705" s="613"/>
      <c r="HB705" s="613"/>
      <c r="HC705" s="613"/>
      <c r="HD705" s="613"/>
      <c r="HE705" s="613"/>
      <c r="HF705" s="613"/>
      <c r="HG705" s="613"/>
      <c r="HH705" s="613"/>
      <c r="HI705" s="613"/>
      <c r="HJ705" s="613"/>
      <c r="HK705" s="613"/>
      <c r="HL705" s="613"/>
      <c r="HM705" s="613"/>
      <c r="HN705" s="613"/>
      <c r="HO705" s="613"/>
      <c r="HP705" s="613"/>
      <c r="HQ705" s="613"/>
      <c r="HR705" s="613"/>
      <c r="HS705" s="613"/>
      <c r="HT705" s="613"/>
      <c r="HU705" s="613"/>
      <c r="HV705" s="613"/>
      <c r="HW705" s="613"/>
      <c r="HX705" s="613"/>
      <c r="HY705" s="613"/>
      <c r="HZ705" s="613"/>
      <c r="IA705" s="613"/>
      <c r="IB705" s="613"/>
      <c r="IC705" s="613"/>
      <c r="ID705" s="613"/>
      <c r="IE705" s="613"/>
      <c r="IF705" s="613"/>
      <c r="IG705" s="613"/>
      <c r="IH705" s="613"/>
      <c r="II705" s="613"/>
      <c r="IJ705" s="613"/>
      <c r="IK705" s="613"/>
      <c r="IL705" s="613"/>
      <c r="IM705" s="613"/>
      <c r="IN705" s="613"/>
      <c r="IO705" s="613"/>
      <c r="IP705" s="613"/>
      <c r="IQ705" s="613"/>
      <c r="IR705" s="613"/>
      <c r="IS705" s="613"/>
      <c r="IT705" s="613"/>
      <c r="IU705" s="613"/>
      <c r="IV705" s="613"/>
      <c r="IW705" s="613"/>
      <c r="IX705" s="613"/>
      <c r="IY705" s="613"/>
      <c r="IZ705" s="613"/>
      <c r="JA705" s="613"/>
      <c r="JB705" s="613"/>
      <c r="JC705" s="613"/>
      <c r="JD705" s="613"/>
      <c r="JE705" s="613"/>
      <c r="JF705" s="613"/>
      <c r="JG705" s="613"/>
      <c r="JH705" s="613"/>
      <c r="JI705" s="613"/>
      <c r="JJ705" s="613"/>
      <c r="JK705" s="613"/>
      <c r="JL705" s="613"/>
      <c r="JM705" s="613"/>
      <c r="JN705" s="613"/>
      <c r="JO705" s="613"/>
      <c r="JP705" s="613"/>
      <c r="JQ705" s="613"/>
      <c r="JR705" s="613"/>
      <c r="JS705" s="613"/>
      <c r="JT705" s="613"/>
      <c r="JU705" s="613"/>
      <c r="JV705" s="613"/>
      <c r="JW705" s="613"/>
      <c r="JX705" s="613"/>
      <c r="JY705" s="613"/>
      <c r="JZ705" s="613"/>
      <c r="KA705" s="613"/>
      <c r="KB705" s="613"/>
      <c r="KC705" s="613"/>
      <c r="KD705" s="613"/>
      <c r="KE705" s="613"/>
      <c r="KF705" s="613"/>
      <c r="KG705" s="613"/>
      <c r="KH705" s="613"/>
      <c r="KI705" s="613"/>
      <c r="KJ705" s="613"/>
      <c r="KK705" s="613"/>
      <c r="KL705" s="613"/>
      <c r="KM705" s="613"/>
      <c r="KN705" s="613"/>
      <c r="KO705" s="613"/>
      <c r="KP705" s="613"/>
      <c r="KQ705" s="613"/>
      <c r="KR705" s="613"/>
      <c r="KS705" s="613"/>
      <c r="KT705" s="613"/>
      <c r="KU705" s="613"/>
      <c r="KV705" s="613"/>
      <c r="KW705" s="613"/>
      <c r="KX705" s="613"/>
      <c r="KY705" s="613"/>
      <c r="KZ705" s="613"/>
      <c r="LA705" s="613"/>
      <c r="LB705" s="613"/>
      <c r="LC705" s="613"/>
      <c r="LD705" s="613"/>
      <c r="LE705" s="613"/>
      <c r="LF705" s="613"/>
      <c r="LG705" s="613"/>
      <c r="LH705" s="613"/>
      <c r="LI705" s="613"/>
      <c r="LJ705" s="613"/>
      <c r="LK705" s="613"/>
      <c r="LL705" s="613"/>
      <c r="LM705" s="613"/>
      <c r="LN705" s="613"/>
      <c r="LO705" s="613"/>
      <c r="LP705" s="613"/>
      <c r="LQ705" s="613"/>
      <c r="LR705" s="613"/>
      <c r="LS705" s="613"/>
      <c r="LT705" s="613"/>
      <c r="LU705" s="613"/>
      <c r="LV705" s="613"/>
      <c r="LW705" s="613"/>
      <c r="LX705" s="613"/>
      <c r="LY705" s="613"/>
      <c r="LZ705" s="613"/>
      <c r="MA705" s="613"/>
      <c r="MB705" s="613"/>
      <c r="MC705" s="613"/>
      <c r="MD705" s="613"/>
      <c r="ME705" s="613"/>
      <c r="MF705" s="613"/>
      <c r="MG705" s="613"/>
      <c r="MH705" s="613"/>
      <c r="MI705" s="613"/>
      <c r="MJ705" s="613"/>
      <c r="MK705" s="613"/>
      <c r="ML705" s="613"/>
      <c r="MM705" s="613"/>
      <c r="MN705" s="613"/>
      <c r="MO705" s="613"/>
      <c r="MP705" s="613"/>
      <c r="MQ705" s="613"/>
      <c r="MR705" s="613"/>
      <c r="MS705" s="613"/>
      <c r="MT705" s="613"/>
      <c r="MU705" s="613"/>
      <c r="MV705" s="613"/>
      <c r="MW705" s="613"/>
      <c r="MX705" s="613"/>
      <c r="MY705" s="613"/>
      <c r="MZ705" s="613"/>
      <c r="NA705" s="613"/>
      <c r="NB705" s="613"/>
      <c r="NC705" s="613"/>
      <c r="ND705" s="613"/>
      <c r="NE705" s="613"/>
      <c r="NF705" s="613"/>
      <c r="NG705" s="613"/>
      <c r="NH705" s="613"/>
      <c r="NI705" s="613"/>
      <c r="NJ705" s="613"/>
      <c r="NK705" s="613"/>
      <c r="NL705" s="613"/>
      <c r="NM705" s="613"/>
      <c r="NN705" s="613"/>
      <c r="NO705" s="613"/>
      <c r="NP705" s="613"/>
      <c r="NQ705" s="613"/>
      <c r="NR705" s="613"/>
      <c r="NS705" s="613"/>
      <c r="NT705" s="613"/>
      <c r="NU705" s="613"/>
      <c r="NV705" s="613"/>
      <c r="NW705" s="613"/>
      <c r="NX705" s="613"/>
      <c r="NY705" s="613"/>
      <c r="NZ705" s="613"/>
      <c r="OA705" s="613"/>
      <c r="OB705" s="613"/>
      <c r="OC705" s="613"/>
      <c r="OD705" s="613"/>
      <c r="OE705" s="613"/>
      <c r="OF705" s="613"/>
      <c r="OG705" s="613"/>
      <c r="OH705" s="613"/>
      <c r="OI705" s="613"/>
      <c r="OJ705" s="613"/>
      <c r="OK705" s="613"/>
      <c r="OL705" s="613"/>
      <c r="OM705" s="613"/>
      <c r="ON705" s="613"/>
      <c r="OO705" s="613"/>
      <c r="OP705" s="613"/>
      <c r="OQ705" s="613"/>
      <c r="OR705" s="613"/>
      <c r="OS705" s="613"/>
      <c r="OT705" s="613"/>
      <c r="OU705" s="613"/>
      <c r="OV705" s="613"/>
      <c r="OW705" s="613"/>
      <c r="OX705" s="613"/>
      <c r="OY705" s="613"/>
      <c r="OZ705" s="613"/>
      <c r="PA705" s="613"/>
      <c r="PB705" s="613"/>
      <c r="PC705" s="613"/>
      <c r="PD705" s="613"/>
      <c r="PE705" s="613"/>
      <c r="PF705" s="613"/>
      <c r="PG705" s="613"/>
      <c r="PH705" s="613"/>
      <c r="PI705" s="613"/>
      <c r="PJ705" s="613"/>
      <c r="PK705" s="613"/>
      <c r="PL705" s="613"/>
      <c r="PM705" s="613"/>
      <c r="PN705" s="613"/>
      <c r="PO705" s="613"/>
      <c r="PP705" s="613"/>
      <c r="PQ705" s="613"/>
      <c r="PR705" s="613"/>
      <c r="PS705" s="613"/>
      <c r="PT705" s="613"/>
      <c r="PU705" s="613"/>
      <c r="PV705" s="613"/>
      <c r="PW705" s="613"/>
      <c r="PX705" s="613"/>
      <c r="PY705" s="613"/>
      <c r="PZ705" s="613"/>
      <c r="QA705" s="613"/>
      <c r="QB705" s="613"/>
      <c r="QC705" s="613"/>
      <c r="QD705" s="613"/>
      <c r="QE705" s="613"/>
      <c r="QF705" s="613"/>
      <c r="QG705" s="613"/>
      <c r="QH705" s="613"/>
      <c r="QI705" s="613"/>
      <c r="QJ705" s="613"/>
      <c r="QK705" s="613"/>
      <c r="QL705" s="613"/>
      <c r="QM705" s="613"/>
      <c r="QN705" s="613"/>
      <c r="QO705" s="613"/>
      <c r="QP705" s="613"/>
      <c r="QQ705" s="613"/>
      <c r="QR705" s="613"/>
      <c r="QS705" s="613"/>
      <c r="QT705" s="613"/>
      <c r="QU705" s="613"/>
      <c r="QV705" s="613"/>
      <c r="QW705" s="613"/>
      <c r="QX705" s="613"/>
      <c r="QY705" s="613"/>
      <c r="QZ705" s="613"/>
      <c r="RA705" s="613"/>
      <c r="RB705" s="613"/>
      <c r="RC705" s="613"/>
      <c r="RD705" s="613"/>
      <c r="RE705" s="613"/>
      <c r="RF705" s="613"/>
      <c r="RG705" s="613"/>
      <c r="RH705" s="613"/>
      <c r="RI705" s="613"/>
      <c r="RJ705" s="613"/>
      <c r="RK705" s="613"/>
      <c r="RL705" s="613"/>
      <c r="RM705" s="613"/>
      <c r="RN705" s="613"/>
      <c r="RO705" s="613"/>
      <c r="RP705" s="613"/>
      <c r="RQ705" s="613"/>
      <c r="RR705" s="613"/>
      <c r="RS705" s="613"/>
      <c r="RT705" s="613"/>
      <c r="RU705" s="613"/>
      <c r="RV705" s="613"/>
      <c r="RW705" s="613"/>
      <c r="RX705" s="613"/>
      <c r="RY705" s="613"/>
      <c r="RZ705" s="613"/>
      <c r="SA705" s="613"/>
      <c r="SB705" s="613"/>
      <c r="SC705" s="613"/>
      <c r="SD705" s="613"/>
      <c r="SE705" s="613"/>
      <c r="SF705" s="613"/>
      <c r="SG705" s="613"/>
      <c r="SH705" s="613"/>
      <c r="SI705" s="613"/>
      <c r="SJ705" s="613"/>
      <c r="SK705" s="613"/>
      <c r="SL705" s="613"/>
      <c r="SM705" s="613"/>
      <c r="SN705" s="613"/>
      <c r="SO705" s="613"/>
      <c r="SP705" s="613"/>
      <c r="SQ705" s="613"/>
      <c r="SR705" s="613"/>
      <c r="SS705" s="613"/>
      <c r="ST705" s="613"/>
      <c r="SU705" s="613"/>
      <c r="SV705" s="613"/>
      <c r="SW705" s="613"/>
      <c r="SX705" s="613"/>
      <c r="SY705" s="613"/>
      <c r="SZ705" s="613"/>
      <c r="TA705" s="613"/>
      <c r="TB705" s="613"/>
      <c r="TC705" s="613"/>
      <c r="TD705" s="613"/>
      <c r="TE705" s="613"/>
      <c r="TF705" s="613"/>
      <c r="TG705" s="613"/>
      <c r="TH705" s="613"/>
      <c r="TI705" s="613"/>
      <c r="TJ705" s="613"/>
      <c r="TK705" s="613"/>
      <c r="TL705" s="613"/>
      <c r="TM705" s="613"/>
      <c r="TN705" s="613"/>
      <c r="TO705" s="613"/>
      <c r="TP705" s="613"/>
      <c r="TQ705" s="613"/>
      <c r="TR705" s="613"/>
      <c r="TS705" s="613"/>
      <c r="TT705" s="613"/>
      <c r="TU705" s="613"/>
      <c r="TV705" s="613"/>
      <c r="TW705" s="613"/>
      <c r="TX705" s="613"/>
      <c r="TY705" s="613"/>
      <c r="TZ705" s="613"/>
      <c r="UA705" s="613"/>
      <c r="UB705" s="613"/>
      <c r="UC705" s="613"/>
      <c r="UD705" s="613"/>
      <c r="UE705" s="613"/>
      <c r="UF705" s="613"/>
      <c r="UG705" s="613"/>
      <c r="UH705" s="613"/>
      <c r="UI705" s="613"/>
      <c r="UJ705" s="613"/>
      <c r="UK705" s="613"/>
      <c r="UL705" s="613"/>
      <c r="UM705" s="613"/>
      <c r="UN705" s="613"/>
      <c r="UO705" s="613"/>
      <c r="UP705" s="613"/>
      <c r="UQ705" s="613"/>
      <c r="UR705" s="613"/>
      <c r="US705" s="613"/>
      <c r="UT705" s="613"/>
      <c r="UU705" s="613"/>
      <c r="UV705" s="613"/>
      <c r="UW705" s="613"/>
      <c r="UX705" s="613"/>
      <c r="UY705" s="613"/>
      <c r="UZ705" s="613"/>
      <c r="VA705" s="613"/>
      <c r="VB705" s="613"/>
      <c r="VC705" s="613"/>
      <c r="VD705" s="613"/>
      <c r="VE705" s="613"/>
      <c r="VF705" s="613"/>
      <c r="VG705" s="613"/>
      <c r="VH705" s="613"/>
      <c r="VI705" s="613"/>
      <c r="VJ705" s="613"/>
      <c r="VK705" s="613"/>
      <c r="VL705" s="613"/>
      <c r="VM705" s="613"/>
      <c r="VN705" s="613"/>
      <c r="VO705" s="613"/>
      <c r="VP705" s="613"/>
      <c r="VQ705" s="613"/>
      <c r="VR705" s="613"/>
      <c r="VS705" s="613"/>
      <c r="VT705" s="613"/>
      <c r="VU705" s="613"/>
      <c r="VV705" s="613"/>
      <c r="VW705" s="613"/>
      <c r="VX705" s="613"/>
      <c r="VY705" s="613"/>
      <c r="VZ705" s="613"/>
      <c r="WA705" s="613"/>
      <c r="WB705" s="613"/>
      <c r="WC705" s="613"/>
      <c r="WD705" s="613"/>
      <c r="WE705" s="613"/>
      <c r="WF705" s="613"/>
      <c r="WG705" s="613"/>
      <c r="WH705" s="613"/>
      <c r="WI705" s="613"/>
      <c r="WJ705" s="613"/>
      <c r="WK705" s="613"/>
      <c r="WL705" s="613"/>
      <c r="WM705" s="613"/>
      <c r="WN705" s="613"/>
      <c r="WO705" s="613"/>
      <c r="WP705" s="613"/>
      <c r="WQ705" s="613"/>
      <c r="WR705" s="613"/>
      <c r="WS705" s="613"/>
      <c r="WT705" s="613"/>
      <c r="WU705" s="613"/>
      <c r="WV705" s="613"/>
      <c r="WW705" s="613"/>
      <c r="WX705" s="613"/>
      <c r="WY705" s="613"/>
      <c r="WZ705" s="613"/>
      <c r="XA705" s="613"/>
      <c r="XB705" s="613"/>
      <c r="XC705" s="613"/>
      <c r="XD705" s="613"/>
      <c r="XE705" s="613"/>
      <c r="XF705" s="613"/>
      <c r="XG705" s="613"/>
      <c r="XH705" s="613"/>
      <c r="XI705" s="613"/>
      <c r="XJ705" s="613"/>
      <c r="XK705" s="613"/>
      <c r="XL705" s="613"/>
      <c r="XM705" s="613"/>
      <c r="XN705" s="613"/>
      <c r="XO705" s="613"/>
      <c r="XP705" s="613"/>
      <c r="XQ705" s="613"/>
      <c r="XR705" s="613"/>
      <c r="XS705" s="613"/>
      <c r="XT705" s="613"/>
      <c r="XU705" s="613"/>
      <c r="XV705" s="613"/>
      <c r="XW705" s="613"/>
      <c r="XX705" s="613"/>
      <c r="XY705" s="613"/>
      <c r="XZ705" s="613"/>
      <c r="YA705" s="613"/>
      <c r="YB705" s="613"/>
      <c r="YC705" s="613"/>
      <c r="YD705" s="613"/>
      <c r="YE705" s="613"/>
      <c r="YF705" s="613"/>
      <c r="YG705" s="613"/>
      <c r="YH705" s="613"/>
      <c r="YI705" s="613"/>
      <c r="YJ705" s="613"/>
      <c r="YK705" s="613"/>
      <c r="YL705" s="613"/>
      <c r="YM705" s="613"/>
      <c r="YN705" s="613"/>
      <c r="YO705" s="613"/>
      <c r="YP705" s="613"/>
      <c r="YQ705" s="613"/>
      <c r="YR705" s="613"/>
      <c r="YS705" s="613"/>
      <c r="YT705" s="613"/>
      <c r="YU705" s="613"/>
      <c r="YV705" s="613"/>
      <c r="YW705" s="613"/>
      <c r="YX705" s="613"/>
      <c r="YY705" s="613"/>
      <c r="YZ705" s="613"/>
      <c r="ZA705" s="613"/>
      <c r="ZB705" s="613"/>
      <c r="ZC705" s="613"/>
      <c r="ZD705" s="613"/>
      <c r="ZE705" s="613"/>
      <c r="ZF705" s="613"/>
      <c r="ZG705" s="613"/>
      <c r="ZH705" s="613"/>
      <c r="ZI705" s="613"/>
      <c r="ZJ705" s="613"/>
      <c r="ZK705" s="613"/>
      <c r="ZL705" s="613"/>
      <c r="ZM705" s="613"/>
      <c r="ZN705" s="613"/>
      <c r="ZO705" s="613"/>
      <c r="ZP705" s="613"/>
      <c r="ZQ705" s="613"/>
      <c r="ZR705" s="613"/>
      <c r="ZS705" s="613"/>
      <c r="ZT705" s="613"/>
      <c r="ZU705" s="613"/>
      <c r="ZV705" s="613"/>
      <c r="ZW705" s="613"/>
      <c r="ZX705" s="613"/>
      <c r="ZY705" s="613"/>
      <c r="ZZ705" s="613"/>
      <c r="AAA705" s="613"/>
      <c r="AAB705" s="613"/>
      <c r="AAC705" s="613"/>
      <c r="AAD705" s="613"/>
      <c r="AAE705" s="613"/>
      <c r="AAF705" s="613"/>
      <c r="AAG705" s="613"/>
      <c r="AAH705" s="613"/>
      <c r="AAI705" s="613"/>
      <c r="AAJ705" s="613"/>
      <c r="AAK705" s="613"/>
      <c r="AAL705" s="613"/>
      <c r="AAM705" s="613"/>
      <c r="AAN705" s="613"/>
      <c r="AAO705" s="613"/>
      <c r="AAP705" s="613"/>
      <c r="AAQ705" s="613"/>
      <c r="AAR705" s="613"/>
      <c r="AAS705" s="613"/>
      <c r="AAT705" s="613"/>
      <c r="AAU705" s="613"/>
      <c r="AAV705" s="613"/>
      <c r="AAW705" s="613"/>
      <c r="AAX705" s="613"/>
      <c r="AAY705" s="613"/>
      <c r="AAZ705" s="613"/>
      <c r="ABA705" s="613"/>
      <c r="ABB705" s="613"/>
      <c r="ABC705" s="613"/>
      <c r="ABD705" s="613"/>
      <c r="ABE705" s="613"/>
      <c r="ABF705" s="613"/>
      <c r="ABG705" s="613"/>
      <c r="ABH705" s="613"/>
      <c r="ABI705" s="613"/>
      <c r="ABJ705" s="613"/>
      <c r="ABK705" s="613"/>
      <c r="ABL705" s="613"/>
      <c r="ABM705" s="613"/>
      <c r="ABN705" s="613"/>
      <c r="ABO705" s="613"/>
      <c r="ABP705" s="613"/>
      <c r="ABQ705" s="613"/>
      <c r="ABR705" s="613"/>
      <c r="ABS705" s="613"/>
      <c r="ABT705" s="613"/>
      <c r="ABU705" s="613"/>
      <c r="ABV705" s="613"/>
      <c r="ABW705" s="613"/>
      <c r="ABX705" s="613"/>
      <c r="ABY705" s="613"/>
      <c r="ABZ705" s="613"/>
      <c r="ACA705" s="613"/>
      <c r="ACB705" s="613"/>
      <c r="ACC705" s="613"/>
      <c r="ACD705" s="613"/>
      <c r="ACE705" s="613"/>
      <c r="ACF705" s="613"/>
      <c r="ACG705" s="613"/>
      <c r="ACH705" s="613"/>
      <c r="ACI705" s="613"/>
      <c r="ACJ705" s="613"/>
      <c r="ACK705" s="613"/>
      <c r="ACL705" s="613"/>
      <c r="ACM705" s="613"/>
      <c r="ACN705" s="613"/>
      <c r="ACO705" s="613"/>
      <c r="ACP705" s="613"/>
      <c r="ACQ705" s="613"/>
      <c r="ACR705" s="613"/>
      <c r="ACS705" s="613"/>
      <c r="ACT705" s="613"/>
      <c r="ACU705" s="613"/>
      <c r="ACV705" s="613"/>
      <c r="ACW705" s="613"/>
      <c r="ACX705" s="613"/>
      <c r="ACY705" s="613"/>
      <c r="ACZ705" s="613"/>
      <c r="ADA705" s="613"/>
      <c r="ADB705" s="613"/>
      <c r="ADC705" s="613"/>
      <c r="ADD705" s="613"/>
      <c r="ADE705" s="613"/>
      <c r="ADF705" s="613"/>
      <c r="ADG705" s="613"/>
      <c r="ADH705" s="613"/>
      <c r="ADI705" s="613"/>
      <c r="ADJ705" s="613"/>
      <c r="ADK705" s="613"/>
      <c r="ADL705" s="613"/>
      <c r="ADM705" s="613"/>
      <c r="ADN705" s="613"/>
      <c r="ADO705" s="613"/>
      <c r="ADP705" s="613"/>
      <c r="ADQ705" s="613"/>
      <c r="ADR705" s="613"/>
      <c r="ADS705" s="613"/>
      <c r="ADT705" s="613"/>
      <c r="ADU705" s="613"/>
      <c r="ADV705" s="613"/>
      <c r="ADW705" s="613"/>
      <c r="ADX705" s="613"/>
      <c r="ADY705" s="613"/>
      <c r="ADZ705" s="613"/>
      <c r="AEA705" s="613"/>
      <c r="AEB705" s="613"/>
      <c r="AEC705" s="613"/>
      <c r="AED705" s="613"/>
      <c r="AEE705" s="613"/>
      <c r="AEF705" s="613"/>
      <c r="AEG705" s="613"/>
      <c r="AEH705" s="613"/>
      <c r="AEI705" s="613"/>
      <c r="AEJ705" s="613"/>
      <c r="AEK705" s="613"/>
      <c r="AEL705" s="613"/>
      <c r="AEM705" s="613"/>
      <c r="AEN705" s="613"/>
      <c r="AEO705" s="613"/>
      <c r="AEP705" s="613"/>
      <c r="AEQ705" s="613"/>
      <c r="AER705" s="613"/>
      <c r="AES705" s="613"/>
      <c r="AET705" s="613"/>
      <c r="AEU705" s="613"/>
      <c r="AEV705" s="613"/>
      <c r="AEW705" s="613"/>
      <c r="AEX705" s="613"/>
      <c r="AEY705" s="613"/>
      <c r="AEZ705" s="613"/>
      <c r="AFA705" s="613"/>
      <c r="AFB705" s="613"/>
      <c r="AFC705" s="613"/>
      <c r="AFD705" s="613"/>
      <c r="AFE705" s="613"/>
      <c r="AFF705" s="613"/>
      <c r="AFG705" s="613"/>
      <c r="AFH705" s="613"/>
      <c r="AFI705" s="613"/>
      <c r="AFJ705" s="613"/>
      <c r="AFK705" s="613"/>
      <c r="AFL705" s="613"/>
      <c r="AFM705" s="613"/>
      <c r="AFN705" s="613"/>
      <c r="AFO705" s="613"/>
      <c r="AFP705" s="613"/>
      <c r="AFQ705" s="613"/>
      <c r="AFR705" s="613"/>
      <c r="AFS705" s="613"/>
      <c r="AFT705" s="613"/>
      <c r="AFU705" s="613"/>
      <c r="AFV705" s="613"/>
      <c r="AFW705" s="613"/>
      <c r="AFX705" s="613"/>
      <c r="AFY705" s="613"/>
      <c r="AFZ705" s="613"/>
      <c r="AGA705" s="613"/>
      <c r="AGB705" s="613"/>
      <c r="AGC705" s="613"/>
      <c r="AGD705" s="613"/>
      <c r="AGE705" s="613"/>
      <c r="AGF705" s="613"/>
      <c r="AGG705" s="613"/>
      <c r="AGH705" s="613"/>
      <c r="AGI705" s="613"/>
      <c r="AGJ705" s="613"/>
      <c r="AGK705" s="613"/>
      <c r="AGL705" s="613"/>
      <c r="AGM705" s="613"/>
      <c r="AGN705" s="613"/>
      <c r="AGO705" s="613"/>
      <c r="AGP705" s="613"/>
      <c r="AGQ705" s="613"/>
      <c r="AGR705" s="613"/>
      <c r="AGS705" s="613"/>
      <c r="AGT705" s="613"/>
      <c r="AGU705" s="613"/>
      <c r="AGV705" s="613"/>
      <c r="AGW705" s="613"/>
      <c r="AGX705" s="613"/>
      <c r="AGY705" s="613"/>
      <c r="AGZ705" s="613"/>
      <c r="AHA705" s="613"/>
      <c r="AHB705" s="613"/>
      <c r="AHC705" s="613"/>
      <c r="AHD705" s="613"/>
      <c r="AHE705" s="613"/>
      <c r="AHF705" s="613"/>
      <c r="AHG705" s="613"/>
      <c r="AHH705" s="613"/>
      <c r="AHI705" s="613"/>
      <c r="AHJ705" s="613"/>
      <c r="AHK705" s="613"/>
      <c r="AHL705" s="613"/>
      <c r="AHM705" s="613"/>
      <c r="AHN705" s="613"/>
      <c r="AHO705" s="613"/>
      <c r="AHP705" s="613"/>
      <c r="AHQ705" s="613"/>
      <c r="AHR705" s="613"/>
      <c r="AHS705" s="613"/>
      <c r="AHT705" s="613"/>
      <c r="AHU705" s="613"/>
      <c r="AHV705" s="613"/>
      <c r="AHW705" s="613"/>
      <c r="AHX705" s="613"/>
      <c r="AHY705" s="613"/>
      <c r="AHZ705" s="613"/>
      <c r="AIA705" s="613"/>
      <c r="AIB705" s="613"/>
      <c r="AIC705" s="613"/>
      <c r="AID705" s="613"/>
      <c r="AIE705" s="613"/>
      <c r="AIF705" s="613"/>
      <c r="AIG705" s="613"/>
      <c r="AIH705" s="613"/>
      <c r="AII705" s="613"/>
      <c r="AIJ705" s="613"/>
      <c r="AIK705" s="613"/>
      <c r="AIL705" s="613"/>
      <c r="AIM705" s="613"/>
      <c r="AIN705" s="613"/>
      <c r="AIO705" s="613"/>
      <c r="AIP705" s="613"/>
      <c r="AIQ705" s="613"/>
      <c r="AIR705" s="613"/>
      <c r="AIS705" s="613"/>
      <c r="AIT705" s="613"/>
      <c r="AIU705" s="613"/>
      <c r="AIV705" s="613"/>
      <c r="AIW705" s="613"/>
      <c r="AIX705" s="613"/>
      <c r="AIY705" s="613"/>
      <c r="AIZ705" s="613"/>
      <c r="AJA705" s="613"/>
      <c r="AJB705" s="613"/>
      <c r="AJC705" s="613"/>
      <c r="AJD705" s="613"/>
      <c r="AJE705" s="613"/>
      <c r="AJF705" s="613"/>
      <c r="AJG705" s="613"/>
      <c r="AJH705" s="613"/>
      <c r="AJI705" s="613"/>
      <c r="AJJ705" s="613"/>
      <c r="AJK705" s="613"/>
      <c r="AJL705" s="613"/>
      <c r="AJM705" s="613"/>
      <c r="AJN705" s="613"/>
      <c r="AJO705" s="613"/>
      <c r="AJP705" s="613"/>
      <c r="AJQ705" s="613"/>
      <c r="AJR705" s="613"/>
      <c r="AJS705" s="613"/>
      <c r="AJT705" s="613"/>
      <c r="AJU705" s="613"/>
      <c r="AJV705" s="613"/>
      <c r="AJW705" s="613"/>
      <c r="AJX705" s="613"/>
      <c r="AJY705" s="613"/>
      <c r="AJZ705" s="613"/>
      <c r="AKA705" s="613"/>
      <c r="AKB705" s="613"/>
      <c r="AKC705" s="613"/>
      <c r="AKD705" s="613"/>
      <c r="AKE705" s="613"/>
      <c r="AKF705" s="613"/>
      <c r="AKG705" s="613"/>
      <c r="AKH705" s="613"/>
      <c r="AKI705" s="613"/>
      <c r="AKJ705" s="613"/>
      <c r="AKK705" s="613"/>
      <c r="AKL705" s="613"/>
      <c r="AKM705" s="613"/>
      <c r="AKN705" s="613"/>
      <c r="AKO705" s="613"/>
      <c r="AKP705" s="613"/>
      <c r="AKQ705" s="613"/>
      <c r="AKR705" s="613"/>
      <c r="AKS705" s="613"/>
      <c r="AKT705" s="613"/>
      <c r="AKU705" s="613"/>
      <c r="AKV705" s="613"/>
      <c r="AKW705" s="613"/>
      <c r="AKX705" s="613"/>
      <c r="AKY705" s="613"/>
      <c r="AKZ705" s="613"/>
      <c r="ALA705" s="613"/>
      <c r="ALB705" s="613"/>
      <c r="ALC705" s="613"/>
      <c r="ALD705" s="613"/>
      <c r="ALE705" s="613"/>
      <c r="ALF705" s="613"/>
      <c r="ALG705" s="613"/>
      <c r="ALH705" s="613"/>
      <c r="ALI705" s="613"/>
      <c r="ALJ705" s="613"/>
      <c r="ALK705" s="613"/>
      <c r="ALL705" s="613"/>
      <c r="ALM705" s="613"/>
      <c r="ALN705" s="613"/>
      <c r="ALO705" s="613"/>
      <c r="ALP705" s="613"/>
      <c r="ALQ705" s="613"/>
      <c r="ALR705" s="613"/>
      <c r="ALS705" s="613"/>
      <c r="ALT705" s="613"/>
      <c r="ALU705" s="613"/>
      <c r="ALV705" s="613"/>
      <c r="ALW705" s="613"/>
      <c r="ALX705" s="613"/>
      <c r="ALY705" s="613"/>
      <c r="ALZ705" s="613"/>
      <c r="AMA705" s="613"/>
      <c r="AMB705" s="613"/>
      <c r="AMC705" s="613"/>
      <c r="AMD705" s="613"/>
      <c r="AME705" s="613"/>
      <c r="AMF705" s="613"/>
      <c r="AMG705" s="613"/>
      <c r="AMH705" s="613"/>
      <c r="AMI705" s="613"/>
      <c r="AMJ705" s="613"/>
      <c r="AMK705" s="613"/>
      <c r="AML705" s="613"/>
      <c r="AMM705" s="613"/>
      <c r="AMN705" s="613"/>
      <c r="AMO705" s="613"/>
      <c r="AMP705" s="613"/>
      <c r="AMQ705" s="613"/>
      <c r="AMR705" s="613"/>
      <c r="AMS705" s="613"/>
      <c r="AMT705" s="613"/>
      <c r="AMU705" s="613"/>
      <c r="AMV705" s="613"/>
      <c r="AMW705" s="613"/>
      <c r="AMX705" s="613"/>
      <c r="AMY705" s="613"/>
      <c r="AMZ705" s="613"/>
      <c r="ANA705" s="613"/>
      <c r="ANB705" s="613"/>
      <c r="ANC705" s="613"/>
      <c r="AND705" s="613"/>
      <c r="ANE705" s="613"/>
      <c r="ANF705" s="613"/>
      <c r="ANG705" s="613"/>
      <c r="ANH705" s="613"/>
      <c r="ANI705" s="613"/>
      <c r="ANJ705" s="613"/>
      <c r="ANK705" s="613"/>
      <c r="ANL705" s="613"/>
      <c r="ANM705" s="613"/>
      <c r="ANN705" s="613"/>
      <c r="ANO705" s="613"/>
      <c r="ANP705" s="613"/>
      <c r="ANQ705" s="613"/>
      <c r="ANR705" s="613"/>
      <c r="ANS705" s="613"/>
      <c r="ANT705" s="613"/>
      <c r="ANU705" s="613"/>
      <c r="ANV705" s="613"/>
      <c r="ANW705" s="613"/>
      <c r="ANX705" s="613"/>
      <c r="ANY705" s="613"/>
      <c r="ANZ705" s="613"/>
      <c r="AOA705" s="613"/>
      <c r="AOB705" s="613"/>
      <c r="AOC705" s="613"/>
      <c r="AOD705" s="613"/>
      <c r="AOE705" s="613"/>
      <c r="AOF705" s="613"/>
      <c r="AOG705" s="613"/>
      <c r="AOH705" s="613"/>
      <c r="AOI705" s="613"/>
      <c r="AOJ705" s="613"/>
      <c r="AOK705" s="613"/>
      <c r="AOL705" s="613"/>
      <c r="AOM705" s="613"/>
      <c r="AON705" s="613"/>
      <c r="AOO705" s="613"/>
      <c r="AOP705" s="613"/>
      <c r="AOQ705" s="613"/>
      <c r="AOR705" s="613"/>
      <c r="AOS705" s="613"/>
      <c r="AOT705" s="613"/>
      <c r="AOU705" s="613"/>
      <c r="AOV705" s="613"/>
      <c r="AOW705" s="613"/>
      <c r="AOX705" s="613"/>
      <c r="AOY705" s="613"/>
      <c r="AOZ705" s="613"/>
      <c r="APA705" s="613"/>
      <c r="APB705" s="613"/>
      <c r="APC705" s="613"/>
      <c r="APD705" s="613"/>
      <c r="APE705" s="613"/>
      <c r="APF705" s="613"/>
      <c r="APG705" s="613"/>
      <c r="APH705" s="613"/>
      <c r="API705" s="613"/>
      <c r="APJ705" s="613"/>
      <c r="APK705" s="613"/>
      <c r="APL705" s="613"/>
      <c r="APM705" s="613"/>
      <c r="APN705" s="613"/>
      <c r="APO705" s="613"/>
      <c r="APP705" s="613"/>
      <c r="APQ705" s="613"/>
      <c r="APR705" s="613"/>
      <c r="APS705" s="613"/>
      <c r="APT705" s="613"/>
      <c r="APU705" s="613"/>
      <c r="APV705" s="613"/>
      <c r="APW705" s="613"/>
      <c r="APX705" s="613"/>
      <c r="APY705" s="613"/>
      <c r="APZ705" s="613"/>
      <c r="AQA705" s="613"/>
      <c r="AQB705" s="613"/>
      <c r="AQC705" s="613"/>
      <c r="AQD705" s="613"/>
      <c r="AQE705" s="613"/>
      <c r="AQF705" s="613"/>
      <c r="AQG705" s="613"/>
      <c r="AQH705" s="613"/>
      <c r="AQI705" s="613"/>
      <c r="AQJ705" s="613"/>
      <c r="AQK705" s="613"/>
      <c r="AQL705" s="613"/>
      <c r="AQM705" s="613"/>
      <c r="AQN705" s="613"/>
      <c r="AQO705" s="613"/>
      <c r="AQP705" s="613"/>
      <c r="AQQ705" s="613"/>
      <c r="AQR705" s="613"/>
      <c r="AQS705" s="613"/>
      <c r="AQT705" s="613"/>
      <c r="AQU705" s="613"/>
      <c r="AQV705" s="613"/>
      <c r="AQW705" s="613"/>
      <c r="AQX705" s="613"/>
      <c r="AQY705" s="613"/>
      <c r="AQZ705" s="613"/>
      <c r="ARA705" s="613"/>
      <c r="ARB705" s="613"/>
      <c r="ARC705" s="613"/>
      <c r="ARD705" s="613"/>
      <c r="ARE705" s="613"/>
      <c r="ARF705" s="613"/>
      <c r="ARG705" s="613"/>
      <c r="ARH705" s="613"/>
      <c r="ARI705" s="613"/>
      <c r="ARJ705" s="613"/>
      <c r="ARK705" s="613"/>
      <c r="ARL705" s="613"/>
      <c r="ARM705" s="613"/>
      <c r="ARN705" s="613"/>
      <c r="ARO705" s="613"/>
      <c r="ARP705" s="613"/>
      <c r="ARQ705" s="613"/>
      <c r="ARR705" s="613"/>
      <c r="ARS705" s="613"/>
      <c r="ART705" s="613"/>
      <c r="ARU705" s="613"/>
      <c r="ARV705" s="613"/>
      <c r="ARW705" s="613"/>
      <c r="ARX705" s="613"/>
      <c r="ARY705" s="613"/>
      <c r="ARZ705" s="613"/>
      <c r="ASA705" s="613"/>
      <c r="ASB705" s="613"/>
      <c r="ASC705" s="613"/>
      <c r="ASD705" s="613"/>
      <c r="ASE705" s="613"/>
      <c r="ASF705" s="613"/>
      <c r="ASG705" s="613"/>
      <c r="ASH705" s="613"/>
      <c r="ASI705" s="613"/>
      <c r="ASJ705" s="613"/>
      <c r="ASK705" s="613"/>
      <c r="ASL705" s="613"/>
      <c r="ASM705" s="613"/>
      <c r="ASN705" s="613"/>
      <c r="ASO705" s="613"/>
      <c r="ASP705" s="613"/>
      <c r="ASQ705" s="613"/>
      <c r="ASR705" s="613"/>
      <c r="ASS705" s="613"/>
      <c r="AST705" s="613"/>
      <c r="ASU705" s="613"/>
      <c r="ASV705" s="613"/>
      <c r="ASW705" s="613"/>
      <c r="ASX705" s="613"/>
      <c r="ASY705" s="613"/>
      <c r="ASZ705" s="613"/>
      <c r="ATA705" s="613"/>
      <c r="ATB705" s="613"/>
      <c r="ATC705" s="613"/>
      <c r="ATD705" s="613"/>
      <c r="ATE705" s="613"/>
      <c r="ATF705" s="613"/>
      <c r="ATG705" s="613"/>
      <c r="ATH705" s="613"/>
      <c r="ATI705" s="613"/>
      <c r="ATJ705" s="613"/>
      <c r="ATK705" s="613"/>
      <c r="ATL705" s="613"/>
      <c r="ATM705" s="613"/>
      <c r="ATN705" s="613"/>
      <c r="ATO705" s="613"/>
      <c r="ATP705" s="613"/>
      <c r="ATQ705" s="613"/>
      <c r="ATR705" s="613"/>
      <c r="ATS705" s="613"/>
      <c r="ATT705" s="613"/>
      <c r="ATU705" s="613"/>
      <c r="ATV705" s="613"/>
      <c r="ATW705" s="613"/>
      <c r="ATX705" s="613"/>
      <c r="ATY705" s="613"/>
      <c r="ATZ705" s="613"/>
      <c r="AUA705" s="613"/>
      <c r="AUB705" s="613"/>
      <c r="AUC705" s="613"/>
      <c r="AUD705" s="613"/>
      <c r="AUE705" s="613"/>
      <c r="AUF705" s="613"/>
      <c r="AUG705" s="613"/>
      <c r="AUH705" s="613"/>
      <c r="AUI705" s="613"/>
      <c r="AUJ705" s="613"/>
      <c r="AUK705" s="613"/>
      <c r="AUL705" s="613"/>
      <c r="AUM705" s="613"/>
      <c r="AUN705" s="613"/>
      <c r="AUO705" s="613"/>
      <c r="AUP705" s="613"/>
      <c r="AUQ705" s="613"/>
      <c r="AUR705" s="613"/>
      <c r="AUS705" s="613"/>
      <c r="AUT705" s="613"/>
      <c r="AUU705" s="613"/>
      <c r="AUV705" s="613"/>
      <c r="AUW705" s="613"/>
      <c r="AUX705" s="613"/>
      <c r="AUY705" s="613"/>
      <c r="AUZ705" s="613"/>
      <c r="AVA705" s="613"/>
      <c r="AVB705" s="613"/>
      <c r="AVC705" s="613"/>
      <c r="AVD705" s="613"/>
      <c r="AVE705" s="613"/>
      <c r="AVF705" s="613"/>
      <c r="AVG705" s="613"/>
      <c r="AVH705" s="613"/>
      <c r="AVI705" s="613"/>
      <c r="AVJ705" s="613"/>
      <c r="AVK705" s="613"/>
      <c r="AVL705" s="613"/>
      <c r="AVM705" s="613"/>
      <c r="AVN705" s="613"/>
      <c r="AVO705" s="613"/>
      <c r="AVP705" s="613"/>
      <c r="AVQ705" s="613"/>
      <c r="AVR705" s="613"/>
      <c r="AVS705" s="613"/>
      <c r="AVT705" s="613"/>
      <c r="AVU705" s="613"/>
      <c r="AVV705" s="613"/>
      <c r="AVW705" s="613"/>
      <c r="AVX705" s="613"/>
      <c r="AVY705" s="613"/>
      <c r="AVZ705" s="613"/>
      <c r="AWA705" s="613"/>
      <c r="AWB705" s="613"/>
      <c r="AWC705" s="613"/>
      <c r="AWD705" s="613"/>
      <c r="AWE705" s="613"/>
      <c r="AWF705" s="613"/>
      <c r="AWG705" s="613"/>
      <c r="AWH705" s="613"/>
      <c r="AWI705" s="613"/>
      <c r="AWJ705" s="613"/>
      <c r="AWK705" s="613"/>
      <c r="AWL705" s="613"/>
      <c r="AWM705" s="613"/>
      <c r="AWN705" s="613"/>
      <c r="AWO705" s="613"/>
      <c r="AWP705" s="613"/>
      <c r="AWQ705" s="613"/>
      <c r="AWR705" s="613"/>
      <c r="AWS705" s="613"/>
      <c r="AWT705" s="613"/>
      <c r="AWU705" s="613"/>
      <c r="AWV705" s="613"/>
      <c r="AWW705" s="613"/>
      <c r="AWX705" s="613"/>
      <c r="AWY705" s="613"/>
      <c r="AWZ705" s="613"/>
      <c r="AXA705" s="613"/>
      <c r="AXB705" s="613"/>
      <c r="AXC705" s="613"/>
      <c r="AXD705" s="613"/>
      <c r="AXE705" s="613"/>
      <c r="AXF705" s="613"/>
      <c r="AXG705" s="613"/>
      <c r="AXH705" s="613"/>
      <c r="AXI705" s="613"/>
      <c r="AXJ705" s="613"/>
      <c r="AXK705" s="613"/>
      <c r="AXL705" s="613"/>
      <c r="AXM705" s="613"/>
      <c r="AXN705" s="613"/>
      <c r="AXO705" s="613"/>
      <c r="AXP705" s="613"/>
      <c r="AXQ705" s="613"/>
      <c r="AXR705" s="613"/>
      <c r="AXS705" s="613"/>
      <c r="AXT705" s="613"/>
      <c r="AXU705" s="613"/>
      <c r="AXV705" s="613"/>
      <c r="AXW705" s="613"/>
      <c r="AXX705" s="613"/>
      <c r="AXY705" s="613"/>
      <c r="AXZ705" s="613"/>
      <c r="AYA705" s="613"/>
      <c r="AYB705" s="613"/>
      <c r="AYC705" s="613"/>
      <c r="AYD705" s="613"/>
      <c r="AYE705" s="613"/>
      <c r="AYF705" s="613"/>
      <c r="AYG705" s="613"/>
      <c r="AYH705" s="613"/>
      <c r="AYI705" s="613"/>
      <c r="AYJ705" s="613"/>
      <c r="AYK705" s="613"/>
      <c r="AYL705" s="613"/>
      <c r="AYM705" s="613"/>
      <c r="AYN705" s="613"/>
      <c r="AYO705" s="613"/>
      <c r="AYP705" s="613"/>
      <c r="AYQ705" s="613"/>
      <c r="AYR705" s="613"/>
      <c r="AYS705" s="613"/>
      <c r="AYT705" s="613"/>
      <c r="AYU705" s="613"/>
      <c r="AYV705" s="613"/>
      <c r="AYW705" s="613"/>
      <c r="AYX705" s="613"/>
      <c r="AYY705" s="613"/>
      <c r="AYZ705" s="613"/>
      <c r="AZA705" s="613"/>
      <c r="AZB705" s="613"/>
      <c r="AZC705" s="613"/>
      <c r="AZD705" s="613"/>
      <c r="AZE705" s="613"/>
      <c r="AZF705" s="613"/>
      <c r="AZG705" s="613"/>
      <c r="AZH705" s="613"/>
      <c r="AZI705" s="613"/>
      <c r="AZJ705" s="613"/>
      <c r="AZK705" s="613"/>
      <c r="AZL705" s="613"/>
      <c r="AZM705" s="613"/>
      <c r="AZN705" s="613"/>
      <c r="AZO705" s="613"/>
      <c r="AZP705" s="613"/>
      <c r="AZQ705" s="613"/>
      <c r="AZR705" s="613"/>
      <c r="AZS705" s="613"/>
      <c r="AZT705" s="613"/>
      <c r="AZU705" s="613"/>
      <c r="AZV705" s="613"/>
      <c r="AZW705" s="613"/>
      <c r="AZX705" s="613"/>
      <c r="AZY705" s="613"/>
      <c r="AZZ705" s="613"/>
      <c r="BAA705" s="613"/>
      <c r="BAB705" s="613"/>
      <c r="BAC705" s="613"/>
      <c r="BAD705" s="613"/>
      <c r="BAE705" s="613"/>
      <c r="BAF705" s="613"/>
      <c r="BAG705" s="613"/>
      <c r="BAH705" s="613"/>
      <c r="BAI705" s="613"/>
      <c r="BAJ705" s="613"/>
      <c r="BAK705" s="613"/>
      <c r="BAL705" s="613"/>
      <c r="BAM705" s="613"/>
      <c r="BAN705" s="613"/>
      <c r="BAO705" s="613"/>
      <c r="BAP705" s="613"/>
      <c r="BAQ705" s="613"/>
      <c r="BAR705" s="613"/>
      <c r="BAS705" s="613"/>
      <c r="BAT705" s="613"/>
      <c r="BAU705" s="613"/>
      <c r="BAV705" s="613"/>
      <c r="BAW705" s="613"/>
      <c r="BAX705" s="613"/>
      <c r="BAY705" s="613"/>
      <c r="BAZ705" s="613"/>
      <c r="BBA705" s="613"/>
      <c r="BBB705" s="613"/>
      <c r="BBC705" s="613"/>
      <c r="BBD705" s="613"/>
      <c r="BBE705" s="613"/>
      <c r="BBF705" s="613"/>
      <c r="BBG705" s="613"/>
      <c r="BBH705" s="613"/>
      <c r="BBI705" s="613"/>
      <c r="BBJ705" s="613"/>
      <c r="BBK705" s="613"/>
      <c r="BBL705" s="613"/>
      <c r="BBM705" s="613"/>
      <c r="BBN705" s="613"/>
      <c r="BBO705" s="613"/>
      <c r="BBP705" s="613"/>
      <c r="BBQ705" s="613"/>
      <c r="BBR705" s="613"/>
      <c r="BBS705" s="613"/>
      <c r="BBT705" s="613"/>
      <c r="BBU705" s="613"/>
      <c r="BBV705" s="613"/>
      <c r="BBW705" s="613"/>
      <c r="BBX705" s="613"/>
      <c r="BBY705" s="613"/>
      <c r="BBZ705" s="613"/>
      <c r="BCA705" s="613"/>
      <c r="BCB705" s="613"/>
      <c r="BCC705" s="613"/>
      <c r="BCD705" s="613"/>
      <c r="BCE705" s="613"/>
      <c r="BCF705" s="613"/>
      <c r="BCG705" s="613"/>
      <c r="BCH705" s="613"/>
      <c r="BCI705" s="613"/>
      <c r="BCJ705" s="613"/>
      <c r="BCK705" s="613"/>
      <c r="BCL705" s="613"/>
      <c r="BCM705" s="613"/>
      <c r="BCN705" s="613"/>
      <c r="BCO705" s="613"/>
      <c r="BCP705" s="613"/>
      <c r="BCQ705" s="613"/>
      <c r="BCR705" s="613"/>
      <c r="BCS705" s="613"/>
      <c r="BCT705" s="613"/>
      <c r="BCU705" s="613"/>
      <c r="BCV705" s="613"/>
      <c r="BCW705" s="613"/>
      <c r="BCX705" s="613"/>
      <c r="BCY705" s="613"/>
      <c r="BCZ705" s="613"/>
      <c r="BDA705" s="613"/>
      <c r="BDB705" s="613"/>
      <c r="BDC705" s="613"/>
      <c r="BDD705" s="613"/>
      <c r="BDE705" s="613"/>
      <c r="BDF705" s="613"/>
      <c r="BDG705" s="613"/>
      <c r="BDH705" s="613"/>
      <c r="BDI705" s="613"/>
      <c r="BDJ705" s="613"/>
      <c r="BDK705" s="613"/>
      <c r="BDL705" s="613"/>
      <c r="BDM705" s="613"/>
      <c r="BDN705" s="613"/>
      <c r="BDO705" s="613"/>
      <c r="BDP705" s="613"/>
      <c r="BDQ705" s="613"/>
      <c r="BDR705" s="613"/>
      <c r="BDS705" s="613"/>
      <c r="BDT705" s="613"/>
      <c r="BDU705" s="613"/>
      <c r="BDV705" s="613"/>
      <c r="BDW705" s="613"/>
      <c r="BDX705" s="613"/>
      <c r="BDY705" s="613"/>
      <c r="BDZ705" s="613"/>
      <c r="BEA705" s="613"/>
      <c r="BEB705" s="613"/>
      <c r="BEC705" s="613"/>
      <c r="BED705" s="613"/>
      <c r="BEE705" s="613"/>
      <c r="BEF705" s="613"/>
      <c r="BEG705" s="613"/>
      <c r="BEH705" s="613"/>
      <c r="BEI705" s="613"/>
      <c r="BEJ705" s="613"/>
      <c r="BEK705" s="613"/>
      <c r="BEL705" s="613"/>
      <c r="BEM705" s="613"/>
      <c r="BEN705" s="613"/>
      <c r="BEO705" s="613"/>
      <c r="BEP705" s="613"/>
      <c r="BEQ705" s="613"/>
      <c r="BER705" s="613"/>
      <c r="BES705" s="613"/>
      <c r="BET705" s="613"/>
      <c r="BEU705" s="613"/>
      <c r="BEV705" s="613"/>
      <c r="BEW705" s="613"/>
      <c r="BEX705" s="613"/>
      <c r="BEY705" s="613"/>
      <c r="BEZ705" s="613"/>
      <c r="BFA705" s="613"/>
      <c r="BFB705" s="613"/>
      <c r="BFC705" s="613"/>
      <c r="BFD705" s="613"/>
      <c r="BFE705" s="613"/>
      <c r="BFF705" s="613"/>
      <c r="BFG705" s="613"/>
      <c r="BFH705" s="613"/>
      <c r="BFI705" s="613"/>
      <c r="BFJ705" s="613"/>
      <c r="BFK705" s="613"/>
      <c r="BFL705" s="613"/>
      <c r="BFM705" s="613"/>
      <c r="BFN705" s="613"/>
      <c r="BFO705" s="613"/>
      <c r="BFP705" s="613"/>
      <c r="BFQ705" s="613"/>
      <c r="BFR705" s="613"/>
      <c r="BFS705" s="613"/>
      <c r="BFT705" s="613"/>
      <c r="BFU705" s="613"/>
      <c r="BFV705" s="613"/>
      <c r="BFW705" s="613"/>
      <c r="BFX705" s="613"/>
      <c r="BFY705" s="613"/>
      <c r="BFZ705" s="613"/>
      <c r="BGA705" s="613"/>
      <c r="BGB705" s="613"/>
      <c r="BGC705" s="613"/>
      <c r="BGD705" s="613"/>
      <c r="BGE705" s="613"/>
      <c r="BGF705" s="613"/>
      <c r="BGG705" s="613"/>
      <c r="BGH705" s="613"/>
      <c r="BGI705" s="613"/>
      <c r="BGJ705" s="613"/>
      <c r="BGK705" s="613"/>
      <c r="BGL705" s="613"/>
      <c r="BGM705" s="613"/>
      <c r="BGN705" s="613"/>
      <c r="BGO705" s="613"/>
      <c r="BGP705" s="613"/>
      <c r="BGQ705" s="613"/>
      <c r="BGR705" s="613"/>
      <c r="BGS705" s="613"/>
      <c r="BGT705" s="613"/>
      <c r="BGU705" s="613"/>
      <c r="BGV705" s="613"/>
      <c r="BGW705" s="613"/>
      <c r="BGX705" s="613"/>
      <c r="BGY705" s="613"/>
      <c r="BGZ705" s="613"/>
      <c r="BHA705" s="613"/>
      <c r="BHB705" s="613"/>
      <c r="BHC705" s="613"/>
      <c r="BHD705" s="613"/>
      <c r="BHE705" s="613"/>
      <c r="BHF705" s="613"/>
      <c r="BHG705" s="613"/>
      <c r="BHH705" s="613"/>
      <c r="BHI705" s="613"/>
      <c r="BHJ705" s="613"/>
      <c r="BHK705" s="613"/>
      <c r="BHL705" s="613"/>
      <c r="BHM705" s="613"/>
      <c r="BHN705" s="613"/>
      <c r="BHO705" s="613"/>
      <c r="BHP705" s="613"/>
      <c r="BHQ705" s="613"/>
      <c r="BHR705" s="613"/>
      <c r="BHS705" s="613"/>
      <c r="BHT705" s="613"/>
      <c r="BHU705" s="613"/>
      <c r="BHV705" s="613"/>
      <c r="BHW705" s="613"/>
      <c r="BHX705" s="613"/>
      <c r="BHY705" s="613"/>
      <c r="BHZ705" s="613"/>
      <c r="BIA705" s="613"/>
      <c r="BIB705" s="613"/>
      <c r="BIC705" s="613"/>
      <c r="BID705" s="613"/>
      <c r="BIE705" s="613"/>
      <c r="BIF705" s="613"/>
      <c r="BIG705" s="613"/>
      <c r="BIH705" s="613"/>
      <c r="BII705" s="613"/>
      <c r="BIJ705" s="613"/>
      <c r="BIK705" s="613"/>
      <c r="BIL705" s="613"/>
      <c r="BIM705" s="613"/>
      <c r="BIN705" s="613"/>
      <c r="BIO705" s="613"/>
      <c r="BIP705" s="613"/>
      <c r="BIQ705" s="613"/>
      <c r="BIR705" s="613"/>
      <c r="BIS705" s="613"/>
      <c r="BIT705" s="613"/>
      <c r="BIU705" s="613"/>
      <c r="BIV705" s="613"/>
      <c r="BIW705" s="613"/>
      <c r="BIX705" s="613"/>
      <c r="BIY705" s="613"/>
      <c r="BIZ705" s="613"/>
      <c r="BJA705" s="613"/>
      <c r="BJB705" s="613"/>
      <c r="BJC705" s="613"/>
      <c r="BJD705" s="613"/>
      <c r="BJE705" s="613"/>
      <c r="BJF705" s="613"/>
      <c r="BJG705" s="613"/>
      <c r="BJH705" s="613"/>
      <c r="BJI705" s="613"/>
      <c r="BJJ705" s="613"/>
      <c r="BJK705" s="613"/>
      <c r="BJL705" s="613"/>
      <c r="BJM705" s="613"/>
      <c r="BJN705" s="613"/>
      <c r="BJO705" s="613"/>
      <c r="BJP705" s="613"/>
      <c r="BJQ705" s="613"/>
      <c r="BJR705" s="613"/>
      <c r="BJS705" s="613"/>
      <c r="BJT705" s="613"/>
      <c r="BJU705" s="613"/>
      <c r="BJV705" s="613"/>
      <c r="BJW705" s="613"/>
      <c r="BJX705" s="613"/>
      <c r="BJY705" s="613"/>
      <c r="BJZ705" s="613"/>
      <c r="BKA705" s="613"/>
      <c r="BKB705" s="613"/>
      <c r="BKC705" s="613"/>
      <c r="BKD705" s="613"/>
      <c r="BKE705" s="613"/>
      <c r="BKF705" s="613"/>
      <c r="BKG705" s="613"/>
      <c r="BKH705" s="613"/>
      <c r="BKI705" s="613"/>
      <c r="BKJ705" s="613"/>
      <c r="BKK705" s="613"/>
      <c r="BKL705" s="613"/>
      <c r="BKM705" s="613"/>
      <c r="BKN705" s="613"/>
      <c r="BKO705" s="613"/>
      <c r="BKP705" s="613"/>
      <c r="BKQ705" s="613"/>
      <c r="BKR705" s="613"/>
      <c r="BKS705" s="613"/>
      <c r="BKT705" s="613"/>
      <c r="BKU705" s="613"/>
      <c r="BKV705" s="613"/>
      <c r="BKW705" s="613"/>
      <c r="BKX705" s="613"/>
      <c r="BKY705" s="613"/>
      <c r="BKZ705" s="613"/>
      <c r="BLA705" s="613"/>
      <c r="BLB705" s="613"/>
      <c r="BLC705" s="613"/>
      <c r="BLD705" s="613"/>
      <c r="BLE705" s="613"/>
      <c r="BLF705" s="613"/>
      <c r="BLG705" s="613"/>
      <c r="BLH705" s="613"/>
      <c r="BLI705" s="613"/>
      <c r="BLJ705" s="613"/>
      <c r="BLK705" s="613"/>
      <c r="BLL705" s="613"/>
      <c r="BLM705" s="613"/>
      <c r="BLN705" s="613"/>
      <c r="BLO705" s="613"/>
      <c r="BLP705" s="613"/>
      <c r="BLQ705" s="613"/>
      <c r="BLR705" s="613"/>
      <c r="BLS705" s="613"/>
      <c r="BLT705" s="613"/>
      <c r="BLU705" s="613"/>
      <c r="BLV705" s="613"/>
      <c r="BLW705" s="613"/>
      <c r="BLX705" s="613"/>
      <c r="BLY705" s="613"/>
      <c r="BLZ705" s="613"/>
      <c r="BMA705" s="613"/>
      <c r="BMB705" s="613"/>
      <c r="BMC705" s="613"/>
      <c r="BMD705" s="613"/>
      <c r="BME705" s="613"/>
      <c r="BMF705" s="613"/>
      <c r="BMG705" s="613"/>
      <c r="BMH705" s="613"/>
      <c r="BMI705" s="613"/>
      <c r="BMJ705" s="613"/>
      <c r="BMK705" s="613"/>
      <c r="BML705" s="613"/>
      <c r="BMM705" s="613"/>
      <c r="BMN705" s="613"/>
      <c r="BMO705" s="613"/>
      <c r="BMP705" s="613"/>
      <c r="BMQ705" s="613"/>
      <c r="BMR705" s="613"/>
      <c r="BMS705" s="613"/>
      <c r="BMT705" s="613"/>
      <c r="BMU705" s="613"/>
      <c r="BMV705" s="613"/>
      <c r="BMW705" s="613"/>
      <c r="BMX705" s="613"/>
      <c r="BMY705" s="613"/>
      <c r="BMZ705" s="613"/>
      <c r="BNA705" s="613"/>
      <c r="BNB705" s="613"/>
      <c r="BNC705" s="613"/>
      <c r="BND705" s="613"/>
      <c r="BNE705" s="613"/>
      <c r="BNF705" s="613"/>
      <c r="BNG705" s="613"/>
      <c r="BNH705" s="613"/>
      <c r="BNI705" s="613"/>
      <c r="BNJ705" s="613"/>
      <c r="BNK705" s="613"/>
      <c r="BNL705" s="613"/>
      <c r="BNM705" s="613"/>
      <c r="BNN705" s="613"/>
      <c r="BNO705" s="613"/>
      <c r="BNP705" s="613"/>
      <c r="BNQ705" s="613"/>
      <c r="BNR705" s="613"/>
      <c r="BNS705" s="613"/>
      <c r="BNT705" s="613"/>
      <c r="BNU705" s="613"/>
      <c r="BNV705" s="613"/>
      <c r="BNW705" s="613"/>
      <c r="BNX705" s="613"/>
      <c r="BNY705" s="613"/>
      <c r="BNZ705" s="613"/>
      <c r="BOA705" s="613"/>
      <c r="BOB705" s="613"/>
      <c r="BOC705" s="613"/>
      <c r="BOD705" s="613"/>
      <c r="BOE705" s="613"/>
      <c r="BOF705" s="613"/>
      <c r="BOG705" s="613"/>
      <c r="BOH705" s="613"/>
      <c r="BOI705" s="613"/>
      <c r="BOJ705" s="613"/>
      <c r="BOK705" s="613"/>
      <c r="BOL705" s="613"/>
      <c r="BOM705" s="613"/>
      <c r="BON705" s="613"/>
      <c r="BOO705" s="613"/>
      <c r="BOP705" s="613"/>
      <c r="BOQ705" s="613"/>
      <c r="BOR705" s="613"/>
      <c r="BOS705" s="613"/>
      <c r="BOT705" s="613"/>
      <c r="BOU705" s="613"/>
      <c r="BOV705" s="613"/>
      <c r="BOW705" s="613"/>
      <c r="BOX705" s="613"/>
      <c r="BOY705" s="613"/>
      <c r="BOZ705" s="613"/>
      <c r="BPA705" s="613"/>
      <c r="BPB705" s="613"/>
      <c r="BPC705" s="613"/>
      <c r="BPD705" s="613"/>
      <c r="BPE705" s="613"/>
      <c r="BPF705" s="613"/>
      <c r="BPG705" s="613"/>
      <c r="BPH705" s="613"/>
      <c r="BPI705" s="613"/>
      <c r="BPJ705" s="613"/>
      <c r="BPK705" s="613"/>
      <c r="BPL705" s="613"/>
      <c r="BPM705" s="613"/>
      <c r="BPN705" s="613"/>
      <c r="BPO705" s="613"/>
      <c r="BPP705" s="613"/>
      <c r="BPQ705" s="613"/>
      <c r="BPR705" s="613"/>
      <c r="BPS705" s="613"/>
      <c r="BPT705" s="613"/>
      <c r="BPU705" s="613"/>
      <c r="BPV705" s="613"/>
      <c r="BPW705" s="613"/>
      <c r="BPX705" s="613"/>
      <c r="BPY705" s="613"/>
      <c r="BPZ705" s="613"/>
      <c r="BQA705" s="613"/>
      <c r="BQB705" s="613"/>
      <c r="BQC705" s="613"/>
      <c r="BQD705" s="613"/>
      <c r="BQE705" s="613"/>
      <c r="BQF705" s="613"/>
      <c r="BQG705" s="613"/>
      <c r="BQH705" s="613"/>
      <c r="BQI705" s="613"/>
      <c r="BQJ705" s="613"/>
      <c r="BQK705" s="613"/>
      <c r="BQL705" s="613"/>
      <c r="BQM705" s="613"/>
      <c r="BQN705" s="613"/>
      <c r="BQO705" s="613"/>
      <c r="BQP705" s="613"/>
      <c r="BQQ705" s="613"/>
      <c r="BQR705" s="613"/>
      <c r="BQS705" s="613"/>
      <c r="BQT705" s="613"/>
      <c r="BQU705" s="613"/>
      <c r="BQV705" s="613"/>
      <c r="BQW705" s="613"/>
      <c r="BQX705" s="613"/>
      <c r="BQY705" s="613"/>
      <c r="BQZ705" s="613"/>
      <c r="BRA705" s="613"/>
      <c r="BRB705" s="613"/>
      <c r="BRC705" s="613"/>
      <c r="BRD705" s="613"/>
      <c r="BRE705" s="613"/>
      <c r="BRF705" s="613"/>
      <c r="BRG705" s="613"/>
      <c r="BRH705" s="613"/>
      <c r="BRI705" s="613"/>
      <c r="BRJ705" s="613"/>
      <c r="BRK705" s="613"/>
      <c r="BRL705" s="613"/>
      <c r="BRM705" s="613"/>
      <c r="BRN705" s="613"/>
      <c r="BRO705" s="613"/>
      <c r="BRP705" s="613"/>
      <c r="BRQ705" s="613"/>
      <c r="BRR705" s="613"/>
      <c r="BRS705" s="613"/>
      <c r="BRT705" s="613"/>
      <c r="BRU705" s="613"/>
      <c r="BRV705" s="613"/>
      <c r="BRW705" s="613"/>
      <c r="BRX705" s="613"/>
      <c r="BRY705" s="613"/>
      <c r="BRZ705" s="613"/>
      <c r="BSA705" s="613"/>
      <c r="BSB705" s="613"/>
      <c r="BSC705" s="613"/>
      <c r="BSD705" s="613"/>
      <c r="BSE705" s="613"/>
      <c r="BSF705" s="613"/>
      <c r="BSG705" s="613"/>
      <c r="BSH705" s="613"/>
      <c r="BSI705" s="613"/>
      <c r="BSJ705" s="613"/>
      <c r="BSK705" s="613"/>
      <c r="BSL705" s="613"/>
      <c r="BSM705" s="613"/>
      <c r="BSN705" s="613"/>
      <c r="BSO705" s="613"/>
      <c r="BSP705" s="613"/>
      <c r="BSQ705" s="613"/>
      <c r="BSR705" s="613"/>
      <c r="BSS705" s="613"/>
      <c r="BST705" s="613"/>
      <c r="BSU705" s="613"/>
      <c r="BSV705" s="613"/>
      <c r="BSW705" s="613"/>
      <c r="BSX705" s="613"/>
      <c r="BSY705" s="613"/>
      <c r="BSZ705" s="613"/>
      <c r="BTA705" s="613"/>
      <c r="BTB705" s="613"/>
      <c r="BTC705" s="613"/>
      <c r="BTD705" s="613"/>
      <c r="BTE705" s="613"/>
      <c r="BTF705" s="613"/>
      <c r="BTG705" s="613"/>
      <c r="BTH705" s="613"/>
      <c r="BTI705" s="613"/>
      <c r="BTJ705" s="613"/>
      <c r="BTK705" s="613"/>
      <c r="BTL705" s="613"/>
      <c r="BTM705" s="613"/>
      <c r="BTN705" s="613"/>
      <c r="BTO705" s="613"/>
      <c r="BTP705" s="613"/>
      <c r="BTQ705" s="613"/>
      <c r="BTR705" s="613"/>
      <c r="BTS705" s="613"/>
      <c r="BTT705" s="613"/>
      <c r="BTU705" s="613"/>
      <c r="BTV705" s="613"/>
      <c r="BTW705" s="613"/>
      <c r="BTX705" s="613"/>
      <c r="BTY705" s="613"/>
      <c r="BTZ705" s="613"/>
      <c r="BUA705" s="613"/>
      <c r="BUB705" s="613"/>
      <c r="BUC705" s="613"/>
      <c r="BUD705" s="613"/>
      <c r="BUE705" s="613"/>
      <c r="BUF705" s="613"/>
      <c r="BUG705" s="613"/>
      <c r="BUH705" s="613"/>
      <c r="BUI705" s="613"/>
      <c r="BUJ705" s="613"/>
      <c r="BUK705" s="613"/>
      <c r="BUL705" s="613"/>
      <c r="BUM705" s="613"/>
      <c r="BUN705" s="613"/>
      <c r="BUO705" s="613"/>
      <c r="BUP705" s="613"/>
      <c r="BUQ705" s="613"/>
      <c r="BUR705" s="613"/>
      <c r="BUS705" s="613"/>
      <c r="BUT705" s="613"/>
      <c r="BUU705" s="613"/>
      <c r="BUV705" s="613"/>
      <c r="BUW705" s="613"/>
      <c r="BUX705" s="613"/>
      <c r="BUY705" s="613"/>
      <c r="BUZ705" s="613"/>
      <c r="BVA705" s="613"/>
      <c r="BVB705" s="613"/>
      <c r="BVC705" s="613"/>
      <c r="BVD705" s="613"/>
      <c r="BVE705" s="613"/>
      <c r="BVF705" s="613"/>
      <c r="BVG705" s="613"/>
      <c r="BVH705" s="613"/>
      <c r="BVI705" s="613"/>
      <c r="BVJ705" s="613"/>
      <c r="BVK705" s="613"/>
      <c r="BVL705" s="613"/>
      <c r="BVM705" s="613"/>
      <c r="BVN705" s="613"/>
      <c r="BVO705" s="613"/>
      <c r="BVP705" s="613"/>
      <c r="BVQ705" s="613"/>
      <c r="BVR705" s="613"/>
      <c r="BVS705" s="613"/>
      <c r="BVT705" s="613"/>
      <c r="BVU705" s="613"/>
      <c r="BVV705" s="613"/>
      <c r="BVW705" s="613"/>
      <c r="BVX705" s="613"/>
      <c r="BVY705" s="613"/>
      <c r="BVZ705" s="613"/>
      <c r="BWA705" s="613"/>
      <c r="BWB705" s="613"/>
      <c r="BWC705" s="613"/>
      <c r="BWD705" s="613"/>
      <c r="BWE705" s="613"/>
      <c r="BWF705" s="613"/>
      <c r="BWG705" s="613"/>
      <c r="BWH705" s="613"/>
      <c r="BWI705" s="613"/>
      <c r="BWJ705" s="613"/>
      <c r="BWK705" s="613"/>
      <c r="BWL705" s="613"/>
      <c r="BWM705" s="613"/>
      <c r="BWN705" s="613"/>
      <c r="BWO705" s="613"/>
      <c r="BWP705" s="613"/>
      <c r="BWQ705" s="613"/>
      <c r="BWR705" s="613"/>
      <c r="BWS705" s="613"/>
      <c r="BWT705" s="613"/>
      <c r="BWU705" s="613"/>
      <c r="BWV705" s="613"/>
      <c r="BWW705" s="613"/>
      <c r="BWX705" s="613"/>
      <c r="BWY705" s="613"/>
      <c r="BWZ705" s="613"/>
      <c r="BXA705" s="613"/>
      <c r="BXB705" s="613"/>
      <c r="BXC705" s="613"/>
      <c r="BXD705" s="613"/>
      <c r="BXE705" s="613"/>
      <c r="BXF705" s="613"/>
      <c r="BXG705" s="613"/>
      <c r="BXH705" s="613"/>
      <c r="BXI705" s="613"/>
      <c r="BXJ705" s="613"/>
      <c r="BXK705" s="613"/>
      <c r="BXL705" s="613"/>
      <c r="BXM705" s="613"/>
      <c r="BXN705" s="613"/>
      <c r="BXO705" s="613"/>
      <c r="BXP705" s="613"/>
      <c r="BXQ705" s="613"/>
      <c r="BXR705" s="613"/>
      <c r="BXS705" s="613"/>
      <c r="BXT705" s="613"/>
      <c r="BXU705" s="613"/>
      <c r="BXV705" s="613"/>
      <c r="BXW705" s="613"/>
      <c r="BXX705" s="613"/>
      <c r="BXY705" s="613"/>
      <c r="BXZ705" s="613"/>
      <c r="BYA705" s="613"/>
      <c r="BYB705" s="613"/>
      <c r="BYC705" s="613"/>
      <c r="BYD705" s="613"/>
      <c r="BYE705" s="613"/>
      <c r="BYF705" s="613"/>
      <c r="BYG705" s="613"/>
      <c r="BYH705" s="613"/>
      <c r="BYI705" s="613"/>
      <c r="BYJ705" s="613"/>
      <c r="BYK705" s="613"/>
      <c r="BYL705" s="613"/>
      <c r="BYM705" s="613"/>
      <c r="BYN705" s="613"/>
      <c r="BYO705" s="613"/>
      <c r="BYP705" s="613"/>
      <c r="BYQ705" s="613"/>
      <c r="BYR705" s="613"/>
      <c r="BYS705" s="613"/>
      <c r="BYT705" s="613"/>
      <c r="BYU705" s="613"/>
      <c r="BYV705" s="613"/>
      <c r="BYW705" s="613"/>
      <c r="BYX705" s="613"/>
      <c r="BYY705" s="613"/>
      <c r="BYZ705" s="613"/>
      <c r="BZA705" s="613"/>
      <c r="BZB705" s="613"/>
      <c r="BZC705" s="613"/>
      <c r="BZD705" s="613"/>
      <c r="BZE705" s="613"/>
      <c r="BZF705" s="613"/>
      <c r="BZG705" s="613"/>
      <c r="BZH705" s="613"/>
      <c r="BZI705" s="613"/>
      <c r="BZJ705" s="613"/>
      <c r="BZK705" s="613"/>
      <c r="BZL705" s="613"/>
      <c r="BZM705" s="613"/>
      <c r="BZN705" s="613"/>
      <c r="BZO705" s="613"/>
      <c r="BZP705" s="613"/>
      <c r="BZQ705" s="613"/>
      <c r="BZR705" s="613"/>
      <c r="BZS705" s="613"/>
      <c r="BZT705" s="613"/>
      <c r="BZU705" s="613"/>
      <c r="BZV705" s="613"/>
      <c r="BZW705" s="613"/>
      <c r="BZX705" s="613"/>
      <c r="BZY705" s="613"/>
      <c r="BZZ705" s="613"/>
      <c r="CAA705" s="613"/>
      <c r="CAB705" s="613"/>
      <c r="CAC705" s="613"/>
      <c r="CAD705" s="613"/>
      <c r="CAE705" s="613"/>
      <c r="CAF705" s="613"/>
      <c r="CAG705" s="613"/>
      <c r="CAH705" s="613"/>
      <c r="CAI705" s="613"/>
      <c r="CAJ705" s="613"/>
      <c r="CAK705" s="613"/>
      <c r="CAL705" s="613"/>
      <c r="CAM705" s="613"/>
      <c r="CAN705" s="613"/>
      <c r="CAO705" s="613"/>
      <c r="CAP705" s="613"/>
      <c r="CAQ705" s="613"/>
      <c r="CAR705" s="613"/>
      <c r="CAS705" s="613"/>
      <c r="CAT705" s="613"/>
      <c r="CAU705" s="613"/>
      <c r="CAV705" s="613"/>
      <c r="CAW705" s="613"/>
      <c r="CAX705" s="613"/>
      <c r="CAY705" s="613"/>
      <c r="CAZ705" s="613"/>
      <c r="CBA705" s="613"/>
      <c r="CBB705" s="613"/>
      <c r="CBC705" s="613"/>
      <c r="CBD705" s="613"/>
      <c r="CBE705" s="613"/>
      <c r="CBF705" s="613"/>
      <c r="CBG705" s="613"/>
      <c r="CBH705" s="613"/>
      <c r="CBI705" s="613"/>
      <c r="CBJ705" s="613"/>
      <c r="CBK705" s="613"/>
      <c r="CBL705" s="613"/>
      <c r="CBM705" s="613"/>
      <c r="CBN705" s="613"/>
      <c r="CBO705" s="613"/>
      <c r="CBP705" s="613"/>
      <c r="CBQ705" s="613"/>
      <c r="CBR705" s="613"/>
      <c r="CBS705" s="613"/>
      <c r="CBT705" s="613"/>
      <c r="CBU705" s="613"/>
      <c r="CBV705" s="613"/>
      <c r="CBW705" s="613"/>
      <c r="CBX705" s="613"/>
      <c r="CBY705" s="613"/>
      <c r="CBZ705" s="613"/>
      <c r="CCA705" s="613"/>
      <c r="CCB705" s="613"/>
      <c r="CCC705" s="613"/>
      <c r="CCD705" s="613"/>
      <c r="CCE705" s="613"/>
      <c r="CCF705" s="613"/>
      <c r="CCG705" s="613"/>
      <c r="CCH705" s="613"/>
      <c r="CCI705" s="613"/>
      <c r="CCJ705" s="613"/>
      <c r="CCK705" s="613"/>
      <c r="CCL705" s="613"/>
      <c r="CCM705" s="613"/>
      <c r="CCN705" s="613"/>
      <c r="CCO705" s="613"/>
      <c r="CCP705" s="613"/>
      <c r="CCQ705" s="613"/>
      <c r="CCR705" s="613"/>
      <c r="CCS705" s="613"/>
      <c r="CCT705" s="613"/>
      <c r="CCU705" s="613"/>
      <c r="CCV705" s="613"/>
      <c r="CCW705" s="613"/>
      <c r="CCX705" s="613"/>
      <c r="CCY705" s="613"/>
      <c r="CCZ705" s="613"/>
      <c r="CDA705" s="613"/>
      <c r="CDB705" s="613"/>
      <c r="CDC705" s="613"/>
      <c r="CDD705" s="613"/>
      <c r="CDE705" s="613"/>
      <c r="CDF705" s="613"/>
      <c r="CDG705" s="613"/>
      <c r="CDH705" s="613"/>
      <c r="CDI705" s="613"/>
      <c r="CDJ705" s="613"/>
      <c r="CDK705" s="613"/>
      <c r="CDL705" s="613"/>
      <c r="CDM705" s="613"/>
      <c r="CDN705" s="613"/>
      <c r="CDO705" s="613"/>
      <c r="CDP705" s="613"/>
      <c r="CDQ705" s="613"/>
      <c r="CDR705" s="613"/>
      <c r="CDS705" s="613"/>
      <c r="CDT705" s="613"/>
      <c r="CDU705" s="613"/>
      <c r="CDV705" s="613"/>
      <c r="CDW705" s="613"/>
      <c r="CDX705" s="613"/>
      <c r="CDY705" s="613"/>
      <c r="CDZ705" s="613"/>
      <c r="CEA705" s="613"/>
      <c r="CEB705" s="613"/>
      <c r="CEC705" s="613"/>
      <c r="CED705" s="613"/>
      <c r="CEE705" s="613"/>
      <c r="CEF705" s="613"/>
      <c r="CEG705" s="613"/>
      <c r="CEH705" s="613"/>
      <c r="CEI705" s="613"/>
      <c r="CEJ705" s="613"/>
      <c r="CEK705" s="613"/>
      <c r="CEL705" s="613"/>
      <c r="CEM705" s="613"/>
      <c r="CEN705" s="613"/>
      <c r="CEO705" s="613"/>
      <c r="CEP705" s="613"/>
      <c r="CEQ705" s="613"/>
      <c r="CER705" s="613"/>
      <c r="CES705" s="613"/>
      <c r="CET705" s="613"/>
      <c r="CEU705" s="613"/>
      <c r="CEV705" s="613"/>
      <c r="CEW705" s="613"/>
      <c r="CEX705" s="613"/>
      <c r="CEY705" s="613"/>
      <c r="CEZ705" s="613"/>
      <c r="CFA705" s="613"/>
      <c r="CFB705" s="613"/>
      <c r="CFC705" s="613"/>
      <c r="CFD705" s="613"/>
      <c r="CFE705" s="613"/>
      <c r="CFF705" s="613"/>
      <c r="CFG705" s="613"/>
      <c r="CFH705" s="613"/>
      <c r="CFI705" s="613"/>
      <c r="CFJ705" s="613"/>
      <c r="CFK705" s="613"/>
      <c r="CFL705" s="613"/>
      <c r="CFM705" s="613"/>
      <c r="CFN705" s="613"/>
      <c r="CFO705" s="613"/>
      <c r="CFP705" s="613"/>
      <c r="CFQ705" s="613"/>
      <c r="CFR705" s="613"/>
      <c r="CFS705" s="613"/>
      <c r="CFT705" s="613"/>
      <c r="CFU705" s="613"/>
      <c r="CFV705" s="613"/>
      <c r="CFW705" s="613"/>
      <c r="CFX705" s="613"/>
      <c r="CFY705" s="613"/>
      <c r="CFZ705" s="613"/>
      <c r="CGA705" s="613"/>
      <c r="CGB705" s="613"/>
      <c r="CGC705" s="613"/>
      <c r="CGD705" s="613"/>
      <c r="CGE705" s="613"/>
      <c r="CGF705" s="613"/>
      <c r="CGG705" s="613"/>
      <c r="CGH705" s="613"/>
      <c r="CGI705" s="613"/>
      <c r="CGJ705" s="613"/>
      <c r="CGK705" s="613"/>
      <c r="CGL705" s="613"/>
      <c r="CGM705" s="613"/>
      <c r="CGN705" s="613"/>
      <c r="CGO705" s="613"/>
      <c r="CGP705" s="613"/>
      <c r="CGQ705" s="613"/>
      <c r="CGR705" s="613"/>
      <c r="CGS705" s="613"/>
      <c r="CGT705" s="613"/>
      <c r="CGU705" s="613"/>
      <c r="CGV705" s="613"/>
      <c r="CGW705" s="613"/>
      <c r="CGX705" s="613"/>
      <c r="CGY705" s="613"/>
      <c r="CGZ705" s="613"/>
      <c r="CHA705" s="613"/>
      <c r="CHB705" s="613"/>
      <c r="CHC705" s="613"/>
      <c r="CHD705" s="613"/>
      <c r="CHE705" s="613"/>
      <c r="CHF705" s="613"/>
      <c r="CHG705" s="613"/>
      <c r="CHH705" s="613"/>
      <c r="CHI705" s="613"/>
      <c r="CHJ705" s="613"/>
      <c r="CHK705" s="613"/>
      <c r="CHL705" s="613"/>
      <c r="CHM705" s="613"/>
      <c r="CHN705" s="613"/>
      <c r="CHO705" s="613"/>
      <c r="CHP705" s="613"/>
      <c r="CHQ705" s="613"/>
      <c r="CHR705" s="613"/>
      <c r="CHS705" s="613"/>
      <c r="CHT705" s="613"/>
      <c r="CHU705" s="613"/>
      <c r="CHV705" s="613"/>
      <c r="CHW705" s="613"/>
      <c r="CHX705" s="613"/>
      <c r="CHY705" s="613"/>
      <c r="CHZ705" s="613"/>
      <c r="CIA705" s="613"/>
      <c r="CIB705" s="613"/>
      <c r="CIC705" s="613"/>
      <c r="CID705" s="613"/>
      <c r="CIE705" s="613"/>
      <c r="CIF705" s="613"/>
      <c r="CIG705" s="613"/>
      <c r="CIH705" s="613"/>
      <c r="CII705" s="613"/>
      <c r="CIJ705" s="613"/>
      <c r="CIK705" s="613"/>
      <c r="CIL705" s="613"/>
      <c r="CIM705" s="613"/>
      <c r="CIN705" s="613"/>
      <c r="CIO705" s="613"/>
      <c r="CIP705" s="613"/>
      <c r="CIQ705" s="613"/>
      <c r="CIR705" s="613"/>
      <c r="CIS705" s="613"/>
      <c r="CIT705" s="613"/>
      <c r="CIU705" s="613"/>
      <c r="CIV705" s="613"/>
      <c r="CIW705" s="613"/>
      <c r="CIX705" s="613"/>
      <c r="CIY705" s="613"/>
      <c r="CIZ705" s="613"/>
      <c r="CJA705" s="613"/>
      <c r="CJB705" s="613"/>
      <c r="CJC705" s="613"/>
      <c r="CJD705" s="613"/>
      <c r="CJE705" s="613"/>
      <c r="CJF705" s="613"/>
      <c r="CJG705" s="613"/>
      <c r="CJH705" s="613"/>
      <c r="CJI705" s="613"/>
      <c r="CJJ705" s="613"/>
      <c r="CJK705" s="613"/>
      <c r="CJL705" s="613"/>
      <c r="CJM705" s="613"/>
      <c r="CJN705" s="613"/>
      <c r="CJO705" s="613"/>
      <c r="CJP705" s="613"/>
      <c r="CJQ705" s="613"/>
      <c r="CJR705" s="613"/>
      <c r="CJS705" s="613"/>
      <c r="CJT705" s="613"/>
      <c r="CJU705" s="613"/>
      <c r="CJV705" s="613"/>
      <c r="CJW705" s="613"/>
      <c r="CJX705" s="613"/>
      <c r="CJY705" s="613"/>
      <c r="CJZ705" s="613"/>
      <c r="CKA705" s="613"/>
      <c r="CKB705" s="613"/>
      <c r="CKC705" s="613"/>
      <c r="CKD705" s="613"/>
      <c r="CKE705" s="613"/>
      <c r="CKF705" s="613"/>
      <c r="CKG705" s="613"/>
      <c r="CKH705" s="613"/>
      <c r="CKI705" s="613"/>
      <c r="CKJ705" s="613"/>
      <c r="CKK705" s="613"/>
      <c r="CKL705" s="613"/>
      <c r="CKM705" s="613"/>
      <c r="CKN705" s="613"/>
      <c r="CKO705" s="613"/>
      <c r="CKP705" s="613"/>
      <c r="CKQ705" s="613"/>
      <c r="CKR705" s="613"/>
      <c r="CKS705" s="613"/>
      <c r="CKT705" s="613"/>
      <c r="CKU705" s="613"/>
      <c r="CKV705" s="613"/>
      <c r="CKW705" s="613"/>
      <c r="CKX705" s="613"/>
      <c r="CKY705" s="613"/>
      <c r="CKZ705" s="613"/>
      <c r="CLA705" s="613"/>
      <c r="CLB705" s="613"/>
      <c r="CLC705" s="613"/>
      <c r="CLD705" s="613"/>
      <c r="CLE705" s="613"/>
      <c r="CLF705" s="613"/>
      <c r="CLG705" s="613"/>
      <c r="CLH705" s="613"/>
      <c r="CLI705" s="613"/>
      <c r="CLJ705" s="613"/>
      <c r="CLK705" s="613"/>
      <c r="CLL705" s="613"/>
      <c r="CLM705" s="613"/>
      <c r="CLN705" s="613"/>
      <c r="CLO705" s="613"/>
      <c r="CLP705" s="613"/>
      <c r="CLQ705" s="613"/>
      <c r="CLR705" s="613"/>
      <c r="CLS705" s="613"/>
      <c r="CLT705" s="613"/>
      <c r="CLU705" s="613"/>
      <c r="CLV705" s="613"/>
      <c r="CLW705" s="613"/>
      <c r="CLX705" s="613"/>
      <c r="CLY705" s="613"/>
      <c r="CLZ705" s="613"/>
      <c r="CMA705" s="613"/>
      <c r="CMB705" s="613"/>
      <c r="CMC705" s="613"/>
      <c r="CMD705" s="613"/>
      <c r="CME705" s="613"/>
      <c r="CMF705" s="613"/>
      <c r="CMG705" s="613"/>
      <c r="CMH705" s="613"/>
      <c r="CMI705" s="613"/>
      <c r="CMJ705" s="613"/>
      <c r="CMK705" s="613"/>
      <c r="CML705" s="613"/>
      <c r="CMM705" s="613"/>
      <c r="CMN705" s="613"/>
      <c r="CMO705" s="613"/>
      <c r="CMP705" s="613"/>
      <c r="CMQ705" s="613"/>
      <c r="CMR705" s="613"/>
      <c r="CMS705" s="613"/>
      <c r="CMT705" s="613"/>
      <c r="CMU705" s="613"/>
      <c r="CMV705" s="613"/>
      <c r="CMW705" s="613"/>
      <c r="CMX705" s="613"/>
      <c r="CMY705" s="613"/>
      <c r="CMZ705" s="613"/>
      <c r="CNA705" s="613"/>
      <c r="CNB705" s="613"/>
      <c r="CNC705" s="613"/>
      <c r="CND705" s="613"/>
      <c r="CNE705" s="613"/>
      <c r="CNF705" s="613"/>
      <c r="CNG705" s="613"/>
      <c r="CNH705" s="613"/>
      <c r="CNI705" s="613"/>
      <c r="CNJ705" s="613"/>
      <c r="CNK705" s="613"/>
      <c r="CNL705" s="613"/>
      <c r="CNM705" s="613"/>
      <c r="CNN705" s="613"/>
      <c r="CNO705" s="613"/>
      <c r="CNP705" s="613"/>
      <c r="CNQ705" s="613"/>
      <c r="CNR705" s="613"/>
      <c r="CNS705" s="613"/>
      <c r="CNT705" s="613"/>
      <c r="CNU705" s="613"/>
      <c r="CNV705" s="613"/>
      <c r="CNW705" s="613"/>
      <c r="CNX705" s="613"/>
      <c r="CNY705" s="613"/>
      <c r="CNZ705" s="613"/>
      <c r="COA705" s="613"/>
      <c r="COB705" s="613"/>
      <c r="COC705" s="613"/>
      <c r="COD705" s="613"/>
      <c r="COE705" s="613"/>
      <c r="COF705" s="613"/>
      <c r="COG705" s="613"/>
      <c r="COH705" s="613"/>
      <c r="COI705" s="613"/>
      <c r="COJ705" s="613"/>
      <c r="COK705" s="613"/>
      <c r="COL705" s="613"/>
      <c r="COM705" s="613"/>
      <c r="CON705" s="613"/>
      <c r="COO705" s="613"/>
      <c r="COP705" s="613"/>
      <c r="COQ705" s="613"/>
      <c r="COR705" s="613"/>
      <c r="COS705" s="613"/>
      <c r="COT705" s="613"/>
      <c r="COU705" s="613"/>
      <c r="COV705" s="613"/>
      <c r="COW705" s="613"/>
      <c r="COX705" s="613"/>
      <c r="COY705" s="613"/>
      <c r="COZ705" s="613"/>
      <c r="CPA705" s="613"/>
      <c r="CPB705" s="613"/>
      <c r="CPC705" s="613"/>
      <c r="CPD705" s="613"/>
      <c r="CPE705" s="613"/>
      <c r="CPF705" s="613"/>
      <c r="CPG705" s="613"/>
      <c r="CPH705" s="613"/>
      <c r="CPI705" s="613"/>
      <c r="CPJ705" s="613"/>
      <c r="CPK705" s="613"/>
      <c r="CPL705" s="613"/>
      <c r="CPM705" s="613"/>
      <c r="CPN705" s="613"/>
      <c r="CPO705" s="613"/>
      <c r="CPP705" s="613"/>
      <c r="CPQ705" s="613"/>
      <c r="CPR705" s="613"/>
      <c r="CPS705" s="613"/>
      <c r="CPT705" s="613"/>
      <c r="CPU705" s="613"/>
      <c r="CPV705" s="613"/>
      <c r="CPW705" s="613"/>
      <c r="CPX705" s="613"/>
      <c r="CPY705" s="613"/>
      <c r="CPZ705" s="613"/>
      <c r="CQA705" s="613"/>
      <c r="CQB705" s="613"/>
      <c r="CQC705" s="613"/>
      <c r="CQD705" s="613"/>
      <c r="CQE705" s="613"/>
      <c r="CQF705" s="613"/>
      <c r="CQG705" s="613"/>
      <c r="CQH705" s="613"/>
      <c r="CQI705" s="613"/>
      <c r="CQJ705" s="613"/>
      <c r="CQK705" s="613"/>
      <c r="CQL705" s="613"/>
      <c r="CQM705" s="613"/>
      <c r="CQN705" s="613"/>
      <c r="CQO705" s="613"/>
      <c r="CQP705" s="613"/>
      <c r="CQQ705" s="613"/>
      <c r="CQR705" s="613"/>
      <c r="CQS705" s="613"/>
      <c r="CQT705" s="613"/>
      <c r="CQU705" s="613"/>
      <c r="CQV705" s="613"/>
      <c r="CQW705" s="613"/>
      <c r="CQX705" s="613"/>
      <c r="CQY705" s="613"/>
      <c r="CQZ705" s="613"/>
      <c r="CRA705" s="613"/>
      <c r="CRB705" s="613"/>
      <c r="CRC705" s="613"/>
      <c r="CRD705" s="613"/>
      <c r="CRE705" s="613"/>
      <c r="CRF705" s="613"/>
      <c r="CRG705" s="613"/>
      <c r="CRH705" s="613"/>
      <c r="CRI705" s="613"/>
      <c r="CRJ705" s="613"/>
      <c r="CRK705" s="613"/>
      <c r="CRL705" s="613"/>
      <c r="CRM705" s="613"/>
      <c r="CRN705" s="613"/>
      <c r="CRO705" s="613"/>
      <c r="CRP705" s="613"/>
      <c r="CRQ705" s="613"/>
      <c r="CRR705" s="613"/>
      <c r="CRS705" s="613"/>
      <c r="CRT705" s="613"/>
      <c r="CRU705" s="613"/>
      <c r="CRV705" s="613"/>
      <c r="CRW705" s="613"/>
      <c r="CRX705" s="613"/>
      <c r="CRY705" s="613"/>
      <c r="CRZ705" s="613"/>
      <c r="CSA705" s="613"/>
      <c r="CSB705" s="613"/>
      <c r="CSC705" s="613"/>
      <c r="CSD705" s="613"/>
      <c r="CSE705" s="613"/>
      <c r="CSF705" s="613"/>
      <c r="CSG705" s="613"/>
      <c r="CSH705" s="613"/>
      <c r="CSI705" s="613"/>
      <c r="CSJ705" s="613"/>
      <c r="CSK705" s="613"/>
      <c r="CSL705" s="613"/>
      <c r="CSM705" s="613"/>
      <c r="CSN705" s="613"/>
      <c r="CSO705" s="613"/>
      <c r="CSP705" s="613"/>
      <c r="CSQ705" s="613"/>
      <c r="CSR705" s="613"/>
      <c r="CSS705" s="613"/>
      <c r="CST705" s="613"/>
      <c r="CSU705" s="613"/>
      <c r="CSV705" s="613"/>
      <c r="CSW705" s="613"/>
      <c r="CSX705" s="613"/>
      <c r="CSY705" s="613"/>
      <c r="CSZ705" s="613"/>
      <c r="CTA705" s="613"/>
      <c r="CTB705" s="613"/>
      <c r="CTC705" s="613"/>
      <c r="CTD705" s="613"/>
      <c r="CTE705" s="613"/>
      <c r="CTF705" s="613"/>
      <c r="CTG705" s="613"/>
      <c r="CTH705" s="613"/>
      <c r="CTI705" s="613"/>
      <c r="CTJ705" s="613"/>
      <c r="CTK705" s="613"/>
      <c r="CTL705" s="613"/>
      <c r="CTM705" s="613"/>
      <c r="CTN705" s="613"/>
      <c r="CTO705" s="613"/>
      <c r="CTP705" s="613"/>
      <c r="CTQ705" s="613"/>
      <c r="CTR705" s="613"/>
      <c r="CTS705" s="613"/>
      <c r="CTT705" s="613"/>
      <c r="CTU705" s="613"/>
      <c r="CTV705" s="613"/>
      <c r="CTW705" s="613"/>
      <c r="CTX705" s="613"/>
      <c r="CTY705" s="613"/>
      <c r="CTZ705" s="613"/>
      <c r="CUA705" s="613"/>
      <c r="CUB705" s="613"/>
      <c r="CUC705" s="613"/>
      <c r="CUD705" s="613"/>
      <c r="CUE705" s="613"/>
      <c r="CUF705" s="613"/>
      <c r="CUG705" s="613"/>
      <c r="CUH705" s="613"/>
      <c r="CUI705" s="613"/>
      <c r="CUJ705" s="613"/>
      <c r="CUK705" s="613"/>
      <c r="CUL705" s="613"/>
      <c r="CUM705" s="613"/>
      <c r="CUN705" s="613"/>
      <c r="CUO705" s="613"/>
      <c r="CUP705" s="613"/>
      <c r="CUQ705" s="613"/>
      <c r="CUR705" s="613"/>
      <c r="CUS705" s="613"/>
      <c r="CUT705" s="613"/>
      <c r="CUU705" s="613"/>
      <c r="CUV705" s="613"/>
      <c r="CUW705" s="613"/>
      <c r="CUX705" s="613"/>
      <c r="CUY705" s="613"/>
      <c r="CUZ705" s="613"/>
      <c r="CVA705" s="613"/>
      <c r="CVB705" s="613"/>
      <c r="CVC705" s="613"/>
      <c r="CVD705" s="613"/>
      <c r="CVE705" s="613"/>
      <c r="CVF705" s="613"/>
      <c r="CVG705" s="613"/>
      <c r="CVH705" s="613"/>
      <c r="CVI705" s="613"/>
      <c r="CVJ705" s="613"/>
      <c r="CVK705" s="613"/>
      <c r="CVL705" s="613"/>
      <c r="CVM705" s="613"/>
      <c r="CVN705" s="613"/>
      <c r="CVO705" s="613"/>
      <c r="CVP705" s="613"/>
      <c r="CVQ705" s="613"/>
      <c r="CVR705" s="613"/>
      <c r="CVS705" s="613"/>
      <c r="CVT705" s="613"/>
      <c r="CVU705" s="613"/>
      <c r="CVV705" s="613"/>
      <c r="CVW705" s="613"/>
      <c r="CVX705" s="613"/>
      <c r="CVY705" s="613"/>
      <c r="CVZ705" s="613"/>
      <c r="CWA705" s="613"/>
      <c r="CWB705" s="613"/>
      <c r="CWC705" s="613"/>
      <c r="CWD705" s="613"/>
      <c r="CWE705" s="613"/>
      <c r="CWF705" s="613"/>
      <c r="CWG705" s="613"/>
      <c r="CWH705" s="613"/>
      <c r="CWI705" s="613"/>
      <c r="CWJ705" s="613"/>
      <c r="CWK705" s="613"/>
      <c r="CWL705" s="613"/>
      <c r="CWM705" s="613"/>
      <c r="CWN705" s="613"/>
      <c r="CWO705" s="613"/>
      <c r="CWP705" s="613"/>
      <c r="CWQ705" s="613"/>
      <c r="CWR705" s="613"/>
      <c r="CWS705" s="613"/>
      <c r="CWT705" s="613"/>
      <c r="CWU705" s="613"/>
      <c r="CWV705" s="613"/>
      <c r="CWW705" s="613"/>
      <c r="CWX705" s="613"/>
      <c r="CWY705" s="613"/>
      <c r="CWZ705" s="613"/>
      <c r="CXA705" s="613"/>
      <c r="CXB705" s="613"/>
      <c r="CXC705" s="613"/>
      <c r="CXD705" s="613"/>
      <c r="CXE705" s="613"/>
      <c r="CXF705" s="613"/>
      <c r="CXG705" s="613"/>
      <c r="CXH705" s="613"/>
      <c r="CXI705" s="613"/>
      <c r="CXJ705" s="613"/>
      <c r="CXK705" s="613"/>
      <c r="CXL705" s="613"/>
      <c r="CXM705" s="613"/>
      <c r="CXN705" s="613"/>
      <c r="CXO705" s="613"/>
      <c r="CXP705" s="613"/>
      <c r="CXQ705" s="613"/>
      <c r="CXR705" s="613"/>
      <c r="CXS705" s="613"/>
      <c r="CXT705" s="613"/>
      <c r="CXU705" s="613"/>
      <c r="CXV705" s="613"/>
      <c r="CXW705" s="613"/>
      <c r="CXX705" s="613"/>
      <c r="CXY705" s="613"/>
      <c r="CXZ705" s="613"/>
      <c r="CYA705" s="613"/>
      <c r="CYB705" s="613"/>
      <c r="CYC705" s="613"/>
      <c r="CYD705" s="613"/>
      <c r="CYE705" s="613"/>
      <c r="CYF705" s="613"/>
      <c r="CYG705" s="613"/>
      <c r="CYH705" s="613"/>
      <c r="CYI705" s="613"/>
      <c r="CYJ705" s="613"/>
      <c r="CYK705" s="613"/>
      <c r="CYL705" s="613"/>
      <c r="CYM705" s="613"/>
      <c r="CYN705" s="613"/>
      <c r="CYO705" s="613"/>
      <c r="CYP705" s="613"/>
      <c r="CYQ705" s="613"/>
      <c r="CYR705" s="613"/>
      <c r="CYS705" s="613"/>
      <c r="CYT705" s="613"/>
      <c r="CYU705" s="613"/>
      <c r="CYV705" s="613"/>
      <c r="CYW705" s="613"/>
      <c r="CYX705" s="613"/>
      <c r="CYY705" s="613"/>
      <c r="CYZ705" s="613"/>
      <c r="CZA705" s="613"/>
      <c r="CZB705" s="613"/>
      <c r="CZC705" s="613"/>
      <c r="CZD705" s="613"/>
      <c r="CZE705" s="613"/>
      <c r="CZF705" s="613"/>
      <c r="CZG705" s="613"/>
      <c r="CZH705" s="613"/>
      <c r="CZI705" s="613"/>
      <c r="CZJ705" s="613"/>
      <c r="CZK705" s="613"/>
      <c r="CZL705" s="613"/>
      <c r="CZM705" s="613"/>
      <c r="CZN705" s="613"/>
      <c r="CZO705" s="613"/>
      <c r="CZP705" s="613"/>
      <c r="CZQ705" s="613"/>
      <c r="CZR705" s="613"/>
      <c r="CZS705" s="613"/>
      <c r="CZT705" s="613"/>
      <c r="CZU705" s="613"/>
      <c r="CZV705" s="613"/>
      <c r="CZW705" s="613"/>
      <c r="CZX705" s="613"/>
      <c r="CZY705" s="613"/>
      <c r="CZZ705" s="613"/>
      <c r="DAA705" s="613"/>
      <c r="DAB705" s="613"/>
      <c r="DAC705" s="613"/>
      <c r="DAD705" s="613"/>
      <c r="DAE705" s="613"/>
      <c r="DAF705" s="613"/>
      <c r="DAG705" s="613"/>
      <c r="DAH705" s="613"/>
      <c r="DAI705" s="613"/>
      <c r="DAJ705" s="613"/>
      <c r="DAK705" s="613"/>
      <c r="DAL705" s="613"/>
      <c r="DAM705" s="613"/>
      <c r="DAN705" s="613"/>
      <c r="DAO705" s="613"/>
      <c r="DAP705" s="613"/>
      <c r="DAQ705" s="613"/>
      <c r="DAR705" s="613"/>
      <c r="DAS705" s="613"/>
      <c r="DAT705" s="613"/>
      <c r="DAU705" s="613"/>
      <c r="DAV705" s="613"/>
      <c r="DAW705" s="613"/>
      <c r="DAX705" s="613"/>
      <c r="DAY705" s="613"/>
      <c r="DAZ705" s="613"/>
      <c r="DBA705" s="613"/>
      <c r="DBB705" s="613"/>
      <c r="DBC705" s="613"/>
      <c r="DBD705" s="613"/>
      <c r="DBE705" s="613"/>
      <c r="DBF705" s="613"/>
      <c r="DBG705" s="613"/>
      <c r="DBH705" s="613"/>
      <c r="DBI705" s="613"/>
      <c r="DBJ705" s="613"/>
      <c r="DBK705" s="613"/>
      <c r="DBL705" s="613"/>
      <c r="DBM705" s="613"/>
      <c r="DBN705" s="613"/>
      <c r="DBO705" s="613"/>
      <c r="DBP705" s="613"/>
      <c r="DBQ705" s="613"/>
      <c r="DBR705" s="613"/>
      <c r="DBS705" s="613"/>
      <c r="DBT705" s="613"/>
      <c r="DBU705" s="613"/>
      <c r="DBV705" s="613"/>
      <c r="DBW705" s="613"/>
      <c r="DBX705" s="613"/>
      <c r="DBY705" s="613"/>
      <c r="DBZ705" s="613"/>
      <c r="DCA705" s="613"/>
      <c r="DCB705" s="613"/>
      <c r="DCC705" s="613"/>
      <c r="DCD705" s="613"/>
      <c r="DCE705" s="613"/>
      <c r="DCF705" s="613"/>
      <c r="DCG705" s="613"/>
      <c r="DCH705" s="613"/>
      <c r="DCI705" s="613"/>
      <c r="DCJ705" s="613"/>
      <c r="DCK705" s="613"/>
      <c r="DCL705" s="613"/>
      <c r="DCM705" s="613"/>
      <c r="DCN705" s="613"/>
      <c r="DCO705" s="613"/>
      <c r="DCP705" s="613"/>
      <c r="DCQ705" s="613"/>
      <c r="DCR705" s="613"/>
      <c r="DCS705" s="613"/>
      <c r="DCT705" s="613"/>
      <c r="DCU705" s="613"/>
      <c r="DCV705" s="613"/>
      <c r="DCW705" s="613"/>
      <c r="DCX705" s="613"/>
      <c r="DCY705" s="613"/>
      <c r="DCZ705" s="613"/>
      <c r="DDA705" s="613"/>
      <c r="DDB705" s="613"/>
      <c r="DDC705" s="613"/>
      <c r="DDD705" s="613"/>
      <c r="DDE705" s="613"/>
      <c r="DDF705" s="613"/>
      <c r="DDG705" s="613"/>
      <c r="DDH705" s="613"/>
      <c r="DDI705" s="613"/>
      <c r="DDJ705" s="613"/>
      <c r="DDK705" s="613"/>
      <c r="DDL705" s="613"/>
      <c r="DDM705" s="613"/>
      <c r="DDN705" s="613"/>
      <c r="DDO705" s="613"/>
      <c r="DDP705" s="613"/>
      <c r="DDQ705" s="613"/>
      <c r="DDR705" s="613"/>
      <c r="DDS705" s="613"/>
      <c r="DDT705" s="613"/>
      <c r="DDU705" s="613"/>
      <c r="DDV705" s="613"/>
      <c r="DDW705" s="613"/>
      <c r="DDX705" s="613"/>
      <c r="DDY705" s="613"/>
      <c r="DDZ705" s="613"/>
      <c r="DEA705" s="613"/>
      <c r="DEB705" s="613"/>
      <c r="DEC705" s="613"/>
      <c r="DED705" s="613"/>
      <c r="DEE705" s="613"/>
      <c r="DEF705" s="613"/>
      <c r="DEG705" s="613"/>
      <c r="DEH705" s="613"/>
      <c r="DEI705" s="613"/>
      <c r="DEJ705" s="613"/>
      <c r="DEK705" s="613"/>
      <c r="DEL705" s="613"/>
      <c r="DEM705" s="613"/>
      <c r="DEN705" s="613"/>
      <c r="DEO705" s="613"/>
      <c r="DEP705" s="613"/>
      <c r="DEQ705" s="613"/>
      <c r="DER705" s="613"/>
      <c r="DES705" s="613"/>
      <c r="DET705" s="613"/>
      <c r="DEU705" s="613"/>
      <c r="DEV705" s="613"/>
      <c r="DEW705" s="613"/>
      <c r="DEX705" s="613"/>
      <c r="DEY705" s="613"/>
      <c r="DEZ705" s="613"/>
      <c r="DFA705" s="613"/>
      <c r="DFB705" s="613"/>
      <c r="DFC705" s="613"/>
      <c r="DFD705" s="613"/>
      <c r="DFE705" s="613"/>
      <c r="DFF705" s="613"/>
      <c r="DFG705" s="613"/>
      <c r="DFH705" s="613"/>
      <c r="DFI705" s="613"/>
      <c r="DFJ705" s="613"/>
      <c r="DFK705" s="613"/>
      <c r="DFL705" s="613"/>
      <c r="DFM705" s="613"/>
      <c r="DFN705" s="613"/>
      <c r="DFO705" s="613"/>
      <c r="DFP705" s="613"/>
      <c r="DFQ705" s="613"/>
      <c r="DFR705" s="613"/>
      <c r="DFS705" s="613"/>
      <c r="DFT705" s="613"/>
      <c r="DFU705" s="613"/>
      <c r="DFV705" s="613"/>
      <c r="DFW705" s="613"/>
      <c r="DFX705" s="613"/>
      <c r="DFY705" s="613"/>
      <c r="DFZ705" s="613"/>
      <c r="DGA705" s="613"/>
      <c r="DGB705" s="613"/>
      <c r="DGC705" s="613"/>
      <c r="DGD705" s="613"/>
      <c r="DGE705" s="613"/>
      <c r="DGF705" s="613"/>
      <c r="DGG705" s="613"/>
      <c r="DGH705" s="613"/>
      <c r="DGI705" s="613"/>
      <c r="DGJ705" s="613"/>
      <c r="DGK705" s="613"/>
      <c r="DGL705" s="613"/>
      <c r="DGM705" s="613"/>
      <c r="DGN705" s="613"/>
      <c r="DGO705" s="613"/>
      <c r="DGP705" s="613"/>
      <c r="DGQ705" s="613"/>
      <c r="DGR705" s="613"/>
      <c r="DGS705" s="613"/>
      <c r="DGT705" s="613"/>
      <c r="DGU705" s="613"/>
      <c r="DGV705" s="613"/>
      <c r="DGW705" s="613"/>
      <c r="DGX705" s="613"/>
      <c r="DGY705" s="613"/>
      <c r="DGZ705" s="613"/>
      <c r="DHA705" s="613"/>
      <c r="DHB705" s="613"/>
      <c r="DHC705" s="613"/>
      <c r="DHD705" s="613"/>
      <c r="DHE705" s="613"/>
      <c r="DHF705" s="613"/>
      <c r="DHG705" s="613"/>
      <c r="DHH705" s="613"/>
      <c r="DHI705" s="613"/>
      <c r="DHJ705" s="613"/>
      <c r="DHK705" s="613"/>
      <c r="DHL705" s="613"/>
      <c r="DHM705" s="613"/>
      <c r="DHN705" s="613"/>
      <c r="DHO705" s="613"/>
      <c r="DHP705" s="613"/>
      <c r="DHQ705" s="613"/>
      <c r="DHR705" s="613"/>
      <c r="DHS705" s="613"/>
      <c r="DHT705" s="613"/>
      <c r="DHU705" s="613"/>
      <c r="DHV705" s="613"/>
      <c r="DHW705" s="613"/>
      <c r="DHX705" s="613"/>
      <c r="DHY705" s="613"/>
      <c r="DHZ705" s="613"/>
      <c r="DIA705" s="613"/>
      <c r="DIB705" s="613"/>
      <c r="DIC705" s="613"/>
      <c r="DID705" s="613"/>
      <c r="DIE705" s="613"/>
      <c r="DIF705" s="613"/>
      <c r="DIG705" s="613"/>
      <c r="DIH705" s="613"/>
      <c r="DII705" s="613"/>
      <c r="DIJ705" s="613"/>
      <c r="DIK705" s="613"/>
      <c r="DIL705" s="613"/>
      <c r="DIM705" s="613"/>
      <c r="DIN705" s="613"/>
      <c r="DIO705" s="613"/>
      <c r="DIP705" s="613"/>
      <c r="DIQ705" s="613"/>
      <c r="DIR705" s="613"/>
      <c r="DIS705" s="613"/>
      <c r="DIT705" s="613"/>
      <c r="DIU705" s="613"/>
      <c r="DIV705" s="613"/>
      <c r="DIW705" s="613"/>
      <c r="DIX705" s="613"/>
      <c r="DIY705" s="613"/>
      <c r="DIZ705" s="613"/>
      <c r="DJA705" s="613"/>
      <c r="DJB705" s="613"/>
      <c r="DJC705" s="613"/>
      <c r="DJD705" s="613"/>
      <c r="DJE705" s="613"/>
      <c r="DJF705" s="613"/>
      <c r="DJG705" s="613"/>
      <c r="DJH705" s="613"/>
      <c r="DJI705" s="613"/>
      <c r="DJJ705" s="613"/>
      <c r="DJK705" s="613"/>
      <c r="DJL705" s="613"/>
      <c r="DJM705" s="613"/>
      <c r="DJN705" s="613"/>
      <c r="DJO705" s="613"/>
      <c r="DJP705" s="613"/>
      <c r="DJQ705" s="613"/>
      <c r="DJR705" s="613"/>
      <c r="DJS705" s="613"/>
      <c r="DJT705" s="613"/>
      <c r="DJU705" s="613"/>
      <c r="DJV705" s="613"/>
      <c r="DJW705" s="613"/>
      <c r="DJX705" s="613"/>
      <c r="DJY705" s="613"/>
      <c r="DJZ705" s="613"/>
      <c r="DKA705" s="613"/>
      <c r="DKB705" s="613"/>
      <c r="DKC705" s="613"/>
      <c r="DKD705" s="613"/>
      <c r="DKE705" s="613"/>
      <c r="DKF705" s="613"/>
      <c r="DKG705" s="613"/>
      <c r="DKH705" s="613"/>
      <c r="DKI705" s="613"/>
      <c r="DKJ705" s="613"/>
      <c r="DKK705" s="613"/>
      <c r="DKL705" s="613"/>
      <c r="DKM705" s="613"/>
      <c r="DKN705" s="613"/>
      <c r="DKO705" s="613"/>
      <c r="DKP705" s="613"/>
      <c r="DKQ705" s="613"/>
      <c r="DKR705" s="613"/>
      <c r="DKS705" s="613"/>
      <c r="DKT705" s="613"/>
      <c r="DKU705" s="613"/>
      <c r="DKV705" s="613"/>
      <c r="DKW705" s="613"/>
      <c r="DKX705" s="613"/>
      <c r="DKY705" s="613"/>
      <c r="DKZ705" s="613"/>
      <c r="DLA705" s="613"/>
      <c r="DLB705" s="613"/>
      <c r="DLC705" s="613"/>
      <c r="DLD705" s="613"/>
      <c r="DLE705" s="613"/>
      <c r="DLF705" s="613"/>
      <c r="DLG705" s="613"/>
      <c r="DLH705" s="613"/>
      <c r="DLI705" s="613"/>
      <c r="DLJ705" s="613"/>
      <c r="DLK705" s="613"/>
      <c r="DLL705" s="613"/>
      <c r="DLM705" s="613"/>
      <c r="DLN705" s="613"/>
      <c r="DLO705" s="613"/>
      <c r="DLP705" s="613"/>
      <c r="DLQ705" s="613"/>
      <c r="DLR705" s="613"/>
      <c r="DLS705" s="613"/>
      <c r="DLT705" s="613"/>
      <c r="DLU705" s="613"/>
      <c r="DLV705" s="613"/>
      <c r="DLW705" s="613"/>
      <c r="DLX705" s="613"/>
      <c r="DLY705" s="613"/>
      <c r="DLZ705" s="613"/>
      <c r="DMA705" s="613"/>
      <c r="DMB705" s="613"/>
      <c r="DMC705" s="613"/>
      <c r="DMD705" s="613"/>
      <c r="DME705" s="613"/>
      <c r="DMF705" s="613"/>
      <c r="DMG705" s="613"/>
      <c r="DMH705" s="613"/>
      <c r="DMI705" s="613"/>
      <c r="DMJ705" s="613"/>
      <c r="DMK705" s="613"/>
      <c r="DML705" s="613"/>
      <c r="DMM705" s="613"/>
      <c r="DMN705" s="613"/>
      <c r="DMO705" s="613"/>
      <c r="DMP705" s="613"/>
      <c r="DMQ705" s="613"/>
      <c r="DMR705" s="613"/>
      <c r="DMS705" s="613"/>
      <c r="DMT705" s="613"/>
      <c r="DMU705" s="613"/>
      <c r="DMV705" s="613"/>
      <c r="DMW705" s="613"/>
      <c r="DMX705" s="613"/>
      <c r="DMY705" s="613"/>
      <c r="DMZ705" s="613"/>
      <c r="DNA705" s="613"/>
      <c r="DNB705" s="613"/>
      <c r="DNC705" s="613"/>
      <c r="DND705" s="613"/>
      <c r="DNE705" s="613"/>
      <c r="DNF705" s="613"/>
      <c r="DNG705" s="613"/>
      <c r="DNH705" s="613"/>
      <c r="DNI705" s="613"/>
      <c r="DNJ705" s="613"/>
      <c r="DNK705" s="613"/>
      <c r="DNL705" s="613"/>
      <c r="DNM705" s="613"/>
      <c r="DNN705" s="613"/>
      <c r="DNO705" s="613"/>
      <c r="DNP705" s="613"/>
      <c r="DNQ705" s="613"/>
      <c r="DNR705" s="613"/>
      <c r="DNS705" s="613"/>
      <c r="DNT705" s="613"/>
      <c r="DNU705" s="613"/>
      <c r="DNV705" s="613"/>
      <c r="DNW705" s="613"/>
      <c r="DNX705" s="613"/>
      <c r="DNY705" s="613"/>
      <c r="DNZ705" s="613"/>
      <c r="DOA705" s="613"/>
      <c r="DOB705" s="613"/>
      <c r="DOC705" s="613"/>
      <c r="DOD705" s="613"/>
      <c r="DOE705" s="613"/>
      <c r="DOF705" s="613"/>
      <c r="DOG705" s="613"/>
      <c r="DOH705" s="613"/>
      <c r="DOI705" s="613"/>
      <c r="DOJ705" s="613"/>
      <c r="DOK705" s="613"/>
      <c r="DOL705" s="613"/>
      <c r="DOM705" s="613"/>
      <c r="DON705" s="613"/>
      <c r="DOO705" s="613"/>
      <c r="DOP705" s="613"/>
      <c r="DOQ705" s="613"/>
      <c r="DOR705" s="613"/>
      <c r="DOS705" s="613"/>
      <c r="DOT705" s="613"/>
      <c r="DOU705" s="613"/>
      <c r="DOV705" s="613"/>
      <c r="DOW705" s="613"/>
      <c r="DOX705" s="613"/>
      <c r="DOY705" s="613"/>
      <c r="DOZ705" s="613"/>
      <c r="DPA705" s="613"/>
      <c r="DPB705" s="613"/>
      <c r="DPC705" s="613"/>
      <c r="DPD705" s="613"/>
      <c r="DPE705" s="613"/>
      <c r="DPF705" s="613"/>
      <c r="DPG705" s="613"/>
      <c r="DPH705" s="613"/>
      <c r="DPI705" s="613"/>
      <c r="DPJ705" s="613"/>
      <c r="DPK705" s="613"/>
      <c r="DPL705" s="613"/>
      <c r="DPM705" s="613"/>
      <c r="DPN705" s="613"/>
      <c r="DPO705" s="613"/>
      <c r="DPP705" s="613"/>
      <c r="DPQ705" s="613"/>
      <c r="DPR705" s="613"/>
      <c r="DPS705" s="613"/>
      <c r="DPT705" s="613"/>
      <c r="DPU705" s="613"/>
      <c r="DPV705" s="613"/>
      <c r="DPW705" s="613"/>
      <c r="DPX705" s="613"/>
      <c r="DPY705" s="613"/>
      <c r="DPZ705" s="613"/>
      <c r="DQA705" s="613"/>
      <c r="DQB705" s="613"/>
      <c r="DQC705" s="613"/>
      <c r="DQD705" s="613"/>
      <c r="DQE705" s="613"/>
      <c r="DQF705" s="613"/>
      <c r="DQG705" s="613"/>
      <c r="DQH705" s="613"/>
      <c r="DQI705" s="613"/>
      <c r="DQJ705" s="613"/>
      <c r="DQK705" s="613"/>
      <c r="DQL705" s="613"/>
      <c r="DQM705" s="613"/>
      <c r="DQN705" s="613"/>
      <c r="DQO705" s="613"/>
      <c r="DQP705" s="613"/>
      <c r="DQQ705" s="613"/>
      <c r="DQR705" s="613"/>
      <c r="DQS705" s="613"/>
      <c r="DQT705" s="613"/>
      <c r="DQU705" s="613"/>
      <c r="DQV705" s="613"/>
      <c r="DQW705" s="613"/>
      <c r="DQX705" s="613"/>
      <c r="DQY705" s="613"/>
      <c r="DQZ705" s="613"/>
      <c r="DRA705" s="613"/>
      <c r="DRB705" s="613"/>
      <c r="DRC705" s="613"/>
      <c r="DRD705" s="613"/>
      <c r="DRE705" s="613"/>
      <c r="DRF705" s="613"/>
      <c r="DRG705" s="613"/>
      <c r="DRH705" s="613"/>
      <c r="DRI705" s="613"/>
      <c r="DRJ705" s="613"/>
      <c r="DRK705" s="613"/>
      <c r="DRL705" s="613"/>
      <c r="DRM705" s="613"/>
      <c r="DRN705" s="613"/>
      <c r="DRO705" s="613"/>
      <c r="DRP705" s="613"/>
      <c r="DRQ705" s="613"/>
      <c r="DRR705" s="613"/>
      <c r="DRS705" s="613"/>
      <c r="DRT705" s="613"/>
      <c r="DRU705" s="613"/>
      <c r="DRV705" s="613"/>
      <c r="DRW705" s="613"/>
      <c r="DRX705" s="613"/>
      <c r="DRY705" s="613"/>
      <c r="DRZ705" s="613"/>
      <c r="DSA705" s="613"/>
      <c r="DSB705" s="613"/>
      <c r="DSC705" s="613"/>
      <c r="DSD705" s="613"/>
      <c r="DSE705" s="613"/>
      <c r="DSF705" s="613"/>
      <c r="DSG705" s="613"/>
      <c r="DSH705" s="613"/>
      <c r="DSI705" s="613"/>
      <c r="DSJ705" s="613"/>
      <c r="DSK705" s="613"/>
      <c r="DSL705" s="613"/>
      <c r="DSM705" s="613"/>
      <c r="DSN705" s="613"/>
      <c r="DSO705" s="613"/>
      <c r="DSP705" s="613"/>
      <c r="DSQ705" s="613"/>
      <c r="DSR705" s="613"/>
      <c r="DSS705" s="613"/>
      <c r="DST705" s="613"/>
      <c r="DSU705" s="613"/>
      <c r="DSV705" s="613"/>
      <c r="DSW705" s="613"/>
      <c r="DSX705" s="613"/>
      <c r="DSY705" s="613"/>
      <c r="DSZ705" s="613"/>
      <c r="DTA705" s="613"/>
      <c r="DTB705" s="613"/>
      <c r="DTC705" s="613"/>
      <c r="DTD705" s="613"/>
      <c r="DTE705" s="613"/>
      <c r="DTF705" s="613"/>
      <c r="DTG705" s="613"/>
      <c r="DTH705" s="613"/>
      <c r="DTI705" s="613"/>
      <c r="DTJ705" s="613"/>
      <c r="DTK705" s="613"/>
      <c r="DTL705" s="613"/>
      <c r="DTM705" s="613"/>
      <c r="DTN705" s="613"/>
      <c r="DTO705" s="613"/>
      <c r="DTP705" s="613"/>
      <c r="DTQ705" s="613"/>
      <c r="DTR705" s="613"/>
      <c r="DTS705" s="613"/>
      <c r="DTT705" s="613"/>
      <c r="DTU705" s="613"/>
      <c r="DTV705" s="613"/>
      <c r="DTW705" s="613"/>
      <c r="DTX705" s="613"/>
      <c r="DTY705" s="613"/>
      <c r="DTZ705" s="613"/>
      <c r="DUA705" s="613"/>
      <c r="DUB705" s="613"/>
      <c r="DUC705" s="613"/>
      <c r="DUD705" s="613"/>
      <c r="DUE705" s="613"/>
      <c r="DUF705" s="613"/>
      <c r="DUG705" s="613"/>
      <c r="DUH705" s="613"/>
      <c r="DUI705" s="613"/>
      <c r="DUJ705" s="613"/>
      <c r="DUK705" s="613"/>
      <c r="DUL705" s="613"/>
      <c r="DUM705" s="613"/>
      <c r="DUN705" s="613"/>
      <c r="DUO705" s="613"/>
      <c r="DUP705" s="613"/>
      <c r="DUQ705" s="613"/>
      <c r="DUR705" s="613"/>
      <c r="DUS705" s="613"/>
      <c r="DUT705" s="613"/>
      <c r="DUU705" s="613"/>
      <c r="DUV705" s="613"/>
      <c r="DUW705" s="613"/>
      <c r="DUX705" s="613"/>
      <c r="DUY705" s="613"/>
      <c r="DUZ705" s="613"/>
      <c r="DVA705" s="613"/>
      <c r="DVB705" s="613"/>
      <c r="DVC705" s="613"/>
      <c r="DVD705" s="613"/>
      <c r="DVE705" s="613"/>
      <c r="DVF705" s="613"/>
      <c r="DVG705" s="613"/>
      <c r="DVH705" s="613"/>
      <c r="DVI705" s="613"/>
      <c r="DVJ705" s="613"/>
      <c r="DVK705" s="613"/>
      <c r="DVL705" s="613"/>
      <c r="DVM705" s="613"/>
      <c r="DVN705" s="613"/>
      <c r="DVO705" s="613"/>
      <c r="DVP705" s="613"/>
      <c r="DVQ705" s="613"/>
      <c r="DVR705" s="613"/>
      <c r="DVS705" s="613"/>
      <c r="DVT705" s="613"/>
      <c r="DVU705" s="613"/>
      <c r="DVV705" s="613"/>
      <c r="DVW705" s="613"/>
      <c r="DVX705" s="613"/>
      <c r="DVY705" s="613"/>
      <c r="DVZ705" s="613"/>
      <c r="DWA705" s="613"/>
      <c r="DWB705" s="613"/>
      <c r="DWC705" s="613"/>
      <c r="DWD705" s="613"/>
      <c r="DWE705" s="613"/>
      <c r="DWF705" s="613"/>
      <c r="DWG705" s="613"/>
      <c r="DWH705" s="613"/>
      <c r="DWI705" s="613"/>
      <c r="DWJ705" s="613"/>
      <c r="DWK705" s="613"/>
      <c r="DWL705" s="613"/>
      <c r="DWM705" s="613"/>
      <c r="DWN705" s="613"/>
      <c r="DWO705" s="613"/>
      <c r="DWP705" s="613"/>
      <c r="DWQ705" s="613"/>
      <c r="DWR705" s="613"/>
      <c r="DWS705" s="613"/>
      <c r="DWT705" s="613"/>
      <c r="DWU705" s="613"/>
      <c r="DWV705" s="613"/>
      <c r="DWW705" s="613"/>
      <c r="DWX705" s="613"/>
      <c r="DWY705" s="613"/>
      <c r="DWZ705" s="613"/>
      <c r="DXA705" s="613"/>
      <c r="DXB705" s="613"/>
      <c r="DXC705" s="613"/>
      <c r="DXD705" s="613"/>
      <c r="DXE705" s="613"/>
      <c r="DXF705" s="613"/>
      <c r="DXG705" s="613"/>
      <c r="DXH705" s="613"/>
      <c r="DXI705" s="613"/>
      <c r="DXJ705" s="613"/>
      <c r="DXK705" s="613"/>
      <c r="DXL705" s="613"/>
      <c r="DXM705" s="613"/>
      <c r="DXN705" s="613"/>
      <c r="DXO705" s="613"/>
      <c r="DXP705" s="613"/>
      <c r="DXQ705" s="613"/>
      <c r="DXR705" s="613"/>
      <c r="DXS705" s="613"/>
      <c r="DXT705" s="613"/>
      <c r="DXU705" s="613"/>
      <c r="DXV705" s="613"/>
      <c r="DXW705" s="613"/>
      <c r="DXX705" s="613"/>
      <c r="DXY705" s="613"/>
      <c r="DXZ705" s="613"/>
      <c r="DYA705" s="613"/>
      <c r="DYB705" s="613"/>
      <c r="DYC705" s="613"/>
      <c r="DYD705" s="613"/>
      <c r="DYE705" s="613"/>
      <c r="DYF705" s="613"/>
      <c r="DYG705" s="613"/>
      <c r="DYH705" s="613"/>
      <c r="DYI705" s="613"/>
      <c r="DYJ705" s="613"/>
      <c r="DYK705" s="613"/>
      <c r="DYL705" s="613"/>
      <c r="DYM705" s="613"/>
      <c r="DYN705" s="613"/>
      <c r="DYO705" s="613"/>
      <c r="DYP705" s="613"/>
      <c r="DYQ705" s="613"/>
      <c r="DYR705" s="613"/>
      <c r="DYS705" s="613"/>
      <c r="DYT705" s="613"/>
      <c r="DYU705" s="613"/>
      <c r="DYV705" s="613"/>
      <c r="DYW705" s="613"/>
      <c r="DYX705" s="613"/>
      <c r="DYY705" s="613"/>
      <c r="DYZ705" s="613"/>
      <c r="DZA705" s="613"/>
      <c r="DZB705" s="613"/>
      <c r="DZC705" s="613"/>
      <c r="DZD705" s="613"/>
      <c r="DZE705" s="613"/>
      <c r="DZF705" s="613"/>
      <c r="DZG705" s="613"/>
      <c r="DZH705" s="613"/>
      <c r="DZI705" s="613"/>
      <c r="DZJ705" s="613"/>
      <c r="DZK705" s="613"/>
      <c r="DZL705" s="613"/>
      <c r="DZM705" s="613"/>
      <c r="DZN705" s="613"/>
      <c r="DZO705" s="613"/>
      <c r="DZP705" s="613"/>
      <c r="DZQ705" s="613"/>
      <c r="DZR705" s="613"/>
      <c r="DZS705" s="613"/>
      <c r="DZT705" s="613"/>
      <c r="DZU705" s="613"/>
      <c r="DZV705" s="613"/>
      <c r="DZW705" s="613"/>
      <c r="DZX705" s="613"/>
      <c r="DZY705" s="613"/>
      <c r="DZZ705" s="613"/>
      <c r="EAA705" s="613"/>
      <c r="EAB705" s="613"/>
      <c r="EAC705" s="613"/>
      <c r="EAD705" s="613"/>
      <c r="EAE705" s="613"/>
      <c r="EAF705" s="613"/>
      <c r="EAG705" s="613"/>
      <c r="EAH705" s="613"/>
      <c r="EAI705" s="613"/>
      <c r="EAJ705" s="613"/>
      <c r="EAK705" s="613"/>
      <c r="EAL705" s="613"/>
      <c r="EAM705" s="613"/>
      <c r="EAN705" s="613"/>
      <c r="EAO705" s="613"/>
      <c r="EAP705" s="613"/>
      <c r="EAQ705" s="613"/>
      <c r="EAR705" s="613"/>
      <c r="EAS705" s="613"/>
      <c r="EAT705" s="613"/>
      <c r="EAU705" s="613"/>
      <c r="EAV705" s="613"/>
      <c r="EAW705" s="613"/>
      <c r="EAX705" s="613"/>
      <c r="EAY705" s="613"/>
      <c r="EAZ705" s="613"/>
      <c r="EBA705" s="613"/>
      <c r="EBB705" s="613"/>
      <c r="EBC705" s="613"/>
      <c r="EBD705" s="613"/>
      <c r="EBE705" s="613"/>
      <c r="EBF705" s="613"/>
      <c r="EBG705" s="613"/>
      <c r="EBH705" s="613"/>
      <c r="EBI705" s="613"/>
      <c r="EBJ705" s="613"/>
      <c r="EBK705" s="613"/>
      <c r="EBL705" s="613"/>
      <c r="EBM705" s="613"/>
      <c r="EBN705" s="613"/>
      <c r="EBO705" s="613"/>
      <c r="EBP705" s="613"/>
      <c r="EBQ705" s="613"/>
      <c r="EBR705" s="613"/>
      <c r="EBS705" s="613"/>
      <c r="EBT705" s="613"/>
      <c r="EBU705" s="613"/>
      <c r="EBV705" s="613"/>
      <c r="EBW705" s="613"/>
      <c r="EBX705" s="613"/>
      <c r="EBY705" s="613"/>
      <c r="EBZ705" s="613"/>
      <c r="ECA705" s="613"/>
      <c r="ECB705" s="613"/>
      <c r="ECC705" s="613"/>
      <c r="ECD705" s="613"/>
      <c r="ECE705" s="613"/>
      <c r="ECF705" s="613"/>
      <c r="ECG705" s="613"/>
      <c r="ECH705" s="613"/>
      <c r="ECI705" s="613"/>
      <c r="ECJ705" s="613"/>
      <c r="ECK705" s="613"/>
      <c r="ECL705" s="613"/>
      <c r="ECM705" s="613"/>
      <c r="ECN705" s="613"/>
      <c r="ECO705" s="613"/>
      <c r="ECP705" s="613"/>
      <c r="ECQ705" s="613"/>
      <c r="ECR705" s="613"/>
      <c r="ECS705" s="613"/>
      <c r="ECT705" s="613"/>
      <c r="ECU705" s="613"/>
      <c r="ECV705" s="613"/>
      <c r="ECW705" s="613"/>
      <c r="ECX705" s="613"/>
      <c r="ECY705" s="613"/>
      <c r="ECZ705" s="613"/>
      <c r="EDA705" s="613"/>
      <c r="EDB705" s="613"/>
      <c r="EDC705" s="613"/>
      <c r="EDD705" s="613"/>
      <c r="EDE705" s="613"/>
      <c r="EDF705" s="613"/>
      <c r="EDG705" s="613"/>
      <c r="EDH705" s="613"/>
      <c r="EDI705" s="613"/>
      <c r="EDJ705" s="613"/>
      <c r="EDK705" s="613"/>
      <c r="EDL705" s="613"/>
      <c r="EDM705" s="613"/>
      <c r="EDN705" s="613"/>
      <c r="EDO705" s="613"/>
      <c r="EDP705" s="613"/>
      <c r="EDQ705" s="613"/>
      <c r="EDR705" s="613"/>
      <c r="EDS705" s="613"/>
      <c r="EDT705" s="613"/>
      <c r="EDU705" s="613"/>
      <c r="EDV705" s="613"/>
      <c r="EDW705" s="613"/>
      <c r="EDX705" s="613"/>
      <c r="EDY705" s="613"/>
      <c r="EDZ705" s="613"/>
      <c r="EEA705" s="613"/>
      <c r="EEB705" s="613"/>
      <c r="EEC705" s="613"/>
      <c r="EED705" s="613"/>
      <c r="EEE705" s="613"/>
      <c r="EEF705" s="613"/>
      <c r="EEG705" s="613"/>
      <c r="EEH705" s="613"/>
      <c r="EEI705" s="613"/>
      <c r="EEJ705" s="613"/>
      <c r="EEK705" s="613"/>
      <c r="EEL705" s="613"/>
      <c r="EEM705" s="613"/>
      <c r="EEN705" s="613"/>
      <c r="EEO705" s="613"/>
      <c r="EEP705" s="613"/>
      <c r="EEQ705" s="613"/>
      <c r="EER705" s="613"/>
      <c r="EES705" s="613"/>
      <c r="EET705" s="613"/>
      <c r="EEU705" s="613"/>
      <c r="EEV705" s="613"/>
      <c r="EEW705" s="613"/>
      <c r="EEX705" s="613"/>
      <c r="EEY705" s="613"/>
      <c r="EEZ705" s="613"/>
      <c r="EFA705" s="613"/>
      <c r="EFB705" s="613"/>
      <c r="EFC705" s="613"/>
      <c r="EFD705" s="613"/>
      <c r="EFE705" s="613"/>
      <c r="EFF705" s="613"/>
      <c r="EFG705" s="613"/>
      <c r="EFH705" s="613"/>
      <c r="EFI705" s="613"/>
      <c r="EFJ705" s="613"/>
      <c r="EFK705" s="613"/>
      <c r="EFL705" s="613"/>
      <c r="EFM705" s="613"/>
      <c r="EFN705" s="613"/>
      <c r="EFO705" s="613"/>
      <c r="EFP705" s="613"/>
      <c r="EFQ705" s="613"/>
      <c r="EFR705" s="613"/>
      <c r="EFS705" s="613"/>
      <c r="EFT705" s="613"/>
      <c r="EFU705" s="613"/>
      <c r="EFV705" s="613"/>
      <c r="EFW705" s="613"/>
      <c r="EFX705" s="613"/>
      <c r="EFY705" s="613"/>
      <c r="EFZ705" s="613"/>
      <c r="EGA705" s="613"/>
      <c r="EGB705" s="613"/>
      <c r="EGC705" s="613"/>
      <c r="EGD705" s="613"/>
      <c r="EGE705" s="613"/>
      <c r="EGF705" s="613"/>
      <c r="EGG705" s="613"/>
      <c r="EGH705" s="613"/>
      <c r="EGI705" s="613"/>
      <c r="EGJ705" s="613"/>
      <c r="EGK705" s="613"/>
      <c r="EGL705" s="613"/>
      <c r="EGM705" s="613"/>
      <c r="EGN705" s="613"/>
      <c r="EGO705" s="613"/>
      <c r="EGP705" s="613"/>
      <c r="EGQ705" s="613"/>
      <c r="EGR705" s="613"/>
      <c r="EGS705" s="613"/>
      <c r="EGT705" s="613"/>
      <c r="EGU705" s="613"/>
      <c r="EGV705" s="613"/>
      <c r="EGW705" s="613"/>
      <c r="EGX705" s="613"/>
      <c r="EGY705" s="613"/>
      <c r="EGZ705" s="613"/>
      <c r="EHA705" s="613"/>
      <c r="EHB705" s="613"/>
      <c r="EHC705" s="613"/>
      <c r="EHD705" s="613"/>
      <c r="EHE705" s="613"/>
      <c r="EHF705" s="613"/>
      <c r="EHG705" s="613"/>
      <c r="EHH705" s="613"/>
      <c r="EHI705" s="613"/>
      <c r="EHJ705" s="613"/>
      <c r="EHK705" s="613"/>
      <c r="EHL705" s="613"/>
      <c r="EHM705" s="613"/>
      <c r="EHN705" s="613"/>
      <c r="EHO705" s="613"/>
      <c r="EHP705" s="613"/>
      <c r="EHQ705" s="613"/>
      <c r="EHR705" s="613"/>
      <c r="EHS705" s="613"/>
      <c r="EHT705" s="613"/>
      <c r="EHU705" s="613"/>
      <c r="EHV705" s="613"/>
      <c r="EHW705" s="613"/>
      <c r="EHX705" s="613"/>
      <c r="EHY705" s="613"/>
      <c r="EHZ705" s="613"/>
      <c r="EIA705" s="613"/>
      <c r="EIB705" s="613"/>
      <c r="EIC705" s="613"/>
      <c r="EID705" s="613"/>
      <c r="EIE705" s="613"/>
      <c r="EIF705" s="613"/>
      <c r="EIG705" s="613"/>
      <c r="EIH705" s="613"/>
      <c r="EII705" s="613"/>
      <c r="EIJ705" s="613"/>
      <c r="EIK705" s="613"/>
      <c r="EIL705" s="613"/>
      <c r="EIM705" s="613"/>
      <c r="EIN705" s="613"/>
      <c r="EIO705" s="613"/>
      <c r="EIP705" s="613"/>
      <c r="EIQ705" s="613"/>
      <c r="EIR705" s="613"/>
      <c r="EIS705" s="613"/>
      <c r="EIT705" s="613"/>
      <c r="EIU705" s="613"/>
      <c r="EIV705" s="613"/>
      <c r="EIW705" s="613"/>
      <c r="EIX705" s="613"/>
      <c r="EIY705" s="613"/>
      <c r="EIZ705" s="613"/>
      <c r="EJA705" s="613"/>
      <c r="EJB705" s="613"/>
      <c r="EJC705" s="613"/>
      <c r="EJD705" s="613"/>
      <c r="EJE705" s="613"/>
      <c r="EJF705" s="613"/>
      <c r="EJG705" s="613"/>
      <c r="EJH705" s="613"/>
      <c r="EJI705" s="613"/>
      <c r="EJJ705" s="613"/>
      <c r="EJK705" s="613"/>
      <c r="EJL705" s="613"/>
      <c r="EJM705" s="613"/>
      <c r="EJN705" s="613"/>
      <c r="EJO705" s="613"/>
      <c r="EJP705" s="613"/>
      <c r="EJQ705" s="613"/>
      <c r="EJR705" s="613"/>
      <c r="EJS705" s="613"/>
      <c r="EJT705" s="613"/>
      <c r="EJU705" s="613"/>
      <c r="EJV705" s="613"/>
      <c r="EJW705" s="613"/>
      <c r="EJX705" s="613"/>
      <c r="EJY705" s="613"/>
      <c r="EJZ705" s="613"/>
      <c r="EKA705" s="613"/>
      <c r="EKB705" s="613"/>
      <c r="EKC705" s="613"/>
      <c r="EKD705" s="613"/>
      <c r="EKE705" s="613"/>
      <c r="EKF705" s="613"/>
      <c r="EKG705" s="613"/>
      <c r="EKH705" s="613"/>
      <c r="EKI705" s="613"/>
      <c r="EKJ705" s="613"/>
      <c r="EKK705" s="613"/>
      <c r="EKL705" s="613"/>
      <c r="EKM705" s="613"/>
      <c r="EKN705" s="613"/>
      <c r="EKO705" s="613"/>
      <c r="EKP705" s="613"/>
      <c r="EKQ705" s="613"/>
      <c r="EKR705" s="613"/>
      <c r="EKS705" s="613"/>
      <c r="EKT705" s="613"/>
      <c r="EKU705" s="613"/>
      <c r="EKV705" s="613"/>
      <c r="EKW705" s="613"/>
      <c r="EKX705" s="613"/>
      <c r="EKY705" s="613"/>
      <c r="EKZ705" s="613"/>
      <c r="ELA705" s="613"/>
      <c r="ELB705" s="613"/>
      <c r="ELC705" s="613"/>
      <c r="ELD705" s="613"/>
      <c r="ELE705" s="613"/>
      <c r="ELF705" s="613"/>
      <c r="ELG705" s="613"/>
      <c r="ELH705" s="613"/>
      <c r="ELI705" s="613"/>
      <c r="ELJ705" s="613"/>
      <c r="ELK705" s="613"/>
      <c r="ELL705" s="613"/>
      <c r="ELM705" s="613"/>
      <c r="ELN705" s="613"/>
      <c r="ELO705" s="613"/>
      <c r="ELP705" s="613"/>
      <c r="ELQ705" s="613"/>
      <c r="ELR705" s="613"/>
      <c r="ELS705" s="613"/>
      <c r="ELT705" s="613"/>
      <c r="ELU705" s="613"/>
      <c r="ELV705" s="613"/>
      <c r="ELW705" s="613"/>
      <c r="ELX705" s="613"/>
      <c r="ELY705" s="613"/>
      <c r="ELZ705" s="613"/>
      <c r="EMA705" s="613"/>
      <c r="EMB705" s="613"/>
      <c r="EMC705" s="613"/>
      <c r="EMD705" s="613"/>
      <c r="EME705" s="613"/>
      <c r="EMF705" s="613"/>
      <c r="EMG705" s="613"/>
      <c r="EMH705" s="613"/>
      <c r="EMI705" s="613"/>
      <c r="EMJ705" s="613"/>
      <c r="EMK705" s="613"/>
      <c r="EML705" s="613"/>
      <c r="EMM705" s="613"/>
      <c r="EMN705" s="613"/>
      <c r="EMO705" s="613"/>
      <c r="EMP705" s="613"/>
      <c r="EMQ705" s="613"/>
      <c r="EMR705" s="613"/>
      <c r="EMS705" s="613"/>
      <c r="EMT705" s="613"/>
      <c r="EMU705" s="613"/>
      <c r="EMV705" s="613"/>
      <c r="EMW705" s="613"/>
      <c r="EMX705" s="613"/>
      <c r="EMY705" s="613"/>
      <c r="EMZ705" s="613"/>
      <c r="ENA705" s="613"/>
      <c r="ENB705" s="613"/>
      <c r="ENC705" s="613"/>
      <c r="END705" s="613"/>
      <c r="ENE705" s="613"/>
      <c r="ENF705" s="613"/>
      <c r="ENG705" s="613"/>
      <c r="ENH705" s="613"/>
      <c r="ENI705" s="613"/>
      <c r="ENJ705" s="613"/>
      <c r="ENK705" s="613"/>
      <c r="ENL705" s="613"/>
      <c r="ENM705" s="613"/>
      <c r="ENN705" s="613"/>
      <c r="ENO705" s="613"/>
      <c r="ENP705" s="613"/>
      <c r="ENQ705" s="613"/>
      <c r="ENR705" s="613"/>
      <c r="ENS705" s="613"/>
      <c r="ENT705" s="613"/>
      <c r="ENU705" s="613"/>
      <c r="ENV705" s="613"/>
      <c r="ENW705" s="613"/>
      <c r="ENX705" s="613"/>
      <c r="ENY705" s="613"/>
      <c r="ENZ705" s="613"/>
      <c r="EOA705" s="613"/>
      <c r="EOB705" s="613"/>
      <c r="EOC705" s="613"/>
      <c r="EOD705" s="613"/>
      <c r="EOE705" s="613"/>
      <c r="EOF705" s="613"/>
      <c r="EOG705" s="613"/>
      <c r="EOH705" s="613"/>
      <c r="EOI705" s="613"/>
      <c r="EOJ705" s="613"/>
      <c r="EOK705" s="613"/>
      <c r="EOL705" s="613"/>
      <c r="EOM705" s="613"/>
      <c r="EON705" s="613"/>
      <c r="EOO705" s="613"/>
      <c r="EOP705" s="613"/>
      <c r="EOQ705" s="613"/>
      <c r="EOR705" s="613"/>
      <c r="EOS705" s="613"/>
      <c r="EOT705" s="613"/>
      <c r="EOU705" s="613"/>
      <c r="EOV705" s="613"/>
      <c r="EOW705" s="613"/>
      <c r="EOX705" s="613"/>
      <c r="EOY705" s="613"/>
      <c r="EOZ705" s="613"/>
      <c r="EPA705" s="613"/>
      <c r="EPB705" s="613"/>
      <c r="EPC705" s="613"/>
      <c r="EPD705" s="613"/>
      <c r="EPE705" s="613"/>
      <c r="EPF705" s="613"/>
      <c r="EPG705" s="613"/>
      <c r="EPH705" s="613"/>
      <c r="EPI705" s="613"/>
      <c r="EPJ705" s="613"/>
      <c r="EPK705" s="613"/>
      <c r="EPL705" s="613"/>
      <c r="EPM705" s="613"/>
      <c r="EPN705" s="613"/>
      <c r="EPO705" s="613"/>
      <c r="EPP705" s="613"/>
      <c r="EPQ705" s="613"/>
      <c r="EPR705" s="613"/>
      <c r="EPS705" s="613"/>
      <c r="EPT705" s="613"/>
      <c r="EPU705" s="613"/>
      <c r="EPV705" s="613"/>
      <c r="EPW705" s="613"/>
      <c r="EPX705" s="613"/>
      <c r="EPY705" s="613"/>
      <c r="EPZ705" s="613"/>
      <c r="EQA705" s="613"/>
      <c r="EQB705" s="613"/>
      <c r="EQC705" s="613"/>
      <c r="EQD705" s="613"/>
      <c r="EQE705" s="613"/>
      <c r="EQF705" s="613"/>
      <c r="EQG705" s="613"/>
      <c r="EQH705" s="613"/>
      <c r="EQI705" s="613"/>
      <c r="EQJ705" s="613"/>
      <c r="EQK705" s="613"/>
      <c r="EQL705" s="613"/>
      <c r="EQM705" s="613"/>
      <c r="EQN705" s="613"/>
      <c r="EQO705" s="613"/>
      <c r="EQP705" s="613"/>
      <c r="EQQ705" s="613"/>
      <c r="EQR705" s="613"/>
      <c r="EQS705" s="613"/>
      <c r="EQT705" s="613"/>
      <c r="EQU705" s="613"/>
      <c r="EQV705" s="613"/>
      <c r="EQW705" s="613"/>
      <c r="EQX705" s="613"/>
      <c r="EQY705" s="613"/>
      <c r="EQZ705" s="613"/>
      <c r="ERA705" s="613"/>
      <c r="ERB705" s="613"/>
      <c r="ERC705" s="613"/>
      <c r="ERD705" s="613"/>
      <c r="ERE705" s="613"/>
      <c r="ERF705" s="613"/>
      <c r="ERG705" s="613"/>
      <c r="ERH705" s="613"/>
      <c r="ERI705" s="613"/>
      <c r="ERJ705" s="613"/>
      <c r="ERK705" s="613"/>
      <c r="ERL705" s="613"/>
      <c r="ERM705" s="613"/>
      <c r="ERN705" s="613"/>
      <c r="ERO705" s="613"/>
      <c r="ERP705" s="613"/>
      <c r="ERQ705" s="613"/>
      <c r="ERR705" s="613"/>
      <c r="ERS705" s="613"/>
      <c r="ERT705" s="613"/>
      <c r="ERU705" s="613"/>
      <c r="ERV705" s="613"/>
      <c r="ERW705" s="613"/>
      <c r="ERX705" s="613"/>
      <c r="ERY705" s="613"/>
      <c r="ERZ705" s="613"/>
      <c r="ESA705" s="613"/>
      <c r="ESB705" s="613"/>
      <c r="ESC705" s="613"/>
      <c r="ESD705" s="613"/>
      <c r="ESE705" s="613"/>
      <c r="ESF705" s="613"/>
      <c r="ESG705" s="613"/>
      <c r="ESH705" s="613"/>
      <c r="ESI705" s="613"/>
      <c r="ESJ705" s="613"/>
      <c r="ESK705" s="613"/>
      <c r="ESL705" s="613"/>
      <c r="ESM705" s="613"/>
      <c r="ESN705" s="613"/>
      <c r="ESO705" s="613"/>
      <c r="ESP705" s="613"/>
      <c r="ESQ705" s="613"/>
      <c r="ESR705" s="613"/>
      <c r="ESS705" s="613"/>
      <c r="EST705" s="613"/>
      <c r="ESU705" s="613"/>
      <c r="ESV705" s="613"/>
      <c r="ESW705" s="613"/>
      <c r="ESX705" s="613"/>
      <c r="ESY705" s="613"/>
      <c r="ESZ705" s="613"/>
      <c r="ETA705" s="613"/>
      <c r="ETB705" s="613"/>
      <c r="ETC705" s="613"/>
      <c r="ETD705" s="613"/>
      <c r="ETE705" s="613"/>
      <c r="ETF705" s="613"/>
      <c r="ETG705" s="613"/>
      <c r="ETH705" s="613"/>
      <c r="ETI705" s="613"/>
      <c r="ETJ705" s="613"/>
      <c r="ETK705" s="613"/>
      <c r="ETL705" s="613"/>
      <c r="ETM705" s="613"/>
      <c r="ETN705" s="613"/>
      <c r="ETO705" s="613"/>
      <c r="ETP705" s="613"/>
      <c r="ETQ705" s="613"/>
      <c r="ETR705" s="613"/>
      <c r="ETS705" s="613"/>
      <c r="ETT705" s="613"/>
      <c r="ETU705" s="613"/>
      <c r="ETV705" s="613"/>
      <c r="ETW705" s="613"/>
      <c r="ETX705" s="613"/>
      <c r="ETY705" s="613"/>
      <c r="ETZ705" s="613"/>
      <c r="EUA705" s="613"/>
      <c r="EUB705" s="613"/>
      <c r="EUC705" s="613"/>
      <c r="EUD705" s="613"/>
      <c r="EUE705" s="613"/>
      <c r="EUF705" s="613"/>
      <c r="EUG705" s="613"/>
      <c r="EUH705" s="613"/>
      <c r="EUI705" s="613"/>
      <c r="EUJ705" s="613"/>
      <c r="EUK705" s="613"/>
      <c r="EUL705" s="613"/>
      <c r="EUM705" s="613"/>
      <c r="EUN705" s="613"/>
      <c r="EUO705" s="613"/>
      <c r="EUP705" s="613"/>
      <c r="EUQ705" s="613"/>
      <c r="EUR705" s="613"/>
      <c r="EUS705" s="613"/>
      <c r="EUT705" s="613"/>
      <c r="EUU705" s="613"/>
      <c r="EUV705" s="613"/>
      <c r="EUW705" s="613"/>
      <c r="EUX705" s="613"/>
      <c r="EUY705" s="613"/>
      <c r="EUZ705" s="613"/>
      <c r="EVA705" s="613"/>
      <c r="EVB705" s="613"/>
      <c r="EVC705" s="613"/>
      <c r="EVD705" s="613"/>
      <c r="EVE705" s="613"/>
      <c r="EVF705" s="613"/>
      <c r="EVG705" s="613"/>
      <c r="EVH705" s="613"/>
      <c r="EVI705" s="613"/>
      <c r="EVJ705" s="613"/>
      <c r="EVK705" s="613"/>
      <c r="EVL705" s="613"/>
      <c r="EVM705" s="613"/>
      <c r="EVN705" s="613"/>
      <c r="EVO705" s="613"/>
      <c r="EVP705" s="613"/>
      <c r="EVQ705" s="613"/>
      <c r="EVR705" s="613"/>
      <c r="EVS705" s="613"/>
      <c r="EVT705" s="613"/>
      <c r="EVU705" s="613"/>
      <c r="EVV705" s="613"/>
      <c r="EVW705" s="613"/>
      <c r="EVX705" s="613"/>
      <c r="EVY705" s="613"/>
      <c r="EVZ705" s="613"/>
      <c r="EWA705" s="613"/>
      <c r="EWB705" s="613"/>
      <c r="EWC705" s="613"/>
      <c r="EWD705" s="613"/>
      <c r="EWE705" s="613"/>
      <c r="EWF705" s="613"/>
      <c r="EWG705" s="613"/>
      <c r="EWH705" s="613"/>
      <c r="EWI705" s="613"/>
      <c r="EWJ705" s="613"/>
      <c r="EWK705" s="613"/>
      <c r="EWL705" s="613"/>
      <c r="EWM705" s="613"/>
      <c r="EWN705" s="613"/>
      <c r="EWO705" s="613"/>
      <c r="EWP705" s="613"/>
      <c r="EWQ705" s="613"/>
      <c r="EWR705" s="613"/>
      <c r="EWS705" s="613"/>
      <c r="EWT705" s="613"/>
      <c r="EWU705" s="613"/>
      <c r="EWV705" s="613"/>
      <c r="EWW705" s="613"/>
      <c r="EWX705" s="613"/>
      <c r="EWY705" s="613"/>
      <c r="EWZ705" s="613"/>
      <c r="EXA705" s="613"/>
      <c r="EXB705" s="613"/>
      <c r="EXC705" s="613"/>
      <c r="EXD705" s="613"/>
      <c r="EXE705" s="613"/>
      <c r="EXF705" s="613"/>
      <c r="EXG705" s="613"/>
      <c r="EXH705" s="613"/>
      <c r="EXI705" s="613"/>
      <c r="EXJ705" s="613"/>
      <c r="EXK705" s="613"/>
      <c r="EXL705" s="613"/>
      <c r="EXM705" s="613"/>
      <c r="EXN705" s="613"/>
      <c r="EXO705" s="613"/>
      <c r="EXP705" s="613"/>
      <c r="EXQ705" s="613"/>
      <c r="EXR705" s="613"/>
      <c r="EXS705" s="613"/>
      <c r="EXT705" s="613"/>
      <c r="EXU705" s="613"/>
      <c r="EXV705" s="613"/>
      <c r="EXW705" s="613"/>
      <c r="EXX705" s="613"/>
      <c r="EXY705" s="613"/>
      <c r="EXZ705" s="613"/>
      <c r="EYA705" s="613"/>
      <c r="EYB705" s="613"/>
      <c r="EYC705" s="613"/>
      <c r="EYD705" s="613"/>
      <c r="EYE705" s="613"/>
      <c r="EYF705" s="613"/>
      <c r="EYG705" s="613"/>
      <c r="EYH705" s="613"/>
      <c r="EYI705" s="613"/>
      <c r="EYJ705" s="613"/>
      <c r="EYK705" s="613"/>
      <c r="EYL705" s="613"/>
      <c r="EYM705" s="613"/>
      <c r="EYN705" s="613"/>
      <c r="EYO705" s="613"/>
      <c r="EYP705" s="613"/>
      <c r="EYQ705" s="613"/>
      <c r="EYR705" s="613"/>
      <c r="EYS705" s="613"/>
      <c r="EYT705" s="613"/>
      <c r="EYU705" s="613"/>
      <c r="EYV705" s="613"/>
      <c r="EYW705" s="613"/>
      <c r="EYX705" s="613"/>
      <c r="EYY705" s="613"/>
      <c r="EYZ705" s="613"/>
      <c r="EZA705" s="613"/>
      <c r="EZB705" s="613"/>
      <c r="EZC705" s="613"/>
      <c r="EZD705" s="613"/>
      <c r="EZE705" s="613"/>
      <c r="EZF705" s="613"/>
      <c r="EZG705" s="613"/>
      <c r="EZH705" s="613"/>
      <c r="EZI705" s="613"/>
      <c r="EZJ705" s="613"/>
      <c r="EZK705" s="613"/>
      <c r="EZL705" s="613"/>
      <c r="EZM705" s="613"/>
      <c r="EZN705" s="613"/>
      <c r="EZO705" s="613"/>
      <c r="EZP705" s="613"/>
      <c r="EZQ705" s="613"/>
      <c r="EZR705" s="613"/>
      <c r="EZS705" s="613"/>
      <c r="EZT705" s="613"/>
      <c r="EZU705" s="613"/>
      <c r="EZV705" s="613"/>
      <c r="EZW705" s="613"/>
      <c r="EZX705" s="613"/>
      <c r="EZY705" s="613"/>
      <c r="EZZ705" s="613"/>
      <c r="FAA705" s="613"/>
      <c r="FAB705" s="613"/>
      <c r="FAC705" s="613"/>
      <c r="FAD705" s="613"/>
      <c r="FAE705" s="613"/>
      <c r="FAF705" s="613"/>
      <c r="FAG705" s="613"/>
      <c r="FAH705" s="613"/>
      <c r="FAI705" s="613"/>
      <c r="FAJ705" s="613"/>
      <c r="FAK705" s="613"/>
      <c r="FAL705" s="613"/>
      <c r="FAM705" s="613"/>
      <c r="FAN705" s="613"/>
      <c r="FAO705" s="613"/>
      <c r="FAP705" s="613"/>
      <c r="FAQ705" s="613"/>
      <c r="FAR705" s="613"/>
      <c r="FAS705" s="613"/>
      <c r="FAT705" s="613"/>
      <c r="FAU705" s="613"/>
      <c r="FAV705" s="613"/>
      <c r="FAW705" s="613"/>
      <c r="FAX705" s="613"/>
      <c r="FAY705" s="613"/>
      <c r="FAZ705" s="613"/>
      <c r="FBA705" s="613"/>
      <c r="FBB705" s="613"/>
      <c r="FBC705" s="613"/>
      <c r="FBD705" s="613"/>
      <c r="FBE705" s="613"/>
      <c r="FBF705" s="613"/>
      <c r="FBG705" s="613"/>
      <c r="FBH705" s="613"/>
      <c r="FBI705" s="613"/>
      <c r="FBJ705" s="613"/>
      <c r="FBK705" s="613"/>
      <c r="FBL705" s="613"/>
      <c r="FBM705" s="613"/>
      <c r="FBN705" s="613"/>
      <c r="FBO705" s="613"/>
      <c r="FBP705" s="613"/>
      <c r="FBQ705" s="613"/>
      <c r="FBR705" s="613"/>
      <c r="FBS705" s="613"/>
      <c r="FBT705" s="613"/>
      <c r="FBU705" s="613"/>
      <c r="FBV705" s="613"/>
      <c r="FBW705" s="613"/>
      <c r="FBX705" s="613"/>
      <c r="FBY705" s="613"/>
      <c r="FBZ705" s="613"/>
      <c r="FCA705" s="613"/>
      <c r="FCB705" s="613"/>
      <c r="FCC705" s="613"/>
      <c r="FCD705" s="613"/>
      <c r="FCE705" s="613"/>
      <c r="FCF705" s="613"/>
      <c r="FCG705" s="613"/>
      <c r="FCH705" s="613"/>
      <c r="FCI705" s="613"/>
      <c r="FCJ705" s="613"/>
      <c r="FCK705" s="613"/>
      <c r="FCL705" s="613"/>
      <c r="FCM705" s="613"/>
      <c r="FCN705" s="613"/>
      <c r="FCO705" s="613"/>
      <c r="FCP705" s="613"/>
      <c r="FCQ705" s="613"/>
      <c r="FCR705" s="613"/>
      <c r="FCS705" s="613"/>
      <c r="FCT705" s="613"/>
      <c r="FCU705" s="613"/>
      <c r="FCV705" s="613"/>
      <c r="FCW705" s="613"/>
      <c r="FCX705" s="613"/>
      <c r="FCY705" s="613"/>
      <c r="FCZ705" s="613"/>
      <c r="FDA705" s="613"/>
      <c r="FDB705" s="613"/>
      <c r="FDC705" s="613"/>
      <c r="FDD705" s="613"/>
      <c r="FDE705" s="613"/>
      <c r="FDF705" s="613"/>
      <c r="FDG705" s="613"/>
      <c r="FDH705" s="613"/>
      <c r="FDI705" s="613"/>
      <c r="FDJ705" s="613"/>
      <c r="FDK705" s="613"/>
      <c r="FDL705" s="613"/>
      <c r="FDM705" s="613"/>
      <c r="FDN705" s="613"/>
      <c r="FDO705" s="613"/>
      <c r="FDP705" s="613"/>
      <c r="FDQ705" s="613"/>
      <c r="FDR705" s="613"/>
      <c r="FDS705" s="613"/>
      <c r="FDT705" s="613"/>
      <c r="FDU705" s="613"/>
      <c r="FDV705" s="613"/>
      <c r="FDW705" s="613"/>
      <c r="FDX705" s="613"/>
      <c r="FDY705" s="613"/>
      <c r="FDZ705" s="613"/>
      <c r="FEA705" s="613"/>
      <c r="FEB705" s="613"/>
      <c r="FEC705" s="613"/>
      <c r="FED705" s="613"/>
      <c r="FEE705" s="613"/>
      <c r="FEF705" s="613"/>
      <c r="FEG705" s="613"/>
      <c r="FEH705" s="613"/>
      <c r="FEI705" s="613"/>
      <c r="FEJ705" s="613"/>
      <c r="FEK705" s="613"/>
      <c r="FEL705" s="613"/>
      <c r="FEM705" s="613"/>
      <c r="FEN705" s="613"/>
      <c r="FEO705" s="613"/>
      <c r="FEP705" s="613"/>
      <c r="FEQ705" s="613"/>
      <c r="FER705" s="613"/>
      <c r="FES705" s="613"/>
      <c r="FET705" s="613"/>
      <c r="FEU705" s="613"/>
      <c r="FEV705" s="613"/>
      <c r="FEW705" s="613"/>
      <c r="FEX705" s="613"/>
      <c r="FEY705" s="613"/>
      <c r="FEZ705" s="613"/>
      <c r="FFA705" s="613"/>
      <c r="FFB705" s="613"/>
      <c r="FFC705" s="613"/>
      <c r="FFD705" s="613"/>
      <c r="FFE705" s="613"/>
      <c r="FFF705" s="613"/>
      <c r="FFG705" s="613"/>
      <c r="FFH705" s="613"/>
      <c r="FFI705" s="613"/>
      <c r="FFJ705" s="613"/>
      <c r="FFK705" s="613"/>
      <c r="FFL705" s="613"/>
      <c r="FFM705" s="613"/>
      <c r="FFN705" s="613"/>
      <c r="FFO705" s="613"/>
      <c r="FFP705" s="613"/>
      <c r="FFQ705" s="613"/>
      <c r="FFR705" s="613"/>
      <c r="FFS705" s="613"/>
      <c r="FFT705" s="613"/>
      <c r="FFU705" s="613"/>
      <c r="FFV705" s="613"/>
      <c r="FFW705" s="613"/>
      <c r="FFX705" s="613"/>
      <c r="FFY705" s="613"/>
      <c r="FFZ705" s="613"/>
      <c r="FGA705" s="613"/>
      <c r="FGB705" s="613"/>
      <c r="FGC705" s="613"/>
      <c r="FGD705" s="613"/>
      <c r="FGE705" s="613"/>
      <c r="FGF705" s="613"/>
      <c r="FGG705" s="613"/>
      <c r="FGH705" s="613"/>
      <c r="FGI705" s="613"/>
      <c r="FGJ705" s="613"/>
      <c r="FGK705" s="613"/>
      <c r="FGL705" s="613"/>
      <c r="FGM705" s="613"/>
      <c r="FGN705" s="613"/>
      <c r="FGO705" s="613"/>
      <c r="FGP705" s="613"/>
      <c r="FGQ705" s="613"/>
      <c r="FGR705" s="613"/>
      <c r="FGS705" s="613"/>
      <c r="FGT705" s="613"/>
      <c r="FGU705" s="613"/>
      <c r="FGV705" s="613"/>
      <c r="FGW705" s="613"/>
      <c r="FGX705" s="613"/>
      <c r="FGY705" s="613"/>
      <c r="FGZ705" s="613"/>
      <c r="FHA705" s="613"/>
      <c r="FHB705" s="613"/>
      <c r="FHC705" s="613"/>
      <c r="FHD705" s="613"/>
      <c r="FHE705" s="613"/>
      <c r="FHF705" s="613"/>
      <c r="FHG705" s="613"/>
      <c r="FHH705" s="613"/>
      <c r="FHI705" s="613"/>
      <c r="FHJ705" s="613"/>
      <c r="FHK705" s="613"/>
      <c r="FHL705" s="613"/>
      <c r="FHM705" s="613"/>
      <c r="FHN705" s="613"/>
      <c r="FHO705" s="613"/>
      <c r="FHP705" s="613"/>
      <c r="FHQ705" s="613"/>
      <c r="FHR705" s="613"/>
      <c r="FHS705" s="613"/>
      <c r="FHT705" s="613"/>
      <c r="FHU705" s="613"/>
      <c r="FHV705" s="613"/>
      <c r="FHW705" s="613"/>
      <c r="FHX705" s="613"/>
      <c r="FHY705" s="613"/>
      <c r="FHZ705" s="613"/>
      <c r="FIA705" s="613"/>
      <c r="FIB705" s="613"/>
      <c r="FIC705" s="613"/>
      <c r="FID705" s="613"/>
      <c r="FIE705" s="613"/>
      <c r="FIF705" s="613"/>
      <c r="FIG705" s="613"/>
      <c r="FIH705" s="613"/>
      <c r="FII705" s="613"/>
      <c r="FIJ705" s="613"/>
      <c r="FIK705" s="613"/>
      <c r="FIL705" s="613"/>
      <c r="FIM705" s="613"/>
      <c r="FIN705" s="613"/>
      <c r="FIO705" s="613"/>
      <c r="FIP705" s="613"/>
      <c r="FIQ705" s="613"/>
      <c r="FIR705" s="613"/>
      <c r="FIS705" s="613"/>
      <c r="FIT705" s="613"/>
      <c r="FIU705" s="613"/>
      <c r="FIV705" s="613"/>
      <c r="FIW705" s="613"/>
      <c r="FIX705" s="613"/>
      <c r="FIY705" s="613"/>
      <c r="FIZ705" s="613"/>
      <c r="FJA705" s="613"/>
      <c r="FJB705" s="613"/>
      <c r="FJC705" s="613"/>
      <c r="FJD705" s="613"/>
      <c r="FJE705" s="613"/>
      <c r="FJF705" s="613"/>
      <c r="FJG705" s="613"/>
      <c r="FJH705" s="613"/>
      <c r="FJI705" s="613"/>
      <c r="FJJ705" s="613"/>
      <c r="FJK705" s="613"/>
      <c r="FJL705" s="613"/>
      <c r="FJM705" s="613"/>
      <c r="FJN705" s="613"/>
      <c r="FJO705" s="613"/>
      <c r="FJP705" s="613"/>
      <c r="FJQ705" s="613"/>
      <c r="FJR705" s="613"/>
      <c r="FJS705" s="613"/>
      <c r="FJT705" s="613"/>
      <c r="FJU705" s="613"/>
      <c r="FJV705" s="613"/>
      <c r="FJW705" s="613"/>
      <c r="FJX705" s="613"/>
      <c r="FJY705" s="613"/>
      <c r="FJZ705" s="613"/>
      <c r="FKA705" s="613"/>
      <c r="FKB705" s="613"/>
      <c r="FKC705" s="613"/>
      <c r="FKD705" s="613"/>
      <c r="FKE705" s="613"/>
      <c r="FKF705" s="613"/>
      <c r="FKG705" s="613"/>
      <c r="FKH705" s="613"/>
      <c r="FKI705" s="613"/>
      <c r="FKJ705" s="613"/>
      <c r="FKK705" s="613"/>
      <c r="FKL705" s="613"/>
      <c r="FKM705" s="613"/>
      <c r="FKN705" s="613"/>
      <c r="FKO705" s="613"/>
      <c r="FKP705" s="613"/>
      <c r="FKQ705" s="613"/>
      <c r="FKR705" s="613"/>
      <c r="FKS705" s="613"/>
      <c r="FKT705" s="613"/>
      <c r="FKU705" s="613"/>
      <c r="FKV705" s="613"/>
      <c r="FKW705" s="613"/>
      <c r="FKX705" s="613"/>
      <c r="FKY705" s="613"/>
      <c r="FKZ705" s="613"/>
      <c r="FLA705" s="613"/>
      <c r="FLB705" s="613"/>
      <c r="FLC705" s="613"/>
      <c r="FLD705" s="613"/>
      <c r="FLE705" s="613"/>
      <c r="FLF705" s="613"/>
      <c r="FLG705" s="613"/>
      <c r="FLH705" s="613"/>
      <c r="FLI705" s="613"/>
      <c r="FLJ705" s="613"/>
      <c r="FLK705" s="613"/>
      <c r="FLL705" s="613"/>
      <c r="FLM705" s="613"/>
      <c r="FLN705" s="613"/>
      <c r="FLO705" s="613"/>
      <c r="FLP705" s="613"/>
      <c r="FLQ705" s="613"/>
      <c r="FLR705" s="613"/>
      <c r="FLS705" s="613"/>
      <c r="FLT705" s="613"/>
      <c r="FLU705" s="613"/>
      <c r="FLV705" s="613"/>
      <c r="FLW705" s="613"/>
      <c r="FLX705" s="613"/>
      <c r="FLY705" s="613"/>
      <c r="FLZ705" s="613"/>
      <c r="FMA705" s="613"/>
      <c r="FMB705" s="613"/>
      <c r="FMC705" s="613"/>
      <c r="FMD705" s="613"/>
      <c r="FME705" s="613"/>
      <c r="FMF705" s="613"/>
      <c r="FMG705" s="613"/>
      <c r="FMH705" s="613"/>
      <c r="FMI705" s="613"/>
      <c r="FMJ705" s="613"/>
      <c r="FMK705" s="613"/>
      <c r="FML705" s="613"/>
      <c r="FMM705" s="613"/>
      <c r="FMN705" s="613"/>
      <c r="FMO705" s="613"/>
      <c r="FMP705" s="613"/>
      <c r="FMQ705" s="613"/>
      <c r="FMR705" s="613"/>
      <c r="FMS705" s="613"/>
      <c r="FMT705" s="613"/>
      <c r="FMU705" s="613"/>
      <c r="FMV705" s="613"/>
      <c r="FMW705" s="613"/>
      <c r="FMX705" s="613"/>
      <c r="FMY705" s="613"/>
      <c r="FMZ705" s="613"/>
      <c r="FNA705" s="613"/>
      <c r="FNB705" s="613"/>
      <c r="FNC705" s="613"/>
      <c r="FND705" s="613"/>
      <c r="FNE705" s="613"/>
      <c r="FNF705" s="613"/>
      <c r="FNG705" s="613"/>
      <c r="FNH705" s="613"/>
      <c r="FNI705" s="613"/>
      <c r="FNJ705" s="613"/>
      <c r="FNK705" s="613"/>
      <c r="FNL705" s="613"/>
      <c r="FNM705" s="613"/>
      <c r="FNN705" s="613"/>
      <c r="FNO705" s="613"/>
      <c r="FNP705" s="613"/>
      <c r="FNQ705" s="613"/>
      <c r="FNR705" s="613"/>
      <c r="FNS705" s="613"/>
      <c r="FNT705" s="613"/>
      <c r="FNU705" s="613"/>
      <c r="FNV705" s="613"/>
      <c r="FNW705" s="613"/>
      <c r="FNX705" s="613"/>
      <c r="FNY705" s="613"/>
      <c r="FNZ705" s="613"/>
      <c r="FOA705" s="613"/>
      <c r="FOB705" s="613"/>
      <c r="FOC705" s="613"/>
      <c r="FOD705" s="613"/>
      <c r="FOE705" s="613"/>
      <c r="FOF705" s="613"/>
      <c r="FOG705" s="613"/>
      <c r="FOH705" s="613"/>
      <c r="FOI705" s="613"/>
      <c r="FOJ705" s="613"/>
      <c r="FOK705" s="613"/>
      <c r="FOL705" s="613"/>
      <c r="FOM705" s="613"/>
      <c r="FON705" s="613"/>
      <c r="FOO705" s="613"/>
      <c r="FOP705" s="613"/>
      <c r="FOQ705" s="613"/>
      <c r="FOR705" s="613"/>
      <c r="FOS705" s="613"/>
      <c r="FOT705" s="613"/>
      <c r="FOU705" s="613"/>
      <c r="FOV705" s="613"/>
      <c r="FOW705" s="613"/>
      <c r="FOX705" s="613"/>
      <c r="FOY705" s="613"/>
      <c r="FOZ705" s="613"/>
      <c r="FPA705" s="613"/>
      <c r="FPB705" s="613"/>
      <c r="FPC705" s="613"/>
      <c r="FPD705" s="613"/>
      <c r="FPE705" s="613"/>
      <c r="FPF705" s="613"/>
      <c r="FPG705" s="613"/>
      <c r="FPH705" s="613"/>
      <c r="FPI705" s="613"/>
      <c r="FPJ705" s="613"/>
      <c r="FPK705" s="613"/>
      <c r="FPL705" s="613"/>
      <c r="FPM705" s="613"/>
      <c r="FPN705" s="613"/>
      <c r="FPO705" s="613"/>
      <c r="FPP705" s="613"/>
      <c r="FPQ705" s="613"/>
      <c r="FPR705" s="613"/>
      <c r="FPS705" s="613"/>
      <c r="FPT705" s="613"/>
      <c r="FPU705" s="613"/>
      <c r="FPV705" s="613"/>
      <c r="FPW705" s="613"/>
      <c r="FPX705" s="613"/>
      <c r="FPY705" s="613"/>
      <c r="FPZ705" s="613"/>
      <c r="FQA705" s="613"/>
      <c r="FQB705" s="613"/>
      <c r="FQC705" s="613"/>
      <c r="FQD705" s="613"/>
      <c r="FQE705" s="613"/>
      <c r="FQF705" s="613"/>
      <c r="FQG705" s="613"/>
      <c r="FQH705" s="613"/>
      <c r="FQI705" s="613"/>
      <c r="FQJ705" s="613"/>
      <c r="FQK705" s="613"/>
      <c r="FQL705" s="613"/>
      <c r="FQM705" s="613"/>
      <c r="FQN705" s="613"/>
      <c r="FQO705" s="613"/>
      <c r="FQP705" s="613"/>
      <c r="FQQ705" s="613"/>
      <c r="FQR705" s="613"/>
      <c r="FQS705" s="613"/>
      <c r="FQT705" s="613"/>
      <c r="FQU705" s="613"/>
      <c r="FQV705" s="613"/>
      <c r="FQW705" s="613"/>
      <c r="FQX705" s="613"/>
      <c r="FQY705" s="613"/>
      <c r="FQZ705" s="613"/>
      <c r="FRA705" s="613"/>
      <c r="FRB705" s="613"/>
      <c r="FRC705" s="613"/>
      <c r="FRD705" s="613"/>
      <c r="FRE705" s="613"/>
      <c r="FRF705" s="613"/>
      <c r="FRG705" s="613"/>
      <c r="FRH705" s="613"/>
      <c r="FRI705" s="613"/>
      <c r="FRJ705" s="613"/>
      <c r="FRK705" s="613"/>
      <c r="FRL705" s="613"/>
      <c r="FRM705" s="613"/>
      <c r="FRN705" s="613"/>
      <c r="FRO705" s="613"/>
      <c r="FRP705" s="613"/>
      <c r="FRQ705" s="613"/>
      <c r="FRR705" s="613"/>
      <c r="FRS705" s="613"/>
      <c r="FRT705" s="613"/>
      <c r="FRU705" s="613"/>
      <c r="FRV705" s="613"/>
      <c r="FRW705" s="613"/>
      <c r="FRX705" s="613"/>
      <c r="FRY705" s="613"/>
      <c r="FRZ705" s="613"/>
      <c r="FSA705" s="613"/>
      <c r="FSB705" s="613"/>
      <c r="FSC705" s="613"/>
      <c r="FSD705" s="613"/>
      <c r="FSE705" s="613"/>
      <c r="FSF705" s="613"/>
      <c r="FSG705" s="613"/>
      <c r="FSH705" s="613"/>
      <c r="FSI705" s="613"/>
      <c r="FSJ705" s="613"/>
      <c r="FSK705" s="613"/>
      <c r="FSL705" s="613"/>
      <c r="FSM705" s="613"/>
      <c r="FSN705" s="613"/>
      <c r="FSO705" s="613"/>
      <c r="FSP705" s="613"/>
      <c r="FSQ705" s="613"/>
      <c r="FSR705" s="613"/>
      <c r="FSS705" s="613"/>
      <c r="FST705" s="613"/>
      <c r="FSU705" s="613"/>
      <c r="FSV705" s="613"/>
      <c r="FSW705" s="613"/>
      <c r="FSX705" s="613"/>
      <c r="FSY705" s="613"/>
      <c r="FSZ705" s="613"/>
      <c r="FTA705" s="613"/>
      <c r="FTB705" s="613"/>
      <c r="FTC705" s="613"/>
      <c r="FTD705" s="613"/>
      <c r="FTE705" s="613"/>
      <c r="FTF705" s="613"/>
      <c r="FTG705" s="613"/>
      <c r="FTH705" s="613"/>
      <c r="FTI705" s="613"/>
      <c r="FTJ705" s="613"/>
      <c r="FTK705" s="613"/>
      <c r="FTL705" s="613"/>
      <c r="FTM705" s="613"/>
      <c r="FTN705" s="613"/>
      <c r="FTO705" s="613"/>
      <c r="FTP705" s="613"/>
      <c r="FTQ705" s="613"/>
      <c r="FTR705" s="613"/>
      <c r="FTS705" s="613"/>
      <c r="FTT705" s="613"/>
      <c r="FTU705" s="613"/>
      <c r="FTV705" s="613"/>
      <c r="FTW705" s="613"/>
      <c r="FTX705" s="613"/>
      <c r="FTY705" s="613"/>
      <c r="FTZ705" s="613"/>
      <c r="FUA705" s="613"/>
      <c r="FUB705" s="613"/>
      <c r="FUC705" s="613"/>
      <c r="FUD705" s="613"/>
      <c r="FUE705" s="613"/>
      <c r="FUF705" s="613"/>
      <c r="FUG705" s="613"/>
      <c r="FUH705" s="613"/>
      <c r="FUI705" s="613"/>
      <c r="FUJ705" s="613"/>
      <c r="FUK705" s="613"/>
      <c r="FUL705" s="613"/>
      <c r="FUM705" s="613"/>
      <c r="FUN705" s="613"/>
      <c r="FUO705" s="613"/>
      <c r="FUP705" s="613"/>
      <c r="FUQ705" s="613"/>
      <c r="FUR705" s="613"/>
      <c r="FUS705" s="613"/>
      <c r="FUT705" s="613"/>
      <c r="FUU705" s="613"/>
      <c r="FUV705" s="613"/>
      <c r="FUW705" s="613"/>
      <c r="FUX705" s="613"/>
      <c r="FUY705" s="613"/>
      <c r="FUZ705" s="613"/>
      <c r="FVA705" s="613"/>
      <c r="FVB705" s="613"/>
      <c r="FVC705" s="613"/>
      <c r="FVD705" s="613"/>
      <c r="FVE705" s="613"/>
      <c r="FVF705" s="613"/>
      <c r="FVG705" s="613"/>
      <c r="FVH705" s="613"/>
      <c r="FVI705" s="613"/>
      <c r="FVJ705" s="613"/>
      <c r="FVK705" s="613"/>
      <c r="FVL705" s="613"/>
      <c r="FVM705" s="613"/>
      <c r="FVN705" s="613"/>
      <c r="FVO705" s="613"/>
      <c r="FVP705" s="613"/>
      <c r="FVQ705" s="613"/>
      <c r="FVR705" s="613"/>
      <c r="FVS705" s="613"/>
      <c r="FVT705" s="613"/>
      <c r="FVU705" s="613"/>
      <c r="FVV705" s="613"/>
      <c r="FVW705" s="613"/>
      <c r="FVX705" s="613"/>
      <c r="FVY705" s="613"/>
      <c r="FVZ705" s="613"/>
      <c r="FWA705" s="613"/>
      <c r="FWB705" s="613"/>
      <c r="FWC705" s="613"/>
      <c r="FWD705" s="613"/>
      <c r="FWE705" s="613"/>
      <c r="FWF705" s="613"/>
      <c r="FWG705" s="613"/>
      <c r="FWH705" s="613"/>
      <c r="FWI705" s="613"/>
      <c r="FWJ705" s="613"/>
      <c r="FWK705" s="613"/>
      <c r="FWL705" s="613"/>
      <c r="FWM705" s="613"/>
      <c r="FWN705" s="613"/>
      <c r="FWO705" s="613"/>
      <c r="FWP705" s="613"/>
      <c r="FWQ705" s="613"/>
      <c r="FWR705" s="613"/>
      <c r="FWS705" s="613"/>
      <c r="FWT705" s="613"/>
      <c r="FWU705" s="613"/>
      <c r="FWV705" s="613"/>
      <c r="FWW705" s="613"/>
      <c r="FWX705" s="613"/>
      <c r="FWY705" s="613"/>
      <c r="FWZ705" s="613"/>
      <c r="FXA705" s="613"/>
      <c r="FXB705" s="613"/>
      <c r="FXC705" s="613"/>
      <c r="FXD705" s="613"/>
      <c r="FXE705" s="613"/>
      <c r="FXF705" s="613"/>
      <c r="FXG705" s="613"/>
      <c r="FXH705" s="613"/>
      <c r="FXI705" s="613"/>
      <c r="FXJ705" s="613"/>
      <c r="FXK705" s="613"/>
      <c r="FXL705" s="613"/>
      <c r="FXM705" s="613"/>
      <c r="FXN705" s="613"/>
      <c r="FXO705" s="613"/>
      <c r="FXP705" s="613"/>
      <c r="FXQ705" s="613"/>
      <c r="FXR705" s="613"/>
      <c r="FXS705" s="613"/>
      <c r="FXT705" s="613"/>
      <c r="FXU705" s="613"/>
      <c r="FXV705" s="613"/>
      <c r="FXW705" s="613"/>
      <c r="FXX705" s="613"/>
      <c r="FXY705" s="613"/>
      <c r="FXZ705" s="613"/>
      <c r="FYA705" s="613"/>
      <c r="FYB705" s="613"/>
      <c r="FYC705" s="613"/>
      <c r="FYD705" s="613"/>
      <c r="FYE705" s="613"/>
      <c r="FYF705" s="613"/>
      <c r="FYG705" s="613"/>
      <c r="FYH705" s="613"/>
      <c r="FYI705" s="613"/>
      <c r="FYJ705" s="613"/>
      <c r="FYK705" s="613"/>
      <c r="FYL705" s="613"/>
      <c r="FYM705" s="613"/>
      <c r="FYN705" s="613"/>
      <c r="FYO705" s="613"/>
      <c r="FYP705" s="613"/>
      <c r="FYQ705" s="613"/>
      <c r="FYR705" s="613"/>
      <c r="FYS705" s="613"/>
      <c r="FYT705" s="613"/>
      <c r="FYU705" s="613"/>
      <c r="FYV705" s="613"/>
      <c r="FYW705" s="613"/>
      <c r="FYX705" s="613"/>
      <c r="FYY705" s="613"/>
      <c r="FYZ705" s="613"/>
      <c r="FZA705" s="613"/>
      <c r="FZB705" s="613"/>
      <c r="FZC705" s="613"/>
      <c r="FZD705" s="613"/>
      <c r="FZE705" s="613"/>
      <c r="FZF705" s="613"/>
      <c r="FZG705" s="613"/>
      <c r="FZH705" s="613"/>
      <c r="FZI705" s="613"/>
      <c r="FZJ705" s="613"/>
      <c r="FZK705" s="613"/>
      <c r="FZL705" s="613"/>
      <c r="FZM705" s="613"/>
      <c r="FZN705" s="613"/>
      <c r="FZO705" s="613"/>
      <c r="FZP705" s="613"/>
      <c r="FZQ705" s="613"/>
      <c r="FZR705" s="613"/>
      <c r="FZS705" s="613"/>
      <c r="FZT705" s="613"/>
      <c r="FZU705" s="613"/>
      <c r="FZV705" s="613"/>
      <c r="FZW705" s="613"/>
      <c r="FZX705" s="613"/>
      <c r="FZY705" s="613"/>
      <c r="FZZ705" s="613"/>
      <c r="GAA705" s="613"/>
      <c r="GAB705" s="613"/>
      <c r="GAC705" s="613"/>
      <c r="GAD705" s="613"/>
      <c r="GAE705" s="613"/>
      <c r="GAF705" s="613"/>
      <c r="GAG705" s="613"/>
      <c r="GAH705" s="613"/>
      <c r="GAI705" s="613"/>
      <c r="GAJ705" s="613"/>
      <c r="GAK705" s="613"/>
      <c r="GAL705" s="613"/>
      <c r="GAM705" s="613"/>
      <c r="GAN705" s="613"/>
      <c r="GAO705" s="613"/>
      <c r="GAP705" s="613"/>
      <c r="GAQ705" s="613"/>
      <c r="GAR705" s="613"/>
      <c r="GAS705" s="613"/>
      <c r="GAT705" s="613"/>
      <c r="GAU705" s="613"/>
      <c r="GAV705" s="613"/>
      <c r="GAW705" s="613"/>
      <c r="GAX705" s="613"/>
      <c r="GAY705" s="613"/>
      <c r="GAZ705" s="613"/>
      <c r="GBA705" s="613"/>
      <c r="GBB705" s="613"/>
      <c r="GBC705" s="613"/>
      <c r="GBD705" s="613"/>
      <c r="GBE705" s="613"/>
      <c r="GBF705" s="613"/>
      <c r="GBG705" s="613"/>
      <c r="GBH705" s="613"/>
      <c r="GBI705" s="613"/>
      <c r="GBJ705" s="613"/>
      <c r="GBK705" s="613"/>
      <c r="GBL705" s="613"/>
      <c r="GBM705" s="613"/>
      <c r="GBN705" s="613"/>
      <c r="GBO705" s="613"/>
      <c r="GBP705" s="613"/>
      <c r="GBQ705" s="613"/>
      <c r="GBR705" s="613"/>
      <c r="GBS705" s="613"/>
      <c r="GBT705" s="613"/>
      <c r="GBU705" s="613"/>
      <c r="GBV705" s="613"/>
      <c r="GBW705" s="613"/>
      <c r="GBX705" s="613"/>
      <c r="GBY705" s="613"/>
      <c r="GBZ705" s="613"/>
      <c r="GCA705" s="613"/>
      <c r="GCB705" s="613"/>
      <c r="GCC705" s="613"/>
      <c r="GCD705" s="613"/>
      <c r="GCE705" s="613"/>
      <c r="GCF705" s="613"/>
      <c r="GCG705" s="613"/>
      <c r="GCH705" s="613"/>
      <c r="GCI705" s="613"/>
      <c r="GCJ705" s="613"/>
      <c r="GCK705" s="613"/>
      <c r="GCL705" s="613"/>
      <c r="GCM705" s="613"/>
      <c r="GCN705" s="613"/>
      <c r="GCO705" s="613"/>
      <c r="GCP705" s="613"/>
      <c r="GCQ705" s="613"/>
      <c r="GCR705" s="613"/>
      <c r="GCS705" s="613"/>
      <c r="GCT705" s="613"/>
      <c r="GCU705" s="613"/>
      <c r="GCV705" s="613"/>
      <c r="GCW705" s="613"/>
      <c r="GCX705" s="613"/>
      <c r="GCY705" s="613"/>
      <c r="GCZ705" s="613"/>
      <c r="GDA705" s="613"/>
      <c r="GDB705" s="613"/>
      <c r="GDC705" s="613"/>
      <c r="GDD705" s="613"/>
      <c r="GDE705" s="613"/>
      <c r="GDF705" s="613"/>
      <c r="GDG705" s="613"/>
      <c r="GDH705" s="613"/>
      <c r="GDI705" s="613"/>
      <c r="GDJ705" s="613"/>
      <c r="GDK705" s="613"/>
      <c r="GDL705" s="613"/>
      <c r="GDM705" s="613"/>
      <c r="GDN705" s="613"/>
      <c r="GDO705" s="613"/>
      <c r="GDP705" s="613"/>
      <c r="GDQ705" s="613"/>
      <c r="GDR705" s="613"/>
      <c r="GDS705" s="613"/>
      <c r="GDT705" s="613"/>
      <c r="GDU705" s="613"/>
      <c r="GDV705" s="613"/>
      <c r="GDW705" s="613"/>
      <c r="GDX705" s="613"/>
      <c r="GDY705" s="613"/>
      <c r="GDZ705" s="613"/>
      <c r="GEA705" s="613"/>
      <c r="GEB705" s="613"/>
      <c r="GEC705" s="613"/>
      <c r="GED705" s="613"/>
      <c r="GEE705" s="613"/>
      <c r="GEF705" s="613"/>
      <c r="GEG705" s="613"/>
      <c r="GEH705" s="613"/>
      <c r="GEI705" s="613"/>
      <c r="GEJ705" s="613"/>
      <c r="GEK705" s="613"/>
      <c r="GEL705" s="613"/>
      <c r="GEM705" s="613"/>
      <c r="GEN705" s="613"/>
      <c r="GEO705" s="613"/>
      <c r="GEP705" s="613"/>
      <c r="GEQ705" s="613"/>
      <c r="GER705" s="613"/>
      <c r="GES705" s="613"/>
      <c r="GET705" s="613"/>
      <c r="GEU705" s="613"/>
      <c r="GEV705" s="613"/>
      <c r="GEW705" s="613"/>
      <c r="GEX705" s="613"/>
      <c r="GEY705" s="613"/>
      <c r="GEZ705" s="613"/>
      <c r="GFA705" s="613"/>
      <c r="GFB705" s="613"/>
      <c r="GFC705" s="613"/>
      <c r="GFD705" s="613"/>
      <c r="GFE705" s="613"/>
      <c r="GFF705" s="613"/>
      <c r="GFG705" s="613"/>
      <c r="GFH705" s="613"/>
      <c r="GFI705" s="613"/>
      <c r="GFJ705" s="613"/>
      <c r="GFK705" s="613"/>
      <c r="GFL705" s="613"/>
      <c r="GFM705" s="613"/>
      <c r="GFN705" s="613"/>
      <c r="GFO705" s="613"/>
      <c r="GFP705" s="613"/>
      <c r="GFQ705" s="613"/>
      <c r="GFR705" s="613"/>
      <c r="GFS705" s="613"/>
      <c r="GFT705" s="613"/>
      <c r="GFU705" s="613"/>
      <c r="GFV705" s="613"/>
      <c r="GFW705" s="613"/>
      <c r="GFX705" s="613"/>
      <c r="GFY705" s="613"/>
      <c r="GFZ705" s="613"/>
      <c r="GGA705" s="613"/>
      <c r="GGB705" s="613"/>
      <c r="GGC705" s="613"/>
      <c r="GGD705" s="613"/>
      <c r="GGE705" s="613"/>
      <c r="GGF705" s="613"/>
      <c r="GGG705" s="613"/>
      <c r="GGH705" s="613"/>
      <c r="GGI705" s="613"/>
      <c r="GGJ705" s="613"/>
      <c r="GGK705" s="613"/>
      <c r="GGL705" s="613"/>
      <c r="GGM705" s="613"/>
      <c r="GGN705" s="613"/>
      <c r="GGO705" s="613"/>
      <c r="GGP705" s="613"/>
      <c r="GGQ705" s="613"/>
      <c r="GGR705" s="613"/>
      <c r="GGS705" s="613"/>
      <c r="GGT705" s="613"/>
      <c r="GGU705" s="613"/>
      <c r="GGV705" s="613"/>
      <c r="GGW705" s="613"/>
      <c r="GGX705" s="613"/>
      <c r="GGY705" s="613"/>
      <c r="GGZ705" s="613"/>
      <c r="GHA705" s="613"/>
      <c r="GHB705" s="613"/>
      <c r="GHC705" s="613"/>
      <c r="GHD705" s="613"/>
      <c r="GHE705" s="613"/>
      <c r="GHF705" s="613"/>
      <c r="GHG705" s="613"/>
      <c r="GHH705" s="613"/>
      <c r="GHI705" s="613"/>
      <c r="GHJ705" s="613"/>
      <c r="GHK705" s="613"/>
      <c r="GHL705" s="613"/>
      <c r="GHM705" s="613"/>
      <c r="GHN705" s="613"/>
      <c r="GHO705" s="613"/>
      <c r="GHP705" s="613"/>
      <c r="GHQ705" s="613"/>
      <c r="GHR705" s="613"/>
      <c r="GHS705" s="613"/>
      <c r="GHT705" s="613"/>
      <c r="GHU705" s="613"/>
      <c r="GHV705" s="613"/>
      <c r="GHW705" s="613"/>
      <c r="GHX705" s="613"/>
      <c r="GHY705" s="613"/>
      <c r="GHZ705" s="613"/>
      <c r="GIA705" s="613"/>
      <c r="GIB705" s="613"/>
      <c r="GIC705" s="613"/>
      <c r="GID705" s="613"/>
      <c r="GIE705" s="613"/>
      <c r="GIF705" s="613"/>
      <c r="GIG705" s="613"/>
      <c r="GIH705" s="613"/>
      <c r="GII705" s="613"/>
      <c r="GIJ705" s="613"/>
      <c r="GIK705" s="613"/>
      <c r="GIL705" s="613"/>
      <c r="GIM705" s="613"/>
      <c r="GIN705" s="613"/>
      <c r="GIO705" s="613"/>
      <c r="GIP705" s="613"/>
      <c r="GIQ705" s="613"/>
      <c r="GIR705" s="613"/>
      <c r="GIS705" s="613"/>
      <c r="GIT705" s="613"/>
      <c r="GIU705" s="613"/>
      <c r="GIV705" s="613"/>
      <c r="GIW705" s="613"/>
      <c r="GIX705" s="613"/>
      <c r="GIY705" s="613"/>
      <c r="GIZ705" s="613"/>
      <c r="GJA705" s="613"/>
      <c r="GJB705" s="613"/>
      <c r="GJC705" s="613"/>
      <c r="GJD705" s="613"/>
      <c r="GJE705" s="613"/>
      <c r="GJF705" s="613"/>
      <c r="GJG705" s="613"/>
      <c r="GJH705" s="613"/>
      <c r="GJI705" s="613"/>
      <c r="GJJ705" s="613"/>
      <c r="GJK705" s="613"/>
      <c r="GJL705" s="613"/>
      <c r="GJM705" s="613"/>
      <c r="GJN705" s="613"/>
      <c r="GJO705" s="613"/>
      <c r="GJP705" s="613"/>
      <c r="GJQ705" s="613"/>
      <c r="GJR705" s="613"/>
      <c r="GJS705" s="613"/>
      <c r="GJT705" s="613"/>
      <c r="GJU705" s="613"/>
      <c r="GJV705" s="613"/>
      <c r="GJW705" s="613"/>
      <c r="GJX705" s="613"/>
      <c r="GJY705" s="613"/>
      <c r="GJZ705" s="613"/>
      <c r="GKA705" s="613"/>
      <c r="GKB705" s="613"/>
      <c r="GKC705" s="613"/>
      <c r="GKD705" s="613"/>
      <c r="GKE705" s="613"/>
      <c r="GKF705" s="613"/>
      <c r="GKG705" s="613"/>
      <c r="GKH705" s="613"/>
      <c r="GKI705" s="613"/>
      <c r="GKJ705" s="613"/>
      <c r="GKK705" s="613"/>
      <c r="GKL705" s="613"/>
      <c r="GKM705" s="613"/>
      <c r="GKN705" s="613"/>
      <c r="GKO705" s="613"/>
      <c r="GKP705" s="613"/>
      <c r="GKQ705" s="613"/>
      <c r="GKR705" s="613"/>
      <c r="GKS705" s="613"/>
      <c r="GKT705" s="613"/>
      <c r="GKU705" s="613"/>
      <c r="GKV705" s="613"/>
      <c r="GKW705" s="613"/>
      <c r="GKX705" s="613"/>
      <c r="GKY705" s="613"/>
      <c r="GKZ705" s="613"/>
      <c r="GLA705" s="613"/>
      <c r="GLB705" s="613"/>
      <c r="GLC705" s="613"/>
      <c r="GLD705" s="613"/>
      <c r="GLE705" s="613"/>
      <c r="GLF705" s="613"/>
      <c r="GLG705" s="613"/>
      <c r="GLH705" s="613"/>
      <c r="GLI705" s="613"/>
      <c r="GLJ705" s="613"/>
      <c r="GLK705" s="613"/>
      <c r="GLL705" s="613"/>
      <c r="GLM705" s="613"/>
      <c r="GLN705" s="613"/>
      <c r="GLO705" s="613"/>
      <c r="GLP705" s="613"/>
      <c r="GLQ705" s="613"/>
      <c r="GLR705" s="613"/>
      <c r="GLS705" s="613"/>
      <c r="GLT705" s="613"/>
      <c r="GLU705" s="613"/>
      <c r="GLV705" s="613"/>
      <c r="GLW705" s="613"/>
      <c r="GLX705" s="613"/>
      <c r="GLY705" s="613"/>
      <c r="GLZ705" s="613"/>
      <c r="GMA705" s="613"/>
      <c r="GMB705" s="613"/>
      <c r="GMC705" s="613"/>
      <c r="GMD705" s="613"/>
      <c r="GME705" s="613"/>
      <c r="GMF705" s="613"/>
      <c r="GMG705" s="613"/>
      <c r="GMH705" s="613"/>
      <c r="GMI705" s="613"/>
      <c r="GMJ705" s="613"/>
      <c r="GMK705" s="613"/>
      <c r="GML705" s="613"/>
      <c r="GMM705" s="613"/>
      <c r="GMN705" s="613"/>
      <c r="GMO705" s="613"/>
      <c r="GMP705" s="613"/>
      <c r="GMQ705" s="613"/>
      <c r="GMR705" s="613"/>
      <c r="GMS705" s="613"/>
      <c r="GMT705" s="613"/>
      <c r="GMU705" s="613"/>
      <c r="GMV705" s="613"/>
      <c r="GMW705" s="613"/>
      <c r="GMX705" s="613"/>
      <c r="GMY705" s="613"/>
      <c r="GMZ705" s="613"/>
      <c r="GNA705" s="613"/>
      <c r="GNB705" s="613"/>
      <c r="GNC705" s="613"/>
      <c r="GND705" s="613"/>
      <c r="GNE705" s="613"/>
      <c r="GNF705" s="613"/>
      <c r="GNG705" s="613"/>
      <c r="GNH705" s="613"/>
      <c r="GNI705" s="613"/>
      <c r="GNJ705" s="613"/>
      <c r="GNK705" s="613"/>
      <c r="GNL705" s="613"/>
      <c r="GNM705" s="613"/>
      <c r="GNN705" s="613"/>
      <c r="GNO705" s="613"/>
      <c r="GNP705" s="613"/>
      <c r="GNQ705" s="613"/>
      <c r="GNR705" s="613"/>
      <c r="GNS705" s="613"/>
      <c r="GNT705" s="613"/>
      <c r="GNU705" s="613"/>
      <c r="GNV705" s="613"/>
      <c r="GNW705" s="613"/>
      <c r="GNX705" s="613"/>
      <c r="GNY705" s="613"/>
      <c r="GNZ705" s="613"/>
      <c r="GOA705" s="613"/>
      <c r="GOB705" s="613"/>
      <c r="GOC705" s="613"/>
      <c r="GOD705" s="613"/>
      <c r="GOE705" s="613"/>
      <c r="GOF705" s="613"/>
      <c r="GOG705" s="613"/>
      <c r="GOH705" s="613"/>
      <c r="GOI705" s="613"/>
      <c r="GOJ705" s="613"/>
      <c r="GOK705" s="613"/>
      <c r="GOL705" s="613"/>
      <c r="GOM705" s="613"/>
      <c r="GON705" s="613"/>
      <c r="GOO705" s="613"/>
      <c r="GOP705" s="613"/>
      <c r="GOQ705" s="613"/>
      <c r="GOR705" s="613"/>
      <c r="GOS705" s="613"/>
      <c r="GOT705" s="613"/>
      <c r="GOU705" s="613"/>
      <c r="GOV705" s="613"/>
      <c r="GOW705" s="613"/>
      <c r="GOX705" s="613"/>
      <c r="GOY705" s="613"/>
      <c r="GOZ705" s="613"/>
      <c r="GPA705" s="613"/>
      <c r="GPB705" s="613"/>
      <c r="GPC705" s="613"/>
      <c r="GPD705" s="613"/>
      <c r="GPE705" s="613"/>
      <c r="GPF705" s="613"/>
      <c r="GPG705" s="613"/>
      <c r="GPH705" s="613"/>
      <c r="GPI705" s="613"/>
      <c r="GPJ705" s="613"/>
      <c r="GPK705" s="613"/>
      <c r="GPL705" s="613"/>
      <c r="GPM705" s="613"/>
      <c r="GPN705" s="613"/>
      <c r="GPO705" s="613"/>
      <c r="GPP705" s="613"/>
      <c r="GPQ705" s="613"/>
      <c r="GPR705" s="613"/>
      <c r="GPS705" s="613"/>
      <c r="GPT705" s="613"/>
      <c r="GPU705" s="613"/>
      <c r="GPV705" s="613"/>
      <c r="GPW705" s="613"/>
      <c r="GPX705" s="613"/>
      <c r="GPY705" s="613"/>
      <c r="GPZ705" s="613"/>
      <c r="GQA705" s="613"/>
      <c r="GQB705" s="613"/>
      <c r="GQC705" s="613"/>
      <c r="GQD705" s="613"/>
      <c r="GQE705" s="613"/>
      <c r="GQF705" s="613"/>
      <c r="GQG705" s="613"/>
      <c r="GQH705" s="613"/>
      <c r="GQI705" s="613"/>
      <c r="GQJ705" s="613"/>
      <c r="GQK705" s="613"/>
      <c r="GQL705" s="613"/>
      <c r="GQM705" s="613"/>
      <c r="GQN705" s="613"/>
      <c r="GQO705" s="613"/>
      <c r="GQP705" s="613"/>
      <c r="GQQ705" s="613"/>
      <c r="GQR705" s="613"/>
      <c r="GQS705" s="613"/>
      <c r="GQT705" s="613"/>
      <c r="GQU705" s="613"/>
      <c r="GQV705" s="613"/>
      <c r="GQW705" s="613"/>
      <c r="GQX705" s="613"/>
      <c r="GQY705" s="613"/>
      <c r="GQZ705" s="613"/>
      <c r="GRA705" s="613"/>
      <c r="GRB705" s="613"/>
      <c r="GRC705" s="613"/>
      <c r="GRD705" s="613"/>
      <c r="GRE705" s="613"/>
      <c r="GRF705" s="613"/>
      <c r="GRG705" s="613"/>
      <c r="GRH705" s="613"/>
      <c r="GRI705" s="613"/>
      <c r="GRJ705" s="613"/>
      <c r="GRK705" s="613"/>
      <c r="GRL705" s="613"/>
      <c r="GRM705" s="613"/>
      <c r="GRN705" s="613"/>
      <c r="GRO705" s="613"/>
      <c r="GRP705" s="613"/>
      <c r="GRQ705" s="613"/>
      <c r="GRR705" s="613"/>
      <c r="GRS705" s="613"/>
      <c r="GRT705" s="613"/>
      <c r="GRU705" s="613"/>
      <c r="GRV705" s="613"/>
      <c r="GRW705" s="613"/>
      <c r="GRX705" s="613"/>
      <c r="GRY705" s="613"/>
      <c r="GRZ705" s="613"/>
      <c r="GSA705" s="613"/>
      <c r="GSB705" s="613"/>
      <c r="GSC705" s="613"/>
      <c r="GSD705" s="613"/>
      <c r="GSE705" s="613"/>
      <c r="GSF705" s="613"/>
      <c r="GSG705" s="613"/>
      <c r="GSH705" s="613"/>
      <c r="GSI705" s="613"/>
      <c r="GSJ705" s="613"/>
      <c r="GSK705" s="613"/>
      <c r="GSL705" s="613"/>
      <c r="GSM705" s="613"/>
      <c r="GSN705" s="613"/>
      <c r="GSO705" s="613"/>
      <c r="GSP705" s="613"/>
      <c r="GSQ705" s="613"/>
      <c r="GSR705" s="613"/>
      <c r="GSS705" s="613"/>
      <c r="GST705" s="613"/>
      <c r="GSU705" s="613"/>
      <c r="GSV705" s="613"/>
      <c r="GSW705" s="613"/>
      <c r="GSX705" s="613"/>
      <c r="GSY705" s="613"/>
      <c r="GSZ705" s="613"/>
      <c r="GTA705" s="613"/>
      <c r="GTB705" s="613"/>
      <c r="GTC705" s="613"/>
      <c r="GTD705" s="613"/>
      <c r="GTE705" s="613"/>
      <c r="GTF705" s="613"/>
      <c r="GTG705" s="613"/>
      <c r="GTH705" s="613"/>
      <c r="GTI705" s="613"/>
      <c r="GTJ705" s="613"/>
      <c r="GTK705" s="613"/>
      <c r="GTL705" s="613"/>
      <c r="GTM705" s="613"/>
      <c r="GTN705" s="613"/>
      <c r="GTO705" s="613"/>
      <c r="GTP705" s="613"/>
      <c r="GTQ705" s="613"/>
      <c r="GTR705" s="613"/>
      <c r="GTS705" s="613"/>
      <c r="GTT705" s="613"/>
      <c r="GTU705" s="613"/>
      <c r="GTV705" s="613"/>
      <c r="GTW705" s="613"/>
      <c r="GTX705" s="613"/>
      <c r="GTY705" s="613"/>
      <c r="GTZ705" s="613"/>
      <c r="GUA705" s="613"/>
      <c r="GUB705" s="613"/>
      <c r="GUC705" s="613"/>
      <c r="GUD705" s="613"/>
      <c r="GUE705" s="613"/>
      <c r="GUF705" s="613"/>
      <c r="GUG705" s="613"/>
      <c r="GUH705" s="613"/>
      <c r="GUI705" s="613"/>
      <c r="GUJ705" s="613"/>
      <c r="GUK705" s="613"/>
      <c r="GUL705" s="613"/>
      <c r="GUM705" s="613"/>
      <c r="GUN705" s="613"/>
      <c r="GUO705" s="613"/>
      <c r="GUP705" s="613"/>
      <c r="GUQ705" s="613"/>
      <c r="GUR705" s="613"/>
      <c r="GUS705" s="613"/>
      <c r="GUT705" s="613"/>
      <c r="GUU705" s="613"/>
      <c r="GUV705" s="613"/>
      <c r="GUW705" s="613"/>
      <c r="GUX705" s="613"/>
      <c r="GUY705" s="613"/>
      <c r="GUZ705" s="613"/>
      <c r="GVA705" s="613"/>
      <c r="GVB705" s="613"/>
      <c r="GVC705" s="613"/>
      <c r="GVD705" s="613"/>
      <c r="GVE705" s="613"/>
      <c r="GVF705" s="613"/>
      <c r="GVG705" s="613"/>
      <c r="GVH705" s="613"/>
      <c r="GVI705" s="613"/>
      <c r="GVJ705" s="613"/>
      <c r="GVK705" s="613"/>
      <c r="GVL705" s="613"/>
      <c r="GVM705" s="613"/>
      <c r="GVN705" s="613"/>
      <c r="GVO705" s="613"/>
      <c r="GVP705" s="613"/>
      <c r="GVQ705" s="613"/>
      <c r="GVR705" s="613"/>
      <c r="GVS705" s="613"/>
      <c r="GVT705" s="613"/>
      <c r="GVU705" s="613"/>
      <c r="GVV705" s="613"/>
      <c r="GVW705" s="613"/>
      <c r="GVX705" s="613"/>
      <c r="GVY705" s="613"/>
      <c r="GVZ705" s="613"/>
      <c r="GWA705" s="613"/>
      <c r="GWB705" s="613"/>
      <c r="GWC705" s="613"/>
      <c r="GWD705" s="613"/>
      <c r="GWE705" s="613"/>
      <c r="GWF705" s="613"/>
      <c r="GWG705" s="613"/>
      <c r="GWH705" s="613"/>
      <c r="GWI705" s="613"/>
      <c r="GWJ705" s="613"/>
      <c r="GWK705" s="613"/>
      <c r="GWL705" s="613"/>
      <c r="GWM705" s="613"/>
      <c r="GWN705" s="613"/>
      <c r="GWO705" s="613"/>
      <c r="GWP705" s="613"/>
      <c r="GWQ705" s="613"/>
      <c r="GWR705" s="613"/>
      <c r="GWS705" s="613"/>
      <c r="GWT705" s="613"/>
      <c r="GWU705" s="613"/>
      <c r="GWV705" s="613"/>
      <c r="GWW705" s="613"/>
      <c r="GWX705" s="613"/>
      <c r="GWY705" s="613"/>
      <c r="GWZ705" s="613"/>
      <c r="GXA705" s="613"/>
      <c r="GXB705" s="613"/>
      <c r="GXC705" s="613"/>
      <c r="GXD705" s="613"/>
      <c r="GXE705" s="613"/>
      <c r="GXF705" s="613"/>
      <c r="GXG705" s="613"/>
      <c r="GXH705" s="613"/>
      <c r="GXI705" s="613"/>
      <c r="GXJ705" s="613"/>
      <c r="GXK705" s="613"/>
      <c r="GXL705" s="613"/>
      <c r="GXM705" s="613"/>
      <c r="GXN705" s="613"/>
      <c r="GXO705" s="613"/>
      <c r="GXP705" s="613"/>
      <c r="GXQ705" s="613"/>
      <c r="GXR705" s="613"/>
      <c r="GXS705" s="613"/>
      <c r="GXT705" s="613"/>
      <c r="GXU705" s="613"/>
      <c r="GXV705" s="613"/>
      <c r="GXW705" s="613"/>
      <c r="GXX705" s="613"/>
      <c r="GXY705" s="613"/>
      <c r="GXZ705" s="613"/>
      <c r="GYA705" s="613"/>
      <c r="GYB705" s="613"/>
      <c r="GYC705" s="613"/>
      <c r="GYD705" s="613"/>
      <c r="GYE705" s="613"/>
      <c r="GYF705" s="613"/>
      <c r="GYG705" s="613"/>
      <c r="GYH705" s="613"/>
      <c r="GYI705" s="613"/>
      <c r="GYJ705" s="613"/>
      <c r="GYK705" s="613"/>
      <c r="GYL705" s="613"/>
      <c r="GYM705" s="613"/>
      <c r="GYN705" s="613"/>
      <c r="GYO705" s="613"/>
      <c r="GYP705" s="613"/>
      <c r="GYQ705" s="613"/>
      <c r="GYR705" s="613"/>
      <c r="GYS705" s="613"/>
      <c r="GYT705" s="613"/>
      <c r="GYU705" s="613"/>
      <c r="GYV705" s="613"/>
      <c r="GYW705" s="613"/>
      <c r="GYX705" s="613"/>
      <c r="GYY705" s="613"/>
      <c r="GYZ705" s="613"/>
      <c r="GZA705" s="613"/>
      <c r="GZB705" s="613"/>
      <c r="GZC705" s="613"/>
      <c r="GZD705" s="613"/>
      <c r="GZE705" s="613"/>
      <c r="GZF705" s="613"/>
      <c r="GZG705" s="613"/>
      <c r="GZH705" s="613"/>
      <c r="GZI705" s="613"/>
      <c r="GZJ705" s="613"/>
      <c r="GZK705" s="613"/>
      <c r="GZL705" s="613"/>
      <c r="GZM705" s="613"/>
      <c r="GZN705" s="613"/>
      <c r="GZO705" s="613"/>
      <c r="GZP705" s="613"/>
      <c r="GZQ705" s="613"/>
      <c r="GZR705" s="613"/>
      <c r="GZS705" s="613"/>
      <c r="GZT705" s="613"/>
      <c r="GZU705" s="613"/>
      <c r="GZV705" s="613"/>
      <c r="GZW705" s="613"/>
      <c r="GZX705" s="613"/>
      <c r="GZY705" s="613"/>
      <c r="GZZ705" s="613"/>
      <c r="HAA705" s="613"/>
      <c r="HAB705" s="613"/>
      <c r="HAC705" s="613"/>
      <c r="HAD705" s="613"/>
      <c r="HAE705" s="613"/>
      <c r="HAF705" s="613"/>
      <c r="HAG705" s="613"/>
      <c r="HAH705" s="613"/>
      <c r="HAI705" s="613"/>
      <c r="HAJ705" s="613"/>
      <c r="HAK705" s="613"/>
      <c r="HAL705" s="613"/>
      <c r="HAM705" s="613"/>
      <c r="HAN705" s="613"/>
      <c r="HAO705" s="613"/>
      <c r="HAP705" s="613"/>
      <c r="HAQ705" s="613"/>
      <c r="HAR705" s="613"/>
      <c r="HAS705" s="613"/>
      <c r="HAT705" s="613"/>
      <c r="HAU705" s="613"/>
      <c r="HAV705" s="613"/>
      <c r="HAW705" s="613"/>
      <c r="HAX705" s="613"/>
      <c r="HAY705" s="613"/>
      <c r="HAZ705" s="613"/>
      <c r="HBA705" s="613"/>
      <c r="HBB705" s="613"/>
      <c r="HBC705" s="613"/>
      <c r="HBD705" s="613"/>
      <c r="HBE705" s="613"/>
      <c r="HBF705" s="613"/>
      <c r="HBG705" s="613"/>
      <c r="HBH705" s="613"/>
      <c r="HBI705" s="613"/>
      <c r="HBJ705" s="613"/>
      <c r="HBK705" s="613"/>
      <c r="HBL705" s="613"/>
      <c r="HBM705" s="613"/>
      <c r="HBN705" s="613"/>
      <c r="HBO705" s="613"/>
      <c r="HBP705" s="613"/>
      <c r="HBQ705" s="613"/>
      <c r="HBR705" s="613"/>
      <c r="HBS705" s="613"/>
      <c r="HBT705" s="613"/>
      <c r="HBU705" s="613"/>
      <c r="HBV705" s="613"/>
      <c r="HBW705" s="613"/>
      <c r="HBX705" s="613"/>
      <c r="HBY705" s="613"/>
      <c r="HBZ705" s="613"/>
      <c r="HCA705" s="613"/>
      <c r="HCB705" s="613"/>
      <c r="HCC705" s="613"/>
      <c r="HCD705" s="613"/>
      <c r="HCE705" s="613"/>
      <c r="HCF705" s="613"/>
      <c r="HCG705" s="613"/>
      <c r="HCH705" s="613"/>
      <c r="HCI705" s="613"/>
      <c r="HCJ705" s="613"/>
      <c r="HCK705" s="613"/>
      <c r="HCL705" s="613"/>
      <c r="HCM705" s="613"/>
      <c r="HCN705" s="613"/>
      <c r="HCO705" s="613"/>
      <c r="HCP705" s="613"/>
      <c r="HCQ705" s="613"/>
      <c r="HCR705" s="613"/>
      <c r="HCS705" s="613"/>
      <c r="HCT705" s="613"/>
      <c r="HCU705" s="613"/>
      <c r="HCV705" s="613"/>
      <c r="HCW705" s="613"/>
      <c r="HCX705" s="613"/>
      <c r="HCY705" s="613"/>
      <c r="HCZ705" s="613"/>
      <c r="HDA705" s="613"/>
      <c r="HDB705" s="613"/>
      <c r="HDC705" s="613"/>
      <c r="HDD705" s="613"/>
      <c r="HDE705" s="613"/>
      <c r="HDF705" s="613"/>
      <c r="HDG705" s="613"/>
      <c r="HDH705" s="613"/>
      <c r="HDI705" s="613"/>
      <c r="HDJ705" s="613"/>
      <c r="HDK705" s="613"/>
      <c r="HDL705" s="613"/>
      <c r="HDM705" s="613"/>
      <c r="HDN705" s="613"/>
      <c r="HDO705" s="613"/>
      <c r="HDP705" s="613"/>
      <c r="HDQ705" s="613"/>
      <c r="HDR705" s="613"/>
      <c r="HDS705" s="613"/>
      <c r="HDT705" s="613"/>
      <c r="HDU705" s="613"/>
      <c r="HDV705" s="613"/>
      <c r="HDW705" s="613"/>
      <c r="HDX705" s="613"/>
      <c r="HDY705" s="613"/>
      <c r="HDZ705" s="613"/>
      <c r="HEA705" s="613"/>
      <c r="HEB705" s="613"/>
      <c r="HEC705" s="613"/>
      <c r="HED705" s="613"/>
      <c r="HEE705" s="613"/>
      <c r="HEF705" s="613"/>
      <c r="HEG705" s="613"/>
      <c r="HEH705" s="613"/>
      <c r="HEI705" s="613"/>
      <c r="HEJ705" s="613"/>
      <c r="HEK705" s="613"/>
      <c r="HEL705" s="613"/>
      <c r="HEM705" s="613"/>
      <c r="HEN705" s="613"/>
      <c r="HEO705" s="613"/>
      <c r="HEP705" s="613"/>
      <c r="HEQ705" s="613"/>
      <c r="HER705" s="613"/>
      <c r="HES705" s="613"/>
      <c r="HET705" s="613"/>
      <c r="HEU705" s="613"/>
      <c r="HEV705" s="613"/>
      <c r="HEW705" s="613"/>
      <c r="HEX705" s="613"/>
      <c r="HEY705" s="613"/>
      <c r="HEZ705" s="613"/>
      <c r="HFA705" s="613"/>
      <c r="HFB705" s="613"/>
      <c r="HFC705" s="613"/>
      <c r="HFD705" s="613"/>
      <c r="HFE705" s="613"/>
      <c r="HFF705" s="613"/>
      <c r="HFG705" s="613"/>
      <c r="HFH705" s="613"/>
      <c r="HFI705" s="613"/>
      <c r="HFJ705" s="613"/>
      <c r="HFK705" s="613"/>
      <c r="HFL705" s="613"/>
      <c r="HFM705" s="613"/>
      <c r="HFN705" s="613"/>
      <c r="HFO705" s="613"/>
      <c r="HFP705" s="613"/>
      <c r="HFQ705" s="613"/>
      <c r="HFR705" s="613"/>
      <c r="HFS705" s="613"/>
      <c r="HFT705" s="613"/>
      <c r="HFU705" s="613"/>
      <c r="HFV705" s="613"/>
      <c r="HFW705" s="613"/>
      <c r="HFX705" s="613"/>
      <c r="HFY705" s="613"/>
      <c r="HFZ705" s="613"/>
      <c r="HGA705" s="613"/>
      <c r="HGB705" s="613"/>
      <c r="HGC705" s="613"/>
      <c r="HGD705" s="613"/>
      <c r="HGE705" s="613"/>
      <c r="HGF705" s="613"/>
      <c r="HGG705" s="613"/>
      <c r="HGH705" s="613"/>
      <c r="HGI705" s="613"/>
      <c r="HGJ705" s="613"/>
      <c r="HGK705" s="613"/>
      <c r="HGL705" s="613"/>
      <c r="HGM705" s="613"/>
      <c r="HGN705" s="613"/>
      <c r="HGO705" s="613"/>
      <c r="HGP705" s="613"/>
      <c r="HGQ705" s="613"/>
      <c r="HGR705" s="613"/>
      <c r="HGS705" s="613"/>
      <c r="HGT705" s="613"/>
      <c r="HGU705" s="613"/>
      <c r="HGV705" s="613"/>
      <c r="HGW705" s="613"/>
      <c r="HGX705" s="613"/>
      <c r="HGY705" s="613"/>
      <c r="HGZ705" s="613"/>
      <c r="HHA705" s="613"/>
      <c r="HHB705" s="613"/>
      <c r="HHC705" s="613"/>
      <c r="HHD705" s="613"/>
      <c r="HHE705" s="613"/>
      <c r="HHF705" s="613"/>
      <c r="HHG705" s="613"/>
      <c r="HHH705" s="613"/>
      <c r="HHI705" s="613"/>
      <c r="HHJ705" s="613"/>
      <c r="HHK705" s="613"/>
      <c r="HHL705" s="613"/>
      <c r="HHM705" s="613"/>
      <c r="HHN705" s="613"/>
      <c r="HHO705" s="613"/>
      <c r="HHP705" s="613"/>
      <c r="HHQ705" s="613"/>
      <c r="HHR705" s="613"/>
      <c r="HHS705" s="613"/>
      <c r="HHT705" s="613"/>
      <c r="HHU705" s="613"/>
      <c r="HHV705" s="613"/>
      <c r="HHW705" s="613"/>
      <c r="HHX705" s="613"/>
      <c r="HHY705" s="613"/>
      <c r="HHZ705" s="613"/>
      <c r="HIA705" s="613"/>
      <c r="HIB705" s="613"/>
      <c r="HIC705" s="613"/>
      <c r="HID705" s="613"/>
      <c r="HIE705" s="613"/>
      <c r="HIF705" s="613"/>
      <c r="HIG705" s="613"/>
      <c r="HIH705" s="613"/>
      <c r="HII705" s="613"/>
      <c r="HIJ705" s="613"/>
      <c r="HIK705" s="613"/>
      <c r="HIL705" s="613"/>
      <c r="HIM705" s="613"/>
      <c r="HIN705" s="613"/>
      <c r="HIO705" s="613"/>
      <c r="HIP705" s="613"/>
      <c r="HIQ705" s="613"/>
      <c r="HIR705" s="613"/>
      <c r="HIS705" s="613"/>
      <c r="HIT705" s="613"/>
      <c r="HIU705" s="613"/>
      <c r="HIV705" s="613"/>
      <c r="HIW705" s="613"/>
      <c r="HIX705" s="613"/>
      <c r="HIY705" s="613"/>
      <c r="HIZ705" s="613"/>
      <c r="HJA705" s="613"/>
      <c r="HJB705" s="613"/>
      <c r="HJC705" s="613"/>
      <c r="HJD705" s="613"/>
      <c r="HJE705" s="613"/>
      <c r="HJF705" s="613"/>
      <c r="HJG705" s="613"/>
      <c r="HJH705" s="613"/>
      <c r="HJI705" s="613"/>
      <c r="HJJ705" s="613"/>
      <c r="HJK705" s="613"/>
      <c r="HJL705" s="613"/>
      <c r="HJM705" s="613"/>
      <c r="HJN705" s="613"/>
      <c r="HJO705" s="613"/>
      <c r="HJP705" s="613"/>
      <c r="HJQ705" s="613"/>
      <c r="HJR705" s="613"/>
      <c r="HJS705" s="613"/>
      <c r="HJT705" s="613"/>
      <c r="HJU705" s="613"/>
      <c r="HJV705" s="613"/>
      <c r="HJW705" s="613"/>
      <c r="HJX705" s="613"/>
      <c r="HJY705" s="613"/>
      <c r="HJZ705" s="613"/>
      <c r="HKA705" s="613"/>
      <c r="HKB705" s="613"/>
      <c r="HKC705" s="613"/>
      <c r="HKD705" s="613"/>
      <c r="HKE705" s="613"/>
      <c r="HKF705" s="613"/>
      <c r="HKG705" s="613"/>
      <c r="HKH705" s="613"/>
      <c r="HKI705" s="613"/>
      <c r="HKJ705" s="613"/>
      <c r="HKK705" s="613"/>
      <c r="HKL705" s="613"/>
      <c r="HKM705" s="613"/>
      <c r="HKN705" s="613"/>
      <c r="HKO705" s="613"/>
      <c r="HKP705" s="613"/>
      <c r="HKQ705" s="613"/>
      <c r="HKR705" s="613"/>
      <c r="HKS705" s="613"/>
      <c r="HKT705" s="613"/>
      <c r="HKU705" s="613"/>
      <c r="HKV705" s="613"/>
      <c r="HKW705" s="613"/>
      <c r="HKX705" s="613"/>
      <c r="HKY705" s="613"/>
      <c r="HKZ705" s="613"/>
      <c r="HLA705" s="613"/>
      <c r="HLB705" s="613"/>
      <c r="HLC705" s="613"/>
      <c r="HLD705" s="613"/>
      <c r="HLE705" s="613"/>
      <c r="HLF705" s="613"/>
      <c r="HLG705" s="613"/>
      <c r="HLH705" s="613"/>
      <c r="HLI705" s="613"/>
      <c r="HLJ705" s="613"/>
      <c r="HLK705" s="613"/>
      <c r="HLL705" s="613"/>
      <c r="HLM705" s="613"/>
      <c r="HLN705" s="613"/>
      <c r="HLO705" s="613"/>
      <c r="HLP705" s="613"/>
      <c r="HLQ705" s="613"/>
      <c r="HLR705" s="613"/>
      <c r="HLS705" s="613"/>
      <c r="HLT705" s="613"/>
      <c r="HLU705" s="613"/>
      <c r="HLV705" s="613"/>
      <c r="HLW705" s="613"/>
      <c r="HLX705" s="613"/>
      <c r="HLY705" s="613"/>
      <c r="HLZ705" s="613"/>
      <c r="HMA705" s="613"/>
      <c r="HMB705" s="613"/>
      <c r="HMC705" s="613"/>
      <c r="HMD705" s="613"/>
      <c r="HME705" s="613"/>
      <c r="HMF705" s="613"/>
      <c r="HMG705" s="613"/>
      <c r="HMH705" s="613"/>
      <c r="HMI705" s="613"/>
      <c r="HMJ705" s="613"/>
      <c r="HMK705" s="613"/>
      <c r="HML705" s="613"/>
      <c r="HMM705" s="613"/>
      <c r="HMN705" s="613"/>
      <c r="HMO705" s="613"/>
      <c r="HMP705" s="613"/>
      <c r="HMQ705" s="613"/>
      <c r="HMR705" s="613"/>
      <c r="HMS705" s="613"/>
      <c r="HMT705" s="613"/>
      <c r="HMU705" s="613"/>
      <c r="HMV705" s="613"/>
      <c r="HMW705" s="613"/>
      <c r="HMX705" s="613"/>
      <c r="HMY705" s="613"/>
      <c r="HMZ705" s="613"/>
      <c r="HNA705" s="613"/>
      <c r="HNB705" s="613"/>
      <c r="HNC705" s="613"/>
      <c r="HND705" s="613"/>
      <c r="HNE705" s="613"/>
      <c r="HNF705" s="613"/>
      <c r="HNG705" s="613"/>
      <c r="HNH705" s="613"/>
      <c r="HNI705" s="613"/>
      <c r="HNJ705" s="613"/>
      <c r="HNK705" s="613"/>
      <c r="HNL705" s="613"/>
      <c r="HNM705" s="613"/>
      <c r="HNN705" s="613"/>
      <c r="HNO705" s="613"/>
      <c r="HNP705" s="613"/>
      <c r="HNQ705" s="613"/>
      <c r="HNR705" s="613"/>
      <c r="HNS705" s="613"/>
      <c r="HNT705" s="613"/>
      <c r="HNU705" s="613"/>
      <c r="HNV705" s="613"/>
      <c r="HNW705" s="613"/>
      <c r="HNX705" s="613"/>
      <c r="HNY705" s="613"/>
      <c r="HNZ705" s="613"/>
      <c r="HOA705" s="613"/>
      <c r="HOB705" s="613"/>
      <c r="HOC705" s="613"/>
      <c r="HOD705" s="613"/>
      <c r="HOE705" s="613"/>
      <c r="HOF705" s="613"/>
      <c r="HOG705" s="613"/>
      <c r="HOH705" s="613"/>
      <c r="HOI705" s="613"/>
      <c r="HOJ705" s="613"/>
      <c r="HOK705" s="613"/>
      <c r="HOL705" s="613"/>
      <c r="HOM705" s="613"/>
      <c r="HON705" s="613"/>
      <c r="HOO705" s="613"/>
      <c r="HOP705" s="613"/>
      <c r="HOQ705" s="613"/>
      <c r="HOR705" s="613"/>
      <c r="HOS705" s="613"/>
      <c r="HOT705" s="613"/>
      <c r="HOU705" s="613"/>
      <c r="HOV705" s="613"/>
      <c r="HOW705" s="613"/>
      <c r="HOX705" s="613"/>
      <c r="HOY705" s="613"/>
      <c r="HOZ705" s="613"/>
      <c r="HPA705" s="613"/>
      <c r="HPB705" s="613"/>
      <c r="HPC705" s="613"/>
      <c r="HPD705" s="613"/>
      <c r="HPE705" s="613"/>
      <c r="HPF705" s="613"/>
      <c r="HPG705" s="613"/>
      <c r="HPH705" s="613"/>
      <c r="HPI705" s="613"/>
      <c r="HPJ705" s="613"/>
      <c r="HPK705" s="613"/>
      <c r="HPL705" s="613"/>
      <c r="HPM705" s="613"/>
      <c r="HPN705" s="613"/>
      <c r="HPO705" s="613"/>
      <c r="HPP705" s="613"/>
      <c r="HPQ705" s="613"/>
      <c r="HPR705" s="613"/>
      <c r="HPS705" s="613"/>
      <c r="HPT705" s="613"/>
      <c r="HPU705" s="613"/>
      <c r="HPV705" s="613"/>
      <c r="HPW705" s="613"/>
      <c r="HPX705" s="613"/>
      <c r="HPY705" s="613"/>
      <c r="HPZ705" s="613"/>
      <c r="HQA705" s="613"/>
      <c r="HQB705" s="613"/>
      <c r="HQC705" s="613"/>
      <c r="HQD705" s="613"/>
      <c r="HQE705" s="613"/>
      <c r="HQF705" s="613"/>
      <c r="HQG705" s="613"/>
      <c r="HQH705" s="613"/>
      <c r="HQI705" s="613"/>
      <c r="HQJ705" s="613"/>
      <c r="HQK705" s="613"/>
      <c r="HQL705" s="613"/>
      <c r="HQM705" s="613"/>
      <c r="HQN705" s="613"/>
      <c r="HQO705" s="613"/>
      <c r="HQP705" s="613"/>
      <c r="HQQ705" s="613"/>
      <c r="HQR705" s="613"/>
      <c r="HQS705" s="613"/>
      <c r="HQT705" s="613"/>
      <c r="HQU705" s="613"/>
      <c r="HQV705" s="613"/>
      <c r="HQW705" s="613"/>
      <c r="HQX705" s="613"/>
      <c r="HQY705" s="613"/>
      <c r="HQZ705" s="613"/>
      <c r="HRA705" s="613"/>
      <c r="HRB705" s="613"/>
      <c r="HRC705" s="613"/>
      <c r="HRD705" s="613"/>
      <c r="HRE705" s="613"/>
      <c r="HRF705" s="613"/>
      <c r="HRG705" s="613"/>
      <c r="HRH705" s="613"/>
      <c r="HRI705" s="613"/>
      <c r="HRJ705" s="613"/>
      <c r="HRK705" s="613"/>
      <c r="HRL705" s="613"/>
      <c r="HRM705" s="613"/>
      <c r="HRN705" s="613"/>
      <c r="HRO705" s="613"/>
      <c r="HRP705" s="613"/>
      <c r="HRQ705" s="613"/>
      <c r="HRR705" s="613"/>
      <c r="HRS705" s="613"/>
      <c r="HRT705" s="613"/>
      <c r="HRU705" s="613"/>
      <c r="HRV705" s="613"/>
      <c r="HRW705" s="613"/>
      <c r="HRX705" s="613"/>
      <c r="HRY705" s="613"/>
      <c r="HRZ705" s="613"/>
      <c r="HSA705" s="613"/>
      <c r="HSB705" s="613"/>
      <c r="HSC705" s="613"/>
      <c r="HSD705" s="613"/>
      <c r="HSE705" s="613"/>
      <c r="HSF705" s="613"/>
      <c r="HSG705" s="613"/>
      <c r="HSH705" s="613"/>
      <c r="HSI705" s="613"/>
      <c r="HSJ705" s="613"/>
      <c r="HSK705" s="613"/>
      <c r="HSL705" s="613"/>
      <c r="HSM705" s="613"/>
      <c r="HSN705" s="613"/>
      <c r="HSO705" s="613"/>
      <c r="HSP705" s="613"/>
      <c r="HSQ705" s="613"/>
      <c r="HSR705" s="613"/>
      <c r="HSS705" s="613"/>
      <c r="HST705" s="613"/>
      <c r="HSU705" s="613"/>
      <c r="HSV705" s="613"/>
      <c r="HSW705" s="613"/>
      <c r="HSX705" s="613"/>
      <c r="HSY705" s="613"/>
      <c r="HSZ705" s="613"/>
      <c r="HTA705" s="613"/>
      <c r="HTB705" s="613"/>
      <c r="HTC705" s="613"/>
      <c r="HTD705" s="613"/>
      <c r="HTE705" s="613"/>
      <c r="HTF705" s="613"/>
      <c r="HTG705" s="613"/>
      <c r="HTH705" s="613"/>
      <c r="HTI705" s="613"/>
      <c r="HTJ705" s="613"/>
      <c r="HTK705" s="613"/>
      <c r="HTL705" s="613"/>
      <c r="HTM705" s="613"/>
      <c r="HTN705" s="613"/>
      <c r="HTO705" s="613"/>
      <c r="HTP705" s="613"/>
      <c r="HTQ705" s="613"/>
      <c r="HTR705" s="613"/>
      <c r="HTS705" s="613"/>
      <c r="HTT705" s="613"/>
      <c r="HTU705" s="613"/>
      <c r="HTV705" s="613"/>
      <c r="HTW705" s="613"/>
      <c r="HTX705" s="613"/>
      <c r="HTY705" s="613"/>
      <c r="HTZ705" s="613"/>
      <c r="HUA705" s="613"/>
      <c r="HUB705" s="613"/>
      <c r="HUC705" s="613"/>
      <c r="HUD705" s="613"/>
      <c r="HUE705" s="613"/>
      <c r="HUF705" s="613"/>
      <c r="HUG705" s="613"/>
      <c r="HUH705" s="613"/>
      <c r="HUI705" s="613"/>
      <c r="HUJ705" s="613"/>
      <c r="HUK705" s="613"/>
      <c r="HUL705" s="613"/>
      <c r="HUM705" s="613"/>
      <c r="HUN705" s="613"/>
      <c r="HUO705" s="613"/>
      <c r="HUP705" s="613"/>
      <c r="HUQ705" s="613"/>
      <c r="HUR705" s="613"/>
      <c r="HUS705" s="613"/>
      <c r="HUT705" s="613"/>
      <c r="HUU705" s="613"/>
      <c r="HUV705" s="613"/>
      <c r="HUW705" s="613"/>
      <c r="HUX705" s="613"/>
      <c r="HUY705" s="613"/>
      <c r="HUZ705" s="613"/>
      <c r="HVA705" s="613"/>
      <c r="HVB705" s="613"/>
      <c r="HVC705" s="613"/>
      <c r="HVD705" s="613"/>
      <c r="HVE705" s="613"/>
      <c r="HVF705" s="613"/>
      <c r="HVG705" s="613"/>
      <c r="HVH705" s="613"/>
      <c r="HVI705" s="613"/>
      <c r="HVJ705" s="613"/>
      <c r="HVK705" s="613"/>
      <c r="HVL705" s="613"/>
      <c r="HVM705" s="613"/>
      <c r="HVN705" s="613"/>
      <c r="HVO705" s="613"/>
      <c r="HVP705" s="613"/>
      <c r="HVQ705" s="613"/>
      <c r="HVR705" s="613"/>
      <c r="HVS705" s="613"/>
      <c r="HVT705" s="613"/>
      <c r="HVU705" s="613"/>
      <c r="HVV705" s="613"/>
      <c r="HVW705" s="613"/>
      <c r="HVX705" s="613"/>
      <c r="HVY705" s="613"/>
      <c r="HVZ705" s="613"/>
      <c r="HWA705" s="613"/>
      <c r="HWB705" s="613"/>
      <c r="HWC705" s="613"/>
      <c r="HWD705" s="613"/>
      <c r="HWE705" s="613"/>
      <c r="HWF705" s="613"/>
      <c r="HWG705" s="613"/>
      <c r="HWH705" s="613"/>
      <c r="HWI705" s="613"/>
      <c r="HWJ705" s="613"/>
      <c r="HWK705" s="613"/>
      <c r="HWL705" s="613"/>
      <c r="HWM705" s="613"/>
      <c r="HWN705" s="613"/>
      <c r="HWO705" s="613"/>
      <c r="HWP705" s="613"/>
      <c r="HWQ705" s="613"/>
      <c r="HWR705" s="613"/>
      <c r="HWS705" s="613"/>
      <c r="HWT705" s="613"/>
      <c r="HWU705" s="613"/>
      <c r="HWV705" s="613"/>
      <c r="HWW705" s="613"/>
      <c r="HWX705" s="613"/>
      <c r="HWY705" s="613"/>
      <c r="HWZ705" s="613"/>
      <c r="HXA705" s="613"/>
      <c r="HXB705" s="613"/>
      <c r="HXC705" s="613"/>
      <c r="HXD705" s="613"/>
      <c r="HXE705" s="613"/>
      <c r="HXF705" s="613"/>
      <c r="HXG705" s="613"/>
      <c r="HXH705" s="613"/>
      <c r="HXI705" s="613"/>
      <c r="HXJ705" s="613"/>
      <c r="HXK705" s="613"/>
      <c r="HXL705" s="613"/>
      <c r="HXM705" s="613"/>
      <c r="HXN705" s="613"/>
      <c r="HXO705" s="613"/>
      <c r="HXP705" s="613"/>
      <c r="HXQ705" s="613"/>
      <c r="HXR705" s="613"/>
      <c r="HXS705" s="613"/>
      <c r="HXT705" s="613"/>
      <c r="HXU705" s="613"/>
      <c r="HXV705" s="613"/>
      <c r="HXW705" s="613"/>
      <c r="HXX705" s="613"/>
      <c r="HXY705" s="613"/>
      <c r="HXZ705" s="613"/>
      <c r="HYA705" s="613"/>
      <c r="HYB705" s="613"/>
      <c r="HYC705" s="613"/>
      <c r="HYD705" s="613"/>
      <c r="HYE705" s="613"/>
      <c r="HYF705" s="613"/>
      <c r="HYG705" s="613"/>
      <c r="HYH705" s="613"/>
      <c r="HYI705" s="613"/>
      <c r="HYJ705" s="613"/>
      <c r="HYK705" s="613"/>
      <c r="HYL705" s="613"/>
      <c r="HYM705" s="613"/>
      <c r="HYN705" s="613"/>
      <c r="HYO705" s="613"/>
      <c r="HYP705" s="613"/>
      <c r="HYQ705" s="613"/>
      <c r="HYR705" s="613"/>
      <c r="HYS705" s="613"/>
      <c r="HYT705" s="613"/>
      <c r="HYU705" s="613"/>
      <c r="HYV705" s="613"/>
      <c r="HYW705" s="613"/>
      <c r="HYX705" s="613"/>
      <c r="HYY705" s="613"/>
      <c r="HYZ705" s="613"/>
      <c r="HZA705" s="613"/>
      <c r="HZB705" s="613"/>
      <c r="HZC705" s="613"/>
      <c r="HZD705" s="613"/>
      <c r="HZE705" s="613"/>
      <c r="HZF705" s="613"/>
      <c r="HZG705" s="613"/>
      <c r="HZH705" s="613"/>
      <c r="HZI705" s="613"/>
      <c r="HZJ705" s="613"/>
      <c r="HZK705" s="613"/>
      <c r="HZL705" s="613"/>
      <c r="HZM705" s="613"/>
      <c r="HZN705" s="613"/>
      <c r="HZO705" s="613"/>
      <c r="HZP705" s="613"/>
      <c r="HZQ705" s="613"/>
      <c r="HZR705" s="613"/>
      <c r="HZS705" s="613"/>
      <c r="HZT705" s="613"/>
      <c r="HZU705" s="613"/>
      <c r="HZV705" s="613"/>
      <c r="HZW705" s="613"/>
      <c r="HZX705" s="613"/>
      <c r="HZY705" s="613"/>
      <c r="HZZ705" s="613"/>
      <c r="IAA705" s="613"/>
      <c r="IAB705" s="613"/>
      <c r="IAC705" s="613"/>
      <c r="IAD705" s="613"/>
      <c r="IAE705" s="613"/>
      <c r="IAF705" s="613"/>
      <c r="IAG705" s="613"/>
      <c r="IAH705" s="613"/>
      <c r="IAI705" s="613"/>
      <c r="IAJ705" s="613"/>
      <c r="IAK705" s="613"/>
      <c r="IAL705" s="613"/>
      <c r="IAM705" s="613"/>
      <c r="IAN705" s="613"/>
      <c r="IAO705" s="613"/>
      <c r="IAP705" s="613"/>
      <c r="IAQ705" s="613"/>
      <c r="IAR705" s="613"/>
      <c r="IAS705" s="613"/>
      <c r="IAT705" s="613"/>
      <c r="IAU705" s="613"/>
      <c r="IAV705" s="613"/>
      <c r="IAW705" s="613"/>
      <c r="IAX705" s="613"/>
      <c r="IAY705" s="613"/>
      <c r="IAZ705" s="613"/>
      <c r="IBA705" s="613"/>
      <c r="IBB705" s="613"/>
      <c r="IBC705" s="613"/>
      <c r="IBD705" s="613"/>
      <c r="IBE705" s="613"/>
      <c r="IBF705" s="613"/>
      <c r="IBG705" s="613"/>
      <c r="IBH705" s="613"/>
      <c r="IBI705" s="613"/>
      <c r="IBJ705" s="613"/>
      <c r="IBK705" s="613"/>
      <c r="IBL705" s="613"/>
      <c r="IBM705" s="613"/>
      <c r="IBN705" s="613"/>
      <c r="IBO705" s="613"/>
      <c r="IBP705" s="613"/>
      <c r="IBQ705" s="613"/>
      <c r="IBR705" s="613"/>
      <c r="IBS705" s="613"/>
      <c r="IBT705" s="613"/>
      <c r="IBU705" s="613"/>
      <c r="IBV705" s="613"/>
      <c r="IBW705" s="613"/>
      <c r="IBX705" s="613"/>
      <c r="IBY705" s="613"/>
      <c r="IBZ705" s="613"/>
      <c r="ICA705" s="613"/>
      <c r="ICB705" s="613"/>
      <c r="ICC705" s="613"/>
      <c r="ICD705" s="613"/>
      <c r="ICE705" s="613"/>
      <c r="ICF705" s="613"/>
      <c r="ICG705" s="613"/>
      <c r="ICH705" s="613"/>
      <c r="ICI705" s="613"/>
      <c r="ICJ705" s="613"/>
      <c r="ICK705" s="613"/>
      <c r="ICL705" s="613"/>
      <c r="ICM705" s="613"/>
      <c r="ICN705" s="613"/>
      <c r="ICO705" s="613"/>
      <c r="ICP705" s="613"/>
      <c r="ICQ705" s="613"/>
      <c r="ICR705" s="613"/>
      <c r="ICS705" s="613"/>
      <c r="ICT705" s="613"/>
      <c r="ICU705" s="613"/>
      <c r="ICV705" s="613"/>
      <c r="ICW705" s="613"/>
      <c r="ICX705" s="613"/>
      <c r="ICY705" s="613"/>
      <c r="ICZ705" s="613"/>
      <c r="IDA705" s="613"/>
      <c r="IDB705" s="613"/>
      <c r="IDC705" s="613"/>
      <c r="IDD705" s="613"/>
      <c r="IDE705" s="613"/>
      <c r="IDF705" s="613"/>
      <c r="IDG705" s="613"/>
      <c r="IDH705" s="613"/>
      <c r="IDI705" s="613"/>
      <c r="IDJ705" s="613"/>
      <c r="IDK705" s="613"/>
      <c r="IDL705" s="613"/>
      <c r="IDM705" s="613"/>
      <c r="IDN705" s="613"/>
      <c r="IDO705" s="613"/>
      <c r="IDP705" s="613"/>
      <c r="IDQ705" s="613"/>
      <c r="IDR705" s="613"/>
      <c r="IDS705" s="613"/>
      <c r="IDT705" s="613"/>
      <c r="IDU705" s="613"/>
      <c r="IDV705" s="613"/>
      <c r="IDW705" s="613"/>
      <c r="IDX705" s="613"/>
      <c r="IDY705" s="613"/>
      <c r="IDZ705" s="613"/>
      <c r="IEA705" s="613"/>
      <c r="IEB705" s="613"/>
      <c r="IEC705" s="613"/>
      <c r="IED705" s="613"/>
      <c r="IEE705" s="613"/>
      <c r="IEF705" s="613"/>
      <c r="IEG705" s="613"/>
      <c r="IEH705" s="613"/>
      <c r="IEI705" s="613"/>
      <c r="IEJ705" s="613"/>
      <c r="IEK705" s="613"/>
      <c r="IEL705" s="613"/>
      <c r="IEM705" s="613"/>
      <c r="IEN705" s="613"/>
      <c r="IEO705" s="613"/>
      <c r="IEP705" s="613"/>
      <c r="IEQ705" s="613"/>
      <c r="IER705" s="613"/>
      <c r="IES705" s="613"/>
      <c r="IET705" s="613"/>
      <c r="IEU705" s="613"/>
      <c r="IEV705" s="613"/>
      <c r="IEW705" s="613"/>
      <c r="IEX705" s="613"/>
      <c r="IEY705" s="613"/>
      <c r="IEZ705" s="613"/>
      <c r="IFA705" s="613"/>
      <c r="IFB705" s="613"/>
      <c r="IFC705" s="613"/>
      <c r="IFD705" s="613"/>
      <c r="IFE705" s="613"/>
      <c r="IFF705" s="613"/>
      <c r="IFG705" s="613"/>
      <c r="IFH705" s="613"/>
      <c r="IFI705" s="613"/>
      <c r="IFJ705" s="613"/>
      <c r="IFK705" s="613"/>
      <c r="IFL705" s="613"/>
      <c r="IFM705" s="613"/>
      <c r="IFN705" s="613"/>
      <c r="IFO705" s="613"/>
      <c r="IFP705" s="613"/>
      <c r="IFQ705" s="613"/>
      <c r="IFR705" s="613"/>
      <c r="IFS705" s="613"/>
      <c r="IFT705" s="613"/>
      <c r="IFU705" s="613"/>
      <c r="IFV705" s="613"/>
      <c r="IFW705" s="613"/>
      <c r="IFX705" s="613"/>
      <c r="IFY705" s="613"/>
      <c r="IFZ705" s="613"/>
      <c r="IGA705" s="613"/>
      <c r="IGB705" s="613"/>
      <c r="IGC705" s="613"/>
      <c r="IGD705" s="613"/>
      <c r="IGE705" s="613"/>
      <c r="IGF705" s="613"/>
      <c r="IGG705" s="613"/>
      <c r="IGH705" s="613"/>
      <c r="IGI705" s="613"/>
      <c r="IGJ705" s="613"/>
      <c r="IGK705" s="613"/>
      <c r="IGL705" s="613"/>
      <c r="IGM705" s="613"/>
      <c r="IGN705" s="613"/>
      <c r="IGO705" s="613"/>
      <c r="IGP705" s="613"/>
      <c r="IGQ705" s="613"/>
      <c r="IGR705" s="613"/>
      <c r="IGS705" s="613"/>
      <c r="IGT705" s="613"/>
      <c r="IGU705" s="613"/>
      <c r="IGV705" s="613"/>
      <c r="IGW705" s="613"/>
      <c r="IGX705" s="613"/>
      <c r="IGY705" s="613"/>
      <c r="IGZ705" s="613"/>
      <c r="IHA705" s="613"/>
      <c r="IHB705" s="613"/>
      <c r="IHC705" s="613"/>
      <c r="IHD705" s="613"/>
      <c r="IHE705" s="613"/>
      <c r="IHF705" s="613"/>
      <c r="IHG705" s="613"/>
      <c r="IHH705" s="613"/>
      <c r="IHI705" s="613"/>
      <c r="IHJ705" s="613"/>
      <c r="IHK705" s="613"/>
      <c r="IHL705" s="613"/>
      <c r="IHM705" s="613"/>
      <c r="IHN705" s="613"/>
      <c r="IHO705" s="613"/>
      <c r="IHP705" s="613"/>
      <c r="IHQ705" s="613"/>
      <c r="IHR705" s="613"/>
      <c r="IHS705" s="613"/>
      <c r="IHT705" s="613"/>
      <c r="IHU705" s="613"/>
      <c r="IHV705" s="613"/>
      <c r="IHW705" s="613"/>
      <c r="IHX705" s="613"/>
      <c r="IHY705" s="613"/>
      <c r="IHZ705" s="613"/>
      <c r="IIA705" s="613"/>
      <c r="IIB705" s="613"/>
      <c r="IIC705" s="613"/>
      <c r="IID705" s="613"/>
      <c r="IIE705" s="613"/>
      <c r="IIF705" s="613"/>
      <c r="IIG705" s="613"/>
      <c r="IIH705" s="613"/>
      <c r="III705" s="613"/>
      <c r="IIJ705" s="613"/>
      <c r="IIK705" s="613"/>
      <c r="IIL705" s="613"/>
      <c r="IIM705" s="613"/>
      <c r="IIN705" s="613"/>
      <c r="IIO705" s="613"/>
      <c r="IIP705" s="613"/>
      <c r="IIQ705" s="613"/>
      <c r="IIR705" s="613"/>
      <c r="IIS705" s="613"/>
      <c r="IIT705" s="613"/>
      <c r="IIU705" s="613"/>
      <c r="IIV705" s="613"/>
      <c r="IIW705" s="613"/>
      <c r="IIX705" s="613"/>
      <c r="IIY705" s="613"/>
      <c r="IIZ705" s="613"/>
      <c r="IJA705" s="613"/>
      <c r="IJB705" s="613"/>
      <c r="IJC705" s="613"/>
      <c r="IJD705" s="613"/>
      <c r="IJE705" s="613"/>
      <c r="IJF705" s="613"/>
      <c r="IJG705" s="613"/>
      <c r="IJH705" s="613"/>
      <c r="IJI705" s="613"/>
      <c r="IJJ705" s="613"/>
      <c r="IJK705" s="613"/>
      <c r="IJL705" s="613"/>
      <c r="IJM705" s="613"/>
      <c r="IJN705" s="613"/>
      <c r="IJO705" s="613"/>
      <c r="IJP705" s="613"/>
      <c r="IJQ705" s="613"/>
      <c r="IJR705" s="613"/>
      <c r="IJS705" s="613"/>
      <c r="IJT705" s="613"/>
      <c r="IJU705" s="613"/>
      <c r="IJV705" s="613"/>
      <c r="IJW705" s="613"/>
      <c r="IJX705" s="613"/>
      <c r="IJY705" s="613"/>
      <c r="IJZ705" s="613"/>
      <c r="IKA705" s="613"/>
      <c r="IKB705" s="613"/>
      <c r="IKC705" s="613"/>
      <c r="IKD705" s="613"/>
      <c r="IKE705" s="613"/>
      <c r="IKF705" s="613"/>
      <c r="IKG705" s="613"/>
      <c r="IKH705" s="613"/>
      <c r="IKI705" s="613"/>
      <c r="IKJ705" s="613"/>
      <c r="IKK705" s="613"/>
      <c r="IKL705" s="613"/>
      <c r="IKM705" s="613"/>
      <c r="IKN705" s="613"/>
      <c r="IKO705" s="613"/>
      <c r="IKP705" s="613"/>
      <c r="IKQ705" s="613"/>
      <c r="IKR705" s="613"/>
      <c r="IKS705" s="613"/>
      <c r="IKT705" s="613"/>
      <c r="IKU705" s="613"/>
      <c r="IKV705" s="613"/>
      <c r="IKW705" s="613"/>
      <c r="IKX705" s="613"/>
      <c r="IKY705" s="613"/>
      <c r="IKZ705" s="613"/>
      <c r="ILA705" s="613"/>
      <c r="ILB705" s="613"/>
      <c r="ILC705" s="613"/>
      <c r="ILD705" s="613"/>
      <c r="ILE705" s="613"/>
      <c r="ILF705" s="613"/>
      <c r="ILG705" s="613"/>
      <c r="ILH705" s="613"/>
      <c r="ILI705" s="613"/>
      <c r="ILJ705" s="613"/>
      <c r="ILK705" s="613"/>
      <c r="ILL705" s="613"/>
      <c r="ILM705" s="613"/>
      <c r="ILN705" s="613"/>
      <c r="ILO705" s="613"/>
      <c r="ILP705" s="613"/>
      <c r="ILQ705" s="613"/>
      <c r="ILR705" s="613"/>
      <c r="ILS705" s="613"/>
      <c r="ILT705" s="613"/>
      <c r="ILU705" s="613"/>
      <c r="ILV705" s="613"/>
      <c r="ILW705" s="613"/>
      <c r="ILX705" s="613"/>
      <c r="ILY705" s="613"/>
      <c r="ILZ705" s="613"/>
      <c r="IMA705" s="613"/>
      <c r="IMB705" s="613"/>
      <c r="IMC705" s="613"/>
      <c r="IMD705" s="613"/>
      <c r="IME705" s="613"/>
      <c r="IMF705" s="613"/>
      <c r="IMG705" s="613"/>
      <c r="IMH705" s="613"/>
      <c r="IMI705" s="613"/>
      <c r="IMJ705" s="613"/>
      <c r="IMK705" s="613"/>
      <c r="IML705" s="613"/>
      <c r="IMM705" s="613"/>
      <c r="IMN705" s="613"/>
      <c r="IMO705" s="613"/>
      <c r="IMP705" s="613"/>
      <c r="IMQ705" s="613"/>
      <c r="IMR705" s="613"/>
      <c r="IMS705" s="613"/>
      <c r="IMT705" s="613"/>
      <c r="IMU705" s="613"/>
      <c r="IMV705" s="613"/>
      <c r="IMW705" s="613"/>
      <c r="IMX705" s="613"/>
      <c r="IMY705" s="613"/>
      <c r="IMZ705" s="613"/>
      <c r="INA705" s="613"/>
      <c r="INB705" s="613"/>
      <c r="INC705" s="613"/>
      <c r="IND705" s="613"/>
      <c r="INE705" s="613"/>
      <c r="INF705" s="613"/>
      <c r="ING705" s="613"/>
      <c r="INH705" s="613"/>
      <c r="INI705" s="613"/>
      <c r="INJ705" s="613"/>
      <c r="INK705" s="613"/>
      <c r="INL705" s="613"/>
      <c r="INM705" s="613"/>
      <c r="INN705" s="613"/>
      <c r="INO705" s="613"/>
      <c r="INP705" s="613"/>
      <c r="INQ705" s="613"/>
      <c r="INR705" s="613"/>
      <c r="INS705" s="613"/>
      <c r="INT705" s="613"/>
      <c r="INU705" s="613"/>
      <c r="INV705" s="613"/>
      <c r="INW705" s="613"/>
      <c r="INX705" s="613"/>
      <c r="INY705" s="613"/>
      <c r="INZ705" s="613"/>
      <c r="IOA705" s="613"/>
      <c r="IOB705" s="613"/>
      <c r="IOC705" s="613"/>
      <c r="IOD705" s="613"/>
      <c r="IOE705" s="613"/>
      <c r="IOF705" s="613"/>
      <c r="IOG705" s="613"/>
      <c r="IOH705" s="613"/>
      <c r="IOI705" s="613"/>
      <c r="IOJ705" s="613"/>
      <c r="IOK705" s="613"/>
      <c r="IOL705" s="613"/>
      <c r="IOM705" s="613"/>
      <c r="ION705" s="613"/>
      <c r="IOO705" s="613"/>
      <c r="IOP705" s="613"/>
      <c r="IOQ705" s="613"/>
      <c r="IOR705" s="613"/>
      <c r="IOS705" s="613"/>
      <c r="IOT705" s="613"/>
      <c r="IOU705" s="613"/>
      <c r="IOV705" s="613"/>
      <c r="IOW705" s="613"/>
      <c r="IOX705" s="613"/>
      <c r="IOY705" s="613"/>
      <c r="IOZ705" s="613"/>
      <c r="IPA705" s="613"/>
      <c r="IPB705" s="613"/>
      <c r="IPC705" s="613"/>
      <c r="IPD705" s="613"/>
      <c r="IPE705" s="613"/>
      <c r="IPF705" s="613"/>
      <c r="IPG705" s="613"/>
      <c r="IPH705" s="613"/>
      <c r="IPI705" s="613"/>
      <c r="IPJ705" s="613"/>
      <c r="IPK705" s="613"/>
      <c r="IPL705" s="613"/>
      <c r="IPM705" s="613"/>
      <c r="IPN705" s="613"/>
      <c r="IPO705" s="613"/>
      <c r="IPP705" s="613"/>
      <c r="IPQ705" s="613"/>
      <c r="IPR705" s="613"/>
      <c r="IPS705" s="613"/>
      <c r="IPT705" s="613"/>
      <c r="IPU705" s="613"/>
      <c r="IPV705" s="613"/>
      <c r="IPW705" s="613"/>
      <c r="IPX705" s="613"/>
      <c r="IPY705" s="613"/>
      <c r="IPZ705" s="613"/>
      <c r="IQA705" s="613"/>
      <c r="IQB705" s="613"/>
      <c r="IQC705" s="613"/>
      <c r="IQD705" s="613"/>
      <c r="IQE705" s="613"/>
      <c r="IQF705" s="613"/>
      <c r="IQG705" s="613"/>
      <c r="IQH705" s="613"/>
      <c r="IQI705" s="613"/>
      <c r="IQJ705" s="613"/>
      <c r="IQK705" s="613"/>
      <c r="IQL705" s="613"/>
      <c r="IQM705" s="613"/>
      <c r="IQN705" s="613"/>
      <c r="IQO705" s="613"/>
      <c r="IQP705" s="613"/>
      <c r="IQQ705" s="613"/>
      <c r="IQR705" s="613"/>
      <c r="IQS705" s="613"/>
      <c r="IQT705" s="613"/>
      <c r="IQU705" s="613"/>
      <c r="IQV705" s="613"/>
      <c r="IQW705" s="613"/>
      <c r="IQX705" s="613"/>
      <c r="IQY705" s="613"/>
      <c r="IQZ705" s="613"/>
      <c r="IRA705" s="613"/>
      <c r="IRB705" s="613"/>
      <c r="IRC705" s="613"/>
      <c r="IRD705" s="613"/>
      <c r="IRE705" s="613"/>
      <c r="IRF705" s="613"/>
      <c r="IRG705" s="613"/>
      <c r="IRH705" s="613"/>
      <c r="IRI705" s="613"/>
      <c r="IRJ705" s="613"/>
      <c r="IRK705" s="613"/>
      <c r="IRL705" s="613"/>
      <c r="IRM705" s="613"/>
      <c r="IRN705" s="613"/>
      <c r="IRO705" s="613"/>
      <c r="IRP705" s="613"/>
      <c r="IRQ705" s="613"/>
      <c r="IRR705" s="613"/>
      <c r="IRS705" s="613"/>
      <c r="IRT705" s="613"/>
      <c r="IRU705" s="613"/>
      <c r="IRV705" s="613"/>
      <c r="IRW705" s="613"/>
      <c r="IRX705" s="613"/>
      <c r="IRY705" s="613"/>
      <c r="IRZ705" s="613"/>
      <c r="ISA705" s="613"/>
      <c r="ISB705" s="613"/>
      <c r="ISC705" s="613"/>
      <c r="ISD705" s="613"/>
      <c r="ISE705" s="613"/>
      <c r="ISF705" s="613"/>
      <c r="ISG705" s="613"/>
      <c r="ISH705" s="613"/>
      <c r="ISI705" s="613"/>
      <c r="ISJ705" s="613"/>
      <c r="ISK705" s="613"/>
      <c r="ISL705" s="613"/>
      <c r="ISM705" s="613"/>
      <c r="ISN705" s="613"/>
      <c r="ISO705" s="613"/>
      <c r="ISP705" s="613"/>
      <c r="ISQ705" s="613"/>
      <c r="ISR705" s="613"/>
      <c r="ISS705" s="613"/>
      <c r="IST705" s="613"/>
      <c r="ISU705" s="613"/>
      <c r="ISV705" s="613"/>
      <c r="ISW705" s="613"/>
      <c r="ISX705" s="613"/>
      <c r="ISY705" s="613"/>
      <c r="ISZ705" s="613"/>
      <c r="ITA705" s="613"/>
      <c r="ITB705" s="613"/>
      <c r="ITC705" s="613"/>
      <c r="ITD705" s="613"/>
      <c r="ITE705" s="613"/>
      <c r="ITF705" s="613"/>
      <c r="ITG705" s="613"/>
      <c r="ITH705" s="613"/>
      <c r="ITI705" s="613"/>
      <c r="ITJ705" s="613"/>
      <c r="ITK705" s="613"/>
      <c r="ITL705" s="613"/>
      <c r="ITM705" s="613"/>
      <c r="ITN705" s="613"/>
      <c r="ITO705" s="613"/>
      <c r="ITP705" s="613"/>
      <c r="ITQ705" s="613"/>
      <c r="ITR705" s="613"/>
      <c r="ITS705" s="613"/>
      <c r="ITT705" s="613"/>
      <c r="ITU705" s="613"/>
      <c r="ITV705" s="613"/>
      <c r="ITW705" s="613"/>
      <c r="ITX705" s="613"/>
      <c r="ITY705" s="613"/>
      <c r="ITZ705" s="613"/>
      <c r="IUA705" s="613"/>
      <c r="IUB705" s="613"/>
      <c r="IUC705" s="613"/>
      <c r="IUD705" s="613"/>
      <c r="IUE705" s="613"/>
      <c r="IUF705" s="613"/>
      <c r="IUG705" s="613"/>
      <c r="IUH705" s="613"/>
      <c r="IUI705" s="613"/>
      <c r="IUJ705" s="613"/>
      <c r="IUK705" s="613"/>
      <c r="IUL705" s="613"/>
      <c r="IUM705" s="613"/>
      <c r="IUN705" s="613"/>
      <c r="IUO705" s="613"/>
      <c r="IUP705" s="613"/>
      <c r="IUQ705" s="613"/>
      <c r="IUR705" s="613"/>
      <c r="IUS705" s="613"/>
      <c r="IUT705" s="613"/>
      <c r="IUU705" s="613"/>
      <c r="IUV705" s="613"/>
      <c r="IUW705" s="613"/>
      <c r="IUX705" s="613"/>
      <c r="IUY705" s="613"/>
      <c r="IUZ705" s="613"/>
      <c r="IVA705" s="613"/>
      <c r="IVB705" s="613"/>
      <c r="IVC705" s="613"/>
      <c r="IVD705" s="613"/>
      <c r="IVE705" s="613"/>
      <c r="IVF705" s="613"/>
      <c r="IVG705" s="613"/>
      <c r="IVH705" s="613"/>
      <c r="IVI705" s="613"/>
      <c r="IVJ705" s="613"/>
      <c r="IVK705" s="613"/>
      <c r="IVL705" s="613"/>
      <c r="IVM705" s="613"/>
      <c r="IVN705" s="613"/>
      <c r="IVO705" s="613"/>
      <c r="IVP705" s="613"/>
      <c r="IVQ705" s="613"/>
      <c r="IVR705" s="613"/>
      <c r="IVS705" s="613"/>
      <c r="IVT705" s="613"/>
      <c r="IVU705" s="613"/>
      <c r="IVV705" s="613"/>
      <c r="IVW705" s="613"/>
      <c r="IVX705" s="613"/>
      <c r="IVY705" s="613"/>
      <c r="IVZ705" s="613"/>
      <c r="IWA705" s="613"/>
      <c r="IWB705" s="613"/>
      <c r="IWC705" s="613"/>
      <c r="IWD705" s="613"/>
      <c r="IWE705" s="613"/>
      <c r="IWF705" s="613"/>
      <c r="IWG705" s="613"/>
      <c r="IWH705" s="613"/>
      <c r="IWI705" s="613"/>
      <c r="IWJ705" s="613"/>
      <c r="IWK705" s="613"/>
      <c r="IWL705" s="613"/>
      <c r="IWM705" s="613"/>
      <c r="IWN705" s="613"/>
      <c r="IWO705" s="613"/>
      <c r="IWP705" s="613"/>
      <c r="IWQ705" s="613"/>
      <c r="IWR705" s="613"/>
      <c r="IWS705" s="613"/>
      <c r="IWT705" s="613"/>
      <c r="IWU705" s="613"/>
      <c r="IWV705" s="613"/>
      <c r="IWW705" s="613"/>
      <c r="IWX705" s="613"/>
      <c r="IWY705" s="613"/>
      <c r="IWZ705" s="613"/>
      <c r="IXA705" s="613"/>
      <c r="IXB705" s="613"/>
      <c r="IXC705" s="613"/>
      <c r="IXD705" s="613"/>
      <c r="IXE705" s="613"/>
      <c r="IXF705" s="613"/>
      <c r="IXG705" s="613"/>
      <c r="IXH705" s="613"/>
      <c r="IXI705" s="613"/>
      <c r="IXJ705" s="613"/>
      <c r="IXK705" s="613"/>
      <c r="IXL705" s="613"/>
      <c r="IXM705" s="613"/>
      <c r="IXN705" s="613"/>
      <c r="IXO705" s="613"/>
      <c r="IXP705" s="613"/>
      <c r="IXQ705" s="613"/>
      <c r="IXR705" s="613"/>
      <c r="IXS705" s="613"/>
      <c r="IXT705" s="613"/>
      <c r="IXU705" s="613"/>
      <c r="IXV705" s="613"/>
      <c r="IXW705" s="613"/>
      <c r="IXX705" s="613"/>
      <c r="IXY705" s="613"/>
      <c r="IXZ705" s="613"/>
      <c r="IYA705" s="613"/>
      <c r="IYB705" s="613"/>
      <c r="IYC705" s="613"/>
      <c r="IYD705" s="613"/>
      <c r="IYE705" s="613"/>
      <c r="IYF705" s="613"/>
      <c r="IYG705" s="613"/>
      <c r="IYH705" s="613"/>
      <c r="IYI705" s="613"/>
      <c r="IYJ705" s="613"/>
      <c r="IYK705" s="613"/>
      <c r="IYL705" s="613"/>
      <c r="IYM705" s="613"/>
      <c r="IYN705" s="613"/>
      <c r="IYO705" s="613"/>
      <c r="IYP705" s="613"/>
      <c r="IYQ705" s="613"/>
      <c r="IYR705" s="613"/>
      <c r="IYS705" s="613"/>
      <c r="IYT705" s="613"/>
      <c r="IYU705" s="613"/>
      <c r="IYV705" s="613"/>
      <c r="IYW705" s="613"/>
      <c r="IYX705" s="613"/>
      <c r="IYY705" s="613"/>
      <c r="IYZ705" s="613"/>
      <c r="IZA705" s="613"/>
      <c r="IZB705" s="613"/>
      <c r="IZC705" s="613"/>
      <c r="IZD705" s="613"/>
      <c r="IZE705" s="613"/>
      <c r="IZF705" s="613"/>
      <c r="IZG705" s="613"/>
      <c r="IZH705" s="613"/>
      <c r="IZI705" s="613"/>
      <c r="IZJ705" s="613"/>
      <c r="IZK705" s="613"/>
      <c r="IZL705" s="613"/>
      <c r="IZM705" s="613"/>
      <c r="IZN705" s="613"/>
      <c r="IZO705" s="613"/>
      <c r="IZP705" s="613"/>
      <c r="IZQ705" s="613"/>
      <c r="IZR705" s="613"/>
      <c r="IZS705" s="613"/>
      <c r="IZT705" s="613"/>
      <c r="IZU705" s="613"/>
      <c r="IZV705" s="613"/>
      <c r="IZW705" s="613"/>
      <c r="IZX705" s="613"/>
      <c r="IZY705" s="613"/>
      <c r="IZZ705" s="613"/>
      <c r="JAA705" s="613"/>
      <c r="JAB705" s="613"/>
      <c r="JAC705" s="613"/>
      <c r="JAD705" s="613"/>
      <c r="JAE705" s="613"/>
      <c r="JAF705" s="613"/>
      <c r="JAG705" s="613"/>
      <c r="JAH705" s="613"/>
      <c r="JAI705" s="613"/>
      <c r="JAJ705" s="613"/>
      <c r="JAK705" s="613"/>
      <c r="JAL705" s="613"/>
      <c r="JAM705" s="613"/>
      <c r="JAN705" s="613"/>
      <c r="JAO705" s="613"/>
      <c r="JAP705" s="613"/>
      <c r="JAQ705" s="613"/>
      <c r="JAR705" s="613"/>
      <c r="JAS705" s="613"/>
      <c r="JAT705" s="613"/>
      <c r="JAU705" s="613"/>
      <c r="JAV705" s="613"/>
      <c r="JAW705" s="613"/>
      <c r="JAX705" s="613"/>
      <c r="JAY705" s="613"/>
      <c r="JAZ705" s="613"/>
      <c r="JBA705" s="613"/>
      <c r="JBB705" s="613"/>
      <c r="JBC705" s="613"/>
      <c r="JBD705" s="613"/>
      <c r="JBE705" s="613"/>
      <c r="JBF705" s="613"/>
      <c r="JBG705" s="613"/>
      <c r="JBH705" s="613"/>
      <c r="JBI705" s="613"/>
      <c r="JBJ705" s="613"/>
      <c r="JBK705" s="613"/>
      <c r="JBL705" s="613"/>
      <c r="JBM705" s="613"/>
      <c r="JBN705" s="613"/>
      <c r="JBO705" s="613"/>
      <c r="JBP705" s="613"/>
      <c r="JBQ705" s="613"/>
      <c r="JBR705" s="613"/>
      <c r="JBS705" s="613"/>
      <c r="JBT705" s="613"/>
      <c r="JBU705" s="613"/>
      <c r="JBV705" s="613"/>
      <c r="JBW705" s="613"/>
      <c r="JBX705" s="613"/>
      <c r="JBY705" s="613"/>
      <c r="JBZ705" s="613"/>
      <c r="JCA705" s="613"/>
      <c r="JCB705" s="613"/>
      <c r="JCC705" s="613"/>
      <c r="JCD705" s="613"/>
      <c r="JCE705" s="613"/>
      <c r="JCF705" s="613"/>
      <c r="JCG705" s="613"/>
      <c r="JCH705" s="613"/>
      <c r="JCI705" s="613"/>
      <c r="JCJ705" s="613"/>
      <c r="JCK705" s="613"/>
      <c r="JCL705" s="613"/>
      <c r="JCM705" s="613"/>
      <c r="JCN705" s="613"/>
      <c r="JCO705" s="613"/>
      <c r="JCP705" s="613"/>
      <c r="JCQ705" s="613"/>
      <c r="JCR705" s="613"/>
      <c r="JCS705" s="613"/>
      <c r="JCT705" s="613"/>
      <c r="JCU705" s="613"/>
      <c r="JCV705" s="613"/>
      <c r="JCW705" s="613"/>
      <c r="JCX705" s="613"/>
      <c r="JCY705" s="613"/>
      <c r="JCZ705" s="613"/>
      <c r="JDA705" s="613"/>
      <c r="JDB705" s="613"/>
      <c r="JDC705" s="613"/>
      <c r="JDD705" s="613"/>
      <c r="JDE705" s="613"/>
      <c r="JDF705" s="613"/>
      <c r="JDG705" s="613"/>
      <c r="JDH705" s="613"/>
      <c r="JDI705" s="613"/>
      <c r="JDJ705" s="613"/>
      <c r="JDK705" s="613"/>
      <c r="JDL705" s="613"/>
      <c r="JDM705" s="613"/>
      <c r="JDN705" s="613"/>
      <c r="JDO705" s="613"/>
      <c r="JDP705" s="613"/>
      <c r="JDQ705" s="613"/>
      <c r="JDR705" s="613"/>
      <c r="JDS705" s="613"/>
      <c r="JDT705" s="613"/>
      <c r="JDU705" s="613"/>
      <c r="JDV705" s="613"/>
      <c r="JDW705" s="613"/>
      <c r="JDX705" s="613"/>
      <c r="JDY705" s="613"/>
      <c r="JDZ705" s="613"/>
      <c r="JEA705" s="613"/>
      <c r="JEB705" s="613"/>
      <c r="JEC705" s="613"/>
      <c r="JED705" s="613"/>
      <c r="JEE705" s="613"/>
      <c r="JEF705" s="613"/>
      <c r="JEG705" s="613"/>
      <c r="JEH705" s="613"/>
      <c r="JEI705" s="613"/>
      <c r="JEJ705" s="613"/>
      <c r="JEK705" s="613"/>
      <c r="JEL705" s="613"/>
      <c r="JEM705" s="613"/>
      <c r="JEN705" s="613"/>
      <c r="JEO705" s="613"/>
      <c r="JEP705" s="613"/>
      <c r="JEQ705" s="613"/>
      <c r="JER705" s="613"/>
      <c r="JES705" s="613"/>
      <c r="JET705" s="613"/>
      <c r="JEU705" s="613"/>
      <c r="JEV705" s="613"/>
      <c r="JEW705" s="613"/>
      <c r="JEX705" s="613"/>
      <c r="JEY705" s="613"/>
      <c r="JEZ705" s="613"/>
      <c r="JFA705" s="613"/>
      <c r="JFB705" s="613"/>
      <c r="JFC705" s="613"/>
      <c r="JFD705" s="613"/>
      <c r="JFE705" s="613"/>
      <c r="JFF705" s="613"/>
      <c r="JFG705" s="613"/>
      <c r="JFH705" s="613"/>
      <c r="JFI705" s="613"/>
      <c r="JFJ705" s="613"/>
      <c r="JFK705" s="613"/>
      <c r="JFL705" s="613"/>
      <c r="JFM705" s="613"/>
      <c r="JFN705" s="613"/>
      <c r="JFO705" s="613"/>
      <c r="JFP705" s="613"/>
      <c r="JFQ705" s="613"/>
      <c r="JFR705" s="613"/>
      <c r="JFS705" s="613"/>
      <c r="JFT705" s="613"/>
      <c r="JFU705" s="613"/>
      <c r="JFV705" s="613"/>
      <c r="JFW705" s="613"/>
      <c r="JFX705" s="613"/>
      <c r="JFY705" s="613"/>
      <c r="JFZ705" s="613"/>
      <c r="JGA705" s="613"/>
      <c r="JGB705" s="613"/>
      <c r="JGC705" s="613"/>
      <c r="JGD705" s="613"/>
      <c r="JGE705" s="613"/>
      <c r="JGF705" s="613"/>
      <c r="JGG705" s="613"/>
      <c r="JGH705" s="613"/>
      <c r="JGI705" s="613"/>
      <c r="JGJ705" s="613"/>
      <c r="JGK705" s="613"/>
      <c r="JGL705" s="613"/>
      <c r="JGM705" s="613"/>
      <c r="JGN705" s="613"/>
      <c r="JGO705" s="613"/>
      <c r="JGP705" s="613"/>
      <c r="JGQ705" s="613"/>
      <c r="JGR705" s="613"/>
      <c r="JGS705" s="613"/>
      <c r="JGT705" s="613"/>
      <c r="JGU705" s="613"/>
      <c r="JGV705" s="613"/>
      <c r="JGW705" s="613"/>
      <c r="JGX705" s="613"/>
      <c r="JGY705" s="613"/>
      <c r="JGZ705" s="613"/>
      <c r="JHA705" s="613"/>
      <c r="JHB705" s="613"/>
      <c r="JHC705" s="613"/>
      <c r="JHD705" s="613"/>
      <c r="JHE705" s="613"/>
      <c r="JHF705" s="613"/>
      <c r="JHG705" s="613"/>
      <c r="JHH705" s="613"/>
      <c r="JHI705" s="613"/>
      <c r="JHJ705" s="613"/>
      <c r="JHK705" s="613"/>
      <c r="JHL705" s="613"/>
      <c r="JHM705" s="613"/>
      <c r="JHN705" s="613"/>
      <c r="JHO705" s="613"/>
      <c r="JHP705" s="613"/>
      <c r="JHQ705" s="613"/>
      <c r="JHR705" s="613"/>
      <c r="JHS705" s="613"/>
      <c r="JHT705" s="613"/>
      <c r="JHU705" s="613"/>
      <c r="JHV705" s="613"/>
      <c r="JHW705" s="613"/>
      <c r="JHX705" s="613"/>
      <c r="JHY705" s="613"/>
      <c r="JHZ705" s="613"/>
      <c r="JIA705" s="613"/>
      <c r="JIB705" s="613"/>
      <c r="JIC705" s="613"/>
      <c r="JID705" s="613"/>
      <c r="JIE705" s="613"/>
      <c r="JIF705" s="613"/>
      <c r="JIG705" s="613"/>
      <c r="JIH705" s="613"/>
      <c r="JII705" s="613"/>
      <c r="JIJ705" s="613"/>
      <c r="JIK705" s="613"/>
      <c r="JIL705" s="613"/>
      <c r="JIM705" s="613"/>
      <c r="JIN705" s="613"/>
      <c r="JIO705" s="613"/>
      <c r="JIP705" s="613"/>
      <c r="JIQ705" s="613"/>
      <c r="JIR705" s="613"/>
      <c r="JIS705" s="613"/>
      <c r="JIT705" s="613"/>
      <c r="JIU705" s="613"/>
      <c r="JIV705" s="613"/>
      <c r="JIW705" s="613"/>
      <c r="JIX705" s="613"/>
      <c r="JIY705" s="613"/>
      <c r="JIZ705" s="613"/>
      <c r="JJA705" s="613"/>
      <c r="JJB705" s="613"/>
      <c r="JJC705" s="613"/>
      <c r="JJD705" s="613"/>
      <c r="JJE705" s="613"/>
      <c r="JJF705" s="613"/>
      <c r="JJG705" s="613"/>
      <c r="JJH705" s="613"/>
      <c r="JJI705" s="613"/>
      <c r="JJJ705" s="613"/>
      <c r="JJK705" s="613"/>
      <c r="JJL705" s="613"/>
      <c r="JJM705" s="613"/>
      <c r="JJN705" s="613"/>
      <c r="JJO705" s="613"/>
      <c r="JJP705" s="613"/>
      <c r="JJQ705" s="613"/>
      <c r="JJR705" s="613"/>
      <c r="JJS705" s="613"/>
      <c r="JJT705" s="613"/>
      <c r="JJU705" s="613"/>
      <c r="JJV705" s="613"/>
      <c r="JJW705" s="613"/>
      <c r="JJX705" s="613"/>
      <c r="JJY705" s="613"/>
      <c r="JJZ705" s="613"/>
      <c r="JKA705" s="613"/>
      <c r="JKB705" s="613"/>
      <c r="JKC705" s="613"/>
      <c r="JKD705" s="613"/>
      <c r="JKE705" s="613"/>
      <c r="JKF705" s="613"/>
      <c r="JKG705" s="613"/>
      <c r="JKH705" s="613"/>
      <c r="JKI705" s="613"/>
      <c r="JKJ705" s="613"/>
      <c r="JKK705" s="613"/>
      <c r="JKL705" s="613"/>
      <c r="JKM705" s="613"/>
      <c r="JKN705" s="613"/>
      <c r="JKO705" s="613"/>
      <c r="JKP705" s="613"/>
      <c r="JKQ705" s="613"/>
      <c r="JKR705" s="613"/>
      <c r="JKS705" s="613"/>
      <c r="JKT705" s="613"/>
      <c r="JKU705" s="613"/>
      <c r="JKV705" s="613"/>
      <c r="JKW705" s="613"/>
      <c r="JKX705" s="613"/>
      <c r="JKY705" s="613"/>
      <c r="JKZ705" s="613"/>
      <c r="JLA705" s="613"/>
      <c r="JLB705" s="613"/>
      <c r="JLC705" s="613"/>
      <c r="JLD705" s="613"/>
      <c r="JLE705" s="613"/>
      <c r="JLF705" s="613"/>
      <c r="JLG705" s="613"/>
      <c r="JLH705" s="613"/>
      <c r="JLI705" s="613"/>
      <c r="JLJ705" s="613"/>
      <c r="JLK705" s="613"/>
      <c r="JLL705" s="613"/>
      <c r="JLM705" s="613"/>
      <c r="JLN705" s="613"/>
      <c r="JLO705" s="613"/>
      <c r="JLP705" s="613"/>
      <c r="JLQ705" s="613"/>
      <c r="JLR705" s="613"/>
      <c r="JLS705" s="613"/>
      <c r="JLT705" s="613"/>
      <c r="JLU705" s="613"/>
      <c r="JLV705" s="613"/>
      <c r="JLW705" s="613"/>
      <c r="JLX705" s="613"/>
      <c r="JLY705" s="613"/>
      <c r="JLZ705" s="613"/>
      <c r="JMA705" s="613"/>
      <c r="JMB705" s="613"/>
      <c r="JMC705" s="613"/>
      <c r="JMD705" s="613"/>
      <c r="JME705" s="613"/>
      <c r="JMF705" s="613"/>
      <c r="JMG705" s="613"/>
      <c r="JMH705" s="613"/>
      <c r="JMI705" s="613"/>
      <c r="JMJ705" s="613"/>
      <c r="JMK705" s="613"/>
      <c r="JML705" s="613"/>
      <c r="JMM705" s="613"/>
      <c r="JMN705" s="613"/>
      <c r="JMO705" s="613"/>
      <c r="JMP705" s="613"/>
      <c r="JMQ705" s="613"/>
      <c r="JMR705" s="613"/>
      <c r="JMS705" s="613"/>
      <c r="JMT705" s="613"/>
      <c r="JMU705" s="613"/>
      <c r="JMV705" s="613"/>
      <c r="JMW705" s="613"/>
      <c r="JMX705" s="613"/>
      <c r="JMY705" s="613"/>
      <c r="JMZ705" s="613"/>
      <c r="JNA705" s="613"/>
      <c r="JNB705" s="613"/>
      <c r="JNC705" s="613"/>
      <c r="JND705" s="613"/>
      <c r="JNE705" s="613"/>
      <c r="JNF705" s="613"/>
      <c r="JNG705" s="613"/>
      <c r="JNH705" s="613"/>
      <c r="JNI705" s="613"/>
      <c r="JNJ705" s="613"/>
      <c r="JNK705" s="613"/>
      <c r="JNL705" s="613"/>
      <c r="JNM705" s="613"/>
      <c r="JNN705" s="613"/>
      <c r="JNO705" s="613"/>
      <c r="JNP705" s="613"/>
      <c r="JNQ705" s="613"/>
      <c r="JNR705" s="613"/>
      <c r="JNS705" s="613"/>
      <c r="JNT705" s="613"/>
      <c r="JNU705" s="613"/>
      <c r="JNV705" s="613"/>
      <c r="JNW705" s="613"/>
      <c r="JNX705" s="613"/>
      <c r="JNY705" s="613"/>
      <c r="JNZ705" s="613"/>
      <c r="JOA705" s="613"/>
      <c r="JOB705" s="613"/>
      <c r="JOC705" s="613"/>
      <c r="JOD705" s="613"/>
      <c r="JOE705" s="613"/>
      <c r="JOF705" s="613"/>
      <c r="JOG705" s="613"/>
      <c r="JOH705" s="613"/>
      <c r="JOI705" s="613"/>
      <c r="JOJ705" s="613"/>
      <c r="JOK705" s="613"/>
      <c r="JOL705" s="613"/>
      <c r="JOM705" s="613"/>
      <c r="JON705" s="613"/>
      <c r="JOO705" s="613"/>
      <c r="JOP705" s="613"/>
      <c r="JOQ705" s="613"/>
      <c r="JOR705" s="613"/>
      <c r="JOS705" s="613"/>
      <c r="JOT705" s="613"/>
      <c r="JOU705" s="613"/>
      <c r="JOV705" s="613"/>
      <c r="JOW705" s="613"/>
      <c r="JOX705" s="613"/>
      <c r="JOY705" s="613"/>
      <c r="JOZ705" s="613"/>
      <c r="JPA705" s="613"/>
      <c r="JPB705" s="613"/>
      <c r="JPC705" s="613"/>
      <c r="JPD705" s="613"/>
      <c r="JPE705" s="613"/>
      <c r="JPF705" s="613"/>
      <c r="JPG705" s="613"/>
      <c r="JPH705" s="613"/>
      <c r="JPI705" s="613"/>
      <c r="JPJ705" s="613"/>
      <c r="JPK705" s="613"/>
      <c r="JPL705" s="613"/>
      <c r="JPM705" s="613"/>
      <c r="JPN705" s="613"/>
      <c r="JPO705" s="613"/>
      <c r="JPP705" s="613"/>
      <c r="JPQ705" s="613"/>
      <c r="JPR705" s="613"/>
      <c r="JPS705" s="613"/>
      <c r="JPT705" s="613"/>
      <c r="JPU705" s="613"/>
      <c r="JPV705" s="613"/>
      <c r="JPW705" s="613"/>
      <c r="JPX705" s="613"/>
      <c r="JPY705" s="613"/>
      <c r="JPZ705" s="613"/>
      <c r="JQA705" s="613"/>
      <c r="JQB705" s="613"/>
      <c r="JQC705" s="613"/>
      <c r="JQD705" s="613"/>
      <c r="JQE705" s="613"/>
      <c r="JQF705" s="613"/>
      <c r="JQG705" s="613"/>
      <c r="JQH705" s="613"/>
      <c r="JQI705" s="613"/>
      <c r="JQJ705" s="613"/>
      <c r="JQK705" s="613"/>
      <c r="JQL705" s="613"/>
      <c r="JQM705" s="613"/>
      <c r="JQN705" s="613"/>
      <c r="JQO705" s="613"/>
      <c r="JQP705" s="613"/>
      <c r="JQQ705" s="613"/>
      <c r="JQR705" s="613"/>
      <c r="JQS705" s="613"/>
      <c r="JQT705" s="613"/>
      <c r="JQU705" s="613"/>
      <c r="JQV705" s="613"/>
      <c r="JQW705" s="613"/>
      <c r="JQX705" s="613"/>
      <c r="JQY705" s="613"/>
      <c r="JQZ705" s="613"/>
      <c r="JRA705" s="613"/>
      <c r="JRB705" s="613"/>
      <c r="JRC705" s="613"/>
      <c r="JRD705" s="613"/>
      <c r="JRE705" s="613"/>
      <c r="JRF705" s="613"/>
      <c r="JRG705" s="613"/>
      <c r="JRH705" s="613"/>
      <c r="JRI705" s="613"/>
      <c r="JRJ705" s="613"/>
      <c r="JRK705" s="613"/>
      <c r="JRL705" s="613"/>
      <c r="JRM705" s="613"/>
      <c r="JRN705" s="613"/>
      <c r="JRO705" s="613"/>
      <c r="JRP705" s="613"/>
      <c r="JRQ705" s="613"/>
      <c r="JRR705" s="613"/>
      <c r="JRS705" s="613"/>
      <c r="JRT705" s="613"/>
      <c r="JRU705" s="613"/>
      <c r="JRV705" s="613"/>
      <c r="JRW705" s="613"/>
      <c r="JRX705" s="613"/>
      <c r="JRY705" s="613"/>
      <c r="JRZ705" s="613"/>
      <c r="JSA705" s="613"/>
      <c r="JSB705" s="613"/>
      <c r="JSC705" s="613"/>
      <c r="JSD705" s="613"/>
      <c r="JSE705" s="613"/>
      <c r="JSF705" s="613"/>
      <c r="JSG705" s="613"/>
      <c r="JSH705" s="613"/>
      <c r="JSI705" s="613"/>
      <c r="JSJ705" s="613"/>
      <c r="JSK705" s="613"/>
      <c r="JSL705" s="613"/>
      <c r="JSM705" s="613"/>
      <c r="JSN705" s="613"/>
      <c r="JSO705" s="613"/>
      <c r="JSP705" s="613"/>
      <c r="JSQ705" s="613"/>
      <c r="JSR705" s="613"/>
      <c r="JSS705" s="613"/>
      <c r="JST705" s="613"/>
      <c r="JSU705" s="613"/>
      <c r="JSV705" s="613"/>
      <c r="JSW705" s="613"/>
      <c r="JSX705" s="613"/>
      <c r="JSY705" s="613"/>
      <c r="JSZ705" s="613"/>
      <c r="JTA705" s="613"/>
      <c r="JTB705" s="613"/>
      <c r="JTC705" s="613"/>
      <c r="JTD705" s="613"/>
      <c r="JTE705" s="613"/>
      <c r="JTF705" s="613"/>
      <c r="JTG705" s="613"/>
      <c r="JTH705" s="613"/>
      <c r="JTI705" s="613"/>
      <c r="JTJ705" s="613"/>
      <c r="JTK705" s="613"/>
      <c r="JTL705" s="613"/>
      <c r="JTM705" s="613"/>
      <c r="JTN705" s="613"/>
      <c r="JTO705" s="613"/>
      <c r="JTP705" s="613"/>
      <c r="JTQ705" s="613"/>
      <c r="JTR705" s="613"/>
      <c r="JTS705" s="613"/>
      <c r="JTT705" s="613"/>
      <c r="JTU705" s="613"/>
      <c r="JTV705" s="613"/>
      <c r="JTW705" s="613"/>
      <c r="JTX705" s="613"/>
      <c r="JTY705" s="613"/>
      <c r="JTZ705" s="613"/>
      <c r="JUA705" s="613"/>
      <c r="JUB705" s="613"/>
      <c r="JUC705" s="613"/>
      <c r="JUD705" s="613"/>
      <c r="JUE705" s="613"/>
      <c r="JUF705" s="613"/>
      <c r="JUG705" s="613"/>
      <c r="JUH705" s="613"/>
      <c r="JUI705" s="613"/>
      <c r="JUJ705" s="613"/>
      <c r="JUK705" s="613"/>
      <c r="JUL705" s="613"/>
      <c r="JUM705" s="613"/>
      <c r="JUN705" s="613"/>
      <c r="JUO705" s="613"/>
      <c r="JUP705" s="613"/>
      <c r="JUQ705" s="613"/>
      <c r="JUR705" s="613"/>
      <c r="JUS705" s="613"/>
      <c r="JUT705" s="613"/>
      <c r="JUU705" s="613"/>
      <c r="JUV705" s="613"/>
      <c r="JUW705" s="613"/>
      <c r="JUX705" s="613"/>
      <c r="JUY705" s="613"/>
      <c r="JUZ705" s="613"/>
      <c r="JVA705" s="613"/>
      <c r="JVB705" s="613"/>
      <c r="JVC705" s="613"/>
      <c r="JVD705" s="613"/>
      <c r="JVE705" s="613"/>
      <c r="JVF705" s="613"/>
      <c r="JVG705" s="613"/>
      <c r="JVH705" s="613"/>
      <c r="JVI705" s="613"/>
      <c r="JVJ705" s="613"/>
      <c r="JVK705" s="613"/>
      <c r="JVL705" s="613"/>
      <c r="JVM705" s="613"/>
      <c r="JVN705" s="613"/>
      <c r="JVO705" s="613"/>
      <c r="JVP705" s="613"/>
      <c r="JVQ705" s="613"/>
      <c r="JVR705" s="613"/>
      <c r="JVS705" s="613"/>
      <c r="JVT705" s="613"/>
      <c r="JVU705" s="613"/>
      <c r="JVV705" s="613"/>
      <c r="JVW705" s="613"/>
      <c r="JVX705" s="613"/>
      <c r="JVY705" s="613"/>
      <c r="JVZ705" s="613"/>
      <c r="JWA705" s="613"/>
      <c r="JWB705" s="613"/>
      <c r="JWC705" s="613"/>
      <c r="JWD705" s="613"/>
      <c r="JWE705" s="613"/>
      <c r="JWF705" s="613"/>
      <c r="JWG705" s="613"/>
      <c r="JWH705" s="613"/>
      <c r="JWI705" s="613"/>
      <c r="JWJ705" s="613"/>
      <c r="JWK705" s="613"/>
      <c r="JWL705" s="613"/>
      <c r="JWM705" s="613"/>
      <c r="JWN705" s="613"/>
      <c r="JWO705" s="613"/>
      <c r="JWP705" s="613"/>
      <c r="JWQ705" s="613"/>
      <c r="JWR705" s="613"/>
      <c r="JWS705" s="613"/>
      <c r="JWT705" s="613"/>
      <c r="JWU705" s="613"/>
      <c r="JWV705" s="613"/>
      <c r="JWW705" s="613"/>
      <c r="JWX705" s="613"/>
      <c r="JWY705" s="613"/>
      <c r="JWZ705" s="613"/>
      <c r="JXA705" s="613"/>
      <c r="JXB705" s="613"/>
      <c r="JXC705" s="613"/>
      <c r="JXD705" s="613"/>
      <c r="JXE705" s="613"/>
      <c r="JXF705" s="613"/>
      <c r="JXG705" s="613"/>
      <c r="JXH705" s="613"/>
      <c r="JXI705" s="613"/>
      <c r="JXJ705" s="613"/>
      <c r="JXK705" s="613"/>
      <c r="JXL705" s="613"/>
      <c r="JXM705" s="613"/>
      <c r="JXN705" s="613"/>
      <c r="JXO705" s="613"/>
      <c r="JXP705" s="613"/>
      <c r="JXQ705" s="613"/>
      <c r="JXR705" s="613"/>
      <c r="JXS705" s="613"/>
      <c r="JXT705" s="613"/>
      <c r="JXU705" s="613"/>
      <c r="JXV705" s="613"/>
      <c r="JXW705" s="613"/>
      <c r="JXX705" s="613"/>
      <c r="JXY705" s="613"/>
      <c r="JXZ705" s="613"/>
      <c r="JYA705" s="613"/>
      <c r="JYB705" s="613"/>
      <c r="JYC705" s="613"/>
      <c r="JYD705" s="613"/>
      <c r="JYE705" s="613"/>
      <c r="JYF705" s="613"/>
      <c r="JYG705" s="613"/>
      <c r="JYH705" s="613"/>
      <c r="JYI705" s="613"/>
      <c r="JYJ705" s="613"/>
      <c r="JYK705" s="613"/>
      <c r="JYL705" s="613"/>
      <c r="JYM705" s="613"/>
      <c r="JYN705" s="613"/>
      <c r="JYO705" s="613"/>
      <c r="JYP705" s="613"/>
      <c r="JYQ705" s="613"/>
      <c r="JYR705" s="613"/>
      <c r="JYS705" s="613"/>
      <c r="JYT705" s="613"/>
      <c r="JYU705" s="613"/>
      <c r="JYV705" s="613"/>
      <c r="JYW705" s="613"/>
      <c r="JYX705" s="613"/>
      <c r="JYY705" s="613"/>
      <c r="JYZ705" s="613"/>
      <c r="JZA705" s="613"/>
      <c r="JZB705" s="613"/>
      <c r="JZC705" s="613"/>
      <c r="JZD705" s="613"/>
      <c r="JZE705" s="613"/>
      <c r="JZF705" s="613"/>
      <c r="JZG705" s="613"/>
      <c r="JZH705" s="613"/>
      <c r="JZI705" s="613"/>
      <c r="JZJ705" s="613"/>
      <c r="JZK705" s="613"/>
      <c r="JZL705" s="613"/>
      <c r="JZM705" s="613"/>
      <c r="JZN705" s="613"/>
      <c r="JZO705" s="613"/>
      <c r="JZP705" s="613"/>
      <c r="JZQ705" s="613"/>
      <c r="JZR705" s="613"/>
      <c r="JZS705" s="613"/>
      <c r="JZT705" s="613"/>
      <c r="JZU705" s="613"/>
      <c r="JZV705" s="613"/>
      <c r="JZW705" s="613"/>
      <c r="JZX705" s="613"/>
      <c r="JZY705" s="613"/>
      <c r="JZZ705" s="613"/>
      <c r="KAA705" s="613"/>
      <c r="KAB705" s="613"/>
      <c r="KAC705" s="613"/>
      <c r="KAD705" s="613"/>
      <c r="KAE705" s="613"/>
      <c r="KAF705" s="613"/>
      <c r="KAG705" s="613"/>
      <c r="KAH705" s="613"/>
      <c r="KAI705" s="613"/>
      <c r="KAJ705" s="613"/>
      <c r="KAK705" s="613"/>
      <c r="KAL705" s="613"/>
      <c r="KAM705" s="613"/>
      <c r="KAN705" s="613"/>
      <c r="KAO705" s="613"/>
      <c r="KAP705" s="613"/>
      <c r="KAQ705" s="613"/>
      <c r="KAR705" s="613"/>
      <c r="KAS705" s="613"/>
      <c r="KAT705" s="613"/>
      <c r="KAU705" s="613"/>
      <c r="KAV705" s="613"/>
      <c r="KAW705" s="613"/>
      <c r="KAX705" s="613"/>
      <c r="KAY705" s="613"/>
      <c r="KAZ705" s="613"/>
      <c r="KBA705" s="613"/>
      <c r="KBB705" s="613"/>
      <c r="KBC705" s="613"/>
      <c r="KBD705" s="613"/>
      <c r="KBE705" s="613"/>
      <c r="KBF705" s="613"/>
      <c r="KBG705" s="613"/>
      <c r="KBH705" s="613"/>
      <c r="KBI705" s="613"/>
      <c r="KBJ705" s="613"/>
      <c r="KBK705" s="613"/>
      <c r="KBL705" s="613"/>
      <c r="KBM705" s="613"/>
      <c r="KBN705" s="613"/>
      <c r="KBO705" s="613"/>
      <c r="KBP705" s="613"/>
      <c r="KBQ705" s="613"/>
      <c r="KBR705" s="613"/>
      <c r="KBS705" s="613"/>
      <c r="KBT705" s="613"/>
      <c r="KBU705" s="613"/>
      <c r="KBV705" s="613"/>
      <c r="KBW705" s="613"/>
      <c r="KBX705" s="613"/>
      <c r="KBY705" s="613"/>
      <c r="KBZ705" s="613"/>
      <c r="KCA705" s="613"/>
      <c r="KCB705" s="613"/>
      <c r="KCC705" s="613"/>
      <c r="KCD705" s="613"/>
      <c r="KCE705" s="613"/>
      <c r="KCF705" s="613"/>
      <c r="KCG705" s="613"/>
      <c r="KCH705" s="613"/>
      <c r="KCI705" s="613"/>
      <c r="KCJ705" s="613"/>
      <c r="KCK705" s="613"/>
      <c r="KCL705" s="613"/>
      <c r="KCM705" s="613"/>
      <c r="KCN705" s="613"/>
      <c r="KCO705" s="613"/>
      <c r="KCP705" s="613"/>
      <c r="KCQ705" s="613"/>
      <c r="KCR705" s="613"/>
      <c r="KCS705" s="613"/>
      <c r="KCT705" s="613"/>
      <c r="KCU705" s="613"/>
      <c r="KCV705" s="613"/>
      <c r="KCW705" s="613"/>
      <c r="KCX705" s="613"/>
      <c r="KCY705" s="613"/>
      <c r="KCZ705" s="613"/>
      <c r="KDA705" s="613"/>
      <c r="KDB705" s="613"/>
      <c r="KDC705" s="613"/>
      <c r="KDD705" s="613"/>
      <c r="KDE705" s="613"/>
      <c r="KDF705" s="613"/>
      <c r="KDG705" s="613"/>
      <c r="KDH705" s="613"/>
      <c r="KDI705" s="613"/>
      <c r="KDJ705" s="613"/>
      <c r="KDK705" s="613"/>
      <c r="KDL705" s="613"/>
      <c r="KDM705" s="613"/>
      <c r="KDN705" s="613"/>
      <c r="KDO705" s="613"/>
      <c r="KDP705" s="613"/>
      <c r="KDQ705" s="613"/>
      <c r="KDR705" s="613"/>
      <c r="KDS705" s="613"/>
      <c r="KDT705" s="613"/>
      <c r="KDU705" s="613"/>
      <c r="KDV705" s="613"/>
      <c r="KDW705" s="613"/>
      <c r="KDX705" s="613"/>
      <c r="KDY705" s="613"/>
      <c r="KDZ705" s="613"/>
      <c r="KEA705" s="613"/>
      <c r="KEB705" s="613"/>
      <c r="KEC705" s="613"/>
      <c r="KED705" s="613"/>
      <c r="KEE705" s="613"/>
      <c r="KEF705" s="613"/>
      <c r="KEG705" s="613"/>
      <c r="KEH705" s="613"/>
      <c r="KEI705" s="613"/>
      <c r="KEJ705" s="613"/>
      <c r="KEK705" s="613"/>
      <c r="KEL705" s="613"/>
      <c r="KEM705" s="613"/>
      <c r="KEN705" s="613"/>
      <c r="KEO705" s="613"/>
      <c r="KEP705" s="613"/>
      <c r="KEQ705" s="613"/>
      <c r="KER705" s="613"/>
      <c r="KES705" s="613"/>
      <c r="KET705" s="613"/>
      <c r="KEU705" s="613"/>
      <c r="KEV705" s="613"/>
      <c r="KEW705" s="613"/>
      <c r="KEX705" s="613"/>
      <c r="KEY705" s="613"/>
      <c r="KEZ705" s="613"/>
      <c r="KFA705" s="613"/>
      <c r="KFB705" s="613"/>
      <c r="KFC705" s="613"/>
      <c r="KFD705" s="613"/>
      <c r="KFE705" s="613"/>
      <c r="KFF705" s="613"/>
      <c r="KFG705" s="613"/>
      <c r="KFH705" s="613"/>
      <c r="KFI705" s="613"/>
      <c r="KFJ705" s="613"/>
      <c r="KFK705" s="613"/>
      <c r="KFL705" s="613"/>
      <c r="KFM705" s="613"/>
      <c r="KFN705" s="613"/>
      <c r="KFO705" s="613"/>
      <c r="KFP705" s="613"/>
      <c r="KFQ705" s="613"/>
      <c r="KFR705" s="613"/>
      <c r="KFS705" s="613"/>
      <c r="KFT705" s="613"/>
      <c r="KFU705" s="613"/>
      <c r="KFV705" s="613"/>
      <c r="KFW705" s="613"/>
      <c r="KFX705" s="613"/>
      <c r="KFY705" s="613"/>
      <c r="KFZ705" s="613"/>
      <c r="KGA705" s="613"/>
      <c r="KGB705" s="613"/>
      <c r="KGC705" s="613"/>
      <c r="KGD705" s="613"/>
      <c r="KGE705" s="613"/>
      <c r="KGF705" s="613"/>
      <c r="KGG705" s="613"/>
      <c r="KGH705" s="613"/>
      <c r="KGI705" s="613"/>
      <c r="KGJ705" s="613"/>
      <c r="KGK705" s="613"/>
      <c r="KGL705" s="613"/>
      <c r="KGM705" s="613"/>
      <c r="KGN705" s="613"/>
      <c r="KGO705" s="613"/>
      <c r="KGP705" s="613"/>
      <c r="KGQ705" s="613"/>
      <c r="KGR705" s="613"/>
      <c r="KGS705" s="613"/>
      <c r="KGT705" s="613"/>
      <c r="KGU705" s="613"/>
      <c r="KGV705" s="613"/>
      <c r="KGW705" s="613"/>
      <c r="KGX705" s="613"/>
      <c r="KGY705" s="613"/>
      <c r="KGZ705" s="613"/>
      <c r="KHA705" s="613"/>
      <c r="KHB705" s="613"/>
      <c r="KHC705" s="613"/>
      <c r="KHD705" s="613"/>
      <c r="KHE705" s="613"/>
      <c r="KHF705" s="613"/>
      <c r="KHG705" s="613"/>
      <c r="KHH705" s="613"/>
      <c r="KHI705" s="613"/>
      <c r="KHJ705" s="613"/>
      <c r="KHK705" s="613"/>
      <c r="KHL705" s="613"/>
      <c r="KHM705" s="613"/>
      <c r="KHN705" s="613"/>
      <c r="KHO705" s="613"/>
      <c r="KHP705" s="613"/>
      <c r="KHQ705" s="613"/>
      <c r="KHR705" s="613"/>
      <c r="KHS705" s="613"/>
      <c r="KHT705" s="613"/>
      <c r="KHU705" s="613"/>
      <c r="KHV705" s="613"/>
      <c r="KHW705" s="613"/>
      <c r="KHX705" s="613"/>
      <c r="KHY705" s="613"/>
      <c r="KHZ705" s="613"/>
      <c r="KIA705" s="613"/>
      <c r="KIB705" s="613"/>
      <c r="KIC705" s="613"/>
      <c r="KID705" s="613"/>
      <c r="KIE705" s="613"/>
      <c r="KIF705" s="613"/>
      <c r="KIG705" s="613"/>
      <c r="KIH705" s="613"/>
      <c r="KII705" s="613"/>
      <c r="KIJ705" s="613"/>
      <c r="KIK705" s="613"/>
      <c r="KIL705" s="613"/>
      <c r="KIM705" s="613"/>
      <c r="KIN705" s="613"/>
      <c r="KIO705" s="613"/>
      <c r="KIP705" s="613"/>
      <c r="KIQ705" s="613"/>
      <c r="KIR705" s="613"/>
      <c r="KIS705" s="613"/>
      <c r="KIT705" s="613"/>
      <c r="KIU705" s="613"/>
      <c r="KIV705" s="613"/>
      <c r="KIW705" s="613"/>
      <c r="KIX705" s="613"/>
      <c r="KIY705" s="613"/>
      <c r="KIZ705" s="613"/>
      <c r="KJA705" s="613"/>
      <c r="KJB705" s="613"/>
      <c r="KJC705" s="613"/>
      <c r="KJD705" s="613"/>
      <c r="KJE705" s="613"/>
      <c r="KJF705" s="613"/>
      <c r="KJG705" s="613"/>
      <c r="KJH705" s="613"/>
      <c r="KJI705" s="613"/>
      <c r="KJJ705" s="613"/>
      <c r="KJK705" s="613"/>
      <c r="KJL705" s="613"/>
      <c r="KJM705" s="613"/>
      <c r="KJN705" s="613"/>
      <c r="KJO705" s="613"/>
      <c r="KJP705" s="613"/>
      <c r="KJQ705" s="613"/>
      <c r="KJR705" s="613"/>
      <c r="KJS705" s="613"/>
      <c r="KJT705" s="613"/>
      <c r="KJU705" s="613"/>
      <c r="KJV705" s="613"/>
      <c r="KJW705" s="613"/>
      <c r="KJX705" s="613"/>
      <c r="KJY705" s="613"/>
      <c r="KJZ705" s="613"/>
      <c r="KKA705" s="613"/>
      <c r="KKB705" s="613"/>
      <c r="KKC705" s="613"/>
      <c r="KKD705" s="613"/>
      <c r="KKE705" s="613"/>
      <c r="KKF705" s="613"/>
      <c r="KKG705" s="613"/>
      <c r="KKH705" s="613"/>
      <c r="KKI705" s="613"/>
      <c r="KKJ705" s="613"/>
      <c r="KKK705" s="613"/>
      <c r="KKL705" s="613"/>
      <c r="KKM705" s="613"/>
      <c r="KKN705" s="613"/>
      <c r="KKO705" s="613"/>
      <c r="KKP705" s="613"/>
      <c r="KKQ705" s="613"/>
      <c r="KKR705" s="613"/>
      <c r="KKS705" s="613"/>
      <c r="KKT705" s="613"/>
      <c r="KKU705" s="613"/>
      <c r="KKV705" s="613"/>
      <c r="KKW705" s="613"/>
      <c r="KKX705" s="613"/>
      <c r="KKY705" s="613"/>
      <c r="KKZ705" s="613"/>
      <c r="KLA705" s="613"/>
      <c r="KLB705" s="613"/>
      <c r="KLC705" s="613"/>
      <c r="KLD705" s="613"/>
      <c r="KLE705" s="613"/>
      <c r="KLF705" s="613"/>
      <c r="KLG705" s="613"/>
      <c r="KLH705" s="613"/>
      <c r="KLI705" s="613"/>
      <c r="KLJ705" s="613"/>
      <c r="KLK705" s="613"/>
      <c r="KLL705" s="613"/>
      <c r="KLM705" s="613"/>
      <c r="KLN705" s="613"/>
      <c r="KLO705" s="613"/>
      <c r="KLP705" s="613"/>
      <c r="KLQ705" s="613"/>
      <c r="KLR705" s="613"/>
      <c r="KLS705" s="613"/>
      <c r="KLT705" s="613"/>
      <c r="KLU705" s="613"/>
      <c r="KLV705" s="613"/>
      <c r="KLW705" s="613"/>
      <c r="KLX705" s="613"/>
      <c r="KLY705" s="613"/>
      <c r="KLZ705" s="613"/>
      <c r="KMA705" s="613"/>
      <c r="KMB705" s="613"/>
      <c r="KMC705" s="613"/>
      <c r="KMD705" s="613"/>
      <c r="KME705" s="613"/>
      <c r="KMF705" s="613"/>
      <c r="KMG705" s="613"/>
      <c r="KMH705" s="613"/>
      <c r="KMI705" s="613"/>
      <c r="KMJ705" s="613"/>
      <c r="KMK705" s="613"/>
      <c r="KML705" s="613"/>
      <c r="KMM705" s="613"/>
      <c r="KMN705" s="613"/>
      <c r="KMO705" s="613"/>
      <c r="KMP705" s="613"/>
      <c r="KMQ705" s="613"/>
      <c r="KMR705" s="613"/>
      <c r="KMS705" s="613"/>
      <c r="KMT705" s="613"/>
      <c r="KMU705" s="613"/>
      <c r="KMV705" s="613"/>
      <c r="KMW705" s="613"/>
      <c r="KMX705" s="613"/>
      <c r="KMY705" s="613"/>
      <c r="KMZ705" s="613"/>
      <c r="KNA705" s="613"/>
      <c r="KNB705" s="613"/>
      <c r="KNC705" s="613"/>
      <c r="KND705" s="613"/>
      <c r="KNE705" s="613"/>
      <c r="KNF705" s="613"/>
      <c r="KNG705" s="613"/>
      <c r="KNH705" s="613"/>
      <c r="KNI705" s="613"/>
      <c r="KNJ705" s="613"/>
      <c r="KNK705" s="613"/>
      <c r="KNL705" s="613"/>
      <c r="KNM705" s="613"/>
      <c r="KNN705" s="613"/>
      <c r="KNO705" s="613"/>
      <c r="KNP705" s="613"/>
      <c r="KNQ705" s="613"/>
      <c r="KNR705" s="613"/>
      <c r="KNS705" s="613"/>
      <c r="KNT705" s="613"/>
      <c r="KNU705" s="613"/>
      <c r="KNV705" s="613"/>
      <c r="KNW705" s="613"/>
      <c r="KNX705" s="613"/>
      <c r="KNY705" s="613"/>
      <c r="KNZ705" s="613"/>
      <c r="KOA705" s="613"/>
      <c r="KOB705" s="613"/>
      <c r="KOC705" s="613"/>
      <c r="KOD705" s="613"/>
      <c r="KOE705" s="613"/>
      <c r="KOF705" s="613"/>
      <c r="KOG705" s="613"/>
      <c r="KOH705" s="613"/>
      <c r="KOI705" s="613"/>
      <c r="KOJ705" s="613"/>
      <c r="KOK705" s="613"/>
      <c r="KOL705" s="613"/>
      <c r="KOM705" s="613"/>
      <c r="KON705" s="613"/>
      <c r="KOO705" s="613"/>
      <c r="KOP705" s="613"/>
      <c r="KOQ705" s="613"/>
      <c r="KOR705" s="613"/>
      <c r="KOS705" s="613"/>
      <c r="KOT705" s="613"/>
      <c r="KOU705" s="613"/>
      <c r="KOV705" s="613"/>
      <c r="KOW705" s="613"/>
      <c r="KOX705" s="613"/>
      <c r="KOY705" s="613"/>
      <c r="KOZ705" s="613"/>
      <c r="KPA705" s="613"/>
      <c r="KPB705" s="613"/>
      <c r="KPC705" s="613"/>
      <c r="KPD705" s="613"/>
      <c r="KPE705" s="613"/>
      <c r="KPF705" s="613"/>
      <c r="KPG705" s="613"/>
      <c r="KPH705" s="613"/>
      <c r="KPI705" s="613"/>
      <c r="KPJ705" s="613"/>
      <c r="KPK705" s="613"/>
      <c r="KPL705" s="613"/>
      <c r="KPM705" s="613"/>
      <c r="KPN705" s="613"/>
      <c r="KPO705" s="613"/>
      <c r="KPP705" s="613"/>
      <c r="KPQ705" s="613"/>
      <c r="KPR705" s="613"/>
      <c r="KPS705" s="613"/>
      <c r="KPT705" s="613"/>
      <c r="KPU705" s="613"/>
      <c r="KPV705" s="613"/>
      <c r="KPW705" s="613"/>
      <c r="KPX705" s="613"/>
      <c r="KPY705" s="613"/>
      <c r="KPZ705" s="613"/>
      <c r="KQA705" s="613"/>
      <c r="KQB705" s="613"/>
      <c r="KQC705" s="613"/>
      <c r="KQD705" s="613"/>
      <c r="KQE705" s="613"/>
      <c r="KQF705" s="613"/>
      <c r="KQG705" s="613"/>
      <c r="KQH705" s="613"/>
      <c r="KQI705" s="613"/>
      <c r="KQJ705" s="613"/>
      <c r="KQK705" s="613"/>
      <c r="KQL705" s="613"/>
      <c r="KQM705" s="613"/>
      <c r="KQN705" s="613"/>
      <c r="KQO705" s="613"/>
      <c r="KQP705" s="613"/>
      <c r="KQQ705" s="613"/>
      <c r="KQR705" s="613"/>
      <c r="KQS705" s="613"/>
      <c r="KQT705" s="613"/>
      <c r="KQU705" s="613"/>
      <c r="KQV705" s="613"/>
      <c r="KQW705" s="613"/>
      <c r="KQX705" s="613"/>
      <c r="KQY705" s="613"/>
      <c r="KQZ705" s="613"/>
      <c r="KRA705" s="613"/>
      <c r="KRB705" s="613"/>
      <c r="KRC705" s="613"/>
      <c r="KRD705" s="613"/>
      <c r="KRE705" s="613"/>
      <c r="KRF705" s="613"/>
      <c r="KRG705" s="613"/>
      <c r="KRH705" s="613"/>
      <c r="KRI705" s="613"/>
      <c r="KRJ705" s="613"/>
      <c r="KRK705" s="613"/>
      <c r="KRL705" s="613"/>
      <c r="KRM705" s="613"/>
      <c r="KRN705" s="613"/>
      <c r="KRO705" s="613"/>
      <c r="KRP705" s="613"/>
      <c r="KRQ705" s="613"/>
      <c r="KRR705" s="613"/>
      <c r="KRS705" s="613"/>
      <c r="KRT705" s="613"/>
      <c r="KRU705" s="613"/>
      <c r="KRV705" s="613"/>
      <c r="KRW705" s="613"/>
      <c r="KRX705" s="613"/>
      <c r="KRY705" s="613"/>
      <c r="KRZ705" s="613"/>
      <c r="KSA705" s="613"/>
      <c r="KSB705" s="613"/>
      <c r="KSC705" s="613"/>
      <c r="KSD705" s="613"/>
      <c r="KSE705" s="613"/>
      <c r="KSF705" s="613"/>
      <c r="KSG705" s="613"/>
      <c r="KSH705" s="613"/>
      <c r="KSI705" s="613"/>
      <c r="KSJ705" s="613"/>
      <c r="KSK705" s="613"/>
      <c r="KSL705" s="613"/>
      <c r="KSM705" s="613"/>
      <c r="KSN705" s="613"/>
      <c r="KSO705" s="613"/>
      <c r="KSP705" s="613"/>
      <c r="KSQ705" s="613"/>
      <c r="KSR705" s="613"/>
      <c r="KSS705" s="613"/>
      <c r="KST705" s="613"/>
      <c r="KSU705" s="613"/>
      <c r="KSV705" s="613"/>
      <c r="KSW705" s="613"/>
      <c r="KSX705" s="613"/>
      <c r="KSY705" s="613"/>
      <c r="KSZ705" s="613"/>
      <c r="KTA705" s="613"/>
      <c r="KTB705" s="613"/>
      <c r="KTC705" s="613"/>
      <c r="KTD705" s="613"/>
      <c r="KTE705" s="613"/>
      <c r="KTF705" s="613"/>
      <c r="KTG705" s="613"/>
      <c r="KTH705" s="613"/>
      <c r="KTI705" s="613"/>
      <c r="KTJ705" s="613"/>
      <c r="KTK705" s="613"/>
      <c r="KTL705" s="613"/>
      <c r="KTM705" s="613"/>
      <c r="KTN705" s="613"/>
      <c r="KTO705" s="613"/>
      <c r="KTP705" s="613"/>
      <c r="KTQ705" s="613"/>
      <c r="KTR705" s="613"/>
      <c r="KTS705" s="613"/>
      <c r="KTT705" s="613"/>
      <c r="KTU705" s="613"/>
      <c r="KTV705" s="613"/>
      <c r="KTW705" s="613"/>
      <c r="KTX705" s="613"/>
      <c r="KTY705" s="613"/>
      <c r="KTZ705" s="613"/>
      <c r="KUA705" s="613"/>
      <c r="KUB705" s="613"/>
      <c r="KUC705" s="613"/>
      <c r="KUD705" s="613"/>
      <c r="KUE705" s="613"/>
      <c r="KUF705" s="613"/>
      <c r="KUG705" s="613"/>
      <c r="KUH705" s="613"/>
      <c r="KUI705" s="613"/>
      <c r="KUJ705" s="613"/>
      <c r="KUK705" s="613"/>
      <c r="KUL705" s="613"/>
      <c r="KUM705" s="613"/>
      <c r="KUN705" s="613"/>
      <c r="KUO705" s="613"/>
      <c r="KUP705" s="613"/>
      <c r="KUQ705" s="613"/>
      <c r="KUR705" s="613"/>
      <c r="KUS705" s="613"/>
      <c r="KUT705" s="613"/>
      <c r="KUU705" s="613"/>
      <c r="KUV705" s="613"/>
      <c r="KUW705" s="613"/>
      <c r="KUX705" s="613"/>
      <c r="KUY705" s="613"/>
      <c r="KUZ705" s="613"/>
      <c r="KVA705" s="613"/>
      <c r="KVB705" s="613"/>
      <c r="KVC705" s="613"/>
      <c r="KVD705" s="613"/>
      <c r="KVE705" s="613"/>
      <c r="KVF705" s="613"/>
      <c r="KVG705" s="613"/>
      <c r="KVH705" s="613"/>
      <c r="KVI705" s="613"/>
      <c r="KVJ705" s="613"/>
      <c r="KVK705" s="613"/>
      <c r="KVL705" s="613"/>
      <c r="KVM705" s="613"/>
      <c r="KVN705" s="613"/>
      <c r="KVO705" s="613"/>
      <c r="KVP705" s="613"/>
      <c r="KVQ705" s="613"/>
      <c r="KVR705" s="613"/>
      <c r="KVS705" s="613"/>
      <c r="KVT705" s="613"/>
      <c r="KVU705" s="613"/>
      <c r="KVV705" s="613"/>
      <c r="KVW705" s="613"/>
      <c r="KVX705" s="613"/>
      <c r="KVY705" s="613"/>
      <c r="KVZ705" s="613"/>
      <c r="KWA705" s="613"/>
      <c r="KWB705" s="613"/>
      <c r="KWC705" s="613"/>
      <c r="KWD705" s="613"/>
      <c r="KWE705" s="613"/>
      <c r="KWF705" s="613"/>
      <c r="KWG705" s="613"/>
      <c r="KWH705" s="613"/>
      <c r="KWI705" s="613"/>
      <c r="KWJ705" s="613"/>
      <c r="KWK705" s="613"/>
      <c r="KWL705" s="613"/>
      <c r="KWM705" s="613"/>
      <c r="KWN705" s="613"/>
      <c r="KWO705" s="613"/>
      <c r="KWP705" s="613"/>
      <c r="KWQ705" s="613"/>
      <c r="KWR705" s="613"/>
      <c r="KWS705" s="613"/>
      <c r="KWT705" s="613"/>
      <c r="KWU705" s="613"/>
      <c r="KWV705" s="613"/>
      <c r="KWW705" s="613"/>
      <c r="KWX705" s="613"/>
      <c r="KWY705" s="613"/>
      <c r="KWZ705" s="613"/>
      <c r="KXA705" s="613"/>
      <c r="KXB705" s="613"/>
      <c r="KXC705" s="613"/>
      <c r="KXD705" s="613"/>
      <c r="KXE705" s="613"/>
      <c r="KXF705" s="613"/>
      <c r="KXG705" s="613"/>
      <c r="KXH705" s="613"/>
      <c r="KXI705" s="613"/>
      <c r="KXJ705" s="613"/>
      <c r="KXK705" s="613"/>
      <c r="KXL705" s="613"/>
      <c r="KXM705" s="613"/>
      <c r="KXN705" s="613"/>
      <c r="KXO705" s="613"/>
      <c r="KXP705" s="613"/>
      <c r="KXQ705" s="613"/>
      <c r="KXR705" s="613"/>
      <c r="KXS705" s="613"/>
      <c r="KXT705" s="613"/>
      <c r="KXU705" s="613"/>
      <c r="KXV705" s="613"/>
      <c r="KXW705" s="613"/>
      <c r="KXX705" s="613"/>
      <c r="KXY705" s="613"/>
      <c r="KXZ705" s="613"/>
      <c r="KYA705" s="613"/>
      <c r="KYB705" s="613"/>
      <c r="KYC705" s="613"/>
      <c r="KYD705" s="613"/>
      <c r="KYE705" s="613"/>
      <c r="KYF705" s="613"/>
      <c r="KYG705" s="613"/>
      <c r="KYH705" s="613"/>
      <c r="KYI705" s="613"/>
      <c r="KYJ705" s="613"/>
      <c r="KYK705" s="613"/>
      <c r="KYL705" s="613"/>
      <c r="KYM705" s="613"/>
      <c r="KYN705" s="613"/>
      <c r="KYO705" s="613"/>
      <c r="KYP705" s="613"/>
      <c r="KYQ705" s="613"/>
      <c r="KYR705" s="613"/>
      <c r="KYS705" s="613"/>
      <c r="KYT705" s="613"/>
      <c r="KYU705" s="613"/>
      <c r="KYV705" s="613"/>
      <c r="KYW705" s="613"/>
      <c r="KYX705" s="613"/>
      <c r="KYY705" s="613"/>
      <c r="KYZ705" s="613"/>
      <c r="KZA705" s="613"/>
      <c r="KZB705" s="613"/>
      <c r="KZC705" s="613"/>
      <c r="KZD705" s="613"/>
      <c r="KZE705" s="613"/>
      <c r="KZF705" s="613"/>
      <c r="KZG705" s="613"/>
      <c r="KZH705" s="613"/>
      <c r="KZI705" s="613"/>
      <c r="KZJ705" s="613"/>
      <c r="KZK705" s="613"/>
      <c r="KZL705" s="613"/>
      <c r="KZM705" s="613"/>
      <c r="KZN705" s="613"/>
      <c r="KZO705" s="613"/>
      <c r="KZP705" s="613"/>
      <c r="KZQ705" s="613"/>
      <c r="KZR705" s="613"/>
      <c r="KZS705" s="613"/>
      <c r="KZT705" s="613"/>
      <c r="KZU705" s="613"/>
      <c r="KZV705" s="613"/>
      <c r="KZW705" s="613"/>
      <c r="KZX705" s="613"/>
      <c r="KZY705" s="613"/>
      <c r="KZZ705" s="613"/>
      <c r="LAA705" s="613"/>
      <c r="LAB705" s="613"/>
      <c r="LAC705" s="613"/>
      <c r="LAD705" s="613"/>
      <c r="LAE705" s="613"/>
      <c r="LAF705" s="613"/>
      <c r="LAG705" s="613"/>
      <c r="LAH705" s="613"/>
      <c r="LAI705" s="613"/>
      <c r="LAJ705" s="613"/>
      <c r="LAK705" s="613"/>
      <c r="LAL705" s="613"/>
      <c r="LAM705" s="613"/>
      <c r="LAN705" s="613"/>
      <c r="LAO705" s="613"/>
      <c r="LAP705" s="613"/>
      <c r="LAQ705" s="613"/>
      <c r="LAR705" s="613"/>
      <c r="LAS705" s="613"/>
      <c r="LAT705" s="613"/>
      <c r="LAU705" s="613"/>
      <c r="LAV705" s="613"/>
      <c r="LAW705" s="613"/>
      <c r="LAX705" s="613"/>
      <c r="LAY705" s="613"/>
      <c r="LAZ705" s="613"/>
      <c r="LBA705" s="613"/>
      <c r="LBB705" s="613"/>
      <c r="LBC705" s="613"/>
      <c r="LBD705" s="613"/>
      <c r="LBE705" s="613"/>
      <c r="LBF705" s="613"/>
      <c r="LBG705" s="613"/>
      <c r="LBH705" s="613"/>
      <c r="LBI705" s="613"/>
      <c r="LBJ705" s="613"/>
      <c r="LBK705" s="613"/>
      <c r="LBL705" s="613"/>
      <c r="LBM705" s="613"/>
      <c r="LBN705" s="613"/>
      <c r="LBO705" s="613"/>
      <c r="LBP705" s="613"/>
      <c r="LBQ705" s="613"/>
      <c r="LBR705" s="613"/>
      <c r="LBS705" s="613"/>
      <c r="LBT705" s="613"/>
      <c r="LBU705" s="613"/>
      <c r="LBV705" s="613"/>
      <c r="LBW705" s="613"/>
      <c r="LBX705" s="613"/>
      <c r="LBY705" s="613"/>
      <c r="LBZ705" s="613"/>
      <c r="LCA705" s="613"/>
      <c r="LCB705" s="613"/>
      <c r="LCC705" s="613"/>
      <c r="LCD705" s="613"/>
      <c r="LCE705" s="613"/>
      <c r="LCF705" s="613"/>
      <c r="LCG705" s="613"/>
      <c r="LCH705" s="613"/>
      <c r="LCI705" s="613"/>
      <c r="LCJ705" s="613"/>
      <c r="LCK705" s="613"/>
      <c r="LCL705" s="613"/>
      <c r="LCM705" s="613"/>
      <c r="LCN705" s="613"/>
      <c r="LCO705" s="613"/>
      <c r="LCP705" s="613"/>
      <c r="LCQ705" s="613"/>
      <c r="LCR705" s="613"/>
      <c r="LCS705" s="613"/>
      <c r="LCT705" s="613"/>
      <c r="LCU705" s="613"/>
      <c r="LCV705" s="613"/>
      <c r="LCW705" s="613"/>
      <c r="LCX705" s="613"/>
      <c r="LCY705" s="613"/>
      <c r="LCZ705" s="613"/>
      <c r="LDA705" s="613"/>
      <c r="LDB705" s="613"/>
      <c r="LDC705" s="613"/>
      <c r="LDD705" s="613"/>
      <c r="LDE705" s="613"/>
      <c r="LDF705" s="613"/>
      <c r="LDG705" s="613"/>
      <c r="LDH705" s="613"/>
      <c r="LDI705" s="613"/>
      <c r="LDJ705" s="613"/>
      <c r="LDK705" s="613"/>
      <c r="LDL705" s="613"/>
      <c r="LDM705" s="613"/>
      <c r="LDN705" s="613"/>
      <c r="LDO705" s="613"/>
      <c r="LDP705" s="613"/>
      <c r="LDQ705" s="613"/>
      <c r="LDR705" s="613"/>
      <c r="LDS705" s="613"/>
      <c r="LDT705" s="613"/>
      <c r="LDU705" s="613"/>
      <c r="LDV705" s="613"/>
      <c r="LDW705" s="613"/>
      <c r="LDX705" s="613"/>
      <c r="LDY705" s="613"/>
      <c r="LDZ705" s="613"/>
      <c r="LEA705" s="613"/>
      <c r="LEB705" s="613"/>
      <c r="LEC705" s="613"/>
      <c r="LED705" s="613"/>
      <c r="LEE705" s="613"/>
      <c r="LEF705" s="613"/>
      <c r="LEG705" s="613"/>
      <c r="LEH705" s="613"/>
      <c r="LEI705" s="613"/>
      <c r="LEJ705" s="613"/>
      <c r="LEK705" s="613"/>
      <c r="LEL705" s="613"/>
      <c r="LEM705" s="613"/>
      <c r="LEN705" s="613"/>
      <c r="LEO705" s="613"/>
      <c r="LEP705" s="613"/>
      <c r="LEQ705" s="613"/>
      <c r="LER705" s="613"/>
      <c r="LES705" s="613"/>
      <c r="LET705" s="613"/>
      <c r="LEU705" s="613"/>
      <c r="LEV705" s="613"/>
      <c r="LEW705" s="613"/>
      <c r="LEX705" s="613"/>
      <c r="LEY705" s="613"/>
      <c r="LEZ705" s="613"/>
      <c r="LFA705" s="613"/>
      <c r="LFB705" s="613"/>
      <c r="LFC705" s="613"/>
      <c r="LFD705" s="613"/>
      <c r="LFE705" s="613"/>
      <c r="LFF705" s="613"/>
      <c r="LFG705" s="613"/>
      <c r="LFH705" s="613"/>
      <c r="LFI705" s="613"/>
      <c r="LFJ705" s="613"/>
      <c r="LFK705" s="613"/>
      <c r="LFL705" s="613"/>
      <c r="LFM705" s="613"/>
      <c r="LFN705" s="613"/>
      <c r="LFO705" s="613"/>
      <c r="LFP705" s="613"/>
      <c r="LFQ705" s="613"/>
      <c r="LFR705" s="613"/>
      <c r="LFS705" s="613"/>
      <c r="LFT705" s="613"/>
      <c r="LFU705" s="613"/>
      <c r="LFV705" s="613"/>
      <c r="LFW705" s="613"/>
      <c r="LFX705" s="613"/>
      <c r="LFY705" s="613"/>
      <c r="LFZ705" s="613"/>
      <c r="LGA705" s="613"/>
      <c r="LGB705" s="613"/>
      <c r="LGC705" s="613"/>
      <c r="LGD705" s="613"/>
      <c r="LGE705" s="613"/>
      <c r="LGF705" s="613"/>
      <c r="LGG705" s="613"/>
      <c r="LGH705" s="613"/>
      <c r="LGI705" s="613"/>
      <c r="LGJ705" s="613"/>
      <c r="LGK705" s="613"/>
      <c r="LGL705" s="613"/>
      <c r="LGM705" s="613"/>
      <c r="LGN705" s="613"/>
      <c r="LGO705" s="613"/>
      <c r="LGP705" s="613"/>
      <c r="LGQ705" s="613"/>
      <c r="LGR705" s="613"/>
      <c r="LGS705" s="613"/>
      <c r="LGT705" s="613"/>
      <c r="LGU705" s="613"/>
      <c r="LGV705" s="613"/>
      <c r="LGW705" s="613"/>
      <c r="LGX705" s="613"/>
      <c r="LGY705" s="613"/>
      <c r="LGZ705" s="613"/>
      <c r="LHA705" s="613"/>
      <c r="LHB705" s="613"/>
      <c r="LHC705" s="613"/>
      <c r="LHD705" s="613"/>
      <c r="LHE705" s="613"/>
      <c r="LHF705" s="613"/>
      <c r="LHG705" s="613"/>
      <c r="LHH705" s="613"/>
      <c r="LHI705" s="613"/>
      <c r="LHJ705" s="613"/>
      <c r="LHK705" s="613"/>
      <c r="LHL705" s="613"/>
      <c r="LHM705" s="613"/>
      <c r="LHN705" s="613"/>
      <c r="LHO705" s="613"/>
      <c r="LHP705" s="613"/>
      <c r="LHQ705" s="613"/>
      <c r="LHR705" s="613"/>
      <c r="LHS705" s="613"/>
      <c r="LHT705" s="613"/>
      <c r="LHU705" s="613"/>
      <c r="LHV705" s="613"/>
      <c r="LHW705" s="613"/>
      <c r="LHX705" s="613"/>
      <c r="LHY705" s="613"/>
      <c r="LHZ705" s="613"/>
      <c r="LIA705" s="613"/>
      <c r="LIB705" s="613"/>
      <c r="LIC705" s="613"/>
      <c r="LID705" s="613"/>
      <c r="LIE705" s="613"/>
      <c r="LIF705" s="613"/>
      <c r="LIG705" s="613"/>
      <c r="LIH705" s="613"/>
      <c r="LII705" s="613"/>
      <c r="LIJ705" s="613"/>
      <c r="LIK705" s="613"/>
      <c r="LIL705" s="613"/>
      <c r="LIM705" s="613"/>
      <c r="LIN705" s="613"/>
      <c r="LIO705" s="613"/>
      <c r="LIP705" s="613"/>
      <c r="LIQ705" s="613"/>
      <c r="LIR705" s="613"/>
      <c r="LIS705" s="613"/>
      <c r="LIT705" s="613"/>
      <c r="LIU705" s="613"/>
      <c r="LIV705" s="613"/>
      <c r="LIW705" s="613"/>
      <c r="LIX705" s="613"/>
      <c r="LIY705" s="613"/>
      <c r="LIZ705" s="613"/>
      <c r="LJA705" s="613"/>
      <c r="LJB705" s="613"/>
      <c r="LJC705" s="613"/>
      <c r="LJD705" s="613"/>
      <c r="LJE705" s="613"/>
      <c r="LJF705" s="613"/>
      <c r="LJG705" s="613"/>
      <c r="LJH705" s="613"/>
      <c r="LJI705" s="613"/>
      <c r="LJJ705" s="613"/>
      <c r="LJK705" s="613"/>
      <c r="LJL705" s="613"/>
      <c r="LJM705" s="613"/>
      <c r="LJN705" s="613"/>
      <c r="LJO705" s="613"/>
      <c r="LJP705" s="613"/>
      <c r="LJQ705" s="613"/>
      <c r="LJR705" s="613"/>
      <c r="LJS705" s="613"/>
      <c r="LJT705" s="613"/>
      <c r="LJU705" s="613"/>
      <c r="LJV705" s="613"/>
      <c r="LJW705" s="613"/>
      <c r="LJX705" s="613"/>
      <c r="LJY705" s="613"/>
      <c r="LJZ705" s="613"/>
      <c r="LKA705" s="613"/>
      <c r="LKB705" s="613"/>
      <c r="LKC705" s="613"/>
      <c r="LKD705" s="613"/>
      <c r="LKE705" s="613"/>
      <c r="LKF705" s="613"/>
      <c r="LKG705" s="613"/>
      <c r="LKH705" s="613"/>
      <c r="LKI705" s="613"/>
      <c r="LKJ705" s="613"/>
      <c r="LKK705" s="613"/>
      <c r="LKL705" s="613"/>
      <c r="LKM705" s="613"/>
      <c r="LKN705" s="613"/>
      <c r="LKO705" s="613"/>
      <c r="LKP705" s="613"/>
      <c r="LKQ705" s="613"/>
      <c r="LKR705" s="613"/>
      <c r="LKS705" s="613"/>
      <c r="LKT705" s="613"/>
      <c r="LKU705" s="613"/>
      <c r="LKV705" s="613"/>
      <c r="LKW705" s="613"/>
      <c r="LKX705" s="613"/>
      <c r="LKY705" s="613"/>
      <c r="LKZ705" s="613"/>
      <c r="LLA705" s="613"/>
      <c r="LLB705" s="613"/>
      <c r="LLC705" s="613"/>
      <c r="LLD705" s="613"/>
      <c r="LLE705" s="613"/>
      <c r="LLF705" s="613"/>
      <c r="LLG705" s="613"/>
      <c r="LLH705" s="613"/>
      <c r="LLI705" s="613"/>
      <c r="LLJ705" s="613"/>
      <c r="LLK705" s="613"/>
      <c r="LLL705" s="613"/>
      <c r="LLM705" s="613"/>
      <c r="LLN705" s="613"/>
      <c r="LLO705" s="613"/>
      <c r="LLP705" s="613"/>
      <c r="LLQ705" s="613"/>
      <c r="LLR705" s="613"/>
      <c r="LLS705" s="613"/>
      <c r="LLT705" s="613"/>
      <c r="LLU705" s="613"/>
      <c r="LLV705" s="613"/>
      <c r="LLW705" s="613"/>
      <c r="LLX705" s="613"/>
      <c r="LLY705" s="613"/>
      <c r="LLZ705" s="613"/>
      <c r="LMA705" s="613"/>
      <c r="LMB705" s="613"/>
      <c r="LMC705" s="613"/>
      <c r="LMD705" s="613"/>
      <c r="LME705" s="613"/>
      <c r="LMF705" s="613"/>
      <c r="LMG705" s="613"/>
      <c r="LMH705" s="613"/>
      <c r="LMI705" s="613"/>
      <c r="LMJ705" s="613"/>
      <c r="LMK705" s="613"/>
      <c r="LML705" s="613"/>
      <c r="LMM705" s="613"/>
      <c r="LMN705" s="613"/>
      <c r="LMO705" s="613"/>
      <c r="LMP705" s="613"/>
      <c r="LMQ705" s="613"/>
      <c r="LMR705" s="613"/>
      <c r="LMS705" s="613"/>
      <c r="LMT705" s="613"/>
      <c r="LMU705" s="613"/>
      <c r="LMV705" s="613"/>
      <c r="LMW705" s="613"/>
      <c r="LMX705" s="613"/>
      <c r="LMY705" s="613"/>
      <c r="LMZ705" s="613"/>
      <c r="LNA705" s="613"/>
      <c r="LNB705" s="613"/>
      <c r="LNC705" s="613"/>
      <c r="LND705" s="613"/>
      <c r="LNE705" s="613"/>
      <c r="LNF705" s="613"/>
      <c r="LNG705" s="613"/>
      <c r="LNH705" s="613"/>
      <c r="LNI705" s="613"/>
      <c r="LNJ705" s="613"/>
      <c r="LNK705" s="613"/>
      <c r="LNL705" s="613"/>
      <c r="LNM705" s="613"/>
      <c r="LNN705" s="613"/>
      <c r="LNO705" s="613"/>
      <c r="LNP705" s="613"/>
      <c r="LNQ705" s="613"/>
      <c r="LNR705" s="613"/>
      <c r="LNS705" s="613"/>
      <c r="LNT705" s="613"/>
      <c r="LNU705" s="613"/>
      <c r="LNV705" s="613"/>
      <c r="LNW705" s="613"/>
      <c r="LNX705" s="613"/>
      <c r="LNY705" s="613"/>
      <c r="LNZ705" s="613"/>
      <c r="LOA705" s="613"/>
      <c r="LOB705" s="613"/>
      <c r="LOC705" s="613"/>
      <c r="LOD705" s="613"/>
      <c r="LOE705" s="613"/>
      <c r="LOF705" s="613"/>
      <c r="LOG705" s="613"/>
      <c r="LOH705" s="613"/>
      <c r="LOI705" s="613"/>
      <c r="LOJ705" s="613"/>
      <c r="LOK705" s="613"/>
      <c r="LOL705" s="613"/>
      <c r="LOM705" s="613"/>
      <c r="LON705" s="613"/>
      <c r="LOO705" s="613"/>
      <c r="LOP705" s="613"/>
      <c r="LOQ705" s="613"/>
      <c r="LOR705" s="613"/>
      <c r="LOS705" s="613"/>
      <c r="LOT705" s="613"/>
      <c r="LOU705" s="613"/>
      <c r="LOV705" s="613"/>
      <c r="LOW705" s="613"/>
      <c r="LOX705" s="613"/>
      <c r="LOY705" s="613"/>
      <c r="LOZ705" s="613"/>
      <c r="LPA705" s="613"/>
      <c r="LPB705" s="613"/>
      <c r="LPC705" s="613"/>
      <c r="LPD705" s="613"/>
      <c r="LPE705" s="613"/>
      <c r="LPF705" s="613"/>
      <c r="LPG705" s="613"/>
      <c r="LPH705" s="613"/>
      <c r="LPI705" s="613"/>
      <c r="LPJ705" s="613"/>
      <c r="LPK705" s="613"/>
      <c r="LPL705" s="613"/>
      <c r="LPM705" s="613"/>
      <c r="LPN705" s="613"/>
      <c r="LPO705" s="613"/>
      <c r="LPP705" s="613"/>
      <c r="LPQ705" s="613"/>
      <c r="LPR705" s="613"/>
      <c r="LPS705" s="613"/>
      <c r="LPT705" s="613"/>
      <c r="LPU705" s="613"/>
      <c r="LPV705" s="613"/>
      <c r="LPW705" s="613"/>
      <c r="LPX705" s="613"/>
      <c r="LPY705" s="613"/>
      <c r="LPZ705" s="613"/>
      <c r="LQA705" s="613"/>
      <c r="LQB705" s="613"/>
      <c r="LQC705" s="613"/>
      <c r="LQD705" s="613"/>
      <c r="LQE705" s="613"/>
      <c r="LQF705" s="613"/>
      <c r="LQG705" s="613"/>
      <c r="LQH705" s="613"/>
      <c r="LQI705" s="613"/>
      <c r="LQJ705" s="613"/>
      <c r="LQK705" s="613"/>
      <c r="LQL705" s="613"/>
      <c r="LQM705" s="613"/>
      <c r="LQN705" s="613"/>
      <c r="LQO705" s="613"/>
      <c r="LQP705" s="613"/>
      <c r="LQQ705" s="613"/>
      <c r="LQR705" s="613"/>
      <c r="LQS705" s="613"/>
      <c r="LQT705" s="613"/>
      <c r="LQU705" s="613"/>
      <c r="LQV705" s="613"/>
      <c r="LQW705" s="613"/>
      <c r="LQX705" s="613"/>
      <c r="LQY705" s="613"/>
      <c r="LQZ705" s="613"/>
      <c r="LRA705" s="613"/>
      <c r="LRB705" s="613"/>
      <c r="LRC705" s="613"/>
      <c r="LRD705" s="613"/>
      <c r="LRE705" s="613"/>
      <c r="LRF705" s="613"/>
      <c r="LRG705" s="613"/>
      <c r="LRH705" s="613"/>
      <c r="LRI705" s="613"/>
      <c r="LRJ705" s="613"/>
      <c r="LRK705" s="613"/>
      <c r="LRL705" s="613"/>
      <c r="LRM705" s="613"/>
      <c r="LRN705" s="613"/>
      <c r="LRO705" s="613"/>
      <c r="LRP705" s="613"/>
      <c r="LRQ705" s="613"/>
      <c r="LRR705" s="613"/>
      <c r="LRS705" s="613"/>
      <c r="LRT705" s="613"/>
      <c r="LRU705" s="613"/>
      <c r="LRV705" s="613"/>
      <c r="LRW705" s="613"/>
      <c r="LRX705" s="613"/>
      <c r="LRY705" s="613"/>
      <c r="LRZ705" s="613"/>
      <c r="LSA705" s="613"/>
      <c r="LSB705" s="613"/>
      <c r="LSC705" s="613"/>
      <c r="LSD705" s="613"/>
      <c r="LSE705" s="613"/>
      <c r="LSF705" s="613"/>
      <c r="LSG705" s="613"/>
      <c r="LSH705" s="613"/>
      <c r="LSI705" s="613"/>
      <c r="LSJ705" s="613"/>
      <c r="LSK705" s="613"/>
      <c r="LSL705" s="613"/>
      <c r="LSM705" s="613"/>
      <c r="LSN705" s="613"/>
      <c r="LSO705" s="613"/>
      <c r="LSP705" s="613"/>
      <c r="LSQ705" s="613"/>
      <c r="LSR705" s="613"/>
      <c r="LSS705" s="613"/>
      <c r="LST705" s="613"/>
      <c r="LSU705" s="613"/>
      <c r="LSV705" s="613"/>
      <c r="LSW705" s="613"/>
      <c r="LSX705" s="613"/>
      <c r="LSY705" s="613"/>
      <c r="LSZ705" s="613"/>
      <c r="LTA705" s="613"/>
      <c r="LTB705" s="613"/>
      <c r="LTC705" s="613"/>
      <c r="LTD705" s="613"/>
      <c r="LTE705" s="613"/>
      <c r="LTF705" s="613"/>
      <c r="LTG705" s="613"/>
      <c r="LTH705" s="613"/>
      <c r="LTI705" s="613"/>
      <c r="LTJ705" s="613"/>
      <c r="LTK705" s="613"/>
      <c r="LTL705" s="613"/>
      <c r="LTM705" s="613"/>
      <c r="LTN705" s="613"/>
      <c r="LTO705" s="613"/>
      <c r="LTP705" s="613"/>
      <c r="LTQ705" s="613"/>
      <c r="LTR705" s="613"/>
      <c r="LTS705" s="613"/>
      <c r="LTT705" s="613"/>
      <c r="LTU705" s="613"/>
      <c r="LTV705" s="613"/>
      <c r="LTW705" s="613"/>
      <c r="LTX705" s="613"/>
      <c r="LTY705" s="613"/>
      <c r="LTZ705" s="613"/>
      <c r="LUA705" s="613"/>
      <c r="LUB705" s="613"/>
      <c r="LUC705" s="613"/>
      <c r="LUD705" s="613"/>
      <c r="LUE705" s="613"/>
      <c r="LUF705" s="613"/>
      <c r="LUG705" s="613"/>
      <c r="LUH705" s="613"/>
      <c r="LUI705" s="613"/>
      <c r="LUJ705" s="613"/>
      <c r="LUK705" s="613"/>
      <c r="LUL705" s="613"/>
      <c r="LUM705" s="613"/>
      <c r="LUN705" s="613"/>
      <c r="LUO705" s="613"/>
      <c r="LUP705" s="613"/>
      <c r="LUQ705" s="613"/>
      <c r="LUR705" s="613"/>
      <c r="LUS705" s="613"/>
      <c r="LUT705" s="613"/>
      <c r="LUU705" s="613"/>
      <c r="LUV705" s="613"/>
      <c r="LUW705" s="613"/>
      <c r="LUX705" s="613"/>
      <c r="LUY705" s="613"/>
      <c r="LUZ705" s="613"/>
      <c r="LVA705" s="613"/>
      <c r="LVB705" s="613"/>
      <c r="LVC705" s="613"/>
      <c r="LVD705" s="613"/>
      <c r="LVE705" s="613"/>
      <c r="LVF705" s="613"/>
      <c r="LVG705" s="613"/>
      <c r="LVH705" s="613"/>
      <c r="LVI705" s="613"/>
      <c r="LVJ705" s="613"/>
      <c r="LVK705" s="613"/>
      <c r="LVL705" s="613"/>
      <c r="LVM705" s="613"/>
      <c r="LVN705" s="613"/>
      <c r="LVO705" s="613"/>
      <c r="LVP705" s="613"/>
      <c r="LVQ705" s="613"/>
      <c r="LVR705" s="613"/>
      <c r="LVS705" s="613"/>
      <c r="LVT705" s="613"/>
      <c r="LVU705" s="613"/>
      <c r="LVV705" s="613"/>
      <c r="LVW705" s="613"/>
      <c r="LVX705" s="613"/>
      <c r="LVY705" s="613"/>
      <c r="LVZ705" s="613"/>
      <c r="LWA705" s="613"/>
      <c r="LWB705" s="613"/>
      <c r="LWC705" s="613"/>
      <c r="LWD705" s="613"/>
      <c r="LWE705" s="613"/>
      <c r="LWF705" s="613"/>
      <c r="LWG705" s="613"/>
      <c r="LWH705" s="613"/>
      <c r="LWI705" s="613"/>
      <c r="LWJ705" s="613"/>
      <c r="LWK705" s="613"/>
      <c r="LWL705" s="613"/>
      <c r="LWM705" s="613"/>
      <c r="LWN705" s="613"/>
      <c r="LWO705" s="613"/>
      <c r="LWP705" s="613"/>
      <c r="LWQ705" s="613"/>
      <c r="LWR705" s="613"/>
      <c r="LWS705" s="613"/>
      <c r="LWT705" s="613"/>
      <c r="LWU705" s="613"/>
      <c r="LWV705" s="613"/>
      <c r="LWW705" s="613"/>
      <c r="LWX705" s="613"/>
      <c r="LWY705" s="613"/>
      <c r="LWZ705" s="613"/>
      <c r="LXA705" s="613"/>
      <c r="LXB705" s="613"/>
      <c r="LXC705" s="613"/>
      <c r="LXD705" s="613"/>
      <c r="LXE705" s="613"/>
      <c r="LXF705" s="613"/>
      <c r="LXG705" s="613"/>
      <c r="LXH705" s="613"/>
      <c r="LXI705" s="613"/>
      <c r="LXJ705" s="613"/>
      <c r="LXK705" s="613"/>
      <c r="LXL705" s="613"/>
      <c r="LXM705" s="613"/>
      <c r="LXN705" s="613"/>
      <c r="LXO705" s="613"/>
      <c r="LXP705" s="613"/>
      <c r="LXQ705" s="613"/>
      <c r="LXR705" s="613"/>
      <c r="LXS705" s="613"/>
      <c r="LXT705" s="613"/>
      <c r="LXU705" s="613"/>
      <c r="LXV705" s="613"/>
      <c r="LXW705" s="613"/>
      <c r="LXX705" s="613"/>
      <c r="LXY705" s="613"/>
      <c r="LXZ705" s="613"/>
      <c r="LYA705" s="613"/>
      <c r="LYB705" s="613"/>
      <c r="LYC705" s="613"/>
      <c r="LYD705" s="613"/>
      <c r="LYE705" s="613"/>
      <c r="LYF705" s="613"/>
      <c r="LYG705" s="613"/>
      <c r="LYH705" s="613"/>
      <c r="LYI705" s="613"/>
      <c r="LYJ705" s="613"/>
      <c r="LYK705" s="613"/>
      <c r="LYL705" s="613"/>
      <c r="LYM705" s="613"/>
      <c r="LYN705" s="613"/>
      <c r="LYO705" s="613"/>
      <c r="LYP705" s="613"/>
      <c r="LYQ705" s="613"/>
      <c r="LYR705" s="613"/>
      <c r="LYS705" s="613"/>
      <c r="LYT705" s="613"/>
      <c r="LYU705" s="613"/>
      <c r="LYV705" s="613"/>
      <c r="LYW705" s="613"/>
      <c r="LYX705" s="613"/>
      <c r="LYY705" s="613"/>
      <c r="LYZ705" s="613"/>
      <c r="LZA705" s="613"/>
      <c r="LZB705" s="613"/>
      <c r="LZC705" s="613"/>
      <c r="LZD705" s="613"/>
      <c r="LZE705" s="613"/>
      <c r="LZF705" s="613"/>
      <c r="LZG705" s="613"/>
      <c r="LZH705" s="613"/>
      <c r="LZI705" s="613"/>
      <c r="LZJ705" s="613"/>
      <c r="LZK705" s="613"/>
      <c r="LZL705" s="613"/>
      <c r="LZM705" s="613"/>
      <c r="LZN705" s="613"/>
      <c r="LZO705" s="613"/>
      <c r="LZP705" s="613"/>
      <c r="LZQ705" s="613"/>
      <c r="LZR705" s="613"/>
      <c r="LZS705" s="613"/>
      <c r="LZT705" s="613"/>
      <c r="LZU705" s="613"/>
      <c r="LZV705" s="613"/>
      <c r="LZW705" s="613"/>
      <c r="LZX705" s="613"/>
      <c r="LZY705" s="613"/>
      <c r="LZZ705" s="613"/>
      <c r="MAA705" s="613"/>
      <c r="MAB705" s="613"/>
      <c r="MAC705" s="613"/>
      <c r="MAD705" s="613"/>
      <c r="MAE705" s="613"/>
      <c r="MAF705" s="613"/>
      <c r="MAG705" s="613"/>
      <c r="MAH705" s="613"/>
      <c r="MAI705" s="613"/>
      <c r="MAJ705" s="613"/>
      <c r="MAK705" s="613"/>
      <c r="MAL705" s="613"/>
      <c r="MAM705" s="613"/>
      <c r="MAN705" s="613"/>
      <c r="MAO705" s="613"/>
      <c r="MAP705" s="613"/>
      <c r="MAQ705" s="613"/>
      <c r="MAR705" s="613"/>
      <c r="MAS705" s="613"/>
      <c r="MAT705" s="613"/>
      <c r="MAU705" s="613"/>
      <c r="MAV705" s="613"/>
      <c r="MAW705" s="613"/>
      <c r="MAX705" s="613"/>
      <c r="MAY705" s="613"/>
      <c r="MAZ705" s="613"/>
      <c r="MBA705" s="613"/>
      <c r="MBB705" s="613"/>
      <c r="MBC705" s="613"/>
      <c r="MBD705" s="613"/>
      <c r="MBE705" s="613"/>
      <c r="MBF705" s="613"/>
      <c r="MBG705" s="613"/>
      <c r="MBH705" s="613"/>
      <c r="MBI705" s="613"/>
      <c r="MBJ705" s="613"/>
      <c r="MBK705" s="613"/>
      <c r="MBL705" s="613"/>
      <c r="MBM705" s="613"/>
      <c r="MBN705" s="613"/>
      <c r="MBO705" s="613"/>
      <c r="MBP705" s="613"/>
      <c r="MBQ705" s="613"/>
      <c r="MBR705" s="613"/>
      <c r="MBS705" s="613"/>
      <c r="MBT705" s="613"/>
      <c r="MBU705" s="613"/>
      <c r="MBV705" s="613"/>
      <c r="MBW705" s="613"/>
      <c r="MBX705" s="613"/>
      <c r="MBY705" s="613"/>
      <c r="MBZ705" s="613"/>
      <c r="MCA705" s="613"/>
      <c r="MCB705" s="613"/>
      <c r="MCC705" s="613"/>
      <c r="MCD705" s="613"/>
      <c r="MCE705" s="613"/>
      <c r="MCF705" s="613"/>
      <c r="MCG705" s="613"/>
      <c r="MCH705" s="613"/>
      <c r="MCI705" s="613"/>
      <c r="MCJ705" s="613"/>
      <c r="MCK705" s="613"/>
      <c r="MCL705" s="613"/>
      <c r="MCM705" s="613"/>
      <c r="MCN705" s="613"/>
      <c r="MCO705" s="613"/>
      <c r="MCP705" s="613"/>
      <c r="MCQ705" s="613"/>
      <c r="MCR705" s="613"/>
      <c r="MCS705" s="613"/>
      <c r="MCT705" s="613"/>
      <c r="MCU705" s="613"/>
      <c r="MCV705" s="613"/>
      <c r="MCW705" s="613"/>
      <c r="MCX705" s="613"/>
      <c r="MCY705" s="613"/>
      <c r="MCZ705" s="613"/>
      <c r="MDA705" s="613"/>
      <c r="MDB705" s="613"/>
      <c r="MDC705" s="613"/>
      <c r="MDD705" s="613"/>
      <c r="MDE705" s="613"/>
      <c r="MDF705" s="613"/>
      <c r="MDG705" s="613"/>
      <c r="MDH705" s="613"/>
      <c r="MDI705" s="613"/>
      <c r="MDJ705" s="613"/>
      <c r="MDK705" s="613"/>
      <c r="MDL705" s="613"/>
      <c r="MDM705" s="613"/>
      <c r="MDN705" s="613"/>
      <c r="MDO705" s="613"/>
      <c r="MDP705" s="613"/>
      <c r="MDQ705" s="613"/>
      <c r="MDR705" s="613"/>
      <c r="MDS705" s="613"/>
      <c r="MDT705" s="613"/>
      <c r="MDU705" s="613"/>
      <c r="MDV705" s="613"/>
      <c r="MDW705" s="613"/>
      <c r="MDX705" s="613"/>
      <c r="MDY705" s="613"/>
      <c r="MDZ705" s="613"/>
      <c r="MEA705" s="613"/>
      <c r="MEB705" s="613"/>
      <c r="MEC705" s="613"/>
      <c r="MED705" s="613"/>
      <c r="MEE705" s="613"/>
      <c r="MEF705" s="613"/>
      <c r="MEG705" s="613"/>
      <c r="MEH705" s="613"/>
      <c r="MEI705" s="613"/>
      <c r="MEJ705" s="613"/>
      <c r="MEK705" s="613"/>
      <c r="MEL705" s="613"/>
      <c r="MEM705" s="613"/>
      <c r="MEN705" s="613"/>
      <c r="MEO705" s="613"/>
      <c r="MEP705" s="613"/>
      <c r="MEQ705" s="613"/>
      <c r="MER705" s="613"/>
      <c r="MES705" s="613"/>
      <c r="MET705" s="613"/>
      <c r="MEU705" s="613"/>
      <c r="MEV705" s="613"/>
      <c r="MEW705" s="613"/>
      <c r="MEX705" s="613"/>
      <c r="MEY705" s="613"/>
      <c r="MEZ705" s="613"/>
      <c r="MFA705" s="613"/>
      <c r="MFB705" s="613"/>
      <c r="MFC705" s="613"/>
      <c r="MFD705" s="613"/>
      <c r="MFE705" s="613"/>
      <c r="MFF705" s="613"/>
      <c r="MFG705" s="613"/>
      <c r="MFH705" s="613"/>
      <c r="MFI705" s="613"/>
      <c r="MFJ705" s="613"/>
      <c r="MFK705" s="613"/>
      <c r="MFL705" s="613"/>
      <c r="MFM705" s="613"/>
      <c r="MFN705" s="613"/>
      <c r="MFO705" s="613"/>
      <c r="MFP705" s="613"/>
      <c r="MFQ705" s="613"/>
      <c r="MFR705" s="613"/>
      <c r="MFS705" s="613"/>
      <c r="MFT705" s="613"/>
      <c r="MFU705" s="613"/>
      <c r="MFV705" s="613"/>
      <c r="MFW705" s="613"/>
      <c r="MFX705" s="613"/>
      <c r="MFY705" s="613"/>
      <c r="MFZ705" s="613"/>
      <c r="MGA705" s="613"/>
      <c r="MGB705" s="613"/>
      <c r="MGC705" s="613"/>
      <c r="MGD705" s="613"/>
      <c r="MGE705" s="613"/>
      <c r="MGF705" s="613"/>
      <c r="MGG705" s="613"/>
      <c r="MGH705" s="613"/>
      <c r="MGI705" s="613"/>
      <c r="MGJ705" s="613"/>
      <c r="MGK705" s="613"/>
      <c r="MGL705" s="613"/>
      <c r="MGM705" s="613"/>
      <c r="MGN705" s="613"/>
      <c r="MGO705" s="613"/>
      <c r="MGP705" s="613"/>
      <c r="MGQ705" s="613"/>
      <c r="MGR705" s="613"/>
      <c r="MGS705" s="613"/>
      <c r="MGT705" s="613"/>
      <c r="MGU705" s="613"/>
      <c r="MGV705" s="613"/>
      <c r="MGW705" s="613"/>
      <c r="MGX705" s="613"/>
      <c r="MGY705" s="613"/>
      <c r="MGZ705" s="613"/>
      <c r="MHA705" s="613"/>
      <c r="MHB705" s="613"/>
      <c r="MHC705" s="613"/>
      <c r="MHD705" s="613"/>
      <c r="MHE705" s="613"/>
      <c r="MHF705" s="613"/>
      <c r="MHG705" s="613"/>
      <c r="MHH705" s="613"/>
      <c r="MHI705" s="613"/>
      <c r="MHJ705" s="613"/>
      <c r="MHK705" s="613"/>
      <c r="MHL705" s="613"/>
      <c r="MHM705" s="613"/>
      <c r="MHN705" s="613"/>
      <c r="MHO705" s="613"/>
      <c r="MHP705" s="613"/>
      <c r="MHQ705" s="613"/>
      <c r="MHR705" s="613"/>
      <c r="MHS705" s="613"/>
      <c r="MHT705" s="613"/>
      <c r="MHU705" s="613"/>
      <c r="MHV705" s="613"/>
      <c r="MHW705" s="613"/>
      <c r="MHX705" s="613"/>
      <c r="MHY705" s="613"/>
      <c r="MHZ705" s="613"/>
      <c r="MIA705" s="613"/>
      <c r="MIB705" s="613"/>
      <c r="MIC705" s="613"/>
      <c r="MID705" s="613"/>
      <c r="MIE705" s="613"/>
      <c r="MIF705" s="613"/>
      <c r="MIG705" s="613"/>
      <c r="MIH705" s="613"/>
      <c r="MII705" s="613"/>
      <c r="MIJ705" s="613"/>
      <c r="MIK705" s="613"/>
      <c r="MIL705" s="613"/>
      <c r="MIM705" s="613"/>
      <c r="MIN705" s="613"/>
      <c r="MIO705" s="613"/>
      <c r="MIP705" s="613"/>
      <c r="MIQ705" s="613"/>
      <c r="MIR705" s="613"/>
      <c r="MIS705" s="613"/>
      <c r="MIT705" s="613"/>
      <c r="MIU705" s="613"/>
      <c r="MIV705" s="613"/>
      <c r="MIW705" s="613"/>
      <c r="MIX705" s="613"/>
      <c r="MIY705" s="613"/>
      <c r="MIZ705" s="613"/>
      <c r="MJA705" s="613"/>
      <c r="MJB705" s="613"/>
      <c r="MJC705" s="613"/>
      <c r="MJD705" s="613"/>
      <c r="MJE705" s="613"/>
      <c r="MJF705" s="613"/>
      <c r="MJG705" s="613"/>
      <c r="MJH705" s="613"/>
      <c r="MJI705" s="613"/>
      <c r="MJJ705" s="613"/>
      <c r="MJK705" s="613"/>
      <c r="MJL705" s="613"/>
      <c r="MJM705" s="613"/>
      <c r="MJN705" s="613"/>
      <c r="MJO705" s="613"/>
      <c r="MJP705" s="613"/>
      <c r="MJQ705" s="613"/>
      <c r="MJR705" s="613"/>
      <c r="MJS705" s="613"/>
      <c r="MJT705" s="613"/>
      <c r="MJU705" s="613"/>
      <c r="MJV705" s="613"/>
      <c r="MJW705" s="613"/>
      <c r="MJX705" s="613"/>
      <c r="MJY705" s="613"/>
      <c r="MJZ705" s="613"/>
      <c r="MKA705" s="613"/>
      <c r="MKB705" s="613"/>
      <c r="MKC705" s="613"/>
      <c r="MKD705" s="613"/>
      <c r="MKE705" s="613"/>
      <c r="MKF705" s="613"/>
      <c r="MKG705" s="613"/>
      <c r="MKH705" s="613"/>
      <c r="MKI705" s="613"/>
      <c r="MKJ705" s="613"/>
      <c r="MKK705" s="613"/>
      <c r="MKL705" s="613"/>
      <c r="MKM705" s="613"/>
      <c r="MKN705" s="613"/>
      <c r="MKO705" s="613"/>
      <c r="MKP705" s="613"/>
      <c r="MKQ705" s="613"/>
      <c r="MKR705" s="613"/>
      <c r="MKS705" s="613"/>
      <c r="MKT705" s="613"/>
      <c r="MKU705" s="613"/>
      <c r="MKV705" s="613"/>
      <c r="MKW705" s="613"/>
      <c r="MKX705" s="613"/>
      <c r="MKY705" s="613"/>
      <c r="MKZ705" s="613"/>
      <c r="MLA705" s="613"/>
      <c r="MLB705" s="613"/>
      <c r="MLC705" s="613"/>
      <c r="MLD705" s="613"/>
      <c r="MLE705" s="613"/>
      <c r="MLF705" s="613"/>
      <c r="MLG705" s="613"/>
      <c r="MLH705" s="613"/>
      <c r="MLI705" s="613"/>
      <c r="MLJ705" s="613"/>
      <c r="MLK705" s="613"/>
      <c r="MLL705" s="613"/>
      <c r="MLM705" s="613"/>
      <c r="MLN705" s="613"/>
      <c r="MLO705" s="613"/>
      <c r="MLP705" s="613"/>
      <c r="MLQ705" s="613"/>
      <c r="MLR705" s="613"/>
      <c r="MLS705" s="613"/>
      <c r="MLT705" s="613"/>
      <c r="MLU705" s="613"/>
      <c r="MLV705" s="613"/>
      <c r="MLW705" s="613"/>
      <c r="MLX705" s="613"/>
      <c r="MLY705" s="613"/>
      <c r="MLZ705" s="613"/>
      <c r="MMA705" s="613"/>
      <c r="MMB705" s="613"/>
      <c r="MMC705" s="613"/>
      <c r="MMD705" s="613"/>
      <c r="MME705" s="613"/>
      <c r="MMF705" s="613"/>
      <c r="MMG705" s="613"/>
      <c r="MMH705" s="613"/>
      <c r="MMI705" s="613"/>
      <c r="MMJ705" s="613"/>
      <c r="MMK705" s="613"/>
      <c r="MML705" s="613"/>
      <c r="MMM705" s="613"/>
      <c r="MMN705" s="613"/>
      <c r="MMO705" s="613"/>
      <c r="MMP705" s="613"/>
      <c r="MMQ705" s="613"/>
      <c r="MMR705" s="613"/>
      <c r="MMS705" s="613"/>
      <c r="MMT705" s="613"/>
      <c r="MMU705" s="613"/>
      <c r="MMV705" s="613"/>
      <c r="MMW705" s="613"/>
      <c r="MMX705" s="613"/>
      <c r="MMY705" s="613"/>
      <c r="MMZ705" s="613"/>
      <c r="MNA705" s="613"/>
      <c r="MNB705" s="613"/>
      <c r="MNC705" s="613"/>
      <c r="MND705" s="613"/>
      <c r="MNE705" s="613"/>
      <c r="MNF705" s="613"/>
      <c r="MNG705" s="613"/>
      <c r="MNH705" s="613"/>
      <c r="MNI705" s="613"/>
      <c r="MNJ705" s="613"/>
      <c r="MNK705" s="613"/>
      <c r="MNL705" s="613"/>
      <c r="MNM705" s="613"/>
      <c r="MNN705" s="613"/>
      <c r="MNO705" s="613"/>
      <c r="MNP705" s="613"/>
      <c r="MNQ705" s="613"/>
      <c r="MNR705" s="613"/>
      <c r="MNS705" s="613"/>
      <c r="MNT705" s="613"/>
      <c r="MNU705" s="613"/>
      <c r="MNV705" s="613"/>
      <c r="MNW705" s="613"/>
      <c r="MNX705" s="613"/>
      <c r="MNY705" s="613"/>
      <c r="MNZ705" s="613"/>
      <c r="MOA705" s="613"/>
      <c r="MOB705" s="613"/>
      <c r="MOC705" s="613"/>
      <c r="MOD705" s="613"/>
      <c r="MOE705" s="613"/>
      <c r="MOF705" s="613"/>
      <c r="MOG705" s="613"/>
      <c r="MOH705" s="613"/>
      <c r="MOI705" s="613"/>
      <c r="MOJ705" s="613"/>
      <c r="MOK705" s="613"/>
      <c r="MOL705" s="613"/>
      <c r="MOM705" s="613"/>
      <c r="MON705" s="613"/>
      <c r="MOO705" s="613"/>
      <c r="MOP705" s="613"/>
      <c r="MOQ705" s="613"/>
      <c r="MOR705" s="613"/>
      <c r="MOS705" s="613"/>
      <c r="MOT705" s="613"/>
      <c r="MOU705" s="613"/>
      <c r="MOV705" s="613"/>
      <c r="MOW705" s="613"/>
      <c r="MOX705" s="613"/>
      <c r="MOY705" s="613"/>
      <c r="MOZ705" s="613"/>
      <c r="MPA705" s="613"/>
      <c r="MPB705" s="613"/>
      <c r="MPC705" s="613"/>
      <c r="MPD705" s="613"/>
      <c r="MPE705" s="613"/>
      <c r="MPF705" s="613"/>
      <c r="MPG705" s="613"/>
      <c r="MPH705" s="613"/>
      <c r="MPI705" s="613"/>
      <c r="MPJ705" s="613"/>
      <c r="MPK705" s="613"/>
      <c r="MPL705" s="613"/>
      <c r="MPM705" s="613"/>
      <c r="MPN705" s="613"/>
      <c r="MPO705" s="613"/>
      <c r="MPP705" s="613"/>
      <c r="MPQ705" s="613"/>
      <c r="MPR705" s="613"/>
      <c r="MPS705" s="613"/>
      <c r="MPT705" s="613"/>
      <c r="MPU705" s="613"/>
      <c r="MPV705" s="613"/>
      <c r="MPW705" s="613"/>
      <c r="MPX705" s="613"/>
      <c r="MPY705" s="613"/>
      <c r="MPZ705" s="613"/>
      <c r="MQA705" s="613"/>
      <c r="MQB705" s="613"/>
      <c r="MQC705" s="613"/>
      <c r="MQD705" s="613"/>
      <c r="MQE705" s="613"/>
      <c r="MQF705" s="613"/>
      <c r="MQG705" s="613"/>
      <c r="MQH705" s="613"/>
      <c r="MQI705" s="613"/>
      <c r="MQJ705" s="613"/>
      <c r="MQK705" s="613"/>
      <c r="MQL705" s="613"/>
      <c r="MQM705" s="613"/>
      <c r="MQN705" s="613"/>
      <c r="MQO705" s="613"/>
      <c r="MQP705" s="613"/>
      <c r="MQQ705" s="613"/>
      <c r="MQR705" s="613"/>
      <c r="MQS705" s="613"/>
      <c r="MQT705" s="613"/>
      <c r="MQU705" s="613"/>
      <c r="MQV705" s="613"/>
      <c r="MQW705" s="613"/>
      <c r="MQX705" s="613"/>
      <c r="MQY705" s="613"/>
      <c r="MQZ705" s="613"/>
      <c r="MRA705" s="613"/>
      <c r="MRB705" s="613"/>
      <c r="MRC705" s="613"/>
      <c r="MRD705" s="613"/>
      <c r="MRE705" s="613"/>
      <c r="MRF705" s="613"/>
      <c r="MRG705" s="613"/>
      <c r="MRH705" s="613"/>
      <c r="MRI705" s="613"/>
      <c r="MRJ705" s="613"/>
      <c r="MRK705" s="613"/>
      <c r="MRL705" s="613"/>
      <c r="MRM705" s="613"/>
      <c r="MRN705" s="613"/>
      <c r="MRO705" s="613"/>
      <c r="MRP705" s="613"/>
      <c r="MRQ705" s="613"/>
      <c r="MRR705" s="613"/>
      <c r="MRS705" s="613"/>
      <c r="MRT705" s="613"/>
      <c r="MRU705" s="613"/>
      <c r="MRV705" s="613"/>
      <c r="MRW705" s="613"/>
      <c r="MRX705" s="613"/>
      <c r="MRY705" s="613"/>
      <c r="MRZ705" s="613"/>
      <c r="MSA705" s="613"/>
      <c r="MSB705" s="613"/>
      <c r="MSC705" s="613"/>
      <c r="MSD705" s="613"/>
      <c r="MSE705" s="613"/>
      <c r="MSF705" s="613"/>
      <c r="MSG705" s="613"/>
      <c r="MSH705" s="613"/>
      <c r="MSI705" s="613"/>
      <c r="MSJ705" s="613"/>
      <c r="MSK705" s="613"/>
      <c r="MSL705" s="613"/>
      <c r="MSM705" s="613"/>
      <c r="MSN705" s="613"/>
      <c r="MSO705" s="613"/>
      <c r="MSP705" s="613"/>
      <c r="MSQ705" s="613"/>
      <c r="MSR705" s="613"/>
      <c r="MSS705" s="613"/>
      <c r="MST705" s="613"/>
      <c r="MSU705" s="613"/>
      <c r="MSV705" s="613"/>
      <c r="MSW705" s="613"/>
      <c r="MSX705" s="613"/>
      <c r="MSY705" s="613"/>
      <c r="MSZ705" s="613"/>
      <c r="MTA705" s="613"/>
      <c r="MTB705" s="613"/>
      <c r="MTC705" s="613"/>
      <c r="MTD705" s="613"/>
      <c r="MTE705" s="613"/>
      <c r="MTF705" s="613"/>
      <c r="MTG705" s="613"/>
      <c r="MTH705" s="613"/>
      <c r="MTI705" s="613"/>
      <c r="MTJ705" s="613"/>
      <c r="MTK705" s="613"/>
      <c r="MTL705" s="613"/>
      <c r="MTM705" s="613"/>
      <c r="MTN705" s="613"/>
      <c r="MTO705" s="613"/>
      <c r="MTP705" s="613"/>
      <c r="MTQ705" s="613"/>
      <c r="MTR705" s="613"/>
      <c r="MTS705" s="613"/>
      <c r="MTT705" s="613"/>
      <c r="MTU705" s="613"/>
      <c r="MTV705" s="613"/>
      <c r="MTW705" s="613"/>
      <c r="MTX705" s="613"/>
      <c r="MTY705" s="613"/>
      <c r="MTZ705" s="613"/>
      <c r="MUA705" s="613"/>
      <c r="MUB705" s="613"/>
      <c r="MUC705" s="613"/>
      <c r="MUD705" s="613"/>
      <c r="MUE705" s="613"/>
      <c r="MUF705" s="613"/>
      <c r="MUG705" s="613"/>
      <c r="MUH705" s="613"/>
      <c r="MUI705" s="613"/>
      <c r="MUJ705" s="613"/>
      <c r="MUK705" s="613"/>
      <c r="MUL705" s="613"/>
      <c r="MUM705" s="613"/>
      <c r="MUN705" s="613"/>
      <c r="MUO705" s="613"/>
      <c r="MUP705" s="613"/>
      <c r="MUQ705" s="613"/>
      <c r="MUR705" s="613"/>
      <c r="MUS705" s="613"/>
      <c r="MUT705" s="613"/>
      <c r="MUU705" s="613"/>
      <c r="MUV705" s="613"/>
      <c r="MUW705" s="613"/>
      <c r="MUX705" s="613"/>
      <c r="MUY705" s="613"/>
      <c r="MUZ705" s="613"/>
      <c r="MVA705" s="613"/>
      <c r="MVB705" s="613"/>
      <c r="MVC705" s="613"/>
      <c r="MVD705" s="613"/>
      <c r="MVE705" s="613"/>
      <c r="MVF705" s="613"/>
      <c r="MVG705" s="613"/>
      <c r="MVH705" s="613"/>
      <c r="MVI705" s="613"/>
      <c r="MVJ705" s="613"/>
      <c r="MVK705" s="613"/>
      <c r="MVL705" s="613"/>
      <c r="MVM705" s="613"/>
      <c r="MVN705" s="613"/>
      <c r="MVO705" s="613"/>
      <c r="MVP705" s="613"/>
      <c r="MVQ705" s="613"/>
      <c r="MVR705" s="613"/>
      <c r="MVS705" s="613"/>
      <c r="MVT705" s="613"/>
      <c r="MVU705" s="613"/>
      <c r="MVV705" s="613"/>
      <c r="MVW705" s="613"/>
      <c r="MVX705" s="613"/>
      <c r="MVY705" s="613"/>
      <c r="MVZ705" s="613"/>
      <c r="MWA705" s="613"/>
      <c r="MWB705" s="613"/>
      <c r="MWC705" s="613"/>
      <c r="MWD705" s="613"/>
      <c r="MWE705" s="613"/>
      <c r="MWF705" s="613"/>
      <c r="MWG705" s="613"/>
      <c r="MWH705" s="613"/>
      <c r="MWI705" s="613"/>
      <c r="MWJ705" s="613"/>
      <c r="MWK705" s="613"/>
      <c r="MWL705" s="613"/>
      <c r="MWM705" s="613"/>
      <c r="MWN705" s="613"/>
      <c r="MWO705" s="613"/>
      <c r="MWP705" s="613"/>
      <c r="MWQ705" s="613"/>
      <c r="MWR705" s="613"/>
      <c r="MWS705" s="613"/>
      <c r="MWT705" s="613"/>
      <c r="MWU705" s="613"/>
      <c r="MWV705" s="613"/>
      <c r="MWW705" s="613"/>
      <c r="MWX705" s="613"/>
      <c r="MWY705" s="613"/>
      <c r="MWZ705" s="613"/>
      <c r="MXA705" s="613"/>
      <c r="MXB705" s="613"/>
      <c r="MXC705" s="613"/>
      <c r="MXD705" s="613"/>
      <c r="MXE705" s="613"/>
      <c r="MXF705" s="613"/>
      <c r="MXG705" s="613"/>
      <c r="MXH705" s="613"/>
      <c r="MXI705" s="613"/>
      <c r="MXJ705" s="613"/>
      <c r="MXK705" s="613"/>
      <c r="MXL705" s="613"/>
      <c r="MXM705" s="613"/>
      <c r="MXN705" s="613"/>
      <c r="MXO705" s="613"/>
      <c r="MXP705" s="613"/>
      <c r="MXQ705" s="613"/>
      <c r="MXR705" s="613"/>
      <c r="MXS705" s="613"/>
      <c r="MXT705" s="613"/>
      <c r="MXU705" s="613"/>
      <c r="MXV705" s="613"/>
      <c r="MXW705" s="613"/>
      <c r="MXX705" s="613"/>
      <c r="MXY705" s="613"/>
      <c r="MXZ705" s="613"/>
      <c r="MYA705" s="613"/>
      <c r="MYB705" s="613"/>
      <c r="MYC705" s="613"/>
      <c r="MYD705" s="613"/>
      <c r="MYE705" s="613"/>
      <c r="MYF705" s="613"/>
      <c r="MYG705" s="613"/>
      <c r="MYH705" s="613"/>
      <c r="MYI705" s="613"/>
      <c r="MYJ705" s="613"/>
      <c r="MYK705" s="613"/>
      <c r="MYL705" s="613"/>
      <c r="MYM705" s="613"/>
      <c r="MYN705" s="613"/>
      <c r="MYO705" s="613"/>
      <c r="MYP705" s="613"/>
      <c r="MYQ705" s="613"/>
      <c r="MYR705" s="613"/>
      <c r="MYS705" s="613"/>
      <c r="MYT705" s="613"/>
      <c r="MYU705" s="613"/>
      <c r="MYV705" s="613"/>
      <c r="MYW705" s="613"/>
      <c r="MYX705" s="613"/>
      <c r="MYY705" s="613"/>
      <c r="MYZ705" s="613"/>
      <c r="MZA705" s="613"/>
      <c r="MZB705" s="613"/>
      <c r="MZC705" s="613"/>
      <c r="MZD705" s="613"/>
      <c r="MZE705" s="613"/>
      <c r="MZF705" s="613"/>
      <c r="MZG705" s="613"/>
      <c r="MZH705" s="613"/>
      <c r="MZI705" s="613"/>
      <c r="MZJ705" s="613"/>
      <c r="MZK705" s="613"/>
      <c r="MZL705" s="613"/>
      <c r="MZM705" s="613"/>
      <c r="MZN705" s="613"/>
      <c r="MZO705" s="613"/>
      <c r="MZP705" s="613"/>
      <c r="MZQ705" s="613"/>
      <c r="MZR705" s="613"/>
      <c r="MZS705" s="613"/>
      <c r="MZT705" s="613"/>
      <c r="MZU705" s="613"/>
      <c r="MZV705" s="613"/>
      <c r="MZW705" s="613"/>
      <c r="MZX705" s="613"/>
      <c r="MZY705" s="613"/>
      <c r="MZZ705" s="613"/>
      <c r="NAA705" s="613"/>
      <c r="NAB705" s="613"/>
      <c r="NAC705" s="613"/>
      <c r="NAD705" s="613"/>
      <c r="NAE705" s="613"/>
      <c r="NAF705" s="613"/>
      <c r="NAG705" s="613"/>
      <c r="NAH705" s="613"/>
      <c r="NAI705" s="613"/>
      <c r="NAJ705" s="613"/>
      <c r="NAK705" s="613"/>
      <c r="NAL705" s="613"/>
      <c r="NAM705" s="613"/>
      <c r="NAN705" s="613"/>
      <c r="NAO705" s="613"/>
      <c r="NAP705" s="613"/>
      <c r="NAQ705" s="613"/>
      <c r="NAR705" s="613"/>
      <c r="NAS705" s="613"/>
      <c r="NAT705" s="613"/>
      <c r="NAU705" s="613"/>
      <c r="NAV705" s="613"/>
      <c r="NAW705" s="613"/>
      <c r="NAX705" s="613"/>
      <c r="NAY705" s="613"/>
      <c r="NAZ705" s="613"/>
      <c r="NBA705" s="613"/>
      <c r="NBB705" s="613"/>
      <c r="NBC705" s="613"/>
      <c r="NBD705" s="613"/>
      <c r="NBE705" s="613"/>
      <c r="NBF705" s="613"/>
      <c r="NBG705" s="613"/>
      <c r="NBH705" s="613"/>
      <c r="NBI705" s="613"/>
      <c r="NBJ705" s="613"/>
      <c r="NBK705" s="613"/>
      <c r="NBL705" s="613"/>
      <c r="NBM705" s="613"/>
      <c r="NBN705" s="613"/>
      <c r="NBO705" s="613"/>
      <c r="NBP705" s="613"/>
      <c r="NBQ705" s="613"/>
      <c r="NBR705" s="613"/>
      <c r="NBS705" s="613"/>
      <c r="NBT705" s="613"/>
      <c r="NBU705" s="613"/>
      <c r="NBV705" s="613"/>
      <c r="NBW705" s="613"/>
      <c r="NBX705" s="613"/>
      <c r="NBY705" s="613"/>
      <c r="NBZ705" s="613"/>
      <c r="NCA705" s="613"/>
      <c r="NCB705" s="613"/>
      <c r="NCC705" s="613"/>
      <c r="NCD705" s="613"/>
      <c r="NCE705" s="613"/>
      <c r="NCF705" s="613"/>
      <c r="NCG705" s="613"/>
      <c r="NCH705" s="613"/>
      <c r="NCI705" s="613"/>
      <c r="NCJ705" s="613"/>
      <c r="NCK705" s="613"/>
      <c r="NCL705" s="613"/>
      <c r="NCM705" s="613"/>
      <c r="NCN705" s="613"/>
      <c r="NCO705" s="613"/>
      <c r="NCP705" s="613"/>
      <c r="NCQ705" s="613"/>
      <c r="NCR705" s="613"/>
      <c r="NCS705" s="613"/>
      <c r="NCT705" s="613"/>
      <c r="NCU705" s="613"/>
      <c r="NCV705" s="613"/>
      <c r="NCW705" s="613"/>
      <c r="NCX705" s="613"/>
      <c r="NCY705" s="613"/>
      <c r="NCZ705" s="613"/>
      <c r="NDA705" s="613"/>
      <c r="NDB705" s="613"/>
      <c r="NDC705" s="613"/>
      <c r="NDD705" s="613"/>
      <c r="NDE705" s="613"/>
      <c r="NDF705" s="613"/>
      <c r="NDG705" s="613"/>
      <c r="NDH705" s="613"/>
      <c r="NDI705" s="613"/>
      <c r="NDJ705" s="613"/>
      <c r="NDK705" s="613"/>
      <c r="NDL705" s="613"/>
      <c r="NDM705" s="613"/>
      <c r="NDN705" s="613"/>
      <c r="NDO705" s="613"/>
      <c r="NDP705" s="613"/>
      <c r="NDQ705" s="613"/>
      <c r="NDR705" s="613"/>
      <c r="NDS705" s="613"/>
      <c r="NDT705" s="613"/>
      <c r="NDU705" s="613"/>
      <c r="NDV705" s="613"/>
      <c r="NDW705" s="613"/>
      <c r="NDX705" s="613"/>
      <c r="NDY705" s="613"/>
      <c r="NDZ705" s="613"/>
      <c r="NEA705" s="613"/>
      <c r="NEB705" s="613"/>
      <c r="NEC705" s="613"/>
      <c r="NED705" s="613"/>
      <c r="NEE705" s="613"/>
      <c r="NEF705" s="613"/>
      <c r="NEG705" s="613"/>
      <c r="NEH705" s="613"/>
      <c r="NEI705" s="613"/>
      <c r="NEJ705" s="613"/>
      <c r="NEK705" s="613"/>
      <c r="NEL705" s="613"/>
      <c r="NEM705" s="613"/>
      <c r="NEN705" s="613"/>
      <c r="NEO705" s="613"/>
      <c r="NEP705" s="613"/>
      <c r="NEQ705" s="613"/>
      <c r="NER705" s="613"/>
      <c r="NES705" s="613"/>
      <c r="NET705" s="613"/>
      <c r="NEU705" s="613"/>
      <c r="NEV705" s="613"/>
      <c r="NEW705" s="613"/>
      <c r="NEX705" s="613"/>
      <c r="NEY705" s="613"/>
      <c r="NEZ705" s="613"/>
      <c r="NFA705" s="613"/>
      <c r="NFB705" s="613"/>
      <c r="NFC705" s="613"/>
      <c r="NFD705" s="613"/>
      <c r="NFE705" s="613"/>
      <c r="NFF705" s="613"/>
      <c r="NFG705" s="613"/>
      <c r="NFH705" s="613"/>
      <c r="NFI705" s="613"/>
      <c r="NFJ705" s="613"/>
      <c r="NFK705" s="613"/>
      <c r="NFL705" s="613"/>
      <c r="NFM705" s="613"/>
      <c r="NFN705" s="613"/>
      <c r="NFO705" s="613"/>
      <c r="NFP705" s="613"/>
      <c r="NFQ705" s="613"/>
      <c r="NFR705" s="613"/>
      <c r="NFS705" s="613"/>
      <c r="NFT705" s="613"/>
      <c r="NFU705" s="613"/>
      <c r="NFV705" s="613"/>
      <c r="NFW705" s="613"/>
      <c r="NFX705" s="613"/>
      <c r="NFY705" s="613"/>
      <c r="NFZ705" s="613"/>
      <c r="NGA705" s="613"/>
      <c r="NGB705" s="613"/>
      <c r="NGC705" s="613"/>
      <c r="NGD705" s="613"/>
      <c r="NGE705" s="613"/>
      <c r="NGF705" s="613"/>
      <c r="NGG705" s="613"/>
      <c r="NGH705" s="613"/>
      <c r="NGI705" s="613"/>
      <c r="NGJ705" s="613"/>
      <c r="NGK705" s="613"/>
      <c r="NGL705" s="613"/>
      <c r="NGM705" s="613"/>
      <c r="NGN705" s="613"/>
      <c r="NGO705" s="613"/>
      <c r="NGP705" s="613"/>
      <c r="NGQ705" s="613"/>
      <c r="NGR705" s="613"/>
      <c r="NGS705" s="613"/>
      <c r="NGT705" s="613"/>
      <c r="NGU705" s="613"/>
      <c r="NGV705" s="613"/>
      <c r="NGW705" s="613"/>
      <c r="NGX705" s="613"/>
      <c r="NGY705" s="613"/>
      <c r="NGZ705" s="613"/>
      <c r="NHA705" s="613"/>
      <c r="NHB705" s="613"/>
      <c r="NHC705" s="613"/>
      <c r="NHD705" s="613"/>
      <c r="NHE705" s="613"/>
      <c r="NHF705" s="613"/>
      <c r="NHG705" s="613"/>
      <c r="NHH705" s="613"/>
      <c r="NHI705" s="613"/>
      <c r="NHJ705" s="613"/>
      <c r="NHK705" s="613"/>
      <c r="NHL705" s="613"/>
      <c r="NHM705" s="613"/>
      <c r="NHN705" s="613"/>
      <c r="NHO705" s="613"/>
      <c r="NHP705" s="613"/>
      <c r="NHQ705" s="613"/>
      <c r="NHR705" s="613"/>
      <c r="NHS705" s="613"/>
      <c r="NHT705" s="613"/>
      <c r="NHU705" s="613"/>
      <c r="NHV705" s="613"/>
      <c r="NHW705" s="613"/>
      <c r="NHX705" s="613"/>
      <c r="NHY705" s="613"/>
      <c r="NHZ705" s="613"/>
      <c r="NIA705" s="613"/>
      <c r="NIB705" s="613"/>
      <c r="NIC705" s="613"/>
      <c r="NID705" s="613"/>
      <c r="NIE705" s="613"/>
      <c r="NIF705" s="613"/>
      <c r="NIG705" s="613"/>
      <c r="NIH705" s="613"/>
      <c r="NII705" s="613"/>
      <c r="NIJ705" s="613"/>
      <c r="NIK705" s="613"/>
      <c r="NIL705" s="613"/>
      <c r="NIM705" s="613"/>
      <c r="NIN705" s="613"/>
      <c r="NIO705" s="613"/>
      <c r="NIP705" s="613"/>
      <c r="NIQ705" s="613"/>
      <c r="NIR705" s="613"/>
      <c r="NIS705" s="613"/>
      <c r="NIT705" s="613"/>
      <c r="NIU705" s="613"/>
      <c r="NIV705" s="613"/>
      <c r="NIW705" s="613"/>
      <c r="NIX705" s="613"/>
      <c r="NIY705" s="613"/>
      <c r="NIZ705" s="613"/>
      <c r="NJA705" s="613"/>
      <c r="NJB705" s="613"/>
      <c r="NJC705" s="613"/>
      <c r="NJD705" s="613"/>
      <c r="NJE705" s="613"/>
      <c r="NJF705" s="613"/>
      <c r="NJG705" s="613"/>
      <c r="NJH705" s="613"/>
      <c r="NJI705" s="613"/>
      <c r="NJJ705" s="613"/>
      <c r="NJK705" s="613"/>
      <c r="NJL705" s="613"/>
      <c r="NJM705" s="613"/>
      <c r="NJN705" s="613"/>
      <c r="NJO705" s="613"/>
      <c r="NJP705" s="613"/>
      <c r="NJQ705" s="613"/>
      <c r="NJR705" s="613"/>
      <c r="NJS705" s="613"/>
      <c r="NJT705" s="613"/>
      <c r="NJU705" s="613"/>
      <c r="NJV705" s="613"/>
      <c r="NJW705" s="613"/>
      <c r="NJX705" s="613"/>
      <c r="NJY705" s="613"/>
      <c r="NJZ705" s="613"/>
      <c r="NKA705" s="613"/>
      <c r="NKB705" s="613"/>
      <c r="NKC705" s="613"/>
      <c r="NKD705" s="613"/>
      <c r="NKE705" s="613"/>
      <c r="NKF705" s="613"/>
      <c r="NKG705" s="613"/>
      <c r="NKH705" s="613"/>
      <c r="NKI705" s="613"/>
      <c r="NKJ705" s="613"/>
      <c r="NKK705" s="613"/>
      <c r="NKL705" s="613"/>
      <c r="NKM705" s="613"/>
      <c r="NKN705" s="613"/>
      <c r="NKO705" s="613"/>
      <c r="NKP705" s="613"/>
      <c r="NKQ705" s="613"/>
      <c r="NKR705" s="613"/>
      <c r="NKS705" s="613"/>
      <c r="NKT705" s="613"/>
      <c r="NKU705" s="613"/>
      <c r="NKV705" s="613"/>
      <c r="NKW705" s="613"/>
      <c r="NKX705" s="613"/>
      <c r="NKY705" s="613"/>
      <c r="NKZ705" s="613"/>
      <c r="NLA705" s="613"/>
      <c r="NLB705" s="613"/>
      <c r="NLC705" s="613"/>
      <c r="NLD705" s="613"/>
      <c r="NLE705" s="613"/>
      <c r="NLF705" s="613"/>
      <c r="NLG705" s="613"/>
      <c r="NLH705" s="613"/>
      <c r="NLI705" s="613"/>
      <c r="NLJ705" s="613"/>
      <c r="NLK705" s="613"/>
      <c r="NLL705" s="613"/>
      <c r="NLM705" s="613"/>
      <c r="NLN705" s="613"/>
      <c r="NLO705" s="613"/>
      <c r="NLP705" s="613"/>
      <c r="NLQ705" s="613"/>
      <c r="NLR705" s="613"/>
      <c r="NLS705" s="613"/>
      <c r="NLT705" s="613"/>
      <c r="NLU705" s="613"/>
      <c r="NLV705" s="613"/>
      <c r="NLW705" s="613"/>
      <c r="NLX705" s="613"/>
      <c r="NLY705" s="613"/>
      <c r="NLZ705" s="613"/>
      <c r="NMA705" s="613"/>
      <c r="NMB705" s="613"/>
      <c r="NMC705" s="613"/>
      <c r="NMD705" s="613"/>
      <c r="NME705" s="613"/>
      <c r="NMF705" s="613"/>
      <c r="NMG705" s="613"/>
      <c r="NMH705" s="613"/>
      <c r="NMI705" s="613"/>
      <c r="NMJ705" s="613"/>
      <c r="NMK705" s="613"/>
      <c r="NML705" s="613"/>
      <c r="NMM705" s="613"/>
      <c r="NMN705" s="613"/>
      <c r="NMO705" s="613"/>
      <c r="NMP705" s="613"/>
      <c r="NMQ705" s="613"/>
      <c r="NMR705" s="613"/>
      <c r="NMS705" s="613"/>
      <c r="NMT705" s="613"/>
      <c r="NMU705" s="613"/>
      <c r="NMV705" s="613"/>
      <c r="NMW705" s="613"/>
      <c r="NMX705" s="613"/>
      <c r="NMY705" s="613"/>
      <c r="NMZ705" s="613"/>
      <c r="NNA705" s="613"/>
      <c r="NNB705" s="613"/>
      <c r="NNC705" s="613"/>
      <c r="NND705" s="613"/>
      <c r="NNE705" s="613"/>
      <c r="NNF705" s="613"/>
      <c r="NNG705" s="613"/>
      <c r="NNH705" s="613"/>
      <c r="NNI705" s="613"/>
      <c r="NNJ705" s="613"/>
      <c r="NNK705" s="613"/>
      <c r="NNL705" s="613"/>
      <c r="NNM705" s="613"/>
      <c r="NNN705" s="613"/>
      <c r="NNO705" s="613"/>
      <c r="NNP705" s="613"/>
      <c r="NNQ705" s="613"/>
      <c r="NNR705" s="613"/>
      <c r="NNS705" s="613"/>
      <c r="NNT705" s="613"/>
      <c r="NNU705" s="613"/>
      <c r="NNV705" s="613"/>
      <c r="NNW705" s="613"/>
      <c r="NNX705" s="613"/>
      <c r="NNY705" s="613"/>
      <c r="NNZ705" s="613"/>
      <c r="NOA705" s="613"/>
      <c r="NOB705" s="613"/>
      <c r="NOC705" s="613"/>
      <c r="NOD705" s="613"/>
      <c r="NOE705" s="613"/>
      <c r="NOF705" s="613"/>
      <c r="NOG705" s="613"/>
      <c r="NOH705" s="613"/>
      <c r="NOI705" s="613"/>
      <c r="NOJ705" s="613"/>
      <c r="NOK705" s="613"/>
      <c r="NOL705" s="613"/>
      <c r="NOM705" s="613"/>
      <c r="NON705" s="613"/>
      <c r="NOO705" s="613"/>
      <c r="NOP705" s="613"/>
      <c r="NOQ705" s="613"/>
      <c r="NOR705" s="613"/>
      <c r="NOS705" s="613"/>
      <c r="NOT705" s="613"/>
      <c r="NOU705" s="613"/>
      <c r="NOV705" s="613"/>
      <c r="NOW705" s="613"/>
      <c r="NOX705" s="613"/>
      <c r="NOY705" s="613"/>
      <c r="NOZ705" s="613"/>
      <c r="NPA705" s="613"/>
      <c r="NPB705" s="613"/>
      <c r="NPC705" s="613"/>
      <c r="NPD705" s="613"/>
      <c r="NPE705" s="613"/>
      <c r="NPF705" s="613"/>
      <c r="NPG705" s="613"/>
      <c r="NPH705" s="613"/>
      <c r="NPI705" s="613"/>
      <c r="NPJ705" s="613"/>
      <c r="NPK705" s="613"/>
      <c r="NPL705" s="613"/>
      <c r="NPM705" s="613"/>
      <c r="NPN705" s="613"/>
      <c r="NPO705" s="613"/>
      <c r="NPP705" s="613"/>
      <c r="NPQ705" s="613"/>
      <c r="NPR705" s="613"/>
      <c r="NPS705" s="613"/>
      <c r="NPT705" s="613"/>
      <c r="NPU705" s="613"/>
      <c r="NPV705" s="613"/>
      <c r="NPW705" s="613"/>
      <c r="NPX705" s="613"/>
      <c r="NPY705" s="613"/>
      <c r="NPZ705" s="613"/>
      <c r="NQA705" s="613"/>
      <c r="NQB705" s="613"/>
      <c r="NQC705" s="613"/>
      <c r="NQD705" s="613"/>
      <c r="NQE705" s="613"/>
      <c r="NQF705" s="613"/>
      <c r="NQG705" s="613"/>
      <c r="NQH705" s="613"/>
      <c r="NQI705" s="613"/>
      <c r="NQJ705" s="613"/>
      <c r="NQK705" s="613"/>
      <c r="NQL705" s="613"/>
      <c r="NQM705" s="613"/>
      <c r="NQN705" s="613"/>
      <c r="NQO705" s="613"/>
      <c r="NQP705" s="613"/>
      <c r="NQQ705" s="613"/>
      <c r="NQR705" s="613"/>
      <c r="NQS705" s="613"/>
      <c r="NQT705" s="613"/>
      <c r="NQU705" s="613"/>
      <c r="NQV705" s="613"/>
      <c r="NQW705" s="613"/>
      <c r="NQX705" s="613"/>
      <c r="NQY705" s="613"/>
      <c r="NQZ705" s="613"/>
      <c r="NRA705" s="613"/>
      <c r="NRB705" s="613"/>
      <c r="NRC705" s="613"/>
      <c r="NRD705" s="613"/>
      <c r="NRE705" s="613"/>
      <c r="NRF705" s="613"/>
      <c r="NRG705" s="613"/>
      <c r="NRH705" s="613"/>
      <c r="NRI705" s="613"/>
      <c r="NRJ705" s="613"/>
      <c r="NRK705" s="613"/>
      <c r="NRL705" s="613"/>
      <c r="NRM705" s="613"/>
      <c r="NRN705" s="613"/>
      <c r="NRO705" s="613"/>
      <c r="NRP705" s="613"/>
      <c r="NRQ705" s="613"/>
      <c r="NRR705" s="613"/>
      <c r="NRS705" s="613"/>
      <c r="NRT705" s="613"/>
      <c r="NRU705" s="613"/>
      <c r="NRV705" s="613"/>
      <c r="NRW705" s="613"/>
      <c r="NRX705" s="613"/>
      <c r="NRY705" s="613"/>
      <c r="NRZ705" s="613"/>
      <c r="NSA705" s="613"/>
      <c r="NSB705" s="613"/>
      <c r="NSC705" s="613"/>
      <c r="NSD705" s="613"/>
      <c r="NSE705" s="613"/>
      <c r="NSF705" s="613"/>
      <c r="NSG705" s="613"/>
      <c r="NSH705" s="613"/>
      <c r="NSI705" s="613"/>
      <c r="NSJ705" s="613"/>
      <c r="NSK705" s="613"/>
      <c r="NSL705" s="613"/>
      <c r="NSM705" s="613"/>
      <c r="NSN705" s="613"/>
      <c r="NSO705" s="613"/>
      <c r="NSP705" s="613"/>
      <c r="NSQ705" s="613"/>
      <c r="NSR705" s="613"/>
      <c r="NSS705" s="613"/>
      <c r="NST705" s="613"/>
      <c r="NSU705" s="613"/>
      <c r="NSV705" s="613"/>
      <c r="NSW705" s="613"/>
      <c r="NSX705" s="613"/>
      <c r="NSY705" s="613"/>
      <c r="NSZ705" s="613"/>
      <c r="NTA705" s="613"/>
      <c r="NTB705" s="613"/>
      <c r="NTC705" s="613"/>
      <c r="NTD705" s="613"/>
      <c r="NTE705" s="613"/>
      <c r="NTF705" s="613"/>
      <c r="NTG705" s="613"/>
      <c r="NTH705" s="613"/>
      <c r="NTI705" s="613"/>
      <c r="NTJ705" s="613"/>
      <c r="NTK705" s="613"/>
      <c r="NTL705" s="613"/>
      <c r="NTM705" s="613"/>
      <c r="NTN705" s="613"/>
      <c r="NTO705" s="613"/>
      <c r="NTP705" s="613"/>
      <c r="NTQ705" s="613"/>
      <c r="NTR705" s="613"/>
      <c r="NTS705" s="613"/>
      <c r="NTT705" s="613"/>
      <c r="NTU705" s="613"/>
      <c r="NTV705" s="613"/>
      <c r="NTW705" s="613"/>
      <c r="NTX705" s="613"/>
      <c r="NTY705" s="613"/>
      <c r="NTZ705" s="613"/>
      <c r="NUA705" s="613"/>
      <c r="NUB705" s="613"/>
      <c r="NUC705" s="613"/>
      <c r="NUD705" s="613"/>
      <c r="NUE705" s="613"/>
      <c r="NUF705" s="613"/>
      <c r="NUG705" s="613"/>
      <c r="NUH705" s="613"/>
      <c r="NUI705" s="613"/>
      <c r="NUJ705" s="613"/>
      <c r="NUK705" s="613"/>
      <c r="NUL705" s="613"/>
      <c r="NUM705" s="613"/>
      <c r="NUN705" s="613"/>
      <c r="NUO705" s="613"/>
      <c r="NUP705" s="613"/>
      <c r="NUQ705" s="613"/>
      <c r="NUR705" s="613"/>
      <c r="NUS705" s="613"/>
      <c r="NUT705" s="613"/>
      <c r="NUU705" s="613"/>
      <c r="NUV705" s="613"/>
      <c r="NUW705" s="613"/>
      <c r="NUX705" s="613"/>
      <c r="NUY705" s="613"/>
      <c r="NUZ705" s="613"/>
      <c r="NVA705" s="613"/>
      <c r="NVB705" s="613"/>
      <c r="NVC705" s="613"/>
      <c r="NVD705" s="613"/>
      <c r="NVE705" s="613"/>
      <c r="NVF705" s="613"/>
      <c r="NVG705" s="613"/>
      <c r="NVH705" s="613"/>
      <c r="NVI705" s="613"/>
      <c r="NVJ705" s="613"/>
      <c r="NVK705" s="613"/>
      <c r="NVL705" s="613"/>
      <c r="NVM705" s="613"/>
      <c r="NVN705" s="613"/>
      <c r="NVO705" s="613"/>
      <c r="NVP705" s="613"/>
      <c r="NVQ705" s="613"/>
      <c r="NVR705" s="613"/>
      <c r="NVS705" s="613"/>
      <c r="NVT705" s="613"/>
      <c r="NVU705" s="613"/>
      <c r="NVV705" s="613"/>
      <c r="NVW705" s="613"/>
      <c r="NVX705" s="613"/>
      <c r="NVY705" s="613"/>
      <c r="NVZ705" s="613"/>
      <c r="NWA705" s="613"/>
      <c r="NWB705" s="613"/>
      <c r="NWC705" s="613"/>
      <c r="NWD705" s="613"/>
      <c r="NWE705" s="613"/>
      <c r="NWF705" s="613"/>
      <c r="NWG705" s="613"/>
      <c r="NWH705" s="613"/>
      <c r="NWI705" s="613"/>
      <c r="NWJ705" s="613"/>
      <c r="NWK705" s="613"/>
      <c r="NWL705" s="613"/>
      <c r="NWM705" s="613"/>
      <c r="NWN705" s="613"/>
      <c r="NWO705" s="613"/>
      <c r="NWP705" s="613"/>
      <c r="NWQ705" s="613"/>
      <c r="NWR705" s="613"/>
      <c r="NWS705" s="613"/>
      <c r="NWT705" s="613"/>
      <c r="NWU705" s="613"/>
      <c r="NWV705" s="613"/>
      <c r="NWW705" s="613"/>
      <c r="NWX705" s="613"/>
      <c r="NWY705" s="613"/>
      <c r="NWZ705" s="613"/>
      <c r="NXA705" s="613"/>
      <c r="NXB705" s="613"/>
      <c r="NXC705" s="613"/>
      <c r="NXD705" s="613"/>
      <c r="NXE705" s="613"/>
      <c r="NXF705" s="613"/>
      <c r="NXG705" s="613"/>
      <c r="NXH705" s="613"/>
      <c r="NXI705" s="613"/>
      <c r="NXJ705" s="613"/>
      <c r="NXK705" s="613"/>
      <c r="NXL705" s="613"/>
      <c r="NXM705" s="613"/>
      <c r="NXN705" s="613"/>
      <c r="NXO705" s="613"/>
      <c r="NXP705" s="613"/>
      <c r="NXQ705" s="613"/>
      <c r="NXR705" s="613"/>
      <c r="NXS705" s="613"/>
      <c r="NXT705" s="613"/>
      <c r="NXU705" s="613"/>
      <c r="NXV705" s="613"/>
      <c r="NXW705" s="613"/>
      <c r="NXX705" s="613"/>
      <c r="NXY705" s="613"/>
      <c r="NXZ705" s="613"/>
      <c r="NYA705" s="613"/>
      <c r="NYB705" s="613"/>
      <c r="NYC705" s="613"/>
      <c r="NYD705" s="613"/>
      <c r="NYE705" s="613"/>
      <c r="NYF705" s="613"/>
      <c r="NYG705" s="613"/>
      <c r="NYH705" s="613"/>
      <c r="NYI705" s="613"/>
      <c r="NYJ705" s="613"/>
      <c r="NYK705" s="613"/>
      <c r="NYL705" s="613"/>
      <c r="NYM705" s="613"/>
      <c r="NYN705" s="613"/>
      <c r="NYO705" s="613"/>
      <c r="NYP705" s="613"/>
      <c r="NYQ705" s="613"/>
      <c r="NYR705" s="613"/>
      <c r="NYS705" s="613"/>
      <c r="NYT705" s="613"/>
      <c r="NYU705" s="613"/>
      <c r="NYV705" s="613"/>
      <c r="NYW705" s="613"/>
      <c r="NYX705" s="613"/>
      <c r="NYY705" s="613"/>
      <c r="NYZ705" s="613"/>
      <c r="NZA705" s="613"/>
      <c r="NZB705" s="613"/>
      <c r="NZC705" s="613"/>
      <c r="NZD705" s="613"/>
      <c r="NZE705" s="613"/>
      <c r="NZF705" s="613"/>
      <c r="NZG705" s="613"/>
      <c r="NZH705" s="613"/>
      <c r="NZI705" s="613"/>
      <c r="NZJ705" s="613"/>
      <c r="NZK705" s="613"/>
      <c r="NZL705" s="613"/>
      <c r="NZM705" s="613"/>
      <c r="NZN705" s="613"/>
      <c r="NZO705" s="613"/>
      <c r="NZP705" s="613"/>
      <c r="NZQ705" s="613"/>
      <c r="NZR705" s="613"/>
      <c r="NZS705" s="613"/>
      <c r="NZT705" s="613"/>
      <c r="NZU705" s="613"/>
      <c r="NZV705" s="613"/>
      <c r="NZW705" s="613"/>
      <c r="NZX705" s="613"/>
      <c r="NZY705" s="613"/>
      <c r="NZZ705" s="613"/>
      <c r="OAA705" s="613"/>
      <c r="OAB705" s="613"/>
      <c r="OAC705" s="613"/>
      <c r="OAD705" s="613"/>
      <c r="OAE705" s="613"/>
      <c r="OAF705" s="613"/>
      <c r="OAG705" s="613"/>
      <c r="OAH705" s="613"/>
      <c r="OAI705" s="613"/>
      <c r="OAJ705" s="613"/>
      <c r="OAK705" s="613"/>
      <c r="OAL705" s="613"/>
      <c r="OAM705" s="613"/>
      <c r="OAN705" s="613"/>
      <c r="OAO705" s="613"/>
      <c r="OAP705" s="613"/>
      <c r="OAQ705" s="613"/>
      <c r="OAR705" s="613"/>
      <c r="OAS705" s="613"/>
      <c r="OAT705" s="613"/>
      <c r="OAU705" s="613"/>
      <c r="OAV705" s="613"/>
      <c r="OAW705" s="613"/>
      <c r="OAX705" s="613"/>
      <c r="OAY705" s="613"/>
      <c r="OAZ705" s="613"/>
      <c r="OBA705" s="613"/>
      <c r="OBB705" s="613"/>
      <c r="OBC705" s="613"/>
      <c r="OBD705" s="613"/>
      <c r="OBE705" s="613"/>
      <c r="OBF705" s="613"/>
      <c r="OBG705" s="613"/>
      <c r="OBH705" s="613"/>
      <c r="OBI705" s="613"/>
      <c r="OBJ705" s="613"/>
      <c r="OBK705" s="613"/>
      <c r="OBL705" s="613"/>
      <c r="OBM705" s="613"/>
      <c r="OBN705" s="613"/>
      <c r="OBO705" s="613"/>
      <c r="OBP705" s="613"/>
      <c r="OBQ705" s="613"/>
      <c r="OBR705" s="613"/>
      <c r="OBS705" s="613"/>
      <c r="OBT705" s="613"/>
      <c r="OBU705" s="613"/>
      <c r="OBV705" s="613"/>
      <c r="OBW705" s="613"/>
      <c r="OBX705" s="613"/>
      <c r="OBY705" s="613"/>
      <c r="OBZ705" s="613"/>
      <c r="OCA705" s="613"/>
      <c r="OCB705" s="613"/>
      <c r="OCC705" s="613"/>
      <c r="OCD705" s="613"/>
      <c r="OCE705" s="613"/>
      <c r="OCF705" s="613"/>
      <c r="OCG705" s="613"/>
      <c r="OCH705" s="613"/>
      <c r="OCI705" s="613"/>
      <c r="OCJ705" s="613"/>
      <c r="OCK705" s="613"/>
      <c r="OCL705" s="613"/>
      <c r="OCM705" s="613"/>
      <c r="OCN705" s="613"/>
      <c r="OCO705" s="613"/>
      <c r="OCP705" s="613"/>
      <c r="OCQ705" s="613"/>
      <c r="OCR705" s="613"/>
      <c r="OCS705" s="613"/>
      <c r="OCT705" s="613"/>
      <c r="OCU705" s="613"/>
      <c r="OCV705" s="613"/>
      <c r="OCW705" s="613"/>
      <c r="OCX705" s="613"/>
      <c r="OCY705" s="613"/>
      <c r="OCZ705" s="613"/>
      <c r="ODA705" s="613"/>
      <c r="ODB705" s="613"/>
      <c r="ODC705" s="613"/>
      <c r="ODD705" s="613"/>
      <c r="ODE705" s="613"/>
      <c r="ODF705" s="613"/>
      <c r="ODG705" s="613"/>
      <c r="ODH705" s="613"/>
      <c r="ODI705" s="613"/>
      <c r="ODJ705" s="613"/>
      <c r="ODK705" s="613"/>
      <c r="ODL705" s="613"/>
      <c r="ODM705" s="613"/>
      <c r="ODN705" s="613"/>
      <c r="ODO705" s="613"/>
      <c r="ODP705" s="613"/>
      <c r="ODQ705" s="613"/>
      <c r="ODR705" s="613"/>
      <c r="ODS705" s="613"/>
      <c r="ODT705" s="613"/>
      <c r="ODU705" s="613"/>
      <c r="ODV705" s="613"/>
      <c r="ODW705" s="613"/>
      <c r="ODX705" s="613"/>
      <c r="ODY705" s="613"/>
      <c r="ODZ705" s="613"/>
      <c r="OEA705" s="613"/>
      <c r="OEB705" s="613"/>
      <c r="OEC705" s="613"/>
      <c r="OED705" s="613"/>
      <c r="OEE705" s="613"/>
      <c r="OEF705" s="613"/>
      <c r="OEG705" s="613"/>
      <c r="OEH705" s="613"/>
      <c r="OEI705" s="613"/>
      <c r="OEJ705" s="613"/>
      <c r="OEK705" s="613"/>
      <c r="OEL705" s="613"/>
      <c r="OEM705" s="613"/>
      <c r="OEN705" s="613"/>
      <c r="OEO705" s="613"/>
      <c r="OEP705" s="613"/>
      <c r="OEQ705" s="613"/>
      <c r="OER705" s="613"/>
      <c r="OES705" s="613"/>
      <c r="OET705" s="613"/>
      <c r="OEU705" s="613"/>
      <c r="OEV705" s="613"/>
      <c r="OEW705" s="613"/>
      <c r="OEX705" s="613"/>
      <c r="OEY705" s="613"/>
      <c r="OEZ705" s="613"/>
      <c r="OFA705" s="613"/>
      <c r="OFB705" s="613"/>
      <c r="OFC705" s="613"/>
      <c r="OFD705" s="613"/>
      <c r="OFE705" s="613"/>
      <c r="OFF705" s="613"/>
      <c r="OFG705" s="613"/>
      <c r="OFH705" s="613"/>
      <c r="OFI705" s="613"/>
      <c r="OFJ705" s="613"/>
      <c r="OFK705" s="613"/>
      <c r="OFL705" s="613"/>
      <c r="OFM705" s="613"/>
      <c r="OFN705" s="613"/>
      <c r="OFO705" s="613"/>
      <c r="OFP705" s="613"/>
      <c r="OFQ705" s="613"/>
      <c r="OFR705" s="613"/>
      <c r="OFS705" s="613"/>
      <c r="OFT705" s="613"/>
      <c r="OFU705" s="613"/>
      <c r="OFV705" s="613"/>
      <c r="OFW705" s="613"/>
      <c r="OFX705" s="613"/>
      <c r="OFY705" s="613"/>
      <c r="OFZ705" s="613"/>
      <c r="OGA705" s="613"/>
      <c r="OGB705" s="613"/>
      <c r="OGC705" s="613"/>
      <c r="OGD705" s="613"/>
      <c r="OGE705" s="613"/>
      <c r="OGF705" s="613"/>
      <c r="OGG705" s="613"/>
      <c r="OGH705" s="613"/>
      <c r="OGI705" s="613"/>
      <c r="OGJ705" s="613"/>
      <c r="OGK705" s="613"/>
      <c r="OGL705" s="613"/>
      <c r="OGM705" s="613"/>
      <c r="OGN705" s="613"/>
      <c r="OGO705" s="613"/>
      <c r="OGP705" s="613"/>
      <c r="OGQ705" s="613"/>
      <c r="OGR705" s="613"/>
      <c r="OGS705" s="613"/>
      <c r="OGT705" s="613"/>
      <c r="OGU705" s="613"/>
      <c r="OGV705" s="613"/>
      <c r="OGW705" s="613"/>
      <c r="OGX705" s="613"/>
      <c r="OGY705" s="613"/>
      <c r="OGZ705" s="613"/>
      <c r="OHA705" s="613"/>
      <c r="OHB705" s="613"/>
      <c r="OHC705" s="613"/>
      <c r="OHD705" s="613"/>
      <c r="OHE705" s="613"/>
      <c r="OHF705" s="613"/>
      <c r="OHG705" s="613"/>
      <c r="OHH705" s="613"/>
      <c r="OHI705" s="613"/>
      <c r="OHJ705" s="613"/>
      <c r="OHK705" s="613"/>
      <c r="OHL705" s="613"/>
      <c r="OHM705" s="613"/>
      <c r="OHN705" s="613"/>
      <c r="OHO705" s="613"/>
      <c r="OHP705" s="613"/>
      <c r="OHQ705" s="613"/>
      <c r="OHR705" s="613"/>
      <c r="OHS705" s="613"/>
      <c r="OHT705" s="613"/>
      <c r="OHU705" s="613"/>
      <c r="OHV705" s="613"/>
      <c r="OHW705" s="613"/>
      <c r="OHX705" s="613"/>
      <c r="OHY705" s="613"/>
      <c r="OHZ705" s="613"/>
      <c r="OIA705" s="613"/>
      <c r="OIB705" s="613"/>
      <c r="OIC705" s="613"/>
      <c r="OID705" s="613"/>
      <c r="OIE705" s="613"/>
      <c r="OIF705" s="613"/>
      <c r="OIG705" s="613"/>
      <c r="OIH705" s="613"/>
      <c r="OII705" s="613"/>
      <c r="OIJ705" s="613"/>
      <c r="OIK705" s="613"/>
      <c r="OIL705" s="613"/>
      <c r="OIM705" s="613"/>
      <c r="OIN705" s="613"/>
      <c r="OIO705" s="613"/>
      <c r="OIP705" s="613"/>
      <c r="OIQ705" s="613"/>
      <c r="OIR705" s="613"/>
      <c r="OIS705" s="613"/>
      <c r="OIT705" s="613"/>
      <c r="OIU705" s="613"/>
      <c r="OIV705" s="613"/>
      <c r="OIW705" s="613"/>
      <c r="OIX705" s="613"/>
      <c r="OIY705" s="613"/>
      <c r="OIZ705" s="613"/>
      <c r="OJA705" s="613"/>
      <c r="OJB705" s="613"/>
      <c r="OJC705" s="613"/>
      <c r="OJD705" s="613"/>
      <c r="OJE705" s="613"/>
      <c r="OJF705" s="613"/>
      <c r="OJG705" s="613"/>
      <c r="OJH705" s="613"/>
      <c r="OJI705" s="613"/>
      <c r="OJJ705" s="613"/>
      <c r="OJK705" s="613"/>
      <c r="OJL705" s="613"/>
      <c r="OJM705" s="613"/>
      <c r="OJN705" s="613"/>
      <c r="OJO705" s="613"/>
      <c r="OJP705" s="613"/>
      <c r="OJQ705" s="613"/>
      <c r="OJR705" s="613"/>
      <c r="OJS705" s="613"/>
      <c r="OJT705" s="613"/>
      <c r="OJU705" s="613"/>
      <c r="OJV705" s="613"/>
      <c r="OJW705" s="613"/>
      <c r="OJX705" s="613"/>
      <c r="OJY705" s="613"/>
      <c r="OJZ705" s="613"/>
      <c r="OKA705" s="613"/>
      <c r="OKB705" s="613"/>
      <c r="OKC705" s="613"/>
      <c r="OKD705" s="613"/>
      <c r="OKE705" s="613"/>
      <c r="OKF705" s="613"/>
      <c r="OKG705" s="613"/>
      <c r="OKH705" s="613"/>
      <c r="OKI705" s="613"/>
      <c r="OKJ705" s="613"/>
      <c r="OKK705" s="613"/>
      <c r="OKL705" s="613"/>
      <c r="OKM705" s="613"/>
      <c r="OKN705" s="613"/>
      <c r="OKO705" s="613"/>
      <c r="OKP705" s="613"/>
      <c r="OKQ705" s="613"/>
      <c r="OKR705" s="613"/>
      <c r="OKS705" s="613"/>
      <c r="OKT705" s="613"/>
      <c r="OKU705" s="613"/>
      <c r="OKV705" s="613"/>
      <c r="OKW705" s="613"/>
      <c r="OKX705" s="613"/>
      <c r="OKY705" s="613"/>
      <c r="OKZ705" s="613"/>
      <c r="OLA705" s="613"/>
      <c r="OLB705" s="613"/>
      <c r="OLC705" s="613"/>
      <c r="OLD705" s="613"/>
      <c r="OLE705" s="613"/>
      <c r="OLF705" s="613"/>
      <c r="OLG705" s="613"/>
      <c r="OLH705" s="613"/>
      <c r="OLI705" s="613"/>
      <c r="OLJ705" s="613"/>
      <c r="OLK705" s="613"/>
      <c r="OLL705" s="613"/>
      <c r="OLM705" s="613"/>
      <c r="OLN705" s="613"/>
      <c r="OLO705" s="613"/>
      <c r="OLP705" s="613"/>
      <c r="OLQ705" s="613"/>
      <c r="OLR705" s="613"/>
      <c r="OLS705" s="613"/>
      <c r="OLT705" s="613"/>
      <c r="OLU705" s="613"/>
      <c r="OLV705" s="613"/>
      <c r="OLW705" s="613"/>
      <c r="OLX705" s="613"/>
      <c r="OLY705" s="613"/>
      <c r="OLZ705" s="613"/>
      <c r="OMA705" s="613"/>
      <c r="OMB705" s="613"/>
      <c r="OMC705" s="613"/>
      <c r="OMD705" s="613"/>
      <c r="OME705" s="613"/>
      <c r="OMF705" s="613"/>
      <c r="OMG705" s="613"/>
      <c r="OMH705" s="613"/>
      <c r="OMI705" s="613"/>
      <c r="OMJ705" s="613"/>
      <c r="OMK705" s="613"/>
      <c r="OML705" s="613"/>
      <c r="OMM705" s="613"/>
      <c r="OMN705" s="613"/>
      <c r="OMO705" s="613"/>
      <c r="OMP705" s="613"/>
      <c r="OMQ705" s="613"/>
      <c r="OMR705" s="613"/>
      <c r="OMS705" s="613"/>
      <c r="OMT705" s="613"/>
      <c r="OMU705" s="613"/>
      <c r="OMV705" s="613"/>
      <c r="OMW705" s="613"/>
      <c r="OMX705" s="613"/>
      <c r="OMY705" s="613"/>
      <c r="OMZ705" s="613"/>
      <c r="ONA705" s="613"/>
      <c r="ONB705" s="613"/>
      <c r="ONC705" s="613"/>
      <c r="OND705" s="613"/>
      <c r="ONE705" s="613"/>
      <c r="ONF705" s="613"/>
      <c r="ONG705" s="613"/>
      <c r="ONH705" s="613"/>
      <c r="ONI705" s="613"/>
      <c r="ONJ705" s="613"/>
      <c r="ONK705" s="613"/>
      <c r="ONL705" s="613"/>
      <c r="ONM705" s="613"/>
      <c r="ONN705" s="613"/>
      <c r="ONO705" s="613"/>
      <c r="ONP705" s="613"/>
      <c r="ONQ705" s="613"/>
      <c r="ONR705" s="613"/>
      <c r="ONS705" s="613"/>
      <c r="ONT705" s="613"/>
      <c r="ONU705" s="613"/>
      <c r="ONV705" s="613"/>
      <c r="ONW705" s="613"/>
      <c r="ONX705" s="613"/>
      <c r="ONY705" s="613"/>
      <c r="ONZ705" s="613"/>
      <c r="OOA705" s="613"/>
      <c r="OOB705" s="613"/>
      <c r="OOC705" s="613"/>
      <c r="OOD705" s="613"/>
      <c r="OOE705" s="613"/>
      <c r="OOF705" s="613"/>
      <c r="OOG705" s="613"/>
      <c r="OOH705" s="613"/>
      <c r="OOI705" s="613"/>
      <c r="OOJ705" s="613"/>
      <c r="OOK705" s="613"/>
      <c r="OOL705" s="613"/>
      <c r="OOM705" s="613"/>
      <c r="OON705" s="613"/>
      <c r="OOO705" s="613"/>
      <c r="OOP705" s="613"/>
      <c r="OOQ705" s="613"/>
      <c r="OOR705" s="613"/>
      <c r="OOS705" s="613"/>
      <c r="OOT705" s="613"/>
      <c r="OOU705" s="613"/>
      <c r="OOV705" s="613"/>
      <c r="OOW705" s="613"/>
      <c r="OOX705" s="613"/>
      <c r="OOY705" s="613"/>
      <c r="OOZ705" s="613"/>
      <c r="OPA705" s="613"/>
      <c r="OPB705" s="613"/>
      <c r="OPC705" s="613"/>
      <c r="OPD705" s="613"/>
      <c r="OPE705" s="613"/>
      <c r="OPF705" s="613"/>
      <c r="OPG705" s="613"/>
      <c r="OPH705" s="613"/>
      <c r="OPI705" s="613"/>
      <c r="OPJ705" s="613"/>
      <c r="OPK705" s="613"/>
      <c r="OPL705" s="613"/>
      <c r="OPM705" s="613"/>
      <c r="OPN705" s="613"/>
      <c r="OPO705" s="613"/>
      <c r="OPP705" s="613"/>
      <c r="OPQ705" s="613"/>
      <c r="OPR705" s="613"/>
      <c r="OPS705" s="613"/>
      <c r="OPT705" s="613"/>
      <c r="OPU705" s="613"/>
      <c r="OPV705" s="613"/>
      <c r="OPW705" s="613"/>
      <c r="OPX705" s="613"/>
      <c r="OPY705" s="613"/>
      <c r="OPZ705" s="613"/>
      <c r="OQA705" s="613"/>
      <c r="OQB705" s="613"/>
      <c r="OQC705" s="613"/>
      <c r="OQD705" s="613"/>
      <c r="OQE705" s="613"/>
      <c r="OQF705" s="613"/>
      <c r="OQG705" s="613"/>
      <c r="OQH705" s="613"/>
      <c r="OQI705" s="613"/>
      <c r="OQJ705" s="613"/>
      <c r="OQK705" s="613"/>
      <c r="OQL705" s="613"/>
      <c r="OQM705" s="613"/>
      <c r="OQN705" s="613"/>
      <c r="OQO705" s="613"/>
      <c r="OQP705" s="613"/>
      <c r="OQQ705" s="613"/>
      <c r="OQR705" s="613"/>
      <c r="OQS705" s="613"/>
      <c r="OQT705" s="613"/>
      <c r="OQU705" s="613"/>
      <c r="OQV705" s="613"/>
      <c r="OQW705" s="613"/>
      <c r="OQX705" s="613"/>
      <c r="OQY705" s="613"/>
      <c r="OQZ705" s="613"/>
      <c r="ORA705" s="613"/>
      <c r="ORB705" s="613"/>
      <c r="ORC705" s="613"/>
      <c r="ORD705" s="613"/>
      <c r="ORE705" s="613"/>
      <c r="ORF705" s="613"/>
      <c r="ORG705" s="613"/>
      <c r="ORH705" s="613"/>
      <c r="ORI705" s="613"/>
      <c r="ORJ705" s="613"/>
      <c r="ORK705" s="613"/>
      <c r="ORL705" s="613"/>
      <c r="ORM705" s="613"/>
      <c r="ORN705" s="613"/>
      <c r="ORO705" s="613"/>
      <c r="ORP705" s="613"/>
      <c r="ORQ705" s="613"/>
      <c r="ORR705" s="613"/>
      <c r="ORS705" s="613"/>
      <c r="ORT705" s="613"/>
      <c r="ORU705" s="613"/>
      <c r="ORV705" s="613"/>
      <c r="ORW705" s="613"/>
      <c r="ORX705" s="613"/>
      <c r="ORY705" s="613"/>
      <c r="ORZ705" s="613"/>
      <c r="OSA705" s="613"/>
      <c r="OSB705" s="613"/>
      <c r="OSC705" s="613"/>
      <c r="OSD705" s="613"/>
      <c r="OSE705" s="613"/>
      <c r="OSF705" s="613"/>
      <c r="OSG705" s="613"/>
      <c r="OSH705" s="613"/>
      <c r="OSI705" s="613"/>
      <c r="OSJ705" s="613"/>
      <c r="OSK705" s="613"/>
      <c r="OSL705" s="613"/>
      <c r="OSM705" s="613"/>
      <c r="OSN705" s="613"/>
      <c r="OSO705" s="613"/>
      <c r="OSP705" s="613"/>
      <c r="OSQ705" s="613"/>
      <c r="OSR705" s="613"/>
      <c r="OSS705" s="613"/>
      <c r="OST705" s="613"/>
      <c r="OSU705" s="613"/>
      <c r="OSV705" s="613"/>
      <c r="OSW705" s="613"/>
      <c r="OSX705" s="613"/>
      <c r="OSY705" s="613"/>
      <c r="OSZ705" s="613"/>
      <c r="OTA705" s="613"/>
      <c r="OTB705" s="613"/>
      <c r="OTC705" s="613"/>
      <c r="OTD705" s="613"/>
      <c r="OTE705" s="613"/>
      <c r="OTF705" s="613"/>
      <c r="OTG705" s="613"/>
      <c r="OTH705" s="613"/>
      <c r="OTI705" s="613"/>
      <c r="OTJ705" s="613"/>
      <c r="OTK705" s="613"/>
      <c r="OTL705" s="613"/>
      <c r="OTM705" s="613"/>
      <c r="OTN705" s="613"/>
      <c r="OTO705" s="613"/>
      <c r="OTP705" s="613"/>
      <c r="OTQ705" s="613"/>
      <c r="OTR705" s="613"/>
      <c r="OTS705" s="613"/>
      <c r="OTT705" s="613"/>
      <c r="OTU705" s="613"/>
      <c r="OTV705" s="613"/>
      <c r="OTW705" s="613"/>
      <c r="OTX705" s="613"/>
      <c r="OTY705" s="613"/>
      <c r="OTZ705" s="613"/>
      <c r="OUA705" s="613"/>
      <c r="OUB705" s="613"/>
      <c r="OUC705" s="613"/>
      <c r="OUD705" s="613"/>
      <c r="OUE705" s="613"/>
      <c r="OUF705" s="613"/>
      <c r="OUG705" s="613"/>
      <c r="OUH705" s="613"/>
      <c r="OUI705" s="613"/>
      <c r="OUJ705" s="613"/>
      <c r="OUK705" s="613"/>
      <c r="OUL705" s="613"/>
      <c r="OUM705" s="613"/>
      <c r="OUN705" s="613"/>
      <c r="OUO705" s="613"/>
      <c r="OUP705" s="613"/>
      <c r="OUQ705" s="613"/>
      <c r="OUR705" s="613"/>
      <c r="OUS705" s="613"/>
      <c r="OUT705" s="613"/>
      <c r="OUU705" s="613"/>
      <c r="OUV705" s="613"/>
      <c r="OUW705" s="613"/>
      <c r="OUX705" s="613"/>
      <c r="OUY705" s="613"/>
      <c r="OUZ705" s="613"/>
      <c r="OVA705" s="613"/>
      <c r="OVB705" s="613"/>
      <c r="OVC705" s="613"/>
      <c r="OVD705" s="613"/>
      <c r="OVE705" s="613"/>
      <c r="OVF705" s="613"/>
      <c r="OVG705" s="613"/>
      <c r="OVH705" s="613"/>
      <c r="OVI705" s="613"/>
      <c r="OVJ705" s="613"/>
      <c r="OVK705" s="613"/>
      <c r="OVL705" s="613"/>
      <c r="OVM705" s="613"/>
      <c r="OVN705" s="613"/>
      <c r="OVO705" s="613"/>
      <c r="OVP705" s="613"/>
      <c r="OVQ705" s="613"/>
      <c r="OVR705" s="613"/>
      <c r="OVS705" s="613"/>
      <c r="OVT705" s="613"/>
      <c r="OVU705" s="613"/>
      <c r="OVV705" s="613"/>
      <c r="OVW705" s="613"/>
      <c r="OVX705" s="613"/>
      <c r="OVY705" s="613"/>
      <c r="OVZ705" s="613"/>
      <c r="OWA705" s="613"/>
      <c r="OWB705" s="613"/>
      <c r="OWC705" s="613"/>
      <c r="OWD705" s="613"/>
      <c r="OWE705" s="613"/>
      <c r="OWF705" s="613"/>
      <c r="OWG705" s="613"/>
      <c r="OWH705" s="613"/>
      <c r="OWI705" s="613"/>
      <c r="OWJ705" s="613"/>
      <c r="OWK705" s="613"/>
      <c r="OWL705" s="613"/>
      <c r="OWM705" s="613"/>
      <c r="OWN705" s="613"/>
      <c r="OWO705" s="613"/>
      <c r="OWP705" s="613"/>
      <c r="OWQ705" s="613"/>
      <c r="OWR705" s="613"/>
      <c r="OWS705" s="613"/>
      <c r="OWT705" s="613"/>
      <c r="OWU705" s="613"/>
      <c r="OWV705" s="613"/>
      <c r="OWW705" s="613"/>
      <c r="OWX705" s="613"/>
      <c r="OWY705" s="613"/>
      <c r="OWZ705" s="613"/>
      <c r="OXA705" s="613"/>
      <c r="OXB705" s="613"/>
      <c r="OXC705" s="613"/>
      <c r="OXD705" s="613"/>
      <c r="OXE705" s="613"/>
      <c r="OXF705" s="613"/>
      <c r="OXG705" s="613"/>
      <c r="OXH705" s="613"/>
      <c r="OXI705" s="613"/>
      <c r="OXJ705" s="613"/>
      <c r="OXK705" s="613"/>
      <c r="OXL705" s="613"/>
      <c r="OXM705" s="613"/>
      <c r="OXN705" s="613"/>
      <c r="OXO705" s="613"/>
      <c r="OXP705" s="613"/>
      <c r="OXQ705" s="613"/>
      <c r="OXR705" s="613"/>
      <c r="OXS705" s="613"/>
      <c r="OXT705" s="613"/>
      <c r="OXU705" s="613"/>
      <c r="OXV705" s="613"/>
      <c r="OXW705" s="613"/>
      <c r="OXX705" s="613"/>
      <c r="OXY705" s="613"/>
      <c r="OXZ705" s="613"/>
      <c r="OYA705" s="613"/>
      <c r="OYB705" s="613"/>
      <c r="OYC705" s="613"/>
      <c r="OYD705" s="613"/>
      <c r="OYE705" s="613"/>
      <c r="OYF705" s="613"/>
      <c r="OYG705" s="613"/>
      <c r="OYH705" s="613"/>
      <c r="OYI705" s="613"/>
      <c r="OYJ705" s="613"/>
      <c r="OYK705" s="613"/>
      <c r="OYL705" s="613"/>
      <c r="OYM705" s="613"/>
      <c r="OYN705" s="613"/>
      <c r="OYO705" s="613"/>
      <c r="OYP705" s="613"/>
      <c r="OYQ705" s="613"/>
      <c r="OYR705" s="613"/>
      <c r="OYS705" s="613"/>
      <c r="OYT705" s="613"/>
      <c r="OYU705" s="613"/>
      <c r="OYV705" s="613"/>
      <c r="OYW705" s="613"/>
      <c r="OYX705" s="613"/>
      <c r="OYY705" s="613"/>
      <c r="OYZ705" s="613"/>
      <c r="OZA705" s="613"/>
      <c r="OZB705" s="613"/>
      <c r="OZC705" s="613"/>
      <c r="OZD705" s="613"/>
      <c r="OZE705" s="613"/>
      <c r="OZF705" s="613"/>
      <c r="OZG705" s="613"/>
      <c r="OZH705" s="613"/>
      <c r="OZI705" s="613"/>
      <c r="OZJ705" s="613"/>
      <c r="OZK705" s="613"/>
      <c r="OZL705" s="613"/>
      <c r="OZM705" s="613"/>
      <c r="OZN705" s="613"/>
      <c r="OZO705" s="613"/>
      <c r="OZP705" s="613"/>
      <c r="OZQ705" s="613"/>
      <c r="OZR705" s="613"/>
      <c r="OZS705" s="613"/>
      <c r="OZT705" s="613"/>
      <c r="OZU705" s="613"/>
      <c r="OZV705" s="613"/>
      <c r="OZW705" s="613"/>
      <c r="OZX705" s="613"/>
      <c r="OZY705" s="613"/>
      <c r="OZZ705" s="613"/>
      <c r="PAA705" s="613"/>
      <c r="PAB705" s="613"/>
      <c r="PAC705" s="613"/>
      <c r="PAD705" s="613"/>
      <c r="PAE705" s="613"/>
      <c r="PAF705" s="613"/>
      <c r="PAG705" s="613"/>
      <c r="PAH705" s="613"/>
      <c r="PAI705" s="613"/>
      <c r="PAJ705" s="613"/>
      <c r="PAK705" s="613"/>
      <c r="PAL705" s="613"/>
      <c r="PAM705" s="613"/>
      <c r="PAN705" s="613"/>
      <c r="PAO705" s="613"/>
      <c r="PAP705" s="613"/>
      <c r="PAQ705" s="613"/>
      <c r="PAR705" s="613"/>
      <c r="PAS705" s="613"/>
      <c r="PAT705" s="613"/>
      <c r="PAU705" s="613"/>
      <c r="PAV705" s="613"/>
      <c r="PAW705" s="613"/>
      <c r="PAX705" s="613"/>
      <c r="PAY705" s="613"/>
      <c r="PAZ705" s="613"/>
      <c r="PBA705" s="613"/>
      <c r="PBB705" s="613"/>
      <c r="PBC705" s="613"/>
      <c r="PBD705" s="613"/>
      <c r="PBE705" s="613"/>
      <c r="PBF705" s="613"/>
      <c r="PBG705" s="613"/>
      <c r="PBH705" s="613"/>
      <c r="PBI705" s="613"/>
      <c r="PBJ705" s="613"/>
      <c r="PBK705" s="613"/>
      <c r="PBL705" s="613"/>
      <c r="PBM705" s="613"/>
      <c r="PBN705" s="613"/>
      <c r="PBO705" s="613"/>
      <c r="PBP705" s="613"/>
      <c r="PBQ705" s="613"/>
      <c r="PBR705" s="613"/>
      <c r="PBS705" s="613"/>
      <c r="PBT705" s="613"/>
      <c r="PBU705" s="613"/>
      <c r="PBV705" s="613"/>
      <c r="PBW705" s="613"/>
      <c r="PBX705" s="613"/>
      <c r="PBY705" s="613"/>
      <c r="PBZ705" s="613"/>
      <c r="PCA705" s="613"/>
      <c r="PCB705" s="613"/>
      <c r="PCC705" s="613"/>
      <c r="PCD705" s="613"/>
      <c r="PCE705" s="613"/>
      <c r="PCF705" s="613"/>
      <c r="PCG705" s="613"/>
      <c r="PCH705" s="613"/>
      <c r="PCI705" s="613"/>
      <c r="PCJ705" s="613"/>
      <c r="PCK705" s="613"/>
      <c r="PCL705" s="613"/>
      <c r="PCM705" s="613"/>
      <c r="PCN705" s="613"/>
      <c r="PCO705" s="613"/>
      <c r="PCP705" s="613"/>
      <c r="PCQ705" s="613"/>
      <c r="PCR705" s="613"/>
      <c r="PCS705" s="613"/>
      <c r="PCT705" s="613"/>
      <c r="PCU705" s="613"/>
      <c r="PCV705" s="613"/>
      <c r="PCW705" s="613"/>
      <c r="PCX705" s="613"/>
      <c r="PCY705" s="613"/>
      <c r="PCZ705" s="613"/>
      <c r="PDA705" s="613"/>
      <c r="PDB705" s="613"/>
      <c r="PDC705" s="613"/>
      <c r="PDD705" s="613"/>
      <c r="PDE705" s="613"/>
      <c r="PDF705" s="613"/>
      <c r="PDG705" s="613"/>
      <c r="PDH705" s="613"/>
      <c r="PDI705" s="613"/>
      <c r="PDJ705" s="613"/>
      <c r="PDK705" s="613"/>
      <c r="PDL705" s="613"/>
      <c r="PDM705" s="613"/>
      <c r="PDN705" s="613"/>
      <c r="PDO705" s="613"/>
      <c r="PDP705" s="613"/>
      <c r="PDQ705" s="613"/>
      <c r="PDR705" s="613"/>
      <c r="PDS705" s="613"/>
      <c r="PDT705" s="613"/>
      <c r="PDU705" s="613"/>
      <c r="PDV705" s="613"/>
      <c r="PDW705" s="613"/>
      <c r="PDX705" s="613"/>
      <c r="PDY705" s="613"/>
      <c r="PDZ705" s="613"/>
      <c r="PEA705" s="613"/>
      <c r="PEB705" s="613"/>
      <c r="PEC705" s="613"/>
      <c r="PED705" s="613"/>
      <c r="PEE705" s="613"/>
      <c r="PEF705" s="613"/>
      <c r="PEG705" s="613"/>
      <c r="PEH705" s="613"/>
      <c r="PEI705" s="613"/>
      <c r="PEJ705" s="613"/>
      <c r="PEK705" s="613"/>
      <c r="PEL705" s="613"/>
      <c r="PEM705" s="613"/>
      <c r="PEN705" s="613"/>
      <c r="PEO705" s="613"/>
      <c r="PEP705" s="613"/>
      <c r="PEQ705" s="613"/>
      <c r="PER705" s="613"/>
      <c r="PES705" s="613"/>
      <c r="PET705" s="613"/>
      <c r="PEU705" s="613"/>
      <c r="PEV705" s="613"/>
      <c r="PEW705" s="613"/>
      <c r="PEX705" s="613"/>
      <c r="PEY705" s="613"/>
      <c r="PEZ705" s="613"/>
      <c r="PFA705" s="613"/>
      <c r="PFB705" s="613"/>
      <c r="PFC705" s="613"/>
      <c r="PFD705" s="613"/>
      <c r="PFE705" s="613"/>
      <c r="PFF705" s="613"/>
      <c r="PFG705" s="613"/>
      <c r="PFH705" s="613"/>
      <c r="PFI705" s="613"/>
      <c r="PFJ705" s="613"/>
      <c r="PFK705" s="613"/>
      <c r="PFL705" s="613"/>
      <c r="PFM705" s="613"/>
      <c r="PFN705" s="613"/>
      <c r="PFO705" s="613"/>
      <c r="PFP705" s="613"/>
      <c r="PFQ705" s="613"/>
      <c r="PFR705" s="613"/>
      <c r="PFS705" s="613"/>
      <c r="PFT705" s="613"/>
      <c r="PFU705" s="613"/>
      <c r="PFV705" s="613"/>
      <c r="PFW705" s="613"/>
      <c r="PFX705" s="613"/>
      <c r="PFY705" s="613"/>
      <c r="PFZ705" s="613"/>
      <c r="PGA705" s="613"/>
      <c r="PGB705" s="613"/>
      <c r="PGC705" s="613"/>
      <c r="PGD705" s="613"/>
      <c r="PGE705" s="613"/>
      <c r="PGF705" s="613"/>
      <c r="PGG705" s="613"/>
      <c r="PGH705" s="613"/>
      <c r="PGI705" s="613"/>
      <c r="PGJ705" s="613"/>
      <c r="PGK705" s="613"/>
      <c r="PGL705" s="613"/>
      <c r="PGM705" s="613"/>
      <c r="PGN705" s="613"/>
      <c r="PGO705" s="613"/>
      <c r="PGP705" s="613"/>
      <c r="PGQ705" s="613"/>
      <c r="PGR705" s="613"/>
      <c r="PGS705" s="613"/>
      <c r="PGT705" s="613"/>
      <c r="PGU705" s="613"/>
      <c r="PGV705" s="613"/>
      <c r="PGW705" s="613"/>
      <c r="PGX705" s="613"/>
      <c r="PGY705" s="613"/>
      <c r="PGZ705" s="613"/>
      <c r="PHA705" s="613"/>
      <c r="PHB705" s="613"/>
      <c r="PHC705" s="613"/>
      <c r="PHD705" s="613"/>
      <c r="PHE705" s="613"/>
      <c r="PHF705" s="613"/>
      <c r="PHG705" s="613"/>
      <c r="PHH705" s="613"/>
      <c r="PHI705" s="613"/>
      <c r="PHJ705" s="613"/>
      <c r="PHK705" s="613"/>
      <c r="PHL705" s="613"/>
      <c r="PHM705" s="613"/>
      <c r="PHN705" s="613"/>
      <c r="PHO705" s="613"/>
      <c r="PHP705" s="613"/>
      <c r="PHQ705" s="613"/>
      <c r="PHR705" s="613"/>
      <c r="PHS705" s="613"/>
      <c r="PHT705" s="613"/>
      <c r="PHU705" s="613"/>
      <c r="PHV705" s="613"/>
      <c r="PHW705" s="613"/>
      <c r="PHX705" s="613"/>
      <c r="PHY705" s="613"/>
      <c r="PHZ705" s="613"/>
      <c r="PIA705" s="613"/>
      <c r="PIB705" s="613"/>
      <c r="PIC705" s="613"/>
      <c r="PID705" s="613"/>
      <c r="PIE705" s="613"/>
      <c r="PIF705" s="613"/>
      <c r="PIG705" s="613"/>
      <c r="PIH705" s="613"/>
      <c r="PII705" s="613"/>
      <c r="PIJ705" s="613"/>
      <c r="PIK705" s="613"/>
      <c r="PIL705" s="613"/>
      <c r="PIM705" s="613"/>
      <c r="PIN705" s="613"/>
      <c r="PIO705" s="613"/>
      <c r="PIP705" s="613"/>
      <c r="PIQ705" s="613"/>
      <c r="PIR705" s="613"/>
      <c r="PIS705" s="613"/>
      <c r="PIT705" s="613"/>
      <c r="PIU705" s="613"/>
      <c r="PIV705" s="613"/>
      <c r="PIW705" s="613"/>
      <c r="PIX705" s="613"/>
      <c r="PIY705" s="613"/>
      <c r="PIZ705" s="613"/>
      <c r="PJA705" s="613"/>
      <c r="PJB705" s="613"/>
      <c r="PJC705" s="613"/>
      <c r="PJD705" s="613"/>
      <c r="PJE705" s="613"/>
      <c r="PJF705" s="613"/>
      <c r="PJG705" s="613"/>
      <c r="PJH705" s="613"/>
      <c r="PJI705" s="613"/>
      <c r="PJJ705" s="613"/>
      <c r="PJK705" s="613"/>
      <c r="PJL705" s="613"/>
      <c r="PJM705" s="613"/>
      <c r="PJN705" s="613"/>
      <c r="PJO705" s="613"/>
      <c r="PJP705" s="613"/>
      <c r="PJQ705" s="613"/>
      <c r="PJR705" s="613"/>
      <c r="PJS705" s="613"/>
      <c r="PJT705" s="613"/>
      <c r="PJU705" s="613"/>
      <c r="PJV705" s="613"/>
      <c r="PJW705" s="613"/>
      <c r="PJX705" s="613"/>
      <c r="PJY705" s="613"/>
      <c r="PJZ705" s="613"/>
      <c r="PKA705" s="613"/>
      <c r="PKB705" s="613"/>
      <c r="PKC705" s="613"/>
      <c r="PKD705" s="613"/>
      <c r="PKE705" s="613"/>
      <c r="PKF705" s="613"/>
      <c r="PKG705" s="613"/>
      <c r="PKH705" s="613"/>
      <c r="PKI705" s="613"/>
      <c r="PKJ705" s="613"/>
      <c r="PKK705" s="613"/>
      <c r="PKL705" s="613"/>
      <c r="PKM705" s="613"/>
      <c r="PKN705" s="613"/>
      <c r="PKO705" s="613"/>
      <c r="PKP705" s="613"/>
      <c r="PKQ705" s="613"/>
      <c r="PKR705" s="613"/>
      <c r="PKS705" s="613"/>
      <c r="PKT705" s="613"/>
      <c r="PKU705" s="613"/>
      <c r="PKV705" s="613"/>
      <c r="PKW705" s="613"/>
      <c r="PKX705" s="613"/>
      <c r="PKY705" s="613"/>
      <c r="PKZ705" s="613"/>
      <c r="PLA705" s="613"/>
      <c r="PLB705" s="613"/>
      <c r="PLC705" s="613"/>
      <c r="PLD705" s="613"/>
      <c r="PLE705" s="613"/>
      <c r="PLF705" s="613"/>
      <c r="PLG705" s="613"/>
      <c r="PLH705" s="613"/>
      <c r="PLI705" s="613"/>
      <c r="PLJ705" s="613"/>
      <c r="PLK705" s="613"/>
      <c r="PLL705" s="613"/>
      <c r="PLM705" s="613"/>
      <c r="PLN705" s="613"/>
      <c r="PLO705" s="613"/>
      <c r="PLP705" s="613"/>
      <c r="PLQ705" s="613"/>
      <c r="PLR705" s="613"/>
      <c r="PLS705" s="613"/>
      <c r="PLT705" s="613"/>
      <c r="PLU705" s="613"/>
      <c r="PLV705" s="613"/>
      <c r="PLW705" s="613"/>
      <c r="PLX705" s="613"/>
      <c r="PLY705" s="613"/>
      <c r="PLZ705" s="613"/>
      <c r="PMA705" s="613"/>
      <c r="PMB705" s="613"/>
      <c r="PMC705" s="613"/>
      <c r="PMD705" s="613"/>
      <c r="PME705" s="613"/>
      <c r="PMF705" s="613"/>
      <c r="PMG705" s="613"/>
      <c r="PMH705" s="613"/>
      <c r="PMI705" s="613"/>
      <c r="PMJ705" s="613"/>
      <c r="PMK705" s="613"/>
      <c r="PML705" s="613"/>
      <c r="PMM705" s="613"/>
      <c r="PMN705" s="613"/>
      <c r="PMO705" s="613"/>
      <c r="PMP705" s="613"/>
      <c r="PMQ705" s="613"/>
      <c r="PMR705" s="613"/>
      <c r="PMS705" s="613"/>
      <c r="PMT705" s="613"/>
      <c r="PMU705" s="613"/>
      <c r="PMV705" s="613"/>
      <c r="PMW705" s="613"/>
      <c r="PMX705" s="613"/>
      <c r="PMY705" s="613"/>
      <c r="PMZ705" s="613"/>
      <c r="PNA705" s="613"/>
      <c r="PNB705" s="613"/>
      <c r="PNC705" s="613"/>
      <c r="PND705" s="613"/>
      <c r="PNE705" s="613"/>
      <c r="PNF705" s="613"/>
      <c r="PNG705" s="613"/>
      <c r="PNH705" s="613"/>
      <c r="PNI705" s="613"/>
      <c r="PNJ705" s="613"/>
      <c r="PNK705" s="613"/>
      <c r="PNL705" s="613"/>
      <c r="PNM705" s="613"/>
      <c r="PNN705" s="613"/>
      <c r="PNO705" s="613"/>
      <c r="PNP705" s="613"/>
      <c r="PNQ705" s="613"/>
      <c r="PNR705" s="613"/>
      <c r="PNS705" s="613"/>
      <c r="PNT705" s="613"/>
      <c r="PNU705" s="613"/>
      <c r="PNV705" s="613"/>
      <c r="PNW705" s="613"/>
      <c r="PNX705" s="613"/>
      <c r="PNY705" s="613"/>
      <c r="PNZ705" s="613"/>
      <c r="POA705" s="613"/>
      <c r="POB705" s="613"/>
      <c r="POC705" s="613"/>
      <c r="POD705" s="613"/>
      <c r="POE705" s="613"/>
      <c r="POF705" s="613"/>
      <c r="POG705" s="613"/>
      <c r="POH705" s="613"/>
      <c r="POI705" s="613"/>
      <c r="POJ705" s="613"/>
      <c r="POK705" s="613"/>
      <c r="POL705" s="613"/>
      <c r="POM705" s="613"/>
      <c r="PON705" s="613"/>
      <c r="POO705" s="613"/>
      <c r="POP705" s="613"/>
      <c r="POQ705" s="613"/>
      <c r="POR705" s="613"/>
      <c r="POS705" s="613"/>
      <c r="POT705" s="613"/>
      <c r="POU705" s="613"/>
      <c r="POV705" s="613"/>
      <c r="POW705" s="613"/>
      <c r="POX705" s="613"/>
      <c r="POY705" s="613"/>
      <c r="POZ705" s="613"/>
      <c r="PPA705" s="613"/>
      <c r="PPB705" s="613"/>
      <c r="PPC705" s="613"/>
      <c r="PPD705" s="613"/>
      <c r="PPE705" s="613"/>
      <c r="PPF705" s="613"/>
      <c r="PPG705" s="613"/>
      <c r="PPH705" s="613"/>
      <c r="PPI705" s="613"/>
      <c r="PPJ705" s="613"/>
      <c r="PPK705" s="613"/>
      <c r="PPL705" s="613"/>
      <c r="PPM705" s="613"/>
      <c r="PPN705" s="613"/>
      <c r="PPO705" s="613"/>
      <c r="PPP705" s="613"/>
      <c r="PPQ705" s="613"/>
      <c r="PPR705" s="613"/>
      <c r="PPS705" s="613"/>
      <c r="PPT705" s="613"/>
      <c r="PPU705" s="613"/>
      <c r="PPV705" s="613"/>
      <c r="PPW705" s="613"/>
      <c r="PPX705" s="613"/>
      <c r="PPY705" s="613"/>
      <c r="PPZ705" s="613"/>
      <c r="PQA705" s="613"/>
      <c r="PQB705" s="613"/>
      <c r="PQC705" s="613"/>
      <c r="PQD705" s="613"/>
      <c r="PQE705" s="613"/>
      <c r="PQF705" s="613"/>
      <c r="PQG705" s="613"/>
      <c r="PQH705" s="613"/>
      <c r="PQI705" s="613"/>
      <c r="PQJ705" s="613"/>
      <c r="PQK705" s="613"/>
      <c r="PQL705" s="613"/>
      <c r="PQM705" s="613"/>
      <c r="PQN705" s="613"/>
      <c r="PQO705" s="613"/>
      <c r="PQP705" s="613"/>
      <c r="PQQ705" s="613"/>
      <c r="PQR705" s="613"/>
      <c r="PQS705" s="613"/>
      <c r="PQT705" s="613"/>
      <c r="PQU705" s="613"/>
      <c r="PQV705" s="613"/>
      <c r="PQW705" s="613"/>
      <c r="PQX705" s="613"/>
      <c r="PQY705" s="613"/>
      <c r="PQZ705" s="613"/>
      <c r="PRA705" s="613"/>
      <c r="PRB705" s="613"/>
      <c r="PRC705" s="613"/>
      <c r="PRD705" s="613"/>
      <c r="PRE705" s="613"/>
      <c r="PRF705" s="613"/>
      <c r="PRG705" s="613"/>
      <c r="PRH705" s="613"/>
      <c r="PRI705" s="613"/>
      <c r="PRJ705" s="613"/>
      <c r="PRK705" s="613"/>
      <c r="PRL705" s="613"/>
      <c r="PRM705" s="613"/>
      <c r="PRN705" s="613"/>
      <c r="PRO705" s="613"/>
      <c r="PRP705" s="613"/>
      <c r="PRQ705" s="613"/>
      <c r="PRR705" s="613"/>
      <c r="PRS705" s="613"/>
      <c r="PRT705" s="613"/>
      <c r="PRU705" s="613"/>
      <c r="PRV705" s="613"/>
      <c r="PRW705" s="613"/>
      <c r="PRX705" s="613"/>
      <c r="PRY705" s="613"/>
      <c r="PRZ705" s="613"/>
      <c r="PSA705" s="613"/>
      <c r="PSB705" s="613"/>
      <c r="PSC705" s="613"/>
      <c r="PSD705" s="613"/>
      <c r="PSE705" s="613"/>
      <c r="PSF705" s="613"/>
      <c r="PSG705" s="613"/>
      <c r="PSH705" s="613"/>
      <c r="PSI705" s="613"/>
      <c r="PSJ705" s="613"/>
      <c r="PSK705" s="613"/>
      <c r="PSL705" s="613"/>
      <c r="PSM705" s="613"/>
      <c r="PSN705" s="613"/>
      <c r="PSO705" s="613"/>
      <c r="PSP705" s="613"/>
      <c r="PSQ705" s="613"/>
      <c r="PSR705" s="613"/>
      <c r="PSS705" s="613"/>
      <c r="PST705" s="613"/>
      <c r="PSU705" s="613"/>
      <c r="PSV705" s="613"/>
      <c r="PSW705" s="613"/>
      <c r="PSX705" s="613"/>
      <c r="PSY705" s="613"/>
      <c r="PSZ705" s="613"/>
      <c r="PTA705" s="613"/>
      <c r="PTB705" s="613"/>
      <c r="PTC705" s="613"/>
      <c r="PTD705" s="613"/>
      <c r="PTE705" s="613"/>
      <c r="PTF705" s="613"/>
      <c r="PTG705" s="613"/>
      <c r="PTH705" s="613"/>
      <c r="PTI705" s="613"/>
      <c r="PTJ705" s="613"/>
      <c r="PTK705" s="613"/>
      <c r="PTL705" s="613"/>
      <c r="PTM705" s="613"/>
      <c r="PTN705" s="613"/>
      <c r="PTO705" s="613"/>
      <c r="PTP705" s="613"/>
      <c r="PTQ705" s="613"/>
      <c r="PTR705" s="613"/>
      <c r="PTS705" s="613"/>
      <c r="PTT705" s="613"/>
      <c r="PTU705" s="613"/>
      <c r="PTV705" s="613"/>
      <c r="PTW705" s="613"/>
      <c r="PTX705" s="613"/>
      <c r="PTY705" s="613"/>
      <c r="PTZ705" s="613"/>
      <c r="PUA705" s="613"/>
      <c r="PUB705" s="613"/>
      <c r="PUC705" s="613"/>
      <c r="PUD705" s="613"/>
      <c r="PUE705" s="613"/>
      <c r="PUF705" s="613"/>
      <c r="PUG705" s="613"/>
      <c r="PUH705" s="613"/>
      <c r="PUI705" s="613"/>
      <c r="PUJ705" s="613"/>
      <c r="PUK705" s="613"/>
      <c r="PUL705" s="613"/>
      <c r="PUM705" s="613"/>
      <c r="PUN705" s="613"/>
      <c r="PUO705" s="613"/>
      <c r="PUP705" s="613"/>
      <c r="PUQ705" s="613"/>
      <c r="PUR705" s="613"/>
      <c r="PUS705" s="613"/>
      <c r="PUT705" s="613"/>
      <c r="PUU705" s="613"/>
      <c r="PUV705" s="613"/>
      <c r="PUW705" s="613"/>
      <c r="PUX705" s="613"/>
      <c r="PUY705" s="613"/>
      <c r="PUZ705" s="613"/>
      <c r="PVA705" s="613"/>
      <c r="PVB705" s="613"/>
      <c r="PVC705" s="613"/>
      <c r="PVD705" s="613"/>
      <c r="PVE705" s="613"/>
      <c r="PVF705" s="613"/>
      <c r="PVG705" s="613"/>
      <c r="PVH705" s="613"/>
      <c r="PVI705" s="613"/>
      <c r="PVJ705" s="613"/>
      <c r="PVK705" s="613"/>
      <c r="PVL705" s="613"/>
      <c r="PVM705" s="613"/>
      <c r="PVN705" s="613"/>
      <c r="PVO705" s="613"/>
      <c r="PVP705" s="613"/>
      <c r="PVQ705" s="613"/>
      <c r="PVR705" s="613"/>
      <c r="PVS705" s="613"/>
      <c r="PVT705" s="613"/>
      <c r="PVU705" s="613"/>
      <c r="PVV705" s="613"/>
      <c r="PVW705" s="613"/>
      <c r="PVX705" s="613"/>
      <c r="PVY705" s="613"/>
      <c r="PVZ705" s="613"/>
      <c r="PWA705" s="613"/>
      <c r="PWB705" s="613"/>
      <c r="PWC705" s="613"/>
      <c r="PWD705" s="613"/>
      <c r="PWE705" s="613"/>
      <c r="PWF705" s="613"/>
      <c r="PWG705" s="613"/>
      <c r="PWH705" s="613"/>
      <c r="PWI705" s="613"/>
      <c r="PWJ705" s="613"/>
      <c r="PWK705" s="613"/>
      <c r="PWL705" s="613"/>
      <c r="PWM705" s="613"/>
      <c r="PWN705" s="613"/>
      <c r="PWO705" s="613"/>
      <c r="PWP705" s="613"/>
      <c r="PWQ705" s="613"/>
      <c r="PWR705" s="613"/>
      <c r="PWS705" s="613"/>
      <c r="PWT705" s="613"/>
      <c r="PWU705" s="613"/>
      <c r="PWV705" s="613"/>
      <c r="PWW705" s="613"/>
      <c r="PWX705" s="613"/>
      <c r="PWY705" s="613"/>
      <c r="PWZ705" s="613"/>
      <c r="PXA705" s="613"/>
      <c r="PXB705" s="613"/>
      <c r="PXC705" s="613"/>
      <c r="PXD705" s="613"/>
      <c r="PXE705" s="613"/>
      <c r="PXF705" s="613"/>
      <c r="PXG705" s="613"/>
      <c r="PXH705" s="613"/>
      <c r="PXI705" s="613"/>
      <c r="PXJ705" s="613"/>
      <c r="PXK705" s="613"/>
      <c r="PXL705" s="613"/>
      <c r="PXM705" s="613"/>
      <c r="PXN705" s="613"/>
      <c r="PXO705" s="613"/>
      <c r="PXP705" s="613"/>
      <c r="PXQ705" s="613"/>
      <c r="PXR705" s="613"/>
      <c r="PXS705" s="613"/>
      <c r="PXT705" s="613"/>
      <c r="PXU705" s="613"/>
      <c r="PXV705" s="613"/>
      <c r="PXW705" s="613"/>
      <c r="PXX705" s="613"/>
      <c r="PXY705" s="613"/>
      <c r="PXZ705" s="613"/>
      <c r="PYA705" s="613"/>
      <c r="PYB705" s="613"/>
      <c r="PYC705" s="613"/>
      <c r="PYD705" s="613"/>
      <c r="PYE705" s="613"/>
      <c r="PYF705" s="613"/>
      <c r="PYG705" s="613"/>
      <c r="PYH705" s="613"/>
      <c r="PYI705" s="613"/>
      <c r="PYJ705" s="613"/>
      <c r="PYK705" s="613"/>
      <c r="PYL705" s="613"/>
      <c r="PYM705" s="613"/>
      <c r="PYN705" s="613"/>
      <c r="PYO705" s="613"/>
      <c r="PYP705" s="613"/>
      <c r="PYQ705" s="613"/>
      <c r="PYR705" s="613"/>
      <c r="PYS705" s="613"/>
      <c r="PYT705" s="613"/>
      <c r="PYU705" s="613"/>
      <c r="PYV705" s="613"/>
      <c r="PYW705" s="613"/>
      <c r="PYX705" s="613"/>
      <c r="PYY705" s="613"/>
      <c r="PYZ705" s="613"/>
      <c r="PZA705" s="613"/>
      <c r="PZB705" s="613"/>
      <c r="PZC705" s="613"/>
      <c r="PZD705" s="613"/>
      <c r="PZE705" s="613"/>
      <c r="PZF705" s="613"/>
      <c r="PZG705" s="613"/>
      <c r="PZH705" s="613"/>
      <c r="PZI705" s="613"/>
      <c r="PZJ705" s="613"/>
      <c r="PZK705" s="613"/>
      <c r="PZL705" s="613"/>
      <c r="PZM705" s="613"/>
      <c r="PZN705" s="613"/>
      <c r="PZO705" s="613"/>
      <c r="PZP705" s="613"/>
      <c r="PZQ705" s="613"/>
      <c r="PZR705" s="613"/>
      <c r="PZS705" s="613"/>
      <c r="PZT705" s="613"/>
      <c r="PZU705" s="613"/>
      <c r="PZV705" s="613"/>
      <c r="PZW705" s="613"/>
      <c r="PZX705" s="613"/>
      <c r="PZY705" s="613"/>
      <c r="PZZ705" s="613"/>
      <c r="QAA705" s="613"/>
      <c r="QAB705" s="613"/>
      <c r="QAC705" s="613"/>
      <c r="QAD705" s="613"/>
      <c r="QAE705" s="613"/>
      <c r="QAF705" s="613"/>
      <c r="QAG705" s="613"/>
      <c r="QAH705" s="613"/>
      <c r="QAI705" s="613"/>
      <c r="QAJ705" s="613"/>
      <c r="QAK705" s="613"/>
      <c r="QAL705" s="613"/>
      <c r="QAM705" s="613"/>
      <c r="QAN705" s="613"/>
      <c r="QAO705" s="613"/>
      <c r="QAP705" s="613"/>
      <c r="QAQ705" s="613"/>
      <c r="QAR705" s="613"/>
      <c r="QAS705" s="613"/>
      <c r="QAT705" s="613"/>
      <c r="QAU705" s="613"/>
      <c r="QAV705" s="613"/>
      <c r="QAW705" s="613"/>
      <c r="QAX705" s="613"/>
      <c r="QAY705" s="613"/>
      <c r="QAZ705" s="613"/>
      <c r="QBA705" s="613"/>
      <c r="QBB705" s="613"/>
      <c r="QBC705" s="613"/>
      <c r="QBD705" s="613"/>
      <c r="QBE705" s="613"/>
      <c r="QBF705" s="613"/>
      <c r="QBG705" s="613"/>
      <c r="QBH705" s="613"/>
      <c r="QBI705" s="613"/>
      <c r="QBJ705" s="613"/>
      <c r="QBK705" s="613"/>
      <c r="QBL705" s="613"/>
      <c r="QBM705" s="613"/>
      <c r="QBN705" s="613"/>
      <c r="QBO705" s="613"/>
      <c r="QBP705" s="613"/>
      <c r="QBQ705" s="613"/>
      <c r="QBR705" s="613"/>
      <c r="QBS705" s="613"/>
      <c r="QBT705" s="613"/>
      <c r="QBU705" s="613"/>
      <c r="QBV705" s="613"/>
      <c r="QBW705" s="613"/>
      <c r="QBX705" s="613"/>
      <c r="QBY705" s="613"/>
      <c r="QBZ705" s="613"/>
      <c r="QCA705" s="613"/>
      <c r="QCB705" s="613"/>
      <c r="QCC705" s="613"/>
      <c r="QCD705" s="613"/>
      <c r="QCE705" s="613"/>
      <c r="QCF705" s="613"/>
      <c r="QCG705" s="613"/>
      <c r="QCH705" s="613"/>
      <c r="QCI705" s="613"/>
      <c r="QCJ705" s="613"/>
      <c r="QCK705" s="613"/>
      <c r="QCL705" s="613"/>
      <c r="QCM705" s="613"/>
      <c r="QCN705" s="613"/>
      <c r="QCO705" s="613"/>
      <c r="QCP705" s="613"/>
      <c r="QCQ705" s="613"/>
      <c r="QCR705" s="613"/>
      <c r="QCS705" s="613"/>
      <c r="QCT705" s="613"/>
      <c r="QCU705" s="613"/>
      <c r="QCV705" s="613"/>
      <c r="QCW705" s="613"/>
      <c r="QCX705" s="613"/>
      <c r="QCY705" s="613"/>
      <c r="QCZ705" s="613"/>
      <c r="QDA705" s="613"/>
      <c r="QDB705" s="613"/>
      <c r="QDC705" s="613"/>
      <c r="QDD705" s="613"/>
      <c r="QDE705" s="613"/>
      <c r="QDF705" s="613"/>
      <c r="QDG705" s="613"/>
      <c r="QDH705" s="613"/>
      <c r="QDI705" s="613"/>
      <c r="QDJ705" s="613"/>
      <c r="QDK705" s="613"/>
      <c r="QDL705" s="613"/>
      <c r="QDM705" s="613"/>
      <c r="QDN705" s="613"/>
      <c r="QDO705" s="613"/>
      <c r="QDP705" s="613"/>
      <c r="QDQ705" s="613"/>
      <c r="QDR705" s="613"/>
      <c r="QDS705" s="613"/>
      <c r="QDT705" s="613"/>
      <c r="QDU705" s="613"/>
      <c r="QDV705" s="613"/>
      <c r="QDW705" s="613"/>
      <c r="QDX705" s="613"/>
      <c r="QDY705" s="613"/>
      <c r="QDZ705" s="613"/>
      <c r="QEA705" s="613"/>
      <c r="QEB705" s="613"/>
      <c r="QEC705" s="613"/>
      <c r="QED705" s="613"/>
      <c r="QEE705" s="613"/>
      <c r="QEF705" s="613"/>
      <c r="QEG705" s="613"/>
      <c r="QEH705" s="613"/>
      <c r="QEI705" s="613"/>
      <c r="QEJ705" s="613"/>
      <c r="QEK705" s="613"/>
      <c r="QEL705" s="613"/>
      <c r="QEM705" s="613"/>
      <c r="QEN705" s="613"/>
      <c r="QEO705" s="613"/>
      <c r="QEP705" s="613"/>
      <c r="QEQ705" s="613"/>
      <c r="QER705" s="613"/>
      <c r="QES705" s="613"/>
      <c r="QET705" s="613"/>
      <c r="QEU705" s="613"/>
      <c r="QEV705" s="613"/>
      <c r="QEW705" s="613"/>
      <c r="QEX705" s="613"/>
      <c r="QEY705" s="613"/>
      <c r="QEZ705" s="613"/>
      <c r="QFA705" s="613"/>
      <c r="QFB705" s="613"/>
      <c r="QFC705" s="613"/>
      <c r="QFD705" s="613"/>
      <c r="QFE705" s="613"/>
      <c r="QFF705" s="613"/>
      <c r="QFG705" s="613"/>
      <c r="QFH705" s="613"/>
      <c r="QFI705" s="613"/>
      <c r="QFJ705" s="613"/>
      <c r="QFK705" s="613"/>
      <c r="QFL705" s="613"/>
      <c r="QFM705" s="613"/>
      <c r="QFN705" s="613"/>
      <c r="QFO705" s="613"/>
      <c r="QFP705" s="613"/>
      <c r="QFQ705" s="613"/>
      <c r="QFR705" s="613"/>
      <c r="QFS705" s="613"/>
      <c r="QFT705" s="613"/>
      <c r="QFU705" s="613"/>
      <c r="QFV705" s="613"/>
      <c r="QFW705" s="613"/>
      <c r="QFX705" s="613"/>
      <c r="QFY705" s="613"/>
      <c r="QFZ705" s="613"/>
      <c r="QGA705" s="613"/>
      <c r="QGB705" s="613"/>
      <c r="QGC705" s="613"/>
      <c r="QGD705" s="613"/>
      <c r="QGE705" s="613"/>
      <c r="QGF705" s="613"/>
      <c r="QGG705" s="613"/>
      <c r="QGH705" s="613"/>
      <c r="QGI705" s="613"/>
      <c r="QGJ705" s="613"/>
      <c r="QGK705" s="613"/>
      <c r="QGL705" s="613"/>
      <c r="QGM705" s="613"/>
      <c r="QGN705" s="613"/>
      <c r="QGO705" s="613"/>
      <c r="QGP705" s="613"/>
      <c r="QGQ705" s="613"/>
      <c r="QGR705" s="613"/>
      <c r="QGS705" s="613"/>
      <c r="QGT705" s="613"/>
      <c r="QGU705" s="613"/>
      <c r="QGV705" s="613"/>
      <c r="QGW705" s="613"/>
      <c r="QGX705" s="613"/>
      <c r="QGY705" s="613"/>
      <c r="QGZ705" s="613"/>
      <c r="QHA705" s="613"/>
      <c r="QHB705" s="613"/>
      <c r="QHC705" s="613"/>
      <c r="QHD705" s="613"/>
      <c r="QHE705" s="613"/>
      <c r="QHF705" s="613"/>
      <c r="QHG705" s="613"/>
      <c r="QHH705" s="613"/>
      <c r="QHI705" s="613"/>
      <c r="QHJ705" s="613"/>
      <c r="QHK705" s="613"/>
      <c r="QHL705" s="613"/>
      <c r="QHM705" s="613"/>
      <c r="QHN705" s="613"/>
      <c r="QHO705" s="613"/>
      <c r="QHP705" s="613"/>
      <c r="QHQ705" s="613"/>
      <c r="QHR705" s="613"/>
      <c r="QHS705" s="613"/>
      <c r="QHT705" s="613"/>
      <c r="QHU705" s="613"/>
      <c r="QHV705" s="613"/>
      <c r="QHW705" s="613"/>
      <c r="QHX705" s="613"/>
      <c r="QHY705" s="613"/>
      <c r="QHZ705" s="613"/>
      <c r="QIA705" s="613"/>
      <c r="QIB705" s="613"/>
      <c r="QIC705" s="613"/>
      <c r="QID705" s="613"/>
      <c r="QIE705" s="613"/>
      <c r="QIF705" s="613"/>
      <c r="QIG705" s="613"/>
      <c r="QIH705" s="613"/>
      <c r="QII705" s="613"/>
      <c r="QIJ705" s="613"/>
      <c r="QIK705" s="613"/>
      <c r="QIL705" s="613"/>
      <c r="QIM705" s="613"/>
      <c r="QIN705" s="613"/>
      <c r="QIO705" s="613"/>
      <c r="QIP705" s="613"/>
      <c r="QIQ705" s="613"/>
      <c r="QIR705" s="613"/>
      <c r="QIS705" s="613"/>
      <c r="QIT705" s="613"/>
      <c r="QIU705" s="613"/>
      <c r="QIV705" s="613"/>
      <c r="QIW705" s="613"/>
      <c r="QIX705" s="613"/>
      <c r="QIY705" s="613"/>
      <c r="QIZ705" s="613"/>
      <c r="QJA705" s="613"/>
      <c r="QJB705" s="613"/>
      <c r="QJC705" s="613"/>
      <c r="QJD705" s="613"/>
      <c r="QJE705" s="613"/>
      <c r="QJF705" s="613"/>
      <c r="QJG705" s="613"/>
      <c r="QJH705" s="613"/>
      <c r="QJI705" s="613"/>
      <c r="QJJ705" s="613"/>
      <c r="QJK705" s="613"/>
      <c r="QJL705" s="613"/>
      <c r="QJM705" s="613"/>
      <c r="QJN705" s="613"/>
      <c r="QJO705" s="613"/>
      <c r="QJP705" s="613"/>
      <c r="QJQ705" s="613"/>
      <c r="QJR705" s="613"/>
      <c r="QJS705" s="613"/>
      <c r="QJT705" s="613"/>
      <c r="QJU705" s="613"/>
      <c r="QJV705" s="613"/>
      <c r="QJW705" s="613"/>
      <c r="QJX705" s="613"/>
      <c r="QJY705" s="613"/>
      <c r="QJZ705" s="613"/>
      <c r="QKA705" s="613"/>
      <c r="QKB705" s="613"/>
      <c r="QKC705" s="613"/>
      <c r="QKD705" s="613"/>
      <c r="QKE705" s="613"/>
      <c r="QKF705" s="613"/>
      <c r="QKG705" s="613"/>
      <c r="QKH705" s="613"/>
      <c r="QKI705" s="613"/>
      <c r="QKJ705" s="613"/>
      <c r="QKK705" s="613"/>
      <c r="QKL705" s="613"/>
      <c r="QKM705" s="613"/>
      <c r="QKN705" s="613"/>
      <c r="QKO705" s="613"/>
      <c r="QKP705" s="613"/>
      <c r="QKQ705" s="613"/>
      <c r="QKR705" s="613"/>
      <c r="QKS705" s="613"/>
      <c r="QKT705" s="613"/>
      <c r="QKU705" s="613"/>
      <c r="QKV705" s="613"/>
      <c r="QKW705" s="613"/>
      <c r="QKX705" s="613"/>
      <c r="QKY705" s="613"/>
      <c r="QKZ705" s="613"/>
      <c r="QLA705" s="613"/>
      <c r="QLB705" s="613"/>
      <c r="QLC705" s="613"/>
      <c r="QLD705" s="613"/>
      <c r="QLE705" s="613"/>
      <c r="QLF705" s="613"/>
      <c r="QLG705" s="613"/>
      <c r="QLH705" s="613"/>
      <c r="QLI705" s="613"/>
      <c r="QLJ705" s="613"/>
      <c r="QLK705" s="613"/>
      <c r="QLL705" s="613"/>
      <c r="QLM705" s="613"/>
      <c r="QLN705" s="613"/>
      <c r="QLO705" s="613"/>
      <c r="QLP705" s="613"/>
      <c r="QLQ705" s="613"/>
      <c r="QLR705" s="613"/>
      <c r="QLS705" s="613"/>
      <c r="QLT705" s="613"/>
      <c r="QLU705" s="613"/>
      <c r="QLV705" s="613"/>
      <c r="QLW705" s="613"/>
      <c r="QLX705" s="613"/>
      <c r="QLY705" s="613"/>
      <c r="QLZ705" s="613"/>
      <c r="QMA705" s="613"/>
      <c r="QMB705" s="613"/>
      <c r="QMC705" s="613"/>
      <c r="QMD705" s="613"/>
      <c r="QME705" s="613"/>
      <c r="QMF705" s="613"/>
      <c r="QMG705" s="613"/>
      <c r="QMH705" s="613"/>
      <c r="QMI705" s="613"/>
      <c r="QMJ705" s="613"/>
      <c r="QMK705" s="613"/>
      <c r="QML705" s="613"/>
      <c r="QMM705" s="613"/>
      <c r="QMN705" s="613"/>
      <c r="QMO705" s="613"/>
      <c r="QMP705" s="613"/>
      <c r="QMQ705" s="613"/>
      <c r="QMR705" s="613"/>
      <c r="QMS705" s="613"/>
      <c r="QMT705" s="613"/>
      <c r="QMU705" s="613"/>
      <c r="QMV705" s="613"/>
      <c r="QMW705" s="613"/>
      <c r="QMX705" s="613"/>
      <c r="QMY705" s="613"/>
      <c r="QMZ705" s="613"/>
      <c r="QNA705" s="613"/>
      <c r="QNB705" s="613"/>
      <c r="QNC705" s="613"/>
      <c r="QND705" s="613"/>
      <c r="QNE705" s="613"/>
      <c r="QNF705" s="613"/>
      <c r="QNG705" s="613"/>
      <c r="QNH705" s="613"/>
      <c r="QNI705" s="613"/>
      <c r="QNJ705" s="613"/>
      <c r="QNK705" s="613"/>
      <c r="QNL705" s="613"/>
      <c r="QNM705" s="613"/>
      <c r="QNN705" s="613"/>
      <c r="QNO705" s="613"/>
      <c r="QNP705" s="613"/>
      <c r="QNQ705" s="613"/>
      <c r="QNR705" s="613"/>
      <c r="QNS705" s="613"/>
      <c r="QNT705" s="613"/>
      <c r="QNU705" s="613"/>
      <c r="QNV705" s="613"/>
      <c r="QNW705" s="613"/>
      <c r="QNX705" s="613"/>
      <c r="QNY705" s="613"/>
      <c r="QNZ705" s="613"/>
      <c r="QOA705" s="613"/>
      <c r="QOB705" s="613"/>
      <c r="QOC705" s="613"/>
      <c r="QOD705" s="613"/>
      <c r="QOE705" s="613"/>
      <c r="QOF705" s="613"/>
      <c r="QOG705" s="613"/>
      <c r="QOH705" s="613"/>
      <c r="QOI705" s="613"/>
      <c r="QOJ705" s="613"/>
      <c r="QOK705" s="613"/>
      <c r="QOL705" s="613"/>
      <c r="QOM705" s="613"/>
      <c r="QON705" s="613"/>
      <c r="QOO705" s="613"/>
      <c r="QOP705" s="613"/>
      <c r="QOQ705" s="613"/>
      <c r="QOR705" s="613"/>
      <c r="QOS705" s="613"/>
      <c r="QOT705" s="613"/>
      <c r="QOU705" s="613"/>
      <c r="QOV705" s="613"/>
      <c r="QOW705" s="613"/>
      <c r="QOX705" s="613"/>
      <c r="QOY705" s="613"/>
      <c r="QOZ705" s="613"/>
      <c r="QPA705" s="613"/>
      <c r="QPB705" s="613"/>
      <c r="QPC705" s="613"/>
      <c r="QPD705" s="613"/>
      <c r="QPE705" s="613"/>
      <c r="QPF705" s="613"/>
      <c r="QPG705" s="613"/>
      <c r="QPH705" s="613"/>
      <c r="QPI705" s="613"/>
      <c r="QPJ705" s="613"/>
      <c r="QPK705" s="613"/>
      <c r="QPL705" s="613"/>
      <c r="QPM705" s="613"/>
      <c r="QPN705" s="613"/>
      <c r="QPO705" s="613"/>
      <c r="QPP705" s="613"/>
      <c r="QPQ705" s="613"/>
      <c r="QPR705" s="613"/>
      <c r="QPS705" s="613"/>
      <c r="QPT705" s="613"/>
      <c r="QPU705" s="613"/>
      <c r="QPV705" s="613"/>
      <c r="QPW705" s="613"/>
      <c r="QPX705" s="613"/>
      <c r="QPY705" s="613"/>
      <c r="QPZ705" s="613"/>
      <c r="QQA705" s="613"/>
      <c r="QQB705" s="613"/>
      <c r="QQC705" s="613"/>
      <c r="QQD705" s="613"/>
      <c r="QQE705" s="613"/>
      <c r="QQF705" s="613"/>
      <c r="QQG705" s="613"/>
      <c r="QQH705" s="613"/>
      <c r="QQI705" s="613"/>
      <c r="QQJ705" s="613"/>
      <c r="QQK705" s="613"/>
      <c r="QQL705" s="613"/>
      <c r="QQM705" s="613"/>
      <c r="QQN705" s="613"/>
      <c r="QQO705" s="613"/>
      <c r="QQP705" s="613"/>
      <c r="QQQ705" s="613"/>
      <c r="QQR705" s="613"/>
      <c r="QQS705" s="613"/>
      <c r="QQT705" s="613"/>
      <c r="QQU705" s="613"/>
      <c r="QQV705" s="613"/>
      <c r="QQW705" s="613"/>
      <c r="QQX705" s="613"/>
      <c r="QQY705" s="613"/>
      <c r="QQZ705" s="613"/>
      <c r="QRA705" s="613"/>
      <c r="QRB705" s="613"/>
      <c r="QRC705" s="613"/>
      <c r="QRD705" s="613"/>
      <c r="QRE705" s="613"/>
      <c r="QRF705" s="613"/>
      <c r="QRG705" s="613"/>
      <c r="QRH705" s="613"/>
      <c r="QRI705" s="613"/>
      <c r="QRJ705" s="613"/>
      <c r="QRK705" s="613"/>
      <c r="QRL705" s="613"/>
      <c r="QRM705" s="613"/>
      <c r="QRN705" s="613"/>
      <c r="QRO705" s="613"/>
      <c r="QRP705" s="613"/>
      <c r="QRQ705" s="613"/>
      <c r="QRR705" s="613"/>
      <c r="QRS705" s="613"/>
      <c r="QRT705" s="613"/>
      <c r="QRU705" s="613"/>
      <c r="QRV705" s="613"/>
      <c r="QRW705" s="613"/>
      <c r="QRX705" s="613"/>
      <c r="QRY705" s="613"/>
      <c r="QRZ705" s="613"/>
      <c r="QSA705" s="613"/>
      <c r="QSB705" s="613"/>
      <c r="QSC705" s="613"/>
      <c r="QSD705" s="613"/>
      <c r="QSE705" s="613"/>
      <c r="QSF705" s="613"/>
      <c r="QSG705" s="613"/>
      <c r="QSH705" s="613"/>
      <c r="QSI705" s="613"/>
      <c r="QSJ705" s="613"/>
      <c r="QSK705" s="613"/>
      <c r="QSL705" s="613"/>
      <c r="QSM705" s="613"/>
      <c r="QSN705" s="613"/>
      <c r="QSO705" s="613"/>
      <c r="QSP705" s="613"/>
      <c r="QSQ705" s="613"/>
      <c r="QSR705" s="613"/>
      <c r="QSS705" s="613"/>
      <c r="QST705" s="613"/>
      <c r="QSU705" s="613"/>
      <c r="QSV705" s="613"/>
      <c r="QSW705" s="613"/>
      <c r="QSX705" s="613"/>
      <c r="QSY705" s="613"/>
      <c r="QSZ705" s="613"/>
      <c r="QTA705" s="613"/>
      <c r="QTB705" s="613"/>
      <c r="QTC705" s="613"/>
      <c r="QTD705" s="613"/>
      <c r="QTE705" s="613"/>
      <c r="QTF705" s="613"/>
      <c r="QTG705" s="613"/>
      <c r="QTH705" s="613"/>
      <c r="QTI705" s="613"/>
      <c r="QTJ705" s="613"/>
      <c r="QTK705" s="613"/>
      <c r="QTL705" s="613"/>
      <c r="QTM705" s="613"/>
      <c r="QTN705" s="613"/>
      <c r="QTO705" s="613"/>
      <c r="QTP705" s="613"/>
      <c r="QTQ705" s="613"/>
      <c r="QTR705" s="613"/>
      <c r="QTS705" s="613"/>
      <c r="QTT705" s="613"/>
      <c r="QTU705" s="613"/>
      <c r="QTV705" s="613"/>
      <c r="QTW705" s="613"/>
      <c r="QTX705" s="613"/>
      <c r="QTY705" s="613"/>
      <c r="QTZ705" s="613"/>
      <c r="QUA705" s="613"/>
      <c r="QUB705" s="613"/>
      <c r="QUC705" s="613"/>
      <c r="QUD705" s="613"/>
      <c r="QUE705" s="613"/>
      <c r="QUF705" s="613"/>
      <c r="QUG705" s="613"/>
      <c r="QUH705" s="613"/>
      <c r="QUI705" s="613"/>
      <c r="QUJ705" s="613"/>
      <c r="QUK705" s="613"/>
      <c r="QUL705" s="613"/>
      <c r="QUM705" s="613"/>
      <c r="QUN705" s="613"/>
      <c r="QUO705" s="613"/>
      <c r="QUP705" s="613"/>
      <c r="QUQ705" s="613"/>
      <c r="QUR705" s="613"/>
      <c r="QUS705" s="613"/>
      <c r="QUT705" s="613"/>
      <c r="QUU705" s="613"/>
      <c r="QUV705" s="613"/>
      <c r="QUW705" s="613"/>
      <c r="QUX705" s="613"/>
      <c r="QUY705" s="613"/>
      <c r="QUZ705" s="613"/>
      <c r="QVA705" s="613"/>
      <c r="QVB705" s="613"/>
      <c r="QVC705" s="613"/>
      <c r="QVD705" s="613"/>
      <c r="QVE705" s="613"/>
      <c r="QVF705" s="613"/>
      <c r="QVG705" s="613"/>
      <c r="QVH705" s="613"/>
      <c r="QVI705" s="613"/>
      <c r="QVJ705" s="613"/>
      <c r="QVK705" s="613"/>
      <c r="QVL705" s="613"/>
      <c r="QVM705" s="613"/>
      <c r="QVN705" s="613"/>
      <c r="QVO705" s="613"/>
      <c r="QVP705" s="613"/>
      <c r="QVQ705" s="613"/>
      <c r="QVR705" s="613"/>
      <c r="QVS705" s="613"/>
      <c r="QVT705" s="613"/>
      <c r="QVU705" s="613"/>
      <c r="QVV705" s="613"/>
      <c r="QVW705" s="613"/>
      <c r="QVX705" s="613"/>
      <c r="QVY705" s="613"/>
      <c r="QVZ705" s="613"/>
      <c r="QWA705" s="613"/>
      <c r="QWB705" s="613"/>
      <c r="QWC705" s="613"/>
      <c r="QWD705" s="613"/>
      <c r="QWE705" s="613"/>
      <c r="QWF705" s="613"/>
      <c r="QWG705" s="613"/>
      <c r="QWH705" s="613"/>
      <c r="QWI705" s="613"/>
      <c r="QWJ705" s="613"/>
      <c r="QWK705" s="613"/>
      <c r="QWL705" s="613"/>
      <c r="QWM705" s="613"/>
      <c r="QWN705" s="613"/>
      <c r="QWO705" s="613"/>
      <c r="QWP705" s="613"/>
      <c r="QWQ705" s="613"/>
      <c r="QWR705" s="613"/>
      <c r="QWS705" s="613"/>
      <c r="QWT705" s="613"/>
      <c r="QWU705" s="613"/>
      <c r="QWV705" s="613"/>
      <c r="QWW705" s="613"/>
      <c r="QWX705" s="613"/>
      <c r="QWY705" s="613"/>
      <c r="QWZ705" s="613"/>
      <c r="QXA705" s="613"/>
      <c r="QXB705" s="613"/>
      <c r="QXC705" s="613"/>
      <c r="QXD705" s="613"/>
      <c r="QXE705" s="613"/>
      <c r="QXF705" s="613"/>
      <c r="QXG705" s="613"/>
      <c r="QXH705" s="613"/>
      <c r="QXI705" s="613"/>
      <c r="QXJ705" s="613"/>
      <c r="QXK705" s="613"/>
      <c r="QXL705" s="613"/>
      <c r="QXM705" s="613"/>
      <c r="QXN705" s="613"/>
      <c r="QXO705" s="613"/>
      <c r="QXP705" s="613"/>
      <c r="QXQ705" s="613"/>
      <c r="QXR705" s="613"/>
      <c r="QXS705" s="613"/>
      <c r="QXT705" s="613"/>
      <c r="QXU705" s="613"/>
      <c r="QXV705" s="613"/>
      <c r="QXW705" s="613"/>
      <c r="QXX705" s="613"/>
      <c r="QXY705" s="613"/>
      <c r="QXZ705" s="613"/>
      <c r="QYA705" s="613"/>
      <c r="QYB705" s="613"/>
      <c r="QYC705" s="613"/>
      <c r="QYD705" s="613"/>
      <c r="QYE705" s="613"/>
      <c r="QYF705" s="613"/>
      <c r="QYG705" s="613"/>
      <c r="QYH705" s="613"/>
      <c r="QYI705" s="613"/>
      <c r="QYJ705" s="613"/>
      <c r="QYK705" s="613"/>
      <c r="QYL705" s="613"/>
      <c r="QYM705" s="613"/>
      <c r="QYN705" s="613"/>
      <c r="QYO705" s="613"/>
      <c r="QYP705" s="613"/>
      <c r="QYQ705" s="613"/>
      <c r="QYR705" s="613"/>
      <c r="QYS705" s="613"/>
      <c r="QYT705" s="613"/>
      <c r="QYU705" s="613"/>
      <c r="QYV705" s="613"/>
      <c r="QYW705" s="613"/>
      <c r="QYX705" s="613"/>
      <c r="QYY705" s="613"/>
      <c r="QYZ705" s="613"/>
      <c r="QZA705" s="613"/>
      <c r="QZB705" s="613"/>
      <c r="QZC705" s="613"/>
      <c r="QZD705" s="613"/>
      <c r="QZE705" s="613"/>
      <c r="QZF705" s="613"/>
      <c r="QZG705" s="613"/>
      <c r="QZH705" s="613"/>
      <c r="QZI705" s="613"/>
      <c r="QZJ705" s="613"/>
      <c r="QZK705" s="613"/>
      <c r="QZL705" s="613"/>
      <c r="QZM705" s="613"/>
      <c r="QZN705" s="613"/>
      <c r="QZO705" s="613"/>
      <c r="QZP705" s="613"/>
      <c r="QZQ705" s="613"/>
      <c r="QZR705" s="613"/>
      <c r="QZS705" s="613"/>
      <c r="QZT705" s="613"/>
      <c r="QZU705" s="613"/>
      <c r="QZV705" s="613"/>
      <c r="QZW705" s="613"/>
      <c r="QZX705" s="613"/>
      <c r="QZY705" s="613"/>
      <c r="QZZ705" s="613"/>
      <c r="RAA705" s="613"/>
      <c r="RAB705" s="613"/>
      <c r="RAC705" s="613"/>
      <c r="RAD705" s="613"/>
      <c r="RAE705" s="613"/>
      <c r="RAF705" s="613"/>
      <c r="RAG705" s="613"/>
      <c r="RAH705" s="613"/>
      <c r="RAI705" s="613"/>
      <c r="RAJ705" s="613"/>
      <c r="RAK705" s="613"/>
      <c r="RAL705" s="613"/>
      <c r="RAM705" s="613"/>
      <c r="RAN705" s="613"/>
      <c r="RAO705" s="613"/>
      <c r="RAP705" s="613"/>
      <c r="RAQ705" s="613"/>
      <c r="RAR705" s="613"/>
      <c r="RAS705" s="613"/>
      <c r="RAT705" s="613"/>
      <c r="RAU705" s="613"/>
      <c r="RAV705" s="613"/>
      <c r="RAW705" s="613"/>
      <c r="RAX705" s="613"/>
      <c r="RAY705" s="613"/>
      <c r="RAZ705" s="613"/>
      <c r="RBA705" s="613"/>
      <c r="RBB705" s="613"/>
      <c r="RBC705" s="613"/>
      <c r="RBD705" s="613"/>
      <c r="RBE705" s="613"/>
      <c r="RBF705" s="613"/>
      <c r="RBG705" s="613"/>
      <c r="RBH705" s="613"/>
      <c r="RBI705" s="613"/>
      <c r="RBJ705" s="613"/>
      <c r="RBK705" s="613"/>
      <c r="RBL705" s="613"/>
      <c r="RBM705" s="613"/>
      <c r="RBN705" s="613"/>
      <c r="RBO705" s="613"/>
      <c r="RBP705" s="613"/>
      <c r="RBQ705" s="613"/>
      <c r="RBR705" s="613"/>
      <c r="RBS705" s="613"/>
      <c r="RBT705" s="613"/>
      <c r="RBU705" s="613"/>
      <c r="RBV705" s="613"/>
      <c r="RBW705" s="613"/>
      <c r="RBX705" s="613"/>
      <c r="RBY705" s="613"/>
      <c r="RBZ705" s="613"/>
      <c r="RCA705" s="613"/>
      <c r="RCB705" s="613"/>
      <c r="RCC705" s="613"/>
      <c r="RCD705" s="613"/>
      <c r="RCE705" s="613"/>
      <c r="RCF705" s="613"/>
      <c r="RCG705" s="613"/>
      <c r="RCH705" s="613"/>
      <c r="RCI705" s="613"/>
      <c r="RCJ705" s="613"/>
      <c r="RCK705" s="613"/>
      <c r="RCL705" s="613"/>
      <c r="RCM705" s="613"/>
      <c r="RCN705" s="613"/>
      <c r="RCO705" s="613"/>
      <c r="RCP705" s="613"/>
      <c r="RCQ705" s="613"/>
      <c r="RCR705" s="613"/>
      <c r="RCS705" s="613"/>
      <c r="RCT705" s="613"/>
      <c r="RCU705" s="613"/>
      <c r="RCV705" s="613"/>
      <c r="RCW705" s="613"/>
      <c r="RCX705" s="613"/>
      <c r="RCY705" s="613"/>
      <c r="RCZ705" s="613"/>
      <c r="RDA705" s="613"/>
      <c r="RDB705" s="613"/>
      <c r="RDC705" s="613"/>
      <c r="RDD705" s="613"/>
      <c r="RDE705" s="613"/>
      <c r="RDF705" s="613"/>
      <c r="RDG705" s="613"/>
      <c r="RDH705" s="613"/>
      <c r="RDI705" s="613"/>
      <c r="RDJ705" s="613"/>
      <c r="RDK705" s="613"/>
      <c r="RDL705" s="613"/>
      <c r="RDM705" s="613"/>
      <c r="RDN705" s="613"/>
      <c r="RDO705" s="613"/>
      <c r="RDP705" s="613"/>
      <c r="RDQ705" s="613"/>
      <c r="RDR705" s="613"/>
      <c r="RDS705" s="613"/>
      <c r="RDT705" s="613"/>
      <c r="RDU705" s="613"/>
      <c r="RDV705" s="613"/>
      <c r="RDW705" s="613"/>
      <c r="RDX705" s="613"/>
      <c r="RDY705" s="613"/>
      <c r="RDZ705" s="613"/>
      <c r="REA705" s="613"/>
      <c r="REB705" s="613"/>
      <c r="REC705" s="613"/>
      <c r="RED705" s="613"/>
      <c r="REE705" s="613"/>
      <c r="REF705" s="613"/>
      <c r="REG705" s="613"/>
      <c r="REH705" s="613"/>
      <c r="REI705" s="613"/>
      <c r="REJ705" s="613"/>
      <c r="REK705" s="613"/>
      <c r="REL705" s="613"/>
      <c r="REM705" s="613"/>
      <c r="REN705" s="613"/>
      <c r="REO705" s="613"/>
      <c r="REP705" s="613"/>
      <c r="REQ705" s="613"/>
      <c r="RER705" s="613"/>
      <c r="RES705" s="613"/>
      <c r="RET705" s="613"/>
      <c r="REU705" s="613"/>
      <c r="REV705" s="613"/>
      <c r="REW705" s="613"/>
      <c r="REX705" s="613"/>
      <c r="REY705" s="613"/>
      <c r="REZ705" s="613"/>
      <c r="RFA705" s="613"/>
      <c r="RFB705" s="613"/>
      <c r="RFC705" s="613"/>
      <c r="RFD705" s="613"/>
      <c r="RFE705" s="613"/>
      <c r="RFF705" s="613"/>
      <c r="RFG705" s="613"/>
      <c r="RFH705" s="613"/>
      <c r="RFI705" s="613"/>
      <c r="RFJ705" s="613"/>
      <c r="RFK705" s="613"/>
      <c r="RFL705" s="613"/>
      <c r="RFM705" s="613"/>
      <c r="RFN705" s="613"/>
      <c r="RFO705" s="613"/>
      <c r="RFP705" s="613"/>
      <c r="RFQ705" s="613"/>
      <c r="RFR705" s="613"/>
      <c r="RFS705" s="613"/>
      <c r="RFT705" s="613"/>
      <c r="RFU705" s="613"/>
      <c r="RFV705" s="613"/>
      <c r="RFW705" s="613"/>
      <c r="RFX705" s="613"/>
      <c r="RFY705" s="613"/>
      <c r="RFZ705" s="613"/>
      <c r="RGA705" s="613"/>
      <c r="RGB705" s="613"/>
      <c r="RGC705" s="613"/>
      <c r="RGD705" s="613"/>
      <c r="RGE705" s="613"/>
      <c r="RGF705" s="613"/>
      <c r="RGG705" s="613"/>
      <c r="RGH705" s="613"/>
      <c r="RGI705" s="613"/>
      <c r="RGJ705" s="613"/>
      <c r="RGK705" s="613"/>
      <c r="RGL705" s="613"/>
      <c r="RGM705" s="613"/>
      <c r="RGN705" s="613"/>
      <c r="RGO705" s="613"/>
      <c r="RGP705" s="613"/>
      <c r="RGQ705" s="613"/>
      <c r="RGR705" s="613"/>
      <c r="RGS705" s="613"/>
      <c r="RGT705" s="613"/>
      <c r="RGU705" s="613"/>
      <c r="RGV705" s="613"/>
      <c r="RGW705" s="613"/>
      <c r="RGX705" s="613"/>
      <c r="RGY705" s="613"/>
      <c r="RGZ705" s="613"/>
      <c r="RHA705" s="613"/>
      <c r="RHB705" s="613"/>
      <c r="RHC705" s="613"/>
      <c r="RHD705" s="613"/>
      <c r="RHE705" s="613"/>
      <c r="RHF705" s="613"/>
      <c r="RHG705" s="613"/>
      <c r="RHH705" s="613"/>
      <c r="RHI705" s="613"/>
      <c r="RHJ705" s="613"/>
      <c r="RHK705" s="613"/>
      <c r="RHL705" s="613"/>
      <c r="RHM705" s="613"/>
      <c r="RHN705" s="613"/>
      <c r="RHO705" s="613"/>
      <c r="RHP705" s="613"/>
      <c r="RHQ705" s="613"/>
      <c r="RHR705" s="613"/>
      <c r="RHS705" s="613"/>
      <c r="RHT705" s="613"/>
      <c r="RHU705" s="613"/>
      <c r="RHV705" s="613"/>
      <c r="RHW705" s="613"/>
      <c r="RHX705" s="613"/>
      <c r="RHY705" s="613"/>
      <c r="RHZ705" s="613"/>
      <c r="RIA705" s="613"/>
      <c r="RIB705" s="613"/>
      <c r="RIC705" s="613"/>
      <c r="RID705" s="613"/>
      <c r="RIE705" s="613"/>
      <c r="RIF705" s="613"/>
      <c r="RIG705" s="613"/>
      <c r="RIH705" s="613"/>
      <c r="RII705" s="613"/>
      <c r="RIJ705" s="613"/>
      <c r="RIK705" s="613"/>
      <c r="RIL705" s="613"/>
      <c r="RIM705" s="613"/>
      <c r="RIN705" s="613"/>
      <c r="RIO705" s="613"/>
      <c r="RIP705" s="613"/>
      <c r="RIQ705" s="613"/>
      <c r="RIR705" s="613"/>
      <c r="RIS705" s="613"/>
      <c r="RIT705" s="613"/>
      <c r="RIU705" s="613"/>
      <c r="RIV705" s="613"/>
      <c r="RIW705" s="613"/>
      <c r="RIX705" s="613"/>
      <c r="RIY705" s="613"/>
      <c r="RIZ705" s="613"/>
      <c r="RJA705" s="613"/>
      <c r="RJB705" s="613"/>
      <c r="RJC705" s="613"/>
      <c r="RJD705" s="613"/>
      <c r="RJE705" s="613"/>
      <c r="RJF705" s="613"/>
      <c r="RJG705" s="613"/>
      <c r="RJH705" s="613"/>
      <c r="RJI705" s="613"/>
      <c r="RJJ705" s="613"/>
      <c r="RJK705" s="613"/>
      <c r="RJL705" s="613"/>
      <c r="RJM705" s="613"/>
      <c r="RJN705" s="613"/>
      <c r="RJO705" s="613"/>
      <c r="RJP705" s="613"/>
      <c r="RJQ705" s="613"/>
      <c r="RJR705" s="613"/>
      <c r="RJS705" s="613"/>
      <c r="RJT705" s="613"/>
      <c r="RJU705" s="613"/>
      <c r="RJV705" s="613"/>
      <c r="RJW705" s="613"/>
      <c r="RJX705" s="613"/>
      <c r="RJY705" s="613"/>
      <c r="RJZ705" s="613"/>
      <c r="RKA705" s="613"/>
      <c r="RKB705" s="613"/>
      <c r="RKC705" s="613"/>
      <c r="RKD705" s="613"/>
      <c r="RKE705" s="613"/>
      <c r="RKF705" s="613"/>
      <c r="RKG705" s="613"/>
      <c r="RKH705" s="613"/>
      <c r="RKI705" s="613"/>
      <c r="RKJ705" s="613"/>
      <c r="RKK705" s="613"/>
      <c r="RKL705" s="613"/>
      <c r="RKM705" s="613"/>
      <c r="RKN705" s="613"/>
      <c r="RKO705" s="613"/>
      <c r="RKP705" s="613"/>
      <c r="RKQ705" s="613"/>
      <c r="RKR705" s="613"/>
      <c r="RKS705" s="613"/>
      <c r="RKT705" s="613"/>
      <c r="RKU705" s="613"/>
      <c r="RKV705" s="613"/>
      <c r="RKW705" s="613"/>
      <c r="RKX705" s="613"/>
      <c r="RKY705" s="613"/>
      <c r="RKZ705" s="613"/>
      <c r="RLA705" s="613"/>
      <c r="RLB705" s="613"/>
      <c r="RLC705" s="613"/>
      <c r="RLD705" s="613"/>
      <c r="RLE705" s="613"/>
      <c r="RLF705" s="613"/>
      <c r="RLG705" s="613"/>
      <c r="RLH705" s="613"/>
      <c r="RLI705" s="613"/>
      <c r="RLJ705" s="613"/>
      <c r="RLK705" s="613"/>
      <c r="RLL705" s="613"/>
      <c r="RLM705" s="613"/>
      <c r="RLN705" s="613"/>
      <c r="RLO705" s="613"/>
      <c r="RLP705" s="613"/>
      <c r="RLQ705" s="613"/>
      <c r="RLR705" s="613"/>
      <c r="RLS705" s="613"/>
      <c r="RLT705" s="613"/>
      <c r="RLU705" s="613"/>
      <c r="RLV705" s="613"/>
      <c r="RLW705" s="613"/>
      <c r="RLX705" s="613"/>
      <c r="RLY705" s="613"/>
      <c r="RLZ705" s="613"/>
      <c r="RMA705" s="613"/>
      <c r="RMB705" s="613"/>
      <c r="RMC705" s="613"/>
      <c r="RMD705" s="613"/>
      <c r="RME705" s="613"/>
      <c r="RMF705" s="613"/>
      <c r="RMG705" s="613"/>
      <c r="RMH705" s="613"/>
      <c r="RMI705" s="613"/>
      <c r="RMJ705" s="613"/>
      <c r="RMK705" s="613"/>
      <c r="RML705" s="613"/>
      <c r="RMM705" s="613"/>
      <c r="RMN705" s="613"/>
      <c r="RMO705" s="613"/>
      <c r="RMP705" s="613"/>
      <c r="RMQ705" s="613"/>
      <c r="RMR705" s="613"/>
      <c r="RMS705" s="613"/>
      <c r="RMT705" s="613"/>
      <c r="RMU705" s="613"/>
      <c r="RMV705" s="613"/>
      <c r="RMW705" s="613"/>
      <c r="RMX705" s="613"/>
      <c r="RMY705" s="613"/>
      <c r="RMZ705" s="613"/>
      <c r="RNA705" s="613"/>
      <c r="RNB705" s="613"/>
      <c r="RNC705" s="613"/>
      <c r="RND705" s="613"/>
      <c r="RNE705" s="613"/>
      <c r="RNF705" s="613"/>
      <c r="RNG705" s="613"/>
      <c r="RNH705" s="613"/>
      <c r="RNI705" s="613"/>
      <c r="RNJ705" s="613"/>
      <c r="RNK705" s="613"/>
      <c r="RNL705" s="613"/>
      <c r="RNM705" s="613"/>
      <c r="RNN705" s="613"/>
      <c r="RNO705" s="613"/>
      <c r="RNP705" s="613"/>
      <c r="RNQ705" s="613"/>
      <c r="RNR705" s="613"/>
      <c r="RNS705" s="613"/>
      <c r="RNT705" s="613"/>
      <c r="RNU705" s="613"/>
      <c r="RNV705" s="613"/>
      <c r="RNW705" s="613"/>
      <c r="RNX705" s="613"/>
      <c r="RNY705" s="613"/>
      <c r="RNZ705" s="613"/>
      <c r="ROA705" s="613"/>
      <c r="ROB705" s="613"/>
      <c r="ROC705" s="613"/>
      <c r="ROD705" s="613"/>
      <c r="ROE705" s="613"/>
      <c r="ROF705" s="613"/>
      <c r="ROG705" s="613"/>
      <c r="ROH705" s="613"/>
      <c r="ROI705" s="613"/>
      <c r="ROJ705" s="613"/>
      <c r="ROK705" s="613"/>
      <c r="ROL705" s="613"/>
      <c r="ROM705" s="613"/>
      <c r="RON705" s="613"/>
      <c r="ROO705" s="613"/>
      <c r="ROP705" s="613"/>
      <c r="ROQ705" s="613"/>
      <c r="ROR705" s="613"/>
      <c r="ROS705" s="613"/>
      <c r="ROT705" s="613"/>
      <c r="ROU705" s="613"/>
      <c r="ROV705" s="613"/>
      <c r="ROW705" s="613"/>
      <c r="ROX705" s="613"/>
      <c r="ROY705" s="613"/>
      <c r="ROZ705" s="613"/>
      <c r="RPA705" s="613"/>
      <c r="RPB705" s="613"/>
      <c r="RPC705" s="613"/>
      <c r="RPD705" s="613"/>
      <c r="RPE705" s="613"/>
      <c r="RPF705" s="613"/>
      <c r="RPG705" s="613"/>
      <c r="RPH705" s="613"/>
      <c r="RPI705" s="613"/>
      <c r="RPJ705" s="613"/>
      <c r="RPK705" s="613"/>
      <c r="RPL705" s="613"/>
      <c r="RPM705" s="613"/>
      <c r="RPN705" s="613"/>
      <c r="RPO705" s="613"/>
      <c r="RPP705" s="613"/>
      <c r="RPQ705" s="613"/>
      <c r="RPR705" s="613"/>
      <c r="RPS705" s="613"/>
      <c r="RPT705" s="613"/>
      <c r="RPU705" s="613"/>
      <c r="RPV705" s="613"/>
      <c r="RPW705" s="613"/>
      <c r="RPX705" s="613"/>
      <c r="RPY705" s="613"/>
      <c r="RPZ705" s="613"/>
      <c r="RQA705" s="613"/>
      <c r="RQB705" s="613"/>
      <c r="RQC705" s="613"/>
      <c r="RQD705" s="613"/>
      <c r="RQE705" s="613"/>
      <c r="RQF705" s="613"/>
      <c r="RQG705" s="613"/>
      <c r="RQH705" s="613"/>
      <c r="RQI705" s="613"/>
      <c r="RQJ705" s="613"/>
      <c r="RQK705" s="613"/>
      <c r="RQL705" s="613"/>
      <c r="RQM705" s="613"/>
      <c r="RQN705" s="613"/>
      <c r="RQO705" s="613"/>
      <c r="RQP705" s="613"/>
      <c r="RQQ705" s="613"/>
      <c r="RQR705" s="613"/>
      <c r="RQS705" s="613"/>
      <c r="RQT705" s="613"/>
      <c r="RQU705" s="613"/>
      <c r="RQV705" s="613"/>
      <c r="RQW705" s="613"/>
      <c r="RQX705" s="613"/>
      <c r="RQY705" s="613"/>
      <c r="RQZ705" s="613"/>
      <c r="RRA705" s="613"/>
      <c r="RRB705" s="613"/>
      <c r="RRC705" s="613"/>
      <c r="RRD705" s="613"/>
      <c r="RRE705" s="613"/>
      <c r="RRF705" s="613"/>
      <c r="RRG705" s="613"/>
      <c r="RRH705" s="613"/>
      <c r="RRI705" s="613"/>
      <c r="RRJ705" s="613"/>
      <c r="RRK705" s="613"/>
      <c r="RRL705" s="613"/>
      <c r="RRM705" s="613"/>
      <c r="RRN705" s="613"/>
      <c r="RRO705" s="613"/>
      <c r="RRP705" s="613"/>
      <c r="RRQ705" s="613"/>
      <c r="RRR705" s="613"/>
      <c r="RRS705" s="613"/>
      <c r="RRT705" s="613"/>
      <c r="RRU705" s="613"/>
      <c r="RRV705" s="613"/>
      <c r="RRW705" s="613"/>
      <c r="RRX705" s="613"/>
      <c r="RRY705" s="613"/>
      <c r="RRZ705" s="613"/>
      <c r="RSA705" s="613"/>
      <c r="RSB705" s="613"/>
      <c r="RSC705" s="613"/>
      <c r="RSD705" s="613"/>
      <c r="RSE705" s="613"/>
      <c r="RSF705" s="613"/>
      <c r="RSG705" s="613"/>
      <c r="RSH705" s="613"/>
      <c r="RSI705" s="613"/>
      <c r="RSJ705" s="613"/>
      <c r="RSK705" s="613"/>
      <c r="RSL705" s="613"/>
      <c r="RSM705" s="613"/>
      <c r="RSN705" s="613"/>
      <c r="RSO705" s="613"/>
      <c r="RSP705" s="613"/>
      <c r="RSQ705" s="613"/>
      <c r="RSR705" s="613"/>
      <c r="RSS705" s="613"/>
      <c r="RST705" s="613"/>
      <c r="RSU705" s="613"/>
      <c r="RSV705" s="613"/>
      <c r="RSW705" s="613"/>
      <c r="RSX705" s="613"/>
      <c r="RSY705" s="613"/>
      <c r="RSZ705" s="613"/>
      <c r="RTA705" s="613"/>
      <c r="RTB705" s="613"/>
      <c r="RTC705" s="613"/>
      <c r="RTD705" s="613"/>
      <c r="RTE705" s="613"/>
      <c r="RTF705" s="613"/>
      <c r="RTG705" s="613"/>
      <c r="RTH705" s="613"/>
      <c r="RTI705" s="613"/>
      <c r="RTJ705" s="613"/>
      <c r="RTK705" s="613"/>
      <c r="RTL705" s="613"/>
      <c r="RTM705" s="613"/>
      <c r="RTN705" s="613"/>
      <c r="RTO705" s="613"/>
      <c r="RTP705" s="613"/>
      <c r="RTQ705" s="613"/>
      <c r="RTR705" s="613"/>
      <c r="RTS705" s="613"/>
      <c r="RTT705" s="613"/>
      <c r="RTU705" s="613"/>
      <c r="RTV705" s="613"/>
      <c r="RTW705" s="613"/>
      <c r="RTX705" s="613"/>
      <c r="RTY705" s="613"/>
      <c r="RTZ705" s="613"/>
      <c r="RUA705" s="613"/>
      <c r="RUB705" s="613"/>
      <c r="RUC705" s="613"/>
      <c r="RUD705" s="613"/>
      <c r="RUE705" s="613"/>
      <c r="RUF705" s="613"/>
      <c r="RUG705" s="613"/>
      <c r="RUH705" s="613"/>
      <c r="RUI705" s="613"/>
      <c r="RUJ705" s="613"/>
      <c r="RUK705" s="613"/>
      <c r="RUL705" s="613"/>
      <c r="RUM705" s="613"/>
      <c r="RUN705" s="613"/>
      <c r="RUO705" s="613"/>
      <c r="RUP705" s="613"/>
      <c r="RUQ705" s="613"/>
      <c r="RUR705" s="613"/>
      <c r="RUS705" s="613"/>
      <c r="RUT705" s="613"/>
      <c r="RUU705" s="613"/>
      <c r="RUV705" s="613"/>
      <c r="RUW705" s="613"/>
      <c r="RUX705" s="613"/>
      <c r="RUY705" s="613"/>
      <c r="RUZ705" s="613"/>
      <c r="RVA705" s="613"/>
      <c r="RVB705" s="613"/>
      <c r="RVC705" s="613"/>
      <c r="RVD705" s="613"/>
      <c r="RVE705" s="613"/>
      <c r="RVF705" s="613"/>
      <c r="RVG705" s="613"/>
      <c r="RVH705" s="613"/>
      <c r="RVI705" s="613"/>
      <c r="RVJ705" s="613"/>
      <c r="RVK705" s="613"/>
      <c r="RVL705" s="613"/>
      <c r="RVM705" s="613"/>
      <c r="RVN705" s="613"/>
      <c r="RVO705" s="613"/>
      <c r="RVP705" s="613"/>
      <c r="RVQ705" s="613"/>
      <c r="RVR705" s="613"/>
      <c r="RVS705" s="613"/>
      <c r="RVT705" s="613"/>
      <c r="RVU705" s="613"/>
      <c r="RVV705" s="613"/>
      <c r="RVW705" s="613"/>
      <c r="RVX705" s="613"/>
      <c r="RVY705" s="613"/>
      <c r="RVZ705" s="613"/>
      <c r="RWA705" s="613"/>
      <c r="RWB705" s="613"/>
      <c r="RWC705" s="613"/>
      <c r="RWD705" s="613"/>
      <c r="RWE705" s="613"/>
      <c r="RWF705" s="613"/>
      <c r="RWG705" s="613"/>
      <c r="RWH705" s="613"/>
      <c r="RWI705" s="613"/>
      <c r="RWJ705" s="613"/>
      <c r="RWK705" s="613"/>
      <c r="RWL705" s="613"/>
      <c r="RWM705" s="613"/>
      <c r="RWN705" s="613"/>
      <c r="RWO705" s="613"/>
      <c r="RWP705" s="613"/>
      <c r="RWQ705" s="613"/>
      <c r="RWR705" s="613"/>
      <c r="RWS705" s="613"/>
      <c r="RWT705" s="613"/>
      <c r="RWU705" s="613"/>
      <c r="RWV705" s="613"/>
      <c r="RWW705" s="613"/>
      <c r="RWX705" s="613"/>
      <c r="RWY705" s="613"/>
      <c r="RWZ705" s="613"/>
      <c r="RXA705" s="613"/>
      <c r="RXB705" s="613"/>
      <c r="RXC705" s="613"/>
      <c r="RXD705" s="613"/>
      <c r="RXE705" s="613"/>
      <c r="RXF705" s="613"/>
      <c r="RXG705" s="613"/>
      <c r="RXH705" s="613"/>
      <c r="RXI705" s="613"/>
      <c r="RXJ705" s="613"/>
      <c r="RXK705" s="613"/>
      <c r="RXL705" s="613"/>
      <c r="RXM705" s="613"/>
      <c r="RXN705" s="613"/>
      <c r="RXO705" s="613"/>
      <c r="RXP705" s="613"/>
      <c r="RXQ705" s="613"/>
      <c r="RXR705" s="613"/>
      <c r="RXS705" s="613"/>
      <c r="RXT705" s="613"/>
      <c r="RXU705" s="613"/>
      <c r="RXV705" s="613"/>
      <c r="RXW705" s="613"/>
      <c r="RXX705" s="613"/>
      <c r="RXY705" s="613"/>
      <c r="RXZ705" s="613"/>
      <c r="RYA705" s="613"/>
      <c r="RYB705" s="613"/>
      <c r="RYC705" s="613"/>
      <c r="RYD705" s="613"/>
      <c r="RYE705" s="613"/>
      <c r="RYF705" s="613"/>
      <c r="RYG705" s="613"/>
      <c r="RYH705" s="613"/>
      <c r="RYI705" s="613"/>
      <c r="RYJ705" s="613"/>
      <c r="RYK705" s="613"/>
      <c r="RYL705" s="613"/>
      <c r="RYM705" s="613"/>
      <c r="RYN705" s="613"/>
      <c r="RYO705" s="613"/>
      <c r="RYP705" s="613"/>
      <c r="RYQ705" s="613"/>
      <c r="RYR705" s="613"/>
      <c r="RYS705" s="613"/>
      <c r="RYT705" s="613"/>
      <c r="RYU705" s="613"/>
      <c r="RYV705" s="613"/>
      <c r="RYW705" s="613"/>
      <c r="RYX705" s="613"/>
      <c r="RYY705" s="613"/>
      <c r="RYZ705" s="613"/>
      <c r="RZA705" s="613"/>
      <c r="RZB705" s="613"/>
      <c r="RZC705" s="613"/>
      <c r="RZD705" s="613"/>
      <c r="RZE705" s="613"/>
      <c r="RZF705" s="613"/>
      <c r="RZG705" s="613"/>
      <c r="RZH705" s="613"/>
      <c r="RZI705" s="613"/>
      <c r="RZJ705" s="613"/>
      <c r="RZK705" s="613"/>
      <c r="RZL705" s="613"/>
      <c r="RZM705" s="613"/>
      <c r="RZN705" s="613"/>
      <c r="RZO705" s="613"/>
      <c r="RZP705" s="613"/>
      <c r="RZQ705" s="613"/>
      <c r="RZR705" s="613"/>
      <c r="RZS705" s="613"/>
      <c r="RZT705" s="613"/>
      <c r="RZU705" s="613"/>
      <c r="RZV705" s="613"/>
      <c r="RZW705" s="613"/>
      <c r="RZX705" s="613"/>
      <c r="RZY705" s="613"/>
      <c r="RZZ705" s="613"/>
      <c r="SAA705" s="613"/>
      <c r="SAB705" s="613"/>
      <c r="SAC705" s="613"/>
      <c r="SAD705" s="613"/>
      <c r="SAE705" s="613"/>
      <c r="SAF705" s="613"/>
      <c r="SAG705" s="613"/>
      <c r="SAH705" s="613"/>
      <c r="SAI705" s="613"/>
      <c r="SAJ705" s="613"/>
      <c r="SAK705" s="613"/>
      <c r="SAL705" s="613"/>
      <c r="SAM705" s="613"/>
      <c r="SAN705" s="613"/>
      <c r="SAO705" s="613"/>
      <c r="SAP705" s="613"/>
      <c r="SAQ705" s="613"/>
      <c r="SAR705" s="613"/>
      <c r="SAS705" s="613"/>
      <c r="SAT705" s="613"/>
      <c r="SAU705" s="613"/>
      <c r="SAV705" s="613"/>
      <c r="SAW705" s="613"/>
      <c r="SAX705" s="613"/>
      <c r="SAY705" s="613"/>
      <c r="SAZ705" s="613"/>
      <c r="SBA705" s="613"/>
      <c r="SBB705" s="613"/>
      <c r="SBC705" s="613"/>
      <c r="SBD705" s="613"/>
      <c r="SBE705" s="613"/>
      <c r="SBF705" s="613"/>
      <c r="SBG705" s="613"/>
      <c r="SBH705" s="613"/>
      <c r="SBI705" s="613"/>
      <c r="SBJ705" s="613"/>
      <c r="SBK705" s="613"/>
      <c r="SBL705" s="613"/>
      <c r="SBM705" s="613"/>
      <c r="SBN705" s="613"/>
      <c r="SBO705" s="613"/>
      <c r="SBP705" s="613"/>
      <c r="SBQ705" s="613"/>
      <c r="SBR705" s="613"/>
      <c r="SBS705" s="613"/>
      <c r="SBT705" s="613"/>
      <c r="SBU705" s="613"/>
      <c r="SBV705" s="613"/>
      <c r="SBW705" s="613"/>
      <c r="SBX705" s="613"/>
      <c r="SBY705" s="613"/>
      <c r="SBZ705" s="613"/>
      <c r="SCA705" s="613"/>
      <c r="SCB705" s="613"/>
      <c r="SCC705" s="613"/>
      <c r="SCD705" s="613"/>
      <c r="SCE705" s="613"/>
      <c r="SCF705" s="613"/>
      <c r="SCG705" s="613"/>
      <c r="SCH705" s="613"/>
      <c r="SCI705" s="613"/>
      <c r="SCJ705" s="613"/>
      <c r="SCK705" s="613"/>
      <c r="SCL705" s="613"/>
      <c r="SCM705" s="613"/>
      <c r="SCN705" s="613"/>
      <c r="SCO705" s="613"/>
      <c r="SCP705" s="613"/>
      <c r="SCQ705" s="613"/>
      <c r="SCR705" s="613"/>
      <c r="SCS705" s="613"/>
      <c r="SCT705" s="613"/>
      <c r="SCU705" s="613"/>
      <c r="SCV705" s="613"/>
      <c r="SCW705" s="613"/>
      <c r="SCX705" s="613"/>
      <c r="SCY705" s="613"/>
      <c r="SCZ705" s="613"/>
      <c r="SDA705" s="613"/>
      <c r="SDB705" s="613"/>
      <c r="SDC705" s="613"/>
      <c r="SDD705" s="613"/>
      <c r="SDE705" s="613"/>
      <c r="SDF705" s="613"/>
      <c r="SDG705" s="613"/>
      <c r="SDH705" s="613"/>
      <c r="SDI705" s="613"/>
      <c r="SDJ705" s="613"/>
      <c r="SDK705" s="613"/>
      <c r="SDL705" s="613"/>
      <c r="SDM705" s="613"/>
      <c r="SDN705" s="613"/>
      <c r="SDO705" s="613"/>
      <c r="SDP705" s="613"/>
      <c r="SDQ705" s="613"/>
      <c r="SDR705" s="613"/>
      <c r="SDS705" s="613"/>
      <c r="SDT705" s="613"/>
      <c r="SDU705" s="613"/>
      <c r="SDV705" s="613"/>
      <c r="SDW705" s="613"/>
      <c r="SDX705" s="613"/>
      <c r="SDY705" s="613"/>
      <c r="SDZ705" s="613"/>
      <c r="SEA705" s="613"/>
      <c r="SEB705" s="613"/>
      <c r="SEC705" s="613"/>
      <c r="SED705" s="613"/>
      <c r="SEE705" s="613"/>
      <c r="SEF705" s="613"/>
      <c r="SEG705" s="613"/>
      <c r="SEH705" s="613"/>
      <c r="SEI705" s="613"/>
      <c r="SEJ705" s="613"/>
      <c r="SEK705" s="613"/>
      <c r="SEL705" s="613"/>
      <c r="SEM705" s="613"/>
      <c r="SEN705" s="613"/>
      <c r="SEO705" s="613"/>
      <c r="SEP705" s="613"/>
      <c r="SEQ705" s="613"/>
      <c r="SER705" s="613"/>
      <c r="SES705" s="613"/>
      <c r="SET705" s="613"/>
      <c r="SEU705" s="613"/>
      <c r="SEV705" s="613"/>
      <c r="SEW705" s="613"/>
      <c r="SEX705" s="613"/>
      <c r="SEY705" s="613"/>
      <c r="SEZ705" s="613"/>
      <c r="SFA705" s="613"/>
      <c r="SFB705" s="613"/>
      <c r="SFC705" s="613"/>
      <c r="SFD705" s="613"/>
      <c r="SFE705" s="613"/>
      <c r="SFF705" s="613"/>
      <c r="SFG705" s="613"/>
      <c r="SFH705" s="613"/>
      <c r="SFI705" s="613"/>
      <c r="SFJ705" s="613"/>
      <c r="SFK705" s="613"/>
      <c r="SFL705" s="613"/>
      <c r="SFM705" s="613"/>
      <c r="SFN705" s="613"/>
      <c r="SFO705" s="613"/>
      <c r="SFP705" s="613"/>
      <c r="SFQ705" s="613"/>
      <c r="SFR705" s="613"/>
      <c r="SFS705" s="613"/>
      <c r="SFT705" s="613"/>
      <c r="SFU705" s="613"/>
      <c r="SFV705" s="613"/>
      <c r="SFW705" s="613"/>
      <c r="SFX705" s="613"/>
      <c r="SFY705" s="613"/>
      <c r="SFZ705" s="613"/>
      <c r="SGA705" s="613"/>
      <c r="SGB705" s="613"/>
      <c r="SGC705" s="613"/>
      <c r="SGD705" s="613"/>
      <c r="SGE705" s="613"/>
      <c r="SGF705" s="613"/>
      <c r="SGG705" s="613"/>
      <c r="SGH705" s="613"/>
      <c r="SGI705" s="613"/>
      <c r="SGJ705" s="613"/>
      <c r="SGK705" s="613"/>
      <c r="SGL705" s="613"/>
      <c r="SGM705" s="613"/>
      <c r="SGN705" s="613"/>
      <c r="SGO705" s="613"/>
      <c r="SGP705" s="613"/>
      <c r="SGQ705" s="613"/>
      <c r="SGR705" s="613"/>
      <c r="SGS705" s="613"/>
      <c r="SGT705" s="613"/>
      <c r="SGU705" s="613"/>
      <c r="SGV705" s="613"/>
      <c r="SGW705" s="613"/>
      <c r="SGX705" s="613"/>
      <c r="SGY705" s="613"/>
      <c r="SGZ705" s="613"/>
      <c r="SHA705" s="613"/>
      <c r="SHB705" s="613"/>
      <c r="SHC705" s="613"/>
      <c r="SHD705" s="613"/>
      <c r="SHE705" s="613"/>
      <c r="SHF705" s="613"/>
      <c r="SHG705" s="613"/>
      <c r="SHH705" s="613"/>
      <c r="SHI705" s="613"/>
      <c r="SHJ705" s="613"/>
      <c r="SHK705" s="613"/>
      <c r="SHL705" s="613"/>
      <c r="SHM705" s="613"/>
      <c r="SHN705" s="613"/>
      <c r="SHO705" s="613"/>
      <c r="SHP705" s="613"/>
      <c r="SHQ705" s="613"/>
      <c r="SHR705" s="613"/>
      <c r="SHS705" s="613"/>
      <c r="SHT705" s="613"/>
      <c r="SHU705" s="613"/>
      <c r="SHV705" s="613"/>
      <c r="SHW705" s="613"/>
      <c r="SHX705" s="613"/>
      <c r="SHY705" s="613"/>
      <c r="SHZ705" s="613"/>
      <c r="SIA705" s="613"/>
      <c r="SIB705" s="613"/>
      <c r="SIC705" s="613"/>
      <c r="SID705" s="613"/>
      <c r="SIE705" s="613"/>
      <c r="SIF705" s="613"/>
      <c r="SIG705" s="613"/>
      <c r="SIH705" s="613"/>
      <c r="SII705" s="613"/>
      <c r="SIJ705" s="613"/>
      <c r="SIK705" s="613"/>
      <c r="SIL705" s="613"/>
      <c r="SIM705" s="613"/>
      <c r="SIN705" s="613"/>
      <c r="SIO705" s="613"/>
      <c r="SIP705" s="613"/>
      <c r="SIQ705" s="613"/>
      <c r="SIR705" s="613"/>
      <c r="SIS705" s="613"/>
      <c r="SIT705" s="613"/>
      <c r="SIU705" s="613"/>
      <c r="SIV705" s="613"/>
      <c r="SIW705" s="613"/>
      <c r="SIX705" s="613"/>
      <c r="SIY705" s="613"/>
      <c r="SIZ705" s="613"/>
      <c r="SJA705" s="613"/>
      <c r="SJB705" s="613"/>
      <c r="SJC705" s="613"/>
      <c r="SJD705" s="613"/>
      <c r="SJE705" s="613"/>
      <c r="SJF705" s="613"/>
      <c r="SJG705" s="613"/>
      <c r="SJH705" s="613"/>
      <c r="SJI705" s="613"/>
      <c r="SJJ705" s="613"/>
      <c r="SJK705" s="613"/>
      <c r="SJL705" s="613"/>
      <c r="SJM705" s="613"/>
      <c r="SJN705" s="613"/>
      <c r="SJO705" s="613"/>
      <c r="SJP705" s="613"/>
      <c r="SJQ705" s="613"/>
      <c r="SJR705" s="613"/>
      <c r="SJS705" s="613"/>
      <c r="SJT705" s="613"/>
      <c r="SJU705" s="613"/>
      <c r="SJV705" s="613"/>
      <c r="SJW705" s="613"/>
      <c r="SJX705" s="613"/>
      <c r="SJY705" s="613"/>
      <c r="SJZ705" s="613"/>
      <c r="SKA705" s="613"/>
      <c r="SKB705" s="613"/>
      <c r="SKC705" s="613"/>
      <c r="SKD705" s="613"/>
      <c r="SKE705" s="613"/>
      <c r="SKF705" s="613"/>
      <c r="SKG705" s="613"/>
      <c r="SKH705" s="613"/>
      <c r="SKI705" s="613"/>
      <c r="SKJ705" s="613"/>
      <c r="SKK705" s="613"/>
      <c r="SKL705" s="613"/>
      <c r="SKM705" s="613"/>
      <c r="SKN705" s="613"/>
      <c r="SKO705" s="613"/>
      <c r="SKP705" s="613"/>
      <c r="SKQ705" s="613"/>
      <c r="SKR705" s="613"/>
      <c r="SKS705" s="613"/>
      <c r="SKT705" s="613"/>
      <c r="SKU705" s="613"/>
      <c r="SKV705" s="613"/>
      <c r="SKW705" s="613"/>
      <c r="SKX705" s="613"/>
      <c r="SKY705" s="613"/>
      <c r="SKZ705" s="613"/>
      <c r="SLA705" s="613"/>
      <c r="SLB705" s="613"/>
      <c r="SLC705" s="613"/>
      <c r="SLD705" s="613"/>
      <c r="SLE705" s="613"/>
      <c r="SLF705" s="613"/>
      <c r="SLG705" s="613"/>
      <c r="SLH705" s="613"/>
      <c r="SLI705" s="613"/>
      <c r="SLJ705" s="613"/>
      <c r="SLK705" s="613"/>
      <c r="SLL705" s="613"/>
      <c r="SLM705" s="613"/>
      <c r="SLN705" s="613"/>
      <c r="SLO705" s="613"/>
      <c r="SLP705" s="613"/>
      <c r="SLQ705" s="613"/>
      <c r="SLR705" s="613"/>
      <c r="SLS705" s="613"/>
      <c r="SLT705" s="613"/>
      <c r="SLU705" s="613"/>
      <c r="SLV705" s="613"/>
      <c r="SLW705" s="613"/>
      <c r="SLX705" s="613"/>
      <c r="SLY705" s="613"/>
      <c r="SLZ705" s="613"/>
      <c r="SMA705" s="613"/>
      <c r="SMB705" s="613"/>
      <c r="SMC705" s="613"/>
      <c r="SMD705" s="613"/>
      <c r="SME705" s="613"/>
      <c r="SMF705" s="613"/>
      <c r="SMG705" s="613"/>
      <c r="SMH705" s="613"/>
      <c r="SMI705" s="613"/>
      <c r="SMJ705" s="613"/>
      <c r="SMK705" s="613"/>
      <c r="SML705" s="613"/>
      <c r="SMM705" s="613"/>
      <c r="SMN705" s="613"/>
      <c r="SMO705" s="613"/>
      <c r="SMP705" s="613"/>
      <c r="SMQ705" s="613"/>
      <c r="SMR705" s="613"/>
      <c r="SMS705" s="613"/>
      <c r="SMT705" s="613"/>
      <c r="SMU705" s="613"/>
      <c r="SMV705" s="613"/>
      <c r="SMW705" s="613"/>
      <c r="SMX705" s="613"/>
      <c r="SMY705" s="613"/>
      <c r="SMZ705" s="613"/>
      <c r="SNA705" s="613"/>
      <c r="SNB705" s="613"/>
      <c r="SNC705" s="613"/>
      <c r="SND705" s="613"/>
      <c r="SNE705" s="613"/>
      <c r="SNF705" s="613"/>
      <c r="SNG705" s="613"/>
      <c r="SNH705" s="613"/>
      <c r="SNI705" s="613"/>
      <c r="SNJ705" s="613"/>
      <c r="SNK705" s="613"/>
      <c r="SNL705" s="613"/>
      <c r="SNM705" s="613"/>
      <c r="SNN705" s="613"/>
      <c r="SNO705" s="613"/>
      <c r="SNP705" s="613"/>
      <c r="SNQ705" s="613"/>
      <c r="SNR705" s="613"/>
      <c r="SNS705" s="613"/>
      <c r="SNT705" s="613"/>
      <c r="SNU705" s="613"/>
      <c r="SNV705" s="613"/>
      <c r="SNW705" s="613"/>
      <c r="SNX705" s="613"/>
      <c r="SNY705" s="613"/>
      <c r="SNZ705" s="613"/>
      <c r="SOA705" s="613"/>
      <c r="SOB705" s="613"/>
      <c r="SOC705" s="613"/>
      <c r="SOD705" s="613"/>
      <c r="SOE705" s="613"/>
      <c r="SOF705" s="613"/>
      <c r="SOG705" s="613"/>
      <c r="SOH705" s="613"/>
      <c r="SOI705" s="613"/>
      <c r="SOJ705" s="613"/>
      <c r="SOK705" s="613"/>
      <c r="SOL705" s="613"/>
      <c r="SOM705" s="613"/>
      <c r="SON705" s="613"/>
      <c r="SOO705" s="613"/>
      <c r="SOP705" s="613"/>
      <c r="SOQ705" s="613"/>
      <c r="SOR705" s="613"/>
      <c r="SOS705" s="613"/>
      <c r="SOT705" s="613"/>
      <c r="SOU705" s="613"/>
      <c r="SOV705" s="613"/>
      <c r="SOW705" s="613"/>
      <c r="SOX705" s="613"/>
      <c r="SOY705" s="613"/>
      <c r="SOZ705" s="613"/>
      <c r="SPA705" s="613"/>
      <c r="SPB705" s="613"/>
      <c r="SPC705" s="613"/>
      <c r="SPD705" s="613"/>
      <c r="SPE705" s="613"/>
      <c r="SPF705" s="613"/>
      <c r="SPG705" s="613"/>
      <c r="SPH705" s="613"/>
      <c r="SPI705" s="613"/>
      <c r="SPJ705" s="613"/>
      <c r="SPK705" s="613"/>
      <c r="SPL705" s="613"/>
      <c r="SPM705" s="613"/>
      <c r="SPN705" s="613"/>
      <c r="SPO705" s="613"/>
      <c r="SPP705" s="613"/>
      <c r="SPQ705" s="613"/>
      <c r="SPR705" s="613"/>
      <c r="SPS705" s="613"/>
      <c r="SPT705" s="613"/>
      <c r="SPU705" s="613"/>
      <c r="SPV705" s="613"/>
      <c r="SPW705" s="613"/>
      <c r="SPX705" s="613"/>
      <c r="SPY705" s="613"/>
      <c r="SPZ705" s="613"/>
      <c r="SQA705" s="613"/>
      <c r="SQB705" s="613"/>
      <c r="SQC705" s="613"/>
      <c r="SQD705" s="613"/>
      <c r="SQE705" s="613"/>
      <c r="SQF705" s="613"/>
      <c r="SQG705" s="613"/>
      <c r="SQH705" s="613"/>
      <c r="SQI705" s="613"/>
      <c r="SQJ705" s="613"/>
      <c r="SQK705" s="613"/>
      <c r="SQL705" s="613"/>
      <c r="SQM705" s="613"/>
      <c r="SQN705" s="613"/>
      <c r="SQO705" s="613"/>
      <c r="SQP705" s="613"/>
      <c r="SQQ705" s="613"/>
      <c r="SQR705" s="613"/>
      <c r="SQS705" s="613"/>
      <c r="SQT705" s="613"/>
      <c r="SQU705" s="613"/>
      <c r="SQV705" s="613"/>
      <c r="SQW705" s="613"/>
      <c r="SQX705" s="613"/>
      <c r="SQY705" s="613"/>
      <c r="SQZ705" s="613"/>
      <c r="SRA705" s="613"/>
      <c r="SRB705" s="613"/>
      <c r="SRC705" s="613"/>
      <c r="SRD705" s="613"/>
      <c r="SRE705" s="613"/>
      <c r="SRF705" s="613"/>
      <c r="SRG705" s="613"/>
      <c r="SRH705" s="613"/>
      <c r="SRI705" s="613"/>
      <c r="SRJ705" s="613"/>
      <c r="SRK705" s="613"/>
      <c r="SRL705" s="613"/>
      <c r="SRM705" s="613"/>
      <c r="SRN705" s="613"/>
      <c r="SRO705" s="613"/>
      <c r="SRP705" s="613"/>
      <c r="SRQ705" s="613"/>
      <c r="SRR705" s="613"/>
      <c r="SRS705" s="613"/>
      <c r="SRT705" s="613"/>
      <c r="SRU705" s="613"/>
      <c r="SRV705" s="613"/>
      <c r="SRW705" s="613"/>
      <c r="SRX705" s="613"/>
      <c r="SRY705" s="613"/>
      <c r="SRZ705" s="613"/>
      <c r="SSA705" s="613"/>
      <c r="SSB705" s="613"/>
      <c r="SSC705" s="613"/>
      <c r="SSD705" s="613"/>
      <c r="SSE705" s="613"/>
      <c r="SSF705" s="613"/>
      <c r="SSG705" s="613"/>
      <c r="SSH705" s="613"/>
      <c r="SSI705" s="613"/>
      <c r="SSJ705" s="613"/>
      <c r="SSK705" s="613"/>
      <c r="SSL705" s="613"/>
      <c r="SSM705" s="613"/>
      <c r="SSN705" s="613"/>
      <c r="SSO705" s="613"/>
      <c r="SSP705" s="613"/>
      <c r="SSQ705" s="613"/>
      <c r="SSR705" s="613"/>
      <c r="SSS705" s="613"/>
      <c r="SST705" s="613"/>
      <c r="SSU705" s="613"/>
      <c r="SSV705" s="613"/>
      <c r="SSW705" s="613"/>
      <c r="SSX705" s="613"/>
      <c r="SSY705" s="613"/>
      <c r="SSZ705" s="613"/>
      <c r="STA705" s="613"/>
      <c r="STB705" s="613"/>
      <c r="STC705" s="613"/>
      <c r="STD705" s="613"/>
      <c r="STE705" s="613"/>
      <c r="STF705" s="613"/>
      <c r="STG705" s="613"/>
      <c r="STH705" s="613"/>
      <c r="STI705" s="613"/>
      <c r="STJ705" s="613"/>
      <c r="STK705" s="613"/>
      <c r="STL705" s="613"/>
      <c r="STM705" s="613"/>
      <c r="STN705" s="613"/>
      <c r="STO705" s="613"/>
      <c r="STP705" s="613"/>
      <c r="STQ705" s="613"/>
      <c r="STR705" s="613"/>
      <c r="STS705" s="613"/>
      <c r="STT705" s="613"/>
      <c r="STU705" s="613"/>
      <c r="STV705" s="613"/>
      <c r="STW705" s="613"/>
      <c r="STX705" s="613"/>
      <c r="STY705" s="613"/>
      <c r="STZ705" s="613"/>
      <c r="SUA705" s="613"/>
      <c r="SUB705" s="613"/>
      <c r="SUC705" s="613"/>
      <c r="SUD705" s="613"/>
      <c r="SUE705" s="613"/>
      <c r="SUF705" s="613"/>
      <c r="SUG705" s="613"/>
      <c r="SUH705" s="613"/>
      <c r="SUI705" s="613"/>
      <c r="SUJ705" s="613"/>
      <c r="SUK705" s="613"/>
      <c r="SUL705" s="613"/>
      <c r="SUM705" s="613"/>
      <c r="SUN705" s="613"/>
      <c r="SUO705" s="613"/>
      <c r="SUP705" s="613"/>
      <c r="SUQ705" s="613"/>
      <c r="SUR705" s="613"/>
      <c r="SUS705" s="613"/>
      <c r="SUT705" s="613"/>
      <c r="SUU705" s="613"/>
      <c r="SUV705" s="613"/>
      <c r="SUW705" s="613"/>
      <c r="SUX705" s="613"/>
      <c r="SUY705" s="613"/>
      <c r="SUZ705" s="613"/>
      <c r="SVA705" s="613"/>
      <c r="SVB705" s="613"/>
      <c r="SVC705" s="613"/>
      <c r="SVD705" s="613"/>
      <c r="SVE705" s="613"/>
      <c r="SVF705" s="613"/>
      <c r="SVG705" s="613"/>
      <c r="SVH705" s="613"/>
      <c r="SVI705" s="613"/>
      <c r="SVJ705" s="613"/>
      <c r="SVK705" s="613"/>
      <c r="SVL705" s="613"/>
      <c r="SVM705" s="613"/>
      <c r="SVN705" s="613"/>
      <c r="SVO705" s="613"/>
      <c r="SVP705" s="613"/>
      <c r="SVQ705" s="613"/>
      <c r="SVR705" s="613"/>
      <c r="SVS705" s="613"/>
      <c r="SVT705" s="613"/>
      <c r="SVU705" s="613"/>
      <c r="SVV705" s="613"/>
      <c r="SVW705" s="613"/>
      <c r="SVX705" s="613"/>
      <c r="SVY705" s="613"/>
      <c r="SVZ705" s="613"/>
      <c r="SWA705" s="613"/>
      <c r="SWB705" s="613"/>
      <c r="SWC705" s="613"/>
      <c r="SWD705" s="613"/>
      <c r="SWE705" s="613"/>
      <c r="SWF705" s="613"/>
      <c r="SWG705" s="613"/>
      <c r="SWH705" s="613"/>
      <c r="SWI705" s="613"/>
      <c r="SWJ705" s="613"/>
      <c r="SWK705" s="613"/>
      <c r="SWL705" s="613"/>
      <c r="SWM705" s="613"/>
      <c r="SWN705" s="613"/>
      <c r="SWO705" s="613"/>
      <c r="SWP705" s="613"/>
      <c r="SWQ705" s="613"/>
      <c r="SWR705" s="613"/>
      <c r="SWS705" s="613"/>
      <c r="SWT705" s="613"/>
      <c r="SWU705" s="613"/>
      <c r="SWV705" s="613"/>
      <c r="SWW705" s="613"/>
      <c r="SWX705" s="613"/>
      <c r="SWY705" s="613"/>
      <c r="SWZ705" s="613"/>
      <c r="SXA705" s="613"/>
      <c r="SXB705" s="613"/>
      <c r="SXC705" s="613"/>
      <c r="SXD705" s="613"/>
      <c r="SXE705" s="613"/>
      <c r="SXF705" s="613"/>
      <c r="SXG705" s="613"/>
      <c r="SXH705" s="613"/>
      <c r="SXI705" s="613"/>
      <c r="SXJ705" s="613"/>
      <c r="SXK705" s="613"/>
      <c r="SXL705" s="613"/>
      <c r="SXM705" s="613"/>
      <c r="SXN705" s="613"/>
      <c r="SXO705" s="613"/>
      <c r="SXP705" s="613"/>
      <c r="SXQ705" s="613"/>
      <c r="SXR705" s="613"/>
      <c r="SXS705" s="613"/>
      <c r="SXT705" s="613"/>
      <c r="SXU705" s="613"/>
      <c r="SXV705" s="613"/>
      <c r="SXW705" s="613"/>
      <c r="SXX705" s="613"/>
      <c r="SXY705" s="613"/>
      <c r="SXZ705" s="613"/>
      <c r="SYA705" s="613"/>
      <c r="SYB705" s="613"/>
      <c r="SYC705" s="613"/>
      <c r="SYD705" s="613"/>
      <c r="SYE705" s="613"/>
      <c r="SYF705" s="613"/>
      <c r="SYG705" s="613"/>
      <c r="SYH705" s="613"/>
      <c r="SYI705" s="613"/>
      <c r="SYJ705" s="613"/>
      <c r="SYK705" s="613"/>
      <c r="SYL705" s="613"/>
      <c r="SYM705" s="613"/>
      <c r="SYN705" s="613"/>
      <c r="SYO705" s="613"/>
      <c r="SYP705" s="613"/>
      <c r="SYQ705" s="613"/>
      <c r="SYR705" s="613"/>
      <c r="SYS705" s="613"/>
      <c r="SYT705" s="613"/>
      <c r="SYU705" s="613"/>
      <c r="SYV705" s="613"/>
      <c r="SYW705" s="613"/>
      <c r="SYX705" s="613"/>
      <c r="SYY705" s="613"/>
      <c r="SYZ705" s="613"/>
      <c r="SZA705" s="613"/>
      <c r="SZB705" s="613"/>
      <c r="SZC705" s="613"/>
      <c r="SZD705" s="613"/>
      <c r="SZE705" s="613"/>
      <c r="SZF705" s="613"/>
      <c r="SZG705" s="613"/>
      <c r="SZH705" s="613"/>
      <c r="SZI705" s="613"/>
      <c r="SZJ705" s="613"/>
      <c r="SZK705" s="613"/>
      <c r="SZL705" s="613"/>
      <c r="SZM705" s="613"/>
      <c r="SZN705" s="613"/>
      <c r="SZO705" s="613"/>
      <c r="SZP705" s="613"/>
      <c r="SZQ705" s="613"/>
      <c r="SZR705" s="613"/>
      <c r="SZS705" s="613"/>
      <c r="SZT705" s="613"/>
      <c r="SZU705" s="613"/>
      <c r="SZV705" s="613"/>
      <c r="SZW705" s="613"/>
      <c r="SZX705" s="613"/>
      <c r="SZY705" s="613"/>
      <c r="SZZ705" s="613"/>
      <c r="TAA705" s="613"/>
      <c r="TAB705" s="613"/>
      <c r="TAC705" s="613"/>
      <c r="TAD705" s="613"/>
      <c r="TAE705" s="613"/>
      <c r="TAF705" s="613"/>
      <c r="TAG705" s="613"/>
      <c r="TAH705" s="613"/>
      <c r="TAI705" s="613"/>
      <c r="TAJ705" s="613"/>
      <c r="TAK705" s="613"/>
      <c r="TAL705" s="613"/>
      <c r="TAM705" s="613"/>
      <c r="TAN705" s="613"/>
      <c r="TAO705" s="613"/>
      <c r="TAP705" s="613"/>
      <c r="TAQ705" s="613"/>
      <c r="TAR705" s="613"/>
      <c r="TAS705" s="613"/>
      <c r="TAT705" s="613"/>
      <c r="TAU705" s="613"/>
      <c r="TAV705" s="613"/>
      <c r="TAW705" s="613"/>
      <c r="TAX705" s="613"/>
      <c r="TAY705" s="613"/>
      <c r="TAZ705" s="613"/>
      <c r="TBA705" s="613"/>
      <c r="TBB705" s="613"/>
      <c r="TBC705" s="613"/>
      <c r="TBD705" s="613"/>
      <c r="TBE705" s="613"/>
      <c r="TBF705" s="613"/>
      <c r="TBG705" s="613"/>
      <c r="TBH705" s="613"/>
      <c r="TBI705" s="613"/>
      <c r="TBJ705" s="613"/>
      <c r="TBK705" s="613"/>
      <c r="TBL705" s="613"/>
      <c r="TBM705" s="613"/>
      <c r="TBN705" s="613"/>
      <c r="TBO705" s="613"/>
      <c r="TBP705" s="613"/>
      <c r="TBQ705" s="613"/>
      <c r="TBR705" s="613"/>
      <c r="TBS705" s="613"/>
      <c r="TBT705" s="613"/>
      <c r="TBU705" s="613"/>
      <c r="TBV705" s="613"/>
      <c r="TBW705" s="613"/>
      <c r="TBX705" s="613"/>
      <c r="TBY705" s="613"/>
      <c r="TBZ705" s="613"/>
      <c r="TCA705" s="613"/>
      <c r="TCB705" s="613"/>
      <c r="TCC705" s="613"/>
      <c r="TCD705" s="613"/>
      <c r="TCE705" s="613"/>
      <c r="TCF705" s="613"/>
      <c r="TCG705" s="613"/>
      <c r="TCH705" s="613"/>
      <c r="TCI705" s="613"/>
      <c r="TCJ705" s="613"/>
      <c r="TCK705" s="613"/>
      <c r="TCL705" s="613"/>
      <c r="TCM705" s="613"/>
      <c r="TCN705" s="613"/>
      <c r="TCO705" s="613"/>
      <c r="TCP705" s="613"/>
      <c r="TCQ705" s="613"/>
      <c r="TCR705" s="613"/>
      <c r="TCS705" s="613"/>
      <c r="TCT705" s="613"/>
      <c r="TCU705" s="613"/>
      <c r="TCV705" s="613"/>
      <c r="TCW705" s="613"/>
      <c r="TCX705" s="613"/>
      <c r="TCY705" s="613"/>
      <c r="TCZ705" s="613"/>
      <c r="TDA705" s="613"/>
      <c r="TDB705" s="613"/>
      <c r="TDC705" s="613"/>
      <c r="TDD705" s="613"/>
      <c r="TDE705" s="613"/>
      <c r="TDF705" s="613"/>
      <c r="TDG705" s="613"/>
      <c r="TDH705" s="613"/>
      <c r="TDI705" s="613"/>
      <c r="TDJ705" s="613"/>
      <c r="TDK705" s="613"/>
      <c r="TDL705" s="613"/>
      <c r="TDM705" s="613"/>
      <c r="TDN705" s="613"/>
      <c r="TDO705" s="613"/>
      <c r="TDP705" s="613"/>
      <c r="TDQ705" s="613"/>
      <c r="TDR705" s="613"/>
      <c r="TDS705" s="613"/>
      <c r="TDT705" s="613"/>
      <c r="TDU705" s="613"/>
      <c r="TDV705" s="613"/>
      <c r="TDW705" s="613"/>
      <c r="TDX705" s="613"/>
      <c r="TDY705" s="613"/>
      <c r="TDZ705" s="613"/>
      <c r="TEA705" s="613"/>
      <c r="TEB705" s="613"/>
      <c r="TEC705" s="613"/>
      <c r="TED705" s="613"/>
      <c r="TEE705" s="613"/>
      <c r="TEF705" s="613"/>
      <c r="TEG705" s="613"/>
      <c r="TEH705" s="613"/>
      <c r="TEI705" s="613"/>
      <c r="TEJ705" s="613"/>
      <c r="TEK705" s="613"/>
      <c r="TEL705" s="613"/>
      <c r="TEM705" s="613"/>
      <c r="TEN705" s="613"/>
      <c r="TEO705" s="613"/>
      <c r="TEP705" s="613"/>
      <c r="TEQ705" s="613"/>
      <c r="TER705" s="613"/>
      <c r="TES705" s="613"/>
      <c r="TET705" s="613"/>
      <c r="TEU705" s="613"/>
      <c r="TEV705" s="613"/>
      <c r="TEW705" s="613"/>
      <c r="TEX705" s="613"/>
      <c r="TEY705" s="613"/>
      <c r="TEZ705" s="613"/>
      <c r="TFA705" s="613"/>
      <c r="TFB705" s="613"/>
      <c r="TFC705" s="613"/>
      <c r="TFD705" s="613"/>
      <c r="TFE705" s="613"/>
      <c r="TFF705" s="613"/>
      <c r="TFG705" s="613"/>
      <c r="TFH705" s="613"/>
      <c r="TFI705" s="613"/>
      <c r="TFJ705" s="613"/>
      <c r="TFK705" s="613"/>
      <c r="TFL705" s="613"/>
      <c r="TFM705" s="613"/>
      <c r="TFN705" s="613"/>
      <c r="TFO705" s="613"/>
      <c r="TFP705" s="613"/>
      <c r="TFQ705" s="613"/>
      <c r="TFR705" s="613"/>
      <c r="TFS705" s="613"/>
      <c r="TFT705" s="613"/>
      <c r="TFU705" s="613"/>
      <c r="TFV705" s="613"/>
      <c r="TFW705" s="613"/>
      <c r="TFX705" s="613"/>
      <c r="TFY705" s="613"/>
      <c r="TFZ705" s="613"/>
      <c r="TGA705" s="613"/>
      <c r="TGB705" s="613"/>
      <c r="TGC705" s="613"/>
      <c r="TGD705" s="613"/>
      <c r="TGE705" s="613"/>
      <c r="TGF705" s="613"/>
      <c r="TGG705" s="613"/>
      <c r="TGH705" s="613"/>
      <c r="TGI705" s="613"/>
      <c r="TGJ705" s="613"/>
      <c r="TGK705" s="613"/>
      <c r="TGL705" s="613"/>
      <c r="TGM705" s="613"/>
      <c r="TGN705" s="613"/>
      <c r="TGO705" s="613"/>
      <c r="TGP705" s="613"/>
      <c r="TGQ705" s="613"/>
      <c r="TGR705" s="613"/>
      <c r="TGS705" s="613"/>
      <c r="TGT705" s="613"/>
      <c r="TGU705" s="613"/>
      <c r="TGV705" s="613"/>
      <c r="TGW705" s="613"/>
      <c r="TGX705" s="613"/>
      <c r="TGY705" s="613"/>
      <c r="TGZ705" s="613"/>
      <c r="THA705" s="613"/>
      <c r="THB705" s="613"/>
      <c r="THC705" s="613"/>
      <c r="THD705" s="613"/>
      <c r="THE705" s="613"/>
      <c r="THF705" s="613"/>
      <c r="THG705" s="613"/>
      <c r="THH705" s="613"/>
      <c r="THI705" s="613"/>
      <c r="THJ705" s="613"/>
      <c r="THK705" s="613"/>
      <c r="THL705" s="613"/>
      <c r="THM705" s="613"/>
      <c r="THN705" s="613"/>
      <c r="THO705" s="613"/>
      <c r="THP705" s="613"/>
      <c r="THQ705" s="613"/>
      <c r="THR705" s="613"/>
      <c r="THS705" s="613"/>
      <c r="THT705" s="613"/>
      <c r="THU705" s="613"/>
      <c r="THV705" s="613"/>
      <c r="THW705" s="613"/>
      <c r="THX705" s="613"/>
      <c r="THY705" s="613"/>
      <c r="THZ705" s="613"/>
      <c r="TIA705" s="613"/>
      <c r="TIB705" s="613"/>
      <c r="TIC705" s="613"/>
      <c r="TID705" s="613"/>
      <c r="TIE705" s="613"/>
      <c r="TIF705" s="613"/>
      <c r="TIG705" s="613"/>
      <c r="TIH705" s="613"/>
      <c r="TII705" s="613"/>
      <c r="TIJ705" s="613"/>
      <c r="TIK705" s="613"/>
      <c r="TIL705" s="613"/>
      <c r="TIM705" s="613"/>
      <c r="TIN705" s="613"/>
      <c r="TIO705" s="613"/>
      <c r="TIP705" s="613"/>
      <c r="TIQ705" s="613"/>
      <c r="TIR705" s="613"/>
      <c r="TIS705" s="613"/>
      <c r="TIT705" s="613"/>
      <c r="TIU705" s="613"/>
      <c r="TIV705" s="613"/>
      <c r="TIW705" s="613"/>
      <c r="TIX705" s="613"/>
      <c r="TIY705" s="613"/>
      <c r="TIZ705" s="613"/>
      <c r="TJA705" s="613"/>
      <c r="TJB705" s="613"/>
      <c r="TJC705" s="613"/>
      <c r="TJD705" s="613"/>
      <c r="TJE705" s="613"/>
      <c r="TJF705" s="613"/>
      <c r="TJG705" s="613"/>
      <c r="TJH705" s="613"/>
      <c r="TJI705" s="613"/>
      <c r="TJJ705" s="613"/>
      <c r="TJK705" s="613"/>
      <c r="TJL705" s="613"/>
      <c r="TJM705" s="613"/>
      <c r="TJN705" s="613"/>
      <c r="TJO705" s="613"/>
      <c r="TJP705" s="613"/>
      <c r="TJQ705" s="613"/>
      <c r="TJR705" s="613"/>
      <c r="TJS705" s="613"/>
      <c r="TJT705" s="613"/>
      <c r="TJU705" s="613"/>
      <c r="TJV705" s="613"/>
      <c r="TJW705" s="613"/>
      <c r="TJX705" s="613"/>
      <c r="TJY705" s="613"/>
      <c r="TJZ705" s="613"/>
      <c r="TKA705" s="613"/>
      <c r="TKB705" s="613"/>
      <c r="TKC705" s="613"/>
      <c r="TKD705" s="613"/>
      <c r="TKE705" s="613"/>
      <c r="TKF705" s="613"/>
      <c r="TKG705" s="613"/>
      <c r="TKH705" s="613"/>
      <c r="TKI705" s="613"/>
      <c r="TKJ705" s="613"/>
      <c r="TKK705" s="613"/>
      <c r="TKL705" s="613"/>
      <c r="TKM705" s="613"/>
      <c r="TKN705" s="613"/>
      <c r="TKO705" s="613"/>
      <c r="TKP705" s="613"/>
      <c r="TKQ705" s="613"/>
      <c r="TKR705" s="613"/>
      <c r="TKS705" s="613"/>
      <c r="TKT705" s="613"/>
      <c r="TKU705" s="613"/>
      <c r="TKV705" s="613"/>
      <c r="TKW705" s="613"/>
      <c r="TKX705" s="613"/>
      <c r="TKY705" s="613"/>
      <c r="TKZ705" s="613"/>
      <c r="TLA705" s="613"/>
      <c r="TLB705" s="613"/>
      <c r="TLC705" s="613"/>
      <c r="TLD705" s="613"/>
      <c r="TLE705" s="613"/>
      <c r="TLF705" s="613"/>
      <c r="TLG705" s="613"/>
      <c r="TLH705" s="613"/>
      <c r="TLI705" s="613"/>
      <c r="TLJ705" s="613"/>
      <c r="TLK705" s="613"/>
      <c r="TLL705" s="613"/>
      <c r="TLM705" s="613"/>
      <c r="TLN705" s="613"/>
      <c r="TLO705" s="613"/>
      <c r="TLP705" s="613"/>
      <c r="TLQ705" s="613"/>
      <c r="TLR705" s="613"/>
      <c r="TLS705" s="613"/>
      <c r="TLT705" s="613"/>
      <c r="TLU705" s="613"/>
      <c r="TLV705" s="613"/>
      <c r="TLW705" s="613"/>
      <c r="TLX705" s="613"/>
      <c r="TLY705" s="613"/>
      <c r="TLZ705" s="613"/>
      <c r="TMA705" s="613"/>
      <c r="TMB705" s="613"/>
      <c r="TMC705" s="613"/>
      <c r="TMD705" s="613"/>
      <c r="TME705" s="613"/>
      <c r="TMF705" s="613"/>
      <c r="TMG705" s="613"/>
      <c r="TMH705" s="613"/>
      <c r="TMI705" s="613"/>
      <c r="TMJ705" s="613"/>
      <c r="TMK705" s="613"/>
      <c r="TML705" s="613"/>
      <c r="TMM705" s="613"/>
      <c r="TMN705" s="613"/>
      <c r="TMO705" s="613"/>
      <c r="TMP705" s="613"/>
      <c r="TMQ705" s="613"/>
      <c r="TMR705" s="613"/>
      <c r="TMS705" s="613"/>
      <c r="TMT705" s="613"/>
      <c r="TMU705" s="613"/>
      <c r="TMV705" s="613"/>
      <c r="TMW705" s="613"/>
      <c r="TMX705" s="613"/>
      <c r="TMY705" s="613"/>
      <c r="TMZ705" s="613"/>
      <c r="TNA705" s="613"/>
      <c r="TNB705" s="613"/>
      <c r="TNC705" s="613"/>
      <c r="TND705" s="613"/>
      <c r="TNE705" s="613"/>
      <c r="TNF705" s="613"/>
      <c r="TNG705" s="613"/>
      <c r="TNH705" s="613"/>
      <c r="TNI705" s="613"/>
      <c r="TNJ705" s="613"/>
      <c r="TNK705" s="613"/>
      <c r="TNL705" s="613"/>
      <c r="TNM705" s="613"/>
      <c r="TNN705" s="613"/>
      <c r="TNO705" s="613"/>
      <c r="TNP705" s="613"/>
      <c r="TNQ705" s="613"/>
      <c r="TNR705" s="613"/>
      <c r="TNS705" s="613"/>
      <c r="TNT705" s="613"/>
      <c r="TNU705" s="613"/>
      <c r="TNV705" s="613"/>
      <c r="TNW705" s="613"/>
      <c r="TNX705" s="613"/>
      <c r="TNY705" s="613"/>
      <c r="TNZ705" s="613"/>
      <c r="TOA705" s="613"/>
      <c r="TOB705" s="613"/>
      <c r="TOC705" s="613"/>
      <c r="TOD705" s="613"/>
      <c r="TOE705" s="613"/>
      <c r="TOF705" s="613"/>
      <c r="TOG705" s="613"/>
      <c r="TOH705" s="613"/>
      <c r="TOI705" s="613"/>
      <c r="TOJ705" s="613"/>
      <c r="TOK705" s="613"/>
      <c r="TOL705" s="613"/>
      <c r="TOM705" s="613"/>
      <c r="TON705" s="613"/>
      <c r="TOO705" s="613"/>
      <c r="TOP705" s="613"/>
      <c r="TOQ705" s="613"/>
      <c r="TOR705" s="613"/>
      <c r="TOS705" s="613"/>
      <c r="TOT705" s="613"/>
      <c r="TOU705" s="613"/>
      <c r="TOV705" s="613"/>
      <c r="TOW705" s="613"/>
      <c r="TOX705" s="613"/>
      <c r="TOY705" s="613"/>
      <c r="TOZ705" s="613"/>
      <c r="TPA705" s="613"/>
      <c r="TPB705" s="613"/>
      <c r="TPC705" s="613"/>
      <c r="TPD705" s="613"/>
      <c r="TPE705" s="613"/>
      <c r="TPF705" s="613"/>
      <c r="TPG705" s="613"/>
      <c r="TPH705" s="613"/>
      <c r="TPI705" s="613"/>
      <c r="TPJ705" s="613"/>
      <c r="TPK705" s="613"/>
      <c r="TPL705" s="613"/>
      <c r="TPM705" s="613"/>
      <c r="TPN705" s="613"/>
      <c r="TPO705" s="613"/>
      <c r="TPP705" s="613"/>
      <c r="TPQ705" s="613"/>
      <c r="TPR705" s="613"/>
      <c r="TPS705" s="613"/>
      <c r="TPT705" s="613"/>
      <c r="TPU705" s="613"/>
      <c r="TPV705" s="613"/>
      <c r="TPW705" s="613"/>
      <c r="TPX705" s="613"/>
      <c r="TPY705" s="613"/>
      <c r="TPZ705" s="613"/>
      <c r="TQA705" s="613"/>
      <c r="TQB705" s="613"/>
      <c r="TQC705" s="613"/>
      <c r="TQD705" s="613"/>
      <c r="TQE705" s="613"/>
      <c r="TQF705" s="613"/>
      <c r="TQG705" s="613"/>
      <c r="TQH705" s="613"/>
      <c r="TQI705" s="613"/>
      <c r="TQJ705" s="613"/>
      <c r="TQK705" s="613"/>
      <c r="TQL705" s="613"/>
      <c r="TQM705" s="613"/>
      <c r="TQN705" s="613"/>
      <c r="TQO705" s="613"/>
      <c r="TQP705" s="613"/>
      <c r="TQQ705" s="613"/>
      <c r="TQR705" s="613"/>
      <c r="TQS705" s="613"/>
      <c r="TQT705" s="613"/>
      <c r="TQU705" s="613"/>
      <c r="TQV705" s="613"/>
      <c r="TQW705" s="613"/>
      <c r="TQX705" s="613"/>
      <c r="TQY705" s="613"/>
      <c r="TQZ705" s="613"/>
      <c r="TRA705" s="613"/>
      <c r="TRB705" s="613"/>
      <c r="TRC705" s="613"/>
      <c r="TRD705" s="613"/>
      <c r="TRE705" s="613"/>
      <c r="TRF705" s="613"/>
      <c r="TRG705" s="613"/>
      <c r="TRH705" s="613"/>
      <c r="TRI705" s="613"/>
      <c r="TRJ705" s="613"/>
      <c r="TRK705" s="613"/>
      <c r="TRL705" s="613"/>
      <c r="TRM705" s="613"/>
      <c r="TRN705" s="613"/>
      <c r="TRO705" s="613"/>
      <c r="TRP705" s="613"/>
      <c r="TRQ705" s="613"/>
      <c r="TRR705" s="613"/>
      <c r="TRS705" s="613"/>
      <c r="TRT705" s="613"/>
      <c r="TRU705" s="613"/>
      <c r="TRV705" s="613"/>
      <c r="TRW705" s="613"/>
      <c r="TRX705" s="613"/>
      <c r="TRY705" s="613"/>
      <c r="TRZ705" s="613"/>
      <c r="TSA705" s="613"/>
      <c r="TSB705" s="613"/>
      <c r="TSC705" s="613"/>
      <c r="TSD705" s="613"/>
      <c r="TSE705" s="613"/>
      <c r="TSF705" s="613"/>
      <c r="TSG705" s="613"/>
      <c r="TSH705" s="613"/>
      <c r="TSI705" s="613"/>
      <c r="TSJ705" s="613"/>
      <c r="TSK705" s="613"/>
      <c r="TSL705" s="613"/>
      <c r="TSM705" s="613"/>
      <c r="TSN705" s="613"/>
      <c r="TSO705" s="613"/>
      <c r="TSP705" s="613"/>
      <c r="TSQ705" s="613"/>
      <c r="TSR705" s="613"/>
      <c r="TSS705" s="613"/>
      <c r="TST705" s="613"/>
      <c r="TSU705" s="613"/>
      <c r="TSV705" s="613"/>
      <c r="TSW705" s="613"/>
      <c r="TSX705" s="613"/>
      <c r="TSY705" s="613"/>
      <c r="TSZ705" s="613"/>
      <c r="TTA705" s="613"/>
      <c r="TTB705" s="613"/>
      <c r="TTC705" s="613"/>
      <c r="TTD705" s="613"/>
      <c r="TTE705" s="613"/>
      <c r="TTF705" s="613"/>
      <c r="TTG705" s="613"/>
      <c r="TTH705" s="613"/>
      <c r="TTI705" s="613"/>
      <c r="TTJ705" s="613"/>
      <c r="TTK705" s="613"/>
      <c r="TTL705" s="613"/>
      <c r="TTM705" s="613"/>
      <c r="TTN705" s="613"/>
      <c r="TTO705" s="613"/>
      <c r="TTP705" s="613"/>
      <c r="TTQ705" s="613"/>
      <c r="TTR705" s="613"/>
      <c r="TTS705" s="613"/>
      <c r="TTT705" s="613"/>
      <c r="TTU705" s="613"/>
      <c r="TTV705" s="613"/>
      <c r="TTW705" s="613"/>
      <c r="TTX705" s="613"/>
      <c r="TTY705" s="613"/>
      <c r="TTZ705" s="613"/>
      <c r="TUA705" s="613"/>
      <c r="TUB705" s="613"/>
      <c r="TUC705" s="613"/>
      <c r="TUD705" s="613"/>
      <c r="TUE705" s="613"/>
      <c r="TUF705" s="613"/>
      <c r="TUG705" s="613"/>
      <c r="TUH705" s="613"/>
      <c r="TUI705" s="613"/>
      <c r="TUJ705" s="613"/>
      <c r="TUK705" s="613"/>
      <c r="TUL705" s="613"/>
      <c r="TUM705" s="613"/>
      <c r="TUN705" s="613"/>
      <c r="TUO705" s="613"/>
      <c r="TUP705" s="613"/>
      <c r="TUQ705" s="613"/>
      <c r="TUR705" s="613"/>
      <c r="TUS705" s="613"/>
      <c r="TUT705" s="613"/>
      <c r="TUU705" s="613"/>
      <c r="TUV705" s="613"/>
      <c r="TUW705" s="613"/>
      <c r="TUX705" s="613"/>
      <c r="TUY705" s="613"/>
      <c r="TUZ705" s="613"/>
      <c r="TVA705" s="613"/>
      <c r="TVB705" s="613"/>
      <c r="TVC705" s="613"/>
      <c r="TVD705" s="613"/>
      <c r="TVE705" s="613"/>
      <c r="TVF705" s="613"/>
      <c r="TVG705" s="613"/>
      <c r="TVH705" s="613"/>
      <c r="TVI705" s="613"/>
      <c r="TVJ705" s="613"/>
      <c r="TVK705" s="613"/>
      <c r="TVL705" s="613"/>
      <c r="TVM705" s="613"/>
      <c r="TVN705" s="613"/>
      <c r="TVO705" s="613"/>
      <c r="TVP705" s="613"/>
      <c r="TVQ705" s="613"/>
      <c r="TVR705" s="613"/>
      <c r="TVS705" s="613"/>
      <c r="TVT705" s="613"/>
      <c r="TVU705" s="613"/>
      <c r="TVV705" s="613"/>
      <c r="TVW705" s="613"/>
      <c r="TVX705" s="613"/>
      <c r="TVY705" s="613"/>
      <c r="TVZ705" s="613"/>
      <c r="TWA705" s="613"/>
      <c r="TWB705" s="613"/>
      <c r="TWC705" s="613"/>
      <c r="TWD705" s="613"/>
      <c r="TWE705" s="613"/>
      <c r="TWF705" s="613"/>
      <c r="TWG705" s="613"/>
      <c r="TWH705" s="613"/>
      <c r="TWI705" s="613"/>
      <c r="TWJ705" s="613"/>
      <c r="TWK705" s="613"/>
      <c r="TWL705" s="613"/>
      <c r="TWM705" s="613"/>
      <c r="TWN705" s="613"/>
      <c r="TWO705" s="613"/>
      <c r="TWP705" s="613"/>
      <c r="TWQ705" s="613"/>
      <c r="TWR705" s="613"/>
      <c r="TWS705" s="613"/>
      <c r="TWT705" s="613"/>
      <c r="TWU705" s="613"/>
      <c r="TWV705" s="613"/>
      <c r="TWW705" s="613"/>
      <c r="TWX705" s="613"/>
      <c r="TWY705" s="613"/>
      <c r="TWZ705" s="613"/>
      <c r="TXA705" s="613"/>
      <c r="TXB705" s="613"/>
      <c r="TXC705" s="613"/>
      <c r="TXD705" s="613"/>
      <c r="TXE705" s="613"/>
      <c r="TXF705" s="613"/>
      <c r="TXG705" s="613"/>
      <c r="TXH705" s="613"/>
      <c r="TXI705" s="613"/>
      <c r="TXJ705" s="613"/>
      <c r="TXK705" s="613"/>
      <c r="TXL705" s="613"/>
      <c r="TXM705" s="613"/>
      <c r="TXN705" s="613"/>
      <c r="TXO705" s="613"/>
      <c r="TXP705" s="613"/>
      <c r="TXQ705" s="613"/>
      <c r="TXR705" s="613"/>
      <c r="TXS705" s="613"/>
      <c r="TXT705" s="613"/>
      <c r="TXU705" s="613"/>
      <c r="TXV705" s="613"/>
      <c r="TXW705" s="613"/>
      <c r="TXX705" s="613"/>
      <c r="TXY705" s="613"/>
      <c r="TXZ705" s="613"/>
      <c r="TYA705" s="613"/>
      <c r="TYB705" s="613"/>
      <c r="TYC705" s="613"/>
      <c r="TYD705" s="613"/>
      <c r="TYE705" s="613"/>
      <c r="TYF705" s="613"/>
      <c r="TYG705" s="613"/>
      <c r="TYH705" s="613"/>
      <c r="TYI705" s="613"/>
      <c r="TYJ705" s="613"/>
      <c r="TYK705" s="613"/>
      <c r="TYL705" s="613"/>
      <c r="TYM705" s="613"/>
      <c r="TYN705" s="613"/>
      <c r="TYO705" s="613"/>
      <c r="TYP705" s="613"/>
      <c r="TYQ705" s="613"/>
      <c r="TYR705" s="613"/>
      <c r="TYS705" s="613"/>
      <c r="TYT705" s="613"/>
      <c r="TYU705" s="613"/>
      <c r="TYV705" s="613"/>
      <c r="TYW705" s="613"/>
      <c r="TYX705" s="613"/>
      <c r="TYY705" s="613"/>
      <c r="TYZ705" s="613"/>
      <c r="TZA705" s="613"/>
      <c r="TZB705" s="613"/>
      <c r="TZC705" s="613"/>
      <c r="TZD705" s="613"/>
      <c r="TZE705" s="613"/>
      <c r="TZF705" s="613"/>
      <c r="TZG705" s="613"/>
      <c r="TZH705" s="613"/>
      <c r="TZI705" s="613"/>
      <c r="TZJ705" s="613"/>
      <c r="TZK705" s="613"/>
      <c r="TZL705" s="613"/>
      <c r="TZM705" s="613"/>
      <c r="TZN705" s="613"/>
      <c r="TZO705" s="613"/>
      <c r="TZP705" s="613"/>
      <c r="TZQ705" s="613"/>
      <c r="TZR705" s="613"/>
      <c r="TZS705" s="613"/>
      <c r="TZT705" s="613"/>
      <c r="TZU705" s="613"/>
      <c r="TZV705" s="613"/>
      <c r="TZW705" s="613"/>
      <c r="TZX705" s="613"/>
      <c r="TZY705" s="613"/>
      <c r="TZZ705" s="613"/>
      <c r="UAA705" s="613"/>
      <c r="UAB705" s="613"/>
      <c r="UAC705" s="613"/>
      <c r="UAD705" s="613"/>
      <c r="UAE705" s="613"/>
      <c r="UAF705" s="613"/>
      <c r="UAG705" s="613"/>
      <c r="UAH705" s="613"/>
      <c r="UAI705" s="613"/>
      <c r="UAJ705" s="613"/>
      <c r="UAK705" s="613"/>
      <c r="UAL705" s="613"/>
      <c r="UAM705" s="613"/>
      <c r="UAN705" s="613"/>
      <c r="UAO705" s="613"/>
      <c r="UAP705" s="613"/>
      <c r="UAQ705" s="613"/>
      <c r="UAR705" s="613"/>
      <c r="UAS705" s="613"/>
      <c r="UAT705" s="613"/>
      <c r="UAU705" s="613"/>
      <c r="UAV705" s="613"/>
      <c r="UAW705" s="613"/>
      <c r="UAX705" s="613"/>
      <c r="UAY705" s="613"/>
      <c r="UAZ705" s="613"/>
      <c r="UBA705" s="613"/>
      <c r="UBB705" s="613"/>
      <c r="UBC705" s="613"/>
      <c r="UBD705" s="613"/>
      <c r="UBE705" s="613"/>
      <c r="UBF705" s="613"/>
      <c r="UBG705" s="613"/>
      <c r="UBH705" s="613"/>
      <c r="UBI705" s="613"/>
      <c r="UBJ705" s="613"/>
      <c r="UBK705" s="613"/>
      <c r="UBL705" s="613"/>
      <c r="UBM705" s="613"/>
      <c r="UBN705" s="613"/>
      <c r="UBO705" s="613"/>
      <c r="UBP705" s="613"/>
      <c r="UBQ705" s="613"/>
      <c r="UBR705" s="613"/>
      <c r="UBS705" s="613"/>
      <c r="UBT705" s="613"/>
      <c r="UBU705" s="613"/>
      <c r="UBV705" s="613"/>
      <c r="UBW705" s="613"/>
      <c r="UBX705" s="613"/>
      <c r="UBY705" s="613"/>
      <c r="UBZ705" s="613"/>
      <c r="UCA705" s="613"/>
      <c r="UCB705" s="613"/>
      <c r="UCC705" s="613"/>
      <c r="UCD705" s="613"/>
      <c r="UCE705" s="613"/>
      <c r="UCF705" s="613"/>
      <c r="UCG705" s="613"/>
      <c r="UCH705" s="613"/>
      <c r="UCI705" s="613"/>
      <c r="UCJ705" s="613"/>
      <c r="UCK705" s="613"/>
      <c r="UCL705" s="613"/>
      <c r="UCM705" s="613"/>
      <c r="UCN705" s="613"/>
      <c r="UCO705" s="613"/>
      <c r="UCP705" s="613"/>
      <c r="UCQ705" s="613"/>
      <c r="UCR705" s="613"/>
      <c r="UCS705" s="613"/>
      <c r="UCT705" s="613"/>
      <c r="UCU705" s="613"/>
      <c r="UCV705" s="613"/>
      <c r="UCW705" s="613"/>
      <c r="UCX705" s="613"/>
      <c r="UCY705" s="613"/>
      <c r="UCZ705" s="613"/>
      <c r="UDA705" s="613"/>
      <c r="UDB705" s="613"/>
      <c r="UDC705" s="613"/>
      <c r="UDD705" s="613"/>
      <c r="UDE705" s="613"/>
      <c r="UDF705" s="613"/>
      <c r="UDG705" s="613"/>
      <c r="UDH705" s="613"/>
      <c r="UDI705" s="613"/>
      <c r="UDJ705" s="613"/>
      <c r="UDK705" s="613"/>
      <c r="UDL705" s="613"/>
      <c r="UDM705" s="613"/>
      <c r="UDN705" s="613"/>
      <c r="UDO705" s="613"/>
      <c r="UDP705" s="613"/>
      <c r="UDQ705" s="613"/>
      <c r="UDR705" s="613"/>
      <c r="UDS705" s="613"/>
      <c r="UDT705" s="613"/>
      <c r="UDU705" s="613"/>
      <c r="UDV705" s="613"/>
      <c r="UDW705" s="613"/>
      <c r="UDX705" s="613"/>
      <c r="UDY705" s="613"/>
      <c r="UDZ705" s="613"/>
      <c r="UEA705" s="613"/>
      <c r="UEB705" s="613"/>
      <c r="UEC705" s="613"/>
      <c r="UED705" s="613"/>
      <c r="UEE705" s="613"/>
      <c r="UEF705" s="613"/>
      <c r="UEG705" s="613"/>
      <c r="UEH705" s="613"/>
      <c r="UEI705" s="613"/>
      <c r="UEJ705" s="613"/>
      <c r="UEK705" s="613"/>
      <c r="UEL705" s="613"/>
      <c r="UEM705" s="613"/>
      <c r="UEN705" s="613"/>
      <c r="UEO705" s="613"/>
      <c r="UEP705" s="613"/>
      <c r="UEQ705" s="613"/>
      <c r="UER705" s="613"/>
      <c r="UES705" s="613"/>
      <c r="UET705" s="613"/>
      <c r="UEU705" s="613"/>
      <c r="UEV705" s="613"/>
      <c r="UEW705" s="613"/>
      <c r="UEX705" s="613"/>
      <c r="UEY705" s="613"/>
      <c r="UEZ705" s="613"/>
      <c r="UFA705" s="613"/>
      <c r="UFB705" s="613"/>
      <c r="UFC705" s="613"/>
      <c r="UFD705" s="613"/>
      <c r="UFE705" s="613"/>
      <c r="UFF705" s="613"/>
      <c r="UFG705" s="613"/>
      <c r="UFH705" s="613"/>
      <c r="UFI705" s="613"/>
      <c r="UFJ705" s="613"/>
      <c r="UFK705" s="613"/>
      <c r="UFL705" s="613"/>
      <c r="UFM705" s="613"/>
      <c r="UFN705" s="613"/>
      <c r="UFO705" s="613"/>
      <c r="UFP705" s="613"/>
      <c r="UFQ705" s="613"/>
      <c r="UFR705" s="613"/>
      <c r="UFS705" s="613"/>
      <c r="UFT705" s="613"/>
      <c r="UFU705" s="613"/>
      <c r="UFV705" s="613"/>
      <c r="UFW705" s="613"/>
      <c r="UFX705" s="613"/>
      <c r="UFY705" s="613"/>
      <c r="UFZ705" s="613"/>
      <c r="UGA705" s="613"/>
      <c r="UGB705" s="613"/>
      <c r="UGC705" s="613"/>
      <c r="UGD705" s="613"/>
      <c r="UGE705" s="613"/>
      <c r="UGF705" s="613"/>
      <c r="UGG705" s="613"/>
      <c r="UGH705" s="613"/>
      <c r="UGI705" s="613"/>
      <c r="UGJ705" s="613"/>
      <c r="UGK705" s="613"/>
      <c r="UGL705" s="613"/>
      <c r="UGM705" s="613"/>
      <c r="UGN705" s="613"/>
      <c r="UGO705" s="613"/>
      <c r="UGP705" s="613"/>
      <c r="UGQ705" s="613"/>
      <c r="UGR705" s="613"/>
      <c r="UGS705" s="613"/>
      <c r="UGT705" s="613"/>
      <c r="UGU705" s="613"/>
      <c r="UGV705" s="613"/>
      <c r="UGW705" s="613"/>
      <c r="UGX705" s="613"/>
      <c r="UGY705" s="613"/>
      <c r="UGZ705" s="613"/>
      <c r="UHA705" s="613"/>
      <c r="UHB705" s="613"/>
      <c r="UHC705" s="613"/>
      <c r="UHD705" s="613"/>
      <c r="UHE705" s="613"/>
      <c r="UHF705" s="613"/>
      <c r="UHG705" s="613"/>
      <c r="UHH705" s="613"/>
      <c r="UHI705" s="613"/>
      <c r="UHJ705" s="613"/>
      <c r="UHK705" s="613"/>
      <c r="UHL705" s="613"/>
      <c r="UHM705" s="613"/>
      <c r="UHN705" s="613"/>
      <c r="UHO705" s="613"/>
      <c r="UHP705" s="613"/>
      <c r="UHQ705" s="613"/>
      <c r="UHR705" s="613"/>
      <c r="UHS705" s="613"/>
      <c r="UHT705" s="613"/>
      <c r="UHU705" s="613"/>
      <c r="UHV705" s="613"/>
      <c r="UHW705" s="613"/>
      <c r="UHX705" s="613"/>
      <c r="UHY705" s="613"/>
      <c r="UHZ705" s="613"/>
      <c r="UIA705" s="613"/>
      <c r="UIB705" s="613"/>
      <c r="UIC705" s="613"/>
      <c r="UID705" s="613"/>
      <c r="UIE705" s="613"/>
      <c r="UIF705" s="613"/>
      <c r="UIG705" s="613"/>
      <c r="UIH705" s="613"/>
      <c r="UII705" s="613"/>
      <c r="UIJ705" s="613"/>
      <c r="UIK705" s="613"/>
      <c r="UIL705" s="613"/>
      <c r="UIM705" s="613"/>
      <c r="UIN705" s="613"/>
      <c r="UIO705" s="613"/>
      <c r="UIP705" s="613"/>
      <c r="UIQ705" s="613"/>
      <c r="UIR705" s="613"/>
      <c r="UIS705" s="613"/>
      <c r="UIT705" s="613"/>
      <c r="UIU705" s="613"/>
      <c r="UIV705" s="613"/>
      <c r="UIW705" s="613"/>
      <c r="UIX705" s="613"/>
      <c r="UIY705" s="613"/>
      <c r="UIZ705" s="613"/>
      <c r="UJA705" s="613"/>
      <c r="UJB705" s="613"/>
      <c r="UJC705" s="613"/>
      <c r="UJD705" s="613"/>
      <c r="UJE705" s="613"/>
      <c r="UJF705" s="613"/>
      <c r="UJG705" s="613"/>
      <c r="UJH705" s="613"/>
      <c r="UJI705" s="613"/>
      <c r="UJJ705" s="613"/>
      <c r="UJK705" s="613"/>
      <c r="UJL705" s="613"/>
      <c r="UJM705" s="613"/>
      <c r="UJN705" s="613"/>
      <c r="UJO705" s="613"/>
      <c r="UJP705" s="613"/>
      <c r="UJQ705" s="613"/>
      <c r="UJR705" s="613"/>
      <c r="UJS705" s="613"/>
      <c r="UJT705" s="613"/>
      <c r="UJU705" s="613"/>
      <c r="UJV705" s="613"/>
      <c r="UJW705" s="613"/>
      <c r="UJX705" s="613"/>
      <c r="UJY705" s="613"/>
      <c r="UJZ705" s="613"/>
      <c r="UKA705" s="613"/>
      <c r="UKB705" s="613"/>
      <c r="UKC705" s="613"/>
      <c r="UKD705" s="613"/>
      <c r="UKE705" s="613"/>
      <c r="UKF705" s="613"/>
      <c r="UKG705" s="613"/>
      <c r="UKH705" s="613"/>
      <c r="UKI705" s="613"/>
      <c r="UKJ705" s="613"/>
      <c r="UKK705" s="613"/>
      <c r="UKL705" s="613"/>
      <c r="UKM705" s="613"/>
      <c r="UKN705" s="613"/>
      <c r="UKO705" s="613"/>
      <c r="UKP705" s="613"/>
      <c r="UKQ705" s="613"/>
      <c r="UKR705" s="613"/>
      <c r="UKS705" s="613"/>
      <c r="UKT705" s="613"/>
      <c r="UKU705" s="613"/>
      <c r="UKV705" s="613"/>
      <c r="UKW705" s="613"/>
      <c r="UKX705" s="613"/>
      <c r="UKY705" s="613"/>
      <c r="UKZ705" s="613"/>
      <c r="ULA705" s="613"/>
      <c r="ULB705" s="613"/>
      <c r="ULC705" s="613"/>
      <c r="ULD705" s="613"/>
      <c r="ULE705" s="613"/>
      <c r="ULF705" s="613"/>
      <c r="ULG705" s="613"/>
      <c r="ULH705" s="613"/>
      <c r="ULI705" s="613"/>
      <c r="ULJ705" s="613"/>
      <c r="ULK705" s="613"/>
      <c r="ULL705" s="613"/>
      <c r="ULM705" s="613"/>
      <c r="ULN705" s="613"/>
      <c r="ULO705" s="613"/>
      <c r="ULP705" s="613"/>
      <c r="ULQ705" s="613"/>
      <c r="ULR705" s="613"/>
      <c r="ULS705" s="613"/>
      <c r="ULT705" s="613"/>
      <c r="ULU705" s="613"/>
      <c r="ULV705" s="613"/>
      <c r="ULW705" s="613"/>
      <c r="ULX705" s="613"/>
      <c r="ULY705" s="613"/>
      <c r="ULZ705" s="613"/>
      <c r="UMA705" s="613"/>
      <c r="UMB705" s="613"/>
      <c r="UMC705" s="613"/>
      <c r="UMD705" s="613"/>
      <c r="UME705" s="613"/>
      <c r="UMF705" s="613"/>
      <c r="UMG705" s="613"/>
      <c r="UMH705" s="613"/>
      <c r="UMI705" s="613"/>
      <c r="UMJ705" s="613"/>
      <c r="UMK705" s="613"/>
      <c r="UML705" s="613"/>
      <c r="UMM705" s="613"/>
      <c r="UMN705" s="613"/>
      <c r="UMO705" s="613"/>
      <c r="UMP705" s="613"/>
      <c r="UMQ705" s="613"/>
      <c r="UMR705" s="613"/>
      <c r="UMS705" s="613"/>
      <c r="UMT705" s="613"/>
      <c r="UMU705" s="613"/>
      <c r="UMV705" s="613"/>
      <c r="UMW705" s="613"/>
      <c r="UMX705" s="613"/>
      <c r="UMY705" s="613"/>
      <c r="UMZ705" s="613"/>
      <c r="UNA705" s="613"/>
      <c r="UNB705" s="613"/>
      <c r="UNC705" s="613"/>
      <c r="UND705" s="613"/>
      <c r="UNE705" s="613"/>
      <c r="UNF705" s="613"/>
      <c r="UNG705" s="613"/>
      <c r="UNH705" s="613"/>
      <c r="UNI705" s="613"/>
      <c r="UNJ705" s="613"/>
      <c r="UNK705" s="613"/>
      <c r="UNL705" s="613"/>
      <c r="UNM705" s="613"/>
      <c r="UNN705" s="613"/>
      <c r="UNO705" s="613"/>
      <c r="UNP705" s="613"/>
      <c r="UNQ705" s="613"/>
      <c r="UNR705" s="613"/>
      <c r="UNS705" s="613"/>
      <c r="UNT705" s="613"/>
      <c r="UNU705" s="613"/>
      <c r="UNV705" s="613"/>
      <c r="UNW705" s="613"/>
      <c r="UNX705" s="613"/>
      <c r="UNY705" s="613"/>
      <c r="UNZ705" s="613"/>
      <c r="UOA705" s="613"/>
      <c r="UOB705" s="613"/>
      <c r="UOC705" s="613"/>
      <c r="UOD705" s="613"/>
      <c r="UOE705" s="613"/>
      <c r="UOF705" s="613"/>
      <c r="UOG705" s="613"/>
      <c r="UOH705" s="613"/>
      <c r="UOI705" s="613"/>
      <c r="UOJ705" s="613"/>
      <c r="UOK705" s="613"/>
      <c r="UOL705" s="613"/>
      <c r="UOM705" s="613"/>
      <c r="UON705" s="613"/>
      <c r="UOO705" s="613"/>
      <c r="UOP705" s="613"/>
      <c r="UOQ705" s="613"/>
      <c r="UOR705" s="613"/>
      <c r="UOS705" s="613"/>
      <c r="UOT705" s="613"/>
      <c r="UOU705" s="613"/>
      <c r="UOV705" s="613"/>
      <c r="UOW705" s="613"/>
      <c r="UOX705" s="613"/>
      <c r="UOY705" s="613"/>
      <c r="UOZ705" s="613"/>
      <c r="UPA705" s="613"/>
      <c r="UPB705" s="613"/>
      <c r="UPC705" s="613"/>
      <c r="UPD705" s="613"/>
      <c r="UPE705" s="613"/>
      <c r="UPF705" s="613"/>
      <c r="UPG705" s="613"/>
      <c r="UPH705" s="613"/>
      <c r="UPI705" s="613"/>
      <c r="UPJ705" s="613"/>
      <c r="UPK705" s="613"/>
      <c r="UPL705" s="613"/>
      <c r="UPM705" s="613"/>
      <c r="UPN705" s="613"/>
      <c r="UPO705" s="613"/>
      <c r="UPP705" s="613"/>
      <c r="UPQ705" s="613"/>
      <c r="UPR705" s="613"/>
      <c r="UPS705" s="613"/>
      <c r="UPT705" s="613"/>
      <c r="UPU705" s="613"/>
      <c r="UPV705" s="613"/>
      <c r="UPW705" s="613"/>
      <c r="UPX705" s="613"/>
      <c r="UPY705" s="613"/>
      <c r="UPZ705" s="613"/>
      <c r="UQA705" s="613"/>
      <c r="UQB705" s="613"/>
      <c r="UQC705" s="613"/>
      <c r="UQD705" s="613"/>
      <c r="UQE705" s="613"/>
      <c r="UQF705" s="613"/>
      <c r="UQG705" s="613"/>
      <c r="UQH705" s="613"/>
      <c r="UQI705" s="613"/>
      <c r="UQJ705" s="613"/>
      <c r="UQK705" s="613"/>
      <c r="UQL705" s="613"/>
      <c r="UQM705" s="613"/>
      <c r="UQN705" s="613"/>
      <c r="UQO705" s="613"/>
      <c r="UQP705" s="613"/>
      <c r="UQQ705" s="613"/>
      <c r="UQR705" s="613"/>
      <c r="UQS705" s="613"/>
      <c r="UQT705" s="613"/>
      <c r="UQU705" s="613"/>
      <c r="UQV705" s="613"/>
      <c r="UQW705" s="613"/>
      <c r="UQX705" s="613"/>
      <c r="UQY705" s="613"/>
      <c r="UQZ705" s="613"/>
      <c r="URA705" s="613"/>
      <c r="URB705" s="613"/>
      <c r="URC705" s="613"/>
      <c r="URD705" s="613"/>
      <c r="URE705" s="613"/>
      <c r="URF705" s="613"/>
      <c r="URG705" s="613"/>
      <c r="URH705" s="613"/>
      <c r="URI705" s="613"/>
      <c r="URJ705" s="613"/>
      <c r="URK705" s="613"/>
      <c r="URL705" s="613"/>
      <c r="URM705" s="613"/>
      <c r="URN705" s="613"/>
      <c r="URO705" s="613"/>
      <c r="URP705" s="613"/>
      <c r="URQ705" s="613"/>
      <c r="URR705" s="613"/>
      <c r="URS705" s="613"/>
      <c r="URT705" s="613"/>
      <c r="URU705" s="613"/>
      <c r="URV705" s="613"/>
      <c r="URW705" s="613"/>
      <c r="URX705" s="613"/>
      <c r="URY705" s="613"/>
      <c r="URZ705" s="613"/>
      <c r="USA705" s="613"/>
      <c r="USB705" s="613"/>
      <c r="USC705" s="613"/>
      <c r="USD705" s="613"/>
      <c r="USE705" s="613"/>
      <c r="USF705" s="613"/>
      <c r="USG705" s="613"/>
      <c r="USH705" s="613"/>
      <c r="USI705" s="613"/>
      <c r="USJ705" s="613"/>
      <c r="USK705" s="613"/>
      <c r="USL705" s="613"/>
      <c r="USM705" s="613"/>
      <c r="USN705" s="613"/>
      <c r="USO705" s="613"/>
      <c r="USP705" s="613"/>
      <c r="USQ705" s="613"/>
      <c r="USR705" s="613"/>
      <c r="USS705" s="613"/>
      <c r="UST705" s="613"/>
      <c r="USU705" s="613"/>
      <c r="USV705" s="613"/>
      <c r="USW705" s="613"/>
      <c r="USX705" s="613"/>
      <c r="USY705" s="613"/>
      <c r="USZ705" s="613"/>
      <c r="UTA705" s="613"/>
      <c r="UTB705" s="613"/>
      <c r="UTC705" s="613"/>
      <c r="UTD705" s="613"/>
      <c r="UTE705" s="613"/>
      <c r="UTF705" s="613"/>
      <c r="UTG705" s="613"/>
      <c r="UTH705" s="613"/>
      <c r="UTI705" s="613"/>
      <c r="UTJ705" s="613"/>
      <c r="UTK705" s="613"/>
      <c r="UTL705" s="613"/>
      <c r="UTM705" s="613"/>
      <c r="UTN705" s="613"/>
      <c r="UTO705" s="613"/>
      <c r="UTP705" s="613"/>
      <c r="UTQ705" s="613"/>
      <c r="UTR705" s="613"/>
      <c r="UTS705" s="613"/>
      <c r="UTT705" s="613"/>
      <c r="UTU705" s="613"/>
      <c r="UTV705" s="613"/>
      <c r="UTW705" s="613"/>
      <c r="UTX705" s="613"/>
      <c r="UTY705" s="613"/>
      <c r="UTZ705" s="613"/>
      <c r="UUA705" s="613"/>
      <c r="UUB705" s="613"/>
      <c r="UUC705" s="613"/>
      <c r="UUD705" s="613"/>
      <c r="UUE705" s="613"/>
      <c r="UUF705" s="613"/>
      <c r="UUG705" s="613"/>
      <c r="UUH705" s="613"/>
      <c r="UUI705" s="613"/>
      <c r="UUJ705" s="613"/>
      <c r="UUK705" s="613"/>
      <c r="UUL705" s="613"/>
      <c r="UUM705" s="613"/>
      <c r="UUN705" s="613"/>
      <c r="UUO705" s="613"/>
      <c r="UUP705" s="613"/>
      <c r="UUQ705" s="613"/>
      <c r="UUR705" s="613"/>
      <c r="UUS705" s="613"/>
      <c r="UUT705" s="613"/>
      <c r="UUU705" s="613"/>
      <c r="UUV705" s="613"/>
      <c r="UUW705" s="613"/>
      <c r="UUX705" s="613"/>
      <c r="UUY705" s="613"/>
      <c r="UUZ705" s="613"/>
      <c r="UVA705" s="613"/>
      <c r="UVB705" s="613"/>
      <c r="UVC705" s="613"/>
      <c r="UVD705" s="613"/>
      <c r="UVE705" s="613"/>
      <c r="UVF705" s="613"/>
      <c r="UVG705" s="613"/>
      <c r="UVH705" s="613"/>
      <c r="UVI705" s="613"/>
      <c r="UVJ705" s="613"/>
      <c r="UVK705" s="613"/>
      <c r="UVL705" s="613"/>
      <c r="UVM705" s="613"/>
      <c r="UVN705" s="613"/>
      <c r="UVO705" s="613"/>
      <c r="UVP705" s="613"/>
      <c r="UVQ705" s="613"/>
      <c r="UVR705" s="613"/>
      <c r="UVS705" s="613"/>
      <c r="UVT705" s="613"/>
      <c r="UVU705" s="613"/>
      <c r="UVV705" s="613"/>
      <c r="UVW705" s="613"/>
      <c r="UVX705" s="613"/>
      <c r="UVY705" s="613"/>
      <c r="UVZ705" s="613"/>
      <c r="UWA705" s="613"/>
      <c r="UWB705" s="613"/>
      <c r="UWC705" s="613"/>
      <c r="UWD705" s="613"/>
      <c r="UWE705" s="613"/>
      <c r="UWF705" s="613"/>
      <c r="UWG705" s="613"/>
      <c r="UWH705" s="613"/>
      <c r="UWI705" s="613"/>
      <c r="UWJ705" s="613"/>
      <c r="UWK705" s="613"/>
      <c r="UWL705" s="613"/>
      <c r="UWM705" s="613"/>
      <c r="UWN705" s="613"/>
      <c r="UWO705" s="613"/>
      <c r="UWP705" s="613"/>
      <c r="UWQ705" s="613"/>
      <c r="UWR705" s="613"/>
      <c r="UWS705" s="613"/>
      <c r="UWT705" s="613"/>
      <c r="UWU705" s="613"/>
      <c r="UWV705" s="613"/>
      <c r="UWW705" s="613"/>
      <c r="UWX705" s="613"/>
      <c r="UWY705" s="613"/>
      <c r="UWZ705" s="613"/>
      <c r="UXA705" s="613"/>
      <c r="UXB705" s="613"/>
      <c r="UXC705" s="613"/>
      <c r="UXD705" s="613"/>
      <c r="UXE705" s="613"/>
      <c r="UXF705" s="613"/>
      <c r="UXG705" s="613"/>
      <c r="UXH705" s="613"/>
      <c r="UXI705" s="613"/>
      <c r="UXJ705" s="613"/>
      <c r="UXK705" s="613"/>
      <c r="UXL705" s="613"/>
      <c r="UXM705" s="613"/>
      <c r="UXN705" s="613"/>
      <c r="UXO705" s="613"/>
      <c r="UXP705" s="613"/>
      <c r="UXQ705" s="613"/>
      <c r="UXR705" s="613"/>
      <c r="UXS705" s="613"/>
      <c r="UXT705" s="613"/>
      <c r="UXU705" s="613"/>
      <c r="UXV705" s="613"/>
      <c r="UXW705" s="613"/>
      <c r="UXX705" s="613"/>
      <c r="UXY705" s="613"/>
      <c r="UXZ705" s="613"/>
      <c r="UYA705" s="613"/>
      <c r="UYB705" s="613"/>
      <c r="UYC705" s="613"/>
      <c r="UYD705" s="613"/>
      <c r="UYE705" s="613"/>
      <c r="UYF705" s="613"/>
      <c r="UYG705" s="613"/>
      <c r="UYH705" s="613"/>
      <c r="UYI705" s="613"/>
      <c r="UYJ705" s="613"/>
      <c r="UYK705" s="613"/>
      <c r="UYL705" s="613"/>
      <c r="UYM705" s="613"/>
      <c r="UYN705" s="613"/>
      <c r="UYO705" s="613"/>
      <c r="UYP705" s="613"/>
      <c r="UYQ705" s="613"/>
      <c r="UYR705" s="613"/>
      <c r="UYS705" s="613"/>
      <c r="UYT705" s="613"/>
      <c r="UYU705" s="613"/>
      <c r="UYV705" s="613"/>
      <c r="UYW705" s="613"/>
      <c r="UYX705" s="613"/>
      <c r="UYY705" s="613"/>
      <c r="UYZ705" s="613"/>
      <c r="UZA705" s="613"/>
      <c r="UZB705" s="613"/>
      <c r="UZC705" s="613"/>
      <c r="UZD705" s="613"/>
      <c r="UZE705" s="613"/>
      <c r="UZF705" s="613"/>
      <c r="UZG705" s="613"/>
      <c r="UZH705" s="613"/>
      <c r="UZI705" s="613"/>
      <c r="UZJ705" s="613"/>
      <c r="UZK705" s="613"/>
      <c r="UZL705" s="613"/>
      <c r="UZM705" s="613"/>
      <c r="UZN705" s="613"/>
      <c r="UZO705" s="613"/>
      <c r="UZP705" s="613"/>
      <c r="UZQ705" s="613"/>
      <c r="UZR705" s="613"/>
      <c r="UZS705" s="613"/>
      <c r="UZT705" s="613"/>
      <c r="UZU705" s="613"/>
      <c r="UZV705" s="613"/>
      <c r="UZW705" s="613"/>
      <c r="UZX705" s="613"/>
      <c r="UZY705" s="613"/>
      <c r="UZZ705" s="613"/>
      <c r="VAA705" s="613"/>
      <c r="VAB705" s="613"/>
      <c r="VAC705" s="613"/>
      <c r="VAD705" s="613"/>
      <c r="VAE705" s="613"/>
      <c r="VAF705" s="613"/>
      <c r="VAG705" s="613"/>
      <c r="VAH705" s="613"/>
      <c r="VAI705" s="613"/>
      <c r="VAJ705" s="613"/>
      <c r="VAK705" s="613"/>
      <c r="VAL705" s="613"/>
      <c r="VAM705" s="613"/>
      <c r="VAN705" s="613"/>
      <c r="VAO705" s="613"/>
      <c r="VAP705" s="613"/>
      <c r="VAQ705" s="613"/>
      <c r="VAR705" s="613"/>
      <c r="VAS705" s="613"/>
      <c r="VAT705" s="613"/>
      <c r="VAU705" s="613"/>
      <c r="VAV705" s="613"/>
      <c r="VAW705" s="613"/>
      <c r="VAX705" s="613"/>
      <c r="VAY705" s="613"/>
      <c r="VAZ705" s="613"/>
      <c r="VBA705" s="613"/>
      <c r="VBB705" s="613"/>
      <c r="VBC705" s="613"/>
      <c r="VBD705" s="613"/>
      <c r="VBE705" s="613"/>
      <c r="VBF705" s="613"/>
      <c r="VBG705" s="613"/>
      <c r="VBH705" s="613"/>
      <c r="VBI705" s="613"/>
      <c r="VBJ705" s="613"/>
      <c r="VBK705" s="613"/>
      <c r="VBL705" s="613"/>
      <c r="VBM705" s="613"/>
      <c r="VBN705" s="613"/>
      <c r="VBO705" s="613"/>
      <c r="VBP705" s="613"/>
      <c r="VBQ705" s="613"/>
      <c r="VBR705" s="613"/>
      <c r="VBS705" s="613"/>
      <c r="VBT705" s="613"/>
      <c r="VBU705" s="613"/>
      <c r="VBV705" s="613"/>
      <c r="VBW705" s="613"/>
      <c r="VBX705" s="613"/>
      <c r="VBY705" s="613"/>
      <c r="VBZ705" s="613"/>
      <c r="VCA705" s="613"/>
      <c r="VCB705" s="613"/>
      <c r="VCC705" s="613"/>
      <c r="VCD705" s="613"/>
      <c r="VCE705" s="613"/>
      <c r="VCF705" s="613"/>
      <c r="VCG705" s="613"/>
      <c r="VCH705" s="613"/>
      <c r="VCI705" s="613"/>
      <c r="VCJ705" s="613"/>
      <c r="VCK705" s="613"/>
      <c r="VCL705" s="613"/>
      <c r="VCM705" s="613"/>
      <c r="VCN705" s="613"/>
      <c r="VCO705" s="613"/>
      <c r="VCP705" s="613"/>
      <c r="VCQ705" s="613"/>
      <c r="VCR705" s="613"/>
      <c r="VCS705" s="613"/>
      <c r="VCT705" s="613"/>
      <c r="VCU705" s="613"/>
      <c r="VCV705" s="613"/>
      <c r="VCW705" s="613"/>
      <c r="VCX705" s="613"/>
      <c r="VCY705" s="613"/>
      <c r="VCZ705" s="613"/>
      <c r="VDA705" s="613"/>
      <c r="VDB705" s="613"/>
      <c r="VDC705" s="613"/>
      <c r="VDD705" s="613"/>
      <c r="VDE705" s="613"/>
      <c r="VDF705" s="613"/>
      <c r="VDG705" s="613"/>
      <c r="VDH705" s="613"/>
      <c r="VDI705" s="613"/>
      <c r="VDJ705" s="613"/>
      <c r="VDK705" s="613"/>
      <c r="VDL705" s="613"/>
      <c r="VDM705" s="613"/>
      <c r="VDN705" s="613"/>
      <c r="VDO705" s="613"/>
      <c r="VDP705" s="613"/>
      <c r="VDQ705" s="613"/>
      <c r="VDR705" s="613"/>
      <c r="VDS705" s="613"/>
      <c r="VDT705" s="613"/>
      <c r="VDU705" s="613"/>
      <c r="VDV705" s="613"/>
      <c r="VDW705" s="613"/>
      <c r="VDX705" s="613"/>
      <c r="VDY705" s="613"/>
      <c r="VDZ705" s="613"/>
      <c r="VEA705" s="613"/>
      <c r="VEB705" s="613"/>
      <c r="VEC705" s="613"/>
      <c r="VED705" s="613"/>
      <c r="VEE705" s="613"/>
      <c r="VEF705" s="613"/>
      <c r="VEG705" s="613"/>
      <c r="VEH705" s="613"/>
      <c r="VEI705" s="613"/>
      <c r="VEJ705" s="613"/>
      <c r="VEK705" s="613"/>
      <c r="VEL705" s="613"/>
      <c r="VEM705" s="613"/>
      <c r="VEN705" s="613"/>
      <c r="VEO705" s="613"/>
      <c r="VEP705" s="613"/>
      <c r="VEQ705" s="613"/>
      <c r="VER705" s="613"/>
      <c r="VES705" s="613"/>
      <c r="VET705" s="613"/>
      <c r="VEU705" s="613"/>
      <c r="VEV705" s="613"/>
      <c r="VEW705" s="613"/>
      <c r="VEX705" s="613"/>
      <c r="VEY705" s="613"/>
      <c r="VEZ705" s="613"/>
      <c r="VFA705" s="613"/>
      <c r="VFB705" s="613"/>
      <c r="VFC705" s="613"/>
      <c r="VFD705" s="613"/>
      <c r="VFE705" s="613"/>
      <c r="VFF705" s="613"/>
      <c r="VFG705" s="613"/>
      <c r="VFH705" s="613"/>
      <c r="VFI705" s="613"/>
      <c r="VFJ705" s="613"/>
      <c r="VFK705" s="613"/>
      <c r="VFL705" s="613"/>
      <c r="VFM705" s="613"/>
      <c r="VFN705" s="613"/>
      <c r="VFO705" s="613"/>
      <c r="VFP705" s="613"/>
      <c r="VFQ705" s="613"/>
      <c r="VFR705" s="613"/>
      <c r="VFS705" s="613"/>
      <c r="VFT705" s="613"/>
      <c r="VFU705" s="613"/>
      <c r="VFV705" s="613"/>
      <c r="VFW705" s="613"/>
      <c r="VFX705" s="613"/>
      <c r="VFY705" s="613"/>
      <c r="VFZ705" s="613"/>
      <c r="VGA705" s="613"/>
      <c r="VGB705" s="613"/>
      <c r="VGC705" s="613"/>
      <c r="VGD705" s="613"/>
      <c r="VGE705" s="613"/>
      <c r="VGF705" s="613"/>
      <c r="VGG705" s="613"/>
      <c r="VGH705" s="613"/>
      <c r="VGI705" s="613"/>
      <c r="VGJ705" s="613"/>
      <c r="VGK705" s="613"/>
      <c r="VGL705" s="613"/>
      <c r="VGM705" s="613"/>
      <c r="VGN705" s="613"/>
      <c r="VGO705" s="613"/>
      <c r="VGP705" s="613"/>
      <c r="VGQ705" s="613"/>
      <c r="VGR705" s="613"/>
      <c r="VGS705" s="613"/>
      <c r="VGT705" s="613"/>
      <c r="VGU705" s="613"/>
      <c r="VGV705" s="613"/>
      <c r="VGW705" s="613"/>
      <c r="VGX705" s="613"/>
      <c r="VGY705" s="613"/>
      <c r="VGZ705" s="613"/>
      <c r="VHA705" s="613"/>
      <c r="VHB705" s="613"/>
      <c r="VHC705" s="613"/>
      <c r="VHD705" s="613"/>
      <c r="VHE705" s="613"/>
      <c r="VHF705" s="613"/>
      <c r="VHG705" s="613"/>
      <c r="VHH705" s="613"/>
      <c r="VHI705" s="613"/>
      <c r="VHJ705" s="613"/>
      <c r="VHK705" s="613"/>
      <c r="VHL705" s="613"/>
      <c r="VHM705" s="613"/>
      <c r="VHN705" s="613"/>
      <c r="VHO705" s="613"/>
      <c r="VHP705" s="613"/>
      <c r="VHQ705" s="613"/>
      <c r="VHR705" s="613"/>
      <c r="VHS705" s="613"/>
      <c r="VHT705" s="613"/>
      <c r="VHU705" s="613"/>
      <c r="VHV705" s="613"/>
      <c r="VHW705" s="613"/>
      <c r="VHX705" s="613"/>
      <c r="VHY705" s="613"/>
      <c r="VHZ705" s="613"/>
      <c r="VIA705" s="613"/>
      <c r="VIB705" s="613"/>
      <c r="VIC705" s="613"/>
      <c r="VID705" s="613"/>
      <c r="VIE705" s="613"/>
      <c r="VIF705" s="613"/>
      <c r="VIG705" s="613"/>
      <c r="VIH705" s="613"/>
      <c r="VII705" s="613"/>
      <c r="VIJ705" s="613"/>
      <c r="VIK705" s="613"/>
      <c r="VIL705" s="613"/>
      <c r="VIM705" s="613"/>
      <c r="VIN705" s="613"/>
      <c r="VIO705" s="613"/>
      <c r="VIP705" s="613"/>
      <c r="VIQ705" s="613"/>
      <c r="VIR705" s="613"/>
      <c r="VIS705" s="613"/>
      <c r="VIT705" s="613"/>
      <c r="VIU705" s="613"/>
      <c r="VIV705" s="613"/>
      <c r="VIW705" s="613"/>
      <c r="VIX705" s="613"/>
      <c r="VIY705" s="613"/>
      <c r="VIZ705" s="613"/>
      <c r="VJA705" s="613"/>
      <c r="VJB705" s="613"/>
      <c r="VJC705" s="613"/>
      <c r="VJD705" s="613"/>
      <c r="VJE705" s="613"/>
      <c r="VJF705" s="613"/>
      <c r="VJG705" s="613"/>
      <c r="VJH705" s="613"/>
      <c r="VJI705" s="613"/>
      <c r="VJJ705" s="613"/>
      <c r="VJK705" s="613"/>
      <c r="VJL705" s="613"/>
      <c r="VJM705" s="613"/>
      <c r="VJN705" s="613"/>
      <c r="VJO705" s="613"/>
      <c r="VJP705" s="613"/>
      <c r="VJQ705" s="613"/>
      <c r="VJR705" s="613"/>
      <c r="VJS705" s="613"/>
      <c r="VJT705" s="613"/>
      <c r="VJU705" s="613"/>
      <c r="VJV705" s="613"/>
      <c r="VJW705" s="613"/>
      <c r="VJX705" s="613"/>
      <c r="VJY705" s="613"/>
      <c r="VJZ705" s="613"/>
      <c r="VKA705" s="613"/>
      <c r="VKB705" s="613"/>
      <c r="VKC705" s="613"/>
      <c r="VKD705" s="613"/>
      <c r="VKE705" s="613"/>
      <c r="VKF705" s="613"/>
      <c r="VKG705" s="613"/>
      <c r="VKH705" s="613"/>
      <c r="VKI705" s="613"/>
      <c r="VKJ705" s="613"/>
      <c r="VKK705" s="613"/>
      <c r="VKL705" s="613"/>
      <c r="VKM705" s="613"/>
      <c r="VKN705" s="613"/>
      <c r="VKO705" s="613"/>
      <c r="VKP705" s="613"/>
      <c r="VKQ705" s="613"/>
      <c r="VKR705" s="613"/>
      <c r="VKS705" s="613"/>
      <c r="VKT705" s="613"/>
      <c r="VKU705" s="613"/>
      <c r="VKV705" s="613"/>
      <c r="VKW705" s="613"/>
      <c r="VKX705" s="613"/>
      <c r="VKY705" s="613"/>
      <c r="VKZ705" s="613"/>
      <c r="VLA705" s="613"/>
      <c r="VLB705" s="613"/>
      <c r="VLC705" s="613"/>
      <c r="VLD705" s="613"/>
      <c r="VLE705" s="613"/>
      <c r="VLF705" s="613"/>
      <c r="VLG705" s="613"/>
      <c r="VLH705" s="613"/>
      <c r="VLI705" s="613"/>
      <c r="VLJ705" s="613"/>
      <c r="VLK705" s="613"/>
      <c r="VLL705" s="613"/>
      <c r="VLM705" s="613"/>
      <c r="VLN705" s="613"/>
      <c r="VLO705" s="613"/>
      <c r="VLP705" s="613"/>
      <c r="VLQ705" s="613"/>
      <c r="VLR705" s="613"/>
      <c r="VLS705" s="613"/>
      <c r="VLT705" s="613"/>
      <c r="VLU705" s="613"/>
      <c r="VLV705" s="613"/>
      <c r="VLW705" s="613"/>
      <c r="VLX705" s="613"/>
      <c r="VLY705" s="613"/>
      <c r="VLZ705" s="613"/>
      <c r="VMA705" s="613"/>
      <c r="VMB705" s="613"/>
      <c r="VMC705" s="613"/>
      <c r="VMD705" s="613"/>
      <c r="VME705" s="613"/>
      <c r="VMF705" s="613"/>
      <c r="VMG705" s="613"/>
      <c r="VMH705" s="613"/>
      <c r="VMI705" s="613"/>
      <c r="VMJ705" s="613"/>
      <c r="VMK705" s="613"/>
      <c r="VML705" s="613"/>
      <c r="VMM705" s="613"/>
      <c r="VMN705" s="613"/>
      <c r="VMO705" s="613"/>
      <c r="VMP705" s="613"/>
      <c r="VMQ705" s="613"/>
      <c r="VMR705" s="613"/>
      <c r="VMS705" s="613"/>
      <c r="VMT705" s="613"/>
      <c r="VMU705" s="613"/>
      <c r="VMV705" s="613"/>
      <c r="VMW705" s="613"/>
      <c r="VMX705" s="613"/>
      <c r="VMY705" s="613"/>
      <c r="VMZ705" s="613"/>
      <c r="VNA705" s="613"/>
      <c r="VNB705" s="613"/>
      <c r="VNC705" s="613"/>
      <c r="VND705" s="613"/>
      <c r="VNE705" s="613"/>
      <c r="VNF705" s="613"/>
      <c r="VNG705" s="613"/>
      <c r="VNH705" s="613"/>
      <c r="VNI705" s="613"/>
      <c r="VNJ705" s="613"/>
      <c r="VNK705" s="613"/>
      <c r="VNL705" s="613"/>
      <c r="VNM705" s="613"/>
      <c r="VNN705" s="613"/>
      <c r="VNO705" s="613"/>
      <c r="VNP705" s="613"/>
      <c r="VNQ705" s="613"/>
      <c r="VNR705" s="613"/>
      <c r="VNS705" s="613"/>
      <c r="VNT705" s="613"/>
      <c r="VNU705" s="613"/>
      <c r="VNV705" s="613"/>
      <c r="VNW705" s="613"/>
      <c r="VNX705" s="613"/>
      <c r="VNY705" s="613"/>
      <c r="VNZ705" s="613"/>
      <c r="VOA705" s="613"/>
      <c r="VOB705" s="613"/>
      <c r="VOC705" s="613"/>
      <c r="VOD705" s="613"/>
      <c r="VOE705" s="613"/>
      <c r="VOF705" s="613"/>
      <c r="VOG705" s="613"/>
      <c r="VOH705" s="613"/>
      <c r="VOI705" s="613"/>
      <c r="VOJ705" s="613"/>
      <c r="VOK705" s="613"/>
      <c r="VOL705" s="613"/>
      <c r="VOM705" s="613"/>
      <c r="VON705" s="613"/>
      <c r="VOO705" s="613"/>
      <c r="VOP705" s="613"/>
      <c r="VOQ705" s="613"/>
      <c r="VOR705" s="613"/>
      <c r="VOS705" s="613"/>
      <c r="VOT705" s="613"/>
      <c r="VOU705" s="613"/>
      <c r="VOV705" s="613"/>
      <c r="VOW705" s="613"/>
      <c r="VOX705" s="613"/>
      <c r="VOY705" s="613"/>
      <c r="VOZ705" s="613"/>
      <c r="VPA705" s="613"/>
      <c r="VPB705" s="613"/>
      <c r="VPC705" s="613"/>
      <c r="VPD705" s="613"/>
      <c r="VPE705" s="613"/>
      <c r="VPF705" s="613"/>
      <c r="VPG705" s="613"/>
      <c r="VPH705" s="613"/>
      <c r="VPI705" s="613"/>
      <c r="VPJ705" s="613"/>
      <c r="VPK705" s="613"/>
      <c r="VPL705" s="613"/>
      <c r="VPM705" s="613"/>
      <c r="VPN705" s="613"/>
      <c r="VPO705" s="613"/>
      <c r="VPP705" s="613"/>
      <c r="VPQ705" s="613"/>
      <c r="VPR705" s="613"/>
      <c r="VPS705" s="613"/>
      <c r="VPT705" s="613"/>
      <c r="VPU705" s="613"/>
      <c r="VPV705" s="613"/>
      <c r="VPW705" s="613"/>
      <c r="VPX705" s="613"/>
      <c r="VPY705" s="613"/>
      <c r="VPZ705" s="613"/>
      <c r="VQA705" s="613"/>
      <c r="VQB705" s="613"/>
      <c r="VQC705" s="613"/>
      <c r="VQD705" s="613"/>
      <c r="VQE705" s="613"/>
      <c r="VQF705" s="613"/>
      <c r="VQG705" s="613"/>
      <c r="VQH705" s="613"/>
      <c r="VQI705" s="613"/>
      <c r="VQJ705" s="613"/>
      <c r="VQK705" s="613"/>
      <c r="VQL705" s="613"/>
      <c r="VQM705" s="613"/>
      <c r="VQN705" s="613"/>
      <c r="VQO705" s="613"/>
      <c r="VQP705" s="613"/>
      <c r="VQQ705" s="613"/>
      <c r="VQR705" s="613"/>
      <c r="VQS705" s="613"/>
      <c r="VQT705" s="613"/>
      <c r="VQU705" s="613"/>
      <c r="VQV705" s="613"/>
      <c r="VQW705" s="613"/>
      <c r="VQX705" s="613"/>
      <c r="VQY705" s="613"/>
      <c r="VQZ705" s="613"/>
      <c r="VRA705" s="613"/>
      <c r="VRB705" s="613"/>
      <c r="VRC705" s="613"/>
      <c r="VRD705" s="613"/>
      <c r="VRE705" s="613"/>
      <c r="VRF705" s="613"/>
      <c r="VRG705" s="613"/>
      <c r="VRH705" s="613"/>
      <c r="VRI705" s="613"/>
      <c r="VRJ705" s="613"/>
      <c r="VRK705" s="613"/>
      <c r="VRL705" s="613"/>
      <c r="VRM705" s="613"/>
      <c r="VRN705" s="613"/>
      <c r="VRO705" s="613"/>
      <c r="VRP705" s="613"/>
      <c r="VRQ705" s="613"/>
      <c r="VRR705" s="613"/>
      <c r="VRS705" s="613"/>
      <c r="VRT705" s="613"/>
      <c r="VRU705" s="613"/>
      <c r="VRV705" s="613"/>
      <c r="VRW705" s="613"/>
      <c r="VRX705" s="613"/>
      <c r="VRY705" s="613"/>
      <c r="VRZ705" s="613"/>
      <c r="VSA705" s="613"/>
      <c r="VSB705" s="613"/>
      <c r="VSC705" s="613"/>
      <c r="VSD705" s="613"/>
      <c r="VSE705" s="613"/>
      <c r="VSF705" s="613"/>
      <c r="VSG705" s="613"/>
      <c r="VSH705" s="613"/>
      <c r="VSI705" s="613"/>
      <c r="VSJ705" s="613"/>
      <c r="VSK705" s="613"/>
      <c r="VSL705" s="613"/>
      <c r="VSM705" s="613"/>
      <c r="VSN705" s="613"/>
      <c r="VSO705" s="613"/>
      <c r="VSP705" s="613"/>
      <c r="VSQ705" s="613"/>
      <c r="VSR705" s="613"/>
      <c r="VSS705" s="613"/>
      <c r="VST705" s="613"/>
      <c r="VSU705" s="613"/>
      <c r="VSV705" s="613"/>
      <c r="VSW705" s="613"/>
      <c r="VSX705" s="613"/>
      <c r="VSY705" s="613"/>
      <c r="VSZ705" s="613"/>
      <c r="VTA705" s="613"/>
      <c r="VTB705" s="613"/>
      <c r="VTC705" s="613"/>
      <c r="VTD705" s="613"/>
      <c r="VTE705" s="613"/>
      <c r="VTF705" s="613"/>
      <c r="VTG705" s="613"/>
      <c r="VTH705" s="613"/>
      <c r="VTI705" s="613"/>
      <c r="VTJ705" s="613"/>
      <c r="VTK705" s="613"/>
      <c r="VTL705" s="613"/>
      <c r="VTM705" s="613"/>
      <c r="VTN705" s="613"/>
      <c r="VTO705" s="613"/>
      <c r="VTP705" s="613"/>
      <c r="VTQ705" s="613"/>
      <c r="VTR705" s="613"/>
      <c r="VTS705" s="613"/>
      <c r="VTT705" s="613"/>
      <c r="VTU705" s="613"/>
      <c r="VTV705" s="613"/>
      <c r="VTW705" s="613"/>
      <c r="VTX705" s="613"/>
      <c r="VTY705" s="613"/>
      <c r="VTZ705" s="613"/>
      <c r="VUA705" s="613"/>
      <c r="VUB705" s="613"/>
      <c r="VUC705" s="613"/>
      <c r="VUD705" s="613"/>
      <c r="VUE705" s="613"/>
      <c r="VUF705" s="613"/>
      <c r="VUG705" s="613"/>
      <c r="VUH705" s="613"/>
      <c r="VUI705" s="613"/>
      <c r="VUJ705" s="613"/>
      <c r="VUK705" s="613"/>
      <c r="VUL705" s="613"/>
      <c r="VUM705" s="613"/>
      <c r="VUN705" s="613"/>
      <c r="VUO705" s="613"/>
      <c r="VUP705" s="613"/>
      <c r="VUQ705" s="613"/>
      <c r="VUR705" s="613"/>
      <c r="VUS705" s="613"/>
      <c r="VUT705" s="613"/>
      <c r="VUU705" s="613"/>
      <c r="VUV705" s="613"/>
      <c r="VUW705" s="613"/>
      <c r="VUX705" s="613"/>
      <c r="VUY705" s="613"/>
      <c r="VUZ705" s="613"/>
      <c r="VVA705" s="613"/>
      <c r="VVB705" s="613"/>
      <c r="VVC705" s="613"/>
      <c r="VVD705" s="613"/>
      <c r="VVE705" s="613"/>
      <c r="VVF705" s="613"/>
      <c r="VVG705" s="613"/>
      <c r="VVH705" s="613"/>
      <c r="VVI705" s="613"/>
      <c r="VVJ705" s="613"/>
      <c r="VVK705" s="613"/>
      <c r="VVL705" s="613"/>
      <c r="VVM705" s="613"/>
      <c r="VVN705" s="613"/>
      <c r="VVO705" s="613"/>
      <c r="VVP705" s="613"/>
      <c r="VVQ705" s="613"/>
      <c r="VVR705" s="613"/>
      <c r="VVS705" s="613"/>
      <c r="VVT705" s="613"/>
      <c r="VVU705" s="613"/>
      <c r="VVV705" s="613"/>
      <c r="VVW705" s="613"/>
      <c r="VVX705" s="613"/>
      <c r="VVY705" s="613"/>
      <c r="VVZ705" s="613"/>
      <c r="VWA705" s="613"/>
      <c r="VWB705" s="613"/>
      <c r="VWC705" s="613"/>
      <c r="VWD705" s="613"/>
      <c r="VWE705" s="613"/>
      <c r="VWF705" s="613"/>
      <c r="VWG705" s="613"/>
      <c r="VWH705" s="613"/>
      <c r="VWI705" s="613"/>
      <c r="VWJ705" s="613"/>
      <c r="VWK705" s="613"/>
      <c r="VWL705" s="613"/>
      <c r="VWM705" s="613"/>
      <c r="VWN705" s="613"/>
      <c r="VWO705" s="613"/>
      <c r="VWP705" s="613"/>
      <c r="VWQ705" s="613"/>
      <c r="VWR705" s="613"/>
      <c r="VWS705" s="613"/>
      <c r="VWT705" s="613"/>
      <c r="VWU705" s="613"/>
      <c r="VWV705" s="613"/>
      <c r="VWW705" s="613"/>
      <c r="VWX705" s="613"/>
      <c r="VWY705" s="613"/>
      <c r="VWZ705" s="613"/>
      <c r="VXA705" s="613"/>
      <c r="VXB705" s="613"/>
      <c r="VXC705" s="613"/>
      <c r="VXD705" s="613"/>
      <c r="VXE705" s="613"/>
      <c r="VXF705" s="613"/>
      <c r="VXG705" s="613"/>
      <c r="VXH705" s="613"/>
      <c r="VXI705" s="613"/>
      <c r="VXJ705" s="613"/>
      <c r="VXK705" s="613"/>
      <c r="VXL705" s="613"/>
      <c r="VXM705" s="613"/>
      <c r="VXN705" s="613"/>
      <c r="VXO705" s="613"/>
      <c r="VXP705" s="613"/>
      <c r="VXQ705" s="613"/>
      <c r="VXR705" s="613"/>
      <c r="VXS705" s="613"/>
      <c r="VXT705" s="613"/>
      <c r="VXU705" s="613"/>
      <c r="VXV705" s="613"/>
      <c r="VXW705" s="613"/>
      <c r="VXX705" s="613"/>
      <c r="VXY705" s="613"/>
      <c r="VXZ705" s="613"/>
      <c r="VYA705" s="613"/>
      <c r="VYB705" s="613"/>
      <c r="VYC705" s="613"/>
      <c r="VYD705" s="613"/>
      <c r="VYE705" s="613"/>
      <c r="VYF705" s="613"/>
      <c r="VYG705" s="613"/>
      <c r="VYH705" s="613"/>
      <c r="VYI705" s="613"/>
      <c r="VYJ705" s="613"/>
      <c r="VYK705" s="613"/>
      <c r="VYL705" s="613"/>
      <c r="VYM705" s="613"/>
      <c r="VYN705" s="613"/>
      <c r="VYO705" s="613"/>
      <c r="VYP705" s="613"/>
      <c r="VYQ705" s="613"/>
      <c r="VYR705" s="613"/>
      <c r="VYS705" s="613"/>
      <c r="VYT705" s="613"/>
      <c r="VYU705" s="613"/>
      <c r="VYV705" s="613"/>
      <c r="VYW705" s="613"/>
      <c r="VYX705" s="613"/>
      <c r="VYY705" s="613"/>
      <c r="VYZ705" s="613"/>
      <c r="VZA705" s="613"/>
      <c r="VZB705" s="613"/>
      <c r="VZC705" s="613"/>
      <c r="VZD705" s="613"/>
      <c r="VZE705" s="613"/>
      <c r="VZF705" s="613"/>
      <c r="VZG705" s="613"/>
      <c r="VZH705" s="613"/>
      <c r="VZI705" s="613"/>
      <c r="VZJ705" s="613"/>
      <c r="VZK705" s="613"/>
      <c r="VZL705" s="613"/>
      <c r="VZM705" s="613"/>
      <c r="VZN705" s="613"/>
      <c r="VZO705" s="613"/>
      <c r="VZP705" s="613"/>
      <c r="VZQ705" s="613"/>
      <c r="VZR705" s="613"/>
      <c r="VZS705" s="613"/>
      <c r="VZT705" s="613"/>
      <c r="VZU705" s="613"/>
      <c r="VZV705" s="613"/>
      <c r="VZW705" s="613"/>
      <c r="VZX705" s="613"/>
      <c r="VZY705" s="613"/>
      <c r="VZZ705" s="613"/>
      <c r="WAA705" s="613"/>
      <c r="WAB705" s="613"/>
      <c r="WAC705" s="613"/>
      <c r="WAD705" s="613"/>
      <c r="WAE705" s="613"/>
      <c r="WAF705" s="613"/>
      <c r="WAG705" s="613"/>
      <c r="WAH705" s="613"/>
      <c r="WAI705" s="613"/>
      <c r="WAJ705" s="613"/>
      <c r="WAK705" s="613"/>
      <c r="WAL705" s="613"/>
      <c r="WAM705" s="613"/>
      <c r="WAN705" s="613"/>
      <c r="WAO705" s="613"/>
      <c r="WAP705" s="613"/>
      <c r="WAQ705" s="613"/>
      <c r="WAR705" s="613"/>
      <c r="WAS705" s="613"/>
      <c r="WAT705" s="613"/>
      <c r="WAU705" s="613"/>
      <c r="WAV705" s="613"/>
      <c r="WAW705" s="613"/>
      <c r="WAX705" s="613"/>
      <c r="WAY705" s="613"/>
      <c r="WAZ705" s="613"/>
      <c r="WBA705" s="613"/>
      <c r="WBB705" s="613"/>
      <c r="WBC705" s="613"/>
      <c r="WBD705" s="613"/>
      <c r="WBE705" s="613"/>
      <c r="WBF705" s="613"/>
      <c r="WBG705" s="613"/>
      <c r="WBH705" s="613"/>
      <c r="WBI705" s="613"/>
      <c r="WBJ705" s="613"/>
      <c r="WBK705" s="613"/>
      <c r="WBL705" s="613"/>
      <c r="WBM705" s="613"/>
      <c r="WBN705" s="613"/>
      <c r="WBO705" s="613"/>
      <c r="WBP705" s="613"/>
      <c r="WBQ705" s="613"/>
      <c r="WBR705" s="613"/>
      <c r="WBS705" s="613"/>
      <c r="WBT705" s="613"/>
      <c r="WBU705" s="613"/>
      <c r="WBV705" s="613"/>
      <c r="WBW705" s="613"/>
      <c r="WBX705" s="613"/>
      <c r="WBY705" s="613"/>
      <c r="WBZ705" s="613"/>
      <c r="WCA705" s="613"/>
      <c r="WCB705" s="613"/>
      <c r="WCC705" s="613"/>
      <c r="WCD705" s="613"/>
      <c r="WCE705" s="613"/>
      <c r="WCF705" s="613"/>
      <c r="WCG705" s="613"/>
      <c r="WCH705" s="613"/>
      <c r="WCI705" s="613"/>
      <c r="WCJ705" s="613"/>
      <c r="WCK705" s="613"/>
      <c r="WCL705" s="613"/>
      <c r="WCM705" s="613"/>
      <c r="WCN705" s="613"/>
      <c r="WCO705" s="613"/>
      <c r="WCP705" s="613"/>
      <c r="WCQ705" s="613"/>
      <c r="WCR705" s="613"/>
      <c r="WCS705" s="613"/>
      <c r="WCT705" s="613"/>
      <c r="WCU705" s="613"/>
      <c r="WCV705" s="613"/>
      <c r="WCW705" s="613"/>
      <c r="WCX705" s="613"/>
      <c r="WCY705" s="613"/>
      <c r="WCZ705" s="613"/>
      <c r="WDA705" s="613"/>
      <c r="WDB705" s="613"/>
      <c r="WDC705" s="613"/>
      <c r="WDD705" s="613"/>
      <c r="WDE705" s="613"/>
      <c r="WDF705" s="613"/>
      <c r="WDG705" s="613"/>
      <c r="WDH705" s="613"/>
      <c r="WDI705" s="613"/>
      <c r="WDJ705" s="613"/>
      <c r="WDK705" s="613"/>
      <c r="WDL705" s="613"/>
      <c r="WDM705" s="613"/>
      <c r="WDN705" s="613"/>
      <c r="WDO705" s="613"/>
      <c r="WDP705" s="613"/>
      <c r="WDQ705" s="613"/>
      <c r="WDR705" s="613"/>
      <c r="WDS705" s="613"/>
      <c r="WDT705" s="613"/>
      <c r="WDU705" s="613"/>
      <c r="WDV705" s="613"/>
      <c r="WDW705" s="613"/>
      <c r="WDX705" s="613"/>
      <c r="WDY705" s="613"/>
      <c r="WDZ705" s="613"/>
      <c r="WEA705" s="613"/>
      <c r="WEB705" s="613"/>
      <c r="WEC705" s="613"/>
      <c r="WED705" s="613"/>
      <c r="WEE705" s="613"/>
      <c r="WEF705" s="613"/>
      <c r="WEG705" s="613"/>
      <c r="WEH705" s="613"/>
      <c r="WEI705" s="613"/>
      <c r="WEJ705" s="613"/>
      <c r="WEK705" s="613"/>
      <c r="WEL705" s="613"/>
      <c r="WEM705" s="613"/>
      <c r="WEN705" s="613"/>
      <c r="WEO705" s="613"/>
      <c r="WEP705" s="613"/>
      <c r="WEQ705" s="613"/>
      <c r="WER705" s="613"/>
      <c r="WES705" s="613"/>
      <c r="WET705" s="613"/>
      <c r="WEU705" s="613"/>
      <c r="WEV705" s="613"/>
      <c r="WEW705" s="613"/>
      <c r="WEX705" s="613"/>
      <c r="WEY705" s="613"/>
      <c r="WEZ705" s="613"/>
      <c r="WFA705" s="613"/>
      <c r="WFB705" s="613"/>
      <c r="WFC705" s="613"/>
      <c r="WFD705" s="613"/>
      <c r="WFE705" s="613"/>
      <c r="WFF705" s="613"/>
      <c r="WFG705" s="613"/>
      <c r="WFH705" s="613"/>
      <c r="WFI705" s="613"/>
      <c r="WFJ705" s="613"/>
      <c r="WFK705" s="613"/>
      <c r="WFL705" s="613"/>
      <c r="WFM705" s="613"/>
      <c r="WFN705" s="613"/>
      <c r="WFO705" s="613"/>
      <c r="WFP705" s="613"/>
      <c r="WFQ705" s="613"/>
      <c r="WFR705" s="613"/>
      <c r="WFS705" s="613"/>
      <c r="WFT705" s="613"/>
      <c r="WFU705" s="613"/>
      <c r="WFV705" s="613"/>
      <c r="WFW705" s="613"/>
      <c r="WFX705" s="613"/>
      <c r="WFY705" s="613"/>
      <c r="WFZ705" s="613"/>
      <c r="WGA705" s="613"/>
      <c r="WGB705" s="613"/>
      <c r="WGC705" s="613"/>
      <c r="WGD705" s="613"/>
      <c r="WGE705" s="613"/>
      <c r="WGF705" s="613"/>
      <c r="WGG705" s="613"/>
      <c r="WGH705" s="613"/>
      <c r="WGI705" s="613"/>
      <c r="WGJ705" s="613"/>
      <c r="WGK705" s="613"/>
      <c r="WGL705" s="613"/>
      <c r="WGM705" s="613"/>
      <c r="WGN705" s="613"/>
      <c r="WGO705" s="613"/>
      <c r="WGP705" s="613"/>
      <c r="WGQ705" s="613"/>
      <c r="WGR705" s="613"/>
      <c r="WGS705" s="613"/>
      <c r="WGT705" s="613"/>
      <c r="WGU705" s="613"/>
      <c r="WGV705" s="613"/>
      <c r="WGW705" s="613"/>
      <c r="WGX705" s="613"/>
      <c r="WGY705" s="613"/>
      <c r="WGZ705" s="613"/>
      <c r="WHA705" s="613"/>
      <c r="WHB705" s="613"/>
      <c r="WHC705" s="613"/>
      <c r="WHD705" s="613"/>
      <c r="WHE705" s="613"/>
      <c r="WHF705" s="613"/>
      <c r="WHG705" s="613"/>
      <c r="WHH705" s="613"/>
      <c r="WHI705" s="613"/>
      <c r="WHJ705" s="613"/>
      <c r="WHK705" s="613"/>
      <c r="WHL705" s="613"/>
      <c r="WHM705" s="613"/>
      <c r="WHN705" s="613"/>
      <c r="WHO705" s="613"/>
      <c r="WHP705" s="613"/>
      <c r="WHQ705" s="613"/>
      <c r="WHR705" s="613"/>
      <c r="WHS705" s="613"/>
      <c r="WHT705" s="613"/>
      <c r="WHU705" s="613"/>
      <c r="WHV705" s="613"/>
      <c r="WHW705" s="613"/>
      <c r="WHX705" s="613"/>
      <c r="WHY705" s="613"/>
      <c r="WHZ705" s="613"/>
      <c r="WIA705" s="613"/>
      <c r="WIB705" s="613"/>
      <c r="WIC705" s="613"/>
      <c r="WID705" s="613"/>
      <c r="WIE705" s="613"/>
      <c r="WIF705" s="613"/>
      <c r="WIG705" s="613"/>
      <c r="WIH705" s="613"/>
      <c r="WII705" s="613"/>
      <c r="WIJ705" s="613"/>
      <c r="WIK705" s="613"/>
      <c r="WIL705" s="613"/>
      <c r="WIM705" s="613"/>
      <c r="WIN705" s="613"/>
      <c r="WIO705" s="613"/>
      <c r="WIP705" s="613"/>
      <c r="WIQ705" s="613"/>
      <c r="WIR705" s="613"/>
      <c r="WIS705" s="613"/>
      <c r="WIT705" s="613"/>
      <c r="WIU705" s="613"/>
      <c r="WIV705" s="613"/>
      <c r="WIW705" s="613"/>
      <c r="WIX705" s="613"/>
      <c r="WIY705" s="613"/>
      <c r="WIZ705" s="613"/>
      <c r="WJA705" s="613"/>
      <c r="WJB705" s="613"/>
      <c r="WJC705" s="613"/>
      <c r="WJD705" s="613"/>
      <c r="WJE705" s="613"/>
      <c r="WJF705" s="613"/>
      <c r="WJG705" s="613"/>
      <c r="WJH705" s="613"/>
      <c r="WJI705" s="613"/>
      <c r="WJJ705" s="613"/>
      <c r="WJK705" s="613"/>
      <c r="WJL705" s="613"/>
      <c r="WJM705" s="613"/>
      <c r="WJN705" s="613"/>
      <c r="WJO705" s="613"/>
      <c r="WJP705" s="613"/>
      <c r="WJQ705" s="613"/>
      <c r="WJR705" s="613"/>
      <c r="WJS705" s="613"/>
      <c r="WJT705" s="613"/>
      <c r="WJU705" s="613"/>
      <c r="WJV705" s="613"/>
      <c r="WJW705" s="613"/>
      <c r="WJX705" s="613"/>
      <c r="WJY705" s="613"/>
      <c r="WJZ705" s="613"/>
      <c r="WKA705" s="613"/>
      <c r="WKB705" s="613"/>
      <c r="WKC705" s="613"/>
      <c r="WKD705" s="613"/>
      <c r="WKE705" s="613"/>
      <c r="WKF705" s="613"/>
      <c r="WKG705" s="613"/>
      <c r="WKH705" s="613"/>
      <c r="WKI705" s="613"/>
      <c r="WKJ705" s="613"/>
      <c r="WKK705" s="613"/>
      <c r="WKL705" s="613"/>
      <c r="WKM705" s="613"/>
      <c r="WKN705" s="613"/>
      <c r="WKO705" s="613"/>
      <c r="WKP705" s="613"/>
      <c r="WKQ705" s="613"/>
      <c r="WKR705" s="613"/>
      <c r="WKS705" s="613"/>
      <c r="WKT705" s="613"/>
      <c r="WKU705" s="613"/>
      <c r="WKV705" s="613"/>
      <c r="WKW705" s="613"/>
      <c r="WKX705" s="613"/>
      <c r="WKY705" s="613"/>
      <c r="WKZ705" s="613"/>
      <c r="WLA705" s="613"/>
      <c r="WLB705" s="613"/>
      <c r="WLC705" s="613"/>
      <c r="WLD705" s="613"/>
      <c r="WLE705" s="613"/>
      <c r="WLF705" s="613"/>
      <c r="WLG705" s="613"/>
      <c r="WLH705" s="613"/>
      <c r="WLI705" s="613"/>
      <c r="WLJ705" s="613"/>
      <c r="WLK705" s="613"/>
      <c r="WLL705" s="613"/>
      <c r="WLM705" s="613"/>
      <c r="WLN705" s="613"/>
      <c r="WLO705" s="613"/>
      <c r="WLP705" s="613"/>
      <c r="WLQ705" s="613"/>
      <c r="WLR705" s="613"/>
      <c r="WLS705" s="613"/>
      <c r="WLT705" s="613"/>
      <c r="WLU705" s="613"/>
      <c r="WLV705" s="613"/>
      <c r="WLW705" s="613"/>
      <c r="WLX705" s="613"/>
      <c r="WLY705" s="613"/>
      <c r="WLZ705" s="613"/>
      <c r="WMA705" s="613"/>
      <c r="WMB705" s="613"/>
      <c r="WMC705" s="613"/>
      <c r="WMD705" s="613"/>
      <c r="WME705" s="613"/>
      <c r="WMF705" s="613"/>
      <c r="WMG705" s="613"/>
      <c r="WMH705" s="613"/>
      <c r="WMI705" s="613"/>
      <c r="WMJ705" s="613"/>
      <c r="WMK705" s="613"/>
      <c r="WML705" s="613"/>
      <c r="WMM705" s="613"/>
      <c r="WMN705" s="613"/>
      <c r="WMO705" s="613"/>
      <c r="WMP705" s="613"/>
      <c r="WMQ705" s="613"/>
      <c r="WMR705" s="613"/>
      <c r="WMS705" s="613"/>
      <c r="WMT705" s="613"/>
      <c r="WMU705" s="613"/>
      <c r="WMV705" s="613"/>
      <c r="WMW705" s="613"/>
      <c r="WMX705" s="613"/>
      <c r="WMY705" s="613"/>
      <c r="WMZ705" s="613"/>
      <c r="WNA705" s="613"/>
      <c r="WNB705" s="613"/>
      <c r="WNC705" s="613"/>
      <c r="WND705" s="613"/>
      <c r="WNE705" s="613"/>
      <c r="WNF705" s="613"/>
      <c r="WNG705" s="613"/>
      <c r="WNH705" s="613"/>
      <c r="WNI705" s="613"/>
      <c r="WNJ705" s="613"/>
      <c r="WNK705" s="613"/>
      <c r="WNL705" s="613"/>
      <c r="WNM705" s="613"/>
      <c r="WNN705" s="613"/>
      <c r="WNO705" s="613"/>
      <c r="WNP705" s="613"/>
      <c r="WNQ705" s="613"/>
      <c r="WNR705" s="613"/>
      <c r="WNS705" s="613"/>
      <c r="WNT705" s="613"/>
      <c r="WNU705" s="613"/>
      <c r="WNV705" s="613"/>
      <c r="WNW705" s="613"/>
      <c r="WNX705" s="613"/>
      <c r="WNY705" s="613"/>
      <c r="WNZ705" s="613"/>
      <c r="WOA705" s="613"/>
      <c r="WOB705" s="613"/>
      <c r="WOC705" s="613"/>
      <c r="WOD705" s="613"/>
      <c r="WOE705" s="613"/>
      <c r="WOF705" s="613"/>
      <c r="WOG705" s="613"/>
      <c r="WOH705" s="613"/>
      <c r="WOI705" s="613"/>
      <c r="WOJ705" s="613"/>
      <c r="WOK705" s="613"/>
      <c r="WOL705" s="613"/>
      <c r="WOM705" s="613"/>
      <c r="WON705" s="613"/>
      <c r="WOO705" s="613"/>
      <c r="WOP705" s="613"/>
      <c r="WOQ705" s="613"/>
      <c r="WOR705" s="613"/>
      <c r="WOS705" s="613"/>
      <c r="WOT705" s="613"/>
      <c r="WOU705" s="613"/>
      <c r="WOV705" s="613"/>
      <c r="WOW705" s="613"/>
      <c r="WOX705" s="613"/>
      <c r="WOY705" s="613"/>
      <c r="WOZ705" s="613"/>
      <c r="WPA705" s="613"/>
      <c r="WPB705" s="613"/>
      <c r="WPC705" s="613"/>
      <c r="WPD705" s="613"/>
      <c r="WPE705" s="613"/>
      <c r="WPF705" s="613"/>
      <c r="WPG705" s="613"/>
      <c r="WPH705" s="613"/>
      <c r="WPI705" s="613"/>
      <c r="WPJ705" s="613"/>
      <c r="WPK705" s="613"/>
      <c r="WPL705" s="613"/>
      <c r="WPM705" s="613"/>
      <c r="WPN705" s="613"/>
      <c r="WPO705" s="613"/>
      <c r="WPP705" s="613"/>
      <c r="WPQ705" s="613"/>
      <c r="WPR705" s="613"/>
      <c r="WPS705" s="613"/>
      <c r="WPT705" s="613"/>
      <c r="WPU705" s="613"/>
      <c r="WPV705" s="613"/>
      <c r="WPW705" s="613"/>
      <c r="WPX705" s="613"/>
      <c r="WPY705" s="613"/>
      <c r="WPZ705" s="613"/>
      <c r="WQA705" s="613"/>
      <c r="WQB705" s="613"/>
      <c r="WQC705" s="613"/>
      <c r="WQD705" s="613"/>
      <c r="WQE705" s="613"/>
      <c r="WQF705" s="613"/>
      <c r="WQG705" s="613"/>
      <c r="WQH705" s="613"/>
      <c r="WQI705" s="613"/>
      <c r="WQJ705" s="613"/>
      <c r="WQK705" s="613"/>
      <c r="WQL705" s="613"/>
      <c r="WQM705" s="613"/>
      <c r="WQN705" s="613"/>
      <c r="WQO705" s="613"/>
      <c r="WQP705" s="613"/>
      <c r="WQQ705" s="613"/>
      <c r="WQR705" s="613"/>
      <c r="WQS705" s="613"/>
      <c r="WQT705" s="613"/>
      <c r="WQU705" s="613"/>
      <c r="WQV705" s="613"/>
      <c r="WQW705" s="613"/>
      <c r="WQX705" s="613"/>
      <c r="WQY705" s="613"/>
      <c r="WQZ705" s="613"/>
      <c r="WRA705" s="613"/>
      <c r="WRB705" s="613"/>
      <c r="WRC705" s="613"/>
      <c r="WRD705" s="613"/>
      <c r="WRE705" s="613"/>
      <c r="WRF705" s="613"/>
      <c r="WRG705" s="613"/>
      <c r="WRH705" s="613"/>
      <c r="WRI705" s="613"/>
      <c r="WRJ705" s="613"/>
      <c r="WRK705" s="613"/>
      <c r="WRL705" s="613"/>
      <c r="WRM705" s="613"/>
      <c r="WRN705" s="613"/>
      <c r="WRO705" s="613"/>
      <c r="WRP705" s="613"/>
      <c r="WRQ705" s="613"/>
      <c r="WRR705" s="613"/>
      <c r="WRS705" s="613"/>
      <c r="WRT705" s="613"/>
      <c r="WRU705" s="613"/>
      <c r="WRV705" s="613"/>
      <c r="WRW705" s="613"/>
      <c r="WRX705" s="613"/>
      <c r="WRY705" s="613"/>
      <c r="WRZ705" s="613"/>
      <c r="WSA705" s="613"/>
      <c r="WSB705" s="613"/>
      <c r="WSC705" s="613"/>
      <c r="WSD705" s="613"/>
      <c r="WSE705" s="613"/>
      <c r="WSF705" s="613"/>
      <c r="WSG705" s="613"/>
      <c r="WSH705" s="613"/>
      <c r="WSI705" s="613"/>
      <c r="WSJ705" s="613"/>
      <c r="WSK705" s="613"/>
      <c r="WSL705" s="613"/>
      <c r="WSM705" s="613"/>
      <c r="WSN705" s="613"/>
      <c r="WSO705" s="613"/>
      <c r="WSP705" s="613"/>
      <c r="WSQ705" s="613"/>
      <c r="WSR705" s="613"/>
      <c r="WSS705" s="613"/>
      <c r="WST705" s="613"/>
      <c r="WSU705" s="613"/>
      <c r="WSV705" s="613"/>
      <c r="WSW705" s="613"/>
      <c r="WSX705" s="613"/>
      <c r="WSY705" s="613"/>
      <c r="WSZ705" s="613"/>
      <c r="WTA705" s="613"/>
      <c r="WTB705" s="613"/>
      <c r="WTC705" s="613"/>
      <c r="WTD705" s="613"/>
      <c r="WTE705" s="613"/>
      <c r="WTF705" s="613"/>
      <c r="WTG705" s="613"/>
      <c r="WTH705" s="613"/>
      <c r="WTI705" s="613"/>
      <c r="WTJ705" s="613"/>
      <c r="WTK705" s="613"/>
      <c r="WTL705" s="613"/>
      <c r="WTM705" s="613"/>
      <c r="WTN705" s="613"/>
      <c r="WTO705" s="613"/>
      <c r="WTP705" s="613"/>
      <c r="WTQ705" s="613"/>
      <c r="WTR705" s="613"/>
      <c r="WTS705" s="613"/>
      <c r="WTT705" s="613"/>
      <c r="WTU705" s="613"/>
      <c r="WTV705" s="613"/>
      <c r="WTW705" s="613"/>
      <c r="WTX705" s="613"/>
      <c r="WTY705" s="613"/>
      <c r="WTZ705" s="613"/>
      <c r="WUA705" s="613"/>
      <c r="WUB705" s="613"/>
      <c r="WUC705" s="613"/>
      <c r="WUD705" s="613"/>
      <c r="WUE705" s="613"/>
      <c r="WUF705" s="613"/>
      <c r="WUG705" s="613"/>
      <c r="WUH705" s="613"/>
      <c r="WUI705" s="613"/>
      <c r="WUJ705" s="613"/>
      <c r="WUK705" s="613"/>
      <c r="WUL705" s="613"/>
      <c r="WUM705" s="613"/>
      <c r="WUN705" s="613"/>
      <c r="WUO705" s="613"/>
      <c r="WUP705" s="613"/>
      <c r="WUQ705" s="613"/>
      <c r="WUR705" s="613"/>
      <c r="WUS705" s="613"/>
      <c r="WUT705" s="613"/>
      <c r="WUU705" s="613"/>
      <c r="WUV705" s="613"/>
      <c r="WUW705" s="613"/>
      <c r="WUX705" s="613"/>
      <c r="WUY705" s="613"/>
      <c r="WUZ705" s="613"/>
      <c r="WVA705" s="613"/>
      <c r="WVB705" s="613"/>
      <c r="WVC705" s="613"/>
      <c r="WVD705" s="613"/>
      <c r="WVE705" s="613"/>
      <c r="WVF705" s="613"/>
      <c r="WVG705" s="613"/>
      <c r="WVH705" s="613"/>
      <c r="WVI705" s="613"/>
      <c r="WVJ705" s="613"/>
      <c r="WVK705" s="613"/>
      <c r="WVL705" s="613"/>
      <c r="WVM705" s="613"/>
      <c r="WVN705" s="613"/>
      <c r="WVO705" s="613"/>
      <c r="WVP705" s="613"/>
      <c r="WVQ705" s="613"/>
      <c r="WVR705" s="613"/>
      <c r="WVS705" s="613"/>
      <c r="WVT705" s="613"/>
      <c r="WVU705" s="613"/>
      <c r="WVV705" s="613"/>
      <c r="WVW705" s="613"/>
      <c r="WVX705" s="613"/>
      <c r="WVY705" s="613"/>
      <c r="WVZ705" s="613"/>
      <c r="WWA705" s="613"/>
      <c r="WWB705" s="613"/>
      <c r="WWC705" s="613"/>
      <c r="WWD705" s="613"/>
      <c r="WWE705" s="613"/>
      <c r="WWF705" s="613"/>
      <c r="WWG705" s="613"/>
      <c r="WWH705" s="613"/>
      <c r="WWI705" s="613"/>
      <c r="WWJ705" s="613"/>
      <c r="WWK705" s="613"/>
      <c r="WWL705" s="613"/>
      <c r="WWM705" s="613"/>
      <c r="WWN705" s="613"/>
      <c r="WWO705" s="613"/>
      <c r="WWP705" s="613"/>
      <c r="WWQ705" s="613"/>
      <c r="WWR705" s="613"/>
      <c r="WWS705" s="613"/>
      <c r="WWT705" s="613"/>
      <c r="WWU705" s="613"/>
      <c r="WWV705" s="613"/>
      <c r="WWW705" s="613"/>
      <c r="WWX705" s="613"/>
      <c r="WWY705" s="613"/>
      <c r="WWZ705" s="613"/>
      <c r="WXA705" s="613"/>
      <c r="WXB705" s="613"/>
      <c r="WXC705" s="613"/>
      <c r="WXD705" s="613"/>
      <c r="WXE705" s="613"/>
      <c r="WXF705" s="613"/>
      <c r="WXG705" s="613"/>
      <c r="WXH705" s="613"/>
      <c r="WXI705" s="613"/>
      <c r="WXJ705" s="613"/>
      <c r="WXK705" s="613"/>
      <c r="WXL705" s="613"/>
      <c r="WXM705" s="613"/>
      <c r="WXN705" s="613"/>
      <c r="WXO705" s="613"/>
      <c r="WXP705" s="613"/>
      <c r="WXQ705" s="613"/>
      <c r="WXR705" s="613"/>
      <c r="WXS705" s="613"/>
      <c r="WXT705" s="613"/>
      <c r="WXU705" s="613"/>
      <c r="WXV705" s="613"/>
      <c r="WXW705" s="613"/>
      <c r="WXX705" s="613"/>
      <c r="WXY705" s="613"/>
      <c r="WXZ705" s="613"/>
      <c r="WYA705" s="613"/>
      <c r="WYB705" s="613"/>
      <c r="WYC705" s="613"/>
      <c r="WYD705" s="613"/>
      <c r="WYE705" s="613"/>
      <c r="WYF705" s="613"/>
      <c r="WYG705" s="613"/>
      <c r="WYH705" s="613"/>
      <c r="WYI705" s="613"/>
      <c r="WYJ705" s="613"/>
      <c r="WYK705" s="613"/>
      <c r="WYL705" s="613"/>
      <c r="WYM705" s="613"/>
      <c r="WYN705" s="613"/>
      <c r="WYO705" s="613"/>
      <c r="WYP705" s="613"/>
      <c r="WYQ705" s="613"/>
      <c r="WYR705" s="613"/>
      <c r="WYS705" s="613"/>
      <c r="WYT705" s="613"/>
      <c r="WYU705" s="613"/>
      <c r="WYV705" s="613"/>
      <c r="WYW705" s="613"/>
      <c r="WYX705" s="613"/>
      <c r="WYY705" s="613"/>
      <c r="WYZ705" s="613"/>
      <c r="WZA705" s="613"/>
      <c r="WZB705" s="613"/>
      <c r="WZC705" s="613"/>
      <c r="WZD705" s="613"/>
      <c r="WZE705" s="613"/>
      <c r="WZF705" s="613"/>
      <c r="WZG705" s="613"/>
      <c r="WZH705" s="613"/>
      <c r="WZI705" s="613"/>
      <c r="WZJ705" s="613"/>
      <c r="WZK705" s="613"/>
      <c r="WZL705" s="613"/>
      <c r="WZM705" s="613"/>
      <c r="WZN705" s="613"/>
      <c r="WZO705" s="613"/>
      <c r="WZP705" s="613"/>
      <c r="WZQ705" s="613"/>
      <c r="WZR705" s="613"/>
      <c r="WZS705" s="613"/>
      <c r="WZT705" s="613"/>
      <c r="WZU705" s="613"/>
      <c r="WZV705" s="613"/>
      <c r="WZW705" s="613"/>
      <c r="WZX705" s="613"/>
      <c r="WZY705" s="613"/>
      <c r="WZZ705" s="613"/>
      <c r="XAA705" s="613"/>
      <c r="XAB705" s="613"/>
      <c r="XAC705" s="613"/>
      <c r="XAD705" s="613"/>
      <c r="XAE705" s="613"/>
      <c r="XAF705" s="613"/>
      <c r="XAG705" s="613"/>
      <c r="XAH705" s="613"/>
      <c r="XAI705" s="613"/>
      <c r="XAJ705" s="613"/>
      <c r="XAK705" s="613"/>
      <c r="XAL705" s="613"/>
      <c r="XAM705" s="613"/>
      <c r="XAN705" s="613"/>
      <c r="XAO705" s="613"/>
      <c r="XAP705" s="613"/>
      <c r="XAQ705" s="613"/>
      <c r="XAR705" s="613"/>
      <c r="XAS705" s="613"/>
      <c r="XAT705" s="613"/>
      <c r="XAU705" s="613"/>
      <c r="XAV705" s="613"/>
      <c r="XAW705" s="613"/>
      <c r="XAX705" s="613"/>
      <c r="XAY705" s="613"/>
      <c r="XAZ705" s="613"/>
      <c r="XBA705" s="613"/>
      <c r="XBB705" s="613"/>
      <c r="XBC705" s="613"/>
      <c r="XBD705" s="613"/>
      <c r="XBE705" s="613"/>
      <c r="XBF705" s="613"/>
      <c r="XBG705" s="613"/>
      <c r="XBH705" s="613"/>
      <c r="XBI705" s="613"/>
      <c r="XBJ705" s="613"/>
      <c r="XBK705" s="613"/>
      <c r="XBL705" s="613"/>
      <c r="XBM705" s="613"/>
      <c r="XBN705" s="613"/>
      <c r="XBO705" s="613"/>
      <c r="XBP705" s="613"/>
      <c r="XBQ705" s="613"/>
      <c r="XBR705" s="613"/>
      <c r="XBS705" s="613"/>
      <c r="XBT705" s="613"/>
      <c r="XBU705" s="613"/>
      <c r="XBV705" s="613"/>
      <c r="XBW705" s="613"/>
      <c r="XBX705" s="613"/>
      <c r="XBY705" s="613"/>
      <c r="XBZ705" s="613"/>
      <c r="XCA705" s="613"/>
      <c r="XCB705" s="613"/>
      <c r="XCC705" s="613"/>
      <c r="XCD705" s="613"/>
      <c r="XCE705" s="613"/>
      <c r="XCF705" s="613"/>
      <c r="XCG705" s="613"/>
      <c r="XCH705" s="613"/>
      <c r="XCI705" s="613"/>
      <c r="XCJ705" s="613"/>
      <c r="XCK705" s="613"/>
      <c r="XCL705" s="613"/>
      <c r="XCM705" s="613"/>
      <c r="XCN705" s="613"/>
      <c r="XCO705" s="613"/>
      <c r="XCP705" s="613"/>
      <c r="XCQ705" s="613"/>
    </row>
    <row r="706" spans="1:16319" ht="56.1" customHeight="1" x14ac:dyDescent="0.2">
      <c r="A706" s="494"/>
      <c r="B706" s="494"/>
      <c r="C706" s="494"/>
      <c r="D706" s="481">
        <v>132</v>
      </c>
      <c r="E706" s="481"/>
      <c r="F706" s="481" t="s">
        <v>2481</v>
      </c>
      <c r="G706" s="482" t="s">
        <v>53</v>
      </c>
      <c r="H706" s="481" t="s">
        <v>329</v>
      </c>
      <c r="I706" s="654" t="s">
        <v>330</v>
      </c>
      <c r="J706" s="654" t="s">
        <v>369</v>
      </c>
      <c r="K706" s="495" t="s">
        <v>391</v>
      </c>
      <c r="L706" s="621"/>
      <c r="M706" s="484" t="s">
        <v>58</v>
      </c>
      <c r="N706" s="327" t="s">
        <v>2601</v>
      </c>
      <c r="O706" s="484" t="s">
        <v>2996</v>
      </c>
      <c r="P706" s="484" t="s">
        <v>81</v>
      </c>
      <c r="Q706" s="667" t="s">
        <v>334</v>
      </c>
      <c r="R706" s="484" t="s">
        <v>334</v>
      </c>
      <c r="S706" s="484" t="s">
        <v>392</v>
      </c>
      <c r="T706" s="484"/>
      <c r="U706" s="620" t="s">
        <v>63</v>
      </c>
      <c r="V706" s="620" t="s">
        <v>63</v>
      </c>
      <c r="W706" s="723">
        <v>38928.607474378281</v>
      </c>
      <c r="X706" s="723"/>
      <c r="Y706" s="654" t="s">
        <v>226</v>
      </c>
      <c r="Z706" s="654"/>
      <c r="AA706" s="723">
        <v>38928.607474378281</v>
      </c>
      <c r="AB706" s="652" t="s">
        <v>82</v>
      </c>
      <c r="AC706" s="652"/>
      <c r="AD706" s="496"/>
      <c r="AE706" s="496"/>
      <c r="AF706" s="496"/>
      <c r="AG706" s="496"/>
      <c r="AH706" s="496"/>
      <c r="AI706" s="487"/>
      <c r="AJ706" s="496"/>
      <c r="AK706" s="496"/>
      <c r="AL706" s="496"/>
      <c r="AM706" s="496"/>
      <c r="AN706" s="496"/>
      <c r="AO706" s="496"/>
      <c r="AP706" s="496"/>
      <c r="AQ706" s="496"/>
      <c r="AR706" s="496" t="s">
        <v>66</v>
      </c>
      <c r="AS706" s="496"/>
      <c r="AT706" s="496"/>
      <c r="AU706" s="487"/>
      <c r="AV706" s="487"/>
      <c r="AW706" s="487"/>
      <c r="AX706" s="487"/>
      <c r="AY706" s="487"/>
      <c r="AZ706" s="487"/>
      <c r="BA706" s="484"/>
      <c r="BB706" s="484"/>
      <c r="BC706" s="484"/>
      <c r="BD706" s="494"/>
      <c r="BE706" s="494"/>
      <c r="BF706" s="613"/>
      <c r="BG706" s="613"/>
      <c r="BH706" s="613"/>
      <c r="BI706" s="613"/>
      <c r="BJ706" s="613"/>
      <c r="BK706" s="613"/>
      <c r="BL706" s="613"/>
      <c r="BM706" s="613"/>
      <c r="BN706" s="613"/>
      <c r="BO706" s="613"/>
      <c r="BP706" s="613"/>
      <c r="BQ706" s="613"/>
      <c r="BR706" s="613"/>
      <c r="BS706" s="613"/>
      <c r="BT706" s="613"/>
      <c r="BU706" s="613"/>
      <c r="BV706" s="613"/>
      <c r="BW706" s="613"/>
      <c r="BX706" s="613"/>
      <c r="BY706" s="613"/>
      <c r="BZ706" s="613"/>
      <c r="CA706" s="613"/>
      <c r="CB706" s="613"/>
      <c r="CC706" s="613"/>
      <c r="CD706" s="613"/>
      <c r="CE706" s="613"/>
      <c r="CF706" s="613"/>
      <c r="CG706" s="613"/>
      <c r="CH706" s="613"/>
      <c r="CI706" s="613"/>
      <c r="CJ706" s="613"/>
      <c r="CK706" s="613"/>
      <c r="CL706" s="613"/>
      <c r="CM706" s="613"/>
      <c r="CN706" s="613"/>
      <c r="CO706" s="613"/>
      <c r="CP706" s="613"/>
      <c r="CQ706" s="613"/>
      <c r="CR706" s="613"/>
      <c r="CS706" s="613"/>
      <c r="CT706" s="613"/>
      <c r="CU706" s="613"/>
      <c r="CV706" s="613"/>
      <c r="CW706" s="613"/>
      <c r="CX706" s="613"/>
      <c r="CY706" s="613"/>
      <c r="CZ706" s="613"/>
      <c r="DA706" s="613"/>
      <c r="DB706" s="613"/>
      <c r="DC706" s="613"/>
      <c r="DD706" s="613"/>
      <c r="DE706" s="613"/>
      <c r="DF706" s="613"/>
      <c r="DG706" s="613"/>
      <c r="DH706" s="613"/>
      <c r="DI706" s="613"/>
      <c r="DJ706" s="613"/>
      <c r="DK706" s="613"/>
      <c r="DL706" s="613"/>
      <c r="DM706" s="613"/>
      <c r="DN706" s="613"/>
      <c r="DO706" s="613"/>
      <c r="DP706" s="613"/>
      <c r="DQ706" s="613"/>
      <c r="DR706" s="613"/>
      <c r="DS706" s="613"/>
      <c r="DT706" s="613"/>
      <c r="DU706" s="613"/>
      <c r="DV706" s="613"/>
      <c r="DW706" s="613"/>
      <c r="DX706" s="613"/>
      <c r="DY706" s="613"/>
      <c r="DZ706" s="613"/>
      <c r="EA706" s="613"/>
      <c r="EB706" s="613"/>
      <c r="EC706" s="613"/>
      <c r="ED706" s="613"/>
      <c r="EE706" s="613"/>
      <c r="EF706" s="613"/>
      <c r="EG706" s="613"/>
      <c r="EH706" s="613"/>
      <c r="EI706" s="613"/>
      <c r="EJ706" s="613"/>
      <c r="EK706" s="613"/>
      <c r="EL706" s="613"/>
      <c r="EM706" s="613"/>
      <c r="EN706" s="613"/>
      <c r="EO706" s="613"/>
      <c r="EP706" s="613"/>
      <c r="EQ706" s="613"/>
      <c r="ER706" s="613"/>
      <c r="ES706" s="613"/>
      <c r="ET706" s="613"/>
      <c r="EU706" s="613"/>
      <c r="EV706" s="613"/>
      <c r="EW706" s="613"/>
      <c r="EX706" s="613"/>
      <c r="EY706" s="613"/>
      <c r="EZ706" s="613"/>
      <c r="FA706" s="613"/>
      <c r="FB706" s="613"/>
      <c r="FC706" s="613"/>
      <c r="FD706" s="613"/>
      <c r="FE706" s="613"/>
      <c r="FF706" s="613"/>
      <c r="FG706" s="613"/>
      <c r="FH706" s="613"/>
      <c r="FI706" s="613"/>
      <c r="FJ706" s="613"/>
      <c r="FK706" s="613"/>
      <c r="FL706" s="613"/>
      <c r="FM706" s="613"/>
      <c r="FN706" s="613"/>
      <c r="FO706" s="613"/>
      <c r="FP706" s="613"/>
      <c r="FQ706" s="613"/>
      <c r="FR706" s="613"/>
      <c r="FS706" s="613"/>
      <c r="FT706" s="613"/>
      <c r="FU706" s="613"/>
      <c r="FV706" s="613"/>
      <c r="FW706" s="613"/>
      <c r="FX706" s="613"/>
      <c r="FY706" s="613"/>
      <c r="FZ706" s="613"/>
      <c r="GA706" s="613"/>
      <c r="GB706" s="613"/>
      <c r="GC706" s="613"/>
      <c r="GD706" s="613"/>
      <c r="GE706" s="613"/>
      <c r="GF706" s="613"/>
      <c r="GG706" s="613"/>
      <c r="GH706" s="613"/>
      <c r="GI706" s="613"/>
      <c r="GJ706" s="613"/>
      <c r="GK706" s="613"/>
      <c r="GL706" s="613"/>
      <c r="GM706" s="613"/>
      <c r="GN706" s="613"/>
      <c r="GO706" s="613"/>
      <c r="GP706" s="613"/>
      <c r="GQ706" s="613"/>
      <c r="GR706" s="613"/>
      <c r="GS706" s="613"/>
      <c r="GT706" s="613"/>
      <c r="GU706" s="613"/>
      <c r="GV706" s="613"/>
      <c r="GW706" s="613"/>
      <c r="GX706" s="613"/>
      <c r="GY706" s="613"/>
      <c r="GZ706" s="613"/>
      <c r="HA706" s="613"/>
      <c r="HB706" s="613"/>
      <c r="HC706" s="613"/>
      <c r="HD706" s="613"/>
      <c r="HE706" s="613"/>
      <c r="HF706" s="613"/>
      <c r="HG706" s="613"/>
      <c r="HH706" s="613"/>
      <c r="HI706" s="613"/>
      <c r="HJ706" s="613"/>
      <c r="HK706" s="613"/>
      <c r="HL706" s="613"/>
      <c r="HM706" s="613"/>
      <c r="HN706" s="613"/>
      <c r="HO706" s="613"/>
      <c r="HP706" s="613"/>
      <c r="HQ706" s="613"/>
      <c r="HR706" s="613"/>
      <c r="HS706" s="613"/>
      <c r="HT706" s="613"/>
      <c r="HU706" s="613"/>
      <c r="HV706" s="613"/>
      <c r="HW706" s="613"/>
      <c r="HX706" s="613"/>
      <c r="HY706" s="613"/>
      <c r="HZ706" s="613"/>
      <c r="IA706" s="613"/>
      <c r="IB706" s="613"/>
      <c r="IC706" s="613"/>
      <c r="ID706" s="613"/>
      <c r="IE706" s="613"/>
      <c r="IF706" s="613"/>
      <c r="IG706" s="613"/>
      <c r="IH706" s="613"/>
      <c r="II706" s="613"/>
      <c r="IJ706" s="613"/>
      <c r="IK706" s="613"/>
      <c r="IL706" s="613"/>
      <c r="IM706" s="613"/>
      <c r="IN706" s="613"/>
      <c r="IO706" s="613"/>
      <c r="IP706" s="613"/>
      <c r="IQ706" s="613"/>
      <c r="IR706" s="613"/>
      <c r="IS706" s="613"/>
      <c r="IT706" s="613"/>
      <c r="IU706" s="613"/>
      <c r="IV706" s="613"/>
      <c r="IW706" s="613"/>
      <c r="IX706" s="613"/>
      <c r="IY706" s="613"/>
      <c r="IZ706" s="613"/>
      <c r="JA706" s="613"/>
      <c r="JB706" s="613"/>
      <c r="JC706" s="613"/>
      <c r="JD706" s="613"/>
      <c r="JE706" s="613"/>
      <c r="JF706" s="613"/>
      <c r="JG706" s="613"/>
      <c r="JH706" s="613"/>
      <c r="JI706" s="613"/>
      <c r="JJ706" s="613"/>
      <c r="JK706" s="613"/>
      <c r="JL706" s="613"/>
      <c r="JM706" s="613"/>
      <c r="JN706" s="613"/>
      <c r="JO706" s="613"/>
      <c r="JP706" s="613"/>
      <c r="JQ706" s="613"/>
      <c r="JR706" s="613"/>
      <c r="JS706" s="613"/>
      <c r="JT706" s="613"/>
      <c r="JU706" s="613"/>
      <c r="JV706" s="613"/>
      <c r="JW706" s="613"/>
      <c r="JX706" s="613"/>
      <c r="JY706" s="613"/>
      <c r="JZ706" s="613"/>
      <c r="KA706" s="613"/>
      <c r="KB706" s="613"/>
      <c r="KC706" s="613"/>
      <c r="KD706" s="613"/>
      <c r="KE706" s="613"/>
      <c r="KF706" s="613"/>
      <c r="KG706" s="613"/>
      <c r="KH706" s="613"/>
      <c r="KI706" s="613"/>
      <c r="KJ706" s="613"/>
      <c r="KK706" s="613"/>
      <c r="KL706" s="613"/>
      <c r="KM706" s="613"/>
      <c r="KN706" s="613"/>
      <c r="KO706" s="613"/>
      <c r="KP706" s="613"/>
      <c r="KQ706" s="613"/>
      <c r="KR706" s="613"/>
      <c r="KS706" s="613"/>
      <c r="KT706" s="613"/>
      <c r="KU706" s="613"/>
      <c r="KV706" s="613"/>
      <c r="KW706" s="613"/>
      <c r="KX706" s="613"/>
      <c r="KY706" s="613"/>
      <c r="KZ706" s="613"/>
      <c r="LA706" s="613"/>
      <c r="LB706" s="613"/>
      <c r="LC706" s="613"/>
      <c r="LD706" s="613"/>
      <c r="LE706" s="613"/>
      <c r="LF706" s="613"/>
      <c r="LG706" s="613"/>
      <c r="LH706" s="613"/>
      <c r="LI706" s="613"/>
      <c r="LJ706" s="613"/>
      <c r="LK706" s="613"/>
      <c r="LL706" s="613"/>
      <c r="LM706" s="613"/>
      <c r="LN706" s="613"/>
      <c r="LO706" s="613"/>
      <c r="LP706" s="613"/>
      <c r="LQ706" s="613"/>
      <c r="LR706" s="613"/>
      <c r="LS706" s="613"/>
      <c r="LT706" s="613"/>
      <c r="LU706" s="613"/>
      <c r="LV706" s="613"/>
      <c r="LW706" s="613"/>
      <c r="LX706" s="613"/>
      <c r="LY706" s="613"/>
      <c r="LZ706" s="613"/>
      <c r="MA706" s="613"/>
      <c r="MB706" s="613"/>
      <c r="MC706" s="613"/>
      <c r="MD706" s="613"/>
      <c r="ME706" s="613"/>
      <c r="MF706" s="613"/>
      <c r="MG706" s="613"/>
      <c r="MH706" s="613"/>
      <c r="MI706" s="613"/>
      <c r="MJ706" s="613"/>
      <c r="MK706" s="613"/>
      <c r="ML706" s="613"/>
      <c r="MM706" s="613"/>
      <c r="MN706" s="613"/>
      <c r="MO706" s="613"/>
      <c r="MP706" s="613"/>
      <c r="MQ706" s="613"/>
      <c r="MR706" s="613"/>
      <c r="MS706" s="613"/>
      <c r="MT706" s="613"/>
      <c r="MU706" s="613"/>
      <c r="MV706" s="613"/>
      <c r="MW706" s="613"/>
      <c r="MX706" s="613"/>
      <c r="MY706" s="613"/>
      <c r="MZ706" s="613"/>
      <c r="NA706" s="613"/>
      <c r="NB706" s="613"/>
      <c r="NC706" s="613"/>
      <c r="ND706" s="613"/>
      <c r="NE706" s="613"/>
      <c r="NF706" s="613"/>
      <c r="NG706" s="613"/>
      <c r="NH706" s="613"/>
      <c r="NI706" s="613"/>
      <c r="NJ706" s="613"/>
      <c r="NK706" s="613"/>
      <c r="NL706" s="613"/>
      <c r="NM706" s="613"/>
      <c r="NN706" s="613"/>
      <c r="NO706" s="613"/>
      <c r="NP706" s="613"/>
      <c r="NQ706" s="613"/>
      <c r="NR706" s="613"/>
      <c r="NS706" s="613"/>
      <c r="NT706" s="613"/>
      <c r="NU706" s="613"/>
      <c r="NV706" s="613"/>
      <c r="NW706" s="613"/>
      <c r="NX706" s="613"/>
      <c r="NY706" s="613"/>
      <c r="NZ706" s="613"/>
      <c r="OA706" s="613"/>
      <c r="OB706" s="613"/>
      <c r="OC706" s="613"/>
      <c r="OD706" s="613"/>
      <c r="OE706" s="613"/>
      <c r="OF706" s="613"/>
      <c r="OG706" s="613"/>
      <c r="OH706" s="613"/>
      <c r="OI706" s="613"/>
      <c r="OJ706" s="613"/>
      <c r="OK706" s="613"/>
      <c r="OL706" s="613"/>
      <c r="OM706" s="613"/>
      <c r="ON706" s="613"/>
      <c r="OO706" s="613"/>
      <c r="OP706" s="613"/>
      <c r="OQ706" s="613"/>
      <c r="OR706" s="613"/>
      <c r="OS706" s="613"/>
      <c r="OT706" s="613"/>
      <c r="OU706" s="613"/>
      <c r="OV706" s="613"/>
      <c r="OW706" s="613"/>
      <c r="OX706" s="613"/>
      <c r="OY706" s="613"/>
      <c r="OZ706" s="613"/>
      <c r="PA706" s="613"/>
      <c r="PB706" s="613"/>
      <c r="PC706" s="613"/>
      <c r="PD706" s="613"/>
      <c r="PE706" s="613"/>
      <c r="PF706" s="613"/>
      <c r="PG706" s="613"/>
      <c r="PH706" s="613"/>
      <c r="PI706" s="613"/>
      <c r="PJ706" s="613"/>
      <c r="PK706" s="613"/>
      <c r="PL706" s="613"/>
      <c r="PM706" s="613"/>
      <c r="PN706" s="613"/>
      <c r="PO706" s="613"/>
      <c r="PP706" s="613"/>
      <c r="PQ706" s="613"/>
      <c r="PR706" s="613"/>
      <c r="PS706" s="613"/>
      <c r="PT706" s="613"/>
      <c r="PU706" s="613"/>
      <c r="PV706" s="613"/>
      <c r="PW706" s="613"/>
      <c r="PX706" s="613"/>
      <c r="PY706" s="613"/>
      <c r="PZ706" s="613"/>
      <c r="QA706" s="613"/>
      <c r="QB706" s="613"/>
      <c r="QC706" s="613"/>
      <c r="QD706" s="613"/>
      <c r="QE706" s="613"/>
      <c r="QF706" s="613"/>
      <c r="QG706" s="613"/>
      <c r="QH706" s="613"/>
      <c r="QI706" s="613"/>
      <c r="QJ706" s="613"/>
      <c r="QK706" s="613"/>
      <c r="QL706" s="613"/>
      <c r="QM706" s="613"/>
      <c r="QN706" s="613"/>
      <c r="QO706" s="613"/>
      <c r="QP706" s="613"/>
      <c r="QQ706" s="613"/>
      <c r="QR706" s="613"/>
      <c r="QS706" s="613"/>
      <c r="QT706" s="613"/>
      <c r="QU706" s="613"/>
      <c r="QV706" s="613"/>
      <c r="QW706" s="613"/>
      <c r="QX706" s="613"/>
      <c r="QY706" s="613"/>
      <c r="QZ706" s="613"/>
      <c r="RA706" s="613"/>
      <c r="RB706" s="613"/>
      <c r="RC706" s="613"/>
      <c r="RD706" s="613"/>
      <c r="RE706" s="613"/>
      <c r="RF706" s="613"/>
      <c r="RG706" s="613"/>
      <c r="RH706" s="613"/>
      <c r="RI706" s="613"/>
      <c r="RJ706" s="613"/>
      <c r="RK706" s="613"/>
      <c r="RL706" s="613"/>
      <c r="RM706" s="613"/>
      <c r="RN706" s="613"/>
      <c r="RO706" s="613"/>
      <c r="RP706" s="613"/>
      <c r="RQ706" s="613"/>
      <c r="RR706" s="613"/>
      <c r="RS706" s="613"/>
      <c r="RT706" s="613"/>
      <c r="RU706" s="613"/>
      <c r="RV706" s="613"/>
      <c r="RW706" s="613"/>
      <c r="RX706" s="613"/>
      <c r="RY706" s="613"/>
      <c r="RZ706" s="613"/>
      <c r="SA706" s="613"/>
      <c r="SB706" s="613"/>
      <c r="SC706" s="613"/>
      <c r="SD706" s="613"/>
      <c r="SE706" s="613"/>
      <c r="SF706" s="613"/>
      <c r="SG706" s="613"/>
      <c r="SH706" s="613"/>
      <c r="SI706" s="613"/>
      <c r="SJ706" s="613"/>
      <c r="SK706" s="613"/>
      <c r="SL706" s="613"/>
      <c r="SM706" s="613"/>
      <c r="SN706" s="613"/>
      <c r="SO706" s="613"/>
      <c r="SP706" s="613"/>
      <c r="SQ706" s="613"/>
      <c r="SR706" s="613"/>
      <c r="SS706" s="613"/>
      <c r="ST706" s="613"/>
      <c r="SU706" s="613"/>
      <c r="SV706" s="613"/>
      <c r="SW706" s="613"/>
      <c r="SX706" s="613"/>
      <c r="SY706" s="613"/>
      <c r="SZ706" s="613"/>
      <c r="TA706" s="613"/>
      <c r="TB706" s="613"/>
      <c r="TC706" s="613"/>
      <c r="TD706" s="613"/>
      <c r="TE706" s="613"/>
      <c r="TF706" s="613"/>
      <c r="TG706" s="613"/>
      <c r="TH706" s="613"/>
      <c r="TI706" s="613"/>
      <c r="TJ706" s="613"/>
      <c r="TK706" s="613"/>
      <c r="TL706" s="613"/>
      <c r="TM706" s="613"/>
      <c r="TN706" s="613"/>
      <c r="TO706" s="613"/>
      <c r="TP706" s="613"/>
      <c r="TQ706" s="613"/>
      <c r="TR706" s="613"/>
      <c r="TS706" s="613"/>
      <c r="TT706" s="613"/>
      <c r="TU706" s="613"/>
      <c r="TV706" s="613"/>
      <c r="TW706" s="613"/>
      <c r="TX706" s="613"/>
      <c r="TY706" s="613"/>
      <c r="TZ706" s="613"/>
      <c r="UA706" s="613"/>
      <c r="UB706" s="613"/>
      <c r="UC706" s="613"/>
      <c r="UD706" s="613"/>
      <c r="UE706" s="613"/>
      <c r="UF706" s="613"/>
      <c r="UG706" s="613"/>
      <c r="UH706" s="613"/>
      <c r="UI706" s="613"/>
      <c r="UJ706" s="613"/>
      <c r="UK706" s="613"/>
      <c r="UL706" s="613"/>
      <c r="UM706" s="613"/>
      <c r="UN706" s="613"/>
      <c r="UO706" s="613"/>
      <c r="UP706" s="613"/>
      <c r="UQ706" s="613"/>
      <c r="UR706" s="613"/>
      <c r="US706" s="613"/>
      <c r="UT706" s="613"/>
      <c r="UU706" s="613"/>
      <c r="UV706" s="613"/>
      <c r="UW706" s="613"/>
      <c r="UX706" s="613"/>
      <c r="UY706" s="613"/>
      <c r="UZ706" s="613"/>
      <c r="VA706" s="613"/>
      <c r="VB706" s="613"/>
      <c r="VC706" s="613"/>
      <c r="VD706" s="613"/>
      <c r="VE706" s="613"/>
      <c r="VF706" s="613"/>
      <c r="VG706" s="613"/>
      <c r="VH706" s="613"/>
      <c r="VI706" s="613"/>
      <c r="VJ706" s="613"/>
      <c r="VK706" s="613"/>
      <c r="VL706" s="613"/>
      <c r="VM706" s="613"/>
      <c r="VN706" s="613"/>
      <c r="VO706" s="613"/>
      <c r="VP706" s="613"/>
      <c r="VQ706" s="613"/>
      <c r="VR706" s="613"/>
      <c r="VS706" s="613"/>
      <c r="VT706" s="613"/>
      <c r="VU706" s="613"/>
      <c r="VV706" s="613"/>
      <c r="VW706" s="613"/>
      <c r="VX706" s="613"/>
      <c r="VY706" s="613"/>
      <c r="VZ706" s="613"/>
      <c r="WA706" s="613"/>
      <c r="WB706" s="613"/>
      <c r="WC706" s="613"/>
      <c r="WD706" s="613"/>
      <c r="WE706" s="613"/>
      <c r="WF706" s="613"/>
      <c r="WG706" s="613"/>
      <c r="WH706" s="613"/>
      <c r="WI706" s="613"/>
      <c r="WJ706" s="613"/>
      <c r="WK706" s="613"/>
      <c r="WL706" s="613"/>
      <c r="WM706" s="613"/>
      <c r="WN706" s="613"/>
      <c r="WO706" s="613"/>
      <c r="WP706" s="613"/>
      <c r="WQ706" s="613"/>
      <c r="WR706" s="613"/>
      <c r="WS706" s="613"/>
      <c r="WT706" s="613"/>
      <c r="WU706" s="613"/>
      <c r="WV706" s="613"/>
      <c r="WW706" s="613"/>
      <c r="WX706" s="613"/>
      <c r="WY706" s="613"/>
      <c r="WZ706" s="613"/>
      <c r="XA706" s="613"/>
      <c r="XB706" s="613"/>
      <c r="XC706" s="613"/>
      <c r="XD706" s="613"/>
      <c r="XE706" s="613"/>
      <c r="XF706" s="613"/>
      <c r="XG706" s="613"/>
      <c r="XH706" s="613"/>
      <c r="XI706" s="613"/>
      <c r="XJ706" s="613"/>
      <c r="XK706" s="613"/>
      <c r="XL706" s="613"/>
      <c r="XM706" s="613"/>
      <c r="XN706" s="613"/>
      <c r="XO706" s="613"/>
      <c r="XP706" s="613"/>
      <c r="XQ706" s="613"/>
      <c r="XR706" s="613"/>
      <c r="XS706" s="613"/>
      <c r="XT706" s="613"/>
      <c r="XU706" s="613"/>
      <c r="XV706" s="613"/>
      <c r="XW706" s="613"/>
      <c r="XX706" s="613"/>
      <c r="XY706" s="613"/>
      <c r="XZ706" s="613"/>
      <c r="YA706" s="613"/>
      <c r="YB706" s="613"/>
      <c r="YC706" s="613"/>
      <c r="YD706" s="613"/>
      <c r="YE706" s="613"/>
      <c r="YF706" s="613"/>
      <c r="YG706" s="613"/>
      <c r="YH706" s="613"/>
      <c r="YI706" s="613"/>
      <c r="YJ706" s="613"/>
      <c r="YK706" s="613"/>
      <c r="YL706" s="613"/>
      <c r="YM706" s="613"/>
      <c r="YN706" s="613"/>
      <c r="YO706" s="613"/>
      <c r="YP706" s="613"/>
      <c r="YQ706" s="613"/>
      <c r="YR706" s="613"/>
      <c r="YS706" s="613"/>
      <c r="YT706" s="613"/>
      <c r="YU706" s="613"/>
      <c r="YV706" s="613"/>
      <c r="YW706" s="613"/>
      <c r="YX706" s="613"/>
      <c r="YY706" s="613"/>
      <c r="YZ706" s="613"/>
      <c r="ZA706" s="613"/>
      <c r="ZB706" s="613"/>
      <c r="ZC706" s="613"/>
      <c r="ZD706" s="613"/>
      <c r="ZE706" s="613"/>
      <c r="ZF706" s="613"/>
      <c r="ZG706" s="613"/>
      <c r="ZH706" s="613"/>
      <c r="ZI706" s="613"/>
      <c r="ZJ706" s="613"/>
      <c r="ZK706" s="613"/>
      <c r="ZL706" s="613"/>
      <c r="ZM706" s="613"/>
      <c r="ZN706" s="613"/>
      <c r="ZO706" s="613"/>
      <c r="ZP706" s="613"/>
      <c r="ZQ706" s="613"/>
      <c r="ZR706" s="613"/>
      <c r="ZS706" s="613"/>
      <c r="ZT706" s="613"/>
      <c r="ZU706" s="613"/>
      <c r="ZV706" s="613"/>
      <c r="ZW706" s="613"/>
      <c r="ZX706" s="613"/>
      <c r="ZY706" s="613"/>
      <c r="ZZ706" s="613"/>
      <c r="AAA706" s="613"/>
      <c r="AAB706" s="613"/>
      <c r="AAC706" s="613"/>
      <c r="AAD706" s="613"/>
      <c r="AAE706" s="613"/>
      <c r="AAF706" s="613"/>
      <c r="AAG706" s="613"/>
      <c r="AAH706" s="613"/>
      <c r="AAI706" s="613"/>
      <c r="AAJ706" s="613"/>
      <c r="AAK706" s="613"/>
      <c r="AAL706" s="613"/>
      <c r="AAM706" s="613"/>
      <c r="AAN706" s="613"/>
      <c r="AAO706" s="613"/>
      <c r="AAP706" s="613"/>
      <c r="AAQ706" s="613"/>
      <c r="AAR706" s="613"/>
      <c r="AAS706" s="613"/>
      <c r="AAT706" s="613"/>
      <c r="AAU706" s="613"/>
      <c r="AAV706" s="613"/>
      <c r="AAW706" s="613"/>
      <c r="AAX706" s="613"/>
      <c r="AAY706" s="613"/>
      <c r="AAZ706" s="613"/>
      <c r="ABA706" s="613"/>
      <c r="ABB706" s="613"/>
      <c r="ABC706" s="613"/>
      <c r="ABD706" s="613"/>
      <c r="ABE706" s="613"/>
      <c r="ABF706" s="613"/>
      <c r="ABG706" s="613"/>
      <c r="ABH706" s="613"/>
      <c r="ABI706" s="613"/>
      <c r="ABJ706" s="613"/>
      <c r="ABK706" s="613"/>
      <c r="ABL706" s="613"/>
      <c r="ABM706" s="613"/>
      <c r="ABN706" s="613"/>
      <c r="ABO706" s="613"/>
      <c r="ABP706" s="613"/>
      <c r="ABQ706" s="613"/>
      <c r="ABR706" s="613"/>
      <c r="ABS706" s="613"/>
      <c r="ABT706" s="613"/>
      <c r="ABU706" s="613"/>
      <c r="ABV706" s="613"/>
      <c r="ABW706" s="613"/>
      <c r="ABX706" s="613"/>
      <c r="ABY706" s="613"/>
      <c r="ABZ706" s="613"/>
      <c r="ACA706" s="613"/>
      <c r="ACB706" s="613"/>
      <c r="ACC706" s="613"/>
      <c r="ACD706" s="613"/>
      <c r="ACE706" s="613"/>
      <c r="ACF706" s="613"/>
      <c r="ACG706" s="613"/>
      <c r="ACH706" s="613"/>
      <c r="ACI706" s="613"/>
      <c r="ACJ706" s="613"/>
      <c r="ACK706" s="613"/>
      <c r="ACL706" s="613"/>
      <c r="ACM706" s="613"/>
      <c r="ACN706" s="613"/>
      <c r="ACO706" s="613"/>
      <c r="ACP706" s="613"/>
      <c r="ACQ706" s="613"/>
      <c r="ACR706" s="613"/>
      <c r="ACS706" s="613"/>
      <c r="ACT706" s="613"/>
      <c r="ACU706" s="613"/>
      <c r="ACV706" s="613"/>
      <c r="ACW706" s="613"/>
      <c r="ACX706" s="613"/>
      <c r="ACY706" s="613"/>
      <c r="ACZ706" s="613"/>
      <c r="ADA706" s="613"/>
      <c r="ADB706" s="613"/>
      <c r="ADC706" s="613"/>
      <c r="ADD706" s="613"/>
      <c r="ADE706" s="613"/>
      <c r="ADF706" s="613"/>
      <c r="ADG706" s="613"/>
      <c r="ADH706" s="613"/>
      <c r="ADI706" s="613"/>
      <c r="ADJ706" s="613"/>
      <c r="ADK706" s="613"/>
      <c r="ADL706" s="613"/>
      <c r="ADM706" s="613"/>
      <c r="ADN706" s="613"/>
      <c r="ADO706" s="613"/>
      <c r="ADP706" s="613"/>
      <c r="ADQ706" s="613"/>
      <c r="ADR706" s="613"/>
      <c r="ADS706" s="613"/>
      <c r="ADT706" s="613"/>
      <c r="ADU706" s="613"/>
      <c r="ADV706" s="613"/>
      <c r="ADW706" s="613"/>
      <c r="ADX706" s="613"/>
      <c r="ADY706" s="613"/>
      <c r="ADZ706" s="613"/>
      <c r="AEA706" s="613"/>
      <c r="AEB706" s="613"/>
      <c r="AEC706" s="613"/>
      <c r="AED706" s="613"/>
      <c r="AEE706" s="613"/>
      <c r="AEF706" s="613"/>
      <c r="AEG706" s="613"/>
      <c r="AEH706" s="613"/>
      <c r="AEI706" s="613"/>
      <c r="AEJ706" s="613"/>
      <c r="AEK706" s="613"/>
      <c r="AEL706" s="613"/>
      <c r="AEM706" s="613"/>
      <c r="AEN706" s="613"/>
      <c r="AEO706" s="613"/>
      <c r="AEP706" s="613"/>
      <c r="AEQ706" s="613"/>
      <c r="AER706" s="613"/>
      <c r="AES706" s="613"/>
      <c r="AET706" s="613"/>
      <c r="AEU706" s="613"/>
      <c r="AEV706" s="613"/>
      <c r="AEW706" s="613"/>
      <c r="AEX706" s="613"/>
      <c r="AEY706" s="613"/>
      <c r="AEZ706" s="613"/>
      <c r="AFA706" s="613"/>
      <c r="AFB706" s="613"/>
      <c r="AFC706" s="613"/>
      <c r="AFD706" s="613"/>
      <c r="AFE706" s="613"/>
      <c r="AFF706" s="613"/>
      <c r="AFG706" s="613"/>
      <c r="AFH706" s="613"/>
      <c r="AFI706" s="613"/>
      <c r="AFJ706" s="613"/>
      <c r="AFK706" s="613"/>
      <c r="AFL706" s="613"/>
      <c r="AFM706" s="613"/>
      <c r="AFN706" s="613"/>
      <c r="AFO706" s="613"/>
      <c r="AFP706" s="613"/>
      <c r="AFQ706" s="613"/>
      <c r="AFR706" s="613"/>
      <c r="AFS706" s="613"/>
      <c r="AFT706" s="613"/>
      <c r="AFU706" s="613"/>
      <c r="AFV706" s="613"/>
      <c r="AFW706" s="613"/>
      <c r="AFX706" s="613"/>
      <c r="AFY706" s="613"/>
      <c r="AFZ706" s="613"/>
      <c r="AGA706" s="613"/>
      <c r="AGB706" s="613"/>
      <c r="AGC706" s="613"/>
      <c r="AGD706" s="613"/>
      <c r="AGE706" s="613"/>
      <c r="AGF706" s="613"/>
      <c r="AGG706" s="613"/>
      <c r="AGH706" s="613"/>
      <c r="AGI706" s="613"/>
      <c r="AGJ706" s="613"/>
      <c r="AGK706" s="613"/>
      <c r="AGL706" s="613"/>
      <c r="AGM706" s="613"/>
      <c r="AGN706" s="613"/>
      <c r="AGO706" s="613"/>
      <c r="AGP706" s="613"/>
      <c r="AGQ706" s="613"/>
      <c r="AGR706" s="613"/>
      <c r="AGS706" s="613"/>
      <c r="AGT706" s="613"/>
      <c r="AGU706" s="613"/>
      <c r="AGV706" s="613"/>
      <c r="AGW706" s="613"/>
      <c r="AGX706" s="613"/>
      <c r="AGY706" s="613"/>
      <c r="AGZ706" s="613"/>
      <c r="AHA706" s="613"/>
      <c r="AHB706" s="613"/>
      <c r="AHC706" s="613"/>
      <c r="AHD706" s="613"/>
      <c r="AHE706" s="613"/>
      <c r="AHF706" s="613"/>
      <c r="AHG706" s="613"/>
      <c r="AHH706" s="613"/>
      <c r="AHI706" s="613"/>
      <c r="AHJ706" s="613"/>
      <c r="AHK706" s="613"/>
      <c r="AHL706" s="613"/>
      <c r="AHM706" s="613"/>
      <c r="AHN706" s="613"/>
      <c r="AHO706" s="613"/>
      <c r="AHP706" s="613"/>
      <c r="AHQ706" s="613"/>
      <c r="AHR706" s="613"/>
      <c r="AHS706" s="613"/>
      <c r="AHT706" s="613"/>
      <c r="AHU706" s="613"/>
      <c r="AHV706" s="613"/>
      <c r="AHW706" s="613"/>
      <c r="AHX706" s="613"/>
      <c r="AHY706" s="613"/>
      <c r="AHZ706" s="613"/>
      <c r="AIA706" s="613"/>
      <c r="AIB706" s="613"/>
      <c r="AIC706" s="613"/>
      <c r="AID706" s="613"/>
      <c r="AIE706" s="613"/>
      <c r="AIF706" s="613"/>
      <c r="AIG706" s="613"/>
      <c r="AIH706" s="613"/>
      <c r="AII706" s="613"/>
      <c r="AIJ706" s="613"/>
      <c r="AIK706" s="613"/>
      <c r="AIL706" s="613"/>
      <c r="AIM706" s="613"/>
      <c r="AIN706" s="613"/>
      <c r="AIO706" s="613"/>
      <c r="AIP706" s="613"/>
      <c r="AIQ706" s="613"/>
      <c r="AIR706" s="613"/>
      <c r="AIS706" s="613"/>
      <c r="AIT706" s="613"/>
      <c r="AIU706" s="613"/>
      <c r="AIV706" s="613"/>
      <c r="AIW706" s="613"/>
      <c r="AIX706" s="613"/>
      <c r="AIY706" s="613"/>
      <c r="AIZ706" s="613"/>
      <c r="AJA706" s="613"/>
      <c r="AJB706" s="613"/>
      <c r="AJC706" s="613"/>
      <c r="AJD706" s="613"/>
      <c r="AJE706" s="613"/>
      <c r="AJF706" s="613"/>
      <c r="AJG706" s="613"/>
      <c r="AJH706" s="613"/>
      <c r="AJI706" s="613"/>
      <c r="AJJ706" s="613"/>
      <c r="AJK706" s="613"/>
      <c r="AJL706" s="613"/>
      <c r="AJM706" s="613"/>
      <c r="AJN706" s="613"/>
      <c r="AJO706" s="613"/>
      <c r="AJP706" s="613"/>
      <c r="AJQ706" s="613"/>
      <c r="AJR706" s="613"/>
      <c r="AJS706" s="613"/>
      <c r="AJT706" s="613"/>
      <c r="AJU706" s="613"/>
      <c r="AJV706" s="613"/>
      <c r="AJW706" s="613"/>
      <c r="AJX706" s="613"/>
      <c r="AJY706" s="613"/>
      <c r="AJZ706" s="613"/>
      <c r="AKA706" s="613"/>
      <c r="AKB706" s="613"/>
      <c r="AKC706" s="613"/>
      <c r="AKD706" s="613"/>
      <c r="AKE706" s="613"/>
      <c r="AKF706" s="613"/>
      <c r="AKG706" s="613"/>
      <c r="AKH706" s="613"/>
      <c r="AKI706" s="613"/>
      <c r="AKJ706" s="613"/>
      <c r="AKK706" s="613"/>
      <c r="AKL706" s="613"/>
      <c r="AKM706" s="613"/>
      <c r="AKN706" s="613"/>
      <c r="AKO706" s="613"/>
      <c r="AKP706" s="613"/>
      <c r="AKQ706" s="613"/>
      <c r="AKR706" s="613"/>
      <c r="AKS706" s="613"/>
      <c r="AKT706" s="613"/>
      <c r="AKU706" s="613"/>
      <c r="AKV706" s="613"/>
      <c r="AKW706" s="613"/>
      <c r="AKX706" s="613"/>
      <c r="AKY706" s="613"/>
      <c r="AKZ706" s="613"/>
      <c r="ALA706" s="613"/>
      <c r="ALB706" s="613"/>
      <c r="ALC706" s="613"/>
      <c r="ALD706" s="613"/>
      <c r="ALE706" s="613"/>
      <c r="ALF706" s="613"/>
      <c r="ALG706" s="613"/>
      <c r="ALH706" s="613"/>
      <c r="ALI706" s="613"/>
      <c r="ALJ706" s="613"/>
      <c r="ALK706" s="613"/>
      <c r="ALL706" s="613"/>
      <c r="ALM706" s="613"/>
      <c r="ALN706" s="613"/>
      <c r="ALO706" s="613"/>
      <c r="ALP706" s="613"/>
      <c r="ALQ706" s="613"/>
      <c r="ALR706" s="613"/>
      <c r="ALS706" s="613"/>
      <c r="ALT706" s="613"/>
      <c r="ALU706" s="613"/>
      <c r="ALV706" s="613"/>
      <c r="ALW706" s="613"/>
      <c r="ALX706" s="613"/>
      <c r="ALY706" s="613"/>
      <c r="ALZ706" s="613"/>
      <c r="AMA706" s="613"/>
      <c r="AMB706" s="613"/>
      <c r="AMC706" s="613"/>
      <c r="AMD706" s="613"/>
      <c r="AME706" s="613"/>
      <c r="AMF706" s="613"/>
      <c r="AMG706" s="613"/>
      <c r="AMH706" s="613"/>
      <c r="AMI706" s="613"/>
      <c r="AMJ706" s="613"/>
      <c r="AMK706" s="613"/>
      <c r="AML706" s="613"/>
      <c r="AMM706" s="613"/>
      <c r="AMN706" s="613"/>
      <c r="AMO706" s="613"/>
      <c r="AMP706" s="613"/>
      <c r="AMQ706" s="613"/>
      <c r="AMR706" s="613"/>
      <c r="AMS706" s="613"/>
      <c r="AMT706" s="613"/>
      <c r="AMU706" s="613"/>
      <c r="AMV706" s="613"/>
      <c r="AMW706" s="613"/>
      <c r="AMX706" s="613"/>
      <c r="AMY706" s="613"/>
      <c r="AMZ706" s="613"/>
      <c r="ANA706" s="613"/>
      <c r="ANB706" s="613"/>
      <c r="ANC706" s="613"/>
      <c r="AND706" s="613"/>
      <c r="ANE706" s="613"/>
      <c r="ANF706" s="613"/>
      <c r="ANG706" s="613"/>
      <c r="ANH706" s="613"/>
      <c r="ANI706" s="613"/>
      <c r="ANJ706" s="613"/>
      <c r="ANK706" s="613"/>
      <c r="ANL706" s="613"/>
      <c r="ANM706" s="613"/>
      <c r="ANN706" s="613"/>
      <c r="ANO706" s="613"/>
      <c r="ANP706" s="613"/>
      <c r="ANQ706" s="613"/>
      <c r="ANR706" s="613"/>
      <c r="ANS706" s="613"/>
      <c r="ANT706" s="613"/>
      <c r="ANU706" s="613"/>
      <c r="ANV706" s="613"/>
      <c r="ANW706" s="613"/>
      <c r="ANX706" s="613"/>
      <c r="ANY706" s="613"/>
      <c r="ANZ706" s="613"/>
      <c r="AOA706" s="613"/>
      <c r="AOB706" s="613"/>
      <c r="AOC706" s="613"/>
      <c r="AOD706" s="613"/>
      <c r="AOE706" s="613"/>
      <c r="AOF706" s="613"/>
      <c r="AOG706" s="613"/>
      <c r="AOH706" s="613"/>
      <c r="AOI706" s="613"/>
      <c r="AOJ706" s="613"/>
      <c r="AOK706" s="613"/>
      <c r="AOL706" s="613"/>
      <c r="AOM706" s="613"/>
      <c r="AON706" s="613"/>
      <c r="AOO706" s="613"/>
      <c r="AOP706" s="613"/>
      <c r="AOQ706" s="613"/>
      <c r="AOR706" s="613"/>
      <c r="AOS706" s="613"/>
      <c r="AOT706" s="613"/>
      <c r="AOU706" s="613"/>
      <c r="AOV706" s="613"/>
      <c r="AOW706" s="613"/>
      <c r="AOX706" s="613"/>
      <c r="AOY706" s="613"/>
      <c r="AOZ706" s="613"/>
      <c r="APA706" s="613"/>
      <c r="APB706" s="613"/>
      <c r="APC706" s="613"/>
      <c r="APD706" s="613"/>
      <c r="APE706" s="613"/>
      <c r="APF706" s="613"/>
      <c r="APG706" s="613"/>
      <c r="APH706" s="613"/>
      <c r="API706" s="613"/>
      <c r="APJ706" s="613"/>
      <c r="APK706" s="613"/>
      <c r="APL706" s="613"/>
      <c r="APM706" s="613"/>
      <c r="APN706" s="613"/>
      <c r="APO706" s="613"/>
      <c r="APP706" s="613"/>
      <c r="APQ706" s="613"/>
      <c r="APR706" s="613"/>
      <c r="APS706" s="613"/>
      <c r="APT706" s="613"/>
      <c r="APU706" s="613"/>
      <c r="APV706" s="613"/>
      <c r="APW706" s="613"/>
      <c r="APX706" s="613"/>
      <c r="APY706" s="613"/>
      <c r="APZ706" s="613"/>
      <c r="AQA706" s="613"/>
      <c r="AQB706" s="613"/>
      <c r="AQC706" s="613"/>
      <c r="AQD706" s="613"/>
      <c r="AQE706" s="613"/>
      <c r="AQF706" s="613"/>
      <c r="AQG706" s="613"/>
      <c r="AQH706" s="613"/>
      <c r="AQI706" s="613"/>
      <c r="AQJ706" s="613"/>
      <c r="AQK706" s="613"/>
      <c r="AQL706" s="613"/>
      <c r="AQM706" s="613"/>
      <c r="AQN706" s="613"/>
      <c r="AQO706" s="613"/>
      <c r="AQP706" s="613"/>
      <c r="AQQ706" s="613"/>
      <c r="AQR706" s="613"/>
      <c r="AQS706" s="613"/>
      <c r="AQT706" s="613"/>
      <c r="AQU706" s="613"/>
      <c r="AQV706" s="613"/>
      <c r="AQW706" s="613"/>
      <c r="AQX706" s="613"/>
      <c r="AQY706" s="613"/>
      <c r="AQZ706" s="613"/>
      <c r="ARA706" s="613"/>
      <c r="ARB706" s="613"/>
      <c r="ARC706" s="613"/>
      <c r="ARD706" s="613"/>
      <c r="ARE706" s="613"/>
      <c r="ARF706" s="613"/>
      <c r="ARG706" s="613"/>
      <c r="ARH706" s="613"/>
      <c r="ARI706" s="613"/>
      <c r="ARJ706" s="613"/>
      <c r="ARK706" s="613"/>
      <c r="ARL706" s="613"/>
      <c r="ARM706" s="613"/>
      <c r="ARN706" s="613"/>
      <c r="ARO706" s="613"/>
      <c r="ARP706" s="613"/>
      <c r="ARQ706" s="613"/>
      <c r="ARR706" s="613"/>
      <c r="ARS706" s="613"/>
      <c r="ART706" s="613"/>
      <c r="ARU706" s="613"/>
      <c r="ARV706" s="613"/>
      <c r="ARW706" s="613"/>
      <c r="ARX706" s="613"/>
      <c r="ARY706" s="613"/>
      <c r="ARZ706" s="613"/>
      <c r="ASA706" s="613"/>
      <c r="ASB706" s="613"/>
      <c r="ASC706" s="613"/>
      <c r="ASD706" s="613"/>
      <c r="ASE706" s="613"/>
      <c r="ASF706" s="613"/>
      <c r="ASG706" s="613"/>
      <c r="ASH706" s="613"/>
      <c r="ASI706" s="613"/>
      <c r="ASJ706" s="613"/>
      <c r="ASK706" s="613"/>
      <c r="ASL706" s="613"/>
      <c r="ASM706" s="613"/>
      <c r="ASN706" s="613"/>
      <c r="ASO706" s="613"/>
      <c r="ASP706" s="613"/>
      <c r="ASQ706" s="613"/>
      <c r="ASR706" s="613"/>
      <c r="ASS706" s="613"/>
      <c r="AST706" s="613"/>
      <c r="ASU706" s="613"/>
      <c r="ASV706" s="613"/>
      <c r="ASW706" s="613"/>
      <c r="ASX706" s="613"/>
      <c r="ASY706" s="613"/>
      <c r="ASZ706" s="613"/>
      <c r="ATA706" s="613"/>
      <c r="ATB706" s="613"/>
      <c r="ATC706" s="613"/>
      <c r="ATD706" s="613"/>
      <c r="ATE706" s="613"/>
      <c r="ATF706" s="613"/>
      <c r="ATG706" s="613"/>
      <c r="ATH706" s="613"/>
      <c r="ATI706" s="613"/>
      <c r="ATJ706" s="613"/>
      <c r="ATK706" s="613"/>
      <c r="ATL706" s="613"/>
      <c r="ATM706" s="613"/>
      <c r="ATN706" s="613"/>
      <c r="ATO706" s="613"/>
      <c r="ATP706" s="613"/>
      <c r="ATQ706" s="613"/>
      <c r="ATR706" s="613"/>
      <c r="ATS706" s="613"/>
      <c r="ATT706" s="613"/>
      <c r="ATU706" s="613"/>
      <c r="ATV706" s="613"/>
      <c r="ATW706" s="613"/>
      <c r="ATX706" s="613"/>
      <c r="ATY706" s="613"/>
      <c r="ATZ706" s="613"/>
      <c r="AUA706" s="613"/>
      <c r="AUB706" s="613"/>
      <c r="AUC706" s="613"/>
      <c r="AUD706" s="613"/>
      <c r="AUE706" s="613"/>
      <c r="AUF706" s="613"/>
      <c r="AUG706" s="613"/>
      <c r="AUH706" s="613"/>
      <c r="AUI706" s="613"/>
      <c r="AUJ706" s="613"/>
      <c r="AUK706" s="613"/>
      <c r="AUL706" s="613"/>
      <c r="AUM706" s="613"/>
      <c r="AUN706" s="613"/>
      <c r="AUO706" s="613"/>
      <c r="AUP706" s="613"/>
      <c r="AUQ706" s="613"/>
      <c r="AUR706" s="613"/>
      <c r="AUS706" s="613"/>
      <c r="AUT706" s="613"/>
      <c r="AUU706" s="613"/>
      <c r="AUV706" s="613"/>
      <c r="AUW706" s="613"/>
      <c r="AUX706" s="613"/>
      <c r="AUY706" s="613"/>
      <c r="AUZ706" s="613"/>
      <c r="AVA706" s="613"/>
      <c r="AVB706" s="613"/>
      <c r="AVC706" s="613"/>
      <c r="AVD706" s="613"/>
      <c r="AVE706" s="613"/>
      <c r="AVF706" s="613"/>
      <c r="AVG706" s="613"/>
      <c r="AVH706" s="613"/>
      <c r="AVI706" s="613"/>
      <c r="AVJ706" s="613"/>
      <c r="AVK706" s="613"/>
      <c r="AVL706" s="613"/>
      <c r="AVM706" s="613"/>
      <c r="AVN706" s="613"/>
      <c r="AVO706" s="613"/>
      <c r="AVP706" s="613"/>
      <c r="AVQ706" s="613"/>
      <c r="AVR706" s="613"/>
      <c r="AVS706" s="613"/>
      <c r="AVT706" s="613"/>
      <c r="AVU706" s="613"/>
      <c r="AVV706" s="613"/>
      <c r="AVW706" s="613"/>
      <c r="AVX706" s="613"/>
      <c r="AVY706" s="613"/>
      <c r="AVZ706" s="613"/>
      <c r="AWA706" s="613"/>
      <c r="AWB706" s="613"/>
      <c r="AWC706" s="613"/>
      <c r="AWD706" s="613"/>
      <c r="AWE706" s="613"/>
      <c r="AWF706" s="613"/>
      <c r="AWG706" s="613"/>
      <c r="AWH706" s="613"/>
      <c r="AWI706" s="613"/>
      <c r="AWJ706" s="613"/>
      <c r="AWK706" s="613"/>
      <c r="AWL706" s="613"/>
      <c r="AWM706" s="613"/>
      <c r="AWN706" s="613"/>
      <c r="AWO706" s="613"/>
      <c r="AWP706" s="613"/>
      <c r="AWQ706" s="613"/>
      <c r="AWR706" s="613"/>
      <c r="AWS706" s="613"/>
      <c r="AWT706" s="613"/>
      <c r="AWU706" s="613"/>
      <c r="AWV706" s="613"/>
      <c r="AWW706" s="613"/>
      <c r="AWX706" s="613"/>
      <c r="AWY706" s="613"/>
      <c r="AWZ706" s="613"/>
      <c r="AXA706" s="613"/>
      <c r="AXB706" s="613"/>
      <c r="AXC706" s="613"/>
      <c r="AXD706" s="613"/>
      <c r="AXE706" s="613"/>
      <c r="AXF706" s="613"/>
      <c r="AXG706" s="613"/>
      <c r="AXH706" s="613"/>
      <c r="AXI706" s="613"/>
      <c r="AXJ706" s="613"/>
      <c r="AXK706" s="613"/>
      <c r="AXL706" s="613"/>
      <c r="AXM706" s="613"/>
      <c r="AXN706" s="613"/>
      <c r="AXO706" s="613"/>
      <c r="AXP706" s="613"/>
      <c r="AXQ706" s="613"/>
      <c r="AXR706" s="613"/>
      <c r="AXS706" s="613"/>
      <c r="AXT706" s="613"/>
      <c r="AXU706" s="613"/>
      <c r="AXV706" s="613"/>
      <c r="AXW706" s="613"/>
      <c r="AXX706" s="613"/>
      <c r="AXY706" s="613"/>
      <c r="AXZ706" s="613"/>
      <c r="AYA706" s="613"/>
      <c r="AYB706" s="613"/>
      <c r="AYC706" s="613"/>
      <c r="AYD706" s="613"/>
      <c r="AYE706" s="613"/>
      <c r="AYF706" s="613"/>
      <c r="AYG706" s="613"/>
      <c r="AYH706" s="613"/>
      <c r="AYI706" s="613"/>
      <c r="AYJ706" s="613"/>
      <c r="AYK706" s="613"/>
      <c r="AYL706" s="613"/>
      <c r="AYM706" s="613"/>
      <c r="AYN706" s="613"/>
      <c r="AYO706" s="613"/>
      <c r="AYP706" s="613"/>
      <c r="AYQ706" s="613"/>
      <c r="AYR706" s="613"/>
      <c r="AYS706" s="613"/>
      <c r="AYT706" s="613"/>
      <c r="AYU706" s="613"/>
      <c r="AYV706" s="613"/>
      <c r="AYW706" s="613"/>
      <c r="AYX706" s="613"/>
      <c r="AYY706" s="613"/>
      <c r="AYZ706" s="613"/>
      <c r="AZA706" s="613"/>
      <c r="AZB706" s="613"/>
      <c r="AZC706" s="613"/>
      <c r="AZD706" s="613"/>
      <c r="AZE706" s="613"/>
      <c r="AZF706" s="613"/>
      <c r="AZG706" s="613"/>
      <c r="AZH706" s="613"/>
      <c r="AZI706" s="613"/>
      <c r="AZJ706" s="613"/>
      <c r="AZK706" s="613"/>
      <c r="AZL706" s="613"/>
      <c r="AZM706" s="613"/>
      <c r="AZN706" s="613"/>
      <c r="AZO706" s="613"/>
      <c r="AZP706" s="613"/>
      <c r="AZQ706" s="613"/>
      <c r="AZR706" s="613"/>
      <c r="AZS706" s="613"/>
      <c r="AZT706" s="613"/>
      <c r="AZU706" s="613"/>
      <c r="AZV706" s="613"/>
      <c r="AZW706" s="613"/>
      <c r="AZX706" s="613"/>
      <c r="AZY706" s="613"/>
      <c r="AZZ706" s="613"/>
      <c r="BAA706" s="613"/>
      <c r="BAB706" s="613"/>
      <c r="BAC706" s="613"/>
      <c r="BAD706" s="613"/>
      <c r="BAE706" s="613"/>
      <c r="BAF706" s="613"/>
      <c r="BAG706" s="613"/>
      <c r="BAH706" s="613"/>
      <c r="BAI706" s="613"/>
      <c r="BAJ706" s="613"/>
      <c r="BAK706" s="613"/>
      <c r="BAL706" s="613"/>
      <c r="BAM706" s="613"/>
      <c r="BAN706" s="613"/>
      <c r="BAO706" s="613"/>
      <c r="BAP706" s="613"/>
      <c r="BAQ706" s="613"/>
      <c r="BAR706" s="613"/>
      <c r="BAS706" s="613"/>
      <c r="BAT706" s="613"/>
      <c r="BAU706" s="613"/>
      <c r="BAV706" s="613"/>
      <c r="BAW706" s="613"/>
      <c r="BAX706" s="613"/>
      <c r="BAY706" s="613"/>
      <c r="BAZ706" s="613"/>
      <c r="BBA706" s="613"/>
      <c r="BBB706" s="613"/>
      <c r="BBC706" s="613"/>
      <c r="BBD706" s="613"/>
      <c r="BBE706" s="613"/>
      <c r="BBF706" s="613"/>
      <c r="BBG706" s="613"/>
      <c r="BBH706" s="613"/>
      <c r="BBI706" s="613"/>
      <c r="BBJ706" s="613"/>
      <c r="BBK706" s="613"/>
      <c r="BBL706" s="613"/>
      <c r="BBM706" s="613"/>
      <c r="BBN706" s="613"/>
      <c r="BBO706" s="613"/>
      <c r="BBP706" s="613"/>
      <c r="BBQ706" s="613"/>
      <c r="BBR706" s="613"/>
      <c r="BBS706" s="613"/>
      <c r="BBT706" s="613"/>
      <c r="BBU706" s="613"/>
      <c r="BBV706" s="613"/>
      <c r="BBW706" s="613"/>
      <c r="BBX706" s="613"/>
      <c r="BBY706" s="613"/>
      <c r="BBZ706" s="613"/>
      <c r="BCA706" s="613"/>
      <c r="BCB706" s="613"/>
      <c r="BCC706" s="613"/>
      <c r="BCD706" s="613"/>
      <c r="BCE706" s="613"/>
      <c r="BCF706" s="613"/>
      <c r="BCG706" s="613"/>
      <c r="BCH706" s="613"/>
      <c r="BCI706" s="613"/>
      <c r="BCJ706" s="613"/>
      <c r="BCK706" s="613"/>
      <c r="BCL706" s="613"/>
      <c r="BCM706" s="613"/>
      <c r="BCN706" s="613"/>
      <c r="BCO706" s="613"/>
      <c r="BCP706" s="613"/>
      <c r="BCQ706" s="613"/>
      <c r="BCR706" s="613"/>
      <c r="BCS706" s="613"/>
      <c r="BCT706" s="613"/>
      <c r="BCU706" s="613"/>
      <c r="BCV706" s="613"/>
      <c r="BCW706" s="613"/>
      <c r="BCX706" s="613"/>
      <c r="BCY706" s="613"/>
      <c r="BCZ706" s="613"/>
      <c r="BDA706" s="613"/>
      <c r="BDB706" s="613"/>
      <c r="BDC706" s="613"/>
      <c r="BDD706" s="613"/>
      <c r="BDE706" s="613"/>
      <c r="BDF706" s="613"/>
      <c r="BDG706" s="613"/>
      <c r="BDH706" s="613"/>
      <c r="BDI706" s="613"/>
      <c r="BDJ706" s="613"/>
      <c r="BDK706" s="613"/>
      <c r="BDL706" s="613"/>
      <c r="BDM706" s="613"/>
      <c r="BDN706" s="613"/>
      <c r="BDO706" s="613"/>
      <c r="BDP706" s="613"/>
      <c r="BDQ706" s="613"/>
      <c r="BDR706" s="613"/>
      <c r="BDS706" s="613"/>
      <c r="BDT706" s="613"/>
      <c r="BDU706" s="613"/>
      <c r="BDV706" s="613"/>
      <c r="BDW706" s="613"/>
      <c r="BDX706" s="613"/>
      <c r="BDY706" s="613"/>
      <c r="BDZ706" s="613"/>
      <c r="BEA706" s="613"/>
      <c r="BEB706" s="613"/>
      <c r="BEC706" s="613"/>
      <c r="BED706" s="613"/>
      <c r="BEE706" s="613"/>
      <c r="BEF706" s="613"/>
      <c r="BEG706" s="613"/>
      <c r="BEH706" s="613"/>
      <c r="BEI706" s="613"/>
      <c r="BEJ706" s="613"/>
      <c r="BEK706" s="613"/>
      <c r="BEL706" s="613"/>
      <c r="BEM706" s="613"/>
      <c r="BEN706" s="613"/>
      <c r="BEO706" s="613"/>
      <c r="BEP706" s="613"/>
      <c r="BEQ706" s="613"/>
      <c r="BER706" s="613"/>
      <c r="BES706" s="613"/>
      <c r="BET706" s="613"/>
      <c r="BEU706" s="613"/>
      <c r="BEV706" s="613"/>
      <c r="BEW706" s="613"/>
      <c r="BEX706" s="613"/>
      <c r="BEY706" s="613"/>
      <c r="BEZ706" s="613"/>
      <c r="BFA706" s="613"/>
      <c r="BFB706" s="613"/>
      <c r="BFC706" s="613"/>
      <c r="BFD706" s="613"/>
      <c r="BFE706" s="613"/>
      <c r="BFF706" s="613"/>
      <c r="BFG706" s="613"/>
      <c r="BFH706" s="613"/>
      <c r="BFI706" s="613"/>
      <c r="BFJ706" s="613"/>
      <c r="BFK706" s="613"/>
      <c r="BFL706" s="613"/>
      <c r="BFM706" s="613"/>
      <c r="BFN706" s="613"/>
      <c r="BFO706" s="613"/>
      <c r="BFP706" s="613"/>
      <c r="BFQ706" s="613"/>
      <c r="BFR706" s="613"/>
      <c r="BFS706" s="613"/>
      <c r="BFT706" s="613"/>
      <c r="BFU706" s="613"/>
      <c r="BFV706" s="613"/>
      <c r="BFW706" s="613"/>
      <c r="BFX706" s="613"/>
      <c r="BFY706" s="613"/>
      <c r="BFZ706" s="613"/>
      <c r="BGA706" s="613"/>
      <c r="BGB706" s="613"/>
      <c r="BGC706" s="613"/>
      <c r="BGD706" s="613"/>
      <c r="BGE706" s="613"/>
      <c r="BGF706" s="613"/>
      <c r="BGG706" s="613"/>
      <c r="BGH706" s="613"/>
      <c r="BGI706" s="613"/>
      <c r="BGJ706" s="613"/>
      <c r="BGK706" s="613"/>
      <c r="BGL706" s="613"/>
      <c r="BGM706" s="613"/>
      <c r="BGN706" s="613"/>
      <c r="BGO706" s="613"/>
      <c r="BGP706" s="613"/>
      <c r="BGQ706" s="613"/>
      <c r="BGR706" s="613"/>
      <c r="BGS706" s="613"/>
      <c r="BGT706" s="613"/>
      <c r="BGU706" s="613"/>
      <c r="BGV706" s="613"/>
      <c r="BGW706" s="613"/>
      <c r="BGX706" s="613"/>
      <c r="BGY706" s="613"/>
      <c r="BGZ706" s="613"/>
      <c r="BHA706" s="613"/>
      <c r="BHB706" s="613"/>
      <c r="BHC706" s="613"/>
      <c r="BHD706" s="613"/>
      <c r="BHE706" s="613"/>
      <c r="BHF706" s="613"/>
      <c r="BHG706" s="613"/>
      <c r="BHH706" s="613"/>
      <c r="BHI706" s="613"/>
      <c r="BHJ706" s="613"/>
      <c r="BHK706" s="613"/>
      <c r="BHL706" s="613"/>
      <c r="BHM706" s="613"/>
      <c r="BHN706" s="613"/>
      <c r="BHO706" s="613"/>
      <c r="BHP706" s="613"/>
      <c r="BHQ706" s="613"/>
      <c r="BHR706" s="613"/>
      <c r="BHS706" s="613"/>
      <c r="BHT706" s="613"/>
      <c r="BHU706" s="613"/>
      <c r="BHV706" s="613"/>
      <c r="BHW706" s="613"/>
      <c r="BHX706" s="613"/>
      <c r="BHY706" s="613"/>
      <c r="BHZ706" s="613"/>
      <c r="BIA706" s="613"/>
      <c r="BIB706" s="613"/>
      <c r="BIC706" s="613"/>
      <c r="BID706" s="613"/>
      <c r="BIE706" s="613"/>
      <c r="BIF706" s="613"/>
      <c r="BIG706" s="613"/>
      <c r="BIH706" s="613"/>
      <c r="BII706" s="613"/>
      <c r="BIJ706" s="613"/>
      <c r="BIK706" s="613"/>
      <c r="BIL706" s="613"/>
      <c r="BIM706" s="613"/>
      <c r="BIN706" s="613"/>
      <c r="BIO706" s="613"/>
      <c r="BIP706" s="613"/>
      <c r="BIQ706" s="613"/>
      <c r="BIR706" s="613"/>
      <c r="BIS706" s="613"/>
      <c r="BIT706" s="613"/>
      <c r="BIU706" s="613"/>
      <c r="BIV706" s="613"/>
      <c r="BIW706" s="613"/>
      <c r="BIX706" s="613"/>
      <c r="BIY706" s="613"/>
      <c r="BIZ706" s="613"/>
      <c r="BJA706" s="613"/>
      <c r="BJB706" s="613"/>
      <c r="BJC706" s="613"/>
      <c r="BJD706" s="613"/>
      <c r="BJE706" s="613"/>
      <c r="BJF706" s="613"/>
      <c r="BJG706" s="613"/>
      <c r="BJH706" s="613"/>
      <c r="BJI706" s="613"/>
      <c r="BJJ706" s="613"/>
      <c r="BJK706" s="613"/>
      <c r="BJL706" s="613"/>
      <c r="BJM706" s="613"/>
      <c r="BJN706" s="613"/>
      <c r="BJO706" s="613"/>
      <c r="BJP706" s="613"/>
      <c r="BJQ706" s="613"/>
      <c r="BJR706" s="613"/>
      <c r="BJS706" s="613"/>
      <c r="BJT706" s="613"/>
      <c r="BJU706" s="613"/>
      <c r="BJV706" s="613"/>
      <c r="BJW706" s="613"/>
      <c r="BJX706" s="613"/>
      <c r="BJY706" s="613"/>
      <c r="BJZ706" s="613"/>
      <c r="BKA706" s="613"/>
      <c r="BKB706" s="613"/>
      <c r="BKC706" s="613"/>
      <c r="BKD706" s="613"/>
      <c r="BKE706" s="613"/>
      <c r="BKF706" s="613"/>
      <c r="BKG706" s="613"/>
      <c r="BKH706" s="613"/>
      <c r="BKI706" s="613"/>
      <c r="BKJ706" s="613"/>
      <c r="BKK706" s="613"/>
      <c r="BKL706" s="613"/>
      <c r="BKM706" s="613"/>
      <c r="BKN706" s="613"/>
      <c r="BKO706" s="613"/>
      <c r="BKP706" s="613"/>
      <c r="BKQ706" s="613"/>
      <c r="BKR706" s="613"/>
      <c r="BKS706" s="613"/>
      <c r="BKT706" s="613"/>
      <c r="BKU706" s="613"/>
      <c r="BKV706" s="613"/>
      <c r="BKW706" s="613"/>
      <c r="BKX706" s="613"/>
      <c r="BKY706" s="613"/>
      <c r="BKZ706" s="613"/>
      <c r="BLA706" s="613"/>
      <c r="BLB706" s="613"/>
      <c r="BLC706" s="613"/>
      <c r="BLD706" s="613"/>
      <c r="BLE706" s="613"/>
      <c r="BLF706" s="613"/>
      <c r="BLG706" s="613"/>
      <c r="BLH706" s="613"/>
      <c r="BLI706" s="613"/>
      <c r="BLJ706" s="613"/>
      <c r="BLK706" s="613"/>
      <c r="BLL706" s="613"/>
      <c r="BLM706" s="613"/>
      <c r="BLN706" s="613"/>
      <c r="BLO706" s="613"/>
      <c r="BLP706" s="613"/>
      <c r="BLQ706" s="613"/>
      <c r="BLR706" s="613"/>
      <c r="BLS706" s="613"/>
      <c r="BLT706" s="613"/>
      <c r="BLU706" s="613"/>
      <c r="BLV706" s="613"/>
      <c r="BLW706" s="613"/>
      <c r="BLX706" s="613"/>
      <c r="BLY706" s="613"/>
      <c r="BLZ706" s="613"/>
      <c r="BMA706" s="613"/>
      <c r="BMB706" s="613"/>
      <c r="BMC706" s="613"/>
      <c r="BMD706" s="613"/>
      <c r="BME706" s="613"/>
      <c r="BMF706" s="613"/>
      <c r="BMG706" s="613"/>
      <c r="BMH706" s="613"/>
      <c r="BMI706" s="613"/>
      <c r="BMJ706" s="613"/>
      <c r="BMK706" s="613"/>
      <c r="BML706" s="613"/>
      <c r="BMM706" s="613"/>
      <c r="BMN706" s="613"/>
      <c r="BMO706" s="613"/>
      <c r="BMP706" s="613"/>
      <c r="BMQ706" s="613"/>
      <c r="BMR706" s="613"/>
      <c r="BMS706" s="613"/>
      <c r="BMT706" s="613"/>
      <c r="BMU706" s="613"/>
      <c r="BMV706" s="613"/>
      <c r="BMW706" s="613"/>
      <c r="BMX706" s="613"/>
      <c r="BMY706" s="613"/>
      <c r="BMZ706" s="613"/>
      <c r="BNA706" s="613"/>
      <c r="BNB706" s="613"/>
      <c r="BNC706" s="613"/>
      <c r="BND706" s="613"/>
      <c r="BNE706" s="613"/>
      <c r="BNF706" s="613"/>
      <c r="BNG706" s="613"/>
      <c r="BNH706" s="613"/>
      <c r="BNI706" s="613"/>
      <c r="BNJ706" s="613"/>
      <c r="BNK706" s="613"/>
      <c r="BNL706" s="613"/>
      <c r="BNM706" s="613"/>
      <c r="BNN706" s="613"/>
      <c r="BNO706" s="613"/>
      <c r="BNP706" s="613"/>
      <c r="BNQ706" s="613"/>
      <c r="BNR706" s="613"/>
      <c r="BNS706" s="613"/>
      <c r="BNT706" s="613"/>
      <c r="BNU706" s="613"/>
      <c r="BNV706" s="613"/>
      <c r="BNW706" s="613"/>
      <c r="BNX706" s="613"/>
      <c r="BNY706" s="613"/>
      <c r="BNZ706" s="613"/>
      <c r="BOA706" s="613"/>
      <c r="BOB706" s="613"/>
      <c r="BOC706" s="613"/>
      <c r="BOD706" s="613"/>
      <c r="BOE706" s="613"/>
      <c r="BOF706" s="613"/>
      <c r="BOG706" s="613"/>
      <c r="BOH706" s="613"/>
      <c r="BOI706" s="613"/>
      <c r="BOJ706" s="613"/>
      <c r="BOK706" s="613"/>
      <c r="BOL706" s="613"/>
      <c r="BOM706" s="613"/>
      <c r="BON706" s="613"/>
      <c r="BOO706" s="613"/>
      <c r="BOP706" s="613"/>
      <c r="BOQ706" s="613"/>
      <c r="BOR706" s="613"/>
      <c r="BOS706" s="613"/>
      <c r="BOT706" s="613"/>
      <c r="BOU706" s="613"/>
      <c r="BOV706" s="613"/>
      <c r="BOW706" s="613"/>
      <c r="BOX706" s="613"/>
      <c r="BOY706" s="613"/>
      <c r="BOZ706" s="613"/>
      <c r="BPA706" s="613"/>
      <c r="BPB706" s="613"/>
      <c r="BPC706" s="613"/>
      <c r="BPD706" s="613"/>
      <c r="BPE706" s="613"/>
      <c r="BPF706" s="613"/>
      <c r="BPG706" s="613"/>
      <c r="BPH706" s="613"/>
      <c r="BPI706" s="613"/>
      <c r="BPJ706" s="613"/>
      <c r="BPK706" s="613"/>
      <c r="BPL706" s="613"/>
      <c r="BPM706" s="613"/>
      <c r="BPN706" s="613"/>
      <c r="BPO706" s="613"/>
      <c r="BPP706" s="613"/>
      <c r="BPQ706" s="613"/>
      <c r="BPR706" s="613"/>
      <c r="BPS706" s="613"/>
      <c r="BPT706" s="613"/>
      <c r="BPU706" s="613"/>
      <c r="BPV706" s="613"/>
      <c r="BPW706" s="613"/>
      <c r="BPX706" s="613"/>
      <c r="BPY706" s="613"/>
      <c r="BPZ706" s="613"/>
      <c r="BQA706" s="613"/>
      <c r="BQB706" s="613"/>
      <c r="BQC706" s="613"/>
      <c r="BQD706" s="613"/>
      <c r="BQE706" s="613"/>
      <c r="BQF706" s="613"/>
      <c r="BQG706" s="613"/>
      <c r="BQH706" s="613"/>
      <c r="BQI706" s="613"/>
      <c r="BQJ706" s="613"/>
      <c r="BQK706" s="613"/>
      <c r="BQL706" s="613"/>
      <c r="BQM706" s="613"/>
      <c r="BQN706" s="613"/>
      <c r="BQO706" s="613"/>
      <c r="BQP706" s="613"/>
      <c r="BQQ706" s="613"/>
      <c r="BQR706" s="613"/>
      <c r="BQS706" s="613"/>
      <c r="BQT706" s="613"/>
      <c r="BQU706" s="613"/>
      <c r="BQV706" s="613"/>
      <c r="BQW706" s="613"/>
      <c r="BQX706" s="613"/>
      <c r="BQY706" s="613"/>
      <c r="BQZ706" s="613"/>
      <c r="BRA706" s="613"/>
      <c r="BRB706" s="613"/>
      <c r="BRC706" s="613"/>
      <c r="BRD706" s="613"/>
      <c r="BRE706" s="613"/>
      <c r="BRF706" s="613"/>
      <c r="BRG706" s="613"/>
      <c r="BRH706" s="613"/>
      <c r="BRI706" s="613"/>
      <c r="BRJ706" s="613"/>
      <c r="BRK706" s="613"/>
      <c r="BRL706" s="613"/>
      <c r="BRM706" s="613"/>
      <c r="BRN706" s="613"/>
      <c r="BRO706" s="613"/>
      <c r="BRP706" s="613"/>
      <c r="BRQ706" s="613"/>
      <c r="BRR706" s="613"/>
      <c r="BRS706" s="613"/>
      <c r="BRT706" s="613"/>
      <c r="BRU706" s="613"/>
      <c r="BRV706" s="613"/>
      <c r="BRW706" s="613"/>
      <c r="BRX706" s="613"/>
      <c r="BRY706" s="613"/>
      <c r="BRZ706" s="613"/>
      <c r="BSA706" s="613"/>
      <c r="BSB706" s="613"/>
      <c r="BSC706" s="613"/>
      <c r="BSD706" s="613"/>
      <c r="BSE706" s="613"/>
      <c r="BSF706" s="613"/>
      <c r="BSG706" s="613"/>
      <c r="BSH706" s="613"/>
      <c r="BSI706" s="613"/>
      <c r="BSJ706" s="613"/>
      <c r="BSK706" s="613"/>
      <c r="BSL706" s="613"/>
      <c r="BSM706" s="613"/>
      <c r="BSN706" s="613"/>
      <c r="BSO706" s="613"/>
      <c r="BSP706" s="613"/>
      <c r="BSQ706" s="613"/>
      <c r="BSR706" s="613"/>
      <c r="BSS706" s="613"/>
      <c r="BST706" s="613"/>
      <c r="BSU706" s="613"/>
      <c r="BSV706" s="613"/>
      <c r="BSW706" s="613"/>
      <c r="BSX706" s="613"/>
      <c r="BSY706" s="613"/>
      <c r="BSZ706" s="613"/>
      <c r="BTA706" s="613"/>
      <c r="BTB706" s="613"/>
      <c r="BTC706" s="613"/>
      <c r="BTD706" s="613"/>
      <c r="BTE706" s="613"/>
      <c r="BTF706" s="613"/>
      <c r="BTG706" s="613"/>
      <c r="BTH706" s="613"/>
      <c r="BTI706" s="613"/>
      <c r="BTJ706" s="613"/>
      <c r="BTK706" s="613"/>
      <c r="BTL706" s="613"/>
      <c r="BTM706" s="613"/>
      <c r="BTN706" s="613"/>
      <c r="BTO706" s="613"/>
      <c r="BTP706" s="613"/>
      <c r="BTQ706" s="613"/>
      <c r="BTR706" s="613"/>
      <c r="BTS706" s="613"/>
      <c r="BTT706" s="613"/>
      <c r="BTU706" s="613"/>
      <c r="BTV706" s="613"/>
      <c r="BTW706" s="613"/>
      <c r="BTX706" s="613"/>
      <c r="BTY706" s="613"/>
      <c r="BTZ706" s="613"/>
      <c r="BUA706" s="613"/>
      <c r="BUB706" s="613"/>
      <c r="BUC706" s="613"/>
      <c r="BUD706" s="613"/>
      <c r="BUE706" s="613"/>
      <c r="BUF706" s="613"/>
      <c r="BUG706" s="613"/>
      <c r="BUH706" s="613"/>
      <c r="BUI706" s="613"/>
      <c r="BUJ706" s="613"/>
      <c r="BUK706" s="613"/>
      <c r="BUL706" s="613"/>
      <c r="BUM706" s="613"/>
      <c r="BUN706" s="613"/>
      <c r="BUO706" s="613"/>
      <c r="BUP706" s="613"/>
      <c r="BUQ706" s="613"/>
      <c r="BUR706" s="613"/>
      <c r="BUS706" s="613"/>
      <c r="BUT706" s="613"/>
      <c r="BUU706" s="613"/>
      <c r="BUV706" s="613"/>
      <c r="BUW706" s="613"/>
      <c r="BUX706" s="613"/>
      <c r="BUY706" s="613"/>
      <c r="BUZ706" s="613"/>
      <c r="BVA706" s="613"/>
      <c r="BVB706" s="613"/>
      <c r="BVC706" s="613"/>
      <c r="BVD706" s="613"/>
      <c r="BVE706" s="613"/>
      <c r="BVF706" s="613"/>
      <c r="BVG706" s="613"/>
      <c r="BVH706" s="613"/>
      <c r="BVI706" s="613"/>
      <c r="BVJ706" s="613"/>
      <c r="BVK706" s="613"/>
      <c r="BVL706" s="613"/>
      <c r="BVM706" s="613"/>
      <c r="BVN706" s="613"/>
      <c r="BVO706" s="613"/>
      <c r="BVP706" s="613"/>
      <c r="BVQ706" s="613"/>
      <c r="BVR706" s="613"/>
      <c r="BVS706" s="613"/>
      <c r="BVT706" s="613"/>
      <c r="BVU706" s="613"/>
      <c r="BVV706" s="613"/>
      <c r="BVW706" s="613"/>
      <c r="BVX706" s="613"/>
      <c r="BVY706" s="613"/>
      <c r="BVZ706" s="613"/>
      <c r="BWA706" s="613"/>
      <c r="BWB706" s="613"/>
      <c r="BWC706" s="613"/>
      <c r="BWD706" s="613"/>
      <c r="BWE706" s="613"/>
      <c r="BWF706" s="613"/>
      <c r="BWG706" s="613"/>
      <c r="BWH706" s="613"/>
      <c r="BWI706" s="613"/>
      <c r="BWJ706" s="613"/>
      <c r="BWK706" s="613"/>
      <c r="BWL706" s="613"/>
      <c r="BWM706" s="613"/>
      <c r="BWN706" s="613"/>
      <c r="BWO706" s="613"/>
      <c r="BWP706" s="613"/>
      <c r="BWQ706" s="613"/>
      <c r="BWR706" s="613"/>
      <c r="BWS706" s="613"/>
      <c r="BWT706" s="613"/>
      <c r="BWU706" s="613"/>
      <c r="BWV706" s="613"/>
      <c r="BWW706" s="613"/>
      <c r="BWX706" s="613"/>
      <c r="BWY706" s="613"/>
      <c r="BWZ706" s="613"/>
      <c r="BXA706" s="613"/>
      <c r="BXB706" s="613"/>
      <c r="BXC706" s="613"/>
      <c r="BXD706" s="613"/>
      <c r="BXE706" s="613"/>
      <c r="BXF706" s="613"/>
      <c r="BXG706" s="613"/>
      <c r="BXH706" s="613"/>
      <c r="BXI706" s="613"/>
      <c r="BXJ706" s="613"/>
      <c r="BXK706" s="613"/>
      <c r="BXL706" s="613"/>
      <c r="BXM706" s="613"/>
      <c r="BXN706" s="613"/>
      <c r="BXO706" s="613"/>
      <c r="BXP706" s="613"/>
      <c r="BXQ706" s="613"/>
      <c r="BXR706" s="613"/>
      <c r="BXS706" s="613"/>
      <c r="BXT706" s="613"/>
      <c r="BXU706" s="613"/>
      <c r="BXV706" s="613"/>
      <c r="BXW706" s="613"/>
      <c r="BXX706" s="613"/>
      <c r="BXY706" s="613"/>
      <c r="BXZ706" s="613"/>
      <c r="BYA706" s="613"/>
      <c r="BYB706" s="613"/>
      <c r="BYC706" s="613"/>
      <c r="BYD706" s="613"/>
      <c r="BYE706" s="613"/>
      <c r="BYF706" s="613"/>
      <c r="BYG706" s="613"/>
      <c r="BYH706" s="613"/>
      <c r="BYI706" s="613"/>
      <c r="BYJ706" s="613"/>
      <c r="BYK706" s="613"/>
      <c r="BYL706" s="613"/>
      <c r="BYM706" s="613"/>
      <c r="BYN706" s="613"/>
      <c r="BYO706" s="613"/>
      <c r="BYP706" s="613"/>
      <c r="BYQ706" s="613"/>
      <c r="BYR706" s="613"/>
      <c r="BYS706" s="613"/>
      <c r="BYT706" s="613"/>
      <c r="BYU706" s="613"/>
      <c r="BYV706" s="613"/>
      <c r="BYW706" s="613"/>
      <c r="BYX706" s="613"/>
      <c r="BYY706" s="613"/>
      <c r="BYZ706" s="613"/>
      <c r="BZA706" s="613"/>
      <c r="BZB706" s="613"/>
      <c r="BZC706" s="613"/>
      <c r="BZD706" s="613"/>
      <c r="BZE706" s="613"/>
      <c r="BZF706" s="613"/>
      <c r="BZG706" s="613"/>
      <c r="BZH706" s="613"/>
      <c r="BZI706" s="613"/>
      <c r="BZJ706" s="613"/>
      <c r="BZK706" s="613"/>
      <c r="BZL706" s="613"/>
      <c r="BZM706" s="613"/>
      <c r="BZN706" s="613"/>
      <c r="BZO706" s="613"/>
      <c r="BZP706" s="613"/>
      <c r="BZQ706" s="613"/>
      <c r="BZR706" s="613"/>
      <c r="BZS706" s="613"/>
      <c r="BZT706" s="613"/>
      <c r="BZU706" s="613"/>
      <c r="BZV706" s="613"/>
      <c r="BZW706" s="613"/>
      <c r="BZX706" s="613"/>
      <c r="BZY706" s="613"/>
      <c r="BZZ706" s="613"/>
      <c r="CAA706" s="613"/>
      <c r="CAB706" s="613"/>
      <c r="CAC706" s="613"/>
      <c r="CAD706" s="613"/>
      <c r="CAE706" s="613"/>
      <c r="CAF706" s="613"/>
      <c r="CAG706" s="613"/>
      <c r="CAH706" s="613"/>
      <c r="CAI706" s="613"/>
      <c r="CAJ706" s="613"/>
      <c r="CAK706" s="613"/>
      <c r="CAL706" s="613"/>
      <c r="CAM706" s="613"/>
      <c r="CAN706" s="613"/>
      <c r="CAO706" s="613"/>
      <c r="CAP706" s="613"/>
      <c r="CAQ706" s="613"/>
      <c r="CAR706" s="613"/>
      <c r="CAS706" s="613"/>
      <c r="CAT706" s="613"/>
      <c r="CAU706" s="613"/>
      <c r="CAV706" s="613"/>
      <c r="CAW706" s="613"/>
      <c r="CAX706" s="613"/>
      <c r="CAY706" s="613"/>
      <c r="CAZ706" s="613"/>
      <c r="CBA706" s="613"/>
      <c r="CBB706" s="613"/>
      <c r="CBC706" s="613"/>
      <c r="CBD706" s="613"/>
      <c r="CBE706" s="613"/>
      <c r="CBF706" s="613"/>
      <c r="CBG706" s="613"/>
      <c r="CBH706" s="613"/>
      <c r="CBI706" s="613"/>
      <c r="CBJ706" s="613"/>
      <c r="CBK706" s="613"/>
      <c r="CBL706" s="613"/>
      <c r="CBM706" s="613"/>
      <c r="CBN706" s="613"/>
      <c r="CBO706" s="613"/>
      <c r="CBP706" s="613"/>
      <c r="CBQ706" s="613"/>
      <c r="CBR706" s="613"/>
      <c r="CBS706" s="613"/>
      <c r="CBT706" s="613"/>
      <c r="CBU706" s="613"/>
      <c r="CBV706" s="613"/>
      <c r="CBW706" s="613"/>
      <c r="CBX706" s="613"/>
      <c r="CBY706" s="613"/>
      <c r="CBZ706" s="613"/>
      <c r="CCA706" s="613"/>
      <c r="CCB706" s="613"/>
      <c r="CCC706" s="613"/>
      <c r="CCD706" s="613"/>
      <c r="CCE706" s="613"/>
      <c r="CCF706" s="613"/>
      <c r="CCG706" s="613"/>
      <c r="CCH706" s="613"/>
      <c r="CCI706" s="613"/>
      <c r="CCJ706" s="613"/>
      <c r="CCK706" s="613"/>
      <c r="CCL706" s="613"/>
      <c r="CCM706" s="613"/>
      <c r="CCN706" s="613"/>
      <c r="CCO706" s="613"/>
      <c r="CCP706" s="613"/>
      <c r="CCQ706" s="613"/>
      <c r="CCR706" s="613"/>
      <c r="CCS706" s="613"/>
      <c r="CCT706" s="613"/>
      <c r="CCU706" s="613"/>
      <c r="CCV706" s="613"/>
      <c r="CCW706" s="613"/>
      <c r="CCX706" s="613"/>
      <c r="CCY706" s="613"/>
      <c r="CCZ706" s="613"/>
      <c r="CDA706" s="613"/>
      <c r="CDB706" s="613"/>
      <c r="CDC706" s="613"/>
      <c r="CDD706" s="613"/>
      <c r="CDE706" s="613"/>
      <c r="CDF706" s="613"/>
      <c r="CDG706" s="613"/>
      <c r="CDH706" s="613"/>
      <c r="CDI706" s="613"/>
      <c r="CDJ706" s="613"/>
      <c r="CDK706" s="613"/>
      <c r="CDL706" s="613"/>
      <c r="CDM706" s="613"/>
      <c r="CDN706" s="613"/>
      <c r="CDO706" s="613"/>
      <c r="CDP706" s="613"/>
      <c r="CDQ706" s="613"/>
      <c r="CDR706" s="613"/>
      <c r="CDS706" s="613"/>
      <c r="CDT706" s="613"/>
      <c r="CDU706" s="613"/>
      <c r="CDV706" s="613"/>
      <c r="CDW706" s="613"/>
      <c r="CDX706" s="613"/>
      <c r="CDY706" s="613"/>
      <c r="CDZ706" s="613"/>
      <c r="CEA706" s="613"/>
      <c r="CEB706" s="613"/>
      <c r="CEC706" s="613"/>
      <c r="CED706" s="613"/>
      <c r="CEE706" s="613"/>
      <c r="CEF706" s="613"/>
      <c r="CEG706" s="613"/>
      <c r="CEH706" s="613"/>
      <c r="CEI706" s="613"/>
      <c r="CEJ706" s="613"/>
      <c r="CEK706" s="613"/>
      <c r="CEL706" s="613"/>
      <c r="CEM706" s="613"/>
      <c r="CEN706" s="613"/>
      <c r="CEO706" s="613"/>
      <c r="CEP706" s="613"/>
      <c r="CEQ706" s="613"/>
      <c r="CER706" s="613"/>
      <c r="CES706" s="613"/>
      <c r="CET706" s="613"/>
      <c r="CEU706" s="613"/>
      <c r="CEV706" s="613"/>
      <c r="CEW706" s="613"/>
      <c r="CEX706" s="613"/>
      <c r="CEY706" s="613"/>
      <c r="CEZ706" s="613"/>
      <c r="CFA706" s="613"/>
      <c r="CFB706" s="613"/>
      <c r="CFC706" s="613"/>
      <c r="CFD706" s="613"/>
      <c r="CFE706" s="613"/>
      <c r="CFF706" s="613"/>
      <c r="CFG706" s="613"/>
      <c r="CFH706" s="613"/>
      <c r="CFI706" s="613"/>
      <c r="CFJ706" s="613"/>
      <c r="CFK706" s="613"/>
      <c r="CFL706" s="613"/>
      <c r="CFM706" s="613"/>
      <c r="CFN706" s="613"/>
      <c r="CFO706" s="613"/>
      <c r="CFP706" s="613"/>
      <c r="CFQ706" s="613"/>
      <c r="CFR706" s="613"/>
      <c r="CFS706" s="613"/>
      <c r="CFT706" s="613"/>
      <c r="CFU706" s="613"/>
      <c r="CFV706" s="613"/>
      <c r="CFW706" s="613"/>
      <c r="CFX706" s="613"/>
      <c r="CFY706" s="613"/>
      <c r="CFZ706" s="613"/>
      <c r="CGA706" s="613"/>
      <c r="CGB706" s="613"/>
      <c r="CGC706" s="613"/>
      <c r="CGD706" s="613"/>
      <c r="CGE706" s="613"/>
      <c r="CGF706" s="613"/>
      <c r="CGG706" s="613"/>
      <c r="CGH706" s="613"/>
      <c r="CGI706" s="613"/>
      <c r="CGJ706" s="613"/>
      <c r="CGK706" s="613"/>
      <c r="CGL706" s="613"/>
      <c r="CGM706" s="613"/>
      <c r="CGN706" s="613"/>
      <c r="CGO706" s="613"/>
      <c r="CGP706" s="613"/>
      <c r="CGQ706" s="613"/>
      <c r="CGR706" s="613"/>
      <c r="CGS706" s="613"/>
      <c r="CGT706" s="613"/>
      <c r="CGU706" s="613"/>
      <c r="CGV706" s="613"/>
      <c r="CGW706" s="613"/>
      <c r="CGX706" s="613"/>
      <c r="CGY706" s="613"/>
      <c r="CGZ706" s="613"/>
      <c r="CHA706" s="613"/>
      <c r="CHB706" s="613"/>
      <c r="CHC706" s="613"/>
      <c r="CHD706" s="613"/>
      <c r="CHE706" s="613"/>
      <c r="CHF706" s="613"/>
      <c r="CHG706" s="613"/>
      <c r="CHH706" s="613"/>
      <c r="CHI706" s="613"/>
      <c r="CHJ706" s="613"/>
      <c r="CHK706" s="613"/>
      <c r="CHL706" s="613"/>
      <c r="CHM706" s="613"/>
      <c r="CHN706" s="613"/>
      <c r="CHO706" s="613"/>
      <c r="CHP706" s="613"/>
      <c r="CHQ706" s="613"/>
      <c r="CHR706" s="613"/>
      <c r="CHS706" s="613"/>
      <c r="CHT706" s="613"/>
      <c r="CHU706" s="613"/>
      <c r="CHV706" s="613"/>
      <c r="CHW706" s="613"/>
      <c r="CHX706" s="613"/>
      <c r="CHY706" s="613"/>
      <c r="CHZ706" s="613"/>
      <c r="CIA706" s="613"/>
      <c r="CIB706" s="613"/>
      <c r="CIC706" s="613"/>
      <c r="CID706" s="613"/>
      <c r="CIE706" s="613"/>
      <c r="CIF706" s="613"/>
      <c r="CIG706" s="613"/>
      <c r="CIH706" s="613"/>
      <c r="CII706" s="613"/>
      <c r="CIJ706" s="613"/>
      <c r="CIK706" s="613"/>
      <c r="CIL706" s="613"/>
      <c r="CIM706" s="613"/>
      <c r="CIN706" s="613"/>
      <c r="CIO706" s="613"/>
      <c r="CIP706" s="613"/>
      <c r="CIQ706" s="613"/>
      <c r="CIR706" s="613"/>
      <c r="CIS706" s="613"/>
      <c r="CIT706" s="613"/>
      <c r="CIU706" s="613"/>
      <c r="CIV706" s="613"/>
      <c r="CIW706" s="613"/>
      <c r="CIX706" s="613"/>
      <c r="CIY706" s="613"/>
      <c r="CIZ706" s="613"/>
      <c r="CJA706" s="613"/>
      <c r="CJB706" s="613"/>
      <c r="CJC706" s="613"/>
      <c r="CJD706" s="613"/>
      <c r="CJE706" s="613"/>
      <c r="CJF706" s="613"/>
      <c r="CJG706" s="613"/>
      <c r="CJH706" s="613"/>
      <c r="CJI706" s="613"/>
      <c r="CJJ706" s="613"/>
      <c r="CJK706" s="613"/>
      <c r="CJL706" s="613"/>
      <c r="CJM706" s="613"/>
      <c r="CJN706" s="613"/>
      <c r="CJO706" s="613"/>
      <c r="CJP706" s="613"/>
      <c r="CJQ706" s="613"/>
      <c r="CJR706" s="613"/>
      <c r="CJS706" s="613"/>
      <c r="CJT706" s="613"/>
      <c r="CJU706" s="613"/>
      <c r="CJV706" s="613"/>
      <c r="CJW706" s="613"/>
      <c r="CJX706" s="613"/>
      <c r="CJY706" s="613"/>
      <c r="CJZ706" s="613"/>
      <c r="CKA706" s="613"/>
      <c r="CKB706" s="613"/>
      <c r="CKC706" s="613"/>
      <c r="CKD706" s="613"/>
      <c r="CKE706" s="613"/>
      <c r="CKF706" s="613"/>
      <c r="CKG706" s="613"/>
      <c r="CKH706" s="613"/>
      <c r="CKI706" s="613"/>
      <c r="CKJ706" s="613"/>
      <c r="CKK706" s="613"/>
      <c r="CKL706" s="613"/>
      <c r="CKM706" s="613"/>
      <c r="CKN706" s="613"/>
      <c r="CKO706" s="613"/>
      <c r="CKP706" s="613"/>
      <c r="CKQ706" s="613"/>
      <c r="CKR706" s="613"/>
      <c r="CKS706" s="613"/>
      <c r="CKT706" s="613"/>
      <c r="CKU706" s="613"/>
      <c r="CKV706" s="613"/>
      <c r="CKW706" s="613"/>
      <c r="CKX706" s="613"/>
      <c r="CKY706" s="613"/>
      <c r="CKZ706" s="613"/>
      <c r="CLA706" s="613"/>
      <c r="CLB706" s="613"/>
      <c r="CLC706" s="613"/>
      <c r="CLD706" s="613"/>
      <c r="CLE706" s="613"/>
      <c r="CLF706" s="613"/>
      <c r="CLG706" s="613"/>
      <c r="CLH706" s="613"/>
      <c r="CLI706" s="613"/>
      <c r="CLJ706" s="613"/>
      <c r="CLK706" s="613"/>
      <c r="CLL706" s="613"/>
      <c r="CLM706" s="613"/>
      <c r="CLN706" s="613"/>
      <c r="CLO706" s="613"/>
      <c r="CLP706" s="613"/>
      <c r="CLQ706" s="613"/>
      <c r="CLR706" s="613"/>
      <c r="CLS706" s="613"/>
      <c r="CLT706" s="613"/>
      <c r="CLU706" s="613"/>
      <c r="CLV706" s="613"/>
      <c r="CLW706" s="613"/>
      <c r="CLX706" s="613"/>
      <c r="CLY706" s="613"/>
      <c r="CLZ706" s="613"/>
      <c r="CMA706" s="613"/>
      <c r="CMB706" s="613"/>
      <c r="CMC706" s="613"/>
      <c r="CMD706" s="613"/>
      <c r="CME706" s="613"/>
      <c r="CMF706" s="613"/>
      <c r="CMG706" s="613"/>
      <c r="CMH706" s="613"/>
      <c r="CMI706" s="613"/>
      <c r="CMJ706" s="613"/>
      <c r="CMK706" s="613"/>
      <c r="CML706" s="613"/>
      <c r="CMM706" s="613"/>
      <c r="CMN706" s="613"/>
      <c r="CMO706" s="613"/>
      <c r="CMP706" s="613"/>
      <c r="CMQ706" s="613"/>
      <c r="CMR706" s="613"/>
      <c r="CMS706" s="613"/>
      <c r="CMT706" s="613"/>
      <c r="CMU706" s="613"/>
      <c r="CMV706" s="613"/>
      <c r="CMW706" s="613"/>
      <c r="CMX706" s="613"/>
      <c r="CMY706" s="613"/>
      <c r="CMZ706" s="613"/>
      <c r="CNA706" s="613"/>
      <c r="CNB706" s="613"/>
      <c r="CNC706" s="613"/>
      <c r="CND706" s="613"/>
      <c r="CNE706" s="613"/>
      <c r="CNF706" s="613"/>
      <c r="CNG706" s="613"/>
      <c r="CNH706" s="613"/>
      <c r="CNI706" s="613"/>
      <c r="CNJ706" s="613"/>
      <c r="CNK706" s="613"/>
      <c r="CNL706" s="613"/>
      <c r="CNM706" s="613"/>
      <c r="CNN706" s="613"/>
      <c r="CNO706" s="613"/>
      <c r="CNP706" s="613"/>
      <c r="CNQ706" s="613"/>
      <c r="CNR706" s="613"/>
      <c r="CNS706" s="613"/>
      <c r="CNT706" s="613"/>
      <c r="CNU706" s="613"/>
      <c r="CNV706" s="613"/>
      <c r="CNW706" s="613"/>
      <c r="CNX706" s="613"/>
      <c r="CNY706" s="613"/>
      <c r="CNZ706" s="613"/>
      <c r="COA706" s="613"/>
      <c r="COB706" s="613"/>
      <c r="COC706" s="613"/>
      <c r="COD706" s="613"/>
      <c r="COE706" s="613"/>
      <c r="COF706" s="613"/>
      <c r="COG706" s="613"/>
      <c r="COH706" s="613"/>
      <c r="COI706" s="613"/>
      <c r="COJ706" s="613"/>
      <c r="COK706" s="613"/>
      <c r="COL706" s="613"/>
      <c r="COM706" s="613"/>
      <c r="CON706" s="613"/>
      <c r="COO706" s="613"/>
      <c r="COP706" s="613"/>
      <c r="COQ706" s="613"/>
      <c r="COR706" s="613"/>
      <c r="COS706" s="613"/>
      <c r="COT706" s="613"/>
      <c r="COU706" s="613"/>
      <c r="COV706" s="613"/>
      <c r="COW706" s="613"/>
      <c r="COX706" s="613"/>
      <c r="COY706" s="613"/>
      <c r="COZ706" s="613"/>
      <c r="CPA706" s="613"/>
      <c r="CPB706" s="613"/>
      <c r="CPC706" s="613"/>
      <c r="CPD706" s="613"/>
      <c r="CPE706" s="613"/>
      <c r="CPF706" s="613"/>
      <c r="CPG706" s="613"/>
      <c r="CPH706" s="613"/>
      <c r="CPI706" s="613"/>
      <c r="CPJ706" s="613"/>
      <c r="CPK706" s="613"/>
      <c r="CPL706" s="613"/>
      <c r="CPM706" s="613"/>
      <c r="CPN706" s="613"/>
      <c r="CPO706" s="613"/>
      <c r="CPP706" s="613"/>
      <c r="CPQ706" s="613"/>
      <c r="CPR706" s="613"/>
      <c r="CPS706" s="613"/>
      <c r="CPT706" s="613"/>
      <c r="CPU706" s="613"/>
      <c r="CPV706" s="613"/>
      <c r="CPW706" s="613"/>
      <c r="CPX706" s="613"/>
      <c r="CPY706" s="613"/>
      <c r="CPZ706" s="613"/>
      <c r="CQA706" s="613"/>
      <c r="CQB706" s="613"/>
      <c r="CQC706" s="613"/>
      <c r="CQD706" s="613"/>
      <c r="CQE706" s="613"/>
      <c r="CQF706" s="613"/>
      <c r="CQG706" s="613"/>
      <c r="CQH706" s="613"/>
      <c r="CQI706" s="613"/>
      <c r="CQJ706" s="613"/>
      <c r="CQK706" s="613"/>
      <c r="CQL706" s="613"/>
      <c r="CQM706" s="613"/>
      <c r="CQN706" s="613"/>
      <c r="CQO706" s="613"/>
      <c r="CQP706" s="613"/>
      <c r="CQQ706" s="613"/>
      <c r="CQR706" s="613"/>
      <c r="CQS706" s="613"/>
      <c r="CQT706" s="613"/>
      <c r="CQU706" s="613"/>
      <c r="CQV706" s="613"/>
      <c r="CQW706" s="613"/>
      <c r="CQX706" s="613"/>
      <c r="CQY706" s="613"/>
      <c r="CQZ706" s="613"/>
      <c r="CRA706" s="613"/>
      <c r="CRB706" s="613"/>
      <c r="CRC706" s="613"/>
      <c r="CRD706" s="613"/>
      <c r="CRE706" s="613"/>
      <c r="CRF706" s="613"/>
      <c r="CRG706" s="613"/>
      <c r="CRH706" s="613"/>
      <c r="CRI706" s="613"/>
      <c r="CRJ706" s="613"/>
      <c r="CRK706" s="613"/>
      <c r="CRL706" s="613"/>
      <c r="CRM706" s="613"/>
      <c r="CRN706" s="613"/>
      <c r="CRO706" s="613"/>
      <c r="CRP706" s="613"/>
      <c r="CRQ706" s="613"/>
      <c r="CRR706" s="613"/>
      <c r="CRS706" s="613"/>
      <c r="CRT706" s="613"/>
      <c r="CRU706" s="613"/>
      <c r="CRV706" s="613"/>
      <c r="CRW706" s="613"/>
      <c r="CRX706" s="613"/>
      <c r="CRY706" s="613"/>
      <c r="CRZ706" s="613"/>
      <c r="CSA706" s="613"/>
      <c r="CSB706" s="613"/>
      <c r="CSC706" s="613"/>
      <c r="CSD706" s="613"/>
      <c r="CSE706" s="613"/>
      <c r="CSF706" s="613"/>
      <c r="CSG706" s="613"/>
      <c r="CSH706" s="613"/>
      <c r="CSI706" s="613"/>
      <c r="CSJ706" s="613"/>
      <c r="CSK706" s="613"/>
      <c r="CSL706" s="613"/>
      <c r="CSM706" s="613"/>
      <c r="CSN706" s="613"/>
      <c r="CSO706" s="613"/>
      <c r="CSP706" s="613"/>
      <c r="CSQ706" s="613"/>
      <c r="CSR706" s="613"/>
      <c r="CSS706" s="613"/>
      <c r="CST706" s="613"/>
      <c r="CSU706" s="613"/>
      <c r="CSV706" s="613"/>
      <c r="CSW706" s="613"/>
      <c r="CSX706" s="613"/>
      <c r="CSY706" s="613"/>
      <c r="CSZ706" s="613"/>
      <c r="CTA706" s="613"/>
      <c r="CTB706" s="613"/>
      <c r="CTC706" s="613"/>
      <c r="CTD706" s="613"/>
      <c r="CTE706" s="613"/>
      <c r="CTF706" s="613"/>
      <c r="CTG706" s="613"/>
      <c r="CTH706" s="613"/>
      <c r="CTI706" s="613"/>
      <c r="CTJ706" s="613"/>
      <c r="CTK706" s="613"/>
      <c r="CTL706" s="613"/>
      <c r="CTM706" s="613"/>
      <c r="CTN706" s="613"/>
      <c r="CTO706" s="613"/>
      <c r="CTP706" s="613"/>
      <c r="CTQ706" s="613"/>
      <c r="CTR706" s="613"/>
      <c r="CTS706" s="613"/>
      <c r="CTT706" s="613"/>
      <c r="CTU706" s="613"/>
      <c r="CTV706" s="613"/>
      <c r="CTW706" s="613"/>
      <c r="CTX706" s="613"/>
      <c r="CTY706" s="613"/>
      <c r="CTZ706" s="613"/>
      <c r="CUA706" s="613"/>
      <c r="CUB706" s="613"/>
      <c r="CUC706" s="613"/>
      <c r="CUD706" s="613"/>
      <c r="CUE706" s="613"/>
      <c r="CUF706" s="613"/>
      <c r="CUG706" s="613"/>
      <c r="CUH706" s="613"/>
      <c r="CUI706" s="613"/>
      <c r="CUJ706" s="613"/>
      <c r="CUK706" s="613"/>
      <c r="CUL706" s="613"/>
      <c r="CUM706" s="613"/>
      <c r="CUN706" s="613"/>
      <c r="CUO706" s="613"/>
      <c r="CUP706" s="613"/>
      <c r="CUQ706" s="613"/>
      <c r="CUR706" s="613"/>
      <c r="CUS706" s="613"/>
      <c r="CUT706" s="613"/>
      <c r="CUU706" s="613"/>
      <c r="CUV706" s="613"/>
      <c r="CUW706" s="613"/>
      <c r="CUX706" s="613"/>
      <c r="CUY706" s="613"/>
      <c r="CUZ706" s="613"/>
      <c r="CVA706" s="613"/>
      <c r="CVB706" s="613"/>
      <c r="CVC706" s="613"/>
      <c r="CVD706" s="613"/>
      <c r="CVE706" s="613"/>
      <c r="CVF706" s="613"/>
      <c r="CVG706" s="613"/>
      <c r="CVH706" s="613"/>
      <c r="CVI706" s="613"/>
      <c r="CVJ706" s="613"/>
      <c r="CVK706" s="613"/>
      <c r="CVL706" s="613"/>
      <c r="CVM706" s="613"/>
      <c r="CVN706" s="613"/>
      <c r="CVO706" s="613"/>
      <c r="CVP706" s="613"/>
      <c r="CVQ706" s="613"/>
      <c r="CVR706" s="613"/>
      <c r="CVS706" s="613"/>
      <c r="CVT706" s="613"/>
      <c r="CVU706" s="613"/>
      <c r="CVV706" s="613"/>
      <c r="CVW706" s="613"/>
      <c r="CVX706" s="613"/>
      <c r="CVY706" s="613"/>
      <c r="CVZ706" s="613"/>
      <c r="CWA706" s="613"/>
      <c r="CWB706" s="613"/>
      <c r="CWC706" s="613"/>
      <c r="CWD706" s="613"/>
      <c r="CWE706" s="613"/>
      <c r="CWF706" s="613"/>
      <c r="CWG706" s="613"/>
      <c r="CWH706" s="613"/>
      <c r="CWI706" s="613"/>
      <c r="CWJ706" s="613"/>
      <c r="CWK706" s="613"/>
      <c r="CWL706" s="613"/>
      <c r="CWM706" s="613"/>
      <c r="CWN706" s="613"/>
      <c r="CWO706" s="613"/>
      <c r="CWP706" s="613"/>
      <c r="CWQ706" s="613"/>
      <c r="CWR706" s="613"/>
      <c r="CWS706" s="613"/>
      <c r="CWT706" s="613"/>
      <c r="CWU706" s="613"/>
      <c r="CWV706" s="613"/>
      <c r="CWW706" s="613"/>
      <c r="CWX706" s="613"/>
      <c r="CWY706" s="613"/>
      <c r="CWZ706" s="613"/>
      <c r="CXA706" s="613"/>
      <c r="CXB706" s="613"/>
      <c r="CXC706" s="613"/>
      <c r="CXD706" s="613"/>
      <c r="CXE706" s="613"/>
      <c r="CXF706" s="613"/>
      <c r="CXG706" s="613"/>
      <c r="CXH706" s="613"/>
      <c r="CXI706" s="613"/>
      <c r="CXJ706" s="613"/>
      <c r="CXK706" s="613"/>
      <c r="CXL706" s="613"/>
      <c r="CXM706" s="613"/>
      <c r="CXN706" s="613"/>
      <c r="CXO706" s="613"/>
      <c r="CXP706" s="613"/>
      <c r="CXQ706" s="613"/>
      <c r="CXR706" s="613"/>
      <c r="CXS706" s="613"/>
      <c r="CXT706" s="613"/>
      <c r="CXU706" s="613"/>
      <c r="CXV706" s="613"/>
      <c r="CXW706" s="613"/>
      <c r="CXX706" s="613"/>
      <c r="CXY706" s="613"/>
      <c r="CXZ706" s="613"/>
      <c r="CYA706" s="613"/>
      <c r="CYB706" s="613"/>
      <c r="CYC706" s="613"/>
      <c r="CYD706" s="613"/>
      <c r="CYE706" s="613"/>
      <c r="CYF706" s="613"/>
      <c r="CYG706" s="613"/>
      <c r="CYH706" s="613"/>
      <c r="CYI706" s="613"/>
      <c r="CYJ706" s="613"/>
      <c r="CYK706" s="613"/>
      <c r="CYL706" s="613"/>
      <c r="CYM706" s="613"/>
      <c r="CYN706" s="613"/>
      <c r="CYO706" s="613"/>
      <c r="CYP706" s="613"/>
      <c r="CYQ706" s="613"/>
      <c r="CYR706" s="613"/>
      <c r="CYS706" s="613"/>
      <c r="CYT706" s="613"/>
      <c r="CYU706" s="613"/>
      <c r="CYV706" s="613"/>
      <c r="CYW706" s="613"/>
      <c r="CYX706" s="613"/>
      <c r="CYY706" s="613"/>
      <c r="CYZ706" s="613"/>
      <c r="CZA706" s="613"/>
      <c r="CZB706" s="613"/>
      <c r="CZC706" s="613"/>
      <c r="CZD706" s="613"/>
      <c r="CZE706" s="613"/>
      <c r="CZF706" s="613"/>
      <c r="CZG706" s="613"/>
      <c r="CZH706" s="613"/>
      <c r="CZI706" s="613"/>
      <c r="CZJ706" s="613"/>
      <c r="CZK706" s="613"/>
      <c r="CZL706" s="613"/>
      <c r="CZM706" s="613"/>
      <c r="CZN706" s="613"/>
      <c r="CZO706" s="613"/>
      <c r="CZP706" s="613"/>
      <c r="CZQ706" s="613"/>
      <c r="CZR706" s="613"/>
      <c r="CZS706" s="613"/>
      <c r="CZT706" s="613"/>
      <c r="CZU706" s="613"/>
      <c r="CZV706" s="613"/>
      <c r="CZW706" s="613"/>
      <c r="CZX706" s="613"/>
      <c r="CZY706" s="613"/>
      <c r="CZZ706" s="613"/>
      <c r="DAA706" s="613"/>
      <c r="DAB706" s="613"/>
      <c r="DAC706" s="613"/>
      <c r="DAD706" s="613"/>
      <c r="DAE706" s="613"/>
      <c r="DAF706" s="613"/>
      <c r="DAG706" s="613"/>
      <c r="DAH706" s="613"/>
      <c r="DAI706" s="613"/>
      <c r="DAJ706" s="613"/>
      <c r="DAK706" s="613"/>
      <c r="DAL706" s="613"/>
      <c r="DAM706" s="613"/>
      <c r="DAN706" s="613"/>
      <c r="DAO706" s="613"/>
      <c r="DAP706" s="613"/>
      <c r="DAQ706" s="613"/>
      <c r="DAR706" s="613"/>
      <c r="DAS706" s="613"/>
      <c r="DAT706" s="613"/>
      <c r="DAU706" s="613"/>
      <c r="DAV706" s="613"/>
      <c r="DAW706" s="613"/>
      <c r="DAX706" s="613"/>
      <c r="DAY706" s="613"/>
      <c r="DAZ706" s="613"/>
      <c r="DBA706" s="613"/>
      <c r="DBB706" s="613"/>
      <c r="DBC706" s="613"/>
      <c r="DBD706" s="613"/>
      <c r="DBE706" s="613"/>
      <c r="DBF706" s="613"/>
      <c r="DBG706" s="613"/>
      <c r="DBH706" s="613"/>
      <c r="DBI706" s="613"/>
      <c r="DBJ706" s="613"/>
      <c r="DBK706" s="613"/>
      <c r="DBL706" s="613"/>
      <c r="DBM706" s="613"/>
      <c r="DBN706" s="613"/>
      <c r="DBO706" s="613"/>
      <c r="DBP706" s="613"/>
      <c r="DBQ706" s="613"/>
      <c r="DBR706" s="613"/>
      <c r="DBS706" s="613"/>
      <c r="DBT706" s="613"/>
      <c r="DBU706" s="613"/>
      <c r="DBV706" s="613"/>
      <c r="DBW706" s="613"/>
      <c r="DBX706" s="613"/>
      <c r="DBY706" s="613"/>
      <c r="DBZ706" s="613"/>
      <c r="DCA706" s="613"/>
      <c r="DCB706" s="613"/>
      <c r="DCC706" s="613"/>
      <c r="DCD706" s="613"/>
      <c r="DCE706" s="613"/>
      <c r="DCF706" s="613"/>
      <c r="DCG706" s="613"/>
      <c r="DCH706" s="613"/>
      <c r="DCI706" s="613"/>
      <c r="DCJ706" s="613"/>
      <c r="DCK706" s="613"/>
      <c r="DCL706" s="613"/>
      <c r="DCM706" s="613"/>
      <c r="DCN706" s="613"/>
      <c r="DCO706" s="613"/>
      <c r="DCP706" s="613"/>
      <c r="DCQ706" s="613"/>
      <c r="DCR706" s="613"/>
      <c r="DCS706" s="613"/>
      <c r="DCT706" s="613"/>
      <c r="DCU706" s="613"/>
      <c r="DCV706" s="613"/>
      <c r="DCW706" s="613"/>
      <c r="DCX706" s="613"/>
      <c r="DCY706" s="613"/>
      <c r="DCZ706" s="613"/>
      <c r="DDA706" s="613"/>
      <c r="DDB706" s="613"/>
      <c r="DDC706" s="613"/>
      <c r="DDD706" s="613"/>
      <c r="DDE706" s="613"/>
      <c r="DDF706" s="613"/>
      <c r="DDG706" s="613"/>
      <c r="DDH706" s="613"/>
      <c r="DDI706" s="613"/>
      <c r="DDJ706" s="613"/>
      <c r="DDK706" s="613"/>
      <c r="DDL706" s="613"/>
      <c r="DDM706" s="613"/>
      <c r="DDN706" s="613"/>
      <c r="DDO706" s="613"/>
      <c r="DDP706" s="613"/>
      <c r="DDQ706" s="613"/>
      <c r="DDR706" s="613"/>
      <c r="DDS706" s="613"/>
      <c r="DDT706" s="613"/>
      <c r="DDU706" s="613"/>
      <c r="DDV706" s="613"/>
      <c r="DDW706" s="613"/>
      <c r="DDX706" s="613"/>
      <c r="DDY706" s="613"/>
      <c r="DDZ706" s="613"/>
      <c r="DEA706" s="613"/>
      <c r="DEB706" s="613"/>
      <c r="DEC706" s="613"/>
      <c r="DED706" s="613"/>
      <c r="DEE706" s="613"/>
      <c r="DEF706" s="613"/>
      <c r="DEG706" s="613"/>
      <c r="DEH706" s="613"/>
      <c r="DEI706" s="613"/>
      <c r="DEJ706" s="613"/>
      <c r="DEK706" s="613"/>
      <c r="DEL706" s="613"/>
      <c r="DEM706" s="613"/>
      <c r="DEN706" s="613"/>
      <c r="DEO706" s="613"/>
      <c r="DEP706" s="613"/>
      <c r="DEQ706" s="613"/>
      <c r="DER706" s="613"/>
      <c r="DES706" s="613"/>
      <c r="DET706" s="613"/>
      <c r="DEU706" s="613"/>
      <c r="DEV706" s="613"/>
      <c r="DEW706" s="613"/>
      <c r="DEX706" s="613"/>
      <c r="DEY706" s="613"/>
      <c r="DEZ706" s="613"/>
      <c r="DFA706" s="613"/>
      <c r="DFB706" s="613"/>
      <c r="DFC706" s="613"/>
      <c r="DFD706" s="613"/>
      <c r="DFE706" s="613"/>
      <c r="DFF706" s="613"/>
      <c r="DFG706" s="613"/>
      <c r="DFH706" s="613"/>
      <c r="DFI706" s="613"/>
      <c r="DFJ706" s="613"/>
      <c r="DFK706" s="613"/>
      <c r="DFL706" s="613"/>
      <c r="DFM706" s="613"/>
      <c r="DFN706" s="613"/>
      <c r="DFO706" s="613"/>
      <c r="DFP706" s="613"/>
      <c r="DFQ706" s="613"/>
      <c r="DFR706" s="613"/>
      <c r="DFS706" s="613"/>
      <c r="DFT706" s="613"/>
      <c r="DFU706" s="613"/>
      <c r="DFV706" s="613"/>
      <c r="DFW706" s="613"/>
      <c r="DFX706" s="613"/>
      <c r="DFY706" s="613"/>
      <c r="DFZ706" s="613"/>
      <c r="DGA706" s="613"/>
      <c r="DGB706" s="613"/>
      <c r="DGC706" s="613"/>
      <c r="DGD706" s="613"/>
      <c r="DGE706" s="613"/>
      <c r="DGF706" s="613"/>
      <c r="DGG706" s="613"/>
      <c r="DGH706" s="613"/>
      <c r="DGI706" s="613"/>
      <c r="DGJ706" s="613"/>
      <c r="DGK706" s="613"/>
      <c r="DGL706" s="613"/>
      <c r="DGM706" s="613"/>
      <c r="DGN706" s="613"/>
      <c r="DGO706" s="613"/>
      <c r="DGP706" s="613"/>
      <c r="DGQ706" s="613"/>
      <c r="DGR706" s="613"/>
      <c r="DGS706" s="613"/>
      <c r="DGT706" s="613"/>
      <c r="DGU706" s="613"/>
      <c r="DGV706" s="613"/>
      <c r="DGW706" s="613"/>
      <c r="DGX706" s="613"/>
      <c r="DGY706" s="613"/>
      <c r="DGZ706" s="613"/>
      <c r="DHA706" s="613"/>
      <c r="DHB706" s="613"/>
      <c r="DHC706" s="613"/>
      <c r="DHD706" s="613"/>
      <c r="DHE706" s="613"/>
      <c r="DHF706" s="613"/>
      <c r="DHG706" s="613"/>
      <c r="DHH706" s="613"/>
      <c r="DHI706" s="613"/>
      <c r="DHJ706" s="613"/>
      <c r="DHK706" s="613"/>
      <c r="DHL706" s="613"/>
      <c r="DHM706" s="613"/>
      <c r="DHN706" s="613"/>
      <c r="DHO706" s="613"/>
      <c r="DHP706" s="613"/>
      <c r="DHQ706" s="613"/>
      <c r="DHR706" s="613"/>
      <c r="DHS706" s="613"/>
      <c r="DHT706" s="613"/>
      <c r="DHU706" s="613"/>
      <c r="DHV706" s="613"/>
      <c r="DHW706" s="613"/>
      <c r="DHX706" s="613"/>
      <c r="DHY706" s="613"/>
      <c r="DHZ706" s="613"/>
      <c r="DIA706" s="613"/>
      <c r="DIB706" s="613"/>
      <c r="DIC706" s="613"/>
      <c r="DID706" s="613"/>
      <c r="DIE706" s="613"/>
      <c r="DIF706" s="613"/>
      <c r="DIG706" s="613"/>
      <c r="DIH706" s="613"/>
      <c r="DII706" s="613"/>
      <c r="DIJ706" s="613"/>
      <c r="DIK706" s="613"/>
      <c r="DIL706" s="613"/>
      <c r="DIM706" s="613"/>
      <c r="DIN706" s="613"/>
      <c r="DIO706" s="613"/>
      <c r="DIP706" s="613"/>
      <c r="DIQ706" s="613"/>
      <c r="DIR706" s="613"/>
      <c r="DIS706" s="613"/>
      <c r="DIT706" s="613"/>
      <c r="DIU706" s="613"/>
      <c r="DIV706" s="613"/>
      <c r="DIW706" s="613"/>
      <c r="DIX706" s="613"/>
      <c r="DIY706" s="613"/>
      <c r="DIZ706" s="613"/>
      <c r="DJA706" s="613"/>
      <c r="DJB706" s="613"/>
      <c r="DJC706" s="613"/>
      <c r="DJD706" s="613"/>
      <c r="DJE706" s="613"/>
      <c r="DJF706" s="613"/>
      <c r="DJG706" s="613"/>
      <c r="DJH706" s="613"/>
      <c r="DJI706" s="613"/>
      <c r="DJJ706" s="613"/>
      <c r="DJK706" s="613"/>
      <c r="DJL706" s="613"/>
      <c r="DJM706" s="613"/>
      <c r="DJN706" s="613"/>
      <c r="DJO706" s="613"/>
      <c r="DJP706" s="613"/>
      <c r="DJQ706" s="613"/>
      <c r="DJR706" s="613"/>
      <c r="DJS706" s="613"/>
      <c r="DJT706" s="613"/>
      <c r="DJU706" s="613"/>
      <c r="DJV706" s="613"/>
      <c r="DJW706" s="613"/>
      <c r="DJX706" s="613"/>
      <c r="DJY706" s="613"/>
      <c r="DJZ706" s="613"/>
      <c r="DKA706" s="613"/>
      <c r="DKB706" s="613"/>
      <c r="DKC706" s="613"/>
      <c r="DKD706" s="613"/>
      <c r="DKE706" s="613"/>
      <c r="DKF706" s="613"/>
      <c r="DKG706" s="613"/>
      <c r="DKH706" s="613"/>
      <c r="DKI706" s="613"/>
      <c r="DKJ706" s="613"/>
      <c r="DKK706" s="613"/>
      <c r="DKL706" s="613"/>
      <c r="DKM706" s="613"/>
      <c r="DKN706" s="613"/>
      <c r="DKO706" s="613"/>
      <c r="DKP706" s="613"/>
      <c r="DKQ706" s="613"/>
      <c r="DKR706" s="613"/>
      <c r="DKS706" s="613"/>
      <c r="DKT706" s="613"/>
      <c r="DKU706" s="613"/>
      <c r="DKV706" s="613"/>
      <c r="DKW706" s="613"/>
      <c r="DKX706" s="613"/>
      <c r="DKY706" s="613"/>
      <c r="DKZ706" s="613"/>
      <c r="DLA706" s="613"/>
      <c r="DLB706" s="613"/>
      <c r="DLC706" s="613"/>
      <c r="DLD706" s="613"/>
      <c r="DLE706" s="613"/>
      <c r="DLF706" s="613"/>
      <c r="DLG706" s="613"/>
      <c r="DLH706" s="613"/>
      <c r="DLI706" s="613"/>
      <c r="DLJ706" s="613"/>
      <c r="DLK706" s="613"/>
      <c r="DLL706" s="613"/>
      <c r="DLM706" s="613"/>
      <c r="DLN706" s="613"/>
      <c r="DLO706" s="613"/>
      <c r="DLP706" s="613"/>
      <c r="DLQ706" s="613"/>
      <c r="DLR706" s="613"/>
      <c r="DLS706" s="613"/>
      <c r="DLT706" s="613"/>
      <c r="DLU706" s="613"/>
      <c r="DLV706" s="613"/>
      <c r="DLW706" s="613"/>
      <c r="DLX706" s="613"/>
      <c r="DLY706" s="613"/>
      <c r="DLZ706" s="613"/>
      <c r="DMA706" s="613"/>
      <c r="DMB706" s="613"/>
      <c r="DMC706" s="613"/>
      <c r="DMD706" s="613"/>
      <c r="DME706" s="613"/>
      <c r="DMF706" s="613"/>
      <c r="DMG706" s="613"/>
      <c r="DMH706" s="613"/>
      <c r="DMI706" s="613"/>
      <c r="DMJ706" s="613"/>
      <c r="DMK706" s="613"/>
      <c r="DML706" s="613"/>
      <c r="DMM706" s="613"/>
      <c r="DMN706" s="613"/>
      <c r="DMO706" s="613"/>
      <c r="DMP706" s="613"/>
      <c r="DMQ706" s="613"/>
      <c r="DMR706" s="613"/>
      <c r="DMS706" s="613"/>
      <c r="DMT706" s="613"/>
      <c r="DMU706" s="613"/>
      <c r="DMV706" s="613"/>
      <c r="DMW706" s="613"/>
      <c r="DMX706" s="613"/>
      <c r="DMY706" s="613"/>
      <c r="DMZ706" s="613"/>
      <c r="DNA706" s="613"/>
      <c r="DNB706" s="613"/>
      <c r="DNC706" s="613"/>
      <c r="DND706" s="613"/>
      <c r="DNE706" s="613"/>
      <c r="DNF706" s="613"/>
      <c r="DNG706" s="613"/>
      <c r="DNH706" s="613"/>
      <c r="DNI706" s="613"/>
      <c r="DNJ706" s="613"/>
      <c r="DNK706" s="613"/>
      <c r="DNL706" s="613"/>
      <c r="DNM706" s="613"/>
      <c r="DNN706" s="613"/>
      <c r="DNO706" s="613"/>
      <c r="DNP706" s="613"/>
      <c r="DNQ706" s="613"/>
      <c r="DNR706" s="613"/>
      <c r="DNS706" s="613"/>
      <c r="DNT706" s="613"/>
      <c r="DNU706" s="613"/>
      <c r="DNV706" s="613"/>
      <c r="DNW706" s="613"/>
      <c r="DNX706" s="613"/>
      <c r="DNY706" s="613"/>
      <c r="DNZ706" s="613"/>
      <c r="DOA706" s="613"/>
      <c r="DOB706" s="613"/>
      <c r="DOC706" s="613"/>
      <c r="DOD706" s="613"/>
      <c r="DOE706" s="613"/>
      <c r="DOF706" s="613"/>
      <c r="DOG706" s="613"/>
      <c r="DOH706" s="613"/>
      <c r="DOI706" s="613"/>
      <c r="DOJ706" s="613"/>
      <c r="DOK706" s="613"/>
      <c r="DOL706" s="613"/>
      <c r="DOM706" s="613"/>
      <c r="DON706" s="613"/>
      <c r="DOO706" s="613"/>
      <c r="DOP706" s="613"/>
      <c r="DOQ706" s="613"/>
      <c r="DOR706" s="613"/>
      <c r="DOS706" s="613"/>
      <c r="DOT706" s="613"/>
      <c r="DOU706" s="613"/>
      <c r="DOV706" s="613"/>
      <c r="DOW706" s="613"/>
      <c r="DOX706" s="613"/>
      <c r="DOY706" s="613"/>
      <c r="DOZ706" s="613"/>
      <c r="DPA706" s="613"/>
      <c r="DPB706" s="613"/>
      <c r="DPC706" s="613"/>
      <c r="DPD706" s="613"/>
      <c r="DPE706" s="613"/>
      <c r="DPF706" s="613"/>
      <c r="DPG706" s="613"/>
      <c r="DPH706" s="613"/>
      <c r="DPI706" s="613"/>
      <c r="DPJ706" s="613"/>
      <c r="DPK706" s="613"/>
      <c r="DPL706" s="613"/>
      <c r="DPM706" s="613"/>
      <c r="DPN706" s="613"/>
      <c r="DPO706" s="613"/>
      <c r="DPP706" s="613"/>
      <c r="DPQ706" s="613"/>
      <c r="DPR706" s="613"/>
      <c r="DPS706" s="613"/>
      <c r="DPT706" s="613"/>
      <c r="DPU706" s="613"/>
      <c r="DPV706" s="613"/>
      <c r="DPW706" s="613"/>
      <c r="DPX706" s="613"/>
      <c r="DPY706" s="613"/>
      <c r="DPZ706" s="613"/>
      <c r="DQA706" s="613"/>
      <c r="DQB706" s="613"/>
      <c r="DQC706" s="613"/>
      <c r="DQD706" s="613"/>
      <c r="DQE706" s="613"/>
      <c r="DQF706" s="613"/>
      <c r="DQG706" s="613"/>
      <c r="DQH706" s="613"/>
      <c r="DQI706" s="613"/>
      <c r="DQJ706" s="613"/>
      <c r="DQK706" s="613"/>
      <c r="DQL706" s="613"/>
      <c r="DQM706" s="613"/>
      <c r="DQN706" s="613"/>
      <c r="DQO706" s="613"/>
      <c r="DQP706" s="613"/>
      <c r="DQQ706" s="613"/>
      <c r="DQR706" s="613"/>
      <c r="DQS706" s="613"/>
      <c r="DQT706" s="613"/>
      <c r="DQU706" s="613"/>
      <c r="DQV706" s="613"/>
      <c r="DQW706" s="613"/>
      <c r="DQX706" s="613"/>
      <c r="DQY706" s="613"/>
      <c r="DQZ706" s="613"/>
      <c r="DRA706" s="613"/>
      <c r="DRB706" s="613"/>
      <c r="DRC706" s="613"/>
      <c r="DRD706" s="613"/>
      <c r="DRE706" s="613"/>
      <c r="DRF706" s="613"/>
      <c r="DRG706" s="613"/>
      <c r="DRH706" s="613"/>
      <c r="DRI706" s="613"/>
      <c r="DRJ706" s="613"/>
      <c r="DRK706" s="613"/>
      <c r="DRL706" s="613"/>
      <c r="DRM706" s="613"/>
      <c r="DRN706" s="613"/>
      <c r="DRO706" s="613"/>
      <c r="DRP706" s="613"/>
      <c r="DRQ706" s="613"/>
      <c r="DRR706" s="613"/>
      <c r="DRS706" s="613"/>
      <c r="DRT706" s="613"/>
      <c r="DRU706" s="613"/>
      <c r="DRV706" s="613"/>
      <c r="DRW706" s="613"/>
      <c r="DRX706" s="613"/>
      <c r="DRY706" s="613"/>
      <c r="DRZ706" s="613"/>
      <c r="DSA706" s="613"/>
      <c r="DSB706" s="613"/>
      <c r="DSC706" s="613"/>
      <c r="DSD706" s="613"/>
      <c r="DSE706" s="613"/>
      <c r="DSF706" s="613"/>
      <c r="DSG706" s="613"/>
      <c r="DSH706" s="613"/>
      <c r="DSI706" s="613"/>
      <c r="DSJ706" s="613"/>
      <c r="DSK706" s="613"/>
      <c r="DSL706" s="613"/>
      <c r="DSM706" s="613"/>
      <c r="DSN706" s="613"/>
      <c r="DSO706" s="613"/>
      <c r="DSP706" s="613"/>
      <c r="DSQ706" s="613"/>
      <c r="DSR706" s="613"/>
      <c r="DSS706" s="613"/>
      <c r="DST706" s="613"/>
      <c r="DSU706" s="613"/>
      <c r="DSV706" s="613"/>
      <c r="DSW706" s="613"/>
      <c r="DSX706" s="613"/>
      <c r="DSY706" s="613"/>
      <c r="DSZ706" s="613"/>
      <c r="DTA706" s="613"/>
      <c r="DTB706" s="613"/>
      <c r="DTC706" s="613"/>
      <c r="DTD706" s="613"/>
      <c r="DTE706" s="613"/>
      <c r="DTF706" s="613"/>
      <c r="DTG706" s="613"/>
      <c r="DTH706" s="613"/>
      <c r="DTI706" s="613"/>
      <c r="DTJ706" s="613"/>
      <c r="DTK706" s="613"/>
      <c r="DTL706" s="613"/>
      <c r="DTM706" s="613"/>
      <c r="DTN706" s="613"/>
      <c r="DTO706" s="613"/>
      <c r="DTP706" s="613"/>
      <c r="DTQ706" s="613"/>
      <c r="DTR706" s="613"/>
      <c r="DTS706" s="613"/>
      <c r="DTT706" s="613"/>
      <c r="DTU706" s="613"/>
      <c r="DTV706" s="613"/>
      <c r="DTW706" s="613"/>
      <c r="DTX706" s="613"/>
      <c r="DTY706" s="613"/>
      <c r="DTZ706" s="613"/>
      <c r="DUA706" s="613"/>
      <c r="DUB706" s="613"/>
      <c r="DUC706" s="613"/>
      <c r="DUD706" s="613"/>
      <c r="DUE706" s="613"/>
      <c r="DUF706" s="613"/>
      <c r="DUG706" s="613"/>
      <c r="DUH706" s="613"/>
      <c r="DUI706" s="613"/>
      <c r="DUJ706" s="613"/>
      <c r="DUK706" s="613"/>
      <c r="DUL706" s="613"/>
      <c r="DUM706" s="613"/>
      <c r="DUN706" s="613"/>
      <c r="DUO706" s="613"/>
      <c r="DUP706" s="613"/>
      <c r="DUQ706" s="613"/>
      <c r="DUR706" s="613"/>
      <c r="DUS706" s="613"/>
      <c r="DUT706" s="613"/>
      <c r="DUU706" s="613"/>
      <c r="DUV706" s="613"/>
      <c r="DUW706" s="613"/>
      <c r="DUX706" s="613"/>
      <c r="DUY706" s="613"/>
      <c r="DUZ706" s="613"/>
      <c r="DVA706" s="613"/>
      <c r="DVB706" s="613"/>
      <c r="DVC706" s="613"/>
      <c r="DVD706" s="613"/>
      <c r="DVE706" s="613"/>
      <c r="DVF706" s="613"/>
      <c r="DVG706" s="613"/>
      <c r="DVH706" s="613"/>
      <c r="DVI706" s="613"/>
      <c r="DVJ706" s="613"/>
      <c r="DVK706" s="613"/>
      <c r="DVL706" s="613"/>
      <c r="DVM706" s="613"/>
      <c r="DVN706" s="613"/>
      <c r="DVO706" s="613"/>
      <c r="DVP706" s="613"/>
      <c r="DVQ706" s="613"/>
      <c r="DVR706" s="613"/>
      <c r="DVS706" s="613"/>
      <c r="DVT706" s="613"/>
      <c r="DVU706" s="613"/>
      <c r="DVV706" s="613"/>
      <c r="DVW706" s="613"/>
      <c r="DVX706" s="613"/>
      <c r="DVY706" s="613"/>
      <c r="DVZ706" s="613"/>
      <c r="DWA706" s="613"/>
      <c r="DWB706" s="613"/>
      <c r="DWC706" s="613"/>
      <c r="DWD706" s="613"/>
      <c r="DWE706" s="613"/>
      <c r="DWF706" s="613"/>
      <c r="DWG706" s="613"/>
      <c r="DWH706" s="613"/>
      <c r="DWI706" s="613"/>
      <c r="DWJ706" s="613"/>
      <c r="DWK706" s="613"/>
      <c r="DWL706" s="613"/>
      <c r="DWM706" s="613"/>
      <c r="DWN706" s="613"/>
      <c r="DWO706" s="613"/>
      <c r="DWP706" s="613"/>
      <c r="DWQ706" s="613"/>
      <c r="DWR706" s="613"/>
      <c r="DWS706" s="613"/>
      <c r="DWT706" s="613"/>
      <c r="DWU706" s="613"/>
      <c r="DWV706" s="613"/>
      <c r="DWW706" s="613"/>
      <c r="DWX706" s="613"/>
      <c r="DWY706" s="613"/>
      <c r="DWZ706" s="613"/>
      <c r="DXA706" s="613"/>
      <c r="DXB706" s="613"/>
      <c r="DXC706" s="613"/>
      <c r="DXD706" s="613"/>
      <c r="DXE706" s="613"/>
      <c r="DXF706" s="613"/>
      <c r="DXG706" s="613"/>
      <c r="DXH706" s="613"/>
      <c r="DXI706" s="613"/>
      <c r="DXJ706" s="613"/>
      <c r="DXK706" s="613"/>
      <c r="DXL706" s="613"/>
      <c r="DXM706" s="613"/>
      <c r="DXN706" s="613"/>
      <c r="DXO706" s="613"/>
      <c r="DXP706" s="613"/>
      <c r="DXQ706" s="613"/>
      <c r="DXR706" s="613"/>
      <c r="DXS706" s="613"/>
      <c r="DXT706" s="613"/>
      <c r="DXU706" s="613"/>
      <c r="DXV706" s="613"/>
      <c r="DXW706" s="613"/>
      <c r="DXX706" s="613"/>
      <c r="DXY706" s="613"/>
      <c r="DXZ706" s="613"/>
      <c r="DYA706" s="613"/>
      <c r="DYB706" s="613"/>
      <c r="DYC706" s="613"/>
      <c r="DYD706" s="613"/>
      <c r="DYE706" s="613"/>
      <c r="DYF706" s="613"/>
      <c r="DYG706" s="613"/>
      <c r="DYH706" s="613"/>
      <c r="DYI706" s="613"/>
      <c r="DYJ706" s="613"/>
      <c r="DYK706" s="613"/>
      <c r="DYL706" s="613"/>
      <c r="DYM706" s="613"/>
      <c r="DYN706" s="613"/>
      <c r="DYO706" s="613"/>
      <c r="DYP706" s="613"/>
      <c r="DYQ706" s="613"/>
      <c r="DYR706" s="613"/>
      <c r="DYS706" s="613"/>
      <c r="DYT706" s="613"/>
      <c r="DYU706" s="613"/>
      <c r="DYV706" s="613"/>
      <c r="DYW706" s="613"/>
      <c r="DYX706" s="613"/>
      <c r="DYY706" s="613"/>
      <c r="DYZ706" s="613"/>
      <c r="DZA706" s="613"/>
      <c r="DZB706" s="613"/>
      <c r="DZC706" s="613"/>
      <c r="DZD706" s="613"/>
      <c r="DZE706" s="613"/>
      <c r="DZF706" s="613"/>
      <c r="DZG706" s="613"/>
      <c r="DZH706" s="613"/>
      <c r="DZI706" s="613"/>
      <c r="DZJ706" s="613"/>
      <c r="DZK706" s="613"/>
      <c r="DZL706" s="613"/>
      <c r="DZM706" s="613"/>
      <c r="DZN706" s="613"/>
      <c r="DZO706" s="613"/>
      <c r="DZP706" s="613"/>
      <c r="DZQ706" s="613"/>
      <c r="DZR706" s="613"/>
      <c r="DZS706" s="613"/>
      <c r="DZT706" s="613"/>
      <c r="DZU706" s="613"/>
      <c r="DZV706" s="613"/>
      <c r="DZW706" s="613"/>
      <c r="DZX706" s="613"/>
      <c r="DZY706" s="613"/>
      <c r="DZZ706" s="613"/>
      <c r="EAA706" s="613"/>
      <c r="EAB706" s="613"/>
      <c r="EAC706" s="613"/>
      <c r="EAD706" s="613"/>
      <c r="EAE706" s="613"/>
      <c r="EAF706" s="613"/>
      <c r="EAG706" s="613"/>
      <c r="EAH706" s="613"/>
      <c r="EAI706" s="613"/>
      <c r="EAJ706" s="613"/>
      <c r="EAK706" s="613"/>
      <c r="EAL706" s="613"/>
      <c r="EAM706" s="613"/>
      <c r="EAN706" s="613"/>
      <c r="EAO706" s="613"/>
      <c r="EAP706" s="613"/>
      <c r="EAQ706" s="613"/>
      <c r="EAR706" s="613"/>
      <c r="EAS706" s="613"/>
      <c r="EAT706" s="613"/>
      <c r="EAU706" s="613"/>
      <c r="EAV706" s="613"/>
      <c r="EAW706" s="613"/>
      <c r="EAX706" s="613"/>
      <c r="EAY706" s="613"/>
      <c r="EAZ706" s="613"/>
      <c r="EBA706" s="613"/>
      <c r="EBB706" s="613"/>
      <c r="EBC706" s="613"/>
      <c r="EBD706" s="613"/>
      <c r="EBE706" s="613"/>
      <c r="EBF706" s="613"/>
      <c r="EBG706" s="613"/>
      <c r="EBH706" s="613"/>
      <c r="EBI706" s="613"/>
      <c r="EBJ706" s="613"/>
      <c r="EBK706" s="613"/>
      <c r="EBL706" s="613"/>
      <c r="EBM706" s="613"/>
      <c r="EBN706" s="613"/>
      <c r="EBO706" s="613"/>
      <c r="EBP706" s="613"/>
      <c r="EBQ706" s="613"/>
      <c r="EBR706" s="613"/>
      <c r="EBS706" s="613"/>
      <c r="EBT706" s="613"/>
      <c r="EBU706" s="613"/>
      <c r="EBV706" s="613"/>
      <c r="EBW706" s="613"/>
      <c r="EBX706" s="613"/>
      <c r="EBY706" s="613"/>
      <c r="EBZ706" s="613"/>
      <c r="ECA706" s="613"/>
      <c r="ECB706" s="613"/>
      <c r="ECC706" s="613"/>
      <c r="ECD706" s="613"/>
      <c r="ECE706" s="613"/>
      <c r="ECF706" s="613"/>
      <c r="ECG706" s="613"/>
      <c r="ECH706" s="613"/>
      <c r="ECI706" s="613"/>
      <c r="ECJ706" s="613"/>
      <c r="ECK706" s="613"/>
      <c r="ECL706" s="613"/>
      <c r="ECM706" s="613"/>
      <c r="ECN706" s="613"/>
      <c r="ECO706" s="613"/>
      <c r="ECP706" s="613"/>
      <c r="ECQ706" s="613"/>
      <c r="ECR706" s="613"/>
      <c r="ECS706" s="613"/>
      <c r="ECT706" s="613"/>
      <c r="ECU706" s="613"/>
      <c r="ECV706" s="613"/>
      <c r="ECW706" s="613"/>
      <c r="ECX706" s="613"/>
      <c r="ECY706" s="613"/>
      <c r="ECZ706" s="613"/>
      <c r="EDA706" s="613"/>
      <c r="EDB706" s="613"/>
      <c r="EDC706" s="613"/>
      <c r="EDD706" s="613"/>
      <c r="EDE706" s="613"/>
      <c r="EDF706" s="613"/>
      <c r="EDG706" s="613"/>
      <c r="EDH706" s="613"/>
      <c r="EDI706" s="613"/>
      <c r="EDJ706" s="613"/>
      <c r="EDK706" s="613"/>
      <c r="EDL706" s="613"/>
      <c r="EDM706" s="613"/>
      <c r="EDN706" s="613"/>
      <c r="EDO706" s="613"/>
      <c r="EDP706" s="613"/>
      <c r="EDQ706" s="613"/>
      <c r="EDR706" s="613"/>
      <c r="EDS706" s="613"/>
      <c r="EDT706" s="613"/>
      <c r="EDU706" s="613"/>
      <c r="EDV706" s="613"/>
      <c r="EDW706" s="613"/>
      <c r="EDX706" s="613"/>
      <c r="EDY706" s="613"/>
      <c r="EDZ706" s="613"/>
      <c r="EEA706" s="613"/>
      <c r="EEB706" s="613"/>
      <c r="EEC706" s="613"/>
      <c r="EED706" s="613"/>
      <c r="EEE706" s="613"/>
      <c r="EEF706" s="613"/>
      <c r="EEG706" s="613"/>
      <c r="EEH706" s="613"/>
      <c r="EEI706" s="613"/>
      <c r="EEJ706" s="613"/>
      <c r="EEK706" s="613"/>
      <c r="EEL706" s="613"/>
      <c r="EEM706" s="613"/>
      <c r="EEN706" s="613"/>
      <c r="EEO706" s="613"/>
      <c r="EEP706" s="613"/>
      <c r="EEQ706" s="613"/>
      <c r="EER706" s="613"/>
      <c r="EES706" s="613"/>
      <c r="EET706" s="613"/>
      <c r="EEU706" s="613"/>
      <c r="EEV706" s="613"/>
      <c r="EEW706" s="613"/>
      <c r="EEX706" s="613"/>
      <c r="EEY706" s="613"/>
      <c r="EEZ706" s="613"/>
      <c r="EFA706" s="613"/>
      <c r="EFB706" s="613"/>
      <c r="EFC706" s="613"/>
      <c r="EFD706" s="613"/>
      <c r="EFE706" s="613"/>
      <c r="EFF706" s="613"/>
      <c r="EFG706" s="613"/>
      <c r="EFH706" s="613"/>
      <c r="EFI706" s="613"/>
      <c r="EFJ706" s="613"/>
      <c r="EFK706" s="613"/>
      <c r="EFL706" s="613"/>
      <c r="EFM706" s="613"/>
      <c r="EFN706" s="613"/>
      <c r="EFO706" s="613"/>
      <c r="EFP706" s="613"/>
      <c r="EFQ706" s="613"/>
      <c r="EFR706" s="613"/>
      <c r="EFS706" s="613"/>
      <c r="EFT706" s="613"/>
      <c r="EFU706" s="613"/>
      <c r="EFV706" s="613"/>
      <c r="EFW706" s="613"/>
      <c r="EFX706" s="613"/>
      <c r="EFY706" s="613"/>
      <c r="EFZ706" s="613"/>
      <c r="EGA706" s="613"/>
      <c r="EGB706" s="613"/>
      <c r="EGC706" s="613"/>
      <c r="EGD706" s="613"/>
      <c r="EGE706" s="613"/>
      <c r="EGF706" s="613"/>
      <c r="EGG706" s="613"/>
      <c r="EGH706" s="613"/>
      <c r="EGI706" s="613"/>
      <c r="EGJ706" s="613"/>
      <c r="EGK706" s="613"/>
      <c r="EGL706" s="613"/>
      <c r="EGM706" s="613"/>
      <c r="EGN706" s="613"/>
      <c r="EGO706" s="613"/>
      <c r="EGP706" s="613"/>
      <c r="EGQ706" s="613"/>
      <c r="EGR706" s="613"/>
      <c r="EGS706" s="613"/>
      <c r="EGT706" s="613"/>
      <c r="EGU706" s="613"/>
      <c r="EGV706" s="613"/>
      <c r="EGW706" s="613"/>
      <c r="EGX706" s="613"/>
      <c r="EGY706" s="613"/>
      <c r="EGZ706" s="613"/>
      <c r="EHA706" s="613"/>
      <c r="EHB706" s="613"/>
      <c r="EHC706" s="613"/>
      <c r="EHD706" s="613"/>
      <c r="EHE706" s="613"/>
      <c r="EHF706" s="613"/>
      <c r="EHG706" s="613"/>
      <c r="EHH706" s="613"/>
      <c r="EHI706" s="613"/>
      <c r="EHJ706" s="613"/>
      <c r="EHK706" s="613"/>
      <c r="EHL706" s="613"/>
      <c r="EHM706" s="613"/>
      <c r="EHN706" s="613"/>
      <c r="EHO706" s="613"/>
      <c r="EHP706" s="613"/>
      <c r="EHQ706" s="613"/>
      <c r="EHR706" s="613"/>
      <c r="EHS706" s="613"/>
      <c r="EHT706" s="613"/>
      <c r="EHU706" s="613"/>
      <c r="EHV706" s="613"/>
      <c r="EHW706" s="613"/>
      <c r="EHX706" s="613"/>
      <c r="EHY706" s="613"/>
      <c r="EHZ706" s="613"/>
      <c r="EIA706" s="613"/>
      <c r="EIB706" s="613"/>
      <c r="EIC706" s="613"/>
      <c r="EID706" s="613"/>
      <c r="EIE706" s="613"/>
      <c r="EIF706" s="613"/>
      <c r="EIG706" s="613"/>
      <c r="EIH706" s="613"/>
      <c r="EII706" s="613"/>
      <c r="EIJ706" s="613"/>
      <c r="EIK706" s="613"/>
      <c r="EIL706" s="613"/>
      <c r="EIM706" s="613"/>
      <c r="EIN706" s="613"/>
      <c r="EIO706" s="613"/>
      <c r="EIP706" s="613"/>
      <c r="EIQ706" s="613"/>
      <c r="EIR706" s="613"/>
      <c r="EIS706" s="613"/>
      <c r="EIT706" s="613"/>
      <c r="EIU706" s="613"/>
      <c r="EIV706" s="613"/>
      <c r="EIW706" s="613"/>
      <c r="EIX706" s="613"/>
      <c r="EIY706" s="613"/>
      <c r="EIZ706" s="613"/>
      <c r="EJA706" s="613"/>
      <c r="EJB706" s="613"/>
      <c r="EJC706" s="613"/>
      <c r="EJD706" s="613"/>
      <c r="EJE706" s="613"/>
      <c r="EJF706" s="613"/>
      <c r="EJG706" s="613"/>
      <c r="EJH706" s="613"/>
      <c r="EJI706" s="613"/>
      <c r="EJJ706" s="613"/>
      <c r="EJK706" s="613"/>
      <c r="EJL706" s="613"/>
      <c r="EJM706" s="613"/>
      <c r="EJN706" s="613"/>
      <c r="EJO706" s="613"/>
      <c r="EJP706" s="613"/>
      <c r="EJQ706" s="613"/>
      <c r="EJR706" s="613"/>
      <c r="EJS706" s="613"/>
      <c r="EJT706" s="613"/>
      <c r="EJU706" s="613"/>
      <c r="EJV706" s="613"/>
      <c r="EJW706" s="613"/>
      <c r="EJX706" s="613"/>
      <c r="EJY706" s="613"/>
      <c r="EJZ706" s="613"/>
      <c r="EKA706" s="613"/>
      <c r="EKB706" s="613"/>
      <c r="EKC706" s="613"/>
      <c r="EKD706" s="613"/>
      <c r="EKE706" s="613"/>
      <c r="EKF706" s="613"/>
      <c r="EKG706" s="613"/>
      <c r="EKH706" s="613"/>
      <c r="EKI706" s="613"/>
      <c r="EKJ706" s="613"/>
      <c r="EKK706" s="613"/>
      <c r="EKL706" s="613"/>
      <c r="EKM706" s="613"/>
      <c r="EKN706" s="613"/>
      <c r="EKO706" s="613"/>
      <c r="EKP706" s="613"/>
      <c r="EKQ706" s="613"/>
      <c r="EKR706" s="613"/>
      <c r="EKS706" s="613"/>
      <c r="EKT706" s="613"/>
      <c r="EKU706" s="613"/>
      <c r="EKV706" s="613"/>
      <c r="EKW706" s="613"/>
      <c r="EKX706" s="613"/>
      <c r="EKY706" s="613"/>
      <c r="EKZ706" s="613"/>
      <c r="ELA706" s="613"/>
      <c r="ELB706" s="613"/>
      <c r="ELC706" s="613"/>
      <c r="ELD706" s="613"/>
      <c r="ELE706" s="613"/>
      <c r="ELF706" s="613"/>
      <c r="ELG706" s="613"/>
      <c r="ELH706" s="613"/>
      <c r="ELI706" s="613"/>
      <c r="ELJ706" s="613"/>
      <c r="ELK706" s="613"/>
      <c r="ELL706" s="613"/>
      <c r="ELM706" s="613"/>
      <c r="ELN706" s="613"/>
      <c r="ELO706" s="613"/>
      <c r="ELP706" s="613"/>
      <c r="ELQ706" s="613"/>
      <c r="ELR706" s="613"/>
      <c r="ELS706" s="613"/>
      <c r="ELT706" s="613"/>
      <c r="ELU706" s="613"/>
      <c r="ELV706" s="613"/>
      <c r="ELW706" s="613"/>
      <c r="ELX706" s="613"/>
      <c r="ELY706" s="613"/>
      <c r="ELZ706" s="613"/>
      <c r="EMA706" s="613"/>
      <c r="EMB706" s="613"/>
      <c r="EMC706" s="613"/>
      <c r="EMD706" s="613"/>
      <c r="EME706" s="613"/>
      <c r="EMF706" s="613"/>
      <c r="EMG706" s="613"/>
      <c r="EMH706" s="613"/>
      <c r="EMI706" s="613"/>
      <c r="EMJ706" s="613"/>
      <c r="EMK706" s="613"/>
      <c r="EML706" s="613"/>
      <c r="EMM706" s="613"/>
      <c r="EMN706" s="613"/>
      <c r="EMO706" s="613"/>
      <c r="EMP706" s="613"/>
      <c r="EMQ706" s="613"/>
      <c r="EMR706" s="613"/>
      <c r="EMS706" s="613"/>
      <c r="EMT706" s="613"/>
      <c r="EMU706" s="613"/>
      <c r="EMV706" s="613"/>
      <c r="EMW706" s="613"/>
      <c r="EMX706" s="613"/>
      <c r="EMY706" s="613"/>
      <c r="EMZ706" s="613"/>
      <c r="ENA706" s="613"/>
      <c r="ENB706" s="613"/>
      <c r="ENC706" s="613"/>
      <c r="END706" s="613"/>
      <c r="ENE706" s="613"/>
      <c r="ENF706" s="613"/>
      <c r="ENG706" s="613"/>
      <c r="ENH706" s="613"/>
      <c r="ENI706" s="613"/>
      <c r="ENJ706" s="613"/>
      <c r="ENK706" s="613"/>
      <c r="ENL706" s="613"/>
      <c r="ENM706" s="613"/>
      <c r="ENN706" s="613"/>
      <c r="ENO706" s="613"/>
      <c r="ENP706" s="613"/>
      <c r="ENQ706" s="613"/>
      <c r="ENR706" s="613"/>
      <c r="ENS706" s="613"/>
      <c r="ENT706" s="613"/>
      <c r="ENU706" s="613"/>
      <c r="ENV706" s="613"/>
      <c r="ENW706" s="613"/>
      <c r="ENX706" s="613"/>
      <c r="ENY706" s="613"/>
      <c r="ENZ706" s="613"/>
      <c r="EOA706" s="613"/>
      <c r="EOB706" s="613"/>
      <c r="EOC706" s="613"/>
      <c r="EOD706" s="613"/>
      <c r="EOE706" s="613"/>
      <c r="EOF706" s="613"/>
      <c r="EOG706" s="613"/>
      <c r="EOH706" s="613"/>
      <c r="EOI706" s="613"/>
      <c r="EOJ706" s="613"/>
      <c r="EOK706" s="613"/>
      <c r="EOL706" s="613"/>
      <c r="EOM706" s="613"/>
      <c r="EON706" s="613"/>
      <c r="EOO706" s="613"/>
      <c r="EOP706" s="613"/>
      <c r="EOQ706" s="613"/>
      <c r="EOR706" s="613"/>
      <c r="EOS706" s="613"/>
      <c r="EOT706" s="613"/>
      <c r="EOU706" s="613"/>
      <c r="EOV706" s="613"/>
      <c r="EOW706" s="613"/>
      <c r="EOX706" s="613"/>
      <c r="EOY706" s="613"/>
      <c r="EOZ706" s="613"/>
      <c r="EPA706" s="613"/>
      <c r="EPB706" s="613"/>
      <c r="EPC706" s="613"/>
      <c r="EPD706" s="613"/>
      <c r="EPE706" s="613"/>
      <c r="EPF706" s="613"/>
      <c r="EPG706" s="613"/>
      <c r="EPH706" s="613"/>
      <c r="EPI706" s="613"/>
      <c r="EPJ706" s="613"/>
      <c r="EPK706" s="613"/>
      <c r="EPL706" s="613"/>
      <c r="EPM706" s="613"/>
      <c r="EPN706" s="613"/>
      <c r="EPO706" s="613"/>
      <c r="EPP706" s="613"/>
      <c r="EPQ706" s="613"/>
      <c r="EPR706" s="613"/>
      <c r="EPS706" s="613"/>
      <c r="EPT706" s="613"/>
      <c r="EPU706" s="613"/>
      <c r="EPV706" s="613"/>
      <c r="EPW706" s="613"/>
      <c r="EPX706" s="613"/>
      <c r="EPY706" s="613"/>
      <c r="EPZ706" s="613"/>
      <c r="EQA706" s="613"/>
      <c r="EQB706" s="613"/>
      <c r="EQC706" s="613"/>
      <c r="EQD706" s="613"/>
      <c r="EQE706" s="613"/>
      <c r="EQF706" s="613"/>
      <c r="EQG706" s="613"/>
      <c r="EQH706" s="613"/>
      <c r="EQI706" s="613"/>
      <c r="EQJ706" s="613"/>
      <c r="EQK706" s="613"/>
      <c r="EQL706" s="613"/>
      <c r="EQM706" s="613"/>
      <c r="EQN706" s="613"/>
      <c r="EQO706" s="613"/>
      <c r="EQP706" s="613"/>
      <c r="EQQ706" s="613"/>
      <c r="EQR706" s="613"/>
      <c r="EQS706" s="613"/>
      <c r="EQT706" s="613"/>
      <c r="EQU706" s="613"/>
      <c r="EQV706" s="613"/>
      <c r="EQW706" s="613"/>
      <c r="EQX706" s="613"/>
      <c r="EQY706" s="613"/>
      <c r="EQZ706" s="613"/>
      <c r="ERA706" s="613"/>
      <c r="ERB706" s="613"/>
      <c r="ERC706" s="613"/>
      <c r="ERD706" s="613"/>
      <c r="ERE706" s="613"/>
      <c r="ERF706" s="613"/>
      <c r="ERG706" s="613"/>
      <c r="ERH706" s="613"/>
      <c r="ERI706" s="613"/>
      <c r="ERJ706" s="613"/>
      <c r="ERK706" s="613"/>
      <c r="ERL706" s="613"/>
      <c r="ERM706" s="613"/>
      <c r="ERN706" s="613"/>
      <c r="ERO706" s="613"/>
      <c r="ERP706" s="613"/>
      <c r="ERQ706" s="613"/>
      <c r="ERR706" s="613"/>
      <c r="ERS706" s="613"/>
      <c r="ERT706" s="613"/>
      <c r="ERU706" s="613"/>
      <c r="ERV706" s="613"/>
      <c r="ERW706" s="613"/>
      <c r="ERX706" s="613"/>
      <c r="ERY706" s="613"/>
      <c r="ERZ706" s="613"/>
      <c r="ESA706" s="613"/>
      <c r="ESB706" s="613"/>
      <c r="ESC706" s="613"/>
      <c r="ESD706" s="613"/>
      <c r="ESE706" s="613"/>
      <c r="ESF706" s="613"/>
      <c r="ESG706" s="613"/>
      <c r="ESH706" s="613"/>
      <c r="ESI706" s="613"/>
      <c r="ESJ706" s="613"/>
      <c r="ESK706" s="613"/>
      <c r="ESL706" s="613"/>
      <c r="ESM706" s="613"/>
      <c r="ESN706" s="613"/>
      <c r="ESO706" s="613"/>
      <c r="ESP706" s="613"/>
      <c r="ESQ706" s="613"/>
      <c r="ESR706" s="613"/>
      <c r="ESS706" s="613"/>
      <c r="EST706" s="613"/>
      <c r="ESU706" s="613"/>
      <c r="ESV706" s="613"/>
      <c r="ESW706" s="613"/>
      <c r="ESX706" s="613"/>
      <c r="ESY706" s="613"/>
      <c r="ESZ706" s="613"/>
      <c r="ETA706" s="613"/>
      <c r="ETB706" s="613"/>
      <c r="ETC706" s="613"/>
      <c r="ETD706" s="613"/>
      <c r="ETE706" s="613"/>
      <c r="ETF706" s="613"/>
      <c r="ETG706" s="613"/>
      <c r="ETH706" s="613"/>
      <c r="ETI706" s="613"/>
      <c r="ETJ706" s="613"/>
      <c r="ETK706" s="613"/>
      <c r="ETL706" s="613"/>
      <c r="ETM706" s="613"/>
      <c r="ETN706" s="613"/>
      <c r="ETO706" s="613"/>
      <c r="ETP706" s="613"/>
      <c r="ETQ706" s="613"/>
      <c r="ETR706" s="613"/>
      <c r="ETS706" s="613"/>
      <c r="ETT706" s="613"/>
      <c r="ETU706" s="613"/>
      <c r="ETV706" s="613"/>
      <c r="ETW706" s="613"/>
      <c r="ETX706" s="613"/>
      <c r="ETY706" s="613"/>
      <c r="ETZ706" s="613"/>
      <c r="EUA706" s="613"/>
      <c r="EUB706" s="613"/>
      <c r="EUC706" s="613"/>
      <c r="EUD706" s="613"/>
      <c r="EUE706" s="613"/>
      <c r="EUF706" s="613"/>
      <c r="EUG706" s="613"/>
      <c r="EUH706" s="613"/>
      <c r="EUI706" s="613"/>
      <c r="EUJ706" s="613"/>
      <c r="EUK706" s="613"/>
      <c r="EUL706" s="613"/>
      <c r="EUM706" s="613"/>
      <c r="EUN706" s="613"/>
      <c r="EUO706" s="613"/>
      <c r="EUP706" s="613"/>
      <c r="EUQ706" s="613"/>
      <c r="EUR706" s="613"/>
      <c r="EUS706" s="613"/>
      <c r="EUT706" s="613"/>
      <c r="EUU706" s="613"/>
      <c r="EUV706" s="613"/>
      <c r="EUW706" s="613"/>
      <c r="EUX706" s="613"/>
      <c r="EUY706" s="613"/>
      <c r="EUZ706" s="613"/>
      <c r="EVA706" s="613"/>
      <c r="EVB706" s="613"/>
      <c r="EVC706" s="613"/>
      <c r="EVD706" s="613"/>
      <c r="EVE706" s="613"/>
      <c r="EVF706" s="613"/>
      <c r="EVG706" s="613"/>
      <c r="EVH706" s="613"/>
      <c r="EVI706" s="613"/>
      <c r="EVJ706" s="613"/>
      <c r="EVK706" s="613"/>
      <c r="EVL706" s="613"/>
      <c r="EVM706" s="613"/>
      <c r="EVN706" s="613"/>
      <c r="EVO706" s="613"/>
      <c r="EVP706" s="613"/>
      <c r="EVQ706" s="613"/>
      <c r="EVR706" s="613"/>
      <c r="EVS706" s="613"/>
      <c r="EVT706" s="613"/>
      <c r="EVU706" s="613"/>
      <c r="EVV706" s="613"/>
      <c r="EVW706" s="613"/>
      <c r="EVX706" s="613"/>
      <c r="EVY706" s="613"/>
      <c r="EVZ706" s="613"/>
      <c r="EWA706" s="613"/>
      <c r="EWB706" s="613"/>
      <c r="EWC706" s="613"/>
      <c r="EWD706" s="613"/>
      <c r="EWE706" s="613"/>
      <c r="EWF706" s="613"/>
      <c r="EWG706" s="613"/>
      <c r="EWH706" s="613"/>
      <c r="EWI706" s="613"/>
      <c r="EWJ706" s="613"/>
      <c r="EWK706" s="613"/>
      <c r="EWL706" s="613"/>
      <c r="EWM706" s="613"/>
      <c r="EWN706" s="613"/>
      <c r="EWO706" s="613"/>
      <c r="EWP706" s="613"/>
      <c r="EWQ706" s="613"/>
      <c r="EWR706" s="613"/>
      <c r="EWS706" s="613"/>
      <c r="EWT706" s="613"/>
      <c r="EWU706" s="613"/>
      <c r="EWV706" s="613"/>
      <c r="EWW706" s="613"/>
      <c r="EWX706" s="613"/>
      <c r="EWY706" s="613"/>
      <c r="EWZ706" s="613"/>
      <c r="EXA706" s="613"/>
      <c r="EXB706" s="613"/>
      <c r="EXC706" s="613"/>
      <c r="EXD706" s="613"/>
      <c r="EXE706" s="613"/>
      <c r="EXF706" s="613"/>
      <c r="EXG706" s="613"/>
      <c r="EXH706" s="613"/>
      <c r="EXI706" s="613"/>
      <c r="EXJ706" s="613"/>
      <c r="EXK706" s="613"/>
      <c r="EXL706" s="613"/>
      <c r="EXM706" s="613"/>
      <c r="EXN706" s="613"/>
      <c r="EXO706" s="613"/>
      <c r="EXP706" s="613"/>
      <c r="EXQ706" s="613"/>
      <c r="EXR706" s="613"/>
      <c r="EXS706" s="613"/>
      <c r="EXT706" s="613"/>
      <c r="EXU706" s="613"/>
      <c r="EXV706" s="613"/>
      <c r="EXW706" s="613"/>
      <c r="EXX706" s="613"/>
      <c r="EXY706" s="613"/>
      <c r="EXZ706" s="613"/>
      <c r="EYA706" s="613"/>
      <c r="EYB706" s="613"/>
      <c r="EYC706" s="613"/>
      <c r="EYD706" s="613"/>
      <c r="EYE706" s="613"/>
      <c r="EYF706" s="613"/>
      <c r="EYG706" s="613"/>
      <c r="EYH706" s="613"/>
      <c r="EYI706" s="613"/>
      <c r="EYJ706" s="613"/>
      <c r="EYK706" s="613"/>
      <c r="EYL706" s="613"/>
      <c r="EYM706" s="613"/>
      <c r="EYN706" s="613"/>
      <c r="EYO706" s="613"/>
      <c r="EYP706" s="613"/>
      <c r="EYQ706" s="613"/>
      <c r="EYR706" s="613"/>
      <c r="EYS706" s="613"/>
      <c r="EYT706" s="613"/>
      <c r="EYU706" s="613"/>
      <c r="EYV706" s="613"/>
      <c r="EYW706" s="613"/>
      <c r="EYX706" s="613"/>
      <c r="EYY706" s="613"/>
      <c r="EYZ706" s="613"/>
      <c r="EZA706" s="613"/>
      <c r="EZB706" s="613"/>
      <c r="EZC706" s="613"/>
      <c r="EZD706" s="613"/>
      <c r="EZE706" s="613"/>
      <c r="EZF706" s="613"/>
      <c r="EZG706" s="613"/>
      <c r="EZH706" s="613"/>
      <c r="EZI706" s="613"/>
      <c r="EZJ706" s="613"/>
      <c r="EZK706" s="613"/>
      <c r="EZL706" s="613"/>
      <c r="EZM706" s="613"/>
      <c r="EZN706" s="613"/>
      <c r="EZO706" s="613"/>
      <c r="EZP706" s="613"/>
      <c r="EZQ706" s="613"/>
      <c r="EZR706" s="613"/>
      <c r="EZS706" s="613"/>
      <c r="EZT706" s="613"/>
      <c r="EZU706" s="613"/>
      <c r="EZV706" s="613"/>
      <c r="EZW706" s="613"/>
      <c r="EZX706" s="613"/>
      <c r="EZY706" s="613"/>
      <c r="EZZ706" s="613"/>
      <c r="FAA706" s="613"/>
      <c r="FAB706" s="613"/>
      <c r="FAC706" s="613"/>
      <c r="FAD706" s="613"/>
      <c r="FAE706" s="613"/>
      <c r="FAF706" s="613"/>
      <c r="FAG706" s="613"/>
      <c r="FAH706" s="613"/>
      <c r="FAI706" s="613"/>
      <c r="FAJ706" s="613"/>
      <c r="FAK706" s="613"/>
      <c r="FAL706" s="613"/>
      <c r="FAM706" s="613"/>
      <c r="FAN706" s="613"/>
      <c r="FAO706" s="613"/>
      <c r="FAP706" s="613"/>
      <c r="FAQ706" s="613"/>
      <c r="FAR706" s="613"/>
      <c r="FAS706" s="613"/>
      <c r="FAT706" s="613"/>
      <c r="FAU706" s="613"/>
      <c r="FAV706" s="613"/>
      <c r="FAW706" s="613"/>
      <c r="FAX706" s="613"/>
      <c r="FAY706" s="613"/>
      <c r="FAZ706" s="613"/>
      <c r="FBA706" s="613"/>
      <c r="FBB706" s="613"/>
      <c r="FBC706" s="613"/>
      <c r="FBD706" s="613"/>
      <c r="FBE706" s="613"/>
      <c r="FBF706" s="613"/>
      <c r="FBG706" s="613"/>
      <c r="FBH706" s="613"/>
      <c r="FBI706" s="613"/>
      <c r="FBJ706" s="613"/>
      <c r="FBK706" s="613"/>
      <c r="FBL706" s="613"/>
      <c r="FBM706" s="613"/>
      <c r="FBN706" s="613"/>
      <c r="FBO706" s="613"/>
      <c r="FBP706" s="613"/>
      <c r="FBQ706" s="613"/>
      <c r="FBR706" s="613"/>
      <c r="FBS706" s="613"/>
      <c r="FBT706" s="613"/>
      <c r="FBU706" s="613"/>
      <c r="FBV706" s="613"/>
      <c r="FBW706" s="613"/>
      <c r="FBX706" s="613"/>
      <c r="FBY706" s="613"/>
      <c r="FBZ706" s="613"/>
      <c r="FCA706" s="613"/>
      <c r="FCB706" s="613"/>
      <c r="FCC706" s="613"/>
      <c r="FCD706" s="613"/>
      <c r="FCE706" s="613"/>
      <c r="FCF706" s="613"/>
      <c r="FCG706" s="613"/>
      <c r="FCH706" s="613"/>
      <c r="FCI706" s="613"/>
      <c r="FCJ706" s="613"/>
      <c r="FCK706" s="613"/>
      <c r="FCL706" s="613"/>
      <c r="FCM706" s="613"/>
      <c r="FCN706" s="613"/>
      <c r="FCO706" s="613"/>
      <c r="FCP706" s="613"/>
      <c r="FCQ706" s="613"/>
      <c r="FCR706" s="613"/>
      <c r="FCS706" s="613"/>
      <c r="FCT706" s="613"/>
      <c r="FCU706" s="613"/>
      <c r="FCV706" s="613"/>
      <c r="FCW706" s="613"/>
      <c r="FCX706" s="613"/>
      <c r="FCY706" s="613"/>
      <c r="FCZ706" s="613"/>
      <c r="FDA706" s="613"/>
      <c r="FDB706" s="613"/>
      <c r="FDC706" s="613"/>
      <c r="FDD706" s="613"/>
      <c r="FDE706" s="613"/>
      <c r="FDF706" s="613"/>
      <c r="FDG706" s="613"/>
      <c r="FDH706" s="613"/>
      <c r="FDI706" s="613"/>
      <c r="FDJ706" s="613"/>
      <c r="FDK706" s="613"/>
      <c r="FDL706" s="613"/>
      <c r="FDM706" s="613"/>
      <c r="FDN706" s="613"/>
      <c r="FDO706" s="613"/>
      <c r="FDP706" s="613"/>
      <c r="FDQ706" s="613"/>
      <c r="FDR706" s="613"/>
      <c r="FDS706" s="613"/>
      <c r="FDT706" s="613"/>
      <c r="FDU706" s="613"/>
      <c r="FDV706" s="613"/>
      <c r="FDW706" s="613"/>
      <c r="FDX706" s="613"/>
      <c r="FDY706" s="613"/>
      <c r="FDZ706" s="613"/>
      <c r="FEA706" s="613"/>
      <c r="FEB706" s="613"/>
      <c r="FEC706" s="613"/>
      <c r="FED706" s="613"/>
      <c r="FEE706" s="613"/>
      <c r="FEF706" s="613"/>
      <c r="FEG706" s="613"/>
      <c r="FEH706" s="613"/>
      <c r="FEI706" s="613"/>
      <c r="FEJ706" s="613"/>
      <c r="FEK706" s="613"/>
      <c r="FEL706" s="613"/>
      <c r="FEM706" s="613"/>
      <c r="FEN706" s="613"/>
      <c r="FEO706" s="613"/>
      <c r="FEP706" s="613"/>
      <c r="FEQ706" s="613"/>
      <c r="FER706" s="613"/>
      <c r="FES706" s="613"/>
      <c r="FET706" s="613"/>
      <c r="FEU706" s="613"/>
      <c r="FEV706" s="613"/>
      <c r="FEW706" s="613"/>
      <c r="FEX706" s="613"/>
      <c r="FEY706" s="613"/>
      <c r="FEZ706" s="613"/>
      <c r="FFA706" s="613"/>
      <c r="FFB706" s="613"/>
      <c r="FFC706" s="613"/>
      <c r="FFD706" s="613"/>
      <c r="FFE706" s="613"/>
      <c r="FFF706" s="613"/>
      <c r="FFG706" s="613"/>
      <c r="FFH706" s="613"/>
      <c r="FFI706" s="613"/>
      <c r="FFJ706" s="613"/>
      <c r="FFK706" s="613"/>
      <c r="FFL706" s="613"/>
      <c r="FFM706" s="613"/>
      <c r="FFN706" s="613"/>
      <c r="FFO706" s="613"/>
      <c r="FFP706" s="613"/>
      <c r="FFQ706" s="613"/>
      <c r="FFR706" s="613"/>
      <c r="FFS706" s="613"/>
      <c r="FFT706" s="613"/>
      <c r="FFU706" s="613"/>
      <c r="FFV706" s="613"/>
      <c r="FFW706" s="613"/>
      <c r="FFX706" s="613"/>
      <c r="FFY706" s="613"/>
      <c r="FFZ706" s="613"/>
      <c r="FGA706" s="613"/>
      <c r="FGB706" s="613"/>
      <c r="FGC706" s="613"/>
      <c r="FGD706" s="613"/>
      <c r="FGE706" s="613"/>
      <c r="FGF706" s="613"/>
      <c r="FGG706" s="613"/>
      <c r="FGH706" s="613"/>
      <c r="FGI706" s="613"/>
      <c r="FGJ706" s="613"/>
      <c r="FGK706" s="613"/>
      <c r="FGL706" s="613"/>
      <c r="FGM706" s="613"/>
      <c r="FGN706" s="613"/>
      <c r="FGO706" s="613"/>
      <c r="FGP706" s="613"/>
      <c r="FGQ706" s="613"/>
      <c r="FGR706" s="613"/>
      <c r="FGS706" s="613"/>
      <c r="FGT706" s="613"/>
      <c r="FGU706" s="613"/>
      <c r="FGV706" s="613"/>
      <c r="FGW706" s="613"/>
      <c r="FGX706" s="613"/>
      <c r="FGY706" s="613"/>
      <c r="FGZ706" s="613"/>
      <c r="FHA706" s="613"/>
      <c r="FHB706" s="613"/>
      <c r="FHC706" s="613"/>
      <c r="FHD706" s="613"/>
      <c r="FHE706" s="613"/>
      <c r="FHF706" s="613"/>
      <c r="FHG706" s="613"/>
      <c r="FHH706" s="613"/>
      <c r="FHI706" s="613"/>
      <c r="FHJ706" s="613"/>
      <c r="FHK706" s="613"/>
      <c r="FHL706" s="613"/>
      <c r="FHM706" s="613"/>
      <c r="FHN706" s="613"/>
      <c r="FHO706" s="613"/>
      <c r="FHP706" s="613"/>
      <c r="FHQ706" s="613"/>
      <c r="FHR706" s="613"/>
      <c r="FHS706" s="613"/>
      <c r="FHT706" s="613"/>
      <c r="FHU706" s="613"/>
      <c r="FHV706" s="613"/>
      <c r="FHW706" s="613"/>
      <c r="FHX706" s="613"/>
      <c r="FHY706" s="613"/>
      <c r="FHZ706" s="613"/>
      <c r="FIA706" s="613"/>
      <c r="FIB706" s="613"/>
      <c r="FIC706" s="613"/>
      <c r="FID706" s="613"/>
      <c r="FIE706" s="613"/>
      <c r="FIF706" s="613"/>
      <c r="FIG706" s="613"/>
      <c r="FIH706" s="613"/>
      <c r="FII706" s="613"/>
      <c r="FIJ706" s="613"/>
      <c r="FIK706" s="613"/>
      <c r="FIL706" s="613"/>
      <c r="FIM706" s="613"/>
      <c r="FIN706" s="613"/>
      <c r="FIO706" s="613"/>
      <c r="FIP706" s="613"/>
      <c r="FIQ706" s="613"/>
      <c r="FIR706" s="613"/>
      <c r="FIS706" s="613"/>
      <c r="FIT706" s="613"/>
      <c r="FIU706" s="613"/>
      <c r="FIV706" s="613"/>
      <c r="FIW706" s="613"/>
      <c r="FIX706" s="613"/>
      <c r="FIY706" s="613"/>
      <c r="FIZ706" s="613"/>
      <c r="FJA706" s="613"/>
      <c r="FJB706" s="613"/>
      <c r="FJC706" s="613"/>
      <c r="FJD706" s="613"/>
      <c r="FJE706" s="613"/>
      <c r="FJF706" s="613"/>
      <c r="FJG706" s="613"/>
      <c r="FJH706" s="613"/>
      <c r="FJI706" s="613"/>
      <c r="FJJ706" s="613"/>
      <c r="FJK706" s="613"/>
      <c r="FJL706" s="613"/>
      <c r="FJM706" s="613"/>
      <c r="FJN706" s="613"/>
      <c r="FJO706" s="613"/>
      <c r="FJP706" s="613"/>
      <c r="FJQ706" s="613"/>
      <c r="FJR706" s="613"/>
      <c r="FJS706" s="613"/>
      <c r="FJT706" s="613"/>
      <c r="FJU706" s="613"/>
      <c r="FJV706" s="613"/>
      <c r="FJW706" s="613"/>
      <c r="FJX706" s="613"/>
      <c r="FJY706" s="613"/>
      <c r="FJZ706" s="613"/>
      <c r="FKA706" s="613"/>
      <c r="FKB706" s="613"/>
      <c r="FKC706" s="613"/>
      <c r="FKD706" s="613"/>
      <c r="FKE706" s="613"/>
      <c r="FKF706" s="613"/>
      <c r="FKG706" s="613"/>
      <c r="FKH706" s="613"/>
      <c r="FKI706" s="613"/>
      <c r="FKJ706" s="613"/>
      <c r="FKK706" s="613"/>
      <c r="FKL706" s="613"/>
      <c r="FKM706" s="613"/>
      <c r="FKN706" s="613"/>
      <c r="FKO706" s="613"/>
      <c r="FKP706" s="613"/>
      <c r="FKQ706" s="613"/>
      <c r="FKR706" s="613"/>
      <c r="FKS706" s="613"/>
      <c r="FKT706" s="613"/>
      <c r="FKU706" s="613"/>
      <c r="FKV706" s="613"/>
      <c r="FKW706" s="613"/>
      <c r="FKX706" s="613"/>
      <c r="FKY706" s="613"/>
      <c r="FKZ706" s="613"/>
      <c r="FLA706" s="613"/>
      <c r="FLB706" s="613"/>
      <c r="FLC706" s="613"/>
      <c r="FLD706" s="613"/>
      <c r="FLE706" s="613"/>
      <c r="FLF706" s="613"/>
      <c r="FLG706" s="613"/>
      <c r="FLH706" s="613"/>
      <c r="FLI706" s="613"/>
      <c r="FLJ706" s="613"/>
      <c r="FLK706" s="613"/>
      <c r="FLL706" s="613"/>
      <c r="FLM706" s="613"/>
      <c r="FLN706" s="613"/>
      <c r="FLO706" s="613"/>
      <c r="FLP706" s="613"/>
      <c r="FLQ706" s="613"/>
      <c r="FLR706" s="613"/>
      <c r="FLS706" s="613"/>
      <c r="FLT706" s="613"/>
      <c r="FLU706" s="613"/>
      <c r="FLV706" s="613"/>
      <c r="FLW706" s="613"/>
      <c r="FLX706" s="613"/>
      <c r="FLY706" s="613"/>
      <c r="FLZ706" s="613"/>
      <c r="FMA706" s="613"/>
      <c r="FMB706" s="613"/>
      <c r="FMC706" s="613"/>
      <c r="FMD706" s="613"/>
      <c r="FME706" s="613"/>
      <c r="FMF706" s="613"/>
      <c r="FMG706" s="613"/>
      <c r="FMH706" s="613"/>
      <c r="FMI706" s="613"/>
      <c r="FMJ706" s="613"/>
      <c r="FMK706" s="613"/>
      <c r="FML706" s="613"/>
      <c r="FMM706" s="613"/>
      <c r="FMN706" s="613"/>
      <c r="FMO706" s="613"/>
      <c r="FMP706" s="613"/>
      <c r="FMQ706" s="613"/>
      <c r="FMR706" s="613"/>
      <c r="FMS706" s="613"/>
      <c r="FMT706" s="613"/>
      <c r="FMU706" s="613"/>
      <c r="FMV706" s="613"/>
      <c r="FMW706" s="613"/>
      <c r="FMX706" s="613"/>
      <c r="FMY706" s="613"/>
      <c r="FMZ706" s="613"/>
      <c r="FNA706" s="613"/>
      <c r="FNB706" s="613"/>
      <c r="FNC706" s="613"/>
      <c r="FND706" s="613"/>
      <c r="FNE706" s="613"/>
      <c r="FNF706" s="613"/>
      <c r="FNG706" s="613"/>
      <c r="FNH706" s="613"/>
      <c r="FNI706" s="613"/>
      <c r="FNJ706" s="613"/>
      <c r="FNK706" s="613"/>
      <c r="FNL706" s="613"/>
      <c r="FNM706" s="613"/>
      <c r="FNN706" s="613"/>
      <c r="FNO706" s="613"/>
      <c r="FNP706" s="613"/>
      <c r="FNQ706" s="613"/>
      <c r="FNR706" s="613"/>
      <c r="FNS706" s="613"/>
      <c r="FNT706" s="613"/>
      <c r="FNU706" s="613"/>
      <c r="FNV706" s="613"/>
      <c r="FNW706" s="613"/>
      <c r="FNX706" s="613"/>
      <c r="FNY706" s="613"/>
      <c r="FNZ706" s="613"/>
      <c r="FOA706" s="613"/>
      <c r="FOB706" s="613"/>
      <c r="FOC706" s="613"/>
      <c r="FOD706" s="613"/>
      <c r="FOE706" s="613"/>
      <c r="FOF706" s="613"/>
      <c r="FOG706" s="613"/>
      <c r="FOH706" s="613"/>
      <c r="FOI706" s="613"/>
      <c r="FOJ706" s="613"/>
      <c r="FOK706" s="613"/>
      <c r="FOL706" s="613"/>
      <c r="FOM706" s="613"/>
      <c r="FON706" s="613"/>
      <c r="FOO706" s="613"/>
      <c r="FOP706" s="613"/>
      <c r="FOQ706" s="613"/>
      <c r="FOR706" s="613"/>
      <c r="FOS706" s="613"/>
      <c r="FOT706" s="613"/>
      <c r="FOU706" s="613"/>
      <c r="FOV706" s="613"/>
      <c r="FOW706" s="613"/>
      <c r="FOX706" s="613"/>
      <c r="FOY706" s="613"/>
      <c r="FOZ706" s="613"/>
      <c r="FPA706" s="613"/>
      <c r="FPB706" s="613"/>
      <c r="FPC706" s="613"/>
      <c r="FPD706" s="613"/>
      <c r="FPE706" s="613"/>
      <c r="FPF706" s="613"/>
      <c r="FPG706" s="613"/>
      <c r="FPH706" s="613"/>
      <c r="FPI706" s="613"/>
      <c r="FPJ706" s="613"/>
      <c r="FPK706" s="613"/>
      <c r="FPL706" s="613"/>
      <c r="FPM706" s="613"/>
      <c r="FPN706" s="613"/>
      <c r="FPO706" s="613"/>
      <c r="FPP706" s="613"/>
      <c r="FPQ706" s="613"/>
      <c r="FPR706" s="613"/>
      <c r="FPS706" s="613"/>
      <c r="FPT706" s="613"/>
      <c r="FPU706" s="613"/>
      <c r="FPV706" s="613"/>
      <c r="FPW706" s="613"/>
      <c r="FPX706" s="613"/>
      <c r="FPY706" s="613"/>
      <c r="FPZ706" s="613"/>
      <c r="FQA706" s="613"/>
      <c r="FQB706" s="613"/>
      <c r="FQC706" s="613"/>
      <c r="FQD706" s="613"/>
      <c r="FQE706" s="613"/>
      <c r="FQF706" s="613"/>
      <c r="FQG706" s="613"/>
      <c r="FQH706" s="613"/>
      <c r="FQI706" s="613"/>
      <c r="FQJ706" s="613"/>
      <c r="FQK706" s="613"/>
      <c r="FQL706" s="613"/>
      <c r="FQM706" s="613"/>
      <c r="FQN706" s="613"/>
      <c r="FQO706" s="613"/>
      <c r="FQP706" s="613"/>
      <c r="FQQ706" s="613"/>
      <c r="FQR706" s="613"/>
      <c r="FQS706" s="613"/>
      <c r="FQT706" s="613"/>
      <c r="FQU706" s="613"/>
      <c r="FQV706" s="613"/>
      <c r="FQW706" s="613"/>
      <c r="FQX706" s="613"/>
      <c r="FQY706" s="613"/>
      <c r="FQZ706" s="613"/>
      <c r="FRA706" s="613"/>
      <c r="FRB706" s="613"/>
      <c r="FRC706" s="613"/>
      <c r="FRD706" s="613"/>
      <c r="FRE706" s="613"/>
      <c r="FRF706" s="613"/>
      <c r="FRG706" s="613"/>
      <c r="FRH706" s="613"/>
      <c r="FRI706" s="613"/>
      <c r="FRJ706" s="613"/>
      <c r="FRK706" s="613"/>
      <c r="FRL706" s="613"/>
      <c r="FRM706" s="613"/>
      <c r="FRN706" s="613"/>
      <c r="FRO706" s="613"/>
      <c r="FRP706" s="613"/>
      <c r="FRQ706" s="613"/>
      <c r="FRR706" s="613"/>
      <c r="FRS706" s="613"/>
      <c r="FRT706" s="613"/>
      <c r="FRU706" s="613"/>
      <c r="FRV706" s="613"/>
      <c r="FRW706" s="613"/>
      <c r="FRX706" s="613"/>
      <c r="FRY706" s="613"/>
      <c r="FRZ706" s="613"/>
      <c r="FSA706" s="613"/>
      <c r="FSB706" s="613"/>
      <c r="FSC706" s="613"/>
      <c r="FSD706" s="613"/>
      <c r="FSE706" s="613"/>
      <c r="FSF706" s="613"/>
      <c r="FSG706" s="613"/>
      <c r="FSH706" s="613"/>
      <c r="FSI706" s="613"/>
      <c r="FSJ706" s="613"/>
      <c r="FSK706" s="613"/>
      <c r="FSL706" s="613"/>
      <c r="FSM706" s="613"/>
      <c r="FSN706" s="613"/>
      <c r="FSO706" s="613"/>
      <c r="FSP706" s="613"/>
      <c r="FSQ706" s="613"/>
      <c r="FSR706" s="613"/>
      <c r="FSS706" s="613"/>
      <c r="FST706" s="613"/>
      <c r="FSU706" s="613"/>
      <c r="FSV706" s="613"/>
      <c r="FSW706" s="613"/>
      <c r="FSX706" s="613"/>
      <c r="FSY706" s="613"/>
      <c r="FSZ706" s="613"/>
      <c r="FTA706" s="613"/>
      <c r="FTB706" s="613"/>
      <c r="FTC706" s="613"/>
      <c r="FTD706" s="613"/>
      <c r="FTE706" s="613"/>
      <c r="FTF706" s="613"/>
      <c r="FTG706" s="613"/>
      <c r="FTH706" s="613"/>
      <c r="FTI706" s="613"/>
      <c r="FTJ706" s="613"/>
      <c r="FTK706" s="613"/>
      <c r="FTL706" s="613"/>
      <c r="FTM706" s="613"/>
      <c r="FTN706" s="613"/>
      <c r="FTO706" s="613"/>
      <c r="FTP706" s="613"/>
      <c r="FTQ706" s="613"/>
      <c r="FTR706" s="613"/>
      <c r="FTS706" s="613"/>
      <c r="FTT706" s="613"/>
      <c r="FTU706" s="613"/>
      <c r="FTV706" s="613"/>
      <c r="FTW706" s="613"/>
      <c r="FTX706" s="613"/>
      <c r="FTY706" s="613"/>
      <c r="FTZ706" s="613"/>
      <c r="FUA706" s="613"/>
      <c r="FUB706" s="613"/>
      <c r="FUC706" s="613"/>
      <c r="FUD706" s="613"/>
      <c r="FUE706" s="613"/>
      <c r="FUF706" s="613"/>
      <c r="FUG706" s="613"/>
      <c r="FUH706" s="613"/>
      <c r="FUI706" s="613"/>
      <c r="FUJ706" s="613"/>
      <c r="FUK706" s="613"/>
      <c r="FUL706" s="613"/>
      <c r="FUM706" s="613"/>
      <c r="FUN706" s="613"/>
      <c r="FUO706" s="613"/>
      <c r="FUP706" s="613"/>
      <c r="FUQ706" s="613"/>
      <c r="FUR706" s="613"/>
      <c r="FUS706" s="613"/>
      <c r="FUT706" s="613"/>
      <c r="FUU706" s="613"/>
      <c r="FUV706" s="613"/>
      <c r="FUW706" s="613"/>
      <c r="FUX706" s="613"/>
      <c r="FUY706" s="613"/>
      <c r="FUZ706" s="613"/>
      <c r="FVA706" s="613"/>
      <c r="FVB706" s="613"/>
      <c r="FVC706" s="613"/>
      <c r="FVD706" s="613"/>
      <c r="FVE706" s="613"/>
      <c r="FVF706" s="613"/>
      <c r="FVG706" s="613"/>
      <c r="FVH706" s="613"/>
      <c r="FVI706" s="613"/>
      <c r="FVJ706" s="613"/>
      <c r="FVK706" s="613"/>
      <c r="FVL706" s="613"/>
      <c r="FVM706" s="613"/>
      <c r="FVN706" s="613"/>
      <c r="FVO706" s="613"/>
      <c r="FVP706" s="613"/>
      <c r="FVQ706" s="613"/>
      <c r="FVR706" s="613"/>
      <c r="FVS706" s="613"/>
      <c r="FVT706" s="613"/>
      <c r="FVU706" s="613"/>
      <c r="FVV706" s="613"/>
      <c r="FVW706" s="613"/>
      <c r="FVX706" s="613"/>
      <c r="FVY706" s="613"/>
      <c r="FVZ706" s="613"/>
      <c r="FWA706" s="613"/>
      <c r="FWB706" s="613"/>
      <c r="FWC706" s="613"/>
      <c r="FWD706" s="613"/>
      <c r="FWE706" s="613"/>
      <c r="FWF706" s="613"/>
      <c r="FWG706" s="613"/>
      <c r="FWH706" s="613"/>
      <c r="FWI706" s="613"/>
      <c r="FWJ706" s="613"/>
      <c r="FWK706" s="613"/>
      <c r="FWL706" s="613"/>
      <c r="FWM706" s="613"/>
      <c r="FWN706" s="613"/>
      <c r="FWO706" s="613"/>
      <c r="FWP706" s="613"/>
      <c r="FWQ706" s="613"/>
      <c r="FWR706" s="613"/>
      <c r="FWS706" s="613"/>
      <c r="FWT706" s="613"/>
      <c r="FWU706" s="613"/>
      <c r="FWV706" s="613"/>
      <c r="FWW706" s="613"/>
      <c r="FWX706" s="613"/>
      <c r="FWY706" s="613"/>
      <c r="FWZ706" s="613"/>
      <c r="FXA706" s="613"/>
      <c r="FXB706" s="613"/>
      <c r="FXC706" s="613"/>
      <c r="FXD706" s="613"/>
      <c r="FXE706" s="613"/>
      <c r="FXF706" s="613"/>
      <c r="FXG706" s="613"/>
      <c r="FXH706" s="613"/>
      <c r="FXI706" s="613"/>
      <c r="FXJ706" s="613"/>
      <c r="FXK706" s="613"/>
      <c r="FXL706" s="613"/>
      <c r="FXM706" s="613"/>
      <c r="FXN706" s="613"/>
      <c r="FXO706" s="613"/>
      <c r="FXP706" s="613"/>
      <c r="FXQ706" s="613"/>
      <c r="FXR706" s="613"/>
      <c r="FXS706" s="613"/>
      <c r="FXT706" s="613"/>
      <c r="FXU706" s="613"/>
      <c r="FXV706" s="613"/>
      <c r="FXW706" s="613"/>
      <c r="FXX706" s="613"/>
      <c r="FXY706" s="613"/>
      <c r="FXZ706" s="613"/>
      <c r="FYA706" s="613"/>
      <c r="FYB706" s="613"/>
      <c r="FYC706" s="613"/>
      <c r="FYD706" s="613"/>
      <c r="FYE706" s="613"/>
      <c r="FYF706" s="613"/>
      <c r="FYG706" s="613"/>
      <c r="FYH706" s="613"/>
      <c r="FYI706" s="613"/>
      <c r="FYJ706" s="613"/>
      <c r="FYK706" s="613"/>
      <c r="FYL706" s="613"/>
      <c r="FYM706" s="613"/>
      <c r="FYN706" s="613"/>
      <c r="FYO706" s="613"/>
      <c r="FYP706" s="613"/>
      <c r="FYQ706" s="613"/>
      <c r="FYR706" s="613"/>
      <c r="FYS706" s="613"/>
      <c r="FYT706" s="613"/>
      <c r="FYU706" s="613"/>
      <c r="FYV706" s="613"/>
      <c r="FYW706" s="613"/>
      <c r="FYX706" s="613"/>
      <c r="FYY706" s="613"/>
      <c r="FYZ706" s="613"/>
      <c r="FZA706" s="613"/>
      <c r="FZB706" s="613"/>
      <c r="FZC706" s="613"/>
      <c r="FZD706" s="613"/>
      <c r="FZE706" s="613"/>
      <c r="FZF706" s="613"/>
      <c r="FZG706" s="613"/>
      <c r="FZH706" s="613"/>
      <c r="FZI706" s="613"/>
      <c r="FZJ706" s="613"/>
      <c r="FZK706" s="613"/>
      <c r="FZL706" s="613"/>
      <c r="FZM706" s="613"/>
      <c r="FZN706" s="613"/>
      <c r="FZO706" s="613"/>
      <c r="FZP706" s="613"/>
      <c r="FZQ706" s="613"/>
      <c r="FZR706" s="613"/>
      <c r="FZS706" s="613"/>
      <c r="FZT706" s="613"/>
      <c r="FZU706" s="613"/>
      <c r="FZV706" s="613"/>
      <c r="FZW706" s="613"/>
      <c r="FZX706" s="613"/>
      <c r="FZY706" s="613"/>
      <c r="FZZ706" s="613"/>
      <c r="GAA706" s="613"/>
      <c r="GAB706" s="613"/>
      <c r="GAC706" s="613"/>
      <c r="GAD706" s="613"/>
      <c r="GAE706" s="613"/>
      <c r="GAF706" s="613"/>
      <c r="GAG706" s="613"/>
      <c r="GAH706" s="613"/>
      <c r="GAI706" s="613"/>
      <c r="GAJ706" s="613"/>
      <c r="GAK706" s="613"/>
      <c r="GAL706" s="613"/>
      <c r="GAM706" s="613"/>
      <c r="GAN706" s="613"/>
      <c r="GAO706" s="613"/>
      <c r="GAP706" s="613"/>
      <c r="GAQ706" s="613"/>
      <c r="GAR706" s="613"/>
      <c r="GAS706" s="613"/>
      <c r="GAT706" s="613"/>
      <c r="GAU706" s="613"/>
      <c r="GAV706" s="613"/>
      <c r="GAW706" s="613"/>
      <c r="GAX706" s="613"/>
      <c r="GAY706" s="613"/>
      <c r="GAZ706" s="613"/>
      <c r="GBA706" s="613"/>
      <c r="GBB706" s="613"/>
      <c r="GBC706" s="613"/>
      <c r="GBD706" s="613"/>
      <c r="GBE706" s="613"/>
      <c r="GBF706" s="613"/>
      <c r="GBG706" s="613"/>
      <c r="GBH706" s="613"/>
      <c r="GBI706" s="613"/>
      <c r="GBJ706" s="613"/>
      <c r="GBK706" s="613"/>
      <c r="GBL706" s="613"/>
      <c r="GBM706" s="613"/>
      <c r="GBN706" s="613"/>
      <c r="GBO706" s="613"/>
      <c r="GBP706" s="613"/>
      <c r="GBQ706" s="613"/>
      <c r="GBR706" s="613"/>
      <c r="GBS706" s="613"/>
      <c r="GBT706" s="613"/>
      <c r="GBU706" s="613"/>
      <c r="GBV706" s="613"/>
      <c r="GBW706" s="613"/>
      <c r="GBX706" s="613"/>
      <c r="GBY706" s="613"/>
      <c r="GBZ706" s="613"/>
      <c r="GCA706" s="613"/>
      <c r="GCB706" s="613"/>
      <c r="GCC706" s="613"/>
      <c r="GCD706" s="613"/>
      <c r="GCE706" s="613"/>
      <c r="GCF706" s="613"/>
      <c r="GCG706" s="613"/>
      <c r="GCH706" s="613"/>
      <c r="GCI706" s="613"/>
      <c r="GCJ706" s="613"/>
      <c r="GCK706" s="613"/>
      <c r="GCL706" s="613"/>
      <c r="GCM706" s="613"/>
      <c r="GCN706" s="613"/>
      <c r="GCO706" s="613"/>
      <c r="GCP706" s="613"/>
      <c r="GCQ706" s="613"/>
      <c r="GCR706" s="613"/>
      <c r="GCS706" s="613"/>
      <c r="GCT706" s="613"/>
      <c r="GCU706" s="613"/>
      <c r="GCV706" s="613"/>
      <c r="GCW706" s="613"/>
      <c r="GCX706" s="613"/>
      <c r="GCY706" s="613"/>
      <c r="GCZ706" s="613"/>
      <c r="GDA706" s="613"/>
      <c r="GDB706" s="613"/>
      <c r="GDC706" s="613"/>
      <c r="GDD706" s="613"/>
      <c r="GDE706" s="613"/>
      <c r="GDF706" s="613"/>
      <c r="GDG706" s="613"/>
      <c r="GDH706" s="613"/>
      <c r="GDI706" s="613"/>
      <c r="GDJ706" s="613"/>
      <c r="GDK706" s="613"/>
      <c r="GDL706" s="613"/>
      <c r="GDM706" s="613"/>
      <c r="GDN706" s="613"/>
      <c r="GDO706" s="613"/>
      <c r="GDP706" s="613"/>
      <c r="GDQ706" s="613"/>
      <c r="GDR706" s="613"/>
      <c r="GDS706" s="613"/>
      <c r="GDT706" s="613"/>
      <c r="GDU706" s="613"/>
      <c r="GDV706" s="613"/>
      <c r="GDW706" s="613"/>
      <c r="GDX706" s="613"/>
      <c r="GDY706" s="613"/>
      <c r="GDZ706" s="613"/>
      <c r="GEA706" s="613"/>
      <c r="GEB706" s="613"/>
      <c r="GEC706" s="613"/>
      <c r="GED706" s="613"/>
      <c r="GEE706" s="613"/>
      <c r="GEF706" s="613"/>
      <c r="GEG706" s="613"/>
      <c r="GEH706" s="613"/>
      <c r="GEI706" s="613"/>
      <c r="GEJ706" s="613"/>
      <c r="GEK706" s="613"/>
      <c r="GEL706" s="613"/>
      <c r="GEM706" s="613"/>
      <c r="GEN706" s="613"/>
      <c r="GEO706" s="613"/>
      <c r="GEP706" s="613"/>
      <c r="GEQ706" s="613"/>
      <c r="GER706" s="613"/>
      <c r="GES706" s="613"/>
      <c r="GET706" s="613"/>
      <c r="GEU706" s="613"/>
      <c r="GEV706" s="613"/>
      <c r="GEW706" s="613"/>
      <c r="GEX706" s="613"/>
      <c r="GEY706" s="613"/>
      <c r="GEZ706" s="613"/>
      <c r="GFA706" s="613"/>
      <c r="GFB706" s="613"/>
      <c r="GFC706" s="613"/>
      <c r="GFD706" s="613"/>
      <c r="GFE706" s="613"/>
      <c r="GFF706" s="613"/>
      <c r="GFG706" s="613"/>
      <c r="GFH706" s="613"/>
      <c r="GFI706" s="613"/>
      <c r="GFJ706" s="613"/>
      <c r="GFK706" s="613"/>
      <c r="GFL706" s="613"/>
      <c r="GFM706" s="613"/>
      <c r="GFN706" s="613"/>
      <c r="GFO706" s="613"/>
      <c r="GFP706" s="613"/>
      <c r="GFQ706" s="613"/>
      <c r="GFR706" s="613"/>
      <c r="GFS706" s="613"/>
      <c r="GFT706" s="613"/>
      <c r="GFU706" s="613"/>
      <c r="GFV706" s="613"/>
      <c r="GFW706" s="613"/>
      <c r="GFX706" s="613"/>
      <c r="GFY706" s="613"/>
      <c r="GFZ706" s="613"/>
      <c r="GGA706" s="613"/>
      <c r="GGB706" s="613"/>
      <c r="GGC706" s="613"/>
      <c r="GGD706" s="613"/>
      <c r="GGE706" s="613"/>
      <c r="GGF706" s="613"/>
      <c r="GGG706" s="613"/>
      <c r="GGH706" s="613"/>
      <c r="GGI706" s="613"/>
      <c r="GGJ706" s="613"/>
      <c r="GGK706" s="613"/>
      <c r="GGL706" s="613"/>
      <c r="GGM706" s="613"/>
      <c r="GGN706" s="613"/>
      <c r="GGO706" s="613"/>
      <c r="GGP706" s="613"/>
      <c r="GGQ706" s="613"/>
      <c r="GGR706" s="613"/>
      <c r="GGS706" s="613"/>
      <c r="GGT706" s="613"/>
      <c r="GGU706" s="613"/>
      <c r="GGV706" s="613"/>
      <c r="GGW706" s="613"/>
      <c r="GGX706" s="613"/>
      <c r="GGY706" s="613"/>
      <c r="GGZ706" s="613"/>
      <c r="GHA706" s="613"/>
      <c r="GHB706" s="613"/>
      <c r="GHC706" s="613"/>
      <c r="GHD706" s="613"/>
      <c r="GHE706" s="613"/>
      <c r="GHF706" s="613"/>
      <c r="GHG706" s="613"/>
      <c r="GHH706" s="613"/>
      <c r="GHI706" s="613"/>
      <c r="GHJ706" s="613"/>
      <c r="GHK706" s="613"/>
      <c r="GHL706" s="613"/>
      <c r="GHM706" s="613"/>
      <c r="GHN706" s="613"/>
      <c r="GHO706" s="613"/>
      <c r="GHP706" s="613"/>
      <c r="GHQ706" s="613"/>
      <c r="GHR706" s="613"/>
      <c r="GHS706" s="613"/>
      <c r="GHT706" s="613"/>
      <c r="GHU706" s="613"/>
      <c r="GHV706" s="613"/>
      <c r="GHW706" s="613"/>
      <c r="GHX706" s="613"/>
      <c r="GHY706" s="613"/>
      <c r="GHZ706" s="613"/>
      <c r="GIA706" s="613"/>
      <c r="GIB706" s="613"/>
      <c r="GIC706" s="613"/>
      <c r="GID706" s="613"/>
      <c r="GIE706" s="613"/>
      <c r="GIF706" s="613"/>
      <c r="GIG706" s="613"/>
      <c r="GIH706" s="613"/>
      <c r="GII706" s="613"/>
      <c r="GIJ706" s="613"/>
      <c r="GIK706" s="613"/>
      <c r="GIL706" s="613"/>
      <c r="GIM706" s="613"/>
      <c r="GIN706" s="613"/>
      <c r="GIO706" s="613"/>
      <c r="GIP706" s="613"/>
      <c r="GIQ706" s="613"/>
      <c r="GIR706" s="613"/>
      <c r="GIS706" s="613"/>
      <c r="GIT706" s="613"/>
      <c r="GIU706" s="613"/>
      <c r="GIV706" s="613"/>
      <c r="GIW706" s="613"/>
      <c r="GIX706" s="613"/>
      <c r="GIY706" s="613"/>
      <c r="GIZ706" s="613"/>
      <c r="GJA706" s="613"/>
      <c r="GJB706" s="613"/>
      <c r="GJC706" s="613"/>
      <c r="GJD706" s="613"/>
      <c r="GJE706" s="613"/>
      <c r="GJF706" s="613"/>
      <c r="GJG706" s="613"/>
      <c r="GJH706" s="613"/>
      <c r="GJI706" s="613"/>
      <c r="GJJ706" s="613"/>
      <c r="GJK706" s="613"/>
      <c r="GJL706" s="613"/>
      <c r="GJM706" s="613"/>
      <c r="GJN706" s="613"/>
      <c r="GJO706" s="613"/>
      <c r="GJP706" s="613"/>
      <c r="GJQ706" s="613"/>
      <c r="GJR706" s="613"/>
      <c r="GJS706" s="613"/>
      <c r="GJT706" s="613"/>
      <c r="GJU706" s="613"/>
      <c r="GJV706" s="613"/>
      <c r="GJW706" s="613"/>
      <c r="GJX706" s="613"/>
      <c r="GJY706" s="613"/>
      <c r="GJZ706" s="613"/>
      <c r="GKA706" s="613"/>
      <c r="GKB706" s="613"/>
      <c r="GKC706" s="613"/>
      <c r="GKD706" s="613"/>
      <c r="GKE706" s="613"/>
      <c r="GKF706" s="613"/>
      <c r="GKG706" s="613"/>
      <c r="GKH706" s="613"/>
      <c r="GKI706" s="613"/>
      <c r="GKJ706" s="613"/>
      <c r="GKK706" s="613"/>
      <c r="GKL706" s="613"/>
      <c r="GKM706" s="613"/>
      <c r="GKN706" s="613"/>
      <c r="GKO706" s="613"/>
      <c r="GKP706" s="613"/>
      <c r="GKQ706" s="613"/>
      <c r="GKR706" s="613"/>
      <c r="GKS706" s="613"/>
      <c r="GKT706" s="613"/>
      <c r="GKU706" s="613"/>
      <c r="GKV706" s="613"/>
      <c r="GKW706" s="613"/>
      <c r="GKX706" s="613"/>
      <c r="GKY706" s="613"/>
      <c r="GKZ706" s="613"/>
      <c r="GLA706" s="613"/>
      <c r="GLB706" s="613"/>
      <c r="GLC706" s="613"/>
      <c r="GLD706" s="613"/>
      <c r="GLE706" s="613"/>
      <c r="GLF706" s="613"/>
      <c r="GLG706" s="613"/>
      <c r="GLH706" s="613"/>
      <c r="GLI706" s="613"/>
      <c r="GLJ706" s="613"/>
      <c r="GLK706" s="613"/>
      <c r="GLL706" s="613"/>
      <c r="GLM706" s="613"/>
      <c r="GLN706" s="613"/>
      <c r="GLO706" s="613"/>
      <c r="GLP706" s="613"/>
      <c r="GLQ706" s="613"/>
      <c r="GLR706" s="613"/>
      <c r="GLS706" s="613"/>
      <c r="GLT706" s="613"/>
      <c r="GLU706" s="613"/>
      <c r="GLV706" s="613"/>
      <c r="GLW706" s="613"/>
      <c r="GLX706" s="613"/>
      <c r="GLY706" s="613"/>
      <c r="GLZ706" s="613"/>
      <c r="GMA706" s="613"/>
      <c r="GMB706" s="613"/>
      <c r="GMC706" s="613"/>
      <c r="GMD706" s="613"/>
      <c r="GME706" s="613"/>
      <c r="GMF706" s="613"/>
      <c r="GMG706" s="613"/>
      <c r="GMH706" s="613"/>
      <c r="GMI706" s="613"/>
      <c r="GMJ706" s="613"/>
      <c r="GMK706" s="613"/>
      <c r="GML706" s="613"/>
      <c r="GMM706" s="613"/>
      <c r="GMN706" s="613"/>
      <c r="GMO706" s="613"/>
      <c r="GMP706" s="613"/>
      <c r="GMQ706" s="613"/>
      <c r="GMR706" s="613"/>
      <c r="GMS706" s="613"/>
      <c r="GMT706" s="613"/>
      <c r="GMU706" s="613"/>
      <c r="GMV706" s="613"/>
      <c r="GMW706" s="613"/>
      <c r="GMX706" s="613"/>
      <c r="GMY706" s="613"/>
      <c r="GMZ706" s="613"/>
      <c r="GNA706" s="613"/>
      <c r="GNB706" s="613"/>
      <c r="GNC706" s="613"/>
      <c r="GND706" s="613"/>
      <c r="GNE706" s="613"/>
      <c r="GNF706" s="613"/>
      <c r="GNG706" s="613"/>
      <c r="GNH706" s="613"/>
      <c r="GNI706" s="613"/>
      <c r="GNJ706" s="613"/>
      <c r="GNK706" s="613"/>
      <c r="GNL706" s="613"/>
      <c r="GNM706" s="613"/>
      <c r="GNN706" s="613"/>
      <c r="GNO706" s="613"/>
      <c r="GNP706" s="613"/>
      <c r="GNQ706" s="613"/>
      <c r="GNR706" s="613"/>
      <c r="GNS706" s="613"/>
      <c r="GNT706" s="613"/>
      <c r="GNU706" s="613"/>
      <c r="GNV706" s="613"/>
      <c r="GNW706" s="613"/>
      <c r="GNX706" s="613"/>
      <c r="GNY706" s="613"/>
      <c r="GNZ706" s="613"/>
      <c r="GOA706" s="613"/>
      <c r="GOB706" s="613"/>
      <c r="GOC706" s="613"/>
      <c r="GOD706" s="613"/>
      <c r="GOE706" s="613"/>
      <c r="GOF706" s="613"/>
      <c r="GOG706" s="613"/>
      <c r="GOH706" s="613"/>
      <c r="GOI706" s="613"/>
      <c r="GOJ706" s="613"/>
      <c r="GOK706" s="613"/>
      <c r="GOL706" s="613"/>
      <c r="GOM706" s="613"/>
      <c r="GON706" s="613"/>
      <c r="GOO706" s="613"/>
      <c r="GOP706" s="613"/>
      <c r="GOQ706" s="613"/>
      <c r="GOR706" s="613"/>
      <c r="GOS706" s="613"/>
      <c r="GOT706" s="613"/>
      <c r="GOU706" s="613"/>
      <c r="GOV706" s="613"/>
      <c r="GOW706" s="613"/>
      <c r="GOX706" s="613"/>
      <c r="GOY706" s="613"/>
      <c r="GOZ706" s="613"/>
      <c r="GPA706" s="613"/>
      <c r="GPB706" s="613"/>
      <c r="GPC706" s="613"/>
      <c r="GPD706" s="613"/>
      <c r="GPE706" s="613"/>
      <c r="GPF706" s="613"/>
      <c r="GPG706" s="613"/>
      <c r="GPH706" s="613"/>
      <c r="GPI706" s="613"/>
      <c r="GPJ706" s="613"/>
      <c r="GPK706" s="613"/>
      <c r="GPL706" s="613"/>
      <c r="GPM706" s="613"/>
      <c r="GPN706" s="613"/>
      <c r="GPO706" s="613"/>
      <c r="GPP706" s="613"/>
      <c r="GPQ706" s="613"/>
      <c r="GPR706" s="613"/>
      <c r="GPS706" s="613"/>
      <c r="GPT706" s="613"/>
      <c r="GPU706" s="613"/>
      <c r="GPV706" s="613"/>
      <c r="GPW706" s="613"/>
      <c r="GPX706" s="613"/>
      <c r="GPY706" s="613"/>
      <c r="GPZ706" s="613"/>
      <c r="GQA706" s="613"/>
      <c r="GQB706" s="613"/>
      <c r="GQC706" s="613"/>
      <c r="GQD706" s="613"/>
      <c r="GQE706" s="613"/>
      <c r="GQF706" s="613"/>
      <c r="GQG706" s="613"/>
      <c r="GQH706" s="613"/>
      <c r="GQI706" s="613"/>
      <c r="GQJ706" s="613"/>
      <c r="GQK706" s="613"/>
      <c r="GQL706" s="613"/>
      <c r="GQM706" s="613"/>
      <c r="GQN706" s="613"/>
      <c r="GQO706" s="613"/>
      <c r="GQP706" s="613"/>
      <c r="GQQ706" s="613"/>
      <c r="GQR706" s="613"/>
      <c r="GQS706" s="613"/>
      <c r="GQT706" s="613"/>
      <c r="GQU706" s="613"/>
      <c r="GQV706" s="613"/>
      <c r="GQW706" s="613"/>
      <c r="GQX706" s="613"/>
      <c r="GQY706" s="613"/>
      <c r="GQZ706" s="613"/>
      <c r="GRA706" s="613"/>
      <c r="GRB706" s="613"/>
      <c r="GRC706" s="613"/>
      <c r="GRD706" s="613"/>
      <c r="GRE706" s="613"/>
      <c r="GRF706" s="613"/>
      <c r="GRG706" s="613"/>
      <c r="GRH706" s="613"/>
      <c r="GRI706" s="613"/>
      <c r="GRJ706" s="613"/>
      <c r="GRK706" s="613"/>
      <c r="GRL706" s="613"/>
      <c r="GRM706" s="613"/>
      <c r="GRN706" s="613"/>
      <c r="GRO706" s="613"/>
      <c r="GRP706" s="613"/>
      <c r="GRQ706" s="613"/>
      <c r="GRR706" s="613"/>
      <c r="GRS706" s="613"/>
      <c r="GRT706" s="613"/>
      <c r="GRU706" s="613"/>
      <c r="GRV706" s="613"/>
      <c r="GRW706" s="613"/>
      <c r="GRX706" s="613"/>
      <c r="GRY706" s="613"/>
      <c r="GRZ706" s="613"/>
      <c r="GSA706" s="613"/>
      <c r="GSB706" s="613"/>
      <c r="GSC706" s="613"/>
      <c r="GSD706" s="613"/>
      <c r="GSE706" s="613"/>
      <c r="GSF706" s="613"/>
      <c r="GSG706" s="613"/>
      <c r="GSH706" s="613"/>
      <c r="GSI706" s="613"/>
      <c r="GSJ706" s="613"/>
      <c r="GSK706" s="613"/>
      <c r="GSL706" s="613"/>
      <c r="GSM706" s="613"/>
      <c r="GSN706" s="613"/>
      <c r="GSO706" s="613"/>
      <c r="GSP706" s="613"/>
      <c r="GSQ706" s="613"/>
      <c r="GSR706" s="613"/>
      <c r="GSS706" s="613"/>
      <c r="GST706" s="613"/>
      <c r="GSU706" s="613"/>
      <c r="GSV706" s="613"/>
      <c r="GSW706" s="613"/>
      <c r="GSX706" s="613"/>
      <c r="GSY706" s="613"/>
      <c r="GSZ706" s="613"/>
      <c r="GTA706" s="613"/>
      <c r="GTB706" s="613"/>
      <c r="GTC706" s="613"/>
      <c r="GTD706" s="613"/>
      <c r="GTE706" s="613"/>
      <c r="GTF706" s="613"/>
      <c r="GTG706" s="613"/>
      <c r="GTH706" s="613"/>
      <c r="GTI706" s="613"/>
      <c r="GTJ706" s="613"/>
      <c r="GTK706" s="613"/>
      <c r="GTL706" s="613"/>
      <c r="GTM706" s="613"/>
      <c r="GTN706" s="613"/>
      <c r="GTO706" s="613"/>
      <c r="GTP706" s="613"/>
      <c r="GTQ706" s="613"/>
      <c r="GTR706" s="613"/>
      <c r="GTS706" s="613"/>
      <c r="GTT706" s="613"/>
      <c r="GTU706" s="613"/>
      <c r="GTV706" s="613"/>
      <c r="GTW706" s="613"/>
      <c r="GTX706" s="613"/>
      <c r="GTY706" s="613"/>
      <c r="GTZ706" s="613"/>
      <c r="GUA706" s="613"/>
      <c r="GUB706" s="613"/>
      <c r="GUC706" s="613"/>
      <c r="GUD706" s="613"/>
      <c r="GUE706" s="613"/>
      <c r="GUF706" s="613"/>
      <c r="GUG706" s="613"/>
      <c r="GUH706" s="613"/>
      <c r="GUI706" s="613"/>
      <c r="GUJ706" s="613"/>
      <c r="GUK706" s="613"/>
      <c r="GUL706" s="613"/>
      <c r="GUM706" s="613"/>
      <c r="GUN706" s="613"/>
      <c r="GUO706" s="613"/>
      <c r="GUP706" s="613"/>
      <c r="GUQ706" s="613"/>
      <c r="GUR706" s="613"/>
      <c r="GUS706" s="613"/>
      <c r="GUT706" s="613"/>
      <c r="GUU706" s="613"/>
      <c r="GUV706" s="613"/>
      <c r="GUW706" s="613"/>
      <c r="GUX706" s="613"/>
      <c r="GUY706" s="613"/>
      <c r="GUZ706" s="613"/>
      <c r="GVA706" s="613"/>
      <c r="GVB706" s="613"/>
      <c r="GVC706" s="613"/>
      <c r="GVD706" s="613"/>
      <c r="GVE706" s="613"/>
      <c r="GVF706" s="613"/>
      <c r="GVG706" s="613"/>
      <c r="GVH706" s="613"/>
      <c r="GVI706" s="613"/>
      <c r="GVJ706" s="613"/>
      <c r="GVK706" s="613"/>
      <c r="GVL706" s="613"/>
      <c r="GVM706" s="613"/>
      <c r="GVN706" s="613"/>
      <c r="GVO706" s="613"/>
      <c r="GVP706" s="613"/>
      <c r="GVQ706" s="613"/>
      <c r="GVR706" s="613"/>
      <c r="GVS706" s="613"/>
      <c r="GVT706" s="613"/>
      <c r="GVU706" s="613"/>
      <c r="GVV706" s="613"/>
      <c r="GVW706" s="613"/>
      <c r="GVX706" s="613"/>
      <c r="GVY706" s="613"/>
      <c r="GVZ706" s="613"/>
      <c r="GWA706" s="613"/>
      <c r="GWB706" s="613"/>
      <c r="GWC706" s="613"/>
      <c r="GWD706" s="613"/>
      <c r="GWE706" s="613"/>
      <c r="GWF706" s="613"/>
      <c r="GWG706" s="613"/>
      <c r="GWH706" s="613"/>
      <c r="GWI706" s="613"/>
      <c r="GWJ706" s="613"/>
      <c r="GWK706" s="613"/>
      <c r="GWL706" s="613"/>
      <c r="GWM706" s="613"/>
      <c r="GWN706" s="613"/>
      <c r="GWO706" s="613"/>
      <c r="GWP706" s="613"/>
      <c r="GWQ706" s="613"/>
      <c r="GWR706" s="613"/>
      <c r="GWS706" s="613"/>
      <c r="GWT706" s="613"/>
      <c r="GWU706" s="613"/>
      <c r="GWV706" s="613"/>
      <c r="GWW706" s="613"/>
      <c r="GWX706" s="613"/>
      <c r="GWY706" s="613"/>
      <c r="GWZ706" s="613"/>
      <c r="GXA706" s="613"/>
      <c r="GXB706" s="613"/>
      <c r="GXC706" s="613"/>
      <c r="GXD706" s="613"/>
      <c r="GXE706" s="613"/>
      <c r="GXF706" s="613"/>
      <c r="GXG706" s="613"/>
      <c r="GXH706" s="613"/>
      <c r="GXI706" s="613"/>
      <c r="GXJ706" s="613"/>
      <c r="GXK706" s="613"/>
      <c r="GXL706" s="613"/>
      <c r="GXM706" s="613"/>
      <c r="GXN706" s="613"/>
      <c r="GXO706" s="613"/>
      <c r="GXP706" s="613"/>
      <c r="GXQ706" s="613"/>
      <c r="GXR706" s="613"/>
      <c r="GXS706" s="613"/>
      <c r="GXT706" s="613"/>
      <c r="GXU706" s="613"/>
      <c r="GXV706" s="613"/>
      <c r="GXW706" s="613"/>
      <c r="GXX706" s="613"/>
      <c r="GXY706" s="613"/>
      <c r="GXZ706" s="613"/>
      <c r="GYA706" s="613"/>
      <c r="GYB706" s="613"/>
      <c r="GYC706" s="613"/>
      <c r="GYD706" s="613"/>
      <c r="GYE706" s="613"/>
      <c r="GYF706" s="613"/>
      <c r="GYG706" s="613"/>
      <c r="GYH706" s="613"/>
      <c r="GYI706" s="613"/>
      <c r="GYJ706" s="613"/>
      <c r="GYK706" s="613"/>
      <c r="GYL706" s="613"/>
      <c r="GYM706" s="613"/>
      <c r="GYN706" s="613"/>
      <c r="GYO706" s="613"/>
      <c r="GYP706" s="613"/>
      <c r="GYQ706" s="613"/>
      <c r="GYR706" s="613"/>
      <c r="GYS706" s="613"/>
      <c r="GYT706" s="613"/>
      <c r="GYU706" s="613"/>
      <c r="GYV706" s="613"/>
      <c r="GYW706" s="613"/>
      <c r="GYX706" s="613"/>
      <c r="GYY706" s="613"/>
      <c r="GYZ706" s="613"/>
      <c r="GZA706" s="613"/>
      <c r="GZB706" s="613"/>
      <c r="GZC706" s="613"/>
      <c r="GZD706" s="613"/>
      <c r="GZE706" s="613"/>
      <c r="GZF706" s="613"/>
      <c r="GZG706" s="613"/>
      <c r="GZH706" s="613"/>
      <c r="GZI706" s="613"/>
      <c r="GZJ706" s="613"/>
      <c r="GZK706" s="613"/>
      <c r="GZL706" s="613"/>
      <c r="GZM706" s="613"/>
      <c r="GZN706" s="613"/>
      <c r="GZO706" s="613"/>
      <c r="GZP706" s="613"/>
      <c r="GZQ706" s="613"/>
      <c r="GZR706" s="613"/>
      <c r="GZS706" s="613"/>
      <c r="GZT706" s="613"/>
      <c r="GZU706" s="613"/>
      <c r="GZV706" s="613"/>
      <c r="GZW706" s="613"/>
      <c r="GZX706" s="613"/>
      <c r="GZY706" s="613"/>
      <c r="GZZ706" s="613"/>
      <c r="HAA706" s="613"/>
      <c r="HAB706" s="613"/>
      <c r="HAC706" s="613"/>
      <c r="HAD706" s="613"/>
      <c r="HAE706" s="613"/>
      <c r="HAF706" s="613"/>
      <c r="HAG706" s="613"/>
      <c r="HAH706" s="613"/>
      <c r="HAI706" s="613"/>
      <c r="HAJ706" s="613"/>
      <c r="HAK706" s="613"/>
      <c r="HAL706" s="613"/>
      <c r="HAM706" s="613"/>
      <c r="HAN706" s="613"/>
      <c r="HAO706" s="613"/>
      <c r="HAP706" s="613"/>
      <c r="HAQ706" s="613"/>
      <c r="HAR706" s="613"/>
      <c r="HAS706" s="613"/>
      <c r="HAT706" s="613"/>
      <c r="HAU706" s="613"/>
      <c r="HAV706" s="613"/>
      <c r="HAW706" s="613"/>
      <c r="HAX706" s="613"/>
      <c r="HAY706" s="613"/>
      <c r="HAZ706" s="613"/>
      <c r="HBA706" s="613"/>
      <c r="HBB706" s="613"/>
      <c r="HBC706" s="613"/>
      <c r="HBD706" s="613"/>
      <c r="HBE706" s="613"/>
      <c r="HBF706" s="613"/>
      <c r="HBG706" s="613"/>
      <c r="HBH706" s="613"/>
      <c r="HBI706" s="613"/>
      <c r="HBJ706" s="613"/>
      <c r="HBK706" s="613"/>
      <c r="HBL706" s="613"/>
      <c r="HBM706" s="613"/>
      <c r="HBN706" s="613"/>
      <c r="HBO706" s="613"/>
      <c r="HBP706" s="613"/>
      <c r="HBQ706" s="613"/>
      <c r="HBR706" s="613"/>
      <c r="HBS706" s="613"/>
      <c r="HBT706" s="613"/>
      <c r="HBU706" s="613"/>
      <c r="HBV706" s="613"/>
      <c r="HBW706" s="613"/>
      <c r="HBX706" s="613"/>
      <c r="HBY706" s="613"/>
      <c r="HBZ706" s="613"/>
      <c r="HCA706" s="613"/>
      <c r="HCB706" s="613"/>
      <c r="HCC706" s="613"/>
      <c r="HCD706" s="613"/>
      <c r="HCE706" s="613"/>
      <c r="HCF706" s="613"/>
      <c r="HCG706" s="613"/>
      <c r="HCH706" s="613"/>
      <c r="HCI706" s="613"/>
      <c r="HCJ706" s="613"/>
      <c r="HCK706" s="613"/>
      <c r="HCL706" s="613"/>
      <c r="HCM706" s="613"/>
      <c r="HCN706" s="613"/>
      <c r="HCO706" s="613"/>
      <c r="HCP706" s="613"/>
      <c r="HCQ706" s="613"/>
      <c r="HCR706" s="613"/>
      <c r="HCS706" s="613"/>
      <c r="HCT706" s="613"/>
      <c r="HCU706" s="613"/>
      <c r="HCV706" s="613"/>
      <c r="HCW706" s="613"/>
      <c r="HCX706" s="613"/>
      <c r="HCY706" s="613"/>
      <c r="HCZ706" s="613"/>
      <c r="HDA706" s="613"/>
      <c r="HDB706" s="613"/>
      <c r="HDC706" s="613"/>
      <c r="HDD706" s="613"/>
      <c r="HDE706" s="613"/>
      <c r="HDF706" s="613"/>
      <c r="HDG706" s="613"/>
      <c r="HDH706" s="613"/>
      <c r="HDI706" s="613"/>
      <c r="HDJ706" s="613"/>
      <c r="HDK706" s="613"/>
      <c r="HDL706" s="613"/>
      <c r="HDM706" s="613"/>
      <c r="HDN706" s="613"/>
      <c r="HDO706" s="613"/>
      <c r="HDP706" s="613"/>
      <c r="HDQ706" s="613"/>
      <c r="HDR706" s="613"/>
      <c r="HDS706" s="613"/>
      <c r="HDT706" s="613"/>
      <c r="HDU706" s="613"/>
      <c r="HDV706" s="613"/>
      <c r="HDW706" s="613"/>
      <c r="HDX706" s="613"/>
      <c r="HDY706" s="613"/>
      <c r="HDZ706" s="613"/>
      <c r="HEA706" s="613"/>
      <c r="HEB706" s="613"/>
      <c r="HEC706" s="613"/>
      <c r="HED706" s="613"/>
      <c r="HEE706" s="613"/>
      <c r="HEF706" s="613"/>
      <c r="HEG706" s="613"/>
      <c r="HEH706" s="613"/>
      <c r="HEI706" s="613"/>
      <c r="HEJ706" s="613"/>
      <c r="HEK706" s="613"/>
      <c r="HEL706" s="613"/>
      <c r="HEM706" s="613"/>
      <c r="HEN706" s="613"/>
      <c r="HEO706" s="613"/>
      <c r="HEP706" s="613"/>
      <c r="HEQ706" s="613"/>
      <c r="HER706" s="613"/>
      <c r="HES706" s="613"/>
      <c r="HET706" s="613"/>
      <c r="HEU706" s="613"/>
      <c r="HEV706" s="613"/>
      <c r="HEW706" s="613"/>
      <c r="HEX706" s="613"/>
      <c r="HEY706" s="613"/>
      <c r="HEZ706" s="613"/>
      <c r="HFA706" s="613"/>
      <c r="HFB706" s="613"/>
      <c r="HFC706" s="613"/>
      <c r="HFD706" s="613"/>
      <c r="HFE706" s="613"/>
      <c r="HFF706" s="613"/>
      <c r="HFG706" s="613"/>
      <c r="HFH706" s="613"/>
      <c r="HFI706" s="613"/>
      <c r="HFJ706" s="613"/>
      <c r="HFK706" s="613"/>
      <c r="HFL706" s="613"/>
      <c r="HFM706" s="613"/>
      <c r="HFN706" s="613"/>
      <c r="HFO706" s="613"/>
      <c r="HFP706" s="613"/>
      <c r="HFQ706" s="613"/>
      <c r="HFR706" s="613"/>
      <c r="HFS706" s="613"/>
      <c r="HFT706" s="613"/>
      <c r="HFU706" s="613"/>
      <c r="HFV706" s="613"/>
      <c r="HFW706" s="613"/>
      <c r="HFX706" s="613"/>
      <c r="HFY706" s="613"/>
      <c r="HFZ706" s="613"/>
      <c r="HGA706" s="613"/>
      <c r="HGB706" s="613"/>
      <c r="HGC706" s="613"/>
      <c r="HGD706" s="613"/>
      <c r="HGE706" s="613"/>
      <c r="HGF706" s="613"/>
      <c r="HGG706" s="613"/>
      <c r="HGH706" s="613"/>
      <c r="HGI706" s="613"/>
      <c r="HGJ706" s="613"/>
      <c r="HGK706" s="613"/>
      <c r="HGL706" s="613"/>
      <c r="HGM706" s="613"/>
      <c r="HGN706" s="613"/>
      <c r="HGO706" s="613"/>
      <c r="HGP706" s="613"/>
      <c r="HGQ706" s="613"/>
      <c r="HGR706" s="613"/>
      <c r="HGS706" s="613"/>
      <c r="HGT706" s="613"/>
      <c r="HGU706" s="613"/>
      <c r="HGV706" s="613"/>
      <c r="HGW706" s="613"/>
      <c r="HGX706" s="613"/>
      <c r="HGY706" s="613"/>
      <c r="HGZ706" s="613"/>
      <c r="HHA706" s="613"/>
      <c r="HHB706" s="613"/>
      <c r="HHC706" s="613"/>
      <c r="HHD706" s="613"/>
      <c r="HHE706" s="613"/>
      <c r="HHF706" s="613"/>
      <c r="HHG706" s="613"/>
      <c r="HHH706" s="613"/>
      <c r="HHI706" s="613"/>
      <c r="HHJ706" s="613"/>
      <c r="HHK706" s="613"/>
      <c r="HHL706" s="613"/>
      <c r="HHM706" s="613"/>
      <c r="HHN706" s="613"/>
      <c r="HHO706" s="613"/>
      <c r="HHP706" s="613"/>
      <c r="HHQ706" s="613"/>
      <c r="HHR706" s="613"/>
      <c r="HHS706" s="613"/>
      <c r="HHT706" s="613"/>
      <c r="HHU706" s="613"/>
      <c r="HHV706" s="613"/>
      <c r="HHW706" s="613"/>
      <c r="HHX706" s="613"/>
      <c r="HHY706" s="613"/>
      <c r="HHZ706" s="613"/>
      <c r="HIA706" s="613"/>
      <c r="HIB706" s="613"/>
      <c r="HIC706" s="613"/>
      <c r="HID706" s="613"/>
      <c r="HIE706" s="613"/>
      <c r="HIF706" s="613"/>
      <c r="HIG706" s="613"/>
      <c r="HIH706" s="613"/>
      <c r="HII706" s="613"/>
      <c r="HIJ706" s="613"/>
      <c r="HIK706" s="613"/>
      <c r="HIL706" s="613"/>
      <c r="HIM706" s="613"/>
      <c r="HIN706" s="613"/>
      <c r="HIO706" s="613"/>
      <c r="HIP706" s="613"/>
      <c r="HIQ706" s="613"/>
      <c r="HIR706" s="613"/>
      <c r="HIS706" s="613"/>
      <c r="HIT706" s="613"/>
      <c r="HIU706" s="613"/>
      <c r="HIV706" s="613"/>
      <c r="HIW706" s="613"/>
      <c r="HIX706" s="613"/>
      <c r="HIY706" s="613"/>
      <c r="HIZ706" s="613"/>
      <c r="HJA706" s="613"/>
      <c r="HJB706" s="613"/>
      <c r="HJC706" s="613"/>
      <c r="HJD706" s="613"/>
      <c r="HJE706" s="613"/>
      <c r="HJF706" s="613"/>
      <c r="HJG706" s="613"/>
      <c r="HJH706" s="613"/>
      <c r="HJI706" s="613"/>
      <c r="HJJ706" s="613"/>
      <c r="HJK706" s="613"/>
      <c r="HJL706" s="613"/>
      <c r="HJM706" s="613"/>
      <c r="HJN706" s="613"/>
      <c r="HJO706" s="613"/>
      <c r="HJP706" s="613"/>
      <c r="HJQ706" s="613"/>
      <c r="HJR706" s="613"/>
      <c r="HJS706" s="613"/>
      <c r="HJT706" s="613"/>
      <c r="HJU706" s="613"/>
      <c r="HJV706" s="613"/>
      <c r="HJW706" s="613"/>
      <c r="HJX706" s="613"/>
      <c r="HJY706" s="613"/>
      <c r="HJZ706" s="613"/>
      <c r="HKA706" s="613"/>
      <c r="HKB706" s="613"/>
      <c r="HKC706" s="613"/>
      <c r="HKD706" s="613"/>
      <c r="HKE706" s="613"/>
      <c r="HKF706" s="613"/>
      <c r="HKG706" s="613"/>
      <c r="HKH706" s="613"/>
      <c r="HKI706" s="613"/>
      <c r="HKJ706" s="613"/>
      <c r="HKK706" s="613"/>
      <c r="HKL706" s="613"/>
      <c r="HKM706" s="613"/>
      <c r="HKN706" s="613"/>
      <c r="HKO706" s="613"/>
      <c r="HKP706" s="613"/>
      <c r="HKQ706" s="613"/>
      <c r="HKR706" s="613"/>
      <c r="HKS706" s="613"/>
      <c r="HKT706" s="613"/>
      <c r="HKU706" s="613"/>
      <c r="HKV706" s="613"/>
      <c r="HKW706" s="613"/>
      <c r="HKX706" s="613"/>
      <c r="HKY706" s="613"/>
      <c r="HKZ706" s="613"/>
      <c r="HLA706" s="613"/>
      <c r="HLB706" s="613"/>
      <c r="HLC706" s="613"/>
      <c r="HLD706" s="613"/>
      <c r="HLE706" s="613"/>
      <c r="HLF706" s="613"/>
      <c r="HLG706" s="613"/>
      <c r="HLH706" s="613"/>
      <c r="HLI706" s="613"/>
      <c r="HLJ706" s="613"/>
      <c r="HLK706" s="613"/>
      <c r="HLL706" s="613"/>
      <c r="HLM706" s="613"/>
      <c r="HLN706" s="613"/>
      <c r="HLO706" s="613"/>
      <c r="HLP706" s="613"/>
      <c r="HLQ706" s="613"/>
      <c r="HLR706" s="613"/>
      <c r="HLS706" s="613"/>
      <c r="HLT706" s="613"/>
      <c r="HLU706" s="613"/>
      <c r="HLV706" s="613"/>
      <c r="HLW706" s="613"/>
      <c r="HLX706" s="613"/>
      <c r="HLY706" s="613"/>
      <c r="HLZ706" s="613"/>
      <c r="HMA706" s="613"/>
      <c r="HMB706" s="613"/>
      <c r="HMC706" s="613"/>
      <c r="HMD706" s="613"/>
      <c r="HME706" s="613"/>
      <c r="HMF706" s="613"/>
      <c r="HMG706" s="613"/>
      <c r="HMH706" s="613"/>
      <c r="HMI706" s="613"/>
      <c r="HMJ706" s="613"/>
      <c r="HMK706" s="613"/>
      <c r="HML706" s="613"/>
      <c r="HMM706" s="613"/>
      <c r="HMN706" s="613"/>
      <c r="HMO706" s="613"/>
      <c r="HMP706" s="613"/>
      <c r="HMQ706" s="613"/>
      <c r="HMR706" s="613"/>
      <c r="HMS706" s="613"/>
      <c r="HMT706" s="613"/>
      <c r="HMU706" s="613"/>
      <c r="HMV706" s="613"/>
      <c r="HMW706" s="613"/>
      <c r="HMX706" s="613"/>
      <c r="HMY706" s="613"/>
      <c r="HMZ706" s="613"/>
      <c r="HNA706" s="613"/>
      <c r="HNB706" s="613"/>
      <c r="HNC706" s="613"/>
      <c r="HND706" s="613"/>
      <c r="HNE706" s="613"/>
      <c r="HNF706" s="613"/>
      <c r="HNG706" s="613"/>
      <c r="HNH706" s="613"/>
      <c r="HNI706" s="613"/>
      <c r="HNJ706" s="613"/>
      <c r="HNK706" s="613"/>
      <c r="HNL706" s="613"/>
      <c r="HNM706" s="613"/>
      <c r="HNN706" s="613"/>
      <c r="HNO706" s="613"/>
      <c r="HNP706" s="613"/>
      <c r="HNQ706" s="613"/>
      <c r="HNR706" s="613"/>
      <c r="HNS706" s="613"/>
      <c r="HNT706" s="613"/>
      <c r="HNU706" s="613"/>
      <c r="HNV706" s="613"/>
      <c r="HNW706" s="613"/>
      <c r="HNX706" s="613"/>
      <c r="HNY706" s="613"/>
      <c r="HNZ706" s="613"/>
      <c r="HOA706" s="613"/>
      <c r="HOB706" s="613"/>
      <c r="HOC706" s="613"/>
      <c r="HOD706" s="613"/>
      <c r="HOE706" s="613"/>
      <c r="HOF706" s="613"/>
      <c r="HOG706" s="613"/>
      <c r="HOH706" s="613"/>
      <c r="HOI706" s="613"/>
      <c r="HOJ706" s="613"/>
      <c r="HOK706" s="613"/>
      <c r="HOL706" s="613"/>
      <c r="HOM706" s="613"/>
      <c r="HON706" s="613"/>
      <c r="HOO706" s="613"/>
      <c r="HOP706" s="613"/>
      <c r="HOQ706" s="613"/>
      <c r="HOR706" s="613"/>
      <c r="HOS706" s="613"/>
      <c r="HOT706" s="613"/>
      <c r="HOU706" s="613"/>
      <c r="HOV706" s="613"/>
      <c r="HOW706" s="613"/>
      <c r="HOX706" s="613"/>
      <c r="HOY706" s="613"/>
      <c r="HOZ706" s="613"/>
      <c r="HPA706" s="613"/>
      <c r="HPB706" s="613"/>
      <c r="HPC706" s="613"/>
      <c r="HPD706" s="613"/>
      <c r="HPE706" s="613"/>
      <c r="HPF706" s="613"/>
      <c r="HPG706" s="613"/>
      <c r="HPH706" s="613"/>
      <c r="HPI706" s="613"/>
      <c r="HPJ706" s="613"/>
      <c r="HPK706" s="613"/>
      <c r="HPL706" s="613"/>
      <c r="HPM706" s="613"/>
      <c r="HPN706" s="613"/>
      <c r="HPO706" s="613"/>
      <c r="HPP706" s="613"/>
      <c r="HPQ706" s="613"/>
      <c r="HPR706" s="613"/>
      <c r="HPS706" s="613"/>
      <c r="HPT706" s="613"/>
      <c r="HPU706" s="613"/>
      <c r="HPV706" s="613"/>
      <c r="HPW706" s="613"/>
      <c r="HPX706" s="613"/>
      <c r="HPY706" s="613"/>
      <c r="HPZ706" s="613"/>
      <c r="HQA706" s="613"/>
      <c r="HQB706" s="613"/>
      <c r="HQC706" s="613"/>
      <c r="HQD706" s="613"/>
      <c r="HQE706" s="613"/>
      <c r="HQF706" s="613"/>
      <c r="HQG706" s="613"/>
      <c r="HQH706" s="613"/>
      <c r="HQI706" s="613"/>
      <c r="HQJ706" s="613"/>
      <c r="HQK706" s="613"/>
      <c r="HQL706" s="613"/>
      <c r="HQM706" s="613"/>
      <c r="HQN706" s="613"/>
      <c r="HQO706" s="613"/>
      <c r="HQP706" s="613"/>
      <c r="HQQ706" s="613"/>
      <c r="HQR706" s="613"/>
      <c r="HQS706" s="613"/>
      <c r="HQT706" s="613"/>
      <c r="HQU706" s="613"/>
      <c r="HQV706" s="613"/>
      <c r="HQW706" s="613"/>
      <c r="HQX706" s="613"/>
      <c r="HQY706" s="613"/>
      <c r="HQZ706" s="613"/>
      <c r="HRA706" s="613"/>
      <c r="HRB706" s="613"/>
      <c r="HRC706" s="613"/>
      <c r="HRD706" s="613"/>
      <c r="HRE706" s="613"/>
      <c r="HRF706" s="613"/>
      <c r="HRG706" s="613"/>
      <c r="HRH706" s="613"/>
      <c r="HRI706" s="613"/>
      <c r="HRJ706" s="613"/>
      <c r="HRK706" s="613"/>
      <c r="HRL706" s="613"/>
      <c r="HRM706" s="613"/>
      <c r="HRN706" s="613"/>
      <c r="HRO706" s="613"/>
      <c r="HRP706" s="613"/>
      <c r="HRQ706" s="613"/>
      <c r="HRR706" s="613"/>
      <c r="HRS706" s="613"/>
      <c r="HRT706" s="613"/>
      <c r="HRU706" s="613"/>
      <c r="HRV706" s="613"/>
      <c r="HRW706" s="613"/>
      <c r="HRX706" s="613"/>
      <c r="HRY706" s="613"/>
      <c r="HRZ706" s="613"/>
      <c r="HSA706" s="613"/>
      <c r="HSB706" s="613"/>
      <c r="HSC706" s="613"/>
      <c r="HSD706" s="613"/>
      <c r="HSE706" s="613"/>
      <c r="HSF706" s="613"/>
      <c r="HSG706" s="613"/>
      <c r="HSH706" s="613"/>
      <c r="HSI706" s="613"/>
      <c r="HSJ706" s="613"/>
      <c r="HSK706" s="613"/>
      <c r="HSL706" s="613"/>
      <c r="HSM706" s="613"/>
      <c r="HSN706" s="613"/>
      <c r="HSO706" s="613"/>
      <c r="HSP706" s="613"/>
      <c r="HSQ706" s="613"/>
      <c r="HSR706" s="613"/>
      <c r="HSS706" s="613"/>
      <c r="HST706" s="613"/>
      <c r="HSU706" s="613"/>
      <c r="HSV706" s="613"/>
      <c r="HSW706" s="613"/>
      <c r="HSX706" s="613"/>
      <c r="HSY706" s="613"/>
      <c r="HSZ706" s="613"/>
      <c r="HTA706" s="613"/>
      <c r="HTB706" s="613"/>
      <c r="HTC706" s="613"/>
      <c r="HTD706" s="613"/>
      <c r="HTE706" s="613"/>
      <c r="HTF706" s="613"/>
      <c r="HTG706" s="613"/>
      <c r="HTH706" s="613"/>
      <c r="HTI706" s="613"/>
      <c r="HTJ706" s="613"/>
      <c r="HTK706" s="613"/>
      <c r="HTL706" s="613"/>
      <c r="HTM706" s="613"/>
      <c r="HTN706" s="613"/>
      <c r="HTO706" s="613"/>
      <c r="HTP706" s="613"/>
      <c r="HTQ706" s="613"/>
      <c r="HTR706" s="613"/>
      <c r="HTS706" s="613"/>
      <c r="HTT706" s="613"/>
      <c r="HTU706" s="613"/>
      <c r="HTV706" s="613"/>
      <c r="HTW706" s="613"/>
      <c r="HTX706" s="613"/>
      <c r="HTY706" s="613"/>
      <c r="HTZ706" s="613"/>
      <c r="HUA706" s="613"/>
      <c r="HUB706" s="613"/>
      <c r="HUC706" s="613"/>
      <c r="HUD706" s="613"/>
      <c r="HUE706" s="613"/>
      <c r="HUF706" s="613"/>
      <c r="HUG706" s="613"/>
      <c r="HUH706" s="613"/>
      <c r="HUI706" s="613"/>
      <c r="HUJ706" s="613"/>
      <c r="HUK706" s="613"/>
      <c r="HUL706" s="613"/>
      <c r="HUM706" s="613"/>
      <c r="HUN706" s="613"/>
      <c r="HUO706" s="613"/>
      <c r="HUP706" s="613"/>
      <c r="HUQ706" s="613"/>
      <c r="HUR706" s="613"/>
      <c r="HUS706" s="613"/>
      <c r="HUT706" s="613"/>
      <c r="HUU706" s="613"/>
      <c r="HUV706" s="613"/>
      <c r="HUW706" s="613"/>
      <c r="HUX706" s="613"/>
      <c r="HUY706" s="613"/>
      <c r="HUZ706" s="613"/>
      <c r="HVA706" s="613"/>
      <c r="HVB706" s="613"/>
      <c r="HVC706" s="613"/>
      <c r="HVD706" s="613"/>
      <c r="HVE706" s="613"/>
      <c r="HVF706" s="613"/>
      <c r="HVG706" s="613"/>
      <c r="HVH706" s="613"/>
      <c r="HVI706" s="613"/>
      <c r="HVJ706" s="613"/>
      <c r="HVK706" s="613"/>
      <c r="HVL706" s="613"/>
      <c r="HVM706" s="613"/>
      <c r="HVN706" s="613"/>
      <c r="HVO706" s="613"/>
      <c r="HVP706" s="613"/>
      <c r="HVQ706" s="613"/>
      <c r="HVR706" s="613"/>
      <c r="HVS706" s="613"/>
      <c r="HVT706" s="613"/>
      <c r="HVU706" s="613"/>
      <c r="HVV706" s="613"/>
      <c r="HVW706" s="613"/>
      <c r="HVX706" s="613"/>
      <c r="HVY706" s="613"/>
      <c r="HVZ706" s="613"/>
      <c r="HWA706" s="613"/>
      <c r="HWB706" s="613"/>
      <c r="HWC706" s="613"/>
      <c r="HWD706" s="613"/>
      <c r="HWE706" s="613"/>
      <c r="HWF706" s="613"/>
      <c r="HWG706" s="613"/>
      <c r="HWH706" s="613"/>
      <c r="HWI706" s="613"/>
      <c r="HWJ706" s="613"/>
      <c r="HWK706" s="613"/>
      <c r="HWL706" s="613"/>
      <c r="HWM706" s="613"/>
      <c r="HWN706" s="613"/>
      <c r="HWO706" s="613"/>
      <c r="HWP706" s="613"/>
      <c r="HWQ706" s="613"/>
      <c r="HWR706" s="613"/>
      <c r="HWS706" s="613"/>
      <c r="HWT706" s="613"/>
      <c r="HWU706" s="613"/>
      <c r="HWV706" s="613"/>
      <c r="HWW706" s="613"/>
      <c r="HWX706" s="613"/>
      <c r="HWY706" s="613"/>
      <c r="HWZ706" s="613"/>
      <c r="HXA706" s="613"/>
      <c r="HXB706" s="613"/>
      <c r="HXC706" s="613"/>
      <c r="HXD706" s="613"/>
      <c r="HXE706" s="613"/>
      <c r="HXF706" s="613"/>
      <c r="HXG706" s="613"/>
      <c r="HXH706" s="613"/>
      <c r="HXI706" s="613"/>
      <c r="HXJ706" s="613"/>
      <c r="HXK706" s="613"/>
      <c r="HXL706" s="613"/>
      <c r="HXM706" s="613"/>
      <c r="HXN706" s="613"/>
      <c r="HXO706" s="613"/>
      <c r="HXP706" s="613"/>
      <c r="HXQ706" s="613"/>
      <c r="HXR706" s="613"/>
      <c r="HXS706" s="613"/>
      <c r="HXT706" s="613"/>
      <c r="HXU706" s="613"/>
      <c r="HXV706" s="613"/>
      <c r="HXW706" s="613"/>
      <c r="HXX706" s="613"/>
      <c r="HXY706" s="613"/>
      <c r="HXZ706" s="613"/>
      <c r="HYA706" s="613"/>
      <c r="HYB706" s="613"/>
      <c r="HYC706" s="613"/>
      <c r="HYD706" s="613"/>
      <c r="HYE706" s="613"/>
      <c r="HYF706" s="613"/>
      <c r="HYG706" s="613"/>
      <c r="HYH706" s="613"/>
      <c r="HYI706" s="613"/>
      <c r="HYJ706" s="613"/>
      <c r="HYK706" s="613"/>
      <c r="HYL706" s="613"/>
      <c r="HYM706" s="613"/>
      <c r="HYN706" s="613"/>
      <c r="HYO706" s="613"/>
      <c r="HYP706" s="613"/>
      <c r="HYQ706" s="613"/>
      <c r="HYR706" s="613"/>
      <c r="HYS706" s="613"/>
      <c r="HYT706" s="613"/>
      <c r="HYU706" s="613"/>
      <c r="HYV706" s="613"/>
      <c r="HYW706" s="613"/>
      <c r="HYX706" s="613"/>
      <c r="HYY706" s="613"/>
      <c r="HYZ706" s="613"/>
      <c r="HZA706" s="613"/>
      <c r="HZB706" s="613"/>
      <c r="HZC706" s="613"/>
      <c r="HZD706" s="613"/>
      <c r="HZE706" s="613"/>
      <c r="HZF706" s="613"/>
      <c r="HZG706" s="613"/>
      <c r="HZH706" s="613"/>
      <c r="HZI706" s="613"/>
      <c r="HZJ706" s="613"/>
      <c r="HZK706" s="613"/>
      <c r="HZL706" s="613"/>
      <c r="HZM706" s="613"/>
      <c r="HZN706" s="613"/>
      <c r="HZO706" s="613"/>
      <c r="HZP706" s="613"/>
      <c r="HZQ706" s="613"/>
      <c r="HZR706" s="613"/>
      <c r="HZS706" s="613"/>
      <c r="HZT706" s="613"/>
      <c r="HZU706" s="613"/>
      <c r="HZV706" s="613"/>
      <c r="HZW706" s="613"/>
      <c r="HZX706" s="613"/>
      <c r="HZY706" s="613"/>
      <c r="HZZ706" s="613"/>
      <c r="IAA706" s="613"/>
      <c r="IAB706" s="613"/>
      <c r="IAC706" s="613"/>
      <c r="IAD706" s="613"/>
      <c r="IAE706" s="613"/>
      <c r="IAF706" s="613"/>
      <c r="IAG706" s="613"/>
      <c r="IAH706" s="613"/>
      <c r="IAI706" s="613"/>
      <c r="IAJ706" s="613"/>
      <c r="IAK706" s="613"/>
      <c r="IAL706" s="613"/>
      <c r="IAM706" s="613"/>
      <c r="IAN706" s="613"/>
      <c r="IAO706" s="613"/>
      <c r="IAP706" s="613"/>
      <c r="IAQ706" s="613"/>
      <c r="IAR706" s="613"/>
      <c r="IAS706" s="613"/>
      <c r="IAT706" s="613"/>
      <c r="IAU706" s="613"/>
      <c r="IAV706" s="613"/>
      <c r="IAW706" s="613"/>
      <c r="IAX706" s="613"/>
      <c r="IAY706" s="613"/>
      <c r="IAZ706" s="613"/>
      <c r="IBA706" s="613"/>
      <c r="IBB706" s="613"/>
      <c r="IBC706" s="613"/>
      <c r="IBD706" s="613"/>
      <c r="IBE706" s="613"/>
      <c r="IBF706" s="613"/>
      <c r="IBG706" s="613"/>
      <c r="IBH706" s="613"/>
      <c r="IBI706" s="613"/>
      <c r="IBJ706" s="613"/>
      <c r="IBK706" s="613"/>
      <c r="IBL706" s="613"/>
      <c r="IBM706" s="613"/>
      <c r="IBN706" s="613"/>
      <c r="IBO706" s="613"/>
      <c r="IBP706" s="613"/>
      <c r="IBQ706" s="613"/>
      <c r="IBR706" s="613"/>
      <c r="IBS706" s="613"/>
      <c r="IBT706" s="613"/>
      <c r="IBU706" s="613"/>
      <c r="IBV706" s="613"/>
      <c r="IBW706" s="613"/>
      <c r="IBX706" s="613"/>
      <c r="IBY706" s="613"/>
      <c r="IBZ706" s="613"/>
      <c r="ICA706" s="613"/>
      <c r="ICB706" s="613"/>
      <c r="ICC706" s="613"/>
      <c r="ICD706" s="613"/>
      <c r="ICE706" s="613"/>
      <c r="ICF706" s="613"/>
      <c r="ICG706" s="613"/>
      <c r="ICH706" s="613"/>
      <c r="ICI706" s="613"/>
      <c r="ICJ706" s="613"/>
      <c r="ICK706" s="613"/>
      <c r="ICL706" s="613"/>
      <c r="ICM706" s="613"/>
      <c r="ICN706" s="613"/>
      <c r="ICO706" s="613"/>
      <c r="ICP706" s="613"/>
      <c r="ICQ706" s="613"/>
      <c r="ICR706" s="613"/>
      <c r="ICS706" s="613"/>
      <c r="ICT706" s="613"/>
      <c r="ICU706" s="613"/>
      <c r="ICV706" s="613"/>
      <c r="ICW706" s="613"/>
      <c r="ICX706" s="613"/>
      <c r="ICY706" s="613"/>
      <c r="ICZ706" s="613"/>
      <c r="IDA706" s="613"/>
      <c r="IDB706" s="613"/>
      <c r="IDC706" s="613"/>
      <c r="IDD706" s="613"/>
      <c r="IDE706" s="613"/>
      <c r="IDF706" s="613"/>
      <c r="IDG706" s="613"/>
      <c r="IDH706" s="613"/>
      <c r="IDI706" s="613"/>
      <c r="IDJ706" s="613"/>
      <c r="IDK706" s="613"/>
      <c r="IDL706" s="613"/>
      <c r="IDM706" s="613"/>
      <c r="IDN706" s="613"/>
      <c r="IDO706" s="613"/>
      <c r="IDP706" s="613"/>
      <c r="IDQ706" s="613"/>
      <c r="IDR706" s="613"/>
      <c r="IDS706" s="613"/>
      <c r="IDT706" s="613"/>
      <c r="IDU706" s="613"/>
      <c r="IDV706" s="613"/>
      <c r="IDW706" s="613"/>
      <c r="IDX706" s="613"/>
      <c r="IDY706" s="613"/>
      <c r="IDZ706" s="613"/>
      <c r="IEA706" s="613"/>
      <c r="IEB706" s="613"/>
      <c r="IEC706" s="613"/>
      <c r="IED706" s="613"/>
      <c r="IEE706" s="613"/>
      <c r="IEF706" s="613"/>
      <c r="IEG706" s="613"/>
      <c r="IEH706" s="613"/>
      <c r="IEI706" s="613"/>
      <c r="IEJ706" s="613"/>
      <c r="IEK706" s="613"/>
      <c r="IEL706" s="613"/>
      <c r="IEM706" s="613"/>
      <c r="IEN706" s="613"/>
      <c r="IEO706" s="613"/>
      <c r="IEP706" s="613"/>
      <c r="IEQ706" s="613"/>
      <c r="IER706" s="613"/>
      <c r="IES706" s="613"/>
      <c r="IET706" s="613"/>
      <c r="IEU706" s="613"/>
      <c r="IEV706" s="613"/>
      <c r="IEW706" s="613"/>
      <c r="IEX706" s="613"/>
      <c r="IEY706" s="613"/>
      <c r="IEZ706" s="613"/>
      <c r="IFA706" s="613"/>
      <c r="IFB706" s="613"/>
      <c r="IFC706" s="613"/>
      <c r="IFD706" s="613"/>
      <c r="IFE706" s="613"/>
      <c r="IFF706" s="613"/>
      <c r="IFG706" s="613"/>
      <c r="IFH706" s="613"/>
      <c r="IFI706" s="613"/>
      <c r="IFJ706" s="613"/>
      <c r="IFK706" s="613"/>
      <c r="IFL706" s="613"/>
      <c r="IFM706" s="613"/>
      <c r="IFN706" s="613"/>
      <c r="IFO706" s="613"/>
      <c r="IFP706" s="613"/>
      <c r="IFQ706" s="613"/>
      <c r="IFR706" s="613"/>
      <c r="IFS706" s="613"/>
      <c r="IFT706" s="613"/>
      <c r="IFU706" s="613"/>
      <c r="IFV706" s="613"/>
      <c r="IFW706" s="613"/>
      <c r="IFX706" s="613"/>
      <c r="IFY706" s="613"/>
      <c r="IFZ706" s="613"/>
      <c r="IGA706" s="613"/>
      <c r="IGB706" s="613"/>
      <c r="IGC706" s="613"/>
      <c r="IGD706" s="613"/>
      <c r="IGE706" s="613"/>
      <c r="IGF706" s="613"/>
      <c r="IGG706" s="613"/>
      <c r="IGH706" s="613"/>
      <c r="IGI706" s="613"/>
      <c r="IGJ706" s="613"/>
      <c r="IGK706" s="613"/>
      <c r="IGL706" s="613"/>
      <c r="IGM706" s="613"/>
      <c r="IGN706" s="613"/>
      <c r="IGO706" s="613"/>
      <c r="IGP706" s="613"/>
      <c r="IGQ706" s="613"/>
      <c r="IGR706" s="613"/>
      <c r="IGS706" s="613"/>
      <c r="IGT706" s="613"/>
      <c r="IGU706" s="613"/>
      <c r="IGV706" s="613"/>
      <c r="IGW706" s="613"/>
      <c r="IGX706" s="613"/>
      <c r="IGY706" s="613"/>
      <c r="IGZ706" s="613"/>
      <c r="IHA706" s="613"/>
      <c r="IHB706" s="613"/>
      <c r="IHC706" s="613"/>
      <c r="IHD706" s="613"/>
      <c r="IHE706" s="613"/>
      <c r="IHF706" s="613"/>
      <c r="IHG706" s="613"/>
      <c r="IHH706" s="613"/>
      <c r="IHI706" s="613"/>
      <c r="IHJ706" s="613"/>
      <c r="IHK706" s="613"/>
      <c r="IHL706" s="613"/>
      <c r="IHM706" s="613"/>
      <c r="IHN706" s="613"/>
      <c r="IHO706" s="613"/>
      <c r="IHP706" s="613"/>
      <c r="IHQ706" s="613"/>
      <c r="IHR706" s="613"/>
      <c r="IHS706" s="613"/>
      <c r="IHT706" s="613"/>
      <c r="IHU706" s="613"/>
      <c r="IHV706" s="613"/>
      <c r="IHW706" s="613"/>
      <c r="IHX706" s="613"/>
      <c r="IHY706" s="613"/>
      <c r="IHZ706" s="613"/>
      <c r="IIA706" s="613"/>
      <c r="IIB706" s="613"/>
      <c r="IIC706" s="613"/>
      <c r="IID706" s="613"/>
      <c r="IIE706" s="613"/>
      <c r="IIF706" s="613"/>
      <c r="IIG706" s="613"/>
      <c r="IIH706" s="613"/>
      <c r="III706" s="613"/>
      <c r="IIJ706" s="613"/>
      <c r="IIK706" s="613"/>
      <c r="IIL706" s="613"/>
      <c r="IIM706" s="613"/>
      <c r="IIN706" s="613"/>
      <c r="IIO706" s="613"/>
      <c r="IIP706" s="613"/>
      <c r="IIQ706" s="613"/>
      <c r="IIR706" s="613"/>
      <c r="IIS706" s="613"/>
      <c r="IIT706" s="613"/>
      <c r="IIU706" s="613"/>
      <c r="IIV706" s="613"/>
      <c r="IIW706" s="613"/>
      <c r="IIX706" s="613"/>
      <c r="IIY706" s="613"/>
      <c r="IIZ706" s="613"/>
      <c r="IJA706" s="613"/>
      <c r="IJB706" s="613"/>
      <c r="IJC706" s="613"/>
      <c r="IJD706" s="613"/>
      <c r="IJE706" s="613"/>
      <c r="IJF706" s="613"/>
      <c r="IJG706" s="613"/>
      <c r="IJH706" s="613"/>
      <c r="IJI706" s="613"/>
      <c r="IJJ706" s="613"/>
      <c r="IJK706" s="613"/>
      <c r="IJL706" s="613"/>
      <c r="IJM706" s="613"/>
      <c r="IJN706" s="613"/>
      <c r="IJO706" s="613"/>
      <c r="IJP706" s="613"/>
      <c r="IJQ706" s="613"/>
      <c r="IJR706" s="613"/>
      <c r="IJS706" s="613"/>
      <c r="IJT706" s="613"/>
      <c r="IJU706" s="613"/>
      <c r="IJV706" s="613"/>
      <c r="IJW706" s="613"/>
      <c r="IJX706" s="613"/>
      <c r="IJY706" s="613"/>
      <c r="IJZ706" s="613"/>
      <c r="IKA706" s="613"/>
      <c r="IKB706" s="613"/>
      <c r="IKC706" s="613"/>
      <c r="IKD706" s="613"/>
      <c r="IKE706" s="613"/>
      <c r="IKF706" s="613"/>
      <c r="IKG706" s="613"/>
      <c r="IKH706" s="613"/>
      <c r="IKI706" s="613"/>
      <c r="IKJ706" s="613"/>
      <c r="IKK706" s="613"/>
      <c r="IKL706" s="613"/>
      <c r="IKM706" s="613"/>
      <c r="IKN706" s="613"/>
      <c r="IKO706" s="613"/>
      <c r="IKP706" s="613"/>
      <c r="IKQ706" s="613"/>
      <c r="IKR706" s="613"/>
      <c r="IKS706" s="613"/>
      <c r="IKT706" s="613"/>
      <c r="IKU706" s="613"/>
      <c r="IKV706" s="613"/>
      <c r="IKW706" s="613"/>
      <c r="IKX706" s="613"/>
      <c r="IKY706" s="613"/>
      <c r="IKZ706" s="613"/>
      <c r="ILA706" s="613"/>
      <c r="ILB706" s="613"/>
      <c r="ILC706" s="613"/>
      <c r="ILD706" s="613"/>
      <c r="ILE706" s="613"/>
      <c r="ILF706" s="613"/>
      <c r="ILG706" s="613"/>
      <c r="ILH706" s="613"/>
      <c r="ILI706" s="613"/>
      <c r="ILJ706" s="613"/>
      <c r="ILK706" s="613"/>
      <c r="ILL706" s="613"/>
      <c r="ILM706" s="613"/>
      <c r="ILN706" s="613"/>
      <c r="ILO706" s="613"/>
      <c r="ILP706" s="613"/>
      <c r="ILQ706" s="613"/>
      <c r="ILR706" s="613"/>
      <c r="ILS706" s="613"/>
      <c r="ILT706" s="613"/>
      <c r="ILU706" s="613"/>
      <c r="ILV706" s="613"/>
      <c r="ILW706" s="613"/>
      <c r="ILX706" s="613"/>
      <c r="ILY706" s="613"/>
      <c r="ILZ706" s="613"/>
      <c r="IMA706" s="613"/>
      <c r="IMB706" s="613"/>
      <c r="IMC706" s="613"/>
      <c r="IMD706" s="613"/>
      <c r="IME706" s="613"/>
      <c r="IMF706" s="613"/>
      <c r="IMG706" s="613"/>
      <c r="IMH706" s="613"/>
      <c r="IMI706" s="613"/>
      <c r="IMJ706" s="613"/>
      <c r="IMK706" s="613"/>
      <c r="IML706" s="613"/>
      <c r="IMM706" s="613"/>
      <c r="IMN706" s="613"/>
      <c r="IMO706" s="613"/>
      <c r="IMP706" s="613"/>
      <c r="IMQ706" s="613"/>
      <c r="IMR706" s="613"/>
      <c r="IMS706" s="613"/>
      <c r="IMT706" s="613"/>
      <c r="IMU706" s="613"/>
      <c r="IMV706" s="613"/>
      <c r="IMW706" s="613"/>
      <c r="IMX706" s="613"/>
      <c r="IMY706" s="613"/>
      <c r="IMZ706" s="613"/>
      <c r="INA706" s="613"/>
      <c r="INB706" s="613"/>
      <c r="INC706" s="613"/>
      <c r="IND706" s="613"/>
      <c r="INE706" s="613"/>
      <c r="INF706" s="613"/>
      <c r="ING706" s="613"/>
      <c r="INH706" s="613"/>
      <c r="INI706" s="613"/>
      <c r="INJ706" s="613"/>
      <c r="INK706" s="613"/>
      <c r="INL706" s="613"/>
      <c r="INM706" s="613"/>
      <c r="INN706" s="613"/>
      <c r="INO706" s="613"/>
      <c r="INP706" s="613"/>
      <c r="INQ706" s="613"/>
      <c r="INR706" s="613"/>
      <c r="INS706" s="613"/>
      <c r="INT706" s="613"/>
      <c r="INU706" s="613"/>
      <c r="INV706" s="613"/>
      <c r="INW706" s="613"/>
      <c r="INX706" s="613"/>
      <c r="INY706" s="613"/>
      <c r="INZ706" s="613"/>
      <c r="IOA706" s="613"/>
      <c r="IOB706" s="613"/>
      <c r="IOC706" s="613"/>
      <c r="IOD706" s="613"/>
      <c r="IOE706" s="613"/>
      <c r="IOF706" s="613"/>
      <c r="IOG706" s="613"/>
      <c r="IOH706" s="613"/>
      <c r="IOI706" s="613"/>
      <c r="IOJ706" s="613"/>
      <c r="IOK706" s="613"/>
      <c r="IOL706" s="613"/>
      <c r="IOM706" s="613"/>
      <c r="ION706" s="613"/>
      <c r="IOO706" s="613"/>
      <c r="IOP706" s="613"/>
      <c r="IOQ706" s="613"/>
      <c r="IOR706" s="613"/>
      <c r="IOS706" s="613"/>
      <c r="IOT706" s="613"/>
      <c r="IOU706" s="613"/>
      <c r="IOV706" s="613"/>
      <c r="IOW706" s="613"/>
      <c r="IOX706" s="613"/>
      <c r="IOY706" s="613"/>
      <c r="IOZ706" s="613"/>
      <c r="IPA706" s="613"/>
      <c r="IPB706" s="613"/>
      <c r="IPC706" s="613"/>
      <c r="IPD706" s="613"/>
      <c r="IPE706" s="613"/>
      <c r="IPF706" s="613"/>
      <c r="IPG706" s="613"/>
      <c r="IPH706" s="613"/>
      <c r="IPI706" s="613"/>
      <c r="IPJ706" s="613"/>
      <c r="IPK706" s="613"/>
      <c r="IPL706" s="613"/>
      <c r="IPM706" s="613"/>
      <c r="IPN706" s="613"/>
      <c r="IPO706" s="613"/>
      <c r="IPP706" s="613"/>
      <c r="IPQ706" s="613"/>
      <c r="IPR706" s="613"/>
      <c r="IPS706" s="613"/>
      <c r="IPT706" s="613"/>
      <c r="IPU706" s="613"/>
      <c r="IPV706" s="613"/>
      <c r="IPW706" s="613"/>
      <c r="IPX706" s="613"/>
      <c r="IPY706" s="613"/>
      <c r="IPZ706" s="613"/>
      <c r="IQA706" s="613"/>
      <c r="IQB706" s="613"/>
      <c r="IQC706" s="613"/>
      <c r="IQD706" s="613"/>
      <c r="IQE706" s="613"/>
      <c r="IQF706" s="613"/>
      <c r="IQG706" s="613"/>
      <c r="IQH706" s="613"/>
      <c r="IQI706" s="613"/>
      <c r="IQJ706" s="613"/>
      <c r="IQK706" s="613"/>
      <c r="IQL706" s="613"/>
      <c r="IQM706" s="613"/>
      <c r="IQN706" s="613"/>
      <c r="IQO706" s="613"/>
      <c r="IQP706" s="613"/>
      <c r="IQQ706" s="613"/>
      <c r="IQR706" s="613"/>
      <c r="IQS706" s="613"/>
      <c r="IQT706" s="613"/>
      <c r="IQU706" s="613"/>
      <c r="IQV706" s="613"/>
      <c r="IQW706" s="613"/>
      <c r="IQX706" s="613"/>
      <c r="IQY706" s="613"/>
      <c r="IQZ706" s="613"/>
      <c r="IRA706" s="613"/>
      <c r="IRB706" s="613"/>
      <c r="IRC706" s="613"/>
      <c r="IRD706" s="613"/>
      <c r="IRE706" s="613"/>
      <c r="IRF706" s="613"/>
      <c r="IRG706" s="613"/>
      <c r="IRH706" s="613"/>
      <c r="IRI706" s="613"/>
      <c r="IRJ706" s="613"/>
      <c r="IRK706" s="613"/>
      <c r="IRL706" s="613"/>
      <c r="IRM706" s="613"/>
      <c r="IRN706" s="613"/>
      <c r="IRO706" s="613"/>
      <c r="IRP706" s="613"/>
      <c r="IRQ706" s="613"/>
      <c r="IRR706" s="613"/>
      <c r="IRS706" s="613"/>
      <c r="IRT706" s="613"/>
      <c r="IRU706" s="613"/>
      <c r="IRV706" s="613"/>
      <c r="IRW706" s="613"/>
      <c r="IRX706" s="613"/>
      <c r="IRY706" s="613"/>
      <c r="IRZ706" s="613"/>
      <c r="ISA706" s="613"/>
      <c r="ISB706" s="613"/>
      <c r="ISC706" s="613"/>
      <c r="ISD706" s="613"/>
      <c r="ISE706" s="613"/>
      <c r="ISF706" s="613"/>
      <c r="ISG706" s="613"/>
      <c r="ISH706" s="613"/>
      <c r="ISI706" s="613"/>
      <c r="ISJ706" s="613"/>
      <c r="ISK706" s="613"/>
      <c r="ISL706" s="613"/>
      <c r="ISM706" s="613"/>
      <c r="ISN706" s="613"/>
      <c r="ISO706" s="613"/>
      <c r="ISP706" s="613"/>
      <c r="ISQ706" s="613"/>
      <c r="ISR706" s="613"/>
      <c r="ISS706" s="613"/>
      <c r="IST706" s="613"/>
      <c r="ISU706" s="613"/>
      <c r="ISV706" s="613"/>
      <c r="ISW706" s="613"/>
      <c r="ISX706" s="613"/>
      <c r="ISY706" s="613"/>
      <c r="ISZ706" s="613"/>
      <c r="ITA706" s="613"/>
      <c r="ITB706" s="613"/>
      <c r="ITC706" s="613"/>
      <c r="ITD706" s="613"/>
      <c r="ITE706" s="613"/>
      <c r="ITF706" s="613"/>
      <c r="ITG706" s="613"/>
      <c r="ITH706" s="613"/>
      <c r="ITI706" s="613"/>
      <c r="ITJ706" s="613"/>
      <c r="ITK706" s="613"/>
      <c r="ITL706" s="613"/>
      <c r="ITM706" s="613"/>
      <c r="ITN706" s="613"/>
      <c r="ITO706" s="613"/>
      <c r="ITP706" s="613"/>
      <c r="ITQ706" s="613"/>
      <c r="ITR706" s="613"/>
      <c r="ITS706" s="613"/>
      <c r="ITT706" s="613"/>
      <c r="ITU706" s="613"/>
      <c r="ITV706" s="613"/>
      <c r="ITW706" s="613"/>
      <c r="ITX706" s="613"/>
      <c r="ITY706" s="613"/>
      <c r="ITZ706" s="613"/>
      <c r="IUA706" s="613"/>
      <c r="IUB706" s="613"/>
      <c r="IUC706" s="613"/>
      <c r="IUD706" s="613"/>
      <c r="IUE706" s="613"/>
      <c r="IUF706" s="613"/>
      <c r="IUG706" s="613"/>
      <c r="IUH706" s="613"/>
      <c r="IUI706" s="613"/>
      <c r="IUJ706" s="613"/>
      <c r="IUK706" s="613"/>
      <c r="IUL706" s="613"/>
      <c r="IUM706" s="613"/>
      <c r="IUN706" s="613"/>
      <c r="IUO706" s="613"/>
      <c r="IUP706" s="613"/>
      <c r="IUQ706" s="613"/>
      <c r="IUR706" s="613"/>
      <c r="IUS706" s="613"/>
      <c r="IUT706" s="613"/>
      <c r="IUU706" s="613"/>
      <c r="IUV706" s="613"/>
      <c r="IUW706" s="613"/>
      <c r="IUX706" s="613"/>
      <c r="IUY706" s="613"/>
      <c r="IUZ706" s="613"/>
      <c r="IVA706" s="613"/>
      <c r="IVB706" s="613"/>
      <c r="IVC706" s="613"/>
      <c r="IVD706" s="613"/>
      <c r="IVE706" s="613"/>
      <c r="IVF706" s="613"/>
      <c r="IVG706" s="613"/>
      <c r="IVH706" s="613"/>
      <c r="IVI706" s="613"/>
      <c r="IVJ706" s="613"/>
      <c r="IVK706" s="613"/>
      <c r="IVL706" s="613"/>
      <c r="IVM706" s="613"/>
      <c r="IVN706" s="613"/>
      <c r="IVO706" s="613"/>
      <c r="IVP706" s="613"/>
      <c r="IVQ706" s="613"/>
      <c r="IVR706" s="613"/>
      <c r="IVS706" s="613"/>
      <c r="IVT706" s="613"/>
      <c r="IVU706" s="613"/>
      <c r="IVV706" s="613"/>
      <c r="IVW706" s="613"/>
      <c r="IVX706" s="613"/>
      <c r="IVY706" s="613"/>
      <c r="IVZ706" s="613"/>
      <c r="IWA706" s="613"/>
      <c r="IWB706" s="613"/>
      <c r="IWC706" s="613"/>
      <c r="IWD706" s="613"/>
      <c r="IWE706" s="613"/>
      <c r="IWF706" s="613"/>
      <c r="IWG706" s="613"/>
      <c r="IWH706" s="613"/>
      <c r="IWI706" s="613"/>
      <c r="IWJ706" s="613"/>
      <c r="IWK706" s="613"/>
      <c r="IWL706" s="613"/>
      <c r="IWM706" s="613"/>
      <c r="IWN706" s="613"/>
      <c r="IWO706" s="613"/>
      <c r="IWP706" s="613"/>
      <c r="IWQ706" s="613"/>
      <c r="IWR706" s="613"/>
      <c r="IWS706" s="613"/>
      <c r="IWT706" s="613"/>
      <c r="IWU706" s="613"/>
      <c r="IWV706" s="613"/>
      <c r="IWW706" s="613"/>
      <c r="IWX706" s="613"/>
      <c r="IWY706" s="613"/>
      <c r="IWZ706" s="613"/>
      <c r="IXA706" s="613"/>
      <c r="IXB706" s="613"/>
      <c r="IXC706" s="613"/>
      <c r="IXD706" s="613"/>
      <c r="IXE706" s="613"/>
      <c r="IXF706" s="613"/>
      <c r="IXG706" s="613"/>
      <c r="IXH706" s="613"/>
      <c r="IXI706" s="613"/>
      <c r="IXJ706" s="613"/>
      <c r="IXK706" s="613"/>
      <c r="IXL706" s="613"/>
      <c r="IXM706" s="613"/>
      <c r="IXN706" s="613"/>
      <c r="IXO706" s="613"/>
      <c r="IXP706" s="613"/>
      <c r="IXQ706" s="613"/>
      <c r="IXR706" s="613"/>
      <c r="IXS706" s="613"/>
      <c r="IXT706" s="613"/>
      <c r="IXU706" s="613"/>
      <c r="IXV706" s="613"/>
      <c r="IXW706" s="613"/>
      <c r="IXX706" s="613"/>
      <c r="IXY706" s="613"/>
      <c r="IXZ706" s="613"/>
      <c r="IYA706" s="613"/>
      <c r="IYB706" s="613"/>
      <c r="IYC706" s="613"/>
      <c r="IYD706" s="613"/>
      <c r="IYE706" s="613"/>
      <c r="IYF706" s="613"/>
      <c r="IYG706" s="613"/>
      <c r="IYH706" s="613"/>
      <c r="IYI706" s="613"/>
      <c r="IYJ706" s="613"/>
      <c r="IYK706" s="613"/>
      <c r="IYL706" s="613"/>
      <c r="IYM706" s="613"/>
      <c r="IYN706" s="613"/>
      <c r="IYO706" s="613"/>
      <c r="IYP706" s="613"/>
      <c r="IYQ706" s="613"/>
      <c r="IYR706" s="613"/>
      <c r="IYS706" s="613"/>
      <c r="IYT706" s="613"/>
      <c r="IYU706" s="613"/>
      <c r="IYV706" s="613"/>
      <c r="IYW706" s="613"/>
      <c r="IYX706" s="613"/>
      <c r="IYY706" s="613"/>
      <c r="IYZ706" s="613"/>
      <c r="IZA706" s="613"/>
      <c r="IZB706" s="613"/>
      <c r="IZC706" s="613"/>
      <c r="IZD706" s="613"/>
      <c r="IZE706" s="613"/>
      <c r="IZF706" s="613"/>
      <c r="IZG706" s="613"/>
      <c r="IZH706" s="613"/>
      <c r="IZI706" s="613"/>
      <c r="IZJ706" s="613"/>
      <c r="IZK706" s="613"/>
      <c r="IZL706" s="613"/>
      <c r="IZM706" s="613"/>
      <c r="IZN706" s="613"/>
      <c r="IZO706" s="613"/>
      <c r="IZP706" s="613"/>
      <c r="IZQ706" s="613"/>
      <c r="IZR706" s="613"/>
      <c r="IZS706" s="613"/>
      <c r="IZT706" s="613"/>
      <c r="IZU706" s="613"/>
      <c r="IZV706" s="613"/>
      <c r="IZW706" s="613"/>
      <c r="IZX706" s="613"/>
      <c r="IZY706" s="613"/>
      <c r="IZZ706" s="613"/>
      <c r="JAA706" s="613"/>
      <c r="JAB706" s="613"/>
      <c r="JAC706" s="613"/>
      <c r="JAD706" s="613"/>
      <c r="JAE706" s="613"/>
      <c r="JAF706" s="613"/>
      <c r="JAG706" s="613"/>
      <c r="JAH706" s="613"/>
      <c r="JAI706" s="613"/>
      <c r="JAJ706" s="613"/>
      <c r="JAK706" s="613"/>
      <c r="JAL706" s="613"/>
      <c r="JAM706" s="613"/>
      <c r="JAN706" s="613"/>
      <c r="JAO706" s="613"/>
      <c r="JAP706" s="613"/>
      <c r="JAQ706" s="613"/>
      <c r="JAR706" s="613"/>
      <c r="JAS706" s="613"/>
      <c r="JAT706" s="613"/>
      <c r="JAU706" s="613"/>
      <c r="JAV706" s="613"/>
      <c r="JAW706" s="613"/>
      <c r="JAX706" s="613"/>
      <c r="JAY706" s="613"/>
      <c r="JAZ706" s="613"/>
      <c r="JBA706" s="613"/>
      <c r="JBB706" s="613"/>
      <c r="JBC706" s="613"/>
      <c r="JBD706" s="613"/>
      <c r="JBE706" s="613"/>
      <c r="JBF706" s="613"/>
      <c r="JBG706" s="613"/>
      <c r="JBH706" s="613"/>
      <c r="JBI706" s="613"/>
      <c r="JBJ706" s="613"/>
      <c r="JBK706" s="613"/>
      <c r="JBL706" s="613"/>
      <c r="JBM706" s="613"/>
      <c r="JBN706" s="613"/>
      <c r="JBO706" s="613"/>
      <c r="JBP706" s="613"/>
      <c r="JBQ706" s="613"/>
      <c r="JBR706" s="613"/>
      <c r="JBS706" s="613"/>
      <c r="JBT706" s="613"/>
      <c r="JBU706" s="613"/>
      <c r="JBV706" s="613"/>
      <c r="JBW706" s="613"/>
      <c r="JBX706" s="613"/>
      <c r="JBY706" s="613"/>
      <c r="JBZ706" s="613"/>
      <c r="JCA706" s="613"/>
      <c r="JCB706" s="613"/>
      <c r="JCC706" s="613"/>
      <c r="JCD706" s="613"/>
      <c r="JCE706" s="613"/>
      <c r="JCF706" s="613"/>
      <c r="JCG706" s="613"/>
      <c r="JCH706" s="613"/>
      <c r="JCI706" s="613"/>
      <c r="JCJ706" s="613"/>
      <c r="JCK706" s="613"/>
      <c r="JCL706" s="613"/>
      <c r="JCM706" s="613"/>
      <c r="JCN706" s="613"/>
      <c r="JCO706" s="613"/>
      <c r="JCP706" s="613"/>
      <c r="JCQ706" s="613"/>
      <c r="JCR706" s="613"/>
      <c r="JCS706" s="613"/>
      <c r="JCT706" s="613"/>
      <c r="JCU706" s="613"/>
      <c r="JCV706" s="613"/>
      <c r="JCW706" s="613"/>
      <c r="JCX706" s="613"/>
      <c r="JCY706" s="613"/>
      <c r="JCZ706" s="613"/>
      <c r="JDA706" s="613"/>
      <c r="JDB706" s="613"/>
      <c r="JDC706" s="613"/>
      <c r="JDD706" s="613"/>
      <c r="JDE706" s="613"/>
      <c r="JDF706" s="613"/>
      <c r="JDG706" s="613"/>
      <c r="JDH706" s="613"/>
      <c r="JDI706" s="613"/>
      <c r="JDJ706" s="613"/>
      <c r="JDK706" s="613"/>
      <c r="JDL706" s="613"/>
      <c r="JDM706" s="613"/>
      <c r="JDN706" s="613"/>
      <c r="JDO706" s="613"/>
      <c r="JDP706" s="613"/>
      <c r="JDQ706" s="613"/>
      <c r="JDR706" s="613"/>
      <c r="JDS706" s="613"/>
      <c r="JDT706" s="613"/>
      <c r="JDU706" s="613"/>
      <c r="JDV706" s="613"/>
      <c r="JDW706" s="613"/>
      <c r="JDX706" s="613"/>
      <c r="JDY706" s="613"/>
      <c r="JDZ706" s="613"/>
      <c r="JEA706" s="613"/>
      <c r="JEB706" s="613"/>
      <c r="JEC706" s="613"/>
      <c r="JED706" s="613"/>
      <c r="JEE706" s="613"/>
      <c r="JEF706" s="613"/>
      <c r="JEG706" s="613"/>
      <c r="JEH706" s="613"/>
      <c r="JEI706" s="613"/>
      <c r="JEJ706" s="613"/>
      <c r="JEK706" s="613"/>
      <c r="JEL706" s="613"/>
      <c r="JEM706" s="613"/>
      <c r="JEN706" s="613"/>
      <c r="JEO706" s="613"/>
      <c r="JEP706" s="613"/>
      <c r="JEQ706" s="613"/>
      <c r="JER706" s="613"/>
      <c r="JES706" s="613"/>
      <c r="JET706" s="613"/>
      <c r="JEU706" s="613"/>
      <c r="JEV706" s="613"/>
      <c r="JEW706" s="613"/>
      <c r="JEX706" s="613"/>
      <c r="JEY706" s="613"/>
      <c r="JEZ706" s="613"/>
      <c r="JFA706" s="613"/>
      <c r="JFB706" s="613"/>
      <c r="JFC706" s="613"/>
      <c r="JFD706" s="613"/>
      <c r="JFE706" s="613"/>
      <c r="JFF706" s="613"/>
      <c r="JFG706" s="613"/>
      <c r="JFH706" s="613"/>
      <c r="JFI706" s="613"/>
      <c r="JFJ706" s="613"/>
      <c r="JFK706" s="613"/>
      <c r="JFL706" s="613"/>
      <c r="JFM706" s="613"/>
      <c r="JFN706" s="613"/>
      <c r="JFO706" s="613"/>
      <c r="JFP706" s="613"/>
      <c r="JFQ706" s="613"/>
      <c r="JFR706" s="613"/>
      <c r="JFS706" s="613"/>
      <c r="JFT706" s="613"/>
      <c r="JFU706" s="613"/>
      <c r="JFV706" s="613"/>
      <c r="JFW706" s="613"/>
      <c r="JFX706" s="613"/>
      <c r="JFY706" s="613"/>
      <c r="JFZ706" s="613"/>
      <c r="JGA706" s="613"/>
      <c r="JGB706" s="613"/>
      <c r="JGC706" s="613"/>
      <c r="JGD706" s="613"/>
      <c r="JGE706" s="613"/>
      <c r="JGF706" s="613"/>
      <c r="JGG706" s="613"/>
      <c r="JGH706" s="613"/>
      <c r="JGI706" s="613"/>
      <c r="JGJ706" s="613"/>
      <c r="JGK706" s="613"/>
      <c r="JGL706" s="613"/>
      <c r="JGM706" s="613"/>
      <c r="JGN706" s="613"/>
      <c r="JGO706" s="613"/>
      <c r="JGP706" s="613"/>
      <c r="JGQ706" s="613"/>
      <c r="JGR706" s="613"/>
      <c r="JGS706" s="613"/>
      <c r="JGT706" s="613"/>
      <c r="JGU706" s="613"/>
      <c r="JGV706" s="613"/>
      <c r="JGW706" s="613"/>
      <c r="JGX706" s="613"/>
      <c r="JGY706" s="613"/>
      <c r="JGZ706" s="613"/>
      <c r="JHA706" s="613"/>
      <c r="JHB706" s="613"/>
      <c r="JHC706" s="613"/>
      <c r="JHD706" s="613"/>
      <c r="JHE706" s="613"/>
      <c r="JHF706" s="613"/>
      <c r="JHG706" s="613"/>
      <c r="JHH706" s="613"/>
      <c r="JHI706" s="613"/>
      <c r="JHJ706" s="613"/>
      <c r="JHK706" s="613"/>
      <c r="JHL706" s="613"/>
      <c r="JHM706" s="613"/>
      <c r="JHN706" s="613"/>
      <c r="JHO706" s="613"/>
      <c r="JHP706" s="613"/>
      <c r="JHQ706" s="613"/>
      <c r="JHR706" s="613"/>
      <c r="JHS706" s="613"/>
      <c r="JHT706" s="613"/>
      <c r="JHU706" s="613"/>
      <c r="JHV706" s="613"/>
      <c r="JHW706" s="613"/>
      <c r="JHX706" s="613"/>
      <c r="JHY706" s="613"/>
      <c r="JHZ706" s="613"/>
      <c r="JIA706" s="613"/>
      <c r="JIB706" s="613"/>
      <c r="JIC706" s="613"/>
      <c r="JID706" s="613"/>
      <c r="JIE706" s="613"/>
      <c r="JIF706" s="613"/>
      <c r="JIG706" s="613"/>
      <c r="JIH706" s="613"/>
      <c r="JII706" s="613"/>
      <c r="JIJ706" s="613"/>
      <c r="JIK706" s="613"/>
      <c r="JIL706" s="613"/>
      <c r="JIM706" s="613"/>
      <c r="JIN706" s="613"/>
      <c r="JIO706" s="613"/>
      <c r="JIP706" s="613"/>
      <c r="JIQ706" s="613"/>
      <c r="JIR706" s="613"/>
      <c r="JIS706" s="613"/>
      <c r="JIT706" s="613"/>
      <c r="JIU706" s="613"/>
      <c r="JIV706" s="613"/>
      <c r="JIW706" s="613"/>
      <c r="JIX706" s="613"/>
      <c r="JIY706" s="613"/>
      <c r="JIZ706" s="613"/>
      <c r="JJA706" s="613"/>
      <c r="JJB706" s="613"/>
      <c r="JJC706" s="613"/>
      <c r="JJD706" s="613"/>
      <c r="JJE706" s="613"/>
      <c r="JJF706" s="613"/>
      <c r="JJG706" s="613"/>
      <c r="JJH706" s="613"/>
      <c r="JJI706" s="613"/>
      <c r="JJJ706" s="613"/>
      <c r="JJK706" s="613"/>
      <c r="JJL706" s="613"/>
      <c r="JJM706" s="613"/>
      <c r="JJN706" s="613"/>
      <c r="JJO706" s="613"/>
      <c r="JJP706" s="613"/>
      <c r="JJQ706" s="613"/>
      <c r="JJR706" s="613"/>
      <c r="JJS706" s="613"/>
      <c r="JJT706" s="613"/>
      <c r="JJU706" s="613"/>
      <c r="JJV706" s="613"/>
      <c r="JJW706" s="613"/>
      <c r="JJX706" s="613"/>
      <c r="JJY706" s="613"/>
      <c r="JJZ706" s="613"/>
      <c r="JKA706" s="613"/>
      <c r="JKB706" s="613"/>
      <c r="JKC706" s="613"/>
      <c r="JKD706" s="613"/>
      <c r="JKE706" s="613"/>
      <c r="JKF706" s="613"/>
      <c r="JKG706" s="613"/>
      <c r="JKH706" s="613"/>
      <c r="JKI706" s="613"/>
      <c r="JKJ706" s="613"/>
      <c r="JKK706" s="613"/>
      <c r="JKL706" s="613"/>
      <c r="JKM706" s="613"/>
      <c r="JKN706" s="613"/>
      <c r="JKO706" s="613"/>
      <c r="JKP706" s="613"/>
      <c r="JKQ706" s="613"/>
      <c r="JKR706" s="613"/>
      <c r="JKS706" s="613"/>
      <c r="JKT706" s="613"/>
      <c r="JKU706" s="613"/>
      <c r="JKV706" s="613"/>
      <c r="JKW706" s="613"/>
      <c r="JKX706" s="613"/>
      <c r="JKY706" s="613"/>
      <c r="JKZ706" s="613"/>
      <c r="JLA706" s="613"/>
      <c r="JLB706" s="613"/>
      <c r="JLC706" s="613"/>
      <c r="JLD706" s="613"/>
      <c r="JLE706" s="613"/>
      <c r="JLF706" s="613"/>
      <c r="JLG706" s="613"/>
      <c r="JLH706" s="613"/>
      <c r="JLI706" s="613"/>
      <c r="JLJ706" s="613"/>
      <c r="JLK706" s="613"/>
      <c r="JLL706" s="613"/>
      <c r="JLM706" s="613"/>
      <c r="JLN706" s="613"/>
      <c r="JLO706" s="613"/>
      <c r="JLP706" s="613"/>
      <c r="JLQ706" s="613"/>
      <c r="JLR706" s="613"/>
      <c r="JLS706" s="613"/>
      <c r="JLT706" s="613"/>
      <c r="JLU706" s="613"/>
      <c r="JLV706" s="613"/>
      <c r="JLW706" s="613"/>
      <c r="JLX706" s="613"/>
      <c r="JLY706" s="613"/>
      <c r="JLZ706" s="613"/>
      <c r="JMA706" s="613"/>
      <c r="JMB706" s="613"/>
      <c r="JMC706" s="613"/>
      <c r="JMD706" s="613"/>
      <c r="JME706" s="613"/>
      <c r="JMF706" s="613"/>
      <c r="JMG706" s="613"/>
      <c r="JMH706" s="613"/>
      <c r="JMI706" s="613"/>
      <c r="JMJ706" s="613"/>
      <c r="JMK706" s="613"/>
      <c r="JML706" s="613"/>
      <c r="JMM706" s="613"/>
      <c r="JMN706" s="613"/>
      <c r="JMO706" s="613"/>
      <c r="JMP706" s="613"/>
      <c r="JMQ706" s="613"/>
      <c r="JMR706" s="613"/>
      <c r="JMS706" s="613"/>
      <c r="JMT706" s="613"/>
      <c r="JMU706" s="613"/>
      <c r="JMV706" s="613"/>
      <c r="JMW706" s="613"/>
      <c r="JMX706" s="613"/>
      <c r="JMY706" s="613"/>
      <c r="JMZ706" s="613"/>
      <c r="JNA706" s="613"/>
      <c r="JNB706" s="613"/>
      <c r="JNC706" s="613"/>
      <c r="JND706" s="613"/>
      <c r="JNE706" s="613"/>
      <c r="JNF706" s="613"/>
      <c r="JNG706" s="613"/>
      <c r="JNH706" s="613"/>
      <c r="JNI706" s="613"/>
      <c r="JNJ706" s="613"/>
      <c r="JNK706" s="613"/>
      <c r="JNL706" s="613"/>
      <c r="JNM706" s="613"/>
      <c r="JNN706" s="613"/>
      <c r="JNO706" s="613"/>
      <c r="JNP706" s="613"/>
      <c r="JNQ706" s="613"/>
      <c r="JNR706" s="613"/>
      <c r="JNS706" s="613"/>
      <c r="JNT706" s="613"/>
      <c r="JNU706" s="613"/>
      <c r="JNV706" s="613"/>
      <c r="JNW706" s="613"/>
      <c r="JNX706" s="613"/>
      <c r="JNY706" s="613"/>
      <c r="JNZ706" s="613"/>
      <c r="JOA706" s="613"/>
      <c r="JOB706" s="613"/>
      <c r="JOC706" s="613"/>
      <c r="JOD706" s="613"/>
      <c r="JOE706" s="613"/>
      <c r="JOF706" s="613"/>
      <c r="JOG706" s="613"/>
      <c r="JOH706" s="613"/>
      <c r="JOI706" s="613"/>
      <c r="JOJ706" s="613"/>
      <c r="JOK706" s="613"/>
      <c r="JOL706" s="613"/>
      <c r="JOM706" s="613"/>
      <c r="JON706" s="613"/>
      <c r="JOO706" s="613"/>
      <c r="JOP706" s="613"/>
      <c r="JOQ706" s="613"/>
      <c r="JOR706" s="613"/>
      <c r="JOS706" s="613"/>
      <c r="JOT706" s="613"/>
      <c r="JOU706" s="613"/>
      <c r="JOV706" s="613"/>
      <c r="JOW706" s="613"/>
      <c r="JOX706" s="613"/>
      <c r="JOY706" s="613"/>
      <c r="JOZ706" s="613"/>
      <c r="JPA706" s="613"/>
      <c r="JPB706" s="613"/>
      <c r="JPC706" s="613"/>
      <c r="JPD706" s="613"/>
      <c r="JPE706" s="613"/>
      <c r="JPF706" s="613"/>
      <c r="JPG706" s="613"/>
      <c r="JPH706" s="613"/>
      <c r="JPI706" s="613"/>
      <c r="JPJ706" s="613"/>
      <c r="JPK706" s="613"/>
      <c r="JPL706" s="613"/>
      <c r="JPM706" s="613"/>
      <c r="JPN706" s="613"/>
      <c r="JPO706" s="613"/>
      <c r="JPP706" s="613"/>
      <c r="JPQ706" s="613"/>
      <c r="JPR706" s="613"/>
      <c r="JPS706" s="613"/>
      <c r="JPT706" s="613"/>
      <c r="JPU706" s="613"/>
      <c r="JPV706" s="613"/>
      <c r="JPW706" s="613"/>
      <c r="JPX706" s="613"/>
      <c r="JPY706" s="613"/>
      <c r="JPZ706" s="613"/>
      <c r="JQA706" s="613"/>
      <c r="JQB706" s="613"/>
      <c r="JQC706" s="613"/>
      <c r="JQD706" s="613"/>
      <c r="JQE706" s="613"/>
      <c r="JQF706" s="613"/>
      <c r="JQG706" s="613"/>
      <c r="JQH706" s="613"/>
      <c r="JQI706" s="613"/>
      <c r="JQJ706" s="613"/>
      <c r="JQK706" s="613"/>
      <c r="JQL706" s="613"/>
      <c r="JQM706" s="613"/>
      <c r="JQN706" s="613"/>
      <c r="JQO706" s="613"/>
      <c r="JQP706" s="613"/>
      <c r="JQQ706" s="613"/>
      <c r="JQR706" s="613"/>
      <c r="JQS706" s="613"/>
      <c r="JQT706" s="613"/>
      <c r="JQU706" s="613"/>
      <c r="JQV706" s="613"/>
      <c r="JQW706" s="613"/>
      <c r="JQX706" s="613"/>
      <c r="JQY706" s="613"/>
      <c r="JQZ706" s="613"/>
      <c r="JRA706" s="613"/>
      <c r="JRB706" s="613"/>
      <c r="JRC706" s="613"/>
      <c r="JRD706" s="613"/>
      <c r="JRE706" s="613"/>
      <c r="JRF706" s="613"/>
      <c r="JRG706" s="613"/>
      <c r="JRH706" s="613"/>
      <c r="JRI706" s="613"/>
      <c r="JRJ706" s="613"/>
      <c r="JRK706" s="613"/>
      <c r="JRL706" s="613"/>
      <c r="JRM706" s="613"/>
      <c r="JRN706" s="613"/>
      <c r="JRO706" s="613"/>
      <c r="JRP706" s="613"/>
      <c r="JRQ706" s="613"/>
      <c r="JRR706" s="613"/>
      <c r="JRS706" s="613"/>
      <c r="JRT706" s="613"/>
      <c r="JRU706" s="613"/>
      <c r="JRV706" s="613"/>
      <c r="JRW706" s="613"/>
      <c r="JRX706" s="613"/>
      <c r="JRY706" s="613"/>
      <c r="JRZ706" s="613"/>
      <c r="JSA706" s="613"/>
      <c r="JSB706" s="613"/>
      <c r="JSC706" s="613"/>
      <c r="JSD706" s="613"/>
      <c r="JSE706" s="613"/>
      <c r="JSF706" s="613"/>
      <c r="JSG706" s="613"/>
      <c r="JSH706" s="613"/>
      <c r="JSI706" s="613"/>
      <c r="JSJ706" s="613"/>
      <c r="JSK706" s="613"/>
      <c r="JSL706" s="613"/>
      <c r="JSM706" s="613"/>
      <c r="JSN706" s="613"/>
      <c r="JSO706" s="613"/>
      <c r="JSP706" s="613"/>
      <c r="JSQ706" s="613"/>
      <c r="JSR706" s="613"/>
      <c r="JSS706" s="613"/>
      <c r="JST706" s="613"/>
      <c r="JSU706" s="613"/>
      <c r="JSV706" s="613"/>
      <c r="JSW706" s="613"/>
      <c r="JSX706" s="613"/>
      <c r="JSY706" s="613"/>
      <c r="JSZ706" s="613"/>
      <c r="JTA706" s="613"/>
      <c r="JTB706" s="613"/>
      <c r="JTC706" s="613"/>
      <c r="JTD706" s="613"/>
      <c r="JTE706" s="613"/>
      <c r="JTF706" s="613"/>
      <c r="JTG706" s="613"/>
      <c r="JTH706" s="613"/>
      <c r="JTI706" s="613"/>
      <c r="JTJ706" s="613"/>
      <c r="JTK706" s="613"/>
      <c r="JTL706" s="613"/>
      <c r="JTM706" s="613"/>
      <c r="JTN706" s="613"/>
      <c r="JTO706" s="613"/>
      <c r="JTP706" s="613"/>
      <c r="JTQ706" s="613"/>
      <c r="JTR706" s="613"/>
      <c r="JTS706" s="613"/>
      <c r="JTT706" s="613"/>
      <c r="JTU706" s="613"/>
      <c r="JTV706" s="613"/>
      <c r="JTW706" s="613"/>
      <c r="JTX706" s="613"/>
      <c r="JTY706" s="613"/>
      <c r="JTZ706" s="613"/>
      <c r="JUA706" s="613"/>
      <c r="JUB706" s="613"/>
      <c r="JUC706" s="613"/>
      <c r="JUD706" s="613"/>
      <c r="JUE706" s="613"/>
      <c r="JUF706" s="613"/>
      <c r="JUG706" s="613"/>
      <c r="JUH706" s="613"/>
      <c r="JUI706" s="613"/>
      <c r="JUJ706" s="613"/>
      <c r="JUK706" s="613"/>
      <c r="JUL706" s="613"/>
      <c r="JUM706" s="613"/>
      <c r="JUN706" s="613"/>
      <c r="JUO706" s="613"/>
      <c r="JUP706" s="613"/>
      <c r="JUQ706" s="613"/>
      <c r="JUR706" s="613"/>
      <c r="JUS706" s="613"/>
      <c r="JUT706" s="613"/>
      <c r="JUU706" s="613"/>
      <c r="JUV706" s="613"/>
      <c r="JUW706" s="613"/>
      <c r="JUX706" s="613"/>
      <c r="JUY706" s="613"/>
      <c r="JUZ706" s="613"/>
      <c r="JVA706" s="613"/>
      <c r="JVB706" s="613"/>
      <c r="JVC706" s="613"/>
      <c r="JVD706" s="613"/>
      <c r="JVE706" s="613"/>
      <c r="JVF706" s="613"/>
      <c r="JVG706" s="613"/>
      <c r="JVH706" s="613"/>
      <c r="JVI706" s="613"/>
      <c r="JVJ706" s="613"/>
      <c r="JVK706" s="613"/>
      <c r="JVL706" s="613"/>
      <c r="JVM706" s="613"/>
      <c r="JVN706" s="613"/>
      <c r="JVO706" s="613"/>
      <c r="JVP706" s="613"/>
      <c r="JVQ706" s="613"/>
      <c r="JVR706" s="613"/>
      <c r="JVS706" s="613"/>
      <c r="JVT706" s="613"/>
      <c r="JVU706" s="613"/>
      <c r="JVV706" s="613"/>
      <c r="JVW706" s="613"/>
      <c r="JVX706" s="613"/>
      <c r="JVY706" s="613"/>
      <c r="JVZ706" s="613"/>
      <c r="JWA706" s="613"/>
      <c r="JWB706" s="613"/>
      <c r="JWC706" s="613"/>
      <c r="JWD706" s="613"/>
      <c r="JWE706" s="613"/>
      <c r="JWF706" s="613"/>
      <c r="JWG706" s="613"/>
      <c r="JWH706" s="613"/>
      <c r="JWI706" s="613"/>
      <c r="JWJ706" s="613"/>
      <c r="JWK706" s="613"/>
      <c r="JWL706" s="613"/>
      <c r="JWM706" s="613"/>
      <c r="JWN706" s="613"/>
      <c r="JWO706" s="613"/>
      <c r="JWP706" s="613"/>
      <c r="JWQ706" s="613"/>
      <c r="JWR706" s="613"/>
      <c r="JWS706" s="613"/>
      <c r="JWT706" s="613"/>
      <c r="JWU706" s="613"/>
      <c r="JWV706" s="613"/>
      <c r="JWW706" s="613"/>
      <c r="JWX706" s="613"/>
      <c r="JWY706" s="613"/>
      <c r="JWZ706" s="613"/>
      <c r="JXA706" s="613"/>
      <c r="JXB706" s="613"/>
      <c r="JXC706" s="613"/>
      <c r="JXD706" s="613"/>
      <c r="JXE706" s="613"/>
      <c r="JXF706" s="613"/>
      <c r="JXG706" s="613"/>
      <c r="JXH706" s="613"/>
      <c r="JXI706" s="613"/>
      <c r="JXJ706" s="613"/>
      <c r="JXK706" s="613"/>
      <c r="JXL706" s="613"/>
      <c r="JXM706" s="613"/>
      <c r="JXN706" s="613"/>
      <c r="JXO706" s="613"/>
      <c r="JXP706" s="613"/>
      <c r="JXQ706" s="613"/>
      <c r="JXR706" s="613"/>
      <c r="JXS706" s="613"/>
      <c r="JXT706" s="613"/>
      <c r="JXU706" s="613"/>
      <c r="JXV706" s="613"/>
      <c r="JXW706" s="613"/>
      <c r="JXX706" s="613"/>
      <c r="JXY706" s="613"/>
      <c r="JXZ706" s="613"/>
      <c r="JYA706" s="613"/>
      <c r="JYB706" s="613"/>
      <c r="JYC706" s="613"/>
      <c r="JYD706" s="613"/>
      <c r="JYE706" s="613"/>
      <c r="JYF706" s="613"/>
      <c r="JYG706" s="613"/>
      <c r="JYH706" s="613"/>
      <c r="JYI706" s="613"/>
      <c r="JYJ706" s="613"/>
      <c r="JYK706" s="613"/>
      <c r="JYL706" s="613"/>
      <c r="JYM706" s="613"/>
      <c r="JYN706" s="613"/>
      <c r="JYO706" s="613"/>
      <c r="JYP706" s="613"/>
      <c r="JYQ706" s="613"/>
      <c r="JYR706" s="613"/>
      <c r="JYS706" s="613"/>
      <c r="JYT706" s="613"/>
      <c r="JYU706" s="613"/>
      <c r="JYV706" s="613"/>
      <c r="JYW706" s="613"/>
      <c r="JYX706" s="613"/>
      <c r="JYY706" s="613"/>
      <c r="JYZ706" s="613"/>
      <c r="JZA706" s="613"/>
      <c r="JZB706" s="613"/>
      <c r="JZC706" s="613"/>
      <c r="JZD706" s="613"/>
      <c r="JZE706" s="613"/>
      <c r="JZF706" s="613"/>
      <c r="JZG706" s="613"/>
      <c r="JZH706" s="613"/>
      <c r="JZI706" s="613"/>
      <c r="JZJ706" s="613"/>
      <c r="JZK706" s="613"/>
      <c r="JZL706" s="613"/>
      <c r="JZM706" s="613"/>
      <c r="JZN706" s="613"/>
      <c r="JZO706" s="613"/>
      <c r="JZP706" s="613"/>
      <c r="JZQ706" s="613"/>
      <c r="JZR706" s="613"/>
      <c r="JZS706" s="613"/>
      <c r="JZT706" s="613"/>
      <c r="JZU706" s="613"/>
      <c r="JZV706" s="613"/>
      <c r="JZW706" s="613"/>
      <c r="JZX706" s="613"/>
      <c r="JZY706" s="613"/>
      <c r="JZZ706" s="613"/>
      <c r="KAA706" s="613"/>
      <c r="KAB706" s="613"/>
      <c r="KAC706" s="613"/>
      <c r="KAD706" s="613"/>
      <c r="KAE706" s="613"/>
      <c r="KAF706" s="613"/>
      <c r="KAG706" s="613"/>
      <c r="KAH706" s="613"/>
      <c r="KAI706" s="613"/>
      <c r="KAJ706" s="613"/>
      <c r="KAK706" s="613"/>
      <c r="KAL706" s="613"/>
      <c r="KAM706" s="613"/>
      <c r="KAN706" s="613"/>
      <c r="KAO706" s="613"/>
      <c r="KAP706" s="613"/>
      <c r="KAQ706" s="613"/>
      <c r="KAR706" s="613"/>
      <c r="KAS706" s="613"/>
      <c r="KAT706" s="613"/>
      <c r="KAU706" s="613"/>
      <c r="KAV706" s="613"/>
      <c r="KAW706" s="613"/>
      <c r="KAX706" s="613"/>
      <c r="KAY706" s="613"/>
      <c r="KAZ706" s="613"/>
      <c r="KBA706" s="613"/>
      <c r="KBB706" s="613"/>
      <c r="KBC706" s="613"/>
      <c r="KBD706" s="613"/>
      <c r="KBE706" s="613"/>
      <c r="KBF706" s="613"/>
      <c r="KBG706" s="613"/>
      <c r="KBH706" s="613"/>
      <c r="KBI706" s="613"/>
      <c r="KBJ706" s="613"/>
      <c r="KBK706" s="613"/>
      <c r="KBL706" s="613"/>
      <c r="KBM706" s="613"/>
      <c r="KBN706" s="613"/>
      <c r="KBO706" s="613"/>
      <c r="KBP706" s="613"/>
      <c r="KBQ706" s="613"/>
      <c r="KBR706" s="613"/>
      <c r="KBS706" s="613"/>
      <c r="KBT706" s="613"/>
      <c r="KBU706" s="613"/>
      <c r="KBV706" s="613"/>
      <c r="KBW706" s="613"/>
      <c r="KBX706" s="613"/>
      <c r="KBY706" s="613"/>
      <c r="KBZ706" s="613"/>
      <c r="KCA706" s="613"/>
      <c r="KCB706" s="613"/>
      <c r="KCC706" s="613"/>
      <c r="KCD706" s="613"/>
      <c r="KCE706" s="613"/>
      <c r="KCF706" s="613"/>
      <c r="KCG706" s="613"/>
      <c r="KCH706" s="613"/>
      <c r="KCI706" s="613"/>
      <c r="KCJ706" s="613"/>
      <c r="KCK706" s="613"/>
      <c r="KCL706" s="613"/>
      <c r="KCM706" s="613"/>
      <c r="KCN706" s="613"/>
      <c r="KCO706" s="613"/>
      <c r="KCP706" s="613"/>
      <c r="KCQ706" s="613"/>
      <c r="KCR706" s="613"/>
      <c r="KCS706" s="613"/>
      <c r="KCT706" s="613"/>
      <c r="KCU706" s="613"/>
      <c r="KCV706" s="613"/>
      <c r="KCW706" s="613"/>
      <c r="KCX706" s="613"/>
      <c r="KCY706" s="613"/>
      <c r="KCZ706" s="613"/>
      <c r="KDA706" s="613"/>
      <c r="KDB706" s="613"/>
      <c r="KDC706" s="613"/>
      <c r="KDD706" s="613"/>
      <c r="KDE706" s="613"/>
      <c r="KDF706" s="613"/>
      <c r="KDG706" s="613"/>
      <c r="KDH706" s="613"/>
      <c r="KDI706" s="613"/>
      <c r="KDJ706" s="613"/>
      <c r="KDK706" s="613"/>
      <c r="KDL706" s="613"/>
      <c r="KDM706" s="613"/>
      <c r="KDN706" s="613"/>
      <c r="KDO706" s="613"/>
      <c r="KDP706" s="613"/>
      <c r="KDQ706" s="613"/>
      <c r="KDR706" s="613"/>
      <c r="KDS706" s="613"/>
      <c r="KDT706" s="613"/>
      <c r="KDU706" s="613"/>
      <c r="KDV706" s="613"/>
      <c r="KDW706" s="613"/>
      <c r="KDX706" s="613"/>
      <c r="KDY706" s="613"/>
      <c r="KDZ706" s="613"/>
      <c r="KEA706" s="613"/>
      <c r="KEB706" s="613"/>
      <c r="KEC706" s="613"/>
      <c r="KED706" s="613"/>
      <c r="KEE706" s="613"/>
      <c r="KEF706" s="613"/>
      <c r="KEG706" s="613"/>
      <c r="KEH706" s="613"/>
      <c r="KEI706" s="613"/>
      <c r="KEJ706" s="613"/>
      <c r="KEK706" s="613"/>
      <c r="KEL706" s="613"/>
      <c r="KEM706" s="613"/>
      <c r="KEN706" s="613"/>
      <c r="KEO706" s="613"/>
      <c r="KEP706" s="613"/>
      <c r="KEQ706" s="613"/>
      <c r="KER706" s="613"/>
      <c r="KES706" s="613"/>
      <c r="KET706" s="613"/>
      <c r="KEU706" s="613"/>
      <c r="KEV706" s="613"/>
      <c r="KEW706" s="613"/>
      <c r="KEX706" s="613"/>
      <c r="KEY706" s="613"/>
      <c r="KEZ706" s="613"/>
      <c r="KFA706" s="613"/>
      <c r="KFB706" s="613"/>
      <c r="KFC706" s="613"/>
      <c r="KFD706" s="613"/>
      <c r="KFE706" s="613"/>
      <c r="KFF706" s="613"/>
      <c r="KFG706" s="613"/>
      <c r="KFH706" s="613"/>
      <c r="KFI706" s="613"/>
      <c r="KFJ706" s="613"/>
      <c r="KFK706" s="613"/>
      <c r="KFL706" s="613"/>
      <c r="KFM706" s="613"/>
      <c r="KFN706" s="613"/>
      <c r="KFO706" s="613"/>
      <c r="KFP706" s="613"/>
      <c r="KFQ706" s="613"/>
      <c r="KFR706" s="613"/>
      <c r="KFS706" s="613"/>
      <c r="KFT706" s="613"/>
      <c r="KFU706" s="613"/>
      <c r="KFV706" s="613"/>
      <c r="KFW706" s="613"/>
      <c r="KFX706" s="613"/>
      <c r="KFY706" s="613"/>
      <c r="KFZ706" s="613"/>
      <c r="KGA706" s="613"/>
      <c r="KGB706" s="613"/>
      <c r="KGC706" s="613"/>
      <c r="KGD706" s="613"/>
      <c r="KGE706" s="613"/>
      <c r="KGF706" s="613"/>
      <c r="KGG706" s="613"/>
      <c r="KGH706" s="613"/>
      <c r="KGI706" s="613"/>
      <c r="KGJ706" s="613"/>
      <c r="KGK706" s="613"/>
      <c r="KGL706" s="613"/>
      <c r="KGM706" s="613"/>
      <c r="KGN706" s="613"/>
      <c r="KGO706" s="613"/>
      <c r="KGP706" s="613"/>
      <c r="KGQ706" s="613"/>
      <c r="KGR706" s="613"/>
      <c r="KGS706" s="613"/>
      <c r="KGT706" s="613"/>
      <c r="KGU706" s="613"/>
      <c r="KGV706" s="613"/>
      <c r="KGW706" s="613"/>
      <c r="KGX706" s="613"/>
      <c r="KGY706" s="613"/>
      <c r="KGZ706" s="613"/>
      <c r="KHA706" s="613"/>
      <c r="KHB706" s="613"/>
      <c r="KHC706" s="613"/>
      <c r="KHD706" s="613"/>
      <c r="KHE706" s="613"/>
      <c r="KHF706" s="613"/>
      <c r="KHG706" s="613"/>
      <c r="KHH706" s="613"/>
      <c r="KHI706" s="613"/>
      <c r="KHJ706" s="613"/>
      <c r="KHK706" s="613"/>
      <c r="KHL706" s="613"/>
      <c r="KHM706" s="613"/>
      <c r="KHN706" s="613"/>
      <c r="KHO706" s="613"/>
      <c r="KHP706" s="613"/>
      <c r="KHQ706" s="613"/>
      <c r="KHR706" s="613"/>
      <c r="KHS706" s="613"/>
      <c r="KHT706" s="613"/>
      <c r="KHU706" s="613"/>
      <c r="KHV706" s="613"/>
      <c r="KHW706" s="613"/>
      <c r="KHX706" s="613"/>
      <c r="KHY706" s="613"/>
      <c r="KHZ706" s="613"/>
      <c r="KIA706" s="613"/>
      <c r="KIB706" s="613"/>
      <c r="KIC706" s="613"/>
      <c r="KID706" s="613"/>
      <c r="KIE706" s="613"/>
      <c r="KIF706" s="613"/>
      <c r="KIG706" s="613"/>
      <c r="KIH706" s="613"/>
      <c r="KII706" s="613"/>
      <c r="KIJ706" s="613"/>
      <c r="KIK706" s="613"/>
      <c r="KIL706" s="613"/>
      <c r="KIM706" s="613"/>
      <c r="KIN706" s="613"/>
      <c r="KIO706" s="613"/>
      <c r="KIP706" s="613"/>
      <c r="KIQ706" s="613"/>
      <c r="KIR706" s="613"/>
      <c r="KIS706" s="613"/>
      <c r="KIT706" s="613"/>
      <c r="KIU706" s="613"/>
      <c r="KIV706" s="613"/>
      <c r="KIW706" s="613"/>
      <c r="KIX706" s="613"/>
      <c r="KIY706" s="613"/>
      <c r="KIZ706" s="613"/>
      <c r="KJA706" s="613"/>
      <c r="KJB706" s="613"/>
      <c r="KJC706" s="613"/>
      <c r="KJD706" s="613"/>
      <c r="KJE706" s="613"/>
      <c r="KJF706" s="613"/>
      <c r="KJG706" s="613"/>
      <c r="KJH706" s="613"/>
      <c r="KJI706" s="613"/>
      <c r="KJJ706" s="613"/>
      <c r="KJK706" s="613"/>
      <c r="KJL706" s="613"/>
      <c r="KJM706" s="613"/>
      <c r="KJN706" s="613"/>
      <c r="KJO706" s="613"/>
      <c r="KJP706" s="613"/>
      <c r="KJQ706" s="613"/>
      <c r="KJR706" s="613"/>
      <c r="KJS706" s="613"/>
      <c r="KJT706" s="613"/>
      <c r="KJU706" s="613"/>
      <c r="KJV706" s="613"/>
      <c r="KJW706" s="613"/>
      <c r="KJX706" s="613"/>
      <c r="KJY706" s="613"/>
      <c r="KJZ706" s="613"/>
      <c r="KKA706" s="613"/>
      <c r="KKB706" s="613"/>
      <c r="KKC706" s="613"/>
      <c r="KKD706" s="613"/>
      <c r="KKE706" s="613"/>
      <c r="KKF706" s="613"/>
      <c r="KKG706" s="613"/>
      <c r="KKH706" s="613"/>
      <c r="KKI706" s="613"/>
      <c r="KKJ706" s="613"/>
      <c r="KKK706" s="613"/>
      <c r="KKL706" s="613"/>
      <c r="KKM706" s="613"/>
      <c r="KKN706" s="613"/>
      <c r="KKO706" s="613"/>
      <c r="KKP706" s="613"/>
      <c r="KKQ706" s="613"/>
      <c r="KKR706" s="613"/>
      <c r="KKS706" s="613"/>
      <c r="KKT706" s="613"/>
      <c r="KKU706" s="613"/>
      <c r="KKV706" s="613"/>
      <c r="KKW706" s="613"/>
      <c r="KKX706" s="613"/>
      <c r="KKY706" s="613"/>
      <c r="KKZ706" s="613"/>
      <c r="KLA706" s="613"/>
      <c r="KLB706" s="613"/>
      <c r="KLC706" s="613"/>
      <c r="KLD706" s="613"/>
      <c r="KLE706" s="613"/>
      <c r="KLF706" s="613"/>
      <c r="KLG706" s="613"/>
      <c r="KLH706" s="613"/>
      <c r="KLI706" s="613"/>
      <c r="KLJ706" s="613"/>
      <c r="KLK706" s="613"/>
      <c r="KLL706" s="613"/>
      <c r="KLM706" s="613"/>
      <c r="KLN706" s="613"/>
      <c r="KLO706" s="613"/>
      <c r="KLP706" s="613"/>
      <c r="KLQ706" s="613"/>
      <c r="KLR706" s="613"/>
      <c r="KLS706" s="613"/>
      <c r="KLT706" s="613"/>
      <c r="KLU706" s="613"/>
      <c r="KLV706" s="613"/>
      <c r="KLW706" s="613"/>
      <c r="KLX706" s="613"/>
      <c r="KLY706" s="613"/>
      <c r="KLZ706" s="613"/>
      <c r="KMA706" s="613"/>
      <c r="KMB706" s="613"/>
      <c r="KMC706" s="613"/>
      <c r="KMD706" s="613"/>
      <c r="KME706" s="613"/>
      <c r="KMF706" s="613"/>
      <c r="KMG706" s="613"/>
      <c r="KMH706" s="613"/>
      <c r="KMI706" s="613"/>
      <c r="KMJ706" s="613"/>
      <c r="KMK706" s="613"/>
      <c r="KML706" s="613"/>
      <c r="KMM706" s="613"/>
      <c r="KMN706" s="613"/>
      <c r="KMO706" s="613"/>
      <c r="KMP706" s="613"/>
      <c r="KMQ706" s="613"/>
      <c r="KMR706" s="613"/>
      <c r="KMS706" s="613"/>
      <c r="KMT706" s="613"/>
      <c r="KMU706" s="613"/>
      <c r="KMV706" s="613"/>
      <c r="KMW706" s="613"/>
      <c r="KMX706" s="613"/>
      <c r="KMY706" s="613"/>
      <c r="KMZ706" s="613"/>
      <c r="KNA706" s="613"/>
      <c r="KNB706" s="613"/>
      <c r="KNC706" s="613"/>
      <c r="KND706" s="613"/>
      <c r="KNE706" s="613"/>
      <c r="KNF706" s="613"/>
      <c r="KNG706" s="613"/>
      <c r="KNH706" s="613"/>
      <c r="KNI706" s="613"/>
      <c r="KNJ706" s="613"/>
      <c r="KNK706" s="613"/>
      <c r="KNL706" s="613"/>
      <c r="KNM706" s="613"/>
      <c r="KNN706" s="613"/>
      <c r="KNO706" s="613"/>
      <c r="KNP706" s="613"/>
      <c r="KNQ706" s="613"/>
      <c r="KNR706" s="613"/>
      <c r="KNS706" s="613"/>
      <c r="KNT706" s="613"/>
      <c r="KNU706" s="613"/>
      <c r="KNV706" s="613"/>
      <c r="KNW706" s="613"/>
      <c r="KNX706" s="613"/>
      <c r="KNY706" s="613"/>
      <c r="KNZ706" s="613"/>
      <c r="KOA706" s="613"/>
      <c r="KOB706" s="613"/>
      <c r="KOC706" s="613"/>
      <c r="KOD706" s="613"/>
      <c r="KOE706" s="613"/>
      <c r="KOF706" s="613"/>
      <c r="KOG706" s="613"/>
      <c r="KOH706" s="613"/>
      <c r="KOI706" s="613"/>
      <c r="KOJ706" s="613"/>
      <c r="KOK706" s="613"/>
      <c r="KOL706" s="613"/>
      <c r="KOM706" s="613"/>
      <c r="KON706" s="613"/>
      <c r="KOO706" s="613"/>
      <c r="KOP706" s="613"/>
      <c r="KOQ706" s="613"/>
      <c r="KOR706" s="613"/>
      <c r="KOS706" s="613"/>
      <c r="KOT706" s="613"/>
      <c r="KOU706" s="613"/>
      <c r="KOV706" s="613"/>
      <c r="KOW706" s="613"/>
      <c r="KOX706" s="613"/>
      <c r="KOY706" s="613"/>
      <c r="KOZ706" s="613"/>
      <c r="KPA706" s="613"/>
      <c r="KPB706" s="613"/>
      <c r="KPC706" s="613"/>
      <c r="KPD706" s="613"/>
      <c r="KPE706" s="613"/>
      <c r="KPF706" s="613"/>
      <c r="KPG706" s="613"/>
      <c r="KPH706" s="613"/>
      <c r="KPI706" s="613"/>
      <c r="KPJ706" s="613"/>
      <c r="KPK706" s="613"/>
      <c r="KPL706" s="613"/>
      <c r="KPM706" s="613"/>
      <c r="KPN706" s="613"/>
      <c r="KPO706" s="613"/>
      <c r="KPP706" s="613"/>
      <c r="KPQ706" s="613"/>
      <c r="KPR706" s="613"/>
      <c r="KPS706" s="613"/>
      <c r="KPT706" s="613"/>
      <c r="KPU706" s="613"/>
      <c r="KPV706" s="613"/>
      <c r="KPW706" s="613"/>
      <c r="KPX706" s="613"/>
      <c r="KPY706" s="613"/>
      <c r="KPZ706" s="613"/>
      <c r="KQA706" s="613"/>
      <c r="KQB706" s="613"/>
      <c r="KQC706" s="613"/>
      <c r="KQD706" s="613"/>
      <c r="KQE706" s="613"/>
      <c r="KQF706" s="613"/>
      <c r="KQG706" s="613"/>
      <c r="KQH706" s="613"/>
      <c r="KQI706" s="613"/>
      <c r="KQJ706" s="613"/>
      <c r="KQK706" s="613"/>
      <c r="KQL706" s="613"/>
      <c r="KQM706" s="613"/>
      <c r="KQN706" s="613"/>
      <c r="KQO706" s="613"/>
      <c r="KQP706" s="613"/>
      <c r="KQQ706" s="613"/>
      <c r="KQR706" s="613"/>
      <c r="KQS706" s="613"/>
      <c r="KQT706" s="613"/>
      <c r="KQU706" s="613"/>
      <c r="KQV706" s="613"/>
      <c r="KQW706" s="613"/>
      <c r="KQX706" s="613"/>
      <c r="KQY706" s="613"/>
      <c r="KQZ706" s="613"/>
      <c r="KRA706" s="613"/>
      <c r="KRB706" s="613"/>
      <c r="KRC706" s="613"/>
      <c r="KRD706" s="613"/>
      <c r="KRE706" s="613"/>
      <c r="KRF706" s="613"/>
      <c r="KRG706" s="613"/>
      <c r="KRH706" s="613"/>
      <c r="KRI706" s="613"/>
      <c r="KRJ706" s="613"/>
      <c r="KRK706" s="613"/>
      <c r="KRL706" s="613"/>
      <c r="KRM706" s="613"/>
      <c r="KRN706" s="613"/>
      <c r="KRO706" s="613"/>
      <c r="KRP706" s="613"/>
      <c r="KRQ706" s="613"/>
      <c r="KRR706" s="613"/>
      <c r="KRS706" s="613"/>
      <c r="KRT706" s="613"/>
      <c r="KRU706" s="613"/>
      <c r="KRV706" s="613"/>
      <c r="KRW706" s="613"/>
      <c r="KRX706" s="613"/>
      <c r="KRY706" s="613"/>
      <c r="KRZ706" s="613"/>
      <c r="KSA706" s="613"/>
      <c r="KSB706" s="613"/>
      <c r="KSC706" s="613"/>
      <c r="KSD706" s="613"/>
      <c r="KSE706" s="613"/>
      <c r="KSF706" s="613"/>
      <c r="KSG706" s="613"/>
      <c r="KSH706" s="613"/>
      <c r="KSI706" s="613"/>
      <c r="KSJ706" s="613"/>
      <c r="KSK706" s="613"/>
      <c r="KSL706" s="613"/>
      <c r="KSM706" s="613"/>
      <c r="KSN706" s="613"/>
      <c r="KSO706" s="613"/>
      <c r="KSP706" s="613"/>
      <c r="KSQ706" s="613"/>
      <c r="KSR706" s="613"/>
      <c r="KSS706" s="613"/>
      <c r="KST706" s="613"/>
      <c r="KSU706" s="613"/>
      <c r="KSV706" s="613"/>
      <c r="KSW706" s="613"/>
      <c r="KSX706" s="613"/>
      <c r="KSY706" s="613"/>
      <c r="KSZ706" s="613"/>
      <c r="KTA706" s="613"/>
      <c r="KTB706" s="613"/>
      <c r="KTC706" s="613"/>
      <c r="KTD706" s="613"/>
      <c r="KTE706" s="613"/>
      <c r="KTF706" s="613"/>
      <c r="KTG706" s="613"/>
      <c r="KTH706" s="613"/>
      <c r="KTI706" s="613"/>
      <c r="KTJ706" s="613"/>
      <c r="KTK706" s="613"/>
      <c r="KTL706" s="613"/>
      <c r="KTM706" s="613"/>
      <c r="KTN706" s="613"/>
      <c r="KTO706" s="613"/>
      <c r="KTP706" s="613"/>
      <c r="KTQ706" s="613"/>
      <c r="KTR706" s="613"/>
      <c r="KTS706" s="613"/>
      <c r="KTT706" s="613"/>
      <c r="KTU706" s="613"/>
      <c r="KTV706" s="613"/>
      <c r="KTW706" s="613"/>
      <c r="KTX706" s="613"/>
      <c r="KTY706" s="613"/>
      <c r="KTZ706" s="613"/>
      <c r="KUA706" s="613"/>
      <c r="KUB706" s="613"/>
      <c r="KUC706" s="613"/>
      <c r="KUD706" s="613"/>
      <c r="KUE706" s="613"/>
      <c r="KUF706" s="613"/>
      <c r="KUG706" s="613"/>
      <c r="KUH706" s="613"/>
      <c r="KUI706" s="613"/>
      <c r="KUJ706" s="613"/>
      <c r="KUK706" s="613"/>
      <c r="KUL706" s="613"/>
      <c r="KUM706" s="613"/>
      <c r="KUN706" s="613"/>
      <c r="KUO706" s="613"/>
      <c r="KUP706" s="613"/>
      <c r="KUQ706" s="613"/>
      <c r="KUR706" s="613"/>
      <c r="KUS706" s="613"/>
      <c r="KUT706" s="613"/>
      <c r="KUU706" s="613"/>
      <c r="KUV706" s="613"/>
      <c r="KUW706" s="613"/>
      <c r="KUX706" s="613"/>
      <c r="KUY706" s="613"/>
      <c r="KUZ706" s="613"/>
      <c r="KVA706" s="613"/>
      <c r="KVB706" s="613"/>
      <c r="KVC706" s="613"/>
      <c r="KVD706" s="613"/>
      <c r="KVE706" s="613"/>
      <c r="KVF706" s="613"/>
      <c r="KVG706" s="613"/>
      <c r="KVH706" s="613"/>
      <c r="KVI706" s="613"/>
      <c r="KVJ706" s="613"/>
      <c r="KVK706" s="613"/>
      <c r="KVL706" s="613"/>
      <c r="KVM706" s="613"/>
      <c r="KVN706" s="613"/>
      <c r="KVO706" s="613"/>
      <c r="KVP706" s="613"/>
      <c r="KVQ706" s="613"/>
      <c r="KVR706" s="613"/>
      <c r="KVS706" s="613"/>
      <c r="KVT706" s="613"/>
      <c r="KVU706" s="613"/>
      <c r="KVV706" s="613"/>
      <c r="KVW706" s="613"/>
      <c r="KVX706" s="613"/>
      <c r="KVY706" s="613"/>
      <c r="KVZ706" s="613"/>
      <c r="KWA706" s="613"/>
      <c r="KWB706" s="613"/>
      <c r="KWC706" s="613"/>
      <c r="KWD706" s="613"/>
      <c r="KWE706" s="613"/>
      <c r="KWF706" s="613"/>
      <c r="KWG706" s="613"/>
      <c r="KWH706" s="613"/>
      <c r="KWI706" s="613"/>
      <c r="KWJ706" s="613"/>
      <c r="KWK706" s="613"/>
      <c r="KWL706" s="613"/>
      <c r="KWM706" s="613"/>
      <c r="KWN706" s="613"/>
      <c r="KWO706" s="613"/>
      <c r="KWP706" s="613"/>
      <c r="KWQ706" s="613"/>
      <c r="KWR706" s="613"/>
      <c r="KWS706" s="613"/>
      <c r="KWT706" s="613"/>
      <c r="KWU706" s="613"/>
      <c r="KWV706" s="613"/>
      <c r="KWW706" s="613"/>
      <c r="KWX706" s="613"/>
      <c r="KWY706" s="613"/>
      <c r="KWZ706" s="613"/>
      <c r="KXA706" s="613"/>
      <c r="KXB706" s="613"/>
      <c r="KXC706" s="613"/>
      <c r="KXD706" s="613"/>
      <c r="KXE706" s="613"/>
      <c r="KXF706" s="613"/>
      <c r="KXG706" s="613"/>
      <c r="KXH706" s="613"/>
      <c r="KXI706" s="613"/>
      <c r="KXJ706" s="613"/>
      <c r="KXK706" s="613"/>
      <c r="KXL706" s="613"/>
      <c r="KXM706" s="613"/>
      <c r="KXN706" s="613"/>
      <c r="KXO706" s="613"/>
      <c r="KXP706" s="613"/>
      <c r="KXQ706" s="613"/>
      <c r="KXR706" s="613"/>
      <c r="KXS706" s="613"/>
      <c r="KXT706" s="613"/>
      <c r="KXU706" s="613"/>
      <c r="KXV706" s="613"/>
      <c r="KXW706" s="613"/>
      <c r="KXX706" s="613"/>
      <c r="KXY706" s="613"/>
      <c r="KXZ706" s="613"/>
      <c r="KYA706" s="613"/>
      <c r="KYB706" s="613"/>
      <c r="KYC706" s="613"/>
      <c r="KYD706" s="613"/>
      <c r="KYE706" s="613"/>
      <c r="KYF706" s="613"/>
      <c r="KYG706" s="613"/>
      <c r="KYH706" s="613"/>
      <c r="KYI706" s="613"/>
      <c r="KYJ706" s="613"/>
      <c r="KYK706" s="613"/>
      <c r="KYL706" s="613"/>
      <c r="KYM706" s="613"/>
      <c r="KYN706" s="613"/>
      <c r="KYO706" s="613"/>
      <c r="KYP706" s="613"/>
      <c r="KYQ706" s="613"/>
      <c r="KYR706" s="613"/>
      <c r="KYS706" s="613"/>
      <c r="KYT706" s="613"/>
      <c r="KYU706" s="613"/>
      <c r="KYV706" s="613"/>
      <c r="KYW706" s="613"/>
      <c r="KYX706" s="613"/>
      <c r="KYY706" s="613"/>
      <c r="KYZ706" s="613"/>
      <c r="KZA706" s="613"/>
      <c r="KZB706" s="613"/>
      <c r="KZC706" s="613"/>
      <c r="KZD706" s="613"/>
      <c r="KZE706" s="613"/>
      <c r="KZF706" s="613"/>
      <c r="KZG706" s="613"/>
      <c r="KZH706" s="613"/>
      <c r="KZI706" s="613"/>
      <c r="KZJ706" s="613"/>
      <c r="KZK706" s="613"/>
      <c r="KZL706" s="613"/>
      <c r="KZM706" s="613"/>
      <c r="KZN706" s="613"/>
      <c r="KZO706" s="613"/>
      <c r="KZP706" s="613"/>
      <c r="KZQ706" s="613"/>
      <c r="KZR706" s="613"/>
      <c r="KZS706" s="613"/>
      <c r="KZT706" s="613"/>
      <c r="KZU706" s="613"/>
      <c r="KZV706" s="613"/>
      <c r="KZW706" s="613"/>
      <c r="KZX706" s="613"/>
      <c r="KZY706" s="613"/>
      <c r="KZZ706" s="613"/>
      <c r="LAA706" s="613"/>
      <c r="LAB706" s="613"/>
      <c r="LAC706" s="613"/>
      <c r="LAD706" s="613"/>
      <c r="LAE706" s="613"/>
      <c r="LAF706" s="613"/>
      <c r="LAG706" s="613"/>
      <c r="LAH706" s="613"/>
      <c r="LAI706" s="613"/>
      <c r="LAJ706" s="613"/>
      <c r="LAK706" s="613"/>
      <c r="LAL706" s="613"/>
      <c r="LAM706" s="613"/>
      <c r="LAN706" s="613"/>
      <c r="LAO706" s="613"/>
      <c r="LAP706" s="613"/>
      <c r="LAQ706" s="613"/>
      <c r="LAR706" s="613"/>
      <c r="LAS706" s="613"/>
      <c r="LAT706" s="613"/>
      <c r="LAU706" s="613"/>
      <c r="LAV706" s="613"/>
      <c r="LAW706" s="613"/>
      <c r="LAX706" s="613"/>
      <c r="LAY706" s="613"/>
      <c r="LAZ706" s="613"/>
      <c r="LBA706" s="613"/>
      <c r="LBB706" s="613"/>
      <c r="LBC706" s="613"/>
      <c r="LBD706" s="613"/>
      <c r="LBE706" s="613"/>
      <c r="LBF706" s="613"/>
      <c r="LBG706" s="613"/>
      <c r="LBH706" s="613"/>
      <c r="LBI706" s="613"/>
      <c r="LBJ706" s="613"/>
      <c r="LBK706" s="613"/>
      <c r="LBL706" s="613"/>
      <c r="LBM706" s="613"/>
      <c r="LBN706" s="613"/>
      <c r="LBO706" s="613"/>
      <c r="LBP706" s="613"/>
      <c r="LBQ706" s="613"/>
      <c r="LBR706" s="613"/>
      <c r="LBS706" s="613"/>
      <c r="LBT706" s="613"/>
      <c r="LBU706" s="613"/>
      <c r="LBV706" s="613"/>
      <c r="LBW706" s="613"/>
      <c r="LBX706" s="613"/>
      <c r="LBY706" s="613"/>
      <c r="LBZ706" s="613"/>
      <c r="LCA706" s="613"/>
      <c r="LCB706" s="613"/>
      <c r="LCC706" s="613"/>
      <c r="LCD706" s="613"/>
      <c r="LCE706" s="613"/>
      <c r="LCF706" s="613"/>
      <c r="LCG706" s="613"/>
      <c r="LCH706" s="613"/>
      <c r="LCI706" s="613"/>
      <c r="LCJ706" s="613"/>
      <c r="LCK706" s="613"/>
      <c r="LCL706" s="613"/>
      <c r="LCM706" s="613"/>
      <c r="LCN706" s="613"/>
      <c r="LCO706" s="613"/>
      <c r="LCP706" s="613"/>
      <c r="LCQ706" s="613"/>
      <c r="LCR706" s="613"/>
      <c r="LCS706" s="613"/>
      <c r="LCT706" s="613"/>
      <c r="LCU706" s="613"/>
      <c r="LCV706" s="613"/>
      <c r="LCW706" s="613"/>
      <c r="LCX706" s="613"/>
      <c r="LCY706" s="613"/>
      <c r="LCZ706" s="613"/>
      <c r="LDA706" s="613"/>
      <c r="LDB706" s="613"/>
      <c r="LDC706" s="613"/>
      <c r="LDD706" s="613"/>
      <c r="LDE706" s="613"/>
      <c r="LDF706" s="613"/>
      <c r="LDG706" s="613"/>
      <c r="LDH706" s="613"/>
      <c r="LDI706" s="613"/>
      <c r="LDJ706" s="613"/>
      <c r="LDK706" s="613"/>
      <c r="LDL706" s="613"/>
      <c r="LDM706" s="613"/>
      <c r="LDN706" s="613"/>
      <c r="LDO706" s="613"/>
      <c r="LDP706" s="613"/>
      <c r="LDQ706" s="613"/>
      <c r="LDR706" s="613"/>
      <c r="LDS706" s="613"/>
      <c r="LDT706" s="613"/>
      <c r="LDU706" s="613"/>
      <c r="LDV706" s="613"/>
      <c r="LDW706" s="613"/>
      <c r="LDX706" s="613"/>
      <c r="LDY706" s="613"/>
      <c r="LDZ706" s="613"/>
      <c r="LEA706" s="613"/>
      <c r="LEB706" s="613"/>
      <c r="LEC706" s="613"/>
      <c r="LED706" s="613"/>
      <c r="LEE706" s="613"/>
      <c r="LEF706" s="613"/>
      <c r="LEG706" s="613"/>
      <c r="LEH706" s="613"/>
      <c r="LEI706" s="613"/>
      <c r="LEJ706" s="613"/>
      <c r="LEK706" s="613"/>
      <c r="LEL706" s="613"/>
      <c r="LEM706" s="613"/>
      <c r="LEN706" s="613"/>
      <c r="LEO706" s="613"/>
      <c r="LEP706" s="613"/>
      <c r="LEQ706" s="613"/>
      <c r="LER706" s="613"/>
      <c r="LES706" s="613"/>
      <c r="LET706" s="613"/>
      <c r="LEU706" s="613"/>
      <c r="LEV706" s="613"/>
      <c r="LEW706" s="613"/>
      <c r="LEX706" s="613"/>
      <c r="LEY706" s="613"/>
      <c r="LEZ706" s="613"/>
      <c r="LFA706" s="613"/>
      <c r="LFB706" s="613"/>
      <c r="LFC706" s="613"/>
      <c r="LFD706" s="613"/>
      <c r="LFE706" s="613"/>
      <c r="LFF706" s="613"/>
      <c r="LFG706" s="613"/>
      <c r="LFH706" s="613"/>
      <c r="LFI706" s="613"/>
      <c r="LFJ706" s="613"/>
      <c r="LFK706" s="613"/>
      <c r="LFL706" s="613"/>
      <c r="LFM706" s="613"/>
      <c r="LFN706" s="613"/>
      <c r="LFO706" s="613"/>
      <c r="LFP706" s="613"/>
      <c r="LFQ706" s="613"/>
      <c r="LFR706" s="613"/>
      <c r="LFS706" s="613"/>
      <c r="LFT706" s="613"/>
      <c r="LFU706" s="613"/>
      <c r="LFV706" s="613"/>
      <c r="LFW706" s="613"/>
      <c r="LFX706" s="613"/>
      <c r="LFY706" s="613"/>
      <c r="LFZ706" s="613"/>
      <c r="LGA706" s="613"/>
      <c r="LGB706" s="613"/>
      <c r="LGC706" s="613"/>
      <c r="LGD706" s="613"/>
      <c r="LGE706" s="613"/>
      <c r="LGF706" s="613"/>
      <c r="LGG706" s="613"/>
      <c r="LGH706" s="613"/>
      <c r="LGI706" s="613"/>
      <c r="LGJ706" s="613"/>
      <c r="LGK706" s="613"/>
      <c r="LGL706" s="613"/>
      <c r="LGM706" s="613"/>
      <c r="LGN706" s="613"/>
      <c r="LGO706" s="613"/>
      <c r="LGP706" s="613"/>
      <c r="LGQ706" s="613"/>
      <c r="LGR706" s="613"/>
      <c r="LGS706" s="613"/>
      <c r="LGT706" s="613"/>
      <c r="LGU706" s="613"/>
      <c r="LGV706" s="613"/>
      <c r="LGW706" s="613"/>
      <c r="LGX706" s="613"/>
      <c r="LGY706" s="613"/>
      <c r="LGZ706" s="613"/>
      <c r="LHA706" s="613"/>
      <c r="LHB706" s="613"/>
      <c r="LHC706" s="613"/>
      <c r="LHD706" s="613"/>
      <c r="LHE706" s="613"/>
      <c r="LHF706" s="613"/>
      <c r="LHG706" s="613"/>
      <c r="LHH706" s="613"/>
      <c r="LHI706" s="613"/>
      <c r="LHJ706" s="613"/>
      <c r="LHK706" s="613"/>
      <c r="LHL706" s="613"/>
      <c r="LHM706" s="613"/>
      <c r="LHN706" s="613"/>
      <c r="LHO706" s="613"/>
      <c r="LHP706" s="613"/>
      <c r="LHQ706" s="613"/>
      <c r="LHR706" s="613"/>
      <c r="LHS706" s="613"/>
      <c r="LHT706" s="613"/>
      <c r="LHU706" s="613"/>
      <c r="LHV706" s="613"/>
      <c r="LHW706" s="613"/>
      <c r="LHX706" s="613"/>
      <c r="LHY706" s="613"/>
      <c r="LHZ706" s="613"/>
      <c r="LIA706" s="613"/>
      <c r="LIB706" s="613"/>
      <c r="LIC706" s="613"/>
      <c r="LID706" s="613"/>
      <c r="LIE706" s="613"/>
      <c r="LIF706" s="613"/>
      <c r="LIG706" s="613"/>
      <c r="LIH706" s="613"/>
      <c r="LII706" s="613"/>
      <c r="LIJ706" s="613"/>
      <c r="LIK706" s="613"/>
      <c r="LIL706" s="613"/>
      <c r="LIM706" s="613"/>
      <c r="LIN706" s="613"/>
      <c r="LIO706" s="613"/>
      <c r="LIP706" s="613"/>
      <c r="LIQ706" s="613"/>
      <c r="LIR706" s="613"/>
      <c r="LIS706" s="613"/>
      <c r="LIT706" s="613"/>
      <c r="LIU706" s="613"/>
      <c r="LIV706" s="613"/>
      <c r="LIW706" s="613"/>
      <c r="LIX706" s="613"/>
      <c r="LIY706" s="613"/>
      <c r="LIZ706" s="613"/>
      <c r="LJA706" s="613"/>
      <c r="LJB706" s="613"/>
      <c r="LJC706" s="613"/>
      <c r="LJD706" s="613"/>
      <c r="LJE706" s="613"/>
      <c r="LJF706" s="613"/>
      <c r="LJG706" s="613"/>
      <c r="LJH706" s="613"/>
      <c r="LJI706" s="613"/>
      <c r="LJJ706" s="613"/>
      <c r="LJK706" s="613"/>
      <c r="LJL706" s="613"/>
      <c r="LJM706" s="613"/>
      <c r="LJN706" s="613"/>
      <c r="LJO706" s="613"/>
      <c r="LJP706" s="613"/>
      <c r="LJQ706" s="613"/>
      <c r="LJR706" s="613"/>
      <c r="LJS706" s="613"/>
      <c r="LJT706" s="613"/>
      <c r="LJU706" s="613"/>
      <c r="LJV706" s="613"/>
      <c r="LJW706" s="613"/>
      <c r="LJX706" s="613"/>
      <c r="LJY706" s="613"/>
      <c r="LJZ706" s="613"/>
      <c r="LKA706" s="613"/>
      <c r="LKB706" s="613"/>
      <c r="LKC706" s="613"/>
      <c r="LKD706" s="613"/>
      <c r="LKE706" s="613"/>
      <c r="LKF706" s="613"/>
      <c r="LKG706" s="613"/>
      <c r="LKH706" s="613"/>
      <c r="LKI706" s="613"/>
      <c r="LKJ706" s="613"/>
      <c r="LKK706" s="613"/>
      <c r="LKL706" s="613"/>
      <c r="LKM706" s="613"/>
      <c r="LKN706" s="613"/>
      <c r="LKO706" s="613"/>
      <c r="LKP706" s="613"/>
      <c r="LKQ706" s="613"/>
      <c r="LKR706" s="613"/>
      <c r="LKS706" s="613"/>
      <c r="LKT706" s="613"/>
      <c r="LKU706" s="613"/>
      <c r="LKV706" s="613"/>
      <c r="LKW706" s="613"/>
      <c r="LKX706" s="613"/>
      <c r="LKY706" s="613"/>
      <c r="LKZ706" s="613"/>
      <c r="LLA706" s="613"/>
      <c r="LLB706" s="613"/>
      <c r="LLC706" s="613"/>
      <c r="LLD706" s="613"/>
      <c r="LLE706" s="613"/>
      <c r="LLF706" s="613"/>
      <c r="LLG706" s="613"/>
      <c r="LLH706" s="613"/>
      <c r="LLI706" s="613"/>
      <c r="LLJ706" s="613"/>
      <c r="LLK706" s="613"/>
      <c r="LLL706" s="613"/>
      <c r="LLM706" s="613"/>
      <c r="LLN706" s="613"/>
      <c r="LLO706" s="613"/>
      <c r="LLP706" s="613"/>
      <c r="LLQ706" s="613"/>
      <c r="LLR706" s="613"/>
      <c r="LLS706" s="613"/>
      <c r="LLT706" s="613"/>
      <c r="LLU706" s="613"/>
      <c r="LLV706" s="613"/>
      <c r="LLW706" s="613"/>
      <c r="LLX706" s="613"/>
      <c r="LLY706" s="613"/>
      <c r="LLZ706" s="613"/>
      <c r="LMA706" s="613"/>
      <c r="LMB706" s="613"/>
      <c r="LMC706" s="613"/>
      <c r="LMD706" s="613"/>
      <c r="LME706" s="613"/>
      <c r="LMF706" s="613"/>
      <c r="LMG706" s="613"/>
      <c r="LMH706" s="613"/>
      <c r="LMI706" s="613"/>
      <c r="LMJ706" s="613"/>
      <c r="LMK706" s="613"/>
      <c r="LML706" s="613"/>
      <c r="LMM706" s="613"/>
      <c r="LMN706" s="613"/>
      <c r="LMO706" s="613"/>
      <c r="LMP706" s="613"/>
      <c r="LMQ706" s="613"/>
      <c r="LMR706" s="613"/>
      <c r="LMS706" s="613"/>
      <c r="LMT706" s="613"/>
      <c r="LMU706" s="613"/>
      <c r="LMV706" s="613"/>
      <c r="LMW706" s="613"/>
      <c r="LMX706" s="613"/>
      <c r="LMY706" s="613"/>
      <c r="LMZ706" s="613"/>
      <c r="LNA706" s="613"/>
      <c r="LNB706" s="613"/>
      <c r="LNC706" s="613"/>
      <c r="LND706" s="613"/>
      <c r="LNE706" s="613"/>
      <c r="LNF706" s="613"/>
      <c r="LNG706" s="613"/>
      <c r="LNH706" s="613"/>
      <c r="LNI706" s="613"/>
      <c r="LNJ706" s="613"/>
      <c r="LNK706" s="613"/>
      <c r="LNL706" s="613"/>
      <c r="LNM706" s="613"/>
      <c r="LNN706" s="613"/>
      <c r="LNO706" s="613"/>
      <c r="LNP706" s="613"/>
      <c r="LNQ706" s="613"/>
      <c r="LNR706" s="613"/>
      <c r="LNS706" s="613"/>
      <c r="LNT706" s="613"/>
      <c r="LNU706" s="613"/>
      <c r="LNV706" s="613"/>
      <c r="LNW706" s="613"/>
      <c r="LNX706" s="613"/>
      <c r="LNY706" s="613"/>
      <c r="LNZ706" s="613"/>
      <c r="LOA706" s="613"/>
      <c r="LOB706" s="613"/>
      <c r="LOC706" s="613"/>
      <c r="LOD706" s="613"/>
      <c r="LOE706" s="613"/>
      <c r="LOF706" s="613"/>
      <c r="LOG706" s="613"/>
      <c r="LOH706" s="613"/>
      <c r="LOI706" s="613"/>
      <c r="LOJ706" s="613"/>
      <c r="LOK706" s="613"/>
      <c r="LOL706" s="613"/>
      <c r="LOM706" s="613"/>
      <c r="LON706" s="613"/>
      <c r="LOO706" s="613"/>
      <c r="LOP706" s="613"/>
      <c r="LOQ706" s="613"/>
      <c r="LOR706" s="613"/>
      <c r="LOS706" s="613"/>
      <c r="LOT706" s="613"/>
      <c r="LOU706" s="613"/>
      <c r="LOV706" s="613"/>
      <c r="LOW706" s="613"/>
      <c r="LOX706" s="613"/>
      <c r="LOY706" s="613"/>
      <c r="LOZ706" s="613"/>
      <c r="LPA706" s="613"/>
      <c r="LPB706" s="613"/>
      <c r="LPC706" s="613"/>
      <c r="LPD706" s="613"/>
      <c r="LPE706" s="613"/>
      <c r="LPF706" s="613"/>
      <c r="LPG706" s="613"/>
      <c r="LPH706" s="613"/>
      <c r="LPI706" s="613"/>
      <c r="LPJ706" s="613"/>
      <c r="LPK706" s="613"/>
      <c r="LPL706" s="613"/>
      <c r="LPM706" s="613"/>
      <c r="LPN706" s="613"/>
      <c r="LPO706" s="613"/>
      <c r="LPP706" s="613"/>
      <c r="LPQ706" s="613"/>
      <c r="LPR706" s="613"/>
      <c r="LPS706" s="613"/>
      <c r="LPT706" s="613"/>
      <c r="LPU706" s="613"/>
      <c r="LPV706" s="613"/>
      <c r="LPW706" s="613"/>
      <c r="LPX706" s="613"/>
      <c r="LPY706" s="613"/>
      <c r="LPZ706" s="613"/>
      <c r="LQA706" s="613"/>
      <c r="LQB706" s="613"/>
      <c r="LQC706" s="613"/>
      <c r="LQD706" s="613"/>
      <c r="LQE706" s="613"/>
      <c r="LQF706" s="613"/>
      <c r="LQG706" s="613"/>
      <c r="LQH706" s="613"/>
      <c r="LQI706" s="613"/>
      <c r="LQJ706" s="613"/>
      <c r="LQK706" s="613"/>
      <c r="LQL706" s="613"/>
      <c r="LQM706" s="613"/>
      <c r="LQN706" s="613"/>
      <c r="LQO706" s="613"/>
      <c r="LQP706" s="613"/>
      <c r="LQQ706" s="613"/>
      <c r="LQR706" s="613"/>
      <c r="LQS706" s="613"/>
      <c r="LQT706" s="613"/>
      <c r="LQU706" s="613"/>
      <c r="LQV706" s="613"/>
      <c r="LQW706" s="613"/>
      <c r="LQX706" s="613"/>
      <c r="LQY706" s="613"/>
      <c r="LQZ706" s="613"/>
      <c r="LRA706" s="613"/>
      <c r="LRB706" s="613"/>
      <c r="LRC706" s="613"/>
      <c r="LRD706" s="613"/>
      <c r="LRE706" s="613"/>
      <c r="LRF706" s="613"/>
      <c r="LRG706" s="613"/>
      <c r="LRH706" s="613"/>
      <c r="LRI706" s="613"/>
      <c r="LRJ706" s="613"/>
      <c r="LRK706" s="613"/>
      <c r="LRL706" s="613"/>
      <c r="LRM706" s="613"/>
      <c r="LRN706" s="613"/>
      <c r="LRO706" s="613"/>
      <c r="LRP706" s="613"/>
      <c r="LRQ706" s="613"/>
      <c r="LRR706" s="613"/>
      <c r="LRS706" s="613"/>
      <c r="LRT706" s="613"/>
      <c r="LRU706" s="613"/>
      <c r="LRV706" s="613"/>
      <c r="LRW706" s="613"/>
      <c r="LRX706" s="613"/>
      <c r="LRY706" s="613"/>
      <c r="LRZ706" s="613"/>
      <c r="LSA706" s="613"/>
      <c r="LSB706" s="613"/>
      <c r="LSC706" s="613"/>
      <c r="LSD706" s="613"/>
      <c r="LSE706" s="613"/>
      <c r="LSF706" s="613"/>
      <c r="LSG706" s="613"/>
      <c r="LSH706" s="613"/>
      <c r="LSI706" s="613"/>
      <c r="LSJ706" s="613"/>
      <c r="LSK706" s="613"/>
      <c r="LSL706" s="613"/>
      <c r="LSM706" s="613"/>
      <c r="LSN706" s="613"/>
      <c r="LSO706" s="613"/>
      <c r="LSP706" s="613"/>
      <c r="LSQ706" s="613"/>
      <c r="LSR706" s="613"/>
      <c r="LSS706" s="613"/>
      <c r="LST706" s="613"/>
      <c r="LSU706" s="613"/>
      <c r="LSV706" s="613"/>
      <c r="LSW706" s="613"/>
      <c r="LSX706" s="613"/>
      <c r="LSY706" s="613"/>
      <c r="LSZ706" s="613"/>
      <c r="LTA706" s="613"/>
      <c r="LTB706" s="613"/>
      <c r="LTC706" s="613"/>
      <c r="LTD706" s="613"/>
      <c r="LTE706" s="613"/>
      <c r="LTF706" s="613"/>
      <c r="LTG706" s="613"/>
      <c r="LTH706" s="613"/>
      <c r="LTI706" s="613"/>
      <c r="LTJ706" s="613"/>
      <c r="LTK706" s="613"/>
      <c r="LTL706" s="613"/>
      <c r="LTM706" s="613"/>
      <c r="LTN706" s="613"/>
      <c r="LTO706" s="613"/>
      <c r="LTP706" s="613"/>
      <c r="LTQ706" s="613"/>
      <c r="LTR706" s="613"/>
      <c r="LTS706" s="613"/>
      <c r="LTT706" s="613"/>
      <c r="LTU706" s="613"/>
      <c r="LTV706" s="613"/>
      <c r="LTW706" s="613"/>
      <c r="LTX706" s="613"/>
      <c r="LTY706" s="613"/>
      <c r="LTZ706" s="613"/>
      <c r="LUA706" s="613"/>
      <c r="LUB706" s="613"/>
      <c r="LUC706" s="613"/>
      <c r="LUD706" s="613"/>
      <c r="LUE706" s="613"/>
      <c r="LUF706" s="613"/>
      <c r="LUG706" s="613"/>
      <c r="LUH706" s="613"/>
      <c r="LUI706" s="613"/>
      <c r="LUJ706" s="613"/>
      <c r="LUK706" s="613"/>
      <c r="LUL706" s="613"/>
      <c r="LUM706" s="613"/>
      <c r="LUN706" s="613"/>
      <c r="LUO706" s="613"/>
      <c r="LUP706" s="613"/>
      <c r="LUQ706" s="613"/>
      <c r="LUR706" s="613"/>
      <c r="LUS706" s="613"/>
      <c r="LUT706" s="613"/>
      <c r="LUU706" s="613"/>
      <c r="LUV706" s="613"/>
      <c r="LUW706" s="613"/>
      <c r="LUX706" s="613"/>
      <c r="LUY706" s="613"/>
      <c r="LUZ706" s="613"/>
      <c r="LVA706" s="613"/>
      <c r="LVB706" s="613"/>
      <c r="LVC706" s="613"/>
      <c r="LVD706" s="613"/>
      <c r="LVE706" s="613"/>
      <c r="LVF706" s="613"/>
      <c r="LVG706" s="613"/>
      <c r="LVH706" s="613"/>
      <c r="LVI706" s="613"/>
      <c r="LVJ706" s="613"/>
      <c r="LVK706" s="613"/>
      <c r="LVL706" s="613"/>
      <c r="LVM706" s="613"/>
      <c r="LVN706" s="613"/>
      <c r="LVO706" s="613"/>
      <c r="LVP706" s="613"/>
      <c r="LVQ706" s="613"/>
      <c r="LVR706" s="613"/>
      <c r="LVS706" s="613"/>
      <c r="LVT706" s="613"/>
      <c r="LVU706" s="613"/>
      <c r="LVV706" s="613"/>
      <c r="LVW706" s="613"/>
      <c r="LVX706" s="613"/>
      <c r="LVY706" s="613"/>
      <c r="LVZ706" s="613"/>
      <c r="LWA706" s="613"/>
      <c r="LWB706" s="613"/>
      <c r="LWC706" s="613"/>
      <c r="LWD706" s="613"/>
      <c r="LWE706" s="613"/>
      <c r="LWF706" s="613"/>
      <c r="LWG706" s="613"/>
      <c r="LWH706" s="613"/>
      <c r="LWI706" s="613"/>
      <c r="LWJ706" s="613"/>
      <c r="LWK706" s="613"/>
      <c r="LWL706" s="613"/>
      <c r="LWM706" s="613"/>
      <c r="LWN706" s="613"/>
      <c r="LWO706" s="613"/>
      <c r="LWP706" s="613"/>
      <c r="LWQ706" s="613"/>
      <c r="LWR706" s="613"/>
      <c r="LWS706" s="613"/>
      <c r="LWT706" s="613"/>
      <c r="LWU706" s="613"/>
      <c r="LWV706" s="613"/>
      <c r="LWW706" s="613"/>
      <c r="LWX706" s="613"/>
      <c r="LWY706" s="613"/>
      <c r="LWZ706" s="613"/>
      <c r="LXA706" s="613"/>
      <c r="LXB706" s="613"/>
      <c r="LXC706" s="613"/>
      <c r="LXD706" s="613"/>
      <c r="LXE706" s="613"/>
      <c r="LXF706" s="613"/>
      <c r="LXG706" s="613"/>
      <c r="LXH706" s="613"/>
      <c r="LXI706" s="613"/>
      <c r="LXJ706" s="613"/>
      <c r="LXK706" s="613"/>
      <c r="LXL706" s="613"/>
      <c r="LXM706" s="613"/>
      <c r="LXN706" s="613"/>
      <c r="LXO706" s="613"/>
      <c r="LXP706" s="613"/>
      <c r="LXQ706" s="613"/>
      <c r="LXR706" s="613"/>
      <c r="LXS706" s="613"/>
      <c r="LXT706" s="613"/>
      <c r="LXU706" s="613"/>
      <c r="LXV706" s="613"/>
      <c r="LXW706" s="613"/>
      <c r="LXX706" s="613"/>
      <c r="LXY706" s="613"/>
      <c r="LXZ706" s="613"/>
      <c r="LYA706" s="613"/>
      <c r="LYB706" s="613"/>
      <c r="LYC706" s="613"/>
      <c r="LYD706" s="613"/>
      <c r="LYE706" s="613"/>
      <c r="LYF706" s="613"/>
      <c r="LYG706" s="613"/>
      <c r="LYH706" s="613"/>
      <c r="LYI706" s="613"/>
      <c r="LYJ706" s="613"/>
      <c r="LYK706" s="613"/>
      <c r="LYL706" s="613"/>
      <c r="LYM706" s="613"/>
      <c r="LYN706" s="613"/>
      <c r="LYO706" s="613"/>
      <c r="LYP706" s="613"/>
      <c r="LYQ706" s="613"/>
      <c r="LYR706" s="613"/>
      <c r="LYS706" s="613"/>
      <c r="LYT706" s="613"/>
      <c r="LYU706" s="613"/>
      <c r="LYV706" s="613"/>
      <c r="LYW706" s="613"/>
      <c r="LYX706" s="613"/>
      <c r="LYY706" s="613"/>
      <c r="LYZ706" s="613"/>
      <c r="LZA706" s="613"/>
      <c r="LZB706" s="613"/>
      <c r="LZC706" s="613"/>
      <c r="LZD706" s="613"/>
      <c r="LZE706" s="613"/>
      <c r="LZF706" s="613"/>
      <c r="LZG706" s="613"/>
      <c r="LZH706" s="613"/>
      <c r="LZI706" s="613"/>
      <c r="LZJ706" s="613"/>
      <c r="LZK706" s="613"/>
      <c r="LZL706" s="613"/>
      <c r="LZM706" s="613"/>
      <c r="LZN706" s="613"/>
      <c r="LZO706" s="613"/>
      <c r="LZP706" s="613"/>
      <c r="LZQ706" s="613"/>
      <c r="LZR706" s="613"/>
      <c r="LZS706" s="613"/>
      <c r="LZT706" s="613"/>
      <c r="LZU706" s="613"/>
      <c r="LZV706" s="613"/>
      <c r="LZW706" s="613"/>
      <c r="LZX706" s="613"/>
      <c r="LZY706" s="613"/>
      <c r="LZZ706" s="613"/>
      <c r="MAA706" s="613"/>
      <c r="MAB706" s="613"/>
      <c r="MAC706" s="613"/>
      <c r="MAD706" s="613"/>
      <c r="MAE706" s="613"/>
      <c r="MAF706" s="613"/>
      <c r="MAG706" s="613"/>
      <c r="MAH706" s="613"/>
      <c r="MAI706" s="613"/>
      <c r="MAJ706" s="613"/>
      <c r="MAK706" s="613"/>
      <c r="MAL706" s="613"/>
      <c r="MAM706" s="613"/>
      <c r="MAN706" s="613"/>
      <c r="MAO706" s="613"/>
      <c r="MAP706" s="613"/>
      <c r="MAQ706" s="613"/>
      <c r="MAR706" s="613"/>
      <c r="MAS706" s="613"/>
      <c r="MAT706" s="613"/>
      <c r="MAU706" s="613"/>
      <c r="MAV706" s="613"/>
      <c r="MAW706" s="613"/>
      <c r="MAX706" s="613"/>
      <c r="MAY706" s="613"/>
      <c r="MAZ706" s="613"/>
      <c r="MBA706" s="613"/>
      <c r="MBB706" s="613"/>
      <c r="MBC706" s="613"/>
      <c r="MBD706" s="613"/>
      <c r="MBE706" s="613"/>
      <c r="MBF706" s="613"/>
      <c r="MBG706" s="613"/>
      <c r="MBH706" s="613"/>
      <c r="MBI706" s="613"/>
      <c r="MBJ706" s="613"/>
      <c r="MBK706" s="613"/>
      <c r="MBL706" s="613"/>
      <c r="MBM706" s="613"/>
      <c r="MBN706" s="613"/>
      <c r="MBO706" s="613"/>
      <c r="MBP706" s="613"/>
      <c r="MBQ706" s="613"/>
      <c r="MBR706" s="613"/>
      <c r="MBS706" s="613"/>
      <c r="MBT706" s="613"/>
      <c r="MBU706" s="613"/>
      <c r="MBV706" s="613"/>
      <c r="MBW706" s="613"/>
      <c r="MBX706" s="613"/>
      <c r="MBY706" s="613"/>
      <c r="MBZ706" s="613"/>
      <c r="MCA706" s="613"/>
      <c r="MCB706" s="613"/>
      <c r="MCC706" s="613"/>
      <c r="MCD706" s="613"/>
      <c r="MCE706" s="613"/>
      <c r="MCF706" s="613"/>
      <c r="MCG706" s="613"/>
      <c r="MCH706" s="613"/>
      <c r="MCI706" s="613"/>
      <c r="MCJ706" s="613"/>
      <c r="MCK706" s="613"/>
      <c r="MCL706" s="613"/>
      <c r="MCM706" s="613"/>
      <c r="MCN706" s="613"/>
      <c r="MCO706" s="613"/>
      <c r="MCP706" s="613"/>
      <c r="MCQ706" s="613"/>
      <c r="MCR706" s="613"/>
      <c r="MCS706" s="613"/>
      <c r="MCT706" s="613"/>
      <c r="MCU706" s="613"/>
      <c r="MCV706" s="613"/>
      <c r="MCW706" s="613"/>
      <c r="MCX706" s="613"/>
      <c r="MCY706" s="613"/>
      <c r="MCZ706" s="613"/>
      <c r="MDA706" s="613"/>
      <c r="MDB706" s="613"/>
      <c r="MDC706" s="613"/>
      <c r="MDD706" s="613"/>
      <c r="MDE706" s="613"/>
      <c r="MDF706" s="613"/>
      <c r="MDG706" s="613"/>
      <c r="MDH706" s="613"/>
      <c r="MDI706" s="613"/>
      <c r="MDJ706" s="613"/>
      <c r="MDK706" s="613"/>
      <c r="MDL706" s="613"/>
      <c r="MDM706" s="613"/>
      <c r="MDN706" s="613"/>
      <c r="MDO706" s="613"/>
      <c r="MDP706" s="613"/>
      <c r="MDQ706" s="613"/>
      <c r="MDR706" s="613"/>
      <c r="MDS706" s="613"/>
      <c r="MDT706" s="613"/>
      <c r="MDU706" s="613"/>
      <c r="MDV706" s="613"/>
      <c r="MDW706" s="613"/>
      <c r="MDX706" s="613"/>
      <c r="MDY706" s="613"/>
      <c r="MDZ706" s="613"/>
      <c r="MEA706" s="613"/>
      <c r="MEB706" s="613"/>
      <c r="MEC706" s="613"/>
      <c r="MED706" s="613"/>
      <c r="MEE706" s="613"/>
      <c r="MEF706" s="613"/>
      <c r="MEG706" s="613"/>
      <c r="MEH706" s="613"/>
      <c r="MEI706" s="613"/>
      <c r="MEJ706" s="613"/>
      <c r="MEK706" s="613"/>
      <c r="MEL706" s="613"/>
      <c r="MEM706" s="613"/>
      <c r="MEN706" s="613"/>
      <c r="MEO706" s="613"/>
      <c r="MEP706" s="613"/>
      <c r="MEQ706" s="613"/>
      <c r="MER706" s="613"/>
      <c r="MES706" s="613"/>
      <c r="MET706" s="613"/>
      <c r="MEU706" s="613"/>
      <c r="MEV706" s="613"/>
      <c r="MEW706" s="613"/>
      <c r="MEX706" s="613"/>
      <c r="MEY706" s="613"/>
      <c r="MEZ706" s="613"/>
      <c r="MFA706" s="613"/>
      <c r="MFB706" s="613"/>
      <c r="MFC706" s="613"/>
      <c r="MFD706" s="613"/>
      <c r="MFE706" s="613"/>
      <c r="MFF706" s="613"/>
      <c r="MFG706" s="613"/>
      <c r="MFH706" s="613"/>
      <c r="MFI706" s="613"/>
      <c r="MFJ706" s="613"/>
      <c r="MFK706" s="613"/>
      <c r="MFL706" s="613"/>
      <c r="MFM706" s="613"/>
      <c r="MFN706" s="613"/>
      <c r="MFO706" s="613"/>
      <c r="MFP706" s="613"/>
      <c r="MFQ706" s="613"/>
      <c r="MFR706" s="613"/>
      <c r="MFS706" s="613"/>
      <c r="MFT706" s="613"/>
      <c r="MFU706" s="613"/>
      <c r="MFV706" s="613"/>
      <c r="MFW706" s="613"/>
      <c r="MFX706" s="613"/>
      <c r="MFY706" s="613"/>
      <c r="MFZ706" s="613"/>
      <c r="MGA706" s="613"/>
      <c r="MGB706" s="613"/>
      <c r="MGC706" s="613"/>
      <c r="MGD706" s="613"/>
      <c r="MGE706" s="613"/>
      <c r="MGF706" s="613"/>
      <c r="MGG706" s="613"/>
      <c r="MGH706" s="613"/>
      <c r="MGI706" s="613"/>
      <c r="MGJ706" s="613"/>
      <c r="MGK706" s="613"/>
      <c r="MGL706" s="613"/>
      <c r="MGM706" s="613"/>
      <c r="MGN706" s="613"/>
      <c r="MGO706" s="613"/>
      <c r="MGP706" s="613"/>
      <c r="MGQ706" s="613"/>
      <c r="MGR706" s="613"/>
      <c r="MGS706" s="613"/>
      <c r="MGT706" s="613"/>
      <c r="MGU706" s="613"/>
      <c r="MGV706" s="613"/>
      <c r="MGW706" s="613"/>
      <c r="MGX706" s="613"/>
      <c r="MGY706" s="613"/>
      <c r="MGZ706" s="613"/>
      <c r="MHA706" s="613"/>
      <c r="MHB706" s="613"/>
      <c r="MHC706" s="613"/>
      <c r="MHD706" s="613"/>
      <c r="MHE706" s="613"/>
      <c r="MHF706" s="613"/>
      <c r="MHG706" s="613"/>
      <c r="MHH706" s="613"/>
      <c r="MHI706" s="613"/>
      <c r="MHJ706" s="613"/>
      <c r="MHK706" s="613"/>
      <c r="MHL706" s="613"/>
      <c r="MHM706" s="613"/>
      <c r="MHN706" s="613"/>
      <c r="MHO706" s="613"/>
      <c r="MHP706" s="613"/>
      <c r="MHQ706" s="613"/>
      <c r="MHR706" s="613"/>
      <c r="MHS706" s="613"/>
      <c r="MHT706" s="613"/>
      <c r="MHU706" s="613"/>
      <c r="MHV706" s="613"/>
      <c r="MHW706" s="613"/>
      <c r="MHX706" s="613"/>
      <c r="MHY706" s="613"/>
      <c r="MHZ706" s="613"/>
      <c r="MIA706" s="613"/>
      <c r="MIB706" s="613"/>
      <c r="MIC706" s="613"/>
      <c r="MID706" s="613"/>
      <c r="MIE706" s="613"/>
      <c r="MIF706" s="613"/>
      <c r="MIG706" s="613"/>
      <c r="MIH706" s="613"/>
      <c r="MII706" s="613"/>
      <c r="MIJ706" s="613"/>
      <c r="MIK706" s="613"/>
      <c r="MIL706" s="613"/>
      <c r="MIM706" s="613"/>
      <c r="MIN706" s="613"/>
      <c r="MIO706" s="613"/>
      <c r="MIP706" s="613"/>
      <c r="MIQ706" s="613"/>
      <c r="MIR706" s="613"/>
      <c r="MIS706" s="613"/>
      <c r="MIT706" s="613"/>
      <c r="MIU706" s="613"/>
      <c r="MIV706" s="613"/>
      <c r="MIW706" s="613"/>
      <c r="MIX706" s="613"/>
      <c r="MIY706" s="613"/>
      <c r="MIZ706" s="613"/>
      <c r="MJA706" s="613"/>
      <c r="MJB706" s="613"/>
      <c r="MJC706" s="613"/>
      <c r="MJD706" s="613"/>
      <c r="MJE706" s="613"/>
      <c r="MJF706" s="613"/>
      <c r="MJG706" s="613"/>
      <c r="MJH706" s="613"/>
      <c r="MJI706" s="613"/>
      <c r="MJJ706" s="613"/>
      <c r="MJK706" s="613"/>
      <c r="MJL706" s="613"/>
      <c r="MJM706" s="613"/>
      <c r="MJN706" s="613"/>
      <c r="MJO706" s="613"/>
      <c r="MJP706" s="613"/>
      <c r="MJQ706" s="613"/>
      <c r="MJR706" s="613"/>
      <c r="MJS706" s="613"/>
      <c r="MJT706" s="613"/>
      <c r="MJU706" s="613"/>
      <c r="MJV706" s="613"/>
      <c r="MJW706" s="613"/>
      <c r="MJX706" s="613"/>
      <c r="MJY706" s="613"/>
      <c r="MJZ706" s="613"/>
      <c r="MKA706" s="613"/>
      <c r="MKB706" s="613"/>
      <c r="MKC706" s="613"/>
      <c r="MKD706" s="613"/>
      <c r="MKE706" s="613"/>
      <c r="MKF706" s="613"/>
      <c r="MKG706" s="613"/>
      <c r="MKH706" s="613"/>
      <c r="MKI706" s="613"/>
      <c r="MKJ706" s="613"/>
      <c r="MKK706" s="613"/>
      <c r="MKL706" s="613"/>
      <c r="MKM706" s="613"/>
      <c r="MKN706" s="613"/>
      <c r="MKO706" s="613"/>
      <c r="MKP706" s="613"/>
      <c r="MKQ706" s="613"/>
      <c r="MKR706" s="613"/>
      <c r="MKS706" s="613"/>
      <c r="MKT706" s="613"/>
      <c r="MKU706" s="613"/>
      <c r="MKV706" s="613"/>
      <c r="MKW706" s="613"/>
      <c r="MKX706" s="613"/>
      <c r="MKY706" s="613"/>
      <c r="MKZ706" s="613"/>
      <c r="MLA706" s="613"/>
      <c r="MLB706" s="613"/>
      <c r="MLC706" s="613"/>
      <c r="MLD706" s="613"/>
      <c r="MLE706" s="613"/>
      <c r="MLF706" s="613"/>
      <c r="MLG706" s="613"/>
      <c r="MLH706" s="613"/>
      <c r="MLI706" s="613"/>
      <c r="MLJ706" s="613"/>
      <c r="MLK706" s="613"/>
      <c r="MLL706" s="613"/>
      <c r="MLM706" s="613"/>
      <c r="MLN706" s="613"/>
      <c r="MLO706" s="613"/>
      <c r="MLP706" s="613"/>
      <c r="MLQ706" s="613"/>
      <c r="MLR706" s="613"/>
      <c r="MLS706" s="613"/>
      <c r="MLT706" s="613"/>
      <c r="MLU706" s="613"/>
      <c r="MLV706" s="613"/>
      <c r="MLW706" s="613"/>
      <c r="MLX706" s="613"/>
      <c r="MLY706" s="613"/>
      <c r="MLZ706" s="613"/>
      <c r="MMA706" s="613"/>
      <c r="MMB706" s="613"/>
      <c r="MMC706" s="613"/>
      <c r="MMD706" s="613"/>
      <c r="MME706" s="613"/>
      <c r="MMF706" s="613"/>
      <c r="MMG706" s="613"/>
      <c r="MMH706" s="613"/>
      <c r="MMI706" s="613"/>
      <c r="MMJ706" s="613"/>
      <c r="MMK706" s="613"/>
      <c r="MML706" s="613"/>
      <c r="MMM706" s="613"/>
      <c r="MMN706" s="613"/>
      <c r="MMO706" s="613"/>
      <c r="MMP706" s="613"/>
      <c r="MMQ706" s="613"/>
      <c r="MMR706" s="613"/>
      <c r="MMS706" s="613"/>
      <c r="MMT706" s="613"/>
      <c r="MMU706" s="613"/>
      <c r="MMV706" s="613"/>
      <c r="MMW706" s="613"/>
      <c r="MMX706" s="613"/>
      <c r="MMY706" s="613"/>
      <c r="MMZ706" s="613"/>
      <c r="MNA706" s="613"/>
      <c r="MNB706" s="613"/>
      <c r="MNC706" s="613"/>
      <c r="MND706" s="613"/>
      <c r="MNE706" s="613"/>
      <c r="MNF706" s="613"/>
      <c r="MNG706" s="613"/>
      <c r="MNH706" s="613"/>
      <c r="MNI706" s="613"/>
      <c r="MNJ706" s="613"/>
      <c r="MNK706" s="613"/>
      <c r="MNL706" s="613"/>
      <c r="MNM706" s="613"/>
      <c r="MNN706" s="613"/>
      <c r="MNO706" s="613"/>
      <c r="MNP706" s="613"/>
      <c r="MNQ706" s="613"/>
      <c r="MNR706" s="613"/>
      <c r="MNS706" s="613"/>
      <c r="MNT706" s="613"/>
      <c r="MNU706" s="613"/>
      <c r="MNV706" s="613"/>
      <c r="MNW706" s="613"/>
      <c r="MNX706" s="613"/>
      <c r="MNY706" s="613"/>
      <c r="MNZ706" s="613"/>
      <c r="MOA706" s="613"/>
      <c r="MOB706" s="613"/>
      <c r="MOC706" s="613"/>
      <c r="MOD706" s="613"/>
      <c r="MOE706" s="613"/>
      <c r="MOF706" s="613"/>
      <c r="MOG706" s="613"/>
      <c r="MOH706" s="613"/>
      <c r="MOI706" s="613"/>
      <c r="MOJ706" s="613"/>
      <c r="MOK706" s="613"/>
      <c r="MOL706" s="613"/>
      <c r="MOM706" s="613"/>
      <c r="MON706" s="613"/>
      <c r="MOO706" s="613"/>
      <c r="MOP706" s="613"/>
      <c r="MOQ706" s="613"/>
      <c r="MOR706" s="613"/>
      <c r="MOS706" s="613"/>
      <c r="MOT706" s="613"/>
      <c r="MOU706" s="613"/>
      <c r="MOV706" s="613"/>
      <c r="MOW706" s="613"/>
      <c r="MOX706" s="613"/>
      <c r="MOY706" s="613"/>
      <c r="MOZ706" s="613"/>
      <c r="MPA706" s="613"/>
      <c r="MPB706" s="613"/>
      <c r="MPC706" s="613"/>
      <c r="MPD706" s="613"/>
      <c r="MPE706" s="613"/>
      <c r="MPF706" s="613"/>
      <c r="MPG706" s="613"/>
      <c r="MPH706" s="613"/>
      <c r="MPI706" s="613"/>
      <c r="MPJ706" s="613"/>
      <c r="MPK706" s="613"/>
      <c r="MPL706" s="613"/>
      <c r="MPM706" s="613"/>
      <c r="MPN706" s="613"/>
      <c r="MPO706" s="613"/>
      <c r="MPP706" s="613"/>
      <c r="MPQ706" s="613"/>
      <c r="MPR706" s="613"/>
      <c r="MPS706" s="613"/>
      <c r="MPT706" s="613"/>
      <c r="MPU706" s="613"/>
      <c r="MPV706" s="613"/>
      <c r="MPW706" s="613"/>
      <c r="MPX706" s="613"/>
      <c r="MPY706" s="613"/>
      <c r="MPZ706" s="613"/>
      <c r="MQA706" s="613"/>
      <c r="MQB706" s="613"/>
      <c r="MQC706" s="613"/>
      <c r="MQD706" s="613"/>
      <c r="MQE706" s="613"/>
      <c r="MQF706" s="613"/>
      <c r="MQG706" s="613"/>
      <c r="MQH706" s="613"/>
      <c r="MQI706" s="613"/>
      <c r="MQJ706" s="613"/>
      <c r="MQK706" s="613"/>
      <c r="MQL706" s="613"/>
      <c r="MQM706" s="613"/>
      <c r="MQN706" s="613"/>
      <c r="MQO706" s="613"/>
      <c r="MQP706" s="613"/>
      <c r="MQQ706" s="613"/>
      <c r="MQR706" s="613"/>
      <c r="MQS706" s="613"/>
      <c r="MQT706" s="613"/>
      <c r="MQU706" s="613"/>
      <c r="MQV706" s="613"/>
      <c r="MQW706" s="613"/>
      <c r="MQX706" s="613"/>
      <c r="MQY706" s="613"/>
      <c r="MQZ706" s="613"/>
      <c r="MRA706" s="613"/>
      <c r="MRB706" s="613"/>
      <c r="MRC706" s="613"/>
      <c r="MRD706" s="613"/>
      <c r="MRE706" s="613"/>
      <c r="MRF706" s="613"/>
      <c r="MRG706" s="613"/>
      <c r="MRH706" s="613"/>
      <c r="MRI706" s="613"/>
      <c r="MRJ706" s="613"/>
      <c r="MRK706" s="613"/>
      <c r="MRL706" s="613"/>
      <c r="MRM706" s="613"/>
      <c r="MRN706" s="613"/>
      <c r="MRO706" s="613"/>
      <c r="MRP706" s="613"/>
      <c r="MRQ706" s="613"/>
      <c r="MRR706" s="613"/>
      <c r="MRS706" s="613"/>
      <c r="MRT706" s="613"/>
      <c r="MRU706" s="613"/>
      <c r="MRV706" s="613"/>
      <c r="MRW706" s="613"/>
      <c r="MRX706" s="613"/>
      <c r="MRY706" s="613"/>
      <c r="MRZ706" s="613"/>
      <c r="MSA706" s="613"/>
      <c r="MSB706" s="613"/>
      <c r="MSC706" s="613"/>
      <c r="MSD706" s="613"/>
      <c r="MSE706" s="613"/>
      <c r="MSF706" s="613"/>
      <c r="MSG706" s="613"/>
      <c r="MSH706" s="613"/>
      <c r="MSI706" s="613"/>
      <c r="MSJ706" s="613"/>
      <c r="MSK706" s="613"/>
      <c r="MSL706" s="613"/>
      <c r="MSM706" s="613"/>
      <c r="MSN706" s="613"/>
      <c r="MSO706" s="613"/>
      <c r="MSP706" s="613"/>
      <c r="MSQ706" s="613"/>
      <c r="MSR706" s="613"/>
      <c r="MSS706" s="613"/>
      <c r="MST706" s="613"/>
      <c r="MSU706" s="613"/>
      <c r="MSV706" s="613"/>
      <c r="MSW706" s="613"/>
      <c r="MSX706" s="613"/>
      <c r="MSY706" s="613"/>
      <c r="MSZ706" s="613"/>
      <c r="MTA706" s="613"/>
      <c r="MTB706" s="613"/>
      <c r="MTC706" s="613"/>
      <c r="MTD706" s="613"/>
      <c r="MTE706" s="613"/>
      <c r="MTF706" s="613"/>
      <c r="MTG706" s="613"/>
      <c r="MTH706" s="613"/>
      <c r="MTI706" s="613"/>
      <c r="MTJ706" s="613"/>
      <c r="MTK706" s="613"/>
      <c r="MTL706" s="613"/>
      <c r="MTM706" s="613"/>
      <c r="MTN706" s="613"/>
      <c r="MTO706" s="613"/>
      <c r="MTP706" s="613"/>
      <c r="MTQ706" s="613"/>
      <c r="MTR706" s="613"/>
      <c r="MTS706" s="613"/>
      <c r="MTT706" s="613"/>
      <c r="MTU706" s="613"/>
      <c r="MTV706" s="613"/>
      <c r="MTW706" s="613"/>
      <c r="MTX706" s="613"/>
      <c r="MTY706" s="613"/>
      <c r="MTZ706" s="613"/>
      <c r="MUA706" s="613"/>
      <c r="MUB706" s="613"/>
      <c r="MUC706" s="613"/>
      <c r="MUD706" s="613"/>
      <c r="MUE706" s="613"/>
      <c r="MUF706" s="613"/>
      <c r="MUG706" s="613"/>
      <c r="MUH706" s="613"/>
      <c r="MUI706" s="613"/>
      <c r="MUJ706" s="613"/>
      <c r="MUK706" s="613"/>
      <c r="MUL706" s="613"/>
      <c r="MUM706" s="613"/>
      <c r="MUN706" s="613"/>
      <c r="MUO706" s="613"/>
      <c r="MUP706" s="613"/>
      <c r="MUQ706" s="613"/>
      <c r="MUR706" s="613"/>
      <c r="MUS706" s="613"/>
      <c r="MUT706" s="613"/>
      <c r="MUU706" s="613"/>
      <c r="MUV706" s="613"/>
      <c r="MUW706" s="613"/>
      <c r="MUX706" s="613"/>
      <c r="MUY706" s="613"/>
      <c r="MUZ706" s="613"/>
      <c r="MVA706" s="613"/>
      <c r="MVB706" s="613"/>
      <c r="MVC706" s="613"/>
      <c r="MVD706" s="613"/>
      <c r="MVE706" s="613"/>
      <c r="MVF706" s="613"/>
      <c r="MVG706" s="613"/>
      <c r="MVH706" s="613"/>
      <c r="MVI706" s="613"/>
      <c r="MVJ706" s="613"/>
      <c r="MVK706" s="613"/>
      <c r="MVL706" s="613"/>
      <c r="MVM706" s="613"/>
      <c r="MVN706" s="613"/>
      <c r="MVO706" s="613"/>
      <c r="MVP706" s="613"/>
      <c r="MVQ706" s="613"/>
      <c r="MVR706" s="613"/>
      <c r="MVS706" s="613"/>
      <c r="MVT706" s="613"/>
      <c r="MVU706" s="613"/>
      <c r="MVV706" s="613"/>
      <c r="MVW706" s="613"/>
      <c r="MVX706" s="613"/>
      <c r="MVY706" s="613"/>
      <c r="MVZ706" s="613"/>
      <c r="MWA706" s="613"/>
      <c r="MWB706" s="613"/>
      <c r="MWC706" s="613"/>
      <c r="MWD706" s="613"/>
      <c r="MWE706" s="613"/>
      <c r="MWF706" s="613"/>
      <c r="MWG706" s="613"/>
      <c r="MWH706" s="613"/>
      <c r="MWI706" s="613"/>
      <c r="MWJ706" s="613"/>
      <c r="MWK706" s="613"/>
      <c r="MWL706" s="613"/>
      <c r="MWM706" s="613"/>
      <c r="MWN706" s="613"/>
      <c r="MWO706" s="613"/>
      <c r="MWP706" s="613"/>
      <c r="MWQ706" s="613"/>
      <c r="MWR706" s="613"/>
      <c r="MWS706" s="613"/>
      <c r="MWT706" s="613"/>
      <c r="MWU706" s="613"/>
      <c r="MWV706" s="613"/>
      <c r="MWW706" s="613"/>
      <c r="MWX706" s="613"/>
      <c r="MWY706" s="613"/>
      <c r="MWZ706" s="613"/>
      <c r="MXA706" s="613"/>
      <c r="MXB706" s="613"/>
      <c r="MXC706" s="613"/>
      <c r="MXD706" s="613"/>
      <c r="MXE706" s="613"/>
      <c r="MXF706" s="613"/>
      <c r="MXG706" s="613"/>
      <c r="MXH706" s="613"/>
      <c r="MXI706" s="613"/>
      <c r="MXJ706" s="613"/>
      <c r="MXK706" s="613"/>
      <c r="MXL706" s="613"/>
      <c r="MXM706" s="613"/>
      <c r="MXN706" s="613"/>
      <c r="MXO706" s="613"/>
      <c r="MXP706" s="613"/>
      <c r="MXQ706" s="613"/>
      <c r="MXR706" s="613"/>
      <c r="MXS706" s="613"/>
      <c r="MXT706" s="613"/>
      <c r="MXU706" s="613"/>
      <c r="MXV706" s="613"/>
      <c r="MXW706" s="613"/>
      <c r="MXX706" s="613"/>
      <c r="MXY706" s="613"/>
      <c r="MXZ706" s="613"/>
      <c r="MYA706" s="613"/>
      <c r="MYB706" s="613"/>
      <c r="MYC706" s="613"/>
      <c r="MYD706" s="613"/>
      <c r="MYE706" s="613"/>
      <c r="MYF706" s="613"/>
      <c r="MYG706" s="613"/>
      <c r="MYH706" s="613"/>
      <c r="MYI706" s="613"/>
      <c r="MYJ706" s="613"/>
      <c r="MYK706" s="613"/>
      <c r="MYL706" s="613"/>
      <c r="MYM706" s="613"/>
      <c r="MYN706" s="613"/>
      <c r="MYO706" s="613"/>
      <c r="MYP706" s="613"/>
      <c r="MYQ706" s="613"/>
      <c r="MYR706" s="613"/>
      <c r="MYS706" s="613"/>
      <c r="MYT706" s="613"/>
      <c r="MYU706" s="613"/>
      <c r="MYV706" s="613"/>
      <c r="MYW706" s="613"/>
      <c r="MYX706" s="613"/>
      <c r="MYY706" s="613"/>
      <c r="MYZ706" s="613"/>
      <c r="MZA706" s="613"/>
      <c r="MZB706" s="613"/>
      <c r="MZC706" s="613"/>
      <c r="MZD706" s="613"/>
      <c r="MZE706" s="613"/>
      <c r="MZF706" s="613"/>
      <c r="MZG706" s="613"/>
      <c r="MZH706" s="613"/>
      <c r="MZI706" s="613"/>
      <c r="MZJ706" s="613"/>
      <c r="MZK706" s="613"/>
      <c r="MZL706" s="613"/>
      <c r="MZM706" s="613"/>
      <c r="MZN706" s="613"/>
      <c r="MZO706" s="613"/>
      <c r="MZP706" s="613"/>
      <c r="MZQ706" s="613"/>
      <c r="MZR706" s="613"/>
      <c r="MZS706" s="613"/>
      <c r="MZT706" s="613"/>
      <c r="MZU706" s="613"/>
      <c r="MZV706" s="613"/>
      <c r="MZW706" s="613"/>
      <c r="MZX706" s="613"/>
      <c r="MZY706" s="613"/>
      <c r="MZZ706" s="613"/>
      <c r="NAA706" s="613"/>
      <c r="NAB706" s="613"/>
      <c r="NAC706" s="613"/>
      <c r="NAD706" s="613"/>
      <c r="NAE706" s="613"/>
      <c r="NAF706" s="613"/>
      <c r="NAG706" s="613"/>
      <c r="NAH706" s="613"/>
      <c r="NAI706" s="613"/>
      <c r="NAJ706" s="613"/>
      <c r="NAK706" s="613"/>
      <c r="NAL706" s="613"/>
      <c r="NAM706" s="613"/>
      <c r="NAN706" s="613"/>
      <c r="NAO706" s="613"/>
      <c r="NAP706" s="613"/>
      <c r="NAQ706" s="613"/>
      <c r="NAR706" s="613"/>
      <c r="NAS706" s="613"/>
      <c r="NAT706" s="613"/>
      <c r="NAU706" s="613"/>
      <c r="NAV706" s="613"/>
      <c r="NAW706" s="613"/>
      <c r="NAX706" s="613"/>
      <c r="NAY706" s="613"/>
      <c r="NAZ706" s="613"/>
      <c r="NBA706" s="613"/>
      <c r="NBB706" s="613"/>
      <c r="NBC706" s="613"/>
      <c r="NBD706" s="613"/>
      <c r="NBE706" s="613"/>
      <c r="NBF706" s="613"/>
      <c r="NBG706" s="613"/>
      <c r="NBH706" s="613"/>
      <c r="NBI706" s="613"/>
      <c r="NBJ706" s="613"/>
      <c r="NBK706" s="613"/>
      <c r="NBL706" s="613"/>
      <c r="NBM706" s="613"/>
      <c r="NBN706" s="613"/>
      <c r="NBO706" s="613"/>
      <c r="NBP706" s="613"/>
      <c r="NBQ706" s="613"/>
      <c r="NBR706" s="613"/>
      <c r="NBS706" s="613"/>
      <c r="NBT706" s="613"/>
      <c r="NBU706" s="613"/>
      <c r="NBV706" s="613"/>
      <c r="NBW706" s="613"/>
      <c r="NBX706" s="613"/>
      <c r="NBY706" s="613"/>
      <c r="NBZ706" s="613"/>
      <c r="NCA706" s="613"/>
      <c r="NCB706" s="613"/>
      <c r="NCC706" s="613"/>
      <c r="NCD706" s="613"/>
      <c r="NCE706" s="613"/>
      <c r="NCF706" s="613"/>
      <c r="NCG706" s="613"/>
      <c r="NCH706" s="613"/>
      <c r="NCI706" s="613"/>
      <c r="NCJ706" s="613"/>
      <c r="NCK706" s="613"/>
      <c r="NCL706" s="613"/>
      <c r="NCM706" s="613"/>
      <c r="NCN706" s="613"/>
      <c r="NCO706" s="613"/>
      <c r="NCP706" s="613"/>
      <c r="NCQ706" s="613"/>
      <c r="NCR706" s="613"/>
      <c r="NCS706" s="613"/>
      <c r="NCT706" s="613"/>
      <c r="NCU706" s="613"/>
      <c r="NCV706" s="613"/>
      <c r="NCW706" s="613"/>
      <c r="NCX706" s="613"/>
      <c r="NCY706" s="613"/>
      <c r="NCZ706" s="613"/>
      <c r="NDA706" s="613"/>
      <c r="NDB706" s="613"/>
      <c r="NDC706" s="613"/>
      <c r="NDD706" s="613"/>
      <c r="NDE706" s="613"/>
      <c r="NDF706" s="613"/>
      <c r="NDG706" s="613"/>
      <c r="NDH706" s="613"/>
      <c r="NDI706" s="613"/>
      <c r="NDJ706" s="613"/>
      <c r="NDK706" s="613"/>
      <c r="NDL706" s="613"/>
      <c r="NDM706" s="613"/>
      <c r="NDN706" s="613"/>
      <c r="NDO706" s="613"/>
      <c r="NDP706" s="613"/>
      <c r="NDQ706" s="613"/>
      <c r="NDR706" s="613"/>
      <c r="NDS706" s="613"/>
      <c r="NDT706" s="613"/>
      <c r="NDU706" s="613"/>
      <c r="NDV706" s="613"/>
      <c r="NDW706" s="613"/>
      <c r="NDX706" s="613"/>
      <c r="NDY706" s="613"/>
      <c r="NDZ706" s="613"/>
      <c r="NEA706" s="613"/>
      <c r="NEB706" s="613"/>
      <c r="NEC706" s="613"/>
      <c r="NED706" s="613"/>
      <c r="NEE706" s="613"/>
      <c r="NEF706" s="613"/>
      <c r="NEG706" s="613"/>
      <c r="NEH706" s="613"/>
      <c r="NEI706" s="613"/>
      <c r="NEJ706" s="613"/>
      <c r="NEK706" s="613"/>
      <c r="NEL706" s="613"/>
      <c r="NEM706" s="613"/>
      <c r="NEN706" s="613"/>
      <c r="NEO706" s="613"/>
      <c r="NEP706" s="613"/>
      <c r="NEQ706" s="613"/>
      <c r="NER706" s="613"/>
      <c r="NES706" s="613"/>
      <c r="NET706" s="613"/>
      <c r="NEU706" s="613"/>
      <c r="NEV706" s="613"/>
      <c r="NEW706" s="613"/>
      <c r="NEX706" s="613"/>
      <c r="NEY706" s="613"/>
      <c r="NEZ706" s="613"/>
      <c r="NFA706" s="613"/>
      <c r="NFB706" s="613"/>
      <c r="NFC706" s="613"/>
      <c r="NFD706" s="613"/>
      <c r="NFE706" s="613"/>
      <c r="NFF706" s="613"/>
      <c r="NFG706" s="613"/>
      <c r="NFH706" s="613"/>
      <c r="NFI706" s="613"/>
      <c r="NFJ706" s="613"/>
      <c r="NFK706" s="613"/>
      <c r="NFL706" s="613"/>
      <c r="NFM706" s="613"/>
      <c r="NFN706" s="613"/>
      <c r="NFO706" s="613"/>
      <c r="NFP706" s="613"/>
      <c r="NFQ706" s="613"/>
      <c r="NFR706" s="613"/>
      <c r="NFS706" s="613"/>
      <c r="NFT706" s="613"/>
      <c r="NFU706" s="613"/>
      <c r="NFV706" s="613"/>
      <c r="NFW706" s="613"/>
      <c r="NFX706" s="613"/>
      <c r="NFY706" s="613"/>
      <c r="NFZ706" s="613"/>
      <c r="NGA706" s="613"/>
      <c r="NGB706" s="613"/>
      <c r="NGC706" s="613"/>
      <c r="NGD706" s="613"/>
      <c r="NGE706" s="613"/>
      <c r="NGF706" s="613"/>
      <c r="NGG706" s="613"/>
      <c r="NGH706" s="613"/>
      <c r="NGI706" s="613"/>
      <c r="NGJ706" s="613"/>
      <c r="NGK706" s="613"/>
      <c r="NGL706" s="613"/>
      <c r="NGM706" s="613"/>
      <c r="NGN706" s="613"/>
      <c r="NGO706" s="613"/>
      <c r="NGP706" s="613"/>
      <c r="NGQ706" s="613"/>
      <c r="NGR706" s="613"/>
      <c r="NGS706" s="613"/>
      <c r="NGT706" s="613"/>
      <c r="NGU706" s="613"/>
      <c r="NGV706" s="613"/>
      <c r="NGW706" s="613"/>
      <c r="NGX706" s="613"/>
      <c r="NGY706" s="613"/>
      <c r="NGZ706" s="613"/>
      <c r="NHA706" s="613"/>
      <c r="NHB706" s="613"/>
      <c r="NHC706" s="613"/>
      <c r="NHD706" s="613"/>
      <c r="NHE706" s="613"/>
      <c r="NHF706" s="613"/>
      <c r="NHG706" s="613"/>
      <c r="NHH706" s="613"/>
      <c r="NHI706" s="613"/>
      <c r="NHJ706" s="613"/>
      <c r="NHK706" s="613"/>
      <c r="NHL706" s="613"/>
      <c r="NHM706" s="613"/>
      <c r="NHN706" s="613"/>
      <c r="NHO706" s="613"/>
      <c r="NHP706" s="613"/>
      <c r="NHQ706" s="613"/>
      <c r="NHR706" s="613"/>
      <c r="NHS706" s="613"/>
      <c r="NHT706" s="613"/>
      <c r="NHU706" s="613"/>
      <c r="NHV706" s="613"/>
      <c r="NHW706" s="613"/>
      <c r="NHX706" s="613"/>
      <c r="NHY706" s="613"/>
      <c r="NHZ706" s="613"/>
      <c r="NIA706" s="613"/>
      <c r="NIB706" s="613"/>
      <c r="NIC706" s="613"/>
      <c r="NID706" s="613"/>
      <c r="NIE706" s="613"/>
      <c r="NIF706" s="613"/>
      <c r="NIG706" s="613"/>
      <c r="NIH706" s="613"/>
      <c r="NII706" s="613"/>
      <c r="NIJ706" s="613"/>
      <c r="NIK706" s="613"/>
      <c r="NIL706" s="613"/>
      <c r="NIM706" s="613"/>
      <c r="NIN706" s="613"/>
      <c r="NIO706" s="613"/>
      <c r="NIP706" s="613"/>
      <c r="NIQ706" s="613"/>
      <c r="NIR706" s="613"/>
      <c r="NIS706" s="613"/>
      <c r="NIT706" s="613"/>
      <c r="NIU706" s="613"/>
      <c r="NIV706" s="613"/>
      <c r="NIW706" s="613"/>
      <c r="NIX706" s="613"/>
      <c r="NIY706" s="613"/>
      <c r="NIZ706" s="613"/>
      <c r="NJA706" s="613"/>
      <c r="NJB706" s="613"/>
      <c r="NJC706" s="613"/>
      <c r="NJD706" s="613"/>
      <c r="NJE706" s="613"/>
      <c r="NJF706" s="613"/>
      <c r="NJG706" s="613"/>
      <c r="NJH706" s="613"/>
      <c r="NJI706" s="613"/>
      <c r="NJJ706" s="613"/>
      <c r="NJK706" s="613"/>
      <c r="NJL706" s="613"/>
      <c r="NJM706" s="613"/>
      <c r="NJN706" s="613"/>
      <c r="NJO706" s="613"/>
      <c r="NJP706" s="613"/>
      <c r="NJQ706" s="613"/>
      <c r="NJR706" s="613"/>
      <c r="NJS706" s="613"/>
      <c r="NJT706" s="613"/>
      <c r="NJU706" s="613"/>
      <c r="NJV706" s="613"/>
      <c r="NJW706" s="613"/>
      <c r="NJX706" s="613"/>
      <c r="NJY706" s="613"/>
      <c r="NJZ706" s="613"/>
      <c r="NKA706" s="613"/>
      <c r="NKB706" s="613"/>
      <c r="NKC706" s="613"/>
      <c r="NKD706" s="613"/>
      <c r="NKE706" s="613"/>
      <c r="NKF706" s="613"/>
      <c r="NKG706" s="613"/>
      <c r="NKH706" s="613"/>
      <c r="NKI706" s="613"/>
      <c r="NKJ706" s="613"/>
      <c r="NKK706" s="613"/>
      <c r="NKL706" s="613"/>
      <c r="NKM706" s="613"/>
      <c r="NKN706" s="613"/>
      <c r="NKO706" s="613"/>
      <c r="NKP706" s="613"/>
      <c r="NKQ706" s="613"/>
      <c r="NKR706" s="613"/>
      <c r="NKS706" s="613"/>
      <c r="NKT706" s="613"/>
      <c r="NKU706" s="613"/>
      <c r="NKV706" s="613"/>
      <c r="NKW706" s="613"/>
      <c r="NKX706" s="613"/>
      <c r="NKY706" s="613"/>
      <c r="NKZ706" s="613"/>
      <c r="NLA706" s="613"/>
      <c r="NLB706" s="613"/>
      <c r="NLC706" s="613"/>
      <c r="NLD706" s="613"/>
      <c r="NLE706" s="613"/>
      <c r="NLF706" s="613"/>
      <c r="NLG706" s="613"/>
      <c r="NLH706" s="613"/>
      <c r="NLI706" s="613"/>
      <c r="NLJ706" s="613"/>
      <c r="NLK706" s="613"/>
      <c r="NLL706" s="613"/>
      <c r="NLM706" s="613"/>
      <c r="NLN706" s="613"/>
      <c r="NLO706" s="613"/>
      <c r="NLP706" s="613"/>
      <c r="NLQ706" s="613"/>
      <c r="NLR706" s="613"/>
      <c r="NLS706" s="613"/>
      <c r="NLT706" s="613"/>
      <c r="NLU706" s="613"/>
      <c r="NLV706" s="613"/>
      <c r="NLW706" s="613"/>
      <c r="NLX706" s="613"/>
      <c r="NLY706" s="613"/>
      <c r="NLZ706" s="613"/>
      <c r="NMA706" s="613"/>
      <c r="NMB706" s="613"/>
      <c r="NMC706" s="613"/>
      <c r="NMD706" s="613"/>
      <c r="NME706" s="613"/>
      <c r="NMF706" s="613"/>
      <c r="NMG706" s="613"/>
      <c r="NMH706" s="613"/>
      <c r="NMI706" s="613"/>
      <c r="NMJ706" s="613"/>
      <c r="NMK706" s="613"/>
      <c r="NML706" s="613"/>
      <c r="NMM706" s="613"/>
      <c r="NMN706" s="613"/>
      <c r="NMO706" s="613"/>
      <c r="NMP706" s="613"/>
      <c r="NMQ706" s="613"/>
      <c r="NMR706" s="613"/>
      <c r="NMS706" s="613"/>
      <c r="NMT706" s="613"/>
      <c r="NMU706" s="613"/>
      <c r="NMV706" s="613"/>
      <c r="NMW706" s="613"/>
      <c r="NMX706" s="613"/>
      <c r="NMY706" s="613"/>
      <c r="NMZ706" s="613"/>
      <c r="NNA706" s="613"/>
      <c r="NNB706" s="613"/>
      <c r="NNC706" s="613"/>
      <c r="NND706" s="613"/>
      <c r="NNE706" s="613"/>
      <c r="NNF706" s="613"/>
      <c r="NNG706" s="613"/>
      <c r="NNH706" s="613"/>
      <c r="NNI706" s="613"/>
      <c r="NNJ706" s="613"/>
      <c r="NNK706" s="613"/>
      <c r="NNL706" s="613"/>
      <c r="NNM706" s="613"/>
      <c r="NNN706" s="613"/>
      <c r="NNO706" s="613"/>
      <c r="NNP706" s="613"/>
      <c r="NNQ706" s="613"/>
      <c r="NNR706" s="613"/>
      <c r="NNS706" s="613"/>
      <c r="NNT706" s="613"/>
      <c r="NNU706" s="613"/>
      <c r="NNV706" s="613"/>
      <c r="NNW706" s="613"/>
      <c r="NNX706" s="613"/>
      <c r="NNY706" s="613"/>
      <c r="NNZ706" s="613"/>
      <c r="NOA706" s="613"/>
      <c r="NOB706" s="613"/>
      <c r="NOC706" s="613"/>
      <c r="NOD706" s="613"/>
      <c r="NOE706" s="613"/>
      <c r="NOF706" s="613"/>
      <c r="NOG706" s="613"/>
      <c r="NOH706" s="613"/>
      <c r="NOI706" s="613"/>
      <c r="NOJ706" s="613"/>
      <c r="NOK706" s="613"/>
      <c r="NOL706" s="613"/>
      <c r="NOM706" s="613"/>
      <c r="NON706" s="613"/>
      <c r="NOO706" s="613"/>
      <c r="NOP706" s="613"/>
      <c r="NOQ706" s="613"/>
      <c r="NOR706" s="613"/>
      <c r="NOS706" s="613"/>
      <c r="NOT706" s="613"/>
      <c r="NOU706" s="613"/>
      <c r="NOV706" s="613"/>
      <c r="NOW706" s="613"/>
      <c r="NOX706" s="613"/>
      <c r="NOY706" s="613"/>
      <c r="NOZ706" s="613"/>
      <c r="NPA706" s="613"/>
      <c r="NPB706" s="613"/>
      <c r="NPC706" s="613"/>
      <c r="NPD706" s="613"/>
      <c r="NPE706" s="613"/>
      <c r="NPF706" s="613"/>
      <c r="NPG706" s="613"/>
      <c r="NPH706" s="613"/>
      <c r="NPI706" s="613"/>
      <c r="NPJ706" s="613"/>
      <c r="NPK706" s="613"/>
      <c r="NPL706" s="613"/>
      <c r="NPM706" s="613"/>
      <c r="NPN706" s="613"/>
      <c r="NPO706" s="613"/>
      <c r="NPP706" s="613"/>
      <c r="NPQ706" s="613"/>
      <c r="NPR706" s="613"/>
      <c r="NPS706" s="613"/>
      <c r="NPT706" s="613"/>
      <c r="NPU706" s="613"/>
      <c r="NPV706" s="613"/>
      <c r="NPW706" s="613"/>
      <c r="NPX706" s="613"/>
      <c r="NPY706" s="613"/>
      <c r="NPZ706" s="613"/>
      <c r="NQA706" s="613"/>
      <c r="NQB706" s="613"/>
      <c r="NQC706" s="613"/>
      <c r="NQD706" s="613"/>
      <c r="NQE706" s="613"/>
      <c r="NQF706" s="613"/>
      <c r="NQG706" s="613"/>
      <c r="NQH706" s="613"/>
      <c r="NQI706" s="613"/>
      <c r="NQJ706" s="613"/>
      <c r="NQK706" s="613"/>
      <c r="NQL706" s="613"/>
      <c r="NQM706" s="613"/>
      <c r="NQN706" s="613"/>
      <c r="NQO706" s="613"/>
      <c r="NQP706" s="613"/>
      <c r="NQQ706" s="613"/>
      <c r="NQR706" s="613"/>
      <c r="NQS706" s="613"/>
      <c r="NQT706" s="613"/>
      <c r="NQU706" s="613"/>
      <c r="NQV706" s="613"/>
      <c r="NQW706" s="613"/>
      <c r="NQX706" s="613"/>
      <c r="NQY706" s="613"/>
      <c r="NQZ706" s="613"/>
      <c r="NRA706" s="613"/>
      <c r="NRB706" s="613"/>
      <c r="NRC706" s="613"/>
      <c r="NRD706" s="613"/>
      <c r="NRE706" s="613"/>
      <c r="NRF706" s="613"/>
      <c r="NRG706" s="613"/>
      <c r="NRH706" s="613"/>
      <c r="NRI706" s="613"/>
      <c r="NRJ706" s="613"/>
      <c r="NRK706" s="613"/>
      <c r="NRL706" s="613"/>
      <c r="NRM706" s="613"/>
      <c r="NRN706" s="613"/>
      <c r="NRO706" s="613"/>
      <c r="NRP706" s="613"/>
      <c r="NRQ706" s="613"/>
      <c r="NRR706" s="613"/>
      <c r="NRS706" s="613"/>
      <c r="NRT706" s="613"/>
      <c r="NRU706" s="613"/>
      <c r="NRV706" s="613"/>
      <c r="NRW706" s="613"/>
      <c r="NRX706" s="613"/>
      <c r="NRY706" s="613"/>
      <c r="NRZ706" s="613"/>
      <c r="NSA706" s="613"/>
      <c r="NSB706" s="613"/>
      <c r="NSC706" s="613"/>
      <c r="NSD706" s="613"/>
      <c r="NSE706" s="613"/>
      <c r="NSF706" s="613"/>
      <c r="NSG706" s="613"/>
      <c r="NSH706" s="613"/>
      <c r="NSI706" s="613"/>
      <c r="NSJ706" s="613"/>
      <c r="NSK706" s="613"/>
      <c r="NSL706" s="613"/>
      <c r="NSM706" s="613"/>
      <c r="NSN706" s="613"/>
      <c r="NSO706" s="613"/>
      <c r="NSP706" s="613"/>
      <c r="NSQ706" s="613"/>
      <c r="NSR706" s="613"/>
      <c r="NSS706" s="613"/>
      <c r="NST706" s="613"/>
      <c r="NSU706" s="613"/>
      <c r="NSV706" s="613"/>
      <c r="NSW706" s="613"/>
      <c r="NSX706" s="613"/>
      <c r="NSY706" s="613"/>
      <c r="NSZ706" s="613"/>
      <c r="NTA706" s="613"/>
      <c r="NTB706" s="613"/>
      <c r="NTC706" s="613"/>
      <c r="NTD706" s="613"/>
      <c r="NTE706" s="613"/>
      <c r="NTF706" s="613"/>
      <c r="NTG706" s="613"/>
      <c r="NTH706" s="613"/>
      <c r="NTI706" s="613"/>
      <c r="NTJ706" s="613"/>
      <c r="NTK706" s="613"/>
      <c r="NTL706" s="613"/>
      <c r="NTM706" s="613"/>
      <c r="NTN706" s="613"/>
      <c r="NTO706" s="613"/>
      <c r="NTP706" s="613"/>
      <c r="NTQ706" s="613"/>
      <c r="NTR706" s="613"/>
      <c r="NTS706" s="613"/>
      <c r="NTT706" s="613"/>
      <c r="NTU706" s="613"/>
      <c r="NTV706" s="613"/>
      <c r="NTW706" s="613"/>
      <c r="NTX706" s="613"/>
      <c r="NTY706" s="613"/>
      <c r="NTZ706" s="613"/>
      <c r="NUA706" s="613"/>
      <c r="NUB706" s="613"/>
      <c r="NUC706" s="613"/>
      <c r="NUD706" s="613"/>
      <c r="NUE706" s="613"/>
      <c r="NUF706" s="613"/>
      <c r="NUG706" s="613"/>
      <c r="NUH706" s="613"/>
      <c r="NUI706" s="613"/>
      <c r="NUJ706" s="613"/>
      <c r="NUK706" s="613"/>
      <c r="NUL706" s="613"/>
      <c r="NUM706" s="613"/>
      <c r="NUN706" s="613"/>
      <c r="NUO706" s="613"/>
      <c r="NUP706" s="613"/>
      <c r="NUQ706" s="613"/>
      <c r="NUR706" s="613"/>
      <c r="NUS706" s="613"/>
      <c r="NUT706" s="613"/>
      <c r="NUU706" s="613"/>
      <c r="NUV706" s="613"/>
      <c r="NUW706" s="613"/>
      <c r="NUX706" s="613"/>
      <c r="NUY706" s="613"/>
      <c r="NUZ706" s="613"/>
      <c r="NVA706" s="613"/>
      <c r="NVB706" s="613"/>
      <c r="NVC706" s="613"/>
      <c r="NVD706" s="613"/>
      <c r="NVE706" s="613"/>
      <c r="NVF706" s="613"/>
      <c r="NVG706" s="613"/>
      <c r="NVH706" s="613"/>
      <c r="NVI706" s="613"/>
      <c r="NVJ706" s="613"/>
      <c r="NVK706" s="613"/>
      <c r="NVL706" s="613"/>
      <c r="NVM706" s="613"/>
      <c r="NVN706" s="613"/>
      <c r="NVO706" s="613"/>
      <c r="NVP706" s="613"/>
      <c r="NVQ706" s="613"/>
      <c r="NVR706" s="613"/>
      <c r="NVS706" s="613"/>
      <c r="NVT706" s="613"/>
      <c r="NVU706" s="613"/>
      <c r="NVV706" s="613"/>
      <c r="NVW706" s="613"/>
      <c r="NVX706" s="613"/>
      <c r="NVY706" s="613"/>
      <c r="NVZ706" s="613"/>
      <c r="NWA706" s="613"/>
      <c r="NWB706" s="613"/>
      <c r="NWC706" s="613"/>
      <c r="NWD706" s="613"/>
      <c r="NWE706" s="613"/>
      <c r="NWF706" s="613"/>
      <c r="NWG706" s="613"/>
      <c r="NWH706" s="613"/>
      <c r="NWI706" s="613"/>
      <c r="NWJ706" s="613"/>
      <c r="NWK706" s="613"/>
      <c r="NWL706" s="613"/>
      <c r="NWM706" s="613"/>
      <c r="NWN706" s="613"/>
      <c r="NWO706" s="613"/>
      <c r="NWP706" s="613"/>
      <c r="NWQ706" s="613"/>
      <c r="NWR706" s="613"/>
      <c r="NWS706" s="613"/>
      <c r="NWT706" s="613"/>
      <c r="NWU706" s="613"/>
      <c r="NWV706" s="613"/>
      <c r="NWW706" s="613"/>
      <c r="NWX706" s="613"/>
      <c r="NWY706" s="613"/>
      <c r="NWZ706" s="613"/>
      <c r="NXA706" s="613"/>
      <c r="NXB706" s="613"/>
      <c r="NXC706" s="613"/>
      <c r="NXD706" s="613"/>
      <c r="NXE706" s="613"/>
      <c r="NXF706" s="613"/>
      <c r="NXG706" s="613"/>
      <c r="NXH706" s="613"/>
      <c r="NXI706" s="613"/>
      <c r="NXJ706" s="613"/>
      <c r="NXK706" s="613"/>
      <c r="NXL706" s="613"/>
      <c r="NXM706" s="613"/>
      <c r="NXN706" s="613"/>
      <c r="NXO706" s="613"/>
      <c r="NXP706" s="613"/>
      <c r="NXQ706" s="613"/>
      <c r="NXR706" s="613"/>
      <c r="NXS706" s="613"/>
      <c r="NXT706" s="613"/>
      <c r="NXU706" s="613"/>
      <c r="NXV706" s="613"/>
      <c r="NXW706" s="613"/>
      <c r="NXX706" s="613"/>
      <c r="NXY706" s="613"/>
      <c r="NXZ706" s="613"/>
      <c r="NYA706" s="613"/>
      <c r="NYB706" s="613"/>
      <c r="NYC706" s="613"/>
      <c r="NYD706" s="613"/>
      <c r="NYE706" s="613"/>
      <c r="NYF706" s="613"/>
      <c r="NYG706" s="613"/>
      <c r="NYH706" s="613"/>
      <c r="NYI706" s="613"/>
      <c r="NYJ706" s="613"/>
      <c r="NYK706" s="613"/>
      <c r="NYL706" s="613"/>
      <c r="NYM706" s="613"/>
      <c r="NYN706" s="613"/>
      <c r="NYO706" s="613"/>
      <c r="NYP706" s="613"/>
      <c r="NYQ706" s="613"/>
      <c r="NYR706" s="613"/>
      <c r="NYS706" s="613"/>
      <c r="NYT706" s="613"/>
      <c r="NYU706" s="613"/>
      <c r="NYV706" s="613"/>
      <c r="NYW706" s="613"/>
      <c r="NYX706" s="613"/>
      <c r="NYY706" s="613"/>
      <c r="NYZ706" s="613"/>
      <c r="NZA706" s="613"/>
      <c r="NZB706" s="613"/>
      <c r="NZC706" s="613"/>
      <c r="NZD706" s="613"/>
      <c r="NZE706" s="613"/>
      <c r="NZF706" s="613"/>
      <c r="NZG706" s="613"/>
      <c r="NZH706" s="613"/>
      <c r="NZI706" s="613"/>
      <c r="NZJ706" s="613"/>
      <c r="NZK706" s="613"/>
      <c r="NZL706" s="613"/>
      <c r="NZM706" s="613"/>
      <c r="NZN706" s="613"/>
      <c r="NZO706" s="613"/>
      <c r="NZP706" s="613"/>
      <c r="NZQ706" s="613"/>
      <c r="NZR706" s="613"/>
      <c r="NZS706" s="613"/>
      <c r="NZT706" s="613"/>
      <c r="NZU706" s="613"/>
      <c r="NZV706" s="613"/>
      <c r="NZW706" s="613"/>
      <c r="NZX706" s="613"/>
      <c r="NZY706" s="613"/>
      <c r="NZZ706" s="613"/>
      <c r="OAA706" s="613"/>
      <c r="OAB706" s="613"/>
      <c r="OAC706" s="613"/>
      <c r="OAD706" s="613"/>
      <c r="OAE706" s="613"/>
      <c r="OAF706" s="613"/>
      <c r="OAG706" s="613"/>
      <c r="OAH706" s="613"/>
      <c r="OAI706" s="613"/>
      <c r="OAJ706" s="613"/>
      <c r="OAK706" s="613"/>
      <c r="OAL706" s="613"/>
      <c r="OAM706" s="613"/>
      <c r="OAN706" s="613"/>
      <c r="OAO706" s="613"/>
      <c r="OAP706" s="613"/>
      <c r="OAQ706" s="613"/>
      <c r="OAR706" s="613"/>
      <c r="OAS706" s="613"/>
      <c r="OAT706" s="613"/>
      <c r="OAU706" s="613"/>
      <c r="OAV706" s="613"/>
      <c r="OAW706" s="613"/>
      <c r="OAX706" s="613"/>
      <c r="OAY706" s="613"/>
      <c r="OAZ706" s="613"/>
      <c r="OBA706" s="613"/>
      <c r="OBB706" s="613"/>
      <c r="OBC706" s="613"/>
      <c r="OBD706" s="613"/>
      <c r="OBE706" s="613"/>
      <c r="OBF706" s="613"/>
      <c r="OBG706" s="613"/>
      <c r="OBH706" s="613"/>
      <c r="OBI706" s="613"/>
      <c r="OBJ706" s="613"/>
      <c r="OBK706" s="613"/>
      <c r="OBL706" s="613"/>
      <c r="OBM706" s="613"/>
      <c r="OBN706" s="613"/>
      <c r="OBO706" s="613"/>
      <c r="OBP706" s="613"/>
      <c r="OBQ706" s="613"/>
      <c r="OBR706" s="613"/>
      <c r="OBS706" s="613"/>
      <c r="OBT706" s="613"/>
      <c r="OBU706" s="613"/>
      <c r="OBV706" s="613"/>
      <c r="OBW706" s="613"/>
      <c r="OBX706" s="613"/>
      <c r="OBY706" s="613"/>
      <c r="OBZ706" s="613"/>
      <c r="OCA706" s="613"/>
      <c r="OCB706" s="613"/>
      <c r="OCC706" s="613"/>
      <c r="OCD706" s="613"/>
      <c r="OCE706" s="613"/>
      <c r="OCF706" s="613"/>
      <c r="OCG706" s="613"/>
      <c r="OCH706" s="613"/>
      <c r="OCI706" s="613"/>
      <c r="OCJ706" s="613"/>
      <c r="OCK706" s="613"/>
      <c r="OCL706" s="613"/>
      <c r="OCM706" s="613"/>
      <c r="OCN706" s="613"/>
      <c r="OCO706" s="613"/>
      <c r="OCP706" s="613"/>
      <c r="OCQ706" s="613"/>
      <c r="OCR706" s="613"/>
      <c r="OCS706" s="613"/>
      <c r="OCT706" s="613"/>
      <c r="OCU706" s="613"/>
      <c r="OCV706" s="613"/>
      <c r="OCW706" s="613"/>
      <c r="OCX706" s="613"/>
      <c r="OCY706" s="613"/>
      <c r="OCZ706" s="613"/>
      <c r="ODA706" s="613"/>
      <c r="ODB706" s="613"/>
      <c r="ODC706" s="613"/>
      <c r="ODD706" s="613"/>
      <c r="ODE706" s="613"/>
      <c r="ODF706" s="613"/>
      <c r="ODG706" s="613"/>
      <c r="ODH706" s="613"/>
      <c r="ODI706" s="613"/>
      <c r="ODJ706" s="613"/>
      <c r="ODK706" s="613"/>
      <c r="ODL706" s="613"/>
      <c r="ODM706" s="613"/>
      <c r="ODN706" s="613"/>
      <c r="ODO706" s="613"/>
      <c r="ODP706" s="613"/>
      <c r="ODQ706" s="613"/>
      <c r="ODR706" s="613"/>
      <c r="ODS706" s="613"/>
      <c r="ODT706" s="613"/>
      <c r="ODU706" s="613"/>
      <c r="ODV706" s="613"/>
      <c r="ODW706" s="613"/>
      <c r="ODX706" s="613"/>
      <c r="ODY706" s="613"/>
      <c r="ODZ706" s="613"/>
      <c r="OEA706" s="613"/>
      <c r="OEB706" s="613"/>
      <c r="OEC706" s="613"/>
      <c r="OED706" s="613"/>
      <c r="OEE706" s="613"/>
      <c r="OEF706" s="613"/>
      <c r="OEG706" s="613"/>
      <c r="OEH706" s="613"/>
      <c r="OEI706" s="613"/>
      <c r="OEJ706" s="613"/>
      <c r="OEK706" s="613"/>
      <c r="OEL706" s="613"/>
      <c r="OEM706" s="613"/>
      <c r="OEN706" s="613"/>
      <c r="OEO706" s="613"/>
      <c r="OEP706" s="613"/>
      <c r="OEQ706" s="613"/>
      <c r="OER706" s="613"/>
      <c r="OES706" s="613"/>
      <c r="OET706" s="613"/>
      <c r="OEU706" s="613"/>
      <c r="OEV706" s="613"/>
      <c r="OEW706" s="613"/>
      <c r="OEX706" s="613"/>
      <c r="OEY706" s="613"/>
      <c r="OEZ706" s="613"/>
      <c r="OFA706" s="613"/>
      <c r="OFB706" s="613"/>
      <c r="OFC706" s="613"/>
      <c r="OFD706" s="613"/>
      <c r="OFE706" s="613"/>
      <c r="OFF706" s="613"/>
      <c r="OFG706" s="613"/>
      <c r="OFH706" s="613"/>
      <c r="OFI706" s="613"/>
      <c r="OFJ706" s="613"/>
      <c r="OFK706" s="613"/>
      <c r="OFL706" s="613"/>
      <c r="OFM706" s="613"/>
      <c r="OFN706" s="613"/>
      <c r="OFO706" s="613"/>
      <c r="OFP706" s="613"/>
      <c r="OFQ706" s="613"/>
      <c r="OFR706" s="613"/>
      <c r="OFS706" s="613"/>
      <c r="OFT706" s="613"/>
      <c r="OFU706" s="613"/>
      <c r="OFV706" s="613"/>
      <c r="OFW706" s="613"/>
      <c r="OFX706" s="613"/>
      <c r="OFY706" s="613"/>
      <c r="OFZ706" s="613"/>
      <c r="OGA706" s="613"/>
      <c r="OGB706" s="613"/>
      <c r="OGC706" s="613"/>
      <c r="OGD706" s="613"/>
      <c r="OGE706" s="613"/>
      <c r="OGF706" s="613"/>
      <c r="OGG706" s="613"/>
      <c r="OGH706" s="613"/>
      <c r="OGI706" s="613"/>
      <c r="OGJ706" s="613"/>
      <c r="OGK706" s="613"/>
      <c r="OGL706" s="613"/>
      <c r="OGM706" s="613"/>
      <c r="OGN706" s="613"/>
      <c r="OGO706" s="613"/>
      <c r="OGP706" s="613"/>
      <c r="OGQ706" s="613"/>
      <c r="OGR706" s="613"/>
      <c r="OGS706" s="613"/>
      <c r="OGT706" s="613"/>
      <c r="OGU706" s="613"/>
      <c r="OGV706" s="613"/>
      <c r="OGW706" s="613"/>
      <c r="OGX706" s="613"/>
      <c r="OGY706" s="613"/>
      <c r="OGZ706" s="613"/>
      <c r="OHA706" s="613"/>
      <c r="OHB706" s="613"/>
      <c r="OHC706" s="613"/>
      <c r="OHD706" s="613"/>
      <c r="OHE706" s="613"/>
      <c r="OHF706" s="613"/>
      <c r="OHG706" s="613"/>
      <c r="OHH706" s="613"/>
      <c r="OHI706" s="613"/>
      <c r="OHJ706" s="613"/>
      <c r="OHK706" s="613"/>
      <c r="OHL706" s="613"/>
      <c r="OHM706" s="613"/>
      <c r="OHN706" s="613"/>
      <c r="OHO706" s="613"/>
      <c r="OHP706" s="613"/>
      <c r="OHQ706" s="613"/>
      <c r="OHR706" s="613"/>
      <c r="OHS706" s="613"/>
      <c r="OHT706" s="613"/>
      <c r="OHU706" s="613"/>
      <c r="OHV706" s="613"/>
      <c r="OHW706" s="613"/>
      <c r="OHX706" s="613"/>
      <c r="OHY706" s="613"/>
      <c r="OHZ706" s="613"/>
      <c r="OIA706" s="613"/>
      <c r="OIB706" s="613"/>
      <c r="OIC706" s="613"/>
      <c r="OID706" s="613"/>
      <c r="OIE706" s="613"/>
      <c r="OIF706" s="613"/>
      <c r="OIG706" s="613"/>
      <c r="OIH706" s="613"/>
      <c r="OII706" s="613"/>
      <c r="OIJ706" s="613"/>
      <c r="OIK706" s="613"/>
      <c r="OIL706" s="613"/>
      <c r="OIM706" s="613"/>
      <c r="OIN706" s="613"/>
      <c r="OIO706" s="613"/>
      <c r="OIP706" s="613"/>
      <c r="OIQ706" s="613"/>
      <c r="OIR706" s="613"/>
      <c r="OIS706" s="613"/>
      <c r="OIT706" s="613"/>
      <c r="OIU706" s="613"/>
      <c r="OIV706" s="613"/>
      <c r="OIW706" s="613"/>
      <c r="OIX706" s="613"/>
      <c r="OIY706" s="613"/>
      <c r="OIZ706" s="613"/>
      <c r="OJA706" s="613"/>
      <c r="OJB706" s="613"/>
      <c r="OJC706" s="613"/>
      <c r="OJD706" s="613"/>
      <c r="OJE706" s="613"/>
      <c r="OJF706" s="613"/>
      <c r="OJG706" s="613"/>
      <c r="OJH706" s="613"/>
      <c r="OJI706" s="613"/>
      <c r="OJJ706" s="613"/>
      <c r="OJK706" s="613"/>
      <c r="OJL706" s="613"/>
      <c r="OJM706" s="613"/>
      <c r="OJN706" s="613"/>
      <c r="OJO706" s="613"/>
      <c r="OJP706" s="613"/>
      <c r="OJQ706" s="613"/>
      <c r="OJR706" s="613"/>
      <c r="OJS706" s="613"/>
      <c r="OJT706" s="613"/>
      <c r="OJU706" s="613"/>
      <c r="OJV706" s="613"/>
      <c r="OJW706" s="613"/>
      <c r="OJX706" s="613"/>
      <c r="OJY706" s="613"/>
      <c r="OJZ706" s="613"/>
      <c r="OKA706" s="613"/>
      <c r="OKB706" s="613"/>
      <c r="OKC706" s="613"/>
      <c r="OKD706" s="613"/>
      <c r="OKE706" s="613"/>
      <c r="OKF706" s="613"/>
      <c r="OKG706" s="613"/>
      <c r="OKH706" s="613"/>
      <c r="OKI706" s="613"/>
      <c r="OKJ706" s="613"/>
      <c r="OKK706" s="613"/>
      <c r="OKL706" s="613"/>
      <c r="OKM706" s="613"/>
      <c r="OKN706" s="613"/>
      <c r="OKO706" s="613"/>
      <c r="OKP706" s="613"/>
      <c r="OKQ706" s="613"/>
      <c r="OKR706" s="613"/>
      <c r="OKS706" s="613"/>
      <c r="OKT706" s="613"/>
      <c r="OKU706" s="613"/>
      <c r="OKV706" s="613"/>
      <c r="OKW706" s="613"/>
      <c r="OKX706" s="613"/>
      <c r="OKY706" s="613"/>
      <c r="OKZ706" s="613"/>
      <c r="OLA706" s="613"/>
      <c r="OLB706" s="613"/>
      <c r="OLC706" s="613"/>
      <c r="OLD706" s="613"/>
      <c r="OLE706" s="613"/>
      <c r="OLF706" s="613"/>
      <c r="OLG706" s="613"/>
      <c r="OLH706" s="613"/>
      <c r="OLI706" s="613"/>
      <c r="OLJ706" s="613"/>
      <c r="OLK706" s="613"/>
      <c r="OLL706" s="613"/>
      <c r="OLM706" s="613"/>
      <c r="OLN706" s="613"/>
      <c r="OLO706" s="613"/>
      <c r="OLP706" s="613"/>
      <c r="OLQ706" s="613"/>
      <c r="OLR706" s="613"/>
      <c r="OLS706" s="613"/>
      <c r="OLT706" s="613"/>
      <c r="OLU706" s="613"/>
      <c r="OLV706" s="613"/>
      <c r="OLW706" s="613"/>
      <c r="OLX706" s="613"/>
      <c r="OLY706" s="613"/>
      <c r="OLZ706" s="613"/>
      <c r="OMA706" s="613"/>
      <c r="OMB706" s="613"/>
      <c r="OMC706" s="613"/>
      <c r="OMD706" s="613"/>
      <c r="OME706" s="613"/>
      <c r="OMF706" s="613"/>
      <c r="OMG706" s="613"/>
      <c r="OMH706" s="613"/>
      <c r="OMI706" s="613"/>
      <c r="OMJ706" s="613"/>
      <c r="OMK706" s="613"/>
      <c r="OML706" s="613"/>
      <c r="OMM706" s="613"/>
      <c r="OMN706" s="613"/>
      <c r="OMO706" s="613"/>
      <c r="OMP706" s="613"/>
      <c r="OMQ706" s="613"/>
      <c r="OMR706" s="613"/>
      <c r="OMS706" s="613"/>
      <c r="OMT706" s="613"/>
      <c r="OMU706" s="613"/>
      <c r="OMV706" s="613"/>
      <c r="OMW706" s="613"/>
      <c r="OMX706" s="613"/>
      <c r="OMY706" s="613"/>
      <c r="OMZ706" s="613"/>
      <c r="ONA706" s="613"/>
      <c r="ONB706" s="613"/>
      <c r="ONC706" s="613"/>
      <c r="OND706" s="613"/>
      <c r="ONE706" s="613"/>
      <c r="ONF706" s="613"/>
      <c r="ONG706" s="613"/>
      <c r="ONH706" s="613"/>
      <c r="ONI706" s="613"/>
      <c r="ONJ706" s="613"/>
      <c r="ONK706" s="613"/>
      <c r="ONL706" s="613"/>
      <c r="ONM706" s="613"/>
      <c r="ONN706" s="613"/>
      <c r="ONO706" s="613"/>
      <c r="ONP706" s="613"/>
      <c r="ONQ706" s="613"/>
      <c r="ONR706" s="613"/>
      <c r="ONS706" s="613"/>
      <c r="ONT706" s="613"/>
      <c r="ONU706" s="613"/>
      <c r="ONV706" s="613"/>
      <c r="ONW706" s="613"/>
      <c r="ONX706" s="613"/>
      <c r="ONY706" s="613"/>
      <c r="ONZ706" s="613"/>
      <c r="OOA706" s="613"/>
      <c r="OOB706" s="613"/>
      <c r="OOC706" s="613"/>
      <c r="OOD706" s="613"/>
      <c r="OOE706" s="613"/>
      <c r="OOF706" s="613"/>
      <c r="OOG706" s="613"/>
      <c r="OOH706" s="613"/>
      <c r="OOI706" s="613"/>
      <c r="OOJ706" s="613"/>
      <c r="OOK706" s="613"/>
      <c r="OOL706" s="613"/>
      <c r="OOM706" s="613"/>
      <c r="OON706" s="613"/>
      <c r="OOO706" s="613"/>
      <c r="OOP706" s="613"/>
      <c r="OOQ706" s="613"/>
      <c r="OOR706" s="613"/>
      <c r="OOS706" s="613"/>
      <c r="OOT706" s="613"/>
      <c r="OOU706" s="613"/>
      <c r="OOV706" s="613"/>
      <c r="OOW706" s="613"/>
      <c r="OOX706" s="613"/>
      <c r="OOY706" s="613"/>
      <c r="OOZ706" s="613"/>
      <c r="OPA706" s="613"/>
      <c r="OPB706" s="613"/>
      <c r="OPC706" s="613"/>
      <c r="OPD706" s="613"/>
      <c r="OPE706" s="613"/>
      <c r="OPF706" s="613"/>
      <c r="OPG706" s="613"/>
      <c r="OPH706" s="613"/>
      <c r="OPI706" s="613"/>
      <c r="OPJ706" s="613"/>
      <c r="OPK706" s="613"/>
      <c r="OPL706" s="613"/>
      <c r="OPM706" s="613"/>
      <c r="OPN706" s="613"/>
      <c r="OPO706" s="613"/>
      <c r="OPP706" s="613"/>
      <c r="OPQ706" s="613"/>
      <c r="OPR706" s="613"/>
      <c r="OPS706" s="613"/>
      <c r="OPT706" s="613"/>
      <c r="OPU706" s="613"/>
      <c r="OPV706" s="613"/>
      <c r="OPW706" s="613"/>
      <c r="OPX706" s="613"/>
      <c r="OPY706" s="613"/>
      <c r="OPZ706" s="613"/>
      <c r="OQA706" s="613"/>
      <c r="OQB706" s="613"/>
      <c r="OQC706" s="613"/>
      <c r="OQD706" s="613"/>
      <c r="OQE706" s="613"/>
      <c r="OQF706" s="613"/>
      <c r="OQG706" s="613"/>
      <c r="OQH706" s="613"/>
      <c r="OQI706" s="613"/>
      <c r="OQJ706" s="613"/>
      <c r="OQK706" s="613"/>
      <c r="OQL706" s="613"/>
      <c r="OQM706" s="613"/>
      <c r="OQN706" s="613"/>
      <c r="OQO706" s="613"/>
      <c r="OQP706" s="613"/>
      <c r="OQQ706" s="613"/>
      <c r="OQR706" s="613"/>
      <c r="OQS706" s="613"/>
      <c r="OQT706" s="613"/>
      <c r="OQU706" s="613"/>
      <c r="OQV706" s="613"/>
      <c r="OQW706" s="613"/>
      <c r="OQX706" s="613"/>
      <c r="OQY706" s="613"/>
      <c r="OQZ706" s="613"/>
      <c r="ORA706" s="613"/>
      <c r="ORB706" s="613"/>
      <c r="ORC706" s="613"/>
      <c r="ORD706" s="613"/>
      <c r="ORE706" s="613"/>
      <c r="ORF706" s="613"/>
      <c r="ORG706" s="613"/>
      <c r="ORH706" s="613"/>
      <c r="ORI706" s="613"/>
      <c r="ORJ706" s="613"/>
      <c r="ORK706" s="613"/>
      <c r="ORL706" s="613"/>
      <c r="ORM706" s="613"/>
      <c r="ORN706" s="613"/>
      <c r="ORO706" s="613"/>
      <c r="ORP706" s="613"/>
      <c r="ORQ706" s="613"/>
      <c r="ORR706" s="613"/>
      <c r="ORS706" s="613"/>
      <c r="ORT706" s="613"/>
      <c r="ORU706" s="613"/>
      <c r="ORV706" s="613"/>
      <c r="ORW706" s="613"/>
      <c r="ORX706" s="613"/>
      <c r="ORY706" s="613"/>
      <c r="ORZ706" s="613"/>
      <c r="OSA706" s="613"/>
      <c r="OSB706" s="613"/>
      <c r="OSC706" s="613"/>
      <c r="OSD706" s="613"/>
      <c r="OSE706" s="613"/>
      <c r="OSF706" s="613"/>
      <c r="OSG706" s="613"/>
      <c r="OSH706" s="613"/>
      <c r="OSI706" s="613"/>
      <c r="OSJ706" s="613"/>
      <c r="OSK706" s="613"/>
      <c r="OSL706" s="613"/>
      <c r="OSM706" s="613"/>
      <c r="OSN706" s="613"/>
      <c r="OSO706" s="613"/>
      <c r="OSP706" s="613"/>
      <c r="OSQ706" s="613"/>
      <c r="OSR706" s="613"/>
      <c r="OSS706" s="613"/>
      <c r="OST706" s="613"/>
      <c r="OSU706" s="613"/>
      <c r="OSV706" s="613"/>
      <c r="OSW706" s="613"/>
      <c r="OSX706" s="613"/>
      <c r="OSY706" s="613"/>
      <c r="OSZ706" s="613"/>
      <c r="OTA706" s="613"/>
      <c r="OTB706" s="613"/>
      <c r="OTC706" s="613"/>
      <c r="OTD706" s="613"/>
      <c r="OTE706" s="613"/>
      <c r="OTF706" s="613"/>
      <c r="OTG706" s="613"/>
      <c r="OTH706" s="613"/>
      <c r="OTI706" s="613"/>
      <c r="OTJ706" s="613"/>
      <c r="OTK706" s="613"/>
      <c r="OTL706" s="613"/>
      <c r="OTM706" s="613"/>
      <c r="OTN706" s="613"/>
      <c r="OTO706" s="613"/>
      <c r="OTP706" s="613"/>
      <c r="OTQ706" s="613"/>
      <c r="OTR706" s="613"/>
      <c r="OTS706" s="613"/>
      <c r="OTT706" s="613"/>
      <c r="OTU706" s="613"/>
      <c r="OTV706" s="613"/>
      <c r="OTW706" s="613"/>
      <c r="OTX706" s="613"/>
      <c r="OTY706" s="613"/>
      <c r="OTZ706" s="613"/>
      <c r="OUA706" s="613"/>
      <c r="OUB706" s="613"/>
      <c r="OUC706" s="613"/>
      <c r="OUD706" s="613"/>
      <c r="OUE706" s="613"/>
      <c r="OUF706" s="613"/>
      <c r="OUG706" s="613"/>
      <c r="OUH706" s="613"/>
      <c r="OUI706" s="613"/>
      <c r="OUJ706" s="613"/>
      <c r="OUK706" s="613"/>
      <c r="OUL706" s="613"/>
      <c r="OUM706" s="613"/>
      <c r="OUN706" s="613"/>
      <c r="OUO706" s="613"/>
      <c r="OUP706" s="613"/>
      <c r="OUQ706" s="613"/>
      <c r="OUR706" s="613"/>
      <c r="OUS706" s="613"/>
      <c r="OUT706" s="613"/>
      <c r="OUU706" s="613"/>
      <c r="OUV706" s="613"/>
      <c r="OUW706" s="613"/>
      <c r="OUX706" s="613"/>
      <c r="OUY706" s="613"/>
      <c r="OUZ706" s="613"/>
      <c r="OVA706" s="613"/>
      <c r="OVB706" s="613"/>
      <c r="OVC706" s="613"/>
      <c r="OVD706" s="613"/>
      <c r="OVE706" s="613"/>
      <c r="OVF706" s="613"/>
      <c r="OVG706" s="613"/>
      <c r="OVH706" s="613"/>
      <c r="OVI706" s="613"/>
      <c r="OVJ706" s="613"/>
      <c r="OVK706" s="613"/>
      <c r="OVL706" s="613"/>
      <c r="OVM706" s="613"/>
      <c r="OVN706" s="613"/>
      <c r="OVO706" s="613"/>
      <c r="OVP706" s="613"/>
      <c r="OVQ706" s="613"/>
      <c r="OVR706" s="613"/>
      <c r="OVS706" s="613"/>
      <c r="OVT706" s="613"/>
      <c r="OVU706" s="613"/>
      <c r="OVV706" s="613"/>
      <c r="OVW706" s="613"/>
      <c r="OVX706" s="613"/>
      <c r="OVY706" s="613"/>
      <c r="OVZ706" s="613"/>
      <c r="OWA706" s="613"/>
      <c r="OWB706" s="613"/>
      <c r="OWC706" s="613"/>
      <c r="OWD706" s="613"/>
      <c r="OWE706" s="613"/>
      <c r="OWF706" s="613"/>
      <c r="OWG706" s="613"/>
      <c r="OWH706" s="613"/>
      <c r="OWI706" s="613"/>
      <c r="OWJ706" s="613"/>
      <c r="OWK706" s="613"/>
      <c r="OWL706" s="613"/>
      <c r="OWM706" s="613"/>
      <c r="OWN706" s="613"/>
      <c r="OWO706" s="613"/>
      <c r="OWP706" s="613"/>
      <c r="OWQ706" s="613"/>
      <c r="OWR706" s="613"/>
      <c r="OWS706" s="613"/>
      <c r="OWT706" s="613"/>
      <c r="OWU706" s="613"/>
      <c r="OWV706" s="613"/>
      <c r="OWW706" s="613"/>
      <c r="OWX706" s="613"/>
      <c r="OWY706" s="613"/>
      <c r="OWZ706" s="613"/>
      <c r="OXA706" s="613"/>
      <c r="OXB706" s="613"/>
      <c r="OXC706" s="613"/>
      <c r="OXD706" s="613"/>
      <c r="OXE706" s="613"/>
      <c r="OXF706" s="613"/>
      <c r="OXG706" s="613"/>
      <c r="OXH706" s="613"/>
      <c r="OXI706" s="613"/>
      <c r="OXJ706" s="613"/>
      <c r="OXK706" s="613"/>
      <c r="OXL706" s="613"/>
      <c r="OXM706" s="613"/>
      <c r="OXN706" s="613"/>
      <c r="OXO706" s="613"/>
      <c r="OXP706" s="613"/>
      <c r="OXQ706" s="613"/>
      <c r="OXR706" s="613"/>
      <c r="OXS706" s="613"/>
      <c r="OXT706" s="613"/>
      <c r="OXU706" s="613"/>
      <c r="OXV706" s="613"/>
      <c r="OXW706" s="613"/>
      <c r="OXX706" s="613"/>
      <c r="OXY706" s="613"/>
      <c r="OXZ706" s="613"/>
      <c r="OYA706" s="613"/>
      <c r="OYB706" s="613"/>
      <c r="OYC706" s="613"/>
      <c r="OYD706" s="613"/>
      <c r="OYE706" s="613"/>
      <c r="OYF706" s="613"/>
      <c r="OYG706" s="613"/>
      <c r="OYH706" s="613"/>
      <c r="OYI706" s="613"/>
      <c r="OYJ706" s="613"/>
      <c r="OYK706" s="613"/>
      <c r="OYL706" s="613"/>
      <c r="OYM706" s="613"/>
      <c r="OYN706" s="613"/>
      <c r="OYO706" s="613"/>
      <c r="OYP706" s="613"/>
      <c r="OYQ706" s="613"/>
      <c r="OYR706" s="613"/>
      <c r="OYS706" s="613"/>
      <c r="OYT706" s="613"/>
      <c r="OYU706" s="613"/>
      <c r="OYV706" s="613"/>
      <c r="OYW706" s="613"/>
      <c r="OYX706" s="613"/>
      <c r="OYY706" s="613"/>
      <c r="OYZ706" s="613"/>
      <c r="OZA706" s="613"/>
      <c r="OZB706" s="613"/>
      <c r="OZC706" s="613"/>
      <c r="OZD706" s="613"/>
      <c r="OZE706" s="613"/>
      <c r="OZF706" s="613"/>
      <c r="OZG706" s="613"/>
      <c r="OZH706" s="613"/>
      <c r="OZI706" s="613"/>
      <c r="OZJ706" s="613"/>
      <c r="OZK706" s="613"/>
      <c r="OZL706" s="613"/>
      <c r="OZM706" s="613"/>
      <c r="OZN706" s="613"/>
      <c r="OZO706" s="613"/>
      <c r="OZP706" s="613"/>
      <c r="OZQ706" s="613"/>
      <c r="OZR706" s="613"/>
      <c r="OZS706" s="613"/>
      <c r="OZT706" s="613"/>
      <c r="OZU706" s="613"/>
      <c r="OZV706" s="613"/>
      <c r="OZW706" s="613"/>
      <c r="OZX706" s="613"/>
      <c r="OZY706" s="613"/>
      <c r="OZZ706" s="613"/>
      <c r="PAA706" s="613"/>
      <c r="PAB706" s="613"/>
      <c r="PAC706" s="613"/>
      <c r="PAD706" s="613"/>
      <c r="PAE706" s="613"/>
      <c r="PAF706" s="613"/>
      <c r="PAG706" s="613"/>
      <c r="PAH706" s="613"/>
      <c r="PAI706" s="613"/>
      <c r="PAJ706" s="613"/>
      <c r="PAK706" s="613"/>
      <c r="PAL706" s="613"/>
      <c r="PAM706" s="613"/>
      <c r="PAN706" s="613"/>
      <c r="PAO706" s="613"/>
      <c r="PAP706" s="613"/>
      <c r="PAQ706" s="613"/>
      <c r="PAR706" s="613"/>
      <c r="PAS706" s="613"/>
      <c r="PAT706" s="613"/>
      <c r="PAU706" s="613"/>
      <c r="PAV706" s="613"/>
      <c r="PAW706" s="613"/>
      <c r="PAX706" s="613"/>
      <c r="PAY706" s="613"/>
      <c r="PAZ706" s="613"/>
      <c r="PBA706" s="613"/>
      <c r="PBB706" s="613"/>
      <c r="PBC706" s="613"/>
      <c r="PBD706" s="613"/>
      <c r="PBE706" s="613"/>
      <c r="PBF706" s="613"/>
      <c r="PBG706" s="613"/>
      <c r="PBH706" s="613"/>
      <c r="PBI706" s="613"/>
      <c r="PBJ706" s="613"/>
      <c r="PBK706" s="613"/>
      <c r="PBL706" s="613"/>
      <c r="PBM706" s="613"/>
      <c r="PBN706" s="613"/>
      <c r="PBO706" s="613"/>
      <c r="PBP706" s="613"/>
      <c r="PBQ706" s="613"/>
      <c r="PBR706" s="613"/>
      <c r="PBS706" s="613"/>
      <c r="PBT706" s="613"/>
      <c r="PBU706" s="613"/>
      <c r="PBV706" s="613"/>
      <c r="PBW706" s="613"/>
      <c r="PBX706" s="613"/>
      <c r="PBY706" s="613"/>
      <c r="PBZ706" s="613"/>
      <c r="PCA706" s="613"/>
      <c r="PCB706" s="613"/>
      <c r="PCC706" s="613"/>
      <c r="PCD706" s="613"/>
      <c r="PCE706" s="613"/>
      <c r="PCF706" s="613"/>
      <c r="PCG706" s="613"/>
      <c r="PCH706" s="613"/>
      <c r="PCI706" s="613"/>
      <c r="PCJ706" s="613"/>
      <c r="PCK706" s="613"/>
      <c r="PCL706" s="613"/>
      <c r="PCM706" s="613"/>
      <c r="PCN706" s="613"/>
      <c r="PCO706" s="613"/>
      <c r="PCP706" s="613"/>
      <c r="PCQ706" s="613"/>
      <c r="PCR706" s="613"/>
      <c r="PCS706" s="613"/>
      <c r="PCT706" s="613"/>
      <c r="PCU706" s="613"/>
      <c r="PCV706" s="613"/>
      <c r="PCW706" s="613"/>
      <c r="PCX706" s="613"/>
      <c r="PCY706" s="613"/>
      <c r="PCZ706" s="613"/>
      <c r="PDA706" s="613"/>
      <c r="PDB706" s="613"/>
      <c r="PDC706" s="613"/>
      <c r="PDD706" s="613"/>
      <c r="PDE706" s="613"/>
      <c r="PDF706" s="613"/>
      <c r="PDG706" s="613"/>
      <c r="PDH706" s="613"/>
      <c r="PDI706" s="613"/>
      <c r="PDJ706" s="613"/>
      <c r="PDK706" s="613"/>
      <c r="PDL706" s="613"/>
      <c r="PDM706" s="613"/>
      <c r="PDN706" s="613"/>
      <c r="PDO706" s="613"/>
      <c r="PDP706" s="613"/>
      <c r="PDQ706" s="613"/>
      <c r="PDR706" s="613"/>
      <c r="PDS706" s="613"/>
      <c r="PDT706" s="613"/>
      <c r="PDU706" s="613"/>
      <c r="PDV706" s="613"/>
      <c r="PDW706" s="613"/>
      <c r="PDX706" s="613"/>
      <c r="PDY706" s="613"/>
      <c r="PDZ706" s="613"/>
      <c r="PEA706" s="613"/>
      <c r="PEB706" s="613"/>
      <c r="PEC706" s="613"/>
      <c r="PED706" s="613"/>
      <c r="PEE706" s="613"/>
      <c r="PEF706" s="613"/>
      <c r="PEG706" s="613"/>
      <c r="PEH706" s="613"/>
      <c r="PEI706" s="613"/>
      <c r="PEJ706" s="613"/>
      <c r="PEK706" s="613"/>
      <c r="PEL706" s="613"/>
      <c r="PEM706" s="613"/>
      <c r="PEN706" s="613"/>
      <c r="PEO706" s="613"/>
      <c r="PEP706" s="613"/>
      <c r="PEQ706" s="613"/>
      <c r="PER706" s="613"/>
      <c r="PES706" s="613"/>
      <c r="PET706" s="613"/>
      <c r="PEU706" s="613"/>
      <c r="PEV706" s="613"/>
      <c r="PEW706" s="613"/>
      <c r="PEX706" s="613"/>
      <c r="PEY706" s="613"/>
      <c r="PEZ706" s="613"/>
      <c r="PFA706" s="613"/>
      <c r="PFB706" s="613"/>
      <c r="PFC706" s="613"/>
      <c r="PFD706" s="613"/>
      <c r="PFE706" s="613"/>
      <c r="PFF706" s="613"/>
      <c r="PFG706" s="613"/>
      <c r="PFH706" s="613"/>
      <c r="PFI706" s="613"/>
      <c r="PFJ706" s="613"/>
      <c r="PFK706" s="613"/>
      <c r="PFL706" s="613"/>
      <c r="PFM706" s="613"/>
      <c r="PFN706" s="613"/>
      <c r="PFO706" s="613"/>
      <c r="PFP706" s="613"/>
      <c r="PFQ706" s="613"/>
      <c r="PFR706" s="613"/>
      <c r="PFS706" s="613"/>
      <c r="PFT706" s="613"/>
      <c r="PFU706" s="613"/>
      <c r="PFV706" s="613"/>
      <c r="PFW706" s="613"/>
      <c r="PFX706" s="613"/>
      <c r="PFY706" s="613"/>
      <c r="PFZ706" s="613"/>
      <c r="PGA706" s="613"/>
      <c r="PGB706" s="613"/>
      <c r="PGC706" s="613"/>
      <c r="PGD706" s="613"/>
      <c r="PGE706" s="613"/>
      <c r="PGF706" s="613"/>
      <c r="PGG706" s="613"/>
      <c r="PGH706" s="613"/>
      <c r="PGI706" s="613"/>
      <c r="PGJ706" s="613"/>
      <c r="PGK706" s="613"/>
      <c r="PGL706" s="613"/>
      <c r="PGM706" s="613"/>
      <c r="PGN706" s="613"/>
      <c r="PGO706" s="613"/>
      <c r="PGP706" s="613"/>
      <c r="PGQ706" s="613"/>
      <c r="PGR706" s="613"/>
      <c r="PGS706" s="613"/>
      <c r="PGT706" s="613"/>
      <c r="PGU706" s="613"/>
      <c r="PGV706" s="613"/>
      <c r="PGW706" s="613"/>
      <c r="PGX706" s="613"/>
      <c r="PGY706" s="613"/>
      <c r="PGZ706" s="613"/>
      <c r="PHA706" s="613"/>
      <c r="PHB706" s="613"/>
      <c r="PHC706" s="613"/>
      <c r="PHD706" s="613"/>
      <c r="PHE706" s="613"/>
      <c r="PHF706" s="613"/>
      <c r="PHG706" s="613"/>
      <c r="PHH706" s="613"/>
      <c r="PHI706" s="613"/>
      <c r="PHJ706" s="613"/>
      <c r="PHK706" s="613"/>
      <c r="PHL706" s="613"/>
      <c r="PHM706" s="613"/>
      <c r="PHN706" s="613"/>
      <c r="PHO706" s="613"/>
      <c r="PHP706" s="613"/>
      <c r="PHQ706" s="613"/>
      <c r="PHR706" s="613"/>
      <c r="PHS706" s="613"/>
      <c r="PHT706" s="613"/>
      <c r="PHU706" s="613"/>
      <c r="PHV706" s="613"/>
      <c r="PHW706" s="613"/>
      <c r="PHX706" s="613"/>
      <c r="PHY706" s="613"/>
      <c r="PHZ706" s="613"/>
      <c r="PIA706" s="613"/>
      <c r="PIB706" s="613"/>
      <c r="PIC706" s="613"/>
      <c r="PID706" s="613"/>
      <c r="PIE706" s="613"/>
      <c r="PIF706" s="613"/>
      <c r="PIG706" s="613"/>
      <c r="PIH706" s="613"/>
      <c r="PII706" s="613"/>
      <c r="PIJ706" s="613"/>
      <c r="PIK706" s="613"/>
      <c r="PIL706" s="613"/>
      <c r="PIM706" s="613"/>
      <c r="PIN706" s="613"/>
      <c r="PIO706" s="613"/>
      <c r="PIP706" s="613"/>
      <c r="PIQ706" s="613"/>
      <c r="PIR706" s="613"/>
      <c r="PIS706" s="613"/>
      <c r="PIT706" s="613"/>
      <c r="PIU706" s="613"/>
      <c r="PIV706" s="613"/>
      <c r="PIW706" s="613"/>
      <c r="PIX706" s="613"/>
      <c r="PIY706" s="613"/>
      <c r="PIZ706" s="613"/>
      <c r="PJA706" s="613"/>
      <c r="PJB706" s="613"/>
      <c r="PJC706" s="613"/>
      <c r="PJD706" s="613"/>
      <c r="PJE706" s="613"/>
      <c r="PJF706" s="613"/>
      <c r="PJG706" s="613"/>
      <c r="PJH706" s="613"/>
      <c r="PJI706" s="613"/>
      <c r="PJJ706" s="613"/>
      <c r="PJK706" s="613"/>
      <c r="PJL706" s="613"/>
      <c r="PJM706" s="613"/>
      <c r="PJN706" s="613"/>
      <c r="PJO706" s="613"/>
      <c r="PJP706" s="613"/>
      <c r="PJQ706" s="613"/>
      <c r="PJR706" s="613"/>
      <c r="PJS706" s="613"/>
      <c r="PJT706" s="613"/>
      <c r="PJU706" s="613"/>
      <c r="PJV706" s="613"/>
      <c r="PJW706" s="613"/>
      <c r="PJX706" s="613"/>
      <c r="PJY706" s="613"/>
      <c r="PJZ706" s="613"/>
      <c r="PKA706" s="613"/>
      <c r="PKB706" s="613"/>
      <c r="PKC706" s="613"/>
      <c r="PKD706" s="613"/>
      <c r="PKE706" s="613"/>
      <c r="PKF706" s="613"/>
      <c r="PKG706" s="613"/>
      <c r="PKH706" s="613"/>
      <c r="PKI706" s="613"/>
      <c r="PKJ706" s="613"/>
      <c r="PKK706" s="613"/>
      <c r="PKL706" s="613"/>
      <c r="PKM706" s="613"/>
      <c r="PKN706" s="613"/>
      <c r="PKO706" s="613"/>
      <c r="PKP706" s="613"/>
      <c r="PKQ706" s="613"/>
      <c r="PKR706" s="613"/>
      <c r="PKS706" s="613"/>
      <c r="PKT706" s="613"/>
      <c r="PKU706" s="613"/>
      <c r="PKV706" s="613"/>
      <c r="PKW706" s="613"/>
      <c r="PKX706" s="613"/>
      <c r="PKY706" s="613"/>
      <c r="PKZ706" s="613"/>
      <c r="PLA706" s="613"/>
      <c r="PLB706" s="613"/>
      <c r="PLC706" s="613"/>
      <c r="PLD706" s="613"/>
      <c r="PLE706" s="613"/>
      <c r="PLF706" s="613"/>
      <c r="PLG706" s="613"/>
      <c r="PLH706" s="613"/>
      <c r="PLI706" s="613"/>
      <c r="PLJ706" s="613"/>
      <c r="PLK706" s="613"/>
      <c r="PLL706" s="613"/>
      <c r="PLM706" s="613"/>
      <c r="PLN706" s="613"/>
      <c r="PLO706" s="613"/>
      <c r="PLP706" s="613"/>
      <c r="PLQ706" s="613"/>
      <c r="PLR706" s="613"/>
      <c r="PLS706" s="613"/>
      <c r="PLT706" s="613"/>
      <c r="PLU706" s="613"/>
      <c r="PLV706" s="613"/>
      <c r="PLW706" s="613"/>
      <c r="PLX706" s="613"/>
      <c r="PLY706" s="613"/>
      <c r="PLZ706" s="613"/>
      <c r="PMA706" s="613"/>
      <c r="PMB706" s="613"/>
      <c r="PMC706" s="613"/>
      <c r="PMD706" s="613"/>
      <c r="PME706" s="613"/>
      <c r="PMF706" s="613"/>
      <c r="PMG706" s="613"/>
      <c r="PMH706" s="613"/>
      <c r="PMI706" s="613"/>
      <c r="PMJ706" s="613"/>
      <c r="PMK706" s="613"/>
      <c r="PML706" s="613"/>
      <c r="PMM706" s="613"/>
      <c r="PMN706" s="613"/>
      <c r="PMO706" s="613"/>
      <c r="PMP706" s="613"/>
      <c r="PMQ706" s="613"/>
      <c r="PMR706" s="613"/>
      <c r="PMS706" s="613"/>
      <c r="PMT706" s="613"/>
      <c r="PMU706" s="613"/>
      <c r="PMV706" s="613"/>
      <c r="PMW706" s="613"/>
      <c r="PMX706" s="613"/>
      <c r="PMY706" s="613"/>
      <c r="PMZ706" s="613"/>
      <c r="PNA706" s="613"/>
      <c r="PNB706" s="613"/>
      <c r="PNC706" s="613"/>
      <c r="PND706" s="613"/>
      <c r="PNE706" s="613"/>
      <c r="PNF706" s="613"/>
      <c r="PNG706" s="613"/>
      <c r="PNH706" s="613"/>
      <c r="PNI706" s="613"/>
      <c r="PNJ706" s="613"/>
      <c r="PNK706" s="613"/>
      <c r="PNL706" s="613"/>
      <c r="PNM706" s="613"/>
      <c r="PNN706" s="613"/>
      <c r="PNO706" s="613"/>
      <c r="PNP706" s="613"/>
      <c r="PNQ706" s="613"/>
      <c r="PNR706" s="613"/>
      <c r="PNS706" s="613"/>
      <c r="PNT706" s="613"/>
      <c r="PNU706" s="613"/>
      <c r="PNV706" s="613"/>
      <c r="PNW706" s="613"/>
      <c r="PNX706" s="613"/>
      <c r="PNY706" s="613"/>
      <c r="PNZ706" s="613"/>
      <c r="POA706" s="613"/>
      <c r="POB706" s="613"/>
      <c r="POC706" s="613"/>
      <c r="POD706" s="613"/>
      <c r="POE706" s="613"/>
      <c r="POF706" s="613"/>
      <c r="POG706" s="613"/>
      <c r="POH706" s="613"/>
      <c r="POI706" s="613"/>
      <c r="POJ706" s="613"/>
      <c r="POK706" s="613"/>
      <c r="POL706" s="613"/>
      <c r="POM706" s="613"/>
      <c r="PON706" s="613"/>
      <c r="POO706" s="613"/>
      <c r="POP706" s="613"/>
      <c r="POQ706" s="613"/>
      <c r="POR706" s="613"/>
      <c r="POS706" s="613"/>
      <c r="POT706" s="613"/>
      <c r="POU706" s="613"/>
      <c r="POV706" s="613"/>
      <c r="POW706" s="613"/>
      <c r="POX706" s="613"/>
      <c r="POY706" s="613"/>
      <c r="POZ706" s="613"/>
      <c r="PPA706" s="613"/>
      <c r="PPB706" s="613"/>
      <c r="PPC706" s="613"/>
      <c r="PPD706" s="613"/>
      <c r="PPE706" s="613"/>
      <c r="PPF706" s="613"/>
      <c r="PPG706" s="613"/>
      <c r="PPH706" s="613"/>
      <c r="PPI706" s="613"/>
      <c r="PPJ706" s="613"/>
      <c r="PPK706" s="613"/>
      <c r="PPL706" s="613"/>
      <c r="PPM706" s="613"/>
      <c r="PPN706" s="613"/>
      <c r="PPO706" s="613"/>
      <c r="PPP706" s="613"/>
      <c r="PPQ706" s="613"/>
      <c r="PPR706" s="613"/>
      <c r="PPS706" s="613"/>
      <c r="PPT706" s="613"/>
      <c r="PPU706" s="613"/>
      <c r="PPV706" s="613"/>
      <c r="PPW706" s="613"/>
      <c r="PPX706" s="613"/>
      <c r="PPY706" s="613"/>
      <c r="PPZ706" s="613"/>
      <c r="PQA706" s="613"/>
      <c r="PQB706" s="613"/>
      <c r="PQC706" s="613"/>
      <c r="PQD706" s="613"/>
      <c r="PQE706" s="613"/>
      <c r="PQF706" s="613"/>
      <c r="PQG706" s="613"/>
      <c r="PQH706" s="613"/>
      <c r="PQI706" s="613"/>
      <c r="PQJ706" s="613"/>
      <c r="PQK706" s="613"/>
      <c r="PQL706" s="613"/>
      <c r="PQM706" s="613"/>
      <c r="PQN706" s="613"/>
      <c r="PQO706" s="613"/>
      <c r="PQP706" s="613"/>
      <c r="PQQ706" s="613"/>
      <c r="PQR706" s="613"/>
      <c r="PQS706" s="613"/>
      <c r="PQT706" s="613"/>
      <c r="PQU706" s="613"/>
      <c r="PQV706" s="613"/>
      <c r="PQW706" s="613"/>
      <c r="PQX706" s="613"/>
      <c r="PQY706" s="613"/>
      <c r="PQZ706" s="613"/>
      <c r="PRA706" s="613"/>
      <c r="PRB706" s="613"/>
      <c r="PRC706" s="613"/>
      <c r="PRD706" s="613"/>
      <c r="PRE706" s="613"/>
      <c r="PRF706" s="613"/>
      <c r="PRG706" s="613"/>
      <c r="PRH706" s="613"/>
      <c r="PRI706" s="613"/>
      <c r="PRJ706" s="613"/>
      <c r="PRK706" s="613"/>
      <c r="PRL706" s="613"/>
      <c r="PRM706" s="613"/>
      <c r="PRN706" s="613"/>
      <c r="PRO706" s="613"/>
      <c r="PRP706" s="613"/>
      <c r="PRQ706" s="613"/>
      <c r="PRR706" s="613"/>
      <c r="PRS706" s="613"/>
      <c r="PRT706" s="613"/>
      <c r="PRU706" s="613"/>
      <c r="PRV706" s="613"/>
      <c r="PRW706" s="613"/>
      <c r="PRX706" s="613"/>
      <c r="PRY706" s="613"/>
      <c r="PRZ706" s="613"/>
      <c r="PSA706" s="613"/>
      <c r="PSB706" s="613"/>
      <c r="PSC706" s="613"/>
      <c r="PSD706" s="613"/>
      <c r="PSE706" s="613"/>
      <c r="PSF706" s="613"/>
      <c r="PSG706" s="613"/>
      <c r="PSH706" s="613"/>
      <c r="PSI706" s="613"/>
      <c r="PSJ706" s="613"/>
      <c r="PSK706" s="613"/>
      <c r="PSL706" s="613"/>
      <c r="PSM706" s="613"/>
      <c r="PSN706" s="613"/>
      <c r="PSO706" s="613"/>
      <c r="PSP706" s="613"/>
      <c r="PSQ706" s="613"/>
      <c r="PSR706" s="613"/>
      <c r="PSS706" s="613"/>
      <c r="PST706" s="613"/>
      <c r="PSU706" s="613"/>
      <c r="PSV706" s="613"/>
      <c r="PSW706" s="613"/>
      <c r="PSX706" s="613"/>
      <c r="PSY706" s="613"/>
      <c r="PSZ706" s="613"/>
      <c r="PTA706" s="613"/>
      <c r="PTB706" s="613"/>
      <c r="PTC706" s="613"/>
      <c r="PTD706" s="613"/>
      <c r="PTE706" s="613"/>
      <c r="PTF706" s="613"/>
      <c r="PTG706" s="613"/>
      <c r="PTH706" s="613"/>
      <c r="PTI706" s="613"/>
      <c r="PTJ706" s="613"/>
      <c r="PTK706" s="613"/>
      <c r="PTL706" s="613"/>
      <c r="PTM706" s="613"/>
      <c r="PTN706" s="613"/>
      <c r="PTO706" s="613"/>
      <c r="PTP706" s="613"/>
      <c r="PTQ706" s="613"/>
      <c r="PTR706" s="613"/>
      <c r="PTS706" s="613"/>
      <c r="PTT706" s="613"/>
      <c r="PTU706" s="613"/>
      <c r="PTV706" s="613"/>
      <c r="PTW706" s="613"/>
      <c r="PTX706" s="613"/>
      <c r="PTY706" s="613"/>
      <c r="PTZ706" s="613"/>
      <c r="PUA706" s="613"/>
      <c r="PUB706" s="613"/>
      <c r="PUC706" s="613"/>
      <c r="PUD706" s="613"/>
      <c r="PUE706" s="613"/>
      <c r="PUF706" s="613"/>
      <c r="PUG706" s="613"/>
      <c r="PUH706" s="613"/>
      <c r="PUI706" s="613"/>
      <c r="PUJ706" s="613"/>
      <c r="PUK706" s="613"/>
      <c r="PUL706" s="613"/>
      <c r="PUM706" s="613"/>
      <c r="PUN706" s="613"/>
      <c r="PUO706" s="613"/>
      <c r="PUP706" s="613"/>
      <c r="PUQ706" s="613"/>
      <c r="PUR706" s="613"/>
      <c r="PUS706" s="613"/>
      <c r="PUT706" s="613"/>
      <c r="PUU706" s="613"/>
      <c r="PUV706" s="613"/>
      <c r="PUW706" s="613"/>
      <c r="PUX706" s="613"/>
      <c r="PUY706" s="613"/>
      <c r="PUZ706" s="613"/>
      <c r="PVA706" s="613"/>
      <c r="PVB706" s="613"/>
      <c r="PVC706" s="613"/>
      <c r="PVD706" s="613"/>
      <c r="PVE706" s="613"/>
      <c r="PVF706" s="613"/>
      <c r="PVG706" s="613"/>
      <c r="PVH706" s="613"/>
      <c r="PVI706" s="613"/>
      <c r="PVJ706" s="613"/>
      <c r="PVK706" s="613"/>
      <c r="PVL706" s="613"/>
      <c r="PVM706" s="613"/>
      <c r="PVN706" s="613"/>
      <c r="PVO706" s="613"/>
      <c r="PVP706" s="613"/>
      <c r="PVQ706" s="613"/>
      <c r="PVR706" s="613"/>
      <c r="PVS706" s="613"/>
      <c r="PVT706" s="613"/>
      <c r="PVU706" s="613"/>
      <c r="PVV706" s="613"/>
      <c r="PVW706" s="613"/>
      <c r="PVX706" s="613"/>
      <c r="PVY706" s="613"/>
      <c r="PVZ706" s="613"/>
      <c r="PWA706" s="613"/>
      <c r="PWB706" s="613"/>
      <c r="PWC706" s="613"/>
      <c r="PWD706" s="613"/>
      <c r="PWE706" s="613"/>
      <c r="PWF706" s="613"/>
      <c r="PWG706" s="613"/>
      <c r="PWH706" s="613"/>
      <c r="PWI706" s="613"/>
      <c r="PWJ706" s="613"/>
      <c r="PWK706" s="613"/>
      <c r="PWL706" s="613"/>
      <c r="PWM706" s="613"/>
      <c r="PWN706" s="613"/>
      <c r="PWO706" s="613"/>
      <c r="PWP706" s="613"/>
      <c r="PWQ706" s="613"/>
      <c r="PWR706" s="613"/>
      <c r="PWS706" s="613"/>
      <c r="PWT706" s="613"/>
      <c r="PWU706" s="613"/>
      <c r="PWV706" s="613"/>
      <c r="PWW706" s="613"/>
      <c r="PWX706" s="613"/>
      <c r="PWY706" s="613"/>
      <c r="PWZ706" s="613"/>
      <c r="PXA706" s="613"/>
      <c r="PXB706" s="613"/>
      <c r="PXC706" s="613"/>
      <c r="PXD706" s="613"/>
      <c r="PXE706" s="613"/>
      <c r="PXF706" s="613"/>
      <c r="PXG706" s="613"/>
      <c r="PXH706" s="613"/>
      <c r="PXI706" s="613"/>
      <c r="PXJ706" s="613"/>
      <c r="PXK706" s="613"/>
      <c r="PXL706" s="613"/>
      <c r="PXM706" s="613"/>
      <c r="PXN706" s="613"/>
      <c r="PXO706" s="613"/>
      <c r="PXP706" s="613"/>
      <c r="PXQ706" s="613"/>
      <c r="PXR706" s="613"/>
      <c r="PXS706" s="613"/>
      <c r="PXT706" s="613"/>
      <c r="PXU706" s="613"/>
      <c r="PXV706" s="613"/>
      <c r="PXW706" s="613"/>
      <c r="PXX706" s="613"/>
      <c r="PXY706" s="613"/>
      <c r="PXZ706" s="613"/>
      <c r="PYA706" s="613"/>
      <c r="PYB706" s="613"/>
      <c r="PYC706" s="613"/>
      <c r="PYD706" s="613"/>
      <c r="PYE706" s="613"/>
      <c r="PYF706" s="613"/>
      <c r="PYG706" s="613"/>
      <c r="PYH706" s="613"/>
      <c r="PYI706" s="613"/>
      <c r="PYJ706" s="613"/>
      <c r="PYK706" s="613"/>
      <c r="PYL706" s="613"/>
      <c r="PYM706" s="613"/>
      <c r="PYN706" s="613"/>
      <c r="PYO706" s="613"/>
      <c r="PYP706" s="613"/>
      <c r="PYQ706" s="613"/>
      <c r="PYR706" s="613"/>
      <c r="PYS706" s="613"/>
      <c r="PYT706" s="613"/>
      <c r="PYU706" s="613"/>
      <c r="PYV706" s="613"/>
      <c r="PYW706" s="613"/>
      <c r="PYX706" s="613"/>
      <c r="PYY706" s="613"/>
      <c r="PYZ706" s="613"/>
      <c r="PZA706" s="613"/>
      <c r="PZB706" s="613"/>
      <c r="PZC706" s="613"/>
      <c r="PZD706" s="613"/>
      <c r="PZE706" s="613"/>
      <c r="PZF706" s="613"/>
      <c r="PZG706" s="613"/>
      <c r="PZH706" s="613"/>
      <c r="PZI706" s="613"/>
      <c r="PZJ706" s="613"/>
      <c r="PZK706" s="613"/>
      <c r="PZL706" s="613"/>
      <c r="PZM706" s="613"/>
      <c r="PZN706" s="613"/>
      <c r="PZO706" s="613"/>
      <c r="PZP706" s="613"/>
      <c r="PZQ706" s="613"/>
      <c r="PZR706" s="613"/>
      <c r="PZS706" s="613"/>
      <c r="PZT706" s="613"/>
      <c r="PZU706" s="613"/>
      <c r="PZV706" s="613"/>
      <c r="PZW706" s="613"/>
      <c r="PZX706" s="613"/>
      <c r="PZY706" s="613"/>
      <c r="PZZ706" s="613"/>
      <c r="QAA706" s="613"/>
      <c r="QAB706" s="613"/>
      <c r="QAC706" s="613"/>
      <c r="QAD706" s="613"/>
      <c r="QAE706" s="613"/>
      <c r="QAF706" s="613"/>
      <c r="QAG706" s="613"/>
      <c r="QAH706" s="613"/>
      <c r="QAI706" s="613"/>
      <c r="QAJ706" s="613"/>
      <c r="QAK706" s="613"/>
      <c r="QAL706" s="613"/>
      <c r="QAM706" s="613"/>
      <c r="QAN706" s="613"/>
      <c r="QAO706" s="613"/>
      <c r="QAP706" s="613"/>
      <c r="QAQ706" s="613"/>
      <c r="QAR706" s="613"/>
      <c r="QAS706" s="613"/>
      <c r="QAT706" s="613"/>
      <c r="QAU706" s="613"/>
      <c r="QAV706" s="613"/>
      <c r="QAW706" s="613"/>
      <c r="QAX706" s="613"/>
      <c r="QAY706" s="613"/>
      <c r="QAZ706" s="613"/>
      <c r="QBA706" s="613"/>
      <c r="QBB706" s="613"/>
      <c r="QBC706" s="613"/>
      <c r="QBD706" s="613"/>
      <c r="QBE706" s="613"/>
      <c r="QBF706" s="613"/>
      <c r="QBG706" s="613"/>
      <c r="QBH706" s="613"/>
      <c r="QBI706" s="613"/>
      <c r="QBJ706" s="613"/>
      <c r="QBK706" s="613"/>
      <c r="QBL706" s="613"/>
      <c r="QBM706" s="613"/>
      <c r="QBN706" s="613"/>
      <c r="QBO706" s="613"/>
      <c r="QBP706" s="613"/>
      <c r="QBQ706" s="613"/>
      <c r="QBR706" s="613"/>
      <c r="QBS706" s="613"/>
      <c r="QBT706" s="613"/>
      <c r="QBU706" s="613"/>
      <c r="QBV706" s="613"/>
      <c r="QBW706" s="613"/>
      <c r="QBX706" s="613"/>
      <c r="QBY706" s="613"/>
      <c r="QBZ706" s="613"/>
      <c r="QCA706" s="613"/>
      <c r="QCB706" s="613"/>
      <c r="QCC706" s="613"/>
      <c r="QCD706" s="613"/>
      <c r="QCE706" s="613"/>
      <c r="QCF706" s="613"/>
      <c r="QCG706" s="613"/>
      <c r="QCH706" s="613"/>
      <c r="QCI706" s="613"/>
      <c r="QCJ706" s="613"/>
      <c r="QCK706" s="613"/>
      <c r="QCL706" s="613"/>
      <c r="QCM706" s="613"/>
      <c r="QCN706" s="613"/>
      <c r="QCO706" s="613"/>
      <c r="QCP706" s="613"/>
      <c r="QCQ706" s="613"/>
      <c r="QCR706" s="613"/>
      <c r="QCS706" s="613"/>
      <c r="QCT706" s="613"/>
      <c r="QCU706" s="613"/>
      <c r="QCV706" s="613"/>
      <c r="QCW706" s="613"/>
      <c r="QCX706" s="613"/>
      <c r="QCY706" s="613"/>
      <c r="QCZ706" s="613"/>
      <c r="QDA706" s="613"/>
      <c r="QDB706" s="613"/>
      <c r="QDC706" s="613"/>
      <c r="QDD706" s="613"/>
      <c r="QDE706" s="613"/>
      <c r="QDF706" s="613"/>
      <c r="QDG706" s="613"/>
      <c r="QDH706" s="613"/>
      <c r="QDI706" s="613"/>
      <c r="QDJ706" s="613"/>
      <c r="QDK706" s="613"/>
      <c r="QDL706" s="613"/>
      <c r="QDM706" s="613"/>
      <c r="QDN706" s="613"/>
      <c r="QDO706" s="613"/>
      <c r="QDP706" s="613"/>
      <c r="QDQ706" s="613"/>
      <c r="QDR706" s="613"/>
      <c r="QDS706" s="613"/>
      <c r="QDT706" s="613"/>
      <c r="QDU706" s="613"/>
      <c r="QDV706" s="613"/>
      <c r="QDW706" s="613"/>
      <c r="QDX706" s="613"/>
      <c r="QDY706" s="613"/>
      <c r="QDZ706" s="613"/>
      <c r="QEA706" s="613"/>
      <c r="QEB706" s="613"/>
      <c r="QEC706" s="613"/>
      <c r="QED706" s="613"/>
      <c r="QEE706" s="613"/>
      <c r="QEF706" s="613"/>
      <c r="QEG706" s="613"/>
      <c r="QEH706" s="613"/>
      <c r="QEI706" s="613"/>
      <c r="QEJ706" s="613"/>
      <c r="QEK706" s="613"/>
      <c r="QEL706" s="613"/>
      <c r="QEM706" s="613"/>
      <c r="QEN706" s="613"/>
      <c r="QEO706" s="613"/>
      <c r="QEP706" s="613"/>
      <c r="QEQ706" s="613"/>
      <c r="QER706" s="613"/>
      <c r="QES706" s="613"/>
      <c r="QET706" s="613"/>
      <c r="QEU706" s="613"/>
      <c r="QEV706" s="613"/>
      <c r="QEW706" s="613"/>
      <c r="QEX706" s="613"/>
      <c r="QEY706" s="613"/>
      <c r="QEZ706" s="613"/>
      <c r="QFA706" s="613"/>
      <c r="QFB706" s="613"/>
      <c r="QFC706" s="613"/>
      <c r="QFD706" s="613"/>
      <c r="QFE706" s="613"/>
      <c r="QFF706" s="613"/>
      <c r="QFG706" s="613"/>
      <c r="QFH706" s="613"/>
      <c r="QFI706" s="613"/>
      <c r="QFJ706" s="613"/>
      <c r="QFK706" s="613"/>
      <c r="QFL706" s="613"/>
      <c r="QFM706" s="613"/>
      <c r="QFN706" s="613"/>
      <c r="QFO706" s="613"/>
      <c r="QFP706" s="613"/>
      <c r="QFQ706" s="613"/>
      <c r="QFR706" s="613"/>
      <c r="QFS706" s="613"/>
      <c r="QFT706" s="613"/>
      <c r="QFU706" s="613"/>
      <c r="QFV706" s="613"/>
      <c r="QFW706" s="613"/>
      <c r="QFX706" s="613"/>
      <c r="QFY706" s="613"/>
      <c r="QFZ706" s="613"/>
      <c r="QGA706" s="613"/>
      <c r="QGB706" s="613"/>
      <c r="QGC706" s="613"/>
      <c r="QGD706" s="613"/>
      <c r="QGE706" s="613"/>
      <c r="QGF706" s="613"/>
      <c r="QGG706" s="613"/>
      <c r="QGH706" s="613"/>
      <c r="QGI706" s="613"/>
      <c r="QGJ706" s="613"/>
      <c r="QGK706" s="613"/>
      <c r="QGL706" s="613"/>
      <c r="QGM706" s="613"/>
      <c r="QGN706" s="613"/>
      <c r="QGO706" s="613"/>
      <c r="QGP706" s="613"/>
      <c r="QGQ706" s="613"/>
      <c r="QGR706" s="613"/>
      <c r="QGS706" s="613"/>
      <c r="QGT706" s="613"/>
      <c r="QGU706" s="613"/>
      <c r="QGV706" s="613"/>
      <c r="QGW706" s="613"/>
      <c r="QGX706" s="613"/>
      <c r="QGY706" s="613"/>
      <c r="QGZ706" s="613"/>
      <c r="QHA706" s="613"/>
      <c r="QHB706" s="613"/>
      <c r="QHC706" s="613"/>
      <c r="QHD706" s="613"/>
      <c r="QHE706" s="613"/>
      <c r="QHF706" s="613"/>
      <c r="QHG706" s="613"/>
      <c r="QHH706" s="613"/>
      <c r="QHI706" s="613"/>
      <c r="QHJ706" s="613"/>
      <c r="QHK706" s="613"/>
      <c r="QHL706" s="613"/>
      <c r="QHM706" s="613"/>
      <c r="QHN706" s="613"/>
      <c r="QHO706" s="613"/>
      <c r="QHP706" s="613"/>
      <c r="QHQ706" s="613"/>
      <c r="QHR706" s="613"/>
      <c r="QHS706" s="613"/>
      <c r="QHT706" s="613"/>
      <c r="QHU706" s="613"/>
      <c r="QHV706" s="613"/>
      <c r="QHW706" s="613"/>
      <c r="QHX706" s="613"/>
      <c r="QHY706" s="613"/>
      <c r="QHZ706" s="613"/>
      <c r="QIA706" s="613"/>
      <c r="QIB706" s="613"/>
      <c r="QIC706" s="613"/>
      <c r="QID706" s="613"/>
      <c r="QIE706" s="613"/>
      <c r="QIF706" s="613"/>
      <c r="QIG706" s="613"/>
      <c r="QIH706" s="613"/>
      <c r="QII706" s="613"/>
      <c r="QIJ706" s="613"/>
      <c r="QIK706" s="613"/>
      <c r="QIL706" s="613"/>
      <c r="QIM706" s="613"/>
      <c r="QIN706" s="613"/>
      <c r="QIO706" s="613"/>
      <c r="QIP706" s="613"/>
      <c r="QIQ706" s="613"/>
      <c r="QIR706" s="613"/>
      <c r="QIS706" s="613"/>
      <c r="QIT706" s="613"/>
      <c r="QIU706" s="613"/>
      <c r="QIV706" s="613"/>
      <c r="QIW706" s="613"/>
      <c r="QIX706" s="613"/>
      <c r="QIY706" s="613"/>
      <c r="QIZ706" s="613"/>
      <c r="QJA706" s="613"/>
      <c r="QJB706" s="613"/>
      <c r="QJC706" s="613"/>
      <c r="QJD706" s="613"/>
      <c r="QJE706" s="613"/>
      <c r="QJF706" s="613"/>
      <c r="QJG706" s="613"/>
      <c r="QJH706" s="613"/>
      <c r="QJI706" s="613"/>
      <c r="QJJ706" s="613"/>
      <c r="QJK706" s="613"/>
      <c r="QJL706" s="613"/>
      <c r="QJM706" s="613"/>
      <c r="QJN706" s="613"/>
      <c r="QJO706" s="613"/>
      <c r="QJP706" s="613"/>
      <c r="QJQ706" s="613"/>
      <c r="QJR706" s="613"/>
      <c r="QJS706" s="613"/>
      <c r="QJT706" s="613"/>
      <c r="QJU706" s="613"/>
      <c r="QJV706" s="613"/>
      <c r="QJW706" s="613"/>
      <c r="QJX706" s="613"/>
      <c r="QJY706" s="613"/>
      <c r="QJZ706" s="613"/>
      <c r="QKA706" s="613"/>
      <c r="QKB706" s="613"/>
      <c r="QKC706" s="613"/>
      <c r="QKD706" s="613"/>
      <c r="QKE706" s="613"/>
      <c r="QKF706" s="613"/>
      <c r="QKG706" s="613"/>
      <c r="QKH706" s="613"/>
      <c r="QKI706" s="613"/>
      <c r="QKJ706" s="613"/>
      <c r="QKK706" s="613"/>
      <c r="QKL706" s="613"/>
      <c r="QKM706" s="613"/>
      <c r="QKN706" s="613"/>
      <c r="QKO706" s="613"/>
      <c r="QKP706" s="613"/>
      <c r="QKQ706" s="613"/>
      <c r="QKR706" s="613"/>
      <c r="QKS706" s="613"/>
      <c r="QKT706" s="613"/>
      <c r="QKU706" s="613"/>
      <c r="QKV706" s="613"/>
      <c r="QKW706" s="613"/>
      <c r="QKX706" s="613"/>
      <c r="QKY706" s="613"/>
      <c r="QKZ706" s="613"/>
      <c r="QLA706" s="613"/>
      <c r="QLB706" s="613"/>
      <c r="QLC706" s="613"/>
      <c r="QLD706" s="613"/>
      <c r="QLE706" s="613"/>
      <c r="QLF706" s="613"/>
      <c r="QLG706" s="613"/>
      <c r="QLH706" s="613"/>
      <c r="QLI706" s="613"/>
      <c r="QLJ706" s="613"/>
      <c r="QLK706" s="613"/>
      <c r="QLL706" s="613"/>
      <c r="QLM706" s="613"/>
      <c r="QLN706" s="613"/>
      <c r="QLO706" s="613"/>
      <c r="QLP706" s="613"/>
      <c r="QLQ706" s="613"/>
      <c r="QLR706" s="613"/>
      <c r="QLS706" s="613"/>
      <c r="QLT706" s="613"/>
      <c r="QLU706" s="613"/>
      <c r="QLV706" s="613"/>
      <c r="QLW706" s="613"/>
      <c r="QLX706" s="613"/>
      <c r="QLY706" s="613"/>
      <c r="QLZ706" s="613"/>
      <c r="QMA706" s="613"/>
      <c r="QMB706" s="613"/>
      <c r="QMC706" s="613"/>
      <c r="QMD706" s="613"/>
      <c r="QME706" s="613"/>
      <c r="QMF706" s="613"/>
      <c r="QMG706" s="613"/>
      <c r="QMH706" s="613"/>
      <c r="QMI706" s="613"/>
      <c r="QMJ706" s="613"/>
      <c r="QMK706" s="613"/>
      <c r="QML706" s="613"/>
      <c r="QMM706" s="613"/>
      <c r="QMN706" s="613"/>
      <c r="QMO706" s="613"/>
      <c r="QMP706" s="613"/>
      <c r="QMQ706" s="613"/>
      <c r="QMR706" s="613"/>
      <c r="QMS706" s="613"/>
      <c r="QMT706" s="613"/>
      <c r="QMU706" s="613"/>
      <c r="QMV706" s="613"/>
      <c r="QMW706" s="613"/>
      <c r="QMX706" s="613"/>
      <c r="QMY706" s="613"/>
      <c r="QMZ706" s="613"/>
      <c r="QNA706" s="613"/>
      <c r="QNB706" s="613"/>
      <c r="QNC706" s="613"/>
      <c r="QND706" s="613"/>
      <c r="QNE706" s="613"/>
      <c r="QNF706" s="613"/>
      <c r="QNG706" s="613"/>
      <c r="QNH706" s="613"/>
      <c r="QNI706" s="613"/>
      <c r="QNJ706" s="613"/>
      <c r="QNK706" s="613"/>
      <c r="QNL706" s="613"/>
      <c r="QNM706" s="613"/>
      <c r="QNN706" s="613"/>
      <c r="QNO706" s="613"/>
      <c r="QNP706" s="613"/>
      <c r="QNQ706" s="613"/>
      <c r="QNR706" s="613"/>
      <c r="QNS706" s="613"/>
      <c r="QNT706" s="613"/>
      <c r="QNU706" s="613"/>
      <c r="QNV706" s="613"/>
      <c r="QNW706" s="613"/>
      <c r="QNX706" s="613"/>
      <c r="QNY706" s="613"/>
      <c r="QNZ706" s="613"/>
      <c r="QOA706" s="613"/>
      <c r="QOB706" s="613"/>
      <c r="QOC706" s="613"/>
      <c r="QOD706" s="613"/>
      <c r="QOE706" s="613"/>
      <c r="QOF706" s="613"/>
      <c r="QOG706" s="613"/>
      <c r="QOH706" s="613"/>
      <c r="QOI706" s="613"/>
      <c r="QOJ706" s="613"/>
      <c r="QOK706" s="613"/>
      <c r="QOL706" s="613"/>
      <c r="QOM706" s="613"/>
      <c r="QON706" s="613"/>
      <c r="QOO706" s="613"/>
      <c r="QOP706" s="613"/>
      <c r="QOQ706" s="613"/>
      <c r="QOR706" s="613"/>
      <c r="QOS706" s="613"/>
      <c r="QOT706" s="613"/>
      <c r="QOU706" s="613"/>
      <c r="QOV706" s="613"/>
      <c r="QOW706" s="613"/>
      <c r="QOX706" s="613"/>
      <c r="QOY706" s="613"/>
      <c r="QOZ706" s="613"/>
      <c r="QPA706" s="613"/>
      <c r="QPB706" s="613"/>
      <c r="QPC706" s="613"/>
      <c r="QPD706" s="613"/>
      <c r="QPE706" s="613"/>
      <c r="QPF706" s="613"/>
      <c r="QPG706" s="613"/>
      <c r="QPH706" s="613"/>
      <c r="QPI706" s="613"/>
      <c r="QPJ706" s="613"/>
      <c r="QPK706" s="613"/>
      <c r="QPL706" s="613"/>
      <c r="QPM706" s="613"/>
      <c r="QPN706" s="613"/>
      <c r="QPO706" s="613"/>
      <c r="QPP706" s="613"/>
      <c r="QPQ706" s="613"/>
      <c r="QPR706" s="613"/>
      <c r="QPS706" s="613"/>
      <c r="QPT706" s="613"/>
      <c r="QPU706" s="613"/>
      <c r="QPV706" s="613"/>
      <c r="QPW706" s="613"/>
      <c r="QPX706" s="613"/>
      <c r="QPY706" s="613"/>
      <c r="QPZ706" s="613"/>
      <c r="QQA706" s="613"/>
      <c r="QQB706" s="613"/>
      <c r="QQC706" s="613"/>
      <c r="QQD706" s="613"/>
      <c r="QQE706" s="613"/>
      <c r="QQF706" s="613"/>
      <c r="QQG706" s="613"/>
      <c r="QQH706" s="613"/>
      <c r="QQI706" s="613"/>
      <c r="QQJ706" s="613"/>
      <c r="QQK706" s="613"/>
      <c r="QQL706" s="613"/>
      <c r="QQM706" s="613"/>
      <c r="QQN706" s="613"/>
      <c r="QQO706" s="613"/>
      <c r="QQP706" s="613"/>
      <c r="QQQ706" s="613"/>
      <c r="QQR706" s="613"/>
      <c r="QQS706" s="613"/>
      <c r="QQT706" s="613"/>
      <c r="QQU706" s="613"/>
      <c r="QQV706" s="613"/>
      <c r="QQW706" s="613"/>
      <c r="QQX706" s="613"/>
      <c r="QQY706" s="613"/>
      <c r="QQZ706" s="613"/>
      <c r="QRA706" s="613"/>
      <c r="QRB706" s="613"/>
      <c r="QRC706" s="613"/>
      <c r="QRD706" s="613"/>
      <c r="QRE706" s="613"/>
      <c r="QRF706" s="613"/>
      <c r="QRG706" s="613"/>
      <c r="QRH706" s="613"/>
      <c r="QRI706" s="613"/>
      <c r="QRJ706" s="613"/>
      <c r="QRK706" s="613"/>
      <c r="QRL706" s="613"/>
      <c r="QRM706" s="613"/>
      <c r="QRN706" s="613"/>
      <c r="QRO706" s="613"/>
      <c r="QRP706" s="613"/>
      <c r="QRQ706" s="613"/>
      <c r="QRR706" s="613"/>
      <c r="QRS706" s="613"/>
      <c r="QRT706" s="613"/>
      <c r="QRU706" s="613"/>
      <c r="QRV706" s="613"/>
      <c r="QRW706" s="613"/>
      <c r="QRX706" s="613"/>
      <c r="QRY706" s="613"/>
      <c r="QRZ706" s="613"/>
      <c r="QSA706" s="613"/>
      <c r="QSB706" s="613"/>
      <c r="QSC706" s="613"/>
      <c r="QSD706" s="613"/>
      <c r="QSE706" s="613"/>
      <c r="QSF706" s="613"/>
      <c r="QSG706" s="613"/>
      <c r="QSH706" s="613"/>
      <c r="QSI706" s="613"/>
      <c r="QSJ706" s="613"/>
      <c r="QSK706" s="613"/>
      <c r="QSL706" s="613"/>
      <c r="QSM706" s="613"/>
      <c r="QSN706" s="613"/>
      <c r="QSO706" s="613"/>
      <c r="QSP706" s="613"/>
      <c r="QSQ706" s="613"/>
      <c r="QSR706" s="613"/>
      <c r="QSS706" s="613"/>
      <c r="QST706" s="613"/>
      <c r="QSU706" s="613"/>
      <c r="QSV706" s="613"/>
      <c r="QSW706" s="613"/>
      <c r="QSX706" s="613"/>
      <c r="QSY706" s="613"/>
      <c r="QSZ706" s="613"/>
      <c r="QTA706" s="613"/>
      <c r="QTB706" s="613"/>
      <c r="QTC706" s="613"/>
      <c r="QTD706" s="613"/>
      <c r="QTE706" s="613"/>
      <c r="QTF706" s="613"/>
      <c r="QTG706" s="613"/>
      <c r="QTH706" s="613"/>
      <c r="QTI706" s="613"/>
      <c r="QTJ706" s="613"/>
      <c r="QTK706" s="613"/>
      <c r="QTL706" s="613"/>
      <c r="QTM706" s="613"/>
      <c r="QTN706" s="613"/>
      <c r="QTO706" s="613"/>
      <c r="QTP706" s="613"/>
      <c r="QTQ706" s="613"/>
      <c r="QTR706" s="613"/>
      <c r="QTS706" s="613"/>
      <c r="QTT706" s="613"/>
      <c r="QTU706" s="613"/>
      <c r="QTV706" s="613"/>
      <c r="QTW706" s="613"/>
      <c r="QTX706" s="613"/>
      <c r="QTY706" s="613"/>
      <c r="QTZ706" s="613"/>
      <c r="QUA706" s="613"/>
      <c r="QUB706" s="613"/>
      <c r="QUC706" s="613"/>
      <c r="QUD706" s="613"/>
      <c r="QUE706" s="613"/>
      <c r="QUF706" s="613"/>
      <c r="QUG706" s="613"/>
      <c r="QUH706" s="613"/>
      <c r="QUI706" s="613"/>
      <c r="QUJ706" s="613"/>
      <c r="QUK706" s="613"/>
      <c r="QUL706" s="613"/>
      <c r="QUM706" s="613"/>
      <c r="QUN706" s="613"/>
      <c r="QUO706" s="613"/>
      <c r="QUP706" s="613"/>
      <c r="QUQ706" s="613"/>
      <c r="QUR706" s="613"/>
      <c r="QUS706" s="613"/>
      <c r="QUT706" s="613"/>
      <c r="QUU706" s="613"/>
      <c r="QUV706" s="613"/>
      <c r="QUW706" s="613"/>
      <c r="QUX706" s="613"/>
      <c r="QUY706" s="613"/>
      <c r="QUZ706" s="613"/>
      <c r="QVA706" s="613"/>
      <c r="QVB706" s="613"/>
      <c r="QVC706" s="613"/>
      <c r="QVD706" s="613"/>
      <c r="QVE706" s="613"/>
      <c r="QVF706" s="613"/>
      <c r="QVG706" s="613"/>
      <c r="QVH706" s="613"/>
      <c r="QVI706" s="613"/>
      <c r="QVJ706" s="613"/>
      <c r="QVK706" s="613"/>
      <c r="QVL706" s="613"/>
      <c r="QVM706" s="613"/>
      <c r="QVN706" s="613"/>
      <c r="QVO706" s="613"/>
      <c r="QVP706" s="613"/>
      <c r="QVQ706" s="613"/>
      <c r="QVR706" s="613"/>
      <c r="QVS706" s="613"/>
      <c r="QVT706" s="613"/>
      <c r="QVU706" s="613"/>
      <c r="QVV706" s="613"/>
      <c r="QVW706" s="613"/>
      <c r="QVX706" s="613"/>
      <c r="QVY706" s="613"/>
      <c r="QVZ706" s="613"/>
      <c r="QWA706" s="613"/>
      <c r="QWB706" s="613"/>
      <c r="QWC706" s="613"/>
      <c r="QWD706" s="613"/>
      <c r="QWE706" s="613"/>
      <c r="QWF706" s="613"/>
      <c r="QWG706" s="613"/>
      <c r="QWH706" s="613"/>
      <c r="QWI706" s="613"/>
      <c r="QWJ706" s="613"/>
      <c r="QWK706" s="613"/>
      <c r="QWL706" s="613"/>
      <c r="QWM706" s="613"/>
      <c r="QWN706" s="613"/>
      <c r="QWO706" s="613"/>
      <c r="QWP706" s="613"/>
      <c r="QWQ706" s="613"/>
      <c r="QWR706" s="613"/>
      <c r="QWS706" s="613"/>
      <c r="QWT706" s="613"/>
      <c r="QWU706" s="613"/>
      <c r="QWV706" s="613"/>
      <c r="QWW706" s="613"/>
      <c r="QWX706" s="613"/>
      <c r="QWY706" s="613"/>
      <c r="QWZ706" s="613"/>
      <c r="QXA706" s="613"/>
      <c r="QXB706" s="613"/>
      <c r="QXC706" s="613"/>
      <c r="QXD706" s="613"/>
      <c r="QXE706" s="613"/>
      <c r="QXF706" s="613"/>
      <c r="QXG706" s="613"/>
      <c r="QXH706" s="613"/>
      <c r="QXI706" s="613"/>
      <c r="QXJ706" s="613"/>
      <c r="QXK706" s="613"/>
      <c r="QXL706" s="613"/>
      <c r="QXM706" s="613"/>
      <c r="QXN706" s="613"/>
      <c r="QXO706" s="613"/>
      <c r="QXP706" s="613"/>
      <c r="QXQ706" s="613"/>
      <c r="QXR706" s="613"/>
      <c r="QXS706" s="613"/>
      <c r="QXT706" s="613"/>
      <c r="QXU706" s="613"/>
      <c r="QXV706" s="613"/>
      <c r="QXW706" s="613"/>
      <c r="QXX706" s="613"/>
      <c r="QXY706" s="613"/>
      <c r="QXZ706" s="613"/>
      <c r="QYA706" s="613"/>
      <c r="QYB706" s="613"/>
      <c r="QYC706" s="613"/>
      <c r="QYD706" s="613"/>
      <c r="QYE706" s="613"/>
      <c r="QYF706" s="613"/>
      <c r="QYG706" s="613"/>
      <c r="QYH706" s="613"/>
      <c r="QYI706" s="613"/>
      <c r="QYJ706" s="613"/>
      <c r="QYK706" s="613"/>
      <c r="QYL706" s="613"/>
      <c r="QYM706" s="613"/>
      <c r="QYN706" s="613"/>
      <c r="QYO706" s="613"/>
      <c r="QYP706" s="613"/>
      <c r="QYQ706" s="613"/>
      <c r="QYR706" s="613"/>
      <c r="QYS706" s="613"/>
      <c r="QYT706" s="613"/>
      <c r="QYU706" s="613"/>
      <c r="QYV706" s="613"/>
      <c r="QYW706" s="613"/>
      <c r="QYX706" s="613"/>
      <c r="QYY706" s="613"/>
      <c r="QYZ706" s="613"/>
      <c r="QZA706" s="613"/>
      <c r="QZB706" s="613"/>
      <c r="QZC706" s="613"/>
      <c r="QZD706" s="613"/>
      <c r="QZE706" s="613"/>
      <c r="QZF706" s="613"/>
      <c r="QZG706" s="613"/>
      <c r="QZH706" s="613"/>
      <c r="QZI706" s="613"/>
      <c r="QZJ706" s="613"/>
      <c r="QZK706" s="613"/>
      <c r="QZL706" s="613"/>
      <c r="QZM706" s="613"/>
      <c r="QZN706" s="613"/>
      <c r="QZO706" s="613"/>
      <c r="QZP706" s="613"/>
      <c r="QZQ706" s="613"/>
      <c r="QZR706" s="613"/>
      <c r="QZS706" s="613"/>
      <c r="QZT706" s="613"/>
      <c r="QZU706" s="613"/>
      <c r="QZV706" s="613"/>
      <c r="QZW706" s="613"/>
      <c r="QZX706" s="613"/>
      <c r="QZY706" s="613"/>
      <c r="QZZ706" s="613"/>
      <c r="RAA706" s="613"/>
      <c r="RAB706" s="613"/>
      <c r="RAC706" s="613"/>
      <c r="RAD706" s="613"/>
      <c r="RAE706" s="613"/>
      <c r="RAF706" s="613"/>
      <c r="RAG706" s="613"/>
      <c r="RAH706" s="613"/>
      <c r="RAI706" s="613"/>
      <c r="RAJ706" s="613"/>
      <c r="RAK706" s="613"/>
      <c r="RAL706" s="613"/>
      <c r="RAM706" s="613"/>
      <c r="RAN706" s="613"/>
      <c r="RAO706" s="613"/>
      <c r="RAP706" s="613"/>
      <c r="RAQ706" s="613"/>
      <c r="RAR706" s="613"/>
      <c r="RAS706" s="613"/>
      <c r="RAT706" s="613"/>
      <c r="RAU706" s="613"/>
      <c r="RAV706" s="613"/>
      <c r="RAW706" s="613"/>
      <c r="RAX706" s="613"/>
      <c r="RAY706" s="613"/>
      <c r="RAZ706" s="613"/>
      <c r="RBA706" s="613"/>
      <c r="RBB706" s="613"/>
      <c r="RBC706" s="613"/>
      <c r="RBD706" s="613"/>
      <c r="RBE706" s="613"/>
      <c r="RBF706" s="613"/>
      <c r="RBG706" s="613"/>
      <c r="RBH706" s="613"/>
      <c r="RBI706" s="613"/>
      <c r="RBJ706" s="613"/>
      <c r="RBK706" s="613"/>
      <c r="RBL706" s="613"/>
      <c r="RBM706" s="613"/>
      <c r="RBN706" s="613"/>
      <c r="RBO706" s="613"/>
      <c r="RBP706" s="613"/>
      <c r="RBQ706" s="613"/>
      <c r="RBR706" s="613"/>
      <c r="RBS706" s="613"/>
      <c r="RBT706" s="613"/>
      <c r="RBU706" s="613"/>
      <c r="RBV706" s="613"/>
      <c r="RBW706" s="613"/>
      <c r="RBX706" s="613"/>
      <c r="RBY706" s="613"/>
      <c r="RBZ706" s="613"/>
      <c r="RCA706" s="613"/>
      <c r="RCB706" s="613"/>
      <c r="RCC706" s="613"/>
      <c r="RCD706" s="613"/>
      <c r="RCE706" s="613"/>
      <c r="RCF706" s="613"/>
      <c r="RCG706" s="613"/>
      <c r="RCH706" s="613"/>
      <c r="RCI706" s="613"/>
      <c r="RCJ706" s="613"/>
      <c r="RCK706" s="613"/>
      <c r="RCL706" s="613"/>
      <c r="RCM706" s="613"/>
      <c r="RCN706" s="613"/>
      <c r="RCO706" s="613"/>
      <c r="RCP706" s="613"/>
      <c r="RCQ706" s="613"/>
      <c r="RCR706" s="613"/>
      <c r="RCS706" s="613"/>
      <c r="RCT706" s="613"/>
      <c r="RCU706" s="613"/>
      <c r="RCV706" s="613"/>
      <c r="RCW706" s="613"/>
      <c r="RCX706" s="613"/>
      <c r="RCY706" s="613"/>
      <c r="RCZ706" s="613"/>
      <c r="RDA706" s="613"/>
      <c r="RDB706" s="613"/>
      <c r="RDC706" s="613"/>
      <c r="RDD706" s="613"/>
      <c r="RDE706" s="613"/>
      <c r="RDF706" s="613"/>
      <c r="RDG706" s="613"/>
      <c r="RDH706" s="613"/>
      <c r="RDI706" s="613"/>
      <c r="RDJ706" s="613"/>
      <c r="RDK706" s="613"/>
      <c r="RDL706" s="613"/>
      <c r="RDM706" s="613"/>
      <c r="RDN706" s="613"/>
      <c r="RDO706" s="613"/>
      <c r="RDP706" s="613"/>
      <c r="RDQ706" s="613"/>
      <c r="RDR706" s="613"/>
      <c r="RDS706" s="613"/>
      <c r="RDT706" s="613"/>
      <c r="RDU706" s="613"/>
      <c r="RDV706" s="613"/>
      <c r="RDW706" s="613"/>
      <c r="RDX706" s="613"/>
      <c r="RDY706" s="613"/>
      <c r="RDZ706" s="613"/>
      <c r="REA706" s="613"/>
      <c r="REB706" s="613"/>
      <c r="REC706" s="613"/>
      <c r="RED706" s="613"/>
      <c r="REE706" s="613"/>
      <c r="REF706" s="613"/>
      <c r="REG706" s="613"/>
      <c r="REH706" s="613"/>
      <c r="REI706" s="613"/>
      <c r="REJ706" s="613"/>
      <c r="REK706" s="613"/>
      <c r="REL706" s="613"/>
      <c r="REM706" s="613"/>
      <c r="REN706" s="613"/>
      <c r="REO706" s="613"/>
      <c r="REP706" s="613"/>
      <c r="REQ706" s="613"/>
      <c r="RER706" s="613"/>
      <c r="RES706" s="613"/>
      <c r="RET706" s="613"/>
      <c r="REU706" s="613"/>
      <c r="REV706" s="613"/>
      <c r="REW706" s="613"/>
      <c r="REX706" s="613"/>
      <c r="REY706" s="613"/>
      <c r="REZ706" s="613"/>
      <c r="RFA706" s="613"/>
      <c r="RFB706" s="613"/>
      <c r="RFC706" s="613"/>
      <c r="RFD706" s="613"/>
      <c r="RFE706" s="613"/>
      <c r="RFF706" s="613"/>
      <c r="RFG706" s="613"/>
      <c r="RFH706" s="613"/>
      <c r="RFI706" s="613"/>
      <c r="RFJ706" s="613"/>
      <c r="RFK706" s="613"/>
      <c r="RFL706" s="613"/>
      <c r="RFM706" s="613"/>
      <c r="RFN706" s="613"/>
      <c r="RFO706" s="613"/>
      <c r="RFP706" s="613"/>
      <c r="RFQ706" s="613"/>
      <c r="RFR706" s="613"/>
      <c r="RFS706" s="613"/>
      <c r="RFT706" s="613"/>
      <c r="RFU706" s="613"/>
      <c r="RFV706" s="613"/>
      <c r="RFW706" s="613"/>
      <c r="RFX706" s="613"/>
      <c r="RFY706" s="613"/>
      <c r="RFZ706" s="613"/>
      <c r="RGA706" s="613"/>
      <c r="RGB706" s="613"/>
      <c r="RGC706" s="613"/>
      <c r="RGD706" s="613"/>
      <c r="RGE706" s="613"/>
      <c r="RGF706" s="613"/>
      <c r="RGG706" s="613"/>
      <c r="RGH706" s="613"/>
      <c r="RGI706" s="613"/>
      <c r="RGJ706" s="613"/>
      <c r="RGK706" s="613"/>
      <c r="RGL706" s="613"/>
      <c r="RGM706" s="613"/>
      <c r="RGN706" s="613"/>
      <c r="RGO706" s="613"/>
      <c r="RGP706" s="613"/>
      <c r="RGQ706" s="613"/>
      <c r="RGR706" s="613"/>
      <c r="RGS706" s="613"/>
      <c r="RGT706" s="613"/>
      <c r="RGU706" s="613"/>
      <c r="RGV706" s="613"/>
      <c r="RGW706" s="613"/>
      <c r="RGX706" s="613"/>
      <c r="RGY706" s="613"/>
      <c r="RGZ706" s="613"/>
      <c r="RHA706" s="613"/>
      <c r="RHB706" s="613"/>
      <c r="RHC706" s="613"/>
      <c r="RHD706" s="613"/>
      <c r="RHE706" s="613"/>
      <c r="RHF706" s="613"/>
      <c r="RHG706" s="613"/>
      <c r="RHH706" s="613"/>
      <c r="RHI706" s="613"/>
      <c r="RHJ706" s="613"/>
      <c r="RHK706" s="613"/>
      <c r="RHL706" s="613"/>
      <c r="RHM706" s="613"/>
      <c r="RHN706" s="613"/>
      <c r="RHO706" s="613"/>
      <c r="RHP706" s="613"/>
      <c r="RHQ706" s="613"/>
      <c r="RHR706" s="613"/>
      <c r="RHS706" s="613"/>
      <c r="RHT706" s="613"/>
      <c r="RHU706" s="613"/>
      <c r="RHV706" s="613"/>
      <c r="RHW706" s="613"/>
      <c r="RHX706" s="613"/>
      <c r="RHY706" s="613"/>
      <c r="RHZ706" s="613"/>
      <c r="RIA706" s="613"/>
      <c r="RIB706" s="613"/>
      <c r="RIC706" s="613"/>
      <c r="RID706" s="613"/>
      <c r="RIE706" s="613"/>
      <c r="RIF706" s="613"/>
      <c r="RIG706" s="613"/>
      <c r="RIH706" s="613"/>
      <c r="RII706" s="613"/>
      <c r="RIJ706" s="613"/>
      <c r="RIK706" s="613"/>
      <c r="RIL706" s="613"/>
      <c r="RIM706" s="613"/>
      <c r="RIN706" s="613"/>
      <c r="RIO706" s="613"/>
      <c r="RIP706" s="613"/>
      <c r="RIQ706" s="613"/>
      <c r="RIR706" s="613"/>
      <c r="RIS706" s="613"/>
      <c r="RIT706" s="613"/>
      <c r="RIU706" s="613"/>
      <c r="RIV706" s="613"/>
      <c r="RIW706" s="613"/>
      <c r="RIX706" s="613"/>
      <c r="RIY706" s="613"/>
      <c r="RIZ706" s="613"/>
      <c r="RJA706" s="613"/>
      <c r="RJB706" s="613"/>
      <c r="RJC706" s="613"/>
      <c r="RJD706" s="613"/>
      <c r="RJE706" s="613"/>
      <c r="RJF706" s="613"/>
      <c r="RJG706" s="613"/>
      <c r="RJH706" s="613"/>
      <c r="RJI706" s="613"/>
      <c r="RJJ706" s="613"/>
      <c r="RJK706" s="613"/>
      <c r="RJL706" s="613"/>
      <c r="RJM706" s="613"/>
      <c r="RJN706" s="613"/>
      <c r="RJO706" s="613"/>
      <c r="RJP706" s="613"/>
      <c r="RJQ706" s="613"/>
      <c r="RJR706" s="613"/>
      <c r="RJS706" s="613"/>
      <c r="RJT706" s="613"/>
      <c r="RJU706" s="613"/>
      <c r="RJV706" s="613"/>
      <c r="RJW706" s="613"/>
      <c r="RJX706" s="613"/>
      <c r="RJY706" s="613"/>
      <c r="RJZ706" s="613"/>
      <c r="RKA706" s="613"/>
      <c r="RKB706" s="613"/>
      <c r="RKC706" s="613"/>
      <c r="RKD706" s="613"/>
      <c r="RKE706" s="613"/>
      <c r="RKF706" s="613"/>
      <c r="RKG706" s="613"/>
      <c r="RKH706" s="613"/>
      <c r="RKI706" s="613"/>
      <c r="RKJ706" s="613"/>
      <c r="RKK706" s="613"/>
      <c r="RKL706" s="613"/>
      <c r="RKM706" s="613"/>
      <c r="RKN706" s="613"/>
      <c r="RKO706" s="613"/>
      <c r="RKP706" s="613"/>
      <c r="RKQ706" s="613"/>
      <c r="RKR706" s="613"/>
      <c r="RKS706" s="613"/>
      <c r="RKT706" s="613"/>
      <c r="RKU706" s="613"/>
      <c r="RKV706" s="613"/>
      <c r="RKW706" s="613"/>
      <c r="RKX706" s="613"/>
      <c r="RKY706" s="613"/>
      <c r="RKZ706" s="613"/>
      <c r="RLA706" s="613"/>
      <c r="RLB706" s="613"/>
      <c r="RLC706" s="613"/>
      <c r="RLD706" s="613"/>
      <c r="RLE706" s="613"/>
      <c r="RLF706" s="613"/>
      <c r="RLG706" s="613"/>
      <c r="RLH706" s="613"/>
      <c r="RLI706" s="613"/>
      <c r="RLJ706" s="613"/>
      <c r="RLK706" s="613"/>
      <c r="RLL706" s="613"/>
      <c r="RLM706" s="613"/>
      <c r="RLN706" s="613"/>
      <c r="RLO706" s="613"/>
      <c r="RLP706" s="613"/>
      <c r="RLQ706" s="613"/>
      <c r="RLR706" s="613"/>
      <c r="RLS706" s="613"/>
      <c r="RLT706" s="613"/>
      <c r="RLU706" s="613"/>
      <c r="RLV706" s="613"/>
      <c r="RLW706" s="613"/>
      <c r="RLX706" s="613"/>
      <c r="RLY706" s="613"/>
      <c r="RLZ706" s="613"/>
      <c r="RMA706" s="613"/>
      <c r="RMB706" s="613"/>
      <c r="RMC706" s="613"/>
      <c r="RMD706" s="613"/>
      <c r="RME706" s="613"/>
      <c r="RMF706" s="613"/>
      <c r="RMG706" s="613"/>
      <c r="RMH706" s="613"/>
      <c r="RMI706" s="613"/>
      <c r="RMJ706" s="613"/>
      <c r="RMK706" s="613"/>
      <c r="RML706" s="613"/>
      <c r="RMM706" s="613"/>
      <c r="RMN706" s="613"/>
      <c r="RMO706" s="613"/>
      <c r="RMP706" s="613"/>
      <c r="RMQ706" s="613"/>
      <c r="RMR706" s="613"/>
      <c r="RMS706" s="613"/>
      <c r="RMT706" s="613"/>
      <c r="RMU706" s="613"/>
      <c r="RMV706" s="613"/>
      <c r="RMW706" s="613"/>
      <c r="RMX706" s="613"/>
      <c r="RMY706" s="613"/>
      <c r="RMZ706" s="613"/>
      <c r="RNA706" s="613"/>
      <c r="RNB706" s="613"/>
      <c r="RNC706" s="613"/>
      <c r="RND706" s="613"/>
      <c r="RNE706" s="613"/>
      <c r="RNF706" s="613"/>
      <c r="RNG706" s="613"/>
      <c r="RNH706" s="613"/>
      <c r="RNI706" s="613"/>
      <c r="RNJ706" s="613"/>
      <c r="RNK706" s="613"/>
      <c r="RNL706" s="613"/>
      <c r="RNM706" s="613"/>
      <c r="RNN706" s="613"/>
      <c r="RNO706" s="613"/>
      <c r="RNP706" s="613"/>
      <c r="RNQ706" s="613"/>
      <c r="RNR706" s="613"/>
      <c r="RNS706" s="613"/>
      <c r="RNT706" s="613"/>
      <c r="RNU706" s="613"/>
      <c r="RNV706" s="613"/>
      <c r="RNW706" s="613"/>
      <c r="RNX706" s="613"/>
      <c r="RNY706" s="613"/>
      <c r="RNZ706" s="613"/>
      <c r="ROA706" s="613"/>
      <c r="ROB706" s="613"/>
      <c r="ROC706" s="613"/>
      <c r="ROD706" s="613"/>
      <c r="ROE706" s="613"/>
      <c r="ROF706" s="613"/>
      <c r="ROG706" s="613"/>
      <c r="ROH706" s="613"/>
      <c r="ROI706" s="613"/>
      <c r="ROJ706" s="613"/>
      <c r="ROK706" s="613"/>
      <c r="ROL706" s="613"/>
      <c r="ROM706" s="613"/>
      <c r="RON706" s="613"/>
      <c r="ROO706" s="613"/>
      <c r="ROP706" s="613"/>
      <c r="ROQ706" s="613"/>
      <c r="ROR706" s="613"/>
      <c r="ROS706" s="613"/>
      <c r="ROT706" s="613"/>
      <c r="ROU706" s="613"/>
      <c r="ROV706" s="613"/>
      <c r="ROW706" s="613"/>
      <c r="ROX706" s="613"/>
      <c r="ROY706" s="613"/>
      <c r="ROZ706" s="613"/>
      <c r="RPA706" s="613"/>
      <c r="RPB706" s="613"/>
      <c r="RPC706" s="613"/>
      <c r="RPD706" s="613"/>
      <c r="RPE706" s="613"/>
      <c r="RPF706" s="613"/>
      <c r="RPG706" s="613"/>
      <c r="RPH706" s="613"/>
      <c r="RPI706" s="613"/>
      <c r="RPJ706" s="613"/>
      <c r="RPK706" s="613"/>
      <c r="RPL706" s="613"/>
      <c r="RPM706" s="613"/>
      <c r="RPN706" s="613"/>
      <c r="RPO706" s="613"/>
      <c r="RPP706" s="613"/>
      <c r="RPQ706" s="613"/>
      <c r="RPR706" s="613"/>
      <c r="RPS706" s="613"/>
      <c r="RPT706" s="613"/>
      <c r="RPU706" s="613"/>
      <c r="RPV706" s="613"/>
      <c r="RPW706" s="613"/>
      <c r="RPX706" s="613"/>
      <c r="RPY706" s="613"/>
      <c r="RPZ706" s="613"/>
      <c r="RQA706" s="613"/>
      <c r="RQB706" s="613"/>
      <c r="RQC706" s="613"/>
      <c r="RQD706" s="613"/>
      <c r="RQE706" s="613"/>
      <c r="RQF706" s="613"/>
      <c r="RQG706" s="613"/>
      <c r="RQH706" s="613"/>
      <c r="RQI706" s="613"/>
      <c r="RQJ706" s="613"/>
      <c r="RQK706" s="613"/>
      <c r="RQL706" s="613"/>
      <c r="RQM706" s="613"/>
      <c r="RQN706" s="613"/>
      <c r="RQO706" s="613"/>
      <c r="RQP706" s="613"/>
      <c r="RQQ706" s="613"/>
      <c r="RQR706" s="613"/>
      <c r="RQS706" s="613"/>
      <c r="RQT706" s="613"/>
      <c r="RQU706" s="613"/>
      <c r="RQV706" s="613"/>
      <c r="RQW706" s="613"/>
      <c r="RQX706" s="613"/>
      <c r="RQY706" s="613"/>
      <c r="RQZ706" s="613"/>
      <c r="RRA706" s="613"/>
      <c r="RRB706" s="613"/>
      <c r="RRC706" s="613"/>
      <c r="RRD706" s="613"/>
      <c r="RRE706" s="613"/>
      <c r="RRF706" s="613"/>
      <c r="RRG706" s="613"/>
      <c r="RRH706" s="613"/>
      <c r="RRI706" s="613"/>
      <c r="RRJ706" s="613"/>
      <c r="RRK706" s="613"/>
      <c r="RRL706" s="613"/>
      <c r="RRM706" s="613"/>
      <c r="RRN706" s="613"/>
      <c r="RRO706" s="613"/>
      <c r="RRP706" s="613"/>
      <c r="RRQ706" s="613"/>
      <c r="RRR706" s="613"/>
      <c r="RRS706" s="613"/>
      <c r="RRT706" s="613"/>
      <c r="RRU706" s="613"/>
      <c r="RRV706" s="613"/>
      <c r="RRW706" s="613"/>
      <c r="RRX706" s="613"/>
      <c r="RRY706" s="613"/>
      <c r="RRZ706" s="613"/>
      <c r="RSA706" s="613"/>
      <c r="RSB706" s="613"/>
      <c r="RSC706" s="613"/>
      <c r="RSD706" s="613"/>
      <c r="RSE706" s="613"/>
      <c r="RSF706" s="613"/>
      <c r="RSG706" s="613"/>
      <c r="RSH706" s="613"/>
      <c r="RSI706" s="613"/>
      <c r="RSJ706" s="613"/>
      <c r="RSK706" s="613"/>
      <c r="RSL706" s="613"/>
      <c r="RSM706" s="613"/>
      <c r="RSN706" s="613"/>
      <c r="RSO706" s="613"/>
      <c r="RSP706" s="613"/>
      <c r="RSQ706" s="613"/>
      <c r="RSR706" s="613"/>
      <c r="RSS706" s="613"/>
      <c r="RST706" s="613"/>
      <c r="RSU706" s="613"/>
      <c r="RSV706" s="613"/>
      <c r="RSW706" s="613"/>
      <c r="RSX706" s="613"/>
      <c r="RSY706" s="613"/>
      <c r="RSZ706" s="613"/>
      <c r="RTA706" s="613"/>
      <c r="RTB706" s="613"/>
      <c r="RTC706" s="613"/>
      <c r="RTD706" s="613"/>
      <c r="RTE706" s="613"/>
      <c r="RTF706" s="613"/>
      <c r="RTG706" s="613"/>
      <c r="RTH706" s="613"/>
      <c r="RTI706" s="613"/>
      <c r="RTJ706" s="613"/>
      <c r="RTK706" s="613"/>
      <c r="RTL706" s="613"/>
      <c r="RTM706" s="613"/>
      <c r="RTN706" s="613"/>
      <c r="RTO706" s="613"/>
      <c r="RTP706" s="613"/>
      <c r="RTQ706" s="613"/>
      <c r="RTR706" s="613"/>
      <c r="RTS706" s="613"/>
      <c r="RTT706" s="613"/>
      <c r="RTU706" s="613"/>
      <c r="RTV706" s="613"/>
      <c r="RTW706" s="613"/>
      <c r="RTX706" s="613"/>
      <c r="RTY706" s="613"/>
      <c r="RTZ706" s="613"/>
      <c r="RUA706" s="613"/>
      <c r="RUB706" s="613"/>
      <c r="RUC706" s="613"/>
      <c r="RUD706" s="613"/>
      <c r="RUE706" s="613"/>
      <c r="RUF706" s="613"/>
      <c r="RUG706" s="613"/>
      <c r="RUH706" s="613"/>
      <c r="RUI706" s="613"/>
      <c r="RUJ706" s="613"/>
      <c r="RUK706" s="613"/>
      <c r="RUL706" s="613"/>
      <c r="RUM706" s="613"/>
      <c r="RUN706" s="613"/>
      <c r="RUO706" s="613"/>
      <c r="RUP706" s="613"/>
      <c r="RUQ706" s="613"/>
      <c r="RUR706" s="613"/>
      <c r="RUS706" s="613"/>
      <c r="RUT706" s="613"/>
      <c r="RUU706" s="613"/>
      <c r="RUV706" s="613"/>
      <c r="RUW706" s="613"/>
      <c r="RUX706" s="613"/>
      <c r="RUY706" s="613"/>
      <c r="RUZ706" s="613"/>
      <c r="RVA706" s="613"/>
      <c r="RVB706" s="613"/>
      <c r="RVC706" s="613"/>
      <c r="RVD706" s="613"/>
      <c r="RVE706" s="613"/>
      <c r="RVF706" s="613"/>
      <c r="RVG706" s="613"/>
      <c r="RVH706" s="613"/>
      <c r="RVI706" s="613"/>
      <c r="RVJ706" s="613"/>
      <c r="RVK706" s="613"/>
      <c r="RVL706" s="613"/>
      <c r="RVM706" s="613"/>
      <c r="RVN706" s="613"/>
      <c r="RVO706" s="613"/>
      <c r="RVP706" s="613"/>
      <c r="RVQ706" s="613"/>
      <c r="RVR706" s="613"/>
      <c r="RVS706" s="613"/>
      <c r="RVT706" s="613"/>
      <c r="RVU706" s="613"/>
      <c r="RVV706" s="613"/>
      <c r="RVW706" s="613"/>
      <c r="RVX706" s="613"/>
      <c r="RVY706" s="613"/>
      <c r="RVZ706" s="613"/>
      <c r="RWA706" s="613"/>
      <c r="RWB706" s="613"/>
      <c r="RWC706" s="613"/>
      <c r="RWD706" s="613"/>
      <c r="RWE706" s="613"/>
      <c r="RWF706" s="613"/>
      <c r="RWG706" s="613"/>
      <c r="RWH706" s="613"/>
      <c r="RWI706" s="613"/>
      <c r="RWJ706" s="613"/>
      <c r="RWK706" s="613"/>
      <c r="RWL706" s="613"/>
      <c r="RWM706" s="613"/>
      <c r="RWN706" s="613"/>
      <c r="RWO706" s="613"/>
      <c r="RWP706" s="613"/>
      <c r="RWQ706" s="613"/>
      <c r="RWR706" s="613"/>
      <c r="RWS706" s="613"/>
      <c r="RWT706" s="613"/>
      <c r="RWU706" s="613"/>
      <c r="RWV706" s="613"/>
      <c r="RWW706" s="613"/>
      <c r="RWX706" s="613"/>
      <c r="RWY706" s="613"/>
      <c r="RWZ706" s="613"/>
      <c r="RXA706" s="613"/>
      <c r="RXB706" s="613"/>
      <c r="RXC706" s="613"/>
      <c r="RXD706" s="613"/>
      <c r="RXE706" s="613"/>
      <c r="RXF706" s="613"/>
      <c r="RXG706" s="613"/>
      <c r="RXH706" s="613"/>
      <c r="RXI706" s="613"/>
      <c r="RXJ706" s="613"/>
      <c r="RXK706" s="613"/>
      <c r="RXL706" s="613"/>
      <c r="RXM706" s="613"/>
      <c r="RXN706" s="613"/>
      <c r="RXO706" s="613"/>
      <c r="RXP706" s="613"/>
      <c r="RXQ706" s="613"/>
      <c r="RXR706" s="613"/>
      <c r="RXS706" s="613"/>
      <c r="RXT706" s="613"/>
      <c r="RXU706" s="613"/>
      <c r="RXV706" s="613"/>
      <c r="RXW706" s="613"/>
      <c r="RXX706" s="613"/>
      <c r="RXY706" s="613"/>
      <c r="RXZ706" s="613"/>
      <c r="RYA706" s="613"/>
      <c r="RYB706" s="613"/>
      <c r="RYC706" s="613"/>
      <c r="RYD706" s="613"/>
      <c r="RYE706" s="613"/>
      <c r="RYF706" s="613"/>
      <c r="RYG706" s="613"/>
      <c r="RYH706" s="613"/>
      <c r="RYI706" s="613"/>
      <c r="RYJ706" s="613"/>
      <c r="RYK706" s="613"/>
      <c r="RYL706" s="613"/>
      <c r="RYM706" s="613"/>
      <c r="RYN706" s="613"/>
      <c r="RYO706" s="613"/>
      <c r="RYP706" s="613"/>
      <c r="RYQ706" s="613"/>
      <c r="RYR706" s="613"/>
      <c r="RYS706" s="613"/>
      <c r="RYT706" s="613"/>
      <c r="RYU706" s="613"/>
      <c r="RYV706" s="613"/>
      <c r="RYW706" s="613"/>
      <c r="RYX706" s="613"/>
      <c r="RYY706" s="613"/>
      <c r="RYZ706" s="613"/>
      <c r="RZA706" s="613"/>
      <c r="RZB706" s="613"/>
      <c r="RZC706" s="613"/>
      <c r="RZD706" s="613"/>
      <c r="RZE706" s="613"/>
      <c r="RZF706" s="613"/>
      <c r="RZG706" s="613"/>
      <c r="RZH706" s="613"/>
      <c r="RZI706" s="613"/>
      <c r="RZJ706" s="613"/>
      <c r="RZK706" s="613"/>
      <c r="RZL706" s="613"/>
      <c r="RZM706" s="613"/>
      <c r="RZN706" s="613"/>
      <c r="RZO706" s="613"/>
      <c r="RZP706" s="613"/>
      <c r="RZQ706" s="613"/>
      <c r="RZR706" s="613"/>
      <c r="RZS706" s="613"/>
      <c r="RZT706" s="613"/>
      <c r="RZU706" s="613"/>
      <c r="RZV706" s="613"/>
      <c r="RZW706" s="613"/>
      <c r="RZX706" s="613"/>
      <c r="RZY706" s="613"/>
      <c r="RZZ706" s="613"/>
      <c r="SAA706" s="613"/>
      <c r="SAB706" s="613"/>
      <c r="SAC706" s="613"/>
      <c r="SAD706" s="613"/>
      <c r="SAE706" s="613"/>
      <c r="SAF706" s="613"/>
      <c r="SAG706" s="613"/>
      <c r="SAH706" s="613"/>
      <c r="SAI706" s="613"/>
      <c r="SAJ706" s="613"/>
      <c r="SAK706" s="613"/>
      <c r="SAL706" s="613"/>
      <c r="SAM706" s="613"/>
      <c r="SAN706" s="613"/>
      <c r="SAO706" s="613"/>
      <c r="SAP706" s="613"/>
      <c r="SAQ706" s="613"/>
      <c r="SAR706" s="613"/>
      <c r="SAS706" s="613"/>
      <c r="SAT706" s="613"/>
      <c r="SAU706" s="613"/>
      <c r="SAV706" s="613"/>
      <c r="SAW706" s="613"/>
      <c r="SAX706" s="613"/>
      <c r="SAY706" s="613"/>
      <c r="SAZ706" s="613"/>
      <c r="SBA706" s="613"/>
      <c r="SBB706" s="613"/>
      <c r="SBC706" s="613"/>
      <c r="SBD706" s="613"/>
      <c r="SBE706" s="613"/>
      <c r="SBF706" s="613"/>
      <c r="SBG706" s="613"/>
      <c r="SBH706" s="613"/>
      <c r="SBI706" s="613"/>
      <c r="SBJ706" s="613"/>
      <c r="SBK706" s="613"/>
      <c r="SBL706" s="613"/>
      <c r="SBM706" s="613"/>
      <c r="SBN706" s="613"/>
      <c r="SBO706" s="613"/>
      <c r="SBP706" s="613"/>
      <c r="SBQ706" s="613"/>
      <c r="SBR706" s="613"/>
      <c r="SBS706" s="613"/>
      <c r="SBT706" s="613"/>
      <c r="SBU706" s="613"/>
      <c r="SBV706" s="613"/>
      <c r="SBW706" s="613"/>
      <c r="SBX706" s="613"/>
      <c r="SBY706" s="613"/>
      <c r="SBZ706" s="613"/>
      <c r="SCA706" s="613"/>
      <c r="SCB706" s="613"/>
      <c r="SCC706" s="613"/>
      <c r="SCD706" s="613"/>
      <c r="SCE706" s="613"/>
      <c r="SCF706" s="613"/>
      <c r="SCG706" s="613"/>
      <c r="SCH706" s="613"/>
      <c r="SCI706" s="613"/>
      <c r="SCJ706" s="613"/>
      <c r="SCK706" s="613"/>
      <c r="SCL706" s="613"/>
      <c r="SCM706" s="613"/>
      <c r="SCN706" s="613"/>
      <c r="SCO706" s="613"/>
      <c r="SCP706" s="613"/>
      <c r="SCQ706" s="613"/>
      <c r="SCR706" s="613"/>
      <c r="SCS706" s="613"/>
      <c r="SCT706" s="613"/>
      <c r="SCU706" s="613"/>
      <c r="SCV706" s="613"/>
      <c r="SCW706" s="613"/>
      <c r="SCX706" s="613"/>
      <c r="SCY706" s="613"/>
      <c r="SCZ706" s="613"/>
      <c r="SDA706" s="613"/>
      <c r="SDB706" s="613"/>
      <c r="SDC706" s="613"/>
      <c r="SDD706" s="613"/>
      <c r="SDE706" s="613"/>
      <c r="SDF706" s="613"/>
      <c r="SDG706" s="613"/>
      <c r="SDH706" s="613"/>
      <c r="SDI706" s="613"/>
      <c r="SDJ706" s="613"/>
      <c r="SDK706" s="613"/>
      <c r="SDL706" s="613"/>
      <c r="SDM706" s="613"/>
      <c r="SDN706" s="613"/>
      <c r="SDO706" s="613"/>
      <c r="SDP706" s="613"/>
      <c r="SDQ706" s="613"/>
      <c r="SDR706" s="613"/>
      <c r="SDS706" s="613"/>
      <c r="SDT706" s="613"/>
      <c r="SDU706" s="613"/>
      <c r="SDV706" s="613"/>
      <c r="SDW706" s="613"/>
      <c r="SDX706" s="613"/>
      <c r="SDY706" s="613"/>
      <c r="SDZ706" s="613"/>
      <c r="SEA706" s="613"/>
      <c r="SEB706" s="613"/>
      <c r="SEC706" s="613"/>
      <c r="SED706" s="613"/>
      <c r="SEE706" s="613"/>
      <c r="SEF706" s="613"/>
      <c r="SEG706" s="613"/>
      <c r="SEH706" s="613"/>
      <c r="SEI706" s="613"/>
      <c r="SEJ706" s="613"/>
      <c r="SEK706" s="613"/>
      <c r="SEL706" s="613"/>
      <c r="SEM706" s="613"/>
      <c r="SEN706" s="613"/>
      <c r="SEO706" s="613"/>
      <c r="SEP706" s="613"/>
      <c r="SEQ706" s="613"/>
      <c r="SER706" s="613"/>
      <c r="SES706" s="613"/>
      <c r="SET706" s="613"/>
      <c r="SEU706" s="613"/>
      <c r="SEV706" s="613"/>
      <c r="SEW706" s="613"/>
      <c r="SEX706" s="613"/>
      <c r="SEY706" s="613"/>
      <c r="SEZ706" s="613"/>
      <c r="SFA706" s="613"/>
      <c r="SFB706" s="613"/>
      <c r="SFC706" s="613"/>
      <c r="SFD706" s="613"/>
      <c r="SFE706" s="613"/>
      <c r="SFF706" s="613"/>
      <c r="SFG706" s="613"/>
      <c r="SFH706" s="613"/>
      <c r="SFI706" s="613"/>
      <c r="SFJ706" s="613"/>
      <c r="SFK706" s="613"/>
      <c r="SFL706" s="613"/>
      <c r="SFM706" s="613"/>
      <c r="SFN706" s="613"/>
      <c r="SFO706" s="613"/>
      <c r="SFP706" s="613"/>
      <c r="SFQ706" s="613"/>
      <c r="SFR706" s="613"/>
      <c r="SFS706" s="613"/>
      <c r="SFT706" s="613"/>
      <c r="SFU706" s="613"/>
      <c r="SFV706" s="613"/>
      <c r="SFW706" s="613"/>
      <c r="SFX706" s="613"/>
      <c r="SFY706" s="613"/>
      <c r="SFZ706" s="613"/>
      <c r="SGA706" s="613"/>
      <c r="SGB706" s="613"/>
      <c r="SGC706" s="613"/>
      <c r="SGD706" s="613"/>
      <c r="SGE706" s="613"/>
      <c r="SGF706" s="613"/>
      <c r="SGG706" s="613"/>
      <c r="SGH706" s="613"/>
      <c r="SGI706" s="613"/>
      <c r="SGJ706" s="613"/>
      <c r="SGK706" s="613"/>
      <c r="SGL706" s="613"/>
      <c r="SGM706" s="613"/>
      <c r="SGN706" s="613"/>
      <c r="SGO706" s="613"/>
      <c r="SGP706" s="613"/>
      <c r="SGQ706" s="613"/>
      <c r="SGR706" s="613"/>
      <c r="SGS706" s="613"/>
      <c r="SGT706" s="613"/>
      <c r="SGU706" s="613"/>
      <c r="SGV706" s="613"/>
      <c r="SGW706" s="613"/>
      <c r="SGX706" s="613"/>
      <c r="SGY706" s="613"/>
      <c r="SGZ706" s="613"/>
      <c r="SHA706" s="613"/>
      <c r="SHB706" s="613"/>
      <c r="SHC706" s="613"/>
      <c r="SHD706" s="613"/>
      <c r="SHE706" s="613"/>
      <c r="SHF706" s="613"/>
      <c r="SHG706" s="613"/>
      <c r="SHH706" s="613"/>
      <c r="SHI706" s="613"/>
      <c r="SHJ706" s="613"/>
      <c r="SHK706" s="613"/>
      <c r="SHL706" s="613"/>
      <c r="SHM706" s="613"/>
      <c r="SHN706" s="613"/>
      <c r="SHO706" s="613"/>
      <c r="SHP706" s="613"/>
      <c r="SHQ706" s="613"/>
      <c r="SHR706" s="613"/>
      <c r="SHS706" s="613"/>
      <c r="SHT706" s="613"/>
      <c r="SHU706" s="613"/>
      <c r="SHV706" s="613"/>
      <c r="SHW706" s="613"/>
      <c r="SHX706" s="613"/>
      <c r="SHY706" s="613"/>
      <c r="SHZ706" s="613"/>
      <c r="SIA706" s="613"/>
      <c r="SIB706" s="613"/>
      <c r="SIC706" s="613"/>
      <c r="SID706" s="613"/>
      <c r="SIE706" s="613"/>
      <c r="SIF706" s="613"/>
      <c r="SIG706" s="613"/>
      <c r="SIH706" s="613"/>
      <c r="SII706" s="613"/>
      <c r="SIJ706" s="613"/>
      <c r="SIK706" s="613"/>
      <c r="SIL706" s="613"/>
      <c r="SIM706" s="613"/>
      <c r="SIN706" s="613"/>
      <c r="SIO706" s="613"/>
      <c r="SIP706" s="613"/>
      <c r="SIQ706" s="613"/>
      <c r="SIR706" s="613"/>
      <c r="SIS706" s="613"/>
      <c r="SIT706" s="613"/>
      <c r="SIU706" s="613"/>
      <c r="SIV706" s="613"/>
      <c r="SIW706" s="613"/>
      <c r="SIX706" s="613"/>
      <c r="SIY706" s="613"/>
      <c r="SIZ706" s="613"/>
      <c r="SJA706" s="613"/>
      <c r="SJB706" s="613"/>
      <c r="SJC706" s="613"/>
      <c r="SJD706" s="613"/>
      <c r="SJE706" s="613"/>
      <c r="SJF706" s="613"/>
      <c r="SJG706" s="613"/>
      <c r="SJH706" s="613"/>
      <c r="SJI706" s="613"/>
      <c r="SJJ706" s="613"/>
      <c r="SJK706" s="613"/>
      <c r="SJL706" s="613"/>
      <c r="SJM706" s="613"/>
      <c r="SJN706" s="613"/>
      <c r="SJO706" s="613"/>
      <c r="SJP706" s="613"/>
      <c r="SJQ706" s="613"/>
      <c r="SJR706" s="613"/>
      <c r="SJS706" s="613"/>
      <c r="SJT706" s="613"/>
      <c r="SJU706" s="613"/>
      <c r="SJV706" s="613"/>
      <c r="SJW706" s="613"/>
      <c r="SJX706" s="613"/>
      <c r="SJY706" s="613"/>
      <c r="SJZ706" s="613"/>
      <c r="SKA706" s="613"/>
      <c r="SKB706" s="613"/>
      <c r="SKC706" s="613"/>
      <c r="SKD706" s="613"/>
      <c r="SKE706" s="613"/>
      <c r="SKF706" s="613"/>
      <c r="SKG706" s="613"/>
      <c r="SKH706" s="613"/>
      <c r="SKI706" s="613"/>
      <c r="SKJ706" s="613"/>
      <c r="SKK706" s="613"/>
      <c r="SKL706" s="613"/>
      <c r="SKM706" s="613"/>
      <c r="SKN706" s="613"/>
      <c r="SKO706" s="613"/>
      <c r="SKP706" s="613"/>
      <c r="SKQ706" s="613"/>
      <c r="SKR706" s="613"/>
      <c r="SKS706" s="613"/>
      <c r="SKT706" s="613"/>
      <c r="SKU706" s="613"/>
      <c r="SKV706" s="613"/>
      <c r="SKW706" s="613"/>
      <c r="SKX706" s="613"/>
      <c r="SKY706" s="613"/>
      <c r="SKZ706" s="613"/>
      <c r="SLA706" s="613"/>
      <c r="SLB706" s="613"/>
      <c r="SLC706" s="613"/>
      <c r="SLD706" s="613"/>
      <c r="SLE706" s="613"/>
      <c r="SLF706" s="613"/>
      <c r="SLG706" s="613"/>
      <c r="SLH706" s="613"/>
      <c r="SLI706" s="613"/>
      <c r="SLJ706" s="613"/>
      <c r="SLK706" s="613"/>
      <c r="SLL706" s="613"/>
      <c r="SLM706" s="613"/>
      <c r="SLN706" s="613"/>
      <c r="SLO706" s="613"/>
      <c r="SLP706" s="613"/>
      <c r="SLQ706" s="613"/>
      <c r="SLR706" s="613"/>
      <c r="SLS706" s="613"/>
      <c r="SLT706" s="613"/>
      <c r="SLU706" s="613"/>
      <c r="SLV706" s="613"/>
      <c r="SLW706" s="613"/>
      <c r="SLX706" s="613"/>
      <c r="SLY706" s="613"/>
      <c r="SLZ706" s="613"/>
      <c r="SMA706" s="613"/>
      <c r="SMB706" s="613"/>
      <c r="SMC706" s="613"/>
      <c r="SMD706" s="613"/>
      <c r="SME706" s="613"/>
      <c r="SMF706" s="613"/>
      <c r="SMG706" s="613"/>
      <c r="SMH706" s="613"/>
      <c r="SMI706" s="613"/>
      <c r="SMJ706" s="613"/>
      <c r="SMK706" s="613"/>
      <c r="SML706" s="613"/>
      <c r="SMM706" s="613"/>
      <c r="SMN706" s="613"/>
      <c r="SMO706" s="613"/>
      <c r="SMP706" s="613"/>
      <c r="SMQ706" s="613"/>
      <c r="SMR706" s="613"/>
      <c r="SMS706" s="613"/>
      <c r="SMT706" s="613"/>
      <c r="SMU706" s="613"/>
      <c r="SMV706" s="613"/>
      <c r="SMW706" s="613"/>
      <c r="SMX706" s="613"/>
      <c r="SMY706" s="613"/>
      <c r="SMZ706" s="613"/>
      <c r="SNA706" s="613"/>
      <c r="SNB706" s="613"/>
      <c r="SNC706" s="613"/>
      <c r="SND706" s="613"/>
      <c r="SNE706" s="613"/>
      <c r="SNF706" s="613"/>
      <c r="SNG706" s="613"/>
      <c r="SNH706" s="613"/>
      <c r="SNI706" s="613"/>
      <c r="SNJ706" s="613"/>
      <c r="SNK706" s="613"/>
      <c r="SNL706" s="613"/>
      <c r="SNM706" s="613"/>
      <c r="SNN706" s="613"/>
      <c r="SNO706" s="613"/>
      <c r="SNP706" s="613"/>
      <c r="SNQ706" s="613"/>
      <c r="SNR706" s="613"/>
      <c r="SNS706" s="613"/>
      <c r="SNT706" s="613"/>
      <c r="SNU706" s="613"/>
      <c r="SNV706" s="613"/>
      <c r="SNW706" s="613"/>
      <c r="SNX706" s="613"/>
      <c r="SNY706" s="613"/>
      <c r="SNZ706" s="613"/>
      <c r="SOA706" s="613"/>
      <c r="SOB706" s="613"/>
      <c r="SOC706" s="613"/>
      <c r="SOD706" s="613"/>
      <c r="SOE706" s="613"/>
      <c r="SOF706" s="613"/>
      <c r="SOG706" s="613"/>
      <c r="SOH706" s="613"/>
      <c r="SOI706" s="613"/>
      <c r="SOJ706" s="613"/>
      <c r="SOK706" s="613"/>
      <c r="SOL706" s="613"/>
      <c r="SOM706" s="613"/>
      <c r="SON706" s="613"/>
      <c r="SOO706" s="613"/>
      <c r="SOP706" s="613"/>
      <c r="SOQ706" s="613"/>
      <c r="SOR706" s="613"/>
      <c r="SOS706" s="613"/>
      <c r="SOT706" s="613"/>
      <c r="SOU706" s="613"/>
      <c r="SOV706" s="613"/>
      <c r="SOW706" s="613"/>
      <c r="SOX706" s="613"/>
      <c r="SOY706" s="613"/>
      <c r="SOZ706" s="613"/>
      <c r="SPA706" s="613"/>
      <c r="SPB706" s="613"/>
      <c r="SPC706" s="613"/>
      <c r="SPD706" s="613"/>
      <c r="SPE706" s="613"/>
      <c r="SPF706" s="613"/>
      <c r="SPG706" s="613"/>
      <c r="SPH706" s="613"/>
      <c r="SPI706" s="613"/>
      <c r="SPJ706" s="613"/>
      <c r="SPK706" s="613"/>
      <c r="SPL706" s="613"/>
      <c r="SPM706" s="613"/>
      <c r="SPN706" s="613"/>
      <c r="SPO706" s="613"/>
      <c r="SPP706" s="613"/>
      <c r="SPQ706" s="613"/>
      <c r="SPR706" s="613"/>
      <c r="SPS706" s="613"/>
      <c r="SPT706" s="613"/>
      <c r="SPU706" s="613"/>
      <c r="SPV706" s="613"/>
      <c r="SPW706" s="613"/>
      <c r="SPX706" s="613"/>
      <c r="SPY706" s="613"/>
      <c r="SPZ706" s="613"/>
      <c r="SQA706" s="613"/>
      <c r="SQB706" s="613"/>
      <c r="SQC706" s="613"/>
      <c r="SQD706" s="613"/>
      <c r="SQE706" s="613"/>
      <c r="SQF706" s="613"/>
      <c r="SQG706" s="613"/>
      <c r="SQH706" s="613"/>
      <c r="SQI706" s="613"/>
      <c r="SQJ706" s="613"/>
      <c r="SQK706" s="613"/>
      <c r="SQL706" s="613"/>
      <c r="SQM706" s="613"/>
      <c r="SQN706" s="613"/>
      <c r="SQO706" s="613"/>
      <c r="SQP706" s="613"/>
      <c r="SQQ706" s="613"/>
      <c r="SQR706" s="613"/>
      <c r="SQS706" s="613"/>
      <c r="SQT706" s="613"/>
      <c r="SQU706" s="613"/>
      <c r="SQV706" s="613"/>
      <c r="SQW706" s="613"/>
      <c r="SQX706" s="613"/>
      <c r="SQY706" s="613"/>
      <c r="SQZ706" s="613"/>
      <c r="SRA706" s="613"/>
      <c r="SRB706" s="613"/>
      <c r="SRC706" s="613"/>
      <c r="SRD706" s="613"/>
      <c r="SRE706" s="613"/>
      <c r="SRF706" s="613"/>
      <c r="SRG706" s="613"/>
      <c r="SRH706" s="613"/>
      <c r="SRI706" s="613"/>
      <c r="SRJ706" s="613"/>
      <c r="SRK706" s="613"/>
      <c r="SRL706" s="613"/>
      <c r="SRM706" s="613"/>
      <c r="SRN706" s="613"/>
      <c r="SRO706" s="613"/>
      <c r="SRP706" s="613"/>
      <c r="SRQ706" s="613"/>
      <c r="SRR706" s="613"/>
      <c r="SRS706" s="613"/>
      <c r="SRT706" s="613"/>
      <c r="SRU706" s="613"/>
      <c r="SRV706" s="613"/>
      <c r="SRW706" s="613"/>
      <c r="SRX706" s="613"/>
      <c r="SRY706" s="613"/>
      <c r="SRZ706" s="613"/>
      <c r="SSA706" s="613"/>
      <c r="SSB706" s="613"/>
      <c r="SSC706" s="613"/>
      <c r="SSD706" s="613"/>
      <c r="SSE706" s="613"/>
      <c r="SSF706" s="613"/>
      <c r="SSG706" s="613"/>
      <c r="SSH706" s="613"/>
      <c r="SSI706" s="613"/>
      <c r="SSJ706" s="613"/>
      <c r="SSK706" s="613"/>
      <c r="SSL706" s="613"/>
      <c r="SSM706" s="613"/>
      <c r="SSN706" s="613"/>
      <c r="SSO706" s="613"/>
      <c r="SSP706" s="613"/>
      <c r="SSQ706" s="613"/>
      <c r="SSR706" s="613"/>
      <c r="SSS706" s="613"/>
      <c r="SST706" s="613"/>
      <c r="SSU706" s="613"/>
      <c r="SSV706" s="613"/>
      <c r="SSW706" s="613"/>
      <c r="SSX706" s="613"/>
      <c r="SSY706" s="613"/>
      <c r="SSZ706" s="613"/>
      <c r="STA706" s="613"/>
      <c r="STB706" s="613"/>
      <c r="STC706" s="613"/>
      <c r="STD706" s="613"/>
      <c r="STE706" s="613"/>
      <c r="STF706" s="613"/>
      <c r="STG706" s="613"/>
      <c r="STH706" s="613"/>
      <c r="STI706" s="613"/>
      <c r="STJ706" s="613"/>
      <c r="STK706" s="613"/>
      <c r="STL706" s="613"/>
      <c r="STM706" s="613"/>
      <c r="STN706" s="613"/>
      <c r="STO706" s="613"/>
      <c r="STP706" s="613"/>
      <c r="STQ706" s="613"/>
      <c r="STR706" s="613"/>
      <c r="STS706" s="613"/>
      <c r="STT706" s="613"/>
      <c r="STU706" s="613"/>
      <c r="STV706" s="613"/>
      <c r="STW706" s="613"/>
      <c r="STX706" s="613"/>
      <c r="STY706" s="613"/>
      <c r="STZ706" s="613"/>
      <c r="SUA706" s="613"/>
      <c r="SUB706" s="613"/>
      <c r="SUC706" s="613"/>
      <c r="SUD706" s="613"/>
      <c r="SUE706" s="613"/>
      <c r="SUF706" s="613"/>
      <c r="SUG706" s="613"/>
      <c r="SUH706" s="613"/>
      <c r="SUI706" s="613"/>
      <c r="SUJ706" s="613"/>
      <c r="SUK706" s="613"/>
      <c r="SUL706" s="613"/>
      <c r="SUM706" s="613"/>
      <c r="SUN706" s="613"/>
      <c r="SUO706" s="613"/>
      <c r="SUP706" s="613"/>
      <c r="SUQ706" s="613"/>
      <c r="SUR706" s="613"/>
      <c r="SUS706" s="613"/>
      <c r="SUT706" s="613"/>
      <c r="SUU706" s="613"/>
      <c r="SUV706" s="613"/>
      <c r="SUW706" s="613"/>
      <c r="SUX706" s="613"/>
      <c r="SUY706" s="613"/>
      <c r="SUZ706" s="613"/>
      <c r="SVA706" s="613"/>
      <c r="SVB706" s="613"/>
      <c r="SVC706" s="613"/>
      <c r="SVD706" s="613"/>
      <c r="SVE706" s="613"/>
      <c r="SVF706" s="613"/>
      <c r="SVG706" s="613"/>
      <c r="SVH706" s="613"/>
      <c r="SVI706" s="613"/>
      <c r="SVJ706" s="613"/>
      <c r="SVK706" s="613"/>
      <c r="SVL706" s="613"/>
      <c r="SVM706" s="613"/>
      <c r="SVN706" s="613"/>
      <c r="SVO706" s="613"/>
      <c r="SVP706" s="613"/>
      <c r="SVQ706" s="613"/>
      <c r="SVR706" s="613"/>
      <c r="SVS706" s="613"/>
      <c r="SVT706" s="613"/>
      <c r="SVU706" s="613"/>
      <c r="SVV706" s="613"/>
      <c r="SVW706" s="613"/>
      <c r="SVX706" s="613"/>
      <c r="SVY706" s="613"/>
      <c r="SVZ706" s="613"/>
      <c r="SWA706" s="613"/>
      <c r="SWB706" s="613"/>
      <c r="SWC706" s="613"/>
      <c r="SWD706" s="613"/>
      <c r="SWE706" s="613"/>
      <c r="SWF706" s="613"/>
      <c r="SWG706" s="613"/>
      <c r="SWH706" s="613"/>
      <c r="SWI706" s="613"/>
      <c r="SWJ706" s="613"/>
      <c r="SWK706" s="613"/>
      <c r="SWL706" s="613"/>
      <c r="SWM706" s="613"/>
      <c r="SWN706" s="613"/>
      <c r="SWO706" s="613"/>
      <c r="SWP706" s="613"/>
      <c r="SWQ706" s="613"/>
      <c r="SWR706" s="613"/>
      <c r="SWS706" s="613"/>
      <c r="SWT706" s="613"/>
      <c r="SWU706" s="613"/>
      <c r="SWV706" s="613"/>
      <c r="SWW706" s="613"/>
      <c r="SWX706" s="613"/>
      <c r="SWY706" s="613"/>
      <c r="SWZ706" s="613"/>
      <c r="SXA706" s="613"/>
      <c r="SXB706" s="613"/>
      <c r="SXC706" s="613"/>
      <c r="SXD706" s="613"/>
      <c r="SXE706" s="613"/>
      <c r="SXF706" s="613"/>
      <c r="SXG706" s="613"/>
      <c r="SXH706" s="613"/>
      <c r="SXI706" s="613"/>
      <c r="SXJ706" s="613"/>
      <c r="SXK706" s="613"/>
      <c r="SXL706" s="613"/>
      <c r="SXM706" s="613"/>
      <c r="SXN706" s="613"/>
      <c r="SXO706" s="613"/>
      <c r="SXP706" s="613"/>
      <c r="SXQ706" s="613"/>
      <c r="SXR706" s="613"/>
      <c r="SXS706" s="613"/>
      <c r="SXT706" s="613"/>
      <c r="SXU706" s="613"/>
      <c r="SXV706" s="613"/>
      <c r="SXW706" s="613"/>
      <c r="SXX706" s="613"/>
      <c r="SXY706" s="613"/>
      <c r="SXZ706" s="613"/>
      <c r="SYA706" s="613"/>
      <c r="SYB706" s="613"/>
      <c r="SYC706" s="613"/>
      <c r="SYD706" s="613"/>
      <c r="SYE706" s="613"/>
      <c r="SYF706" s="613"/>
      <c r="SYG706" s="613"/>
      <c r="SYH706" s="613"/>
      <c r="SYI706" s="613"/>
      <c r="SYJ706" s="613"/>
      <c r="SYK706" s="613"/>
      <c r="SYL706" s="613"/>
      <c r="SYM706" s="613"/>
      <c r="SYN706" s="613"/>
      <c r="SYO706" s="613"/>
      <c r="SYP706" s="613"/>
      <c r="SYQ706" s="613"/>
      <c r="SYR706" s="613"/>
      <c r="SYS706" s="613"/>
      <c r="SYT706" s="613"/>
      <c r="SYU706" s="613"/>
      <c r="SYV706" s="613"/>
      <c r="SYW706" s="613"/>
      <c r="SYX706" s="613"/>
      <c r="SYY706" s="613"/>
      <c r="SYZ706" s="613"/>
      <c r="SZA706" s="613"/>
      <c r="SZB706" s="613"/>
      <c r="SZC706" s="613"/>
      <c r="SZD706" s="613"/>
      <c r="SZE706" s="613"/>
      <c r="SZF706" s="613"/>
      <c r="SZG706" s="613"/>
      <c r="SZH706" s="613"/>
      <c r="SZI706" s="613"/>
      <c r="SZJ706" s="613"/>
      <c r="SZK706" s="613"/>
      <c r="SZL706" s="613"/>
      <c r="SZM706" s="613"/>
      <c r="SZN706" s="613"/>
      <c r="SZO706" s="613"/>
      <c r="SZP706" s="613"/>
      <c r="SZQ706" s="613"/>
      <c r="SZR706" s="613"/>
      <c r="SZS706" s="613"/>
      <c r="SZT706" s="613"/>
      <c r="SZU706" s="613"/>
      <c r="SZV706" s="613"/>
      <c r="SZW706" s="613"/>
      <c r="SZX706" s="613"/>
      <c r="SZY706" s="613"/>
      <c r="SZZ706" s="613"/>
      <c r="TAA706" s="613"/>
      <c r="TAB706" s="613"/>
      <c r="TAC706" s="613"/>
      <c r="TAD706" s="613"/>
      <c r="TAE706" s="613"/>
      <c r="TAF706" s="613"/>
      <c r="TAG706" s="613"/>
      <c r="TAH706" s="613"/>
      <c r="TAI706" s="613"/>
      <c r="TAJ706" s="613"/>
      <c r="TAK706" s="613"/>
      <c r="TAL706" s="613"/>
      <c r="TAM706" s="613"/>
      <c r="TAN706" s="613"/>
      <c r="TAO706" s="613"/>
      <c r="TAP706" s="613"/>
      <c r="TAQ706" s="613"/>
      <c r="TAR706" s="613"/>
      <c r="TAS706" s="613"/>
      <c r="TAT706" s="613"/>
      <c r="TAU706" s="613"/>
      <c r="TAV706" s="613"/>
      <c r="TAW706" s="613"/>
      <c r="TAX706" s="613"/>
      <c r="TAY706" s="613"/>
      <c r="TAZ706" s="613"/>
      <c r="TBA706" s="613"/>
      <c r="TBB706" s="613"/>
      <c r="TBC706" s="613"/>
      <c r="TBD706" s="613"/>
      <c r="TBE706" s="613"/>
      <c r="TBF706" s="613"/>
      <c r="TBG706" s="613"/>
      <c r="TBH706" s="613"/>
      <c r="TBI706" s="613"/>
      <c r="TBJ706" s="613"/>
      <c r="TBK706" s="613"/>
      <c r="TBL706" s="613"/>
      <c r="TBM706" s="613"/>
      <c r="TBN706" s="613"/>
      <c r="TBO706" s="613"/>
      <c r="TBP706" s="613"/>
      <c r="TBQ706" s="613"/>
      <c r="TBR706" s="613"/>
      <c r="TBS706" s="613"/>
      <c r="TBT706" s="613"/>
      <c r="TBU706" s="613"/>
      <c r="TBV706" s="613"/>
      <c r="TBW706" s="613"/>
      <c r="TBX706" s="613"/>
      <c r="TBY706" s="613"/>
      <c r="TBZ706" s="613"/>
      <c r="TCA706" s="613"/>
      <c r="TCB706" s="613"/>
      <c r="TCC706" s="613"/>
      <c r="TCD706" s="613"/>
      <c r="TCE706" s="613"/>
      <c r="TCF706" s="613"/>
      <c r="TCG706" s="613"/>
      <c r="TCH706" s="613"/>
      <c r="TCI706" s="613"/>
      <c r="TCJ706" s="613"/>
      <c r="TCK706" s="613"/>
      <c r="TCL706" s="613"/>
      <c r="TCM706" s="613"/>
      <c r="TCN706" s="613"/>
      <c r="TCO706" s="613"/>
      <c r="TCP706" s="613"/>
      <c r="TCQ706" s="613"/>
      <c r="TCR706" s="613"/>
      <c r="TCS706" s="613"/>
      <c r="TCT706" s="613"/>
      <c r="TCU706" s="613"/>
      <c r="TCV706" s="613"/>
      <c r="TCW706" s="613"/>
      <c r="TCX706" s="613"/>
      <c r="TCY706" s="613"/>
      <c r="TCZ706" s="613"/>
      <c r="TDA706" s="613"/>
      <c r="TDB706" s="613"/>
      <c r="TDC706" s="613"/>
      <c r="TDD706" s="613"/>
      <c r="TDE706" s="613"/>
      <c r="TDF706" s="613"/>
      <c r="TDG706" s="613"/>
      <c r="TDH706" s="613"/>
      <c r="TDI706" s="613"/>
      <c r="TDJ706" s="613"/>
      <c r="TDK706" s="613"/>
      <c r="TDL706" s="613"/>
      <c r="TDM706" s="613"/>
      <c r="TDN706" s="613"/>
      <c r="TDO706" s="613"/>
      <c r="TDP706" s="613"/>
      <c r="TDQ706" s="613"/>
      <c r="TDR706" s="613"/>
      <c r="TDS706" s="613"/>
      <c r="TDT706" s="613"/>
      <c r="TDU706" s="613"/>
      <c r="TDV706" s="613"/>
      <c r="TDW706" s="613"/>
      <c r="TDX706" s="613"/>
      <c r="TDY706" s="613"/>
      <c r="TDZ706" s="613"/>
      <c r="TEA706" s="613"/>
      <c r="TEB706" s="613"/>
      <c r="TEC706" s="613"/>
      <c r="TED706" s="613"/>
      <c r="TEE706" s="613"/>
      <c r="TEF706" s="613"/>
      <c r="TEG706" s="613"/>
      <c r="TEH706" s="613"/>
      <c r="TEI706" s="613"/>
      <c r="TEJ706" s="613"/>
      <c r="TEK706" s="613"/>
      <c r="TEL706" s="613"/>
      <c r="TEM706" s="613"/>
      <c r="TEN706" s="613"/>
      <c r="TEO706" s="613"/>
      <c r="TEP706" s="613"/>
      <c r="TEQ706" s="613"/>
      <c r="TER706" s="613"/>
      <c r="TES706" s="613"/>
      <c r="TET706" s="613"/>
      <c r="TEU706" s="613"/>
      <c r="TEV706" s="613"/>
      <c r="TEW706" s="613"/>
      <c r="TEX706" s="613"/>
      <c r="TEY706" s="613"/>
      <c r="TEZ706" s="613"/>
      <c r="TFA706" s="613"/>
      <c r="TFB706" s="613"/>
      <c r="TFC706" s="613"/>
      <c r="TFD706" s="613"/>
      <c r="TFE706" s="613"/>
      <c r="TFF706" s="613"/>
      <c r="TFG706" s="613"/>
      <c r="TFH706" s="613"/>
      <c r="TFI706" s="613"/>
      <c r="TFJ706" s="613"/>
      <c r="TFK706" s="613"/>
      <c r="TFL706" s="613"/>
      <c r="TFM706" s="613"/>
      <c r="TFN706" s="613"/>
      <c r="TFO706" s="613"/>
      <c r="TFP706" s="613"/>
      <c r="TFQ706" s="613"/>
      <c r="TFR706" s="613"/>
      <c r="TFS706" s="613"/>
      <c r="TFT706" s="613"/>
      <c r="TFU706" s="613"/>
      <c r="TFV706" s="613"/>
      <c r="TFW706" s="613"/>
      <c r="TFX706" s="613"/>
      <c r="TFY706" s="613"/>
      <c r="TFZ706" s="613"/>
      <c r="TGA706" s="613"/>
      <c r="TGB706" s="613"/>
      <c r="TGC706" s="613"/>
      <c r="TGD706" s="613"/>
      <c r="TGE706" s="613"/>
      <c r="TGF706" s="613"/>
      <c r="TGG706" s="613"/>
      <c r="TGH706" s="613"/>
      <c r="TGI706" s="613"/>
      <c r="TGJ706" s="613"/>
      <c r="TGK706" s="613"/>
      <c r="TGL706" s="613"/>
      <c r="TGM706" s="613"/>
      <c r="TGN706" s="613"/>
      <c r="TGO706" s="613"/>
      <c r="TGP706" s="613"/>
      <c r="TGQ706" s="613"/>
      <c r="TGR706" s="613"/>
      <c r="TGS706" s="613"/>
      <c r="TGT706" s="613"/>
      <c r="TGU706" s="613"/>
      <c r="TGV706" s="613"/>
      <c r="TGW706" s="613"/>
      <c r="TGX706" s="613"/>
      <c r="TGY706" s="613"/>
      <c r="TGZ706" s="613"/>
      <c r="THA706" s="613"/>
      <c r="THB706" s="613"/>
      <c r="THC706" s="613"/>
      <c r="THD706" s="613"/>
      <c r="THE706" s="613"/>
      <c r="THF706" s="613"/>
      <c r="THG706" s="613"/>
      <c r="THH706" s="613"/>
      <c r="THI706" s="613"/>
      <c r="THJ706" s="613"/>
      <c r="THK706" s="613"/>
      <c r="THL706" s="613"/>
      <c r="THM706" s="613"/>
      <c r="THN706" s="613"/>
      <c r="THO706" s="613"/>
      <c r="THP706" s="613"/>
      <c r="THQ706" s="613"/>
      <c r="THR706" s="613"/>
      <c r="THS706" s="613"/>
      <c r="THT706" s="613"/>
      <c r="THU706" s="613"/>
      <c r="THV706" s="613"/>
      <c r="THW706" s="613"/>
      <c r="THX706" s="613"/>
      <c r="THY706" s="613"/>
      <c r="THZ706" s="613"/>
      <c r="TIA706" s="613"/>
      <c r="TIB706" s="613"/>
      <c r="TIC706" s="613"/>
      <c r="TID706" s="613"/>
      <c r="TIE706" s="613"/>
      <c r="TIF706" s="613"/>
      <c r="TIG706" s="613"/>
      <c r="TIH706" s="613"/>
      <c r="TII706" s="613"/>
      <c r="TIJ706" s="613"/>
      <c r="TIK706" s="613"/>
      <c r="TIL706" s="613"/>
      <c r="TIM706" s="613"/>
      <c r="TIN706" s="613"/>
      <c r="TIO706" s="613"/>
      <c r="TIP706" s="613"/>
      <c r="TIQ706" s="613"/>
      <c r="TIR706" s="613"/>
      <c r="TIS706" s="613"/>
      <c r="TIT706" s="613"/>
      <c r="TIU706" s="613"/>
      <c r="TIV706" s="613"/>
      <c r="TIW706" s="613"/>
      <c r="TIX706" s="613"/>
      <c r="TIY706" s="613"/>
      <c r="TIZ706" s="613"/>
      <c r="TJA706" s="613"/>
      <c r="TJB706" s="613"/>
      <c r="TJC706" s="613"/>
      <c r="TJD706" s="613"/>
      <c r="TJE706" s="613"/>
      <c r="TJF706" s="613"/>
      <c r="TJG706" s="613"/>
      <c r="TJH706" s="613"/>
      <c r="TJI706" s="613"/>
      <c r="TJJ706" s="613"/>
      <c r="TJK706" s="613"/>
      <c r="TJL706" s="613"/>
      <c r="TJM706" s="613"/>
      <c r="TJN706" s="613"/>
      <c r="TJO706" s="613"/>
      <c r="TJP706" s="613"/>
      <c r="TJQ706" s="613"/>
      <c r="TJR706" s="613"/>
      <c r="TJS706" s="613"/>
      <c r="TJT706" s="613"/>
      <c r="TJU706" s="613"/>
      <c r="TJV706" s="613"/>
      <c r="TJW706" s="613"/>
      <c r="TJX706" s="613"/>
      <c r="TJY706" s="613"/>
      <c r="TJZ706" s="613"/>
      <c r="TKA706" s="613"/>
      <c r="TKB706" s="613"/>
      <c r="TKC706" s="613"/>
      <c r="TKD706" s="613"/>
      <c r="TKE706" s="613"/>
      <c r="TKF706" s="613"/>
      <c r="TKG706" s="613"/>
      <c r="TKH706" s="613"/>
      <c r="TKI706" s="613"/>
      <c r="TKJ706" s="613"/>
      <c r="TKK706" s="613"/>
      <c r="TKL706" s="613"/>
      <c r="TKM706" s="613"/>
      <c r="TKN706" s="613"/>
      <c r="TKO706" s="613"/>
      <c r="TKP706" s="613"/>
      <c r="TKQ706" s="613"/>
      <c r="TKR706" s="613"/>
      <c r="TKS706" s="613"/>
      <c r="TKT706" s="613"/>
      <c r="TKU706" s="613"/>
      <c r="TKV706" s="613"/>
      <c r="TKW706" s="613"/>
      <c r="TKX706" s="613"/>
      <c r="TKY706" s="613"/>
      <c r="TKZ706" s="613"/>
      <c r="TLA706" s="613"/>
      <c r="TLB706" s="613"/>
      <c r="TLC706" s="613"/>
      <c r="TLD706" s="613"/>
      <c r="TLE706" s="613"/>
      <c r="TLF706" s="613"/>
      <c r="TLG706" s="613"/>
      <c r="TLH706" s="613"/>
      <c r="TLI706" s="613"/>
      <c r="TLJ706" s="613"/>
      <c r="TLK706" s="613"/>
      <c r="TLL706" s="613"/>
      <c r="TLM706" s="613"/>
      <c r="TLN706" s="613"/>
      <c r="TLO706" s="613"/>
      <c r="TLP706" s="613"/>
      <c r="TLQ706" s="613"/>
      <c r="TLR706" s="613"/>
      <c r="TLS706" s="613"/>
      <c r="TLT706" s="613"/>
      <c r="TLU706" s="613"/>
      <c r="TLV706" s="613"/>
      <c r="TLW706" s="613"/>
      <c r="TLX706" s="613"/>
      <c r="TLY706" s="613"/>
      <c r="TLZ706" s="613"/>
      <c r="TMA706" s="613"/>
      <c r="TMB706" s="613"/>
      <c r="TMC706" s="613"/>
      <c r="TMD706" s="613"/>
      <c r="TME706" s="613"/>
      <c r="TMF706" s="613"/>
      <c r="TMG706" s="613"/>
      <c r="TMH706" s="613"/>
      <c r="TMI706" s="613"/>
      <c r="TMJ706" s="613"/>
      <c r="TMK706" s="613"/>
      <c r="TML706" s="613"/>
      <c r="TMM706" s="613"/>
      <c r="TMN706" s="613"/>
      <c r="TMO706" s="613"/>
      <c r="TMP706" s="613"/>
      <c r="TMQ706" s="613"/>
      <c r="TMR706" s="613"/>
      <c r="TMS706" s="613"/>
      <c r="TMT706" s="613"/>
      <c r="TMU706" s="613"/>
      <c r="TMV706" s="613"/>
      <c r="TMW706" s="613"/>
      <c r="TMX706" s="613"/>
      <c r="TMY706" s="613"/>
      <c r="TMZ706" s="613"/>
      <c r="TNA706" s="613"/>
      <c r="TNB706" s="613"/>
      <c r="TNC706" s="613"/>
      <c r="TND706" s="613"/>
      <c r="TNE706" s="613"/>
      <c r="TNF706" s="613"/>
      <c r="TNG706" s="613"/>
      <c r="TNH706" s="613"/>
      <c r="TNI706" s="613"/>
      <c r="TNJ706" s="613"/>
      <c r="TNK706" s="613"/>
      <c r="TNL706" s="613"/>
      <c r="TNM706" s="613"/>
      <c r="TNN706" s="613"/>
      <c r="TNO706" s="613"/>
      <c r="TNP706" s="613"/>
      <c r="TNQ706" s="613"/>
      <c r="TNR706" s="613"/>
      <c r="TNS706" s="613"/>
      <c r="TNT706" s="613"/>
      <c r="TNU706" s="613"/>
      <c r="TNV706" s="613"/>
      <c r="TNW706" s="613"/>
      <c r="TNX706" s="613"/>
      <c r="TNY706" s="613"/>
      <c r="TNZ706" s="613"/>
      <c r="TOA706" s="613"/>
      <c r="TOB706" s="613"/>
      <c r="TOC706" s="613"/>
      <c r="TOD706" s="613"/>
      <c r="TOE706" s="613"/>
      <c r="TOF706" s="613"/>
      <c r="TOG706" s="613"/>
      <c r="TOH706" s="613"/>
      <c r="TOI706" s="613"/>
      <c r="TOJ706" s="613"/>
      <c r="TOK706" s="613"/>
      <c r="TOL706" s="613"/>
      <c r="TOM706" s="613"/>
      <c r="TON706" s="613"/>
      <c r="TOO706" s="613"/>
      <c r="TOP706" s="613"/>
      <c r="TOQ706" s="613"/>
      <c r="TOR706" s="613"/>
      <c r="TOS706" s="613"/>
      <c r="TOT706" s="613"/>
      <c r="TOU706" s="613"/>
      <c r="TOV706" s="613"/>
      <c r="TOW706" s="613"/>
      <c r="TOX706" s="613"/>
      <c r="TOY706" s="613"/>
      <c r="TOZ706" s="613"/>
      <c r="TPA706" s="613"/>
      <c r="TPB706" s="613"/>
      <c r="TPC706" s="613"/>
      <c r="TPD706" s="613"/>
      <c r="TPE706" s="613"/>
      <c r="TPF706" s="613"/>
      <c r="TPG706" s="613"/>
      <c r="TPH706" s="613"/>
      <c r="TPI706" s="613"/>
      <c r="TPJ706" s="613"/>
      <c r="TPK706" s="613"/>
      <c r="TPL706" s="613"/>
      <c r="TPM706" s="613"/>
      <c r="TPN706" s="613"/>
      <c r="TPO706" s="613"/>
      <c r="TPP706" s="613"/>
      <c r="TPQ706" s="613"/>
      <c r="TPR706" s="613"/>
      <c r="TPS706" s="613"/>
      <c r="TPT706" s="613"/>
      <c r="TPU706" s="613"/>
      <c r="TPV706" s="613"/>
      <c r="TPW706" s="613"/>
      <c r="TPX706" s="613"/>
      <c r="TPY706" s="613"/>
      <c r="TPZ706" s="613"/>
      <c r="TQA706" s="613"/>
      <c r="TQB706" s="613"/>
      <c r="TQC706" s="613"/>
      <c r="TQD706" s="613"/>
      <c r="TQE706" s="613"/>
      <c r="TQF706" s="613"/>
      <c r="TQG706" s="613"/>
      <c r="TQH706" s="613"/>
      <c r="TQI706" s="613"/>
      <c r="TQJ706" s="613"/>
      <c r="TQK706" s="613"/>
      <c r="TQL706" s="613"/>
      <c r="TQM706" s="613"/>
      <c r="TQN706" s="613"/>
      <c r="TQO706" s="613"/>
      <c r="TQP706" s="613"/>
      <c r="TQQ706" s="613"/>
      <c r="TQR706" s="613"/>
      <c r="TQS706" s="613"/>
      <c r="TQT706" s="613"/>
      <c r="TQU706" s="613"/>
      <c r="TQV706" s="613"/>
      <c r="TQW706" s="613"/>
      <c r="TQX706" s="613"/>
      <c r="TQY706" s="613"/>
      <c r="TQZ706" s="613"/>
      <c r="TRA706" s="613"/>
      <c r="TRB706" s="613"/>
      <c r="TRC706" s="613"/>
      <c r="TRD706" s="613"/>
      <c r="TRE706" s="613"/>
      <c r="TRF706" s="613"/>
      <c r="TRG706" s="613"/>
      <c r="TRH706" s="613"/>
      <c r="TRI706" s="613"/>
      <c r="TRJ706" s="613"/>
      <c r="TRK706" s="613"/>
      <c r="TRL706" s="613"/>
      <c r="TRM706" s="613"/>
      <c r="TRN706" s="613"/>
      <c r="TRO706" s="613"/>
      <c r="TRP706" s="613"/>
      <c r="TRQ706" s="613"/>
      <c r="TRR706" s="613"/>
      <c r="TRS706" s="613"/>
      <c r="TRT706" s="613"/>
      <c r="TRU706" s="613"/>
      <c r="TRV706" s="613"/>
      <c r="TRW706" s="613"/>
      <c r="TRX706" s="613"/>
      <c r="TRY706" s="613"/>
      <c r="TRZ706" s="613"/>
      <c r="TSA706" s="613"/>
      <c r="TSB706" s="613"/>
      <c r="TSC706" s="613"/>
      <c r="TSD706" s="613"/>
      <c r="TSE706" s="613"/>
      <c r="TSF706" s="613"/>
      <c r="TSG706" s="613"/>
      <c r="TSH706" s="613"/>
      <c r="TSI706" s="613"/>
      <c r="TSJ706" s="613"/>
      <c r="TSK706" s="613"/>
      <c r="TSL706" s="613"/>
      <c r="TSM706" s="613"/>
      <c r="TSN706" s="613"/>
      <c r="TSO706" s="613"/>
      <c r="TSP706" s="613"/>
      <c r="TSQ706" s="613"/>
      <c r="TSR706" s="613"/>
      <c r="TSS706" s="613"/>
      <c r="TST706" s="613"/>
      <c r="TSU706" s="613"/>
      <c r="TSV706" s="613"/>
      <c r="TSW706" s="613"/>
      <c r="TSX706" s="613"/>
      <c r="TSY706" s="613"/>
      <c r="TSZ706" s="613"/>
      <c r="TTA706" s="613"/>
      <c r="TTB706" s="613"/>
      <c r="TTC706" s="613"/>
      <c r="TTD706" s="613"/>
      <c r="TTE706" s="613"/>
      <c r="TTF706" s="613"/>
      <c r="TTG706" s="613"/>
      <c r="TTH706" s="613"/>
      <c r="TTI706" s="613"/>
      <c r="TTJ706" s="613"/>
      <c r="TTK706" s="613"/>
      <c r="TTL706" s="613"/>
      <c r="TTM706" s="613"/>
      <c r="TTN706" s="613"/>
      <c r="TTO706" s="613"/>
      <c r="TTP706" s="613"/>
      <c r="TTQ706" s="613"/>
      <c r="TTR706" s="613"/>
      <c r="TTS706" s="613"/>
      <c r="TTT706" s="613"/>
      <c r="TTU706" s="613"/>
      <c r="TTV706" s="613"/>
      <c r="TTW706" s="613"/>
      <c r="TTX706" s="613"/>
      <c r="TTY706" s="613"/>
      <c r="TTZ706" s="613"/>
      <c r="TUA706" s="613"/>
      <c r="TUB706" s="613"/>
      <c r="TUC706" s="613"/>
      <c r="TUD706" s="613"/>
      <c r="TUE706" s="613"/>
      <c r="TUF706" s="613"/>
      <c r="TUG706" s="613"/>
      <c r="TUH706" s="613"/>
      <c r="TUI706" s="613"/>
      <c r="TUJ706" s="613"/>
      <c r="TUK706" s="613"/>
      <c r="TUL706" s="613"/>
      <c r="TUM706" s="613"/>
      <c r="TUN706" s="613"/>
      <c r="TUO706" s="613"/>
      <c r="TUP706" s="613"/>
      <c r="TUQ706" s="613"/>
      <c r="TUR706" s="613"/>
      <c r="TUS706" s="613"/>
      <c r="TUT706" s="613"/>
      <c r="TUU706" s="613"/>
      <c r="TUV706" s="613"/>
      <c r="TUW706" s="613"/>
      <c r="TUX706" s="613"/>
      <c r="TUY706" s="613"/>
      <c r="TUZ706" s="613"/>
      <c r="TVA706" s="613"/>
      <c r="TVB706" s="613"/>
      <c r="TVC706" s="613"/>
      <c r="TVD706" s="613"/>
      <c r="TVE706" s="613"/>
      <c r="TVF706" s="613"/>
      <c r="TVG706" s="613"/>
      <c r="TVH706" s="613"/>
      <c r="TVI706" s="613"/>
      <c r="TVJ706" s="613"/>
      <c r="TVK706" s="613"/>
      <c r="TVL706" s="613"/>
      <c r="TVM706" s="613"/>
      <c r="TVN706" s="613"/>
      <c r="TVO706" s="613"/>
      <c r="TVP706" s="613"/>
      <c r="TVQ706" s="613"/>
      <c r="TVR706" s="613"/>
      <c r="TVS706" s="613"/>
      <c r="TVT706" s="613"/>
      <c r="TVU706" s="613"/>
      <c r="TVV706" s="613"/>
      <c r="TVW706" s="613"/>
      <c r="TVX706" s="613"/>
      <c r="TVY706" s="613"/>
      <c r="TVZ706" s="613"/>
      <c r="TWA706" s="613"/>
      <c r="TWB706" s="613"/>
      <c r="TWC706" s="613"/>
      <c r="TWD706" s="613"/>
      <c r="TWE706" s="613"/>
      <c r="TWF706" s="613"/>
      <c r="TWG706" s="613"/>
      <c r="TWH706" s="613"/>
      <c r="TWI706" s="613"/>
      <c r="TWJ706" s="613"/>
      <c r="TWK706" s="613"/>
      <c r="TWL706" s="613"/>
      <c r="TWM706" s="613"/>
      <c r="TWN706" s="613"/>
      <c r="TWO706" s="613"/>
      <c r="TWP706" s="613"/>
      <c r="TWQ706" s="613"/>
      <c r="TWR706" s="613"/>
      <c r="TWS706" s="613"/>
      <c r="TWT706" s="613"/>
      <c r="TWU706" s="613"/>
      <c r="TWV706" s="613"/>
      <c r="TWW706" s="613"/>
      <c r="TWX706" s="613"/>
      <c r="TWY706" s="613"/>
      <c r="TWZ706" s="613"/>
      <c r="TXA706" s="613"/>
      <c r="TXB706" s="613"/>
      <c r="TXC706" s="613"/>
      <c r="TXD706" s="613"/>
      <c r="TXE706" s="613"/>
      <c r="TXF706" s="613"/>
      <c r="TXG706" s="613"/>
      <c r="TXH706" s="613"/>
      <c r="TXI706" s="613"/>
      <c r="TXJ706" s="613"/>
      <c r="TXK706" s="613"/>
      <c r="TXL706" s="613"/>
      <c r="TXM706" s="613"/>
      <c r="TXN706" s="613"/>
      <c r="TXO706" s="613"/>
      <c r="TXP706" s="613"/>
      <c r="TXQ706" s="613"/>
      <c r="TXR706" s="613"/>
      <c r="TXS706" s="613"/>
      <c r="TXT706" s="613"/>
      <c r="TXU706" s="613"/>
      <c r="TXV706" s="613"/>
      <c r="TXW706" s="613"/>
      <c r="TXX706" s="613"/>
      <c r="TXY706" s="613"/>
      <c r="TXZ706" s="613"/>
      <c r="TYA706" s="613"/>
      <c r="TYB706" s="613"/>
      <c r="TYC706" s="613"/>
      <c r="TYD706" s="613"/>
      <c r="TYE706" s="613"/>
      <c r="TYF706" s="613"/>
      <c r="TYG706" s="613"/>
      <c r="TYH706" s="613"/>
      <c r="TYI706" s="613"/>
      <c r="TYJ706" s="613"/>
      <c r="TYK706" s="613"/>
      <c r="TYL706" s="613"/>
      <c r="TYM706" s="613"/>
      <c r="TYN706" s="613"/>
      <c r="TYO706" s="613"/>
      <c r="TYP706" s="613"/>
      <c r="TYQ706" s="613"/>
      <c r="TYR706" s="613"/>
      <c r="TYS706" s="613"/>
      <c r="TYT706" s="613"/>
      <c r="TYU706" s="613"/>
      <c r="TYV706" s="613"/>
      <c r="TYW706" s="613"/>
      <c r="TYX706" s="613"/>
      <c r="TYY706" s="613"/>
      <c r="TYZ706" s="613"/>
      <c r="TZA706" s="613"/>
      <c r="TZB706" s="613"/>
      <c r="TZC706" s="613"/>
      <c r="TZD706" s="613"/>
      <c r="TZE706" s="613"/>
      <c r="TZF706" s="613"/>
      <c r="TZG706" s="613"/>
      <c r="TZH706" s="613"/>
      <c r="TZI706" s="613"/>
      <c r="TZJ706" s="613"/>
      <c r="TZK706" s="613"/>
      <c r="TZL706" s="613"/>
      <c r="TZM706" s="613"/>
      <c r="TZN706" s="613"/>
      <c r="TZO706" s="613"/>
      <c r="TZP706" s="613"/>
      <c r="TZQ706" s="613"/>
      <c r="TZR706" s="613"/>
      <c r="TZS706" s="613"/>
      <c r="TZT706" s="613"/>
      <c r="TZU706" s="613"/>
      <c r="TZV706" s="613"/>
      <c r="TZW706" s="613"/>
      <c r="TZX706" s="613"/>
      <c r="TZY706" s="613"/>
      <c r="TZZ706" s="613"/>
      <c r="UAA706" s="613"/>
      <c r="UAB706" s="613"/>
      <c r="UAC706" s="613"/>
      <c r="UAD706" s="613"/>
      <c r="UAE706" s="613"/>
      <c r="UAF706" s="613"/>
      <c r="UAG706" s="613"/>
      <c r="UAH706" s="613"/>
      <c r="UAI706" s="613"/>
      <c r="UAJ706" s="613"/>
      <c r="UAK706" s="613"/>
      <c r="UAL706" s="613"/>
      <c r="UAM706" s="613"/>
      <c r="UAN706" s="613"/>
      <c r="UAO706" s="613"/>
      <c r="UAP706" s="613"/>
      <c r="UAQ706" s="613"/>
      <c r="UAR706" s="613"/>
      <c r="UAS706" s="613"/>
      <c r="UAT706" s="613"/>
      <c r="UAU706" s="613"/>
      <c r="UAV706" s="613"/>
      <c r="UAW706" s="613"/>
      <c r="UAX706" s="613"/>
      <c r="UAY706" s="613"/>
      <c r="UAZ706" s="613"/>
      <c r="UBA706" s="613"/>
      <c r="UBB706" s="613"/>
      <c r="UBC706" s="613"/>
      <c r="UBD706" s="613"/>
      <c r="UBE706" s="613"/>
      <c r="UBF706" s="613"/>
      <c r="UBG706" s="613"/>
      <c r="UBH706" s="613"/>
      <c r="UBI706" s="613"/>
      <c r="UBJ706" s="613"/>
      <c r="UBK706" s="613"/>
      <c r="UBL706" s="613"/>
      <c r="UBM706" s="613"/>
      <c r="UBN706" s="613"/>
      <c r="UBO706" s="613"/>
      <c r="UBP706" s="613"/>
      <c r="UBQ706" s="613"/>
      <c r="UBR706" s="613"/>
      <c r="UBS706" s="613"/>
      <c r="UBT706" s="613"/>
      <c r="UBU706" s="613"/>
      <c r="UBV706" s="613"/>
      <c r="UBW706" s="613"/>
      <c r="UBX706" s="613"/>
      <c r="UBY706" s="613"/>
      <c r="UBZ706" s="613"/>
      <c r="UCA706" s="613"/>
      <c r="UCB706" s="613"/>
      <c r="UCC706" s="613"/>
      <c r="UCD706" s="613"/>
      <c r="UCE706" s="613"/>
      <c r="UCF706" s="613"/>
      <c r="UCG706" s="613"/>
      <c r="UCH706" s="613"/>
      <c r="UCI706" s="613"/>
      <c r="UCJ706" s="613"/>
      <c r="UCK706" s="613"/>
      <c r="UCL706" s="613"/>
      <c r="UCM706" s="613"/>
      <c r="UCN706" s="613"/>
      <c r="UCO706" s="613"/>
      <c r="UCP706" s="613"/>
      <c r="UCQ706" s="613"/>
      <c r="UCR706" s="613"/>
      <c r="UCS706" s="613"/>
      <c r="UCT706" s="613"/>
      <c r="UCU706" s="613"/>
      <c r="UCV706" s="613"/>
      <c r="UCW706" s="613"/>
      <c r="UCX706" s="613"/>
      <c r="UCY706" s="613"/>
      <c r="UCZ706" s="613"/>
      <c r="UDA706" s="613"/>
      <c r="UDB706" s="613"/>
      <c r="UDC706" s="613"/>
      <c r="UDD706" s="613"/>
      <c r="UDE706" s="613"/>
      <c r="UDF706" s="613"/>
      <c r="UDG706" s="613"/>
      <c r="UDH706" s="613"/>
      <c r="UDI706" s="613"/>
      <c r="UDJ706" s="613"/>
      <c r="UDK706" s="613"/>
      <c r="UDL706" s="613"/>
      <c r="UDM706" s="613"/>
      <c r="UDN706" s="613"/>
      <c r="UDO706" s="613"/>
      <c r="UDP706" s="613"/>
      <c r="UDQ706" s="613"/>
      <c r="UDR706" s="613"/>
      <c r="UDS706" s="613"/>
      <c r="UDT706" s="613"/>
      <c r="UDU706" s="613"/>
      <c r="UDV706" s="613"/>
      <c r="UDW706" s="613"/>
      <c r="UDX706" s="613"/>
      <c r="UDY706" s="613"/>
      <c r="UDZ706" s="613"/>
      <c r="UEA706" s="613"/>
      <c r="UEB706" s="613"/>
      <c r="UEC706" s="613"/>
      <c r="UED706" s="613"/>
      <c r="UEE706" s="613"/>
      <c r="UEF706" s="613"/>
      <c r="UEG706" s="613"/>
      <c r="UEH706" s="613"/>
      <c r="UEI706" s="613"/>
      <c r="UEJ706" s="613"/>
      <c r="UEK706" s="613"/>
      <c r="UEL706" s="613"/>
      <c r="UEM706" s="613"/>
      <c r="UEN706" s="613"/>
      <c r="UEO706" s="613"/>
      <c r="UEP706" s="613"/>
      <c r="UEQ706" s="613"/>
      <c r="UER706" s="613"/>
      <c r="UES706" s="613"/>
      <c r="UET706" s="613"/>
      <c r="UEU706" s="613"/>
      <c r="UEV706" s="613"/>
      <c r="UEW706" s="613"/>
      <c r="UEX706" s="613"/>
      <c r="UEY706" s="613"/>
      <c r="UEZ706" s="613"/>
      <c r="UFA706" s="613"/>
      <c r="UFB706" s="613"/>
      <c r="UFC706" s="613"/>
      <c r="UFD706" s="613"/>
      <c r="UFE706" s="613"/>
      <c r="UFF706" s="613"/>
      <c r="UFG706" s="613"/>
      <c r="UFH706" s="613"/>
      <c r="UFI706" s="613"/>
      <c r="UFJ706" s="613"/>
      <c r="UFK706" s="613"/>
      <c r="UFL706" s="613"/>
      <c r="UFM706" s="613"/>
      <c r="UFN706" s="613"/>
      <c r="UFO706" s="613"/>
      <c r="UFP706" s="613"/>
      <c r="UFQ706" s="613"/>
      <c r="UFR706" s="613"/>
      <c r="UFS706" s="613"/>
      <c r="UFT706" s="613"/>
      <c r="UFU706" s="613"/>
      <c r="UFV706" s="613"/>
      <c r="UFW706" s="613"/>
      <c r="UFX706" s="613"/>
      <c r="UFY706" s="613"/>
      <c r="UFZ706" s="613"/>
      <c r="UGA706" s="613"/>
      <c r="UGB706" s="613"/>
      <c r="UGC706" s="613"/>
      <c r="UGD706" s="613"/>
      <c r="UGE706" s="613"/>
      <c r="UGF706" s="613"/>
      <c r="UGG706" s="613"/>
      <c r="UGH706" s="613"/>
      <c r="UGI706" s="613"/>
      <c r="UGJ706" s="613"/>
      <c r="UGK706" s="613"/>
      <c r="UGL706" s="613"/>
      <c r="UGM706" s="613"/>
      <c r="UGN706" s="613"/>
      <c r="UGO706" s="613"/>
      <c r="UGP706" s="613"/>
      <c r="UGQ706" s="613"/>
      <c r="UGR706" s="613"/>
      <c r="UGS706" s="613"/>
      <c r="UGT706" s="613"/>
      <c r="UGU706" s="613"/>
      <c r="UGV706" s="613"/>
      <c r="UGW706" s="613"/>
      <c r="UGX706" s="613"/>
      <c r="UGY706" s="613"/>
      <c r="UGZ706" s="613"/>
      <c r="UHA706" s="613"/>
      <c r="UHB706" s="613"/>
      <c r="UHC706" s="613"/>
      <c r="UHD706" s="613"/>
      <c r="UHE706" s="613"/>
      <c r="UHF706" s="613"/>
      <c r="UHG706" s="613"/>
      <c r="UHH706" s="613"/>
      <c r="UHI706" s="613"/>
      <c r="UHJ706" s="613"/>
      <c r="UHK706" s="613"/>
      <c r="UHL706" s="613"/>
      <c r="UHM706" s="613"/>
      <c r="UHN706" s="613"/>
      <c r="UHO706" s="613"/>
      <c r="UHP706" s="613"/>
      <c r="UHQ706" s="613"/>
      <c r="UHR706" s="613"/>
      <c r="UHS706" s="613"/>
      <c r="UHT706" s="613"/>
      <c r="UHU706" s="613"/>
      <c r="UHV706" s="613"/>
      <c r="UHW706" s="613"/>
      <c r="UHX706" s="613"/>
      <c r="UHY706" s="613"/>
      <c r="UHZ706" s="613"/>
      <c r="UIA706" s="613"/>
      <c r="UIB706" s="613"/>
      <c r="UIC706" s="613"/>
      <c r="UID706" s="613"/>
      <c r="UIE706" s="613"/>
      <c r="UIF706" s="613"/>
      <c r="UIG706" s="613"/>
      <c r="UIH706" s="613"/>
      <c r="UII706" s="613"/>
      <c r="UIJ706" s="613"/>
      <c r="UIK706" s="613"/>
      <c r="UIL706" s="613"/>
      <c r="UIM706" s="613"/>
      <c r="UIN706" s="613"/>
      <c r="UIO706" s="613"/>
      <c r="UIP706" s="613"/>
      <c r="UIQ706" s="613"/>
      <c r="UIR706" s="613"/>
      <c r="UIS706" s="613"/>
      <c r="UIT706" s="613"/>
      <c r="UIU706" s="613"/>
      <c r="UIV706" s="613"/>
      <c r="UIW706" s="613"/>
      <c r="UIX706" s="613"/>
      <c r="UIY706" s="613"/>
      <c r="UIZ706" s="613"/>
      <c r="UJA706" s="613"/>
      <c r="UJB706" s="613"/>
      <c r="UJC706" s="613"/>
      <c r="UJD706" s="613"/>
      <c r="UJE706" s="613"/>
      <c r="UJF706" s="613"/>
      <c r="UJG706" s="613"/>
      <c r="UJH706" s="613"/>
      <c r="UJI706" s="613"/>
      <c r="UJJ706" s="613"/>
      <c r="UJK706" s="613"/>
      <c r="UJL706" s="613"/>
      <c r="UJM706" s="613"/>
      <c r="UJN706" s="613"/>
      <c r="UJO706" s="613"/>
      <c r="UJP706" s="613"/>
      <c r="UJQ706" s="613"/>
      <c r="UJR706" s="613"/>
      <c r="UJS706" s="613"/>
      <c r="UJT706" s="613"/>
      <c r="UJU706" s="613"/>
      <c r="UJV706" s="613"/>
      <c r="UJW706" s="613"/>
      <c r="UJX706" s="613"/>
      <c r="UJY706" s="613"/>
      <c r="UJZ706" s="613"/>
      <c r="UKA706" s="613"/>
      <c r="UKB706" s="613"/>
      <c r="UKC706" s="613"/>
      <c r="UKD706" s="613"/>
      <c r="UKE706" s="613"/>
      <c r="UKF706" s="613"/>
      <c r="UKG706" s="613"/>
      <c r="UKH706" s="613"/>
      <c r="UKI706" s="613"/>
      <c r="UKJ706" s="613"/>
      <c r="UKK706" s="613"/>
      <c r="UKL706" s="613"/>
      <c r="UKM706" s="613"/>
      <c r="UKN706" s="613"/>
      <c r="UKO706" s="613"/>
      <c r="UKP706" s="613"/>
      <c r="UKQ706" s="613"/>
      <c r="UKR706" s="613"/>
      <c r="UKS706" s="613"/>
      <c r="UKT706" s="613"/>
      <c r="UKU706" s="613"/>
      <c r="UKV706" s="613"/>
      <c r="UKW706" s="613"/>
      <c r="UKX706" s="613"/>
      <c r="UKY706" s="613"/>
      <c r="UKZ706" s="613"/>
      <c r="ULA706" s="613"/>
      <c r="ULB706" s="613"/>
      <c r="ULC706" s="613"/>
      <c r="ULD706" s="613"/>
      <c r="ULE706" s="613"/>
      <c r="ULF706" s="613"/>
      <c r="ULG706" s="613"/>
      <c r="ULH706" s="613"/>
      <c r="ULI706" s="613"/>
      <c r="ULJ706" s="613"/>
      <c r="ULK706" s="613"/>
      <c r="ULL706" s="613"/>
      <c r="ULM706" s="613"/>
      <c r="ULN706" s="613"/>
      <c r="ULO706" s="613"/>
      <c r="ULP706" s="613"/>
      <c r="ULQ706" s="613"/>
      <c r="ULR706" s="613"/>
      <c r="ULS706" s="613"/>
      <c r="ULT706" s="613"/>
      <c r="ULU706" s="613"/>
      <c r="ULV706" s="613"/>
      <c r="ULW706" s="613"/>
      <c r="ULX706" s="613"/>
      <c r="ULY706" s="613"/>
      <c r="ULZ706" s="613"/>
      <c r="UMA706" s="613"/>
      <c r="UMB706" s="613"/>
      <c r="UMC706" s="613"/>
      <c r="UMD706" s="613"/>
      <c r="UME706" s="613"/>
      <c r="UMF706" s="613"/>
      <c r="UMG706" s="613"/>
      <c r="UMH706" s="613"/>
      <c r="UMI706" s="613"/>
      <c r="UMJ706" s="613"/>
      <c r="UMK706" s="613"/>
      <c r="UML706" s="613"/>
      <c r="UMM706" s="613"/>
      <c r="UMN706" s="613"/>
      <c r="UMO706" s="613"/>
      <c r="UMP706" s="613"/>
      <c r="UMQ706" s="613"/>
      <c r="UMR706" s="613"/>
      <c r="UMS706" s="613"/>
      <c r="UMT706" s="613"/>
      <c r="UMU706" s="613"/>
      <c r="UMV706" s="613"/>
      <c r="UMW706" s="613"/>
      <c r="UMX706" s="613"/>
      <c r="UMY706" s="613"/>
      <c r="UMZ706" s="613"/>
      <c r="UNA706" s="613"/>
      <c r="UNB706" s="613"/>
      <c r="UNC706" s="613"/>
      <c r="UND706" s="613"/>
      <c r="UNE706" s="613"/>
      <c r="UNF706" s="613"/>
      <c r="UNG706" s="613"/>
      <c r="UNH706" s="613"/>
      <c r="UNI706" s="613"/>
      <c r="UNJ706" s="613"/>
      <c r="UNK706" s="613"/>
      <c r="UNL706" s="613"/>
      <c r="UNM706" s="613"/>
      <c r="UNN706" s="613"/>
      <c r="UNO706" s="613"/>
      <c r="UNP706" s="613"/>
      <c r="UNQ706" s="613"/>
      <c r="UNR706" s="613"/>
      <c r="UNS706" s="613"/>
      <c r="UNT706" s="613"/>
      <c r="UNU706" s="613"/>
      <c r="UNV706" s="613"/>
      <c r="UNW706" s="613"/>
      <c r="UNX706" s="613"/>
      <c r="UNY706" s="613"/>
      <c r="UNZ706" s="613"/>
      <c r="UOA706" s="613"/>
      <c r="UOB706" s="613"/>
      <c r="UOC706" s="613"/>
      <c r="UOD706" s="613"/>
      <c r="UOE706" s="613"/>
      <c r="UOF706" s="613"/>
      <c r="UOG706" s="613"/>
      <c r="UOH706" s="613"/>
      <c r="UOI706" s="613"/>
      <c r="UOJ706" s="613"/>
      <c r="UOK706" s="613"/>
      <c r="UOL706" s="613"/>
      <c r="UOM706" s="613"/>
      <c r="UON706" s="613"/>
      <c r="UOO706" s="613"/>
      <c r="UOP706" s="613"/>
      <c r="UOQ706" s="613"/>
      <c r="UOR706" s="613"/>
      <c r="UOS706" s="613"/>
      <c r="UOT706" s="613"/>
      <c r="UOU706" s="613"/>
      <c r="UOV706" s="613"/>
      <c r="UOW706" s="613"/>
      <c r="UOX706" s="613"/>
      <c r="UOY706" s="613"/>
      <c r="UOZ706" s="613"/>
      <c r="UPA706" s="613"/>
      <c r="UPB706" s="613"/>
      <c r="UPC706" s="613"/>
      <c r="UPD706" s="613"/>
      <c r="UPE706" s="613"/>
      <c r="UPF706" s="613"/>
      <c r="UPG706" s="613"/>
      <c r="UPH706" s="613"/>
      <c r="UPI706" s="613"/>
      <c r="UPJ706" s="613"/>
      <c r="UPK706" s="613"/>
      <c r="UPL706" s="613"/>
      <c r="UPM706" s="613"/>
      <c r="UPN706" s="613"/>
      <c r="UPO706" s="613"/>
      <c r="UPP706" s="613"/>
      <c r="UPQ706" s="613"/>
      <c r="UPR706" s="613"/>
      <c r="UPS706" s="613"/>
      <c r="UPT706" s="613"/>
      <c r="UPU706" s="613"/>
      <c r="UPV706" s="613"/>
      <c r="UPW706" s="613"/>
      <c r="UPX706" s="613"/>
      <c r="UPY706" s="613"/>
      <c r="UPZ706" s="613"/>
      <c r="UQA706" s="613"/>
      <c r="UQB706" s="613"/>
      <c r="UQC706" s="613"/>
      <c r="UQD706" s="613"/>
      <c r="UQE706" s="613"/>
      <c r="UQF706" s="613"/>
      <c r="UQG706" s="613"/>
      <c r="UQH706" s="613"/>
      <c r="UQI706" s="613"/>
      <c r="UQJ706" s="613"/>
      <c r="UQK706" s="613"/>
      <c r="UQL706" s="613"/>
      <c r="UQM706" s="613"/>
      <c r="UQN706" s="613"/>
      <c r="UQO706" s="613"/>
      <c r="UQP706" s="613"/>
      <c r="UQQ706" s="613"/>
      <c r="UQR706" s="613"/>
      <c r="UQS706" s="613"/>
      <c r="UQT706" s="613"/>
      <c r="UQU706" s="613"/>
      <c r="UQV706" s="613"/>
      <c r="UQW706" s="613"/>
      <c r="UQX706" s="613"/>
      <c r="UQY706" s="613"/>
      <c r="UQZ706" s="613"/>
      <c r="URA706" s="613"/>
      <c r="URB706" s="613"/>
      <c r="URC706" s="613"/>
      <c r="URD706" s="613"/>
      <c r="URE706" s="613"/>
      <c r="URF706" s="613"/>
      <c r="URG706" s="613"/>
      <c r="URH706" s="613"/>
      <c r="URI706" s="613"/>
      <c r="URJ706" s="613"/>
      <c r="URK706" s="613"/>
      <c r="URL706" s="613"/>
      <c r="URM706" s="613"/>
      <c r="URN706" s="613"/>
      <c r="URO706" s="613"/>
      <c r="URP706" s="613"/>
      <c r="URQ706" s="613"/>
      <c r="URR706" s="613"/>
      <c r="URS706" s="613"/>
      <c r="URT706" s="613"/>
      <c r="URU706" s="613"/>
      <c r="URV706" s="613"/>
      <c r="URW706" s="613"/>
      <c r="URX706" s="613"/>
      <c r="URY706" s="613"/>
      <c r="URZ706" s="613"/>
      <c r="USA706" s="613"/>
      <c r="USB706" s="613"/>
      <c r="USC706" s="613"/>
      <c r="USD706" s="613"/>
      <c r="USE706" s="613"/>
      <c r="USF706" s="613"/>
      <c r="USG706" s="613"/>
      <c r="USH706" s="613"/>
      <c r="USI706" s="613"/>
      <c r="USJ706" s="613"/>
      <c r="USK706" s="613"/>
      <c r="USL706" s="613"/>
      <c r="USM706" s="613"/>
      <c r="USN706" s="613"/>
      <c r="USO706" s="613"/>
      <c r="USP706" s="613"/>
      <c r="USQ706" s="613"/>
      <c r="USR706" s="613"/>
      <c r="USS706" s="613"/>
      <c r="UST706" s="613"/>
      <c r="USU706" s="613"/>
      <c r="USV706" s="613"/>
      <c r="USW706" s="613"/>
      <c r="USX706" s="613"/>
      <c r="USY706" s="613"/>
      <c r="USZ706" s="613"/>
      <c r="UTA706" s="613"/>
      <c r="UTB706" s="613"/>
      <c r="UTC706" s="613"/>
      <c r="UTD706" s="613"/>
      <c r="UTE706" s="613"/>
      <c r="UTF706" s="613"/>
      <c r="UTG706" s="613"/>
      <c r="UTH706" s="613"/>
      <c r="UTI706" s="613"/>
      <c r="UTJ706" s="613"/>
      <c r="UTK706" s="613"/>
      <c r="UTL706" s="613"/>
      <c r="UTM706" s="613"/>
      <c r="UTN706" s="613"/>
      <c r="UTO706" s="613"/>
      <c r="UTP706" s="613"/>
      <c r="UTQ706" s="613"/>
      <c r="UTR706" s="613"/>
      <c r="UTS706" s="613"/>
      <c r="UTT706" s="613"/>
      <c r="UTU706" s="613"/>
      <c r="UTV706" s="613"/>
      <c r="UTW706" s="613"/>
      <c r="UTX706" s="613"/>
      <c r="UTY706" s="613"/>
      <c r="UTZ706" s="613"/>
      <c r="UUA706" s="613"/>
      <c r="UUB706" s="613"/>
      <c r="UUC706" s="613"/>
      <c r="UUD706" s="613"/>
      <c r="UUE706" s="613"/>
      <c r="UUF706" s="613"/>
      <c r="UUG706" s="613"/>
      <c r="UUH706" s="613"/>
      <c r="UUI706" s="613"/>
      <c r="UUJ706" s="613"/>
      <c r="UUK706" s="613"/>
      <c r="UUL706" s="613"/>
      <c r="UUM706" s="613"/>
      <c r="UUN706" s="613"/>
      <c r="UUO706" s="613"/>
      <c r="UUP706" s="613"/>
      <c r="UUQ706" s="613"/>
      <c r="UUR706" s="613"/>
      <c r="UUS706" s="613"/>
      <c r="UUT706" s="613"/>
      <c r="UUU706" s="613"/>
      <c r="UUV706" s="613"/>
      <c r="UUW706" s="613"/>
      <c r="UUX706" s="613"/>
      <c r="UUY706" s="613"/>
      <c r="UUZ706" s="613"/>
      <c r="UVA706" s="613"/>
      <c r="UVB706" s="613"/>
      <c r="UVC706" s="613"/>
      <c r="UVD706" s="613"/>
      <c r="UVE706" s="613"/>
      <c r="UVF706" s="613"/>
      <c r="UVG706" s="613"/>
      <c r="UVH706" s="613"/>
      <c r="UVI706" s="613"/>
      <c r="UVJ706" s="613"/>
      <c r="UVK706" s="613"/>
      <c r="UVL706" s="613"/>
      <c r="UVM706" s="613"/>
      <c r="UVN706" s="613"/>
      <c r="UVO706" s="613"/>
      <c r="UVP706" s="613"/>
      <c r="UVQ706" s="613"/>
      <c r="UVR706" s="613"/>
      <c r="UVS706" s="613"/>
      <c r="UVT706" s="613"/>
      <c r="UVU706" s="613"/>
      <c r="UVV706" s="613"/>
      <c r="UVW706" s="613"/>
      <c r="UVX706" s="613"/>
      <c r="UVY706" s="613"/>
      <c r="UVZ706" s="613"/>
      <c r="UWA706" s="613"/>
      <c r="UWB706" s="613"/>
      <c r="UWC706" s="613"/>
      <c r="UWD706" s="613"/>
      <c r="UWE706" s="613"/>
      <c r="UWF706" s="613"/>
      <c r="UWG706" s="613"/>
      <c r="UWH706" s="613"/>
      <c r="UWI706" s="613"/>
      <c r="UWJ706" s="613"/>
      <c r="UWK706" s="613"/>
      <c r="UWL706" s="613"/>
      <c r="UWM706" s="613"/>
      <c r="UWN706" s="613"/>
      <c r="UWO706" s="613"/>
      <c r="UWP706" s="613"/>
      <c r="UWQ706" s="613"/>
      <c r="UWR706" s="613"/>
      <c r="UWS706" s="613"/>
      <c r="UWT706" s="613"/>
      <c r="UWU706" s="613"/>
      <c r="UWV706" s="613"/>
      <c r="UWW706" s="613"/>
      <c r="UWX706" s="613"/>
      <c r="UWY706" s="613"/>
      <c r="UWZ706" s="613"/>
      <c r="UXA706" s="613"/>
      <c r="UXB706" s="613"/>
      <c r="UXC706" s="613"/>
      <c r="UXD706" s="613"/>
      <c r="UXE706" s="613"/>
      <c r="UXF706" s="613"/>
      <c r="UXG706" s="613"/>
      <c r="UXH706" s="613"/>
      <c r="UXI706" s="613"/>
      <c r="UXJ706" s="613"/>
      <c r="UXK706" s="613"/>
      <c r="UXL706" s="613"/>
      <c r="UXM706" s="613"/>
      <c r="UXN706" s="613"/>
      <c r="UXO706" s="613"/>
      <c r="UXP706" s="613"/>
      <c r="UXQ706" s="613"/>
      <c r="UXR706" s="613"/>
      <c r="UXS706" s="613"/>
      <c r="UXT706" s="613"/>
      <c r="UXU706" s="613"/>
      <c r="UXV706" s="613"/>
      <c r="UXW706" s="613"/>
      <c r="UXX706" s="613"/>
      <c r="UXY706" s="613"/>
      <c r="UXZ706" s="613"/>
      <c r="UYA706" s="613"/>
      <c r="UYB706" s="613"/>
      <c r="UYC706" s="613"/>
      <c r="UYD706" s="613"/>
      <c r="UYE706" s="613"/>
      <c r="UYF706" s="613"/>
      <c r="UYG706" s="613"/>
      <c r="UYH706" s="613"/>
      <c r="UYI706" s="613"/>
      <c r="UYJ706" s="613"/>
      <c r="UYK706" s="613"/>
      <c r="UYL706" s="613"/>
      <c r="UYM706" s="613"/>
      <c r="UYN706" s="613"/>
      <c r="UYO706" s="613"/>
      <c r="UYP706" s="613"/>
      <c r="UYQ706" s="613"/>
      <c r="UYR706" s="613"/>
      <c r="UYS706" s="613"/>
      <c r="UYT706" s="613"/>
      <c r="UYU706" s="613"/>
      <c r="UYV706" s="613"/>
      <c r="UYW706" s="613"/>
      <c r="UYX706" s="613"/>
      <c r="UYY706" s="613"/>
      <c r="UYZ706" s="613"/>
      <c r="UZA706" s="613"/>
      <c r="UZB706" s="613"/>
      <c r="UZC706" s="613"/>
      <c r="UZD706" s="613"/>
      <c r="UZE706" s="613"/>
      <c r="UZF706" s="613"/>
      <c r="UZG706" s="613"/>
      <c r="UZH706" s="613"/>
      <c r="UZI706" s="613"/>
      <c r="UZJ706" s="613"/>
      <c r="UZK706" s="613"/>
      <c r="UZL706" s="613"/>
      <c r="UZM706" s="613"/>
      <c r="UZN706" s="613"/>
      <c r="UZO706" s="613"/>
      <c r="UZP706" s="613"/>
      <c r="UZQ706" s="613"/>
      <c r="UZR706" s="613"/>
      <c r="UZS706" s="613"/>
      <c r="UZT706" s="613"/>
      <c r="UZU706" s="613"/>
      <c r="UZV706" s="613"/>
      <c r="UZW706" s="613"/>
      <c r="UZX706" s="613"/>
      <c r="UZY706" s="613"/>
      <c r="UZZ706" s="613"/>
      <c r="VAA706" s="613"/>
      <c r="VAB706" s="613"/>
      <c r="VAC706" s="613"/>
      <c r="VAD706" s="613"/>
      <c r="VAE706" s="613"/>
      <c r="VAF706" s="613"/>
      <c r="VAG706" s="613"/>
      <c r="VAH706" s="613"/>
      <c r="VAI706" s="613"/>
      <c r="VAJ706" s="613"/>
      <c r="VAK706" s="613"/>
      <c r="VAL706" s="613"/>
      <c r="VAM706" s="613"/>
      <c r="VAN706" s="613"/>
      <c r="VAO706" s="613"/>
      <c r="VAP706" s="613"/>
      <c r="VAQ706" s="613"/>
      <c r="VAR706" s="613"/>
      <c r="VAS706" s="613"/>
      <c r="VAT706" s="613"/>
      <c r="VAU706" s="613"/>
      <c r="VAV706" s="613"/>
      <c r="VAW706" s="613"/>
      <c r="VAX706" s="613"/>
      <c r="VAY706" s="613"/>
      <c r="VAZ706" s="613"/>
      <c r="VBA706" s="613"/>
      <c r="VBB706" s="613"/>
      <c r="VBC706" s="613"/>
      <c r="VBD706" s="613"/>
      <c r="VBE706" s="613"/>
      <c r="VBF706" s="613"/>
      <c r="VBG706" s="613"/>
      <c r="VBH706" s="613"/>
      <c r="VBI706" s="613"/>
      <c r="VBJ706" s="613"/>
      <c r="VBK706" s="613"/>
      <c r="VBL706" s="613"/>
      <c r="VBM706" s="613"/>
      <c r="VBN706" s="613"/>
      <c r="VBO706" s="613"/>
      <c r="VBP706" s="613"/>
      <c r="VBQ706" s="613"/>
      <c r="VBR706" s="613"/>
      <c r="VBS706" s="613"/>
      <c r="VBT706" s="613"/>
      <c r="VBU706" s="613"/>
      <c r="VBV706" s="613"/>
      <c r="VBW706" s="613"/>
      <c r="VBX706" s="613"/>
      <c r="VBY706" s="613"/>
      <c r="VBZ706" s="613"/>
      <c r="VCA706" s="613"/>
      <c r="VCB706" s="613"/>
      <c r="VCC706" s="613"/>
      <c r="VCD706" s="613"/>
      <c r="VCE706" s="613"/>
      <c r="VCF706" s="613"/>
      <c r="VCG706" s="613"/>
      <c r="VCH706" s="613"/>
      <c r="VCI706" s="613"/>
      <c r="VCJ706" s="613"/>
      <c r="VCK706" s="613"/>
      <c r="VCL706" s="613"/>
      <c r="VCM706" s="613"/>
      <c r="VCN706" s="613"/>
      <c r="VCO706" s="613"/>
      <c r="VCP706" s="613"/>
      <c r="VCQ706" s="613"/>
      <c r="VCR706" s="613"/>
      <c r="VCS706" s="613"/>
      <c r="VCT706" s="613"/>
      <c r="VCU706" s="613"/>
      <c r="VCV706" s="613"/>
      <c r="VCW706" s="613"/>
      <c r="VCX706" s="613"/>
      <c r="VCY706" s="613"/>
      <c r="VCZ706" s="613"/>
      <c r="VDA706" s="613"/>
      <c r="VDB706" s="613"/>
      <c r="VDC706" s="613"/>
      <c r="VDD706" s="613"/>
      <c r="VDE706" s="613"/>
      <c r="VDF706" s="613"/>
      <c r="VDG706" s="613"/>
      <c r="VDH706" s="613"/>
      <c r="VDI706" s="613"/>
      <c r="VDJ706" s="613"/>
      <c r="VDK706" s="613"/>
      <c r="VDL706" s="613"/>
      <c r="VDM706" s="613"/>
      <c r="VDN706" s="613"/>
      <c r="VDO706" s="613"/>
      <c r="VDP706" s="613"/>
      <c r="VDQ706" s="613"/>
      <c r="VDR706" s="613"/>
      <c r="VDS706" s="613"/>
      <c r="VDT706" s="613"/>
      <c r="VDU706" s="613"/>
      <c r="VDV706" s="613"/>
      <c r="VDW706" s="613"/>
      <c r="VDX706" s="613"/>
      <c r="VDY706" s="613"/>
      <c r="VDZ706" s="613"/>
      <c r="VEA706" s="613"/>
      <c r="VEB706" s="613"/>
      <c r="VEC706" s="613"/>
      <c r="VED706" s="613"/>
      <c r="VEE706" s="613"/>
      <c r="VEF706" s="613"/>
      <c r="VEG706" s="613"/>
      <c r="VEH706" s="613"/>
      <c r="VEI706" s="613"/>
      <c r="VEJ706" s="613"/>
      <c r="VEK706" s="613"/>
      <c r="VEL706" s="613"/>
      <c r="VEM706" s="613"/>
      <c r="VEN706" s="613"/>
      <c r="VEO706" s="613"/>
      <c r="VEP706" s="613"/>
      <c r="VEQ706" s="613"/>
      <c r="VER706" s="613"/>
      <c r="VES706" s="613"/>
      <c r="VET706" s="613"/>
      <c r="VEU706" s="613"/>
      <c r="VEV706" s="613"/>
      <c r="VEW706" s="613"/>
      <c r="VEX706" s="613"/>
      <c r="VEY706" s="613"/>
      <c r="VEZ706" s="613"/>
      <c r="VFA706" s="613"/>
      <c r="VFB706" s="613"/>
      <c r="VFC706" s="613"/>
      <c r="VFD706" s="613"/>
      <c r="VFE706" s="613"/>
      <c r="VFF706" s="613"/>
      <c r="VFG706" s="613"/>
      <c r="VFH706" s="613"/>
      <c r="VFI706" s="613"/>
      <c r="VFJ706" s="613"/>
      <c r="VFK706" s="613"/>
      <c r="VFL706" s="613"/>
      <c r="VFM706" s="613"/>
      <c r="VFN706" s="613"/>
      <c r="VFO706" s="613"/>
      <c r="VFP706" s="613"/>
      <c r="VFQ706" s="613"/>
      <c r="VFR706" s="613"/>
      <c r="VFS706" s="613"/>
      <c r="VFT706" s="613"/>
      <c r="VFU706" s="613"/>
      <c r="VFV706" s="613"/>
      <c r="VFW706" s="613"/>
      <c r="VFX706" s="613"/>
      <c r="VFY706" s="613"/>
      <c r="VFZ706" s="613"/>
      <c r="VGA706" s="613"/>
      <c r="VGB706" s="613"/>
      <c r="VGC706" s="613"/>
      <c r="VGD706" s="613"/>
      <c r="VGE706" s="613"/>
      <c r="VGF706" s="613"/>
      <c r="VGG706" s="613"/>
      <c r="VGH706" s="613"/>
      <c r="VGI706" s="613"/>
      <c r="VGJ706" s="613"/>
      <c r="VGK706" s="613"/>
      <c r="VGL706" s="613"/>
      <c r="VGM706" s="613"/>
      <c r="VGN706" s="613"/>
      <c r="VGO706" s="613"/>
      <c r="VGP706" s="613"/>
      <c r="VGQ706" s="613"/>
      <c r="VGR706" s="613"/>
      <c r="VGS706" s="613"/>
      <c r="VGT706" s="613"/>
      <c r="VGU706" s="613"/>
      <c r="VGV706" s="613"/>
      <c r="VGW706" s="613"/>
      <c r="VGX706" s="613"/>
      <c r="VGY706" s="613"/>
      <c r="VGZ706" s="613"/>
      <c r="VHA706" s="613"/>
      <c r="VHB706" s="613"/>
      <c r="VHC706" s="613"/>
      <c r="VHD706" s="613"/>
      <c r="VHE706" s="613"/>
      <c r="VHF706" s="613"/>
      <c r="VHG706" s="613"/>
      <c r="VHH706" s="613"/>
      <c r="VHI706" s="613"/>
      <c r="VHJ706" s="613"/>
      <c r="VHK706" s="613"/>
      <c r="VHL706" s="613"/>
      <c r="VHM706" s="613"/>
      <c r="VHN706" s="613"/>
      <c r="VHO706" s="613"/>
      <c r="VHP706" s="613"/>
      <c r="VHQ706" s="613"/>
      <c r="VHR706" s="613"/>
      <c r="VHS706" s="613"/>
      <c r="VHT706" s="613"/>
      <c r="VHU706" s="613"/>
      <c r="VHV706" s="613"/>
      <c r="VHW706" s="613"/>
      <c r="VHX706" s="613"/>
      <c r="VHY706" s="613"/>
      <c r="VHZ706" s="613"/>
      <c r="VIA706" s="613"/>
      <c r="VIB706" s="613"/>
      <c r="VIC706" s="613"/>
      <c r="VID706" s="613"/>
      <c r="VIE706" s="613"/>
      <c r="VIF706" s="613"/>
      <c r="VIG706" s="613"/>
      <c r="VIH706" s="613"/>
      <c r="VII706" s="613"/>
      <c r="VIJ706" s="613"/>
      <c r="VIK706" s="613"/>
      <c r="VIL706" s="613"/>
      <c r="VIM706" s="613"/>
      <c r="VIN706" s="613"/>
      <c r="VIO706" s="613"/>
      <c r="VIP706" s="613"/>
      <c r="VIQ706" s="613"/>
      <c r="VIR706" s="613"/>
      <c r="VIS706" s="613"/>
      <c r="VIT706" s="613"/>
      <c r="VIU706" s="613"/>
      <c r="VIV706" s="613"/>
      <c r="VIW706" s="613"/>
      <c r="VIX706" s="613"/>
      <c r="VIY706" s="613"/>
      <c r="VIZ706" s="613"/>
      <c r="VJA706" s="613"/>
      <c r="VJB706" s="613"/>
      <c r="VJC706" s="613"/>
      <c r="VJD706" s="613"/>
      <c r="VJE706" s="613"/>
      <c r="VJF706" s="613"/>
      <c r="VJG706" s="613"/>
      <c r="VJH706" s="613"/>
      <c r="VJI706" s="613"/>
      <c r="VJJ706" s="613"/>
      <c r="VJK706" s="613"/>
      <c r="VJL706" s="613"/>
      <c r="VJM706" s="613"/>
      <c r="VJN706" s="613"/>
      <c r="VJO706" s="613"/>
      <c r="VJP706" s="613"/>
      <c r="VJQ706" s="613"/>
      <c r="VJR706" s="613"/>
      <c r="VJS706" s="613"/>
      <c r="VJT706" s="613"/>
      <c r="VJU706" s="613"/>
      <c r="VJV706" s="613"/>
      <c r="VJW706" s="613"/>
      <c r="VJX706" s="613"/>
      <c r="VJY706" s="613"/>
      <c r="VJZ706" s="613"/>
      <c r="VKA706" s="613"/>
      <c r="VKB706" s="613"/>
      <c r="VKC706" s="613"/>
      <c r="VKD706" s="613"/>
      <c r="VKE706" s="613"/>
      <c r="VKF706" s="613"/>
      <c r="VKG706" s="613"/>
      <c r="VKH706" s="613"/>
      <c r="VKI706" s="613"/>
      <c r="VKJ706" s="613"/>
      <c r="VKK706" s="613"/>
      <c r="VKL706" s="613"/>
      <c r="VKM706" s="613"/>
      <c r="VKN706" s="613"/>
      <c r="VKO706" s="613"/>
      <c r="VKP706" s="613"/>
      <c r="VKQ706" s="613"/>
      <c r="VKR706" s="613"/>
      <c r="VKS706" s="613"/>
      <c r="VKT706" s="613"/>
      <c r="VKU706" s="613"/>
      <c r="VKV706" s="613"/>
      <c r="VKW706" s="613"/>
      <c r="VKX706" s="613"/>
      <c r="VKY706" s="613"/>
      <c r="VKZ706" s="613"/>
      <c r="VLA706" s="613"/>
      <c r="VLB706" s="613"/>
      <c r="VLC706" s="613"/>
      <c r="VLD706" s="613"/>
      <c r="VLE706" s="613"/>
      <c r="VLF706" s="613"/>
      <c r="VLG706" s="613"/>
      <c r="VLH706" s="613"/>
      <c r="VLI706" s="613"/>
      <c r="VLJ706" s="613"/>
      <c r="VLK706" s="613"/>
      <c r="VLL706" s="613"/>
      <c r="VLM706" s="613"/>
      <c r="VLN706" s="613"/>
      <c r="VLO706" s="613"/>
      <c r="VLP706" s="613"/>
      <c r="VLQ706" s="613"/>
      <c r="VLR706" s="613"/>
      <c r="VLS706" s="613"/>
      <c r="VLT706" s="613"/>
      <c r="VLU706" s="613"/>
      <c r="VLV706" s="613"/>
      <c r="VLW706" s="613"/>
      <c r="VLX706" s="613"/>
      <c r="VLY706" s="613"/>
      <c r="VLZ706" s="613"/>
      <c r="VMA706" s="613"/>
      <c r="VMB706" s="613"/>
      <c r="VMC706" s="613"/>
      <c r="VMD706" s="613"/>
      <c r="VME706" s="613"/>
      <c r="VMF706" s="613"/>
      <c r="VMG706" s="613"/>
      <c r="VMH706" s="613"/>
      <c r="VMI706" s="613"/>
      <c r="VMJ706" s="613"/>
      <c r="VMK706" s="613"/>
      <c r="VML706" s="613"/>
      <c r="VMM706" s="613"/>
      <c r="VMN706" s="613"/>
      <c r="VMO706" s="613"/>
      <c r="VMP706" s="613"/>
      <c r="VMQ706" s="613"/>
      <c r="VMR706" s="613"/>
      <c r="VMS706" s="613"/>
      <c r="VMT706" s="613"/>
      <c r="VMU706" s="613"/>
      <c r="VMV706" s="613"/>
      <c r="VMW706" s="613"/>
      <c r="VMX706" s="613"/>
      <c r="VMY706" s="613"/>
      <c r="VMZ706" s="613"/>
      <c r="VNA706" s="613"/>
      <c r="VNB706" s="613"/>
      <c r="VNC706" s="613"/>
      <c r="VND706" s="613"/>
      <c r="VNE706" s="613"/>
      <c r="VNF706" s="613"/>
      <c r="VNG706" s="613"/>
      <c r="VNH706" s="613"/>
      <c r="VNI706" s="613"/>
      <c r="VNJ706" s="613"/>
      <c r="VNK706" s="613"/>
      <c r="VNL706" s="613"/>
      <c r="VNM706" s="613"/>
      <c r="VNN706" s="613"/>
      <c r="VNO706" s="613"/>
      <c r="VNP706" s="613"/>
      <c r="VNQ706" s="613"/>
      <c r="VNR706" s="613"/>
      <c r="VNS706" s="613"/>
      <c r="VNT706" s="613"/>
      <c r="VNU706" s="613"/>
      <c r="VNV706" s="613"/>
      <c r="VNW706" s="613"/>
      <c r="VNX706" s="613"/>
      <c r="VNY706" s="613"/>
      <c r="VNZ706" s="613"/>
      <c r="VOA706" s="613"/>
      <c r="VOB706" s="613"/>
      <c r="VOC706" s="613"/>
      <c r="VOD706" s="613"/>
      <c r="VOE706" s="613"/>
      <c r="VOF706" s="613"/>
      <c r="VOG706" s="613"/>
      <c r="VOH706" s="613"/>
      <c r="VOI706" s="613"/>
      <c r="VOJ706" s="613"/>
      <c r="VOK706" s="613"/>
      <c r="VOL706" s="613"/>
      <c r="VOM706" s="613"/>
      <c r="VON706" s="613"/>
      <c r="VOO706" s="613"/>
      <c r="VOP706" s="613"/>
      <c r="VOQ706" s="613"/>
      <c r="VOR706" s="613"/>
      <c r="VOS706" s="613"/>
      <c r="VOT706" s="613"/>
      <c r="VOU706" s="613"/>
      <c r="VOV706" s="613"/>
      <c r="VOW706" s="613"/>
      <c r="VOX706" s="613"/>
      <c r="VOY706" s="613"/>
      <c r="VOZ706" s="613"/>
      <c r="VPA706" s="613"/>
      <c r="VPB706" s="613"/>
      <c r="VPC706" s="613"/>
      <c r="VPD706" s="613"/>
      <c r="VPE706" s="613"/>
      <c r="VPF706" s="613"/>
      <c r="VPG706" s="613"/>
      <c r="VPH706" s="613"/>
      <c r="VPI706" s="613"/>
      <c r="VPJ706" s="613"/>
      <c r="VPK706" s="613"/>
      <c r="VPL706" s="613"/>
      <c r="VPM706" s="613"/>
      <c r="VPN706" s="613"/>
      <c r="VPO706" s="613"/>
      <c r="VPP706" s="613"/>
      <c r="VPQ706" s="613"/>
      <c r="VPR706" s="613"/>
      <c r="VPS706" s="613"/>
      <c r="VPT706" s="613"/>
      <c r="VPU706" s="613"/>
      <c r="VPV706" s="613"/>
      <c r="VPW706" s="613"/>
      <c r="VPX706" s="613"/>
      <c r="VPY706" s="613"/>
      <c r="VPZ706" s="613"/>
      <c r="VQA706" s="613"/>
      <c r="VQB706" s="613"/>
      <c r="VQC706" s="613"/>
      <c r="VQD706" s="613"/>
      <c r="VQE706" s="613"/>
      <c r="VQF706" s="613"/>
      <c r="VQG706" s="613"/>
      <c r="VQH706" s="613"/>
      <c r="VQI706" s="613"/>
      <c r="VQJ706" s="613"/>
      <c r="VQK706" s="613"/>
      <c r="VQL706" s="613"/>
      <c r="VQM706" s="613"/>
      <c r="VQN706" s="613"/>
      <c r="VQO706" s="613"/>
      <c r="VQP706" s="613"/>
      <c r="VQQ706" s="613"/>
      <c r="VQR706" s="613"/>
      <c r="VQS706" s="613"/>
      <c r="VQT706" s="613"/>
      <c r="VQU706" s="613"/>
      <c r="VQV706" s="613"/>
      <c r="VQW706" s="613"/>
      <c r="VQX706" s="613"/>
      <c r="VQY706" s="613"/>
      <c r="VQZ706" s="613"/>
      <c r="VRA706" s="613"/>
      <c r="VRB706" s="613"/>
      <c r="VRC706" s="613"/>
      <c r="VRD706" s="613"/>
      <c r="VRE706" s="613"/>
      <c r="VRF706" s="613"/>
      <c r="VRG706" s="613"/>
      <c r="VRH706" s="613"/>
      <c r="VRI706" s="613"/>
      <c r="VRJ706" s="613"/>
      <c r="VRK706" s="613"/>
      <c r="VRL706" s="613"/>
      <c r="VRM706" s="613"/>
      <c r="VRN706" s="613"/>
      <c r="VRO706" s="613"/>
      <c r="VRP706" s="613"/>
      <c r="VRQ706" s="613"/>
      <c r="VRR706" s="613"/>
      <c r="VRS706" s="613"/>
      <c r="VRT706" s="613"/>
      <c r="VRU706" s="613"/>
      <c r="VRV706" s="613"/>
      <c r="VRW706" s="613"/>
      <c r="VRX706" s="613"/>
      <c r="VRY706" s="613"/>
      <c r="VRZ706" s="613"/>
      <c r="VSA706" s="613"/>
      <c r="VSB706" s="613"/>
      <c r="VSC706" s="613"/>
      <c r="VSD706" s="613"/>
      <c r="VSE706" s="613"/>
      <c r="VSF706" s="613"/>
      <c r="VSG706" s="613"/>
      <c r="VSH706" s="613"/>
      <c r="VSI706" s="613"/>
      <c r="VSJ706" s="613"/>
      <c r="VSK706" s="613"/>
      <c r="VSL706" s="613"/>
      <c r="VSM706" s="613"/>
      <c r="VSN706" s="613"/>
      <c r="VSO706" s="613"/>
      <c r="VSP706" s="613"/>
      <c r="VSQ706" s="613"/>
      <c r="VSR706" s="613"/>
      <c r="VSS706" s="613"/>
      <c r="VST706" s="613"/>
      <c r="VSU706" s="613"/>
      <c r="VSV706" s="613"/>
      <c r="VSW706" s="613"/>
      <c r="VSX706" s="613"/>
      <c r="VSY706" s="613"/>
      <c r="VSZ706" s="613"/>
      <c r="VTA706" s="613"/>
      <c r="VTB706" s="613"/>
      <c r="VTC706" s="613"/>
      <c r="VTD706" s="613"/>
      <c r="VTE706" s="613"/>
      <c r="VTF706" s="613"/>
      <c r="VTG706" s="613"/>
      <c r="VTH706" s="613"/>
      <c r="VTI706" s="613"/>
      <c r="VTJ706" s="613"/>
      <c r="VTK706" s="613"/>
      <c r="VTL706" s="613"/>
      <c r="VTM706" s="613"/>
      <c r="VTN706" s="613"/>
      <c r="VTO706" s="613"/>
      <c r="VTP706" s="613"/>
      <c r="VTQ706" s="613"/>
      <c r="VTR706" s="613"/>
      <c r="VTS706" s="613"/>
      <c r="VTT706" s="613"/>
      <c r="VTU706" s="613"/>
      <c r="VTV706" s="613"/>
      <c r="VTW706" s="613"/>
      <c r="VTX706" s="613"/>
      <c r="VTY706" s="613"/>
      <c r="VTZ706" s="613"/>
      <c r="VUA706" s="613"/>
      <c r="VUB706" s="613"/>
      <c r="VUC706" s="613"/>
      <c r="VUD706" s="613"/>
      <c r="VUE706" s="613"/>
      <c r="VUF706" s="613"/>
      <c r="VUG706" s="613"/>
      <c r="VUH706" s="613"/>
      <c r="VUI706" s="613"/>
      <c r="VUJ706" s="613"/>
      <c r="VUK706" s="613"/>
      <c r="VUL706" s="613"/>
      <c r="VUM706" s="613"/>
      <c r="VUN706" s="613"/>
      <c r="VUO706" s="613"/>
      <c r="VUP706" s="613"/>
      <c r="VUQ706" s="613"/>
      <c r="VUR706" s="613"/>
      <c r="VUS706" s="613"/>
      <c r="VUT706" s="613"/>
      <c r="VUU706" s="613"/>
      <c r="VUV706" s="613"/>
      <c r="VUW706" s="613"/>
      <c r="VUX706" s="613"/>
      <c r="VUY706" s="613"/>
      <c r="VUZ706" s="613"/>
      <c r="VVA706" s="613"/>
      <c r="VVB706" s="613"/>
      <c r="VVC706" s="613"/>
      <c r="VVD706" s="613"/>
      <c r="VVE706" s="613"/>
      <c r="VVF706" s="613"/>
      <c r="VVG706" s="613"/>
      <c r="VVH706" s="613"/>
      <c r="VVI706" s="613"/>
      <c r="VVJ706" s="613"/>
      <c r="VVK706" s="613"/>
      <c r="VVL706" s="613"/>
      <c r="VVM706" s="613"/>
      <c r="VVN706" s="613"/>
      <c r="VVO706" s="613"/>
      <c r="VVP706" s="613"/>
      <c r="VVQ706" s="613"/>
      <c r="VVR706" s="613"/>
      <c r="VVS706" s="613"/>
      <c r="VVT706" s="613"/>
      <c r="VVU706" s="613"/>
      <c r="VVV706" s="613"/>
      <c r="VVW706" s="613"/>
      <c r="VVX706" s="613"/>
      <c r="VVY706" s="613"/>
      <c r="VVZ706" s="613"/>
      <c r="VWA706" s="613"/>
      <c r="VWB706" s="613"/>
      <c r="VWC706" s="613"/>
      <c r="VWD706" s="613"/>
      <c r="VWE706" s="613"/>
      <c r="VWF706" s="613"/>
      <c r="VWG706" s="613"/>
      <c r="VWH706" s="613"/>
      <c r="VWI706" s="613"/>
      <c r="VWJ706" s="613"/>
      <c r="VWK706" s="613"/>
      <c r="VWL706" s="613"/>
      <c r="VWM706" s="613"/>
      <c r="VWN706" s="613"/>
      <c r="VWO706" s="613"/>
      <c r="VWP706" s="613"/>
      <c r="VWQ706" s="613"/>
      <c r="VWR706" s="613"/>
      <c r="VWS706" s="613"/>
      <c r="VWT706" s="613"/>
      <c r="VWU706" s="613"/>
      <c r="VWV706" s="613"/>
      <c r="VWW706" s="613"/>
      <c r="VWX706" s="613"/>
      <c r="VWY706" s="613"/>
      <c r="VWZ706" s="613"/>
      <c r="VXA706" s="613"/>
      <c r="VXB706" s="613"/>
      <c r="VXC706" s="613"/>
      <c r="VXD706" s="613"/>
      <c r="VXE706" s="613"/>
      <c r="VXF706" s="613"/>
      <c r="VXG706" s="613"/>
      <c r="VXH706" s="613"/>
      <c r="VXI706" s="613"/>
      <c r="VXJ706" s="613"/>
      <c r="VXK706" s="613"/>
      <c r="VXL706" s="613"/>
      <c r="VXM706" s="613"/>
      <c r="VXN706" s="613"/>
      <c r="VXO706" s="613"/>
      <c r="VXP706" s="613"/>
      <c r="VXQ706" s="613"/>
      <c r="VXR706" s="613"/>
      <c r="VXS706" s="613"/>
      <c r="VXT706" s="613"/>
      <c r="VXU706" s="613"/>
      <c r="VXV706" s="613"/>
      <c r="VXW706" s="613"/>
      <c r="VXX706" s="613"/>
      <c r="VXY706" s="613"/>
      <c r="VXZ706" s="613"/>
      <c r="VYA706" s="613"/>
      <c r="VYB706" s="613"/>
      <c r="VYC706" s="613"/>
      <c r="VYD706" s="613"/>
      <c r="VYE706" s="613"/>
      <c r="VYF706" s="613"/>
      <c r="VYG706" s="613"/>
      <c r="VYH706" s="613"/>
      <c r="VYI706" s="613"/>
      <c r="VYJ706" s="613"/>
      <c r="VYK706" s="613"/>
      <c r="VYL706" s="613"/>
      <c r="VYM706" s="613"/>
      <c r="VYN706" s="613"/>
      <c r="VYO706" s="613"/>
      <c r="VYP706" s="613"/>
      <c r="VYQ706" s="613"/>
      <c r="VYR706" s="613"/>
      <c r="VYS706" s="613"/>
      <c r="VYT706" s="613"/>
      <c r="VYU706" s="613"/>
      <c r="VYV706" s="613"/>
      <c r="VYW706" s="613"/>
      <c r="VYX706" s="613"/>
      <c r="VYY706" s="613"/>
      <c r="VYZ706" s="613"/>
      <c r="VZA706" s="613"/>
      <c r="VZB706" s="613"/>
      <c r="VZC706" s="613"/>
      <c r="VZD706" s="613"/>
      <c r="VZE706" s="613"/>
      <c r="VZF706" s="613"/>
      <c r="VZG706" s="613"/>
      <c r="VZH706" s="613"/>
      <c r="VZI706" s="613"/>
      <c r="VZJ706" s="613"/>
      <c r="VZK706" s="613"/>
      <c r="VZL706" s="613"/>
      <c r="VZM706" s="613"/>
      <c r="VZN706" s="613"/>
      <c r="VZO706" s="613"/>
      <c r="VZP706" s="613"/>
      <c r="VZQ706" s="613"/>
      <c r="VZR706" s="613"/>
      <c r="VZS706" s="613"/>
      <c r="VZT706" s="613"/>
      <c r="VZU706" s="613"/>
      <c r="VZV706" s="613"/>
      <c r="VZW706" s="613"/>
      <c r="VZX706" s="613"/>
      <c r="VZY706" s="613"/>
      <c r="VZZ706" s="613"/>
      <c r="WAA706" s="613"/>
      <c r="WAB706" s="613"/>
      <c r="WAC706" s="613"/>
      <c r="WAD706" s="613"/>
      <c r="WAE706" s="613"/>
      <c r="WAF706" s="613"/>
      <c r="WAG706" s="613"/>
      <c r="WAH706" s="613"/>
      <c r="WAI706" s="613"/>
      <c r="WAJ706" s="613"/>
      <c r="WAK706" s="613"/>
      <c r="WAL706" s="613"/>
      <c r="WAM706" s="613"/>
      <c r="WAN706" s="613"/>
      <c r="WAO706" s="613"/>
      <c r="WAP706" s="613"/>
      <c r="WAQ706" s="613"/>
      <c r="WAR706" s="613"/>
      <c r="WAS706" s="613"/>
      <c r="WAT706" s="613"/>
      <c r="WAU706" s="613"/>
      <c r="WAV706" s="613"/>
      <c r="WAW706" s="613"/>
      <c r="WAX706" s="613"/>
      <c r="WAY706" s="613"/>
      <c r="WAZ706" s="613"/>
      <c r="WBA706" s="613"/>
      <c r="WBB706" s="613"/>
      <c r="WBC706" s="613"/>
      <c r="WBD706" s="613"/>
      <c r="WBE706" s="613"/>
      <c r="WBF706" s="613"/>
      <c r="WBG706" s="613"/>
      <c r="WBH706" s="613"/>
      <c r="WBI706" s="613"/>
      <c r="WBJ706" s="613"/>
      <c r="WBK706" s="613"/>
      <c r="WBL706" s="613"/>
      <c r="WBM706" s="613"/>
      <c r="WBN706" s="613"/>
      <c r="WBO706" s="613"/>
      <c r="WBP706" s="613"/>
      <c r="WBQ706" s="613"/>
      <c r="WBR706" s="613"/>
      <c r="WBS706" s="613"/>
      <c r="WBT706" s="613"/>
      <c r="WBU706" s="613"/>
      <c r="WBV706" s="613"/>
      <c r="WBW706" s="613"/>
      <c r="WBX706" s="613"/>
      <c r="WBY706" s="613"/>
      <c r="WBZ706" s="613"/>
      <c r="WCA706" s="613"/>
      <c r="WCB706" s="613"/>
      <c r="WCC706" s="613"/>
      <c r="WCD706" s="613"/>
      <c r="WCE706" s="613"/>
      <c r="WCF706" s="613"/>
      <c r="WCG706" s="613"/>
      <c r="WCH706" s="613"/>
      <c r="WCI706" s="613"/>
      <c r="WCJ706" s="613"/>
      <c r="WCK706" s="613"/>
      <c r="WCL706" s="613"/>
      <c r="WCM706" s="613"/>
      <c r="WCN706" s="613"/>
      <c r="WCO706" s="613"/>
      <c r="WCP706" s="613"/>
      <c r="WCQ706" s="613"/>
      <c r="WCR706" s="613"/>
      <c r="WCS706" s="613"/>
      <c r="WCT706" s="613"/>
      <c r="WCU706" s="613"/>
      <c r="WCV706" s="613"/>
      <c r="WCW706" s="613"/>
      <c r="WCX706" s="613"/>
      <c r="WCY706" s="613"/>
      <c r="WCZ706" s="613"/>
      <c r="WDA706" s="613"/>
      <c r="WDB706" s="613"/>
      <c r="WDC706" s="613"/>
      <c r="WDD706" s="613"/>
      <c r="WDE706" s="613"/>
      <c r="WDF706" s="613"/>
      <c r="WDG706" s="613"/>
      <c r="WDH706" s="613"/>
      <c r="WDI706" s="613"/>
      <c r="WDJ706" s="613"/>
      <c r="WDK706" s="613"/>
      <c r="WDL706" s="613"/>
      <c r="WDM706" s="613"/>
      <c r="WDN706" s="613"/>
      <c r="WDO706" s="613"/>
      <c r="WDP706" s="613"/>
      <c r="WDQ706" s="613"/>
      <c r="WDR706" s="613"/>
      <c r="WDS706" s="613"/>
      <c r="WDT706" s="613"/>
      <c r="WDU706" s="613"/>
      <c r="WDV706" s="613"/>
      <c r="WDW706" s="613"/>
      <c r="WDX706" s="613"/>
      <c r="WDY706" s="613"/>
      <c r="WDZ706" s="613"/>
      <c r="WEA706" s="613"/>
      <c r="WEB706" s="613"/>
      <c r="WEC706" s="613"/>
      <c r="WED706" s="613"/>
      <c r="WEE706" s="613"/>
      <c r="WEF706" s="613"/>
      <c r="WEG706" s="613"/>
      <c r="WEH706" s="613"/>
      <c r="WEI706" s="613"/>
      <c r="WEJ706" s="613"/>
      <c r="WEK706" s="613"/>
      <c r="WEL706" s="613"/>
      <c r="WEM706" s="613"/>
      <c r="WEN706" s="613"/>
      <c r="WEO706" s="613"/>
      <c r="WEP706" s="613"/>
      <c r="WEQ706" s="613"/>
      <c r="WER706" s="613"/>
      <c r="WES706" s="613"/>
      <c r="WET706" s="613"/>
      <c r="WEU706" s="613"/>
      <c r="WEV706" s="613"/>
      <c r="WEW706" s="613"/>
      <c r="WEX706" s="613"/>
      <c r="WEY706" s="613"/>
      <c r="WEZ706" s="613"/>
      <c r="WFA706" s="613"/>
      <c r="WFB706" s="613"/>
      <c r="WFC706" s="613"/>
      <c r="WFD706" s="613"/>
      <c r="WFE706" s="613"/>
      <c r="WFF706" s="613"/>
      <c r="WFG706" s="613"/>
      <c r="WFH706" s="613"/>
      <c r="WFI706" s="613"/>
      <c r="WFJ706" s="613"/>
      <c r="WFK706" s="613"/>
      <c r="WFL706" s="613"/>
      <c r="WFM706" s="613"/>
      <c r="WFN706" s="613"/>
      <c r="WFO706" s="613"/>
      <c r="WFP706" s="613"/>
      <c r="WFQ706" s="613"/>
      <c r="WFR706" s="613"/>
      <c r="WFS706" s="613"/>
      <c r="WFT706" s="613"/>
      <c r="WFU706" s="613"/>
      <c r="WFV706" s="613"/>
      <c r="WFW706" s="613"/>
      <c r="WFX706" s="613"/>
      <c r="WFY706" s="613"/>
      <c r="WFZ706" s="613"/>
      <c r="WGA706" s="613"/>
      <c r="WGB706" s="613"/>
      <c r="WGC706" s="613"/>
      <c r="WGD706" s="613"/>
      <c r="WGE706" s="613"/>
      <c r="WGF706" s="613"/>
      <c r="WGG706" s="613"/>
      <c r="WGH706" s="613"/>
      <c r="WGI706" s="613"/>
      <c r="WGJ706" s="613"/>
      <c r="WGK706" s="613"/>
      <c r="WGL706" s="613"/>
      <c r="WGM706" s="613"/>
      <c r="WGN706" s="613"/>
      <c r="WGO706" s="613"/>
      <c r="WGP706" s="613"/>
      <c r="WGQ706" s="613"/>
      <c r="WGR706" s="613"/>
      <c r="WGS706" s="613"/>
      <c r="WGT706" s="613"/>
      <c r="WGU706" s="613"/>
      <c r="WGV706" s="613"/>
      <c r="WGW706" s="613"/>
      <c r="WGX706" s="613"/>
      <c r="WGY706" s="613"/>
      <c r="WGZ706" s="613"/>
      <c r="WHA706" s="613"/>
      <c r="WHB706" s="613"/>
      <c r="WHC706" s="613"/>
      <c r="WHD706" s="613"/>
      <c r="WHE706" s="613"/>
      <c r="WHF706" s="613"/>
      <c r="WHG706" s="613"/>
      <c r="WHH706" s="613"/>
      <c r="WHI706" s="613"/>
      <c r="WHJ706" s="613"/>
      <c r="WHK706" s="613"/>
      <c r="WHL706" s="613"/>
      <c r="WHM706" s="613"/>
      <c r="WHN706" s="613"/>
      <c r="WHO706" s="613"/>
      <c r="WHP706" s="613"/>
      <c r="WHQ706" s="613"/>
      <c r="WHR706" s="613"/>
      <c r="WHS706" s="613"/>
      <c r="WHT706" s="613"/>
      <c r="WHU706" s="613"/>
      <c r="WHV706" s="613"/>
      <c r="WHW706" s="613"/>
      <c r="WHX706" s="613"/>
      <c r="WHY706" s="613"/>
      <c r="WHZ706" s="613"/>
      <c r="WIA706" s="613"/>
      <c r="WIB706" s="613"/>
      <c r="WIC706" s="613"/>
      <c r="WID706" s="613"/>
      <c r="WIE706" s="613"/>
      <c r="WIF706" s="613"/>
      <c r="WIG706" s="613"/>
      <c r="WIH706" s="613"/>
      <c r="WII706" s="613"/>
      <c r="WIJ706" s="613"/>
      <c r="WIK706" s="613"/>
      <c r="WIL706" s="613"/>
      <c r="WIM706" s="613"/>
      <c r="WIN706" s="613"/>
      <c r="WIO706" s="613"/>
      <c r="WIP706" s="613"/>
      <c r="WIQ706" s="613"/>
      <c r="WIR706" s="613"/>
      <c r="WIS706" s="613"/>
      <c r="WIT706" s="613"/>
      <c r="WIU706" s="613"/>
      <c r="WIV706" s="613"/>
      <c r="WIW706" s="613"/>
      <c r="WIX706" s="613"/>
      <c r="WIY706" s="613"/>
      <c r="WIZ706" s="613"/>
      <c r="WJA706" s="613"/>
      <c r="WJB706" s="613"/>
      <c r="WJC706" s="613"/>
      <c r="WJD706" s="613"/>
      <c r="WJE706" s="613"/>
      <c r="WJF706" s="613"/>
      <c r="WJG706" s="613"/>
      <c r="WJH706" s="613"/>
      <c r="WJI706" s="613"/>
      <c r="WJJ706" s="613"/>
      <c r="WJK706" s="613"/>
      <c r="WJL706" s="613"/>
      <c r="WJM706" s="613"/>
      <c r="WJN706" s="613"/>
      <c r="WJO706" s="613"/>
      <c r="WJP706" s="613"/>
      <c r="WJQ706" s="613"/>
      <c r="WJR706" s="613"/>
      <c r="WJS706" s="613"/>
      <c r="WJT706" s="613"/>
      <c r="WJU706" s="613"/>
      <c r="WJV706" s="613"/>
      <c r="WJW706" s="613"/>
      <c r="WJX706" s="613"/>
      <c r="WJY706" s="613"/>
      <c r="WJZ706" s="613"/>
      <c r="WKA706" s="613"/>
      <c r="WKB706" s="613"/>
      <c r="WKC706" s="613"/>
      <c r="WKD706" s="613"/>
      <c r="WKE706" s="613"/>
      <c r="WKF706" s="613"/>
      <c r="WKG706" s="613"/>
      <c r="WKH706" s="613"/>
      <c r="WKI706" s="613"/>
      <c r="WKJ706" s="613"/>
      <c r="WKK706" s="613"/>
      <c r="WKL706" s="613"/>
      <c r="WKM706" s="613"/>
      <c r="WKN706" s="613"/>
      <c r="WKO706" s="613"/>
      <c r="WKP706" s="613"/>
      <c r="WKQ706" s="613"/>
      <c r="WKR706" s="613"/>
      <c r="WKS706" s="613"/>
      <c r="WKT706" s="613"/>
      <c r="WKU706" s="613"/>
      <c r="WKV706" s="613"/>
      <c r="WKW706" s="613"/>
      <c r="WKX706" s="613"/>
      <c r="WKY706" s="613"/>
      <c r="WKZ706" s="613"/>
      <c r="WLA706" s="613"/>
      <c r="WLB706" s="613"/>
      <c r="WLC706" s="613"/>
      <c r="WLD706" s="613"/>
      <c r="WLE706" s="613"/>
      <c r="WLF706" s="613"/>
      <c r="WLG706" s="613"/>
      <c r="WLH706" s="613"/>
      <c r="WLI706" s="613"/>
      <c r="WLJ706" s="613"/>
      <c r="WLK706" s="613"/>
      <c r="WLL706" s="613"/>
      <c r="WLM706" s="613"/>
      <c r="WLN706" s="613"/>
      <c r="WLO706" s="613"/>
      <c r="WLP706" s="613"/>
      <c r="WLQ706" s="613"/>
      <c r="WLR706" s="613"/>
      <c r="WLS706" s="613"/>
      <c r="WLT706" s="613"/>
      <c r="WLU706" s="613"/>
      <c r="WLV706" s="613"/>
      <c r="WLW706" s="613"/>
      <c r="WLX706" s="613"/>
      <c r="WLY706" s="613"/>
      <c r="WLZ706" s="613"/>
      <c r="WMA706" s="613"/>
      <c r="WMB706" s="613"/>
      <c r="WMC706" s="613"/>
      <c r="WMD706" s="613"/>
      <c r="WME706" s="613"/>
      <c r="WMF706" s="613"/>
      <c r="WMG706" s="613"/>
      <c r="WMH706" s="613"/>
      <c r="WMI706" s="613"/>
      <c r="WMJ706" s="613"/>
      <c r="WMK706" s="613"/>
      <c r="WML706" s="613"/>
      <c r="WMM706" s="613"/>
      <c r="WMN706" s="613"/>
      <c r="WMO706" s="613"/>
      <c r="WMP706" s="613"/>
      <c r="WMQ706" s="613"/>
      <c r="WMR706" s="613"/>
      <c r="WMS706" s="613"/>
      <c r="WMT706" s="613"/>
      <c r="WMU706" s="613"/>
      <c r="WMV706" s="613"/>
      <c r="WMW706" s="613"/>
      <c r="WMX706" s="613"/>
      <c r="WMY706" s="613"/>
      <c r="WMZ706" s="613"/>
      <c r="WNA706" s="613"/>
      <c r="WNB706" s="613"/>
      <c r="WNC706" s="613"/>
      <c r="WND706" s="613"/>
      <c r="WNE706" s="613"/>
      <c r="WNF706" s="613"/>
      <c r="WNG706" s="613"/>
      <c r="WNH706" s="613"/>
      <c r="WNI706" s="613"/>
      <c r="WNJ706" s="613"/>
      <c r="WNK706" s="613"/>
      <c r="WNL706" s="613"/>
      <c r="WNM706" s="613"/>
      <c r="WNN706" s="613"/>
      <c r="WNO706" s="613"/>
      <c r="WNP706" s="613"/>
      <c r="WNQ706" s="613"/>
      <c r="WNR706" s="613"/>
      <c r="WNS706" s="613"/>
      <c r="WNT706" s="613"/>
      <c r="WNU706" s="613"/>
      <c r="WNV706" s="613"/>
      <c r="WNW706" s="613"/>
      <c r="WNX706" s="613"/>
      <c r="WNY706" s="613"/>
      <c r="WNZ706" s="613"/>
      <c r="WOA706" s="613"/>
      <c r="WOB706" s="613"/>
      <c r="WOC706" s="613"/>
      <c r="WOD706" s="613"/>
      <c r="WOE706" s="613"/>
      <c r="WOF706" s="613"/>
      <c r="WOG706" s="613"/>
      <c r="WOH706" s="613"/>
      <c r="WOI706" s="613"/>
      <c r="WOJ706" s="613"/>
      <c r="WOK706" s="613"/>
      <c r="WOL706" s="613"/>
      <c r="WOM706" s="613"/>
      <c r="WON706" s="613"/>
      <c r="WOO706" s="613"/>
      <c r="WOP706" s="613"/>
      <c r="WOQ706" s="613"/>
      <c r="WOR706" s="613"/>
      <c r="WOS706" s="613"/>
      <c r="WOT706" s="613"/>
      <c r="WOU706" s="613"/>
      <c r="WOV706" s="613"/>
      <c r="WOW706" s="613"/>
      <c r="WOX706" s="613"/>
      <c r="WOY706" s="613"/>
      <c r="WOZ706" s="613"/>
      <c r="WPA706" s="613"/>
      <c r="WPB706" s="613"/>
      <c r="WPC706" s="613"/>
      <c r="WPD706" s="613"/>
      <c r="WPE706" s="613"/>
      <c r="WPF706" s="613"/>
      <c r="WPG706" s="613"/>
      <c r="WPH706" s="613"/>
      <c r="WPI706" s="613"/>
      <c r="WPJ706" s="613"/>
      <c r="WPK706" s="613"/>
      <c r="WPL706" s="613"/>
      <c r="WPM706" s="613"/>
      <c r="WPN706" s="613"/>
      <c r="WPO706" s="613"/>
      <c r="WPP706" s="613"/>
      <c r="WPQ706" s="613"/>
      <c r="WPR706" s="613"/>
      <c r="WPS706" s="613"/>
      <c r="WPT706" s="613"/>
      <c r="WPU706" s="613"/>
      <c r="WPV706" s="613"/>
      <c r="WPW706" s="613"/>
      <c r="WPX706" s="613"/>
      <c r="WPY706" s="613"/>
      <c r="WPZ706" s="613"/>
      <c r="WQA706" s="613"/>
      <c r="WQB706" s="613"/>
      <c r="WQC706" s="613"/>
      <c r="WQD706" s="613"/>
      <c r="WQE706" s="613"/>
      <c r="WQF706" s="613"/>
      <c r="WQG706" s="613"/>
      <c r="WQH706" s="613"/>
      <c r="WQI706" s="613"/>
      <c r="WQJ706" s="613"/>
      <c r="WQK706" s="613"/>
      <c r="WQL706" s="613"/>
      <c r="WQM706" s="613"/>
      <c r="WQN706" s="613"/>
      <c r="WQO706" s="613"/>
      <c r="WQP706" s="613"/>
      <c r="WQQ706" s="613"/>
      <c r="WQR706" s="613"/>
      <c r="WQS706" s="613"/>
      <c r="WQT706" s="613"/>
      <c r="WQU706" s="613"/>
      <c r="WQV706" s="613"/>
      <c r="WQW706" s="613"/>
      <c r="WQX706" s="613"/>
      <c r="WQY706" s="613"/>
      <c r="WQZ706" s="613"/>
      <c r="WRA706" s="613"/>
      <c r="WRB706" s="613"/>
      <c r="WRC706" s="613"/>
      <c r="WRD706" s="613"/>
      <c r="WRE706" s="613"/>
      <c r="WRF706" s="613"/>
      <c r="WRG706" s="613"/>
      <c r="WRH706" s="613"/>
      <c r="WRI706" s="613"/>
      <c r="WRJ706" s="613"/>
      <c r="WRK706" s="613"/>
      <c r="WRL706" s="613"/>
      <c r="WRM706" s="613"/>
      <c r="WRN706" s="613"/>
      <c r="WRO706" s="613"/>
      <c r="WRP706" s="613"/>
      <c r="WRQ706" s="613"/>
      <c r="WRR706" s="613"/>
      <c r="WRS706" s="613"/>
      <c r="WRT706" s="613"/>
      <c r="WRU706" s="613"/>
      <c r="WRV706" s="613"/>
      <c r="WRW706" s="613"/>
      <c r="WRX706" s="613"/>
      <c r="WRY706" s="613"/>
      <c r="WRZ706" s="613"/>
      <c r="WSA706" s="613"/>
      <c r="WSB706" s="613"/>
      <c r="WSC706" s="613"/>
      <c r="WSD706" s="613"/>
      <c r="WSE706" s="613"/>
      <c r="WSF706" s="613"/>
      <c r="WSG706" s="613"/>
      <c r="WSH706" s="613"/>
      <c r="WSI706" s="613"/>
      <c r="WSJ706" s="613"/>
      <c r="WSK706" s="613"/>
      <c r="WSL706" s="613"/>
      <c r="WSM706" s="613"/>
      <c r="WSN706" s="613"/>
      <c r="WSO706" s="613"/>
      <c r="WSP706" s="613"/>
      <c r="WSQ706" s="613"/>
      <c r="WSR706" s="613"/>
      <c r="WSS706" s="613"/>
      <c r="WST706" s="613"/>
      <c r="WSU706" s="613"/>
      <c r="WSV706" s="613"/>
      <c r="WSW706" s="613"/>
      <c r="WSX706" s="613"/>
      <c r="WSY706" s="613"/>
      <c r="WSZ706" s="613"/>
      <c r="WTA706" s="613"/>
      <c r="WTB706" s="613"/>
      <c r="WTC706" s="613"/>
      <c r="WTD706" s="613"/>
      <c r="WTE706" s="613"/>
      <c r="WTF706" s="613"/>
      <c r="WTG706" s="613"/>
      <c r="WTH706" s="613"/>
      <c r="WTI706" s="613"/>
      <c r="WTJ706" s="613"/>
      <c r="WTK706" s="613"/>
      <c r="WTL706" s="613"/>
      <c r="WTM706" s="613"/>
      <c r="WTN706" s="613"/>
      <c r="WTO706" s="613"/>
      <c r="WTP706" s="613"/>
      <c r="WTQ706" s="613"/>
      <c r="WTR706" s="613"/>
      <c r="WTS706" s="613"/>
      <c r="WTT706" s="613"/>
      <c r="WTU706" s="613"/>
      <c r="WTV706" s="613"/>
      <c r="WTW706" s="613"/>
      <c r="WTX706" s="613"/>
      <c r="WTY706" s="613"/>
      <c r="WTZ706" s="613"/>
      <c r="WUA706" s="613"/>
      <c r="WUB706" s="613"/>
      <c r="WUC706" s="613"/>
      <c r="WUD706" s="613"/>
      <c r="WUE706" s="613"/>
      <c r="WUF706" s="613"/>
      <c r="WUG706" s="613"/>
      <c r="WUH706" s="613"/>
      <c r="WUI706" s="613"/>
      <c r="WUJ706" s="613"/>
      <c r="WUK706" s="613"/>
      <c r="WUL706" s="613"/>
      <c r="WUM706" s="613"/>
      <c r="WUN706" s="613"/>
      <c r="WUO706" s="613"/>
      <c r="WUP706" s="613"/>
      <c r="WUQ706" s="613"/>
      <c r="WUR706" s="613"/>
      <c r="WUS706" s="613"/>
      <c r="WUT706" s="613"/>
      <c r="WUU706" s="613"/>
      <c r="WUV706" s="613"/>
      <c r="WUW706" s="613"/>
      <c r="WUX706" s="613"/>
      <c r="WUY706" s="613"/>
      <c r="WUZ706" s="613"/>
      <c r="WVA706" s="613"/>
      <c r="WVB706" s="613"/>
      <c r="WVC706" s="613"/>
      <c r="WVD706" s="613"/>
      <c r="WVE706" s="613"/>
      <c r="WVF706" s="613"/>
      <c r="WVG706" s="613"/>
      <c r="WVH706" s="613"/>
      <c r="WVI706" s="613"/>
      <c r="WVJ706" s="613"/>
      <c r="WVK706" s="613"/>
      <c r="WVL706" s="613"/>
      <c r="WVM706" s="613"/>
      <c r="WVN706" s="613"/>
      <c r="WVO706" s="613"/>
      <c r="WVP706" s="613"/>
      <c r="WVQ706" s="613"/>
      <c r="WVR706" s="613"/>
      <c r="WVS706" s="613"/>
      <c r="WVT706" s="613"/>
      <c r="WVU706" s="613"/>
      <c r="WVV706" s="613"/>
      <c r="WVW706" s="613"/>
      <c r="WVX706" s="613"/>
      <c r="WVY706" s="613"/>
      <c r="WVZ706" s="613"/>
      <c r="WWA706" s="613"/>
      <c r="WWB706" s="613"/>
      <c r="WWC706" s="613"/>
      <c r="WWD706" s="613"/>
      <c r="WWE706" s="613"/>
      <c r="WWF706" s="613"/>
      <c r="WWG706" s="613"/>
      <c r="WWH706" s="613"/>
      <c r="WWI706" s="613"/>
      <c r="WWJ706" s="613"/>
      <c r="WWK706" s="613"/>
      <c r="WWL706" s="613"/>
      <c r="WWM706" s="613"/>
      <c r="WWN706" s="613"/>
      <c r="WWO706" s="613"/>
      <c r="WWP706" s="613"/>
      <c r="WWQ706" s="613"/>
      <c r="WWR706" s="613"/>
      <c r="WWS706" s="613"/>
      <c r="WWT706" s="613"/>
      <c r="WWU706" s="613"/>
      <c r="WWV706" s="613"/>
      <c r="WWW706" s="613"/>
      <c r="WWX706" s="613"/>
      <c r="WWY706" s="613"/>
      <c r="WWZ706" s="613"/>
      <c r="WXA706" s="613"/>
      <c r="WXB706" s="613"/>
      <c r="WXC706" s="613"/>
      <c r="WXD706" s="613"/>
      <c r="WXE706" s="613"/>
      <c r="WXF706" s="613"/>
      <c r="WXG706" s="613"/>
      <c r="WXH706" s="613"/>
      <c r="WXI706" s="613"/>
      <c r="WXJ706" s="613"/>
      <c r="WXK706" s="613"/>
      <c r="WXL706" s="613"/>
      <c r="WXM706" s="613"/>
      <c r="WXN706" s="613"/>
      <c r="WXO706" s="613"/>
      <c r="WXP706" s="613"/>
      <c r="WXQ706" s="613"/>
      <c r="WXR706" s="613"/>
      <c r="WXS706" s="613"/>
      <c r="WXT706" s="613"/>
      <c r="WXU706" s="613"/>
      <c r="WXV706" s="613"/>
      <c r="WXW706" s="613"/>
      <c r="WXX706" s="613"/>
      <c r="WXY706" s="613"/>
      <c r="WXZ706" s="613"/>
      <c r="WYA706" s="613"/>
      <c r="WYB706" s="613"/>
      <c r="WYC706" s="613"/>
      <c r="WYD706" s="613"/>
      <c r="WYE706" s="613"/>
      <c r="WYF706" s="613"/>
      <c r="WYG706" s="613"/>
      <c r="WYH706" s="613"/>
      <c r="WYI706" s="613"/>
      <c r="WYJ706" s="613"/>
      <c r="WYK706" s="613"/>
      <c r="WYL706" s="613"/>
      <c r="WYM706" s="613"/>
      <c r="WYN706" s="613"/>
      <c r="WYO706" s="613"/>
      <c r="WYP706" s="613"/>
      <c r="WYQ706" s="613"/>
      <c r="WYR706" s="613"/>
      <c r="WYS706" s="613"/>
      <c r="WYT706" s="613"/>
      <c r="WYU706" s="613"/>
      <c r="WYV706" s="613"/>
      <c r="WYW706" s="613"/>
      <c r="WYX706" s="613"/>
      <c r="WYY706" s="613"/>
      <c r="WYZ706" s="613"/>
      <c r="WZA706" s="613"/>
      <c r="WZB706" s="613"/>
      <c r="WZC706" s="613"/>
      <c r="WZD706" s="613"/>
      <c r="WZE706" s="613"/>
      <c r="WZF706" s="613"/>
      <c r="WZG706" s="613"/>
      <c r="WZH706" s="613"/>
      <c r="WZI706" s="613"/>
      <c r="WZJ706" s="613"/>
      <c r="WZK706" s="613"/>
      <c r="WZL706" s="613"/>
      <c r="WZM706" s="613"/>
      <c r="WZN706" s="613"/>
      <c r="WZO706" s="613"/>
      <c r="WZP706" s="613"/>
      <c r="WZQ706" s="613"/>
      <c r="WZR706" s="613"/>
      <c r="WZS706" s="613"/>
      <c r="WZT706" s="613"/>
      <c r="WZU706" s="613"/>
      <c r="WZV706" s="613"/>
      <c r="WZW706" s="613"/>
      <c r="WZX706" s="613"/>
      <c r="WZY706" s="613"/>
      <c r="WZZ706" s="613"/>
      <c r="XAA706" s="613"/>
      <c r="XAB706" s="613"/>
      <c r="XAC706" s="613"/>
      <c r="XAD706" s="613"/>
      <c r="XAE706" s="613"/>
      <c r="XAF706" s="613"/>
      <c r="XAG706" s="613"/>
      <c r="XAH706" s="613"/>
      <c r="XAI706" s="613"/>
      <c r="XAJ706" s="613"/>
      <c r="XAK706" s="613"/>
      <c r="XAL706" s="613"/>
      <c r="XAM706" s="613"/>
      <c r="XAN706" s="613"/>
      <c r="XAO706" s="613"/>
      <c r="XAP706" s="613"/>
      <c r="XAQ706" s="613"/>
      <c r="XAR706" s="613"/>
      <c r="XAS706" s="613"/>
      <c r="XAT706" s="613"/>
      <c r="XAU706" s="613"/>
      <c r="XAV706" s="613"/>
      <c r="XAW706" s="613"/>
      <c r="XAX706" s="613"/>
      <c r="XAY706" s="613"/>
      <c r="XAZ706" s="613"/>
      <c r="XBA706" s="613"/>
      <c r="XBB706" s="613"/>
      <c r="XBC706" s="613"/>
      <c r="XBD706" s="613"/>
      <c r="XBE706" s="613"/>
      <c r="XBF706" s="613"/>
      <c r="XBG706" s="613"/>
      <c r="XBH706" s="613"/>
      <c r="XBI706" s="613"/>
      <c r="XBJ706" s="613"/>
      <c r="XBK706" s="613"/>
      <c r="XBL706" s="613"/>
      <c r="XBM706" s="613"/>
      <c r="XBN706" s="613"/>
      <c r="XBO706" s="613"/>
      <c r="XBP706" s="613"/>
      <c r="XBQ706" s="613"/>
      <c r="XBR706" s="613"/>
      <c r="XBS706" s="613"/>
      <c r="XBT706" s="613"/>
      <c r="XBU706" s="613"/>
      <c r="XBV706" s="613"/>
      <c r="XBW706" s="613"/>
      <c r="XBX706" s="613"/>
      <c r="XBY706" s="613"/>
      <c r="XBZ706" s="613"/>
      <c r="XCA706" s="613"/>
      <c r="XCB706" s="613"/>
      <c r="XCC706" s="613"/>
      <c r="XCD706" s="613"/>
      <c r="XCE706" s="613"/>
      <c r="XCF706" s="613"/>
      <c r="XCG706" s="613"/>
      <c r="XCH706" s="613"/>
      <c r="XCI706" s="613"/>
      <c r="XCJ706" s="613"/>
      <c r="XCK706" s="613"/>
      <c r="XCL706" s="613"/>
      <c r="XCM706" s="613"/>
      <c r="XCN706" s="613"/>
      <c r="XCO706" s="613"/>
      <c r="XCP706" s="613"/>
      <c r="XCQ706" s="613"/>
    </row>
    <row r="707" spans="1:16319" ht="56.1" customHeight="1" x14ac:dyDescent="0.2">
      <c r="A707" s="494"/>
      <c r="B707" s="494"/>
      <c r="C707" s="494"/>
      <c r="D707" s="481">
        <v>121</v>
      </c>
      <c r="E707" s="481"/>
      <c r="F707" s="481" t="s">
        <v>2481</v>
      </c>
      <c r="G707" s="482" t="s">
        <v>53</v>
      </c>
      <c r="H707" s="481" t="s">
        <v>329</v>
      </c>
      <c r="I707" s="654" t="s">
        <v>330</v>
      </c>
      <c r="J707" s="654" t="s">
        <v>369</v>
      </c>
      <c r="K707" s="495" t="s">
        <v>374</v>
      </c>
      <c r="L707" s="621"/>
      <c r="M707" s="484" t="s">
        <v>58</v>
      </c>
      <c r="N707" s="327" t="s">
        <v>1363</v>
      </c>
      <c r="O707" s="484" t="s">
        <v>2996</v>
      </c>
      <c r="P707" s="484" t="s">
        <v>81</v>
      </c>
      <c r="Q707" s="667" t="s">
        <v>334</v>
      </c>
      <c r="R707" s="484" t="s">
        <v>334</v>
      </c>
      <c r="S707" s="484" t="s">
        <v>375</v>
      </c>
      <c r="T707" s="484"/>
      <c r="U707" s="620" t="s">
        <v>63</v>
      </c>
      <c r="V707" s="620" t="s">
        <v>63</v>
      </c>
      <c r="W707" s="723">
        <v>151297</v>
      </c>
      <c r="X707" s="723"/>
      <c r="Y707" s="654" t="s">
        <v>226</v>
      </c>
      <c r="Z707" s="654"/>
      <c r="AA707" s="723">
        <v>151297</v>
      </c>
      <c r="AB707" s="652" t="s">
        <v>82</v>
      </c>
      <c r="AC707" s="652"/>
      <c r="AD707" s="496"/>
      <c r="AE707" s="496"/>
      <c r="AF707" s="496"/>
      <c r="AG707" s="487" t="s">
        <v>66</v>
      </c>
      <c r="AH707" s="496"/>
      <c r="AI707" s="496"/>
      <c r="AJ707" s="496"/>
      <c r="AK707" s="496"/>
      <c r="AL707" s="496"/>
      <c r="AM707" s="496"/>
      <c r="AN707" s="496"/>
      <c r="AO707" s="496"/>
      <c r="AP707" s="496"/>
      <c r="AQ707" s="496"/>
      <c r="AR707" s="496"/>
      <c r="AS707" s="496"/>
      <c r="AT707" s="496"/>
      <c r="AU707" s="487"/>
      <c r="AV707" s="487"/>
      <c r="AW707" s="487"/>
      <c r="AX707" s="487"/>
      <c r="AY707" s="487"/>
      <c r="AZ707" s="487"/>
      <c r="BA707" s="484"/>
      <c r="BB707" s="484" t="s">
        <v>340</v>
      </c>
      <c r="BC707" s="484" t="s">
        <v>3041</v>
      </c>
      <c r="BD707" s="494"/>
      <c r="BE707" s="494"/>
      <c r="BF707" s="613"/>
      <c r="BG707" s="613"/>
      <c r="BH707" s="613"/>
      <c r="BI707" s="613"/>
      <c r="BJ707" s="613"/>
      <c r="BK707" s="613"/>
      <c r="BL707" s="613"/>
      <c r="BM707" s="613"/>
      <c r="BN707" s="613"/>
      <c r="BO707" s="613"/>
      <c r="BP707" s="613"/>
      <c r="BQ707" s="613"/>
      <c r="BR707" s="613"/>
      <c r="BS707" s="613"/>
      <c r="BT707" s="613"/>
      <c r="BU707" s="613"/>
      <c r="BV707" s="613"/>
      <c r="BW707" s="613"/>
      <c r="BX707" s="613"/>
      <c r="BY707" s="613"/>
      <c r="BZ707" s="613"/>
      <c r="CA707" s="613"/>
      <c r="CB707" s="613"/>
      <c r="CC707" s="613"/>
      <c r="CD707" s="613"/>
      <c r="CE707" s="613"/>
      <c r="CF707" s="613"/>
      <c r="CG707" s="613"/>
      <c r="CH707" s="613"/>
      <c r="CI707" s="613"/>
      <c r="CJ707" s="613"/>
      <c r="CK707" s="613"/>
      <c r="CL707" s="613"/>
      <c r="CM707" s="613"/>
      <c r="CN707" s="613"/>
      <c r="CO707" s="613"/>
      <c r="CP707" s="613"/>
      <c r="CQ707" s="613"/>
      <c r="CR707" s="613"/>
      <c r="CS707" s="613"/>
      <c r="CT707" s="613"/>
      <c r="CU707" s="613"/>
      <c r="CV707" s="613"/>
      <c r="CW707" s="613"/>
      <c r="CX707" s="613"/>
      <c r="CY707" s="613"/>
      <c r="CZ707" s="613"/>
      <c r="DA707" s="613"/>
      <c r="DB707" s="613"/>
      <c r="DC707" s="613"/>
      <c r="DD707" s="613"/>
      <c r="DE707" s="613"/>
      <c r="DF707" s="613"/>
      <c r="DG707" s="613"/>
      <c r="DH707" s="613"/>
      <c r="DI707" s="613"/>
      <c r="DJ707" s="613"/>
      <c r="DK707" s="613"/>
      <c r="DL707" s="613"/>
      <c r="DM707" s="613"/>
      <c r="DN707" s="613"/>
      <c r="DO707" s="613"/>
      <c r="DP707" s="613"/>
      <c r="DQ707" s="613"/>
      <c r="DR707" s="613"/>
      <c r="DS707" s="613"/>
      <c r="DT707" s="613"/>
      <c r="DU707" s="613"/>
      <c r="DV707" s="613"/>
      <c r="DW707" s="613"/>
      <c r="DX707" s="613"/>
      <c r="DY707" s="613"/>
      <c r="DZ707" s="613"/>
      <c r="EA707" s="613"/>
      <c r="EB707" s="613"/>
      <c r="EC707" s="613"/>
      <c r="ED707" s="613"/>
      <c r="EE707" s="613"/>
      <c r="EF707" s="613"/>
      <c r="EG707" s="613"/>
      <c r="EH707" s="613"/>
      <c r="EI707" s="613"/>
      <c r="EJ707" s="613"/>
      <c r="EK707" s="613"/>
      <c r="EL707" s="613"/>
      <c r="EM707" s="613"/>
      <c r="EN707" s="613"/>
      <c r="EO707" s="613"/>
      <c r="EP707" s="613"/>
      <c r="EQ707" s="613"/>
      <c r="ER707" s="613"/>
      <c r="ES707" s="613"/>
      <c r="ET707" s="613"/>
      <c r="EU707" s="613"/>
      <c r="EV707" s="613"/>
      <c r="EW707" s="613"/>
      <c r="EX707" s="613"/>
      <c r="EY707" s="613"/>
      <c r="EZ707" s="613"/>
      <c r="FA707" s="613"/>
      <c r="FB707" s="613"/>
      <c r="FC707" s="613"/>
      <c r="FD707" s="613"/>
      <c r="FE707" s="613"/>
      <c r="FF707" s="613"/>
      <c r="FG707" s="613"/>
      <c r="FH707" s="613"/>
      <c r="FI707" s="613"/>
      <c r="FJ707" s="613"/>
      <c r="FK707" s="613"/>
      <c r="FL707" s="613"/>
      <c r="FM707" s="613"/>
      <c r="FN707" s="613"/>
      <c r="FO707" s="613"/>
      <c r="FP707" s="613"/>
      <c r="FQ707" s="613"/>
      <c r="FR707" s="613"/>
      <c r="FS707" s="613"/>
      <c r="FT707" s="613"/>
      <c r="FU707" s="613"/>
      <c r="FV707" s="613"/>
      <c r="FW707" s="613"/>
      <c r="FX707" s="613"/>
      <c r="FY707" s="613"/>
      <c r="FZ707" s="613"/>
      <c r="GA707" s="613"/>
      <c r="GB707" s="613"/>
      <c r="GC707" s="613"/>
      <c r="GD707" s="613"/>
      <c r="GE707" s="613"/>
      <c r="GF707" s="613"/>
      <c r="GG707" s="613"/>
      <c r="GH707" s="613"/>
      <c r="GI707" s="613"/>
      <c r="GJ707" s="613"/>
      <c r="GK707" s="613"/>
      <c r="GL707" s="613"/>
      <c r="GM707" s="613"/>
      <c r="GN707" s="613"/>
      <c r="GO707" s="613"/>
      <c r="GP707" s="613"/>
      <c r="GQ707" s="613"/>
      <c r="GR707" s="613"/>
      <c r="GS707" s="613"/>
      <c r="GT707" s="613"/>
      <c r="GU707" s="613"/>
      <c r="GV707" s="613"/>
      <c r="GW707" s="613"/>
      <c r="GX707" s="613"/>
      <c r="GY707" s="613"/>
      <c r="GZ707" s="613"/>
      <c r="HA707" s="613"/>
      <c r="HB707" s="613"/>
      <c r="HC707" s="613"/>
      <c r="HD707" s="613"/>
      <c r="HE707" s="613"/>
      <c r="HF707" s="613"/>
      <c r="HG707" s="613"/>
      <c r="HH707" s="613"/>
      <c r="HI707" s="613"/>
      <c r="HJ707" s="613"/>
      <c r="HK707" s="613"/>
      <c r="HL707" s="613"/>
      <c r="HM707" s="613"/>
      <c r="HN707" s="613"/>
      <c r="HO707" s="613"/>
      <c r="HP707" s="613"/>
      <c r="HQ707" s="613"/>
      <c r="HR707" s="613"/>
      <c r="HS707" s="613"/>
      <c r="HT707" s="613"/>
      <c r="HU707" s="613"/>
      <c r="HV707" s="613"/>
      <c r="HW707" s="613"/>
      <c r="HX707" s="613"/>
      <c r="HY707" s="613"/>
      <c r="HZ707" s="613"/>
      <c r="IA707" s="613"/>
      <c r="IB707" s="613"/>
      <c r="IC707" s="613"/>
      <c r="ID707" s="613"/>
      <c r="IE707" s="613"/>
      <c r="IF707" s="613"/>
      <c r="IG707" s="613"/>
      <c r="IH707" s="613"/>
      <c r="II707" s="613"/>
      <c r="IJ707" s="613"/>
      <c r="IK707" s="613"/>
      <c r="IL707" s="613"/>
      <c r="IM707" s="613"/>
      <c r="IN707" s="613"/>
      <c r="IO707" s="613"/>
      <c r="IP707" s="613"/>
      <c r="IQ707" s="613"/>
      <c r="IR707" s="613"/>
      <c r="IS707" s="613"/>
      <c r="IT707" s="613"/>
      <c r="IU707" s="613"/>
      <c r="IV707" s="613"/>
      <c r="IW707" s="613"/>
      <c r="IX707" s="613"/>
      <c r="IY707" s="613"/>
      <c r="IZ707" s="613"/>
      <c r="JA707" s="613"/>
      <c r="JB707" s="613"/>
      <c r="JC707" s="613"/>
      <c r="JD707" s="613"/>
      <c r="JE707" s="613"/>
      <c r="JF707" s="613"/>
      <c r="JG707" s="613"/>
      <c r="JH707" s="613"/>
      <c r="JI707" s="613"/>
      <c r="JJ707" s="613"/>
      <c r="JK707" s="613"/>
      <c r="JL707" s="613"/>
      <c r="JM707" s="613"/>
      <c r="JN707" s="613"/>
      <c r="JO707" s="613"/>
      <c r="JP707" s="613"/>
      <c r="JQ707" s="613"/>
      <c r="JR707" s="613"/>
      <c r="JS707" s="613"/>
      <c r="JT707" s="613"/>
      <c r="JU707" s="613"/>
      <c r="JV707" s="613"/>
      <c r="JW707" s="613"/>
      <c r="JX707" s="613"/>
      <c r="JY707" s="613"/>
      <c r="JZ707" s="613"/>
      <c r="KA707" s="613"/>
      <c r="KB707" s="613"/>
      <c r="KC707" s="613"/>
      <c r="KD707" s="613"/>
      <c r="KE707" s="613"/>
      <c r="KF707" s="613"/>
      <c r="KG707" s="613"/>
      <c r="KH707" s="613"/>
      <c r="KI707" s="613"/>
      <c r="KJ707" s="613"/>
      <c r="KK707" s="613"/>
      <c r="KL707" s="613"/>
      <c r="KM707" s="613"/>
      <c r="KN707" s="613"/>
      <c r="KO707" s="613"/>
      <c r="KP707" s="613"/>
      <c r="KQ707" s="613"/>
      <c r="KR707" s="613"/>
      <c r="KS707" s="613"/>
      <c r="KT707" s="613"/>
      <c r="KU707" s="613"/>
      <c r="KV707" s="613"/>
      <c r="KW707" s="613"/>
      <c r="KX707" s="613"/>
      <c r="KY707" s="613"/>
      <c r="KZ707" s="613"/>
      <c r="LA707" s="613"/>
      <c r="LB707" s="613"/>
      <c r="LC707" s="613"/>
      <c r="LD707" s="613"/>
      <c r="LE707" s="613"/>
      <c r="LF707" s="613"/>
      <c r="LG707" s="613"/>
      <c r="LH707" s="613"/>
      <c r="LI707" s="613"/>
      <c r="LJ707" s="613"/>
      <c r="LK707" s="613"/>
      <c r="LL707" s="613"/>
      <c r="LM707" s="613"/>
      <c r="LN707" s="613"/>
      <c r="LO707" s="613"/>
      <c r="LP707" s="613"/>
      <c r="LQ707" s="613"/>
      <c r="LR707" s="613"/>
      <c r="LS707" s="613"/>
      <c r="LT707" s="613"/>
      <c r="LU707" s="613"/>
      <c r="LV707" s="613"/>
      <c r="LW707" s="613"/>
      <c r="LX707" s="613"/>
      <c r="LY707" s="613"/>
      <c r="LZ707" s="613"/>
      <c r="MA707" s="613"/>
      <c r="MB707" s="613"/>
      <c r="MC707" s="613"/>
      <c r="MD707" s="613"/>
      <c r="ME707" s="613"/>
      <c r="MF707" s="613"/>
      <c r="MG707" s="613"/>
      <c r="MH707" s="613"/>
      <c r="MI707" s="613"/>
      <c r="MJ707" s="613"/>
      <c r="MK707" s="613"/>
      <c r="ML707" s="613"/>
      <c r="MM707" s="613"/>
      <c r="MN707" s="613"/>
      <c r="MO707" s="613"/>
      <c r="MP707" s="613"/>
      <c r="MQ707" s="613"/>
      <c r="MR707" s="613"/>
      <c r="MS707" s="613"/>
      <c r="MT707" s="613"/>
      <c r="MU707" s="613"/>
      <c r="MV707" s="613"/>
      <c r="MW707" s="613"/>
      <c r="MX707" s="613"/>
      <c r="MY707" s="613"/>
      <c r="MZ707" s="613"/>
      <c r="NA707" s="613"/>
      <c r="NB707" s="613"/>
      <c r="NC707" s="613"/>
      <c r="ND707" s="613"/>
      <c r="NE707" s="613"/>
      <c r="NF707" s="613"/>
      <c r="NG707" s="613"/>
      <c r="NH707" s="613"/>
      <c r="NI707" s="613"/>
      <c r="NJ707" s="613"/>
      <c r="NK707" s="613"/>
      <c r="NL707" s="613"/>
      <c r="NM707" s="613"/>
      <c r="NN707" s="613"/>
      <c r="NO707" s="613"/>
      <c r="NP707" s="613"/>
      <c r="NQ707" s="613"/>
      <c r="NR707" s="613"/>
      <c r="NS707" s="613"/>
      <c r="NT707" s="613"/>
      <c r="NU707" s="613"/>
      <c r="NV707" s="613"/>
      <c r="NW707" s="613"/>
      <c r="NX707" s="613"/>
      <c r="NY707" s="613"/>
      <c r="NZ707" s="613"/>
      <c r="OA707" s="613"/>
      <c r="OB707" s="613"/>
      <c r="OC707" s="613"/>
      <c r="OD707" s="613"/>
      <c r="OE707" s="613"/>
      <c r="OF707" s="613"/>
      <c r="OG707" s="613"/>
      <c r="OH707" s="613"/>
      <c r="OI707" s="613"/>
      <c r="OJ707" s="613"/>
      <c r="OK707" s="613"/>
      <c r="OL707" s="613"/>
      <c r="OM707" s="613"/>
      <c r="ON707" s="613"/>
      <c r="OO707" s="613"/>
      <c r="OP707" s="613"/>
      <c r="OQ707" s="613"/>
      <c r="OR707" s="613"/>
      <c r="OS707" s="613"/>
      <c r="OT707" s="613"/>
      <c r="OU707" s="613"/>
      <c r="OV707" s="613"/>
      <c r="OW707" s="613"/>
      <c r="OX707" s="613"/>
      <c r="OY707" s="613"/>
      <c r="OZ707" s="613"/>
      <c r="PA707" s="613"/>
      <c r="PB707" s="613"/>
      <c r="PC707" s="613"/>
      <c r="PD707" s="613"/>
      <c r="PE707" s="613"/>
      <c r="PF707" s="613"/>
      <c r="PG707" s="613"/>
      <c r="PH707" s="613"/>
      <c r="PI707" s="613"/>
      <c r="PJ707" s="613"/>
      <c r="PK707" s="613"/>
      <c r="PL707" s="613"/>
      <c r="PM707" s="613"/>
      <c r="PN707" s="613"/>
      <c r="PO707" s="613"/>
      <c r="PP707" s="613"/>
      <c r="PQ707" s="613"/>
      <c r="PR707" s="613"/>
      <c r="PS707" s="613"/>
      <c r="PT707" s="613"/>
      <c r="PU707" s="613"/>
      <c r="PV707" s="613"/>
      <c r="PW707" s="613"/>
      <c r="PX707" s="613"/>
      <c r="PY707" s="613"/>
      <c r="PZ707" s="613"/>
      <c r="QA707" s="613"/>
      <c r="QB707" s="613"/>
      <c r="QC707" s="613"/>
      <c r="QD707" s="613"/>
      <c r="QE707" s="613"/>
      <c r="QF707" s="613"/>
      <c r="QG707" s="613"/>
      <c r="QH707" s="613"/>
      <c r="QI707" s="613"/>
      <c r="QJ707" s="613"/>
      <c r="QK707" s="613"/>
      <c r="QL707" s="613"/>
      <c r="QM707" s="613"/>
      <c r="QN707" s="613"/>
      <c r="QO707" s="613"/>
      <c r="QP707" s="613"/>
      <c r="QQ707" s="613"/>
      <c r="QR707" s="613"/>
      <c r="QS707" s="613"/>
      <c r="QT707" s="613"/>
      <c r="QU707" s="613"/>
      <c r="QV707" s="613"/>
      <c r="QW707" s="613"/>
      <c r="QX707" s="613"/>
      <c r="QY707" s="613"/>
      <c r="QZ707" s="613"/>
      <c r="RA707" s="613"/>
      <c r="RB707" s="613"/>
      <c r="RC707" s="613"/>
      <c r="RD707" s="613"/>
      <c r="RE707" s="613"/>
      <c r="RF707" s="613"/>
      <c r="RG707" s="613"/>
      <c r="RH707" s="613"/>
      <c r="RI707" s="613"/>
      <c r="RJ707" s="613"/>
      <c r="RK707" s="613"/>
      <c r="RL707" s="613"/>
      <c r="RM707" s="613"/>
      <c r="RN707" s="613"/>
      <c r="RO707" s="613"/>
      <c r="RP707" s="613"/>
      <c r="RQ707" s="613"/>
      <c r="RR707" s="613"/>
      <c r="RS707" s="613"/>
      <c r="RT707" s="613"/>
      <c r="RU707" s="613"/>
      <c r="RV707" s="613"/>
      <c r="RW707" s="613"/>
      <c r="RX707" s="613"/>
      <c r="RY707" s="613"/>
      <c r="RZ707" s="613"/>
      <c r="SA707" s="613"/>
      <c r="SB707" s="613"/>
      <c r="SC707" s="613"/>
      <c r="SD707" s="613"/>
      <c r="SE707" s="613"/>
      <c r="SF707" s="613"/>
      <c r="SG707" s="613"/>
      <c r="SH707" s="613"/>
      <c r="SI707" s="613"/>
      <c r="SJ707" s="613"/>
      <c r="SK707" s="613"/>
      <c r="SL707" s="613"/>
      <c r="SM707" s="613"/>
      <c r="SN707" s="613"/>
      <c r="SO707" s="613"/>
      <c r="SP707" s="613"/>
      <c r="SQ707" s="613"/>
      <c r="SR707" s="613"/>
      <c r="SS707" s="613"/>
      <c r="ST707" s="613"/>
      <c r="SU707" s="613"/>
      <c r="SV707" s="613"/>
      <c r="SW707" s="613"/>
      <c r="SX707" s="613"/>
      <c r="SY707" s="613"/>
      <c r="SZ707" s="613"/>
      <c r="TA707" s="613"/>
      <c r="TB707" s="613"/>
      <c r="TC707" s="613"/>
      <c r="TD707" s="613"/>
      <c r="TE707" s="613"/>
      <c r="TF707" s="613"/>
      <c r="TG707" s="613"/>
      <c r="TH707" s="613"/>
      <c r="TI707" s="613"/>
      <c r="TJ707" s="613"/>
      <c r="TK707" s="613"/>
      <c r="TL707" s="613"/>
      <c r="TM707" s="613"/>
      <c r="TN707" s="613"/>
      <c r="TO707" s="613"/>
      <c r="TP707" s="613"/>
      <c r="TQ707" s="613"/>
      <c r="TR707" s="613"/>
      <c r="TS707" s="613"/>
      <c r="TT707" s="613"/>
      <c r="TU707" s="613"/>
      <c r="TV707" s="613"/>
      <c r="TW707" s="613"/>
      <c r="TX707" s="613"/>
      <c r="TY707" s="613"/>
      <c r="TZ707" s="613"/>
      <c r="UA707" s="613"/>
      <c r="UB707" s="613"/>
      <c r="UC707" s="613"/>
      <c r="UD707" s="613"/>
      <c r="UE707" s="613"/>
      <c r="UF707" s="613"/>
      <c r="UG707" s="613"/>
      <c r="UH707" s="613"/>
      <c r="UI707" s="613"/>
      <c r="UJ707" s="613"/>
      <c r="UK707" s="613"/>
      <c r="UL707" s="613"/>
      <c r="UM707" s="613"/>
      <c r="UN707" s="613"/>
      <c r="UO707" s="613"/>
      <c r="UP707" s="613"/>
      <c r="UQ707" s="613"/>
      <c r="UR707" s="613"/>
      <c r="US707" s="613"/>
      <c r="UT707" s="613"/>
      <c r="UU707" s="613"/>
      <c r="UV707" s="613"/>
      <c r="UW707" s="613"/>
      <c r="UX707" s="613"/>
      <c r="UY707" s="613"/>
      <c r="UZ707" s="613"/>
      <c r="VA707" s="613"/>
      <c r="VB707" s="613"/>
      <c r="VC707" s="613"/>
      <c r="VD707" s="613"/>
      <c r="VE707" s="613"/>
      <c r="VF707" s="613"/>
      <c r="VG707" s="613"/>
      <c r="VH707" s="613"/>
      <c r="VI707" s="613"/>
      <c r="VJ707" s="613"/>
      <c r="VK707" s="613"/>
      <c r="VL707" s="613"/>
      <c r="VM707" s="613"/>
      <c r="VN707" s="613"/>
      <c r="VO707" s="613"/>
      <c r="VP707" s="613"/>
      <c r="VQ707" s="613"/>
      <c r="VR707" s="613"/>
      <c r="VS707" s="613"/>
      <c r="VT707" s="613"/>
      <c r="VU707" s="613"/>
      <c r="VV707" s="613"/>
      <c r="VW707" s="613"/>
      <c r="VX707" s="613"/>
      <c r="VY707" s="613"/>
      <c r="VZ707" s="613"/>
      <c r="WA707" s="613"/>
      <c r="WB707" s="613"/>
      <c r="WC707" s="613"/>
      <c r="WD707" s="613"/>
      <c r="WE707" s="613"/>
      <c r="WF707" s="613"/>
      <c r="WG707" s="613"/>
      <c r="WH707" s="613"/>
      <c r="WI707" s="613"/>
      <c r="WJ707" s="613"/>
      <c r="WK707" s="613"/>
      <c r="WL707" s="613"/>
      <c r="WM707" s="613"/>
      <c r="WN707" s="613"/>
      <c r="WO707" s="613"/>
      <c r="WP707" s="613"/>
      <c r="WQ707" s="613"/>
      <c r="WR707" s="613"/>
      <c r="WS707" s="613"/>
      <c r="WT707" s="613"/>
      <c r="WU707" s="613"/>
      <c r="WV707" s="613"/>
      <c r="WW707" s="613"/>
      <c r="WX707" s="613"/>
      <c r="WY707" s="613"/>
      <c r="WZ707" s="613"/>
      <c r="XA707" s="613"/>
      <c r="XB707" s="613"/>
      <c r="XC707" s="613"/>
      <c r="XD707" s="613"/>
      <c r="XE707" s="613"/>
      <c r="XF707" s="613"/>
      <c r="XG707" s="613"/>
      <c r="XH707" s="613"/>
      <c r="XI707" s="613"/>
      <c r="XJ707" s="613"/>
      <c r="XK707" s="613"/>
      <c r="XL707" s="613"/>
      <c r="XM707" s="613"/>
      <c r="XN707" s="613"/>
      <c r="XO707" s="613"/>
      <c r="XP707" s="613"/>
      <c r="XQ707" s="613"/>
      <c r="XR707" s="613"/>
      <c r="XS707" s="613"/>
      <c r="XT707" s="613"/>
      <c r="XU707" s="613"/>
      <c r="XV707" s="613"/>
      <c r="XW707" s="613"/>
      <c r="XX707" s="613"/>
      <c r="XY707" s="613"/>
      <c r="XZ707" s="613"/>
      <c r="YA707" s="613"/>
      <c r="YB707" s="613"/>
      <c r="YC707" s="613"/>
      <c r="YD707" s="613"/>
      <c r="YE707" s="613"/>
      <c r="YF707" s="613"/>
      <c r="YG707" s="613"/>
      <c r="YH707" s="613"/>
      <c r="YI707" s="613"/>
      <c r="YJ707" s="613"/>
      <c r="YK707" s="613"/>
      <c r="YL707" s="613"/>
      <c r="YM707" s="613"/>
      <c r="YN707" s="613"/>
      <c r="YO707" s="613"/>
      <c r="YP707" s="613"/>
      <c r="YQ707" s="613"/>
      <c r="YR707" s="613"/>
      <c r="YS707" s="613"/>
      <c r="YT707" s="613"/>
      <c r="YU707" s="613"/>
      <c r="YV707" s="613"/>
      <c r="YW707" s="613"/>
      <c r="YX707" s="613"/>
      <c r="YY707" s="613"/>
      <c r="YZ707" s="613"/>
      <c r="ZA707" s="613"/>
      <c r="ZB707" s="613"/>
      <c r="ZC707" s="613"/>
      <c r="ZD707" s="613"/>
      <c r="ZE707" s="613"/>
      <c r="ZF707" s="613"/>
      <c r="ZG707" s="613"/>
      <c r="ZH707" s="613"/>
      <c r="ZI707" s="613"/>
      <c r="ZJ707" s="613"/>
      <c r="ZK707" s="613"/>
      <c r="ZL707" s="613"/>
      <c r="ZM707" s="613"/>
      <c r="ZN707" s="613"/>
      <c r="ZO707" s="613"/>
      <c r="ZP707" s="613"/>
      <c r="ZQ707" s="613"/>
      <c r="ZR707" s="613"/>
      <c r="ZS707" s="613"/>
      <c r="ZT707" s="613"/>
      <c r="ZU707" s="613"/>
      <c r="ZV707" s="613"/>
      <c r="ZW707" s="613"/>
      <c r="ZX707" s="613"/>
      <c r="ZY707" s="613"/>
      <c r="ZZ707" s="613"/>
      <c r="AAA707" s="613"/>
      <c r="AAB707" s="613"/>
      <c r="AAC707" s="613"/>
      <c r="AAD707" s="613"/>
      <c r="AAE707" s="613"/>
      <c r="AAF707" s="613"/>
      <c r="AAG707" s="613"/>
      <c r="AAH707" s="613"/>
      <c r="AAI707" s="613"/>
      <c r="AAJ707" s="613"/>
      <c r="AAK707" s="613"/>
      <c r="AAL707" s="613"/>
      <c r="AAM707" s="613"/>
      <c r="AAN707" s="613"/>
      <c r="AAO707" s="613"/>
      <c r="AAP707" s="613"/>
      <c r="AAQ707" s="613"/>
      <c r="AAR707" s="613"/>
      <c r="AAS707" s="613"/>
      <c r="AAT707" s="613"/>
      <c r="AAU707" s="613"/>
      <c r="AAV707" s="613"/>
      <c r="AAW707" s="613"/>
      <c r="AAX707" s="613"/>
      <c r="AAY707" s="613"/>
      <c r="AAZ707" s="613"/>
      <c r="ABA707" s="613"/>
      <c r="ABB707" s="613"/>
      <c r="ABC707" s="613"/>
      <c r="ABD707" s="613"/>
      <c r="ABE707" s="613"/>
      <c r="ABF707" s="613"/>
      <c r="ABG707" s="613"/>
      <c r="ABH707" s="613"/>
      <c r="ABI707" s="613"/>
      <c r="ABJ707" s="613"/>
      <c r="ABK707" s="613"/>
      <c r="ABL707" s="613"/>
      <c r="ABM707" s="613"/>
      <c r="ABN707" s="613"/>
      <c r="ABO707" s="613"/>
      <c r="ABP707" s="613"/>
      <c r="ABQ707" s="613"/>
      <c r="ABR707" s="613"/>
      <c r="ABS707" s="613"/>
      <c r="ABT707" s="613"/>
      <c r="ABU707" s="613"/>
      <c r="ABV707" s="613"/>
      <c r="ABW707" s="613"/>
      <c r="ABX707" s="613"/>
      <c r="ABY707" s="613"/>
      <c r="ABZ707" s="613"/>
      <c r="ACA707" s="613"/>
      <c r="ACB707" s="613"/>
      <c r="ACC707" s="613"/>
      <c r="ACD707" s="613"/>
      <c r="ACE707" s="613"/>
      <c r="ACF707" s="613"/>
      <c r="ACG707" s="613"/>
      <c r="ACH707" s="613"/>
      <c r="ACI707" s="613"/>
      <c r="ACJ707" s="613"/>
      <c r="ACK707" s="613"/>
      <c r="ACL707" s="613"/>
      <c r="ACM707" s="613"/>
      <c r="ACN707" s="613"/>
      <c r="ACO707" s="613"/>
      <c r="ACP707" s="613"/>
      <c r="ACQ707" s="613"/>
      <c r="ACR707" s="613"/>
      <c r="ACS707" s="613"/>
      <c r="ACT707" s="613"/>
      <c r="ACU707" s="613"/>
      <c r="ACV707" s="613"/>
      <c r="ACW707" s="613"/>
      <c r="ACX707" s="613"/>
      <c r="ACY707" s="613"/>
      <c r="ACZ707" s="613"/>
      <c r="ADA707" s="613"/>
      <c r="ADB707" s="613"/>
      <c r="ADC707" s="613"/>
      <c r="ADD707" s="613"/>
      <c r="ADE707" s="613"/>
      <c r="ADF707" s="613"/>
      <c r="ADG707" s="613"/>
      <c r="ADH707" s="613"/>
      <c r="ADI707" s="613"/>
      <c r="ADJ707" s="613"/>
      <c r="ADK707" s="613"/>
      <c r="ADL707" s="613"/>
      <c r="ADM707" s="613"/>
      <c r="ADN707" s="613"/>
      <c r="ADO707" s="613"/>
      <c r="ADP707" s="613"/>
      <c r="ADQ707" s="613"/>
      <c r="ADR707" s="613"/>
      <c r="ADS707" s="613"/>
      <c r="ADT707" s="613"/>
      <c r="ADU707" s="613"/>
      <c r="ADV707" s="613"/>
      <c r="ADW707" s="613"/>
      <c r="ADX707" s="613"/>
      <c r="ADY707" s="613"/>
      <c r="ADZ707" s="613"/>
      <c r="AEA707" s="613"/>
      <c r="AEB707" s="613"/>
      <c r="AEC707" s="613"/>
      <c r="AED707" s="613"/>
      <c r="AEE707" s="613"/>
      <c r="AEF707" s="613"/>
      <c r="AEG707" s="613"/>
      <c r="AEH707" s="613"/>
      <c r="AEI707" s="613"/>
      <c r="AEJ707" s="613"/>
      <c r="AEK707" s="613"/>
      <c r="AEL707" s="613"/>
      <c r="AEM707" s="613"/>
      <c r="AEN707" s="613"/>
      <c r="AEO707" s="613"/>
      <c r="AEP707" s="613"/>
      <c r="AEQ707" s="613"/>
      <c r="AER707" s="613"/>
      <c r="AES707" s="613"/>
      <c r="AET707" s="613"/>
      <c r="AEU707" s="613"/>
      <c r="AEV707" s="613"/>
      <c r="AEW707" s="613"/>
      <c r="AEX707" s="613"/>
      <c r="AEY707" s="613"/>
      <c r="AEZ707" s="613"/>
      <c r="AFA707" s="613"/>
      <c r="AFB707" s="613"/>
      <c r="AFC707" s="613"/>
      <c r="AFD707" s="613"/>
      <c r="AFE707" s="613"/>
      <c r="AFF707" s="613"/>
      <c r="AFG707" s="613"/>
      <c r="AFH707" s="613"/>
      <c r="AFI707" s="613"/>
      <c r="AFJ707" s="613"/>
      <c r="AFK707" s="613"/>
      <c r="AFL707" s="613"/>
      <c r="AFM707" s="613"/>
      <c r="AFN707" s="613"/>
      <c r="AFO707" s="613"/>
      <c r="AFP707" s="613"/>
      <c r="AFQ707" s="613"/>
      <c r="AFR707" s="613"/>
      <c r="AFS707" s="613"/>
      <c r="AFT707" s="613"/>
      <c r="AFU707" s="613"/>
      <c r="AFV707" s="613"/>
      <c r="AFW707" s="613"/>
      <c r="AFX707" s="613"/>
      <c r="AFY707" s="613"/>
      <c r="AFZ707" s="613"/>
      <c r="AGA707" s="613"/>
      <c r="AGB707" s="613"/>
      <c r="AGC707" s="613"/>
      <c r="AGD707" s="613"/>
      <c r="AGE707" s="613"/>
      <c r="AGF707" s="613"/>
      <c r="AGG707" s="613"/>
      <c r="AGH707" s="613"/>
      <c r="AGI707" s="613"/>
      <c r="AGJ707" s="613"/>
      <c r="AGK707" s="613"/>
      <c r="AGL707" s="613"/>
      <c r="AGM707" s="613"/>
      <c r="AGN707" s="613"/>
      <c r="AGO707" s="613"/>
      <c r="AGP707" s="613"/>
      <c r="AGQ707" s="613"/>
      <c r="AGR707" s="613"/>
      <c r="AGS707" s="613"/>
      <c r="AGT707" s="613"/>
      <c r="AGU707" s="613"/>
      <c r="AGV707" s="613"/>
      <c r="AGW707" s="613"/>
      <c r="AGX707" s="613"/>
      <c r="AGY707" s="613"/>
      <c r="AGZ707" s="613"/>
      <c r="AHA707" s="613"/>
      <c r="AHB707" s="613"/>
      <c r="AHC707" s="613"/>
      <c r="AHD707" s="613"/>
      <c r="AHE707" s="613"/>
      <c r="AHF707" s="613"/>
      <c r="AHG707" s="613"/>
      <c r="AHH707" s="613"/>
      <c r="AHI707" s="613"/>
      <c r="AHJ707" s="613"/>
      <c r="AHK707" s="613"/>
      <c r="AHL707" s="613"/>
      <c r="AHM707" s="613"/>
      <c r="AHN707" s="613"/>
      <c r="AHO707" s="613"/>
      <c r="AHP707" s="613"/>
      <c r="AHQ707" s="613"/>
      <c r="AHR707" s="613"/>
      <c r="AHS707" s="613"/>
      <c r="AHT707" s="613"/>
      <c r="AHU707" s="613"/>
      <c r="AHV707" s="613"/>
      <c r="AHW707" s="613"/>
      <c r="AHX707" s="613"/>
      <c r="AHY707" s="613"/>
      <c r="AHZ707" s="613"/>
      <c r="AIA707" s="613"/>
      <c r="AIB707" s="613"/>
      <c r="AIC707" s="613"/>
      <c r="AID707" s="613"/>
      <c r="AIE707" s="613"/>
      <c r="AIF707" s="613"/>
      <c r="AIG707" s="613"/>
      <c r="AIH707" s="613"/>
      <c r="AII707" s="613"/>
      <c r="AIJ707" s="613"/>
      <c r="AIK707" s="613"/>
      <c r="AIL707" s="613"/>
      <c r="AIM707" s="613"/>
      <c r="AIN707" s="613"/>
      <c r="AIO707" s="613"/>
      <c r="AIP707" s="613"/>
      <c r="AIQ707" s="613"/>
      <c r="AIR707" s="613"/>
      <c r="AIS707" s="613"/>
      <c r="AIT707" s="613"/>
      <c r="AIU707" s="613"/>
      <c r="AIV707" s="613"/>
      <c r="AIW707" s="613"/>
      <c r="AIX707" s="613"/>
      <c r="AIY707" s="613"/>
      <c r="AIZ707" s="613"/>
      <c r="AJA707" s="613"/>
      <c r="AJB707" s="613"/>
      <c r="AJC707" s="613"/>
      <c r="AJD707" s="613"/>
      <c r="AJE707" s="613"/>
      <c r="AJF707" s="613"/>
      <c r="AJG707" s="613"/>
      <c r="AJH707" s="613"/>
      <c r="AJI707" s="613"/>
      <c r="AJJ707" s="613"/>
      <c r="AJK707" s="613"/>
      <c r="AJL707" s="613"/>
      <c r="AJM707" s="613"/>
      <c r="AJN707" s="613"/>
      <c r="AJO707" s="613"/>
      <c r="AJP707" s="613"/>
      <c r="AJQ707" s="613"/>
      <c r="AJR707" s="613"/>
      <c r="AJS707" s="613"/>
      <c r="AJT707" s="613"/>
      <c r="AJU707" s="613"/>
      <c r="AJV707" s="613"/>
      <c r="AJW707" s="613"/>
      <c r="AJX707" s="613"/>
      <c r="AJY707" s="613"/>
      <c r="AJZ707" s="613"/>
      <c r="AKA707" s="613"/>
      <c r="AKB707" s="613"/>
      <c r="AKC707" s="613"/>
      <c r="AKD707" s="613"/>
      <c r="AKE707" s="613"/>
      <c r="AKF707" s="613"/>
      <c r="AKG707" s="613"/>
      <c r="AKH707" s="613"/>
      <c r="AKI707" s="613"/>
      <c r="AKJ707" s="613"/>
      <c r="AKK707" s="613"/>
      <c r="AKL707" s="613"/>
      <c r="AKM707" s="613"/>
      <c r="AKN707" s="613"/>
      <c r="AKO707" s="613"/>
      <c r="AKP707" s="613"/>
      <c r="AKQ707" s="613"/>
      <c r="AKR707" s="613"/>
      <c r="AKS707" s="613"/>
      <c r="AKT707" s="613"/>
      <c r="AKU707" s="613"/>
      <c r="AKV707" s="613"/>
      <c r="AKW707" s="613"/>
      <c r="AKX707" s="613"/>
      <c r="AKY707" s="613"/>
      <c r="AKZ707" s="613"/>
      <c r="ALA707" s="613"/>
      <c r="ALB707" s="613"/>
      <c r="ALC707" s="613"/>
      <c r="ALD707" s="613"/>
      <c r="ALE707" s="613"/>
      <c r="ALF707" s="613"/>
      <c r="ALG707" s="613"/>
      <c r="ALH707" s="613"/>
      <c r="ALI707" s="613"/>
      <c r="ALJ707" s="613"/>
      <c r="ALK707" s="613"/>
      <c r="ALL707" s="613"/>
      <c r="ALM707" s="613"/>
      <c r="ALN707" s="613"/>
      <c r="ALO707" s="613"/>
      <c r="ALP707" s="613"/>
      <c r="ALQ707" s="613"/>
      <c r="ALR707" s="613"/>
      <c r="ALS707" s="613"/>
      <c r="ALT707" s="613"/>
      <c r="ALU707" s="613"/>
      <c r="ALV707" s="613"/>
      <c r="ALW707" s="613"/>
      <c r="ALX707" s="613"/>
      <c r="ALY707" s="613"/>
      <c r="ALZ707" s="613"/>
      <c r="AMA707" s="613"/>
      <c r="AMB707" s="613"/>
      <c r="AMC707" s="613"/>
      <c r="AMD707" s="613"/>
      <c r="AME707" s="613"/>
      <c r="AMF707" s="613"/>
      <c r="AMG707" s="613"/>
      <c r="AMH707" s="613"/>
      <c r="AMI707" s="613"/>
      <c r="AMJ707" s="613"/>
      <c r="AMK707" s="613"/>
      <c r="AML707" s="613"/>
      <c r="AMM707" s="613"/>
      <c r="AMN707" s="613"/>
      <c r="AMO707" s="613"/>
      <c r="AMP707" s="613"/>
      <c r="AMQ707" s="613"/>
      <c r="AMR707" s="613"/>
      <c r="AMS707" s="613"/>
      <c r="AMT707" s="613"/>
      <c r="AMU707" s="613"/>
      <c r="AMV707" s="613"/>
      <c r="AMW707" s="613"/>
      <c r="AMX707" s="613"/>
      <c r="AMY707" s="613"/>
      <c r="AMZ707" s="613"/>
      <c r="ANA707" s="613"/>
      <c r="ANB707" s="613"/>
      <c r="ANC707" s="613"/>
      <c r="AND707" s="613"/>
      <c r="ANE707" s="613"/>
      <c r="ANF707" s="613"/>
      <c r="ANG707" s="613"/>
      <c r="ANH707" s="613"/>
      <c r="ANI707" s="613"/>
      <c r="ANJ707" s="613"/>
      <c r="ANK707" s="613"/>
      <c r="ANL707" s="613"/>
      <c r="ANM707" s="613"/>
      <c r="ANN707" s="613"/>
      <c r="ANO707" s="613"/>
      <c r="ANP707" s="613"/>
      <c r="ANQ707" s="613"/>
      <c r="ANR707" s="613"/>
      <c r="ANS707" s="613"/>
      <c r="ANT707" s="613"/>
      <c r="ANU707" s="613"/>
      <c r="ANV707" s="613"/>
      <c r="ANW707" s="613"/>
      <c r="ANX707" s="613"/>
      <c r="ANY707" s="613"/>
      <c r="ANZ707" s="613"/>
      <c r="AOA707" s="613"/>
      <c r="AOB707" s="613"/>
      <c r="AOC707" s="613"/>
      <c r="AOD707" s="613"/>
      <c r="AOE707" s="613"/>
      <c r="AOF707" s="613"/>
      <c r="AOG707" s="613"/>
      <c r="AOH707" s="613"/>
      <c r="AOI707" s="613"/>
      <c r="AOJ707" s="613"/>
      <c r="AOK707" s="613"/>
      <c r="AOL707" s="613"/>
      <c r="AOM707" s="613"/>
      <c r="AON707" s="613"/>
      <c r="AOO707" s="613"/>
      <c r="AOP707" s="613"/>
      <c r="AOQ707" s="613"/>
      <c r="AOR707" s="613"/>
      <c r="AOS707" s="613"/>
      <c r="AOT707" s="613"/>
      <c r="AOU707" s="613"/>
      <c r="AOV707" s="613"/>
      <c r="AOW707" s="613"/>
      <c r="AOX707" s="613"/>
      <c r="AOY707" s="613"/>
      <c r="AOZ707" s="613"/>
      <c r="APA707" s="613"/>
      <c r="APB707" s="613"/>
      <c r="APC707" s="613"/>
      <c r="APD707" s="613"/>
      <c r="APE707" s="613"/>
      <c r="APF707" s="613"/>
      <c r="APG707" s="613"/>
      <c r="APH707" s="613"/>
      <c r="API707" s="613"/>
      <c r="APJ707" s="613"/>
      <c r="APK707" s="613"/>
      <c r="APL707" s="613"/>
      <c r="APM707" s="613"/>
      <c r="APN707" s="613"/>
      <c r="APO707" s="613"/>
      <c r="APP707" s="613"/>
      <c r="APQ707" s="613"/>
      <c r="APR707" s="613"/>
      <c r="APS707" s="613"/>
      <c r="APT707" s="613"/>
      <c r="APU707" s="613"/>
      <c r="APV707" s="613"/>
      <c r="APW707" s="613"/>
      <c r="APX707" s="613"/>
      <c r="APY707" s="613"/>
      <c r="APZ707" s="613"/>
      <c r="AQA707" s="613"/>
      <c r="AQB707" s="613"/>
      <c r="AQC707" s="613"/>
      <c r="AQD707" s="613"/>
      <c r="AQE707" s="613"/>
      <c r="AQF707" s="613"/>
      <c r="AQG707" s="613"/>
      <c r="AQH707" s="613"/>
      <c r="AQI707" s="613"/>
      <c r="AQJ707" s="613"/>
      <c r="AQK707" s="613"/>
      <c r="AQL707" s="613"/>
      <c r="AQM707" s="613"/>
      <c r="AQN707" s="613"/>
      <c r="AQO707" s="613"/>
      <c r="AQP707" s="613"/>
      <c r="AQQ707" s="613"/>
      <c r="AQR707" s="613"/>
      <c r="AQS707" s="613"/>
      <c r="AQT707" s="613"/>
      <c r="AQU707" s="613"/>
      <c r="AQV707" s="613"/>
      <c r="AQW707" s="613"/>
      <c r="AQX707" s="613"/>
      <c r="AQY707" s="613"/>
      <c r="AQZ707" s="613"/>
      <c r="ARA707" s="613"/>
      <c r="ARB707" s="613"/>
      <c r="ARC707" s="613"/>
      <c r="ARD707" s="613"/>
      <c r="ARE707" s="613"/>
      <c r="ARF707" s="613"/>
      <c r="ARG707" s="613"/>
      <c r="ARH707" s="613"/>
      <c r="ARI707" s="613"/>
      <c r="ARJ707" s="613"/>
      <c r="ARK707" s="613"/>
      <c r="ARL707" s="613"/>
      <c r="ARM707" s="613"/>
      <c r="ARN707" s="613"/>
      <c r="ARO707" s="613"/>
      <c r="ARP707" s="613"/>
      <c r="ARQ707" s="613"/>
      <c r="ARR707" s="613"/>
      <c r="ARS707" s="613"/>
      <c r="ART707" s="613"/>
      <c r="ARU707" s="613"/>
      <c r="ARV707" s="613"/>
      <c r="ARW707" s="613"/>
      <c r="ARX707" s="613"/>
      <c r="ARY707" s="613"/>
      <c r="ARZ707" s="613"/>
      <c r="ASA707" s="613"/>
      <c r="ASB707" s="613"/>
      <c r="ASC707" s="613"/>
      <c r="ASD707" s="613"/>
      <c r="ASE707" s="613"/>
      <c r="ASF707" s="613"/>
      <c r="ASG707" s="613"/>
      <c r="ASH707" s="613"/>
      <c r="ASI707" s="613"/>
      <c r="ASJ707" s="613"/>
      <c r="ASK707" s="613"/>
      <c r="ASL707" s="613"/>
      <c r="ASM707" s="613"/>
      <c r="ASN707" s="613"/>
      <c r="ASO707" s="613"/>
      <c r="ASP707" s="613"/>
      <c r="ASQ707" s="613"/>
      <c r="ASR707" s="613"/>
      <c r="ASS707" s="613"/>
      <c r="AST707" s="613"/>
      <c r="ASU707" s="613"/>
      <c r="ASV707" s="613"/>
      <c r="ASW707" s="613"/>
      <c r="ASX707" s="613"/>
      <c r="ASY707" s="613"/>
      <c r="ASZ707" s="613"/>
      <c r="ATA707" s="613"/>
      <c r="ATB707" s="613"/>
      <c r="ATC707" s="613"/>
      <c r="ATD707" s="613"/>
      <c r="ATE707" s="613"/>
      <c r="ATF707" s="613"/>
      <c r="ATG707" s="613"/>
      <c r="ATH707" s="613"/>
      <c r="ATI707" s="613"/>
      <c r="ATJ707" s="613"/>
      <c r="ATK707" s="613"/>
      <c r="ATL707" s="613"/>
      <c r="ATM707" s="613"/>
      <c r="ATN707" s="613"/>
      <c r="ATO707" s="613"/>
      <c r="ATP707" s="613"/>
      <c r="ATQ707" s="613"/>
      <c r="ATR707" s="613"/>
      <c r="ATS707" s="613"/>
      <c r="ATT707" s="613"/>
      <c r="ATU707" s="613"/>
      <c r="ATV707" s="613"/>
      <c r="ATW707" s="613"/>
      <c r="ATX707" s="613"/>
      <c r="ATY707" s="613"/>
      <c r="ATZ707" s="613"/>
      <c r="AUA707" s="613"/>
      <c r="AUB707" s="613"/>
      <c r="AUC707" s="613"/>
      <c r="AUD707" s="613"/>
      <c r="AUE707" s="613"/>
      <c r="AUF707" s="613"/>
      <c r="AUG707" s="613"/>
      <c r="AUH707" s="613"/>
      <c r="AUI707" s="613"/>
      <c r="AUJ707" s="613"/>
      <c r="AUK707" s="613"/>
      <c r="AUL707" s="613"/>
      <c r="AUM707" s="613"/>
      <c r="AUN707" s="613"/>
      <c r="AUO707" s="613"/>
      <c r="AUP707" s="613"/>
      <c r="AUQ707" s="613"/>
      <c r="AUR707" s="613"/>
      <c r="AUS707" s="613"/>
      <c r="AUT707" s="613"/>
      <c r="AUU707" s="613"/>
      <c r="AUV707" s="613"/>
      <c r="AUW707" s="613"/>
      <c r="AUX707" s="613"/>
      <c r="AUY707" s="613"/>
      <c r="AUZ707" s="613"/>
      <c r="AVA707" s="613"/>
      <c r="AVB707" s="613"/>
      <c r="AVC707" s="613"/>
      <c r="AVD707" s="613"/>
      <c r="AVE707" s="613"/>
      <c r="AVF707" s="613"/>
      <c r="AVG707" s="613"/>
      <c r="AVH707" s="613"/>
      <c r="AVI707" s="613"/>
      <c r="AVJ707" s="613"/>
      <c r="AVK707" s="613"/>
      <c r="AVL707" s="613"/>
      <c r="AVM707" s="613"/>
      <c r="AVN707" s="613"/>
      <c r="AVO707" s="613"/>
      <c r="AVP707" s="613"/>
      <c r="AVQ707" s="613"/>
      <c r="AVR707" s="613"/>
      <c r="AVS707" s="613"/>
      <c r="AVT707" s="613"/>
      <c r="AVU707" s="613"/>
      <c r="AVV707" s="613"/>
      <c r="AVW707" s="613"/>
      <c r="AVX707" s="613"/>
      <c r="AVY707" s="613"/>
      <c r="AVZ707" s="613"/>
      <c r="AWA707" s="613"/>
      <c r="AWB707" s="613"/>
      <c r="AWC707" s="613"/>
      <c r="AWD707" s="613"/>
      <c r="AWE707" s="613"/>
      <c r="AWF707" s="613"/>
      <c r="AWG707" s="613"/>
      <c r="AWH707" s="613"/>
      <c r="AWI707" s="613"/>
      <c r="AWJ707" s="613"/>
      <c r="AWK707" s="613"/>
      <c r="AWL707" s="613"/>
      <c r="AWM707" s="613"/>
      <c r="AWN707" s="613"/>
      <c r="AWO707" s="613"/>
      <c r="AWP707" s="613"/>
      <c r="AWQ707" s="613"/>
      <c r="AWR707" s="613"/>
      <c r="AWS707" s="613"/>
      <c r="AWT707" s="613"/>
      <c r="AWU707" s="613"/>
      <c r="AWV707" s="613"/>
      <c r="AWW707" s="613"/>
      <c r="AWX707" s="613"/>
      <c r="AWY707" s="613"/>
      <c r="AWZ707" s="613"/>
      <c r="AXA707" s="613"/>
      <c r="AXB707" s="613"/>
      <c r="AXC707" s="613"/>
      <c r="AXD707" s="613"/>
      <c r="AXE707" s="613"/>
      <c r="AXF707" s="613"/>
      <c r="AXG707" s="613"/>
      <c r="AXH707" s="613"/>
      <c r="AXI707" s="613"/>
      <c r="AXJ707" s="613"/>
      <c r="AXK707" s="613"/>
      <c r="AXL707" s="613"/>
      <c r="AXM707" s="613"/>
      <c r="AXN707" s="613"/>
      <c r="AXO707" s="613"/>
      <c r="AXP707" s="613"/>
      <c r="AXQ707" s="613"/>
      <c r="AXR707" s="613"/>
      <c r="AXS707" s="613"/>
      <c r="AXT707" s="613"/>
      <c r="AXU707" s="613"/>
      <c r="AXV707" s="613"/>
      <c r="AXW707" s="613"/>
      <c r="AXX707" s="613"/>
      <c r="AXY707" s="613"/>
      <c r="AXZ707" s="613"/>
      <c r="AYA707" s="613"/>
      <c r="AYB707" s="613"/>
      <c r="AYC707" s="613"/>
      <c r="AYD707" s="613"/>
      <c r="AYE707" s="613"/>
      <c r="AYF707" s="613"/>
      <c r="AYG707" s="613"/>
      <c r="AYH707" s="613"/>
      <c r="AYI707" s="613"/>
      <c r="AYJ707" s="613"/>
      <c r="AYK707" s="613"/>
      <c r="AYL707" s="613"/>
      <c r="AYM707" s="613"/>
      <c r="AYN707" s="613"/>
      <c r="AYO707" s="613"/>
      <c r="AYP707" s="613"/>
      <c r="AYQ707" s="613"/>
      <c r="AYR707" s="613"/>
      <c r="AYS707" s="613"/>
      <c r="AYT707" s="613"/>
      <c r="AYU707" s="613"/>
      <c r="AYV707" s="613"/>
      <c r="AYW707" s="613"/>
      <c r="AYX707" s="613"/>
      <c r="AYY707" s="613"/>
      <c r="AYZ707" s="613"/>
      <c r="AZA707" s="613"/>
      <c r="AZB707" s="613"/>
      <c r="AZC707" s="613"/>
      <c r="AZD707" s="613"/>
      <c r="AZE707" s="613"/>
      <c r="AZF707" s="613"/>
      <c r="AZG707" s="613"/>
      <c r="AZH707" s="613"/>
      <c r="AZI707" s="613"/>
      <c r="AZJ707" s="613"/>
      <c r="AZK707" s="613"/>
      <c r="AZL707" s="613"/>
      <c r="AZM707" s="613"/>
      <c r="AZN707" s="613"/>
      <c r="AZO707" s="613"/>
      <c r="AZP707" s="613"/>
      <c r="AZQ707" s="613"/>
      <c r="AZR707" s="613"/>
      <c r="AZS707" s="613"/>
      <c r="AZT707" s="613"/>
      <c r="AZU707" s="613"/>
      <c r="AZV707" s="613"/>
      <c r="AZW707" s="613"/>
      <c r="AZX707" s="613"/>
      <c r="AZY707" s="613"/>
      <c r="AZZ707" s="613"/>
      <c r="BAA707" s="613"/>
      <c r="BAB707" s="613"/>
      <c r="BAC707" s="613"/>
      <c r="BAD707" s="613"/>
      <c r="BAE707" s="613"/>
      <c r="BAF707" s="613"/>
      <c r="BAG707" s="613"/>
      <c r="BAH707" s="613"/>
      <c r="BAI707" s="613"/>
      <c r="BAJ707" s="613"/>
      <c r="BAK707" s="613"/>
      <c r="BAL707" s="613"/>
      <c r="BAM707" s="613"/>
      <c r="BAN707" s="613"/>
      <c r="BAO707" s="613"/>
      <c r="BAP707" s="613"/>
      <c r="BAQ707" s="613"/>
      <c r="BAR707" s="613"/>
      <c r="BAS707" s="613"/>
      <c r="BAT707" s="613"/>
      <c r="BAU707" s="613"/>
      <c r="BAV707" s="613"/>
      <c r="BAW707" s="613"/>
      <c r="BAX707" s="613"/>
      <c r="BAY707" s="613"/>
      <c r="BAZ707" s="613"/>
      <c r="BBA707" s="613"/>
      <c r="BBB707" s="613"/>
      <c r="BBC707" s="613"/>
      <c r="BBD707" s="613"/>
      <c r="BBE707" s="613"/>
      <c r="BBF707" s="613"/>
      <c r="BBG707" s="613"/>
      <c r="BBH707" s="613"/>
      <c r="BBI707" s="613"/>
      <c r="BBJ707" s="613"/>
      <c r="BBK707" s="613"/>
      <c r="BBL707" s="613"/>
      <c r="BBM707" s="613"/>
      <c r="BBN707" s="613"/>
      <c r="BBO707" s="613"/>
      <c r="BBP707" s="613"/>
      <c r="BBQ707" s="613"/>
      <c r="BBR707" s="613"/>
      <c r="BBS707" s="613"/>
      <c r="BBT707" s="613"/>
      <c r="BBU707" s="613"/>
      <c r="BBV707" s="613"/>
      <c r="BBW707" s="613"/>
      <c r="BBX707" s="613"/>
      <c r="BBY707" s="613"/>
      <c r="BBZ707" s="613"/>
      <c r="BCA707" s="613"/>
      <c r="BCB707" s="613"/>
      <c r="BCC707" s="613"/>
      <c r="BCD707" s="613"/>
      <c r="BCE707" s="613"/>
      <c r="BCF707" s="613"/>
      <c r="BCG707" s="613"/>
      <c r="BCH707" s="613"/>
      <c r="BCI707" s="613"/>
      <c r="BCJ707" s="613"/>
      <c r="BCK707" s="613"/>
      <c r="BCL707" s="613"/>
      <c r="BCM707" s="613"/>
      <c r="BCN707" s="613"/>
      <c r="BCO707" s="613"/>
      <c r="BCP707" s="613"/>
      <c r="BCQ707" s="613"/>
      <c r="BCR707" s="613"/>
      <c r="BCS707" s="613"/>
      <c r="BCT707" s="613"/>
      <c r="BCU707" s="613"/>
      <c r="BCV707" s="613"/>
      <c r="BCW707" s="613"/>
      <c r="BCX707" s="613"/>
      <c r="BCY707" s="613"/>
      <c r="BCZ707" s="613"/>
      <c r="BDA707" s="613"/>
      <c r="BDB707" s="613"/>
      <c r="BDC707" s="613"/>
      <c r="BDD707" s="613"/>
      <c r="BDE707" s="613"/>
      <c r="BDF707" s="613"/>
      <c r="BDG707" s="613"/>
      <c r="BDH707" s="613"/>
      <c r="BDI707" s="613"/>
      <c r="BDJ707" s="613"/>
      <c r="BDK707" s="613"/>
      <c r="BDL707" s="613"/>
      <c r="BDM707" s="613"/>
      <c r="BDN707" s="613"/>
      <c r="BDO707" s="613"/>
      <c r="BDP707" s="613"/>
      <c r="BDQ707" s="613"/>
      <c r="BDR707" s="613"/>
      <c r="BDS707" s="613"/>
      <c r="BDT707" s="613"/>
      <c r="BDU707" s="613"/>
      <c r="BDV707" s="613"/>
      <c r="BDW707" s="613"/>
      <c r="BDX707" s="613"/>
      <c r="BDY707" s="613"/>
      <c r="BDZ707" s="613"/>
      <c r="BEA707" s="613"/>
      <c r="BEB707" s="613"/>
      <c r="BEC707" s="613"/>
      <c r="BED707" s="613"/>
      <c r="BEE707" s="613"/>
      <c r="BEF707" s="613"/>
      <c r="BEG707" s="613"/>
      <c r="BEH707" s="613"/>
      <c r="BEI707" s="613"/>
      <c r="BEJ707" s="613"/>
      <c r="BEK707" s="613"/>
      <c r="BEL707" s="613"/>
      <c r="BEM707" s="613"/>
      <c r="BEN707" s="613"/>
      <c r="BEO707" s="613"/>
      <c r="BEP707" s="613"/>
      <c r="BEQ707" s="613"/>
      <c r="BER707" s="613"/>
      <c r="BES707" s="613"/>
      <c r="BET707" s="613"/>
      <c r="BEU707" s="613"/>
      <c r="BEV707" s="613"/>
      <c r="BEW707" s="613"/>
      <c r="BEX707" s="613"/>
      <c r="BEY707" s="613"/>
      <c r="BEZ707" s="613"/>
      <c r="BFA707" s="613"/>
      <c r="BFB707" s="613"/>
      <c r="BFC707" s="613"/>
      <c r="BFD707" s="613"/>
      <c r="BFE707" s="613"/>
      <c r="BFF707" s="613"/>
      <c r="BFG707" s="613"/>
      <c r="BFH707" s="613"/>
      <c r="BFI707" s="613"/>
      <c r="BFJ707" s="613"/>
      <c r="BFK707" s="613"/>
      <c r="BFL707" s="613"/>
      <c r="BFM707" s="613"/>
      <c r="BFN707" s="613"/>
      <c r="BFO707" s="613"/>
      <c r="BFP707" s="613"/>
      <c r="BFQ707" s="613"/>
      <c r="BFR707" s="613"/>
      <c r="BFS707" s="613"/>
      <c r="BFT707" s="613"/>
      <c r="BFU707" s="613"/>
      <c r="BFV707" s="613"/>
      <c r="BFW707" s="613"/>
      <c r="BFX707" s="613"/>
      <c r="BFY707" s="613"/>
      <c r="BFZ707" s="613"/>
      <c r="BGA707" s="613"/>
      <c r="BGB707" s="613"/>
      <c r="BGC707" s="613"/>
      <c r="BGD707" s="613"/>
      <c r="BGE707" s="613"/>
      <c r="BGF707" s="613"/>
      <c r="BGG707" s="613"/>
      <c r="BGH707" s="613"/>
      <c r="BGI707" s="613"/>
      <c r="BGJ707" s="613"/>
      <c r="BGK707" s="613"/>
      <c r="BGL707" s="613"/>
      <c r="BGM707" s="613"/>
      <c r="BGN707" s="613"/>
      <c r="BGO707" s="613"/>
      <c r="BGP707" s="613"/>
      <c r="BGQ707" s="613"/>
      <c r="BGR707" s="613"/>
      <c r="BGS707" s="613"/>
      <c r="BGT707" s="613"/>
      <c r="BGU707" s="613"/>
      <c r="BGV707" s="613"/>
      <c r="BGW707" s="613"/>
      <c r="BGX707" s="613"/>
      <c r="BGY707" s="613"/>
      <c r="BGZ707" s="613"/>
      <c r="BHA707" s="613"/>
      <c r="BHB707" s="613"/>
      <c r="BHC707" s="613"/>
      <c r="BHD707" s="613"/>
      <c r="BHE707" s="613"/>
      <c r="BHF707" s="613"/>
      <c r="BHG707" s="613"/>
      <c r="BHH707" s="613"/>
      <c r="BHI707" s="613"/>
      <c r="BHJ707" s="613"/>
      <c r="BHK707" s="613"/>
      <c r="BHL707" s="613"/>
      <c r="BHM707" s="613"/>
      <c r="BHN707" s="613"/>
      <c r="BHO707" s="613"/>
      <c r="BHP707" s="613"/>
      <c r="BHQ707" s="613"/>
      <c r="BHR707" s="613"/>
      <c r="BHS707" s="613"/>
      <c r="BHT707" s="613"/>
      <c r="BHU707" s="613"/>
      <c r="BHV707" s="613"/>
      <c r="BHW707" s="613"/>
      <c r="BHX707" s="613"/>
      <c r="BHY707" s="613"/>
      <c r="BHZ707" s="613"/>
      <c r="BIA707" s="613"/>
      <c r="BIB707" s="613"/>
      <c r="BIC707" s="613"/>
      <c r="BID707" s="613"/>
      <c r="BIE707" s="613"/>
      <c r="BIF707" s="613"/>
      <c r="BIG707" s="613"/>
      <c r="BIH707" s="613"/>
      <c r="BII707" s="613"/>
      <c r="BIJ707" s="613"/>
      <c r="BIK707" s="613"/>
      <c r="BIL707" s="613"/>
      <c r="BIM707" s="613"/>
      <c r="BIN707" s="613"/>
      <c r="BIO707" s="613"/>
      <c r="BIP707" s="613"/>
      <c r="BIQ707" s="613"/>
      <c r="BIR707" s="613"/>
      <c r="BIS707" s="613"/>
      <c r="BIT707" s="613"/>
      <c r="BIU707" s="613"/>
      <c r="BIV707" s="613"/>
      <c r="BIW707" s="613"/>
      <c r="BIX707" s="613"/>
      <c r="BIY707" s="613"/>
      <c r="BIZ707" s="613"/>
      <c r="BJA707" s="613"/>
      <c r="BJB707" s="613"/>
      <c r="BJC707" s="613"/>
      <c r="BJD707" s="613"/>
      <c r="BJE707" s="613"/>
      <c r="BJF707" s="613"/>
      <c r="BJG707" s="613"/>
      <c r="BJH707" s="613"/>
      <c r="BJI707" s="613"/>
      <c r="BJJ707" s="613"/>
      <c r="BJK707" s="613"/>
      <c r="BJL707" s="613"/>
      <c r="BJM707" s="613"/>
      <c r="BJN707" s="613"/>
      <c r="BJO707" s="613"/>
      <c r="BJP707" s="613"/>
      <c r="BJQ707" s="613"/>
      <c r="BJR707" s="613"/>
      <c r="BJS707" s="613"/>
      <c r="BJT707" s="613"/>
      <c r="BJU707" s="613"/>
      <c r="BJV707" s="613"/>
      <c r="BJW707" s="613"/>
      <c r="BJX707" s="613"/>
      <c r="BJY707" s="613"/>
      <c r="BJZ707" s="613"/>
      <c r="BKA707" s="613"/>
      <c r="BKB707" s="613"/>
      <c r="BKC707" s="613"/>
      <c r="BKD707" s="613"/>
      <c r="BKE707" s="613"/>
      <c r="BKF707" s="613"/>
      <c r="BKG707" s="613"/>
      <c r="BKH707" s="613"/>
      <c r="BKI707" s="613"/>
      <c r="BKJ707" s="613"/>
      <c r="BKK707" s="613"/>
      <c r="BKL707" s="613"/>
      <c r="BKM707" s="613"/>
      <c r="BKN707" s="613"/>
      <c r="BKO707" s="613"/>
      <c r="BKP707" s="613"/>
      <c r="BKQ707" s="613"/>
      <c r="BKR707" s="613"/>
      <c r="BKS707" s="613"/>
      <c r="BKT707" s="613"/>
      <c r="BKU707" s="613"/>
      <c r="BKV707" s="613"/>
      <c r="BKW707" s="613"/>
      <c r="BKX707" s="613"/>
      <c r="BKY707" s="613"/>
      <c r="BKZ707" s="613"/>
      <c r="BLA707" s="613"/>
      <c r="BLB707" s="613"/>
      <c r="BLC707" s="613"/>
      <c r="BLD707" s="613"/>
      <c r="BLE707" s="613"/>
      <c r="BLF707" s="613"/>
      <c r="BLG707" s="613"/>
      <c r="BLH707" s="613"/>
      <c r="BLI707" s="613"/>
      <c r="BLJ707" s="613"/>
      <c r="BLK707" s="613"/>
      <c r="BLL707" s="613"/>
      <c r="BLM707" s="613"/>
      <c r="BLN707" s="613"/>
      <c r="BLO707" s="613"/>
      <c r="BLP707" s="613"/>
      <c r="BLQ707" s="613"/>
      <c r="BLR707" s="613"/>
      <c r="BLS707" s="613"/>
      <c r="BLT707" s="613"/>
      <c r="BLU707" s="613"/>
      <c r="BLV707" s="613"/>
      <c r="BLW707" s="613"/>
      <c r="BLX707" s="613"/>
      <c r="BLY707" s="613"/>
      <c r="BLZ707" s="613"/>
      <c r="BMA707" s="613"/>
      <c r="BMB707" s="613"/>
      <c r="BMC707" s="613"/>
      <c r="BMD707" s="613"/>
      <c r="BME707" s="613"/>
      <c r="BMF707" s="613"/>
      <c r="BMG707" s="613"/>
      <c r="BMH707" s="613"/>
      <c r="BMI707" s="613"/>
      <c r="BMJ707" s="613"/>
      <c r="BMK707" s="613"/>
      <c r="BML707" s="613"/>
      <c r="BMM707" s="613"/>
      <c r="BMN707" s="613"/>
      <c r="BMO707" s="613"/>
      <c r="BMP707" s="613"/>
      <c r="BMQ707" s="613"/>
      <c r="BMR707" s="613"/>
      <c r="BMS707" s="613"/>
      <c r="BMT707" s="613"/>
      <c r="BMU707" s="613"/>
      <c r="BMV707" s="613"/>
      <c r="BMW707" s="613"/>
      <c r="BMX707" s="613"/>
      <c r="BMY707" s="613"/>
      <c r="BMZ707" s="613"/>
      <c r="BNA707" s="613"/>
      <c r="BNB707" s="613"/>
      <c r="BNC707" s="613"/>
      <c r="BND707" s="613"/>
      <c r="BNE707" s="613"/>
      <c r="BNF707" s="613"/>
      <c r="BNG707" s="613"/>
      <c r="BNH707" s="613"/>
      <c r="BNI707" s="613"/>
      <c r="BNJ707" s="613"/>
      <c r="BNK707" s="613"/>
      <c r="BNL707" s="613"/>
      <c r="BNM707" s="613"/>
      <c r="BNN707" s="613"/>
      <c r="BNO707" s="613"/>
      <c r="BNP707" s="613"/>
      <c r="BNQ707" s="613"/>
      <c r="BNR707" s="613"/>
      <c r="BNS707" s="613"/>
      <c r="BNT707" s="613"/>
      <c r="BNU707" s="613"/>
      <c r="BNV707" s="613"/>
      <c r="BNW707" s="613"/>
      <c r="BNX707" s="613"/>
      <c r="BNY707" s="613"/>
      <c r="BNZ707" s="613"/>
      <c r="BOA707" s="613"/>
      <c r="BOB707" s="613"/>
      <c r="BOC707" s="613"/>
      <c r="BOD707" s="613"/>
      <c r="BOE707" s="613"/>
      <c r="BOF707" s="613"/>
      <c r="BOG707" s="613"/>
      <c r="BOH707" s="613"/>
      <c r="BOI707" s="613"/>
      <c r="BOJ707" s="613"/>
      <c r="BOK707" s="613"/>
      <c r="BOL707" s="613"/>
      <c r="BOM707" s="613"/>
      <c r="BON707" s="613"/>
      <c r="BOO707" s="613"/>
      <c r="BOP707" s="613"/>
      <c r="BOQ707" s="613"/>
      <c r="BOR707" s="613"/>
      <c r="BOS707" s="613"/>
      <c r="BOT707" s="613"/>
      <c r="BOU707" s="613"/>
      <c r="BOV707" s="613"/>
      <c r="BOW707" s="613"/>
      <c r="BOX707" s="613"/>
      <c r="BOY707" s="613"/>
      <c r="BOZ707" s="613"/>
      <c r="BPA707" s="613"/>
      <c r="BPB707" s="613"/>
      <c r="BPC707" s="613"/>
      <c r="BPD707" s="613"/>
      <c r="BPE707" s="613"/>
      <c r="BPF707" s="613"/>
      <c r="BPG707" s="613"/>
      <c r="BPH707" s="613"/>
      <c r="BPI707" s="613"/>
      <c r="BPJ707" s="613"/>
      <c r="BPK707" s="613"/>
      <c r="BPL707" s="613"/>
      <c r="BPM707" s="613"/>
      <c r="BPN707" s="613"/>
      <c r="BPO707" s="613"/>
      <c r="BPP707" s="613"/>
      <c r="BPQ707" s="613"/>
      <c r="BPR707" s="613"/>
      <c r="BPS707" s="613"/>
      <c r="BPT707" s="613"/>
      <c r="BPU707" s="613"/>
      <c r="BPV707" s="613"/>
      <c r="BPW707" s="613"/>
      <c r="BPX707" s="613"/>
      <c r="BPY707" s="613"/>
      <c r="BPZ707" s="613"/>
      <c r="BQA707" s="613"/>
      <c r="BQB707" s="613"/>
      <c r="BQC707" s="613"/>
      <c r="BQD707" s="613"/>
      <c r="BQE707" s="613"/>
      <c r="BQF707" s="613"/>
      <c r="BQG707" s="613"/>
      <c r="BQH707" s="613"/>
      <c r="BQI707" s="613"/>
      <c r="BQJ707" s="613"/>
      <c r="BQK707" s="613"/>
      <c r="BQL707" s="613"/>
      <c r="BQM707" s="613"/>
      <c r="BQN707" s="613"/>
      <c r="BQO707" s="613"/>
      <c r="BQP707" s="613"/>
      <c r="BQQ707" s="613"/>
      <c r="BQR707" s="613"/>
      <c r="BQS707" s="613"/>
      <c r="BQT707" s="613"/>
      <c r="BQU707" s="613"/>
      <c r="BQV707" s="613"/>
      <c r="BQW707" s="613"/>
      <c r="BQX707" s="613"/>
      <c r="BQY707" s="613"/>
      <c r="BQZ707" s="613"/>
      <c r="BRA707" s="613"/>
      <c r="BRB707" s="613"/>
      <c r="BRC707" s="613"/>
      <c r="BRD707" s="613"/>
      <c r="BRE707" s="613"/>
      <c r="BRF707" s="613"/>
      <c r="BRG707" s="613"/>
      <c r="BRH707" s="613"/>
      <c r="BRI707" s="613"/>
      <c r="BRJ707" s="613"/>
      <c r="BRK707" s="613"/>
      <c r="BRL707" s="613"/>
      <c r="BRM707" s="613"/>
      <c r="BRN707" s="613"/>
      <c r="BRO707" s="613"/>
      <c r="BRP707" s="613"/>
      <c r="BRQ707" s="613"/>
      <c r="BRR707" s="613"/>
      <c r="BRS707" s="613"/>
      <c r="BRT707" s="613"/>
      <c r="BRU707" s="613"/>
      <c r="BRV707" s="613"/>
      <c r="BRW707" s="613"/>
      <c r="BRX707" s="613"/>
      <c r="BRY707" s="613"/>
      <c r="BRZ707" s="613"/>
      <c r="BSA707" s="613"/>
      <c r="BSB707" s="613"/>
      <c r="BSC707" s="613"/>
      <c r="BSD707" s="613"/>
      <c r="BSE707" s="613"/>
      <c r="BSF707" s="613"/>
      <c r="BSG707" s="613"/>
      <c r="BSH707" s="613"/>
      <c r="BSI707" s="613"/>
      <c r="BSJ707" s="613"/>
      <c r="BSK707" s="613"/>
      <c r="BSL707" s="613"/>
      <c r="BSM707" s="613"/>
      <c r="BSN707" s="613"/>
      <c r="BSO707" s="613"/>
      <c r="BSP707" s="613"/>
      <c r="BSQ707" s="613"/>
      <c r="BSR707" s="613"/>
      <c r="BSS707" s="613"/>
      <c r="BST707" s="613"/>
      <c r="BSU707" s="613"/>
      <c r="BSV707" s="613"/>
      <c r="BSW707" s="613"/>
      <c r="BSX707" s="613"/>
      <c r="BSY707" s="613"/>
      <c r="BSZ707" s="613"/>
      <c r="BTA707" s="613"/>
      <c r="BTB707" s="613"/>
      <c r="BTC707" s="613"/>
      <c r="BTD707" s="613"/>
      <c r="BTE707" s="613"/>
      <c r="BTF707" s="613"/>
      <c r="BTG707" s="613"/>
      <c r="BTH707" s="613"/>
      <c r="BTI707" s="613"/>
      <c r="BTJ707" s="613"/>
      <c r="BTK707" s="613"/>
      <c r="BTL707" s="613"/>
      <c r="BTM707" s="613"/>
      <c r="BTN707" s="613"/>
      <c r="BTO707" s="613"/>
      <c r="BTP707" s="613"/>
      <c r="BTQ707" s="613"/>
      <c r="BTR707" s="613"/>
      <c r="BTS707" s="613"/>
      <c r="BTT707" s="613"/>
      <c r="BTU707" s="613"/>
      <c r="BTV707" s="613"/>
      <c r="BTW707" s="613"/>
      <c r="BTX707" s="613"/>
      <c r="BTY707" s="613"/>
      <c r="BTZ707" s="613"/>
      <c r="BUA707" s="613"/>
      <c r="BUB707" s="613"/>
      <c r="BUC707" s="613"/>
      <c r="BUD707" s="613"/>
      <c r="BUE707" s="613"/>
      <c r="BUF707" s="613"/>
      <c r="BUG707" s="613"/>
      <c r="BUH707" s="613"/>
      <c r="BUI707" s="613"/>
      <c r="BUJ707" s="613"/>
      <c r="BUK707" s="613"/>
      <c r="BUL707" s="613"/>
      <c r="BUM707" s="613"/>
      <c r="BUN707" s="613"/>
      <c r="BUO707" s="613"/>
      <c r="BUP707" s="613"/>
      <c r="BUQ707" s="613"/>
      <c r="BUR707" s="613"/>
      <c r="BUS707" s="613"/>
      <c r="BUT707" s="613"/>
      <c r="BUU707" s="613"/>
      <c r="BUV707" s="613"/>
      <c r="BUW707" s="613"/>
      <c r="BUX707" s="613"/>
      <c r="BUY707" s="613"/>
      <c r="BUZ707" s="613"/>
      <c r="BVA707" s="613"/>
      <c r="BVB707" s="613"/>
      <c r="BVC707" s="613"/>
      <c r="BVD707" s="613"/>
      <c r="BVE707" s="613"/>
      <c r="BVF707" s="613"/>
      <c r="BVG707" s="613"/>
      <c r="BVH707" s="613"/>
      <c r="BVI707" s="613"/>
      <c r="BVJ707" s="613"/>
      <c r="BVK707" s="613"/>
      <c r="BVL707" s="613"/>
      <c r="BVM707" s="613"/>
      <c r="BVN707" s="613"/>
      <c r="BVO707" s="613"/>
      <c r="BVP707" s="613"/>
      <c r="BVQ707" s="613"/>
      <c r="BVR707" s="613"/>
      <c r="BVS707" s="613"/>
      <c r="BVT707" s="613"/>
      <c r="BVU707" s="613"/>
      <c r="BVV707" s="613"/>
      <c r="BVW707" s="613"/>
      <c r="BVX707" s="613"/>
      <c r="BVY707" s="613"/>
      <c r="BVZ707" s="613"/>
      <c r="BWA707" s="613"/>
      <c r="BWB707" s="613"/>
      <c r="BWC707" s="613"/>
      <c r="BWD707" s="613"/>
      <c r="BWE707" s="613"/>
      <c r="BWF707" s="613"/>
      <c r="BWG707" s="613"/>
      <c r="BWH707" s="613"/>
      <c r="BWI707" s="613"/>
      <c r="BWJ707" s="613"/>
      <c r="BWK707" s="613"/>
      <c r="BWL707" s="613"/>
      <c r="BWM707" s="613"/>
      <c r="BWN707" s="613"/>
      <c r="BWO707" s="613"/>
      <c r="BWP707" s="613"/>
      <c r="BWQ707" s="613"/>
      <c r="BWR707" s="613"/>
      <c r="BWS707" s="613"/>
      <c r="BWT707" s="613"/>
      <c r="BWU707" s="613"/>
      <c r="BWV707" s="613"/>
      <c r="BWW707" s="613"/>
      <c r="BWX707" s="613"/>
      <c r="BWY707" s="613"/>
      <c r="BWZ707" s="613"/>
      <c r="BXA707" s="613"/>
      <c r="BXB707" s="613"/>
      <c r="BXC707" s="613"/>
      <c r="BXD707" s="613"/>
      <c r="BXE707" s="613"/>
      <c r="BXF707" s="613"/>
      <c r="BXG707" s="613"/>
      <c r="BXH707" s="613"/>
      <c r="BXI707" s="613"/>
      <c r="BXJ707" s="613"/>
      <c r="BXK707" s="613"/>
      <c r="BXL707" s="613"/>
      <c r="BXM707" s="613"/>
      <c r="BXN707" s="613"/>
      <c r="BXO707" s="613"/>
      <c r="BXP707" s="613"/>
      <c r="BXQ707" s="613"/>
      <c r="BXR707" s="613"/>
      <c r="BXS707" s="613"/>
      <c r="BXT707" s="613"/>
      <c r="BXU707" s="613"/>
      <c r="BXV707" s="613"/>
      <c r="BXW707" s="613"/>
      <c r="BXX707" s="613"/>
      <c r="BXY707" s="613"/>
      <c r="BXZ707" s="613"/>
      <c r="BYA707" s="613"/>
      <c r="BYB707" s="613"/>
      <c r="BYC707" s="613"/>
      <c r="BYD707" s="613"/>
      <c r="BYE707" s="613"/>
      <c r="BYF707" s="613"/>
      <c r="BYG707" s="613"/>
      <c r="BYH707" s="613"/>
      <c r="BYI707" s="613"/>
      <c r="BYJ707" s="613"/>
      <c r="BYK707" s="613"/>
      <c r="BYL707" s="613"/>
      <c r="BYM707" s="613"/>
      <c r="BYN707" s="613"/>
      <c r="BYO707" s="613"/>
      <c r="BYP707" s="613"/>
      <c r="BYQ707" s="613"/>
      <c r="BYR707" s="613"/>
      <c r="BYS707" s="613"/>
      <c r="BYT707" s="613"/>
      <c r="BYU707" s="613"/>
      <c r="BYV707" s="613"/>
      <c r="BYW707" s="613"/>
      <c r="BYX707" s="613"/>
      <c r="BYY707" s="613"/>
      <c r="BYZ707" s="613"/>
      <c r="BZA707" s="613"/>
      <c r="BZB707" s="613"/>
      <c r="BZC707" s="613"/>
      <c r="BZD707" s="613"/>
      <c r="BZE707" s="613"/>
      <c r="BZF707" s="613"/>
      <c r="BZG707" s="613"/>
      <c r="BZH707" s="613"/>
      <c r="BZI707" s="613"/>
      <c r="BZJ707" s="613"/>
      <c r="BZK707" s="613"/>
      <c r="BZL707" s="613"/>
      <c r="BZM707" s="613"/>
      <c r="BZN707" s="613"/>
      <c r="BZO707" s="613"/>
      <c r="BZP707" s="613"/>
      <c r="BZQ707" s="613"/>
      <c r="BZR707" s="613"/>
      <c r="BZS707" s="613"/>
      <c r="BZT707" s="613"/>
      <c r="BZU707" s="613"/>
      <c r="BZV707" s="613"/>
      <c r="BZW707" s="613"/>
      <c r="BZX707" s="613"/>
      <c r="BZY707" s="613"/>
      <c r="BZZ707" s="613"/>
      <c r="CAA707" s="613"/>
      <c r="CAB707" s="613"/>
      <c r="CAC707" s="613"/>
      <c r="CAD707" s="613"/>
      <c r="CAE707" s="613"/>
      <c r="CAF707" s="613"/>
      <c r="CAG707" s="613"/>
      <c r="CAH707" s="613"/>
      <c r="CAI707" s="613"/>
      <c r="CAJ707" s="613"/>
      <c r="CAK707" s="613"/>
      <c r="CAL707" s="613"/>
      <c r="CAM707" s="613"/>
      <c r="CAN707" s="613"/>
      <c r="CAO707" s="613"/>
      <c r="CAP707" s="613"/>
      <c r="CAQ707" s="613"/>
      <c r="CAR707" s="613"/>
      <c r="CAS707" s="613"/>
      <c r="CAT707" s="613"/>
      <c r="CAU707" s="613"/>
      <c r="CAV707" s="613"/>
      <c r="CAW707" s="613"/>
      <c r="CAX707" s="613"/>
      <c r="CAY707" s="613"/>
      <c r="CAZ707" s="613"/>
      <c r="CBA707" s="613"/>
      <c r="CBB707" s="613"/>
      <c r="CBC707" s="613"/>
      <c r="CBD707" s="613"/>
      <c r="CBE707" s="613"/>
      <c r="CBF707" s="613"/>
      <c r="CBG707" s="613"/>
      <c r="CBH707" s="613"/>
      <c r="CBI707" s="613"/>
      <c r="CBJ707" s="613"/>
      <c r="CBK707" s="613"/>
      <c r="CBL707" s="613"/>
      <c r="CBM707" s="613"/>
      <c r="CBN707" s="613"/>
      <c r="CBO707" s="613"/>
      <c r="CBP707" s="613"/>
      <c r="CBQ707" s="613"/>
      <c r="CBR707" s="613"/>
      <c r="CBS707" s="613"/>
      <c r="CBT707" s="613"/>
      <c r="CBU707" s="613"/>
      <c r="CBV707" s="613"/>
      <c r="CBW707" s="613"/>
      <c r="CBX707" s="613"/>
      <c r="CBY707" s="613"/>
      <c r="CBZ707" s="613"/>
      <c r="CCA707" s="613"/>
      <c r="CCB707" s="613"/>
      <c r="CCC707" s="613"/>
      <c r="CCD707" s="613"/>
      <c r="CCE707" s="613"/>
      <c r="CCF707" s="613"/>
      <c r="CCG707" s="613"/>
      <c r="CCH707" s="613"/>
      <c r="CCI707" s="613"/>
      <c r="CCJ707" s="613"/>
      <c r="CCK707" s="613"/>
      <c r="CCL707" s="613"/>
      <c r="CCM707" s="613"/>
      <c r="CCN707" s="613"/>
      <c r="CCO707" s="613"/>
      <c r="CCP707" s="613"/>
      <c r="CCQ707" s="613"/>
      <c r="CCR707" s="613"/>
      <c r="CCS707" s="613"/>
      <c r="CCT707" s="613"/>
      <c r="CCU707" s="613"/>
      <c r="CCV707" s="613"/>
      <c r="CCW707" s="613"/>
      <c r="CCX707" s="613"/>
      <c r="CCY707" s="613"/>
      <c r="CCZ707" s="613"/>
      <c r="CDA707" s="613"/>
      <c r="CDB707" s="613"/>
      <c r="CDC707" s="613"/>
      <c r="CDD707" s="613"/>
      <c r="CDE707" s="613"/>
      <c r="CDF707" s="613"/>
      <c r="CDG707" s="613"/>
      <c r="CDH707" s="613"/>
      <c r="CDI707" s="613"/>
      <c r="CDJ707" s="613"/>
      <c r="CDK707" s="613"/>
      <c r="CDL707" s="613"/>
      <c r="CDM707" s="613"/>
      <c r="CDN707" s="613"/>
      <c r="CDO707" s="613"/>
      <c r="CDP707" s="613"/>
      <c r="CDQ707" s="613"/>
      <c r="CDR707" s="613"/>
      <c r="CDS707" s="613"/>
      <c r="CDT707" s="613"/>
      <c r="CDU707" s="613"/>
      <c r="CDV707" s="613"/>
      <c r="CDW707" s="613"/>
      <c r="CDX707" s="613"/>
      <c r="CDY707" s="613"/>
      <c r="CDZ707" s="613"/>
      <c r="CEA707" s="613"/>
      <c r="CEB707" s="613"/>
      <c r="CEC707" s="613"/>
      <c r="CED707" s="613"/>
      <c r="CEE707" s="613"/>
      <c r="CEF707" s="613"/>
      <c r="CEG707" s="613"/>
      <c r="CEH707" s="613"/>
      <c r="CEI707" s="613"/>
      <c r="CEJ707" s="613"/>
      <c r="CEK707" s="613"/>
      <c r="CEL707" s="613"/>
      <c r="CEM707" s="613"/>
      <c r="CEN707" s="613"/>
      <c r="CEO707" s="613"/>
      <c r="CEP707" s="613"/>
      <c r="CEQ707" s="613"/>
      <c r="CER707" s="613"/>
      <c r="CES707" s="613"/>
      <c r="CET707" s="613"/>
      <c r="CEU707" s="613"/>
      <c r="CEV707" s="613"/>
      <c r="CEW707" s="613"/>
      <c r="CEX707" s="613"/>
      <c r="CEY707" s="613"/>
      <c r="CEZ707" s="613"/>
      <c r="CFA707" s="613"/>
      <c r="CFB707" s="613"/>
      <c r="CFC707" s="613"/>
      <c r="CFD707" s="613"/>
      <c r="CFE707" s="613"/>
      <c r="CFF707" s="613"/>
      <c r="CFG707" s="613"/>
      <c r="CFH707" s="613"/>
      <c r="CFI707" s="613"/>
      <c r="CFJ707" s="613"/>
      <c r="CFK707" s="613"/>
      <c r="CFL707" s="613"/>
      <c r="CFM707" s="613"/>
      <c r="CFN707" s="613"/>
      <c r="CFO707" s="613"/>
      <c r="CFP707" s="613"/>
      <c r="CFQ707" s="613"/>
      <c r="CFR707" s="613"/>
      <c r="CFS707" s="613"/>
      <c r="CFT707" s="613"/>
      <c r="CFU707" s="613"/>
      <c r="CFV707" s="613"/>
      <c r="CFW707" s="613"/>
      <c r="CFX707" s="613"/>
      <c r="CFY707" s="613"/>
      <c r="CFZ707" s="613"/>
      <c r="CGA707" s="613"/>
      <c r="CGB707" s="613"/>
      <c r="CGC707" s="613"/>
      <c r="CGD707" s="613"/>
      <c r="CGE707" s="613"/>
      <c r="CGF707" s="613"/>
      <c r="CGG707" s="613"/>
      <c r="CGH707" s="613"/>
      <c r="CGI707" s="613"/>
      <c r="CGJ707" s="613"/>
      <c r="CGK707" s="613"/>
      <c r="CGL707" s="613"/>
      <c r="CGM707" s="613"/>
      <c r="CGN707" s="613"/>
      <c r="CGO707" s="613"/>
      <c r="CGP707" s="613"/>
      <c r="CGQ707" s="613"/>
      <c r="CGR707" s="613"/>
      <c r="CGS707" s="613"/>
      <c r="CGT707" s="613"/>
      <c r="CGU707" s="613"/>
      <c r="CGV707" s="613"/>
      <c r="CGW707" s="613"/>
      <c r="CGX707" s="613"/>
      <c r="CGY707" s="613"/>
      <c r="CGZ707" s="613"/>
      <c r="CHA707" s="613"/>
      <c r="CHB707" s="613"/>
      <c r="CHC707" s="613"/>
      <c r="CHD707" s="613"/>
      <c r="CHE707" s="613"/>
      <c r="CHF707" s="613"/>
      <c r="CHG707" s="613"/>
      <c r="CHH707" s="613"/>
      <c r="CHI707" s="613"/>
      <c r="CHJ707" s="613"/>
      <c r="CHK707" s="613"/>
      <c r="CHL707" s="613"/>
      <c r="CHM707" s="613"/>
      <c r="CHN707" s="613"/>
      <c r="CHO707" s="613"/>
      <c r="CHP707" s="613"/>
      <c r="CHQ707" s="613"/>
      <c r="CHR707" s="613"/>
      <c r="CHS707" s="613"/>
      <c r="CHT707" s="613"/>
      <c r="CHU707" s="613"/>
      <c r="CHV707" s="613"/>
      <c r="CHW707" s="613"/>
      <c r="CHX707" s="613"/>
      <c r="CHY707" s="613"/>
      <c r="CHZ707" s="613"/>
      <c r="CIA707" s="613"/>
      <c r="CIB707" s="613"/>
      <c r="CIC707" s="613"/>
      <c r="CID707" s="613"/>
      <c r="CIE707" s="613"/>
      <c r="CIF707" s="613"/>
      <c r="CIG707" s="613"/>
      <c r="CIH707" s="613"/>
      <c r="CII707" s="613"/>
      <c r="CIJ707" s="613"/>
      <c r="CIK707" s="613"/>
      <c r="CIL707" s="613"/>
      <c r="CIM707" s="613"/>
      <c r="CIN707" s="613"/>
      <c r="CIO707" s="613"/>
      <c r="CIP707" s="613"/>
      <c r="CIQ707" s="613"/>
      <c r="CIR707" s="613"/>
      <c r="CIS707" s="613"/>
      <c r="CIT707" s="613"/>
      <c r="CIU707" s="613"/>
      <c r="CIV707" s="613"/>
      <c r="CIW707" s="613"/>
      <c r="CIX707" s="613"/>
      <c r="CIY707" s="613"/>
      <c r="CIZ707" s="613"/>
      <c r="CJA707" s="613"/>
      <c r="CJB707" s="613"/>
      <c r="CJC707" s="613"/>
      <c r="CJD707" s="613"/>
      <c r="CJE707" s="613"/>
      <c r="CJF707" s="613"/>
      <c r="CJG707" s="613"/>
      <c r="CJH707" s="613"/>
      <c r="CJI707" s="613"/>
      <c r="CJJ707" s="613"/>
      <c r="CJK707" s="613"/>
      <c r="CJL707" s="613"/>
      <c r="CJM707" s="613"/>
      <c r="CJN707" s="613"/>
      <c r="CJO707" s="613"/>
      <c r="CJP707" s="613"/>
      <c r="CJQ707" s="613"/>
      <c r="CJR707" s="613"/>
      <c r="CJS707" s="613"/>
      <c r="CJT707" s="613"/>
      <c r="CJU707" s="613"/>
      <c r="CJV707" s="613"/>
      <c r="CJW707" s="613"/>
      <c r="CJX707" s="613"/>
      <c r="CJY707" s="613"/>
      <c r="CJZ707" s="613"/>
      <c r="CKA707" s="613"/>
      <c r="CKB707" s="613"/>
      <c r="CKC707" s="613"/>
      <c r="CKD707" s="613"/>
      <c r="CKE707" s="613"/>
      <c r="CKF707" s="613"/>
      <c r="CKG707" s="613"/>
      <c r="CKH707" s="613"/>
      <c r="CKI707" s="613"/>
      <c r="CKJ707" s="613"/>
      <c r="CKK707" s="613"/>
      <c r="CKL707" s="613"/>
      <c r="CKM707" s="613"/>
      <c r="CKN707" s="613"/>
      <c r="CKO707" s="613"/>
      <c r="CKP707" s="613"/>
      <c r="CKQ707" s="613"/>
      <c r="CKR707" s="613"/>
      <c r="CKS707" s="613"/>
      <c r="CKT707" s="613"/>
      <c r="CKU707" s="613"/>
      <c r="CKV707" s="613"/>
      <c r="CKW707" s="613"/>
      <c r="CKX707" s="613"/>
      <c r="CKY707" s="613"/>
      <c r="CKZ707" s="613"/>
      <c r="CLA707" s="613"/>
      <c r="CLB707" s="613"/>
      <c r="CLC707" s="613"/>
      <c r="CLD707" s="613"/>
      <c r="CLE707" s="613"/>
      <c r="CLF707" s="613"/>
      <c r="CLG707" s="613"/>
      <c r="CLH707" s="613"/>
      <c r="CLI707" s="613"/>
      <c r="CLJ707" s="613"/>
      <c r="CLK707" s="613"/>
      <c r="CLL707" s="613"/>
      <c r="CLM707" s="613"/>
      <c r="CLN707" s="613"/>
      <c r="CLO707" s="613"/>
      <c r="CLP707" s="613"/>
      <c r="CLQ707" s="613"/>
      <c r="CLR707" s="613"/>
      <c r="CLS707" s="613"/>
      <c r="CLT707" s="613"/>
      <c r="CLU707" s="613"/>
      <c r="CLV707" s="613"/>
      <c r="CLW707" s="613"/>
      <c r="CLX707" s="613"/>
      <c r="CLY707" s="613"/>
      <c r="CLZ707" s="613"/>
      <c r="CMA707" s="613"/>
      <c r="CMB707" s="613"/>
      <c r="CMC707" s="613"/>
      <c r="CMD707" s="613"/>
      <c r="CME707" s="613"/>
      <c r="CMF707" s="613"/>
      <c r="CMG707" s="613"/>
      <c r="CMH707" s="613"/>
      <c r="CMI707" s="613"/>
      <c r="CMJ707" s="613"/>
      <c r="CMK707" s="613"/>
      <c r="CML707" s="613"/>
      <c r="CMM707" s="613"/>
      <c r="CMN707" s="613"/>
      <c r="CMO707" s="613"/>
      <c r="CMP707" s="613"/>
      <c r="CMQ707" s="613"/>
      <c r="CMR707" s="613"/>
      <c r="CMS707" s="613"/>
      <c r="CMT707" s="613"/>
      <c r="CMU707" s="613"/>
      <c r="CMV707" s="613"/>
      <c r="CMW707" s="613"/>
      <c r="CMX707" s="613"/>
      <c r="CMY707" s="613"/>
      <c r="CMZ707" s="613"/>
      <c r="CNA707" s="613"/>
      <c r="CNB707" s="613"/>
      <c r="CNC707" s="613"/>
      <c r="CND707" s="613"/>
      <c r="CNE707" s="613"/>
      <c r="CNF707" s="613"/>
      <c r="CNG707" s="613"/>
      <c r="CNH707" s="613"/>
      <c r="CNI707" s="613"/>
      <c r="CNJ707" s="613"/>
      <c r="CNK707" s="613"/>
      <c r="CNL707" s="613"/>
      <c r="CNM707" s="613"/>
      <c r="CNN707" s="613"/>
      <c r="CNO707" s="613"/>
      <c r="CNP707" s="613"/>
      <c r="CNQ707" s="613"/>
      <c r="CNR707" s="613"/>
      <c r="CNS707" s="613"/>
      <c r="CNT707" s="613"/>
      <c r="CNU707" s="613"/>
      <c r="CNV707" s="613"/>
      <c r="CNW707" s="613"/>
      <c r="CNX707" s="613"/>
      <c r="CNY707" s="613"/>
      <c r="CNZ707" s="613"/>
      <c r="COA707" s="613"/>
      <c r="COB707" s="613"/>
      <c r="COC707" s="613"/>
      <c r="COD707" s="613"/>
      <c r="COE707" s="613"/>
      <c r="COF707" s="613"/>
      <c r="COG707" s="613"/>
      <c r="COH707" s="613"/>
      <c r="COI707" s="613"/>
      <c r="COJ707" s="613"/>
      <c r="COK707" s="613"/>
      <c r="COL707" s="613"/>
      <c r="COM707" s="613"/>
      <c r="CON707" s="613"/>
      <c r="COO707" s="613"/>
      <c r="COP707" s="613"/>
      <c r="COQ707" s="613"/>
      <c r="COR707" s="613"/>
      <c r="COS707" s="613"/>
      <c r="COT707" s="613"/>
      <c r="COU707" s="613"/>
      <c r="COV707" s="613"/>
      <c r="COW707" s="613"/>
      <c r="COX707" s="613"/>
      <c r="COY707" s="613"/>
      <c r="COZ707" s="613"/>
      <c r="CPA707" s="613"/>
      <c r="CPB707" s="613"/>
      <c r="CPC707" s="613"/>
      <c r="CPD707" s="613"/>
      <c r="CPE707" s="613"/>
      <c r="CPF707" s="613"/>
      <c r="CPG707" s="613"/>
      <c r="CPH707" s="613"/>
      <c r="CPI707" s="613"/>
      <c r="CPJ707" s="613"/>
      <c r="CPK707" s="613"/>
      <c r="CPL707" s="613"/>
      <c r="CPM707" s="613"/>
      <c r="CPN707" s="613"/>
      <c r="CPO707" s="613"/>
      <c r="CPP707" s="613"/>
      <c r="CPQ707" s="613"/>
      <c r="CPR707" s="613"/>
      <c r="CPS707" s="613"/>
      <c r="CPT707" s="613"/>
      <c r="CPU707" s="613"/>
      <c r="CPV707" s="613"/>
      <c r="CPW707" s="613"/>
      <c r="CPX707" s="613"/>
      <c r="CPY707" s="613"/>
      <c r="CPZ707" s="613"/>
      <c r="CQA707" s="613"/>
      <c r="CQB707" s="613"/>
      <c r="CQC707" s="613"/>
      <c r="CQD707" s="613"/>
      <c r="CQE707" s="613"/>
      <c r="CQF707" s="613"/>
      <c r="CQG707" s="613"/>
      <c r="CQH707" s="613"/>
      <c r="CQI707" s="613"/>
      <c r="CQJ707" s="613"/>
      <c r="CQK707" s="613"/>
      <c r="CQL707" s="613"/>
      <c r="CQM707" s="613"/>
      <c r="CQN707" s="613"/>
      <c r="CQO707" s="613"/>
      <c r="CQP707" s="613"/>
      <c r="CQQ707" s="613"/>
      <c r="CQR707" s="613"/>
      <c r="CQS707" s="613"/>
      <c r="CQT707" s="613"/>
      <c r="CQU707" s="613"/>
      <c r="CQV707" s="613"/>
      <c r="CQW707" s="613"/>
      <c r="CQX707" s="613"/>
      <c r="CQY707" s="613"/>
      <c r="CQZ707" s="613"/>
      <c r="CRA707" s="613"/>
      <c r="CRB707" s="613"/>
      <c r="CRC707" s="613"/>
      <c r="CRD707" s="613"/>
      <c r="CRE707" s="613"/>
      <c r="CRF707" s="613"/>
      <c r="CRG707" s="613"/>
      <c r="CRH707" s="613"/>
      <c r="CRI707" s="613"/>
      <c r="CRJ707" s="613"/>
      <c r="CRK707" s="613"/>
      <c r="CRL707" s="613"/>
      <c r="CRM707" s="613"/>
      <c r="CRN707" s="613"/>
      <c r="CRO707" s="613"/>
      <c r="CRP707" s="613"/>
      <c r="CRQ707" s="613"/>
      <c r="CRR707" s="613"/>
      <c r="CRS707" s="613"/>
      <c r="CRT707" s="613"/>
      <c r="CRU707" s="613"/>
      <c r="CRV707" s="613"/>
      <c r="CRW707" s="613"/>
      <c r="CRX707" s="613"/>
      <c r="CRY707" s="613"/>
      <c r="CRZ707" s="613"/>
      <c r="CSA707" s="613"/>
      <c r="CSB707" s="613"/>
      <c r="CSC707" s="613"/>
      <c r="CSD707" s="613"/>
      <c r="CSE707" s="613"/>
      <c r="CSF707" s="613"/>
      <c r="CSG707" s="613"/>
      <c r="CSH707" s="613"/>
      <c r="CSI707" s="613"/>
      <c r="CSJ707" s="613"/>
      <c r="CSK707" s="613"/>
      <c r="CSL707" s="613"/>
      <c r="CSM707" s="613"/>
      <c r="CSN707" s="613"/>
      <c r="CSO707" s="613"/>
      <c r="CSP707" s="613"/>
      <c r="CSQ707" s="613"/>
      <c r="CSR707" s="613"/>
      <c r="CSS707" s="613"/>
      <c r="CST707" s="613"/>
      <c r="CSU707" s="613"/>
      <c r="CSV707" s="613"/>
      <c r="CSW707" s="613"/>
      <c r="CSX707" s="613"/>
      <c r="CSY707" s="613"/>
      <c r="CSZ707" s="613"/>
      <c r="CTA707" s="613"/>
      <c r="CTB707" s="613"/>
      <c r="CTC707" s="613"/>
      <c r="CTD707" s="613"/>
      <c r="CTE707" s="613"/>
      <c r="CTF707" s="613"/>
      <c r="CTG707" s="613"/>
      <c r="CTH707" s="613"/>
      <c r="CTI707" s="613"/>
      <c r="CTJ707" s="613"/>
      <c r="CTK707" s="613"/>
      <c r="CTL707" s="613"/>
      <c r="CTM707" s="613"/>
      <c r="CTN707" s="613"/>
      <c r="CTO707" s="613"/>
      <c r="CTP707" s="613"/>
      <c r="CTQ707" s="613"/>
      <c r="CTR707" s="613"/>
      <c r="CTS707" s="613"/>
      <c r="CTT707" s="613"/>
      <c r="CTU707" s="613"/>
      <c r="CTV707" s="613"/>
      <c r="CTW707" s="613"/>
      <c r="CTX707" s="613"/>
      <c r="CTY707" s="613"/>
      <c r="CTZ707" s="613"/>
      <c r="CUA707" s="613"/>
      <c r="CUB707" s="613"/>
      <c r="CUC707" s="613"/>
      <c r="CUD707" s="613"/>
      <c r="CUE707" s="613"/>
      <c r="CUF707" s="613"/>
      <c r="CUG707" s="613"/>
      <c r="CUH707" s="613"/>
      <c r="CUI707" s="613"/>
      <c r="CUJ707" s="613"/>
      <c r="CUK707" s="613"/>
      <c r="CUL707" s="613"/>
      <c r="CUM707" s="613"/>
      <c r="CUN707" s="613"/>
      <c r="CUO707" s="613"/>
      <c r="CUP707" s="613"/>
      <c r="CUQ707" s="613"/>
      <c r="CUR707" s="613"/>
      <c r="CUS707" s="613"/>
      <c r="CUT707" s="613"/>
      <c r="CUU707" s="613"/>
      <c r="CUV707" s="613"/>
      <c r="CUW707" s="613"/>
      <c r="CUX707" s="613"/>
      <c r="CUY707" s="613"/>
      <c r="CUZ707" s="613"/>
      <c r="CVA707" s="613"/>
      <c r="CVB707" s="613"/>
      <c r="CVC707" s="613"/>
      <c r="CVD707" s="613"/>
      <c r="CVE707" s="613"/>
      <c r="CVF707" s="613"/>
      <c r="CVG707" s="613"/>
      <c r="CVH707" s="613"/>
      <c r="CVI707" s="613"/>
      <c r="CVJ707" s="613"/>
      <c r="CVK707" s="613"/>
      <c r="CVL707" s="613"/>
      <c r="CVM707" s="613"/>
      <c r="CVN707" s="613"/>
      <c r="CVO707" s="613"/>
      <c r="CVP707" s="613"/>
      <c r="CVQ707" s="613"/>
      <c r="CVR707" s="613"/>
      <c r="CVS707" s="613"/>
      <c r="CVT707" s="613"/>
      <c r="CVU707" s="613"/>
      <c r="CVV707" s="613"/>
      <c r="CVW707" s="613"/>
      <c r="CVX707" s="613"/>
      <c r="CVY707" s="613"/>
      <c r="CVZ707" s="613"/>
      <c r="CWA707" s="613"/>
      <c r="CWB707" s="613"/>
      <c r="CWC707" s="613"/>
      <c r="CWD707" s="613"/>
      <c r="CWE707" s="613"/>
      <c r="CWF707" s="613"/>
      <c r="CWG707" s="613"/>
      <c r="CWH707" s="613"/>
      <c r="CWI707" s="613"/>
      <c r="CWJ707" s="613"/>
      <c r="CWK707" s="613"/>
      <c r="CWL707" s="613"/>
      <c r="CWM707" s="613"/>
      <c r="CWN707" s="613"/>
      <c r="CWO707" s="613"/>
      <c r="CWP707" s="613"/>
      <c r="CWQ707" s="613"/>
      <c r="CWR707" s="613"/>
      <c r="CWS707" s="613"/>
      <c r="CWT707" s="613"/>
      <c r="CWU707" s="613"/>
      <c r="CWV707" s="613"/>
      <c r="CWW707" s="613"/>
      <c r="CWX707" s="613"/>
      <c r="CWY707" s="613"/>
      <c r="CWZ707" s="613"/>
      <c r="CXA707" s="613"/>
      <c r="CXB707" s="613"/>
      <c r="CXC707" s="613"/>
      <c r="CXD707" s="613"/>
      <c r="CXE707" s="613"/>
      <c r="CXF707" s="613"/>
      <c r="CXG707" s="613"/>
      <c r="CXH707" s="613"/>
      <c r="CXI707" s="613"/>
      <c r="CXJ707" s="613"/>
      <c r="CXK707" s="613"/>
      <c r="CXL707" s="613"/>
      <c r="CXM707" s="613"/>
      <c r="CXN707" s="613"/>
      <c r="CXO707" s="613"/>
      <c r="CXP707" s="613"/>
      <c r="CXQ707" s="613"/>
      <c r="CXR707" s="613"/>
      <c r="CXS707" s="613"/>
      <c r="CXT707" s="613"/>
      <c r="CXU707" s="613"/>
      <c r="CXV707" s="613"/>
      <c r="CXW707" s="613"/>
      <c r="CXX707" s="613"/>
      <c r="CXY707" s="613"/>
      <c r="CXZ707" s="613"/>
      <c r="CYA707" s="613"/>
      <c r="CYB707" s="613"/>
      <c r="CYC707" s="613"/>
      <c r="CYD707" s="613"/>
      <c r="CYE707" s="613"/>
      <c r="CYF707" s="613"/>
      <c r="CYG707" s="613"/>
      <c r="CYH707" s="613"/>
      <c r="CYI707" s="613"/>
      <c r="CYJ707" s="613"/>
      <c r="CYK707" s="613"/>
      <c r="CYL707" s="613"/>
      <c r="CYM707" s="613"/>
      <c r="CYN707" s="613"/>
      <c r="CYO707" s="613"/>
      <c r="CYP707" s="613"/>
      <c r="CYQ707" s="613"/>
      <c r="CYR707" s="613"/>
      <c r="CYS707" s="613"/>
      <c r="CYT707" s="613"/>
      <c r="CYU707" s="613"/>
      <c r="CYV707" s="613"/>
      <c r="CYW707" s="613"/>
      <c r="CYX707" s="613"/>
      <c r="CYY707" s="613"/>
      <c r="CYZ707" s="613"/>
      <c r="CZA707" s="613"/>
      <c r="CZB707" s="613"/>
      <c r="CZC707" s="613"/>
      <c r="CZD707" s="613"/>
      <c r="CZE707" s="613"/>
      <c r="CZF707" s="613"/>
      <c r="CZG707" s="613"/>
      <c r="CZH707" s="613"/>
      <c r="CZI707" s="613"/>
      <c r="CZJ707" s="613"/>
      <c r="CZK707" s="613"/>
      <c r="CZL707" s="613"/>
      <c r="CZM707" s="613"/>
      <c r="CZN707" s="613"/>
      <c r="CZO707" s="613"/>
      <c r="CZP707" s="613"/>
      <c r="CZQ707" s="613"/>
      <c r="CZR707" s="613"/>
      <c r="CZS707" s="613"/>
      <c r="CZT707" s="613"/>
      <c r="CZU707" s="613"/>
      <c r="CZV707" s="613"/>
      <c r="CZW707" s="613"/>
      <c r="CZX707" s="613"/>
      <c r="CZY707" s="613"/>
      <c r="CZZ707" s="613"/>
      <c r="DAA707" s="613"/>
      <c r="DAB707" s="613"/>
      <c r="DAC707" s="613"/>
      <c r="DAD707" s="613"/>
      <c r="DAE707" s="613"/>
      <c r="DAF707" s="613"/>
      <c r="DAG707" s="613"/>
      <c r="DAH707" s="613"/>
      <c r="DAI707" s="613"/>
      <c r="DAJ707" s="613"/>
      <c r="DAK707" s="613"/>
      <c r="DAL707" s="613"/>
      <c r="DAM707" s="613"/>
      <c r="DAN707" s="613"/>
      <c r="DAO707" s="613"/>
      <c r="DAP707" s="613"/>
      <c r="DAQ707" s="613"/>
      <c r="DAR707" s="613"/>
      <c r="DAS707" s="613"/>
      <c r="DAT707" s="613"/>
      <c r="DAU707" s="613"/>
      <c r="DAV707" s="613"/>
      <c r="DAW707" s="613"/>
      <c r="DAX707" s="613"/>
      <c r="DAY707" s="613"/>
      <c r="DAZ707" s="613"/>
      <c r="DBA707" s="613"/>
      <c r="DBB707" s="613"/>
      <c r="DBC707" s="613"/>
      <c r="DBD707" s="613"/>
      <c r="DBE707" s="613"/>
      <c r="DBF707" s="613"/>
      <c r="DBG707" s="613"/>
      <c r="DBH707" s="613"/>
      <c r="DBI707" s="613"/>
      <c r="DBJ707" s="613"/>
      <c r="DBK707" s="613"/>
      <c r="DBL707" s="613"/>
      <c r="DBM707" s="613"/>
      <c r="DBN707" s="613"/>
      <c r="DBO707" s="613"/>
      <c r="DBP707" s="613"/>
      <c r="DBQ707" s="613"/>
      <c r="DBR707" s="613"/>
      <c r="DBS707" s="613"/>
      <c r="DBT707" s="613"/>
      <c r="DBU707" s="613"/>
      <c r="DBV707" s="613"/>
      <c r="DBW707" s="613"/>
      <c r="DBX707" s="613"/>
      <c r="DBY707" s="613"/>
      <c r="DBZ707" s="613"/>
      <c r="DCA707" s="613"/>
      <c r="DCB707" s="613"/>
      <c r="DCC707" s="613"/>
      <c r="DCD707" s="613"/>
      <c r="DCE707" s="613"/>
      <c r="DCF707" s="613"/>
      <c r="DCG707" s="613"/>
      <c r="DCH707" s="613"/>
      <c r="DCI707" s="613"/>
      <c r="DCJ707" s="613"/>
      <c r="DCK707" s="613"/>
      <c r="DCL707" s="613"/>
      <c r="DCM707" s="613"/>
      <c r="DCN707" s="613"/>
      <c r="DCO707" s="613"/>
      <c r="DCP707" s="613"/>
      <c r="DCQ707" s="613"/>
      <c r="DCR707" s="613"/>
      <c r="DCS707" s="613"/>
      <c r="DCT707" s="613"/>
      <c r="DCU707" s="613"/>
      <c r="DCV707" s="613"/>
      <c r="DCW707" s="613"/>
      <c r="DCX707" s="613"/>
      <c r="DCY707" s="613"/>
      <c r="DCZ707" s="613"/>
      <c r="DDA707" s="613"/>
      <c r="DDB707" s="613"/>
      <c r="DDC707" s="613"/>
      <c r="DDD707" s="613"/>
      <c r="DDE707" s="613"/>
      <c r="DDF707" s="613"/>
      <c r="DDG707" s="613"/>
      <c r="DDH707" s="613"/>
      <c r="DDI707" s="613"/>
      <c r="DDJ707" s="613"/>
      <c r="DDK707" s="613"/>
      <c r="DDL707" s="613"/>
      <c r="DDM707" s="613"/>
      <c r="DDN707" s="613"/>
      <c r="DDO707" s="613"/>
      <c r="DDP707" s="613"/>
      <c r="DDQ707" s="613"/>
      <c r="DDR707" s="613"/>
      <c r="DDS707" s="613"/>
      <c r="DDT707" s="613"/>
      <c r="DDU707" s="613"/>
      <c r="DDV707" s="613"/>
      <c r="DDW707" s="613"/>
      <c r="DDX707" s="613"/>
      <c r="DDY707" s="613"/>
      <c r="DDZ707" s="613"/>
      <c r="DEA707" s="613"/>
      <c r="DEB707" s="613"/>
      <c r="DEC707" s="613"/>
      <c r="DED707" s="613"/>
      <c r="DEE707" s="613"/>
      <c r="DEF707" s="613"/>
      <c r="DEG707" s="613"/>
      <c r="DEH707" s="613"/>
      <c r="DEI707" s="613"/>
      <c r="DEJ707" s="613"/>
      <c r="DEK707" s="613"/>
      <c r="DEL707" s="613"/>
      <c r="DEM707" s="613"/>
      <c r="DEN707" s="613"/>
      <c r="DEO707" s="613"/>
      <c r="DEP707" s="613"/>
      <c r="DEQ707" s="613"/>
      <c r="DER707" s="613"/>
      <c r="DES707" s="613"/>
      <c r="DET707" s="613"/>
      <c r="DEU707" s="613"/>
      <c r="DEV707" s="613"/>
      <c r="DEW707" s="613"/>
      <c r="DEX707" s="613"/>
      <c r="DEY707" s="613"/>
      <c r="DEZ707" s="613"/>
      <c r="DFA707" s="613"/>
      <c r="DFB707" s="613"/>
      <c r="DFC707" s="613"/>
      <c r="DFD707" s="613"/>
      <c r="DFE707" s="613"/>
      <c r="DFF707" s="613"/>
      <c r="DFG707" s="613"/>
      <c r="DFH707" s="613"/>
      <c r="DFI707" s="613"/>
      <c r="DFJ707" s="613"/>
      <c r="DFK707" s="613"/>
      <c r="DFL707" s="613"/>
      <c r="DFM707" s="613"/>
      <c r="DFN707" s="613"/>
      <c r="DFO707" s="613"/>
      <c r="DFP707" s="613"/>
      <c r="DFQ707" s="613"/>
      <c r="DFR707" s="613"/>
      <c r="DFS707" s="613"/>
      <c r="DFT707" s="613"/>
      <c r="DFU707" s="613"/>
      <c r="DFV707" s="613"/>
      <c r="DFW707" s="613"/>
      <c r="DFX707" s="613"/>
      <c r="DFY707" s="613"/>
      <c r="DFZ707" s="613"/>
      <c r="DGA707" s="613"/>
      <c r="DGB707" s="613"/>
      <c r="DGC707" s="613"/>
      <c r="DGD707" s="613"/>
      <c r="DGE707" s="613"/>
      <c r="DGF707" s="613"/>
      <c r="DGG707" s="613"/>
      <c r="DGH707" s="613"/>
      <c r="DGI707" s="613"/>
      <c r="DGJ707" s="613"/>
      <c r="DGK707" s="613"/>
      <c r="DGL707" s="613"/>
      <c r="DGM707" s="613"/>
      <c r="DGN707" s="613"/>
      <c r="DGO707" s="613"/>
      <c r="DGP707" s="613"/>
      <c r="DGQ707" s="613"/>
      <c r="DGR707" s="613"/>
      <c r="DGS707" s="613"/>
      <c r="DGT707" s="613"/>
      <c r="DGU707" s="613"/>
      <c r="DGV707" s="613"/>
      <c r="DGW707" s="613"/>
      <c r="DGX707" s="613"/>
      <c r="DGY707" s="613"/>
      <c r="DGZ707" s="613"/>
      <c r="DHA707" s="613"/>
      <c r="DHB707" s="613"/>
      <c r="DHC707" s="613"/>
      <c r="DHD707" s="613"/>
      <c r="DHE707" s="613"/>
      <c r="DHF707" s="613"/>
      <c r="DHG707" s="613"/>
      <c r="DHH707" s="613"/>
      <c r="DHI707" s="613"/>
      <c r="DHJ707" s="613"/>
      <c r="DHK707" s="613"/>
      <c r="DHL707" s="613"/>
      <c r="DHM707" s="613"/>
      <c r="DHN707" s="613"/>
      <c r="DHO707" s="613"/>
      <c r="DHP707" s="613"/>
      <c r="DHQ707" s="613"/>
      <c r="DHR707" s="613"/>
      <c r="DHS707" s="613"/>
      <c r="DHT707" s="613"/>
      <c r="DHU707" s="613"/>
      <c r="DHV707" s="613"/>
      <c r="DHW707" s="613"/>
      <c r="DHX707" s="613"/>
      <c r="DHY707" s="613"/>
      <c r="DHZ707" s="613"/>
      <c r="DIA707" s="613"/>
      <c r="DIB707" s="613"/>
      <c r="DIC707" s="613"/>
      <c r="DID707" s="613"/>
      <c r="DIE707" s="613"/>
      <c r="DIF707" s="613"/>
      <c r="DIG707" s="613"/>
      <c r="DIH707" s="613"/>
      <c r="DII707" s="613"/>
      <c r="DIJ707" s="613"/>
      <c r="DIK707" s="613"/>
      <c r="DIL707" s="613"/>
      <c r="DIM707" s="613"/>
      <c r="DIN707" s="613"/>
      <c r="DIO707" s="613"/>
      <c r="DIP707" s="613"/>
      <c r="DIQ707" s="613"/>
      <c r="DIR707" s="613"/>
      <c r="DIS707" s="613"/>
      <c r="DIT707" s="613"/>
      <c r="DIU707" s="613"/>
      <c r="DIV707" s="613"/>
      <c r="DIW707" s="613"/>
      <c r="DIX707" s="613"/>
      <c r="DIY707" s="613"/>
      <c r="DIZ707" s="613"/>
      <c r="DJA707" s="613"/>
      <c r="DJB707" s="613"/>
      <c r="DJC707" s="613"/>
      <c r="DJD707" s="613"/>
      <c r="DJE707" s="613"/>
      <c r="DJF707" s="613"/>
      <c r="DJG707" s="613"/>
      <c r="DJH707" s="613"/>
      <c r="DJI707" s="613"/>
      <c r="DJJ707" s="613"/>
      <c r="DJK707" s="613"/>
      <c r="DJL707" s="613"/>
      <c r="DJM707" s="613"/>
      <c r="DJN707" s="613"/>
      <c r="DJO707" s="613"/>
      <c r="DJP707" s="613"/>
      <c r="DJQ707" s="613"/>
      <c r="DJR707" s="613"/>
      <c r="DJS707" s="613"/>
      <c r="DJT707" s="613"/>
      <c r="DJU707" s="613"/>
      <c r="DJV707" s="613"/>
      <c r="DJW707" s="613"/>
      <c r="DJX707" s="613"/>
      <c r="DJY707" s="613"/>
      <c r="DJZ707" s="613"/>
      <c r="DKA707" s="613"/>
      <c r="DKB707" s="613"/>
      <c r="DKC707" s="613"/>
      <c r="DKD707" s="613"/>
      <c r="DKE707" s="613"/>
      <c r="DKF707" s="613"/>
      <c r="DKG707" s="613"/>
      <c r="DKH707" s="613"/>
      <c r="DKI707" s="613"/>
      <c r="DKJ707" s="613"/>
      <c r="DKK707" s="613"/>
      <c r="DKL707" s="613"/>
      <c r="DKM707" s="613"/>
      <c r="DKN707" s="613"/>
      <c r="DKO707" s="613"/>
      <c r="DKP707" s="613"/>
      <c r="DKQ707" s="613"/>
      <c r="DKR707" s="613"/>
      <c r="DKS707" s="613"/>
      <c r="DKT707" s="613"/>
      <c r="DKU707" s="613"/>
      <c r="DKV707" s="613"/>
      <c r="DKW707" s="613"/>
      <c r="DKX707" s="613"/>
      <c r="DKY707" s="613"/>
      <c r="DKZ707" s="613"/>
      <c r="DLA707" s="613"/>
      <c r="DLB707" s="613"/>
      <c r="DLC707" s="613"/>
      <c r="DLD707" s="613"/>
      <c r="DLE707" s="613"/>
      <c r="DLF707" s="613"/>
      <c r="DLG707" s="613"/>
      <c r="DLH707" s="613"/>
      <c r="DLI707" s="613"/>
      <c r="DLJ707" s="613"/>
      <c r="DLK707" s="613"/>
      <c r="DLL707" s="613"/>
      <c r="DLM707" s="613"/>
      <c r="DLN707" s="613"/>
      <c r="DLO707" s="613"/>
      <c r="DLP707" s="613"/>
      <c r="DLQ707" s="613"/>
      <c r="DLR707" s="613"/>
      <c r="DLS707" s="613"/>
      <c r="DLT707" s="613"/>
      <c r="DLU707" s="613"/>
      <c r="DLV707" s="613"/>
      <c r="DLW707" s="613"/>
      <c r="DLX707" s="613"/>
      <c r="DLY707" s="613"/>
      <c r="DLZ707" s="613"/>
      <c r="DMA707" s="613"/>
      <c r="DMB707" s="613"/>
      <c r="DMC707" s="613"/>
      <c r="DMD707" s="613"/>
      <c r="DME707" s="613"/>
      <c r="DMF707" s="613"/>
      <c r="DMG707" s="613"/>
      <c r="DMH707" s="613"/>
      <c r="DMI707" s="613"/>
      <c r="DMJ707" s="613"/>
      <c r="DMK707" s="613"/>
      <c r="DML707" s="613"/>
      <c r="DMM707" s="613"/>
      <c r="DMN707" s="613"/>
      <c r="DMO707" s="613"/>
      <c r="DMP707" s="613"/>
      <c r="DMQ707" s="613"/>
      <c r="DMR707" s="613"/>
      <c r="DMS707" s="613"/>
      <c r="DMT707" s="613"/>
      <c r="DMU707" s="613"/>
      <c r="DMV707" s="613"/>
      <c r="DMW707" s="613"/>
      <c r="DMX707" s="613"/>
      <c r="DMY707" s="613"/>
      <c r="DMZ707" s="613"/>
      <c r="DNA707" s="613"/>
      <c r="DNB707" s="613"/>
      <c r="DNC707" s="613"/>
      <c r="DND707" s="613"/>
      <c r="DNE707" s="613"/>
      <c r="DNF707" s="613"/>
      <c r="DNG707" s="613"/>
      <c r="DNH707" s="613"/>
      <c r="DNI707" s="613"/>
      <c r="DNJ707" s="613"/>
      <c r="DNK707" s="613"/>
      <c r="DNL707" s="613"/>
      <c r="DNM707" s="613"/>
      <c r="DNN707" s="613"/>
      <c r="DNO707" s="613"/>
      <c r="DNP707" s="613"/>
      <c r="DNQ707" s="613"/>
      <c r="DNR707" s="613"/>
      <c r="DNS707" s="613"/>
      <c r="DNT707" s="613"/>
      <c r="DNU707" s="613"/>
      <c r="DNV707" s="613"/>
      <c r="DNW707" s="613"/>
      <c r="DNX707" s="613"/>
      <c r="DNY707" s="613"/>
      <c r="DNZ707" s="613"/>
      <c r="DOA707" s="613"/>
      <c r="DOB707" s="613"/>
      <c r="DOC707" s="613"/>
      <c r="DOD707" s="613"/>
      <c r="DOE707" s="613"/>
      <c r="DOF707" s="613"/>
      <c r="DOG707" s="613"/>
      <c r="DOH707" s="613"/>
      <c r="DOI707" s="613"/>
      <c r="DOJ707" s="613"/>
      <c r="DOK707" s="613"/>
      <c r="DOL707" s="613"/>
      <c r="DOM707" s="613"/>
      <c r="DON707" s="613"/>
      <c r="DOO707" s="613"/>
      <c r="DOP707" s="613"/>
      <c r="DOQ707" s="613"/>
      <c r="DOR707" s="613"/>
      <c r="DOS707" s="613"/>
      <c r="DOT707" s="613"/>
      <c r="DOU707" s="613"/>
      <c r="DOV707" s="613"/>
      <c r="DOW707" s="613"/>
      <c r="DOX707" s="613"/>
      <c r="DOY707" s="613"/>
      <c r="DOZ707" s="613"/>
      <c r="DPA707" s="613"/>
      <c r="DPB707" s="613"/>
      <c r="DPC707" s="613"/>
      <c r="DPD707" s="613"/>
      <c r="DPE707" s="613"/>
      <c r="DPF707" s="613"/>
      <c r="DPG707" s="613"/>
      <c r="DPH707" s="613"/>
      <c r="DPI707" s="613"/>
      <c r="DPJ707" s="613"/>
      <c r="DPK707" s="613"/>
      <c r="DPL707" s="613"/>
      <c r="DPM707" s="613"/>
      <c r="DPN707" s="613"/>
      <c r="DPO707" s="613"/>
      <c r="DPP707" s="613"/>
      <c r="DPQ707" s="613"/>
      <c r="DPR707" s="613"/>
      <c r="DPS707" s="613"/>
      <c r="DPT707" s="613"/>
      <c r="DPU707" s="613"/>
      <c r="DPV707" s="613"/>
      <c r="DPW707" s="613"/>
      <c r="DPX707" s="613"/>
      <c r="DPY707" s="613"/>
      <c r="DPZ707" s="613"/>
      <c r="DQA707" s="613"/>
      <c r="DQB707" s="613"/>
      <c r="DQC707" s="613"/>
      <c r="DQD707" s="613"/>
      <c r="DQE707" s="613"/>
      <c r="DQF707" s="613"/>
      <c r="DQG707" s="613"/>
      <c r="DQH707" s="613"/>
      <c r="DQI707" s="613"/>
      <c r="DQJ707" s="613"/>
      <c r="DQK707" s="613"/>
      <c r="DQL707" s="613"/>
      <c r="DQM707" s="613"/>
      <c r="DQN707" s="613"/>
      <c r="DQO707" s="613"/>
      <c r="DQP707" s="613"/>
      <c r="DQQ707" s="613"/>
      <c r="DQR707" s="613"/>
      <c r="DQS707" s="613"/>
      <c r="DQT707" s="613"/>
      <c r="DQU707" s="613"/>
      <c r="DQV707" s="613"/>
      <c r="DQW707" s="613"/>
      <c r="DQX707" s="613"/>
      <c r="DQY707" s="613"/>
      <c r="DQZ707" s="613"/>
      <c r="DRA707" s="613"/>
      <c r="DRB707" s="613"/>
      <c r="DRC707" s="613"/>
      <c r="DRD707" s="613"/>
      <c r="DRE707" s="613"/>
      <c r="DRF707" s="613"/>
      <c r="DRG707" s="613"/>
      <c r="DRH707" s="613"/>
      <c r="DRI707" s="613"/>
      <c r="DRJ707" s="613"/>
      <c r="DRK707" s="613"/>
      <c r="DRL707" s="613"/>
      <c r="DRM707" s="613"/>
      <c r="DRN707" s="613"/>
      <c r="DRO707" s="613"/>
      <c r="DRP707" s="613"/>
      <c r="DRQ707" s="613"/>
      <c r="DRR707" s="613"/>
      <c r="DRS707" s="613"/>
      <c r="DRT707" s="613"/>
      <c r="DRU707" s="613"/>
      <c r="DRV707" s="613"/>
      <c r="DRW707" s="613"/>
      <c r="DRX707" s="613"/>
      <c r="DRY707" s="613"/>
      <c r="DRZ707" s="613"/>
      <c r="DSA707" s="613"/>
      <c r="DSB707" s="613"/>
      <c r="DSC707" s="613"/>
      <c r="DSD707" s="613"/>
      <c r="DSE707" s="613"/>
      <c r="DSF707" s="613"/>
      <c r="DSG707" s="613"/>
      <c r="DSH707" s="613"/>
      <c r="DSI707" s="613"/>
      <c r="DSJ707" s="613"/>
      <c r="DSK707" s="613"/>
      <c r="DSL707" s="613"/>
      <c r="DSM707" s="613"/>
      <c r="DSN707" s="613"/>
      <c r="DSO707" s="613"/>
      <c r="DSP707" s="613"/>
      <c r="DSQ707" s="613"/>
      <c r="DSR707" s="613"/>
      <c r="DSS707" s="613"/>
      <c r="DST707" s="613"/>
      <c r="DSU707" s="613"/>
      <c r="DSV707" s="613"/>
      <c r="DSW707" s="613"/>
      <c r="DSX707" s="613"/>
      <c r="DSY707" s="613"/>
      <c r="DSZ707" s="613"/>
      <c r="DTA707" s="613"/>
      <c r="DTB707" s="613"/>
      <c r="DTC707" s="613"/>
      <c r="DTD707" s="613"/>
      <c r="DTE707" s="613"/>
      <c r="DTF707" s="613"/>
      <c r="DTG707" s="613"/>
      <c r="DTH707" s="613"/>
      <c r="DTI707" s="613"/>
      <c r="DTJ707" s="613"/>
      <c r="DTK707" s="613"/>
      <c r="DTL707" s="613"/>
      <c r="DTM707" s="613"/>
      <c r="DTN707" s="613"/>
      <c r="DTO707" s="613"/>
      <c r="DTP707" s="613"/>
      <c r="DTQ707" s="613"/>
      <c r="DTR707" s="613"/>
      <c r="DTS707" s="613"/>
      <c r="DTT707" s="613"/>
      <c r="DTU707" s="613"/>
      <c r="DTV707" s="613"/>
      <c r="DTW707" s="613"/>
      <c r="DTX707" s="613"/>
      <c r="DTY707" s="613"/>
      <c r="DTZ707" s="613"/>
      <c r="DUA707" s="613"/>
      <c r="DUB707" s="613"/>
      <c r="DUC707" s="613"/>
      <c r="DUD707" s="613"/>
      <c r="DUE707" s="613"/>
      <c r="DUF707" s="613"/>
      <c r="DUG707" s="613"/>
      <c r="DUH707" s="613"/>
      <c r="DUI707" s="613"/>
      <c r="DUJ707" s="613"/>
      <c r="DUK707" s="613"/>
      <c r="DUL707" s="613"/>
      <c r="DUM707" s="613"/>
      <c r="DUN707" s="613"/>
      <c r="DUO707" s="613"/>
      <c r="DUP707" s="613"/>
      <c r="DUQ707" s="613"/>
      <c r="DUR707" s="613"/>
      <c r="DUS707" s="613"/>
      <c r="DUT707" s="613"/>
      <c r="DUU707" s="613"/>
      <c r="DUV707" s="613"/>
      <c r="DUW707" s="613"/>
      <c r="DUX707" s="613"/>
      <c r="DUY707" s="613"/>
      <c r="DUZ707" s="613"/>
      <c r="DVA707" s="613"/>
      <c r="DVB707" s="613"/>
      <c r="DVC707" s="613"/>
      <c r="DVD707" s="613"/>
      <c r="DVE707" s="613"/>
      <c r="DVF707" s="613"/>
      <c r="DVG707" s="613"/>
      <c r="DVH707" s="613"/>
      <c r="DVI707" s="613"/>
      <c r="DVJ707" s="613"/>
      <c r="DVK707" s="613"/>
      <c r="DVL707" s="613"/>
      <c r="DVM707" s="613"/>
      <c r="DVN707" s="613"/>
      <c r="DVO707" s="613"/>
      <c r="DVP707" s="613"/>
      <c r="DVQ707" s="613"/>
      <c r="DVR707" s="613"/>
      <c r="DVS707" s="613"/>
      <c r="DVT707" s="613"/>
      <c r="DVU707" s="613"/>
      <c r="DVV707" s="613"/>
      <c r="DVW707" s="613"/>
      <c r="DVX707" s="613"/>
      <c r="DVY707" s="613"/>
      <c r="DVZ707" s="613"/>
      <c r="DWA707" s="613"/>
      <c r="DWB707" s="613"/>
      <c r="DWC707" s="613"/>
      <c r="DWD707" s="613"/>
      <c r="DWE707" s="613"/>
      <c r="DWF707" s="613"/>
      <c r="DWG707" s="613"/>
      <c r="DWH707" s="613"/>
      <c r="DWI707" s="613"/>
      <c r="DWJ707" s="613"/>
      <c r="DWK707" s="613"/>
      <c r="DWL707" s="613"/>
      <c r="DWM707" s="613"/>
      <c r="DWN707" s="613"/>
      <c r="DWO707" s="613"/>
      <c r="DWP707" s="613"/>
      <c r="DWQ707" s="613"/>
      <c r="DWR707" s="613"/>
      <c r="DWS707" s="613"/>
      <c r="DWT707" s="613"/>
      <c r="DWU707" s="613"/>
      <c r="DWV707" s="613"/>
      <c r="DWW707" s="613"/>
      <c r="DWX707" s="613"/>
      <c r="DWY707" s="613"/>
      <c r="DWZ707" s="613"/>
      <c r="DXA707" s="613"/>
      <c r="DXB707" s="613"/>
      <c r="DXC707" s="613"/>
      <c r="DXD707" s="613"/>
      <c r="DXE707" s="613"/>
      <c r="DXF707" s="613"/>
      <c r="DXG707" s="613"/>
      <c r="DXH707" s="613"/>
      <c r="DXI707" s="613"/>
      <c r="DXJ707" s="613"/>
      <c r="DXK707" s="613"/>
      <c r="DXL707" s="613"/>
      <c r="DXM707" s="613"/>
      <c r="DXN707" s="613"/>
      <c r="DXO707" s="613"/>
      <c r="DXP707" s="613"/>
      <c r="DXQ707" s="613"/>
      <c r="DXR707" s="613"/>
      <c r="DXS707" s="613"/>
      <c r="DXT707" s="613"/>
      <c r="DXU707" s="613"/>
      <c r="DXV707" s="613"/>
      <c r="DXW707" s="613"/>
      <c r="DXX707" s="613"/>
      <c r="DXY707" s="613"/>
      <c r="DXZ707" s="613"/>
      <c r="DYA707" s="613"/>
      <c r="DYB707" s="613"/>
      <c r="DYC707" s="613"/>
      <c r="DYD707" s="613"/>
      <c r="DYE707" s="613"/>
      <c r="DYF707" s="613"/>
      <c r="DYG707" s="613"/>
      <c r="DYH707" s="613"/>
      <c r="DYI707" s="613"/>
      <c r="DYJ707" s="613"/>
      <c r="DYK707" s="613"/>
      <c r="DYL707" s="613"/>
      <c r="DYM707" s="613"/>
      <c r="DYN707" s="613"/>
      <c r="DYO707" s="613"/>
      <c r="DYP707" s="613"/>
      <c r="DYQ707" s="613"/>
      <c r="DYR707" s="613"/>
      <c r="DYS707" s="613"/>
      <c r="DYT707" s="613"/>
      <c r="DYU707" s="613"/>
      <c r="DYV707" s="613"/>
      <c r="DYW707" s="613"/>
      <c r="DYX707" s="613"/>
      <c r="DYY707" s="613"/>
      <c r="DYZ707" s="613"/>
      <c r="DZA707" s="613"/>
      <c r="DZB707" s="613"/>
      <c r="DZC707" s="613"/>
      <c r="DZD707" s="613"/>
      <c r="DZE707" s="613"/>
      <c r="DZF707" s="613"/>
      <c r="DZG707" s="613"/>
      <c r="DZH707" s="613"/>
      <c r="DZI707" s="613"/>
      <c r="DZJ707" s="613"/>
      <c r="DZK707" s="613"/>
      <c r="DZL707" s="613"/>
      <c r="DZM707" s="613"/>
      <c r="DZN707" s="613"/>
      <c r="DZO707" s="613"/>
      <c r="DZP707" s="613"/>
      <c r="DZQ707" s="613"/>
      <c r="DZR707" s="613"/>
      <c r="DZS707" s="613"/>
      <c r="DZT707" s="613"/>
      <c r="DZU707" s="613"/>
      <c r="DZV707" s="613"/>
      <c r="DZW707" s="613"/>
      <c r="DZX707" s="613"/>
      <c r="DZY707" s="613"/>
      <c r="DZZ707" s="613"/>
      <c r="EAA707" s="613"/>
      <c r="EAB707" s="613"/>
      <c r="EAC707" s="613"/>
      <c r="EAD707" s="613"/>
      <c r="EAE707" s="613"/>
      <c r="EAF707" s="613"/>
      <c r="EAG707" s="613"/>
      <c r="EAH707" s="613"/>
      <c r="EAI707" s="613"/>
      <c r="EAJ707" s="613"/>
      <c r="EAK707" s="613"/>
      <c r="EAL707" s="613"/>
      <c r="EAM707" s="613"/>
      <c r="EAN707" s="613"/>
      <c r="EAO707" s="613"/>
      <c r="EAP707" s="613"/>
      <c r="EAQ707" s="613"/>
      <c r="EAR707" s="613"/>
      <c r="EAS707" s="613"/>
      <c r="EAT707" s="613"/>
      <c r="EAU707" s="613"/>
      <c r="EAV707" s="613"/>
      <c r="EAW707" s="613"/>
      <c r="EAX707" s="613"/>
      <c r="EAY707" s="613"/>
      <c r="EAZ707" s="613"/>
      <c r="EBA707" s="613"/>
      <c r="EBB707" s="613"/>
      <c r="EBC707" s="613"/>
      <c r="EBD707" s="613"/>
      <c r="EBE707" s="613"/>
      <c r="EBF707" s="613"/>
      <c r="EBG707" s="613"/>
      <c r="EBH707" s="613"/>
      <c r="EBI707" s="613"/>
      <c r="EBJ707" s="613"/>
      <c r="EBK707" s="613"/>
      <c r="EBL707" s="613"/>
      <c r="EBM707" s="613"/>
      <c r="EBN707" s="613"/>
      <c r="EBO707" s="613"/>
      <c r="EBP707" s="613"/>
      <c r="EBQ707" s="613"/>
      <c r="EBR707" s="613"/>
      <c r="EBS707" s="613"/>
      <c r="EBT707" s="613"/>
      <c r="EBU707" s="613"/>
      <c r="EBV707" s="613"/>
      <c r="EBW707" s="613"/>
      <c r="EBX707" s="613"/>
      <c r="EBY707" s="613"/>
      <c r="EBZ707" s="613"/>
      <c r="ECA707" s="613"/>
      <c r="ECB707" s="613"/>
      <c r="ECC707" s="613"/>
      <c r="ECD707" s="613"/>
      <c r="ECE707" s="613"/>
      <c r="ECF707" s="613"/>
      <c r="ECG707" s="613"/>
      <c r="ECH707" s="613"/>
      <c r="ECI707" s="613"/>
      <c r="ECJ707" s="613"/>
      <c r="ECK707" s="613"/>
      <c r="ECL707" s="613"/>
      <c r="ECM707" s="613"/>
      <c r="ECN707" s="613"/>
      <c r="ECO707" s="613"/>
      <c r="ECP707" s="613"/>
      <c r="ECQ707" s="613"/>
      <c r="ECR707" s="613"/>
      <c r="ECS707" s="613"/>
      <c r="ECT707" s="613"/>
      <c r="ECU707" s="613"/>
      <c r="ECV707" s="613"/>
      <c r="ECW707" s="613"/>
      <c r="ECX707" s="613"/>
      <c r="ECY707" s="613"/>
      <c r="ECZ707" s="613"/>
      <c r="EDA707" s="613"/>
      <c r="EDB707" s="613"/>
      <c r="EDC707" s="613"/>
      <c r="EDD707" s="613"/>
      <c r="EDE707" s="613"/>
      <c r="EDF707" s="613"/>
      <c r="EDG707" s="613"/>
      <c r="EDH707" s="613"/>
      <c r="EDI707" s="613"/>
      <c r="EDJ707" s="613"/>
      <c r="EDK707" s="613"/>
      <c r="EDL707" s="613"/>
      <c r="EDM707" s="613"/>
      <c r="EDN707" s="613"/>
      <c r="EDO707" s="613"/>
      <c r="EDP707" s="613"/>
      <c r="EDQ707" s="613"/>
      <c r="EDR707" s="613"/>
      <c r="EDS707" s="613"/>
      <c r="EDT707" s="613"/>
      <c r="EDU707" s="613"/>
      <c r="EDV707" s="613"/>
      <c r="EDW707" s="613"/>
      <c r="EDX707" s="613"/>
      <c r="EDY707" s="613"/>
      <c r="EDZ707" s="613"/>
      <c r="EEA707" s="613"/>
      <c r="EEB707" s="613"/>
      <c r="EEC707" s="613"/>
      <c r="EED707" s="613"/>
      <c r="EEE707" s="613"/>
      <c r="EEF707" s="613"/>
      <c r="EEG707" s="613"/>
      <c r="EEH707" s="613"/>
      <c r="EEI707" s="613"/>
      <c r="EEJ707" s="613"/>
      <c r="EEK707" s="613"/>
      <c r="EEL707" s="613"/>
      <c r="EEM707" s="613"/>
      <c r="EEN707" s="613"/>
      <c r="EEO707" s="613"/>
      <c r="EEP707" s="613"/>
      <c r="EEQ707" s="613"/>
      <c r="EER707" s="613"/>
      <c r="EES707" s="613"/>
      <c r="EET707" s="613"/>
      <c r="EEU707" s="613"/>
      <c r="EEV707" s="613"/>
      <c r="EEW707" s="613"/>
      <c r="EEX707" s="613"/>
      <c r="EEY707" s="613"/>
      <c r="EEZ707" s="613"/>
      <c r="EFA707" s="613"/>
      <c r="EFB707" s="613"/>
      <c r="EFC707" s="613"/>
      <c r="EFD707" s="613"/>
      <c r="EFE707" s="613"/>
      <c r="EFF707" s="613"/>
      <c r="EFG707" s="613"/>
      <c r="EFH707" s="613"/>
      <c r="EFI707" s="613"/>
      <c r="EFJ707" s="613"/>
      <c r="EFK707" s="613"/>
      <c r="EFL707" s="613"/>
      <c r="EFM707" s="613"/>
      <c r="EFN707" s="613"/>
      <c r="EFO707" s="613"/>
      <c r="EFP707" s="613"/>
      <c r="EFQ707" s="613"/>
      <c r="EFR707" s="613"/>
      <c r="EFS707" s="613"/>
      <c r="EFT707" s="613"/>
      <c r="EFU707" s="613"/>
      <c r="EFV707" s="613"/>
      <c r="EFW707" s="613"/>
      <c r="EFX707" s="613"/>
      <c r="EFY707" s="613"/>
      <c r="EFZ707" s="613"/>
      <c r="EGA707" s="613"/>
      <c r="EGB707" s="613"/>
      <c r="EGC707" s="613"/>
      <c r="EGD707" s="613"/>
      <c r="EGE707" s="613"/>
      <c r="EGF707" s="613"/>
      <c r="EGG707" s="613"/>
      <c r="EGH707" s="613"/>
      <c r="EGI707" s="613"/>
      <c r="EGJ707" s="613"/>
      <c r="EGK707" s="613"/>
      <c r="EGL707" s="613"/>
      <c r="EGM707" s="613"/>
      <c r="EGN707" s="613"/>
      <c r="EGO707" s="613"/>
      <c r="EGP707" s="613"/>
      <c r="EGQ707" s="613"/>
      <c r="EGR707" s="613"/>
      <c r="EGS707" s="613"/>
      <c r="EGT707" s="613"/>
      <c r="EGU707" s="613"/>
      <c r="EGV707" s="613"/>
      <c r="EGW707" s="613"/>
      <c r="EGX707" s="613"/>
      <c r="EGY707" s="613"/>
      <c r="EGZ707" s="613"/>
      <c r="EHA707" s="613"/>
      <c r="EHB707" s="613"/>
      <c r="EHC707" s="613"/>
      <c r="EHD707" s="613"/>
      <c r="EHE707" s="613"/>
      <c r="EHF707" s="613"/>
      <c r="EHG707" s="613"/>
      <c r="EHH707" s="613"/>
      <c r="EHI707" s="613"/>
      <c r="EHJ707" s="613"/>
      <c r="EHK707" s="613"/>
      <c r="EHL707" s="613"/>
      <c r="EHM707" s="613"/>
      <c r="EHN707" s="613"/>
      <c r="EHO707" s="613"/>
      <c r="EHP707" s="613"/>
      <c r="EHQ707" s="613"/>
      <c r="EHR707" s="613"/>
      <c r="EHS707" s="613"/>
      <c r="EHT707" s="613"/>
      <c r="EHU707" s="613"/>
      <c r="EHV707" s="613"/>
      <c r="EHW707" s="613"/>
      <c r="EHX707" s="613"/>
      <c r="EHY707" s="613"/>
      <c r="EHZ707" s="613"/>
      <c r="EIA707" s="613"/>
      <c r="EIB707" s="613"/>
      <c r="EIC707" s="613"/>
      <c r="EID707" s="613"/>
      <c r="EIE707" s="613"/>
      <c r="EIF707" s="613"/>
      <c r="EIG707" s="613"/>
      <c r="EIH707" s="613"/>
      <c r="EII707" s="613"/>
      <c r="EIJ707" s="613"/>
      <c r="EIK707" s="613"/>
      <c r="EIL707" s="613"/>
      <c r="EIM707" s="613"/>
      <c r="EIN707" s="613"/>
      <c r="EIO707" s="613"/>
      <c r="EIP707" s="613"/>
      <c r="EIQ707" s="613"/>
      <c r="EIR707" s="613"/>
      <c r="EIS707" s="613"/>
      <c r="EIT707" s="613"/>
      <c r="EIU707" s="613"/>
      <c r="EIV707" s="613"/>
      <c r="EIW707" s="613"/>
      <c r="EIX707" s="613"/>
      <c r="EIY707" s="613"/>
      <c r="EIZ707" s="613"/>
      <c r="EJA707" s="613"/>
      <c r="EJB707" s="613"/>
      <c r="EJC707" s="613"/>
      <c r="EJD707" s="613"/>
      <c r="EJE707" s="613"/>
      <c r="EJF707" s="613"/>
      <c r="EJG707" s="613"/>
      <c r="EJH707" s="613"/>
      <c r="EJI707" s="613"/>
      <c r="EJJ707" s="613"/>
      <c r="EJK707" s="613"/>
      <c r="EJL707" s="613"/>
      <c r="EJM707" s="613"/>
      <c r="EJN707" s="613"/>
      <c r="EJO707" s="613"/>
      <c r="EJP707" s="613"/>
      <c r="EJQ707" s="613"/>
      <c r="EJR707" s="613"/>
      <c r="EJS707" s="613"/>
      <c r="EJT707" s="613"/>
      <c r="EJU707" s="613"/>
      <c r="EJV707" s="613"/>
      <c r="EJW707" s="613"/>
      <c r="EJX707" s="613"/>
      <c r="EJY707" s="613"/>
      <c r="EJZ707" s="613"/>
      <c r="EKA707" s="613"/>
      <c r="EKB707" s="613"/>
      <c r="EKC707" s="613"/>
      <c r="EKD707" s="613"/>
      <c r="EKE707" s="613"/>
      <c r="EKF707" s="613"/>
      <c r="EKG707" s="613"/>
      <c r="EKH707" s="613"/>
      <c r="EKI707" s="613"/>
      <c r="EKJ707" s="613"/>
      <c r="EKK707" s="613"/>
      <c r="EKL707" s="613"/>
      <c r="EKM707" s="613"/>
      <c r="EKN707" s="613"/>
      <c r="EKO707" s="613"/>
      <c r="EKP707" s="613"/>
      <c r="EKQ707" s="613"/>
      <c r="EKR707" s="613"/>
      <c r="EKS707" s="613"/>
      <c r="EKT707" s="613"/>
      <c r="EKU707" s="613"/>
      <c r="EKV707" s="613"/>
      <c r="EKW707" s="613"/>
      <c r="EKX707" s="613"/>
      <c r="EKY707" s="613"/>
      <c r="EKZ707" s="613"/>
      <c r="ELA707" s="613"/>
      <c r="ELB707" s="613"/>
      <c r="ELC707" s="613"/>
      <c r="ELD707" s="613"/>
      <c r="ELE707" s="613"/>
      <c r="ELF707" s="613"/>
      <c r="ELG707" s="613"/>
      <c r="ELH707" s="613"/>
      <c r="ELI707" s="613"/>
      <c r="ELJ707" s="613"/>
      <c r="ELK707" s="613"/>
      <c r="ELL707" s="613"/>
      <c r="ELM707" s="613"/>
      <c r="ELN707" s="613"/>
      <c r="ELO707" s="613"/>
      <c r="ELP707" s="613"/>
      <c r="ELQ707" s="613"/>
      <c r="ELR707" s="613"/>
      <c r="ELS707" s="613"/>
      <c r="ELT707" s="613"/>
      <c r="ELU707" s="613"/>
      <c r="ELV707" s="613"/>
      <c r="ELW707" s="613"/>
      <c r="ELX707" s="613"/>
      <c r="ELY707" s="613"/>
      <c r="ELZ707" s="613"/>
      <c r="EMA707" s="613"/>
      <c r="EMB707" s="613"/>
      <c r="EMC707" s="613"/>
      <c r="EMD707" s="613"/>
      <c r="EME707" s="613"/>
      <c r="EMF707" s="613"/>
      <c r="EMG707" s="613"/>
      <c r="EMH707" s="613"/>
      <c r="EMI707" s="613"/>
      <c r="EMJ707" s="613"/>
      <c r="EMK707" s="613"/>
      <c r="EML707" s="613"/>
      <c r="EMM707" s="613"/>
      <c r="EMN707" s="613"/>
      <c r="EMO707" s="613"/>
      <c r="EMP707" s="613"/>
      <c r="EMQ707" s="613"/>
      <c r="EMR707" s="613"/>
      <c r="EMS707" s="613"/>
      <c r="EMT707" s="613"/>
      <c r="EMU707" s="613"/>
      <c r="EMV707" s="613"/>
      <c r="EMW707" s="613"/>
      <c r="EMX707" s="613"/>
      <c r="EMY707" s="613"/>
      <c r="EMZ707" s="613"/>
      <c r="ENA707" s="613"/>
      <c r="ENB707" s="613"/>
      <c r="ENC707" s="613"/>
      <c r="END707" s="613"/>
      <c r="ENE707" s="613"/>
      <c r="ENF707" s="613"/>
      <c r="ENG707" s="613"/>
      <c r="ENH707" s="613"/>
      <c r="ENI707" s="613"/>
      <c r="ENJ707" s="613"/>
      <c r="ENK707" s="613"/>
      <c r="ENL707" s="613"/>
      <c r="ENM707" s="613"/>
      <c r="ENN707" s="613"/>
      <c r="ENO707" s="613"/>
      <c r="ENP707" s="613"/>
      <c r="ENQ707" s="613"/>
      <c r="ENR707" s="613"/>
      <c r="ENS707" s="613"/>
      <c r="ENT707" s="613"/>
      <c r="ENU707" s="613"/>
      <c r="ENV707" s="613"/>
      <c r="ENW707" s="613"/>
      <c r="ENX707" s="613"/>
      <c r="ENY707" s="613"/>
      <c r="ENZ707" s="613"/>
      <c r="EOA707" s="613"/>
      <c r="EOB707" s="613"/>
      <c r="EOC707" s="613"/>
      <c r="EOD707" s="613"/>
      <c r="EOE707" s="613"/>
      <c r="EOF707" s="613"/>
      <c r="EOG707" s="613"/>
      <c r="EOH707" s="613"/>
      <c r="EOI707" s="613"/>
      <c r="EOJ707" s="613"/>
      <c r="EOK707" s="613"/>
      <c r="EOL707" s="613"/>
      <c r="EOM707" s="613"/>
      <c r="EON707" s="613"/>
      <c r="EOO707" s="613"/>
      <c r="EOP707" s="613"/>
      <c r="EOQ707" s="613"/>
      <c r="EOR707" s="613"/>
      <c r="EOS707" s="613"/>
      <c r="EOT707" s="613"/>
      <c r="EOU707" s="613"/>
      <c r="EOV707" s="613"/>
      <c r="EOW707" s="613"/>
      <c r="EOX707" s="613"/>
      <c r="EOY707" s="613"/>
      <c r="EOZ707" s="613"/>
      <c r="EPA707" s="613"/>
      <c r="EPB707" s="613"/>
      <c r="EPC707" s="613"/>
      <c r="EPD707" s="613"/>
      <c r="EPE707" s="613"/>
      <c r="EPF707" s="613"/>
      <c r="EPG707" s="613"/>
      <c r="EPH707" s="613"/>
      <c r="EPI707" s="613"/>
      <c r="EPJ707" s="613"/>
      <c r="EPK707" s="613"/>
      <c r="EPL707" s="613"/>
      <c r="EPM707" s="613"/>
      <c r="EPN707" s="613"/>
      <c r="EPO707" s="613"/>
      <c r="EPP707" s="613"/>
      <c r="EPQ707" s="613"/>
      <c r="EPR707" s="613"/>
      <c r="EPS707" s="613"/>
      <c r="EPT707" s="613"/>
      <c r="EPU707" s="613"/>
      <c r="EPV707" s="613"/>
      <c r="EPW707" s="613"/>
      <c r="EPX707" s="613"/>
      <c r="EPY707" s="613"/>
      <c r="EPZ707" s="613"/>
      <c r="EQA707" s="613"/>
      <c r="EQB707" s="613"/>
      <c r="EQC707" s="613"/>
      <c r="EQD707" s="613"/>
      <c r="EQE707" s="613"/>
      <c r="EQF707" s="613"/>
      <c r="EQG707" s="613"/>
      <c r="EQH707" s="613"/>
      <c r="EQI707" s="613"/>
      <c r="EQJ707" s="613"/>
      <c r="EQK707" s="613"/>
      <c r="EQL707" s="613"/>
      <c r="EQM707" s="613"/>
      <c r="EQN707" s="613"/>
      <c r="EQO707" s="613"/>
      <c r="EQP707" s="613"/>
      <c r="EQQ707" s="613"/>
      <c r="EQR707" s="613"/>
      <c r="EQS707" s="613"/>
      <c r="EQT707" s="613"/>
      <c r="EQU707" s="613"/>
      <c r="EQV707" s="613"/>
      <c r="EQW707" s="613"/>
      <c r="EQX707" s="613"/>
      <c r="EQY707" s="613"/>
      <c r="EQZ707" s="613"/>
      <c r="ERA707" s="613"/>
      <c r="ERB707" s="613"/>
      <c r="ERC707" s="613"/>
      <c r="ERD707" s="613"/>
      <c r="ERE707" s="613"/>
      <c r="ERF707" s="613"/>
      <c r="ERG707" s="613"/>
      <c r="ERH707" s="613"/>
      <c r="ERI707" s="613"/>
      <c r="ERJ707" s="613"/>
      <c r="ERK707" s="613"/>
      <c r="ERL707" s="613"/>
      <c r="ERM707" s="613"/>
      <c r="ERN707" s="613"/>
      <c r="ERO707" s="613"/>
      <c r="ERP707" s="613"/>
      <c r="ERQ707" s="613"/>
      <c r="ERR707" s="613"/>
      <c r="ERS707" s="613"/>
      <c r="ERT707" s="613"/>
      <c r="ERU707" s="613"/>
      <c r="ERV707" s="613"/>
      <c r="ERW707" s="613"/>
      <c r="ERX707" s="613"/>
      <c r="ERY707" s="613"/>
      <c r="ERZ707" s="613"/>
      <c r="ESA707" s="613"/>
      <c r="ESB707" s="613"/>
      <c r="ESC707" s="613"/>
      <c r="ESD707" s="613"/>
      <c r="ESE707" s="613"/>
      <c r="ESF707" s="613"/>
      <c r="ESG707" s="613"/>
      <c r="ESH707" s="613"/>
      <c r="ESI707" s="613"/>
      <c r="ESJ707" s="613"/>
      <c r="ESK707" s="613"/>
      <c r="ESL707" s="613"/>
      <c r="ESM707" s="613"/>
      <c r="ESN707" s="613"/>
      <c r="ESO707" s="613"/>
      <c r="ESP707" s="613"/>
      <c r="ESQ707" s="613"/>
      <c r="ESR707" s="613"/>
      <c r="ESS707" s="613"/>
      <c r="EST707" s="613"/>
      <c r="ESU707" s="613"/>
      <c r="ESV707" s="613"/>
      <c r="ESW707" s="613"/>
      <c r="ESX707" s="613"/>
      <c r="ESY707" s="613"/>
      <c r="ESZ707" s="613"/>
      <c r="ETA707" s="613"/>
      <c r="ETB707" s="613"/>
      <c r="ETC707" s="613"/>
      <c r="ETD707" s="613"/>
      <c r="ETE707" s="613"/>
      <c r="ETF707" s="613"/>
      <c r="ETG707" s="613"/>
      <c r="ETH707" s="613"/>
      <c r="ETI707" s="613"/>
      <c r="ETJ707" s="613"/>
      <c r="ETK707" s="613"/>
      <c r="ETL707" s="613"/>
      <c r="ETM707" s="613"/>
      <c r="ETN707" s="613"/>
      <c r="ETO707" s="613"/>
      <c r="ETP707" s="613"/>
      <c r="ETQ707" s="613"/>
      <c r="ETR707" s="613"/>
      <c r="ETS707" s="613"/>
      <c r="ETT707" s="613"/>
      <c r="ETU707" s="613"/>
      <c r="ETV707" s="613"/>
      <c r="ETW707" s="613"/>
      <c r="ETX707" s="613"/>
      <c r="ETY707" s="613"/>
      <c r="ETZ707" s="613"/>
      <c r="EUA707" s="613"/>
      <c r="EUB707" s="613"/>
      <c r="EUC707" s="613"/>
      <c r="EUD707" s="613"/>
      <c r="EUE707" s="613"/>
      <c r="EUF707" s="613"/>
      <c r="EUG707" s="613"/>
      <c r="EUH707" s="613"/>
      <c r="EUI707" s="613"/>
      <c r="EUJ707" s="613"/>
      <c r="EUK707" s="613"/>
      <c r="EUL707" s="613"/>
      <c r="EUM707" s="613"/>
      <c r="EUN707" s="613"/>
      <c r="EUO707" s="613"/>
      <c r="EUP707" s="613"/>
      <c r="EUQ707" s="613"/>
      <c r="EUR707" s="613"/>
      <c r="EUS707" s="613"/>
      <c r="EUT707" s="613"/>
      <c r="EUU707" s="613"/>
      <c r="EUV707" s="613"/>
      <c r="EUW707" s="613"/>
      <c r="EUX707" s="613"/>
      <c r="EUY707" s="613"/>
      <c r="EUZ707" s="613"/>
      <c r="EVA707" s="613"/>
      <c r="EVB707" s="613"/>
      <c r="EVC707" s="613"/>
      <c r="EVD707" s="613"/>
      <c r="EVE707" s="613"/>
      <c r="EVF707" s="613"/>
      <c r="EVG707" s="613"/>
      <c r="EVH707" s="613"/>
      <c r="EVI707" s="613"/>
      <c r="EVJ707" s="613"/>
      <c r="EVK707" s="613"/>
      <c r="EVL707" s="613"/>
      <c r="EVM707" s="613"/>
      <c r="EVN707" s="613"/>
      <c r="EVO707" s="613"/>
      <c r="EVP707" s="613"/>
      <c r="EVQ707" s="613"/>
      <c r="EVR707" s="613"/>
      <c r="EVS707" s="613"/>
      <c r="EVT707" s="613"/>
      <c r="EVU707" s="613"/>
      <c r="EVV707" s="613"/>
      <c r="EVW707" s="613"/>
      <c r="EVX707" s="613"/>
      <c r="EVY707" s="613"/>
      <c r="EVZ707" s="613"/>
      <c r="EWA707" s="613"/>
      <c r="EWB707" s="613"/>
      <c r="EWC707" s="613"/>
      <c r="EWD707" s="613"/>
      <c r="EWE707" s="613"/>
      <c r="EWF707" s="613"/>
      <c r="EWG707" s="613"/>
      <c r="EWH707" s="613"/>
      <c r="EWI707" s="613"/>
      <c r="EWJ707" s="613"/>
      <c r="EWK707" s="613"/>
      <c r="EWL707" s="613"/>
      <c r="EWM707" s="613"/>
      <c r="EWN707" s="613"/>
      <c r="EWO707" s="613"/>
      <c r="EWP707" s="613"/>
      <c r="EWQ707" s="613"/>
      <c r="EWR707" s="613"/>
      <c r="EWS707" s="613"/>
      <c r="EWT707" s="613"/>
      <c r="EWU707" s="613"/>
      <c r="EWV707" s="613"/>
      <c r="EWW707" s="613"/>
      <c r="EWX707" s="613"/>
      <c r="EWY707" s="613"/>
      <c r="EWZ707" s="613"/>
      <c r="EXA707" s="613"/>
      <c r="EXB707" s="613"/>
      <c r="EXC707" s="613"/>
      <c r="EXD707" s="613"/>
      <c r="EXE707" s="613"/>
      <c r="EXF707" s="613"/>
      <c r="EXG707" s="613"/>
      <c r="EXH707" s="613"/>
      <c r="EXI707" s="613"/>
      <c r="EXJ707" s="613"/>
      <c r="EXK707" s="613"/>
      <c r="EXL707" s="613"/>
      <c r="EXM707" s="613"/>
      <c r="EXN707" s="613"/>
      <c r="EXO707" s="613"/>
      <c r="EXP707" s="613"/>
      <c r="EXQ707" s="613"/>
      <c r="EXR707" s="613"/>
      <c r="EXS707" s="613"/>
      <c r="EXT707" s="613"/>
      <c r="EXU707" s="613"/>
      <c r="EXV707" s="613"/>
      <c r="EXW707" s="613"/>
      <c r="EXX707" s="613"/>
      <c r="EXY707" s="613"/>
      <c r="EXZ707" s="613"/>
      <c r="EYA707" s="613"/>
      <c r="EYB707" s="613"/>
      <c r="EYC707" s="613"/>
      <c r="EYD707" s="613"/>
      <c r="EYE707" s="613"/>
      <c r="EYF707" s="613"/>
      <c r="EYG707" s="613"/>
      <c r="EYH707" s="613"/>
      <c r="EYI707" s="613"/>
      <c r="EYJ707" s="613"/>
      <c r="EYK707" s="613"/>
      <c r="EYL707" s="613"/>
      <c r="EYM707" s="613"/>
      <c r="EYN707" s="613"/>
      <c r="EYO707" s="613"/>
      <c r="EYP707" s="613"/>
      <c r="EYQ707" s="613"/>
      <c r="EYR707" s="613"/>
      <c r="EYS707" s="613"/>
      <c r="EYT707" s="613"/>
      <c r="EYU707" s="613"/>
      <c r="EYV707" s="613"/>
      <c r="EYW707" s="613"/>
      <c r="EYX707" s="613"/>
      <c r="EYY707" s="613"/>
      <c r="EYZ707" s="613"/>
      <c r="EZA707" s="613"/>
      <c r="EZB707" s="613"/>
      <c r="EZC707" s="613"/>
      <c r="EZD707" s="613"/>
      <c r="EZE707" s="613"/>
      <c r="EZF707" s="613"/>
      <c r="EZG707" s="613"/>
      <c r="EZH707" s="613"/>
      <c r="EZI707" s="613"/>
      <c r="EZJ707" s="613"/>
      <c r="EZK707" s="613"/>
      <c r="EZL707" s="613"/>
      <c r="EZM707" s="613"/>
      <c r="EZN707" s="613"/>
      <c r="EZO707" s="613"/>
      <c r="EZP707" s="613"/>
      <c r="EZQ707" s="613"/>
      <c r="EZR707" s="613"/>
      <c r="EZS707" s="613"/>
      <c r="EZT707" s="613"/>
      <c r="EZU707" s="613"/>
      <c r="EZV707" s="613"/>
      <c r="EZW707" s="613"/>
      <c r="EZX707" s="613"/>
      <c r="EZY707" s="613"/>
      <c r="EZZ707" s="613"/>
      <c r="FAA707" s="613"/>
      <c r="FAB707" s="613"/>
      <c r="FAC707" s="613"/>
      <c r="FAD707" s="613"/>
      <c r="FAE707" s="613"/>
      <c r="FAF707" s="613"/>
      <c r="FAG707" s="613"/>
      <c r="FAH707" s="613"/>
      <c r="FAI707" s="613"/>
      <c r="FAJ707" s="613"/>
      <c r="FAK707" s="613"/>
      <c r="FAL707" s="613"/>
      <c r="FAM707" s="613"/>
      <c r="FAN707" s="613"/>
      <c r="FAO707" s="613"/>
      <c r="FAP707" s="613"/>
      <c r="FAQ707" s="613"/>
      <c r="FAR707" s="613"/>
      <c r="FAS707" s="613"/>
      <c r="FAT707" s="613"/>
      <c r="FAU707" s="613"/>
      <c r="FAV707" s="613"/>
      <c r="FAW707" s="613"/>
      <c r="FAX707" s="613"/>
      <c r="FAY707" s="613"/>
      <c r="FAZ707" s="613"/>
      <c r="FBA707" s="613"/>
      <c r="FBB707" s="613"/>
      <c r="FBC707" s="613"/>
      <c r="FBD707" s="613"/>
      <c r="FBE707" s="613"/>
      <c r="FBF707" s="613"/>
      <c r="FBG707" s="613"/>
      <c r="FBH707" s="613"/>
      <c r="FBI707" s="613"/>
      <c r="FBJ707" s="613"/>
      <c r="FBK707" s="613"/>
      <c r="FBL707" s="613"/>
      <c r="FBM707" s="613"/>
      <c r="FBN707" s="613"/>
      <c r="FBO707" s="613"/>
      <c r="FBP707" s="613"/>
      <c r="FBQ707" s="613"/>
      <c r="FBR707" s="613"/>
      <c r="FBS707" s="613"/>
      <c r="FBT707" s="613"/>
      <c r="FBU707" s="613"/>
      <c r="FBV707" s="613"/>
      <c r="FBW707" s="613"/>
      <c r="FBX707" s="613"/>
      <c r="FBY707" s="613"/>
      <c r="FBZ707" s="613"/>
      <c r="FCA707" s="613"/>
      <c r="FCB707" s="613"/>
      <c r="FCC707" s="613"/>
      <c r="FCD707" s="613"/>
      <c r="FCE707" s="613"/>
      <c r="FCF707" s="613"/>
      <c r="FCG707" s="613"/>
      <c r="FCH707" s="613"/>
      <c r="FCI707" s="613"/>
      <c r="FCJ707" s="613"/>
      <c r="FCK707" s="613"/>
      <c r="FCL707" s="613"/>
      <c r="FCM707" s="613"/>
      <c r="FCN707" s="613"/>
      <c r="FCO707" s="613"/>
      <c r="FCP707" s="613"/>
      <c r="FCQ707" s="613"/>
      <c r="FCR707" s="613"/>
      <c r="FCS707" s="613"/>
      <c r="FCT707" s="613"/>
      <c r="FCU707" s="613"/>
      <c r="FCV707" s="613"/>
      <c r="FCW707" s="613"/>
      <c r="FCX707" s="613"/>
      <c r="FCY707" s="613"/>
      <c r="FCZ707" s="613"/>
      <c r="FDA707" s="613"/>
      <c r="FDB707" s="613"/>
      <c r="FDC707" s="613"/>
      <c r="FDD707" s="613"/>
      <c r="FDE707" s="613"/>
      <c r="FDF707" s="613"/>
      <c r="FDG707" s="613"/>
      <c r="FDH707" s="613"/>
      <c r="FDI707" s="613"/>
      <c r="FDJ707" s="613"/>
      <c r="FDK707" s="613"/>
      <c r="FDL707" s="613"/>
      <c r="FDM707" s="613"/>
      <c r="FDN707" s="613"/>
      <c r="FDO707" s="613"/>
      <c r="FDP707" s="613"/>
      <c r="FDQ707" s="613"/>
      <c r="FDR707" s="613"/>
      <c r="FDS707" s="613"/>
      <c r="FDT707" s="613"/>
      <c r="FDU707" s="613"/>
      <c r="FDV707" s="613"/>
      <c r="FDW707" s="613"/>
      <c r="FDX707" s="613"/>
      <c r="FDY707" s="613"/>
      <c r="FDZ707" s="613"/>
      <c r="FEA707" s="613"/>
      <c r="FEB707" s="613"/>
      <c r="FEC707" s="613"/>
      <c r="FED707" s="613"/>
      <c r="FEE707" s="613"/>
      <c r="FEF707" s="613"/>
      <c r="FEG707" s="613"/>
      <c r="FEH707" s="613"/>
      <c r="FEI707" s="613"/>
      <c r="FEJ707" s="613"/>
      <c r="FEK707" s="613"/>
      <c r="FEL707" s="613"/>
      <c r="FEM707" s="613"/>
      <c r="FEN707" s="613"/>
      <c r="FEO707" s="613"/>
      <c r="FEP707" s="613"/>
      <c r="FEQ707" s="613"/>
      <c r="FER707" s="613"/>
      <c r="FES707" s="613"/>
      <c r="FET707" s="613"/>
      <c r="FEU707" s="613"/>
      <c r="FEV707" s="613"/>
      <c r="FEW707" s="613"/>
      <c r="FEX707" s="613"/>
      <c r="FEY707" s="613"/>
      <c r="FEZ707" s="613"/>
      <c r="FFA707" s="613"/>
      <c r="FFB707" s="613"/>
      <c r="FFC707" s="613"/>
      <c r="FFD707" s="613"/>
      <c r="FFE707" s="613"/>
      <c r="FFF707" s="613"/>
      <c r="FFG707" s="613"/>
      <c r="FFH707" s="613"/>
      <c r="FFI707" s="613"/>
      <c r="FFJ707" s="613"/>
      <c r="FFK707" s="613"/>
      <c r="FFL707" s="613"/>
      <c r="FFM707" s="613"/>
      <c r="FFN707" s="613"/>
      <c r="FFO707" s="613"/>
      <c r="FFP707" s="613"/>
      <c r="FFQ707" s="613"/>
      <c r="FFR707" s="613"/>
      <c r="FFS707" s="613"/>
      <c r="FFT707" s="613"/>
      <c r="FFU707" s="613"/>
      <c r="FFV707" s="613"/>
      <c r="FFW707" s="613"/>
      <c r="FFX707" s="613"/>
      <c r="FFY707" s="613"/>
      <c r="FFZ707" s="613"/>
      <c r="FGA707" s="613"/>
      <c r="FGB707" s="613"/>
      <c r="FGC707" s="613"/>
      <c r="FGD707" s="613"/>
      <c r="FGE707" s="613"/>
      <c r="FGF707" s="613"/>
      <c r="FGG707" s="613"/>
      <c r="FGH707" s="613"/>
      <c r="FGI707" s="613"/>
      <c r="FGJ707" s="613"/>
      <c r="FGK707" s="613"/>
      <c r="FGL707" s="613"/>
      <c r="FGM707" s="613"/>
      <c r="FGN707" s="613"/>
      <c r="FGO707" s="613"/>
      <c r="FGP707" s="613"/>
      <c r="FGQ707" s="613"/>
      <c r="FGR707" s="613"/>
      <c r="FGS707" s="613"/>
      <c r="FGT707" s="613"/>
      <c r="FGU707" s="613"/>
      <c r="FGV707" s="613"/>
      <c r="FGW707" s="613"/>
      <c r="FGX707" s="613"/>
      <c r="FGY707" s="613"/>
      <c r="FGZ707" s="613"/>
      <c r="FHA707" s="613"/>
      <c r="FHB707" s="613"/>
      <c r="FHC707" s="613"/>
      <c r="FHD707" s="613"/>
      <c r="FHE707" s="613"/>
      <c r="FHF707" s="613"/>
      <c r="FHG707" s="613"/>
      <c r="FHH707" s="613"/>
      <c r="FHI707" s="613"/>
      <c r="FHJ707" s="613"/>
      <c r="FHK707" s="613"/>
      <c r="FHL707" s="613"/>
      <c r="FHM707" s="613"/>
      <c r="FHN707" s="613"/>
      <c r="FHO707" s="613"/>
      <c r="FHP707" s="613"/>
      <c r="FHQ707" s="613"/>
      <c r="FHR707" s="613"/>
      <c r="FHS707" s="613"/>
      <c r="FHT707" s="613"/>
      <c r="FHU707" s="613"/>
      <c r="FHV707" s="613"/>
      <c r="FHW707" s="613"/>
      <c r="FHX707" s="613"/>
      <c r="FHY707" s="613"/>
      <c r="FHZ707" s="613"/>
      <c r="FIA707" s="613"/>
      <c r="FIB707" s="613"/>
      <c r="FIC707" s="613"/>
      <c r="FID707" s="613"/>
      <c r="FIE707" s="613"/>
      <c r="FIF707" s="613"/>
      <c r="FIG707" s="613"/>
      <c r="FIH707" s="613"/>
      <c r="FII707" s="613"/>
      <c r="FIJ707" s="613"/>
      <c r="FIK707" s="613"/>
      <c r="FIL707" s="613"/>
      <c r="FIM707" s="613"/>
      <c r="FIN707" s="613"/>
      <c r="FIO707" s="613"/>
      <c r="FIP707" s="613"/>
      <c r="FIQ707" s="613"/>
      <c r="FIR707" s="613"/>
      <c r="FIS707" s="613"/>
      <c r="FIT707" s="613"/>
      <c r="FIU707" s="613"/>
      <c r="FIV707" s="613"/>
      <c r="FIW707" s="613"/>
      <c r="FIX707" s="613"/>
      <c r="FIY707" s="613"/>
      <c r="FIZ707" s="613"/>
      <c r="FJA707" s="613"/>
      <c r="FJB707" s="613"/>
      <c r="FJC707" s="613"/>
      <c r="FJD707" s="613"/>
      <c r="FJE707" s="613"/>
      <c r="FJF707" s="613"/>
      <c r="FJG707" s="613"/>
      <c r="FJH707" s="613"/>
      <c r="FJI707" s="613"/>
      <c r="FJJ707" s="613"/>
      <c r="FJK707" s="613"/>
      <c r="FJL707" s="613"/>
      <c r="FJM707" s="613"/>
      <c r="FJN707" s="613"/>
      <c r="FJO707" s="613"/>
      <c r="FJP707" s="613"/>
      <c r="FJQ707" s="613"/>
      <c r="FJR707" s="613"/>
      <c r="FJS707" s="613"/>
      <c r="FJT707" s="613"/>
      <c r="FJU707" s="613"/>
      <c r="FJV707" s="613"/>
      <c r="FJW707" s="613"/>
      <c r="FJX707" s="613"/>
      <c r="FJY707" s="613"/>
      <c r="FJZ707" s="613"/>
      <c r="FKA707" s="613"/>
      <c r="FKB707" s="613"/>
      <c r="FKC707" s="613"/>
      <c r="FKD707" s="613"/>
      <c r="FKE707" s="613"/>
      <c r="FKF707" s="613"/>
      <c r="FKG707" s="613"/>
      <c r="FKH707" s="613"/>
      <c r="FKI707" s="613"/>
      <c r="FKJ707" s="613"/>
      <c r="FKK707" s="613"/>
      <c r="FKL707" s="613"/>
      <c r="FKM707" s="613"/>
      <c r="FKN707" s="613"/>
      <c r="FKO707" s="613"/>
      <c r="FKP707" s="613"/>
      <c r="FKQ707" s="613"/>
      <c r="FKR707" s="613"/>
      <c r="FKS707" s="613"/>
      <c r="FKT707" s="613"/>
      <c r="FKU707" s="613"/>
      <c r="FKV707" s="613"/>
      <c r="FKW707" s="613"/>
      <c r="FKX707" s="613"/>
      <c r="FKY707" s="613"/>
      <c r="FKZ707" s="613"/>
      <c r="FLA707" s="613"/>
      <c r="FLB707" s="613"/>
      <c r="FLC707" s="613"/>
      <c r="FLD707" s="613"/>
      <c r="FLE707" s="613"/>
      <c r="FLF707" s="613"/>
      <c r="FLG707" s="613"/>
      <c r="FLH707" s="613"/>
      <c r="FLI707" s="613"/>
      <c r="FLJ707" s="613"/>
      <c r="FLK707" s="613"/>
      <c r="FLL707" s="613"/>
      <c r="FLM707" s="613"/>
      <c r="FLN707" s="613"/>
      <c r="FLO707" s="613"/>
      <c r="FLP707" s="613"/>
      <c r="FLQ707" s="613"/>
      <c r="FLR707" s="613"/>
      <c r="FLS707" s="613"/>
      <c r="FLT707" s="613"/>
      <c r="FLU707" s="613"/>
      <c r="FLV707" s="613"/>
      <c r="FLW707" s="613"/>
      <c r="FLX707" s="613"/>
      <c r="FLY707" s="613"/>
      <c r="FLZ707" s="613"/>
      <c r="FMA707" s="613"/>
      <c r="FMB707" s="613"/>
      <c r="FMC707" s="613"/>
      <c r="FMD707" s="613"/>
      <c r="FME707" s="613"/>
      <c r="FMF707" s="613"/>
      <c r="FMG707" s="613"/>
      <c r="FMH707" s="613"/>
      <c r="FMI707" s="613"/>
      <c r="FMJ707" s="613"/>
      <c r="FMK707" s="613"/>
      <c r="FML707" s="613"/>
      <c r="FMM707" s="613"/>
      <c r="FMN707" s="613"/>
      <c r="FMO707" s="613"/>
      <c r="FMP707" s="613"/>
      <c r="FMQ707" s="613"/>
      <c r="FMR707" s="613"/>
      <c r="FMS707" s="613"/>
      <c r="FMT707" s="613"/>
      <c r="FMU707" s="613"/>
      <c r="FMV707" s="613"/>
      <c r="FMW707" s="613"/>
      <c r="FMX707" s="613"/>
      <c r="FMY707" s="613"/>
      <c r="FMZ707" s="613"/>
      <c r="FNA707" s="613"/>
      <c r="FNB707" s="613"/>
      <c r="FNC707" s="613"/>
      <c r="FND707" s="613"/>
      <c r="FNE707" s="613"/>
      <c r="FNF707" s="613"/>
      <c r="FNG707" s="613"/>
      <c r="FNH707" s="613"/>
      <c r="FNI707" s="613"/>
      <c r="FNJ707" s="613"/>
      <c r="FNK707" s="613"/>
      <c r="FNL707" s="613"/>
      <c r="FNM707" s="613"/>
      <c r="FNN707" s="613"/>
      <c r="FNO707" s="613"/>
      <c r="FNP707" s="613"/>
      <c r="FNQ707" s="613"/>
      <c r="FNR707" s="613"/>
      <c r="FNS707" s="613"/>
      <c r="FNT707" s="613"/>
      <c r="FNU707" s="613"/>
      <c r="FNV707" s="613"/>
      <c r="FNW707" s="613"/>
      <c r="FNX707" s="613"/>
      <c r="FNY707" s="613"/>
      <c r="FNZ707" s="613"/>
      <c r="FOA707" s="613"/>
      <c r="FOB707" s="613"/>
      <c r="FOC707" s="613"/>
      <c r="FOD707" s="613"/>
      <c r="FOE707" s="613"/>
      <c r="FOF707" s="613"/>
      <c r="FOG707" s="613"/>
      <c r="FOH707" s="613"/>
      <c r="FOI707" s="613"/>
      <c r="FOJ707" s="613"/>
      <c r="FOK707" s="613"/>
      <c r="FOL707" s="613"/>
      <c r="FOM707" s="613"/>
      <c r="FON707" s="613"/>
      <c r="FOO707" s="613"/>
      <c r="FOP707" s="613"/>
      <c r="FOQ707" s="613"/>
      <c r="FOR707" s="613"/>
      <c r="FOS707" s="613"/>
      <c r="FOT707" s="613"/>
      <c r="FOU707" s="613"/>
      <c r="FOV707" s="613"/>
      <c r="FOW707" s="613"/>
      <c r="FOX707" s="613"/>
      <c r="FOY707" s="613"/>
      <c r="FOZ707" s="613"/>
      <c r="FPA707" s="613"/>
      <c r="FPB707" s="613"/>
      <c r="FPC707" s="613"/>
      <c r="FPD707" s="613"/>
      <c r="FPE707" s="613"/>
      <c r="FPF707" s="613"/>
      <c r="FPG707" s="613"/>
      <c r="FPH707" s="613"/>
      <c r="FPI707" s="613"/>
      <c r="FPJ707" s="613"/>
      <c r="FPK707" s="613"/>
      <c r="FPL707" s="613"/>
      <c r="FPM707" s="613"/>
      <c r="FPN707" s="613"/>
      <c r="FPO707" s="613"/>
      <c r="FPP707" s="613"/>
      <c r="FPQ707" s="613"/>
      <c r="FPR707" s="613"/>
      <c r="FPS707" s="613"/>
      <c r="FPT707" s="613"/>
      <c r="FPU707" s="613"/>
      <c r="FPV707" s="613"/>
      <c r="FPW707" s="613"/>
      <c r="FPX707" s="613"/>
      <c r="FPY707" s="613"/>
      <c r="FPZ707" s="613"/>
      <c r="FQA707" s="613"/>
      <c r="FQB707" s="613"/>
      <c r="FQC707" s="613"/>
      <c r="FQD707" s="613"/>
      <c r="FQE707" s="613"/>
      <c r="FQF707" s="613"/>
      <c r="FQG707" s="613"/>
      <c r="FQH707" s="613"/>
      <c r="FQI707" s="613"/>
      <c r="FQJ707" s="613"/>
      <c r="FQK707" s="613"/>
      <c r="FQL707" s="613"/>
      <c r="FQM707" s="613"/>
      <c r="FQN707" s="613"/>
      <c r="FQO707" s="613"/>
      <c r="FQP707" s="613"/>
      <c r="FQQ707" s="613"/>
      <c r="FQR707" s="613"/>
      <c r="FQS707" s="613"/>
      <c r="FQT707" s="613"/>
      <c r="FQU707" s="613"/>
      <c r="FQV707" s="613"/>
      <c r="FQW707" s="613"/>
      <c r="FQX707" s="613"/>
      <c r="FQY707" s="613"/>
      <c r="FQZ707" s="613"/>
      <c r="FRA707" s="613"/>
      <c r="FRB707" s="613"/>
      <c r="FRC707" s="613"/>
      <c r="FRD707" s="613"/>
      <c r="FRE707" s="613"/>
      <c r="FRF707" s="613"/>
      <c r="FRG707" s="613"/>
      <c r="FRH707" s="613"/>
      <c r="FRI707" s="613"/>
      <c r="FRJ707" s="613"/>
      <c r="FRK707" s="613"/>
      <c r="FRL707" s="613"/>
      <c r="FRM707" s="613"/>
      <c r="FRN707" s="613"/>
      <c r="FRO707" s="613"/>
      <c r="FRP707" s="613"/>
      <c r="FRQ707" s="613"/>
      <c r="FRR707" s="613"/>
      <c r="FRS707" s="613"/>
      <c r="FRT707" s="613"/>
      <c r="FRU707" s="613"/>
      <c r="FRV707" s="613"/>
      <c r="FRW707" s="613"/>
      <c r="FRX707" s="613"/>
      <c r="FRY707" s="613"/>
      <c r="FRZ707" s="613"/>
      <c r="FSA707" s="613"/>
      <c r="FSB707" s="613"/>
      <c r="FSC707" s="613"/>
      <c r="FSD707" s="613"/>
      <c r="FSE707" s="613"/>
      <c r="FSF707" s="613"/>
      <c r="FSG707" s="613"/>
      <c r="FSH707" s="613"/>
      <c r="FSI707" s="613"/>
      <c r="FSJ707" s="613"/>
      <c r="FSK707" s="613"/>
      <c r="FSL707" s="613"/>
      <c r="FSM707" s="613"/>
      <c r="FSN707" s="613"/>
      <c r="FSO707" s="613"/>
      <c r="FSP707" s="613"/>
      <c r="FSQ707" s="613"/>
      <c r="FSR707" s="613"/>
      <c r="FSS707" s="613"/>
      <c r="FST707" s="613"/>
      <c r="FSU707" s="613"/>
      <c r="FSV707" s="613"/>
      <c r="FSW707" s="613"/>
      <c r="FSX707" s="613"/>
      <c r="FSY707" s="613"/>
      <c r="FSZ707" s="613"/>
      <c r="FTA707" s="613"/>
      <c r="FTB707" s="613"/>
      <c r="FTC707" s="613"/>
      <c r="FTD707" s="613"/>
      <c r="FTE707" s="613"/>
      <c r="FTF707" s="613"/>
      <c r="FTG707" s="613"/>
      <c r="FTH707" s="613"/>
      <c r="FTI707" s="613"/>
      <c r="FTJ707" s="613"/>
      <c r="FTK707" s="613"/>
      <c r="FTL707" s="613"/>
      <c r="FTM707" s="613"/>
      <c r="FTN707" s="613"/>
      <c r="FTO707" s="613"/>
      <c r="FTP707" s="613"/>
      <c r="FTQ707" s="613"/>
      <c r="FTR707" s="613"/>
      <c r="FTS707" s="613"/>
      <c r="FTT707" s="613"/>
      <c r="FTU707" s="613"/>
      <c r="FTV707" s="613"/>
      <c r="FTW707" s="613"/>
      <c r="FTX707" s="613"/>
      <c r="FTY707" s="613"/>
      <c r="FTZ707" s="613"/>
      <c r="FUA707" s="613"/>
      <c r="FUB707" s="613"/>
      <c r="FUC707" s="613"/>
      <c r="FUD707" s="613"/>
      <c r="FUE707" s="613"/>
      <c r="FUF707" s="613"/>
      <c r="FUG707" s="613"/>
      <c r="FUH707" s="613"/>
      <c r="FUI707" s="613"/>
      <c r="FUJ707" s="613"/>
      <c r="FUK707" s="613"/>
      <c r="FUL707" s="613"/>
      <c r="FUM707" s="613"/>
      <c r="FUN707" s="613"/>
      <c r="FUO707" s="613"/>
      <c r="FUP707" s="613"/>
      <c r="FUQ707" s="613"/>
      <c r="FUR707" s="613"/>
      <c r="FUS707" s="613"/>
      <c r="FUT707" s="613"/>
      <c r="FUU707" s="613"/>
      <c r="FUV707" s="613"/>
      <c r="FUW707" s="613"/>
      <c r="FUX707" s="613"/>
      <c r="FUY707" s="613"/>
      <c r="FUZ707" s="613"/>
      <c r="FVA707" s="613"/>
      <c r="FVB707" s="613"/>
      <c r="FVC707" s="613"/>
      <c r="FVD707" s="613"/>
      <c r="FVE707" s="613"/>
      <c r="FVF707" s="613"/>
      <c r="FVG707" s="613"/>
      <c r="FVH707" s="613"/>
      <c r="FVI707" s="613"/>
      <c r="FVJ707" s="613"/>
      <c r="FVK707" s="613"/>
      <c r="FVL707" s="613"/>
      <c r="FVM707" s="613"/>
      <c r="FVN707" s="613"/>
      <c r="FVO707" s="613"/>
      <c r="FVP707" s="613"/>
      <c r="FVQ707" s="613"/>
      <c r="FVR707" s="613"/>
      <c r="FVS707" s="613"/>
      <c r="FVT707" s="613"/>
      <c r="FVU707" s="613"/>
      <c r="FVV707" s="613"/>
      <c r="FVW707" s="613"/>
      <c r="FVX707" s="613"/>
      <c r="FVY707" s="613"/>
      <c r="FVZ707" s="613"/>
      <c r="FWA707" s="613"/>
      <c r="FWB707" s="613"/>
      <c r="FWC707" s="613"/>
      <c r="FWD707" s="613"/>
      <c r="FWE707" s="613"/>
      <c r="FWF707" s="613"/>
      <c r="FWG707" s="613"/>
      <c r="FWH707" s="613"/>
      <c r="FWI707" s="613"/>
      <c r="FWJ707" s="613"/>
      <c r="FWK707" s="613"/>
      <c r="FWL707" s="613"/>
      <c r="FWM707" s="613"/>
      <c r="FWN707" s="613"/>
      <c r="FWO707" s="613"/>
      <c r="FWP707" s="613"/>
      <c r="FWQ707" s="613"/>
      <c r="FWR707" s="613"/>
      <c r="FWS707" s="613"/>
      <c r="FWT707" s="613"/>
      <c r="FWU707" s="613"/>
      <c r="FWV707" s="613"/>
      <c r="FWW707" s="613"/>
      <c r="FWX707" s="613"/>
      <c r="FWY707" s="613"/>
      <c r="FWZ707" s="613"/>
      <c r="FXA707" s="613"/>
      <c r="FXB707" s="613"/>
      <c r="FXC707" s="613"/>
      <c r="FXD707" s="613"/>
      <c r="FXE707" s="613"/>
      <c r="FXF707" s="613"/>
      <c r="FXG707" s="613"/>
      <c r="FXH707" s="613"/>
      <c r="FXI707" s="613"/>
      <c r="FXJ707" s="613"/>
      <c r="FXK707" s="613"/>
      <c r="FXL707" s="613"/>
      <c r="FXM707" s="613"/>
      <c r="FXN707" s="613"/>
      <c r="FXO707" s="613"/>
      <c r="FXP707" s="613"/>
      <c r="FXQ707" s="613"/>
      <c r="FXR707" s="613"/>
      <c r="FXS707" s="613"/>
      <c r="FXT707" s="613"/>
      <c r="FXU707" s="613"/>
      <c r="FXV707" s="613"/>
      <c r="FXW707" s="613"/>
      <c r="FXX707" s="613"/>
      <c r="FXY707" s="613"/>
      <c r="FXZ707" s="613"/>
      <c r="FYA707" s="613"/>
      <c r="FYB707" s="613"/>
      <c r="FYC707" s="613"/>
      <c r="FYD707" s="613"/>
      <c r="FYE707" s="613"/>
      <c r="FYF707" s="613"/>
      <c r="FYG707" s="613"/>
      <c r="FYH707" s="613"/>
      <c r="FYI707" s="613"/>
      <c r="FYJ707" s="613"/>
      <c r="FYK707" s="613"/>
      <c r="FYL707" s="613"/>
      <c r="FYM707" s="613"/>
      <c r="FYN707" s="613"/>
      <c r="FYO707" s="613"/>
      <c r="FYP707" s="613"/>
      <c r="FYQ707" s="613"/>
      <c r="FYR707" s="613"/>
      <c r="FYS707" s="613"/>
      <c r="FYT707" s="613"/>
      <c r="FYU707" s="613"/>
      <c r="FYV707" s="613"/>
      <c r="FYW707" s="613"/>
      <c r="FYX707" s="613"/>
      <c r="FYY707" s="613"/>
      <c r="FYZ707" s="613"/>
      <c r="FZA707" s="613"/>
      <c r="FZB707" s="613"/>
      <c r="FZC707" s="613"/>
      <c r="FZD707" s="613"/>
      <c r="FZE707" s="613"/>
      <c r="FZF707" s="613"/>
      <c r="FZG707" s="613"/>
      <c r="FZH707" s="613"/>
      <c r="FZI707" s="613"/>
      <c r="FZJ707" s="613"/>
      <c r="FZK707" s="613"/>
      <c r="FZL707" s="613"/>
      <c r="FZM707" s="613"/>
      <c r="FZN707" s="613"/>
      <c r="FZO707" s="613"/>
      <c r="FZP707" s="613"/>
      <c r="FZQ707" s="613"/>
      <c r="FZR707" s="613"/>
      <c r="FZS707" s="613"/>
      <c r="FZT707" s="613"/>
      <c r="FZU707" s="613"/>
      <c r="FZV707" s="613"/>
      <c r="FZW707" s="613"/>
      <c r="FZX707" s="613"/>
      <c r="FZY707" s="613"/>
      <c r="FZZ707" s="613"/>
      <c r="GAA707" s="613"/>
      <c r="GAB707" s="613"/>
      <c r="GAC707" s="613"/>
      <c r="GAD707" s="613"/>
      <c r="GAE707" s="613"/>
      <c r="GAF707" s="613"/>
      <c r="GAG707" s="613"/>
      <c r="GAH707" s="613"/>
      <c r="GAI707" s="613"/>
      <c r="GAJ707" s="613"/>
      <c r="GAK707" s="613"/>
      <c r="GAL707" s="613"/>
      <c r="GAM707" s="613"/>
      <c r="GAN707" s="613"/>
      <c r="GAO707" s="613"/>
      <c r="GAP707" s="613"/>
      <c r="GAQ707" s="613"/>
      <c r="GAR707" s="613"/>
      <c r="GAS707" s="613"/>
      <c r="GAT707" s="613"/>
      <c r="GAU707" s="613"/>
      <c r="GAV707" s="613"/>
      <c r="GAW707" s="613"/>
      <c r="GAX707" s="613"/>
      <c r="GAY707" s="613"/>
      <c r="GAZ707" s="613"/>
      <c r="GBA707" s="613"/>
      <c r="GBB707" s="613"/>
      <c r="GBC707" s="613"/>
      <c r="GBD707" s="613"/>
      <c r="GBE707" s="613"/>
      <c r="GBF707" s="613"/>
      <c r="GBG707" s="613"/>
      <c r="GBH707" s="613"/>
      <c r="GBI707" s="613"/>
      <c r="GBJ707" s="613"/>
      <c r="GBK707" s="613"/>
      <c r="GBL707" s="613"/>
      <c r="GBM707" s="613"/>
      <c r="GBN707" s="613"/>
      <c r="GBO707" s="613"/>
      <c r="GBP707" s="613"/>
      <c r="GBQ707" s="613"/>
      <c r="GBR707" s="613"/>
      <c r="GBS707" s="613"/>
      <c r="GBT707" s="613"/>
      <c r="GBU707" s="613"/>
      <c r="GBV707" s="613"/>
      <c r="GBW707" s="613"/>
      <c r="GBX707" s="613"/>
      <c r="GBY707" s="613"/>
      <c r="GBZ707" s="613"/>
      <c r="GCA707" s="613"/>
      <c r="GCB707" s="613"/>
      <c r="GCC707" s="613"/>
      <c r="GCD707" s="613"/>
      <c r="GCE707" s="613"/>
      <c r="GCF707" s="613"/>
      <c r="GCG707" s="613"/>
      <c r="GCH707" s="613"/>
      <c r="GCI707" s="613"/>
      <c r="GCJ707" s="613"/>
      <c r="GCK707" s="613"/>
      <c r="GCL707" s="613"/>
      <c r="GCM707" s="613"/>
      <c r="GCN707" s="613"/>
      <c r="GCO707" s="613"/>
      <c r="GCP707" s="613"/>
      <c r="GCQ707" s="613"/>
      <c r="GCR707" s="613"/>
      <c r="GCS707" s="613"/>
      <c r="GCT707" s="613"/>
      <c r="GCU707" s="613"/>
      <c r="GCV707" s="613"/>
      <c r="GCW707" s="613"/>
      <c r="GCX707" s="613"/>
      <c r="GCY707" s="613"/>
      <c r="GCZ707" s="613"/>
      <c r="GDA707" s="613"/>
      <c r="GDB707" s="613"/>
      <c r="GDC707" s="613"/>
      <c r="GDD707" s="613"/>
      <c r="GDE707" s="613"/>
      <c r="GDF707" s="613"/>
      <c r="GDG707" s="613"/>
      <c r="GDH707" s="613"/>
      <c r="GDI707" s="613"/>
      <c r="GDJ707" s="613"/>
      <c r="GDK707" s="613"/>
      <c r="GDL707" s="613"/>
      <c r="GDM707" s="613"/>
      <c r="GDN707" s="613"/>
      <c r="GDO707" s="613"/>
      <c r="GDP707" s="613"/>
      <c r="GDQ707" s="613"/>
      <c r="GDR707" s="613"/>
      <c r="GDS707" s="613"/>
      <c r="GDT707" s="613"/>
      <c r="GDU707" s="613"/>
      <c r="GDV707" s="613"/>
      <c r="GDW707" s="613"/>
      <c r="GDX707" s="613"/>
      <c r="GDY707" s="613"/>
      <c r="GDZ707" s="613"/>
      <c r="GEA707" s="613"/>
      <c r="GEB707" s="613"/>
      <c r="GEC707" s="613"/>
      <c r="GED707" s="613"/>
      <c r="GEE707" s="613"/>
      <c r="GEF707" s="613"/>
      <c r="GEG707" s="613"/>
      <c r="GEH707" s="613"/>
      <c r="GEI707" s="613"/>
      <c r="GEJ707" s="613"/>
      <c r="GEK707" s="613"/>
      <c r="GEL707" s="613"/>
      <c r="GEM707" s="613"/>
      <c r="GEN707" s="613"/>
      <c r="GEO707" s="613"/>
      <c r="GEP707" s="613"/>
      <c r="GEQ707" s="613"/>
      <c r="GER707" s="613"/>
      <c r="GES707" s="613"/>
      <c r="GET707" s="613"/>
      <c r="GEU707" s="613"/>
      <c r="GEV707" s="613"/>
      <c r="GEW707" s="613"/>
      <c r="GEX707" s="613"/>
      <c r="GEY707" s="613"/>
      <c r="GEZ707" s="613"/>
      <c r="GFA707" s="613"/>
      <c r="GFB707" s="613"/>
      <c r="GFC707" s="613"/>
      <c r="GFD707" s="613"/>
      <c r="GFE707" s="613"/>
      <c r="GFF707" s="613"/>
      <c r="GFG707" s="613"/>
      <c r="GFH707" s="613"/>
      <c r="GFI707" s="613"/>
      <c r="GFJ707" s="613"/>
      <c r="GFK707" s="613"/>
      <c r="GFL707" s="613"/>
      <c r="GFM707" s="613"/>
      <c r="GFN707" s="613"/>
      <c r="GFO707" s="613"/>
      <c r="GFP707" s="613"/>
      <c r="GFQ707" s="613"/>
      <c r="GFR707" s="613"/>
      <c r="GFS707" s="613"/>
      <c r="GFT707" s="613"/>
      <c r="GFU707" s="613"/>
      <c r="GFV707" s="613"/>
      <c r="GFW707" s="613"/>
      <c r="GFX707" s="613"/>
      <c r="GFY707" s="613"/>
      <c r="GFZ707" s="613"/>
      <c r="GGA707" s="613"/>
      <c r="GGB707" s="613"/>
      <c r="GGC707" s="613"/>
      <c r="GGD707" s="613"/>
      <c r="GGE707" s="613"/>
      <c r="GGF707" s="613"/>
      <c r="GGG707" s="613"/>
      <c r="GGH707" s="613"/>
      <c r="GGI707" s="613"/>
      <c r="GGJ707" s="613"/>
      <c r="GGK707" s="613"/>
      <c r="GGL707" s="613"/>
      <c r="GGM707" s="613"/>
      <c r="GGN707" s="613"/>
      <c r="GGO707" s="613"/>
      <c r="GGP707" s="613"/>
      <c r="GGQ707" s="613"/>
      <c r="GGR707" s="613"/>
      <c r="GGS707" s="613"/>
      <c r="GGT707" s="613"/>
      <c r="GGU707" s="613"/>
      <c r="GGV707" s="613"/>
      <c r="GGW707" s="613"/>
      <c r="GGX707" s="613"/>
      <c r="GGY707" s="613"/>
      <c r="GGZ707" s="613"/>
      <c r="GHA707" s="613"/>
      <c r="GHB707" s="613"/>
      <c r="GHC707" s="613"/>
      <c r="GHD707" s="613"/>
      <c r="GHE707" s="613"/>
      <c r="GHF707" s="613"/>
      <c r="GHG707" s="613"/>
      <c r="GHH707" s="613"/>
      <c r="GHI707" s="613"/>
      <c r="GHJ707" s="613"/>
      <c r="GHK707" s="613"/>
      <c r="GHL707" s="613"/>
      <c r="GHM707" s="613"/>
      <c r="GHN707" s="613"/>
      <c r="GHO707" s="613"/>
      <c r="GHP707" s="613"/>
      <c r="GHQ707" s="613"/>
      <c r="GHR707" s="613"/>
      <c r="GHS707" s="613"/>
      <c r="GHT707" s="613"/>
      <c r="GHU707" s="613"/>
      <c r="GHV707" s="613"/>
      <c r="GHW707" s="613"/>
      <c r="GHX707" s="613"/>
      <c r="GHY707" s="613"/>
      <c r="GHZ707" s="613"/>
      <c r="GIA707" s="613"/>
      <c r="GIB707" s="613"/>
      <c r="GIC707" s="613"/>
      <c r="GID707" s="613"/>
      <c r="GIE707" s="613"/>
      <c r="GIF707" s="613"/>
      <c r="GIG707" s="613"/>
      <c r="GIH707" s="613"/>
      <c r="GII707" s="613"/>
      <c r="GIJ707" s="613"/>
      <c r="GIK707" s="613"/>
      <c r="GIL707" s="613"/>
      <c r="GIM707" s="613"/>
      <c r="GIN707" s="613"/>
      <c r="GIO707" s="613"/>
      <c r="GIP707" s="613"/>
      <c r="GIQ707" s="613"/>
      <c r="GIR707" s="613"/>
      <c r="GIS707" s="613"/>
      <c r="GIT707" s="613"/>
      <c r="GIU707" s="613"/>
      <c r="GIV707" s="613"/>
      <c r="GIW707" s="613"/>
      <c r="GIX707" s="613"/>
      <c r="GIY707" s="613"/>
      <c r="GIZ707" s="613"/>
      <c r="GJA707" s="613"/>
      <c r="GJB707" s="613"/>
      <c r="GJC707" s="613"/>
      <c r="GJD707" s="613"/>
      <c r="GJE707" s="613"/>
      <c r="GJF707" s="613"/>
      <c r="GJG707" s="613"/>
      <c r="GJH707" s="613"/>
      <c r="GJI707" s="613"/>
      <c r="GJJ707" s="613"/>
      <c r="GJK707" s="613"/>
      <c r="GJL707" s="613"/>
      <c r="GJM707" s="613"/>
      <c r="GJN707" s="613"/>
      <c r="GJO707" s="613"/>
      <c r="GJP707" s="613"/>
      <c r="GJQ707" s="613"/>
      <c r="GJR707" s="613"/>
      <c r="GJS707" s="613"/>
      <c r="GJT707" s="613"/>
      <c r="GJU707" s="613"/>
      <c r="GJV707" s="613"/>
      <c r="GJW707" s="613"/>
      <c r="GJX707" s="613"/>
      <c r="GJY707" s="613"/>
      <c r="GJZ707" s="613"/>
      <c r="GKA707" s="613"/>
      <c r="GKB707" s="613"/>
      <c r="GKC707" s="613"/>
      <c r="GKD707" s="613"/>
      <c r="GKE707" s="613"/>
      <c r="GKF707" s="613"/>
      <c r="GKG707" s="613"/>
      <c r="GKH707" s="613"/>
      <c r="GKI707" s="613"/>
      <c r="GKJ707" s="613"/>
      <c r="GKK707" s="613"/>
      <c r="GKL707" s="613"/>
      <c r="GKM707" s="613"/>
      <c r="GKN707" s="613"/>
      <c r="GKO707" s="613"/>
      <c r="GKP707" s="613"/>
      <c r="GKQ707" s="613"/>
      <c r="GKR707" s="613"/>
      <c r="GKS707" s="613"/>
      <c r="GKT707" s="613"/>
      <c r="GKU707" s="613"/>
      <c r="GKV707" s="613"/>
      <c r="GKW707" s="613"/>
      <c r="GKX707" s="613"/>
      <c r="GKY707" s="613"/>
      <c r="GKZ707" s="613"/>
      <c r="GLA707" s="613"/>
      <c r="GLB707" s="613"/>
      <c r="GLC707" s="613"/>
      <c r="GLD707" s="613"/>
      <c r="GLE707" s="613"/>
      <c r="GLF707" s="613"/>
      <c r="GLG707" s="613"/>
      <c r="GLH707" s="613"/>
      <c r="GLI707" s="613"/>
      <c r="GLJ707" s="613"/>
      <c r="GLK707" s="613"/>
      <c r="GLL707" s="613"/>
      <c r="GLM707" s="613"/>
      <c r="GLN707" s="613"/>
      <c r="GLO707" s="613"/>
      <c r="GLP707" s="613"/>
      <c r="GLQ707" s="613"/>
      <c r="GLR707" s="613"/>
      <c r="GLS707" s="613"/>
      <c r="GLT707" s="613"/>
      <c r="GLU707" s="613"/>
      <c r="GLV707" s="613"/>
      <c r="GLW707" s="613"/>
      <c r="GLX707" s="613"/>
      <c r="GLY707" s="613"/>
      <c r="GLZ707" s="613"/>
      <c r="GMA707" s="613"/>
      <c r="GMB707" s="613"/>
      <c r="GMC707" s="613"/>
      <c r="GMD707" s="613"/>
      <c r="GME707" s="613"/>
      <c r="GMF707" s="613"/>
      <c r="GMG707" s="613"/>
      <c r="GMH707" s="613"/>
      <c r="GMI707" s="613"/>
      <c r="GMJ707" s="613"/>
      <c r="GMK707" s="613"/>
      <c r="GML707" s="613"/>
      <c r="GMM707" s="613"/>
      <c r="GMN707" s="613"/>
      <c r="GMO707" s="613"/>
      <c r="GMP707" s="613"/>
      <c r="GMQ707" s="613"/>
      <c r="GMR707" s="613"/>
      <c r="GMS707" s="613"/>
      <c r="GMT707" s="613"/>
      <c r="GMU707" s="613"/>
      <c r="GMV707" s="613"/>
      <c r="GMW707" s="613"/>
      <c r="GMX707" s="613"/>
      <c r="GMY707" s="613"/>
      <c r="GMZ707" s="613"/>
      <c r="GNA707" s="613"/>
      <c r="GNB707" s="613"/>
      <c r="GNC707" s="613"/>
      <c r="GND707" s="613"/>
      <c r="GNE707" s="613"/>
      <c r="GNF707" s="613"/>
      <c r="GNG707" s="613"/>
      <c r="GNH707" s="613"/>
      <c r="GNI707" s="613"/>
      <c r="GNJ707" s="613"/>
      <c r="GNK707" s="613"/>
      <c r="GNL707" s="613"/>
      <c r="GNM707" s="613"/>
      <c r="GNN707" s="613"/>
      <c r="GNO707" s="613"/>
      <c r="GNP707" s="613"/>
      <c r="GNQ707" s="613"/>
      <c r="GNR707" s="613"/>
      <c r="GNS707" s="613"/>
      <c r="GNT707" s="613"/>
      <c r="GNU707" s="613"/>
      <c r="GNV707" s="613"/>
      <c r="GNW707" s="613"/>
      <c r="GNX707" s="613"/>
      <c r="GNY707" s="613"/>
      <c r="GNZ707" s="613"/>
      <c r="GOA707" s="613"/>
      <c r="GOB707" s="613"/>
      <c r="GOC707" s="613"/>
      <c r="GOD707" s="613"/>
      <c r="GOE707" s="613"/>
      <c r="GOF707" s="613"/>
      <c r="GOG707" s="613"/>
      <c r="GOH707" s="613"/>
      <c r="GOI707" s="613"/>
      <c r="GOJ707" s="613"/>
      <c r="GOK707" s="613"/>
      <c r="GOL707" s="613"/>
      <c r="GOM707" s="613"/>
      <c r="GON707" s="613"/>
      <c r="GOO707" s="613"/>
      <c r="GOP707" s="613"/>
      <c r="GOQ707" s="613"/>
      <c r="GOR707" s="613"/>
      <c r="GOS707" s="613"/>
      <c r="GOT707" s="613"/>
      <c r="GOU707" s="613"/>
      <c r="GOV707" s="613"/>
      <c r="GOW707" s="613"/>
      <c r="GOX707" s="613"/>
      <c r="GOY707" s="613"/>
      <c r="GOZ707" s="613"/>
      <c r="GPA707" s="613"/>
      <c r="GPB707" s="613"/>
      <c r="GPC707" s="613"/>
      <c r="GPD707" s="613"/>
      <c r="GPE707" s="613"/>
      <c r="GPF707" s="613"/>
      <c r="GPG707" s="613"/>
      <c r="GPH707" s="613"/>
      <c r="GPI707" s="613"/>
      <c r="GPJ707" s="613"/>
      <c r="GPK707" s="613"/>
      <c r="GPL707" s="613"/>
      <c r="GPM707" s="613"/>
      <c r="GPN707" s="613"/>
      <c r="GPO707" s="613"/>
      <c r="GPP707" s="613"/>
      <c r="GPQ707" s="613"/>
      <c r="GPR707" s="613"/>
      <c r="GPS707" s="613"/>
      <c r="GPT707" s="613"/>
      <c r="GPU707" s="613"/>
      <c r="GPV707" s="613"/>
      <c r="GPW707" s="613"/>
      <c r="GPX707" s="613"/>
      <c r="GPY707" s="613"/>
      <c r="GPZ707" s="613"/>
      <c r="GQA707" s="613"/>
      <c r="GQB707" s="613"/>
      <c r="GQC707" s="613"/>
      <c r="GQD707" s="613"/>
      <c r="GQE707" s="613"/>
      <c r="GQF707" s="613"/>
      <c r="GQG707" s="613"/>
      <c r="GQH707" s="613"/>
      <c r="GQI707" s="613"/>
      <c r="GQJ707" s="613"/>
      <c r="GQK707" s="613"/>
      <c r="GQL707" s="613"/>
      <c r="GQM707" s="613"/>
      <c r="GQN707" s="613"/>
      <c r="GQO707" s="613"/>
      <c r="GQP707" s="613"/>
      <c r="GQQ707" s="613"/>
      <c r="GQR707" s="613"/>
      <c r="GQS707" s="613"/>
      <c r="GQT707" s="613"/>
      <c r="GQU707" s="613"/>
      <c r="GQV707" s="613"/>
      <c r="GQW707" s="613"/>
      <c r="GQX707" s="613"/>
      <c r="GQY707" s="613"/>
      <c r="GQZ707" s="613"/>
      <c r="GRA707" s="613"/>
      <c r="GRB707" s="613"/>
      <c r="GRC707" s="613"/>
      <c r="GRD707" s="613"/>
      <c r="GRE707" s="613"/>
      <c r="GRF707" s="613"/>
      <c r="GRG707" s="613"/>
      <c r="GRH707" s="613"/>
      <c r="GRI707" s="613"/>
      <c r="GRJ707" s="613"/>
      <c r="GRK707" s="613"/>
      <c r="GRL707" s="613"/>
      <c r="GRM707" s="613"/>
      <c r="GRN707" s="613"/>
      <c r="GRO707" s="613"/>
      <c r="GRP707" s="613"/>
      <c r="GRQ707" s="613"/>
      <c r="GRR707" s="613"/>
      <c r="GRS707" s="613"/>
      <c r="GRT707" s="613"/>
      <c r="GRU707" s="613"/>
      <c r="GRV707" s="613"/>
      <c r="GRW707" s="613"/>
      <c r="GRX707" s="613"/>
      <c r="GRY707" s="613"/>
      <c r="GRZ707" s="613"/>
      <c r="GSA707" s="613"/>
      <c r="GSB707" s="613"/>
      <c r="GSC707" s="613"/>
      <c r="GSD707" s="613"/>
      <c r="GSE707" s="613"/>
      <c r="GSF707" s="613"/>
      <c r="GSG707" s="613"/>
      <c r="GSH707" s="613"/>
      <c r="GSI707" s="613"/>
      <c r="GSJ707" s="613"/>
      <c r="GSK707" s="613"/>
      <c r="GSL707" s="613"/>
      <c r="GSM707" s="613"/>
      <c r="GSN707" s="613"/>
      <c r="GSO707" s="613"/>
      <c r="GSP707" s="613"/>
      <c r="GSQ707" s="613"/>
      <c r="GSR707" s="613"/>
      <c r="GSS707" s="613"/>
      <c r="GST707" s="613"/>
      <c r="GSU707" s="613"/>
      <c r="GSV707" s="613"/>
      <c r="GSW707" s="613"/>
      <c r="GSX707" s="613"/>
      <c r="GSY707" s="613"/>
      <c r="GSZ707" s="613"/>
      <c r="GTA707" s="613"/>
      <c r="GTB707" s="613"/>
      <c r="GTC707" s="613"/>
      <c r="GTD707" s="613"/>
      <c r="GTE707" s="613"/>
      <c r="GTF707" s="613"/>
      <c r="GTG707" s="613"/>
      <c r="GTH707" s="613"/>
      <c r="GTI707" s="613"/>
      <c r="GTJ707" s="613"/>
      <c r="GTK707" s="613"/>
      <c r="GTL707" s="613"/>
      <c r="GTM707" s="613"/>
      <c r="GTN707" s="613"/>
      <c r="GTO707" s="613"/>
      <c r="GTP707" s="613"/>
      <c r="GTQ707" s="613"/>
      <c r="GTR707" s="613"/>
      <c r="GTS707" s="613"/>
      <c r="GTT707" s="613"/>
      <c r="GTU707" s="613"/>
      <c r="GTV707" s="613"/>
      <c r="GTW707" s="613"/>
      <c r="GTX707" s="613"/>
      <c r="GTY707" s="613"/>
      <c r="GTZ707" s="613"/>
      <c r="GUA707" s="613"/>
      <c r="GUB707" s="613"/>
      <c r="GUC707" s="613"/>
      <c r="GUD707" s="613"/>
      <c r="GUE707" s="613"/>
      <c r="GUF707" s="613"/>
      <c r="GUG707" s="613"/>
      <c r="GUH707" s="613"/>
      <c r="GUI707" s="613"/>
      <c r="GUJ707" s="613"/>
      <c r="GUK707" s="613"/>
      <c r="GUL707" s="613"/>
      <c r="GUM707" s="613"/>
      <c r="GUN707" s="613"/>
      <c r="GUO707" s="613"/>
      <c r="GUP707" s="613"/>
      <c r="GUQ707" s="613"/>
      <c r="GUR707" s="613"/>
      <c r="GUS707" s="613"/>
      <c r="GUT707" s="613"/>
      <c r="GUU707" s="613"/>
      <c r="GUV707" s="613"/>
      <c r="GUW707" s="613"/>
      <c r="GUX707" s="613"/>
      <c r="GUY707" s="613"/>
      <c r="GUZ707" s="613"/>
      <c r="GVA707" s="613"/>
      <c r="GVB707" s="613"/>
      <c r="GVC707" s="613"/>
      <c r="GVD707" s="613"/>
      <c r="GVE707" s="613"/>
      <c r="GVF707" s="613"/>
      <c r="GVG707" s="613"/>
      <c r="GVH707" s="613"/>
      <c r="GVI707" s="613"/>
      <c r="GVJ707" s="613"/>
      <c r="GVK707" s="613"/>
      <c r="GVL707" s="613"/>
      <c r="GVM707" s="613"/>
      <c r="GVN707" s="613"/>
      <c r="GVO707" s="613"/>
      <c r="GVP707" s="613"/>
      <c r="GVQ707" s="613"/>
      <c r="GVR707" s="613"/>
      <c r="GVS707" s="613"/>
      <c r="GVT707" s="613"/>
      <c r="GVU707" s="613"/>
      <c r="GVV707" s="613"/>
      <c r="GVW707" s="613"/>
      <c r="GVX707" s="613"/>
      <c r="GVY707" s="613"/>
      <c r="GVZ707" s="613"/>
      <c r="GWA707" s="613"/>
      <c r="GWB707" s="613"/>
      <c r="GWC707" s="613"/>
      <c r="GWD707" s="613"/>
      <c r="GWE707" s="613"/>
      <c r="GWF707" s="613"/>
      <c r="GWG707" s="613"/>
      <c r="GWH707" s="613"/>
      <c r="GWI707" s="613"/>
      <c r="GWJ707" s="613"/>
      <c r="GWK707" s="613"/>
      <c r="GWL707" s="613"/>
      <c r="GWM707" s="613"/>
      <c r="GWN707" s="613"/>
      <c r="GWO707" s="613"/>
      <c r="GWP707" s="613"/>
      <c r="GWQ707" s="613"/>
      <c r="GWR707" s="613"/>
      <c r="GWS707" s="613"/>
      <c r="GWT707" s="613"/>
      <c r="GWU707" s="613"/>
      <c r="GWV707" s="613"/>
      <c r="GWW707" s="613"/>
      <c r="GWX707" s="613"/>
      <c r="GWY707" s="613"/>
      <c r="GWZ707" s="613"/>
      <c r="GXA707" s="613"/>
      <c r="GXB707" s="613"/>
      <c r="GXC707" s="613"/>
      <c r="GXD707" s="613"/>
      <c r="GXE707" s="613"/>
      <c r="GXF707" s="613"/>
      <c r="GXG707" s="613"/>
      <c r="GXH707" s="613"/>
      <c r="GXI707" s="613"/>
      <c r="GXJ707" s="613"/>
      <c r="GXK707" s="613"/>
      <c r="GXL707" s="613"/>
      <c r="GXM707" s="613"/>
      <c r="GXN707" s="613"/>
      <c r="GXO707" s="613"/>
      <c r="GXP707" s="613"/>
      <c r="GXQ707" s="613"/>
      <c r="GXR707" s="613"/>
      <c r="GXS707" s="613"/>
      <c r="GXT707" s="613"/>
      <c r="GXU707" s="613"/>
      <c r="GXV707" s="613"/>
      <c r="GXW707" s="613"/>
      <c r="GXX707" s="613"/>
      <c r="GXY707" s="613"/>
      <c r="GXZ707" s="613"/>
      <c r="GYA707" s="613"/>
      <c r="GYB707" s="613"/>
      <c r="GYC707" s="613"/>
      <c r="GYD707" s="613"/>
      <c r="GYE707" s="613"/>
      <c r="GYF707" s="613"/>
      <c r="GYG707" s="613"/>
      <c r="GYH707" s="613"/>
      <c r="GYI707" s="613"/>
      <c r="GYJ707" s="613"/>
      <c r="GYK707" s="613"/>
      <c r="GYL707" s="613"/>
      <c r="GYM707" s="613"/>
      <c r="GYN707" s="613"/>
      <c r="GYO707" s="613"/>
      <c r="GYP707" s="613"/>
      <c r="GYQ707" s="613"/>
      <c r="GYR707" s="613"/>
      <c r="GYS707" s="613"/>
      <c r="GYT707" s="613"/>
      <c r="GYU707" s="613"/>
      <c r="GYV707" s="613"/>
      <c r="GYW707" s="613"/>
      <c r="GYX707" s="613"/>
      <c r="GYY707" s="613"/>
      <c r="GYZ707" s="613"/>
      <c r="GZA707" s="613"/>
      <c r="GZB707" s="613"/>
      <c r="GZC707" s="613"/>
      <c r="GZD707" s="613"/>
      <c r="GZE707" s="613"/>
      <c r="GZF707" s="613"/>
      <c r="GZG707" s="613"/>
      <c r="GZH707" s="613"/>
      <c r="GZI707" s="613"/>
      <c r="GZJ707" s="613"/>
      <c r="GZK707" s="613"/>
      <c r="GZL707" s="613"/>
      <c r="GZM707" s="613"/>
      <c r="GZN707" s="613"/>
      <c r="GZO707" s="613"/>
      <c r="GZP707" s="613"/>
      <c r="GZQ707" s="613"/>
      <c r="GZR707" s="613"/>
      <c r="GZS707" s="613"/>
      <c r="GZT707" s="613"/>
      <c r="GZU707" s="613"/>
      <c r="GZV707" s="613"/>
      <c r="GZW707" s="613"/>
      <c r="GZX707" s="613"/>
      <c r="GZY707" s="613"/>
      <c r="GZZ707" s="613"/>
      <c r="HAA707" s="613"/>
      <c r="HAB707" s="613"/>
      <c r="HAC707" s="613"/>
      <c r="HAD707" s="613"/>
      <c r="HAE707" s="613"/>
      <c r="HAF707" s="613"/>
      <c r="HAG707" s="613"/>
      <c r="HAH707" s="613"/>
      <c r="HAI707" s="613"/>
      <c r="HAJ707" s="613"/>
      <c r="HAK707" s="613"/>
      <c r="HAL707" s="613"/>
      <c r="HAM707" s="613"/>
      <c r="HAN707" s="613"/>
      <c r="HAO707" s="613"/>
      <c r="HAP707" s="613"/>
      <c r="HAQ707" s="613"/>
      <c r="HAR707" s="613"/>
      <c r="HAS707" s="613"/>
      <c r="HAT707" s="613"/>
      <c r="HAU707" s="613"/>
      <c r="HAV707" s="613"/>
      <c r="HAW707" s="613"/>
      <c r="HAX707" s="613"/>
      <c r="HAY707" s="613"/>
      <c r="HAZ707" s="613"/>
      <c r="HBA707" s="613"/>
      <c r="HBB707" s="613"/>
      <c r="HBC707" s="613"/>
      <c r="HBD707" s="613"/>
      <c r="HBE707" s="613"/>
      <c r="HBF707" s="613"/>
      <c r="HBG707" s="613"/>
      <c r="HBH707" s="613"/>
      <c r="HBI707" s="613"/>
      <c r="HBJ707" s="613"/>
      <c r="HBK707" s="613"/>
      <c r="HBL707" s="613"/>
      <c r="HBM707" s="613"/>
      <c r="HBN707" s="613"/>
      <c r="HBO707" s="613"/>
      <c r="HBP707" s="613"/>
      <c r="HBQ707" s="613"/>
      <c r="HBR707" s="613"/>
      <c r="HBS707" s="613"/>
      <c r="HBT707" s="613"/>
      <c r="HBU707" s="613"/>
      <c r="HBV707" s="613"/>
      <c r="HBW707" s="613"/>
      <c r="HBX707" s="613"/>
      <c r="HBY707" s="613"/>
      <c r="HBZ707" s="613"/>
      <c r="HCA707" s="613"/>
      <c r="HCB707" s="613"/>
      <c r="HCC707" s="613"/>
      <c r="HCD707" s="613"/>
      <c r="HCE707" s="613"/>
      <c r="HCF707" s="613"/>
      <c r="HCG707" s="613"/>
      <c r="HCH707" s="613"/>
      <c r="HCI707" s="613"/>
      <c r="HCJ707" s="613"/>
      <c r="HCK707" s="613"/>
      <c r="HCL707" s="613"/>
      <c r="HCM707" s="613"/>
      <c r="HCN707" s="613"/>
      <c r="HCO707" s="613"/>
      <c r="HCP707" s="613"/>
      <c r="HCQ707" s="613"/>
      <c r="HCR707" s="613"/>
      <c r="HCS707" s="613"/>
      <c r="HCT707" s="613"/>
      <c r="HCU707" s="613"/>
      <c r="HCV707" s="613"/>
      <c r="HCW707" s="613"/>
      <c r="HCX707" s="613"/>
      <c r="HCY707" s="613"/>
      <c r="HCZ707" s="613"/>
      <c r="HDA707" s="613"/>
      <c r="HDB707" s="613"/>
      <c r="HDC707" s="613"/>
      <c r="HDD707" s="613"/>
      <c r="HDE707" s="613"/>
      <c r="HDF707" s="613"/>
      <c r="HDG707" s="613"/>
      <c r="HDH707" s="613"/>
      <c r="HDI707" s="613"/>
      <c r="HDJ707" s="613"/>
      <c r="HDK707" s="613"/>
      <c r="HDL707" s="613"/>
      <c r="HDM707" s="613"/>
      <c r="HDN707" s="613"/>
      <c r="HDO707" s="613"/>
      <c r="HDP707" s="613"/>
      <c r="HDQ707" s="613"/>
      <c r="HDR707" s="613"/>
      <c r="HDS707" s="613"/>
      <c r="HDT707" s="613"/>
      <c r="HDU707" s="613"/>
      <c r="HDV707" s="613"/>
      <c r="HDW707" s="613"/>
      <c r="HDX707" s="613"/>
      <c r="HDY707" s="613"/>
      <c r="HDZ707" s="613"/>
      <c r="HEA707" s="613"/>
      <c r="HEB707" s="613"/>
      <c r="HEC707" s="613"/>
      <c r="HED707" s="613"/>
      <c r="HEE707" s="613"/>
      <c r="HEF707" s="613"/>
      <c r="HEG707" s="613"/>
      <c r="HEH707" s="613"/>
      <c r="HEI707" s="613"/>
      <c r="HEJ707" s="613"/>
      <c r="HEK707" s="613"/>
      <c r="HEL707" s="613"/>
      <c r="HEM707" s="613"/>
      <c r="HEN707" s="613"/>
      <c r="HEO707" s="613"/>
      <c r="HEP707" s="613"/>
      <c r="HEQ707" s="613"/>
      <c r="HER707" s="613"/>
      <c r="HES707" s="613"/>
      <c r="HET707" s="613"/>
      <c r="HEU707" s="613"/>
      <c r="HEV707" s="613"/>
      <c r="HEW707" s="613"/>
      <c r="HEX707" s="613"/>
      <c r="HEY707" s="613"/>
      <c r="HEZ707" s="613"/>
      <c r="HFA707" s="613"/>
      <c r="HFB707" s="613"/>
      <c r="HFC707" s="613"/>
      <c r="HFD707" s="613"/>
      <c r="HFE707" s="613"/>
      <c r="HFF707" s="613"/>
      <c r="HFG707" s="613"/>
      <c r="HFH707" s="613"/>
      <c r="HFI707" s="613"/>
      <c r="HFJ707" s="613"/>
      <c r="HFK707" s="613"/>
      <c r="HFL707" s="613"/>
      <c r="HFM707" s="613"/>
      <c r="HFN707" s="613"/>
      <c r="HFO707" s="613"/>
      <c r="HFP707" s="613"/>
      <c r="HFQ707" s="613"/>
      <c r="HFR707" s="613"/>
      <c r="HFS707" s="613"/>
      <c r="HFT707" s="613"/>
      <c r="HFU707" s="613"/>
      <c r="HFV707" s="613"/>
      <c r="HFW707" s="613"/>
      <c r="HFX707" s="613"/>
      <c r="HFY707" s="613"/>
      <c r="HFZ707" s="613"/>
      <c r="HGA707" s="613"/>
      <c r="HGB707" s="613"/>
      <c r="HGC707" s="613"/>
      <c r="HGD707" s="613"/>
      <c r="HGE707" s="613"/>
      <c r="HGF707" s="613"/>
      <c r="HGG707" s="613"/>
      <c r="HGH707" s="613"/>
      <c r="HGI707" s="613"/>
      <c r="HGJ707" s="613"/>
      <c r="HGK707" s="613"/>
      <c r="HGL707" s="613"/>
      <c r="HGM707" s="613"/>
      <c r="HGN707" s="613"/>
      <c r="HGO707" s="613"/>
      <c r="HGP707" s="613"/>
      <c r="HGQ707" s="613"/>
      <c r="HGR707" s="613"/>
      <c r="HGS707" s="613"/>
      <c r="HGT707" s="613"/>
      <c r="HGU707" s="613"/>
      <c r="HGV707" s="613"/>
      <c r="HGW707" s="613"/>
      <c r="HGX707" s="613"/>
      <c r="HGY707" s="613"/>
      <c r="HGZ707" s="613"/>
      <c r="HHA707" s="613"/>
      <c r="HHB707" s="613"/>
      <c r="HHC707" s="613"/>
      <c r="HHD707" s="613"/>
      <c r="HHE707" s="613"/>
      <c r="HHF707" s="613"/>
      <c r="HHG707" s="613"/>
      <c r="HHH707" s="613"/>
      <c r="HHI707" s="613"/>
      <c r="HHJ707" s="613"/>
      <c r="HHK707" s="613"/>
      <c r="HHL707" s="613"/>
      <c r="HHM707" s="613"/>
      <c r="HHN707" s="613"/>
      <c r="HHO707" s="613"/>
      <c r="HHP707" s="613"/>
      <c r="HHQ707" s="613"/>
      <c r="HHR707" s="613"/>
      <c r="HHS707" s="613"/>
      <c r="HHT707" s="613"/>
      <c r="HHU707" s="613"/>
      <c r="HHV707" s="613"/>
      <c r="HHW707" s="613"/>
      <c r="HHX707" s="613"/>
      <c r="HHY707" s="613"/>
      <c r="HHZ707" s="613"/>
      <c r="HIA707" s="613"/>
      <c r="HIB707" s="613"/>
      <c r="HIC707" s="613"/>
      <c r="HID707" s="613"/>
      <c r="HIE707" s="613"/>
      <c r="HIF707" s="613"/>
      <c r="HIG707" s="613"/>
      <c r="HIH707" s="613"/>
      <c r="HII707" s="613"/>
      <c r="HIJ707" s="613"/>
      <c r="HIK707" s="613"/>
      <c r="HIL707" s="613"/>
      <c r="HIM707" s="613"/>
      <c r="HIN707" s="613"/>
      <c r="HIO707" s="613"/>
      <c r="HIP707" s="613"/>
      <c r="HIQ707" s="613"/>
      <c r="HIR707" s="613"/>
      <c r="HIS707" s="613"/>
      <c r="HIT707" s="613"/>
      <c r="HIU707" s="613"/>
      <c r="HIV707" s="613"/>
      <c r="HIW707" s="613"/>
      <c r="HIX707" s="613"/>
      <c r="HIY707" s="613"/>
      <c r="HIZ707" s="613"/>
      <c r="HJA707" s="613"/>
      <c r="HJB707" s="613"/>
      <c r="HJC707" s="613"/>
      <c r="HJD707" s="613"/>
      <c r="HJE707" s="613"/>
      <c r="HJF707" s="613"/>
      <c r="HJG707" s="613"/>
      <c r="HJH707" s="613"/>
      <c r="HJI707" s="613"/>
      <c r="HJJ707" s="613"/>
      <c r="HJK707" s="613"/>
      <c r="HJL707" s="613"/>
      <c r="HJM707" s="613"/>
      <c r="HJN707" s="613"/>
      <c r="HJO707" s="613"/>
      <c r="HJP707" s="613"/>
      <c r="HJQ707" s="613"/>
      <c r="HJR707" s="613"/>
      <c r="HJS707" s="613"/>
      <c r="HJT707" s="613"/>
      <c r="HJU707" s="613"/>
      <c r="HJV707" s="613"/>
      <c r="HJW707" s="613"/>
      <c r="HJX707" s="613"/>
      <c r="HJY707" s="613"/>
      <c r="HJZ707" s="613"/>
      <c r="HKA707" s="613"/>
      <c r="HKB707" s="613"/>
      <c r="HKC707" s="613"/>
      <c r="HKD707" s="613"/>
      <c r="HKE707" s="613"/>
      <c r="HKF707" s="613"/>
      <c r="HKG707" s="613"/>
      <c r="HKH707" s="613"/>
      <c r="HKI707" s="613"/>
      <c r="HKJ707" s="613"/>
      <c r="HKK707" s="613"/>
      <c r="HKL707" s="613"/>
      <c r="HKM707" s="613"/>
      <c r="HKN707" s="613"/>
      <c r="HKO707" s="613"/>
      <c r="HKP707" s="613"/>
      <c r="HKQ707" s="613"/>
      <c r="HKR707" s="613"/>
      <c r="HKS707" s="613"/>
      <c r="HKT707" s="613"/>
      <c r="HKU707" s="613"/>
      <c r="HKV707" s="613"/>
      <c r="HKW707" s="613"/>
      <c r="HKX707" s="613"/>
      <c r="HKY707" s="613"/>
      <c r="HKZ707" s="613"/>
      <c r="HLA707" s="613"/>
      <c r="HLB707" s="613"/>
      <c r="HLC707" s="613"/>
      <c r="HLD707" s="613"/>
      <c r="HLE707" s="613"/>
      <c r="HLF707" s="613"/>
      <c r="HLG707" s="613"/>
      <c r="HLH707" s="613"/>
      <c r="HLI707" s="613"/>
      <c r="HLJ707" s="613"/>
      <c r="HLK707" s="613"/>
      <c r="HLL707" s="613"/>
      <c r="HLM707" s="613"/>
      <c r="HLN707" s="613"/>
      <c r="HLO707" s="613"/>
      <c r="HLP707" s="613"/>
      <c r="HLQ707" s="613"/>
      <c r="HLR707" s="613"/>
      <c r="HLS707" s="613"/>
      <c r="HLT707" s="613"/>
      <c r="HLU707" s="613"/>
      <c r="HLV707" s="613"/>
      <c r="HLW707" s="613"/>
      <c r="HLX707" s="613"/>
      <c r="HLY707" s="613"/>
      <c r="HLZ707" s="613"/>
      <c r="HMA707" s="613"/>
      <c r="HMB707" s="613"/>
      <c r="HMC707" s="613"/>
      <c r="HMD707" s="613"/>
      <c r="HME707" s="613"/>
      <c r="HMF707" s="613"/>
      <c r="HMG707" s="613"/>
      <c r="HMH707" s="613"/>
      <c r="HMI707" s="613"/>
      <c r="HMJ707" s="613"/>
      <c r="HMK707" s="613"/>
      <c r="HML707" s="613"/>
      <c r="HMM707" s="613"/>
      <c r="HMN707" s="613"/>
      <c r="HMO707" s="613"/>
      <c r="HMP707" s="613"/>
      <c r="HMQ707" s="613"/>
      <c r="HMR707" s="613"/>
      <c r="HMS707" s="613"/>
      <c r="HMT707" s="613"/>
      <c r="HMU707" s="613"/>
      <c r="HMV707" s="613"/>
      <c r="HMW707" s="613"/>
      <c r="HMX707" s="613"/>
      <c r="HMY707" s="613"/>
      <c r="HMZ707" s="613"/>
      <c r="HNA707" s="613"/>
      <c r="HNB707" s="613"/>
      <c r="HNC707" s="613"/>
      <c r="HND707" s="613"/>
      <c r="HNE707" s="613"/>
      <c r="HNF707" s="613"/>
      <c r="HNG707" s="613"/>
      <c r="HNH707" s="613"/>
      <c r="HNI707" s="613"/>
      <c r="HNJ707" s="613"/>
      <c r="HNK707" s="613"/>
      <c r="HNL707" s="613"/>
      <c r="HNM707" s="613"/>
      <c r="HNN707" s="613"/>
      <c r="HNO707" s="613"/>
      <c r="HNP707" s="613"/>
      <c r="HNQ707" s="613"/>
      <c r="HNR707" s="613"/>
      <c r="HNS707" s="613"/>
      <c r="HNT707" s="613"/>
      <c r="HNU707" s="613"/>
      <c r="HNV707" s="613"/>
      <c r="HNW707" s="613"/>
      <c r="HNX707" s="613"/>
      <c r="HNY707" s="613"/>
      <c r="HNZ707" s="613"/>
      <c r="HOA707" s="613"/>
      <c r="HOB707" s="613"/>
      <c r="HOC707" s="613"/>
      <c r="HOD707" s="613"/>
      <c r="HOE707" s="613"/>
      <c r="HOF707" s="613"/>
      <c r="HOG707" s="613"/>
      <c r="HOH707" s="613"/>
      <c r="HOI707" s="613"/>
      <c r="HOJ707" s="613"/>
      <c r="HOK707" s="613"/>
      <c r="HOL707" s="613"/>
      <c r="HOM707" s="613"/>
      <c r="HON707" s="613"/>
      <c r="HOO707" s="613"/>
      <c r="HOP707" s="613"/>
      <c r="HOQ707" s="613"/>
      <c r="HOR707" s="613"/>
      <c r="HOS707" s="613"/>
      <c r="HOT707" s="613"/>
      <c r="HOU707" s="613"/>
      <c r="HOV707" s="613"/>
      <c r="HOW707" s="613"/>
      <c r="HOX707" s="613"/>
      <c r="HOY707" s="613"/>
      <c r="HOZ707" s="613"/>
      <c r="HPA707" s="613"/>
      <c r="HPB707" s="613"/>
      <c r="HPC707" s="613"/>
      <c r="HPD707" s="613"/>
      <c r="HPE707" s="613"/>
      <c r="HPF707" s="613"/>
      <c r="HPG707" s="613"/>
      <c r="HPH707" s="613"/>
      <c r="HPI707" s="613"/>
      <c r="HPJ707" s="613"/>
      <c r="HPK707" s="613"/>
      <c r="HPL707" s="613"/>
      <c r="HPM707" s="613"/>
      <c r="HPN707" s="613"/>
      <c r="HPO707" s="613"/>
      <c r="HPP707" s="613"/>
      <c r="HPQ707" s="613"/>
      <c r="HPR707" s="613"/>
      <c r="HPS707" s="613"/>
      <c r="HPT707" s="613"/>
      <c r="HPU707" s="613"/>
      <c r="HPV707" s="613"/>
      <c r="HPW707" s="613"/>
      <c r="HPX707" s="613"/>
      <c r="HPY707" s="613"/>
      <c r="HPZ707" s="613"/>
      <c r="HQA707" s="613"/>
      <c r="HQB707" s="613"/>
      <c r="HQC707" s="613"/>
      <c r="HQD707" s="613"/>
      <c r="HQE707" s="613"/>
      <c r="HQF707" s="613"/>
      <c r="HQG707" s="613"/>
      <c r="HQH707" s="613"/>
      <c r="HQI707" s="613"/>
      <c r="HQJ707" s="613"/>
      <c r="HQK707" s="613"/>
      <c r="HQL707" s="613"/>
      <c r="HQM707" s="613"/>
      <c r="HQN707" s="613"/>
      <c r="HQO707" s="613"/>
      <c r="HQP707" s="613"/>
      <c r="HQQ707" s="613"/>
      <c r="HQR707" s="613"/>
      <c r="HQS707" s="613"/>
      <c r="HQT707" s="613"/>
      <c r="HQU707" s="613"/>
      <c r="HQV707" s="613"/>
      <c r="HQW707" s="613"/>
      <c r="HQX707" s="613"/>
      <c r="HQY707" s="613"/>
      <c r="HQZ707" s="613"/>
      <c r="HRA707" s="613"/>
      <c r="HRB707" s="613"/>
      <c r="HRC707" s="613"/>
      <c r="HRD707" s="613"/>
      <c r="HRE707" s="613"/>
      <c r="HRF707" s="613"/>
      <c r="HRG707" s="613"/>
      <c r="HRH707" s="613"/>
      <c r="HRI707" s="613"/>
      <c r="HRJ707" s="613"/>
      <c r="HRK707" s="613"/>
      <c r="HRL707" s="613"/>
      <c r="HRM707" s="613"/>
      <c r="HRN707" s="613"/>
      <c r="HRO707" s="613"/>
      <c r="HRP707" s="613"/>
      <c r="HRQ707" s="613"/>
      <c r="HRR707" s="613"/>
      <c r="HRS707" s="613"/>
      <c r="HRT707" s="613"/>
      <c r="HRU707" s="613"/>
      <c r="HRV707" s="613"/>
      <c r="HRW707" s="613"/>
      <c r="HRX707" s="613"/>
      <c r="HRY707" s="613"/>
      <c r="HRZ707" s="613"/>
      <c r="HSA707" s="613"/>
      <c r="HSB707" s="613"/>
      <c r="HSC707" s="613"/>
      <c r="HSD707" s="613"/>
      <c r="HSE707" s="613"/>
      <c r="HSF707" s="613"/>
      <c r="HSG707" s="613"/>
      <c r="HSH707" s="613"/>
      <c r="HSI707" s="613"/>
      <c r="HSJ707" s="613"/>
      <c r="HSK707" s="613"/>
      <c r="HSL707" s="613"/>
      <c r="HSM707" s="613"/>
      <c r="HSN707" s="613"/>
      <c r="HSO707" s="613"/>
      <c r="HSP707" s="613"/>
      <c r="HSQ707" s="613"/>
      <c r="HSR707" s="613"/>
      <c r="HSS707" s="613"/>
      <c r="HST707" s="613"/>
      <c r="HSU707" s="613"/>
      <c r="HSV707" s="613"/>
      <c r="HSW707" s="613"/>
      <c r="HSX707" s="613"/>
      <c r="HSY707" s="613"/>
      <c r="HSZ707" s="613"/>
      <c r="HTA707" s="613"/>
      <c r="HTB707" s="613"/>
      <c r="HTC707" s="613"/>
      <c r="HTD707" s="613"/>
      <c r="HTE707" s="613"/>
      <c r="HTF707" s="613"/>
      <c r="HTG707" s="613"/>
      <c r="HTH707" s="613"/>
      <c r="HTI707" s="613"/>
      <c r="HTJ707" s="613"/>
      <c r="HTK707" s="613"/>
      <c r="HTL707" s="613"/>
      <c r="HTM707" s="613"/>
      <c r="HTN707" s="613"/>
      <c r="HTO707" s="613"/>
      <c r="HTP707" s="613"/>
      <c r="HTQ707" s="613"/>
      <c r="HTR707" s="613"/>
      <c r="HTS707" s="613"/>
      <c r="HTT707" s="613"/>
      <c r="HTU707" s="613"/>
      <c r="HTV707" s="613"/>
      <c r="HTW707" s="613"/>
      <c r="HTX707" s="613"/>
      <c r="HTY707" s="613"/>
      <c r="HTZ707" s="613"/>
      <c r="HUA707" s="613"/>
      <c r="HUB707" s="613"/>
      <c r="HUC707" s="613"/>
      <c r="HUD707" s="613"/>
      <c r="HUE707" s="613"/>
      <c r="HUF707" s="613"/>
      <c r="HUG707" s="613"/>
      <c r="HUH707" s="613"/>
      <c r="HUI707" s="613"/>
      <c r="HUJ707" s="613"/>
      <c r="HUK707" s="613"/>
      <c r="HUL707" s="613"/>
      <c r="HUM707" s="613"/>
      <c r="HUN707" s="613"/>
      <c r="HUO707" s="613"/>
      <c r="HUP707" s="613"/>
      <c r="HUQ707" s="613"/>
      <c r="HUR707" s="613"/>
      <c r="HUS707" s="613"/>
      <c r="HUT707" s="613"/>
      <c r="HUU707" s="613"/>
      <c r="HUV707" s="613"/>
      <c r="HUW707" s="613"/>
      <c r="HUX707" s="613"/>
      <c r="HUY707" s="613"/>
      <c r="HUZ707" s="613"/>
      <c r="HVA707" s="613"/>
      <c r="HVB707" s="613"/>
      <c r="HVC707" s="613"/>
      <c r="HVD707" s="613"/>
      <c r="HVE707" s="613"/>
      <c r="HVF707" s="613"/>
      <c r="HVG707" s="613"/>
      <c r="HVH707" s="613"/>
      <c r="HVI707" s="613"/>
      <c r="HVJ707" s="613"/>
      <c r="HVK707" s="613"/>
      <c r="HVL707" s="613"/>
      <c r="HVM707" s="613"/>
      <c r="HVN707" s="613"/>
      <c r="HVO707" s="613"/>
      <c r="HVP707" s="613"/>
      <c r="HVQ707" s="613"/>
      <c r="HVR707" s="613"/>
      <c r="HVS707" s="613"/>
      <c r="HVT707" s="613"/>
      <c r="HVU707" s="613"/>
      <c r="HVV707" s="613"/>
      <c r="HVW707" s="613"/>
      <c r="HVX707" s="613"/>
      <c r="HVY707" s="613"/>
      <c r="HVZ707" s="613"/>
      <c r="HWA707" s="613"/>
      <c r="HWB707" s="613"/>
      <c r="HWC707" s="613"/>
      <c r="HWD707" s="613"/>
      <c r="HWE707" s="613"/>
      <c r="HWF707" s="613"/>
      <c r="HWG707" s="613"/>
      <c r="HWH707" s="613"/>
      <c r="HWI707" s="613"/>
      <c r="HWJ707" s="613"/>
      <c r="HWK707" s="613"/>
      <c r="HWL707" s="613"/>
      <c r="HWM707" s="613"/>
      <c r="HWN707" s="613"/>
      <c r="HWO707" s="613"/>
      <c r="HWP707" s="613"/>
      <c r="HWQ707" s="613"/>
      <c r="HWR707" s="613"/>
      <c r="HWS707" s="613"/>
      <c r="HWT707" s="613"/>
      <c r="HWU707" s="613"/>
      <c r="HWV707" s="613"/>
      <c r="HWW707" s="613"/>
      <c r="HWX707" s="613"/>
      <c r="HWY707" s="613"/>
      <c r="HWZ707" s="613"/>
      <c r="HXA707" s="613"/>
      <c r="HXB707" s="613"/>
      <c r="HXC707" s="613"/>
      <c r="HXD707" s="613"/>
      <c r="HXE707" s="613"/>
      <c r="HXF707" s="613"/>
      <c r="HXG707" s="613"/>
      <c r="HXH707" s="613"/>
      <c r="HXI707" s="613"/>
      <c r="HXJ707" s="613"/>
      <c r="HXK707" s="613"/>
      <c r="HXL707" s="613"/>
      <c r="HXM707" s="613"/>
      <c r="HXN707" s="613"/>
      <c r="HXO707" s="613"/>
      <c r="HXP707" s="613"/>
      <c r="HXQ707" s="613"/>
      <c r="HXR707" s="613"/>
      <c r="HXS707" s="613"/>
      <c r="HXT707" s="613"/>
      <c r="HXU707" s="613"/>
      <c r="HXV707" s="613"/>
      <c r="HXW707" s="613"/>
      <c r="HXX707" s="613"/>
      <c r="HXY707" s="613"/>
      <c r="HXZ707" s="613"/>
      <c r="HYA707" s="613"/>
      <c r="HYB707" s="613"/>
      <c r="HYC707" s="613"/>
      <c r="HYD707" s="613"/>
      <c r="HYE707" s="613"/>
      <c r="HYF707" s="613"/>
      <c r="HYG707" s="613"/>
      <c r="HYH707" s="613"/>
      <c r="HYI707" s="613"/>
      <c r="HYJ707" s="613"/>
      <c r="HYK707" s="613"/>
      <c r="HYL707" s="613"/>
      <c r="HYM707" s="613"/>
      <c r="HYN707" s="613"/>
      <c r="HYO707" s="613"/>
      <c r="HYP707" s="613"/>
      <c r="HYQ707" s="613"/>
      <c r="HYR707" s="613"/>
      <c r="HYS707" s="613"/>
      <c r="HYT707" s="613"/>
      <c r="HYU707" s="613"/>
      <c r="HYV707" s="613"/>
      <c r="HYW707" s="613"/>
      <c r="HYX707" s="613"/>
      <c r="HYY707" s="613"/>
      <c r="HYZ707" s="613"/>
      <c r="HZA707" s="613"/>
      <c r="HZB707" s="613"/>
      <c r="HZC707" s="613"/>
      <c r="HZD707" s="613"/>
      <c r="HZE707" s="613"/>
      <c r="HZF707" s="613"/>
      <c r="HZG707" s="613"/>
      <c r="HZH707" s="613"/>
      <c r="HZI707" s="613"/>
      <c r="HZJ707" s="613"/>
      <c r="HZK707" s="613"/>
      <c r="HZL707" s="613"/>
      <c r="HZM707" s="613"/>
      <c r="HZN707" s="613"/>
      <c r="HZO707" s="613"/>
      <c r="HZP707" s="613"/>
      <c r="HZQ707" s="613"/>
      <c r="HZR707" s="613"/>
      <c r="HZS707" s="613"/>
      <c r="HZT707" s="613"/>
      <c r="HZU707" s="613"/>
      <c r="HZV707" s="613"/>
      <c r="HZW707" s="613"/>
      <c r="HZX707" s="613"/>
      <c r="HZY707" s="613"/>
      <c r="HZZ707" s="613"/>
      <c r="IAA707" s="613"/>
      <c r="IAB707" s="613"/>
      <c r="IAC707" s="613"/>
      <c r="IAD707" s="613"/>
      <c r="IAE707" s="613"/>
      <c r="IAF707" s="613"/>
      <c r="IAG707" s="613"/>
      <c r="IAH707" s="613"/>
      <c r="IAI707" s="613"/>
      <c r="IAJ707" s="613"/>
      <c r="IAK707" s="613"/>
      <c r="IAL707" s="613"/>
      <c r="IAM707" s="613"/>
      <c r="IAN707" s="613"/>
      <c r="IAO707" s="613"/>
      <c r="IAP707" s="613"/>
      <c r="IAQ707" s="613"/>
      <c r="IAR707" s="613"/>
      <c r="IAS707" s="613"/>
      <c r="IAT707" s="613"/>
      <c r="IAU707" s="613"/>
      <c r="IAV707" s="613"/>
      <c r="IAW707" s="613"/>
      <c r="IAX707" s="613"/>
      <c r="IAY707" s="613"/>
      <c r="IAZ707" s="613"/>
      <c r="IBA707" s="613"/>
      <c r="IBB707" s="613"/>
      <c r="IBC707" s="613"/>
      <c r="IBD707" s="613"/>
      <c r="IBE707" s="613"/>
      <c r="IBF707" s="613"/>
      <c r="IBG707" s="613"/>
      <c r="IBH707" s="613"/>
      <c r="IBI707" s="613"/>
      <c r="IBJ707" s="613"/>
      <c r="IBK707" s="613"/>
      <c r="IBL707" s="613"/>
      <c r="IBM707" s="613"/>
      <c r="IBN707" s="613"/>
      <c r="IBO707" s="613"/>
      <c r="IBP707" s="613"/>
      <c r="IBQ707" s="613"/>
      <c r="IBR707" s="613"/>
      <c r="IBS707" s="613"/>
      <c r="IBT707" s="613"/>
      <c r="IBU707" s="613"/>
      <c r="IBV707" s="613"/>
      <c r="IBW707" s="613"/>
      <c r="IBX707" s="613"/>
      <c r="IBY707" s="613"/>
      <c r="IBZ707" s="613"/>
      <c r="ICA707" s="613"/>
      <c r="ICB707" s="613"/>
      <c r="ICC707" s="613"/>
      <c r="ICD707" s="613"/>
      <c r="ICE707" s="613"/>
      <c r="ICF707" s="613"/>
      <c r="ICG707" s="613"/>
      <c r="ICH707" s="613"/>
      <c r="ICI707" s="613"/>
      <c r="ICJ707" s="613"/>
      <c r="ICK707" s="613"/>
      <c r="ICL707" s="613"/>
      <c r="ICM707" s="613"/>
      <c r="ICN707" s="613"/>
      <c r="ICO707" s="613"/>
      <c r="ICP707" s="613"/>
      <c r="ICQ707" s="613"/>
      <c r="ICR707" s="613"/>
      <c r="ICS707" s="613"/>
      <c r="ICT707" s="613"/>
      <c r="ICU707" s="613"/>
      <c r="ICV707" s="613"/>
      <c r="ICW707" s="613"/>
      <c r="ICX707" s="613"/>
      <c r="ICY707" s="613"/>
      <c r="ICZ707" s="613"/>
      <c r="IDA707" s="613"/>
      <c r="IDB707" s="613"/>
      <c r="IDC707" s="613"/>
      <c r="IDD707" s="613"/>
      <c r="IDE707" s="613"/>
      <c r="IDF707" s="613"/>
      <c r="IDG707" s="613"/>
      <c r="IDH707" s="613"/>
      <c r="IDI707" s="613"/>
      <c r="IDJ707" s="613"/>
      <c r="IDK707" s="613"/>
      <c r="IDL707" s="613"/>
      <c r="IDM707" s="613"/>
      <c r="IDN707" s="613"/>
      <c r="IDO707" s="613"/>
      <c r="IDP707" s="613"/>
      <c r="IDQ707" s="613"/>
      <c r="IDR707" s="613"/>
      <c r="IDS707" s="613"/>
      <c r="IDT707" s="613"/>
      <c r="IDU707" s="613"/>
      <c r="IDV707" s="613"/>
      <c r="IDW707" s="613"/>
      <c r="IDX707" s="613"/>
      <c r="IDY707" s="613"/>
      <c r="IDZ707" s="613"/>
      <c r="IEA707" s="613"/>
      <c r="IEB707" s="613"/>
      <c r="IEC707" s="613"/>
      <c r="IED707" s="613"/>
      <c r="IEE707" s="613"/>
      <c r="IEF707" s="613"/>
      <c r="IEG707" s="613"/>
      <c r="IEH707" s="613"/>
      <c r="IEI707" s="613"/>
      <c r="IEJ707" s="613"/>
      <c r="IEK707" s="613"/>
      <c r="IEL707" s="613"/>
      <c r="IEM707" s="613"/>
      <c r="IEN707" s="613"/>
      <c r="IEO707" s="613"/>
      <c r="IEP707" s="613"/>
      <c r="IEQ707" s="613"/>
      <c r="IER707" s="613"/>
      <c r="IES707" s="613"/>
      <c r="IET707" s="613"/>
      <c r="IEU707" s="613"/>
      <c r="IEV707" s="613"/>
      <c r="IEW707" s="613"/>
      <c r="IEX707" s="613"/>
      <c r="IEY707" s="613"/>
      <c r="IEZ707" s="613"/>
      <c r="IFA707" s="613"/>
      <c r="IFB707" s="613"/>
      <c r="IFC707" s="613"/>
      <c r="IFD707" s="613"/>
      <c r="IFE707" s="613"/>
      <c r="IFF707" s="613"/>
      <c r="IFG707" s="613"/>
      <c r="IFH707" s="613"/>
      <c r="IFI707" s="613"/>
      <c r="IFJ707" s="613"/>
      <c r="IFK707" s="613"/>
      <c r="IFL707" s="613"/>
      <c r="IFM707" s="613"/>
      <c r="IFN707" s="613"/>
      <c r="IFO707" s="613"/>
      <c r="IFP707" s="613"/>
      <c r="IFQ707" s="613"/>
      <c r="IFR707" s="613"/>
      <c r="IFS707" s="613"/>
      <c r="IFT707" s="613"/>
      <c r="IFU707" s="613"/>
      <c r="IFV707" s="613"/>
      <c r="IFW707" s="613"/>
      <c r="IFX707" s="613"/>
      <c r="IFY707" s="613"/>
      <c r="IFZ707" s="613"/>
      <c r="IGA707" s="613"/>
      <c r="IGB707" s="613"/>
      <c r="IGC707" s="613"/>
      <c r="IGD707" s="613"/>
      <c r="IGE707" s="613"/>
      <c r="IGF707" s="613"/>
      <c r="IGG707" s="613"/>
      <c r="IGH707" s="613"/>
      <c r="IGI707" s="613"/>
      <c r="IGJ707" s="613"/>
      <c r="IGK707" s="613"/>
      <c r="IGL707" s="613"/>
      <c r="IGM707" s="613"/>
      <c r="IGN707" s="613"/>
      <c r="IGO707" s="613"/>
      <c r="IGP707" s="613"/>
      <c r="IGQ707" s="613"/>
      <c r="IGR707" s="613"/>
      <c r="IGS707" s="613"/>
      <c r="IGT707" s="613"/>
      <c r="IGU707" s="613"/>
      <c r="IGV707" s="613"/>
      <c r="IGW707" s="613"/>
      <c r="IGX707" s="613"/>
      <c r="IGY707" s="613"/>
      <c r="IGZ707" s="613"/>
      <c r="IHA707" s="613"/>
      <c r="IHB707" s="613"/>
      <c r="IHC707" s="613"/>
      <c r="IHD707" s="613"/>
      <c r="IHE707" s="613"/>
      <c r="IHF707" s="613"/>
      <c r="IHG707" s="613"/>
      <c r="IHH707" s="613"/>
      <c r="IHI707" s="613"/>
      <c r="IHJ707" s="613"/>
      <c r="IHK707" s="613"/>
      <c r="IHL707" s="613"/>
      <c r="IHM707" s="613"/>
      <c r="IHN707" s="613"/>
      <c r="IHO707" s="613"/>
      <c r="IHP707" s="613"/>
      <c r="IHQ707" s="613"/>
      <c r="IHR707" s="613"/>
      <c r="IHS707" s="613"/>
      <c r="IHT707" s="613"/>
      <c r="IHU707" s="613"/>
      <c r="IHV707" s="613"/>
      <c r="IHW707" s="613"/>
      <c r="IHX707" s="613"/>
      <c r="IHY707" s="613"/>
      <c r="IHZ707" s="613"/>
      <c r="IIA707" s="613"/>
      <c r="IIB707" s="613"/>
      <c r="IIC707" s="613"/>
      <c r="IID707" s="613"/>
      <c r="IIE707" s="613"/>
      <c r="IIF707" s="613"/>
      <c r="IIG707" s="613"/>
      <c r="IIH707" s="613"/>
      <c r="III707" s="613"/>
      <c r="IIJ707" s="613"/>
      <c r="IIK707" s="613"/>
      <c r="IIL707" s="613"/>
      <c r="IIM707" s="613"/>
      <c r="IIN707" s="613"/>
      <c r="IIO707" s="613"/>
      <c r="IIP707" s="613"/>
      <c r="IIQ707" s="613"/>
      <c r="IIR707" s="613"/>
      <c r="IIS707" s="613"/>
      <c r="IIT707" s="613"/>
      <c r="IIU707" s="613"/>
      <c r="IIV707" s="613"/>
      <c r="IIW707" s="613"/>
      <c r="IIX707" s="613"/>
      <c r="IIY707" s="613"/>
      <c r="IIZ707" s="613"/>
      <c r="IJA707" s="613"/>
      <c r="IJB707" s="613"/>
      <c r="IJC707" s="613"/>
      <c r="IJD707" s="613"/>
      <c r="IJE707" s="613"/>
      <c r="IJF707" s="613"/>
      <c r="IJG707" s="613"/>
      <c r="IJH707" s="613"/>
      <c r="IJI707" s="613"/>
      <c r="IJJ707" s="613"/>
      <c r="IJK707" s="613"/>
      <c r="IJL707" s="613"/>
      <c r="IJM707" s="613"/>
      <c r="IJN707" s="613"/>
      <c r="IJO707" s="613"/>
      <c r="IJP707" s="613"/>
      <c r="IJQ707" s="613"/>
      <c r="IJR707" s="613"/>
      <c r="IJS707" s="613"/>
      <c r="IJT707" s="613"/>
      <c r="IJU707" s="613"/>
      <c r="IJV707" s="613"/>
      <c r="IJW707" s="613"/>
      <c r="IJX707" s="613"/>
      <c r="IJY707" s="613"/>
      <c r="IJZ707" s="613"/>
      <c r="IKA707" s="613"/>
      <c r="IKB707" s="613"/>
      <c r="IKC707" s="613"/>
      <c r="IKD707" s="613"/>
      <c r="IKE707" s="613"/>
      <c r="IKF707" s="613"/>
      <c r="IKG707" s="613"/>
      <c r="IKH707" s="613"/>
      <c r="IKI707" s="613"/>
      <c r="IKJ707" s="613"/>
      <c r="IKK707" s="613"/>
      <c r="IKL707" s="613"/>
      <c r="IKM707" s="613"/>
      <c r="IKN707" s="613"/>
      <c r="IKO707" s="613"/>
      <c r="IKP707" s="613"/>
      <c r="IKQ707" s="613"/>
      <c r="IKR707" s="613"/>
      <c r="IKS707" s="613"/>
      <c r="IKT707" s="613"/>
      <c r="IKU707" s="613"/>
      <c r="IKV707" s="613"/>
      <c r="IKW707" s="613"/>
      <c r="IKX707" s="613"/>
      <c r="IKY707" s="613"/>
      <c r="IKZ707" s="613"/>
      <c r="ILA707" s="613"/>
      <c r="ILB707" s="613"/>
      <c r="ILC707" s="613"/>
      <c r="ILD707" s="613"/>
      <c r="ILE707" s="613"/>
      <c r="ILF707" s="613"/>
      <c r="ILG707" s="613"/>
      <c r="ILH707" s="613"/>
      <c r="ILI707" s="613"/>
      <c r="ILJ707" s="613"/>
      <c r="ILK707" s="613"/>
      <c r="ILL707" s="613"/>
      <c r="ILM707" s="613"/>
      <c r="ILN707" s="613"/>
      <c r="ILO707" s="613"/>
      <c r="ILP707" s="613"/>
      <c r="ILQ707" s="613"/>
      <c r="ILR707" s="613"/>
      <c r="ILS707" s="613"/>
      <c r="ILT707" s="613"/>
      <c r="ILU707" s="613"/>
      <c r="ILV707" s="613"/>
      <c r="ILW707" s="613"/>
      <c r="ILX707" s="613"/>
      <c r="ILY707" s="613"/>
      <c r="ILZ707" s="613"/>
      <c r="IMA707" s="613"/>
      <c r="IMB707" s="613"/>
      <c r="IMC707" s="613"/>
      <c r="IMD707" s="613"/>
      <c r="IME707" s="613"/>
      <c r="IMF707" s="613"/>
      <c r="IMG707" s="613"/>
      <c r="IMH707" s="613"/>
      <c r="IMI707" s="613"/>
      <c r="IMJ707" s="613"/>
      <c r="IMK707" s="613"/>
      <c r="IML707" s="613"/>
      <c r="IMM707" s="613"/>
      <c r="IMN707" s="613"/>
      <c r="IMO707" s="613"/>
      <c r="IMP707" s="613"/>
      <c r="IMQ707" s="613"/>
      <c r="IMR707" s="613"/>
      <c r="IMS707" s="613"/>
      <c r="IMT707" s="613"/>
      <c r="IMU707" s="613"/>
      <c r="IMV707" s="613"/>
      <c r="IMW707" s="613"/>
      <c r="IMX707" s="613"/>
      <c r="IMY707" s="613"/>
      <c r="IMZ707" s="613"/>
      <c r="INA707" s="613"/>
      <c r="INB707" s="613"/>
      <c r="INC707" s="613"/>
      <c r="IND707" s="613"/>
      <c r="INE707" s="613"/>
      <c r="INF707" s="613"/>
      <c r="ING707" s="613"/>
      <c r="INH707" s="613"/>
      <c r="INI707" s="613"/>
      <c r="INJ707" s="613"/>
      <c r="INK707" s="613"/>
      <c r="INL707" s="613"/>
      <c r="INM707" s="613"/>
      <c r="INN707" s="613"/>
      <c r="INO707" s="613"/>
      <c r="INP707" s="613"/>
      <c r="INQ707" s="613"/>
      <c r="INR707" s="613"/>
      <c r="INS707" s="613"/>
      <c r="INT707" s="613"/>
      <c r="INU707" s="613"/>
      <c r="INV707" s="613"/>
      <c r="INW707" s="613"/>
      <c r="INX707" s="613"/>
      <c r="INY707" s="613"/>
      <c r="INZ707" s="613"/>
      <c r="IOA707" s="613"/>
      <c r="IOB707" s="613"/>
      <c r="IOC707" s="613"/>
      <c r="IOD707" s="613"/>
      <c r="IOE707" s="613"/>
      <c r="IOF707" s="613"/>
      <c r="IOG707" s="613"/>
      <c r="IOH707" s="613"/>
      <c r="IOI707" s="613"/>
      <c r="IOJ707" s="613"/>
      <c r="IOK707" s="613"/>
      <c r="IOL707" s="613"/>
      <c r="IOM707" s="613"/>
      <c r="ION707" s="613"/>
      <c r="IOO707" s="613"/>
      <c r="IOP707" s="613"/>
      <c r="IOQ707" s="613"/>
      <c r="IOR707" s="613"/>
      <c r="IOS707" s="613"/>
      <c r="IOT707" s="613"/>
      <c r="IOU707" s="613"/>
      <c r="IOV707" s="613"/>
      <c r="IOW707" s="613"/>
      <c r="IOX707" s="613"/>
      <c r="IOY707" s="613"/>
      <c r="IOZ707" s="613"/>
      <c r="IPA707" s="613"/>
      <c r="IPB707" s="613"/>
      <c r="IPC707" s="613"/>
      <c r="IPD707" s="613"/>
      <c r="IPE707" s="613"/>
      <c r="IPF707" s="613"/>
      <c r="IPG707" s="613"/>
      <c r="IPH707" s="613"/>
      <c r="IPI707" s="613"/>
      <c r="IPJ707" s="613"/>
      <c r="IPK707" s="613"/>
      <c r="IPL707" s="613"/>
      <c r="IPM707" s="613"/>
      <c r="IPN707" s="613"/>
      <c r="IPO707" s="613"/>
      <c r="IPP707" s="613"/>
      <c r="IPQ707" s="613"/>
      <c r="IPR707" s="613"/>
      <c r="IPS707" s="613"/>
      <c r="IPT707" s="613"/>
      <c r="IPU707" s="613"/>
      <c r="IPV707" s="613"/>
      <c r="IPW707" s="613"/>
      <c r="IPX707" s="613"/>
      <c r="IPY707" s="613"/>
      <c r="IPZ707" s="613"/>
      <c r="IQA707" s="613"/>
      <c r="IQB707" s="613"/>
      <c r="IQC707" s="613"/>
      <c r="IQD707" s="613"/>
      <c r="IQE707" s="613"/>
      <c r="IQF707" s="613"/>
      <c r="IQG707" s="613"/>
      <c r="IQH707" s="613"/>
      <c r="IQI707" s="613"/>
      <c r="IQJ707" s="613"/>
      <c r="IQK707" s="613"/>
      <c r="IQL707" s="613"/>
      <c r="IQM707" s="613"/>
      <c r="IQN707" s="613"/>
      <c r="IQO707" s="613"/>
      <c r="IQP707" s="613"/>
      <c r="IQQ707" s="613"/>
      <c r="IQR707" s="613"/>
      <c r="IQS707" s="613"/>
      <c r="IQT707" s="613"/>
      <c r="IQU707" s="613"/>
      <c r="IQV707" s="613"/>
      <c r="IQW707" s="613"/>
      <c r="IQX707" s="613"/>
      <c r="IQY707" s="613"/>
      <c r="IQZ707" s="613"/>
      <c r="IRA707" s="613"/>
      <c r="IRB707" s="613"/>
      <c r="IRC707" s="613"/>
      <c r="IRD707" s="613"/>
      <c r="IRE707" s="613"/>
      <c r="IRF707" s="613"/>
      <c r="IRG707" s="613"/>
      <c r="IRH707" s="613"/>
      <c r="IRI707" s="613"/>
      <c r="IRJ707" s="613"/>
      <c r="IRK707" s="613"/>
      <c r="IRL707" s="613"/>
      <c r="IRM707" s="613"/>
      <c r="IRN707" s="613"/>
      <c r="IRO707" s="613"/>
      <c r="IRP707" s="613"/>
      <c r="IRQ707" s="613"/>
      <c r="IRR707" s="613"/>
      <c r="IRS707" s="613"/>
      <c r="IRT707" s="613"/>
      <c r="IRU707" s="613"/>
      <c r="IRV707" s="613"/>
      <c r="IRW707" s="613"/>
      <c r="IRX707" s="613"/>
      <c r="IRY707" s="613"/>
      <c r="IRZ707" s="613"/>
      <c r="ISA707" s="613"/>
      <c r="ISB707" s="613"/>
      <c r="ISC707" s="613"/>
      <c r="ISD707" s="613"/>
      <c r="ISE707" s="613"/>
      <c r="ISF707" s="613"/>
      <c r="ISG707" s="613"/>
      <c r="ISH707" s="613"/>
      <c r="ISI707" s="613"/>
      <c r="ISJ707" s="613"/>
      <c r="ISK707" s="613"/>
      <c r="ISL707" s="613"/>
      <c r="ISM707" s="613"/>
      <c r="ISN707" s="613"/>
      <c r="ISO707" s="613"/>
      <c r="ISP707" s="613"/>
      <c r="ISQ707" s="613"/>
      <c r="ISR707" s="613"/>
      <c r="ISS707" s="613"/>
      <c r="IST707" s="613"/>
      <c r="ISU707" s="613"/>
      <c r="ISV707" s="613"/>
      <c r="ISW707" s="613"/>
      <c r="ISX707" s="613"/>
      <c r="ISY707" s="613"/>
      <c r="ISZ707" s="613"/>
      <c r="ITA707" s="613"/>
      <c r="ITB707" s="613"/>
      <c r="ITC707" s="613"/>
      <c r="ITD707" s="613"/>
      <c r="ITE707" s="613"/>
      <c r="ITF707" s="613"/>
      <c r="ITG707" s="613"/>
      <c r="ITH707" s="613"/>
      <c r="ITI707" s="613"/>
      <c r="ITJ707" s="613"/>
      <c r="ITK707" s="613"/>
      <c r="ITL707" s="613"/>
      <c r="ITM707" s="613"/>
      <c r="ITN707" s="613"/>
      <c r="ITO707" s="613"/>
      <c r="ITP707" s="613"/>
      <c r="ITQ707" s="613"/>
      <c r="ITR707" s="613"/>
      <c r="ITS707" s="613"/>
      <c r="ITT707" s="613"/>
      <c r="ITU707" s="613"/>
      <c r="ITV707" s="613"/>
      <c r="ITW707" s="613"/>
      <c r="ITX707" s="613"/>
      <c r="ITY707" s="613"/>
      <c r="ITZ707" s="613"/>
      <c r="IUA707" s="613"/>
      <c r="IUB707" s="613"/>
      <c r="IUC707" s="613"/>
      <c r="IUD707" s="613"/>
      <c r="IUE707" s="613"/>
      <c r="IUF707" s="613"/>
      <c r="IUG707" s="613"/>
      <c r="IUH707" s="613"/>
      <c r="IUI707" s="613"/>
      <c r="IUJ707" s="613"/>
      <c r="IUK707" s="613"/>
      <c r="IUL707" s="613"/>
      <c r="IUM707" s="613"/>
      <c r="IUN707" s="613"/>
      <c r="IUO707" s="613"/>
      <c r="IUP707" s="613"/>
      <c r="IUQ707" s="613"/>
      <c r="IUR707" s="613"/>
      <c r="IUS707" s="613"/>
      <c r="IUT707" s="613"/>
      <c r="IUU707" s="613"/>
      <c r="IUV707" s="613"/>
      <c r="IUW707" s="613"/>
      <c r="IUX707" s="613"/>
      <c r="IUY707" s="613"/>
      <c r="IUZ707" s="613"/>
      <c r="IVA707" s="613"/>
      <c r="IVB707" s="613"/>
      <c r="IVC707" s="613"/>
      <c r="IVD707" s="613"/>
      <c r="IVE707" s="613"/>
      <c r="IVF707" s="613"/>
      <c r="IVG707" s="613"/>
      <c r="IVH707" s="613"/>
      <c r="IVI707" s="613"/>
      <c r="IVJ707" s="613"/>
      <c r="IVK707" s="613"/>
      <c r="IVL707" s="613"/>
      <c r="IVM707" s="613"/>
      <c r="IVN707" s="613"/>
      <c r="IVO707" s="613"/>
      <c r="IVP707" s="613"/>
      <c r="IVQ707" s="613"/>
      <c r="IVR707" s="613"/>
      <c r="IVS707" s="613"/>
      <c r="IVT707" s="613"/>
      <c r="IVU707" s="613"/>
      <c r="IVV707" s="613"/>
      <c r="IVW707" s="613"/>
      <c r="IVX707" s="613"/>
      <c r="IVY707" s="613"/>
      <c r="IVZ707" s="613"/>
      <c r="IWA707" s="613"/>
      <c r="IWB707" s="613"/>
      <c r="IWC707" s="613"/>
      <c r="IWD707" s="613"/>
      <c r="IWE707" s="613"/>
      <c r="IWF707" s="613"/>
      <c r="IWG707" s="613"/>
      <c r="IWH707" s="613"/>
      <c r="IWI707" s="613"/>
      <c r="IWJ707" s="613"/>
      <c r="IWK707" s="613"/>
      <c r="IWL707" s="613"/>
      <c r="IWM707" s="613"/>
      <c r="IWN707" s="613"/>
      <c r="IWO707" s="613"/>
      <c r="IWP707" s="613"/>
      <c r="IWQ707" s="613"/>
      <c r="IWR707" s="613"/>
      <c r="IWS707" s="613"/>
      <c r="IWT707" s="613"/>
      <c r="IWU707" s="613"/>
      <c r="IWV707" s="613"/>
      <c r="IWW707" s="613"/>
      <c r="IWX707" s="613"/>
      <c r="IWY707" s="613"/>
      <c r="IWZ707" s="613"/>
      <c r="IXA707" s="613"/>
      <c r="IXB707" s="613"/>
      <c r="IXC707" s="613"/>
      <c r="IXD707" s="613"/>
      <c r="IXE707" s="613"/>
      <c r="IXF707" s="613"/>
      <c r="IXG707" s="613"/>
      <c r="IXH707" s="613"/>
      <c r="IXI707" s="613"/>
      <c r="IXJ707" s="613"/>
      <c r="IXK707" s="613"/>
      <c r="IXL707" s="613"/>
      <c r="IXM707" s="613"/>
      <c r="IXN707" s="613"/>
      <c r="IXO707" s="613"/>
      <c r="IXP707" s="613"/>
      <c r="IXQ707" s="613"/>
      <c r="IXR707" s="613"/>
      <c r="IXS707" s="613"/>
      <c r="IXT707" s="613"/>
      <c r="IXU707" s="613"/>
      <c r="IXV707" s="613"/>
      <c r="IXW707" s="613"/>
      <c r="IXX707" s="613"/>
      <c r="IXY707" s="613"/>
      <c r="IXZ707" s="613"/>
      <c r="IYA707" s="613"/>
      <c r="IYB707" s="613"/>
      <c r="IYC707" s="613"/>
      <c r="IYD707" s="613"/>
      <c r="IYE707" s="613"/>
      <c r="IYF707" s="613"/>
      <c r="IYG707" s="613"/>
      <c r="IYH707" s="613"/>
      <c r="IYI707" s="613"/>
      <c r="IYJ707" s="613"/>
      <c r="IYK707" s="613"/>
      <c r="IYL707" s="613"/>
      <c r="IYM707" s="613"/>
      <c r="IYN707" s="613"/>
      <c r="IYO707" s="613"/>
      <c r="IYP707" s="613"/>
      <c r="IYQ707" s="613"/>
      <c r="IYR707" s="613"/>
      <c r="IYS707" s="613"/>
      <c r="IYT707" s="613"/>
      <c r="IYU707" s="613"/>
      <c r="IYV707" s="613"/>
      <c r="IYW707" s="613"/>
      <c r="IYX707" s="613"/>
      <c r="IYY707" s="613"/>
      <c r="IYZ707" s="613"/>
      <c r="IZA707" s="613"/>
      <c r="IZB707" s="613"/>
      <c r="IZC707" s="613"/>
      <c r="IZD707" s="613"/>
      <c r="IZE707" s="613"/>
      <c r="IZF707" s="613"/>
      <c r="IZG707" s="613"/>
      <c r="IZH707" s="613"/>
      <c r="IZI707" s="613"/>
      <c r="IZJ707" s="613"/>
      <c r="IZK707" s="613"/>
      <c r="IZL707" s="613"/>
      <c r="IZM707" s="613"/>
      <c r="IZN707" s="613"/>
      <c r="IZO707" s="613"/>
      <c r="IZP707" s="613"/>
      <c r="IZQ707" s="613"/>
      <c r="IZR707" s="613"/>
      <c r="IZS707" s="613"/>
      <c r="IZT707" s="613"/>
      <c r="IZU707" s="613"/>
      <c r="IZV707" s="613"/>
      <c r="IZW707" s="613"/>
      <c r="IZX707" s="613"/>
      <c r="IZY707" s="613"/>
      <c r="IZZ707" s="613"/>
      <c r="JAA707" s="613"/>
      <c r="JAB707" s="613"/>
      <c r="JAC707" s="613"/>
      <c r="JAD707" s="613"/>
      <c r="JAE707" s="613"/>
      <c r="JAF707" s="613"/>
      <c r="JAG707" s="613"/>
      <c r="JAH707" s="613"/>
      <c r="JAI707" s="613"/>
      <c r="JAJ707" s="613"/>
      <c r="JAK707" s="613"/>
      <c r="JAL707" s="613"/>
      <c r="JAM707" s="613"/>
      <c r="JAN707" s="613"/>
      <c r="JAO707" s="613"/>
      <c r="JAP707" s="613"/>
      <c r="JAQ707" s="613"/>
      <c r="JAR707" s="613"/>
      <c r="JAS707" s="613"/>
      <c r="JAT707" s="613"/>
      <c r="JAU707" s="613"/>
      <c r="JAV707" s="613"/>
      <c r="JAW707" s="613"/>
      <c r="JAX707" s="613"/>
      <c r="JAY707" s="613"/>
      <c r="JAZ707" s="613"/>
      <c r="JBA707" s="613"/>
      <c r="JBB707" s="613"/>
      <c r="JBC707" s="613"/>
      <c r="JBD707" s="613"/>
      <c r="JBE707" s="613"/>
      <c r="JBF707" s="613"/>
      <c r="JBG707" s="613"/>
      <c r="JBH707" s="613"/>
      <c r="JBI707" s="613"/>
      <c r="JBJ707" s="613"/>
      <c r="JBK707" s="613"/>
      <c r="JBL707" s="613"/>
      <c r="JBM707" s="613"/>
      <c r="JBN707" s="613"/>
      <c r="JBO707" s="613"/>
      <c r="JBP707" s="613"/>
      <c r="JBQ707" s="613"/>
      <c r="JBR707" s="613"/>
      <c r="JBS707" s="613"/>
      <c r="JBT707" s="613"/>
      <c r="JBU707" s="613"/>
      <c r="JBV707" s="613"/>
      <c r="JBW707" s="613"/>
      <c r="JBX707" s="613"/>
      <c r="JBY707" s="613"/>
      <c r="JBZ707" s="613"/>
      <c r="JCA707" s="613"/>
      <c r="JCB707" s="613"/>
      <c r="JCC707" s="613"/>
      <c r="JCD707" s="613"/>
      <c r="JCE707" s="613"/>
      <c r="JCF707" s="613"/>
      <c r="JCG707" s="613"/>
      <c r="JCH707" s="613"/>
      <c r="JCI707" s="613"/>
      <c r="JCJ707" s="613"/>
      <c r="JCK707" s="613"/>
      <c r="JCL707" s="613"/>
      <c r="JCM707" s="613"/>
      <c r="JCN707" s="613"/>
      <c r="JCO707" s="613"/>
      <c r="JCP707" s="613"/>
      <c r="JCQ707" s="613"/>
      <c r="JCR707" s="613"/>
      <c r="JCS707" s="613"/>
      <c r="JCT707" s="613"/>
      <c r="JCU707" s="613"/>
      <c r="JCV707" s="613"/>
      <c r="JCW707" s="613"/>
      <c r="JCX707" s="613"/>
      <c r="JCY707" s="613"/>
      <c r="JCZ707" s="613"/>
      <c r="JDA707" s="613"/>
      <c r="JDB707" s="613"/>
      <c r="JDC707" s="613"/>
      <c r="JDD707" s="613"/>
      <c r="JDE707" s="613"/>
      <c r="JDF707" s="613"/>
      <c r="JDG707" s="613"/>
      <c r="JDH707" s="613"/>
      <c r="JDI707" s="613"/>
      <c r="JDJ707" s="613"/>
      <c r="JDK707" s="613"/>
      <c r="JDL707" s="613"/>
      <c r="JDM707" s="613"/>
      <c r="JDN707" s="613"/>
      <c r="JDO707" s="613"/>
      <c r="JDP707" s="613"/>
      <c r="JDQ707" s="613"/>
      <c r="JDR707" s="613"/>
      <c r="JDS707" s="613"/>
      <c r="JDT707" s="613"/>
      <c r="JDU707" s="613"/>
      <c r="JDV707" s="613"/>
      <c r="JDW707" s="613"/>
      <c r="JDX707" s="613"/>
      <c r="JDY707" s="613"/>
      <c r="JDZ707" s="613"/>
      <c r="JEA707" s="613"/>
      <c r="JEB707" s="613"/>
      <c r="JEC707" s="613"/>
      <c r="JED707" s="613"/>
      <c r="JEE707" s="613"/>
      <c r="JEF707" s="613"/>
      <c r="JEG707" s="613"/>
      <c r="JEH707" s="613"/>
      <c r="JEI707" s="613"/>
      <c r="JEJ707" s="613"/>
      <c r="JEK707" s="613"/>
      <c r="JEL707" s="613"/>
      <c r="JEM707" s="613"/>
      <c r="JEN707" s="613"/>
      <c r="JEO707" s="613"/>
      <c r="JEP707" s="613"/>
      <c r="JEQ707" s="613"/>
      <c r="JER707" s="613"/>
      <c r="JES707" s="613"/>
      <c r="JET707" s="613"/>
      <c r="JEU707" s="613"/>
      <c r="JEV707" s="613"/>
      <c r="JEW707" s="613"/>
      <c r="JEX707" s="613"/>
      <c r="JEY707" s="613"/>
      <c r="JEZ707" s="613"/>
      <c r="JFA707" s="613"/>
      <c r="JFB707" s="613"/>
      <c r="JFC707" s="613"/>
      <c r="JFD707" s="613"/>
      <c r="JFE707" s="613"/>
      <c r="JFF707" s="613"/>
      <c r="JFG707" s="613"/>
      <c r="JFH707" s="613"/>
      <c r="JFI707" s="613"/>
      <c r="JFJ707" s="613"/>
      <c r="JFK707" s="613"/>
      <c r="JFL707" s="613"/>
      <c r="JFM707" s="613"/>
      <c r="JFN707" s="613"/>
      <c r="JFO707" s="613"/>
      <c r="JFP707" s="613"/>
      <c r="JFQ707" s="613"/>
      <c r="JFR707" s="613"/>
      <c r="JFS707" s="613"/>
      <c r="JFT707" s="613"/>
      <c r="JFU707" s="613"/>
      <c r="JFV707" s="613"/>
      <c r="JFW707" s="613"/>
      <c r="JFX707" s="613"/>
      <c r="JFY707" s="613"/>
      <c r="JFZ707" s="613"/>
      <c r="JGA707" s="613"/>
      <c r="JGB707" s="613"/>
      <c r="JGC707" s="613"/>
      <c r="JGD707" s="613"/>
      <c r="JGE707" s="613"/>
      <c r="JGF707" s="613"/>
      <c r="JGG707" s="613"/>
      <c r="JGH707" s="613"/>
      <c r="JGI707" s="613"/>
      <c r="JGJ707" s="613"/>
      <c r="JGK707" s="613"/>
      <c r="JGL707" s="613"/>
      <c r="JGM707" s="613"/>
      <c r="JGN707" s="613"/>
      <c r="JGO707" s="613"/>
      <c r="JGP707" s="613"/>
      <c r="JGQ707" s="613"/>
      <c r="JGR707" s="613"/>
      <c r="JGS707" s="613"/>
      <c r="JGT707" s="613"/>
      <c r="JGU707" s="613"/>
      <c r="JGV707" s="613"/>
      <c r="JGW707" s="613"/>
      <c r="JGX707" s="613"/>
      <c r="JGY707" s="613"/>
      <c r="JGZ707" s="613"/>
      <c r="JHA707" s="613"/>
      <c r="JHB707" s="613"/>
      <c r="JHC707" s="613"/>
      <c r="JHD707" s="613"/>
      <c r="JHE707" s="613"/>
      <c r="JHF707" s="613"/>
      <c r="JHG707" s="613"/>
      <c r="JHH707" s="613"/>
      <c r="JHI707" s="613"/>
      <c r="JHJ707" s="613"/>
      <c r="JHK707" s="613"/>
      <c r="JHL707" s="613"/>
      <c r="JHM707" s="613"/>
      <c r="JHN707" s="613"/>
      <c r="JHO707" s="613"/>
      <c r="JHP707" s="613"/>
      <c r="JHQ707" s="613"/>
      <c r="JHR707" s="613"/>
      <c r="JHS707" s="613"/>
      <c r="JHT707" s="613"/>
      <c r="JHU707" s="613"/>
      <c r="JHV707" s="613"/>
      <c r="JHW707" s="613"/>
      <c r="JHX707" s="613"/>
      <c r="JHY707" s="613"/>
      <c r="JHZ707" s="613"/>
      <c r="JIA707" s="613"/>
      <c r="JIB707" s="613"/>
      <c r="JIC707" s="613"/>
      <c r="JID707" s="613"/>
      <c r="JIE707" s="613"/>
      <c r="JIF707" s="613"/>
      <c r="JIG707" s="613"/>
      <c r="JIH707" s="613"/>
      <c r="JII707" s="613"/>
      <c r="JIJ707" s="613"/>
      <c r="JIK707" s="613"/>
      <c r="JIL707" s="613"/>
      <c r="JIM707" s="613"/>
      <c r="JIN707" s="613"/>
      <c r="JIO707" s="613"/>
      <c r="JIP707" s="613"/>
      <c r="JIQ707" s="613"/>
      <c r="JIR707" s="613"/>
      <c r="JIS707" s="613"/>
      <c r="JIT707" s="613"/>
      <c r="JIU707" s="613"/>
      <c r="JIV707" s="613"/>
      <c r="JIW707" s="613"/>
      <c r="JIX707" s="613"/>
      <c r="JIY707" s="613"/>
      <c r="JIZ707" s="613"/>
      <c r="JJA707" s="613"/>
      <c r="JJB707" s="613"/>
      <c r="JJC707" s="613"/>
      <c r="JJD707" s="613"/>
      <c r="JJE707" s="613"/>
      <c r="JJF707" s="613"/>
      <c r="JJG707" s="613"/>
      <c r="JJH707" s="613"/>
      <c r="JJI707" s="613"/>
      <c r="JJJ707" s="613"/>
      <c r="JJK707" s="613"/>
      <c r="JJL707" s="613"/>
      <c r="JJM707" s="613"/>
      <c r="JJN707" s="613"/>
      <c r="JJO707" s="613"/>
      <c r="JJP707" s="613"/>
      <c r="JJQ707" s="613"/>
      <c r="JJR707" s="613"/>
      <c r="JJS707" s="613"/>
      <c r="JJT707" s="613"/>
      <c r="JJU707" s="613"/>
      <c r="JJV707" s="613"/>
      <c r="JJW707" s="613"/>
      <c r="JJX707" s="613"/>
      <c r="JJY707" s="613"/>
      <c r="JJZ707" s="613"/>
      <c r="JKA707" s="613"/>
      <c r="JKB707" s="613"/>
      <c r="JKC707" s="613"/>
      <c r="JKD707" s="613"/>
      <c r="JKE707" s="613"/>
      <c r="JKF707" s="613"/>
      <c r="JKG707" s="613"/>
      <c r="JKH707" s="613"/>
      <c r="JKI707" s="613"/>
      <c r="JKJ707" s="613"/>
      <c r="JKK707" s="613"/>
      <c r="JKL707" s="613"/>
      <c r="JKM707" s="613"/>
      <c r="JKN707" s="613"/>
      <c r="JKO707" s="613"/>
      <c r="JKP707" s="613"/>
      <c r="JKQ707" s="613"/>
      <c r="JKR707" s="613"/>
      <c r="JKS707" s="613"/>
      <c r="JKT707" s="613"/>
      <c r="JKU707" s="613"/>
      <c r="JKV707" s="613"/>
      <c r="JKW707" s="613"/>
      <c r="JKX707" s="613"/>
      <c r="JKY707" s="613"/>
      <c r="JKZ707" s="613"/>
      <c r="JLA707" s="613"/>
      <c r="JLB707" s="613"/>
      <c r="JLC707" s="613"/>
      <c r="JLD707" s="613"/>
      <c r="JLE707" s="613"/>
      <c r="JLF707" s="613"/>
      <c r="JLG707" s="613"/>
      <c r="JLH707" s="613"/>
      <c r="JLI707" s="613"/>
      <c r="JLJ707" s="613"/>
      <c r="JLK707" s="613"/>
      <c r="JLL707" s="613"/>
      <c r="JLM707" s="613"/>
      <c r="JLN707" s="613"/>
      <c r="JLO707" s="613"/>
      <c r="JLP707" s="613"/>
      <c r="JLQ707" s="613"/>
      <c r="JLR707" s="613"/>
      <c r="JLS707" s="613"/>
      <c r="JLT707" s="613"/>
      <c r="JLU707" s="613"/>
      <c r="JLV707" s="613"/>
      <c r="JLW707" s="613"/>
      <c r="JLX707" s="613"/>
      <c r="JLY707" s="613"/>
      <c r="JLZ707" s="613"/>
      <c r="JMA707" s="613"/>
      <c r="JMB707" s="613"/>
      <c r="JMC707" s="613"/>
      <c r="JMD707" s="613"/>
      <c r="JME707" s="613"/>
      <c r="JMF707" s="613"/>
      <c r="JMG707" s="613"/>
      <c r="JMH707" s="613"/>
      <c r="JMI707" s="613"/>
      <c r="JMJ707" s="613"/>
      <c r="JMK707" s="613"/>
      <c r="JML707" s="613"/>
      <c r="JMM707" s="613"/>
      <c r="JMN707" s="613"/>
      <c r="JMO707" s="613"/>
      <c r="JMP707" s="613"/>
      <c r="JMQ707" s="613"/>
      <c r="JMR707" s="613"/>
      <c r="JMS707" s="613"/>
      <c r="JMT707" s="613"/>
      <c r="JMU707" s="613"/>
      <c r="JMV707" s="613"/>
      <c r="JMW707" s="613"/>
      <c r="JMX707" s="613"/>
      <c r="JMY707" s="613"/>
      <c r="JMZ707" s="613"/>
      <c r="JNA707" s="613"/>
      <c r="JNB707" s="613"/>
      <c r="JNC707" s="613"/>
      <c r="JND707" s="613"/>
      <c r="JNE707" s="613"/>
      <c r="JNF707" s="613"/>
      <c r="JNG707" s="613"/>
      <c r="JNH707" s="613"/>
      <c r="JNI707" s="613"/>
      <c r="JNJ707" s="613"/>
      <c r="JNK707" s="613"/>
      <c r="JNL707" s="613"/>
      <c r="JNM707" s="613"/>
      <c r="JNN707" s="613"/>
      <c r="JNO707" s="613"/>
      <c r="JNP707" s="613"/>
      <c r="JNQ707" s="613"/>
      <c r="JNR707" s="613"/>
      <c r="JNS707" s="613"/>
      <c r="JNT707" s="613"/>
      <c r="JNU707" s="613"/>
      <c r="JNV707" s="613"/>
      <c r="JNW707" s="613"/>
      <c r="JNX707" s="613"/>
      <c r="JNY707" s="613"/>
      <c r="JNZ707" s="613"/>
      <c r="JOA707" s="613"/>
      <c r="JOB707" s="613"/>
      <c r="JOC707" s="613"/>
      <c r="JOD707" s="613"/>
      <c r="JOE707" s="613"/>
      <c r="JOF707" s="613"/>
      <c r="JOG707" s="613"/>
      <c r="JOH707" s="613"/>
      <c r="JOI707" s="613"/>
      <c r="JOJ707" s="613"/>
      <c r="JOK707" s="613"/>
      <c r="JOL707" s="613"/>
      <c r="JOM707" s="613"/>
      <c r="JON707" s="613"/>
      <c r="JOO707" s="613"/>
      <c r="JOP707" s="613"/>
      <c r="JOQ707" s="613"/>
      <c r="JOR707" s="613"/>
      <c r="JOS707" s="613"/>
      <c r="JOT707" s="613"/>
      <c r="JOU707" s="613"/>
      <c r="JOV707" s="613"/>
      <c r="JOW707" s="613"/>
      <c r="JOX707" s="613"/>
      <c r="JOY707" s="613"/>
      <c r="JOZ707" s="613"/>
      <c r="JPA707" s="613"/>
      <c r="JPB707" s="613"/>
      <c r="JPC707" s="613"/>
      <c r="JPD707" s="613"/>
      <c r="JPE707" s="613"/>
      <c r="JPF707" s="613"/>
      <c r="JPG707" s="613"/>
      <c r="JPH707" s="613"/>
      <c r="JPI707" s="613"/>
      <c r="JPJ707" s="613"/>
      <c r="JPK707" s="613"/>
      <c r="JPL707" s="613"/>
      <c r="JPM707" s="613"/>
      <c r="JPN707" s="613"/>
      <c r="JPO707" s="613"/>
      <c r="JPP707" s="613"/>
      <c r="JPQ707" s="613"/>
      <c r="JPR707" s="613"/>
      <c r="JPS707" s="613"/>
      <c r="JPT707" s="613"/>
      <c r="JPU707" s="613"/>
      <c r="JPV707" s="613"/>
      <c r="JPW707" s="613"/>
      <c r="JPX707" s="613"/>
      <c r="JPY707" s="613"/>
      <c r="JPZ707" s="613"/>
      <c r="JQA707" s="613"/>
      <c r="JQB707" s="613"/>
      <c r="JQC707" s="613"/>
      <c r="JQD707" s="613"/>
      <c r="JQE707" s="613"/>
      <c r="JQF707" s="613"/>
      <c r="JQG707" s="613"/>
      <c r="JQH707" s="613"/>
      <c r="JQI707" s="613"/>
      <c r="JQJ707" s="613"/>
      <c r="JQK707" s="613"/>
      <c r="JQL707" s="613"/>
      <c r="JQM707" s="613"/>
      <c r="JQN707" s="613"/>
      <c r="JQO707" s="613"/>
      <c r="JQP707" s="613"/>
      <c r="JQQ707" s="613"/>
      <c r="JQR707" s="613"/>
      <c r="JQS707" s="613"/>
      <c r="JQT707" s="613"/>
      <c r="JQU707" s="613"/>
      <c r="JQV707" s="613"/>
      <c r="JQW707" s="613"/>
      <c r="JQX707" s="613"/>
      <c r="JQY707" s="613"/>
      <c r="JQZ707" s="613"/>
      <c r="JRA707" s="613"/>
      <c r="JRB707" s="613"/>
      <c r="JRC707" s="613"/>
      <c r="JRD707" s="613"/>
      <c r="JRE707" s="613"/>
      <c r="JRF707" s="613"/>
      <c r="JRG707" s="613"/>
      <c r="JRH707" s="613"/>
      <c r="JRI707" s="613"/>
      <c r="JRJ707" s="613"/>
      <c r="JRK707" s="613"/>
      <c r="JRL707" s="613"/>
      <c r="JRM707" s="613"/>
      <c r="JRN707" s="613"/>
      <c r="JRO707" s="613"/>
      <c r="JRP707" s="613"/>
      <c r="JRQ707" s="613"/>
      <c r="JRR707" s="613"/>
      <c r="JRS707" s="613"/>
      <c r="JRT707" s="613"/>
      <c r="JRU707" s="613"/>
      <c r="JRV707" s="613"/>
      <c r="JRW707" s="613"/>
      <c r="JRX707" s="613"/>
      <c r="JRY707" s="613"/>
      <c r="JRZ707" s="613"/>
      <c r="JSA707" s="613"/>
      <c r="JSB707" s="613"/>
      <c r="JSC707" s="613"/>
      <c r="JSD707" s="613"/>
      <c r="JSE707" s="613"/>
      <c r="JSF707" s="613"/>
      <c r="JSG707" s="613"/>
      <c r="JSH707" s="613"/>
      <c r="JSI707" s="613"/>
      <c r="JSJ707" s="613"/>
      <c r="JSK707" s="613"/>
      <c r="JSL707" s="613"/>
      <c r="JSM707" s="613"/>
      <c r="JSN707" s="613"/>
      <c r="JSO707" s="613"/>
      <c r="JSP707" s="613"/>
      <c r="JSQ707" s="613"/>
      <c r="JSR707" s="613"/>
      <c r="JSS707" s="613"/>
      <c r="JST707" s="613"/>
      <c r="JSU707" s="613"/>
      <c r="JSV707" s="613"/>
      <c r="JSW707" s="613"/>
      <c r="JSX707" s="613"/>
      <c r="JSY707" s="613"/>
      <c r="JSZ707" s="613"/>
      <c r="JTA707" s="613"/>
      <c r="JTB707" s="613"/>
      <c r="JTC707" s="613"/>
      <c r="JTD707" s="613"/>
      <c r="JTE707" s="613"/>
      <c r="JTF707" s="613"/>
      <c r="JTG707" s="613"/>
      <c r="JTH707" s="613"/>
      <c r="JTI707" s="613"/>
      <c r="JTJ707" s="613"/>
      <c r="JTK707" s="613"/>
      <c r="JTL707" s="613"/>
      <c r="JTM707" s="613"/>
      <c r="JTN707" s="613"/>
      <c r="JTO707" s="613"/>
      <c r="JTP707" s="613"/>
      <c r="JTQ707" s="613"/>
      <c r="JTR707" s="613"/>
      <c r="JTS707" s="613"/>
      <c r="JTT707" s="613"/>
      <c r="JTU707" s="613"/>
      <c r="JTV707" s="613"/>
      <c r="JTW707" s="613"/>
      <c r="JTX707" s="613"/>
      <c r="JTY707" s="613"/>
      <c r="JTZ707" s="613"/>
      <c r="JUA707" s="613"/>
      <c r="JUB707" s="613"/>
      <c r="JUC707" s="613"/>
      <c r="JUD707" s="613"/>
      <c r="JUE707" s="613"/>
      <c r="JUF707" s="613"/>
      <c r="JUG707" s="613"/>
      <c r="JUH707" s="613"/>
      <c r="JUI707" s="613"/>
      <c r="JUJ707" s="613"/>
      <c r="JUK707" s="613"/>
      <c r="JUL707" s="613"/>
      <c r="JUM707" s="613"/>
      <c r="JUN707" s="613"/>
      <c r="JUO707" s="613"/>
      <c r="JUP707" s="613"/>
      <c r="JUQ707" s="613"/>
      <c r="JUR707" s="613"/>
      <c r="JUS707" s="613"/>
      <c r="JUT707" s="613"/>
      <c r="JUU707" s="613"/>
      <c r="JUV707" s="613"/>
      <c r="JUW707" s="613"/>
      <c r="JUX707" s="613"/>
      <c r="JUY707" s="613"/>
      <c r="JUZ707" s="613"/>
      <c r="JVA707" s="613"/>
      <c r="JVB707" s="613"/>
      <c r="JVC707" s="613"/>
      <c r="JVD707" s="613"/>
      <c r="JVE707" s="613"/>
      <c r="JVF707" s="613"/>
      <c r="JVG707" s="613"/>
      <c r="JVH707" s="613"/>
      <c r="JVI707" s="613"/>
      <c r="JVJ707" s="613"/>
      <c r="JVK707" s="613"/>
      <c r="JVL707" s="613"/>
      <c r="JVM707" s="613"/>
      <c r="JVN707" s="613"/>
      <c r="JVO707" s="613"/>
      <c r="JVP707" s="613"/>
      <c r="JVQ707" s="613"/>
      <c r="JVR707" s="613"/>
      <c r="JVS707" s="613"/>
      <c r="JVT707" s="613"/>
      <c r="JVU707" s="613"/>
      <c r="JVV707" s="613"/>
      <c r="JVW707" s="613"/>
      <c r="JVX707" s="613"/>
      <c r="JVY707" s="613"/>
      <c r="JVZ707" s="613"/>
      <c r="JWA707" s="613"/>
      <c r="JWB707" s="613"/>
      <c r="JWC707" s="613"/>
      <c r="JWD707" s="613"/>
      <c r="JWE707" s="613"/>
      <c r="JWF707" s="613"/>
      <c r="JWG707" s="613"/>
      <c r="JWH707" s="613"/>
      <c r="JWI707" s="613"/>
      <c r="JWJ707" s="613"/>
      <c r="JWK707" s="613"/>
      <c r="JWL707" s="613"/>
      <c r="JWM707" s="613"/>
      <c r="JWN707" s="613"/>
      <c r="JWO707" s="613"/>
      <c r="JWP707" s="613"/>
      <c r="JWQ707" s="613"/>
      <c r="JWR707" s="613"/>
      <c r="JWS707" s="613"/>
      <c r="JWT707" s="613"/>
      <c r="JWU707" s="613"/>
      <c r="JWV707" s="613"/>
      <c r="JWW707" s="613"/>
      <c r="JWX707" s="613"/>
      <c r="JWY707" s="613"/>
      <c r="JWZ707" s="613"/>
      <c r="JXA707" s="613"/>
      <c r="JXB707" s="613"/>
      <c r="JXC707" s="613"/>
      <c r="JXD707" s="613"/>
      <c r="JXE707" s="613"/>
      <c r="JXF707" s="613"/>
      <c r="JXG707" s="613"/>
      <c r="JXH707" s="613"/>
      <c r="JXI707" s="613"/>
      <c r="JXJ707" s="613"/>
      <c r="JXK707" s="613"/>
      <c r="JXL707" s="613"/>
      <c r="JXM707" s="613"/>
      <c r="JXN707" s="613"/>
      <c r="JXO707" s="613"/>
      <c r="JXP707" s="613"/>
      <c r="JXQ707" s="613"/>
      <c r="JXR707" s="613"/>
      <c r="JXS707" s="613"/>
      <c r="JXT707" s="613"/>
      <c r="JXU707" s="613"/>
      <c r="JXV707" s="613"/>
      <c r="JXW707" s="613"/>
      <c r="JXX707" s="613"/>
      <c r="JXY707" s="613"/>
      <c r="JXZ707" s="613"/>
      <c r="JYA707" s="613"/>
      <c r="JYB707" s="613"/>
      <c r="JYC707" s="613"/>
      <c r="JYD707" s="613"/>
      <c r="JYE707" s="613"/>
      <c r="JYF707" s="613"/>
      <c r="JYG707" s="613"/>
      <c r="JYH707" s="613"/>
      <c r="JYI707" s="613"/>
      <c r="JYJ707" s="613"/>
      <c r="JYK707" s="613"/>
      <c r="JYL707" s="613"/>
      <c r="JYM707" s="613"/>
      <c r="JYN707" s="613"/>
      <c r="JYO707" s="613"/>
      <c r="JYP707" s="613"/>
      <c r="JYQ707" s="613"/>
      <c r="JYR707" s="613"/>
      <c r="JYS707" s="613"/>
      <c r="JYT707" s="613"/>
      <c r="JYU707" s="613"/>
      <c r="JYV707" s="613"/>
      <c r="JYW707" s="613"/>
      <c r="JYX707" s="613"/>
      <c r="JYY707" s="613"/>
      <c r="JYZ707" s="613"/>
      <c r="JZA707" s="613"/>
      <c r="JZB707" s="613"/>
      <c r="JZC707" s="613"/>
      <c r="JZD707" s="613"/>
      <c r="JZE707" s="613"/>
      <c r="JZF707" s="613"/>
      <c r="JZG707" s="613"/>
      <c r="JZH707" s="613"/>
      <c r="JZI707" s="613"/>
      <c r="JZJ707" s="613"/>
      <c r="JZK707" s="613"/>
      <c r="JZL707" s="613"/>
      <c r="JZM707" s="613"/>
      <c r="JZN707" s="613"/>
      <c r="JZO707" s="613"/>
      <c r="JZP707" s="613"/>
      <c r="JZQ707" s="613"/>
      <c r="JZR707" s="613"/>
      <c r="JZS707" s="613"/>
      <c r="JZT707" s="613"/>
      <c r="JZU707" s="613"/>
      <c r="JZV707" s="613"/>
      <c r="JZW707" s="613"/>
      <c r="JZX707" s="613"/>
      <c r="JZY707" s="613"/>
      <c r="JZZ707" s="613"/>
      <c r="KAA707" s="613"/>
      <c r="KAB707" s="613"/>
      <c r="KAC707" s="613"/>
      <c r="KAD707" s="613"/>
      <c r="KAE707" s="613"/>
      <c r="KAF707" s="613"/>
      <c r="KAG707" s="613"/>
      <c r="KAH707" s="613"/>
      <c r="KAI707" s="613"/>
      <c r="KAJ707" s="613"/>
      <c r="KAK707" s="613"/>
      <c r="KAL707" s="613"/>
      <c r="KAM707" s="613"/>
      <c r="KAN707" s="613"/>
      <c r="KAO707" s="613"/>
      <c r="KAP707" s="613"/>
      <c r="KAQ707" s="613"/>
      <c r="KAR707" s="613"/>
      <c r="KAS707" s="613"/>
      <c r="KAT707" s="613"/>
      <c r="KAU707" s="613"/>
      <c r="KAV707" s="613"/>
      <c r="KAW707" s="613"/>
      <c r="KAX707" s="613"/>
      <c r="KAY707" s="613"/>
      <c r="KAZ707" s="613"/>
      <c r="KBA707" s="613"/>
      <c r="KBB707" s="613"/>
      <c r="KBC707" s="613"/>
      <c r="KBD707" s="613"/>
      <c r="KBE707" s="613"/>
      <c r="KBF707" s="613"/>
      <c r="KBG707" s="613"/>
      <c r="KBH707" s="613"/>
      <c r="KBI707" s="613"/>
      <c r="KBJ707" s="613"/>
      <c r="KBK707" s="613"/>
      <c r="KBL707" s="613"/>
      <c r="KBM707" s="613"/>
      <c r="KBN707" s="613"/>
      <c r="KBO707" s="613"/>
      <c r="KBP707" s="613"/>
      <c r="KBQ707" s="613"/>
      <c r="KBR707" s="613"/>
      <c r="KBS707" s="613"/>
      <c r="KBT707" s="613"/>
      <c r="KBU707" s="613"/>
      <c r="KBV707" s="613"/>
      <c r="KBW707" s="613"/>
      <c r="KBX707" s="613"/>
      <c r="KBY707" s="613"/>
      <c r="KBZ707" s="613"/>
      <c r="KCA707" s="613"/>
      <c r="KCB707" s="613"/>
      <c r="KCC707" s="613"/>
      <c r="KCD707" s="613"/>
      <c r="KCE707" s="613"/>
      <c r="KCF707" s="613"/>
      <c r="KCG707" s="613"/>
      <c r="KCH707" s="613"/>
      <c r="KCI707" s="613"/>
      <c r="KCJ707" s="613"/>
      <c r="KCK707" s="613"/>
      <c r="KCL707" s="613"/>
      <c r="KCM707" s="613"/>
      <c r="KCN707" s="613"/>
      <c r="KCO707" s="613"/>
      <c r="KCP707" s="613"/>
      <c r="KCQ707" s="613"/>
      <c r="KCR707" s="613"/>
      <c r="KCS707" s="613"/>
      <c r="KCT707" s="613"/>
      <c r="KCU707" s="613"/>
      <c r="KCV707" s="613"/>
      <c r="KCW707" s="613"/>
      <c r="KCX707" s="613"/>
      <c r="KCY707" s="613"/>
      <c r="KCZ707" s="613"/>
      <c r="KDA707" s="613"/>
      <c r="KDB707" s="613"/>
      <c r="KDC707" s="613"/>
      <c r="KDD707" s="613"/>
      <c r="KDE707" s="613"/>
      <c r="KDF707" s="613"/>
      <c r="KDG707" s="613"/>
      <c r="KDH707" s="613"/>
      <c r="KDI707" s="613"/>
      <c r="KDJ707" s="613"/>
      <c r="KDK707" s="613"/>
      <c r="KDL707" s="613"/>
      <c r="KDM707" s="613"/>
      <c r="KDN707" s="613"/>
      <c r="KDO707" s="613"/>
      <c r="KDP707" s="613"/>
      <c r="KDQ707" s="613"/>
      <c r="KDR707" s="613"/>
      <c r="KDS707" s="613"/>
      <c r="KDT707" s="613"/>
      <c r="KDU707" s="613"/>
      <c r="KDV707" s="613"/>
      <c r="KDW707" s="613"/>
      <c r="KDX707" s="613"/>
      <c r="KDY707" s="613"/>
      <c r="KDZ707" s="613"/>
      <c r="KEA707" s="613"/>
      <c r="KEB707" s="613"/>
      <c r="KEC707" s="613"/>
      <c r="KED707" s="613"/>
      <c r="KEE707" s="613"/>
      <c r="KEF707" s="613"/>
      <c r="KEG707" s="613"/>
      <c r="KEH707" s="613"/>
      <c r="KEI707" s="613"/>
      <c r="KEJ707" s="613"/>
      <c r="KEK707" s="613"/>
      <c r="KEL707" s="613"/>
      <c r="KEM707" s="613"/>
      <c r="KEN707" s="613"/>
      <c r="KEO707" s="613"/>
      <c r="KEP707" s="613"/>
      <c r="KEQ707" s="613"/>
      <c r="KER707" s="613"/>
      <c r="KES707" s="613"/>
      <c r="KET707" s="613"/>
      <c r="KEU707" s="613"/>
      <c r="KEV707" s="613"/>
      <c r="KEW707" s="613"/>
      <c r="KEX707" s="613"/>
      <c r="KEY707" s="613"/>
      <c r="KEZ707" s="613"/>
      <c r="KFA707" s="613"/>
      <c r="KFB707" s="613"/>
      <c r="KFC707" s="613"/>
      <c r="KFD707" s="613"/>
      <c r="KFE707" s="613"/>
      <c r="KFF707" s="613"/>
      <c r="KFG707" s="613"/>
      <c r="KFH707" s="613"/>
      <c r="KFI707" s="613"/>
      <c r="KFJ707" s="613"/>
      <c r="KFK707" s="613"/>
      <c r="KFL707" s="613"/>
      <c r="KFM707" s="613"/>
      <c r="KFN707" s="613"/>
      <c r="KFO707" s="613"/>
      <c r="KFP707" s="613"/>
      <c r="KFQ707" s="613"/>
      <c r="KFR707" s="613"/>
      <c r="KFS707" s="613"/>
      <c r="KFT707" s="613"/>
      <c r="KFU707" s="613"/>
      <c r="KFV707" s="613"/>
      <c r="KFW707" s="613"/>
      <c r="KFX707" s="613"/>
      <c r="KFY707" s="613"/>
      <c r="KFZ707" s="613"/>
      <c r="KGA707" s="613"/>
      <c r="KGB707" s="613"/>
      <c r="KGC707" s="613"/>
      <c r="KGD707" s="613"/>
      <c r="KGE707" s="613"/>
      <c r="KGF707" s="613"/>
      <c r="KGG707" s="613"/>
      <c r="KGH707" s="613"/>
      <c r="KGI707" s="613"/>
      <c r="KGJ707" s="613"/>
      <c r="KGK707" s="613"/>
      <c r="KGL707" s="613"/>
      <c r="KGM707" s="613"/>
      <c r="KGN707" s="613"/>
      <c r="KGO707" s="613"/>
      <c r="KGP707" s="613"/>
      <c r="KGQ707" s="613"/>
      <c r="KGR707" s="613"/>
      <c r="KGS707" s="613"/>
      <c r="KGT707" s="613"/>
      <c r="KGU707" s="613"/>
      <c r="KGV707" s="613"/>
      <c r="KGW707" s="613"/>
      <c r="KGX707" s="613"/>
      <c r="KGY707" s="613"/>
      <c r="KGZ707" s="613"/>
      <c r="KHA707" s="613"/>
      <c r="KHB707" s="613"/>
      <c r="KHC707" s="613"/>
      <c r="KHD707" s="613"/>
      <c r="KHE707" s="613"/>
      <c r="KHF707" s="613"/>
      <c r="KHG707" s="613"/>
      <c r="KHH707" s="613"/>
      <c r="KHI707" s="613"/>
      <c r="KHJ707" s="613"/>
      <c r="KHK707" s="613"/>
      <c r="KHL707" s="613"/>
      <c r="KHM707" s="613"/>
      <c r="KHN707" s="613"/>
      <c r="KHO707" s="613"/>
      <c r="KHP707" s="613"/>
      <c r="KHQ707" s="613"/>
      <c r="KHR707" s="613"/>
      <c r="KHS707" s="613"/>
      <c r="KHT707" s="613"/>
      <c r="KHU707" s="613"/>
      <c r="KHV707" s="613"/>
      <c r="KHW707" s="613"/>
      <c r="KHX707" s="613"/>
      <c r="KHY707" s="613"/>
      <c r="KHZ707" s="613"/>
      <c r="KIA707" s="613"/>
      <c r="KIB707" s="613"/>
      <c r="KIC707" s="613"/>
      <c r="KID707" s="613"/>
      <c r="KIE707" s="613"/>
      <c r="KIF707" s="613"/>
      <c r="KIG707" s="613"/>
      <c r="KIH707" s="613"/>
      <c r="KII707" s="613"/>
      <c r="KIJ707" s="613"/>
      <c r="KIK707" s="613"/>
      <c r="KIL707" s="613"/>
      <c r="KIM707" s="613"/>
      <c r="KIN707" s="613"/>
      <c r="KIO707" s="613"/>
      <c r="KIP707" s="613"/>
      <c r="KIQ707" s="613"/>
      <c r="KIR707" s="613"/>
      <c r="KIS707" s="613"/>
      <c r="KIT707" s="613"/>
      <c r="KIU707" s="613"/>
      <c r="KIV707" s="613"/>
      <c r="KIW707" s="613"/>
      <c r="KIX707" s="613"/>
      <c r="KIY707" s="613"/>
      <c r="KIZ707" s="613"/>
      <c r="KJA707" s="613"/>
      <c r="KJB707" s="613"/>
      <c r="KJC707" s="613"/>
      <c r="KJD707" s="613"/>
      <c r="KJE707" s="613"/>
      <c r="KJF707" s="613"/>
      <c r="KJG707" s="613"/>
      <c r="KJH707" s="613"/>
      <c r="KJI707" s="613"/>
      <c r="KJJ707" s="613"/>
      <c r="KJK707" s="613"/>
      <c r="KJL707" s="613"/>
      <c r="KJM707" s="613"/>
      <c r="KJN707" s="613"/>
      <c r="KJO707" s="613"/>
      <c r="KJP707" s="613"/>
      <c r="KJQ707" s="613"/>
      <c r="KJR707" s="613"/>
      <c r="KJS707" s="613"/>
      <c r="KJT707" s="613"/>
      <c r="KJU707" s="613"/>
      <c r="KJV707" s="613"/>
      <c r="KJW707" s="613"/>
      <c r="KJX707" s="613"/>
      <c r="KJY707" s="613"/>
      <c r="KJZ707" s="613"/>
      <c r="KKA707" s="613"/>
      <c r="KKB707" s="613"/>
      <c r="KKC707" s="613"/>
      <c r="KKD707" s="613"/>
      <c r="KKE707" s="613"/>
      <c r="KKF707" s="613"/>
      <c r="KKG707" s="613"/>
      <c r="KKH707" s="613"/>
      <c r="KKI707" s="613"/>
      <c r="KKJ707" s="613"/>
      <c r="KKK707" s="613"/>
      <c r="KKL707" s="613"/>
      <c r="KKM707" s="613"/>
      <c r="KKN707" s="613"/>
      <c r="KKO707" s="613"/>
      <c r="KKP707" s="613"/>
      <c r="KKQ707" s="613"/>
      <c r="KKR707" s="613"/>
      <c r="KKS707" s="613"/>
      <c r="KKT707" s="613"/>
      <c r="KKU707" s="613"/>
      <c r="KKV707" s="613"/>
      <c r="KKW707" s="613"/>
      <c r="KKX707" s="613"/>
      <c r="KKY707" s="613"/>
      <c r="KKZ707" s="613"/>
      <c r="KLA707" s="613"/>
      <c r="KLB707" s="613"/>
      <c r="KLC707" s="613"/>
      <c r="KLD707" s="613"/>
      <c r="KLE707" s="613"/>
      <c r="KLF707" s="613"/>
      <c r="KLG707" s="613"/>
      <c r="KLH707" s="613"/>
      <c r="KLI707" s="613"/>
      <c r="KLJ707" s="613"/>
      <c r="KLK707" s="613"/>
      <c r="KLL707" s="613"/>
      <c r="KLM707" s="613"/>
      <c r="KLN707" s="613"/>
      <c r="KLO707" s="613"/>
      <c r="KLP707" s="613"/>
      <c r="KLQ707" s="613"/>
      <c r="KLR707" s="613"/>
      <c r="KLS707" s="613"/>
      <c r="KLT707" s="613"/>
      <c r="KLU707" s="613"/>
      <c r="KLV707" s="613"/>
      <c r="KLW707" s="613"/>
      <c r="KLX707" s="613"/>
      <c r="KLY707" s="613"/>
      <c r="KLZ707" s="613"/>
      <c r="KMA707" s="613"/>
      <c r="KMB707" s="613"/>
      <c r="KMC707" s="613"/>
      <c r="KMD707" s="613"/>
      <c r="KME707" s="613"/>
      <c r="KMF707" s="613"/>
      <c r="KMG707" s="613"/>
      <c r="KMH707" s="613"/>
      <c r="KMI707" s="613"/>
      <c r="KMJ707" s="613"/>
      <c r="KMK707" s="613"/>
      <c r="KML707" s="613"/>
      <c r="KMM707" s="613"/>
      <c r="KMN707" s="613"/>
      <c r="KMO707" s="613"/>
      <c r="KMP707" s="613"/>
      <c r="KMQ707" s="613"/>
      <c r="KMR707" s="613"/>
      <c r="KMS707" s="613"/>
      <c r="KMT707" s="613"/>
      <c r="KMU707" s="613"/>
      <c r="KMV707" s="613"/>
      <c r="KMW707" s="613"/>
      <c r="KMX707" s="613"/>
      <c r="KMY707" s="613"/>
      <c r="KMZ707" s="613"/>
      <c r="KNA707" s="613"/>
      <c r="KNB707" s="613"/>
      <c r="KNC707" s="613"/>
      <c r="KND707" s="613"/>
      <c r="KNE707" s="613"/>
      <c r="KNF707" s="613"/>
      <c r="KNG707" s="613"/>
      <c r="KNH707" s="613"/>
      <c r="KNI707" s="613"/>
      <c r="KNJ707" s="613"/>
      <c r="KNK707" s="613"/>
      <c r="KNL707" s="613"/>
      <c r="KNM707" s="613"/>
      <c r="KNN707" s="613"/>
      <c r="KNO707" s="613"/>
      <c r="KNP707" s="613"/>
      <c r="KNQ707" s="613"/>
      <c r="KNR707" s="613"/>
      <c r="KNS707" s="613"/>
      <c r="KNT707" s="613"/>
      <c r="KNU707" s="613"/>
      <c r="KNV707" s="613"/>
      <c r="KNW707" s="613"/>
      <c r="KNX707" s="613"/>
      <c r="KNY707" s="613"/>
      <c r="KNZ707" s="613"/>
      <c r="KOA707" s="613"/>
      <c r="KOB707" s="613"/>
      <c r="KOC707" s="613"/>
      <c r="KOD707" s="613"/>
      <c r="KOE707" s="613"/>
      <c r="KOF707" s="613"/>
      <c r="KOG707" s="613"/>
      <c r="KOH707" s="613"/>
      <c r="KOI707" s="613"/>
      <c r="KOJ707" s="613"/>
      <c r="KOK707" s="613"/>
      <c r="KOL707" s="613"/>
      <c r="KOM707" s="613"/>
      <c r="KON707" s="613"/>
      <c r="KOO707" s="613"/>
      <c r="KOP707" s="613"/>
      <c r="KOQ707" s="613"/>
      <c r="KOR707" s="613"/>
      <c r="KOS707" s="613"/>
      <c r="KOT707" s="613"/>
      <c r="KOU707" s="613"/>
      <c r="KOV707" s="613"/>
      <c r="KOW707" s="613"/>
      <c r="KOX707" s="613"/>
      <c r="KOY707" s="613"/>
      <c r="KOZ707" s="613"/>
      <c r="KPA707" s="613"/>
      <c r="KPB707" s="613"/>
      <c r="KPC707" s="613"/>
      <c r="KPD707" s="613"/>
      <c r="KPE707" s="613"/>
      <c r="KPF707" s="613"/>
      <c r="KPG707" s="613"/>
      <c r="KPH707" s="613"/>
      <c r="KPI707" s="613"/>
      <c r="KPJ707" s="613"/>
      <c r="KPK707" s="613"/>
      <c r="KPL707" s="613"/>
      <c r="KPM707" s="613"/>
      <c r="KPN707" s="613"/>
      <c r="KPO707" s="613"/>
      <c r="KPP707" s="613"/>
      <c r="KPQ707" s="613"/>
      <c r="KPR707" s="613"/>
      <c r="KPS707" s="613"/>
      <c r="KPT707" s="613"/>
      <c r="KPU707" s="613"/>
      <c r="KPV707" s="613"/>
      <c r="KPW707" s="613"/>
      <c r="KPX707" s="613"/>
      <c r="KPY707" s="613"/>
      <c r="KPZ707" s="613"/>
      <c r="KQA707" s="613"/>
      <c r="KQB707" s="613"/>
      <c r="KQC707" s="613"/>
      <c r="KQD707" s="613"/>
      <c r="KQE707" s="613"/>
      <c r="KQF707" s="613"/>
      <c r="KQG707" s="613"/>
      <c r="KQH707" s="613"/>
      <c r="KQI707" s="613"/>
      <c r="KQJ707" s="613"/>
      <c r="KQK707" s="613"/>
      <c r="KQL707" s="613"/>
      <c r="KQM707" s="613"/>
      <c r="KQN707" s="613"/>
      <c r="KQO707" s="613"/>
      <c r="KQP707" s="613"/>
      <c r="KQQ707" s="613"/>
      <c r="KQR707" s="613"/>
      <c r="KQS707" s="613"/>
      <c r="KQT707" s="613"/>
      <c r="KQU707" s="613"/>
      <c r="KQV707" s="613"/>
      <c r="KQW707" s="613"/>
      <c r="KQX707" s="613"/>
      <c r="KQY707" s="613"/>
      <c r="KQZ707" s="613"/>
      <c r="KRA707" s="613"/>
      <c r="KRB707" s="613"/>
      <c r="KRC707" s="613"/>
      <c r="KRD707" s="613"/>
      <c r="KRE707" s="613"/>
      <c r="KRF707" s="613"/>
      <c r="KRG707" s="613"/>
      <c r="KRH707" s="613"/>
      <c r="KRI707" s="613"/>
      <c r="KRJ707" s="613"/>
      <c r="KRK707" s="613"/>
      <c r="KRL707" s="613"/>
      <c r="KRM707" s="613"/>
      <c r="KRN707" s="613"/>
      <c r="KRO707" s="613"/>
      <c r="KRP707" s="613"/>
      <c r="KRQ707" s="613"/>
      <c r="KRR707" s="613"/>
      <c r="KRS707" s="613"/>
      <c r="KRT707" s="613"/>
      <c r="KRU707" s="613"/>
      <c r="KRV707" s="613"/>
      <c r="KRW707" s="613"/>
      <c r="KRX707" s="613"/>
      <c r="KRY707" s="613"/>
      <c r="KRZ707" s="613"/>
      <c r="KSA707" s="613"/>
      <c r="KSB707" s="613"/>
      <c r="KSC707" s="613"/>
      <c r="KSD707" s="613"/>
      <c r="KSE707" s="613"/>
      <c r="KSF707" s="613"/>
      <c r="KSG707" s="613"/>
      <c r="KSH707" s="613"/>
      <c r="KSI707" s="613"/>
      <c r="KSJ707" s="613"/>
      <c r="KSK707" s="613"/>
      <c r="KSL707" s="613"/>
      <c r="KSM707" s="613"/>
      <c r="KSN707" s="613"/>
      <c r="KSO707" s="613"/>
      <c r="KSP707" s="613"/>
      <c r="KSQ707" s="613"/>
      <c r="KSR707" s="613"/>
      <c r="KSS707" s="613"/>
      <c r="KST707" s="613"/>
      <c r="KSU707" s="613"/>
      <c r="KSV707" s="613"/>
      <c r="KSW707" s="613"/>
      <c r="KSX707" s="613"/>
      <c r="KSY707" s="613"/>
      <c r="KSZ707" s="613"/>
      <c r="KTA707" s="613"/>
      <c r="KTB707" s="613"/>
      <c r="KTC707" s="613"/>
      <c r="KTD707" s="613"/>
      <c r="KTE707" s="613"/>
      <c r="KTF707" s="613"/>
      <c r="KTG707" s="613"/>
      <c r="KTH707" s="613"/>
      <c r="KTI707" s="613"/>
      <c r="KTJ707" s="613"/>
      <c r="KTK707" s="613"/>
      <c r="KTL707" s="613"/>
      <c r="KTM707" s="613"/>
      <c r="KTN707" s="613"/>
      <c r="KTO707" s="613"/>
      <c r="KTP707" s="613"/>
      <c r="KTQ707" s="613"/>
      <c r="KTR707" s="613"/>
      <c r="KTS707" s="613"/>
      <c r="KTT707" s="613"/>
      <c r="KTU707" s="613"/>
      <c r="KTV707" s="613"/>
      <c r="KTW707" s="613"/>
      <c r="KTX707" s="613"/>
      <c r="KTY707" s="613"/>
      <c r="KTZ707" s="613"/>
      <c r="KUA707" s="613"/>
      <c r="KUB707" s="613"/>
      <c r="KUC707" s="613"/>
      <c r="KUD707" s="613"/>
      <c r="KUE707" s="613"/>
      <c r="KUF707" s="613"/>
      <c r="KUG707" s="613"/>
      <c r="KUH707" s="613"/>
      <c r="KUI707" s="613"/>
      <c r="KUJ707" s="613"/>
      <c r="KUK707" s="613"/>
      <c r="KUL707" s="613"/>
      <c r="KUM707" s="613"/>
      <c r="KUN707" s="613"/>
      <c r="KUO707" s="613"/>
      <c r="KUP707" s="613"/>
      <c r="KUQ707" s="613"/>
      <c r="KUR707" s="613"/>
      <c r="KUS707" s="613"/>
      <c r="KUT707" s="613"/>
      <c r="KUU707" s="613"/>
      <c r="KUV707" s="613"/>
      <c r="KUW707" s="613"/>
      <c r="KUX707" s="613"/>
      <c r="KUY707" s="613"/>
      <c r="KUZ707" s="613"/>
      <c r="KVA707" s="613"/>
      <c r="KVB707" s="613"/>
      <c r="KVC707" s="613"/>
      <c r="KVD707" s="613"/>
      <c r="KVE707" s="613"/>
      <c r="KVF707" s="613"/>
      <c r="KVG707" s="613"/>
      <c r="KVH707" s="613"/>
      <c r="KVI707" s="613"/>
      <c r="KVJ707" s="613"/>
      <c r="KVK707" s="613"/>
      <c r="KVL707" s="613"/>
      <c r="KVM707" s="613"/>
      <c r="KVN707" s="613"/>
      <c r="KVO707" s="613"/>
      <c r="KVP707" s="613"/>
      <c r="KVQ707" s="613"/>
      <c r="KVR707" s="613"/>
      <c r="KVS707" s="613"/>
      <c r="KVT707" s="613"/>
      <c r="KVU707" s="613"/>
      <c r="KVV707" s="613"/>
      <c r="KVW707" s="613"/>
      <c r="KVX707" s="613"/>
      <c r="KVY707" s="613"/>
      <c r="KVZ707" s="613"/>
      <c r="KWA707" s="613"/>
      <c r="KWB707" s="613"/>
      <c r="KWC707" s="613"/>
      <c r="KWD707" s="613"/>
      <c r="KWE707" s="613"/>
      <c r="KWF707" s="613"/>
      <c r="KWG707" s="613"/>
      <c r="KWH707" s="613"/>
      <c r="KWI707" s="613"/>
      <c r="KWJ707" s="613"/>
      <c r="KWK707" s="613"/>
      <c r="KWL707" s="613"/>
      <c r="KWM707" s="613"/>
      <c r="KWN707" s="613"/>
      <c r="KWO707" s="613"/>
      <c r="KWP707" s="613"/>
      <c r="KWQ707" s="613"/>
      <c r="KWR707" s="613"/>
      <c r="KWS707" s="613"/>
      <c r="KWT707" s="613"/>
      <c r="KWU707" s="613"/>
      <c r="KWV707" s="613"/>
      <c r="KWW707" s="613"/>
      <c r="KWX707" s="613"/>
      <c r="KWY707" s="613"/>
      <c r="KWZ707" s="613"/>
      <c r="KXA707" s="613"/>
      <c r="KXB707" s="613"/>
      <c r="KXC707" s="613"/>
      <c r="KXD707" s="613"/>
      <c r="KXE707" s="613"/>
      <c r="KXF707" s="613"/>
      <c r="KXG707" s="613"/>
      <c r="KXH707" s="613"/>
      <c r="KXI707" s="613"/>
      <c r="KXJ707" s="613"/>
      <c r="KXK707" s="613"/>
      <c r="KXL707" s="613"/>
      <c r="KXM707" s="613"/>
      <c r="KXN707" s="613"/>
      <c r="KXO707" s="613"/>
      <c r="KXP707" s="613"/>
      <c r="KXQ707" s="613"/>
      <c r="KXR707" s="613"/>
      <c r="KXS707" s="613"/>
      <c r="KXT707" s="613"/>
      <c r="KXU707" s="613"/>
      <c r="KXV707" s="613"/>
      <c r="KXW707" s="613"/>
      <c r="KXX707" s="613"/>
      <c r="KXY707" s="613"/>
      <c r="KXZ707" s="613"/>
      <c r="KYA707" s="613"/>
      <c r="KYB707" s="613"/>
      <c r="KYC707" s="613"/>
      <c r="KYD707" s="613"/>
      <c r="KYE707" s="613"/>
      <c r="KYF707" s="613"/>
      <c r="KYG707" s="613"/>
      <c r="KYH707" s="613"/>
      <c r="KYI707" s="613"/>
      <c r="KYJ707" s="613"/>
      <c r="KYK707" s="613"/>
      <c r="KYL707" s="613"/>
      <c r="KYM707" s="613"/>
      <c r="KYN707" s="613"/>
      <c r="KYO707" s="613"/>
      <c r="KYP707" s="613"/>
      <c r="KYQ707" s="613"/>
      <c r="KYR707" s="613"/>
      <c r="KYS707" s="613"/>
      <c r="KYT707" s="613"/>
      <c r="KYU707" s="613"/>
      <c r="KYV707" s="613"/>
      <c r="KYW707" s="613"/>
      <c r="KYX707" s="613"/>
      <c r="KYY707" s="613"/>
      <c r="KYZ707" s="613"/>
      <c r="KZA707" s="613"/>
      <c r="KZB707" s="613"/>
      <c r="KZC707" s="613"/>
      <c r="KZD707" s="613"/>
      <c r="KZE707" s="613"/>
      <c r="KZF707" s="613"/>
      <c r="KZG707" s="613"/>
      <c r="KZH707" s="613"/>
      <c r="KZI707" s="613"/>
      <c r="KZJ707" s="613"/>
      <c r="KZK707" s="613"/>
      <c r="KZL707" s="613"/>
      <c r="KZM707" s="613"/>
      <c r="KZN707" s="613"/>
      <c r="KZO707" s="613"/>
      <c r="KZP707" s="613"/>
      <c r="KZQ707" s="613"/>
      <c r="KZR707" s="613"/>
      <c r="KZS707" s="613"/>
      <c r="KZT707" s="613"/>
      <c r="KZU707" s="613"/>
      <c r="KZV707" s="613"/>
      <c r="KZW707" s="613"/>
      <c r="KZX707" s="613"/>
      <c r="KZY707" s="613"/>
      <c r="KZZ707" s="613"/>
      <c r="LAA707" s="613"/>
      <c r="LAB707" s="613"/>
      <c r="LAC707" s="613"/>
      <c r="LAD707" s="613"/>
      <c r="LAE707" s="613"/>
      <c r="LAF707" s="613"/>
      <c r="LAG707" s="613"/>
      <c r="LAH707" s="613"/>
      <c r="LAI707" s="613"/>
      <c r="LAJ707" s="613"/>
      <c r="LAK707" s="613"/>
      <c r="LAL707" s="613"/>
      <c r="LAM707" s="613"/>
      <c r="LAN707" s="613"/>
      <c r="LAO707" s="613"/>
      <c r="LAP707" s="613"/>
      <c r="LAQ707" s="613"/>
      <c r="LAR707" s="613"/>
      <c r="LAS707" s="613"/>
      <c r="LAT707" s="613"/>
      <c r="LAU707" s="613"/>
      <c r="LAV707" s="613"/>
      <c r="LAW707" s="613"/>
      <c r="LAX707" s="613"/>
      <c r="LAY707" s="613"/>
      <c r="LAZ707" s="613"/>
      <c r="LBA707" s="613"/>
      <c r="LBB707" s="613"/>
      <c r="LBC707" s="613"/>
      <c r="LBD707" s="613"/>
      <c r="LBE707" s="613"/>
      <c r="LBF707" s="613"/>
      <c r="LBG707" s="613"/>
      <c r="LBH707" s="613"/>
      <c r="LBI707" s="613"/>
      <c r="LBJ707" s="613"/>
      <c r="LBK707" s="613"/>
      <c r="LBL707" s="613"/>
      <c r="LBM707" s="613"/>
      <c r="LBN707" s="613"/>
      <c r="LBO707" s="613"/>
      <c r="LBP707" s="613"/>
      <c r="LBQ707" s="613"/>
      <c r="LBR707" s="613"/>
      <c r="LBS707" s="613"/>
      <c r="LBT707" s="613"/>
      <c r="LBU707" s="613"/>
      <c r="LBV707" s="613"/>
      <c r="LBW707" s="613"/>
      <c r="LBX707" s="613"/>
      <c r="LBY707" s="613"/>
      <c r="LBZ707" s="613"/>
      <c r="LCA707" s="613"/>
      <c r="LCB707" s="613"/>
      <c r="LCC707" s="613"/>
      <c r="LCD707" s="613"/>
      <c r="LCE707" s="613"/>
      <c r="LCF707" s="613"/>
      <c r="LCG707" s="613"/>
      <c r="LCH707" s="613"/>
      <c r="LCI707" s="613"/>
      <c r="LCJ707" s="613"/>
      <c r="LCK707" s="613"/>
      <c r="LCL707" s="613"/>
      <c r="LCM707" s="613"/>
      <c r="LCN707" s="613"/>
      <c r="LCO707" s="613"/>
      <c r="LCP707" s="613"/>
      <c r="LCQ707" s="613"/>
      <c r="LCR707" s="613"/>
      <c r="LCS707" s="613"/>
      <c r="LCT707" s="613"/>
      <c r="LCU707" s="613"/>
      <c r="LCV707" s="613"/>
      <c r="LCW707" s="613"/>
      <c r="LCX707" s="613"/>
      <c r="LCY707" s="613"/>
      <c r="LCZ707" s="613"/>
      <c r="LDA707" s="613"/>
      <c r="LDB707" s="613"/>
      <c r="LDC707" s="613"/>
      <c r="LDD707" s="613"/>
      <c r="LDE707" s="613"/>
      <c r="LDF707" s="613"/>
      <c r="LDG707" s="613"/>
      <c r="LDH707" s="613"/>
      <c r="LDI707" s="613"/>
      <c r="LDJ707" s="613"/>
      <c r="LDK707" s="613"/>
      <c r="LDL707" s="613"/>
      <c r="LDM707" s="613"/>
      <c r="LDN707" s="613"/>
      <c r="LDO707" s="613"/>
      <c r="LDP707" s="613"/>
      <c r="LDQ707" s="613"/>
      <c r="LDR707" s="613"/>
      <c r="LDS707" s="613"/>
      <c r="LDT707" s="613"/>
      <c r="LDU707" s="613"/>
      <c r="LDV707" s="613"/>
      <c r="LDW707" s="613"/>
      <c r="LDX707" s="613"/>
      <c r="LDY707" s="613"/>
      <c r="LDZ707" s="613"/>
      <c r="LEA707" s="613"/>
      <c r="LEB707" s="613"/>
      <c r="LEC707" s="613"/>
      <c r="LED707" s="613"/>
      <c r="LEE707" s="613"/>
      <c r="LEF707" s="613"/>
      <c r="LEG707" s="613"/>
      <c r="LEH707" s="613"/>
      <c r="LEI707" s="613"/>
      <c r="LEJ707" s="613"/>
      <c r="LEK707" s="613"/>
      <c r="LEL707" s="613"/>
      <c r="LEM707" s="613"/>
      <c r="LEN707" s="613"/>
      <c r="LEO707" s="613"/>
      <c r="LEP707" s="613"/>
      <c r="LEQ707" s="613"/>
      <c r="LER707" s="613"/>
      <c r="LES707" s="613"/>
      <c r="LET707" s="613"/>
      <c r="LEU707" s="613"/>
      <c r="LEV707" s="613"/>
      <c r="LEW707" s="613"/>
      <c r="LEX707" s="613"/>
      <c r="LEY707" s="613"/>
      <c r="LEZ707" s="613"/>
      <c r="LFA707" s="613"/>
      <c r="LFB707" s="613"/>
      <c r="LFC707" s="613"/>
      <c r="LFD707" s="613"/>
      <c r="LFE707" s="613"/>
      <c r="LFF707" s="613"/>
      <c r="LFG707" s="613"/>
      <c r="LFH707" s="613"/>
      <c r="LFI707" s="613"/>
      <c r="LFJ707" s="613"/>
      <c r="LFK707" s="613"/>
      <c r="LFL707" s="613"/>
      <c r="LFM707" s="613"/>
      <c r="LFN707" s="613"/>
      <c r="LFO707" s="613"/>
      <c r="LFP707" s="613"/>
      <c r="LFQ707" s="613"/>
      <c r="LFR707" s="613"/>
      <c r="LFS707" s="613"/>
      <c r="LFT707" s="613"/>
      <c r="LFU707" s="613"/>
      <c r="LFV707" s="613"/>
      <c r="LFW707" s="613"/>
      <c r="LFX707" s="613"/>
      <c r="LFY707" s="613"/>
      <c r="LFZ707" s="613"/>
      <c r="LGA707" s="613"/>
      <c r="LGB707" s="613"/>
      <c r="LGC707" s="613"/>
      <c r="LGD707" s="613"/>
      <c r="LGE707" s="613"/>
      <c r="LGF707" s="613"/>
      <c r="LGG707" s="613"/>
      <c r="LGH707" s="613"/>
      <c r="LGI707" s="613"/>
      <c r="LGJ707" s="613"/>
      <c r="LGK707" s="613"/>
      <c r="LGL707" s="613"/>
      <c r="LGM707" s="613"/>
      <c r="LGN707" s="613"/>
      <c r="LGO707" s="613"/>
      <c r="LGP707" s="613"/>
      <c r="LGQ707" s="613"/>
      <c r="LGR707" s="613"/>
      <c r="LGS707" s="613"/>
      <c r="LGT707" s="613"/>
      <c r="LGU707" s="613"/>
      <c r="LGV707" s="613"/>
      <c r="LGW707" s="613"/>
      <c r="LGX707" s="613"/>
      <c r="LGY707" s="613"/>
      <c r="LGZ707" s="613"/>
      <c r="LHA707" s="613"/>
      <c r="LHB707" s="613"/>
      <c r="LHC707" s="613"/>
      <c r="LHD707" s="613"/>
      <c r="LHE707" s="613"/>
      <c r="LHF707" s="613"/>
      <c r="LHG707" s="613"/>
      <c r="LHH707" s="613"/>
      <c r="LHI707" s="613"/>
      <c r="LHJ707" s="613"/>
      <c r="LHK707" s="613"/>
      <c r="LHL707" s="613"/>
      <c r="LHM707" s="613"/>
      <c r="LHN707" s="613"/>
      <c r="LHO707" s="613"/>
      <c r="LHP707" s="613"/>
      <c r="LHQ707" s="613"/>
      <c r="LHR707" s="613"/>
      <c r="LHS707" s="613"/>
      <c r="LHT707" s="613"/>
      <c r="LHU707" s="613"/>
      <c r="LHV707" s="613"/>
      <c r="LHW707" s="613"/>
      <c r="LHX707" s="613"/>
      <c r="LHY707" s="613"/>
      <c r="LHZ707" s="613"/>
      <c r="LIA707" s="613"/>
      <c r="LIB707" s="613"/>
      <c r="LIC707" s="613"/>
      <c r="LID707" s="613"/>
      <c r="LIE707" s="613"/>
      <c r="LIF707" s="613"/>
      <c r="LIG707" s="613"/>
      <c r="LIH707" s="613"/>
      <c r="LII707" s="613"/>
      <c r="LIJ707" s="613"/>
      <c r="LIK707" s="613"/>
      <c r="LIL707" s="613"/>
      <c r="LIM707" s="613"/>
      <c r="LIN707" s="613"/>
      <c r="LIO707" s="613"/>
      <c r="LIP707" s="613"/>
      <c r="LIQ707" s="613"/>
      <c r="LIR707" s="613"/>
      <c r="LIS707" s="613"/>
      <c r="LIT707" s="613"/>
      <c r="LIU707" s="613"/>
      <c r="LIV707" s="613"/>
      <c r="LIW707" s="613"/>
      <c r="LIX707" s="613"/>
      <c r="LIY707" s="613"/>
      <c r="LIZ707" s="613"/>
      <c r="LJA707" s="613"/>
      <c r="LJB707" s="613"/>
      <c r="LJC707" s="613"/>
      <c r="LJD707" s="613"/>
      <c r="LJE707" s="613"/>
      <c r="LJF707" s="613"/>
      <c r="LJG707" s="613"/>
      <c r="LJH707" s="613"/>
      <c r="LJI707" s="613"/>
      <c r="LJJ707" s="613"/>
      <c r="LJK707" s="613"/>
      <c r="LJL707" s="613"/>
      <c r="LJM707" s="613"/>
      <c r="LJN707" s="613"/>
      <c r="LJO707" s="613"/>
      <c r="LJP707" s="613"/>
      <c r="LJQ707" s="613"/>
      <c r="LJR707" s="613"/>
      <c r="LJS707" s="613"/>
      <c r="LJT707" s="613"/>
      <c r="LJU707" s="613"/>
      <c r="LJV707" s="613"/>
      <c r="LJW707" s="613"/>
      <c r="LJX707" s="613"/>
      <c r="LJY707" s="613"/>
      <c r="LJZ707" s="613"/>
      <c r="LKA707" s="613"/>
      <c r="LKB707" s="613"/>
      <c r="LKC707" s="613"/>
      <c r="LKD707" s="613"/>
      <c r="LKE707" s="613"/>
      <c r="LKF707" s="613"/>
      <c r="LKG707" s="613"/>
      <c r="LKH707" s="613"/>
      <c r="LKI707" s="613"/>
      <c r="LKJ707" s="613"/>
      <c r="LKK707" s="613"/>
      <c r="LKL707" s="613"/>
      <c r="LKM707" s="613"/>
      <c r="LKN707" s="613"/>
      <c r="LKO707" s="613"/>
      <c r="LKP707" s="613"/>
      <c r="LKQ707" s="613"/>
      <c r="LKR707" s="613"/>
      <c r="LKS707" s="613"/>
      <c r="LKT707" s="613"/>
      <c r="LKU707" s="613"/>
      <c r="LKV707" s="613"/>
      <c r="LKW707" s="613"/>
      <c r="LKX707" s="613"/>
      <c r="LKY707" s="613"/>
      <c r="LKZ707" s="613"/>
      <c r="LLA707" s="613"/>
      <c r="LLB707" s="613"/>
      <c r="LLC707" s="613"/>
      <c r="LLD707" s="613"/>
      <c r="LLE707" s="613"/>
      <c r="LLF707" s="613"/>
      <c r="LLG707" s="613"/>
      <c r="LLH707" s="613"/>
      <c r="LLI707" s="613"/>
      <c r="LLJ707" s="613"/>
      <c r="LLK707" s="613"/>
      <c r="LLL707" s="613"/>
      <c r="LLM707" s="613"/>
      <c r="LLN707" s="613"/>
      <c r="LLO707" s="613"/>
      <c r="LLP707" s="613"/>
      <c r="LLQ707" s="613"/>
      <c r="LLR707" s="613"/>
      <c r="LLS707" s="613"/>
      <c r="LLT707" s="613"/>
      <c r="LLU707" s="613"/>
      <c r="LLV707" s="613"/>
      <c r="LLW707" s="613"/>
      <c r="LLX707" s="613"/>
      <c r="LLY707" s="613"/>
      <c r="LLZ707" s="613"/>
      <c r="LMA707" s="613"/>
      <c r="LMB707" s="613"/>
      <c r="LMC707" s="613"/>
      <c r="LMD707" s="613"/>
      <c r="LME707" s="613"/>
      <c r="LMF707" s="613"/>
      <c r="LMG707" s="613"/>
      <c r="LMH707" s="613"/>
      <c r="LMI707" s="613"/>
      <c r="LMJ707" s="613"/>
      <c r="LMK707" s="613"/>
      <c r="LML707" s="613"/>
      <c r="LMM707" s="613"/>
      <c r="LMN707" s="613"/>
      <c r="LMO707" s="613"/>
      <c r="LMP707" s="613"/>
      <c r="LMQ707" s="613"/>
      <c r="LMR707" s="613"/>
      <c r="LMS707" s="613"/>
      <c r="LMT707" s="613"/>
      <c r="LMU707" s="613"/>
      <c r="LMV707" s="613"/>
      <c r="LMW707" s="613"/>
      <c r="LMX707" s="613"/>
      <c r="LMY707" s="613"/>
      <c r="LMZ707" s="613"/>
      <c r="LNA707" s="613"/>
      <c r="LNB707" s="613"/>
      <c r="LNC707" s="613"/>
      <c r="LND707" s="613"/>
      <c r="LNE707" s="613"/>
      <c r="LNF707" s="613"/>
      <c r="LNG707" s="613"/>
      <c r="LNH707" s="613"/>
      <c r="LNI707" s="613"/>
      <c r="LNJ707" s="613"/>
      <c r="LNK707" s="613"/>
      <c r="LNL707" s="613"/>
      <c r="LNM707" s="613"/>
      <c r="LNN707" s="613"/>
      <c r="LNO707" s="613"/>
      <c r="LNP707" s="613"/>
      <c r="LNQ707" s="613"/>
      <c r="LNR707" s="613"/>
      <c r="LNS707" s="613"/>
      <c r="LNT707" s="613"/>
      <c r="LNU707" s="613"/>
      <c r="LNV707" s="613"/>
      <c r="LNW707" s="613"/>
      <c r="LNX707" s="613"/>
      <c r="LNY707" s="613"/>
      <c r="LNZ707" s="613"/>
      <c r="LOA707" s="613"/>
      <c r="LOB707" s="613"/>
      <c r="LOC707" s="613"/>
      <c r="LOD707" s="613"/>
      <c r="LOE707" s="613"/>
      <c r="LOF707" s="613"/>
      <c r="LOG707" s="613"/>
      <c r="LOH707" s="613"/>
      <c r="LOI707" s="613"/>
      <c r="LOJ707" s="613"/>
      <c r="LOK707" s="613"/>
      <c r="LOL707" s="613"/>
      <c r="LOM707" s="613"/>
      <c r="LON707" s="613"/>
      <c r="LOO707" s="613"/>
      <c r="LOP707" s="613"/>
      <c r="LOQ707" s="613"/>
      <c r="LOR707" s="613"/>
      <c r="LOS707" s="613"/>
      <c r="LOT707" s="613"/>
      <c r="LOU707" s="613"/>
      <c r="LOV707" s="613"/>
      <c r="LOW707" s="613"/>
      <c r="LOX707" s="613"/>
      <c r="LOY707" s="613"/>
      <c r="LOZ707" s="613"/>
      <c r="LPA707" s="613"/>
      <c r="LPB707" s="613"/>
      <c r="LPC707" s="613"/>
      <c r="LPD707" s="613"/>
      <c r="LPE707" s="613"/>
      <c r="LPF707" s="613"/>
      <c r="LPG707" s="613"/>
      <c r="LPH707" s="613"/>
      <c r="LPI707" s="613"/>
      <c r="LPJ707" s="613"/>
      <c r="LPK707" s="613"/>
      <c r="LPL707" s="613"/>
      <c r="LPM707" s="613"/>
      <c r="LPN707" s="613"/>
      <c r="LPO707" s="613"/>
      <c r="LPP707" s="613"/>
      <c r="LPQ707" s="613"/>
      <c r="LPR707" s="613"/>
      <c r="LPS707" s="613"/>
      <c r="LPT707" s="613"/>
      <c r="LPU707" s="613"/>
      <c r="LPV707" s="613"/>
      <c r="LPW707" s="613"/>
      <c r="LPX707" s="613"/>
      <c r="LPY707" s="613"/>
      <c r="LPZ707" s="613"/>
      <c r="LQA707" s="613"/>
      <c r="LQB707" s="613"/>
      <c r="LQC707" s="613"/>
      <c r="LQD707" s="613"/>
      <c r="LQE707" s="613"/>
      <c r="LQF707" s="613"/>
      <c r="LQG707" s="613"/>
      <c r="LQH707" s="613"/>
      <c r="LQI707" s="613"/>
      <c r="LQJ707" s="613"/>
      <c r="LQK707" s="613"/>
      <c r="LQL707" s="613"/>
      <c r="LQM707" s="613"/>
      <c r="LQN707" s="613"/>
      <c r="LQO707" s="613"/>
      <c r="LQP707" s="613"/>
      <c r="LQQ707" s="613"/>
      <c r="LQR707" s="613"/>
      <c r="LQS707" s="613"/>
      <c r="LQT707" s="613"/>
      <c r="LQU707" s="613"/>
      <c r="LQV707" s="613"/>
      <c r="LQW707" s="613"/>
      <c r="LQX707" s="613"/>
      <c r="LQY707" s="613"/>
      <c r="LQZ707" s="613"/>
      <c r="LRA707" s="613"/>
      <c r="LRB707" s="613"/>
      <c r="LRC707" s="613"/>
      <c r="LRD707" s="613"/>
      <c r="LRE707" s="613"/>
      <c r="LRF707" s="613"/>
      <c r="LRG707" s="613"/>
      <c r="LRH707" s="613"/>
      <c r="LRI707" s="613"/>
      <c r="LRJ707" s="613"/>
      <c r="LRK707" s="613"/>
      <c r="LRL707" s="613"/>
      <c r="LRM707" s="613"/>
      <c r="LRN707" s="613"/>
      <c r="LRO707" s="613"/>
      <c r="LRP707" s="613"/>
      <c r="LRQ707" s="613"/>
      <c r="LRR707" s="613"/>
      <c r="LRS707" s="613"/>
      <c r="LRT707" s="613"/>
      <c r="LRU707" s="613"/>
      <c r="LRV707" s="613"/>
      <c r="LRW707" s="613"/>
      <c r="LRX707" s="613"/>
      <c r="LRY707" s="613"/>
      <c r="LRZ707" s="613"/>
      <c r="LSA707" s="613"/>
      <c r="LSB707" s="613"/>
      <c r="LSC707" s="613"/>
      <c r="LSD707" s="613"/>
      <c r="LSE707" s="613"/>
      <c r="LSF707" s="613"/>
      <c r="LSG707" s="613"/>
      <c r="LSH707" s="613"/>
      <c r="LSI707" s="613"/>
      <c r="LSJ707" s="613"/>
      <c r="LSK707" s="613"/>
      <c r="LSL707" s="613"/>
      <c r="LSM707" s="613"/>
      <c r="LSN707" s="613"/>
      <c r="LSO707" s="613"/>
      <c r="LSP707" s="613"/>
      <c r="LSQ707" s="613"/>
      <c r="LSR707" s="613"/>
      <c r="LSS707" s="613"/>
      <c r="LST707" s="613"/>
      <c r="LSU707" s="613"/>
      <c r="LSV707" s="613"/>
      <c r="LSW707" s="613"/>
      <c r="LSX707" s="613"/>
      <c r="LSY707" s="613"/>
      <c r="LSZ707" s="613"/>
      <c r="LTA707" s="613"/>
      <c r="LTB707" s="613"/>
      <c r="LTC707" s="613"/>
      <c r="LTD707" s="613"/>
      <c r="LTE707" s="613"/>
      <c r="LTF707" s="613"/>
      <c r="LTG707" s="613"/>
      <c r="LTH707" s="613"/>
      <c r="LTI707" s="613"/>
      <c r="LTJ707" s="613"/>
      <c r="LTK707" s="613"/>
      <c r="LTL707" s="613"/>
      <c r="LTM707" s="613"/>
      <c r="LTN707" s="613"/>
      <c r="LTO707" s="613"/>
      <c r="LTP707" s="613"/>
      <c r="LTQ707" s="613"/>
      <c r="LTR707" s="613"/>
      <c r="LTS707" s="613"/>
      <c r="LTT707" s="613"/>
      <c r="LTU707" s="613"/>
      <c r="LTV707" s="613"/>
      <c r="LTW707" s="613"/>
      <c r="LTX707" s="613"/>
      <c r="LTY707" s="613"/>
      <c r="LTZ707" s="613"/>
      <c r="LUA707" s="613"/>
      <c r="LUB707" s="613"/>
      <c r="LUC707" s="613"/>
      <c r="LUD707" s="613"/>
      <c r="LUE707" s="613"/>
      <c r="LUF707" s="613"/>
      <c r="LUG707" s="613"/>
      <c r="LUH707" s="613"/>
      <c r="LUI707" s="613"/>
      <c r="LUJ707" s="613"/>
      <c r="LUK707" s="613"/>
      <c r="LUL707" s="613"/>
      <c r="LUM707" s="613"/>
      <c r="LUN707" s="613"/>
      <c r="LUO707" s="613"/>
      <c r="LUP707" s="613"/>
      <c r="LUQ707" s="613"/>
      <c r="LUR707" s="613"/>
      <c r="LUS707" s="613"/>
      <c r="LUT707" s="613"/>
      <c r="LUU707" s="613"/>
      <c r="LUV707" s="613"/>
      <c r="LUW707" s="613"/>
      <c r="LUX707" s="613"/>
      <c r="LUY707" s="613"/>
      <c r="LUZ707" s="613"/>
      <c r="LVA707" s="613"/>
      <c r="LVB707" s="613"/>
      <c r="LVC707" s="613"/>
      <c r="LVD707" s="613"/>
      <c r="LVE707" s="613"/>
      <c r="LVF707" s="613"/>
      <c r="LVG707" s="613"/>
      <c r="LVH707" s="613"/>
      <c r="LVI707" s="613"/>
      <c r="LVJ707" s="613"/>
      <c r="LVK707" s="613"/>
      <c r="LVL707" s="613"/>
      <c r="LVM707" s="613"/>
      <c r="LVN707" s="613"/>
      <c r="LVO707" s="613"/>
      <c r="LVP707" s="613"/>
      <c r="LVQ707" s="613"/>
      <c r="LVR707" s="613"/>
      <c r="LVS707" s="613"/>
      <c r="LVT707" s="613"/>
      <c r="LVU707" s="613"/>
      <c r="LVV707" s="613"/>
      <c r="LVW707" s="613"/>
      <c r="LVX707" s="613"/>
      <c r="LVY707" s="613"/>
      <c r="LVZ707" s="613"/>
      <c r="LWA707" s="613"/>
      <c r="LWB707" s="613"/>
      <c r="LWC707" s="613"/>
      <c r="LWD707" s="613"/>
      <c r="LWE707" s="613"/>
      <c r="LWF707" s="613"/>
      <c r="LWG707" s="613"/>
      <c r="LWH707" s="613"/>
      <c r="LWI707" s="613"/>
      <c r="LWJ707" s="613"/>
      <c r="LWK707" s="613"/>
      <c r="LWL707" s="613"/>
      <c r="LWM707" s="613"/>
      <c r="LWN707" s="613"/>
      <c r="LWO707" s="613"/>
      <c r="LWP707" s="613"/>
      <c r="LWQ707" s="613"/>
      <c r="LWR707" s="613"/>
      <c r="LWS707" s="613"/>
      <c r="LWT707" s="613"/>
      <c r="LWU707" s="613"/>
      <c r="LWV707" s="613"/>
      <c r="LWW707" s="613"/>
      <c r="LWX707" s="613"/>
      <c r="LWY707" s="613"/>
      <c r="LWZ707" s="613"/>
      <c r="LXA707" s="613"/>
      <c r="LXB707" s="613"/>
      <c r="LXC707" s="613"/>
      <c r="LXD707" s="613"/>
      <c r="LXE707" s="613"/>
      <c r="LXF707" s="613"/>
      <c r="LXG707" s="613"/>
      <c r="LXH707" s="613"/>
      <c r="LXI707" s="613"/>
      <c r="LXJ707" s="613"/>
      <c r="LXK707" s="613"/>
      <c r="LXL707" s="613"/>
      <c r="LXM707" s="613"/>
      <c r="LXN707" s="613"/>
      <c r="LXO707" s="613"/>
      <c r="LXP707" s="613"/>
      <c r="LXQ707" s="613"/>
      <c r="LXR707" s="613"/>
      <c r="LXS707" s="613"/>
      <c r="LXT707" s="613"/>
      <c r="LXU707" s="613"/>
      <c r="LXV707" s="613"/>
      <c r="LXW707" s="613"/>
      <c r="LXX707" s="613"/>
      <c r="LXY707" s="613"/>
      <c r="LXZ707" s="613"/>
      <c r="LYA707" s="613"/>
      <c r="LYB707" s="613"/>
      <c r="LYC707" s="613"/>
      <c r="LYD707" s="613"/>
      <c r="LYE707" s="613"/>
      <c r="LYF707" s="613"/>
      <c r="LYG707" s="613"/>
      <c r="LYH707" s="613"/>
      <c r="LYI707" s="613"/>
      <c r="LYJ707" s="613"/>
      <c r="LYK707" s="613"/>
      <c r="LYL707" s="613"/>
      <c r="LYM707" s="613"/>
      <c r="LYN707" s="613"/>
      <c r="LYO707" s="613"/>
      <c r="LYP707" s="613"/>
      <c r="LYQ707" s="613"/>
      <c r="LYR707" s="613"/>
      <c r="LYS707" s="613"/>
      <c r="LYT707" s="613"/>
      <c r="LYU707" s="613"/>
      <c r="LYV707" s="613"/>
      <c r="LYW707" s="613"/>
      <c r="LYX707" s="613"/>
      <c r="LYY707" s="613"/>
      <c r="LYZ707" s="613"/>
      <c r="LZA707" s="613"/>
      <c r="LZB707" s="613"/>
      <c r="LZC707" s="613"/>
      <c r="LZD707" s="613"/>
      <c r="LZE707" s="613"/>
      <c r="LZF707" s="613"/>
      <c r="LZG707" s="613"/>
      <c r="LZH707" s="613"/>
      <c r="LZI707" s="613"/>
      <c r="LZJ707" s="613"/>
      <c r="LZK707" s="613"/>
      <c r="LZL707" s="613"/>
      <c r="LZM707" s="613"/>
      <c r="LZN707" s="613"/>
      <c r="LZO707" s="613"/>
      <c r="LZP707" s="613"/>
      <c r="LZQ707" s="613"/>
      <c r="LZR707" s="613"/>
      <c r="LZS707" s="613"/>
      <c r="LZT707" s="613"/>
      <c r="LZU707" s="613"/>
      <c r="LZV707" s="613"/>
      <c r="LZW707" s="613"/>
      <c r="LZX707" s="613"/>
      <c r="LZY707" s="613"/>
      <c r="LZZ707" s="613"/>
      <c r="MAA707" s="613"/>
      <c r="MAB707" s="613"/>
      <c r="MAC707" s="613"/>
      <c r="MAD707" s="613"/>
      <c r="MAE707" s="613"/>
      <c r="MAF707" s="613"/>
      <c r="MAG707" s="613"/>
      <c r="MAH707" s="613"/>
      <c r="MAI707" s="613"/>
      <c r="MAJ707" s="613"/>
      <c r="MAK707" s="613"/>
      <c r="MAL707" s="613"/>
      <c r="MAM707" s="613"/>
      <c r="MAN707" s="613"/>
      <c r="MAO707" s="613"/>
      <c r="MAP707" s="613"/>
      <c r="MAQ707" s="613"/>
      <c r="MAR707" s="613"/>
      <c r="MAS707" s="613"/>
      <c r="MAT707" s="613"/>
      <c r="MAU707" s="613"/>
      <c r="MAV707" s="613"/>
      <c r="MAW707" s="613"/>
      <c r="MAX707" s="613"/>
      <c r="MAY707" s="613"/>
      <c r="MAZ707" s="613"/>
      <c r="MBA707" s="613"/>
      <c r="MBB707" s="613"/>
      <c r="MBC707" s="613"/>
      <c r="MBD707" s="613"/>
      <c r="MBE707" s="613"/>
      <c r="MBF707" s="613"/>
      <c r="MBG707" s="613"/>
      <c r="MBH707" s="613"/>
      <c r="MBI707" s="613"/>
      <c r="MBJ707" s="613"/>
      <c r="MBK707" s="613"/>
      <c r="MBL707" s="613"/>
      <c r="MBM707" s="613"/>
      <c r="MBN707" s="613"/>
      <c r="MBO707" s="613"/>
      <c r="MBP707" s="613"/>
      <c r="MBQ707" s="613"/>
      <c r="MBR707" s="613"/>
      <c r="MBS707" s="613"/>
      <c r="MBT707" s="613"/>
      <c r="MBU707" s="613"/>
      <c r="MBV707" s="613"/>
      <c r="MBW707" s="613"/>
      <c r="MBX707" s="613"/>
      <c r="MBY707" s="613"/>
      <c r="MBZ707" s="613"/>
      <c r="MCA707" s="613"/>
      <c r="MCB707" s="613"/>
      <c r="MCC707" s="613"/>
      <c r="MCD707" s="613"/>
      <c r="MCE707" s="613"/>
      <c r="MCF707" s="613"/>
      <c r="MCG707" s="613"/>
      <c r="MCH707" s="613"/>
      <c r="MCI707" s="613"/>
      <c r="MCJ707" s="613"/>
      <c r="MCK707" s="613"/>
      <c r="MCL707" s="613"/>
      <c r="MCM707" s="613"/>
      <c r="MCN707" s="613"/>
      <c r="MCO707" s="613"/>
      <c r="MCP707" s="613"/>
      <c r="MCQ707" s="613"/>
      <c r="MCR707" s="613"/>
      <c r="MCS707" s="613"/>
      <c r="MCT707" s="613"/>
      <c r="MCU707" s="613"/>
      <c r="MCV707" s="613"/>
      <c r="MCW707" s="613"/>
      <c r="MCX707" s="613"/>
      <c r="MCY707" s="613"/>
      <c r="MCZ707" s="613"/>
      <c r="MDA707" s="613"/>
      <c r="MDB707" s="613"/>
      <c r="MDC707" s="613"/>
      <c r="MDD707" s="613"/>
      <c r="MDE707" s="613"/>
      <c r="MDF707" s="613"/>
      <c r="MDG707" s="613"/>
      <c r="MDH707" s="613"/>
      <c r="MDI707" s="613"/>
      <c r="MDJ707" s="613"/>
      <c r="MDK707" s="613"/>
      <c r="MDL707" s="613"/>
      <c r="MDM707" s="613"/>
      <c r="MDN707" s="613"/>
      <c r="MDO707" s="613"/>
      <c r="MDP707" s="613"/>
      <c r="MDQ707" s="613"/>
      <c r="MDR707" s="613"/>
      <c r="MDS707" s="613"/>
      <c r="MDT707" s="613"/>
      <c r="MDU707" s="613"/>
      <c r="MDV707" s="613"/>
      <c r="MDW707" s="613"/>
      <c r="MDX707" s="613"/>
      <c r="MDY707" s="613"/>
      <c r="MDZ707" s="613"/>
      <c r="MEA707" s="613"/>
      <c r="MEB707" s="613"/>
      <c r="MEC707" s="613"/>
      <c r="MED707" s="613"/>
      <c r="MEE707" s="613"/>
      <c r="MEF707" s="613"/>
      <c r="MEG707" s="613"/>
      <c r="MEH707" s="613"/>
      <c r="MEI707" s="613"/>
      <c r="MEJ707" s="613"/>
      <c r="MEK707" s="613"/>
      <c r="MEL707" s="613"/>
      <c r="MEM707" s="613"/>
      <c r="MEN707" s="613"/>
      <c r="MEO707" s="613"/>
      <c r="MEP707" s="613"/>
      <c r="MEQ707" s="613"/>
      <c r="MER707" s="613"/>
      <c r="MES707" s="613"/>
      <c r="MET707" s="613"/>
      <c r="MEU707" s="613"/>
      <c r="MEV707" s="613"/>
      <c r="MEW707" s="613"/>
      <c r="MEX707" s="613"/>
      <c r="MEY707" s="613"/>
      <c r="MEZ707" s="613"/>
      <c r="MFA707" s="613"/>
      <c r="MFB707" s="613"/>
      <c r="MFC707" s="613"/>
      <c r="MFD707" s="613"/>
      <c r="MFE707" s="613"/>
      <c r="MFF707" s="613"/>
      <c r="MFG707" s="613"/>
      <c r="MFH707" s="613"/>
      <c r="MFI707" s="613"/>
      <c r="MFJ707" s="613"/>
      <c r="MFK707" s="613"/>
      <c r="MFL707" s="613"/>
      <c r="MFM707" s="613"/>
      <c r="MFN707" s="613"/>
      <c r="MFO707" s="613"/>
      <c r="MFP707" s="613"/>
      <c r="MFQ707" s="613"/>
      <c r="MFR707" s="613"/>
      <c r="MFS707" s="613"/>
      <c r="MFT707" s="613"/>
      <c r="MFU707" s="613"/>
      <c r="MFV707" s="613"/>
      <c r="MFW707" s="613"/>
      <c r="MFX707" s="613"/>
      <c r="MFY707" s="613"/>
      <c r="MFZ707" s="613"/>
      <c r="MGA707" s="613"/>
      <c r="MGB707" s="613"/>
      <c r="MGC707" s="613"/>
      <c r="MGD707" s="613"/>
      <c r="MGE707" s="613"/>
      <c r="MGF707" s="613"/>
      <c r="MGG707" s="613"/>
      <c r="MGH707" s="613"/>
      <c r="MGI707" s="613"/>
      <c r="MGJ707" s="613"/>
      <c r="MGK707" s="613"/>
      <c r="MGL707" s="613"/>
      <c r="MGM707" s="613"/>
      <c r="MGN707" s="613"/>
      <c r="MGO707" s="613"/>
      <c r="MGP707" s="613"/>
      <c r="MGQ707" s="613"/>
      <c r="MGR707" s="613"/>
      <c r="MGS707" s="613"/>
      <c r="MGT707" s="613"/>
      <c r="MGU707" s="613"/>
      <c r="MGV707" s="613"/>
      <c r="MGW707" s="613"/>
      <c r="MGX707" s="613"/>
      <c r="MGY707" s="613"/>
      <c r="MGZ707" s="613"/>
      <c r="MHA707" s="613"/>
      <c r="MHB707" s="613"/>
      <c r="MHC707" s="613"/>
      <c r="MHD707" s="613"/>
      <c r="MHE707" s="613"/>
      <c r="MHF707" s="613"/>
      <c r="MHG707" s="613"/>
      <c r="MHH707" s="613"/>
      <c r="MHI707" s="613"/>
      <c r="MHJ707" s="613"/>
      <c r="MHK707" s="613"/>
      <c r="MHL707" s="613"/>
      <c r="MHM707" s="613"/>
      <c r="MHN707" s="613"/>
      <c r="MHO707" s="613"/>
      <c r="MHP707" s="613"/>
      <c r="MHQ707" s="613"/>
      <c r="MHR707" s="613"/>
      <c r="MHS707" s="613"/>
      <c r="MHT707" s="613"/>
      <c r="MHU707" s="613"/>
      <c r="MHV707" s="613"/>
      <c r="MHW707" s="613"/>
      <c r="MHX707" s="613"/>
      <c r="MHY707" s="613"/>
      <c r="MHZ707" s="613"/>
      <c r="MIA707" s="613"/>
      <c r="MIB707" s="613"/>
      <c r="MIC707" s="613"/>
      <c r="MID707" s="613"/>
      <c r="MIE707" s="613"/>
      <c r="MIF707" s="613"/>
      <c r="MIG707" s="613"/>
      <c r="MIH707" s="613"/>
      <c r="MII707" s="613"/>
      <c r="MIJ707" s="613"/>
      <c r="MIK707" s="613"/>
      <c r="MIL707" s="613"/>
      <c r="MIM707" s="613"/>
      <c r="MIN707" s="613"/>
      <c r="MIO707" s="613"/>
      <c r="MIP707" s="613"/>
      <c r="MIQ707" s="613"/>
      <c r="MIR707" s="613"/>
      <c r="MIS707" s="613"/>
      <c r="MIT707" s="613"/>
      <c r="MIU707" s="613"/>
      <c r="MIV707" s="613"/>
      <c r="MIW707" s="613"/>
      <c r="MIX707" s="613"/>
      <c r="MIY707" s="613"/>
      <c r="MIZ707" s="613"/>
      <c r="MJA707" s="613"/>
      <c r="MJB707" s="613"/>
      <c r="MJC707" s="613"/>
      <c r="MJD707" s="613"/>
      <c r="MJE707" s="613"/>
      <c r="MJF707" s="613"/>
      <c r="MJG707" s="613"/>
      <c r="MJH707" s="613"/>
      <c r="MJI707" s="613"/>
      <c r="MJJ707" s="613"/>
      <c r="MJK707" s="613"/>
      <c r="MJL707" s="613"/>
      <c r="MJM707" s="613"/>
      <c r="MJN707" s="613"/>
      <c r="MJO707" s="613"/>
      <c r="MJP707" s="613"/>
      <c r="MJQ707" s="613"/>
      <c r="MJR707" s="613"/>
      <c r="MJS707" s="613"/>
      <c r="MJT707" s="613"/>
      <c r="MJU707" s="613"/>
      <c r="MJV707" s="613"/>
      <c r="MJW707" s="613"/>
      <c r="MJX707" s="613"/>
      <c r="MJY707" s="613"/>
      <c r="MJZ707" s="613"/>
      <c r="MKA707" s="613"/>
      <c r="MKB707" s="613"/>
      <c r="MKC707" s="613"/>
      <c r="MKD707" s="613"/>
      <c r="MKE707" s="613"/>
      <c r="MKF707" s="613"/>
      <c r="MKG707" s="613"/>
      <c r="MKH707" s="613"/>
      <c r="MKI707" s="613"/>
      <c r="MKJ707" s="613"/>
      <c r="MKK707" s="613"/>
      <c r="MKL707" s="613"/>
      <c r="MKM707" s="613"/>
      <c r="MKN707" s="613"/>
      <c r="MKO707" s="613"/>
      <c r="MKP707" s="613"/>
      <c r="MKQ707" s="613"/>
      <c r="MKR707" s="613"/>
      <c r="MKS707" s="613"/>
      <c r="MKT707" s="613"/>
      <c r="MKU707" s="613"/>
      <c r="MKV707" s="613"/>
      <c r="MKW707" s="613"/>
      <c r="MKX707" s="613"/>
      <c r="MKY707" s="613"/>
      <c r="MKZ707" s="613"/>
      <c r="MLA707" s="613"/>
      <c r="MLB707" s="613"/>
      <c r="MLC707" s="613"/>
      <c r="MLD707" s="613"/>
      <c r="MLE707" s="613"/>
      <c r="MLF707" s="613"/>
      <c r="MLG707" s="613"/>
      <c r="MLH707" s="613"/>
      <c r="MLI707" s="613"/>
      <c r="MLJ707" s="613"/>
      <c r="MLK707" s="613"/>
      <c r="MLL707" s="613"/>
      <c r="MLM707" s="613"/>
      <c r="MLN707" s="613"/>
      <c r="MLO707" s="613"/>
      <c r="MLP707" s="613"/>
      <c r="MLQ707" s="613"/>
      <c r="MLR707" s="613"/>
      <c r="MLS707" s="613"/>
      <c r="MLT707" s="613"/>
      <c r="MLU707" s="613"/>
      <c r="MLV707" s="613"/>
      <c r="MLW707" s="613"/>
      <c r="MLX707" s="613"/>
      <c r="MLY707" s="613"/>
      <c r="MLZ707" s="613"/>
      <c r="MMA707" s="613"/>
      <c r="MMB707" s="613"/>
      <c r="MMC707" s="613"/>
      <c r="MMD707" s="613"/>
      <c r="MME707" s="613"/>
      <c r="MMF707" s="613"/>
      <c r="MMG707" s="613"/>
      <c r="MMH707" s="613"/>
      <c r="MMI707" s="613"/>
      <c r="MMJ707" s="613"/>
      <c r="MMK707" s="613"/>
      <c r="MML707" s="613"/>
      <c r="MMM707" s="613"/>
      <c r="MMN707" s="613"/>
      <c r="MMO707" s="613"/>
      <c r="MMP707" s="613"/>
      <c r="MMQ707" s="613"/>
      <c r="MMR707" s="613"/>
      <c r="MMS707" s="613"/>
      <c r="MMT707" s="613"/>
      <c r="MMU707" s="613"/>
      <c r="MMV707" s="613"/>
      <c r="MMW707" s="613"/>
      <c r="MMX707" s="613"/>
      <c r="MMY707" s="613"/>
      <c r="MMZ707" s="613"/>
      <c r="MNA707" s="613"/>
      <c r="MNB707" s="613"/>
      <c r="MNC707" s="613"/>
      <c r="MND707" s="613"/>
      <c r="MNE707" s="613"/>
      <c r="MNF707" s="613"/>
      <c r="MNG707" s="613"/>
      <c r="MNH707" s="613"/>
      <c r="MNI707" s="613"/>
      <c r="MNJ707" s="613"/>
      <c r="MNK707" s="613"/>
      <c r="MNL707" s="613"/>
      <c r="MNM707" s="613"/>
      <c r="MNN707" s="613"/>
      <c r="MNO707" s="613"/>
      <c r="MNP707" s="613"/>
      <c r="MNQ707" s="613"/>
      <c r="MNR707" s="613"/>
      <c r="MNS707" s="613"/>
      <c r="MNT707" s="613"/>
      <c r="MNU707" s="613"/>
      <c r="MNV707" s="613"/>
      <c r="MNW707" s="613"/>
      <c r="MNX707" s="613"/>
      <c r="MNY707" s="613"/>
      <c r="MNZ707" s="613"/>
      <c r="MOA707" s="613"/>
      <c r="MOB707" s="613"/>
      <c r="MOC707" s="613"/>
      <c r="MOD707" s="613"/>
      <c r="MOE707" s="613"/>
      <c r="MOF707" s="613"/>
      <c r="MOG707" s="613"/>
      <c r="MOH707" s="613"/>
      <c r="MOI707" s="613"/>
      <c r="MOJ707" s="613"/>
      <c r="MOK707" s="613"/>
      <c r="MOL707" s="613"/>
      <c r="MOM707" s="613"/>
      <c r="MON707" s="613"/>
      <c r="MOO707" s="613"/>
      <c r="MOP707" s="613"/>
      <c r="MOQ707" s="613"/>
      <c r="MOR707" s="613"/>
      <c r="MOS707" s="613"/>
      <c r="MOT707" s="613"/>
      <c r="MOU707" s="613"/>
      <c r="MOV707" s="613"/>
      <c r="MOW707" s="613"/>
      <c r="MOX707" s="613"/>
      <c r="MOY707" s="613"/>
      <c r="MOZ707" s="613"/>
      <c r="MPA707" s="613"/>
      <c r="MPB707" s="613"/>
      <c r="MPC707" s="613"/>
      <c r="MPD707" s="613"/>
      <c r="MPE707" s="613"/>
      <c r="MPF707" s="613"/>
      <c r="MPG707" s="613"/>
      <c r="MPH707" s="613"/>
      <c r="MPI707" s="613"/>
      <c r="MPJ707" s="613"/>
      <c r="MPK707" s="613"/>
      <c r="MPL707" s="613"/>
      <c r="MPM707" s="613"/>
      <c r="MPN707" s="613"/>
      <c r="MPO707" s="613"/>
      <c r="MPP707" s="613"/>
      <c r="MPQ707" s="613"/>
      <c r="MPR707" s="613"/>
      <c r="MPS707" s="613"/>
      <c r="MPT707" s="613"/>
      <c r="MPU707" s="613"/>
      <c r="MPV707" s="613"/>
      <c r="MPW707" s="613"/>
      <c r="MPX707" s="613"/>
      <c r="MPY707" s="613"/>
      <c r="MPZ707" s="613"/>
      <c r="MQA707" s="613"/>
      <c r="MQB707" s="613"/>
      <c r="MQC707" s="613"/>
      <c r="MQD707" s="613"/>
      <c r="MQE707" s="613"/>
      <c r="MQF707" s="613"/>
      <c r="MQG707" s="613"/>
      <c r="MQH707" s="613"/>
      <c r="MQI707" s="613"/>
      <c r="MQJ707" s="613"/>
      <c r="MQK707" s="613"/>
      <c r="MQL707" s="613"/>
      <c r="MQM707" s="613"/>
      <c r="MQN707" s="613"/>
      <c r="MQO707" s="613"/>
      <c r="MQP707" s="613"/>
      <c r="MQQ707" s="613"/>
      <c r="MQR707" s="613"/>
      <c r="MQS707" s="613"/>
      <c r="MQT707" s="613"/>
      <c r="MQU707" s="613"/>
      <c r="MQV707" s="613"/>
      <c r="MQW707" s="613"/>
      <c r="MQX707" s="613"/>
      <c r="MQY707" s="613"/>
      <c r="MQZ707" s="613"/>
      <c r="MRA707" s="613"/>
      <c r="MRB707" s="613"/>
      <c r="MRC707" s="613"/>
      <c r="MRD707" s="613"/>
      <c r="MRE707" s="613"/>
      <c r="MRF707" s="613"/>
      <c r="MRG707" s="613"/>
      <c r="MRH707" s="613"/>
      <c r="MRI707" s="613"/>
      <c r="MRJ707" s="613"/>
      <c r="MRK707" s="613"/>
      <c r="MRL707" s="613"/>
      <c r="MRM707" s="613"/>
      <c r="MRN707" s="613"/>
      <c r="MRO707" s="613"/>
      <c r="MRP707" s="613"/>
      <c r="MRQ707" s="613"/>
      <c r="MRR707" s="613"/>
      <c r="MRS707" s="613"/>
      <c r="MRT707" s="613"/>
      <c r="MRU707" s="613"/>
      <c r="MRV707" s="613"/>
      <c r="MRW707" s="613"/>
      <c r="MRX707" s="613"/>
      <c r="MRY707" s="613"/>
      <c r="MRZ707" s="613"/>
      <c r="MSA707" s="613"/>
      <c r="MSB707" s="613"/>
      <c r="MSC707" s="613"/>
      <c r="MSD707" s="613"/>
      <c r="MSE707" s="613"/>
      <c r="MSF707" s="613"/>
      <c r="MSG707" s="613"/>
      <c r="MSH707" s="613"/>
      <c r="MSI707" s="613"/>
      <c r="MSJ707" s="613"/>
      <c r="MSK707" s="613"/>
      <c r="MSL707" s="613"/>
      <c r="MSM707" s="613"/>
      <c r="MSN707" s="613"/>
      <c r="MSO707" s="613"/>
      <c r="MSP707" s="613"/>
      <c r="MSQ707" s="613"/>
      <c r="MSR707" s="613"/>
      <c r="MSS707" s="613"/>
      <c r="MST707" s="613"/>
      <c r="MSU707" s="613"/>
      <c r="MSV707" s="613"/>
      <c r="MSW707" s="613"/>
      <c r="MSX707" s="613"/>
      <c r="MSY707" s="613"/>
      <c r="MSZ707" s="613"/>
      <c r="MTA707" s="613"/>
      <c r="MTB707" s="613"/>
      <c r="MTC707" s="613"/>
      <c r="MTD707" s="613"/>
      <c r="MTE707" s="613"/>
      <c r="MTF707" s="613"/>
      <c r="MTG707" s="613"/>
      <c r="MTH707" s="613"/>
      <c r="MTI707" s="613"/>
      <c r="MTJ707" s="613"/>
      <c r="MTK707" s="613"/>
      <c r="MTL707" s="613"/>
      <c r="MTM707" s="613"/>
      <c r="MTN707" s="613"/>
      <c r="MTO707" s="613"/>
      <c r="MTP707" s="613"/>
      <c r="MTQ707" s="613"/>
      <c r="MTR707" s="613"/>
      <c r="MTS707" s="613"/>
      <c r="MTT707" s="613"/>
      <c r="MTU707" s="613"/>
      <c r="MTV707" s="613"/>
      <c r="MTW707" s="613"/>
      <c r="MTX707" s="613"/>
      <c r="MTY707" s="613"/>
      <c r="MTZ707" s="613"/>
      <c r="MUA707" s="613"/>
      <c r="MUB707" s="613"/>
      <c r="MUC707" s="613"/>
      <c r="MUD707" s="613"/>
      <c r="MUE707" s="613"/>
      <c r="MUF707" s="613"/>
      <c r="MUG707" s="613"/>
      <c r="MUH707" s="613"/>
      <c r="MUI707" s="613"/>
      <c r="MUJ707" s="613"/>
      <c r="MUK707" s="613"/>
      <c r="MUL707" s="613"/>
      <c r="MUM707" s="613"/>
      <c r="MUN707" s="613"/>
      <c r="MUO707" s="613"/>
      <c r="MUP707" s="613"/>
      <c r="MUQ707" s="613"/>
      <c r="MUR707" s="613"/>
      <c r="MUS707" s="613"/>
      <c r="MUT707" s="613"/>
      <c r="MUU707" s="613"/>
      <c r="MUV707" s="613"/>
      <c r="MUW707" s="613"/>
      <c r="MUX707" s="613"/>
      <c r="MUY707" s="613"/>
      <c r="MUZ707" s="613"/>
      <c r="MVA707" s="613"/>
      <c r="MVB707" s="613"/>
      <c r="MVC707" s="613"/>
      <c r="MVD707" s="613"/>
      <c r="MVE707" s="613"/>
      <c r="MVF707" s="613"/>
      <c r="MVG707" s="613"/>
      <c r="MVH707" s="613"/>
      <c r="MVI707" s="613"/>
      <c r="MVJ707" s="613"/>
      <c r="MVK707" s="613"/>
      <c r="MVL707" s="613"/>
      <c r="MVM707" s="613"/>
      <c r="MVN707" s="613"/>
      <c r="MVO707" s="613"/>
      <c r="MVP707" s="613"/>
      <c r="MVQ707" s="613"/>
      <c r="MVR707" s="613"/>
      <c r="MVS707" s="613"/>
      <c r="MVT707" s="613"/>
      <c r="MVU707" s="613"/>
      <c r="MVV707" s="613"/>
      <c r="MVW707" s="613"/>
      <c r="MVX707" s="613"/>
      <c r="MVY707" s="613"/>
      <c r="MVZ707" s="613"/>
      <c r="MWA707" s="613"/>
      <c r="MWB707" s="613"/>
      <c r="MWC707" s="613"/>
      <c r="MWD707" s="613"/>
      <c r="MWE707" s="613"/>
      <c r="MWF707" s="613"/>
      <c r="MWG707" s="613"/>
      <c r="MWH707" s="613"/>
      <c r="MWI707" s="613"/>
      <c r="MWJ707" s="613"/>
      <c r="MWK707" s="613"/>
      <c r="MWL707" s="613"/>
      <c r="MWM707" s="613"/>
      <c r="MWN707" s="613"/>
      <c r="MWO707" s="613"/>
      <c r="MWP707" s="613"/>
      <c r="MWQ707" s="613"/>
      <c r="MWR707" s="613"/>
      <c r="MWS707" s="613"/>
      <c r="MWT707" s="613"/>
      <c r="MWU707" s="613"/>
      <c r="MWV707" s="613"/>
      <c r="MWW707" s="613"/>
      <c r="MWX707" s="613"/>
      <c r="MWY707" s="613"/>
      <c r="MWZ707" s="613"/>
      <c r="MXA707" s="613"/>
      <c r="MXB707" s="613"/>
      <c r="MXC707" s="613"/>
      <c r="MXD707" s="613"/>
      <c r="MXE707" s="613"/>
      <c r="MXF707" s="613"/>
      <c r="MXG707" s="613"/>
      <c r="MXH707" s="613"/>
      <c r="MXI707" s="613"/>
      <c r="MXJ707" s="613"/>
      <c r="MXK707" s="613"/>
      <c r="MXL707" s="613"/>
      <c r="MXM707" s="613"/>
      <c r="MXN707" s="613"/>
      <c r="MXO707" s="613"/>
      <c r="MXP707" s="613"/>
      <c r="MXQ707" s="613"/>
      <c r="MXR707" s="613"/>
      <c r="MXS707" s="613"/>
      <c r="MXT707" s="613"/>
      <c r="MXU707" s="613"/>
      <c r="MXV707" s="613"/>
      <c r="MXW707" s="613"/>
      <c r="MXX707" s="613"/>
      <c r="MXY707" s="613"/>
      <c r="MXZ707" s="613"/>
      <c r="MYA707" s="613"/>
      <c r="MYB707" s="613"/>
      <c r="MYC707" s="613"/>
      <c r="MYD707" s="613"/>
      <c r="MYE707" s="613"/>
      <c r="MYF707" s="613"/>
      <c r="MYG707" s="613"/>
      <c r="MYH707" s="613"/>
      <c r="MYI707" s="613"/>
      <c r="MYJ707" s="613"/>
      <c r="MYK707" s="613"/>
      <c r="MYL707" s="613"/>
      <c r="MYM707" s="613"/>
      <c r="MYN707" s="613"/>
      <c r="MYO707" s="613"/>
      <c r="MYP707" s="613"/>
      <c r="MYQ707" s="613"/>
      <c r="MYR707" s="613"/>
      <c r="MYS707" s="613"/>
      <c r="MYT707" s="613"/>
      <c r="MYU707" s="613"/>
      <c r="MYV707" s="613"/>
      <c r="MYW707" s="613"/>
      <c r="MYX707" s="613"/>
      <c r="MYY707" s="613"/>
      <c r="MYZ707" s="613"/>
      <c r="MZA707" s="613"/>
      <c r="MZB707" s="613"/>
      <c r="MZC707" s="613"/>
      <c r="MZD707" s="613"/>
      <c r="MZE707" s="613"/>
      <c r="MZF707" s="613"/>
      <c r="MZG707" s="613"/>
      <c r="MZH707" s="613"/>
      <c r="MZI707" s="613"/>
      <c r="MZJ707" s="613"/>
      <c r="MZK707" s="613"/>
      <c r="MZL707" s="613"/>
      <c r="MZM707" s="613"/>
      <c r="MZN707" s="613"/>
      <c r="MZO707" s="613"/>
      <c r="MZP707" s="613"/>
      <c r="MZQ707" s="613"/>
      <c r="MZR707" s="613"/>
      <c r="MZS707" s="613"/>
      <c r="MZT707" s="613"/>
      <c r="MZU707" s="613"/>
      <c r="MZV707" s="613"/>
      <c r="MZW707" s="613"/>
      <c r="MZX707" s="613"/>
      <c r="MZY707" s="613"/>
      <c r="MZZ707" s="613"/>
      <c r="NAA707" s="613"/>
      <c r="NAB707" s="613"/>
      <c r="NAC707" s="613"/>
      <c r="NAD707" s="613"/>
      <c r="NAE707" s="613"/>
      <c r="NAF707" s="613"/>
      <c r="NAG707" s="613"/>
      <c r="NAH707" s="613"/>
      <c r="NAI707" s="613"/>
      <c r="NAJ707" s="613"/>
      <c r="NAK707" s="613"/>
      <c r="NAL707" s="613"/>
      <c r="NAM707" s="613"/>
      <c r="NAN707" s="613"/>
      <c r="NAO707" s="613"/>
      <c r="NAP707" s="613"/>
      <c r="NAQ707" s="613"/>
      <c r="NAR707" s="613"/>
      <c r="NAS707" s="613"/>
      <c r="NAT707" s="613"/>
      <c r="NAU707" s="613"/>
      <c r="NAV707" s="613"/>
      <c r="NAW707" s="613"/>
      <c r="NAX707" s="613"/>
      <c r="NAY707" s="613"/>
      <c r="NAZ707" s="613"/>
      <c r="NBA707" s="613"/>
      <c r="NBB707" s="613"/>
      <c r="NBC707" s="613"/>
      <c r="NBD707" s="613"/>
      <c r="NBE707" s="613"/>
      <c r="NBF707" s="613"/>
      <c r="NBG707" s="613"/>
      <c r="NBH707" s="613"/>
      <c r="NBI707" s="613"/>
      <c r="NBJ707" s="613"/>
      <c r="NBK707" s="613"/>
      <c r="NBL707" s="613"/>
      <c r="NBM707" s="613"/>
      <c r="NBN707" s="613"/>
      <c r="NBO707" s="613"/>
      <c r="NBP707" s="613"/>
      <c r="NBQ707" s="613"/>
      <c r="NBR707" s="613"/>
      <c r="NBS707" s="613"/>
      <c r="NBT707" s="613"/>
      <c r="NBU707" s="613"/>
      <c r="NBV707" s="613"/>
      <c r="NBW707" s="613"/>
      <c r="NBX707" s="613"/>
      <c r="NBY707" s="613"/>
      <c r="NBZ707" s="613"/>
      <c r="NCA707" s="613"/>
      <c r="NCB707" s="613"/>
      <c r="NCC707" s="613"/>
      <c r="NCD707" s="613"/>
      <c r="NCE707" s="613"/>
      <c r="NCF707" s="613"/>
      <c r="NCG707" s="613"/>
      <c r="NCH707" s="613"/>
      <c r="NCI707" s="613"/>
      <c r="NCJ707" s="613"/>
      <c r="NCK707" s="613"/>
      <c r="NCL707" s="613"/>
      <c r="NCM707" s="613"/>
      <c r="NCN707" s="613"/>
      <c r="NCO707" s="613"/>
      <c r="NCP707" s="613"/>
      <c r="NCQ707" s="613"/>
      <c r="NCR707" s="613"/>
      <c r="NCS707" s="613"/>
      <c r="NCT707" s="613"/>
      <c r="NCU707" s="613"/>
      <c r="NCV707" s="613"/>
      <c r="NCW707" s="613"/>
      <c r="NCX707" s="613"/>
      <c r="NCY707" s="613"/>
      <c r="NCZ707" s="613"/>
      <c r="NDA707" s="613"/>
      <c r="NDB707" s="613"/>
      <c r="NDC707" s="613"/>
      <c r="NDD707" s="613"/>
      <c r="NDE707" s="613"/>
      <c r="NDF707" s="613"/>
      <c r="NDG707" s="613"/>
      <c r="NDH707" s="613"/>
      <c r="NDI707" s="613"/>
      <c r="NDJ707" s="613"/>
      <c r="NDK707" s="613"/>
      <c r="NDL707" s="613"/>
      <c r="NDM707" s="613"/>
      <c r="NDN707" s="613"/>
      <c r="NDO707" s="613"/>
      <c r="NDP707" s="613"/>
      <c r="NDQ707" s="613"/>
      <c r="NDR707" s="613"/>
      <c r="NDS707" s="613"/>
      <c r="NDT707" s="613"/>
      <c r="NDU707" s="613"/>
      <c r="NDV707" s="613"/>
      <c r="NDW707" s="613"/>
      <c r="NDX707" s="613"/>
      <c r="NDY707" s="613"/>
      <c r="NDZ707" s="613"/>
      <c r="NEA707" s="613"/>
      <c r="NEB707" s="613"/>
      <c r="NEC707" s="613"/>
      <c r="NED707" s="613"/>
      <c r="NEE707" s="613"/>
      <c r="NEF707" s="613"/>
      <c r="NEG707" s="613"/>
      <c r="NEH707" s="613"/>
      <c r="NEI707" s="613"/>
      <c r="NEJ707" s="613"/>
      <c r="NEK707" s="613"/>
      <c r="NEL707" s="613"/>
      <c r="NEM707" s="613"/>
      <c r="NEN707" s="613"/>
      <c r="NEO707" s="613"/>
      <c r="NEP707" s="613"/>
      <c r="NEQ707" s="613"/>
      <c r="NER707" s="613"/>
      <c r="NES707" s="613"/>
      <c r="NET707" s="613"/>
      <c r="NEU707" s="613"/>
      <c r="NEV707" s="613"/>
      <c r="NEW707" s="613"/>
      <c r="NEX707" s="613"/>
      <c r="NEY707" s="613"/>
      <c r="NEZ707" s="613"/>
      <c r="NFA707" s="613"/>
      <c r="NFB707" s="613"/>
      <c r="NFC707" s="613"/>
      <c r="NFD707" s="613"/>
      <c r="NFE707" s="613"/>
      <c r="NFF707" s="613"/>
      <c r="NFG707" s="613"/>
      <c r="NFH707" s="613"/>
      <c r="NFI707" s="613"/>
      <c r="NFJ707" s="613"/>
      <c r="NFK707" s="613"/>
      <c r="NFL707" s="613"/>
      <c r="NFM707" s="613"/>
      <c r="NFN707" s="613"/>
      <c r="NFO707" s="613"/>
      <c r="NFP707" s="613"/>
      <c r="NFQ707" s="613"/>
      <c r="NFR707" s="613"/>
      <c r="NFS707" s="613"/>
      <c r="NFT707" s="613"/>
      <c r="NFU707" s="613"/>
      <c r="NFV707" s="613"/>
      <c r="NFW707" s="613"/>
      <c r="NFX707" s="613"/>
      <c r="NFY707" s="613"/>
      <c r="NFZ707" s="613"/>
      <c r="NGA707" s="613"/>
      <c r="NGB707" s="613"/>
      <c r="NGC707" s="613"/>
      <c r="NGD707" s="613"/>
      <c r="NGE707" s="613"/>
      <c r="NGF707" s="613"/>
      <c r="NGG707" s="613"/>
      <c r="NGH707" s="613"/>
      <c r="NGI707" s="613"/>
      <c r="NGJ707" s="613"/>
      <c r="NGK707" s="613"/>
      <c r="NGL707" s="613"/>
      <c r="NGM707" s="613"/>
      <c r="NGN707" s="613"/>
      <c r="NGO707" s="613"/>
      <c r="NGP707" s="613"/>
      <c r="NGQ707" s="613"/>
      <c r="NGR707" s="613"/>
      <c r="NGS707" s="613"/>
      <c r="NGT707" s="613"/>
      <c r="NGU707" s="613"/>
      <c r="NGV707" s="613"/>
      <c r="NGW707" s="613"/>
      <c r="NGX707" s="613"/>
      <c r="NGY707" s="613"/>
      <c r="NGZ707" s="613"/>
      <c r="NHA707" s="613"/>
      <c r="NHB707" s="613"/>
      <c r="NHC707" s="613"/>
      <c r="NHD707" s="613"/>
      <c r="NHE707" s="613"/>
      <c r="NHF707" s="613"/>
      <c r="NHG707" s="613"/>
      <c r="NHH707" s="613"/>
      <c r="NHI707" s="613"/>
      <c r="NHJ707" s="613"/>
      <c r="NHK707" s="613"/>
      <c r="NHL707" s="613"/>
      <c r="NHM707" s="613"/>
      <c r="NHN707" s="613"/>
      <c r="NHO707" s="613"/>
      <c r="NHP707" s="613"/>
      <c r="NHQ707" s="613"/>
      <c r="NHR707" s="613"/>
      <c r="NHS707" s="613"/>
      <c r="NHT707" s="613"/>
      <c r="NHU707" s="613"/>
      <c r="NHV707" s="613"/>
      <c r="NHW707" s="613"/>
      <c r="NHX707" s="613"/>
      <c r="NHY707" s="613"/>
      <c r="NHZ707" s="613"/>
      <c r="NIA707" s="613"/>
      <c r="NIB707" s="613"/>
      <c r="NIC707" s="613"/>
      <c r="NID707" s="613"/>
      <c r="NIE707" s="613"/>
      <c r="NIF707" s="613"/>
      <c r="NIG707" s="613"/>
      <c r="NIH707" s="613"/>
      <c r="NII707" s="613"/>
      <c r="NIJ707" s="613"/>
      <c r="NIK707" s="613"/>
      <c r="NIL707" s="613"/>
      <c r="NIM707" s="613"/>
      <c r="NIN707" s="613"/>
      <c r="NIO707" s="613"/>
      <c r="NIP707" s="613"/>
      <c r="NIQ707" s="613"/>
      <c r="NIR707" s="613"/>
      <c r="NIS707" s="613"/>
      <c r="NIT707" s="613"/>
      <c r="NIU707" s="613"/>
      <c r="NIV707" s="613"/>
      <c r="NIW707" s="613"/>
      <c r="NIX707" s="613"/>
      <c r="NIY707" s="613"/>
      <c r="NIZ707" s="613"/>
      <c r="NJA707" s="613"/>
      <c r="NJB707" s="613"/>
      <c r="NJC707" s="613"/>
      <c r="NJD707" s="613"/>
      <c r="NJE707" s="613"/>
      <c r="NJF707" s="613"/>
      <c r="NJG707" s="613"/>
      <c r="NJH707" s="613"/>
      <c r="NJI707" s="613"/>
      <c r="NJJ707" s="613"/>
      <c r="NJK707" s="613"/>
      <c r="NJL707" s="613"/>
      <c r="NJM707" s="613"/>
      <c r="NJN707" s="613"/>
      <c r="NJO707" s="613"/>
      <c r="NJP707" s="613"/>
      <c r="NJQ707" s="613"/>
      <c r="NJR707" s="613"/>
      <c r="NJS707" s="613"/>
      <c r="NJT707" s="613"/>
      <c r="NJU707" s="613"/>
      <c r="NJV707" s="613"/>
      <c r="NJW707" s="613"/>
      <c r="NJX707" s="613"/>
      <c r="NJY707" s="613"/>
      <c r="NJZ707" s="613"/>
      <c r="NKA707" s="613"/>
      <c r="NKB707" s="613"/>
      <c r="NKC707" s="613"/>
      <c r="NKD707" s="613"/>
      <c r="NKE707" s="613"/>
      <c r="NKF707" s="613"/>
      <c r="NKG707" s="613"/>
      <c r="NKH707" s="613"/>
      <c r="NKI707" s="613"/>
      <c r="NKJ707" s="613"/>
      <c r="NKK707" s="613"/>
      <c r="NKL707" s="613"/>
      <c r="NKM707" s="613"/>
      <c r="NKN707" s="613"/>
      <c r="NKO707" s="613"/>
      <c r="NKP707" s="613"/>
      <c r="NKQ707" s="613"/>
      <c r="NKR707" s="613"/>
      <c r="NKS707" s="613"/>
      <c r="NKT707" s="613"/>
      <c r="NKU707" s="613"/>
      <c r="NKV707" s="613"/>
      <c r="NKW707" s="613"/>
      <c r="NKX707" s="613"/>
      <c r="NKY707" s="613"/>
      <c r="NKZ707" s="613"/>
      <c r="NLA707" s="613"/>
      <c r="NLB707" s="613"/>
      <c r="NLC707" s="613"/>
      <c r="NLD707" s="613"/>
      <c r="NLE707" s="613"/>
      <c r="NLF707" s="613"/>
      <c r="NLG707" s="613"/>
      <c r="NLH707" s="613"/>
      <c r="NLI707" s="613"/>
      <c r="NLJ707" s="613"/>
      <c r="NLK707" s="613"/>
      <c r="NLL707" s="613"/>
      <c r="NLM707" s="613"/>
      <c r="NLN707" s="613"/>
      <c r="NLO707" s="613"/>
      <c r="NLP707" s="613"/>
      <c r="NLQ707" s="613"/>
      <c r="NLR707" s="613"/>
      <c r="NLS707" s="613"/>
      <c r="NLT707" s="613"/>
      <c r="NLU707" s="613"/>
      <c r="NLV707" s="613"/>
      <c r="NLW707" s="613"/>
      <c r="NLX707" s="613"/>
      <c r="NLY707" s="613"/>
      <c r="NLZ707" s="613"/>
      <c r="NMA707" s="613"/>
      <c r="NMB707" s="613"/>
      <c r="NMC707" s="613"/>
      <c r="NMD707" s="613"/>
      <c r="NME707" s="613"/>
      <c r="NMF707" s="613"/>
      <c r="NMG707" s="613"/>
      <c r="NMH707" s="613"/>
      <c r="NMI707" s="613"/>
      <c r="NMJ707" s="613"/>
      <c r="NMK707" s="613"/>
      <c r="NML707" s="613"/>
      <c r="NMM707" s="613"/>
      <c r="NMN707" s="613"/>
      <c r="NMO707" s="613"/>
      <c r="NMP707" s="613"/>
      <c r="NMQ707" s="613"/>
      <c r="NMR707" s="613"/>
      <c r="NMS707" s="613"/>
      <c r="NMT707" s="613"/>
      <c r="NMU707" s="613"/>
      <c r="NMV707" s="613"/>
      <c r="NMW707" s="613"/>
      <c r="NMX707" s="613"/>
      <c r="NMY707" s="613"/>
      <c r="NMZ707" s="613"/>
      <c r="NNA707" s="613"/>
      <c r="NNB707" s="613"/>
      <c r="NNC707" s="613"/>
      <c r="NND707" s="613"/>
      <c r="NNE707" s="613"/>
      <c r="NNF707" s="613"/>
      <c r="NNG707" s="613"/>
      <c r="NNH707" s="613"/>
      <c r="NNI707" s="613"/>
      <c r="NNJ707" s="613"/>
      <c r="NNK707" s="613"/>
      <c r="NNL707" s="613"/>
      <c r="NNM707" s="613"/>
      <c r="NNN707" s="613"/>
      <c r="NNO707" s="613"/>
      <c r="NNP707" s="613"/>
      <c r="NNQ707" s="613"/>
      <c r="NNR707" s="613"/>
      <c r="NNS707" s="613"/>
      <c r="NNT707" s="613"/>
      <c r="NNU707" s="613"/>
      <c r="NNV707" s="613"/>
      <c r="NNW707" s="613"/>
      <c r="NNX707" s="613"/>
      <c r="NNY707" s="613"/>
      <c r="NNZ707" s="613"/>
      <c r="NOA707" s="613"/>
      <c r="NOB707" s="613"/>
      <c r="NOC707" s="613"/>
      <c r="NOD707" s="613"/>
      <c r="NOE707" s="613"/>
      <c r="NOF707" s="613"/>
      <c r="NOG707" s="613"/>
      <c r="NOH707" s="613"/>
      <c r="NOI707" s="613"/>
      <c r="NOJ707" s="613"/>
      <c r="NOK707" s="613"/>
      <c r="NOL707" s="613"/>
      <c r="NOM707" s="613"/>
      <c r="NON707" s="613"/>
      <c r="NOO707" s="613"/>
      <c r="NOP707" s="613"/>
      <c r="NOQ707" s="613"/>
      <c r="NOR707" s="613"/>
      <c r="NOS707" s="613"/>
      <c r="NOT707" s="613"/>
      <c r="NOU707" s="613"/>
      <c r="NOV707" s="613"/>
      <c r="NOW707" s="613"/>
      <c r="NOX707" s="613"/>
      <c r="NOY707" s="613"/>
      <c r="NOZ707" s="613"/>
      <c r="NPA707" s="613"/>
      <c r="NPB707" s="613"/>
      <c r="NPC707" s="613"/>
      <c r="NPD707" s="613"/>
      <c r="NPE707" s="613"/>
      <c r="NPF707" s="613"/>
      <c r="NPG707" s="613"/>
      <c r="NPH707" s="613"/>
      <c r="NPI707" s="613"/>
      <c r="NPJ707" s="613"/>
      <c r="NPK707" s="613"/>
      <c r="NPL707" s="613"/>
      <c r="NPM707" s="613"/>
      <c r="NPN707" s="613"/>
      <c r="NPO707" s="613"/>
      <c r="NPP707" s="613"/>
      <c r="NPQ707" s="613"/>
      <c r="NPR707" s="613"/>
      <c r="NPS707" s="613"/>
      <c r="NPT707" s="613"/>
      <c r="NPU707" s="613"/>
      <c r="NPV707" s="613"/>
      <c r="NPW707" s="613"/>
      <c r="NPX707" s="613"/>
      <c r="NPY707" s="613"/>
      <c r="NPZ707" s="613"/>
      <c r="NQA707" s="613"/>
      <c r="NQB707" s="613"/>
      <c r="NQC707" s="613"/>
      <c r="NQD707" s="613"/>
      <c r="NQE707" s="613"/>
      <c r="NQF707" s="613"/>
      <c r="NQG707" s="613"/>
      <c r="NQH707" s="613"/>
      <c r="NQI707" s="613"/>
      <c r="NQJ707" s="613"/>
      <c r="NQK707" s="613"/>
      <c r="NQL707" s="613"/>
      <c r="NQM707" s="613"/>
      <c r="NQN707" s="613"/>
      <c r="NQO707" s="613"/>
      <c r="NQP707" s="613"/>
      <c r="NQQ707" s="613"/>
      <c r="NQR707" s="613"/>
      <c r="NQS707" s="613"/>
      <c r="NQT707" s="613"/>
      <c r="NQU707" s="613"/>
      <c r="NQV707" s="613"/>
      <c r="NQW707" s="613"/>
      <c r="NQX707" s="613"/>
      <c r="NQY707" s="613"/>
      <c r="NQZ707" s="613"/>
      <c r="NRA707" s="613"/>
      <c r="NRB707" s="613"/>
      <c r="NRC707" s="613"/>
      <c r="NRD707" s="613"/>
      <c r="NRE707" s="613"/>
      <c r="NRF707" s="613"/>
      <c r="NRG707" s="613"/>
      <c r="NRH707" s="613"/>
      <c r="NRI707" s="613"/>
      <c r="NRJ707" s="613"/>
      <c r="NRK707" s="613"/>
      <c r="NRL707" s="613"/>
      <c r="NRM707" s="613"/>
      <c r="NRN707" s="613"/>
      <c r="NRO707" s="613"/>
      <c r="NRP707" s="613"/>
      <c r="NRQ707" s="613"/>
      <c r="NRR707" s="613"/>
      <c r="NRS707" s="613"/>
      <c r="NRT707" s="613"/>
      <c r="NRU707" s="613"/>
      <c r="NRV707" s="613"/>
      <c r="NRW707" s="613"/>
      <c r="NRX707" s="613"/>
      <c r="NRY707" s="613"/>
      <c r="NRZ707" s="613"/>
      <c r="NSA707" s="613"/>
      <c r="NSB707" s="613"/>
      <c r="NSC707" s="613"/>
      <c r="NSD707" s="613"/>
      <c r="NSE707" s="613"/>
      <c r="NSF707" s="613"/>
      <c r="NSG707" s="613"/>
      <c r="NSH707" s="613"/>
      <c r="NSI707" s="613"/>
      <c r="NSJ707" s="613"/>
      <c r="NSK707" s="613"/>
      <c r="NSL707" s="613"/>
      <c r="NSM707" s="613"/>
      <c r="NSN707" s="613"/>
      <c r="NSO707" s="613"/>
      <c r="NSP707" s="613"/>
      <c r="NSQ707" s="613"/>
      <c r="NSR707" s="613"/>
      <c r="NSS707" s="613"/>
      <c r="NST707" s="613"/>
      <c r="NSU707" s="613"/>
      <c r="NSV707" s="613"/>
      <c r="NSW707" s="613"/>
      <c r="NSX707" s="613"/>
      <c r="NSY707" s="613"/>
      <c r="NSZ707" s="613"/>
      <c r="NTA707" s="613"/>
      <c r="NTB707" s="613"/>
      <c r="NTC707" s="613"/>
      <c r="NTD707" s="613"/>
      <c r="NTE707" s="613"/>
      <c r="NTF707" s="613"/>
      <c r="NTG707" s="613"/>
      <c r="NTH707" s="613"/>
      <c r="NTI707" s="613"/>
      <c r="NTJ707" s="613"/>
      <c r="NTK707" s="613"/>
      <c r="NTL707" s="613"/>
      <c r="NTM707" s="613"/>
      <c r="NTN707" s="613"/>
      <c r="NTO707" s="613"/>
      <c r="NTP707" s="613"/>
      <c r="NTQ707" s="613"/>
      <c r="NTR707" s="613"/>
      <c r="NTS707" s="613"/>
      <c r="NTT707" s="613"/>
      <c r="NTU707" s="613"/>
      <c r="NTV707" s="613"/>
      <c r="NTW707" s="613"/>
      <c r="NTX707" s="613"/>
      <c r="NTY707" s="613"/>
      <c r="NTZ707" s="613"/>
      <c r="NUA707" s="613"/>
      <c r="NUB707" s="613"/>
      <c r="NUC707" s="613"/>
      <c r="NUD707" s="613"/>
      <c r="NUE707" s="613"/>
      <c r="NUF707" s="613"/>
      <c r="NUG707" s="613"/>
      <c r="NUH707" s="613"/>
      <c r="NUI707" s="613"/>
      <c r="NUJ707" s="613"/>
      <c r="NUK707" s="613"/>
      <c r="NUL707" s="613"/>
      <c r="NUM707" s="613"/>
      <c r="NUN707" s="613"/>
      <c r="NUO707" s="613"/>
      <c r="NUP707" s="613"/>
      <c r="NUQ707" s="613"/>
      <c r="NUR707" s="613"/>
      <c r="NUS707" s="613"/>
      <c r="NUT707" s="613"/>
      <c r="NUU707" s="613"/>
      <c r="NUV707" s="613"/>
      <c r="NUW707" s="613"/>
      <c r="NUX707" s="613"/>
      <c r="NUY707" s="613"/>
      <c r="NUZ707" s="613"/>
      <c r="NVA707" s="613"/>
      <c r="NVB707" s="613"/>
      <c r="NVC707" s="613"/>
      <c r="NVD707" s="613"/>
      <c r="NVE707" s="613"/>
      <c r="NVF707" s="613"/>
      <c r="NVG707" s="613"/>
      <c r="NVH707" s="613"/>
      <c r="NVI707" s="613"/>
      <c r="NVJ707" s="613"/>
      <c r="NVK707" s="613"/>
      <c r="NVL707" s="613"/>
      <c r="NVM707" s="613"/>
      <c r="NVN707" s="613"/>
      <c r="NVO707" s="613"/>
      <c r="NVP707" s="613"/>
      <c r="NVQ707" s="613"/>
      <c r="NVR707" s="613"/>
      <c r="NVS707" s="613"/>
      <c r="NVT707" s="613"/>
      <c r="NVU707" s="613"/>
      <c r="NVV707" s="613"/>
      <c r="NVW707" s="613"/>
      <c r="NVX707" s="613"/>
      <c r="NVY707" s="613"/>
      <c r="NVZ707" s="613"/>
      <c r="NWA707" s="613"/>
      <c r="NWB707" s="613"/>
      <c r="NWC707" s="613"/>
      <c r="NWD707" s="613"/>
      <c r="NWE707" s="613"/>
      <c r="NWF707" s="613"/>
      <c r="NWG707" s="613"/>
      <c r="NWH707" s="613"/>
      <c r="NWI707" s="613"/>
      <c r="NWJ707" s="613"/>
      <c r="NWK707" s="613"/>
      <c r="NWL707" s="613"/>
      <c r="NWM707" s="613"/>
      <c r="NWN707" s="613"/>
      <c r="NWO707" s="613"/>
      <c r="NWP707" s="613"/>
      <c r="NWQ707" s="613"/>
      <c r="NWR707" s="613"/>
      <c r="NWS707" s="613"/>
      <c r="NWT707" s="613"/>
      <c r="NWU707" s="613"/>
      <c r="NWV707" s="613"/>
      <c r="NWW707" s="613"/>
      <c r="NWX707" s="613"/>
      <c r="NWY707" s="613"/>
      <c r="NWZ707" s="613"/>
      <c r="NXA707" s="613"/>
      <c r="NXB707" s="613"/>
      <c r="NXC707" s="613"/>
      <c r="NXD707" s="613"/>
      <c r="NXE707" s="613"/>
      <c r="NXF707" s="613"/>
      <c r="NXG707" s="613"/>
      <c r="NXH707" s="613"/>
      <c r="NXI707" s="613"/>
      <c r="NXJ707" s="613"/>
      <c r="NXK707" s="613"/>
      <c r="NXL707" s="613"/>
      <c r="NXM707" s="613"/>
      <c r="NXN707" s="613"/>
      <c r="NXO707" s="613"/>
      <c r="NXP707" s="613"/>
      <c r="NXQ707" s="613"/>
      <c r="NXR707" s="613"/>
      <c r="NXS707" s="613"/>
      <c r="NXT707" s="613"/>
      <c r="NXU707" s="613"/>
      <c r="NXV707" s="613"/>
      <c r="NXW707" s="613"/>
      <c r="NXX707" s="613"/>
      <c r="NXY707" s="613"/>
      <c r="NXZ707" s="613"/>
      <c r="NYA707" s="613"/>
      <c r="NYB707" s="613"/>
      <c r="NYC707" s="613"/>
      <c r="NYD707" s="613"/>
      <c r="NYE707" s="613"/>
      <c r="NYF707" s="613"/>
      <c r="NYG707" s="613"/>
      <c r="NYH707" s="613"/>
      <c r="NYI707" s="613"/>
      <c r="NYJ707" s="613"/>
      <c r="NYK707" s="613"/>
      <c r="NYL707" s="613"/>
      <c r="NYM707" s="613"/>
      <c r="NYN707" s="613"/>
      <c r="NYO707" s="613"/>
      <c r="NYP707" s="613"/>
      <c r="NYQ707" s="613"/>
      <c r="NYR707" s="613"/>
      <c r="NYS707" s="613"/>
      <c r="NYT707" s="613"/>
      <c r="NYU707" s="613"/>
      <c r="NYV707" s="613"/>
      <c r="NYW707" s="613"/>
      <c r="NYX707" s="613"/>
      <c r="NYY707" s="613"/>
      <c r="NYZ707" s="613"/>
      <c r="NZA707" s="613"/>
      <c r="NZB707" s="613"/>
      <c r="NZC707" s="613"/>
      <c r="NZD707" s="613"/>
      <c r="NZE707" s="613"/>
      <c r="NZF707" s="613"/>
      <c r="NZG707" s="613"/>
      <c r="NZH707" s="613"/>
      <c r="NZI707" s="613"/>
      <c r="NZJ707" s="613"/>
      <c r="NZK707" s="613"/>
      <c r="NZL707" s="613"/>
      <c r="NZM707" s="613"/>
      <c r="NZN707" s="613"/>
      <c r="NZO707" s="613"/>
      <c r="NZP707" s="613"/>
      <c r="NZQ707" s="613"/>
      <c r="NZR707" s="613"/>
      <c r="NZS707" s="613"/>
      <c r="NZT707" s="613"/>
      <c r="NZU707" s="613"/>
      <c r="NZV707" s="613"/>
      <c r="NZW707" s="613"/>
      <c r="NZX707" s="613"/>
      <c r="NZY707" s="613"/>
      <c r="NZZ707" s="613"/>
      <c r="OAA707" s="613"/>
      <c r="OAB707" s="613"/>
      <c r="OAC707" s="613"/>
      <c r="OAD707" s="613"/>
      <c r="OAE707" s="613"/>
      <c r="OAF707" s="613"/>
      <c r="OAG707" s="613"/>
      <c r="OAH707" s="613"/>
      <c r="OAI707" s="613"/>
      <c r="OAJ707" s="613"/>
      <c r="OAK707" s="613"/>
      <c r="OAL707" s="613"/>
      <c r="OAM707" s="613"/>
      <c r="OAN707" s="613"/>
      <c r="OAO707" s="613"/>
      <c r="OAP707" s="613"/>
      <c r="OAQ707" s="613"/>
      <c r="OAR707" s="613"/>
      <c r="OAS707" s="613"/>
      <c r="OAT707" s="613"/>
      <c r="OAU707" s="613"/>
      <c r="OAV707" s="613"/>
      <c r="OAW707" s="613"/>
      <c r="OAX707" s="613"/>
      <c r="OAY707" s="613"/>
      <c r="OAZ707" s="613"/>
      <c r="OBA707" s="613"/>
      <c r="OBB707" s="613"/>
      <c r="OBC707" s="613"/>
      <c r="OBD707" s="613"/>
      <c r="OBE707" s="613"/>
      <c r="OBF707" s="613"/>
      <c r="OBG707" s="613"/>
      <c r="OBH707" s="613"/>
      <c r="OBI707" s="613"/>
      <c r="OBJ707" s="613"/>
      <c r="OBK707" s="613"/>
      <c r="OBL707" s="613"/>
      <c r="OBM707" s="613"/>
      <c r="OBN707" s="613"/>
      <c r="OBO707" s="613"/>
      <c r="OBP707" s="613"/>
      <c r="OBQ707" s="613"/>
      <c r="OBR707" s="613"/>
      <c r="OBS707" s="613"/>
      <c r="OBT707" s="613"/>
      <c r="OBU707" s="613"/>
      <c r="OBV707" s="613"/>
      <c r="OBW707" s="613"/>
      <c r="OBX707" s="613"/>
      <c r="OBY707" s="613"/>
      <c r="OBZ707" s="613"/>
      <c r="OCA707" s="613"/>
      <c r="OCB707" s="613"/>
      <c r="OCC707" s="613"/>
      <c r="OCD707" s="613"/>
      <c r="OCE707" s="613"/>
      <c r="OCF707" s="613"/>
      <c r="OCG707" s="613"/>
      <c r="OCH707" s="613"/>
      <c r="OCI707" s="613"/>
      <c r="OCJ707" s="613"/>
      <c r="OCK707" s="613"/>
      <c r="OCL707" s="613"/>
      <c r="OCM707" s="613"/>
      <c r="OCN707" s="613"/>
      <c r="OCO707" s="613"/>
      <c r="OCP707" s="613"/>
      <c r="OCQ707" s="613"/>
      <c r="OCR707" s="613"/>
      <c r="OCS707" s="613"/>
      <c r="OCT707" s="613"/>
      <c r="OCU707" s="613"/>
      <c r="OCV707" s="613"/>
      <c r="OCW707" s="613"/>
      <c r="OCX707" s="613"/>
      <c r="OCY707" s="613"/>
      <c r="OCZ707" s="613"/>
      <c r="ODA707" s="613"/>
      <c r="ODB707" s="613"/>
      <c r="ODC707" s="613"/>
      <c r="ODD707" s="613"/>
      <c r="ODE707" s="613"/>
      <c r="ODF707" s="613"/>
      <c r="ODG707" s="613"/>
      <c r="ODH707" s="613"/>
      <c r="ODI707" s="613"/>
      <c r="ODJ707" s="613"/>
      <c r="ODK707" s="613"/>
      <c r="ODL707" s="613"/>
      <c r="ODM707" s="613"/>
      <c r="ODN707" s="613"/>
      <c r="ODO707" s="613"/>
      <c r="ODP707" s="613"/>
      <c r="ODQ707" s="613"/>
      <c r="ODR707" s="613"/>
      <c r="ODS707" s="613"/>
      <c r="ODT707" s="613"/>
      <c r="ODU707" s="613"/>
      <c r="ODV707" s="613"/>
      <c r="ODW707" s="613"/>
      <c r="ODX707" s="613"/>
      <c r="ODY707" s="613"/>
      <c r="ODZ707" s="613"/>
      <c r="OEA707" s="613"/>
      <c r="OEB707" s="613"/>
      <c r="OEC707" s="613"/>
      <c r="OED707" s="613"/>
      <c r="OEE707" s="613"/>
      <c r="OEF707" s="613"/>
      <c r="OEG707" s="613"/>
      <c r="OEH707" s="613"/>
      <c r="OEI707" s="613"/>
      <c r="OEJ707" s="613"/>
      <c r="OEK707" s="613"/>
      <c r="OEL707" s="613"/>
      <c r="OEM707" s="613"/>
      <c r="OEN707" s="613"/>
      <c r="OEO707" s="613"/>
      <c r="OEP707" s="613"/>
      <c r="OEQ707" s="613"/>
      <c r="OER707" s="613"/>
      <c r="OES707" s="613"/>
      <c r="OET707" s="613"/>
      <c r="OEU707" s="613"/>
      <c r="OEV707" s="613"/>
      <c r="OEW707" s="613"/>
      <c r="OEX707" s="613"/>
      <c r="OEY707" s="613"/>
      <c r="OEZ707" s="613"/>
      <c r="OFA707" s="613"/>
      <c r="OFB707" s="613"/>
      <c r="OFC707" s="613"/>
      <c r="OFD707" s="613"/>
      <c r="OFE707" s="613"/>
      <c r="OFF707" s="613"/>
      <c r="OFG707" s="613"/>
      <c r="OFH707" s="613"/>
      <c r="OFI707" s="613"/>
      <c r="OFJ707" s="613"/>
      <c r="OFK707" s="613"/>
      <c r="OFL707" s="613"/>
      <c r="OFM707" s="613"/>
      <c r="OFN707" s="613"/>
      <c r="OFO707" s="613"/>
      <c r="OFP707" s="613"/>
      <c r="OFQ707" s="613"/>
      <c r="OFR707" s="613"/>
      <c r="OFS707" s="613"/>
      <c r="OFT707" s="613"/>
      <c r="OFU707" s="613"/>
      <c r="OFV707" s="613"/>
      <c r="OFW707" s="613"/>
      <c r="OFX707" s="613"/>
      <c r="OFY707" s="613"/>
      <c r="OFZ707" s="613"/>
      <c r="OGA707" s="613"/>
      <c r="OGB707" s="613"/>
      <c r="OGC707" s="613"/>
      <c r="OGD707" s="613"/>
      <c r="OGE707" s="613"/>
      <c r="OGF707" s="613"/>
      <c r="OGG707" s="613"/>
      <c r="OGH707" s="613"/>
      <c r="OGI707" s="613"/>
      <c r="OGJ707" s="613"/>
      <c r="OGK707" s="613"/>
      <c r="OGL707" s="613"/>
      <c r="OGM707" s="613"/>
      <c r="OGN707" s="613"/>
      <c r="OGO707" s="613"/>
      <c r="OGP707" s="613"/>
      <c r="OGQ707" s="613"/>
      <c r="OGR707" s="613"/>
      <c r="OGS707" s="613"/>
      <c r="OGT707" s="613"/>
      <c r="OGU707" s="613"/>
      <c r="OGV707" s="613"/>
      <c r="OGW707" s="613"/>
      <c r="OGX707" s="613"/>
      <c r="OGY707" s="613"/>
      <c r="OGZ707" s="613"/>
      <c r="OHA707" s="613"/>
      <c r="OHB707" s="613"/>
      <c r="OHC707" s="613"/>
      <c r="OHD707" s="613"/>
      <c r="OHE707" s="613"/>
      <c r="OHF707" s="613"/>
      <c r="OHG707" s="613"/>
      <c r="OHH707" s="613"/>
      <c r="OHI707" s="613"/>
      <c r="OHJ707" s="613"/>
      <c r="OHK707" s="613"/>
      <c r="OHL707" s="613"/>
      <c r="OHM707" s="613"/>
      <c r="OHN707" s="613"/>
      <c r="OHO707" s="613"/>
      <c r="OHP707" s="613"/>
      <c r="OHQ707" s="613"/>
      <c r="OHR707" s="613"/>
      <c r="OHS707" s="613"/>
      <c r="OHT707" s="613"/>
      <c r="OHU707" s="613"/>
      <c r="OHV707" s="613"/>
      <c r="OHW707" s="613"/>
      <c r="OHX707" s="613"/>
      <c r="OHY707" s="613"/>
      <c r="OHZ707" s="613"/>
      <c r="OIA707" s="613"/>
      <c r="OIB707" s="613"/>
      <c r="OIC707" s="613"/>
      <c r="OID707" s="613"/>
      <c r="OIE707" s="613"/>
      <c r="OIF707" s="613"/>
      <c r="OIG707" s="613"/>
      <c r="OIH707" s="613"/>
      <c r="OII707" s="613"/>
      <c r="OIJ707" s="613"/>
      <c r="OIK707" s="613"/>
      <c r="OIL707" s="613"/>
      <c r="OIM707" s="613"/>
      <c r="OIN707" s="613"/>
      <c r="OIO707" s="613"/>
      <c r="OIP707" s="613"/>
      <c r="OIQ707" s="613"/>
      <c r="OIR707" s="613"/>
      <c r="OIS707" s="613"/>
      <c r="OIT707" s="613"/>
      <c r="OIU707" s="613"/>
      <c r="OIV707" s="613"/>
      <c r="OIW707" s="613"/>
      <c r="OIX707" s="613"/>
      <c r="OIY707" s="613"/>
      <c r="OIZ707" s="613"/>
      <c r="OJA707" s="613"/>
      <c r="OJB707" s="613"/>
      <c r="OJC707" s="613"/>
      <c r="OJD707" s="613"/>
      <c r="OJE707" s="613"/>
      <c r="OJF707" s="613"/>
      <c r="OJG707" s="613"/>
      <c r="OJH707" s="613"/>
      <c r="OJI707" s="613"/>
      <c r="OJJ707" s="613"/>
      <c r="OJK707" s="613"/>
      <c r="OJL707" s="613"/>
      <c r="OJM707" s="613"/>
      <c r="OJN707" s="613"/>
      <c r="OJO707" s="613"/>
      <c r="OJP707" s="613"/>
      <c r="OJQ707" s="613"/>
      <c r="OJR707" s="613"/>
      <c r="OJS707" s="613"/>
      <c r="OJT707" s="613"/>
      <c r="OJU707" s="613"/>
      <c r="OJV707" s="613"/>
      <c r="OJW707" s="613"/>
      <c r="OJX707" s="613"/>
      <c r="OJY707" s="613"/>
      <c r="OJZ707" s="613"/>
      <c r="OKA707" s="613"/>
      <c r="OKB707" s="613"/>
      <c r="OKC707" s="613"/>
      <c r="OKD707" s="613"/>
      <c r="OKE707" s="613"/>
      <c r="OKF707" s="613"/>
      <c r="OKG707" s="613"/>
      <c r="OKH707" s="613"/>
      <c r="OKI707" s="613"/>
      <c r="OKJ707" s="613"/>
      <c r="OKK707" s="613"/>
      <c r="OKL707" s="613"/>
      <c r="OKM707" s="613"/>
      <c r="OKN707" s="613"/>
      <c r="OKO707" s="613"/>
      <c r="OKP707" s="613"/>
      <c r="OKQ707" s="613"/>
      <c r="OKR707" s="613"/>
      <c r="OKS707" s="613"/>
      <c r="OKT707" s="613"/>
      <c r="OKU707" s="613"/>
      <c r="OKV707" s="613"/>
      <c r="OKW707" s="613"/>
      <c r="OKX707" s="613"/>
      <c r="OKY707" s="613"/>
      <c r="OKZ707" s="613"/>
      <c r="OLA707" s="613"/>
      <c r="OLB707" s="613"/>
      <c r="OLC707" s="613"/>
      <c r="OLD707" s="613"/>
      <c r="OLE707" s="613"/>
      <c r="OLF707" s="613"/>
      <c r="OLG707" s="613"/>
      <c r="OLH707" s="613"/>
      <c r="OLI707" s="613"/>
      <c r="OLJ707" s="613"/>
      <c r="OLK707" s="613"/>
      <c r="OLL707" s="613"/>
      <c r="OLM707" s="613"/>
      <c r="OLN707" s="613"/>
      <c r="OLO707" s="613"/>
      <c r="OLP707" s="613"/>
      <c r="OLQ707" s="613"/>
      <c r="OLR707" s="613"/>
      <c r="OLS707" s="613"/>
      <c r="OLT707" s="613"/>
      <c r="OLU707" s="613"/>
      <c r="OLV707" s="613"/>
      <c r="OLW707" s="613"/>
      <c r="OLX707" s="613"/>
      <c r="OLY707" s="613"/>
      <c r="OLZ707" s="613"/>
      <c r="OMA707" s="613"/>
      <c r="OMB707" s="613"/>
      <c r="OMC707" s="613"/>
      <c r="OMD707" s="613"/>
      <c r="OME707" s="613"/>
      <c r="OMF707" s="613"/>
      <c r="OMG707" s="613"/>
      <c r="OMH707" s="613"/>
      <c r="OMI707" s="613"/>
      <c r="OMJ707" s="613"/>
      <c r="OMK707" s="613"/>
      <c r="OML707" s="613"/>
      <c r="OMM707" s="613"/>
      <c r="OMN707" s="613"/>
      <c r="OMO707" s="613"/>
      <c r="OMP707" s="613"/>
      <c r="OMQ707" s="613"/>
      <c r="OMR707" s="613"/>
      <c r="OMS707" s="613"/>
      <c r="OMT707" s="613"/>
      <c r="OMU707" s="613"/>
      <c r="OMV707" s="613"/>
      <c r="OMW707" s="613"/>
      <c r="OMX707" s="613"/>
      <c r="OMY707" s="613"/>
      <c r="OMZ707" s="613"/>
      <c r="ONA707" s="613"/>
      <c r="ONB707" s="613"/>
      <c r="ONC707" s="613"/>
      <c r="OND707" s="613"/>
      <c r="ONE707" s="613"/>
      <c r="ONF707" s="613"/>
      <c r="ONG707" s="613"/>
      <c r="ONH707" s="613"/>
      <c r="ONI707" s="613"/>
      <c r="ONJ707" s="613"/>
      <c r="ONK707" s="613"/>
      <c r="ONL707" s="613"/>
      <c r="ONM707" s="613"/>
      <c r="ONN707" s="613"/>
      <c r="ONO707" s="613"/>
      <c r="ONP707" s="613"/>
      <c r="ONQ707" s="613"/>
      <c r="ONR707" s="613"/>
      <c r="ONS707" s="613"/>
      <c r="ONT707" s="613"/>
      <c r="ONU707" s="613"/>
      <c r="ONV707" s="613"/>
      <c r="ONW707" s="613"/>
      <c r="ONX707" s="613"/>
      <c r="ONY707" s="613"/>
      <c r="ONZ707" s="613"/>
      <c r="OOA707" s="613"/>
      <c r="OOB707" s="613"/>
      <c r="OOC707" s="613"/>
      <c r="OOD707" s="613"/>
      <c r="OOE707" s="613"/>
      <c r="OOF707" s="613"/>
      <c r="OOG707" s="613"/>
      <c r="OOH707" s="613"/>
      <c r="OOI707" s="613"/>
      <c r="OOJ707" s="613"/>
      <c r="OOK707" s="613"/>
      <c r="OOL707" s="613"/>
      <c r="OOM707" s="613"/>
      <c r="OON707" s="613"/>
      <c r="OOO707" s="613"/>
      <c r="OOP707" s="613"/>
      <c r="OOQ707" s="613"/>
      <c r="OOR707" s="613"/>
      <c r="OOS707" s="613"/>
      <c r="OOT707" s="613"/>
      <c r="OOU707" s="613"/>
      <c r="OOV707" s="613"/>
      <c r="OOW707" s="613"/>
      <c r="OOX707" s="613"/>
      <c r="OOY707" s="613"/>
      <c r="OOZ707" s="613"/>
      <c r="OPA707" s="613"/>
      <c r="OPB707" s="613"/>
      <c r="OPC707" s="613"/>
      <c r="OPD707" s="613"/>
      <c r="OPE707" s="613"/>
      <c r="OPF707" s="613"/>
      <c r="OPG707" s="613"/>
      <c r="OPH707" s="613"/>
      <c r="OPI707" s="613"/>
      <c r="OPJ707" s="613"/>
      <c r="OPK707" s="613"/>
      <c r="OPL707" s="613"/>
      <c r="OPM707" s="613"/>
      <c r="OPN707" s="613"/>
      <c r="OPO707" s="613"/>
      <c r="OPP707" s="613"/>
      <c r="OPQ707" s="613"/>
      <c r="OPR707" s="613"/>
      <c r="OPS707" s="613"/>
      <c r="OPT707" s="613"/>
      <c r="OPU707" s="613"/>
      <c r="OPV707" s="613"/>
      <c r="OPW707" s="613"/>
      <c r="OPX707" s="613"/>
      <c r="OPY707" s="613"/>
      <c r="OPZ707" s="613"/>
      <c r="OQA707" s="613"/>
      <c r="OQB707" s="613"/>
      <c r="OQC707" s="613"/>
      <c r="OQD707" s="613"/>
      <c r="OQE707" s="613"/>
      <c r="OQF707" s="613"/>
      <c r="OQG707" s="613"/>
      <c r="OQH707" s="613"/>
      <c r="OQI707" s="613"/>
      <c r="OQJ707" s="613"/>
      <c r="OQK707" s="613"/>
      <c r="OQL707" s="613"/>
      <c r="OQM707" s="613"/>
      <c r="OQN707" s="613"/>
      <c r="OQO707" s="613"/>
      <c r="OQP707" s="613"/>
      <c r="OQQ707" s="613"/>
      <c r="OQR707" s="613"/>
      <c r="OQS707" s="613"/>
      <c r="OQT707" s="613"/>
      <c r="OQU707" s="613"/>
      <c r="OQV707" s="613"/>
      <c r="OQW707" s="613"/>
      <c r="OQX707" s="613"/>
      <c r="OQY707" s="613"/>
      <c r="OQZ707" s="613"/>
      <c r="ORA707" s="613"/>
      <c r="ORB707" s="613"/>
      <c r="ORC707" s="613"/>
      <c r="ORD707" s="613"/>
      <c r="ORE707" s="613"/>
      <c r="ORF707" s="613"/>
      <c r="ORG707" s="613"/>
      <c r="ORH707" s="613"/>
      <c r="ORI707" s="613"/>
      <c r="ORJ707" s="613"/>
      <c r="ORK707" s="613"/>
      <c r="ORL707" s="613"/>
      <c r="ORM707" s="613"/>
      <c r="ORN707" s="613"/>
      <c r="ORO707" s="613"/>
      <c r="ORP707" s="613"/>
      <c r="ORQ707" s="613"/>
      <c r="ORR707" s="613"/>
      <c r="ORS707" s="613"/>
      <c r="ORT707" s="613"/>
      <c r="ORU707" s="613"/>
      <c r="ORV707" s="613"/>
      <c r="ORW707" s="613"/>
      <c r="ORX707" s="613"/>
      <c r="ORY707" s="613"/>
      <c r="ORZ707" s="613"/>
      <c r="OSA707" s="613"/>
      <c r="OSB707" s="613"/>
      <c r="OSC707" s="613"/>
      <c r="OSD707" s="613"/>
      <c r="OSE707" s="613"/>
      <c r="OSF707" s="613"/>
      <c r="OSG707" s="613"/>
      <c r="OSH707" s="613"/>
      <c r="OSI707" s="613"/>
      <c r="OSJ707" s="613"/>
      <c r="OSK707" s="613"/>
      <c r="OSL707" s="613"/>
      <c r="OSM707" s="613"/>
      <c r="OSN707" s="613"/>
      <c r="OSO707" s="613"/>
      <c r="OSP707" s="613"/>
      <c r="OSQ707" s="613"/>
      <c r="OSR707" s="613"/>
      <c r="OSS707" s="613"/>
      <c r="OST707" s="613"/>
      <c r="OSU707" s="613"/>
      <c r="OSV707" s="613"/>
      <c r="OSW707" s="613"/>
      <c r="OSX707" s="613"/>
      <c r="OSY707" s="613"/>
      <c r="OSZ707" s="613"/>
      <c r="OTA707" s="613"/>
      <c r="OTB707" s="613"/>
      <c r="OTC707" s="613"/>
      <c r="OTD707" s="613"/>
      <c r="OTE707" s="613"/>
      <c r="OTF707" s="613"/>
      <c r="OTG707" s="613"/>
      <c r="OTH707" s="613"/>
      <c r="OTI707" s="613"/>
      <c r="OTJ707" s="613"/>
      <c r="OTK707" s="613"/>
      <c r="OTL707" s="613"/>
      <c r="OTM707" s="613"/>
      <c r="OTN707" s="613"/>
      <c r="OTO707" s="613"/>
      <c r="OTP707" s="613"/>
      <c r="OTQ707" s="613"/>
      <c r="OTR707" s="613"/>
      <c r="OTS707" s="613"/>
      <c r="OTT707" s="613"/>
      <c r="OTU707" s="613"/>
      <c r="OTV707" s="613"/>
      <c r="OTW707" s="613"/>
      <c r="OTX707" s="613"/>
      <c r="OTY707" s="613"/>
      <c r="OTZ707" s="613"/>
      <c r="OUA707" s="613"/>
      <c r="OUB707" s="613"/>
      <c r="OUC707" s="613"/>
      <c r="OUD707" s="613"/>
      <c r="OUE707" s="613"/>
      <c r="OUF707" s="613"/>
      <c r="OUG707" s="613"/>
      <c r="OUH707" s="613"/>
      <c r="OUI707" s="613"/>
      <c r="OUJ707" s="613"/>
      <c r="OUK707" s="613"/>
      <c r="OUL707" s="613"/>
      <c r="OUM707" s="613"/>
      <c r="OUN707" s="613"/>
      <c r="OUO707" s="613"/>
      <c r="OUP707" s="613"/>
      <c r="OUQ707" s="613"/>
      <c r="OUR707" s="613"/>
      <c r="OUS707" s="613"/>
      <c r="OUT707" s="613"/>
      <c r="OUU707" s="613"/>
      <c r="OUV707" s="613"/>
      <c r="OUW707" s="613"/>
      <c r="OUX707" s="613"/>
      <c r="OUY707" s="613"/>
      <c r="OUZ707" s="613"/>
      <c r="OVA707" s="613"/>
      <c r="OVB707" s="613"/>
      <c r="OVC707" s="613"/>
      <c r="OVD707" s="613"/>
      <c r="OVE707" s="613"/>
      <c r="OVF707" s="613"/>
      <c r="OVG707" s="613"/>
      <c r="OVH707" s="613"/>
      <c r="OVI707" s="613"/>
      <c r="OVJ707" s="613"/>
      <c r="OVK707" s="613"/>
      <c r="OVL707" s="613"/>
      <c r="OVM707" s="613"/>
      <c r="OVN707" s="613"/>
      <c r="OVO707" s="613"/>
      <c r="OVP707" s="613"/>
      <c r="OVQ707" s="613"/>
      <c r="OVR707" s="613"/>
      <c r="OVS707" s="613"/>
      <c r="OVT707" s="613"/>
      <c r="OVU707" s="613"/>
      <c r="OVV707" s="613"/>
      <c r="OVW707" s="613"/>
      <c r="OVX707" s="613"/>
      <c r="OVY707" s="613"/>
      <c r="OVZ707" s="613"/>
      <c r="OWA707" s="613"/>
      <c r="OWB707" s="613"/>
      <c r="OWC707" s="613"/>
      <c r="OWD707" s="613"/>
      <c r="OWE707" s="613"/>
      <c r="OWF707" s="613"/>
      <c r="OWG707" s="613"/>
      <c r="OWH707" s="613"/>
      <c r="OWI707" s="613"/>
      <c r="OWJ707" s="613"/>
      <c r="OWK707" s="613"/>
      <c r="OWL707" s="613"/>
      <c r="OWM707" s="613"/>
      <c r="OWN707" s="613"/>
      <c r="OWO707" s="613"/>
      <c r="OWP707" s="613"/>
      <c r="OWQ707" s="613"/>
      <c r="OWR707" s="613"/>
      <c r="OWS707" s="613"/>
      <c r="OWT707" s="613"/>
      <c r="OWU707" s="613"/>
      <c r="OWV707" s="613"/>
      <c r="OWW707" s="613"/>
      <c r="OWX707" s="613"/>
      <c r="OWY707" s="613"/>
      <c r="OWZ707" s="613"/>
      <c r="OXA707" s="613"/>
      <c r="OXB707" s="613"/>
      <c r="OXC707" s="613"/>
      <c r="OXD707" s="613"/>
      <c r="OXE707" s="613"/>
      <c r="OXF707" s="613"/>
      <c r="OXG707" s="613"/>
      <c r="OXH707" s="613"/>
      <c r="OXI707" s="613"/>
      <c r="OXJ707" s="613"/>
      <c r="OXK707" s="613"/>
      <c r="OXL707" s="613"/>
      <c r="OXM707" s="613"/>
      <c r="OXN707" s="613"/>
      <c r="OXO707" s="613"/>
      <c r="OXP707" s="613"/>
      <c r="OXQ707" s="613"/>
      <c r="OXR707" s="613"/>
      <c r="OXS707" s="613"/>
      <c r="OXT707" s="613"/>
      <c r="OXU707" s="613"/>
      <c r="OXV707" s="613"/>
      <c r="OXW707" s="613"/>
      <c r="OXX707" s="613"/>
      <c r="OXY707" s="613"/>
      <c r="OXZ707" s="613"/>
      <c r="OYA707" s="613"/>
      <c r="OYB707" s="613"/>
      <c r="OYC707" s="613"/>
      <c r="OYD707" s="613"/>
      <c r="OYE707" s="613"/>
      <c r="OYF707" s="613"/>
      <c r="OYG707" s="613"/>
      <c r="OYH707" s="613"/>
      <c r="OYI707" s="613"/>
      <c r="OYJ707" s="613"/>
      <c r="OYK707" s="613"/>
      <c r="OYL707" s="613"/>
      <c r="OYM707" s="613"/>
      <c r="OYN707" s="613"/>
      <c r="OYO707" s="613"/>
      <c r="OYP707" s="613"/>
      <c r="OYQ707" s="613"/>
      <c r="OYR707" s="613"/>
      <c r="OYS707" s="613"/>
      <c r="OYT707" s="613"/>
      <c r="OYU707" s="613"/>
      <c r="OYV707" s="613"/>
      <c r="OYW707" s="613"/>
      <c r="OYX707" s="613"/>
      <c r="OYY707" s="613"/>
      <c r="OYZ707" s="613"/>
      <c r="OZA707" s="613"/>
      <c r="OZB707" s="613"/>
      <c r="OZC707" s="613"/>
      <c r="OZD707" s="613"/>
      <c r="OZE707" s="613"/>
      <c r="OZF707" s="613"/>
      <c r="OZG707" s="613"/>
      <c r="OZH707" s="613"/>
      <c r="OZI707" s="613"/>
      <c r="OZJ707" s="613"/>
      <c r="OZK707" s="613"/>
      <c r="OZL707" s="613"/>
      <c r="OZM707" s="613"/>
      <c r="OZN707" s="613"/>
      <c r="OZO707" s="613"/>
      <c r="OZP707" s="613"/>
      <c r="OZQ707" s="613"/>
      <c r="OZR707" s="613"/>
      <c r="OZS707" s="613"/>
      <c r="OZT707" s="613"/>
      <c r="OZU707" s="613"/>
      <c r="OZV707" s="613"/>
      <c r="OZW707" s="613"/>
      <c r="OZX707" s="613"/>
      <c r="OZY707" s="613"/>
      <c r="OZZ707" s="613"/>
      <c r="PAA707" s="613"/>
      <c r="PAB707" s="613"/>
      <c r="PAC707" s="613"/>
      <c r="PAD707" s="613"/>
      <c r="PAE707" s="613"/>
      <c r="PAF707" s="613"/>
      <c r="PAG707" s="613"/>
      <c r="PAH707" s="613"/>
      <c r="PAI707" s="613"/>
      <c r="PAJ707" s="613"/>
      <c r="PAK707" s="613"/>
      <c r="PAL707" s="613"/>
      <c r="PAM707" s="613"/>
      <c r="PAN707" s="613"/>
      <c r="PAO707" s="613"/>
      <c r="PAP707" s="613"/>
      <c r="PAQ707" s="613"/>
      <c r="PAR707" s="613"/>
      <c r="PAS707" s="613"/>
      <c r="PAT707" s="613"/>
      <c r="PAU707" s="613"/>
      <c r="PAV707" s="613"/>
      <c r="PAW707" s="613"/>
      <c r="PAX707" s="613"/>
      <c r="PAY707" s="613"/>
      <c r="PAZ707" s="613"/>
      <c r="PBA707" s="613"/>
      <c r="PBB707" s="613"/>
      <c r="PBC707" s="613"/>
      <c r="PBD707" s="613"/>
      <c r="PBE707" s="613"/>
      <c r="PBF707" s="613"/>
      <c r="PBG707" s="613"/>
      <c r="PBH707" s="613"/>
      <c r="PBI707" s="613"/>
      <c r="PBJ707" s="613"/>
      <c r="PBK707" s="613"/>
      <c r="PBL707" s="613"/>
      <c r="PBM707" s="613"/>
      <c r="PBN707" s="613"/>
      <c r="PBO707" s="613"/>
      <c r="PBP707" s="613"/>
      <c r="PBQ707" s="613"/>
      <c r="PBR707" s="613"/>
      <c r="PBS707" s="613"/>
      <c r="PBT707" s="613"/>
      <c r="PBU707" s="613"/>
      <c r="PBV707" s="613"/>
      <c r="PBW707" s="613"/>
      <c r="PBX707" s="613"/>
      <c r="PBY707" s="613"/>
      <c r="PBZ707" s="613"/>
      <c r="PCA707" s="613"/>
      <c r="PCB707" s="613"/>
      <c r="PCC707" s="613"/>
      <c r="PCD707" s="613"/>
      <c r="PCE707" s="613"/>
      <c r="PCF707" s="613"/>
      <c r="PCG707" s="613"/>
      <c r="PCH707" s="613"/>
      <c r="PCI707" s="613"/>
      <c r="PCJ707" s="613"/>
      <c r="PCK707" s="613"/>
      <c r="PCL707" s="613"/>
      <c r="PCM707" s="613"/>
      <c r="PCN707" s="613"/>
      <c r="PCO707" s="613"/>
      <c r="PCP707" s="613"/>
      <c r="PCQ707" s="613"/>
      <c r="PCR707" s="613"/>
      <c r="PCS707" s="613"/>
      <c r="PCT707" s="613"/>
      <c r="PCU707" s="613"/>
      <c r="PCV707" s="613"/>
      <c r="PCW707" s="613"/>
      <c r="PCX707" s="613"/>
      <c r="PCY707" s="613"/>
      <c r="PCZ707" s="613"/>
      <c r="PDA707" s="613"/>
      <c r="PDB707" s="613"/>
      <c r="PDC707" s="613"/>
      <c r="PDD707" s="613"/>
      <c r="PDE707" s="613"/>
      <c r="PDF707" s="613"/>
      <c r="PDG707" s="613"/>
      <c r="PDH707" s="613"/>
      <c r="PDI707" s="613"/>
      <c r="PDJ707" s="613"/>
      <c r="PDK707" s="613"/>
      <c r="PDL707" s="613"/>
      <c r="PDM707" s="613"/>
      <c r="PDN707" s="613"/>
      <c r="PDO707" s="613"/>
      <c r="PDP707" s="613"/>
      <c r="PDQ707" s="613"/>
      <c r="PDR707" s="613"/>
      <c r="PDS707" s="613"/>
      <c r="PDT707" s="613"/>
      <c r="PDU707" s="613"/>
      <c r="PDV707" s="613"/>
      <c r="PDW707" s="613"/>
      <c r="PDX707" s="613"/>
      <c r="PDY707" s="613"/>
      <c r="PDZ707" s="613"/>
      <c r="PEA707" s="613"/>
      <c r="PEB707" s="613"/>
      <c r="PEC707" s="613"/>
      <c r="PED707" s="613"/>
      <c r="PEE707" s="613"/>
      <c r="PEF707" s="613"/>
      <c r="PEG707" s="613"/>
      <c r="PEH707" s="613"/>
      <c r="PEI707" s="613"/>
      <c r="PEJ707" s="613"/>
      <c r="PEK707" s="613"/>
      <c r="PEL707" s="613"/>
      <c r="PEM707" s="613"/>
      <c r="PEN707" s="613"/>
      <c r="PEO707" s="613"/>
      <c r="PEP707" s="613"/>
      <c r="PEQ707" s="613"/>
      <c r="PER707" s="613"/>
      <c r="PES707" s="613"/>
      <c r="PET707" s="613"/>
      <c r="PEU707" s="613"/>
      <c r="PEV707" s="613"/>
      <c r="PEW707" s="613"/>
      <c r="PEX707" s="613"/>
      <c r="PEY707" s="613"/>
      <c r="PEZ707" s="613"/>
      <c r="PFA707" s="613"/>
      <c r="PFB707" s="613"/>
      <c r="PFC707" s="613"/>
      <c r="PFD707" s="613"/>
      <c r="PFE707" s="613"/>
      <c r="PFF707" s="613"/>
      <c r="PFG707" s="613"/>
      <c r="PFH707" s="613"/>
      <c r="PFI707" s="613"/>
      <c r="PFJ707" s="613"/>
      <c r="PFK707" s="613"/>
      <c r="PFL707" s="613"/>
      <c r="PFM707" s="613"/>
      <c r="PFN707" s="613"/>
      <c r="PFO707" s="613"/>
      <c r="PFP707" s="613"/>
      <c r="PFQ707" s="613"/>
      <c r="PFR707" s="613"/>
      <c r="PFS707" s="613"/>
      <c r="PFT707" s="613"/>
      <c r="PFU707" s="613"/>
      <c r="PFV707" s="613"/>
      <c r="PFW707" s="613"/>
      <c r="PFX707" s="613"/>
      <c r="PFY707" s="613"/>
      <c r="PFZ707" s="613"/>
      <c r="PGA707" s="613"/>
      <c r="PGB707" s="613"/>
      <c r="PGC707" s="613"/>
      <c r="PGD707" s="613"/>
      <c r="PGE707" s="613"/>
      <c r="PGF707" s="613"/>
      <c r="PGG707" s="613"/>
      <c r="PGH707" s="613"/>
      <c r="PGI707" s="613"/>
      <c r="PGJ707" s="613"/>
      <c r="PGK707" s="613"/>
      <c r="PGL707" s="613"/>
      <c r="PGM707" s="613"/>
      <c r="PGN707" s="613"/>
      <c r="PGO707" s="613"/>
      <c r="PGP707" s="613"/>
      <c r="PGQ707" s="613"/>
      <c r="PGR707" s="613"/>
      <c r="PGS707" s="613"/>
      <c r="PGT707" s="613"/>
      <c r="PGU707" s="613"/>
      <c r="PGV707" s="613"/>
      <c r="PGW707" s="613"/>
      <c r="PGX707" s="613"/>
      <c r="PGY707" s="613"/>
      <c r="PGZ707" s="613"/>
      <c r="PHA707" s="613"/>
      <c r="PHB707" s="613"/>
      <c r="PHC707" s="613"/>
      <c r="PHD707" s="613"/>
      <c r="PHE707" s="613"/>
      <c r="PHF707" s="613"/>
      <c r="PHG707" s="613"/>
      <c r="PHH707" s="613"/>
      <c r="PHI707" s="613"/>
      <c r="PHJ707" s="613"/>
      <c r="PHK707" s="613"/>
      <c r="PHL707" s="613"/>
      <c r="PHM707" s="613"/>
      <c r="PHN707" s="613"/>
      <c r="PHO707" s="613"/>
      <c r="PHP707" s="613"/>
      <c r="PHQ707" s="613"/>
      <c r="PHR707" s="613"/>
      <c r="PHS707" s="613"/>
      <c r="PHT707" s="613"/>
      <c r="PHU707" s="613"/>
      <c r="PHV707" s="613"/>
      <c r="PHW707" s="613"/>
      <c r="PHX707" s="613"/>
      <c r="PHY707" s="613"/>
      <c r="PHZ707" s="613"/>
      <c r="PIA707" s="613"/>
      <c r="PIB707" s="613"/>
      <c r="PIC707" s="613"/>
      <c r="PID707" s="613"/>
      <c r="PIE707" s="613"/>
      <c r="PIF707" s="613"/>
      <c r="PIG707" s="613"/>
      <c r="PIH707" s="613"/>
      <c r="PII707" s="613"/>
      <c r="PIJ707" s="613"/>
      <c r="PIK707" s="613"/>
      <c r="PIL707" s="613"/>
      <c r="PIM707" s="613"/>
      <c r="PIN707" s="613"/>
      <c r="PIO707" s="613"/>
      <c r="PIP707" s="613"/>
      <c r="PIQ707" s="613"/>
      <c r="PIR707" s="613"/>
      <c r="PIS707" s="613"/>
      <c r="PIT707" s="613"/>
      <c r="PIU707" s="613"/>
      <c r="PIV707" s="613"/>
      <c r="PIW707" s="613"/>
      <c r="PIX707" s="613"/>
      <c r="PIY707" s="613"/>
      <c r="PIZ707" s="613"/>
      <c r="PJA707" s="613"/>
      <c r="PJB707" s="613"/>
      <c r="PJC707" s="613"/>
      <c r="PJD707" s="613"/>
      <c r="PJE707" s="613"/>
      <c r="PJF707" s="613"/>
      <c r="PJG707" s="613"/>
      <c r="PJH707" s="613"/>
      <c r="PJI707" s="613"/>
      <c r="PJJ707" s="613"/>
      <c r="PJK707" s="613"/>
      <c r="PJL707" s="613"/>
      <c r="PJM707" s="613"/>
      <c r="PJN707" s="613"/>
      <c r="PJO707" s="613"/>
      <c r="PJP707" s="613"/>
      <c r="PJQ707" s="613"/>
      <c r="PJR707" s="613"/>
      <c r="PJS707" s="613"/>
      <c r="PJT707" s="613"/>
      <c r="PJU707" s="613"/>
      <c r="PJV707" s="613"/>
      <c r="PJW707" s="613"/>
      <c r="PJX707" s="613"/>
      <c r="PJY707" s="613"/>
      <c r="PJZ707" s="613"/>
      <c r="PKA707" s="613"/>
      <c r="PKB707" s="613"/>
      <c r="PKC707" s="613"/>
      <c r="PKD707" s="613"/>
      <c r="PKE707" s="613"/>
      <c r="PKF707" s="613"/>
      <c r="PKG707" s="613"/>
      <c r="PKH707" s="613"/>
      <c r="PKI707" s="613"/>
      <c r="PKJ707" s="613"/>
      <c r="PKK707" s="613"/>
      <c r="PKL707" s="613"/>
      <c r="PKM707" s="613"/>
      <c r="PKN707" s="613"/>
      <c r="PKO707" s="613"/>
      <c r="PKP707" s="613"/>
      <c r="PKQ707" s="613"/>
      <c r="PKR707" s="613"/>
      <c r="PKS707" s="613"/>
      <c r="PKT707" s="613"/>
      <c r="PKU707" s="613"/>
      <c r="PKV707" s="613"/>
      <c r="PKW707" s="613"/>
      <c r="PKX707" s="613"/>
      <c r="PKY707" s="613"/>
      <c r="PKZ707" s="613"/>
      <c r="PLA707" s="613"/>
      <c r="PLB707" s="613"/>
      <c r="PLC707" s="613"/>
      <c r="PLD707" s="613"/>
      <c r="PLE707" s="613"/>
      <c r="PLF707" s="613"/>
      <c r="PLG707" s="613"/>
      <c r="PLH707" s="613"/>
      <c r="PLI707" s="613"/>
      <c r="PLJ707" s="613"/>
      <c r="PLK707" s="613"/>
      <c r="PLL707" s="613"/>
      <c r="PLM707" s="613"/>
      <c r="PLN707" s="613"/>
      <c r="PLO707" s="613"/>
      <c r="PLP707" s="613"/>
      <c r="PLQ707" s="613"/>
      <c r="PLR707" s="613"/>
      <c r="PLS707" s="613"/>
      <c r="PLT707" s="613"/>
      <c r="PLU707" s="613"/>
      <c r="PLV707" s="613"/>
      <c r="PLW707" s="613"/>
      <c r="PLX707" s="613"/>
      <c r="PLY707" s="613"/>
      <c r="PLZ707" s="613"/>
      <c r="PMA707" s="613"/>
      <c r="PMB707" s="613"/>
      <c r="PMC707" s="613"/>
      <c r="PMD707" s="613"/>
      <c r="PME707" s="613"/>
      <c r="PMF707" s="613"/>
      <c r="PMG707" s="613"/>
      <c r="PMH707" s="613"/>
      <c r="PMI707" s="613"/>
      <c r="PMJ707" s="613"/>
      <c r="PMK707" s="613"/>
      <c r="PML707" s="613"/>
      <c r="PMM707" s="613"/>
      <c r="PMN707" s="613"/>
      <c r="PMO707" s="613"/>
      <c r="PMP707" s="613"/>
      <c r="PMQ707" s="613"/>
      <c r="PMR707" s="613"/>
      <c r="PMS707" s="613"/>
      <c r="PMT707" s="613"/>
      <c r="PMU707" s="613"/>
      <c r="PMV707" s="613"/>
      <c r="PMW707" s="613"/>
      <c r="PMX707" s="613"/>
      <c r="PMY707" s="613"/>
      <c r="PMZ707" s="613"/>
      <c r="PNA707" s="613"/>
      <c r="PNB707" s="613"/>
      <c r="PNC707" s="613"/>
      <c r="PND707" s="613"/>
      <c r="PNE707" s="613"/>
      <c r="PNF707" s="613"/>
      <c r="PNG707" s="613"/>
      <c r="PNH707" s="613"/>
      <c r="PNI707" s="613"/>
      <c r="PNJ707" s="613"/>
      <c r="PNK707" s="613"/>
      <c r="PNL707" s="613"/>
      <c r="PNM707" s="613"/>
      <c r="PNN707" s="613"/>
      <c r="PNO707" s="613"/>
      <c r="PNP707" s="613"/>
      <c r="PNQ707" s="613"/>
      <c r="PNR707" s="613"/>
      <c r="PNS707" s="613"/>
      <c r="PNT707" s="613"/>
      <c r="PNU707" s="613"/>
      <c r="PNV707" s="613"/>
      <c r="PNW707" s="613"/>
      <c r="PNX707" s="613"/>
      <c r="PNY707" s="613"/>
      <c r="PNZ707" s="613"/>
      <c r="POA707" s="613"/>
      <c r="POB707" s="613"/>
      <c r="POC707" s="613"/>
      <c r="POD707" s="613"/>
      <c r="POE707" s="613"/>
      <c r="POF707" s="613"/>
      <c r="POG707" s="613"/>
      <c r="POH707" s="613"/>
      <c r="POI707" s="613"/>
      <c r="POJ707" s="613"/>
      <c r="POK707" s="613"/>
      <c r="POL707" s="613"/>
      <c r="POM707" s="613"/>
      <c r="PON707" s="613"/>
      <c r="POO707" s="613"/>
      <c r="POP707" s="613"/>
      <c r="POQ707" s="613"/>
      <c r="POR707" s="613"/>
      <c r="POS707" s="613"/>
      <c r="POT707" s="613"/>
      <c r="POU707" s="613"/>
      <c r="POV707" s="613"/>
      <c r="POW707" s="613"/>
      <c r="POX707" s="613"/>
      <c r="POY707" s="613"/>
      <c r="POZ707" s="613"/>
      <c r="PPA707" s="613"/>
      <c r="PPB707" s="613"/>
      <c r="PPC707" s="613"/>
      <c r="PPD707" s="613"/>
      <c r="PPE707" s="613"/>
      <c r="PPF707" s="613"/>
      <c r="PPG707" s="613"/>
      <c r="PPH707" s="613"/>
      <c r="PPI707" s="613"/>
      <c r="PPJ707" s="613"/>
      <c r="PPK707" s="613"/>
      <c r="PPL707" s="613"/>
      <c r="PPM707" s="613"/>
      <c r="PPN707" s="613"/>
      <c r="PPO707" s="613"/>
      <c r="PPP707" s="613"/>
      <c r="PPQ707" s="613"/>
      <c r="PPR707" s="613"/>
      <c r="PPS707" s="613"/>
      <c r="PPT707" s="613"/>
      <c r="PPU707" s="613"/>
      <c r="PPV707" s="613"/>
      <c r="PPW707" s="613"/>
      <c r="PPX707" s="613"/>
      <c r="PPY707" s="613"/>
      <c r="PPZ707" s="613"/>
      <c r="PQA707" s="613"/>
      <c r="PQB707" s="613"/>
      <c r="PQC707" s="613"/>
      <c r="PQD707" s="613"/>
      <c r="PQE707" s="613"/>
      <c r="PQF707" s="613"/>
      <c r="PQG707" s="613"/>
      <c r="PQH707" s="613"/>
      <c r="PQI707" s="613"/>
      <c r="PQJ707" s="613"/>
      <c r="PQK707" s="613"/>
      <c r="PQL707" s="613"/>
      <c r="PQM707" s="613"/>
      <c r="PQN707" s="613"/>
      <c r="PQO707" s="613"/>
      <c r="PQP707" s="613"/>
      <c r="PQQ707" s="613"/>
      <c r="PQR707" s="613"/>
      <c r="PQS707" s="613"/>
      <c r="PQT707" s="613"/>
      <c r="PQU707" s="613"/>
      <c r="PQV707" s="613"/>
      <c r="PQW707" s="613"/>
      <c r="PQX707" s="613"/>
      <c r="PQY707" s="613"/>
      <c r="PQZ707" s="613"/>
      <c r="PRA707" s="613"/>
      <c r="PRB707" s="613"/>
      <c r="PRC707" s="613"/>
      <c r="PRD707" s="613"/>
      <c r="PRE707" s="613"/>
      <c r="PRF707" s="613"/>
      <c r="PRG707" s="613"/>
      <c r="PRH707" s="613"/>
      <c r="PRI707" s="613"/>
      <c r="PRJ707" s="613"/>
      <c r="PRK707" s="613"/>
      <c r="PRL707" s="613"/>
      <c r="PRM707" s="613"/>
      <c r="PRN707" s="613"/>
      <c r="PRO707" s="613"/>
      <c r="PRP707" s="613"/>
      <c r="PRQ707" s="613"/>
      <c r="PRR707" s="613"/>
      <c r="PRS707" s="613"/>
      <c r="PRT707" s="613"/>
      <c r="PRU707" s="613"/>
      <c r="PRV707" s="613"/>
      <c r="PRW707" s="613"/>
      <c r="PRX707" s="613"/>
      <c r="PRY707" s="613"/>
      <c r="PRZ707" s="613"/>
      <c r="PSA707" s="613"/>
      <c r="PSB707" s="613"/>
      <c r="PSC707" s="613"/>
      <c r="PSD707" s="613"/>
      <c r="PSE707" s="613"/>
      <c r="PSF707" s="613"/>
      <c r="PSG707" s="613"/>
      <c r="PSH707" s="613"/>
      <c r="PSI707" s="613"/>
      <c r="PSJ707" s="613"/>
      <c r="PSK707" s="613"/>
      <c r="PSL707" s="613"/>
      <c r="PSM707" s="613"/>
      <c r="PSN707" s="613"/>
      <c r="PSO707" s="613"/>
      <c r="PSP707" s="613"/>
      <c r="PSQ707" s="613"/>
      <c r="PSR707" s="613"/>
      <c r="PSS707" s="613"/>
      <c r="PST707" s="613"/>
      <c r="PSU707" s="613"/>
      <c r="PSV707" s="613"/>
      <c r="PSW707" s="613"/>
      <c r="PSX707" s="613"/>
      <c r="PSY707" s="613"/>
      <c r="PSZ707" s="613"/>
      <c r="PTA707" s="613"/>
      <c r="PTB707" s="613"/>
      <c r="PTC707" s="613"/>
      <c r="PTD707" s="613"/>
      <c r="PTE707" s="613"/>
      <c r="PTF707" s="613"/>
      <c r="PTG707" s="613"/>
      <c r="PTH707" s="613"/>
      <c r="PTI707" s="613"/>
      <c r="PTJ707" s="613"/>
      <c r="PTK707" s="613"/>
      <c r="PTL707" s="613"/>
      <c r="PTM707" s="613"/>
      <c r="PTN707" s="613"/>
      <c r="PTO707" s="613"/>
      <c r="PTP707" s="613"/>
      <c r="PTQ707" s="613"/>
      <c r="PTR707" s="613"/>
      <c r="PTS707" s="613"/>
      <c r="PTT707" s="613"/>
      <c r="PTU707" s="613"/>
      <c r="PTV707" s="613"/>
      <c r="PTW707" s="613"/>
      <c r="PTX707" s="613"/>
      <c r="PTY707" s="613"/>
      <c r="PTZ707" s="613"/>
      <c r="PUA707" s="613"/>
      <c r="PUB707" s="613"/>
      <c r="PUC707" s="613"/>
      <c r="PUD707" s="613"/>
      <c r="PUE707" s="613"/>
      <c r="PUF707" s="613"/>
      <c r="PUG707" s="613"/>
      <c r="PUH707" s="613"/>
      <c r="PUI707" s="613"/>
      <c r="PUJ707" s="613"/>
      <c r="PUK707" s="613"/>
      <c r="PUL707" s="613"/>
      <c r="PUM707" s="613"/>
      <c r="PUN707" s="613"/>
      <c r="PUO707" s="613"/>
      <c r="PUP707" s="613"/>
      <c r="PUQ707" s="613"/>
      <c r="PUR707" s="613"/>
      <c r="PUS707" s="613"/>
      <c r="PUT707" s="613"/>
      <c r="PUU707" s="613"/>
      <c r="PUV707" s="613"/>
      <c r="PUW707" s="613"/>
      <c r="PUX707" s="613"/>
      <c r="PUY707" s="613"/>
      <c r="PUZ707" s="613"/>
      <c r="PVA707" s="613"/>
      <c r="PVB707" s="613"/>
      <c r="PVC707" s="613"/>
      <c r="PVD707" s="613"/>
      <c r="PVE707" s="613"/>
      <c r="PVF707" s="613"/>
      <c r="PVG707" s="613"/>
      <c r="PVH707" s="613"/>
      <c r="PVI707" s="613"/>
      <c r="PVJ707" s="613"/>
      <c r="PVK707" s="613"/>
      <c r="PVL707" s="613"/>
      <c r="PVM707" s="613"/>
      <c r="PVN707" s="613"/>
      <c r="PVO707" s="613"/>
      <c r="PVP707" s="613"/>
      <c r="PVQ707" s="613"/>
      <c r="PVR707" s="613"/>
      <c r="PVS707" s="613"/>
      <c r="PVT707" s="613"/>
      <c r="PVU707" s="613"/>
      <c r="PVV707" s="613"/>
      <c r="PVW707" s="613"/>
      <c r="PVX707" s="613"/>
      <c r="PVY707" s="613"/>
      <c r="PVZ707" s="613"/>
      <c r="PWA707" s="613"/>
      <c r="PWB707" s="613"/>
      <c r="PWC707" s="613"/>
      <c r="PWD707" s="613"/>
      <c r="PWE707" s="613"/>
      <c r="PWF707" s="613"/>
      <c r="PWG707" s="613"/>
      <c r="PWH707" s="613"/>
      <c r="PWI707" s="613"/>
      <c r="PWJ707" s="613"/>
      <c r="PWK707" s="613"/>
      <c r="PWL707" s="613"/>
      <c r="PWM707" s="613"/>
      <c r="PWN707" s="613"/>
      <c r="PWO707" s="613"/>
      <c r="PWP707" s="613"/>
      <c r="PWQ707" s="613"/>
      <c r="PWR707" s="613"/>
      <c r="PWS707" s="613"/>
      <c r="PWT707" s="613"/>
      <c r="PWU707" s="613"/>
      <c r="PWV707" s="613"/>
      <c r="PWW707" s="613"/>
      <c r="PWX707" s="613"/>
      <c r="PWY707" s="613"/>
      <c r="PWZ707" s="613"/>
      <c r="PXA707" s="613"/>
      <c r="PXB707" s="613"/>
      <c r="PXC707" s="613"/>
      <c r="PXD707" s="613"/>
      <c r="PXE707" s="613"/>
      <c r="PXF707" s="613"/>
      <c r="PXG707" s="613"/>
      <c r="PXH707" s="613"/>
      <c r="PXI707" s="613"/>
      <c r="PXJ707" s="613"/>
      <c r="PXK707" s="613"/>
      <c r="PXL707" s="613"/>
      <c r="PXM707" s="613"/>
      <c r="PXN707" s="613"/>
      <c r="PXO707" s="613"/>
      <c r="PXP707" s="613"/>
      <c r="PXQ707" s="613"/>
      <c r="PXR707" s="613"/>
      <c r="PXS707" s="613"/>
      <c r="PXT707" s="613"/>
      <c r="PXU707" s="613"/>
      <c r="PXV707" s="613"/>
      <c r="PXW707" s="613"/>
      <c r="PXX707" s="613"/>
      <c r="PXY707" s="613"/>
      <c r="PXZ707" s="613"/>
      <c r="PYA707" s="613"/>
      <c r="PYB707" s="613"/>
      <c r="PYC707" s="613"/>
      <c r="PYD707" s="613"/>
      <c r="PYE707" s="613"/>
      <c r="PYF707" s="613"/>
      <c r="PYG707" s="613"/>
      <c r="PYH707" s="613"/>
      <c r="PYI707" s="613"/>
      <c r="PYJ707" s="613"/>
      <c r="PYK707" s="613"/>
      <c r="PYL707" s="613"/>
      <c r="PYM707" s="613"/>
      <c r="PYN707" s="613"/>
      <c r="PYO707" s="613"/>
      <c r="PYP707" s="613"/>
      <c r="PYQ707" s="613"/>
      <c r="PYR707" s="613"/>
      <c r="PYS707" s="613"/>
      <c r="PYT707" s="613"/>
      <c r="PYU707" s="613"/>
      <c r="PYV707" s="613"/>
      <c r="PYW707" s="613"/>
      <c r="PYX707" s="613"/>
      <c r="PYY707" s="613"/>
      <c r="PYZ707" s="613"/>
      <c r="PZA707" s="613"/>
      <c r="PZB707" s="613"/>
      <c r="PZC707" s="613"/>
      <c r="PZD707" s="613"/>
      <c r="PZE707" s="613"/>
      <c r="PZF707" s="613"/>
      <c r="PZG707" s="613"/>
      <c r="PZH707" s="613"/>
      <c r="PZI707" s="613"/>
      <c r="PZJ707" s="613"/>
      <c r="PZK707" s="613"/>
      <c r="PZL707" s="613"/>
      <c r="PZM707" s="613"/>
      <c r="PZN707" s="613"/>
      <c r="PZO707" s="613"/>
      <c r="PZP707" s="613"/>
      <c r="PZQ707" s="613"/>
      <c r="PZR707" s="613"/>
      <c r="PZS707" s="613"/>
      <c r="PZT707" s="613"/>
      <c r="PZU707" s="613"/>
      <c r="PZV707" s="613"/>
      <c r="PZW707" s="613"/>
      <c r="PZX707" s="613"/>
      <c r="PZY707" s="613"/>
      <c r="PZZ707" s="613"/>
      <c r="QAA707" s="613"/>
      <c r="QAB707" s="613"/>
      <c r="QAC707" s="613"/>
      <c r="QAD707" s="613"/>
      <c r="QAE707" s="613"/>
      <c r="QAF707" s="613"/>
      <c r="QAG707" s="613"/>
      <c r="QAH707" s="613"/>
      <c r="QAI707" s="613"/>
      <c r="QAJ707" s="613"/>
      <c r="QAK707" s="613"/>
      <c r="QAL707" s="613"/>
      <c r="QAM707" s="613"/>
      <c r="QAN707" s="613"/>
      <c r="QAO707" s="613"/>
      <c r="QAP707" s="613"/>
      <c r="QAQ707" s="613"/>
      <c r="QAR707" s="613"/>
      <c r="QAS707" s="613"/>
      <c r="QAT707" s="613"/>
      <c r="QAU707" s="613"/>
      <c r="QAV707" s="613"/>
      <c r="QAW707" s="613"/>
      <c r="QAX707" s="613"/>
      <c r="QAY707" s="613"/>
      <c r="QAZ707" s="613"/>
      <c r="QBA707" s="613"/>
      <c r="QBB707" s="613"/>
      <c r="QBC707" s="613"/>
      <c r="QBD707" s="613"/>
      <c r="QBE707" s="613"/>
      <c r="QBF707" s="613"/>
      <c r="QBG707" s="613"/>
      <c r="QBH707" s="613"/>
      <c r="QBI707" s="613"/>
      <c r="QBJ707" s="613"/>
      <c r="QBK707" s="613"/>
      <c r="QBL707" s="613"/>
      <c r="QBM707" s="613"/>
      <c r="QBN707" s="613"/>
      <c r="QBO707" s="613"/>
      <c r="QBP707" s="613"/>
      <c r="QBQ707" s="613"/>
      <c r="QBR707" s="613"/>
      <c r="QBS707" s="613"/>
      <c r="QBT707" s="613"/>
      <c r="QBU707" s="613"/>
      <c r="QBV707" s="613"/>
      <c r="QBW707" s="613"/>
      <c r="QBX707" s="613"/>
      <c r="QBY707" s="613"/>
      <c r="QBZ707" s="613"/>
      <c r="QCA707" s="613"/>
      <c r="QCB707" s="613"/>
      <c r="QCC707" s="613"/>
      <c r="QCD707" s="613"/>
      <c r="QCE707" s="613"/>
      <c r="QCF707" s="613"/>
      <c r="QCG707" s="613"/>
      <c r="QCH707" s="613"/>
      <c r="QCI707" s="613"/>
      <c r="QCJ707" s="613"/>
      <c r="QCK707" s="613"/>
      <c r="QCL707" s="613"/>
      <c r="QCM707" s="613"/>
      <c r="QCN707" s="613"/>
      <c r="QCO707" s="613"/>
      <c r="QCP707" s="613"/>
      <c r="QCQ707" s="613"/>
      <c r="QCR707" s="613"/>
      <c r="QCS707" s="613"/>
      <c r="QCT707" s="613"/>
      <c r="QCU707" s="613"/>
      <c r="QCV707" s="613"/>
      <c r="QCW707" s="613"/>
      <c r="QCX707" s="613"/>
      <c r="QCY707" s="613"/>
      <c r="QCZ707" s="613"/>
      <c r="QDA707" s="613"/>
      <c r="QDB707" s="613"/>
      <c r="QDC707" s="613"/>
      <c r="QDD707" s="613"/>
      <c r="QDE707" s="613"/>
      <c r="QDF707" s="613"/>
      <c r="QDG707" s="613"/>
      <c r="QDH707" s="613"/>
      <c r="QDI707" s="613"/>
      <c r="QDJ707" s="613"/>
      <c r="QDK707" s="613"/>
      <c r="QDL707" s="613"/>
      <c r="QDM707" s="613"/>
      <c r="QDN707" s="613"/>
      <c r="QDO707" s="613"/>
      <c r="QDP707" s="613"/>
      <c r="QDQ707" s="613"/>
      <c r="QDR707" s="613"/>
      <c r="QDS707" s="613"/>
      <c r="QDT707" s="613"/>
      <c r="QDU707" s="613"/>
      <c r="QDV707" s="613"/>
      <c r="QDW707" s="613"/>
      <c r="QDX707" s="613"/>
      <c r="QDY707" s="613"/>
      <c r="QDZ707" s="613"/>
      <c r="QEA707" s="613"/>
      <c r="QEB707" s="613"/>
      <c r="QEC707" s="613"/>
      <c r="QED707" s="613"/>
      <c r="QEE707" s="613"/>
      <c r="QEF707" s="613"/>
      <c r="QEG707" s="613"/>
      <c r="QEH707" s="613"/>
      <c r="QEI707" s="613"/>
      <c r="QEJ707" s="613"/>
      <c r="QEK707" s="613"/>
      <c r="QEL707" s="613"/>
      <c r="QEM707" s="613"/>
      <c r="QEN707" s="613"/>
      <c r="QEO707" s="613"/>
      <c r="QEP707" s="613"/>
      <c r="QEQ707" s="613"/>
      <c r="QER707" s="613"/>
      <c r="QES707" s="613"/>
      <c r="QET707" s="613"/>
      <c r="QEU707" s="613"/>
      <c r="QEV707" s="613"/>
      <c r="QEW707" s="613"/>
      <c r="QEX707" s="613"/>
      <c r="QEY707" s="613"/>
      <c r="QEZ707" s="613"/>
      <c r="QFA707" s="613"/>
      <c r="QFB707" s="613"/>
      <c r="QFC707" s="613"/>
      <c r="QFD707" s="613"/>
      <c r="QFE707" s="613"/>
      <c r="QFF707" s="613"/>
      <c r="QFG707" s="613"/>
      <c r="QFH707" s="613"/>
      <c r="QFI707" s="613"/>
      <c r="QFJ707" s="613"/>
      <c r="QFK707" s="613"/>
      <c r="QFL707" s="613"/>
      <c r="QFM707" s="613"/>
      <c r="QFN707" s="613"/>
      <c r="QFO707" s="613"/>
      <c r="QFP707" s="613"/>
      <c r="QFQ707" s="613"/>
      <c r="QFR707" s="613"/>
      <c r="QFS707" s="613"/>
      <c r="QFT707" s="613"/>
      <c r="QFU707" s="613"/>
      <c r="QFV707" s="613"/>
      <c r="QFW707" s="613"/>
      <c r="QFX707" s="613"/>
      <c r="QFY707" s="613"/>
      <c r="QFZ707" s="613"/>
      <c r="QGA707" s="613"/>
      <c r="QGB707" s="613"/>
      <c r="QGC707" s="613"/>
      <c r="QGD707" s="613"/>
      <c r="QGE707" s="613"/>
      <c r="QGF707" s="613"/>
      <c r="QGG707" s="613"/>
      <c r="QGH707" s="613"/>
      <c r="QGI707" s="613"/>
      <c r="QGJ707" s="613"/>
      <c r="QGK707" s="613"/>
      <c r="QGL707" s="613"/>
      <c r="QGM707" s="613"/>
      <c r="QGN707" s="613"/>
      <c r="QGO707" s="613"/>
      <c r="QGP707" s="613"/>
      <c r="QGQ707" s="613"/>
      <c r="QGR707" s="613"/>
      <c r="QGS707" s="613"/>
      <c r="QGT707" s="613"/>
      <c r="QGU707" s="613"/>
      <c r="QGV707" s="613"/>
      <c r="QGW707" s="613"/>
      <c r="QGX707" s="613"/>
      <c r="QGY707" s="613"/>
      <c r="QGZ707" s="613"/>
      <c r="QHA707" s="613"/>
      <c r="QHB707" s="613"/>
      <c r="QHC707" s="613"/>
      <c r="QHD707" s="613"/>
      <c r="QHE707" s="613"/>
      <c r="QHF707" s="613"/>
      <c r="QHG707" s="613"/>
      <c r="QHH707" s="613"/>
      <c r="QHI707" s="613"/>
      <c r="QHJ707" s="613"/>
      <c r="QHK707" s="613"/>
      <c r="QHL707" s="613"/>
      <c r="QHM707" s="613"/>
      <c r="QHN707" s="613"/>
      <c r="QHO707" s="613"/>
      <c r="QHP707" s="613"/>
      <c r="QHQ707" s="613"/>
      <c r="QHR707" s="613"/>
      <c r="QHS707" s="613"/>
      <c r="QHT707" s="613"/>
      <c r="QHU707" s="613"/>
      <c r="QHV707" s="613"/>
      <c r="QHW707" s="613"/>
      <c r="QHX707" s="613"/>
      <c r="QHY707" s="613"/>
      <c r="QHZ707" s="613"/>
      <c r="QIA707" s="613"/>
      <c r="QIB707" s="613"/>
      <c r="QIC707" s="613"/>
      <c r="QID707" s="613"/>
      <c r="QIE707" s="613"/>
      <c r="QIF707" s="613"/>
      <c r="QIG707" s="613"/>
      <c r="QIH707" s="613"/>
      <c r="QII707" s="613"/>
      <c r="QIJ707" s="613"/>
      <c r="QIK707" s="613"/>
      <c r="QIL707" s="613"/>
      <c r="QIM707" s="613"/>
      <c r="QIN707" s="613"/>
      <c r="QIO707" s="613"/>
      <c r="QIP707" s="613"/>
      <c r="QIQ707" s="613"/>
      <c r="QIR707" s="613"/>
      <c r="QIS707" s="613"/>
      <c r="QIT707" s="613"/>
      <c r="QIU707" s="613"/>
      <c r="QIV707" s="613"/>
      <c r="QIW707" s="613"/>
      <c r="QIX707" s="613"/>
      <c r="QIY707" s="613"/>
      <c r="QIZ707" s="613"/>
      <c r="QJA707" s="613"/>
      <c r="QJB707" s="613"/>
      <c r="QJC707" s="613"/>
      <c r="QJD707" s="613"/>
      <c r="QJE707" s="613"/>
      <c r="QJF707" s="613"/>
      <c r="QJG707" s="613"/>
      <c r="QJH707" s="613"/>
      <c r="QJI707" s="613"/>
      <c r="QJJ707" s="613"/>
      <c r="QJK707" s="613"/>
      <c r="QJL707" s="613"/>
      <c r="QJM707" s="613"/>
      <c r="QJN707" s="613"/>
      <c r="QJO707" s="613"/>
      <c r="QJP707" s="613"/>
      <c r="QJQ707" s="613"/>
      <c r="QJR707" s="613"/>
      <c r="QJS707" s="613"/>
      <c r="QJT707" s="613"/>
      <c r="QJU707" s="613"/>
      <c r="QJV707" s="613"/>
      <c r="QJW707" s="613"/>
      <c r="QJX707" s="613"/>
      <c r="QJY707" s="613"/>
      <c r="QJZ707" s="613"/>
      <c r="QKA707" s="613"/>
      <c r="QKB707" s="613"/>
      <c r="QKC707" s="613"/>
      <c r="QKD707" s="613"/>
      <c r="QKE707" s="613"/>
      <c r="QKF707" s="613"/>
      <c r="QKG707" s="613"/>
      <c r="QKH707" s="613"/>
      <c r="QKI707" s="613"/>
      <c r="QKJ707" s="613"/>
      <c r="QKK707" s="613"/>
      <c r="QKL707" s="613"/>
      <c r="QKM707" s="613"/>
      <c r="QKN707" s="613"/>
      <c r="QKO707" s="613"/>
      <c r="QKP707" s="613"/>
      <c r="QKQ707" s="613"/>
      <c r="QKR707" s="613"/>
      <c r="QKS707" s="613"/>
      <c r="QKT707" s="613"/>
      <c r="QKU707" s="613"/>
      <c r="QKV707" s="613"/>
      <c r="QKW707" s="613"/>
      <c r="QKX707" s="613"/>
      <c r="QKY707" s="613"/>
      <c r="QKZ707" s="613"/>
      <c r="QLA707" s="613"/>
      <c r="QLB707" s="613"/>
      <c r="QLC707" s="613"/>
      <c r="QLD707" s="613"/>
      <c r="QLE707" s="613"/>
      <c r="QLF707" s="613"/>
      <c r="QLG707" s="613"/>
      <c r="QLH707" s="613"/>
      <c r="QLI707" s="613"/>
      <c r="QLJ707" s="613"/>
      <c r="QLK707" s="613"/>
      <c r="QLL707" s="613"/>
      <c r="QLM707" s="613"/>
      <c r="QLN707" s="613"/>
      <c r="QLO707" s="613"/>
      <c r="QLP707" s="613"/>
      <c r="QLQ707" s="613"/>
      <c r="QLR707" s="613"/>
      <c r="QLS707" s="613"/>
      <c r="QLT707" s="613"/>
      <c r="QLU707" s="613"/>
      <c r="QLV707" s="613"/>
      <c r="QLW707" s="613"/>
      <c r="QLX707" s="613"/>
      <c r="QLY707" s="613"/>
      <c r="QLZ707" s="613"/>
      <c r="QMA707" s="613"/>
      <c r="QMB707" s="613"/>
      <c r="QMC707" s="613"/>
      <c r="QMD707" s="613"/>
      <c r="QME707" s="613"/>
      <c r="QMF707" s="613"/>
      <c r="QMG707" s="613"/>
      <c r="QMH707" s="613"/>
      <c r="QMI707" s="613"/>
      <c r="QMJ707" s="613"/>
      <c r="QMK707" s="613"/>
      <c r="QML707" s="613"/>
      <c r="QMM707" s="613"/>
      <c r="QMN707" s="613"/>
      <c r="QMO707" s="613"/>
      <c r="QMP707" s="613"/>
      <c r="QMQ707" s="613"/>
      <c r="QMR707" s="613"/>
      <c r="QMS707" s="613"/>
      <c r="QMT707" s="613"/>
      <c r="QMU707" s="613"/>
      <c r="QMV707" s="613"/>
      <c r="QMW707" s="613"/>
      <c r="QMX707" s="613"/>
      <c r="QMY707" s="613"/>
      <c r="QMZ707" s="613"/>
      <c r="QNA707" s="613"/>
      <c r="QNB707" s="613"/>
      <c r="QNC707" s="613"/>
      <c r="QND707" s="613"/>
      <c r="QNE707" s="613"/>
      <c r="QNF707" s="613"/>
      <c r="QNG707" s="613"/>
      <c r="QNH707" s="613"/>
      <c r="QNI707" s="613"/>
      <c r="QNJ707" s="613"/>
      <c r="QNK707" s="613"/>
      <c r="QNL707" s="613"/>
      <c r="QNM707" s="613"/>
      <c r="QNN707" s="613"/>
      <c r="QNO707" s="613"/>
      <c r="QNP707" s="613"/>
      <c r="QNQ707" s="613"/>
      <c r="QNR707" s="613"/>
      <c r="QNS707" s="613"/>
      <c r="QNT707" s="613"/>
      <c r="QNU707" s="613"/>
      <c r="QNV707" s="613"/>
      <c r="QNW707" s="613"/>
      <c r="QNX707" s="613"/>
      <c r="QNY707" s="613"/>
      <c r="QNZ707" s="613"/>
      <c r="QOA707" s="613"/>
      <c r="QOB707" s="613"/>
      <c r="QOC707" s="613"/>
      <c r="QOD707" s="613"/>
      <c r="QOE707" s="613"/>
      <c r="QOF707" s="613"/>
      <c r="QOG707" s="613"/>
      <c r="QOH707" s="613"/>
      <c r="QOI707" s="613"/>
      <c r="QOJ707" s="613"/>
      <c r="QOK707" s="613"/>
      <c r="QOL707" s="613"/>
      <c r="QOM707" s="613"/>
      <c r="QON707" s="613"/>
      <c r="QOO707" s="613"/>
      <c r="QOP707" s="613"/>
      <c r="QOQ707" s="613"/>
      <c r="QOR707" s="613"/>
      <c r="QOS707" s="613"/>
      <c r="QOT707" s="613"/>
      <c r="QOU707" s="613"/>
      <c r="QOV707" s="613"/>
      <c r="QOW707" s="613"/>
      <c r="QOX707" s="613"/>
      <c r="QOY707" s="613"/>
      <c r="QOZ707" s="613"/>
      <c r="QPA707" s="613"/>
      <c r="QPB707" s="613"/>
      <c r="QPC707" s="613"/>
      <c r="QPD707" s="613"/>
      <c r="QPE707" s="613"/>
      <c r="QPF707" s="613"/>
      <c r="QPG707" s="613"/>
      <c r="QPH707" s="613"/>
      <c r="QPI707" s="613"/>
      <c r="QPJ707" s="613"/>
      <c r="QPK707" s="613"/>
      <c r="QPL707" s="613"/>
      <c r="QPM707" s="613"/>
      <c r="QPN707" s="613"/>
      <c r="QPO707" s="613"/>
      <c r="QPP707" s="613"/>
      <c r="QPQ707" s="613"/>
      <c r="QPR707" s="613"/>
      <c r="QPS707" s="613"/>
      <c r="QPT707" s="613"/>
      <c r="QPU707" s="613"/>
      <c r="QPV707" s="613"/>
      <c r="QPW707" s="613"/>
      <c r="QPX707" s="613"/>
      <c r="QPY707" s="613"/>
      <c r="QPZ707" s="613"/>
      <c r="QQA707" s="613"/>
      <c r="QQB707" s="613"/>
      <c r="QQC707" s="613"/>
      <c r="QQD707" s="613"/>
      <c r="QQE707" s="613"/>
      <c r="QQF707" s="613"/>
      <c r="QQG707" s="613"/>
      <c r="QQH707" s="613"/>
      <c r="QQI707" s="613"/>
      <c r="QQJ707" s="613"/>
      <c r="QQK707" s="613"/>
      <c r="QQL707" s="613"/>
      <c r="QQM707" s="613"/>
      <c r="QQN707" s="613"/>
      <c r="QQO707" s="613"/>
      <c r="QQP707" s="613"/>
      <c r="QQQ707" s="613"/>
      <c r="QQR707" s="613"/>
      <c r="QQS707" s="613"/>
      <c r="QQT707" s="613"/>
      <c r="QQU707" s="613"/>
      <c r="QQV707" s="613"/>
      <c r="QQW707" s="613"/>
      <c r="QQX707" s="613"/>
      <c r="QQY707" s="613"/>
      <c r="QQZ707" s="613"/>
      <c r="QRA707" s="613"/>
      <c r="QRB707" s="613"/>
      <c r="QRC707" s="613"/>
      <c r="QRD707" s="613"/>
      <c r="QRE707" s="613"/>
      <c r="QRF707" s="613"/>
      <c r="QRG707" s="613"/>
      <c r="QRH707" s="613"/>
      <c r="QRI707" s="613"/>
      <c r="QRJ707" s="613"/>
      <c r="QRK707" s="613"/>
      <c r="QRL707" s="613"/>
      <c r="QRM707" s="613"/>
      <c r="QRN707" s="613"/>
      <c r="QRO707" s="613"/>
      <c r="QRP707" s="613"/>
      <c r="QRQ707" s="613"/>
      <c r="QRR707" s="613"/>
      <c r="QRS707" s="613"/>
      <c r="QRT707" s="613"/>
      <c r="QRU707" s="613"/>
      <c r="QRV707" s="613"/>
      <c r="QRW707" s="613"/>
      <c r="QRX707" s="613"/>
      <c r="QRY707" s="613"/>
      <c r="QRZ707" s="613"/>
      <c r="QSA707" s="613"/>
      <c r="QSB707" s="613"/>
      <c r="QSC707" s="613"/>
      <c r="QSD707" s="613"/>
      <c r="QSE707" s="613"/>
      <c r="QSF707" s="613"/>
      <c r="QSG707" s="613"/>
      <c r="QSH707" s="613"/>
      <c r="QSI707" s="613"/>
      <c r="QSJ707" s="613"/>
      <c r="QSK707" s="613"/>
      <c r="QSL707" s="613"/>
      <c r="QSM707" s="613"/>
      <c r="QSN707" s="613"/>
      <c r="QSO707" s="613"/>
      <c r="QSP707" s="613"/>
      <c r="QSQ707" s="613"/>
      <c r="QSR707" s="613"/>
      <c r="QSS707" s="613"/>
      <c r="QST707" s="613"/>
      <c r="QSU707" s="613"/>
      <c r="QSV707" s="613"/>
      <c r="QSW707" s="613"/>
      <c r="QSX707" s="613"/>
      <c r="QSY707" s="613"/>
      <c r="QSZ707" s="613"/>
      <c r="QTA707" s="613"/>
      <c r="QTB707" s="613"/>
      <c r="QTC707" s="613"/>
      <c r="QTD707" s="613"/>
      <c r="QTE707" s="613"/>
      <c r="QTF707" s="613"/>
      <c r="QTG707" s="613"/>
      <c r="QTH707" s="613"/>
      <c r="QTI707" s="613"/>
      <c r="QTJ707" s="613"/>
      <c r="QTK707" s="613"/>
      <c r="QTL707" s="613"/>
      <c r="QTM707" s="613"/>
      <c r="QTN707" s="613"/>
      <c r="QTO707" s="613"/>
      <c r="QTP707" s="613"/>
      <c r="QTQ707" s="613"/>
      <c r="QTR707" s="613"/>
      <c r="QTS707" s="613"/>
      <c r="QTT707" s="613"/>
      <c r="QTU707" s="613"/>
      <c r="QTV707" s="613"/>
      <c r="QTW707" s="613"/>
      <c r="QTX707" s="613"/>
      <c r="QTY707" s="613"/>
      <c r="QTZ707" s="613"/>
      <c r="QUA707" s="613"/>
      <c r="QUB707" s="613"/>
      <c r="QUC707" s="613"/>
      <c r="QUD707" s="613"/>
      <c r="QUE707" s="613"/>
      <c r="QUF707" s="613"/>
      <c r="QUG707" s="613"/>
      <c r="QUH707" s="613"/>
      <c r="QUI707" s="613"/>
      <c r="QUJ707" s="613"/>
      <c r="QUK707" s="613"/>
      <c r="QUL707" s="613"/>
      <c r="QUM707" s="613"/>
      <c r="QUN707" s="613"/>
      <c r="QUO707" s="613"/>
      <c r="QUP707" s="613"/>
      <c r="QUQ707" s="613"/>
      <c r="QUR707" s="613"/>
      <c r="QUS707" s="613"/>
      <c r="QUT707" s="613"/>
      <c r="QUU707" s="613"/>
      <c r="QUV707" s="613"/>
      <c r="QUW707" s="613"/>
      <c r="QUX707" s="613"/>
      <c r="QUY707" s="613"/>
      <c r="QUZ707" s="613"/>
      <c r="QVA707" s="613"/>
      <c r="QVB707" s="613"/>
      <c r="QVC707" s="613"/>
      <c r="QVD707" s="613"/>
      <c r="QVE707" s="613"/>
      <c r="QVF707" s="613"/>
      <c r="QVG707" s="613"/>
      <c r="QVH707" s="613"/>
      <c r="QVI707" s="613"/>
      <c r="QVJ707" s="613"/>
      <c r="QVK707" s="613"/>
      <c r="QVL707" s="613"/>
      <c r="QVM707" s="613"/>
      <c r="QVN707" s="613"/>
      <c r="QVO707" s="613"/>
      <c r="QVP707" s="613"/>
      <c r="QVQ707" s="613"/>
      <c r="QVR707" s="613"/>
      <c r="QVS707" s="613"/>
      <c r="QVT707" s="613"/>
      <c r="QVU707" s="613"/>
      <c r="QVV707" s="613"/>
      <c r="QVW707" s="613"/>
      <c r="QVX707" s="613"/>
      <c r="QVY707" s="613"/>
      <c r="QVZ707" s="613"/>
      <c r="QWA707" s="613"/>
      <c r="QWB707" s="613"/>
      <c r="QWC707" s="613"/>
      <c r="QWD707" s="613"/>
      <c r="QWE707" s="613"/>
      <c r="QWF707" s="613"/>
      <c r="QWG707" s="613"/>
      <c r="QWH707" s="613"/>
      <c r="QWI707" s="613"/>
      <c r="QWJ707" s="613"/>
      <c r="QWK707" s="613"/>
      <c r="QWL707" s="613"/>
      <c r="QWM707" s="613"/>
      <c r="QWN707" s="613"/>
      <c r="QWO707" s="613"/>
      <c r="QWP707" s="613"/>
      <c r="QWQ707" s="613"/>
      <c r="QWR707" s="613"/>
      <c r="QWS707" s="613"/>
      <c r="QWT707" s="613"/>
      <c r="QWU707" s="613"/>
      <c r="QWV707" s="613"/>
      <c r="QWW707" s="613"/>
      <c r="QWX707" s="613"/>
      <c r="QWY707" s="613"/>
      <c r="QWZ707" s="613"/>
      <c r="QXA707" s="613"/>
      <c r="QXB707" s="613"/>
      <c r="QXC707" s="613"/>
      <c r="QXD707" s="613"/>
      <c r="QXE707" s="613"/>
      <c r="QXF707" s="613"/>
      <c r="QXG707" s="613"/>
      <c r="QXH707" s="613"/>
      <c r="QXI707" s="613"/>
      <c r="QXJ707" s="613"/>
      <c r="QXK707" s="613"/>
      <c r="QXL707" s="613"/>
      <c r="QXM707" s="613"/>
      <c r="QXN707" s="613"/>
      <c r="QXO707" s="613"/>
      <c r="QXP707" s="613"/>
      <c r="QXQ707" s="613"/>
      <c r="QXR707" s="613"/>
      <c r="QXS707" s="613"/>
      <c r="QXT707" s="613"/>
      <c r="QXU707" s="613"/>
      <c r="QXV707" s="613"/>
      <c r="QXW707" s="613"/>
      <c r="QXX707" s="613"/>
      <c r="QXY707" s="613"/>
      <c r="QXZ707" s="613"/>
      <c r="QYA707" s="613"/>
      <c r="QYB707" s="613"/>
      <c r="QYC707" s="613"/>
      <c r="QYD707" s="613"/>
      <c r="QYE707" s="613"/>
      <c r="QYF707" s="613"/>
      <c r="QYG707" s="613"/>
      <c r="QYH707" s="613"/>
      <c r="QYI707" s="613"/>
      <c r="QYJ707" s="613"/>
      <c r="QYK707" s="613"/>
      <c r="QYL707" s="613"/>
      <c r="QYM707" s="613"/>
      <c r="QYN707" s="613"/>
      <c r="QYO707" s="613"/>
      <c r="QYP707" s="613"/>
      <c r="QYQ707" s="613"/>
      <c r="QYR707" s="613"/>
      <c r="QYS707" s="613"/>
      <c r="QYT707" s="613"/>
      <c r="QYU707" s="613"/>
      <c r="QYV707" s="613"/>
      <c r="QYW707" s="613"/>
      <c r="QYX707" s="613"/>
      <c r="QYY707" s="613"/>
      <c r="QYZ707" s="613"/>
      <c r="QZA707" s="613"/>
      <c r="QZB707" s="613"/>
      <c r="QZC707" s="613"/>
      <c r="QZD707" s="613"/>
      <c r="QZE707" s="613"/>
      <c r="QZF707" s="613"/>
      <c r="QZG707" s="613"/>
      <c r="QZH707" s="613"/>
      <c r="QZI707" s="613"/>
      <c r="QZJ707" s="613"/>
      <c r="QZK707" s="613"/>
      <c r="QZL707" s="613"/>
      <c r="QZM707" s="613"/>
      <c r="QZN707" s="613"/>
      <c r="QZO707" s="613"/>
      <c r="QZP707" s="613"/>
      <c r="QZQ707" s="613"/>
      <c r="QZR707" s="613"/>
      <c r="QZS707" s="613"/>
      <c r="QZT707" s="613"/>
      <c r="QZU707" s="613"/>
      <c r="QZV707" s="613"/>
      <c r="QZW707" s="613"/>
      <c r="QZX707" s="613"/>
      <c r="QZY707" s="613"/>
      <c r="QZZ707" s="613"/>
      <c r="RAA707" s="613"/>
      <c r="RAB707" s="613"/>
      <c r="RAC707" s="613"/>
      <c r="RAD707" s="613"/>
      <c r="RAE707" s="613"/>
      <c r="RAF707" s="613"/>
      <c r="RAG707" s="613"/>
      <c r="RAH707" s="613"/>
      <c r="RAI707" s="613"/>
      <c r="RAJ707" s="613"/>
      <c r="RAK707" s="613"/>
      <c r="RAL707" s="613"/>
      <c r="RAM707" s="613"/>
      <c r="RAN707" s="613"/>
      <c r="RAO707" s="613"/>
      <c r="RAP707" s="613"/>
      <c r="RAQ707" s="613"/>
      <c r="RAR707" s="613"/>
      <c r="RAS707" s="613"/>
      <c r="RAT707" s="613"/>
      <c r="RAU707" s="613"/>
      <c r="RAV707" s="613"/>
      <c r="RAW707" s="613"/>
      <c r="RAX707" s="613"/>
      <c r="RAY707" s="613"/>
      <c r="RAZ707" s="613"/>
      <c r="RBA707" s="613"/>
      <c r="RBB707" s="613"/>
      <c r="RBC707" s="613"/>
      <c r="RBD707" s="613"/>
      <c r="RBE707" s="613"/>
      <c r="RBF707" s="613"/>
      <c r="RBG707" s="613"/>
      <c r="RBH707" s="613"/>
      <c r="RBI707" s="613"/>
      <c r="RBJ707" s="613"/>
      <c r="RBK707" s="613"/>
      <c r="RBL707" s="613"/>
      <c r="RBM707" s="613"/>
      <c r="RBN707" s="613"/>
      <c r="RBO707" s="613"/>
      <c r="RBP707" s="613"/>
      <c r="RBQ707" s="613"/>
      <c r="RBR707" s="613"/>
      <c r="RBS707" s="613"/>
      <c r="RBT707" s="613"/>
      <c r="RBU707" s="613"/>
      <c r="RBV707" s="613"/>
      <c r="RBW707" s="613"/>
      <c r="RBX707" s="613"/>
      <c r="RBY707" s="613"/>
      <c r="RBZ707" s="613"/>
      <c r="RCA707" s="613"/>
      <c r="RCB707" s="613"/>
      <c r="RCC707" s="613"/>
      <c r="RCD707" s="613"/>
      <c r="RCE707" s="613"/>
      <c r="RCF707" s="613"/>
      <c r="RCG707" s="613"/>
      <c r="RCH707" s="613"/>
      <c r="RCI707" s="613"/>
      <c r="RCJ707" s="613"/>
      <c r="RCK707" s="613"/>
      <c r="RCL707" s="613"/>
      <c r="RCM707" s="613"/>
      <c r="RCN707" s="613"/>
      <c r="RCO707" s="613"/>
      <c r="RCP707" s="613"/>
      <c r="RCQ707" s="613"/>
      <c r="RCR707" s="613"/>
      <c r="RCS707" s="613"/>
      <c r="RCT707" s="613"/>
      <c r="RCU707" s="613"/>
      <c r="RCV707" s="613"/>
      <c r="RCW707" s="613"/>
      <c r="RCX707" s="613"/>
      <c r="RCY707" s="613"/>
      <c r="RCZ707" s="613"/>
      <c r="RDA707" s="613"/>
      <c r="RDB707" s="613"/>
      <c r="RDC707" s="613"/>
      <c r="RDD707" s="613"/>
      <c r="RDE707" s="613"/>
      <c r="RDF707" s="613"/>
      <c r="RDG707" s="613"/>
      <c r="RDH707" s="613"/>
      <c r="RDI707" s="613"/>
      <c r="RDJ707" s="613"/>
      <c r="RDK707" s="613"/>
      <c r="RDL707" s="613"/>
      <c r="RDM707" s="613"/>
      <c r="RDN707" s="613"/>
      <c r="RDO707" s="613"/>
      <c r="RDP707" s="613"/>
      <c r="RDQ707" s="613"/>
      <c r="RDR707" s="613"/>
      <c r="RDS707" s="613"/>
      <c r="RDT707" s="613"/>
      <c r="RDU707" s="613"/>
      <c r="RDV707" s="613"/>
      <c r="RDW707" s="613"/>
      <c r="RDX707" s="613"/>
      <c r="RDY707" s="613"/>
      <c r="RDZ707" s="613"/>
      <c r="REA707" s="613"/>
      <c r="REB707" s="613"/>
      <c r="REC707" s="613"/>
      <c r="RED707" s="613"/>
      <c r="REE707" s="613"/>
      <c r="REF707" s="613"/>
      <c r="REG707" s="613"/>
      <c r="REH707" s="613"/>
      <c r="REI707" s="613"/>
      <c r="REJ707" s="613"/>
      <c r="REK707" s="613"/>
      <c r="REL707" s="613"/>
      <c r="REM707" s="613"/>
      <c r="REN707" s="613"/>
      <c r="REO707" s="613"/>
      <c r="REP707" s="613"/>
      <c r="REQ707" s="613"/>
      <c r="RER707" s="613"/>
      <c r="RES707" s="613"/>
      <c r="RET707" s="613"/>
      <c r="REU707" s="613"/>
      <c r="REV707" s="613"/>
      <c r="REW707" s="613"/>
      <c r="REX707" s="613"/>
      <c r="REY707" s="613"/>
      <c r="REZ707" s="613"/>
      <c r="RFA707" s="613"/>
      <c r="RFB707" s="613"/>
      <c r="RFC707" s="613"/>
      <c r="RFD707" s="613"/>
      <c r="RFE707" s="613"/>
      <c r="RFF707" s="613"/>
      <c r="RFG707" s="613"/>
      <c r="RFH707" s="613"/>
      <c r="RFI707" s="613"/>
      <c r="RFJ707" s="613"/>
      <c r="RFK707" s="613"/>
      <c r="RFL707" s="613"/>
      <c r="RFM707" s="613"/>
      <c r="RFN707" s="613"/>
      <c r="RFO707" s="613"/>
      <c r="RFP707" s="613"/>
      <c r="RFQ707" s="613"/>
      <c r="RFR707" s="613"/>
      <c r="RFS707" s="613"/>
      <c r="RFT707" s="613"/>
      <c r="RFU707" s="613"/>
      <c r="RFV707" s="613"/>
      <c r="RFW707" s="613"/>
      <c r="RFX707" s="613"/>
      <c r="RFY707" s="613"/>
      <c r="RFZ707" s="613"/>
      <c r="RGA707" s="613"/>
      <c r="RGB707" s="613"/>
      <c r="RGC707" s="613"/>
      <c r="RGD707" s="613"/>
      <c r="RGE707" s="613"/>
      <c r="RGF707" s="613"/>
      <c r="RGG707" s="613"/>
      <c r="RGH707" s="613"/>
      <c r="RGI707" s="613"/>
      <c r="RGJ707" s="613"/>
      <c r="RGK707" s="613"/>
      <c r="RGL707" s="613"/>
      <c r="RGM707" s="613"/>
      <c r="RGN707" s="613"/>
      <c r="RGO707" s="613"/>
      <c r="RGP707" s="613"/>
      <c r="RGQ707" s="613"/>
      <c r="RGR707" s="613"/>
      <c r="RGS707" s="613"/>
      <c r="RGT707" s="613"/>
      <c r="RGU707" s="613"/>
      <c r="RGV707" s="613"/>
      <c r="RGW707" s="613"/>
      <c r="RGX707" s="613"/>
      <c r="RGY707" s="613"/>
      <c r="RGZ707" s="613"/>
      <c r="RHA707" s="613"/>
      <c r="RHB707" s="613"/>
      <c r="RHC707" s="613"/>
      <c r="RHD707" s="613"/>
      <c r="RHE707" s="613"/>
      <c r="RHF707" s="613"/>
      <c r="RHG707" s="613"/>
      <c r="RHH707" s="613"/>
      <c r="RHI707" s="613"/>
      <c r="RHJ707" s="613"/>
      <c r="RHK707" s="613"/>
      <c r="RHL707" s="613"/>
      <c r="RHM707" s="613"/>
      <c r="RHN707" s="613"/>
      <c r="RHO707" s="613"/>
      <c r="RHP707" s="613"/>
      <c r="RHQ707" s="613"/>
      <c r="RHR707" s="613"/>
      <c r="RHS707" s="613"/>
      <c r="RHT707" s="613"/>
      <c r="RHU707" s="613"/>
      <c r="RHV707" s="613"/>
      <c r="RHW707" s="613"/>
      <c r="RHX707" s="613"/>
      <c r="RHY707" s="613"/>
      <c r="RHZ707" s="613"/>
      <c r="RIA707" s="613"/>
      <c r="RIB707" s="613"/>
      <c r="RIC707" s="613"/>
      <c r="RID707" s="613"/>
      <c r="RIE707" s="613"/>
      <c r="RIF707" s="613"/>
      <c r="RIG707" s="613"/>
      <c r="RIH707" s="613"/>
      <c r="RII707" s="613"/>
      <c r="RIJ707" s="613"/>
      <c r="RIK707" s="613"/>
      <c r="RIL707" s="613"/>
      <c r="RIM707" s="613"/>
      <c r="RIN707" s="613"/>
      <c r="RIO707" s="613"/>
      <c r="RIP707" s="613"/>
      <c r="RIQ707" s="613"/>
      <c r="RIR707" s="613"/>
      <c r="RIS707" s="613"/>
      <c r="RIT707" s="613"/>
      <c r="RIU707" s="613"/>
      <c r="RIV707" s="613"/>
      <c r="RIW707" s="613"/>
      <c r="RIX707" s="613"/>
      <c r="RIY707" s="613"/>
      <c r="RIZ707" s="613"/>
      <c r="RJA707" s="613"/>
      <c r="RJB707" s="613"/>
      <c r="RJC707" s="613"/>
      <c r="RJD707" s="613"/>
      <c r="RJE707" s="613"/>
      <c r="RJF707" s="613"/>
      <c r="RJG707" s="613"/>
      <c r="RJH707" s="613"/>
      <c r="RJI707" s="613"/>
      <c r="RJJ707" s="613"/>
      <c r="RJK707" s="613"/>
      <c r="RJL707" s="613"/>
      <c r="RJM707" s="613"/>
      <c r="RJN707" s="613"/>
      <c r="RJO707" s="613"/>
      <c r="RJP707" s="613"/>
      <c r="RJQ707" s="613"/>
      <c r="RJR707" s="613"/>
      <c r="RJS707" s="613"/>
      <c r="RJT707" s="613"/>
      <c r="RJU707" s="613"/>
      <c r="RJV707" s="613"/>
      <c r="RJW707" s="613"/>
      <c r="RJX707" s="613"/>
      <c r="RJY707" s="613"/>
      <c r="RJZ707" s="613"/>
      <c r="RKA707" s="613"/>
      <c r="RKB707" s="613"/>
      <c r="RKC707" s="613"/>
      <c r="RKD707" s="613"/>
      <c r="RKE707" s="613"/>
      <c r="RKF707" s="613"/>
      <c r="RKG707" s="613"/>
      <c r="RKH707" s="613"/>
      <c r="RKI707" s="613"/>
      <c r="RKJ707" s="613"/>
      <c r="RKK707" s="613"/>
      <c r="RKL707" s="613"/>
      <c r="RKM707" s="613"/>
      <c r="RKN707" s="613"/>
      <c r="RKO707" s="613"/>
      <c r="RKP707" s="613"/>
      <c r="RKQ707" s="613"/>
      <c r="RKR707" s="613"/>
      <c r="RKS707" s="613"/>
      <c r="RKT707" s="613"/>
      <c r="RKU707" s="613"/>
      <c r="RKV707" s="613"/>
      <c r="RKW707" s="613"/>
      <c r="RKX707" s="613"/>
      <c r="RKY707" s="613"/>
      <c r="RKZ707" s="613"/>
      <c r="RLA707" s="613"/>
      <c r="RLB707" s="613"/>
      <c r="RLC707" s="613"/>
      <c r="RLD707" s="613"/>
      <c r="RLE707" s="613"/>
      <c r="RLF707" s="613"/>
      <c r="RLG707" s="613"/>
      <c r="RLH707" s="613"/>
      <c r="RLI707" s="613"/>
      <c r="RLJ707" s="613"/>
      <c r="RLK707" s="613"/>
      <c r="RLL707" s="613"/>
      <c r="RLM707" s="613"/>
      <c r="RLN707" s="613"/>
      <c r="RLO707" s="613"/>
      <c r="RLP707" s="613"/>
      <c r="RLQ707" s="613"/>
      <c r="RLR707" s="613"/>
      <c r="RLS707" s="613"/>
      <c r="RLT707" s="613"/>
      <c r="RLU707" s="613"/>
      <c r="RLV707" s="613"/>
      <c r="RLW707" s="613"/>
      <c r="RLX707" s="613"/>
      <c r="RLY707" s="613"/>
      <c r="RLZ707" s="613"/>
      <c r="RMA707" s="613"/>
      <c r="RMB707" s="613"/>
      <c r="RMC707" s="613"/>
      <c r="RMD707" s="613"/>
      <c r="RME707" s="613"/>
      <c r="RMF707" s="613"/>
      <c r="RMG707" s="613"/>
      <c r="RMH707" s="613"/>
      <c r="RMI707" s="613"/>
      <c r="RMJ707" s="613"/>
      <c r="RMK707" s="613"/>
      <c r="RML707" s="613"/>
      <c r="RMM707" s="613"/>
      <c r="RMN707" s="613"/>
      <c r="RMO707" s="613"/>
      <c r="RMP707" s="613"/>
      <c r="RMQ707" s="613"/>
      <c r="RMR707" s="613"/>
      <c r="RMS707" s="613"/>
      <c r="RMT707" s="613"/>
      <c r="RMU707" s="613"/>
      <c r="RMV707" s="613"/>
      <c r="RMW707" s="613"/>
      <c r="RMX707" s="613"/>
      <c r="RMY707" s="613"/>
      <c r="RMZ707" s="613"/>
      <c r="RNA707" s="613"/>
      <c r="RNB707" s="613"/>
      <c r="RNC707" s="613"/>
      <c r="RND707" s="613"/>
      <c r="RNE707" s="613"/>
      <c r="RNF707" s="613"/>
      <c r="RNG707" s="613"/>
      <c r="RNH707" s="613"/>
      <c r="RNI707" s="613"/>
      <c r="RNJ707" s="613"/>
      <c r="RNK707" s="613"/>
      <c r="RNL707" s="613"/>
      <c r="RNM707" s="613"/>
      <c r="RNN707" s="613"/>
      <c r="RNO707" s="613"/>
      <c r="RNP707" s="613"/>
      <c r="RNQ707" s="613"/>
      <c r="RNR707" s="613"/>
      <c r="RNS707" s="613"/>
      <c r="RNT707" s="613"/>
      <c r="RNU707" s="613"/>
      <c r="RNV707" s="613"/>
      <c r="RNW707" s="613"/>
      <c r="RNX707" s="613"/>
      <c r="RNY707" s="613"/>
      <c r="RNZ707" s="613"/>
      <c r="ROA707" s="613"/>
      <c r="ROB707" s="613"/>
      <c r="ROC707" s="613"/>
      <c r="ROD707" s="613"/>
      <c r="ROE707" s="613"/>
      <c r="ROF707" s="613"/>
      <c r="ROG707" s="613"/>
      <c r="ROH707" s="613"/>
      <c r="ROI707" s="613"/>
      <c r="ROJ707" s="613"/>
      <c r="ROK707" s="613"/>
      <c r="ROL707" s="613"/>
      <c r="ROM707" s="613"/>
      <c r="RON707" s="613"/>
      <c r="ROO707" s="613"/>
      <c r="ROP707" s="613"/>
      <c r="ROQ707" s="613"/>
      <c r="ROR707" s="613"/>
      <c r="ROS707" s="613"/>
      <c r="ROT707" s="613"/>
      <c r="ROU707" s="613"/>
      <c r="ROV707" s="613"/>
      <c r="ROW707" s="613"/>
      <c r="ROX707" s="613"/>
      <c r="ROY707" s="613"/>
      <c r="ROZ707" s="613"/>
      <c r="RPA707" s="613"/>
      <c r="RPB707" s="613"/>
      <c r="RPC707" s="613"/>
      <c r="RPD707" s="613"/>
      <c r="RPE707" s="613"/>
      <c r="RPF707" s="613"/>
      <c r="RPG707" s="613"/>
      <c r="RPH707" s="613"/>
      <c r="RPI707" s="613"/>
      <c r="RPJ707" s="613"/>
      <c r="RPK707" s="613"/>
      <c r="RPL707" s="613"/>
      <c r="RPM707" s="613"/>
      <c r="RPN707" s="613"/>
      <c r="RPO707" s="613"/>
      <c r="RPP707" s="613"/>
      <c r="RPQ707" s="613"/>
      <c r="RPR707" s="613"/>
      <c r="RPS707" s="613"/>
      <c r="RPT707" s="613"/>
      <c r="RPU707" s="613"/>
      <c r="RPV707" s="613"/>
      <c r="RPW707" s="613"/>
      <c r="RPX707" s="613"/>
      <c r="RPY707" s="613"/>
      <c r="RPZ707" s="613"/>
      <c r="RQA707" s="613"/>
      <c r="RQB707" s="613"/>
      <c r="RQC707" s="613"/>
      <c r="RQD707" s="613"/>
      <c r="RQE707" s="613"/>
      <c r="RQF707" s="613"/>
      <c r="RQG707" s="613"/>
      <c r="RQH707" s="613"/>
      <c r="RQI707" s="613"/>
      <c r="RQJ707" s="613"/>
      <c r="RQK707" s="613"/>
      <c r="RQL707" s="613"/>
      <c r="RQM707" s="613"/>
      <c r="RQN707" s="613"/>
      <c r="RQO707" s="613"/>
      <c r="RQP707" s="613"/>
      <c r="RQQ707" s="613"/>
      <c r="RQR707" s="613"/>
      <c r="RQS707" s="613"/>
      <c r="RQT707" s="613"/>
      <c r="RQU707" s="613"/>
      <c r="RQV707" s="613"/>
      <c r="RQW707" s="613"/>
      <c r="RQX707" s="613"/>
      <c r="RQY707" s="613"/>
      <c r="RQZ707" s="613"/>
      <c r="RRA707" s="613"/>
      <c r="RRB707" s="613"/>
      <c r="RRC707" s="613"/>
      <c r="RRD707" s="613"/>
      <c r="RRE707" s="613"/>
      <c r="RRF707" s="613"/>
      <c r="RRG707" s="613"/>
      <c r="RRH707" s="613"/>
      <c r="RRI707" s="613"/>
      <c r="RRJ707" s="613"/>
      <c r="RRK707" s="613"/>
      <c r="RRL707" s="613"/>
      <c r="RRM707" s="613"/>
      <c r="RRN707" s="613"/>
      <c r="RRO707" s="613"/>
      <c r="RRP707" s="613"/>
      <c r="RRQ707" s="613"/>
      <c r="RRR707" s="613"/>
      <c r="RRS707" s="613"/>
      <c r="RRT707" s="613"/>
      <c r="RRU707" s="613"/>
      <c r="RRV707" s="613"/>
      <c r="RRW707" s="613"/>
      <c r="RRX707" s="613"/>
      <c r="RRY707" s="613"/>
      <c r="RRZ707" s="613"/>
      <c r="RSA707" s="613"/>
      <c r="RSB707" s="613"/>
      <c r="RSC707" s="613"/>
      <c r="RSD707" s="613"/>
      <c r="RSE707" s="613"/>
      <c r="RSF707" s="613"/>
      <c r="RSG707" s="613"/>
      <c r="RSH707" s="613"/>
      <c r="RSI707" s="613"/>
      <c r="RSJ707" s="613"/>
      <c r="RSK707" s="613"/>
      <c r="RSL707" s="613"/>
      <c r="RSM707" s="613"/>
      <c r="RSN707" s="613"/>
      <c r="RSO707" s="613"/>
      <c r="RSP707" s="613"/>
      <c r="RSQ707" s="613"/>
      <c r="RSR707" s="613"/>
      <c r="RSS707" s="613"/>
      <c r="RST707" s="613"/>
      <c r="RSU707" s="613"/>
      <c r="RSV707" s="613"/>
      <c r="RSW707" s="613"/>
      <c r="RSX707" s="613"/>
      <c r="RSY707" s="613"/>
      <c r="RSZ707" s="613"/>
      <c r="RTA707" s="613"/>
      <c r="RTB707" s="613"/>
      <c r="RTC707" s="613"/>
      <c r="RTD707" s="613"/>
      <c r="RTE707" s="613"/>
      <c r="RTF707" s="613"/>
      <c r="RTG707" s="613"/>
      <c r="RTH707" s="613"/>
      <c r="RTI707" s="613"/>
      <c r="RTJ707" s="613"/>
      <c r="RTK707" s="613"/>
      <c r="RTL707" s="613"/>
      <c r="RTM707" s="613"/>
      <c r="RTN707" s="613"/>
      <c r="RTO707" s="613"/>
      <c r="RTP707" s="613"/>
      <c r="RTQ707" s="613"/>
      <c r="RTR707" s="613"/>
      <c r="RTS707" s="613"/>
      <c r="RTT707" s="613"/>
      <c r="RTU707" s="613"/>
      <c r="RTV707" s="613"/>
      <c r="RTW707" s="613"/>
      <c r="RTX707" s="613"/>
      <c r="RTY707" s="613"/>
      <c r="RTZ707" s="613"/>
      <c r="RUA707" s="613"/>
      <c r="RUB707" s="613"/>
      <c r="RUC707" s="613"/>
      <c r="RUD707" s="613"/>
      <c r="RUE707" s="613"/>
      <c r="RUF707" s="613"/>
      <c r="RUG707" s="613"/>
      <c r="RUH707" s="613"/>
      <c r="RUI707" s="613"/>
      <c r="RUJ707" s="613"/>
      <c r="RUK707" s="613"/>
      <c r="RUL707" s="613"/>
      <c r="RUM707" s="613"/>
      <c r="RUN707" s="613"/>
      <c r="RUO707" s="613"/>
      <c r="RUP707" s="613"/>
      <c r="RUQ707" s="613"/>
      <c r="RUR707" s="613"/>
      <c r="RUS707" s="613"/>
      <c r="RUT707" s="613"/>
      <c r="RUU707" s="613"/>
      <c r="RUV707" s="613"/>
      <c r="RUW707" s="613"/>
      <c r="RUX707" s="613"/>
      <c r="RUY707" s="613"/>
      <c r="RUZ707" s="613"/>
      <c r="RVA707" s="613"/>
      <c r="RVB707" s="613"/>
      <c r="RVC707" s="613"/>
      <c r="RVD707" s="613"/>
      <c r="RVE707" s="613"/>
      <c r="RVF707" s="613"/>
      <c r="RVG707" s="613"/>
      <c r="RVH707" s="613"/>
      <c r="RVI707" s="613"/>
      <c r="RVJ707" s="613"/>
      <c r="RVK707" s="613"/>
      <c r="RVL707" s="613"/>
      <c r="RVM707" s="613"/>
      <c r="RVN707" s="613"/>
      <c r="RVO707" s="613"/>
      <c r="RVP707" s="613"/>
      <c r="RVQ707" s="613"/>
      <c r="RVR707" s="613"/>
      <c r="RVS707" s="613"/>
      <c r="RVT707" s="613"/>
      <c r="RVU707" s="613"/>
      <c r="RVV707" s="613"/>
      <c r="RVW707" s="613"/>
      <c r="RVX707" s="613"/>
      <c r="RVY707" s="613"/>
      <c r="RVZ707" s="613"/>
      <c r="RWA707" s="613"/>
      <c r="RWB707" s="613"/>
      <c r="RWC707" s="613"/>
      <c r="RWD707" s="613"/>
      <c r="RWE707" s="613"/>
      <c r="RWF707" s="613"/>
      <c r="RWG707" s="613"/>
      <c r="RWH707" s="613"/>
      <c r="RWI707" s="613"/>
      <c r="RWJ707" s="613"/>
      <c r="RWK707" s="613"/>
      <c r="RWL707" s="613"/>
      <c r="RWM707" s="613"/>
      <c r="RWN707" s="613"/>
      <c r="RWO707" s="613"/>
      <c r="RWP707" s="613"/>
      <c r="RWQ707" s="613"/>
      <c r="RWR707" s="613"/>
      <c r="RWS707" s="613"/>
      <c r="RWT707" s="613"/>
      <c r="RWU707" s="613"/>
      <c r="RWV707" s="613"/>
      <c r="RWW707" s="613"/>
      <c r="RWX707" s="613"/>
      <c r="RWY707" s="613"/>
      <c r="RWZ707" s="613"/>
      <c r="RXA707" s="613"/>
      <c r="RXB707" s="613"/>
      <c r="RXC707" s="613"/>
      <c r="RXD707" s="613"/>
      <c r="RXE707" s="613"/>
      <c r="RXF707" s="613"/>
      <c r="RXG707" s="613"/>
      <c r="RXH707" s="613"/>
      <c r="RXI707" s="613"/>
      <c r="RXJ707" s="613"/>
      <c r="RXK707" s="613"/>
      <c r="RXL707" s="613"/>
      <c r="RXM707" s="613"/>
      <c r="RXN707" s="613"/>
      <c r="RXO707" s="613"/>
      <c r="RXP707" s="613"/>
      <c r="RXQ707" s="613"/>
      <c r="RXR707" s="613"/>
      <c r="RXS707" s="613"/>
      <c r="RXT707" s="613"/>
      <c r="RXU707" s="613"/>
      <c r="RXV707" s="613"/>
      <c r="RXW707" s="613"/>
      <c r="RXX707" s="613"/>
      <c r="RXY707" s="613"/>
      <c r="RXZ707" s="613"/>
      <c r="RYA707" s="613"/>
      <c r="RYB707" s="613"/>
      <c r="RYC707" s="613"/>
      <c r="RYD707" s="613"/>
      <c r="RYE707" s="613"/>
      <c r="RYF707" s="613"/>
      <c r="RYG707" s="613"/>
      <c r="RYH707" s="613"/>
      <c r="RYI707" s="613"/>
      <c r="RYJ707" s="613"/>
      <c r="RYK707" s="613"/>
      <c r="RYL707" s="613"/>
      <c r="RYM707" s="613"/>
      <c r="RYN707" s="613"/>
      <c r="RYO707" s="613"/>
      <c r="RYP707" s="613"/>
      <c r="RYQ707" s="613"/>
      <c r="RYR707" s="613"/>
      <c r="RYS707" s="613"/>
      <c r="RYT707" s="613"/>
      <c r="RYU707" s="613"/>
      <c r="RYV707" s="613"/>
      <c r="RYW707" s="613"/>
      <c r="RYX707" s="613"/>
      <c r="RYY707" s="613"/>
      <c r="RYZ707" s="613"/>
      <c r="RZA707" s="613"/>
      <c r="RZB707" s="613"/>
      <c r="RZC707" s="613"/>
      <c r="RZD707" s="613"/>
      <c r="RZE707" s="613"/>
      <c r="RZF707" s="613"/>
      <c r="RZG707" s="613"/>
      <c r="RZH707" s="613"/>
      <c r="RZI707" s="613"/>
      <c r="RZJ707" s="613"/>
      <c r="RZK707" s="613"/>
      <c r="RZL707" s="613"/>
      <c r="RZM707" s="613"/>
      <c r="RZN707" s="613"/>
      <c r="RZO707" s="613"/>
      <c r="RZP707" s="613"/>
      <c r="RZQ707" s="613"/>
      <c r="RZR707" s="613"/>
      <c r="RZS707" s="613"/>
      <c r="RZT707" s="613"/>
      <c r="RZU707" s="613"/>
      <c r="RZV707" s="613"/>
      <c r="RZW707" s="613"/>
      <c r="RZX707" s="613"/>
      <c r="RZY707" s="613"/>
      <c r="RZZ707" s="613"/>
      <c r="SAA707" s="613"/>
      <c r="SAB707" s="613"/>
      <c r="SAC707" s="613"/>
      <c r="SAD707" s="613"/>
      <c r="SAE707" s="613"/>
      <c r="SAF707" s="613"/>
      <c r="SAG707" s="613"/>
      <c r="SAH707" s="613"/>
      <c r="SAI707" s="613"/>
      <c r="SAJ707" s="613"/>
      <c r="SAK707" s="613"/>
      <c r="SAL707" s="613"/>
      <c r="SAM707" s="613"/>
      <c r="SAN707" s="613"/>
      <c r="SAO707" s="613"/>
      <c r="SAP707" s="613"/>
      <c r="SAQ707" s="613"/>
      <c r="SAR707" s="613"/>
      <c r="SAS707" s="613"/>
      <c r="SAT707" s="613"/>
      <c r="SAU707" s="613"/>
      <c r="SAV707" s="613"/>
      <c r="SAW707" s="613"/>
      <c r="SAX707" s="613"/>
      <c r="SAY707" s="613"/>
      <c r="SAZ707" s="613"/>
      <c r="SBA707" s="613"/>
      <c r="SBB707" s="613"/>
      <c r="SBC707" s="613"/>
      <c r="SBD707" s="613"/>
      <c r="SBE707" s="613"/>
      <c r="SBF707" s="613"/>
      <c r="SBG707" s="613"/>
      <c r="SBH707" s="613"/>
      <c r="SBI707" s="613"/>
      <c r="SBJ707" s="613"/>
      <c r="SBK707" s="613"/>
      <c r="SBL707" s="613"/>
      <c r="SBM707" s="613"/>
      <c r="SBN707" s="613"/>
      <c r="SBO707" s="613"/>
      <c r="SBP707" s="613"/>
      <c r="SBQ707" s="613"/>
      <c r="SBR707" s="613"/>
      <c r="SBS707" s="613"/>
      <c r="SBT707" s="613"/>
      <c r="SBU707" s="613"/>
      <c r="SBV707" s="613"/>
      <c r="SBW707" s="613"/>
      <c r="SBX707" s="613"/>
      <c r="SBY707" s="613"/>
      <c r="SBZ707" s="613"/>
      <c r="SCA707" s="613"/>
      <c r="SCB707" s="613"/>
      <c r="SCC707" s="613"/>
      <c r="SCD707" s="613"/>
      <c r="SCE707" s="613"/>
      <c r="SCF707" s="613"/>
      <c r="SCG707" s="613"/>
      <c r="SCH707" s="613"/>
      <c r="SCI707" s="613"/>
      <c r="SCJ707" s="613"/>
      <c r="SCK707" s="613"/>
      <c r="SCL707" s="613"/>
      <c r="SCM707" s="613"/>
      <c r="SCN707" s="613"/>
      <c r="SCO707" s="613"/>
      <c r="SCP707" s="613"/>
      <c r="SCQ707" s="613"/>
      <c r="SCR707" s="613"/>
      <c r="SCS707" s="613"/>
      <c r="SCT707" s="613"/>
      <c r="SCU707" s="613"/>
      <c r="SCV707" s="613"/>
      <c r="SCW707" s="613"/>
      <c r="SCX707" s="613"/>
      <c r="SCY707" s="613"/>
      <c r="SCZ707" s="613"/>
      <c r="SDA707" s="613"/>
      <c r="SDB707" s="613"/>
      <c r="SDC707" s="613"/>
      <c r="SDD707" s="613"/>
      <c r="SDE707" s="613"/>
      <c r="SDF707" s="613"/>
      <c r="SDG707" s="613"/>
      <c r="SDH707" s="613"/>
      <c r="SDI707" s="613"/>
      <c r="SDJ707" s="613"/>
      <c r="SDK707" s="613"/>
      <c r="SDL707" s="613"/>
      <c r="SDM707" s="613"/>
      <c r="SDN707" s="613"/>
      <c r="SDO707" s="613"/>
      <c r="SDP707" s="613"/>
      <c r="SDQ707" s="613"/>
      <c r="SDR707" s="613"/>
      <c r="SDS707" s="613"/>
      <c r="SDT707" s="613"/>
      <c r="SDU707" s="613"/>
      <c r="SDV707" s="613"/>
      <c r="SDW707" s="613"/>
      <c r="SDX707" s="613"/>
      <c r="SDY707" s="613"/>
      <c r="SDZ707" s="613"/>
      <c r="SEA707" s="613"/>
      <c r="SEB707" s="613"/>
      <c r="SEC707" s="613"/>
      <c r="SED707" s="613"/>
      <c r="SEE707" s="613"/>
      <c r="SEF707" s="613"/>
      <c r="SEG707" s="613"/>
      <c r="SEH707" s="613"/>
      <c r="SEI707" s="613"/>
      <c r="SEJ707" s="613"/>
      <c r="SEK707" s="613"/>
      <c r="SEL707" s="613"/>
      <c r="SEM707" s="613"/>
      <c r="SEN707" s="613"/>
      <c r="SEO707" s="613"/>
      <c r="SEP707" s="613"/>
      <c r="SEQ707" s="613"/>
      <c r="SER707" s="613"/>
      <c r="SES707" s="613"/>
      <c r="SET707" s="613"/>
      <c r="SEU707" s="613"/>
      <c r="SEV707" s="613"/>
      <c r="SEW707" s="613"/>
      <c r="SEX707" s="613"/>
      <c r="SEY707" s="613"/>
      <c r="SEZ707" s="613"/>
      <c r="SFA707" s="613"/>
      <c r="SFB707" s="613"/>
      <c r="SFC707" s="613"/>
      <c r="SFD707" s="613"/>
      <c r="SFE707" s="613"/>
      <c r="SFF707" s="613"/>
      <c r="SFG707" s="613"/>
      <c r="SFH707" s="613"/>
      <c r="SFI707" s="613"/>
      <c r="SFJ707" s="613"/>
      <c r="SFK707" s="613"/>
      <c r="SFL707" s="613"/>
      <c r="SFM707" s="613"/>
      <c r="SFN707" s="613"/>
      <c r="SFO707" s="613"/>
      <c r="SFP707" s="613"/>
      <c r="SFQ707" s="613"/>
      <c r="SFR707" s="613"/>
      <c r="SFS707" s="613"/>
      <c r="SFT707" s="613"/>
      <c r="SFU707" s="613"/>
      <c r="SFV707" s="613"/>
      <c r="SFW707" s="613"/>
      <c r="SFX707" s="613"/>
      <c r="SFY707" s="613"/>
      <c r="SFZ707" s="613"/>
      <c r="SGA707" s="613"/>
      <c r="SGB707" s="613"/>
      <c r="SGC707" s="613"/>
      <c r="SGD707" s="613"/>
      <c r="SGE707" s="613"/>
      <c r="SGF707" s="613"/>
      <c r="SGG707" s="613"/>
      <c r="SGH707" s="613"/>
      <c r="SGI707" s="613"/>
      <c r="SGJ707" s="613"/>
      <c r="SGK707" s="613"/>
      <c r="SGL707" s="613"/>
      <c r="SGM707" s="613"/>
      <c r="SGN707" s="613"/>
      <c r="SGO707" s="613"/>
      <c r="SGP707" s="613"/>
      <c r="SGQ707" s="613"/>
      <c r="SGR707" s="613"/>
      <c r="SGS707" s="613"/>
      <c r="SGT707" s="613"/>
      <c r="SGU707" s="613"/>
      <c r="SGV707" s="613"/>
      <c r="SGW707" s="613"/>
      <c r="SGX707" s="613"/>
      <c r="SGY707" s="613"/>
      <c r="SGZ707" s="613"/>
      <c r="SHA707" s="613"/>
      <c r="SHB707" s="613"/>
      <c r="SHC707" s="613"/>
      <c r="SHD707" s="613"/>
      <c r="SHE707" s="613"/>
      <c r="SHF707" s="613"/>
      <c r="SHG707" s="613"/>
      <c r="SHH707" s="613"/>
      <c r="SHI707" s="613"/>
      <c r="SHJ707" s="613"/>
      <c r="SHK707" s="613"/>
      <c r="SHL707" s="613"/>
      <c r="SHM707" s="613"/>
      <c r="SHN707" s="613"/>
      <c r="SHO707" s="613"/>
      <c r="SHP707" s="613"/>
      <c r="SHQ707" s="613"/>
      <c r="SHR707" s="613"/>
      <c r="SHS707" s="613"/>
      <c r="SHT707" s="613"/>
      <c r="SHU707" s="613"/>
      <c r="SHV707" s="613"/>
      <c r="SHW707" s="613"/>
      <c r="SHX707" s="613"/>
      <c r="SHY707" s="613"/>
      <c r="SHZ707" s="613"/>
      <c r="SIA707" s="613"/>
      <c r="SIB707" s="613"/>
      <c r="SIC707" s="613"/>
      <c r="SID707" s="613"/>
      <c r="SIE707" s="613"/>
      <c r="SIF707" s="613"/>
      <c r="SIG707" s="613"/>
      <c r="SIH707" s="613"/>
      <c r="SII707" s="613"/>
      <c r="SIJ707" s="613"/>
      <c r="SIK707" s="613"/>
      <c r="SIL707" s="613"/>
      <c r="SIM707" s="613"/>
      <c r="SIN707" s="613"/>
      <c r="SIO707" s="613"/>
      <c r="SIP707" s="613"/>
      <c r="SIQ707" s="613"/>
      <c r="SIR707" s="613"/>
      <c r="SIS707" s="613"/>
      <c r="SIT707" s="613"/>
      <c r="SIU707" s="613"/>
      <c r="SIV707" s="613"/>
      <c r="SIW707" s="613"/>
      <c r="SIX707" s="613"/>
      <c r="SIY707" s="613"/>
      <c r="SIZ707" s="613"/>
      <c r="SJA707" s="613"/>
      <c r="SJB707" s="613"/>
      <c r="SJC707" s="613"/>
      <c r="SJD707" s="613"/>
      <c r="SJE707" s="613"/>
      <c r="SJF707" s="613"/>
      <c r="SJG707" s="613"/>
      <c r="SJH707" s="613"/>
      <c r="SJI707" s="613"/>
      <c r="SJJ707" s="613"/>
      <c r="SJK707" s="613"/>
      <c r="SJL707" s="613"/>
      <c r="SJM707" s="613"/>
      <c r="SJN707" s="613"/>
      <c r="SJO707" s="613"/>
      <c r="SJP707" s="613"/>
      <c r="SJQ707" s="613"/>
      <c r="SJR707" s="613"/>
      <c r="SJS707" s="613"/>
      <c r="SJT707" s="613"/>
      <c r="SJU707" s="613"/>
      <c r="SJV707" s="613"/>
      <c r="SJW707" s="613"/>
      <c r="SJX707" s="613"/>
      <c r="SJY707" s="613"/>
      <c r="SJZ707" s="613"/>
      <c r="SKA707" s="613"/>
      <c r="SKB707" s="613"/>
      <c r="SKC707" s="613"/>
      <c r="SKD707" s="613"/>
      <c r="SKE707" s="613"/>
      <c r="SKF707" s="613"/>
      <c r="SKG707" s="613"/>
      <c r="SKH707" s="613"/>
      <c r="SKI707" s="613"/>
      <c r="SKJ707" s="613"/>
      <c r="SKK707" s="613"/>
      <c r="SKL707" s="613"/>
      <c r="SKM707" s="613"/>
      <c r="SKN707" s="613"/>
      <c r="SKO707" s="613"/>
      <c r="SKP707" s="613"/>
      <c r="SKQ707" s="613"/>
      <c r="SKR707" s="613"/>
      <c r="SKS707" s="613"/>
      <c r="SKT707" s="613"/>
      <c r="SKU707" s="613"/>
      <c r="SKV707" s="613"/>
      <c r="SKW707" s="613"/>
      <c r="SKX707" s="613"/>
      <c r="SKY707" s="613"/>
      <c r="SKZ707" s="613"/>
      <c r="SLA707" s="613"/>
      <c r="SLB707" s="613"/>
      <c r="SLC707" s="613"/>
      <c r="SLD707" s="613"/>
      <c r="SLE707" s="613"/>
      <c r="SLF707" s="613"/>
      <c r="SLG707" s="613"/>
      <c r="SLH707" s="613"/>
      <c r="SLI707" s="613"/>
      <c r="SLJ707" s="613"/>
      <c r="SLK707" s="613"/>
      <c r="SLL707" s="613"/>
      <c r="SLM707" s="613"/>
      <c r="SLN707" s="613"/>
      <c r="SLO707" s="613"/>
      <c r="SLP707" s="613"/>
      <c r="SLQ707" s="613"/>
      <c r="SLR707" s="613"/>
      <c r="SLS707" s="613"/>
      <c r="SLT707" s="613"/>
      <c r="SLU707" s="613"/>
      <c r="SLV707" s="613"/>
      <c r="SLW707" s="613"/>
      <c r="SLX707" s="613"/>
      <c r="SLY707" s="613"/>
      <c r="SLZ707" s="613"/>
      <c r="SMA707" s="613"/>
      <c r="SMB707" s="613"/>
      <c r="SMC707" s="613"/>
      <c r="SMD707" s="613"/>
      <c r="SME707" s="613"/>
      <c r="SMF707" s="613"/>
      <c r="SMG707" s="613"/>
      <c r="SMH707" s="613"/>
      <c r="SMI707" s="613"/>
      <c r="SMJ707" s="613"/>
      <c r="SMK707" s="613"/>
      <c r="SML707" s="613"/>
      <c r="SMM707" s="613"/>
      <c r="SMN707" s="613"/>
      <c r="SMO707" s="613"/>
      <c r="SMP707" s="613"/>
      <c r="SMQ707" s="613"/>
      <c r="SMR707" s="613"/>
      <c r="SMS707" s="613"/>
      <c r="SMT707" s="613"/>
      <c r="SMU707" s="613"/>
      <c r="SMV707" s="613"/>
      <c r="SMW707" s="613"/>
      <c r="SMX707" s="613"/>
      <c r="SMY707" s="613"/>
      <c r="SMZ707" s="613"/>
      <c r="SNA707" s="613"/>
      <c r="SNB707" s="613"/>
      <c r="SNC707" s="613"/>
      <c r="SND707" s="613"/>
      <c r="SNE707" s="613"/>
      <c r="SNF707" s="613"/>
      <c r="SNG707" s="613"/>
      <c r="SNH707" s="613"/>
      <c r="SNI707" s="613"/>
      <c r="SNJ707" s="613"/>
      <c r="SNK707" s="613"/>
      <c r="SNL707" s="613"/>
      <c r="SNM707" s="613"/>
      <c r="SNN707" s="613"/>
      <c r="SNO707" s="613"/>
      <c r="SNP707" s="613"/>
      <c r="SNQ707" s="613"/>
      <c r="SNR707" s="613"/>
      <c r="SNS707" s="613"/>
      <c r="SNT707" s="613"/>
      <c r="SNU707" s="613"/>
      <c r="SNV707" s="613"/>
      <c r="SNW707" s="613"/>
      <c r="SNX707" s="613"/>
      <c r="SNY707" s="613"/>
      <c r="SNZ707" s="613"/>
      <c r="SOA707" s="613"/>
      <c r="SOB707" s="613"/>
      <c r="SOC707" s="613"/>
      <c r="SOD707" s="613"/>
      <c r="SOE707" s="613"/>
      <c r="SOF707" s="613"/>
      <c r="SOG707" s="613"/>
      <c r="SOH707" s="613"/>
      <c r="SOI707" s="613"/>
      <c r="SOJ707" s="613"/>
      <c r="SOK707" s="613"/>
      <c r="SOL707" s="613"/>
      <c r="SOM707" s="613"/>
      <c r="SON707" s="613"/>
      <c r="SOO707" s="613"/>
      <c r="SOP707" s="613"/>
      <c r="SOQ707" s="613"/>
      <c r="SOR707" s="613"/>
      <c r="SOS707" s="613"/>
      <c r="SOT707" s="613"/>
      <c r="SOU707" s="613"/>
      <c r="SOV707" s="613"/>
      <c r="SOW707" s="613"/>
      <c r="SOX707" s="613"/>
      <c r="SOY707" s="613"/>
      <c r="SOZ707" s="613"/>
      <c r="SPA707" s="613"/>
      <c r="SPB707" s="613"/>
      <c r="SPC707" s="613"/>
      <c r="SPD707" s="613"/>
      <c r="SPE707" s="613"/>
      <c r="SPF707" s="613"/>
      <c r="SPG707" s="613"/>
      <c r="SPH707" s="613"/>
      <c r="SPI707" s="613"/>
      <c r="SPJ707" s="613"/>
      <c r="SPK707" s="613"/>
      <c r="SPL707" s="613"/>
      <c r="SPM707" s="613"/>
      <c r="SPN707" s="613"/>
      <c r="SPO707" s="613"/>
      <c r="SPP707" s="613"/>
      <c r="SPQ707" s="613"/>
      <c r="SPR707" s="613"/>
      <c r="SPS707" s="613"/>
      <c r="SPT707" s="613"/>
      <c r="SPU707" s="613"/>
      <c r="SPV707" s="613"/>
      <c r="SPW707" s="613"/>
      <c r="SPX707" s="613"/>
      <c r="SPY707" s="613"/>
      <c r="SPZ707" s="613"/>
      <c r="SQA707" s="613"/>
      <c r="SQB707" s="613"/>
      <c r="SQC707" s="613"/>
      <c r="SQD707" s="613"/>
      <c r="SQE707" s="613"/>
      <c r="SQF707" s="613"/>
      <c r="SQG707" s="613"/>
      <c r="SQH707" s="613"/>
      <c r="SQI707" s="613"/>
      <c r="SQJ707" s="613"/>
      <c r="SQK707" s="613"/>
      <c r="SQL707" s="613"/>
      <c r="SQM707" s="613"/>
      <c r="SQN707" s="613"/>
      <c r="SQO707" s="613"/>
      <c r="SQP707" s="613"/>
      <c r="SQQ707" s="613"/>
      <c r="SQR707" s="613"/>
      <c r="SQS707" s="613"/>
      <c r="SQT707" s="613"/>
      <c r="SQU707" s="613"/>
      <c r="SQV707" s="613"/>
      <c r="SQW707" s="613"/>
      <c r="SQX707" s="613"/>
      <c r="SQY707" s="613"/>
      <c r="SQZ707" s="613"/>
      <c r="SRA707" s="613"/>
      <c r="SRB707" s="613"/>
      <c r="SRC707" s="613"/>
      <c r="SRD707" s="613"/>
      <c r="SRE707" s="613"/>
      <c r="SRF707" s="613"/>
      <c r="SRG707" s="613"/>
      <c r="SRH707" s="613"/>
      <c r="SRI707" s="613"/>
      <c r="SRJ707" s="613"/>
      <c r="SRK707" s="613"/>
      <c r="SRL707" s="613"/>
      <c r="SRM707" s="613"/>
      <c r="SRN707" s="613"/>
      <c r="SRO707" s="613"/>
      <c r="SRP707" s="613"/>
      <c r="SRQ707" s="613"/>
      <c r="SRR707" s="613"/>
      <c r="SRS707" s="613"/>
      <c r="SRT707" s="613"/>
      <c r="SRU707" s="613"/>
      <c r="SRV707" s="613"/>
      <c r="SRW707" s="613"/>
      <c r="SRX707" s="613"/>
      <c r="SRY707" s="613"/>
      <c r="SRZ707" s="613"/>
      <c r="SSA707" s="613"/>
      <c r="SSB707" s="613"/>
      <c r="SSC707" s="613"/>
      <c r="SSD707" s="613"/>
      <c r="SSE707" s="613"/>
      <c r="SSF707" s="613"/>
      <c r="SSG707" s="613"/>
      <c r="SSH707" s="613"/>
      <c r="SSI707" s="613"/>
      <c r="SSJ707" s="613"/>
      <c r="SSK707" s="613"/>
      <c r="SSL707" s="613"/>
      <c r="SSM707" s="613"/>
      <c r="SSN707" s="613"/>
      <c r="SSO707" s="613"/>
      <c r="SSP707" s="613"/>
      <c r="SSQ707" s="613"/>
      <c r="SSR707" s="613"/>
      <c r="SSS707" s="613"/>
      <c r="SST707" s="613"/>
      <c r="SSU707" s="613"/>
      <c r="SSV707" s="613"/>
      <c r="SSW707" s="613"/>
      <c r="SSX707" s="613"/>
      <c r="SSY707" s="613"/>
      <c r="SSZ707" s="613"/>
      <c r="STA707" s="613"/>
      <c r="STB707" s="613"/>
      <c r="STC707" s="613"/>
      <c r="STD707" s="613"/>
      <c r="STE707" s="613"/>
      <c r="STF707" s="613"/>
      <c r="STG707" s="613"/>
      <c r="STH707" s="613"/>
      <c r="STI707" s="613"/>
      <c r="STJ707" s="613"/>
      <c r="STK707" s="613"/>
      <c r="STL707" s="613"/>
      <c r="STM707" s="613"/>
      <c r="STN707" s="613"/>
      <c r="STO707" s="613"/>
      <c r="STP707" s="613"/>
      <c r="STQ707" s="613"/>
      <c r="STR707" s="613"/>
      <c r="STS707" s="613"/>
      <c r="STT707" s="613"/>
      <c r="STU707" s="613"/>
      <c r="STV707" s="613"/>
      <c r="STW707" s="613"/>
      <c r="STX707" s="613"/>
      <c r="STY707" s="613"/>
      <c r="STZ707" s="613"/>
      <c r="SUA707" s="613"/>
      <c r="SUB707" s="613"/>
      <c r="SUC707" s="613"/>
      <c r="SUD707" s="613"/>
      <c r="SUE707" s="613"/>
      <c r="SUF707" s="613"/>
      <c r="SUG707" s="613"/>
      <c r="SUH707" s="613"/>
      <c r="SUI707" s="613"/>
      <c r="SUJ707" s="613"/>
      <c r="SUK707" s="613"/>
      <c r="SUL707" s="613"/>
      <c r="SUM707" s="613"/>
      <c r="SUN707" s="613"/>
      <c r="SUO707" s="613"/>
      <c r="SUP707" s="613"/>
      <c r="SUQ707" s="613"/>
      <c r="SUR707" s="613"/>
      <c r="SUS707" s="613"/>
      <c r="SUT707" s="613"/>
      <c r="SUU707" s="613"/>
      <c r="SUV707" s="613"/>
      <c r="SUW707" s="613"/>
      <c r="SUX707" s="613"/>
      <c r="SUY707" s="613"/>
      <c r="SUZ707" s="613"/>
      <c r="SVA707" s="613"/>
      <c r="SVB707" s="613"/>
      <c r="SVC707" s="613"/>
      <c r="SVD707" s="613"/>
      <c r="SVE707" s="613"/>
      <c r="SVF707" s="613"/>
      <c r="SVG707" s="613"/>
      <c r="SVH707" s="613"/>
      <c r="SVI707" s="613"/>
      <c r="SVJ707" s="613"/>
      <c r="SVK707" s="613"/>
      <c r="SVL707" s="613"/>
      <c r="SVM707" s="613"/>
      <c r="SVN707" s="613"/>
      <c r="SVO707" s="613"/>
      <c r="SVP707" s="613"/>
      <c r="SVQ707" s="613"/>
      <c r="SVR707" s="613"/>
      <c r="SVS707" s="613"/>
      <c r="SVT707" s="613"/>
      <c r="SVU707" s="613"/>
      <c r="SVV707" s="613"/>
      <c r="SVW707" s="613"/>
      <c r="SVX707" s="613"/>
      <c r="SVY707" s="613"/>
      <c r="SVZ707" s="613"/>
      <c r="SWA707" s="613"/>
      <c r="SWB707" s="613"/>
      <c r="SWC707" s="613"/>
      <c r="SWD707" s="613"/>
      <c r="SWE707" s="613"/>
      <c r="SWF707" s="613"/>
      <c r="SWG707" s="613"/>
      <c r="SWH707" s="613"/>
      <c r="SWI707" s="613"/>
      <c r="SWJ707" s="613"/>
      <c r="SWK707" s="613"/>
      <c r="SWL707" s="613"/>
      <c r="SWM707" s="613"/>
      <c r="SWN707" s="613"/>
      <c r="SWO707" s="613"/>
      <c r="SWP707" s="613"/>
      <c r="SWQ707" s="613"/>
      <c r="SWR707" s="613"/>
      <c r="SWS707" s="613"/>
      <c r="SWT707" s="613"/>
      <c r="SWU707" s="613"/>
      <c r="SWV707" s="613"/>
      <c r="SWW707" s="613"/>
      <c r="SWX707" s="613"/>
      <c r="SWY707" s="613"/>
      <c r="SWZ707" s="613"/>
      <c r="SXA707" s="613"/>
      <c r="SXB707" s="613"/>
      <c r="SXC707" s="613"/>
      <c r="SXD707" s="613"/>
      <c r="SXE707" s="613"/>
      <c r="SXF707" s="613"/>
      <c r="SXG707" s="613"/>
      <c r="SXH707" s="613"/>
      <c r="SXI707" s="613"/>
      <c r="SXJ707" s="613"/>
      <c r="SXK707" s="613"/>
      <c r="SXL707" s="613"/>
      <c r="SXM707" s="613"/>
      <c r="SXN707" s="613"/>
      <c r="SXO707" s="613"/>
      <c r="SXP707" s="613"/>
      <c r="SXQ707" s="613"/>
      <c r="SXR707" s="613"/>
      <c r="SXS707" s="613"/>
      <c r="SXT707" s="613"/>
      <c r="SXU707" s="613"/>
      <c r="SXV707" s="613"/>
      <c r="SXW707" s="613"/>
      <c r="SXX707" s="613"/>
      <c r="SXY707" s="613"/>
      <c r="SXZ707" s="613"/>
      <c r="SYA707" s="613"/>
      <c r="SYB707" s="613"/>
      <c r="SYC707" s="613"/>
      <c r="SYD707" s="613"/>
      <c r="SYE707" s="613"/>
      <c r="SYF707" s="613"/>
      <c r="SYG707" s="613"/>
      <c r="SYH707" s="613"/>
      <c r="SYI707" s="613"/>
      <c r="SYJ707" s="613"/>
      <c r="SYK707" s="613"/>
      <c r="SYL707" s="613"/>
      <c r="SYM707" s="613"/>
      <c r="SYN707" s="613"/>
      <c r="SYO707" s="613"/>
      <c r="SYP707" s="613"/>
      <c r="SYQ707" s="613"/>
      <c r="SYR707" s="613"/>
      <c r="SYS707" s="613"/>
      <c r="SYT707" s="613"/>
      <c r="SYU707" s="613"/>
      <c r="SYV707" s="613"/>
      <c r="SYW707" s="613"/>
      <c r="SYX707" s="613"/>
      <c r="SYY707" s="613"/>
      <c r="SYZ707" s="613"/>
      <c r="SZA707" s="613"/>
      <c r="SZB707" s="613"/>
      <c r="SZC707" s="613"/>
      <c r="SZD707" s="613"/>
      <c r="SZE707" s="613"/>
      <c r="SZF707" s="613"/>
      <c r="SZG707" s="613"/>
      <c r="SZH707" s="613"/>
      <c r="SZI707" s="613"/>
      <c r="SZJ707" s="613"/>
      <c r="SZK707" s="613"/>
      <c r="SZL707" s="613"/>
      <c r="SZM707" s="613"/>
      <c r="SZN707" s="613"/>
      <c r="SZO707" s="613"/>
      <c r="SZP707" s="613"/>
      <c r="SZQ707" s="613"/>
      <c r="SZR707" s="613"/>
      <c r="SZS707" s="613"/>
      <c r="SZT707" s="613"/>
      <c r="SZU707" s="613"/>
      <c r="SZV707" s="613"/>
      <c r="SZW707" s="613"/>
      <c r="SZX707" s="613"/>
      <c r="SZY707" s="613"/>
      <c r="SZZ707" s="613"/>
      <c r="TAA707" s="613"/>
      <c r="TAB707" s="613"/>
      <c r="TAC707" s="613"/>
      <c r="TAD707" s="613"/>
      <c r="TAE707" s="613"/>
      <c r="TAF707" s="613"/>
      <c r="TAG707" s="613"/>
      <c r="TAH707" s="613"/>
      <c r="TAI707" s="613"/>
      <c r="TAJ707" s="613"/>
      <c r="TAK707" s="613"/>
      <c r="TAL707" s="613"/>
      <c r="TAM707" s="613"/>
      <c r="TAN707" s="613"/>
      <c r="TAO707" s="613"/>
      <c r="TAP707" s="613"/>
      <c r="TAQ707" s="613"/>
      <c r="TAR707" s="613"/>
      <c r="TAS707" s="613"/>
      <c r="TAT707" s="613"/>
      <c r="TAU707" s="613"/>
      <c r="TAV707" s="613"/>
      <c r="TAW707" s="613"/>
      <c r="TAX707" s="613"/>
      <c r="TAY707" s="613"/>
      <c r="TAZ707" s="613"/>
      <c r="TBA707" s="613"/>
      <c r="TBB707" s="613"/>
      <c r="TBC707" s="613"/>
      <c r="TBD707" s="613"/>
      <c r="TBE707" s="613"/>
      <c r="TBF707" s="613"/>
      <c r="TBG707" s="613"/>
      <c r="TBH707" s="613"/>
      <c r="TBI707" s="613"/>
      <c r="TBJ707" s="613"/>
      <c r="TBK707" s="613"/>
      <c r="TBL707" s="613"/>
      <c r="TBM707" s="613"/>
      <c r="TBN707" s="613"/>
      <c r="TBO707" s="613"/>
      <c r="TBP707" s="613"/>
      <c r="TBQ707" s="613"/>
      <c r="TBR707" s="613"/>
      <c r="TBS707" s="613"/>
      <c r="TBT707" s="613"/>
      <c r="TBU707" s="613"/>
      <c r="TBV707" s="613"/>
      <c r="TBW707" s="613"/>
      <c r="TBX707" s="613"/>
      <c r="TBY707" s="613"/>
      <c r="TBZ707" s="613"/>
      <c r="TCA707" s="613"/>
      <c r="TCB707" s="613"/>
      <c r="TCC707" s="613"/>
      <c r="TCD707" s="613"/>
      <c r="TCE707" s="613"/>
      <c r="TCF707" s="613"/>
      <c r="TCG707" s="613"/>
      <c r="TCH707" s="613"/>
      <c r="TCI707" s="613"/>
      <c r="TCJ707" s="613"/>
      <c r="TCK707" s="613"/>
      <c r="TCL707" s="613"/>
      <c r="TCM707" s="613"/>
      <c r="TCN707" s="613"/>
      <c r="TCO707" s="613"/>
      <c r="TCP707" s="613"/>
      <c r="TCQ707" s="613"/>
      <c r="TCR707" s="613"/>
      <c r="TCS707" s="613"/>
      <c r="TCT707" s="613"/>
      <c r="TCU707" s="613"/>
      <c r="TCV707" s="613"/>
      <c r="TCW707" s="613"/>
      <c r="TCX707" s="613"/>
      <c r="TCY707" s="613"/>
      <c r="TCZ707" s="613"/>
      <c r="TDA707" s="613"/>
      <c r="TDB707" s="613"/>
      <c r="TDC707" s="613"/>
      <c r="TDD707" s="613"/>
      <c r="TDE707" s="613"/>
      <c r="TDF707" s="613"/>
      <c r="TDG707" s="613"/>
      <c r="TDH707" s="613"/>
      <c r="TDI707" s="613"/>
      <c r="TDJ707" s="613"/>
      <c r="TDK707" s="613"/>
      <c r="TDL707" s="613"/>
      <c r="TDM707" s="613"/>
      <c r="TDN707" s="613"/>
      <c r="TDO707" s="613"/>
      <c r="TDP707" s="613"/>
      <c r="TDQ707" s="613"/>
      <c r="TDR707" s="613"/>
      <c r="TDS707" s="613"/>
      <c r="TDT707" s="613"/>
      <c r="TDU707" s="613"/>
      <c r="TDV707" s="613"/>
      <c r="TDW707" s="613"/>
      <c r="TDX707" s="613"/>
      <c r="TDY707" s="613"/>
      <c r="TDZ707" s="613"/>
      <c r="TEA707" s="613"/>
      <c r="TEB707" s="613"/>
      <c r="TEC707" s="613"/>
      <c r="TED707" s="613"/>
      <c r="TEE707" s="613"/>
      <c r="TEF707" s="613"/>
      <c r="TEG707" s="613"/>
      <c r="TEH707" s="613"/>
      <c r="TEI707" s="613"/>
      <c r="TEJ707" s="613"/>
      <c r="TEK707" s="613"/>
      <c r="TEL707" s="613"/>
      <c r="TEM707" s="613"/>
      <c r="TEN707" s="613"/>
      <c r="TEO707" s="613"/>
      <c r="TEP707" s="613"/>
      <c r="TEQ707" s="613"/>
      <c r="TER707" s="613"/>
      <c r="TES707" s="613"/>
      <c r="TET707" s="613"/>
      <c r="TEU707" s="613"/>
      <c r="TEV707" s="613"/>
      <c r="TEW707" s="613"/>
      <c r="TEX707" s="613"/>
      <c r="TEY707" s="613"/>
      <c r="TEZ707" s="613"/>
      <c r="TFA707" s="613"/>
      <c r="TFB707" s="613"/>
      <c r="TFC707" s="613"/>
      <c r="TFD707" s="613"/>
      <c r="TFE707" s="613"/>
      <c r="TFF707" s="613"/>
      <c r="TFG707" s="613"/>
      <c r="TFH707" s="613"/>
      <c r="TFI707" s="613"/>
      <c r="TFJ707" s="613"/>
      <c r="TFK707" s="613"/>
      <c r="TFL707" s="613"/>
      <c r="TFM707" s="613"/>
      <c r="TFN707" s="613"/>
      <c r="TFO707" s="613"/>
      <c r="TFP707" s="613"/>
      <c r="TFQ707" s="613"/>
      <c r="TFR707" s="613"/>
      <c r="TFS707" s="613"/>
      <c r="TFT707" s="613"/>
      <c r="TFU707" s="613"/>
      <c r="TFV707" s="613"/>
      <c r="TFW707" s="613"/>
      <c r="TFX707" s="613"/>
      <c r="TFY707" s="613"/>
      <c r="TFZ707" s="613"/>
      <c r="TGA707" s="613"/>
      <c r="TGB707" s="613"/>
      <c r="TGC707" s="613"/>
      <c r="TGD707" s="613"/>
      <c r="TGE707" s="613"/>
      <c r="TGF707" s="613"/>
      <c r="TGG707" s="613"/>
      <c r="TGH707" s="613"/>
      <c r="TGI707" s="613"/>
      <c r="TGJ707" s="613"/>
      <c r="TGK707" s="613"/>
      <c r="TGL707" s="613"/>
      <c r="TGM707" s="613"/>
      <c r="TGN707" s="613"/>
      <c r="TGO707" s="613"/>
      <c r="TGP707" s="613"/>
      <c r="TGQ707" s="613"/>
      <c r="TGR707" s="613"/>
      <c r="TGS707" s="613"/>
      <c r="TGT707" s="613"/>
      <c r="TGU707" s="613"/>
      <c r="TGV707" s="613"/>
      <c r="TGW707" s="613"/>
      <c r="TGX707" s="613"/>
      <c r="TGY707" s="613"/>
      <c r="TGZ707" s="613"/>
      <c r="THA707" s="613"/>
      <c r="THB707" s="613"/>
      <c r="THC707" s="613"/>
      <c r="THD707" s="613"/>
      <c r="THE707" s="613"/>
      <c r="THF707" s="613"/>
      <c r="THG707" s="613"/>
      <c r="THH707" s="613"/>
      <c r="THI707" s="613"/>
      <c r="THJ707" s="613"/>
      <c r="THK707" s="613"/>
      <c r="THL707" s="613"/>
      <c r="THM707" s="613"/>
      <c r="THN707" s="613"/>
      <c r="THO707" s="613"/>
      <c r="THP707" s="613"/>
      <c r="THQ707" s="613"/>
      <c r="THR707" s="613"/>
      <c r="THS707" s="613"/>
      <c r="THT707" s="613"/>
      <c r="THU707" s="613"/>
      <c r="THV707" s="613"/>
      <c r="THW707" s="613"/>
      <c r="THX707" s="613"/>
      <c r="THY707" s="613"/>
      <c r="THZ707" s="613"/>
      <c r="TIA707" s="613"/>
      <c r="TIB707" s="613"/>
      <c r="TIC707" s="613"/>
      <c r="TID707" s="613"/>
      <c r="TIE707" s="613"/>
      <c r="TIF707" s="613"/>
      <c r="TIG707" s="613"/>
      <c r="TIH707" s="613"/>
      <c r="TII707" s="613"/>
      <c r="TIJ707" s="613"/>
      <c r="TIK707" s="613"/>
      <c r="TIL707" s="613"/>
      <c r="TIM707" s="613"/>
      <c r="TIN707" s="613"/>
      <c r="TIO707" s="613"/>
      <c r="TIP707" s="613"/>
      <c r="TIQ707" s="613"/>
      <c r="TIR707" s="613"/>
      <c r="TIS707" s="613"/>
      <c r="TIT707" s="613"/>
      <c r="TIU707" s="613"/>
      <c r="TIV707" s="613"/>
      <c r="TIW707" s="613"/>
      <c r="TIX707" s="613"/>
      <c r="TIY707" s="613"/>
      <c r="TIZ707" s="613"/>
      <c r="TJA707" s="613"/>
      <c r="TJB707" s="613"/>
      <c r="TJC707" s="613"/>
      <c r="TJD707" s="613"/>
      <c r="TJE707" s="613"/>
      <c r="TJF707" s="613"/>
      <c r="TJG707" s="613"/>
      <c r="TJH707" s="613"/>
      <c r="TJI707" s="613"/>
      <c r="TJJ707" s="613"/>
      <c r="TJK707" s="613"/>
      <c r="TJL707" s="613"/>
      <c r="TJM707" s="613"/>
      <c r="TJN707" s="613"/>
      <c r="TJO707" s="613"/>
      <c r="TJP707" s="613"/>
      <c r="TJQ707" s="613"/>
      <c r="TJR707" s="613"/>
      <c r="TJS707" s="613"/>
      <c r="TJT707" s="613"/>
      <c r="TJU707" s="613"/>
      <c r="TJV707" s="613"/>
      <c r="TJW707" s="613"/>
      <c r="TJX707" s="613"/>
      <c r="TJY707" s="613"/>
      <c r="TJZ707" s="613"/>
      <c r="TKA707" s="613"/>
      <c r="TKB707" s="613"/>
      <c r="TKC707" s="613"/>
      <c r="TKD707" s="613"/>
      <c r="TKE707" s="613"/>
      <c r="TKF707" s="613"/>
      <c r="TKG707" s="613"/>
      <c r="TKH707" s="613"/>
      <c r="TKI707" s="613"/>
      <c r="TKJ707" s="613"/>
      <c r="TKK707" s="613"/>
      <c r="TKL707" s="613"/>
      <c r="TKM707" s="613"/>
      <c r="TKN707" s="613"/>
      <c r="TKO707" s="613"/>
      <c r="TKP707" s="613"/>
      <c r="TKQ707" s="613"/>
      <c r="TKR707" s="613"/>
      <c r="TKS707" s="613"/>
      <c r="TKT707" s="613"/>
      <c r="TKU707" s="613"/>
      <c r="TKV707" s="613"/>
      <c r="TKW707" s="613"/>
      <c r="TKX707" s="613"/>
      <c r="TKY707" s="613"/>
      <c r="TKZ707" s="613"/>
      <c r="TLA707" s="613"/>
      <c r="TLB707" s="613"/>
      <c r="TLC707" s="613"/>
      <c r="TLD707" s="613"/>
      <c r="TLE707" s="613"/>
      <c r="TLF707" s="613"/>
      <c r="TLG707" s="613"/>
      <c r="TLH707" s="613"/>
      <c r="TLI707" s="613"/>
      <c r="TLJ707" s="613"/>
      <c r="TLK707" s="613"/>
      <c r="TLL707" s="613"/>
      <c r="TLM707" s="613"/>
      <c r="TLN707" s="613"/>
      <c r="TLO707" s="613"/>
      <c r="TLP707" s="613"/>
      <c r="TLQ707" s="613"/>
      <c r="TLR707" s="613"/>
      <c r="TLS707" s="613"/>
      <c r="TLT707" s="613"/>
      <c r="TLU707" s="613"/>
      <c r="TLV707" s="613"/>
      <c r="TLW707" s="613"/>
      <c r="TLX707" s="613"/>
      <c r="TLY707" s="613"/>
      <c r="TLZ707" s="613"/>
      <c r="TMA707" s="613"/>
      <c r="TMB707" s="613"/>
      <c r="TMC707" s="613"/>
      <c r="TMD707" s="613"/>
      <c r="TME707" s="613"/>
      <c r="TMF707" s="613"/>
      <c r="TMG707" s="613"/>
      <c r="TMH707" s="613"/>
      <c r="TMI707" s="613"/>
      <c r="TMJ707" s="613"/>
      <c r="TMK707" s="613"/>
      <c r="TML707" s="613"/>
      <c r="TMM707" s="613"/>
      <c r="TMN707" s="613"/>
      <c r="TMO707" s="613"/>
      <c r="TMP707" s="613"/>
      <c r="TMQ707" s="613"/>
      <c r="TMR707" s="613"/>
      <c r="TMS707" s="613"/>
      <c r="TMT707" s="613"/>
      <c r="TMU707" s="613"/>
      <c r="TMV707" s="613"/>
      <c r="TMW707" s="613"/>
      <c r="TMX707" s="613"/>
      <c r="TMY707" s="613"/>
      <c r="TMZ707" s="613"/>
      <c r="TNA707" s="613"/>
      <c r="TNB707" s="613"/>
      <c r="TNC707" s="613"/>
      <c r="TND707" s="613"/>
      <c r="TNE707" s="613"/>
      <c r="TNF707" s="613"/>
      <c r="TNG707" s="613"/>
      <c r="TNH707" s="613"/>
      <c r="TNI707" s="613"/>
      <c r="TNJ707" s="613"/>
      <c r="TNK707" s="613"/>
      <c r="TNL707" s="613"/>
      <c r="TNM707" s="613"/>
      <c r="TNN707" s="613"/>
      <c r="TNO707" s="613"/>
      <c r="TNP707" s="613"/>
      <c r="TNQ707" s="613"/>
      <c r="TNR707" s="613"/>
      <c r="TNS707" s="613"/>
      <c r="TNT707" s="613"/>
      <c r="TNU707" s="613"/>
      <c r="TNV707" s="613"/>
      <c r="TNW707" s="613"/>
      <c r="TNX707" s="613"/>
      <c r="TNY707" s="613"/>
      <c r="TNZ707" s="613"/>
      <c r="TOA707" s="613"/>
      <c r="TOB707" s="613"/>
      <c r="TOC707" s="613"/>
      <c r="TOD707" s="613"/>
      <c r="TOE707" s="613"/>
      <c r="TOF707" s="613"/>
      <c r="TOG707" s="613"/>
      <c r="TOH707" s="613"/>
      <c r="TOI707" s="613"/>
      <c r="TOJ707" s="613"/>
      <c r="TOK707" s="613"/>
      <c r="TOL707" s="613"/>
      <c r="TOM707" s="613"/>
      <c r="TON707" s="613"/>
      <c r="TOO707" s="613"/>
      <c r="TOP707" s="613"/>
      <c r="TOQ707" s="613"/>
      <c r="TOR707" s="613"/>
      <c r="TOS707" s="613"/>
      <c r="TOT707" s="613"/>
      <c r="TOU707" s="613"/>
      <c r="TOV707" s="613"/>
      <c r="TOW707" s="613"/>
      <c r="TOX707" s="613"/>
      <c r="TOY707" s="613"/>
      <c r="TOZ707" s="613"/>
      <c r="TPA707" s="613"/>
      <c r="TPB707" s="613"/>
      <c r="TPC707" s="613"/>
      <c r="TPD707" s="613"/>
      <c r="TPE707" s="613"/>
      <c r="TPF707" s="613"/>
      <c r="TPG707" s="613"/>
      <c r="TPH707" s="613"/>
      <c r="TPI707" s="613"/>
      <c r="TPJ707" s="613"/>
      <c r="TPK707" s="613"/>
      <c r="TPL707" s="613"/>
      <c r="TPM707" s="613"/>
      <c r="TPN707" s="613"/>
      <c r="TPO707" s="613"/>
      <c r="TPP707" s="613"/>
      <c r="TPQ707" s="613"/>
      <c r="TPR707" s="613"/>
      <c r="TPS707" s="613"/>
      <c r="TPT707" s="613"/>
      <c r="TPU707" s="613"/>
      <c r="TPV707" s="613"/>
      <c r="TPW707" s="613"/>
      <c r="TPX707" s="613"/>
      <c r="TPY707" s="613"/>
      <c r="TPZ707" s="613"/>
      <c r="TQA707" s="613"/>
      <c r="TQB707" s="613"/>
      <c r="TQC707" s="613"/>
      <c r="TQD707" s="613"/>
      <c r="TQE707" s="613"/>
      <c r="TQF707" s="613"/>
      <c r="TQG707" s="613"/>
      <c r="TQH707" s="613"/>
      <c r="TQI707" s="613"/>
      <c r="TQJ707" s="613"/>
      <c r="TQK707" s="613"/>
      <c r="TQL707" s="613"/>
      <c r="TQM707" s="613"/>
      <c r="TQN707" s="613"/>
      <c r="TQO707" s="613"/>
      <c r="TQP707" s="613"/>
      <c r="TQQ707" s="613"/>
      <c r="TQR707" s="613"/>
      <c r="TQS707" s="613"/>
      <c r="TQT707" s="613"/>
      <c r="TQU707" s="613"/>
      <c r="TQV707" s="613"/>
      <c r="TQW707" s="613"/>
      <c r="TQX707" s="613"/>
      <c r="TQY707" s="613"/>
      <c r="TQZ707" s="613"/>
      <c r="TRA707" s="613"/>
      <c r="TRB707" s="613"/>
      <c r="TRC707" s="613"/>
      <c r="TRD707" s="613"/>
      <c r="TRE707" s="613"/>
      <c r="TRF707" s="613"/>
      <c r="TRG707" s="613"/>
      <c r="TRH707" s="613"/>
      <c r="TRI707" s="613"/>
      <c r="TRJ707" s="613"/>
      <c r="TRK707" s="613"/>
      <c r="TRL707" s="613"/>
      <c r="TRM707" s="613"/>
      <c r="TRN707" s="613"/>
      <c r="TRO707" s="613"/>
      <c r="TRP707" s="613"/>
      <c r="TRQ707" s="613"/>
      <c r="TRR707" s="613"/>
      <c r="TRS707" s="613"/>
      <c r="TRT707" s="613"/>
      <c r="TRU707" s="613"/>
      <c r="TRV707" s="613"/>
      <c r="TRW707" s="613"/>
      <c r="TRX707" s="613"/>
      <c r="TRY707" s="613"/>
      <c r="TRZ707" s="613"/>
      <c r="TSA707" s="613"/>
      <c r="TSB707" s="613"/>
      <c r="TSC707" s="613"/>
      <c r="TSD707" s="613"/>
      <c r="TSE707" s="613"/>
      <c r="TSF707" s="613"/>
      <c r="TSG707" s="613"/>
      <c r="TSH707" s="613"/>
      <c r="TSI707" s="613"/>
      <c r="TSJ707" s="613"/>
      <c r="TSK707" s="613"/>
      <c r="TSL707" s="613"/>
      <c r="TSM707" s="613"/>
      <c r="TSN707" s="613"/>
      <c r="TSO707" s="613"/>
      <c r="TSP707" s="613"/>
      <c r="TSQ707" s="613"/>
      <c r="TSR707" s="613"/>
      <c r="TSS707" s="613"/>
      <c r="TST707" s="613"/>
      <c r="TSU707" s="613"/>
      <c r="TSV707" s="613"/>
      <c r="TSW707" s="613"/>
      <c r="TSX707" s="613"/>
      <c r="TSY707" s="613"/>
      <c r="TSZ707" s="613"/>
      <c r="TTA707" s="613"/>
      <c r="TTB707" s="613"/>
      <c r="TTC707" s="613"/>
      <c r="TTD707" s="613"/>
      <c r="TTE707" s="613"/>
      <c r="TTF707" s="613"/>
      <c r="TTG707" s="613"/>
      <c r="TTH707" s="613"/>
      <c r="TTI707" s="613"/>
      <c r="TTJ707" s="613"/>
      <c r="TTK707" s="613"/>
      <c r="TTL707" s="613"/>
      <c r="TTM707" s="613"/>
      <c r="TTN707" s="613"/>
      <c r="TTO707" s="613"/>
      <c r="TTP707" s="613"/>
      <c r="TTQ707" s="613"/>
      <c r="TTR707" s="613"/>
      <c r="TTS707" s="613"/>
      <c r="TTT707" s="613"/>
      <c r="TTU707" s="613"/>
      <c r="TTV707" s="613"/>
      <c r="TTW707" s="613"/>
      <c r="TTX707" s="613"/>
      <c r="TTY707" s="613"/>
      <c r="TTZ707" s="613"/>
      <c r="TUA707" s="613"/>
      <c r="TUB707" s="613"/>
      <c r="TUC707" s="613"/>
      <c r="TUD707" s="613"/>
      <c r="TUE707" s="613"/>
      <c r="TUF707" s="613"/>
      <c r="TUG707" s="613"/>
      <c r="TUH707" s="613"/>
      <c r="TUI707" s="613"/>
      <c r="TUJ707" s="613"/>
      <c r="TUK707" s="613"/>
      <c r="TUL707" s="613"/>
      <c r="TUM707" s="613"/>
      <c r="TUN707" s="613"/>
      <c r="TUO707" s="613"/>
      <c r="TUP707" s="613"/>
      <c r="TUQ707" s="613"/>
      <c r="TUR707" s="613"/>
      <c r="TUS707" s="613"/>
      <c r="TUT707" s="613"/>
      <c r="TUU707" s="613"/>
      <c r="TUV707" s="613"/>
      <c r="TUW707" s="613"/>
      <c r="TUX707" s="613"/>
      <c r="TUY707" s="613"/>
      <c r="TUZ707" s="613"/>
      <c r="TVA707" s="613"/>
      <c r="TVB707" s="613"/>
      <c r="TVC707" s="613"/>
      <c r="TVD707" s="613"/>
      <c r="TVE707" s="613"/>
      <c r="TVF707" s="613"/>
      <c r="TVG707" s="613"/>
      <c r="TVH707" s="613"/>
      <c r="TVI707" s="613"/>
      <c r="TVJ707" s="613"/>
      <c r="TVK707" s="613"/>
      <c r="TVL707" s="613"/>
      <c r="TVM707" s="613"/>
      <c r="TVN707" s="613"/>
      <c r="TVO707" s="613"/>
      <c r="TVP707" s="613"/>
      <c r="TVQ707" s="613"/>
      <c r="TVR707" s="613"/>
      <c r="TVS707" s="613"/>
      <c r="TVT707" s="613"/>
      <c r="TVU707" s="613"/>
      <c r="TVV707" s="613"/>
      <c r="TVW707" s="613"/>
      <c r="TVX707" s="613"/>
      <c r="TVY707" s="613"/>
      <c r="TVZ707" s="613"/>
      <c r="TWA707" s="613"/>
      <c r="TWB707" s="613"/>
      <c r="TWC707" s="613"/>
      <c r="TWD707" s="613"/>
      <c r="TWE707" s="613"/>
      <c r="TWF707" s="613"/>
      <c r="TWG707" s="613"/>
      <c r="TWH707" s="613"/>
      <c r="TWI707" s="613"/>
      <c r="TWJ707" s="613"/>
      <c r="TWK707" s="613"/>
      <c r="TWL707" s="613"/>
      <c r="TWM707" s="613"/>
      <c r="TWN707" s="613"/>
      <c r="TWO707" s="613"/>
      <c r="TWP707" s="613"/>
      <c r="TWQ707" s="613"/>
      <c r="TWR707" s="613"/>
      <c r="TWS707" s="613"/>
      <c r="TWT707" s="613"/>
      <c r="TWU707" s="613"/>
      <c r="TWV707" s="613"/>
      <c r="TWW707" s="613"/>
      <c r="TWX707" s="613"/>
      <c r="TWY707" s="613"/>
      <c r="TWZ707" s="613"/>
      <c r="TXA707" s="613"/>
      <c r="TXB707" s="613"/>
      <c r="TXC707" s="613"/>
      <c r="TXD707" s="613"/>
      <c r="TXE707" s="613"/>
      <c r="TXF707" s="613"/>
      <c r="TXG707" s="613"/>
      <c r="TXH707" s="613"/>
      <c r="TXI707" s="613"/>
      <c r="TXJ707" s="613"/>
      <c r="TXK707" s="613"/>
      <c r="TXL707" s="613"/>
      <c r="TXM707" s="613"/>
      <c r="TXN707" s="613"/>
      <c r="TXO707" s="613"/>
      <c r="TXP707" s="613"/>
      <c r="TXQ707" s="613"/>
      <c r="TXR707" s="613"/>
      <c r="TXS707" s="613"/>
      <c r="TXT707" s="613"/>
      <c r="TXU707" s="613"/>
      <c r="TXV707" s="613"/>
      <c r="TXW707" s="613"/>
      <c r="TXX707" s="613"/>
      <c r="TXY707" s="613"/>
      <c r="TXZ707" s="613"/>
      <c r="TYA707" s="613"/>
      <c r="TYB707" s="613"/>
      <c r="TYC707" s="613"/>
      <c r="TYD707" s="613"/>
      <c r="TYE707" s="613"/>
      <c r="TYF707" s="613"/>
      <c r="TYG707" s="613"/>
      <c r="TYH707" s="613"/>
      <c r="TYI707" s="613"/>
      <c r="TYJ707" s="613"/>
      <c r="TYK707" s="613"/>
      <c r="TYL707" s="613"/>
      <c r="TYM707" s="613"/>
      <c r="TYN707" s="613"/>
      <c r="TYO707" s="613"/>
      <c r="TYP707" s="613"/>
      <c r="TYQ707" s="613"/>
      <c r="TYR707" s="613"/>
      <c r="TYS707" s="613"/>
      <c r="TYT707" s="613"/>
      <c r="TYU707" s="613"/>
      <c r="TYV707" s="613"/>
      <c r="TYW707" s="613"/>
      <c r="TYX707" s="613"/>
      <c r="TYY707" s="613"/>
      <c r="TYZ707" s="613"/>
      <c r="TZA707" s="613"/>
      <c r="TZB707" s="613"/>
      <c r="TZC707" s="613"/>
      <c r="TZD707" s="613"/>
      <c r="TZE707" s="613"/>
      <c r="TZF707" s="613"/>
      <c r="TZG707" s="613"/>
      <c r="TZH707" s="613"/>
      <c r="TZI707" s="613"/>
      <c r="TZJ707" s="613"/>
      <c r="TZK707" s="613"/>
      <c r="TZL707" s="613"/>
      <c r="TZM707" s="613"/>
      <c r="TZN707" s="613"/>
      <c r="TZO707" s="613"/>
      <c r="TZP707" s="613"/>
      <c r="TZQ707" s="613"/>
      <c r="TZR707" s="613"/>
      <c r="TZS707" s="613"/>
      <c r="TZT707" s="613"/>
      <c r="TZU707" s="613"/>
      <c r="TZV707" s="613"/>
      <c r="TZW707" s="613"/>
      <c r="TZX707" s="613"/>
      <c r="TZY707" s="613"/>
      <c r="TZZ707" s="613"/>
      <c r="UAA707" s="613"/>
      <c r="UAB707" s="613"/>
      <c r="UAC707" s="613"/>
      <c r="UAD707" s="613"/>
      <c r="UAE707" s="613"/>
      <c r="UAF707" s="613"/>
      <c r="UAG707" s="613"/>
      <c r="UAH707" s="613"/>
      <c r="UAI707" s="613"/>
      <c r="UAJ707" s="613"/>
      <c r="UAK707" s="613"/>
      <c r="UAL707" s="613"/>
      <c r="UAM707" s="613"/>
      <c r="UAN707" s="613"/>
      <c r="UAO707" s="613"/>
      <c r="UAP707" s="613"/>
      <c r="UAQ707" s="613"/>
      <c r="UAR707" s="613"/>
      <c r="UAS707" s="613"/>
      <c r="UAT707" s="613"/>
      <c r="UAU707" s="613"/>
      <c r="UAV707" s="613"/>
      <c r="UAW707" s="613"/>
      <c r="UAX707" s="613"/>
      <c r="UAY707" s="613"/>
      <c r="UAZ707" s="613"/>
      <c r="UBA707" s="613"/>
      <c r="UBB707" s="613"/>
      <c r="UBC707" s="613"/>
      <c r="UBD707" s="613"/>
      <c r="UBE707" s="613"/>
      <c r="UBF707" s="613"/>
      <c r="UBG707" s="613"/>
      <c r="UBH707" s="613"/>
      <c r="UBI707" s="613"/>
      <c r="UBJ707" s="613"/>
      <c r="UBK707" s="613"/>
      <c r="UBL707" s="613"/>
      <c r="UBM707" s="613"/>
      <c r="UBN707" s="613"/>
      <c r="UBO707" s="613"/>
      <c r="UBP707" s="613"/>
      <c r="UBQ707" s="613"/>
      <c r="UBR707" s="613"/>
      <c r="UBS707" s="613"/>
      <c r="UBT707" s="613"/>
      <c r="UBU707" s="613"/>
      <c r="UBV707" s="613"/>
      <c r="UBW707" s="613"/>
      <c r="UBX707" s="613"/>
      <c r="UBY707" s="613"/>
      <c r="UBZ707" s="613"/>
      <c r="UCA707" s="613"/>
      <c r="UCB707" s="613"/>
      <c r="UCC707" s="613"/>
      <c r="UCD707" s="613"/>
      <c r="UCE707" s="613"/>
      <c r="UCF707" s="613"/>
      <c r="UCG707" s="613"/>
      <c r="UCH707" s="613"/>
      <c r="UCI707" s="613"/>
      <c r="UCJ707" s="613"/>
      <c r="UCK707" s="613"/>
      <c r="UCL707" s="613"/>
      <c r="UCM707" s="613"/>
      <c r="UCN707" s="613"/>
      <c r="UCO707" s="613"/>
      <c r="UCP707" s="613"/>
      <c r="UCQ707" s="613"/>
      <c r="UCR707" s="613"/>
      <c r="UCS707" s="613"/>
      <c r="UCT707" s="613"/>
      <c r="UCU707" s="613"/>
      <c r="UCV707" s="613"/>
      <c r="UCW707" s="613"/>
      <c r="UCX707" s="613"/>
      <c r="UCY707" s="613"/>
      <c r="UCZ707" s="613"/>
      <c r="UDA707" s="613"/>
      <c r="UDB707" s="613"/>
      <c r="UDC707" s="613"/>
      <c r="UDD707" s="613"/>
      <c r="UDE707" s="613"/>
      <c r="UDF707" s="613"/>
      <c r="UDG707" s="613"/>
      <c r="UDH707" s="613"/>
      <c r="UDI707" s="613"/>
      <c r="UDJ707" s="613"/>
      <c r="UDK707" s="613"/>
      <c r="UDL707" s="613"/>
      <c r="UDM707" s="613"/>
      <c r="UDN707" s="613"/>
      <c r="UDO707" s="613"/>
      <c r="UDP707" s="613"/>
      <c r="UDQ707" s="613"/>
      <c r="UDR707" s="613"/>
      <c r="UDS707" s="613"/>
      <c r="UDT707" s="613"/>
      <c r="UDU707" s="613"/>
      <c r="UDV707" s="613"/>
      <c r="UDW707" s="613"/>
      <c r="UDX707" s="613"/>
      <c r="UDY707" s="613"/>
      <c r="UDZ707" s="613"/>
      <c r="UEA707" s="613"/>
      <c r="UEB707" s="613"/>
      <c r="UEC707" s="613"/>
      <c r="UED707" s="613"/>
      <c r="UEE707" s="613"/>
      <c r="UEF707" s="613"/>
      <c r="UEG707" s="613"/>
      <c r="UEH707" s="613"/>
      <c r="UEI707" s="613"/>
      <c r="UEJ707" s="613"/>
      <c r="UEK707" s="613"/>
      <c r="UEL707" s="613"/>
      <c r="UEM707" s="613"/>
      <c r="UEN707" s="613"/>
      <c r="UEO707" s="613"/>
      <c r="UEP707" s="613"/>
      <c r="UEQ707" s="613"/>
      <c r="UER707" s="613"/>
      <c r="UES707" s="613"/>
      <c r="UET707" s="613"/>
      <c r="UEU707" s="613"/>
      <c r="UEV707" s="613"/>
      <c r="UEW707" s="613"/>
      <c r="UEX707" s="613"/>
      <c r="UEY707" s="613"/>
      <c r="UEZ707" s="613"/>
      <c r="UFA707" s="613"/>
      <c r="UFB707" s="613"/>
      <c r="UFC707" s="613"/>
      <c r="UFD707" s="613"/>
      <c r="UFE707" s="613"/>
      <c r="UFF707" s="613"/>
      <c r="UFG707" s="613"/>
      <c r="UFH707" s="613"/>
      <c r="UFI707" s="613"/>
      <c r="UFJ707" s="613"/>
      <c r="UFK707" s="613"/>
      <c r="UFL707" s="613"/>
      <c r="UFM707" s="613"/>
      <c r="UFN707" s="613"/>
      <c r="UFO707" s="613"/>
      <c r="UFP707" s="613"/>
      <c r="UFQ707" s="613"/>
      <c r="UFR707" s="613"/>
      <c r="UFS707" s="613"/>
      <c r="UFT707" s="613"/>
      <c r="UFU707" s="613"/>
      <c r="UFV707" s="613"/>
      <c r="UFW707" s="613"/>
      <c r="UFX707" s="613"/>
      <c r="UFY707" s="613"/>
      <c r="UFZ707" s="613"/>
      <c r="UGA707" s="613"/>
      <c r="UGB707" s="613"/>
      <c r="UGC707" s="613"/>
      <c r="UGD707" s="613"/>
      <c r="UGE707" s="613"/>
      <c r="UGF707" s="613"/>
      <c r="UGG707" s="613"/>
      <c r="UGH707" s="613"/>
      <c r="UGI707" s="613"/>
      <c r="UGJ707" s="613"/>
      <c r="UGK707" s="613"/>
      <c r="UGL707" s="613"/>
      <c r="UGM707" s="613"/>
      <c r="UGN707" s="613"/>
      <c r="UGO707" s="613"/>
      <c r="UGP707" s="613"/>
      <c r="UGQ707" s="613"/>
      <c r="UGR707" s="613"/>
      <c r="UGS707" s="613"/>
      <c r="UGT707" s="613"/>
      <c r="UGU707" s="613"/>
      <c r="UGV707" s="613"/>
      <c r="UGW707" s="613"/>
      <c r="UGX707" s="613"/>
      <c r="UGY707" s="613"/>
      <c r="UGZ707" s="613"/>
      <c r="UHA707" s="613"/>
      <c r="UHB707" s="613"/>
      <c r="UHC707" s="613"/>
      <c r="UHD707" s="613"/>
      <c r="UHE707" s="613"/>
      <c r="UHF707" s="613"/>
      <c r="UHG707" s="613"/>
      <c r="UHH707" s="613"/>
      <c r="UHI707" s="613"/>
      <c r="UHJ707" s="613"/>
      <c r="UHK707" s="613"/>
      <c r="UHL707" s="613"/>
      <c r="UHM707" s="613"/>
      <c r="UHN707" s="613"/>
      <c r="UHO707" s="613"/>
      <c r="UHP707" s="613"/>
      <c r="UHQ707" s="613"/>
      <c r="UHR707" s="613"/>
      <c r="UHS707" s="613"/>
      <c r="UHT707" s="613"/>
      <c r="UHU707" s="613"/>
      <c r="UHV707" s="613"/>
      <c r="UHW707" s="613"/>
      <c r="UHX707" s="613"/>
      <c r="UHY707" s="613"/>
      <c r="UHZ707" s="613"/>
      <c r="UIA707" s="613"/>
      <c r="UIB707" s="613"/>
      <c r="UIC707" s="613"/>
      <c r="UID707" s="613"/>
      <c r="UIE707" s="613"/>
      <c r="UIF707" s="613"/>
      <c r="UIG707" s="613"/>
      <c r="UIH707" s="613"/>
      <c r="UII707" s="613"/>
      <c r="UIJ707" s="613"/>
      <c r="UIK707" s="613"/>
      <c r="UIL707" s="613"/>
      <c r="UIM707" s="613"/>
      <c r="UIN707" s="613"/>
      <c r="UIO707" s="613"/>
      <c r="UIP707" s="613"/>
      <c r="UIQ707" s="613"/>
      <c r="UIR707" s="613"/>
      <c r="UIS707" s="613"/>
      <c r="UIT707" s="613"/>
      <c r="UIU707" s="613"/>
      <c r="UIV707" s="613"/>
      <c r="UIW707" s="613"/>
      <c r="UIX707" s="613"/>
      <c r="UIY707" s="613"/>
      <c r="UIZ707" s="613"/>
      <c r="UJA707" s="613"/>
      <c r="UJB707" s="613"/>
      <c r="UJC707" s="613"/>
      <c r="UJD707" s="613"/>
      <c r="UJE707" s="613"/>
      <c r="UJF707" s="613"/>
      <c r="UJG707" s="613"/>
      <c r="UJH707" s="613"/>
      <c r="UJI707" s="613"/>
      <c r="UJJ707" s="613"/>
      <c r="UJK707" s="613"/>
      <c r="UJL707" s="613"/>
      <c r="UJM707" s="613"/>
      <c r="UJN707" s="613"/>
      <c r="UJO707" s="613"/>
      <c r="UJP707" s="613"/>
      <c r="UJQ707" s="613"/>
      <c r="UJR707" s="613"/>
      <c r="UJS707" s="613"/>
      <c r="UJT707" s="613"/>
      <c r="UJU707" s="613"/>
      <c r="UJV707" s="613"/>
      <c r="UJW707" s="613"/>
      <c r="UJX707" s="613"/>
      <c r="UJY707" s="613"/>
      <c r="UJZ707" s="613"/>
      <c r="UKA707" s="613"/>
      <c r="UKB707" s="613"/>
      <c r="UKC707" s="613"/>
      <c r="UKD707" s="613"/>
      <c r="UKE707" s="613"/>
      <c r="UKF707" s="613"/>
      <c r="UKG707" s="613"/>
      <c r="UKH707" s="613"/>
      <c r="UKI707" s="613"/>
      <c r="UKJ707" s="613"/>
      <c r="UKK707" s="613"/>
      <c r="UKL707" s="613"/>
      <c r="UKM707" s="613"/>
      <c r="UKN707" s="613"/>
      <c r="UKO707" s="613"/>
      <c r="UKP707" s="613"/>
      <c r="UKQ707" s="613"/>
      <c r="UKR707" s="613"/>
      <c r="UKS707" s="613"/>
      <c r="UKT707" s="613"/>
      <c r="UKU707" s="613"/>
      <c r="UKV707" s="613"/>
      <c r="UKW707" s="613"/>
      <c r="UKX707" s="613"/>
      <c r="UKY707" s="613"/>
      <c r="UKZ707" s="613"/>
      <c r="ULA707" s="613"/>
      <c r="ULB707" s="613"/>
      <c r="ULC707" s="613"/>
      <c r="ULD707" s="613"/>
      <c r="ULE707" s="613"/>
      <c r="ULF707" s="613"/>
      <c r="ULG707" s="613"/>
      <c r="ULH707" s="613"/>
      <c r="ULI707" s="613"/>
      <c r="ULJ707" s="613"/>
      <c r="ULK707" s="613"/>
      <c r="ULL707" s="613"/>
      <c r="ULM707" s="613"/>
      <c r="ULN707" s="613"/>
      <c r="ULO707" s="613"/>
      <c r="ULP707" s="613"/>
      <c r="ULQ707" s="613"/>
      <c r="ULR707" s="613"/>
      <c r="ULS707" s="613"/>
      <c r="ULT707" s="613"/>
      <c r="ULU707" s="613"/>
      <c r="ULV707" s="613"/>
      <c r="ULW707" s="613"/>
      <c r="ULX707" s="613"/>
      <c r="ULY707" s="613"/>
      <c r="ULZ707" s="613"/>
      <c r="UMA707" s="613"/>
      <c r="UMB707" s="613"/>
      <c r="UMC707" s="613"/>
      <c r="UMD707" s="613"/>
      <c r="UME707" s="613"/>
      <c r="UMF707" s="613"/>
      <c r="UMG707" s="613"/>
      <c r="UMH707" s="613"/>
      <c r="UMI707" s="613"/>
      <c r="UMJ707" s="613"/>
      <c r="UMK707" s="613"/>
      <c r="UML707" s="613"/>
      <c r="UMM707" s="613"/>
      <c r="UMN707" s="613"/>
      <c r="UMO707" s="613"/>
      <c r="UMP707" s="613"/>
      <c r="UMQ707" s="613"/>
      <c r="UMR707" s="613"/>
      <c r="UMS707" s="613"/>
      <c r="UMT707" s="613"/>
      <c r="UMU707" s="613"/>
      <c r="UMV707" s="613"/>
      <c r="UMW707" s="613"/>
      <c r="UMX707" s="613"/>
      <c r="UMY707" s="613"/>
      <c r="UMZ707" s="613"/>
      <c r="UNA707" s="613"/>
      <c r="UNB707" s="613"/>
      <c r="UNC707" s="613"/>
      <c r="UND707" s="613"/>
      <c r="UNE707" s="613"/>
      <c r="UNF707" s="613"/>
      <c r="UNG707" s="613"/>
      <c r="UNH707" s="613"/>
      <c r="UNI707" s="613"/>
      <c r="UNJ707" s="613"/>
      <c r="UNK707" s="613"/>
      <c r="UNL707" s="613"/>
      <c r="UNM707" s="613"/>
      <c r="UNN707" s="613"/>
      <c r="UNO707" s="613"/>
      <c r="UNP707" s="613"/>
      <c r="UNQ707" s="613"/>
      <c r="UNR707" s="613"/>
      <c r="UNS707" s="613"/>
      <c r="UNT707" s="613"/>
      <c r="UNU707" s="613"/>
      <c r="UNV707" s="613"/>
      <c r="UNW707" s="613"/>
      <c r="UNX707" s="613"/>
      <c r="UNY707" s="613"/>
      <c r="UNZ707" s="613"/>
      <c r="UOA707" s="613"/>
      <c r="UOB707" s="613"/>
      <c r="UOC707" s="613"/>
      <c r="UOD707" s="613"/>
      <c r="UOE707" s="613"/>
      <c r="UOF707" s="613"/>
      <c r="UOG707" s="613"/>
      <c r="UOH707" s="613"/>
      <c r="UOI707" s="613"/>
      <c r="UOJ707" s="613"/>
      <c r="UOK707" s="613"/>
      <c r="UOL707" s="613"/>
      <c r="UOM707" s="613"/>
      <c r="UON707" s="613"/>
      <c r="UOO707" s="613"/>
      <c r="UOP707" s="613"/>
      <c r="UOQ707" s="613"/>
      <c r="UOR707" s="613"/>
      <c r="UOS707" s="613"/>
      <c r="UOT707" s="613"/>
      <c r="UOU707" s="613"/>
      <c r="UOV707" s="613"/>
      <c r="UOW707" s="613"/>
      <c r="UOX707" s="613"/>
      <c r="UOY707" s="613"/>
      <c r="UOZ707" s="613"/>
      <c r="UPA707" s="613"/>
      <c r="UPB707" s="613"/>
      <c r="UPC707" s="613"/>
      <c r="UPD707" s="613"/>
      <c r="UPE707" s="613"/>
      <c r="UPF707" s="613"/>
      <c r="UPG707" s="613"/>
      <c r="UPH707" s="613"/>
      <c r="UPI707" s="613"/>
      <c r="UPJ707" s="613"/>
      <c r="UPK707" s="613"/>
      <c r="UPL707" s="613"/>
      <c r="UPM707" s="613"/>
      <c r="UPN707" s="613"/>
      <c r="UPO707" s="613"/>
      <c r="UPP707" s="613"/>
      <c r="UPQ707" s="613"/>
      <c r="UPR707" s="613"/>
      <c r="UPS707" s="613"/>
      <c r="UPT707" s="613"/>
      <c r="UPU707" s="613"/>
      <c r="UPV707" s="613"/>
      <c r="UPW707" s="613"/>
      <c r="UPX707" s="613"/>
      <c r="UPY707" s="613"/>
      <c r="UPZ707" s="613"/>
      <c r="UQA707" s="613"/>
      <c r="UQB707" s="613"/>
      <c r="UQC707" s="613"/>
      <c r="UQD707" s="613"/>
      <c r="UQE707" s="613"/>
      <c r="UQF707" s="613"/>
      <c r="UQG707" s="613"/>
      <c r="UQH707" s="613"/>
      <c r="UQI707" s="613"/>
      <c r="UQJ707" s="613"/>
      <c r="UQK707" s="613"/>
      <c r="UQL707" s="613"/>
      <c r="UQM707" s="613"/>
      <c r="UQN707" s="613"/>
      <c r="UQO707" s="613"/>
      <c r="UQP707" s="613"/>
      <c r="UQQ707" s="613"/>
      <c r="UQR707" s="613"/>
      <c r="UQS707" s="613"/>
      <c r="UQT707" s="613"/>
      <c r="UQU707" s="613"/>
      <c r="UQV707" s="613"/>
      <c r="UQW707" s="613"/>
      <c r="UQX707" s="613"/>
      <c r="UQY707" s="613"/>
      <c r="UQZ707" s="613"/>
      <c r="URA707" s="613"/>
      <c r="URB707" s="613"/>
      <c r="URC707" s="613"/>
      <c r="URD707" s="613"/>
      <c r="URE707" s="613"/>
      <c r="URF707" s="613"/>
      <c r="URG707" s="613"/>
      <c r="URH707" s="613"/>
      <c r="URI707" s="613"/>
      <c r="URJ707" s="613"/>
      <c r="URK707" s="613"/>
      <c r="URL707" s="613"/>
      <c r="URM707" s="613"/>
      <c r="URN707" s="613"/>
      <c r="URO707" s="613"/>
      <c r="URP707" s="613"/>
      <c r="URQ707" s="613"/>
      <c r="URR707" s="613"/>
      <c r="URS707" s="613"/>
      <c r="URT707" s="613"/>
      <c r="URU707" s="613"/>
      <c r="URV707" s="613"/>
      <c r="URW707" s="613"/>
      <c r="URX707" s="613"/>
      <c r="URY707" s="613"/>
      <c r="URZ707" s="613"/>
      <c r="USA707" s="613"/>
      <c r="USB707" s="613"/>
      <c r="USC707" s="613"/>
      <c r="USD707" s="613"/>
      <c r="USE707" s="613"/>
      <c r="USF707" s="613"/>
      <c r="USG707" s="613"/>
      <c r="USH707" s="613"/>
      <c r="USI707" s="613"/>
      <c r="USJ707" s="613"/>
      <c r="USK707" s="613"/>
      <c r="USL707" s="613"/>
      <c r="USM707" s="613"/>
      <c r="USN707" s="613"/>
      <c r="USO707" s="613"/>
      <c r="USP707" s="613"/>
      <c r="USQ707" s="613"/>
      <c r="USR707" s="613"/>
      <c r="USS707" s="613"/>
      <c r="UST707" s="613"/>
      <c r="USU707" s="613"/>
      <c r="USV707" s="613"/>
      <c r="USW707" s="613"/>
      <c r="USX707" s="613"/>
      <c r="USY707" s="613"/>
      <c r="USZ707" s="613"/>
      <c r="UTA707" s="613"/>
      <c r="UTB707" s="613"/>
      <c r="UTC707" s="613"/>
      <c r="UTD707" s="613"/>
      <c r="UTE707" s="613"/>
      <c r="UTF707" s="613"/>
      <c r="UTG707" s="613"/>
      <c r="UTH707" s="613"/>
      <c r="UTI707" s="613"/>
      <c r="UTJ707" s="613"/>
      <c r="UTK707" s="613"/>
      <c r="UTL707" s="613"/>
      <c r="UTM707" s="613"/>
      <c r="UTN707" s="613"/>
      <c r="UTO707" s="613"/>
      <c r="UTP707" s="613"/>
      <c r="UTQ707" s="613"/>
      <c r="UTR707" s="613"/>
      <c r="UTS707" s="613"/>
      <c r="UTT707" s="613"/>
      <c r="UTU707" s="613"/>
      <c r="UTV707" s="613"/>
      <c r="UTW707" s="613"/>
      <c r="UTX707" s="613"/>
      <c r="UTY707" s="613"/>
      <c r="UTZ707" s="613"/>
      <c r="UUA707" s="613"/>
      <c r="UUB707" s="613"/>
      <c r="UUC707" s="613"/>
      <c r="UUD707" s="613"/>
      <c r="UUE707" s="613"/>
      <c r="UUF707" s="613"/>
      <c r="UUG707" s="613"/>
      <c r="UUH707" s="613"/>
      <c r="UUI707" s="613"/>
      <c r="UUJ707" s="613"/>
      <c r="UUK707" s="613"/>
      <c r="UUL707" s="613"/>
      <c r="UUM707" s="613"/>
      <c r="UUN707" s="613"/>
      <c r="UUO707" s="613"/>
      <c r="UUP707" s="613"/>
      <c r="UUQ707" s="613"/>
      <c r="UUR707" s="613"/>
      <c r="UUS707" s="613"/>
      <c r="UUT707" s="613"/>
      <c r="UUU707" s="613"/>
      <c r="UUV707" s="613"/>
      <c r="UUW707" s="613"/>
      <c r="UUX707" s="613"/>
      <c r="UUY707" s="613"/>
      <c r="UUZ707" s="613"/>
      <c r="UVA707" s="613"/>
      <c r="UVB707" s="613"/>
      <c r="UVC707" s="613"/>
      <c r="UVD707" s="613"/>
      <c r="UVE707" s="613"/>
      <c r="UVF707" s="613"/>
      <c r="UVG707" s="613"/>
      <c r="UVH707" s="613"/>
      <c r="UVI707" s="613"/>
      <c r="UVJ707" s="613"/>
      <c r="UVK707" s="613"/>
      <c r="UVL707" s="613"/>
      <c r="UVM707" s="613"/>
      <c r="UVN707" s="613"/>
      <c r="UVO707" s="613"/>
      <c r="UVP707" s="613"/>
      <c r="UVQ707" s="613"/>
      <c r="UVR707" s="613"/>
      <c r="UVS707" s="613"/>
      <c r="UVT707" s="613"/>
      <c r="UVU707" s="613"/>
      <c r="UVV707" s="613"/>
      <c r="UVW707" s="613"/>
      <c r="UVX707" s="613"/>
      <c r="UVY707" s="613"/>
      <c r="UVZ707" s="613"/>
      <c r="UWA707" s="613"/>
      <c r="UWB707" s="613"/>
      <c r="UWC707" s="613"/>
      <c r="UWD707" s="613"/>
      <c r="UWE707" s="613"/>
      <c r="UWF707" s="613"/>
      <c r="UWG707" s="613"/>
      <c r="UWH707" s="613"/>
      <c r="UWI707" s="613"/>
      <c r="UWJ707" s="613"/>
      <c r="UWK707" s="613"/>
      <c r="UWL707" s="613"/>
      <c r="UWM707" s="613"/>
      <c r="UWN707" s="613"/>
      <c r="UWO707" s="613"/>
      <c r="UWP707" s="613"/>
      <c r="UWQ707" s="613"/>
      <c r="UWR707" s="613"/>
      <c r="UWS707" s="613"/>
      <c r="UWT707" s="613"/>
      <c r="UWU707" s="613"/>
      <c r="UWV707" s="613"/>
      <c r="UWW707" s="613"/>
      <c r="UWX707" s="613"/>
      <c r="UWY707" s="613"/>
      <c r="UWZ707" s="613"/>
      <c r="UXA707" s="613"/>
      <c r="UXB707" s="613"/>
      <c r="UXC707" s="613"/>
      <c r="UXD707" s="613"/>
      <c r="UXE707" s="613"/>
      <c r="UXF707" s="613"/>
      <c r="UXG707" s="613"/>
      <c r="UXH707" s="613"/>
      <c r="UXI707" s="613"/>
      <c r="UXJ707" s="613"/>
      <c r="UXK707" s="613"/>
      <c r="UXL707" s="613"/>
      <c r="UXM707" s="613"/>
      <c r="UXN707" s="613"/>
      <c r="UXO707" s="613"/>
      <c r="UXP707" s="613"/>
      <c r="UXQ707" s="613"/>
      <c r="UXR707" s="613"/>
      <c r="UXS707" s="613"/>
      <c r="UXT707" s="613"/>
      <c r="UXU707" s="613"/>
      <c r="UXV707" s="613"/>
      <c r="UXW707" s="613"/>
      <c r="UXX707" s="613"/>
      <c r="UXY707" s="613"/>
      <c r="UXZ707" s="613"/>
      <c r="UYA707" s="613"/>
      <c r="UYB707" s="613"/>
      <c r="UYC707" s="613"/>
      <c r="UYD707" s="613"/>
      <c r="UYE707" s="613"/>
      <c r="UYF707" s="613"/>
      <c r="UYG707" s="613"/>
      <c r="UYH707" s="613"/>
      <c r="UYI707" s="613"/>
      <c r="UYJ707" s="613"/>
      <c r="UYK707" s="613"/>
      <c r="UYL707" s="613"/>
      <c r="UYM707" s="613"/>
      <c r="UYN707" s="613"/>
      <c r="UYO707" s="613"/>
      <c r="UYP707" s="613"/>
      <c r="UYQ707" s="613"/>
      <c r="UYR707" s="613"/>
      <c r="UYS707" s="613"/>
      <c r="UYT707" s="613"/>
      <c r="UYU707" s="613"/>
      <c r="UYV707" s="613"/>
      <c r="UYW707" s="613"/>
      <c r="UYX707" s="613"/>
      <c r="UYY707" s="613"/>
      <c r="UYZ707" s="613"/>
      <c r="UZA707" s="613"/>
      <c r="UZB707" s="613"/>
      <c r="UZC707" s="613"/>
      <c r="UZD707" s="613"/>
      <c r="UZE707" s="613"/>
      <c r="UZF707" s="613"/>
      <c r="UZG707" s="613"/>
      <c r="UZH707" s="613"/>
      <c r="UZI707" s="613"/>
      <c r="UZJ707" s="613"/>
      <c r="UZK707" s="613"/>
      <c r="UZL707" s="613"/>
      <c r="UZM707" s="613"/>
      <c r="UZN707" s="613"/>
      <c r="UZO707" s="613"/>
      <c r="UZP707" s="613"/>
      <c r="UZQ707" s="613"/>
      <c r="UZR707" s="613"/>
      <c r="UZS707" s="613"/>
      <c r="UZT707" s="613"/>
      <c r="UZU707" s="613"/>
      <c r="UZV707" s="613"/>
      <c r="UZW707" s="613"/>
      <c r="UZX707" s="613"/>
      <c r="UZY707" s="613"/>
      <c r="UZZ707" s="613"/>
      <c r="VAA707" s="613"/>
      <c r="VAB707" s="613"/>
      <c r="VAC707" s="613"/>
      <c r="VAD707" s="613"/>
      <c r="VAE707" s="613"/>
      <c r="VAF707" s="613"/>
      <c r="VAG707" s="613"/>
      <c r="VAH707" s="613"/>
      <c r="VAI707" s="613"/>
      <c r="VAJ707" s="613"/>
      <c r="VAK707" s="613"/>
      <c r="VAL707" s="613"/>
      <c r="VAM707" s="613"/>
      <c r="VAN707" s="613"/>
      <c r="VAO707" s="613"/>
      <c r="VAP707" s="613"/>
      <c r="VAQ707" s="613"/>
      <c r="VAR707" s="613"/>
      <c r="VAS707" s="613"/>
      <c r="VAT707" s="613"/>
      <c r="VAU707" s="613"/>
      <c r="VAV707" s="613"/>
      <c r="VAW707" s="613"/>
      <c r="VAX707" s="613"/>
      <c r="VAY707" s="613"/>
      <c r="VAZ707" s="613"/>
      <c r="VBA707" s="613"/>
      <c r="VBB707" s="613"/>
      <c r="VBC707" s="613"/>
      <c r="VBD707" s="613"/>
      <c r="VBE707" s="613"/>
      <c r="VBF707" s="613"/>
      <c r="VBG707" s="613"/>
      <c r="VBH707" s="613"/>
      <c r="VBI707" s="613"/>
      <c r="VBJ707" s="613"/>
      <c r="VBK707" s="613"/>
      <c r="VBL707" s="613"/>
      <c r="VBM707" s="613"/>
      <c r="VBN707" s="613"/>
      <c r="VBO707" s="613"/>
      <c r="VBP707" s="613"/>
      <c r="VBQ707" s="613"/>
      <c r="VBR707" s="613"/>
      <c r="VBS707" s="613"/>
      <c r="VBT707" s="613"/>
      <c r="VBU707" s="613"/>
      <c r="VBV707" s="613"/>
      <c r="VBW707" s="613"/>
      <c r="VBX707" s="613"/>
      <c r="VBY707" s="613"/>
      <c r="VBZ707" s="613"/>
      <c r="VCA707" s="613"/>
      <c r="VCB707" s="613"/>
      <c r="VCC707" s="613"/>
      <c r="VCD707" s="613"/>
      <c r="VCE707" s="613"/>
      <c r="VCF707" s="613"/>
      <c r="VCG707" s="613"/>
      <c r="VCH707" s="613"/>
      <c r="VCI707" s="613"/>
      <c r="VCJ707" s="613"/>
      <c r="VCK707" s="613"/>
      <c r="VCL707" s="613"/>
      <c r="VCM707" s="613"/>
      <c r="VCN707" s="613"/>
      <c r="VCO707" s="613"/>
      <c r="VCP707" s="613"/>
      <c r="VCQ707" s="613"/>
      <c r="VCR707" s="613"/>
      <c r="VCS707" s="613"/>
      <c r="VCT707" s="613"/>
      <c r="VCU707" s="613"/>
      <c r="VCV707" s="613"/>
      <c r="VCW707" s="613"/>
      <c r="VCX707" s="613"/>
      <c r="VCY707" s="613"/>
      <c r="VCZ707" s="613"/>
      <c r="VDA707" s="613"/>
      <c r="VDB707" s="613"/>
      <c r="VDC707" s="613"/>
      <c r="VDD707" s="613"/>
      <c r="VDE707" s="613"/>
      <c r="VDF707" s="613"/>
      <c r="VDG707" s="613"/>
      <c r="VDH707" s="613"/>
      <c r="VDI707" s="613"/>
      <c r="VDJ707" s="613"/>
      <c r="VDK707" s="613"/>
      <c r="VDL707" s="613"/>
      <c r="VDM707" s="613"/>
      <c r="VDN707" s="613"/>
      <c r="VDO707" s="613"/>
      <c r="VDP707" s="613"/>
      <c r="VDQ707" s="613"/>
      <c r="VDR707" s="613"/>
      <c r="VDS707" s="613"/>
      <c r="VDT707" s="613"/>
      <c r="VDU707" s="613"/>
      <c r="VDV707" s="613"/>
      <c r="VDW707" s="613"/>
      <c r="VDX707" s="613"/>
      <c r="VDY707" s="613"/>
      <c r="VDZ707" s="613"/>
      <c r="VEA707" s="613"/>
      <c r="VEB707" s="613"/>
      <c r="VEC707" s="613"/>
      <c r="VED707" s="613"/>
      <c r="VEE707" s="613"/>
      <c r="VEF707" s="613"/>
      <c r="VEG707" s="613"/>
      <c r="VEH707" s="613"/>
      <c r="VEI707" s="613"/>
      <c r="VEJ707" s="613"/>
      <c r="VEK707" s="613"/>
      <c r="VEL707" s="613"/>
      <c r="VEM707" s="613"/>
      <c r="VEN707" s="613"/>
      <c r="VEO707" s="613"/>
      <c r="VEP707" s="613"/>
      <c r="VEQ707" s="613"/>
      <c r="VER707" s="613"/>
      <c r="VES707" s="613"/>
      <c r="VET707" s="613"/>
      <c r="VEU707" s="613"/>
      <c r="VEV707" s="613"/>
      <c r="VEW707" s="613"/>
      <c r="VEX707" s="613"/>
      <c r="VEY707" s="613"/>
      <c r="VEZ707" s="613"/>
      <c r="VFA707" s="613"/>
      <c r="VFB707" s="613"/>
      <c r="VFC707" s="613"/>
      <c r="VFD707" s="613"/>
      <c r="VFE707" s="613"/>
      <c r="VFF707" s="613"/>
      <c r="VFG707" s="613"/>
      <c r="VFH707" s="613"/>
      <c r="VFI707" s="613"/>
      <c r="VFJ707" s="613"/>
      <c r="VFK707" s="613"/>
      <c r="VFL707" s="613"/>
      <c r="VFM707" s="613"/>
      <c r="VFN707" s="613"/>
      <c r="VFO707" s="613"/>
      <c r="VFP707" s="613"/>
      <c r="VFQ707" s="613"/>
      <c r="VFR707" s="613"/>
      <c r="VFS707" s="613"/>
      <c r="VFT707" s="613"/>
      <c r="VFU707" s="613"/>
      <c r="VFV707" s="613"/>
      <c r="VFW707" s="613"/>
      <c r="VFX707" s="613"/>
      <c r="VFY707" s="613"/>
      <c r="VFZ707" s="613"/>
      <c r="VGA707" s="613"/>
      <c r="VGB707" s="613"/>
      <c r="VGC707" s="613"/>
      <c r="VGD707" s="613"/>
      <c r="VGE707" s="613"/>
      <c r="VGF707" s="613"/>
      <c r="VGG707" s="613"/>
      <c r="VGH707" s="613"/>
      <c r="VGI707" s="613"/>
      <c r="VGJ707" s="613"/>
      <c r="VGK707" s="613"/>
      <c r="VGL707" s="613"/>
      <c r="VGM707" s="613"/>
      <c r="VGN707" s="613"/>
      <c r="VGO707" s="613"/>
      <c r="VGP707" s="613"/>
      <c r="VGQ707" s="613"/>
      <c r="VGR707" s="613"/>
      <c r="VGS707" s="613"/>
      <c r="VGT707" s="613"/>
      <c r="VGU707" s="613"/>
      <c r="VGV707" s="613"/>
      <c r="VGW707" s="613"/>
      <c r="VGX707" s="613"/>
      <c r="VGY707" s="613"/>
      <c r="VGZ707" s="613"/>
      <c r="VHA707" s="613"/>
      <c r="VHB707" s="613"/>
      <c r="VHC707" s="613"/>
      <c r="VHD707" s="613"/>
      <c r="VHE707" s="613"/>
      <c r="VHF707" s="613"/>
      <c r="VHG707" s="613"/>
      <c r="VHH707" s="613"/>
      <c r="VHI707" s="613"/>
      <c r="VHJ707" s="613"/>
      <c r="VHK707" s="613"/>
      <c r="VHL707" s="613"/>
      <c r="VHM707" s="613"/>
      <c r="VHN707" s="613"/>
      <c r="VHO707" s="613"/>
      <c r="VHP707" s="613"/>
      <c r="VHQ707" s="613"/>
      <c r="VHR707" s="613"/>
      <c r="VHS707" s="613"/>
      <c r="VHT707" s="613"/>
      <c r="VHU707" s="613"/>
      <c r="VHV707" s="613"/>
      <c r="VHW707" s="613"/>
      <c r="VHX707" s="613"/>
      <c r="VHY707" s="613"/>
      <c r="VHZ707" s="613"/>
      <c r="VIA707" s="613"/>
      <c r="VIB707" s="613"/>
      <c r="VIC707" s="613"/>
      <c r="VID707" s="613"/>
      <c r="VIE707" s="613"/>
      <c r="VIF707" s="613"/>
      <c r="VIG707" s="613"/>
      <c r="VIH707" s="613"/>
      <c r="VII707" s="613"/>
      <c r="VIJ707" s="613"/>
      <c r="VIK707" s="613"/>
      <c r="VIL707" s="613"/>
      <c r="VIM707" s="613"/>
      <c r="VIN707" s="613"/>
      <c r="VIO707" s="613"/>
      <c r="VIP707" s="613"/>
      <c r="VIQ707" s="613"/>
      <c r="VIR707" s="613"/>
      <c r="VIS707" s="613"/>
      <c r="VIT707" s="613"/>
      <c r="VIU707" s="613"/>
      <c r="VIV707" s="613"/>
      <c r="VIW707" s="613"/>
      <c r="VIX707" s="613"/>
      <c r="VIY707" s="613"/>
      <c r="VIZ707" s="613"/>
      <c r="VJA707" s="613"/>
      <c r="VJB707" s="613"/>
      <c r="VJC707" s="613"/>
      <c r="VJD707" s="613"/>
      <c r="VJE707" s="613"/>
      <c r="VJF707" s="613"/>
      <c r="VJG707" s="613"/>
      <c r="VJH707" s="613"/>
      <c r="VJI707" s="613"/>
      <c r="VJJ707" s="613"/>
      <c r="VJK707" s="613"/>
      <c r="VJL707" s="613"/>
      <c r="VJM707" s="613"/>
      <c r="VJN707" s="613"/>
      <c r="VJO707" s="613"/>
      <c r="VJP707" s="613"/>
      <c r="VJQ707" s="613"/>
      <c r="VJR707" s="613"/>
      <c r="VJS707" s="613"/>
      <c r="VJT707" s="613"/>
      <c r="VJU707" s="613"/>
      <c r="VJV707" s="613"/>
      <c r="VJW707" s="613"/>
      <c r="VJX707" s="613"/>
      <c r="VJY707" s="613"/>
      <c r="VJZ707" s="613"/>
      <c r="VKA707" s="613"/>
      <c r="VKB707" s="613"/>
      <c r="VKC707" s="613"/>
      <c r="VKD707" s="613"/>
      <c r="VKE707" s="613"/>
      <c r="VKF707" s="613"/>
      <c r="VKG707" s="613"/>
      <c r="VKH707" s="613"/>
      <c r="VKI707" s="613"/>
      <c r="VKJ707" s="613"/>
      <c r="VKK707" s="613"/>
      <c r="VKL707" s="613"/>
      <c r="VKM707" s="613"/>
      <c r="VKN707" s="613"/>
      <c r="VKO707" s="613"/>
      <c r="VKP707" s="613"/>
      <c r="VKQ707" s="613"/>
      <c r="VKR707" s="613"/>
      <c r="VKS707" s="613"/>
      <c r="VKT707" s="613"/>
      <c r="VKU707" s="613"/>
      <c r="VKV707" s="613"/>
      <c r="VKW707" s="613"/>
      <c r="VKX707" s="613"/>
      <c r="VKY707" s="613"/>
      <c r="VKZ707" s="613"/>
      <c r="VLA707" s="613"/>
      <c r="VLB707" s="613"/>
      <c r="VLC707" s="613"/>
      <c r="VLD707" s="613"/>
      <c r="VLE707" s="613"/>
      <c r="VLF707" s="613"/>
      <c r="VLG707" s="613"/>
      <c r="VLH707" s="613"/>
      <c r="VLI707" s="613"/>
      <c r="VLJ707" s="613"/>
      <c r="VLK707" s="613"/>
      <c r="VLL707" s="613"/>
      <c r="VLM707" s="613"/>
      <c r="VLN707" s="613"/>
      <c r="VLO707" s="613"/>
      <c r="VLP707" s="613"/>
      <c r="VLQ707" s="613"/>
      <c r="VLR707" s="613"/>
      <c r="VLS707" s="613"/>
      <c r="VLT707" s="613"/>
      <c r="VLU707" s="613"/>
      <c r="VLV707" s="613"/>
      <c r="VLW707" s="613"/>
      <c r="VLX707" s="613"/>
      <c r="VLY707" s="613"/>
      <c r="VLZ707" s="613"/>
      <c r="VMA707" s="613"/>
      <c r="VMB707" s="613"/>
      <c r="VMC707" s="613"/>
      <c r="VMD707" s="613"/>
      <c r="VME707" s="613"/>
      <c r="VMF707" s="613"/>
      <c r="VMG707" s="613"/>
      <c r="VMH707" s="613"/>
      <c r="VMI707" s="613"/>
      <c r="VMJ707" s="613"/>
      <c r="VMK707" s="613"/>
      <c r="VML707" s="613"/>
      <c r="VMM707" s="613"/>
      <c r="VMN707" s="613"/>
      <c r="VMO707" s="613"/>
      <c r="VMP707" s="613"/>
      <c r="VMQ707" s="613"/>
      <c r="VMR707" s="613"/>
      <c r="VMS707" s="613"/>
      <c r="VMT707" s="613"/>
      <c r="VMU707" s="613"/>
      <c r="VMV707" s="613"/>
      <c r="VMW707" s="613"/>
      <c r="VMX707" s="613"/>
      <c r="VMY707" s="613"/>
      <c r="VMZ707" s="613"/>
      <c r="VNA707" s="613"/>
      <c r="VNB707" s="613"/>
      <c r="VNC707" s="613"/>
      <c r="VND707" s="613"/>
      <c r="VNE707" s="613"/>
      <c r="VNF707" s="613"/>
      <c r="VNG707" s="613"/>
      <c r="VNH707" s="613"/>
      <c r="VNI707" s="613"/>
      <c r="VNJ707" s="613"/>
      <c r="VNK707" s="613"/>
      <c r="VNL707" s="613"/>
      <c r="VNM707" s="613"/>
      <c r="VNN707" s="613"/>
      <c r="VNO707" s="613"/>
      <c r="VNP707" s="613"/>
      <c r="VNQ707" s="613"/>
      <c r="VNR707" s="613"/>
      <c r="VNS707" s="613"/>
      <c r="VNT707" s="613"/>
      <c r="VNU707" s="613"/>
      <c r="VNV707" s="613"/>
      <c r="VNW707" s="613"/>
      <c r="VNX707" s="613"/>
      <c r="VNY707" s="613"/>
      <c r="VNZ707" s="613"/>
      <c r="VOA707" s="613"/>
      <c r="VOB707" s="613"/>
      <c r="VOC707" s="613"/>
      <c r="VOD707" s="613"/>
      <c r="VOE707" s="613"/>
      <c r="VOF707" s="613"/>
      <c r="VOG707" s="613"/>
      <c r="VOH707" s="613"/>
      <c r="VOI707" s="613"/>
      <c r="VOJ707" s="613"/>
      <c r="VOK707" s="613"/>
      <c r="VOL707" s="613"/>
      <c r="VOM707" s="613"/>
      <c r="VON707" s="613"/>
      <c r="VOO707" s="613"/>
      <c r="VOP707" s="613"/>
      <c r="VOQ707" s="613"/>
      <c r="VOR707" s="613"/>
      <c r="VOS707" s="613"/>
      <c r="VOT707" s="613"/>
      <c r="VOU707" s="613"/>
      <c r="VOV707" s="613"/>
      <c r="VOW707" s="613"/>
      <c r="VOX707" s="613"/>
      <c r="VOY707" s="613"/>
      <c r="VOZ707" s="613"/>
      <c r="VPA707" s="613"/>
      <c r="VPB707" s="613"/>
      <c r="VPC707" s="613"/>
      <c r="VPD707" s="613"/>
      <c r="VPE707" s="613"/>
      <c r="VPF707" s="613"/>
      <c r="VPG707" s="613"/>
      <c r="VPH707" s="613"/>
      <c r="VPI707" s="613"/>
      <c r="VPJ707" s="613"/>
      <c r="VPK707" s="613"/>
      <c r="VPL707" s="613"/>
      <c r="VPM707" s="613"/>
      <c r="VPN707" s="613"/>
      <c r="VPO707" s="613"/>
      <c r="VPP707" s="613"/>
      <c r="VPQ707" s="613"/>
      <c r="VPR707" s="613"/>
      <c r="VPS707" s="613"/>
      <c r="VPT707" s="613"/>
      <c r="VPU707" s="613"/>
      <c r="VPV707" s="613"/>
      <c r="VPW707" s="613"/>
      <c r="VPX707" s="613"/>
      <c r="VPY707" s="613"/>
      <c r="VPZ707" s="613"/>
      <c r="VQA707" s="613"/>
      <c r="VQB707" s="613"/>
      <c r="VQC707" s="613"/>
      <c r="VQD707" s="613"/>
      <c r="VQE707" s="613"/>
      <c r="VQF707" s="613"/>
      <c r="VQG707" s="613"/>
      <c r="VQH707" s="613"/>
      <c r="VQI707" s="613"/>
      <c r="VQJ707" s="613"/>
      <c r="VQK707" s="613"/>
      <c r="VQL707" s="613"/>
      <c r="VQM707" s="613"/>
      <c r="VQN707" s="613"/>
      <c r="VQO707" s="613"/>
      <c r="VQP707" s="613"/>
      <c r="VQQ707" s="613"/>
      <c r="VQR707" s="613"/>
      <c r="VQS707" s="613"/>
      <c r="VQT707" s="613"/>
      <c r="VQU707" s="613"/>
      <c r="VQV707" s="613"/>
      <c r="VQW707" s="613"/>
      <c r="VQX707" s="613"/>
      <c r="VQY707" s="613"/>
      <c r="VQZ707" s="613"/>
      <c r="VRA707" s="613"/>
      <c r="VRB707" s="613"/>
      <c r="VRC707" s="613"/>
      <c r="VRD707" s="613"/>
      <c r="VRE707" s="613"/>
      <c r="VRF707" s="613"/>
      <c r="VRG707" s="613"/>
      <c r="VRH707" s="613"/>
      <c r="VRI707" s="613"/>
      <c r="VRJ707" s="613"/>
      <c r="VRK707" s="613"/>
      <c r="VRL707" s="613"/>
      <c r="VRM707" s="613"/>
      <c r="VRN707" s="613"/>
      <c r="VRO707" s="613"/>
      <c r="VRP707" s="613"/>
      <c r="VRQ707" s="613"/>
      <c r="VRR707" s="613"/>
      <c r="VRS707" s="613"/>
      <c r="VRT707" s="613"/>
      <c r="VRU707" s="613"/>
      <c r="VRV707" s="613"/>
      <c r="VRW707" s="613"/>
      <c r="VRX707" s="613"/>
      <c r="VRY707" s="613"/>
      <c r="VRZ707" s="613"/>
      <c r="VSA707" s="613"/>
      <c r="VSB707" s="613"/>
      <c r="VSC707" s="613"/>
      <c r="VSD707" s="613"/>
      <c r="VSE707" s="613"/>
      <c r="VSF707" s="613"/>
      <c r="VSG707" s="613"/>
      <c r="VSH707" s="613"/>
      <c r="VSI707" s="613"/>
      <c r="VSJ707" s="613"/>
      <c r="VSK707" s="613"/>
      <c r="VSL707" s="613"/>
      <c r="VSM707" s="613"/>
      <c r="VSN707" s="613"/>
      <c r="VSO707" s="613"/>
      <c r="VSP707" s="613"/>
      <c r="VSQ707" s="613"/>
      <c r="VSR707" s="613"/>
      <c r="VSS707" s="613"/>
      <c r="VST707" s="613"/>
      <c r="VSU707" s="613"/>
      <c r="VSV707" s="613"/>
      <c r="VSW707" s="613"/>
      <c r="VSX707" s="613"/>
      <c r="VSY707" s="613"/>
      <c r="VSZ707" s="613"/>
      <c r="VTA707" s="613"/>
      <c r="VTB707" s="613"/>
      <c r="VTC707" s="613"/>
      <c r="VTD707" s="613"/>
      <c r="VTE707" s="613"/>
      <c r="VTF707" s="613"/>
      <c r="VTG707" s="613"/>
      <c r="VTH707" s="613"/>
      <c r="VTI707" s="613"/>
      <c r="VTJ707" s="613"/>
      <c r="VTK707" s="613"/>
      <c r="VTL707" s="613"/>
      <c r="VTM707" s="613"/>
      <c r="VTN707" s="613"/>
      <c r="VTO707" s="613"/>
      <c r="VTP707" s="613"/>
      <c r="VTQ707" s="613"/>
      <c r="VTR707" s="613"/>
      <c r="VTS707" s="613"/>
      <c r="VTT707" s="613"/>
      <c r="VTU707" s="613"/>
      <c r="VTV707" s="613"/>
      <c r="VTW707" s="613"/>
      <c r="VTX707" s="613"/>
      <c r="VTY707" s="613"/>
      <c r="VTZ707" s="613"/>
      <c r="VUA707" s="613"/>
      <c r="VUB707" s="613"/>
      <c r="VUC707" s="613"/>
      <c r="VUD707" s="613"/>
      <c r="VUE707" s="613"/>
      <c r="VUF707" s="613"/>
      <c r="VUG707" s="613"/>
      <c r="VUH707" s="613"/>
      <c r="VUI707" s="613"/>
      <c r="VUJ707" s="613"/>
      <c r="VUK707" s="613"/>
      <c r="VUL707" s="613"/>
      <c r="VUM707" s="613"/>
      <c r="VUN707" s="613"/>
      <c r="VUO707" s="613"/>
      <c r="VUP707" s="613"/>
      <c r="VUQ707" s="613"/>
      <c r="VUR707" s="613"/>
      <c r="VUS707" s="613"/>
      <c r="VUT707" s="613"/>
      <c r="VUU707" s="613"/>
      <c r="VUV707" s="613"/>
      <c r="VUW707" s="613"/>
      <c r="VUX707" s="613"/>
      <c r="VUY707" s="613"/>
      <c r="VUZ707" s="613"/>
      <c r="VVA707" s="613"/>
      <c r="VVB707" s="613"/>
      <c r="VVC707" s="613"/>
      <c r="VVD707" s="613"/>
      <c r="VVE707" s="613"/>
      <c r="VVF707" s="613"/>
      <c r="VVG707" s="613"/>
      <c r="VVH707" s="613"/>
      <c r="VVI707" s="613"/>
      <c r="VVJ707" s="613"/>
      <c r="VVK707" s="613"/>
      <c r="VVL707" s="613"/>
      <c r="VVM707" s="613"/>
      <c r="VVN707" s="613"/>
      <c r="VVO707" s="613"/>
      <c r="VVP707" s="613"/>
      <c r="VVQ707" s="613"/>
      <c r="VVR707" s="613"/>
      <c r="VVS707" s="613"/>
      <c r="VVT707" s="613"/>
      <c r="VVU707" s="613"/>
      <c r="VVV707" s="613"/>
      <c r="VVW707" s="613"/>
      <c r="VVX707" s="613"/>
      <c r="VVY707" s="613"/>
      <c r="VVZ707" s="613"/>
      <c r="VWA707" s="613"/>
      <c r="VWB707" s="613"/>
      <c r="VWC707" s="613"/>
      <c r="VWD707" s="613"/>
      <c r="VWE707" s="613"/>
      <c r="VWF707" s="613"/>
      <c r="VWG707" s="613"/>
      <c r="VWH707" s="613"/>
      <c r="VWI707" s="613"/>
      <c r="VWJ707" s="613"/>
      <c r="VWK707" s="613"/>
      <c r="VWL707" s="613"/>
      <c r="VWM707" s="613"/>
      <c r="VWN707" s="613"/>
      <c r="VWO707" s="613"/>
      <c r="VWP707" s="613"/>
      <c r="VWQ707" s="613"/>
      <c r="VWR707" s="613"/>
      <c r="VWS707" s="613"/>
      <c r="VWT707" s="613"/>
      <c r="VWU707" s="613"/>
      <c r="VWV707" s="613"/>
      <c r="VWW707" s="613"/>
      <c r="VWX707" s="613"/>
      <c r="VWY707" s="613"/>
      <c r="VWZ707" s="613"/>
      <c r="VXA707" s="613"/>
      <c r="VXB707" s="613"/>
      <c r="VXC707" s="613"/>
      <c r="VXD707" s="613"/>
      <c r="VXE707" s="613"/>
      <c r="VXF707" s="613"/>
      <c r="VXG707" s="613"/>
      <c r="VXH707" s="613"/>
      <c r="VXI707" s="613"/>
      <c r="VXJ707" s="613"/>
      <c r="VXK707" s="613"/>
      <c r="VXL707" s="613"/>
      <c r="VXM707" s="613"/>
      <c r="VXN707" s="613"/>
      <c r="VXO707" s="613"/>
      <c r="VXP707" s="613"/>
      <c r="VXQ707" s="613"/>
      <c r="VXR707" s="613"/>
      <c r="VXS707" s="613"/>
      <c r="VXT707" s="613"/>
      <c r="VXU707" s="613"/>
      <c r="VXV707" s="613"/>
      <c r="VXW707" s="613"/>
      <c r="VXX707" s="613"/>
      <c r="VXY707" s="613"/>
      <c r="VXZ707" s="613"/>
      <c r="VYA707" s="613"/>
      <c r="VYB707" s="613"/>
      <c r="VYC707" s="613"/>
      <c r="VYD707" s="613"/>
      <c r="VYE707" s="613"/>
      <c r="VYF707" s="613"/>
      <c r="VYG707" s="613"/>
      <c r="VYH707" s="613"/>
      <c r="VYI707" s="613"/>
      <c r="VYJ707" s="613"/>
      <c r="VYK707" s="613"/>
      <c r="VYL707" s="613"/>
      <c r="VYM707" s="613"/>
      <c r="VYN707" s="613"/>
      <c r="VYO707" s="613"/>
      <c r="VYP707" s="613"/>
      <c r="VYQ707" s="613"/>
      <c r="VYR707" s="613"/>
      <c r="VYS707" s="613"/>
      <c r="VYT707" s="613"/>
      <c r="VYU707" s="613"/>
      <c r="VYV707" s="613"/>
      <c r="VYW707" s="613"/>
      <c r="VYX707" s="613"/>
      <c r="VYY707" s="613"/>
      <c r="VYZ707" s="613"/>
      <c r="VZA707" s="613"/>
      <c r="VZB707" s="613"/>
      <c r="VZC707" s="613"/>
      <c r="VZD707" s="613"/>
      <c r="VZE707" s="613"/>
      <c r="VZF707" s="613"/>
      <c r="VZG707" s="613"/>
      <c r="VZH707" s="613"/>
      <c r="VZI707" s="613"/>
      <c r="VZJ707" s="613"/>
      <c r="VZK707" s="613"/>
      <c r="VZL707" s="613"/>
      <c r="VZM707" s="613"/>
      <c r="VZN707" s="613"/>
      <c r="VZO707" s="613"/>
      <c r="VZP707" s="613"/>
      <c r="VZQ707" s="613"/>
      <c r="VZR707" s="613"/>
      <c r="VZS707" s="613"/>
      <c r="VZT707" s="613"/>
      <c r="VZU707" s="613"/>
      <c r="VZV707" s="613"/>
      <c r="VZW707" s="613"/>
      <c r="VZX707" s="613"/>
      <c r="VZY707" s="613"/>
      <c r="VZZ707" s="613"/>
      <c r="WAA707" s="613"/>
      <c r="WAB707" s="613"/>
      <c r="WAC707" s="613"/>
      <c r="WAD707" s="613"/>
      <c r="WAE707" s="613"/>
      <c r="WAF707" s="613"/>
      <c r="WAG707" s="613"/>
      <c r="WAH707" s="613"/>
      <c r="WAI707" s="613"/>
      <c r="WAJ707" s="613"/>
      <c r="WAK707" s="613"/>
      <c r="WAL707" s="613"/>
      <c r="WAM707" s="613"/>
      <c r="WAN707" s="613"/>
      <c r="WAO707" s="613"/>
      <c r="WAP707" s="613"/>
      <c r="WAQ707" s="613"/>
      <c r="WAR707" s="613"/>
      <c r="WAS707" s="613"/>
      <c r="WAT707" s="613"/>
      <c r="WAU707" s="613"/>
      <c r="WAV707" s="613"/>
      <c r="WAW707" s="613"/>
      <c r="WAX707" s="613"/>
      <c r="WAY707" s="613"/>
      <c r="WAZ707" s="613"/>
      <c r="WBA707" s="613"/>
      <c r="WBB707" s="613"/>
      <c r="WBC707" s="613"/>
      <c r="WBD707" s="613"/>
      <c r="WBE707" s="613"/>
      <c r="WBF707" s="613"/>
      <c r="WBG707" s="613"/>
      <c r="WBH707" s="613"/>
      <c r="WBI707" s="613"/>
      <c r="WBJ707" s="613"/>
      <c r="WBK707" s="613"/>
      <c r="WBL707" s="613"/>
      <c r="WBM707" s="613"/>
      <c r="WBN707" s="613"/>
      <c r="WBO707" s="613"/>
      <c r="WBP707" s="613"/>
      <c r="WBQ707" s="613"/>
      <c r="WBR707" s="613"/>
      <c r="WBS707" s="613"/>
      <c r="WBT707" s="613"/>
      <c r="WBU707" s="613"/>
      <c r="WBV707" s="613"/>
      <c r="WBW707" s="613"/>
      <c r="WBX707" s="613"/>
      <c r="WBY707" s="613"/>
      <c r="WBZ707" s="613"/>
      <c r="WCA707" s="613"/>
      <c r="WCB707" s="613"/>
      <c r="WCC707" s="613"/>
      <c r="WCD707" s="613"/>
      <c r="WCE707" s="613"/>
      <c r="WCF707" s="613"/>
      <c r="WCG707" s="613"/>
      <c r="WCH707" s="613"/>
      <c r="WCI707" s="613"/>
      <c r="WCJ707" s="613"/>
      <c r="WCK707" s="613"/>
      <c r="WCL707" s="613"/>
      <c r="WCM707" s="613"/>
      <c r="WCN707" s="613"/>
      <c r="WCO707" s="613"/>
      <c r="WCP707" s="613"/>
      <c r="WCQ707" s="613"/>
      <c r="WCR707" s="613"/>
      <c r="WCS707" s="613"/>
      <c r="WCT707" s="613"/>
      <c r="WCU707" s="613"/>
      <c r="WCV707" s="613"/>
      <c r="WCW707" s="613"/>
      <c r="WCX707" s="613"/>
      <c r="WCY707" s="613"/>
      <c r="WCZ707" s="613"/>
      <c r="WDA707" s="613"/>
      <c r="WDB707" s="613"/>
      <c r="WDC707" s="613"/>
      <c r="WDD707" s="613"/>
      <c r="WDE707" s="613"/>
      <c r="WDF707" s="613"/>
      <c r="WDG707" s="613"/>
      <c r="WDH707" s="613"/>
      <c r="WDI707" s="613"/>
      <c r="WDJ707" s="613"/>
      <c r="WDK707" s="613"/>
      <c r="WDL707" s="613"/>
      <c r="WDM707" s="613"/>
      <c r="WDN707" s="613"/>
      <c r="WDO707" s="613"/>
      <c r="WDP707" s="613"/>
      <c r="WDQ707" s="613"/>
      <c r="WDR707" s="613"/>
      <c r="WDS707" s="613"/>
      <c r="WDT707" s="613"/>
      <c r="WDU707" s="613"/>
      <c r="WDV707" s="613"/>
      <c r="WDW707" s="613"/>
      <c r="WDX707" s="613"/>
      <c r="WDY707" s="613"/>
      <c r="WDZ707" s="613"/>
      <c r="WEA707" s="613"/>
      <c r="WEB707" s="613"/>
      <c r="WEC707" s="613"/>
      <c r="WED707" s="613"/>
      <c r="WEE707" s="613"/>
      <c r="WEF707" s="613"/>
      <c r="WEG707" s="613"/>
      <c r="WEH707" s="613"/>
      <c r="WEI707" s="613"/>
      <c r="WEJ707" s="613"/>
      <c r="WEK707" s="613"/>
      <c r="WEL707" s="613"/>
      <c r="WEM707" s="613"/>
      <c r="WEN707" s="613"/>
      <c r="WEO707" s="613"/>
      <c r="WEP707" s="613"/>
      <c r="WEQ707" s="613"/>
      <c r="WER707" s="613"/>
      <c r="WES707" s="613"/>
      <c r="WET707" s="613"/>
      <c r="WEU707" s="613"/>
      <c r="WEV707" s="613"/>
      <c r="WEW707" s="613"/>
      <c r="WEX707" s="613"/>
      <c r="WEY707" s="613"/>
      <c r="WEZ707" s="613"/>
      <c r="WFA707" s="613"/>
      <c r="WFB707" s="613"/>
      <c r="WFC707" s="613"/>
      <c r="WFD707" s="613"/>
      <c r="WFE707" s="613"/>
      <c r="WFF707" s="613"/>
      <c r="WFG707" s="613"/>
      <c r="WFH707" s="613"/>
      <c r="WFI707" s="613"/>
      <c r="WFJ707" s="613"/>
      <c r="WFK707" s="613"/>
      <c r="WFL707" s="613"/>
      <c r="WFM707" s="613"/>
      <c r="WFN707" s="613"/>
      <c r="WFO707" s="613"/>
      <c r="WFP707" s="613"/>
      <c r="WFQ707" s="613"/>
      <c r="WFR707" s="613"/>
      <c r="WFS707" s="613"/>
      <c r="WFT707" s="613"/>
      <c r="WFU707" s="613"/>
      <c r="WFV707" s="613"/>
      <c r="WFW707" s="613"/>
      <c r="WFX707" s="613"/>
      <c r="WFY707" s="613"/>
      <c r="WFZ707" s="613"/>
      <c r="WGA707" s="613"/>
      <c r="WGB707" s="613"/>
      <c r="WGC707" s="613"/>
      <c r="WGD707" s="613"/>
      <c r="WGE707" s="613"/>
      <c r="WGF707" s="613"/>
      <c r="WGG707" s="613"/>
      <c r="WGH707" s="613"/>
      <c r="WGI707" s="613"/>
      <c r="WGJ707" s="613"/>
      <c r="WGK707" s="613"/>
      <c r="WGL707" s="613"/>
      <c r="WGM707" s="613"/>
      <c r="WGN707" s="613"/>
      <c r="WGO707" s="613"/>
      <c r="WGP707" s="613"/>
      <c r="WGQ707" s="613"/>
      <c r="WGR707" s="613"/>
      <c r="WGS707" s="613"/>
      <c r="WGT707" s="613"/>
      <c r="WGU707" s="613"/>
      <c r="WGV707" s="613"/>
      <c r="WGW707" s="613"/>
      <c r="WGX707" s="613"/>
      <c r="WGY707" s="613"/>
      <c r="WGZ707" s="613"/>
      <c r="WHA707" s="613"/>
      <c r="WHB707" s="613"/>
      <c r="WHC707" s="613"/>
      <c r="WHD707" s="613"/>
      <c r="WHE707" s="613"/>
      <c r="WHF707" s="613"/>
      <c r="WHG707" s="613"/>
      <c r="WHH707" s="613"/>
      <c r="WHI707" s="613"/>
      <c r="WHJ707" s="613"/>
      <c r="WHK707" s="613"/>
      <c r="WHL707" s="613"/>
      <c r="WHM707" s="613"/>
      <c r="WHN707" s="613"/>
      <c r="WHO707" s="613"/>
      <c r="WHP707" s="613"/>
      <c r="WHQ707" s="613"/>
      <c r="WHR707" s="613"/>
      <c r="WHS707" s="613"/>
      <c r="WHT707" s="613"/>
      <c r="WHU707" s="613"/>
      <c r="WHV707" s="613"/>
      <c r="WHW707" s="613"/>
      <c r="WHX707" s="613"/>
      <c r="WHY707" s="613"/>
      <c r="WHZ707" s="613"/>
      <c r="WIA707" s="613"/>
      <c r="WIB707" s="613"/>
      <c r="WIC707" s="613"/>
      <c r="WID707" s="613"/>
      <c r="WIE707" s="613"/>
      <c r="WIF707" s="613"/>
      <c r="WIG707" s="613"/>
      <c r="WIH707" s="613"/>
      <c r="WII707" s="613"/>
      <c r="WIJ707" s="613"/>
      <c r="WIK707" s="613"/>
      <c r="WIL707" s="613"/>
      <c r="WIM707" s="613"/>
      <c r="WIN707" s="613"/>
      <c r="WIO707" s="613"/>
      <c r="WIP707" s="613"/>
      <c r="WIQ707" s="613"/>
      <c r="WIR707" s="613"/>
      <c r="WIS707" s="613"/>
      <c r="WIT707" s="613"/>
      <c r="WIU707" s="613"/>
      <c r="WIV707" s="613"/>
      <c r="WIW707" s="613"/>
      <c r="WIX707" s="613"/>
      <c r="WIY707" s="613"/>
      <c r="WIZ707" s="613"/>
      <c r="WJA707" s="613"/>
      <c r="WJB707" s="613"/>
      <c r="WJC707" s="613"/>
      <c r="WJD707" s="613"/>
      <c r="WJE707" s="613"/>
      <c r="WJF707" s="613"/>
      <c r="WJG707" s="613"/>
      <c r="WJH707" s="613"/>
      <c r="WJI707" s="613"/>
      <c r="WJJ707" s="613"/>
      <c r="WJK707" s="613"/>
      <c r="WJL707" s="613"/>
      <c r="WJM707" s="613"/>
      <c r="WJN707" s="613"/>
      <c r="WJO707" s="613"/>
      <c r="WJP707" s="613"/>
      <c r="WJQ707" s="613"/>
      <c r="WJR707" s="613"/>
      <c r="WJS707" s="613"/>
      <c r="WJT707" s="613"/>
      <c r="WJU707" s="613"/>
      <c r="WJV707" s="613"/>
      <c r="WJW707" s="613"/>
      <c r="WJX707" s="613"/>
      <c r="WJY707" s="613"/>
      <c r="WJZ707" s="613"/>
      <c r="WKA707" s="613"/>
      <c r="WKB707" s="613"/>
      <c r="WKC707" s="613"/>
      <c r="WKD707" s="613"/>
      <c r="WKE707" s="613"/>
      <c r="WKF707" s="613"/>
      <c r="WKG707" s="613"/>
      <c r="WKH707" s="613"/>
      <c r="WKI707" s="613"/>
      <c r="WKJ707" s="613"/>
      <c r="WKK707" s="613"/>
      <c r="WKL707" s="613"/>
      <c r="WKM707" s="613"/>
      <c r="WKN707" s="613"/>
      <c r="WKO707" s="613"/>
      <c r="WKP707" s="613"/>
      <c r="WKQ707" s="613"/>
      <c r="WKR707" s="613"/>
      <c r="WKS707" s="613"/>
      <c r="WKT707" s="613"/>
      <c r="WKU707" s="613"/>
      <c r="WKV707" s="613"/>
      <c r="WKW707" s="613"/>
      <c r="WKX707" s="613"/>
      <c r="WKY707" s="613"/>
      <c r="WKZ707" s="613"/>
      <c r="WLA707" s="613"/>
      <c r="WLB707" s="613"/>
      <c r="WLC707" s="613"/>
      <c r="WLD707" s="613"/>
      <c r="WLE707" s="613"/>
      <c r="WLF707" s="613"/>
      <c r="WLG707" s="613"/>
      <c r="WLH707" s="613"/>
      <c r="WLI707" s="613"/>
      <c r="WLJ707" s="613"/>
      <c r="WLK707" s="613"/>
      <c r="WLL707" s="613"/>
      <c r="WLM707" s="613"/>
      <c r="WLN707" s="613"/>
      <c r="WLO707" s="613"/>
      <c r="WLP707" s="613"/>
      <c r="WLQ707" s="613"/>
      <c r="WLR707" s="613"/>
      <c r="WLS707" s="613"/>
      <c r="WLT707" s="613"/>
      <c r="WLU707" s="613"/>
      <c r="WLV707" s="613"/>
      <c r="WLW707" s="613"/>
      <c r="WLX707" s="613"/>
      <c r="WLY707" s="613"/>
      <c r="WLZ707" s="613"/>
      <c r="WMA707" s="613"/>
      <c r="WMB707" s="613"/>
      <c r="WMC707" s="613"/>
      <c r="WMD707" s="613"/>
      <c r="WME707" s="613"/>
      <c r="WMF707" s="613"/>
      <c r="WMG707" s="613"/>
      <c r="WMH707" s="613"/>
      <c r="WMI707" s="613"/>
      <c r="WMJ707" s="613"/>
      <c r="WMK707" s="613"/>
      <c r="WML707" s="613"/>
      <c r="WMM707" s="613"/>
      <c r="WMN707" s="613"/>
      <c r="WMO707" s="613"/>
      <c r="WMP707" s="613"/>
      <c r="WMQ707" s="613"/>
      <c r="WMR707" s="613"/>
      <c r="WMS707" s="613"/>
      <c r="WMT707" s="613"/>
      <c r="WMU707" s="613"/>
      <c r="WMV707" s="613"/>
      <c r="WMW707" s="613"/>
      <c r="WMX707" s="613"/>
      <c r="WMY707" s="613"/>
      <c r="WMZ707" s="613"/>
      <c r="WNA707" s="613"/>
      <c r="WNB707" s="613"/>
      <c r="WNC707" s="613"/>
      <c r="WND707" s="613"/>
      <c r="WNE707" s="613"/>
      <c r="WNF707" s="613"/>
      <c r="WNG707" s="613"/>
      <c r="WNH707" s="613"/>
      <c r="WNI707" s="613"/>
      <c r="WNJ707" s="613"/>
      <c r="WNK707" s="613"/>
      <c r="WNL707" s="613"/>
      <c r="WNM707" s="613"/>
      <c r="WNN707" s="613"/>
      <c r="WNO707" s="613"/>
      <c r="WNP707" s="613"/>
      <c r="WNQ707" s="613"/>
      <c r="WNR707" s="613"/>
      <c r="WNS707" s="613"/>
      <c r="WNT707" s="613"/>
      <c r="WNU707" s="613"/>
      <c r="WNV707" s="613"/>
      <c r="WNW707" s="613"/>
      <c r="WNX707" s="613"/>
      <c r="WNY707" s="613"/>
      <c r="WNZ707" s="613"/>
      <c r="WOA707" s="613"/>
      <c r="WOB707" s="613"/>
      <c r="WOC707" s="613"/>
      <c r="WOD707" s="613"/>
      <c r="WOE707" s="613"/>
      <c r="WOF707" s="613"/>
      <c r="WOG707" s="613"/>
      <c r="WOH707" s="613"/>
      <c r="WOI707" s="613"/>
      <c r="WOJ707" s="613"/>
      <c r="WOK707" s="613"/>
      <c r="WOL707" s="613"/>
      <c r="WOM707" s="613"/>
      <c r="WON707" s="613"/>
      <c r="WOO707" s="613"/>
      <c r="WOP707" s="613"/>
      <c r="WOQ707" s="613"/>
      <c r="WOR707" s="613"/>
      <c r="WOS707" s="613"/>
      <c r="WOT707" s="613"/>
      <c r="WOU707" s="613"/>
      <c r="WOV707" s="613"/>
      <c r="WOW707" s="613"/>
      <c r="WOX707" s="613"/>
      <c r="WOY707" s="613"/>
      <c r="WOZ707" s="613"/>
      <c r="WPA707" s="613"/>
      <c r="WPB707" s="613"/>
      <c r="WPC707" s="613"/>
      <c r="WPD707" s="613"/>
      <c r="WPE707" s="613"/>
      <c r="WPF707" s="613"/>
      <c r="WPG707" s="613"/>
      <c r="WPH707" s="613"/>
      <c r="WPI707" s="613"/>
      <c r="WPJ707" s="613"/>
      <c r="WPK707" s="613"/>
      <c r="WPL707" s="613"/>
      <c r="WPM707" s="613"/>
      <c r="WPN707" s="613"/>
      <c r="WPO707" s="613"/>
      <c r="WPP707" s="613"/>
      <c r="WPQ707" s="613"/>
      <c r="WPR707" s="613"/>
      <c r="WPS707" s="613"/>
      <c r="WPT707" s="613"/>
      <c r="WPU707" s="613"/>
      <c r="WPV707" s="613"/>
      <c r="WPW707" s="613"/>
      <c r="WPX707" s="613"/>
      <c r="WPY707" s="613"/>
      <c r="WPZ707" s="613"/>
      <c r="WQA707" s="613"/>
      <c r="WQB707" s="613"/>
      <c r="WQC707" s="613"/>
      <c r="WQD707" s="613"/>
      <c r="WQE707" s="613"/>
      <c r="WQF707" s="613"/>
      <c r="WQG707" s="613"/>
      <c r="WQH707" s="613"/>
      <c r="WQI707" s="613"/>
      <c r="WQJ707" s="613"/>
      <c r="WQK707" s="613"/>
      <c r="WQL707" s="613"/>
      <c r="WQM707" s="613"/>
      <c r="WQN707" s="613"/>
      <c r="WQO707" s="613"/>
      <c r="WQP707" s="613"/>
      <c r="WQQ707" s="613"/>
      <c r="WQR707" s="613"/>
      <c r="WQS707" s="613"/>
      <c r="WQT707" s="613"/>
      <c r="WQU707" s="613"/>
      <c r="WQV707" s="613"/>
      <c r="WQW707" s="613"/>
      <c r="WQX707" s="613"/>
      <c r="WQY707" s="613"/>
      <c r="WQZ707" s="613"/>
      <c r="WRA707" s="613"/>
      <c r="WRB707" s="613"/>
      <c r="WRC707" s="613"/>
      <c r="WRD707" s="613"/>
      <c r="WRE707" s="613"/>
      <c r="WRF707" s="613"/>
      <c r="WRG707" s="613"/>
      <c r="WRH707" s="613"/>
      <c r="WRI707" s="613"/>
      <c r="WRJ707" s="613"/>
      <c r="WRK707" s="613"/>
      <c r="WRL707" s="613"/>
      <c r="WRM707" s="613"/>
      <c r="WRN707" s="613"/>
      <c r="WRO707" s="613"/>
      <c r="WRP707" s="613"/>
      <c r="WRQ707" s="613"/>
      <c r="WRR707" s="613"/>
      <c r="WRS707" s="613"/>
      <c r="WRT707" s="613"/>
      <c r="WRU707" s="613"/>
      <c r="WRV707" s="613"/>
      <c r="WRW707" s="613"/>
      <c r="WRX707" s="613"/>
      <c r="WRY707" s="613"/>
      <c r="WRZ707" s="613"/>
      <c r="WSA707" s="613"/>
      <c r="WSB707" s="613"/>
      <c r="WSC707" s="613"/>
      <c r="WSD707" s="613"/>
      <c r="WSE707" s="613"/>
      <c r="WSF707" s="613"/>
      <c r="WSG707" s="613"/>
      <c r="WSH707" s="613"/>
      <c r="WSI707" s="613"/>
      <c r="WSJ707" s="613"/>
      <c r="WSK707" s="613"/>
      <c r="WSL707" s="613"/>
      <c r="WSM707" s="613"/>
      <c r="WSN707" s="613"/>
      <c r="WSO707" s="613"/>
      <c r="WSP707" s="613"/>
      <c r="WSQ707" s="613"/>
      <c r="WSR707" s="613"/>
      <c r="WSS707" s="613"/>
      <c r="WST707" s="613"/>
      <c r="WSU707" s="613"/>
      <c r="WSV707" s="613"/>
      <c r="WSW707" s="613"/>
      <c r="WSX707" s="613"/>
      <c r="WSY707" s="613"/>
      <c r="WSZ707" s="613"/>
      <c r="WTA707" s="613"/>
      <c r="WTB707" s="613"/>
      <c r="WTC707" s="613"/>
      <c r="WTD707" s="613"/>
      <c r="WTE707" s="613"/>
      <c r="WTF707" s="613"/>
      <c r="WTG707" s="613"/>
      <c r="WTH707" s="613"/>
      <c r="WTI707" s="613"/>
      <c r="WTJ707" s="613"/>
      <c r="WTK707" s="613"/>
      <c r="WTL707" s="613"/>
      <c r="WTM707" s="613"/>
      <c r="WTN707" s="613"/>
      <c r="WTO707" s="613"/>
      <c r="WTP707" s="613"/>
      <c r="WTQ707" s="613"/>
      <c r="WTR707" s="613"/>
      <c r="WTS707" s="613"/>
      <c r="WTT707" s="613"/>
      <c r="WTU707" s="613"/>
      <c r="WTV707" s="613"/>
      <c r="WTW707" s="613"/>
      <c r="WTX707" s="613"/>
      <c r="WTY707" s="613"/>
      <c r="WTZ707" s="613"/>
      <c r="WUA707" s="613"/>
      <c r="WUB707" s="613"/>
      <c r="WUC707" s="613"/>
      <c r="WUD707" s="613"/>
      <c r="WUE707" s="613"/>
      <c r="WUF707" s="613"/>
      <c r="WUG707" s="613"/>
      <c r="WUH707" s="613"/>
      <c r="WUI707" s="613"/>
      <c r="WUJ707" s="613"/>
      <c r="WUK707" s="613"/>
      <c r="WUL707" s="613"/>
      <c r="WUM707" s="613"/>
      <c r="WUN707" s="613"/>
      <c r="WUO707" s="613"/>
      <c r="WUP707" s="613"/>
      <c r="WUQ707" s="613"/>
      <c r="WUR707" s="613"/>
      <c r="WUS707" s="613"/>
      <c r="WUT707" s="613"/>
      <c r="WUU707" s="613"/>
      <c r="WUV707" s="613"/>
      <c r="WUW707" s="613"/>
      <c r="WUX707" s="613"/>
      <c r="WUY707" s="613"/>
      <c r="WUZ707" s="613"/>
      <c r="WVA707" s="613"/>
      <c r="WVB707" s="613"/>
      <c r="WVC707" s="613"/>
      <c r="WVD707" s="613"/>
      <c r="WVE707" s="613"/>
      <c r="WVF707" s="613"/>
      <c r="WVG707" s="613"/>
      <c r="WVH707" s="613"/>
      <c r="WVI707" s="613"/>
      <c r="WVJ707" s="613"/>
      <c r="WVK707" s="613"/>
      <c r="WVL707" s="613"/>
      <c r="WVM707" s="613"/>
      <c r="WVN707" s="613"/>
      <c r="WVO707" s="613"/>
      <c r="WVP707" s="613"/>
      <c r="WVQ707" s="613"/>
      <c r="WVR707" s="613"/>
      <c r="WVS707" s="613"/>
      <c r="WVT707" s="613"/>
      <c r="WVU707" s="613"/>
      <c r="WVV707" s="613"/>
      <c r="WVW707" s="613"/>
      <c r="WVX707" s="613"/>
      <c r="WVY707" s="613"/>
      <c r="WVZ707" s="613"/>
      <c r="WWA707" s="613"/>
      <c r="WWB707" s="613"/>
      <c r="WWC707" s="613"/>
      <c r="WWD707" s="613"/>
      <c r="WWE707" s="613"/>
      <c r="WWF707" s="613"/>
      <c r="WWG707" s="613"/>
      <c r="WWH707" s="613"/>
      <c r="WWI707" s="613"/>
      <c r="WWJ707" s="613"/>
      <c r="WWK707" s="613"/>
      <c r="WWL707" s="613"/>
      <c r="WWM707" s="613"/>
      <c r="WWN707" s="613"/>
      <c r="WWO707" s="613"/>
      <c r="WWP707" s="613"/>
      <c r="WWQ707" s="613"/>
      <c r="WWR707" s="613"/>
      <c r="WWS707" s="613"/>
      <c r="WWT707" s="613"/>
      <c r="WWU707" s="613"/>
      <c r="WWV707" s="613"/>
      <c r="WWW707" s="613"/>
      <c r="WWX707" s="613"/>
      <c r="WWY707" s="613"/>
      <c r="WWZ707" s="613"/>
      <c r="WXA707" s="613"/>
      <c r="WXB707" s="613"/>
      <c r="WXC707" s="613"/>
      <c r="WXD707" s="613"/>
      <c r="WXE707" s="613"/>
      <c r="WXF707" s="613"/>
      <c r="WXG707" s="613"/>
      <c r="WXH707" s="613"/>
      <c r="WXI707" s="613"/>
      <c r="WXJ707" s="613"/>
      <c r="WXK707" s="613"/>
      <c r="WXL707" s="613"/>
      <c r="WXM707" s="613"/>
      <c r="WXN707" s="613"/>
      <c r="WXO707" s="613"/>
      <c r="WXP707" s="613"/>
      <c r="WXQ707" s="613"/>
      <c r="WXR707" s="613"/>
      <c r="WXS707" s="613"/>
      <c r="WXT707" s="613"/>
      <c r="WXU707" s="613"/>
      <c r="WXV707" s="613"/>
      <c r="WXW707" s="613"/>
      <c r="WXX707" s="613"/>
      <c r="WXY707" s="613"/>
      <c r="WXZ707" s="613"/>
      <c r="WYA707" s="613"/>
      <c r="WYB707" s="613"/>
      <c r="WYC707" s="613"/>
      <c r="WYD707" s="613"/>
      <c r="WYE707" s="613"/>
      <c r="WYF707" s="613"/>
      <c r="WYG707" s="613"/>
      <c r="WYH707" s="613"/>
      <c r="WYI707" s="613"/>
      <c r="WYJ707" s="613"/>
      <c r="WYK707" s="613"/>
      <c r="WYL707" s="613"/>
      <c r="WYM707" s="613"/>
      <c r="WYN707" s="613"/>
      <c r="WYO707" s="613"/>
      <c r="WYP707" s="613"/>
      <c r="WYQ707" s="613"/>
      <c r="WYR707" s="613"/>
      <c r="WYS707" s="613"/>
      <c r="WYT707" s="613"/>
      <c r="WYU707" s="613"/>
      <c r="WYV707" s="613"/>
      <c r="WYW707" s="613"/>
      <c r="WYX707" s="613"/>
      <c r="WYY707" s="613"/>
      <c r="WYZ707" s="613"/>
      <c r="WZA707" s="613"/>
      <c r="WZB707" s="613"/>
      <c r="WZC707" s="613"/>
      <c r="WZD707" s="613"/>
      <c r="WZE707" s="613"/>
      <c r="WZF707" s="613"/>
      <c r="WZG707" s="613"/>
      <c r="WZH707" s="613"/>
      <c r="WZI707" s="613"/>
      <c r="WZJ707" s="613"/>
      <c r="WZK707" s="613"/>
      <c r="WZL707" s="613"/>
      <c r="WZM707" s="613"/>
      <c r="WZN707" s="613"/>
      <c r="WZO707" s="613"/>
      <c r="WZP707" s="613"/>
      <c r="WZQ707" s="613"/>
      <c r="WZR707" s="613"/>
      <c r="WZS707" s="613"/>
      <c r="WZT707" s="613"/>
      <c r="WZU707" s="613"/>
      <c r="WZV707" s="613"/>
      <c r="WZW707" s="613"/>
      <c r="WZX707" s="613"/>
      <c r="WZY707" s="613"/>
      <c r="WZZ707" s="613"/>
      <c r="XAA707" s="613"/>
      <c r="XAB707" s="613"/>
      <c r="XAC707" s="613"/>
      <c r="XAD707" s="613"/>
      <c r="XAE707" s="613"/>
      <c r="XAF707" s="613"/>
      <c r="XAG707" s="613"/>
      <c r="XAH707" s="613"/>
      <c r="XAI707" s="613"/>
      <c r="XAJ707" s="613"/>
      <c r="XAK707" s="613"/>
      <c r="XAL707" s="613"/>
      <c r="XAM707" s="613"/>
      <c r="XAN707" s="613"/>
      <c r="XAO707" s="613"/>
      <c r="XAP707" s="613"/>
      <c r="XAQ707" s="613"/>
      <c r="XAR707" s="613"/>
      <c r="XAS707" s="613"/>
      <c r="XAT707" s="613"/>
      <c r="XAU707" s="613"/>
      <c r="XAV707" s="613"/>
      <c r="XAW707" s="613"/>
      <c r="XAX707" s="613"/>
      <c r="XAY707" s="613"/>
      <c r="XAZ707" s="613"/>
      <c r="XBA707" s="613"/>
      <c r="XBB707" s="613"/>
      <c r="XBC707" s="613"/>
      <c r="XBD707" s="613"/>
      <c r="XBE707" s="613"/>
      <c r="XBF707" s="613"/>
      <c r="XBG707" s="613"/>
      <c r="XBH707" s="613"/>
      <c r="XBI707" s="613"/>
      <c r="XBJ707" s="613"/>
      <c r="XBK707" s="613"/>
      <c r="XBL707" s="613"/>
      <c r="XBM707" s="613"/>
      <c r="XBN707" s="613"/>
      <c r="XBO707" s="613"/>
      <c r="XBP707" s="613"/>
      <c r="XBQ707" s="613"/>
      <c r="XBR707" s="613"/>
      <c r="XBS707" s="613"/>
      <c r="XBT707" s="613"/>
      <c r="XBU707" s="613"/>
      <c r="XBV707" s="613"/>
      <c r="XBW707" s="613"/>
      <c r="XBX707" s="613"/>
      <c r="XBY707" s="613"/>
      <c r="XBZ707" s="613"/>
      <c r="XCA707" s="613"/>
      <c r="XCB707" s="613"/>
      <c r="XCC707" s="613"/>
      <c r="XCD707" s="613"/>
      <c r="XCE707" s="613"/>
      <c r="XCF707" s="613"/>
      <c r="XCG707" s="613"/>
      <c r="XCH707" s="613"/>
      <c r="XCI707" s="613"/>
      <c r="XCJ707" s="613"/>
      <c r="XCK707" s="613"/>
      <c r="XCL707" s="613"/>
      <c r="XCM707" s="613"/>
      <c r="XCN707" s="613"/>
      <c r="XCO707" s="613"/>
      <c r="XCP707" s="613"/>
      <c r="XCQ707" s="613"/>
    </row>
    <row r="708" spans="1:16319" ht="56.1" customHeight="1" x14ac:dyDescent="0.2">
      <c r="A708" s="273" t="s">
        <v>3019</v>
      </c>
      <c r="B708" s="499"/>
      <c r="C708" s="77"/>
      <c r="D708" s="481">
        <v>128</v>
      </c>
      <c r="E708" s="481"/>
      <c r="F708" s="481" t="s">
        <v>2481</v>
      </c>
      <c r="G708" s="482" t="s">
        <v>53</v>
      </c>
      <c r="H708" s="481" t="s">
        <v>329</v>
      </c>
      <c r="I708" s="654" t="s">
        <v>330</v>
      </c>
      <c r="J708" s="654" t="s">
        <v>369</v>
      </c>
      <c r="K708" s="495" t="s">
        <v>386</v>
      </c>
      <c r="L708" s="621"/>
      <c r="M708" s="484" t="s">
        <v>58</v>
      </c>
      <c r="N708" s="329" t="s">
        <v>2606</v>
      </c>
      <c r="O708" s="484" t="s">
        <v>2996</v>
      </c>
      <c r="P708" s="484" t="s">
        <v>81</v>
      </c>
      <c r="Q708" s="667" t="s">
        <v>334</v>
      </c>
      <c r="R708" s="484" t="s">
        <v>334</v>
      </c>
      <c r="S708" s="484" t="s">
        <v>71</v>
      </c>
      <c r="T708" s="484"/>
      <c r="U708" s="620" t="s">
        <v>63</v>
      </c>
      <c r="V708" s="620" t="s">
        <v>63</v>
      </c>
      <c r="W708" s="723">
        <v>101199.44859739553</v>
      </c>
      <c r="X708" s="723"/>
      <c r="Y708" s="654" t="s">
        <v>226</v>
      </c>
      <c r="Z708" s="654"/>
      <c r="AA708" s="723">
        <v>101199.44859739553</v>
      </c>
      <c r="AB708" s="652" t="s">
        <v>82</v>
      </c>
      <c r="AC708" s="652"/>
      <c r="AD708" s="496"/>
      <c r="AE708" s="496"/>
      <c r="AF708" s="496"/>
      <c r="AG708" s="496"/>
      <c r="AH708" s="496"/>
      <c r="AI708" s="487"/>
      <c r="AJ708" s="496"/>
      <c r="AK708" s="496"/>
      <c r="AL708" s="496"/>
      <c r="AM708" s="496"/>
      <c r="AN708" s="496"/>
      <c r="AO708" s="496"/>
      <c r="AP708" s="496" t="s">
        <v>66</v>
      </c>
      <c r="AQ708" s="496"/>
      <c r="AR708" s="496"/>
      <c r="AS708" s="496"/>
      <c r="AT708" s="496"/>
      <c r="AU708" s="487"/>
      <c r="AV708" s="487"/>
      <c r="AW708" s="487"/>
      <c r="AX708" s="487"/>
      <c r="AY708" s="487"/>
      <c r="AZ708" s="487"/>
      <c r="BA708" s="484"/>
      <c r="BB708" s="484"/>
      <c r="BC708" s="484"/>
      <c r="BD708" s="494"/>
      <c r="BE708" s="494"/>
      <c r="BF708" s="613"/>
      <c r="BG708" s="613"/>
      <c r="BH708" s="613"/>
      <c r="BI708" s="613"/>
      <c r="BJ708" s="613"/>
      <c r="BK708" s="613"/>
      <c r="BL708" s="613"/>
      <c r="BM708" s="613"/>
      <c r="BN708" s="613"/>
      <c r="BO708" s="613"/>
      <c r="BP708" s="613"/>
      <c r="BQ708" s="613"/>
      <c r="BR708" s="613"/>
      <c r="BS708" s="613"/>
      <c r="BT708" s="613"/>
      <c r="BU708" s="613"/>
      <c r="BV708" s="613"/>
      <c r="BW708" s="613"/>
      <c r="BX708" s="613"/>
      <c r="BY708" s="613"/>
      <c r="BZ708" s="613"/>
      <c r="CA708" s="613"/>
      <c r="CB708" s="613"/>
      <c r="CC708" s="613"/>
      <c r="CD708" s="613"/>
      <c r="CE708" s="613"/>
      <c r="CF708" s="613"/>
      <c r="CG708" s="613"/>
      <c r="CH708" s="613"/>
      <c r="CI708" s="613"/>
      <c r="CJ708" s="613"/>
      <c r="CK708" s="613"/>
      <c r="CL708" s="613"/>
      <c r="CM708" s="613"/>
      <c r="CN708" s="613"/>
      <c r="CO708" s="613"/>
      <c r="CP708" s="613"/>
      <c r="CQ708" s="613"/>
      <c r="CR708" s="613"/>
      <c r="CS708" s="613"/>
      <c r="CT708" s="613"/>
      <c r="CU708" s="613"/>
      <c r="CV708" s="613"/>
      <c r="CW708" s="613"/>
      <c r="CX708" s="613"/>
      <c r="CY708" s="613"/>
      <c r="CZ708" s="613"/>
      <c r="DA708" s="613"/>
      <c r="DB708" s="613"/>
      <c r="DC708" s="613"/>
      <c r="DD708" s="613"/>
      <c r="DE708" s="613"/>
      <c r="DF708" s="613"/>
      <c r="DG708" s="613"/>
      <c r="DH708" s="613"/>
      <c r="DI708" s="613"/>
      <c r="DJ708" s="613"/>
      <c r="DK708" s="613"/>
      <c r="DL708" s="613"/>
      <c r="DM708" s="613"/>
      <c r="DN708" s="613"/>
      <c r="DO708" s="613"/>
      <c r="DP708" s="613"/>
      <c r="DQ708" s="613"/>
      <c r="DR708" s="613"/>
      <c r="DS708" s="613"/>
      <c r="DT708" s="613"/>
      <c r="DU708" s="613"/>
      <c r="DV708" s="613"/>
      <c r="DW708" s="613"/>
      <c r="DX708" s="613"/>
      <c r="DY708" s="613"/>
      <c r="DZ708" s="613"/>
      <c r="EA708" s="613"/>
      <c r="EB708" s="613"/>
      <c r="EC708" s="613"/>
      <c r="ED708" s="613"/>
      <c r="EE708" s="613"/>
      <c r="EF708" s="613"/>
      <c r="EG708" s="613"/>
      <c r="EH708" s="613"/>
      <c r="EI708" s="613"/>
      <c r="EJ708" s="613"/>
      <c r="EK708" s="613"/>
      <c r="EL708" s="613"/>
      <c r="EM708" s="613"/>
      <c r="EN708" s="613"/>
      <c r="EO708" s="613"/>
      <c r="EP708" s="613"/>
      <c r="EQ708" s="613"/>
      <c r="ER708" s="613"/>
      <c r="ES708" s="613"/>
      <c r="ET708" s="613"/>
      <c r="EU708" s="613"/>
      <c r="EV708" s="613"/>
      <c r="EW708" s="613"/>
      <c r="EX708" s="613"/>
      <c r="EY708" s="613"/>
      <c r="EZ708" s="613"/>
      <c r="FA708" s="613"/>
      <c r="FB708" s="613"/>
      <c r="FC708" s="613"/>
      <c r="FD708" s="613"/>
      <c r="FE708" s="613"/>
      <c r="FF708" s="613"/>
      <c r="FG708" s="613"/>
      <c r="FH708" s="613"/>
      <c r="FI708" s="613"/>
      <c r="FJ708" s="613"/>
      <c r="FK708" s="613"/>
      <c r="FL708" s="613"/>
      <c r="FM708" s="613"/>
      <c r="FN708" s="613"/>
      <c r="FO708" s="613"/>
      <c r="FP708" s="613"/>
      <c r="FQ708" s="613"/>
      <c r="FR708" s="613"/>
      <c r="FS708" s="613"/>
      <c r="FT708" s="613"/>
      <c r="FU708" s="613"/>
      <c r="FV708" s="613"/>
      <c r="FW708" s="613"/>
      <c r="FX708" s="613"/>
      <c r="FY708" s="613"/>
      <c r="FZ708" s="613"/>
      <c r="GA708" s="613"/>
      <c r="GB708" s="613"/>
      <c r="GC708" s="613"/>
      <c r="GD708" s="613"/>
      <c r="GE708" s="613"/>
      <c r="GF708" s="613"/>
      <c r="GG708" s="613"/>
      <c r="GH708" s="613"/>
      <c r="GI708" s="613"/>
      <c r="GJ708" s="613"/>
      <c r="GK708" s="613"/>
      <c r="GL708" s="613"/>
      <c r="GM708" s="613"/>
      <c r="GN708" s="613"/>
      <c r="GO708" s="613"/>
      <c r="GP708" s="613"/>
      <c r="GQ708" s="613"/>
      <c r="GR708" s="613"/>
      <c r="GS708" s="613"/>
      <c r="GT708" s="613"/>
      <c r="GU708" s="613"/>
      <c r="GV708" s="613"/>
      <c r="GW708" s="613"/>
      <c r="GX708" s="613"/>
      <c r="GY708" s="613"/>
      <c r="GZ708" s="613"/>
      <c r="HA708" s="613"/>
      <c r="HB708" s="613"/>
      <c r="HC708" s="613"/>
      <c r="HD708" s="613"/>
      <c r="HE708" s="613"/>
      <c r="HF708" s="613"/>
      <c r="HG708" s="613"/>
      <c r="HH708" s="613"/>
      <c r="HI708" s="613"/>
      <c r="HJ708" s="613"/>
      <c r="HK708" s="613"/>
      <c r="HL708" s="613"/>
      <c r="HM708" s="613"/>
      <c r="HN708" s="613"/>
      <c r="HO708" s="613"/>
      <c r="HP708" s="613"/>
      <c r="HQ708" s="613"/>
      <c r="HR708" s="613"/>
      <c r="HS708" s="613"/>
      <c r="HT708" s="613"/>
      <c r="HU708" s="613"/>
      <c r="HV708" s="613"/>
      <c r="HW708" s="613"/>
      <c r="HX708" s="613"/>
      <c r="HY708" s="613"/>
      <c r="HZ708" s="613"/>
      <c r="IA708" s="613"/>
      <c r="IB708" s="613"/>
      <c r="IC708" s="613"/>
      <c r="ID708" s="613"/>
      <c r="IE708" s="613"/>
      <c r="IF708" s="613"/>
      <c r="IG708" s="613"/>
      <c r="IH708" s="613"/>
      <c r="II708" s="613"/>
      <c r="IJ708" s="613"/>
      <c r="IK708" s="613"/>
      <c r="IL708" s="613"/>
      <c r="IM708" s="613"/>
      <c r="IN708" s="613"/>
      <c r="IO708" s="613"/>
      <c r="IP708" s="613"/>
      <c r="IQ708" s="613"/>
      <c r="IR708" s="613"/>
      <c r="IS708" s="613"/>
      <c r="IT708" s="613"/>
      <c r="IU708" s="613"/>
      <c r="IV708" s="613"/>
      <c r="IW708" s="613"/>
      <c r="IX708" s="613"/>
      <c r="IY708" s="613"/>
      <c r="IZ708" s="613"/>
      <c r="JA708" s="613"/>
      <c r="JB708" s="613"/>
      <c r="JC708" s="613"/>
      <c r="JD708" s="613"/>
      <c r="JE708" s="613"/>
      <c r="JF708" s="613"/>
      <c r="JG708" s="613"/>
      <c r="JH708" s="613"/>
      <c r="JI708" s="613"/>
      <c r="JJ708" s="613"/>
      <c r="JK708" s="613"/>
      <c r="JL708" s="613"/>
      <c r="JM708" s="613"/>
      <c r="JN708" s="613"/>
      <c r="JO708" s="613"/>
      <c r="JP708" s="613"/>
      <c r="JQ708" s="613"/>
      <c r="JR708" s="613"/>
      <c r="JS708" s="613"/>
      <c r="JT708" s="613"/>
      <c r="JU708" s="613"/>
      <c r="JV708" s="613"/>
      <c r="JW708" s="613"/>
      <c r="JX708" s="613"/>
      <c r="JY708" s="613"/>
      <c r="JZ708" s="613"/>
      <c r="KA708" s="613"/>
      <c r="KB708" s="613"/>
      <c r="KC708" s="613"/>
      <c r="KD708" s="613"/>
      <c r="KE708" s="613"/>
      <c r="KF708" s="613"/>
      <c r="KG708" s="613"/>
      <c r="KH708" s="613"/>
      <c r="KI708" s="613"/>
      <c r="KJ708" s="613"/>
      <c r="KK708" s="613"/>
      <c r="KL708" s="613"/>
      <c r="KM708" s="613"/>
      <c r="KN708" s="613"/>
      <c r="KO708" s="613"/>
      <c r="KP708" s="613"/>
      <c r="KQ708" s="613"/>
      <c r="KR708" s="613"/>
      <c r="KS708" s="613"/>
      <c r="KT708" s="613"/>
      <c r="KU708" s="613"/>
      <c r="KV708" s="613"/>
      <c r="KW708" s="613"/>
      <c r="KX708" s="613"/>
      <c r="KY708" s="613"/>
      <c r="KZ708" s="613"/>
      <c r="LA708" s="613"/>
      <c r="LB708" s="613"/>
      <c r="LC708" s="613"/>
      <c r="LD708" s="613"/>
      <c r="LE708" s="613"/>
      <c r="LF708" s="613"/>
      <c r="LG708" s="613"/>
      <c r="LH708" s="613"/>
      <c r="LI708" s="613"/>
      <c r="LJ708" s="613"/>
      <c r="LK708" s="613"/>
      <c r="LL708" s="613"/>
      <c r="LM708" s="613"/>
      <c r="LN708" s="613"/>
      <c r="LO708" s="613"/>
      <c r="LP708" s="613"/>
      <c r="LQ708" s="613"/>
      <c r="LR708" s="613"/>
      <c r="LS708" s="613"/>
      <c r="LT708" s="613"/>
      <c r="LU708" s="613"/>
      <c r="LV708" s="613"/>
      <c r="LW708" s="613"/>
      <c r="LX708" s="613"/>
      <c r="LY708" s="613"/>
      <c r="LZ708" s="613"/>
      <c r="MA708" s="613"/>
      <c r="MB708" s="613"/>
      <c r="MC708" s="613"/>
      <c r="MD708" s="613"/>
      <c r="ME708" s="613"/>
      <c r="MF708" s="613"/>
      <c r="MG708" s="613"/>
      <c r="MH708" s="613"/>
      <c r="MI708" s="613"/>
      <c r="MJ708" s="613"/>
      <c r="MK708" s="613"/>
      <c r="ML708" s="613"/>
      <c r="MM708" s="613"/>
      <c r="MN708" s="613"/>
      <c r="MO708" s="613"/>
      <c r="MP708" s="613"/>
      <c r="MQ708" s="613"/>
      <c r="MR708" s="613"/>
      <c r="MS708" s="613"/>
      <c r="MT708" s="613"/>
      <c r="MU708" s="613"/>
      <c r="MV708" s="613"/>
      <c r="MW708" s="613"/>
      <c r="MX708" s="613"/>
      <c r="MY708" s="613"/>
      <c r="MZ708" s="613"/>
      <c r="NA708" s="613"/>
      <c r="NB708" s="613"/>
      <c r="NC708" s="613"/>
      <c r="ND708" s="613"/>
      <c r="NE708" s="613"/>
      <c r="NF708" s="613"/>
      <c r="NG708" s="613"/>
      <c r="NH708" s="613"/>
      <c r="NI708" s="613"/>
      <c r="NJ708" s="613"/>
      <c r="NK708" s="613"/>
      <c r="NL708" s="613"/>
      <c r="NM708" s="613"/>
      <c r="NN708" s="613"/>
      <c r="NO708" s="613"/>
      <c r="NP708" s="613"/>
      <c r="NQ708" s="613"/>
      <c r="NR708" s="613"/>
      <c r="NS708" s="613"/>
      <c r="NT708" s="613"/>
      <c r="NU708" s="613"/>
      <c r="NV708" s="613"/>
      <c r="NW708" s="613"/>
      <c r="NX708" s="613"/>
      <c r="NY708" s="613"/>
      <c r="NZ708" s="613"/>
      <c r="OA708" s="613"/>
      <c r="OB708" s="613"/>
      <c r="OC708" s="613"/>
      <c r="OD708" s="613"/>
      <c r="OE708" s="613"/>
      <c r="OF708" s="613"/>
      <c r="OG708" s="613"/>
      <c r="OH708" s="613"/>
      <c r="OI708" s="613"/>
      <c r="OJ708" s="613"/>
      <c r="OK708" s="613"/>
      <c r="OL708" s="613"/>
      <c r="OM708" s="613"/>
      <c r="ON708" s="613"/>
      <c r="OO708" s="613"/>
      <c r="OP708" s="613"/>
      <c r="OQ708" s="613"/>
      <c r="OR708" s="613"/>
      <c r="OS708" s="613"/>
      <c r="OT708" s="613"/>
      <c r="OU708" s="613"/>
      <c r="OV708" s="613"/>
      <c r="OW708" s="613"/>
      <c r="OX708" s="613"/>
      <c r="OY708" s="613"/>
      <c r="OZ708" s="613"/>
      <c r="PA708" s="613"/>
      <c r="PB708" s="613"/>
      <c r="PC708" s="613"/>
      <c r="PD708" s="613"/>
      <c r="PE708" s="613"/>
      <c r="PF708" s="613"/>
      <c r="PG708" s="613"/>
      <c r="PH708" s="613"/>
      <c r="PI708" s="613"/>
      <c r="PJ708" s="613"/>
      <c r="PK708" s="613"/>
      <c r="PL708" s="613"/>
      <c r="PM708" s="613"/>
      <c r="PN708" s="613"/>
      <c r="PO708" s="613"/>
      <c r="PP708" s="613"/>
      <c r="PQ708" s="613"/>
      <c r="PR708" s="613"/>
      <c r="PS708" s="613"/>
      <c r="PT708" s="613"/>
      <c r="PU708" s="613"/>
      <c r="PV708" s="613"/>
      <c r="PW708" s="613"/>
      <c r="PX708" s="613"/>
      <c r="PY708" s="613"/>
      <c r="PZ708" s="613"/>
      <c r="QA708" s="613"/>
      <c r="QB708" s="613"/>
      <c r="QC708" s="613"/>
      <c r="QD708" s="613"/>
      <c r="QE708" s="613"/>
      <c r="QF708" s="613"/>
      <c r="QG708" s="613"/>
      <c r="QH708" s="613"/>
      <c r="QI708" s="613"/>
      <c r="QJ708" s="613"/>
      <c r="QK708" s="613"/>
      <c r="QL708" s="613"/>
      <c r="QM708" s="613"/>
      <c r="QN708" s="613"/>
      <c r="QO708" s="613"/>
      <c r="QP708" s="613"/>
      <c r="QQ708" s="613"/>
      <c r="QR708" s="613"/>
      <c r="QS708" s="613"/>
      <c r="QT708" s="613"/>
      <c r="QU708" s="613"/>
      <c r="QV708" s="613"/>
      <c r="QW708" s="613"/>
      <c r="QX708" s="613"/>
      <c r="QY708" s="613"/>
      <c r="QZ708" s="613"/>
      <c r="RA708" s="613"/>
      <c r="RB708" s="613"/>
      <c r="RC708" s="613"/>
      <c r="RD708" s="613"/>
      <c r="RE708" s="613"/>
      <c r="RF708" s="613"/>
      <c r="RG708" s="613"/>
      <c r="RH708" s="613"/>
      <c r="RI708" s="613"/>
      <c r="RJ708" s="613"/>
      <c r="RK708" s="613"/>
      <c r="RL708" s="613"/>
      <c r="RM708" s="613"/>
      <c r="RN708" s="613"/>
      <c r="RO708" s="613"/>
      <c r="RP708" s="613"/>
      <c r="RQ708" s="613"/>
      <c r="RR708" s="613"/>
      <c r="RS708" s="613"/>
      <c r="RT708" s="613"/>
      <c r="RU708" s="613"/>
      <c r="RV708" s="613"/>
      <c r="RW708" s="613"/>
      <c r="RX708" s="613"/>
      <c r="RY708" s="613"/>
      <c r="RZ708" s="613"/>
      <c r="SA708" s="613"/>
      <c r="SB708" s="613"/>
      <c r="SC708" s="613"/>
      <c r="SD708" s="613"/>
      <c r="SE708" s="613"/>
      <c r="SF708" s="613"/>
      <c r="SG708" s="613"/>
      <c r="SH708" s="613"/>
      <c r="SI708" s="613"/>
      <c r="SJ708" s="613"/>
      <c r="SK708" s="613"/>
      <c r="SL708" s="613"/>
      <c r="SM708" s="613"/>
      <c r="SN708" s="613"/>
      <c r="SO708" s="613"/>
      <c r="SP708" s="613"/>
      <c r="SQ708" s="613"/>
      <c r="SR708" s="613"/>
      <c r="SS708" s="613"/>
      <c r="ST708" s="613"/>
      <c r="SU708" s="613"/>
      <c r="SV708" s="613"/>
      <c r="SW708" s="613"/>
      <c r="SX708" s="613"/>
      <c r="SY708" s="613"/>
      <c r="SZ708" s="613"/>
      <c r="TA708" s="613"/>
      <c r="TB708" s="613"/>
      <c r="TC708" s="613"/>
      <c r="TD708" s="613"/>
      <c r="TE708" s="613"/>
      <c r="TF708" s="613"/>
      <c r="TG708" s="613"/>
      <c r="TH708" s="613"/>
      <c r="TI708" s="613"/>
      <c r="TJ708" s="613"/>
      <c r="TK708" s="613"/>
      <c r="TL708" s="613"/>
      <c r="TM708" s="613"/>
      <c r="TN708" s="613"/>
      <c r="TO708" s="613"/>
      <c r="TP708" s="613"/>
      <c r="TQ708" s="613"/>
      <c r="TR708" s="613"/>
      <c r="TS708" s="613"/>
      <c r="TT708" s="613"/>
      <c r="TU708" s="613"/>
      <c r="TV708" s="613"/>
      <c r="TW708" s="613"/>
      <c r="TX708" s="613"/>
      <c r="TY708" s="613"/>
      <c r="TZ708" s="613"/>
      <c r="UA708" s="613"/>
      <c r="UB708" s="613"/>
      <c r="UC708" s="613"/>
      <c r="UD708" s="613"/>
      <c r="UE708" s="613"/>
      <c r="UF708" s="613"/>
      <c r="UG708" s="613"/>
      <c r="UH708" s="613"/>
      <c r="UI708" s="613"/>
      <c r="UJ708" s="613"/>
      <c r="UK708" s="613"/>
      <c r="UL708" s="613"/>
      <c r="UM708" s="613"/>
      <c r="UN708" s="613"/>
      <c r="UO708" s="613"/>
      <c r="UP708" s="613"/>
      <c r="UQ708" s="613"/>
      <c r="UR708" s="613"/>
      <c r="US708" s="613"/>
      <c r="UT708" s="613"/>
      <c r="UU708" s="613"/>
      <c r="UV708" s="613"/>
      <c r="UW708" s="613"/>
      <c r="UX708" s="613"/>
      <c r="UY708" s="613"/>
      <c r="UZ708" s="613"/>
      <c r="VA708" s="613"/>
      <c r="VB708" s="613"/>
      <c r="VC708" s="613"/>
      <c r="VD708" s="613"/>
      <c r="VE708" s="613"/>
      <c r="VF708" s="613"/>
      <c r="VG708" s="613"/>
      <c r="VH708" s="613"/>
      <c r="VI708" s="613"/>
      <c r="VJ708" s="613"/>
      <c r="VK708" s="613"/>
      <c r="VL708" s="613"/>
      <c r="VM708" s="613"/>
      <c r="VN708" s="613"/>
      <c r="VO708" s="613"/>
      <c r="VP708" s="613"/>
      <c r="VQ708" s="613"/>
      <c r="VR708" s="613"/>
      <c r="VS708" s="613"/>
      <c r="VT708" s="613"/>
      <c r="VU708" s="613"/>
      <c r="VV708" s="613"/>
      <c r="VW708" s="613"/>
      <c r="VX708" s="613"/>
      <c r="VY708" s="613"/>
      <c r="VZ708" s="613"/>
      <c r="WA708" s="613"/>
      <c r="WB708" s="613"/>
      <c r="WC708" s="613"/>
      <c r="WD708" s="613"/>
      <c r="WE708" s="613"/>
      <c r="WF708" s="613"/>
      <c r="WG708" s="613"/>
      <c r="WH708" s="613"/>
      <c r="WI708" s="613"/>
      <c r="WJ708" s="613"/>
      <c r="WK708" s="613"/>
      <c r="WL708" s="613"/>
      <c r="WM708" s="613"/>
      <c r="WN708" s="613"/>
      <c r="WO708" s="613"/>
      <c r="WP708" s="613"/>
      <c r="WQ708" s="613"/>
      <c r="WR708" s="613"/>
      <c r="WS708" s="613"/>
      <c r="WT708" s="613"/>
      <c r="WU708" s="613"/>
      <c r="WV708" s="613"/>
      <c r="WW708" s="613"/>
      <c r="WX708" s="613"/>
      <c r="WY708" s="613"/>
      <c r="WZ708" s="613"/>
      <c r="XA708" s="613"/>
      <c r="XB708" s="613"/>
      <c r="XC708" s="613"/>
      <c r="XD708" s="613"/>
      <c r="XE708" s="613"/>
      <c r="XF708" s="613"/>
      <c r="XG708" s="613"/>
      <c r="XH708" s="613"/>
      <c r="XI708" s="613"/>
      <c r="XJ708" s="613"/>
      <c r="XK708" s="613"/>
      <c r="XL708" s="613"/>
      <c r="XM708" s="613"/>
      <c r="XN708" s="613"/>
      <c r="XO708" s="613"/>
      <c r="XP708" s="613"/>
      <c r="XQ708" s="613"/>
      <c r="XR708" s="613"/>
      <c r="XS708" s="613"/>
      <c r="XT708" s="613"/>
      <c r="XU708" s="613"/>
      <c r="XV708" s="613"/>
      <c r="XW708" s="613"/>
      <c r="XX708" s="613"/>
      <c r="XY708" s="613"/>
      <c r="XZ708" s="613"/>
      <c r="YA708" s="613"/>
      <c r="YB708" s="613"/>
      <c r="YC708" s="613"/>
      <c r="YD708" s="613"/>
      <c r="YE708" s="613"/>
      <c r="YF708" s="613"/>
      <c r="YG708" s="613"/>
      <c r="YH708" s="613"/>
      <c r="YI708" s="613"/>
      <c r="YJ708" s="613"/>
      <c r="YK708" s="613"/>
      <c r="YL708" s="613"/>
      <c r="YM708" s="613"/>
      <c r="YN708" s="613"/>
      <c r="YO708" s="613"/>
      <c r="YP708" s="613"/>
      <c r="YQ708" s="613"/>
      <c r="YR708" s="613"/>
      <c r="YS708" s="613"/>
      <c r="YT708" s="613"/>
      <c r="YU708" s="613"/>
      <c r="YV708" s="613"/>
      <c r="YW708" s="613"/>
      <c r="YX708" s="613"/>
      <c r="YY708" s="613"/>
      <c r="YZ708" s="613"/>
      <c r="ZA708" s="613"/>
      <c r="ZB708" s="613"/>
      <c r="ZC708" s="613"/>
      <c r="ZD708" s="613"/>
      <c r="ZE708" s="613"/>
      <c r="ZF708" s="613"/>
      <c r="ZG708" s="613"/>
      <c r="ZH708" s="613"/>
      <c r="ZI708" s="613"/>
      <c r="ZJ708" s="613"/>
      <c r="ZK708" s="613"/>
      <c r="ZL708" s="613"/>
      <c r="ZM708" s="613"/>
      <c r="ZN708" s="613"/>
      <c r="ZO708" s="613"/>
      <c r="ZP708" s="613"/>
      <c r="ZQ708" s="613"/>
      <c r="ZR708" s="613"/>
      <c r="ZS708" s="613"/>
      <c r="ZT708" s="613"/>
      <c r="ZU708" s="613"/>
      <c r="ZV708" s="613"/>
      <c r="ZW708" s="613"/>
      <c r="ZX708" s="613"/>
      <c r="ZY708" s="613"/>
      <c r="ZZ708" s="613"/>
      <c r="AAA708" s="613"/>
      <c r="AAB708" s="613"/>
      <c r="AAC708" s="613"/>
      <c r="AAD708" s="613"/>
      <c r="AAE708" s="613"/>
      <c r="AAF708" s="613"/>
      <c r="AAG708" s="613"/>
      <c r="AAH708" s="613"/>
      <c r="AAI708" s="613"/>
      <c r="AAJ708" s="613"/>
      <c r="AAK708" s="613"/>
      <c r="AAL708" s="613"/>
      <c r="AAM708" s="613"/>
      <c r="AAN708" s="613"/>
      <c r="AAO708" s="613"/>
      <c r="AAP708" s="613"/>
      <c r="AAQ708" s="613"/>
      <c r="AAR708" s="613"/>
      <c r="AAS708" s="613"/>
      <c r="AAT708" s="613"/>
      <c r="AAU708" s="613"/>
      <c r="AAV708" s="613"/>
      <c r="AAW708" s="613"/>
      <c r="AAX708" s="613"/>
      <c r="AAY708" s="613"/>
      <c r="AAZ708" s="613"/>
      <c r="ABA708" s="613"/>
      <c r="ABB708" s="613"/>
      <c r="ABC708" s="613"/>
      <c r="ABD708" s="613"/>
      <c r="ABE708" s="613"/>
      <c r="ABF708" s="613"/>
      <c r="ABG708" s="613"/>
      <c r="ABH708" s="613"/>
      <c r="ABI708" s="613"/>
      <c r="ABJ708" s="613"/>
      <c r="ABK708" s="613"/>
      <c r="ABL708" s="613"/>
      <c r="ABM708" s="613"/>
      <c r="ABN708" s="613"/>
      <c r="ABO708" s="613"/>
      <c r="ABP708" s="613"/>
      <c r="ABQ708" s="613"/>
      <c r="ABR708" s="613"/>
      <c r="ABS708" s="613"/>
      <c r="ABT708" s="613"/>
      <c r="ABU708" s="613"/>
      <c r="ABV708" s="613"/>
      <c r="ABW708" s="613"/>
      <c r="ABX708" s="613"/>
      <c r="ABY708" s="613"/>
      <c r="ABZ708" s="613"/>
      <c r="ACA708" s="613"/>
      <c r="ACB708" s="613"/>
      <c r="ACC708" s="613"/>
      <c r="ACD708" s="613"/>
      <c r="ACE708" s="613"/>
      <c r="ACF708" s="613"/>
      <c r="ACG708" s="613"/>
      <c r="ACH708" s="613"/>
      <c r="ACI708" s="613"/>
      <c r="ACJ708" s="613"/>
      <c r="ACK708" s="613"/>
      <c r="ACL708" s="613"/>
      <c r="ACM708" s="613"/>
      <c r="ACN708" s="613"/>
      <c r="ACO708" s="613"/>
      <c r="ACP708" s="613"/>
      <c r="ACQ708" s="613"/>
      <c r="ACR708" s="613"/>
      <c r="ACS708" s="613"/>
      <c r="ACT708" s="613"/>
      <c r="ACU708" s="613"/>
      <c r="ACV708" s="613"/>
      <c r="ACW708" s="613"/>
      <c r="ACX708" s="613"/>
      <c r="ACY708" s="613"/>
      <c r="ACZ708" s="613"/>
      <c r="ADA708" s="613"/>
      <c r="ADB708" s="613"/>
      <c r="ADC708" s="613"/>
      <c r="ADD708" s="613"/>
      <c r="ADE708" s="613"/>
      <c r="ADF708" s="613"/>
      <c r="ADG708" s="613"/>
      <c r="ADH708" s="613"/>
      <c r="ADI708" s="613"/>
      <c r="ADJ708" s="613"/>
      <c r="ADK708" s="613"/>
      <c r="ADL708" s="613"/>
      <c r="ADM708" s="613"/>
      <c r="ADN708" s="613"/>
      <c r="ADO708" s="613"/>
      <c r="ADP708" s="613"/>
      <c r="ADQ708" s="613"/>
      <c r="ADR708" s="613"/>
      <c r="ADS708" s="613"/>
      <c r="ADT708" s="613"/>
      <c r="ADU708" s="613"/>
      <c r="ADV708" s="613"/>
      <c r="ADW708" s="613"/>
      <c r="ADX708" s="613"/>
      <c r="ADY708" s="613"/>
      <c r="ADZ708" s="613"/>
      <c r="AEA708" s="613"/>
      <c r="AEB708" s="613"/>
      <c r="AEC708" s="613"/>
      <c r="AED708" s="613"/>
      <c r="AEE708" s="613"/>
      <c r="AEF708" s="613"/>
      <c r="AEG708" s="613"/>
      <c r="AEH708" s="613"/>
      <c r="AEI708" s="613"/>
      <c r="AEJ708" s="613"/>
      <c r="AEK708" s="613"/>
      <c r="AEL708" s="613"/>
      <c r="AEM708" s="613"/>
      <c r="AEN708" s="613"/>
      <c r="AEO708" s="613"/>
      <c r="AEP708" s="613"/>
      <c r="AEQ708" s="613"/>
      <c r="AER708" s="613"/>
      <c r="AES708" s="613"/>
      <c r="AET708" s="613"/>
      <c r="AEU708" s="613"/>
      <c r="AEV708" s="613"/>
      <c r="AEW708" s="613"/>
      <c r="AEX708" s="613"/>
      <c r="AEY708" s="613"/>
      <c r="AEZ708" s="613"/>
      <c r="AFA708" s="613"/>
      <c r="AFB708" s="613"/>
      <c r="AFC708" s="613"/>
      <c r="AFD708" s="613"/>
      <c r="AFE708" s="613"/>
      <c r="AFF708" s="613"/>
      <c r="AFG708" s="613"/>
      <c r="AFH708" s="613"/>
      <c r="AFI708" s="613"/>
      <c r="AFJ708" s="613"/>
      <c r="AFK708" s="613"/>
      <c r="AFL708" s="613"/>
      <c r="AFM708" s="613"/>
      <c r="AFN708" s="613"/>
      <c r="AFO708" s="613"/>
      <c r="AFP708" s="613"/>
      <c r="AFQ708" s="613"/>
      <c r="AFR708" s="613"/>
      <c r="AFS708" s="613"/>
      <c r="AFT708" s="613"/>
      <c r="AFU708" s="613"/>
      <c r="AFV708" s="613"/>
      <c r="AFW708" s="613"/>
      <c r="AFX708" s="613"/>
      <c r="AFY708" s="613"/>
      <c r="AFZ708" s="613"/>
      <c r="AGA708" s="613"/>
      <c r="AGB708" s="613"/>
      <c r="AGC708" s="613"/>
      <c r="AGD708" s="613"/>
      <c r="AGE708" s="613"/>
      <c r="AGF708" s="613"/>
      <c r="AGG708" s="613"/>
      <c r="AGH708" s="613"/>
      <c r="AGI708" s="613"/>
      <c r="AGJ708" s="613"/>
      <c r="AGK708" s="613"/>
      <c r="AGL708" s="613"/>
      <c r="AGM708" s="613"/>
      <c r="AGN708" s="613"/>
      <c r="AGO708" s="613"/>
      <c r="AGP708" s="613"/>
      <c r="AGQ708" s="613"/>
      <c r="AGR708" s="613"/>
      <c r="AGS708" s="613"/>
      <c r="AGT708" s="613"/>
      <c r="AGU708" s="613"/>
      <c r="AGV708" s="613"/>
      <c r="AGW708" s="613"/>
      <c r="AGX708" s="613"/>
      <c r="AGY708" s="613"/>
      <c r="AGZ708" s="613"/>
      <c r="AHA708" s="613"/>
      <c r="AHB708" s="613"/>
      <c r="AHC708" s="613"/>
      <c r="AHD708" s="613"/>
      <c r="AHE708" s="613"/>
      <c r="AHF708" s="613"/>
      <c r="AHG708" s="613"/>
      <c r="AHH708" s="613"/>
      <c r="AHI708" s="613"/>
      <c r="AHJ708" s="613"/>
      <c r="AHK708" s="613"/>
      <c r="AHL708" s="613"/>
      <c r="AHM708" s="613"/>
      <c r="AHN708" s="613"/>
      <c r="AHO708" s="613"/>
      <c r="AHP708" s="613"/>
      <c r="AHQ708" s="613"/>
      <c r="AHR708" s="613"/>
      <c r="AHS708" s="613"/>
      <c r="AHT708" s="613"/>
      <c r="AHU708" s="613"/>
      <c r="AHV708" s="613"/>
      <c r="AHW708" s="613"/>
      <c r="AHX708" s="613"/>
      <c r="AHY708" s="613"/>
      <c r="AHZ708" s="613"/>
      <c r="AIA708" s="613"/>
      <c r="AIB708" s="613"/>
      <c r="AIC708" s="613"/>
      <c r="AID708" s="613"/>
      <c r="AIE708" s="613"/>
      <c r="AIF708" s="613"/>
      <c r="AIG708" s="613"/>
      <c r="AIH708" s="613"/>
      <c r="AII708" s="613"/>
      <c r="AIJ708" s="613"/>
      <c r="AIK708" s="613"/>
      <c r="AIL708" s="613"/>
      <c r="AIM708" s="613"/>
      <c r="AIN708" s="613"/>
      <c r="AIO708" s="613"/>
      <c r="AIP708" s="613"/>
      <c r="AIQ708" s="613"/>
      <c r="AIR708" s="613"/>
      <c r="AIS708" s="613"/>
      <c r="AIT708" s="613"/>
      <c r="AIU708" s="613"/>
      <c r="AIV708" s="613"/>
      <c r="AIW708" s="613"/>
      <c r="AIX708" s="613"/>
      <c r="AIY708" s="613"/>
      <c r="AIZ708" s="613"/>
      <c r="AJA708" s="613"/>
      <c r="AJB708" s="613"/>
      <c r="AJC708" s="613"/>
      <c r="AJD708" s="613"/>
      <c r="AJE708" s="613"/>
      <c r="AJF708" s="613"/>
      <c r="AJG708" s="613"/>
      <c r="AJH708" s="613"/>
      <c r="AJI708" s="613"/>
      <c r="AJJ708" s="613"/>
      <c r="AJK708" s="613"/>
      <c r="AJL708" s="613"/>
      <c r="AJM708" s="613"/>
      <c r="AJN708" s="613"/>
      <c r="AJO708" s="613"/>
      <c r="AJP708" s="613"/>
      <c r="AJQ708" s="613"/>
      <c r="AJR708" s="613"/>
      <c r="AJS708" s="613"/>
      <c r="AJT708" s="613"/>
      <c r="AJU708" s="613"/>
      <c r="AJV708" s="613"/>
      <c r="AJW708" s="613"/>
      <c r="AJX708" s="613"/>
      <c r="AJY708" s="613"/>
      <c r="AJZ708" s="613"/>
      <c r="AKA708" s="613"/>
      <c r="AKB708" s="613"/>
      <c r="AKC708" s="613"/>
      <c r="AKD708" s="613"/>
      <c r="AKE708" s="613"/>
      <c r="AKF708" s="613"/>
      <c r="AKG708" s="613"/>
      <c r="AKH708" s="613"/>
      <c r="AKI708" s="613"/>
      <c r="AKJ708" s="613"/>
      <c r="AKK708" s="613"/>
      <c r="AKL708" s="613"/>
      <c r="AKM708" s="613"/>
      <c r="AKN708" s="613"/>
      <c r="AKO708" s="613"/>
      <c r="AKP708" s="613"/>
      <c r="AKQ708" s="613"/>
      <c r="AKR708" s="613"/>
      <c r="AKS708" s="613"/>
      <c r="AKT708" s="613"/>
      <c r="AKU708" s="613"/>
      <c r="AKV708" s="613"/>
      <c r="AKW708" s="613"/>
      <c r="AKX708" s="613"/>
      <c r="AKY708" s="613"/>
      <c r="AKZ708" s="613"/>
      <c r="ALA708" s="613"/>
      <c r="ALB708" s="613"/>
      <c r="ALC708" s="613"/>
      <c r="ALD708" s="613"/>
      <c r="ALE708" s="613"/>
      <c r="ALF708" s="613"/>
      <c r="ALG708" s="613"/>
      <c r="ALH708" s="613"/>
      <c r="ALI708" s="613"/>
      <c r="ALJ708" s="613"/>
      <c r="ALK708" s="613"/>
      <c r="ALL708" s="613"/>
      <c r="ALM708" s="613"/>
      <c r="ALN708" s="613"/>
      <c r="ALO708" s="613"/>
      <c r="ALP708" s="613"/>
      <c r="ALQ708" s="613"/>
      <c r="ALR708" s="613"/>
      <c r="ALS708" s="613"/>
      <c r="ALT708" s="613"/>
      <c r="ALU708" s="613"/>
      <c r="ALV708" s="613"/>
      <c r="ALW708" s="613"/>
      <c r="ALX708" s="613"/>
      <c r="ALY708" s="613"/>
      <c r="ALZ708" s="613"/>
      <c r="AMA708" s="613"/>
      <c r="AMB708" s="613"/>
      <c r="AMC708" s="613"/>
      <c r="AMD708" s="613"/>
      <c r="AME708" s="613"/>
      <c r="AMF708" s="613"/>
      <c r="AMG708" s="613"/>
      <c r="AMH708" s="613"/>
      <c r="AMI708" s="613"/>
      <c r="AMJ708" s="613"/>
      <c r="AMK708" s="613"/>
      <c r="AML708" s="613"/>
      <c r="AMM708" s="613"/>
      <c r="AMN708" s="613"/>
      <c r="AMO708" s="613"/>
      <c r="AMP708" s="613"/>
      <c r="AMQ708" s="613"/>
      <c r="AMR708" s="613"/>
      <c r="AMS708" s="613"/>
      <c r="AMT708" s="613"/>
      <c r="AMU708" s="613"/>
      <c r="AMV708" s="613"/>
      <c r="AMW708" s="613"/>
      <c r="AMX708" s="613"/>
      <c r="AMY708" s="613"/>
      <c r="AMZ708" s="613"/>
      <c r="ANA708" s="613"/>
      <c r="ANB708" s="613"/>
      <c r="ANC708" s="613"/>
      <c r="AND708" s="613"/>
      <c r="ANE708" s="613"/>
      <c r="ANF708" s="613"/>
      <c r="ANG708" s="613"/>
      <c r="ANH708" s="613"/>
      <c r="ANI708" s="613"/>
      <c r="ANJ708" s="613"/>
      <c r="ANK708" s="613"/>
      <c r="ANL708" s="613"/>
      <c r="ANM708" s="613"/>
      <c r="ANN708" s="613"/>
      <c r="ANO708" s="613"/>
      <c r="ANP708" s="613"/>
      <c r="ANQ708" s="613"/>
      <c r="ANR708" s="613"/>
      <c r="ANS708" s="613"/>
      <c r="ANT708" s="613"/>
      <c r="ANU708" s="613"/>
      <c r="ANV708" s="613"/>
      <c r="ANW708" s="613"/>
      <c r="ANX708" s="613"/>
      <c r="ANY708" s="613"/>
      <c r="ANZ708" s="613"/>
      <c r="AOA708" s="613"/>
      <c r="AOB708" s="613"/>
      <c r="AOC708" s="613"/>
      <c r="AOD708" s="613"/>
      <c r="AOE708" s="613"/>
      <c r="AOF708" s="613"/>
      <c r="AOG708" s="613"/>
      <c r="AOH708" s="613"/>
      <c r="AOI708" s="613"/>
      <c r="AOJ708" s="613"/>
      <c r="AOK708" s="613"/>
      <c r="AOL708" s="613"/>
      <c r="AOM708" s="613"/>
      <c r="AON708" s="613"/>
      <c r="AOO708" s="613"/>
      <c r="AOP708" s="613"/>
      <c r="AOQ708" s="613"/>
      <c r="AOR708" s="613"/>
      <c r="AOS708" s="613"/>
      <c r="AOT708" s="613"/>
      <c r="AOU708" s="613"/>
      <c r="AOV708" s="613"/>
      <c r="AOW708" s="613"/>
      <c r="AOX708" s="613"/>
      <c r="AOY708" s="613"/>
      <c r="AOZ708" s="613"/>
      <c r="APA708" s="613"/>
      <c r="APB708" s="613"/>
      <c r="APC708" s="613"/>
      <c r="APD708" s="613"/>
      <c r="APE708" s="613"/>
      <c r="APF708" s="613"/>
      <c r="APG708" s="613"/>
      <c r="APH708" s="613"/>
      <c r="API708" s="613"/>
      <c r="APJ708" s="613"/>
      <c r="APK708" s="613"/>
      <c r="APL708" s="613"/>
      <c r="APM708" s="613"/>
      <c r="APN708" s="613"/>
      <c r="APO708" s="613"/>
      <c r="APP708" s="613"/>
      <c r="APQ708" s="613"/>
      <c r="APR708" s="613"/>
      <c r="APS708" s="613"/>
      <c r="APT708" s="613"/>
      <c r="APU708" s="613"/>
      <c r="APV708" s="613"/>
      <c r="APW708" s="613"/>
      <c r="APX708" s="613"/>
      <c r="APY708" s="613"/>
      <c r="APZ708" s="613"/>
      <c r="AQA708" s="613"/>
      <c r="AQB708" s="613"/>
      <c r="AQC708" s="613"/>
      <c r="AQD708" s="613"/>
      <c r="AQE708" s="613"/>
      <c r="AQF708" s="613"/>
      <c r="AQG708" s="613"/>
      <c r="AQH708" s="613"/>
      <c r="AQI708" s="613"/>
      <c r="AQJ708" s="613"/>
      <c r="AQK708" s="613"/>
      <c r="AQL708" s="613"/>
      <c r="AQM708" s="613"/>
      <c r="AQN708" s="613"/>
      <c r="AQO708" s="613"/>
      <c r="AQP708" s="613"/>
      <c r="AQQ708" s="613"/>
      <c r="AQR708" s="613"/>
      <c r="AQS708" s="613"/>
      <c r="AQT708" s="613"/>
      <c r="AQU708" s="613"/>
      <c r="AQV708" s="613"/>
      <c r="AQW708" s="613"/>
      <c r="AQX708" s="613"/>
      <c r="AQY708" s="613"/>
      <c r="AQZ708" s="613"/>
      <c r="ARA708" s="613"/>
      <c r="ARB708" s="613"/>
      <c r="ARC708" s="613"/>
      <c r="ARD708" s="613"/>
      <c r="ARE708" s="613"/>
      <c r="ARF708" s="613"/>
      <c r="ARG708" s="613"/>
      <c r="ARH708" s="613"/>
      <c r="ARI708" s="613"/>
      <c r="ARJ708" s="613"/>
      <c r="ARK708" s="613"/>
      <c r="ARL708" s="613"/>
      <c r="ARM708" s="613"/>
      <c r="ARN708" s="613"/>
      <c r="ARO708" s="613"/>
      <c r="ARP708" s="613"/>
      <c r="ARQ708" s="613"/>
      <c r="ARR708" s="613"/>
      <c r="ARS708" s="613"/>
      <c r="ART708" s="613"/>
      <c r="ARU708" s="613"/>
      <c r="ARV708" s="613"/>
      <c r="ARW708" s="613"/>
      <c r="ARX708" s="613"/>
      <c r="ARY708" s="613"/>
      <c r="ARZ708" s="613"/>
      <c r="ASA708" s="613"/>
      <c r="ASB708" s="613"/>
      <c r="ASC708" s="613"/>
      <c r="ASD708" s="613"/>
      <c r="ASE708" s="613"/>
      <c r="ASF708" s="613"/>
      <c r="ASG708" s="613"/>
      <c r="ASH708" s="613"/>
      <c r="ASI708" s="613"/>
      <c r="ASJ708" s="613"/>
      <c r="ASK708" s="613"/>
      <c r="ASL708" s="613"/>
      <c r="ASM708" s="613"/>
      <c r="ASN708" s="613"/>
      <c r="ASO708" s="613"/>
      <c r="ASP708" s="613"/>
      <c r="ASQ708" s="613"/>
      <c r="ASR708" s="613"/>
      <c r="ASS708" s="613"/>
      <c r="AST708" s="613"/>
      <c r="ASU708" s="613"/>
      <c r="ASV708" s="613"/>
      <c r="ASW708" s="613"/>
      <c r="ASX708" s="613"/>
      <c r="ASY708" s="613"/>
      <c r="ASZ708" s="613"/>
      <c r="ATA708" s="613"/>
      <c r="ATB708" s="613"/>
      <c r="ATC708" s="613"/>
      <c r="ATD708" s="613"/>
      <c r="ATE708" s="613"/>
      <c r="ATF708" s="613"/>
      <c r="ATG708" s="613"/>
      <c r="ATH708" s="613"/>
      <c r="ATI708" s="613"/>
      <c r="ATJ708" s="613"/>
      <c r="ATK708" s="613"/>
      <c r="ATL708" s="613"/>
      <c r="ATM708" s="613"/>
      <c r="ATN708" s="613"/>
      <c r="ATO708" s="613"/>
      <c r="ATP708" s="613"/>
      <c r="ATQ708" s="613"/>
      <c r="ATR708" s="613"/>
      <c r="ATS708" s="613"/>
      <c r="ATT708" s="613"/>
      <c r="ATU708" s="613"/>
      <c r="ATV708" s="613"/>
      <c r="ATW708" s="613"/>
      <c r="ATX708" s="613"/>
      <c r="ATY708" s="613"/>
      <c r="ATZ708" s="613"/>
      <c r="AUA708" s="613"/>
      <c r="AUB708" s="613"/>
      <c r="AUC708" s="613"/>
      <c r="AUD708" s="613"/>
      <c r="AUE708" s="613"/>
      <c r="AUF708" s="613"/>
      <c r="AUG708" s="613"/>
      <c r="AUH708" s="613"/>
      <c r="AUI708" s="613"/>
      <c r="AUJ708" s="613"/>
      <c r="AUK708" s="613"/>
      <c r="AUL708" s="613"/>
      <c r="AUM708" s="613"/>
      <c r="AUN708" s="613"/>
      <c r="AUO708" s="613"/>
      <c r="AUP708" s="613"/>
      <c r="AUQ708" s="613"/>
      <c r="AUR708" s="613"/>
      <c r="AUS708" s="613"/>
      <c r="AUT708" s="613"/>
      <c r="AUU708" s="613"/>
      <c r="AUV708" s="613"/>
      <c r="AUW708" s="613"/>
      <c r="AUX708" s="613"/>
      <c r="AUY708" s="613"/>
      <c r="AUZ708" s="613"/>
      <c r="AVA708" s="613"/>
      <c r="AVB708" s="613"/>
      <c r="AVC708" s="613"/>
      <c r="AVD708" s="613"/>
      <c r="AVE708" s="613"/>
      <c r="AVF708" s="613"/>
      <c r="AVG708" s="613"/>
      <c r="AVH708" s="613"/>
      <c r="AVI708" s="613"/>
      <c r="AVJ708" s="613"/>
      <c r="AVK708" s="613"/>
      <c r="AVL708" s="613"/>
      <c r="AVM708" s="613"/>
      <c r="AVN708" s="613"/>
      <c r="AVO708" s="613"/>
      <c r="AVP708" s="613"/>
      <c r="AVQ708" s="613"/>
      <c r="AVR708" s="613"/>
      <c r="AVS708" s="613"/>
      <c r="AVT708" s="613"/>
      <c r="AVU708" s="613"/>
      <c r="AVV708" s="613"/>
      <c r="AVW708" s="613"/>
      <c r="AVX708" s="613"/>
      <c r="AVY708" s="613"/>
      <c r="AVZ708" s="613"/>
      <c r="AWA708" s="613"/>
      <c r="AWB708" s="613"/>
      <c r="AWC708" s="613"/>
      <c r="AWD708" s="613"/>
      <c r="AWE708" s="613"/>
      <c r="AWF708" s="613"/>
      <c r="AWG708" s="613"/>
      <c r="AWH708" s="613"/>
      <c r="AWI708" s="613"/>
      <c r="AWJ708" s="613"/>
      <c r="AWK708" s="613"/>
      <c r="AWL708" s="613"/>
      <c r="AWM708" s="613"/>
      <c r="AWN708" s="613"/>
      <c r="AWO708" s="613"/>
      <c r="AWP708" s="613"/>
      <c r="AWQ708" s="613"/>
      <c r="AWR708" s="613"/>
      <c r="AWS708" s="613"/>
      <c r="AWT708" s="613"/>
      <c r="AWU708" s="613"/>
      <c r="AWV708" s="613"/>
      <c r="AWW708" s="613"/>
      <c r="AWX708" s="613"/>
      <c r="AWY708" s="613"/>
      <c r="AWZ708" s="613"/>
      <c r="AXA708" s="613"/>
      <c r="AXB708" s="613"/>
      <c r="AXC708" s="613"/>
      <c r="AXD708" s="613"/>
      <c r="AXE708" s="613"/>
      <c r="AXF708" s="613"/>
      <c r="AXG708" s="613"/>
      <c r="AXH708" s="613"/>
      <c r="AXI708" s="613"/>
      <c r="AXJ708" s="613"/>
      <c r="AXK708" s="613"/>
      <c r="AXL708" s="613"/>
      <c r="AXM708" s="613"/>
      <c r="AXN708" s="613"/>
      <c r="AXO708" s="613"/>
      <c r="AXP708" s="613"/>
      <c r="AXQ708" s="613"/>
      <c r="AXR708" s="613"/>
      <c r="AXS708" s="613"/>
      <c r="AXT708" s="613"/>
      <c r="AXU708" s="613"/>
      <c r="AXV708" s="613"/>
      <c r="AXW708" s="613"/>
      <c r="AXX708" s="613"/>
      <c r="AXY708" s="613"/>
      <c r="AXZ708" s="613"/>
      <c r="AYA708" s="613"/>
      <c r="AYB708" s="613"/>
      <c r="AYC708" s="613"/>
      <c r="AYD708" s="613"/>
      <c r="AYE708" s="613"/>
      <c r="AYF708" s="613"/>
      <c r="AYG708" s="613"/>
      <c r="AYH708" s="613"/>
      <c r="AYI708" s="613"/>
      <c r="AYJ708" s="613"/>
      <c r="AYK708" s="613"/>
      <c r="AYL708" s="613"/>
      <c r="AYM708" s="613"/>
      <c r="AYN708" s="613"/>
      <c r="AYO708" s="613"/>
      <c r="AYP708" s="613"/>
      <c r="AYQ708" s="613"/>
      <c r="AYR708" s="613"/>
      <c r="AYS708" s="613"/>
      <c r="AYT708" s="613"/>
      <c r="AYU708" s="613"/>
      <c r="AYV708" s="613"/>
      <c r="AYW708" s="613"/>
      <c r="AYX708" s="613"/>
      <c r="AYY708" s="613"/>
      <c r="AYZ708" s="613"/>
      <c r="AZA708" s="613"/>
      <c r="AZB708" s="613"/>
      <c r="AZC708" s="613"/>
      <c r="AZD708" s="613"/>
      <c r="AZE708" s="613"/>
      <c r="AZF708" s="613"/>
      <c r="AZG708" s="613"/>
      <c r="AZH708" s="613"/>
      <c r="AZI708" s="613"/>
      <c r="AZJ708" s="613"/>
      <c r="AZK708" s="613"/>
      <c r="AZL708" s="613"/>
      <c r="AZM708" s="613"/>
      <c r="AZN708" s="613"/>
      <c r="AZO708" s="613"/>
      <c r="AZP708" s="613"/>
      <c r="AZQ708" s="613"/>
      <c r="AZR708" s="613"/>
      <c r="AZS708" s="613"/>
      <c r="AZT708" s="613"/>
      <c r="AZU708" s="613"/>
      <c r="AZV708" s="613"/>
      <c r="AZW708" s="613"/>
      <c r="AZX708" s="613"/>
      <c r="AZY708" s="613"/>
      <c r="AZZ708" s="613"/>
      <c r="BAA708" s="613"/>
      <c r="BAB708" s="613"/>
      <c r="BAC708" s="613"/>
      <c r="BAD708" s="613"/>
      <c r="BAE708" s="613"/>
      <c r="BAF708" s="613"/>
      <c r="BAG708" s="613"/>
      <c r="BAH708" s="613"/>
      <c r="BAI708" s="613"/>
      <c r="BAJ708" s="613"/>
      <c r="BAK708" s="613"/>
      <c r="BAL708" s="613"/>
      <c r="BAM708" s="613"/>
      <c r="BAN708" s="613"/>
      <c r="BAO708" s="613"/>
      <c r="BAP708" s="613"/>
      <c r="BAQ708" s="613"/>
      <c r="BAR708" s="613"/>
      <c r="BAS708" s="613"/>
      <c r="BAT708" s="613"/>
      <c r="BAU708" s="613"/>
      <c r="BAV708" s="613"/>
      <c r="BAW708" s="613"/>
      <c r="BAX708" s="613"/>
      <c r="BAY708" s="613"/>
      <c r="BAZ708" s="613"/>
      <c r="BBA708" s="613"/>
      <c r="BBB708" s="613"/>
      <c r="BBC708" s="613"/>
      <c r="BBD708" s="613"/>
      <c r="BBE708" s="613"/>
      <c r="BBF708" s="613"/>
      <c r="BBG708" s="613"/>
      <c r="BBH708" s="613"/>
      <c r="BBI708" s="613"/>
      <c r="BBJ708" s="613"/>
      <c r="BBK708" s="613"/>
      <c r="BBL708" s="613"/>
      <c r="BBM708" s="613"/>
      <c r="BBN708" s="613"/>
      <c r="BBO708" s="613"/>
      <c r="BBP708" s="613"/>
      <c r="BBQ708" s="613"/>
      <c r="BBR708" s="613"/>
      <c r="BBS708" s="613"/>
      <c r="BBT708" s="613"/>
      <c r="BBU708" s="613"/>
      <c r="BBV708" s="613"/>
      <c r="BBW708" s="613"/>
      <c r="BBX708" s="613"/>
      <c r="BBY708" s="613"/>
      <c r="BBZ708" s="613"/>
      <c r="BCA708" s="613"/>
      <c r="BCB708" s="613"/>
      <c r="BCC708" s="613"/>
      <c r="BCD708" s="613"/>
      <c r="BCE708" s="613"/>
      <c r="BCF708" s="613"/>
      <c r="BCG708" s="613"/>
      <c r="BCH708" s="613"/>
      <c r="BCI708" s="613"/>
      <c r="BCJ708" s="613"/>
      <c r="BCK708" s="613"/>
      <c r="BCL708" s="613"/>
      <c r="BCM708" s="613"/>
      <c r="BCN708" s="613"/>
      <c r="BCO708" s="613"/>
      <c r="BCP708" s="613"/>
      <c r="BCQ708" s="613"/>
      <c r="BCR708" s="613"/>
      <c r="BCS708" s="613"/>
      <c r="BCT708" s="613"/>
      <c r="BCU708" s="613"/>
      <c r="BCV708" s="613"/>
      <c r="BCW708" s="613"/>
      <c r="BCX708" s="613"/>
      <c r="BCY708" s="613"/>
      <c r="BCZ708" s="613"/>
      <c r="BDA708" s="613"/>
      <c r="BDB708" s="613"/>
      <c r="BDC708" s="613"/>
      <c r="BDD708" s="613"/>
      <c r="BDE708" s="613"/>
      <c r="BDF708" s="613"/>
      <c r="BDG708" s="613"/>
      <c r="BDH708" s="613"/>
      <c r="BDI708" s="613"/>
      <c r="BDJ708" s="613"/>
      <c r="BDK708" s="613"/>
      <c r="BDL708" s="613"/>
      <c r="BDM708" s="613"/>
      <c r="BDN708" s="613"/>
      <c r="BDO708" s="613"/>
      <c r="BDP708" s="613"/>
      <c r="BDQ708" s="613"/>
      <c r="BDR708" s="613"/>
      <c r="BDS708" s="613"/>
      <c r="BDT708" s="613"/>
      <c r="BDU708" s="613"/>
      <c r="BDV708" s="613"/>
      <c r="BDW708" s="613"/>
      <c r="BDX708" s="613"/>
      <c r="BDY708" s="613"/>
      <c r="BDZ708" s="613"/>
      <c r="BEA708" s="613"/>
      <c r="BEB708" s="613"/>
      <c r="BEC708" s="613"/>
      <c r="BED708" s="613"/>
      <c r="BEE708" s="613"/>
      <c r="BEF708" s="613"/>
      <c r="BEG708" s="613"/>
      <c r="BEH708" s="613"/>
      <c r="BEI708" s="613"/>
      <c r="BEJ708" s="613"/>
      <c r="BEK708" s="613"/>
      <c r="BEL708" s="613"/>
      <c r="BEM708" s="613"/>
      <c r="BEN708" s="613"/>
      <c r="BEO708" s="613"/>
      <c r="BEP708" s="613"/>
      <c r="BEQ708" s="613"/>
      <c r="BER708" s="613"/>
      <c r="BES708" s="613"/>
      <c r="BET708" s="613"/>
      <c r="BEU708" s="613"/>
      <c r="BEV708" s="613"/>
      <c r="BEW708" s="613"/>
      <c r="BEX708" s="613"/>
      <c r="BEY708" s="613"/>
      <c r="BEZ708" s="613"/>
      <c r="BFA708" s="613"/>
      <c r="BFB708" s="613"/>
      <c r="BFC708" s="613"/>
      <c r="BFD708" s="613"/>
      <c r="BFE708" s="613"/>
      <c r="BFF708" s="613"/>
      <c r="BFG708" s="613"/>
      <c r="BFH708" s="613"/>
      <c r="BFI708" s="613"/>
      <c r="BFJ708" s="613"/>
      <c r="BFK708" s="613"/>
      <c r="BFL708" s="613"/>
      <c r="BFM708" s="613"/>
      <c r="BFN708" s="613"/>
      <c r="BFO708" s="613"/>
      <c r="BFP708" s="613"/>
      <c r="BFQ708" s="613"/>
      <c r="BFR708" s="613"/>
      <c r="BFS708" s="613"/>
      <c r="BFT708" s="613"/>
      <c r="BFU708" s="613"/>
      <c r="BFV708" s="613"/>
      <c r="BFW708" s="613"/>
      <c r="BFX708" s="613"/>
      <c r="BFY708" s="613"/>
      <c r="BFZ708" s="613"/>
      <c r="BGA708" s="613"/>
      <c r="BGB708" s="613"/>
      <c r="BGC708" s="613"/>
      <c r="BGD708" s="613"/>
      <c r="BGE708" s="613"/>
      <c r="BGF708" s="613"/>
      <c r="BGG708" s="613"/>
      <c r="BGH708" s="613"/>
      <c r="BGI708" s="613"/>
      <c r="BGJ708" s="613"/>
      <c r="BGK708" s="613"/>
      <c r="BGL708" s="613"/>
      <c r="BGM708" s="613"/>
      <c r="BGN708" s="613"/>
      <c r="BGO708" s="613"/>
      <c r="BGP708" s="613"/>
      <c r="BGQ708" s="613"/>
      <c r="BGR708" s="613"/>
      <c r="BGS708" s="613"/>
      <c r="BGT708" s="613"/>
      <c r="BGU708" s="613"/>
      <c r="BGV708" s="613"/>
      <c r="BGW708" s="613"/>
      <c r="BGX708" s="613"/>
      <c r="BGY708" s="613"/>
      <c r="BGZ708" s="613"/>
      <c r="BHA708" s="613"/>
      <c r="BHB708" s="613"/>
      <c r="BHC708" s="613"/>
      <c r="BHD708" s="613"/>
      <c r="BHE708" s="613"/>
      <c r="BHF708" s="613"/>
      <c r="BHG708" s="613"/>
      <c r="BHH708" s="613"/>
      <c r="BHI708" s="613"/>
      <c r="BHJ708" s="613"/>
      <c r="BHK708" s="613"/>
      <c r="BHL708" s="613"/>
      <c r="BHM708" s="613"/>
      <c r="BHN708" s="613"/>
      <c r="BHO708" s="613"/>
      <c r="BHP708" s="613"/>
      <c r="BHQ708" s="613"/>
      <c r="BHR708" s="613"/>
      <c r="BHS708" s="613"/>
      <c r="BHT708" s="613"/>
      <c r="BHU708" s="613"/>
      <c r="BHV708" s="613"/>
      <c r="BHW708" s="613"/>
      <c r="BHX708" s="613"/>
      <c r="BHY708" s="613"/>
      <c r="BHZ708" s="613"/>
      <c r="BIA708" s="613"/>
      <c r="BIB708" s="613"/>
      <c r="BIC708" s="613"/>
      <c r="BID708" s="613"/>
      <c r="BIE708" s="613"/>
      <c r="BIF708" s="613"/>
      <c r="BIG708" s="613"/>
      <c r="BIH708" s="613"/>
      <c r="BII708" s="613"/>
      <c r="BIJ708" s="613"/>
      <c r="BIK708" s="613"/>
      <c r="BIL708" s="613"/>
      <c r="BIM708" s="613"/>
      <c r="BIN708" s="613"/>
      <c r="BIO708" s="613"/>
      <c r="BIP708" s="613"/>
      <c r="BIQ708" s="613"/>
      <c r="BIR708" s="613"/>
      <c r="BIS708" s="613"/>
      <c r="BIT708" s="613"/>
      <c r="BIU708" s="613"/>
      <c r="BIV708" s="613"/>
      <c r="BIW708" s="613"/>
      <c r="BIX708" s="613"/>
      <c r="BIY708" s="613"/>
      <c r="BIZ708" s="613"/>
      <c r="BJA708" s="613"/>
      <c r="BJB708" s="613"/>
      <c r="BJC708" s="613"/>
      <c r="BJD708" s="613"/>
      <c r="BJE708" s="613"/>
      <c r="BJF708" s="613"/>
      <c r="BJG708" s="613"/>
      <c r="BJH708" s="613"/>
      <c r="BJI708" s="613"/>
      <c r="BJJ708" s="613"/>
      <c r="BJK708" s="613"/>
      <c r="BJL708" s="613"/>
      <c r="BJM708" s="613"/>
      <c r="BJN708" s="613"/>
      <c r="BJO708" s="613"/>
      <c r="BJP708" s="613"/>
      <c r="BJQ708" s="613"/>
      <c r="BJR708" s="613"/>
      <c r="BJS708" s="613"/>
      <c r="BJT708" s="613"/>
      <c r="BJU708" s="613"/>
      <c r="BJV708" s="613"/>
      <c r="BJW708" s="613"/>
      <c r="BJX708" s="613"/>
      <c r="BJY708" s="613"/>
      <c r="BJZ708" s="613"/>
      <c r="BKA708" s="613"/>
      <c r="BKB708" s="613"/>
      <c r="BKC708" s="613"/>
      <c r="BKD708" s="613"/>
      <c r="BKE708" s="613"/>
      <c r="BKF708" s="613"/>
      <c r="BKG708" s="613"/>
      <c r="BKH708" s="613"/>
      <c r="BKI708" s="613"/>
      <c r="BKJ708" s="613"/>
      <c r="BKK708" s="613"/>
      <c r="BKL708" s="613"/>
      <c r="BKM708" s="613"/>
      <c r="BKN708" s="613"/>
      <c r="BKO708" s="613"/>
      <c r="BKP708" s="613"/>
      <c r="BKQ708" s="613"/>
      <c r="BKR708" s="613"/>
      <c r="BKS708" s="613"/>
      <c r="BKT708" s="613"/>
      <c r="BKU708" s="613"/>
      <c r="BKV708" s="613"/>
      <c r="BKW708" s="613"/>
      <c r="BKX708" s="613"/>
      <c r="BKY708" s="613"/>
      <c r="BKZ708" s="613"/>
      <c r="BLA708" s="613"/>
      <c r="BLB708" s="613"/>
      <c r="BLC708" s="613"/>
      <c r="BLD708" s="613"/>
      <c r="BLE708" s="613"/>
      <c r="BLF708" s="613"/>
      <c r="BLG708" s="613"/>
      <c r="BLH708" s="613"/>
      <c r="BLI708" s="613"/>
      <c r="BLJ708" s="613"/>
      <c r="BLK708" s="613"/>
      <c r="BLL708" s="613"/>
      <c r="BLM708" s="613"/>
      <c r="BLN708" s="613"/>
      <c r="BLO708" s="613"/>
      <c r="BLP708" s="613"/>
      <c r="BLQ708" s="613"/>
      <c r="BLR708" s="613"/>
      <c r="BLS708" s="613"/>
      <c r="BLT708" s="613"/>
      <c r="BLU708" s="613"/>
      <c r="BLV708" s="613"/>
      <c r="BLW708" s="613"/>
      <c r="BLX708" s="613"/>
      <c r="BLY708" s="613"/>
      <c r="BLZ708" s="613"/>
      <c r="BMA708" s="613"/>
      <c r="BMB708" s="613"/>
      <c r="BMC708" s="613"/>
      <c r="BMD708" s="613"/>
      <c r="BME708" s="613"/>
      <c r="BMF708" s="613"/>
      <c r="BMG708" s="613"/>
      <c r="BMH708" s="613"/>
      <c r="BMI708" s="613"/>
      <c r="BMJ708" s="613"/>
      <c r="BMK708" s="613"/>
      <c r="BML708" s="613"/>
      <c r="BMM708" s="613"/>
      <c r="BMN708" s="613"/>
      <c r="BMO708" s="613"/>
      <c r="BMP708" s="613"/>
      <c r="BMQ708" s="613"/>
      <c r="BMR708" s="613"/>
      <c r="BMS708" s="613"/>
      <c r="BMT708" s="613"/>
      <c r="BMU708" s="613"/>
      <c r="BMV708" s="613"/>
      <c r="BMW708" s="613"/>
      <c r="BMX708" s="613"/>
      <c r="BMY708" s="613"/>
      <c r="BMZ708" s="613"/>
      <c r="BNA708" s="613"/>
      <c r="BNB708" s="613"/>
      <c r="BNC708" s="613"/>
      <c r="BND708" s="613"/>
      <c r="BNE708" s="613"/>
      <c r="BNF708" s="613"/>
      <c r="BNG708" s="613"/>
      <c r="BNH708" s="613"/>
      <c r="BNI708" s="613"/>
      <c r="BNJ708" s="613"/>
      <c r="BNK708" s="613"/>
      <c r="BNL708" s="613"/>
      <c r="BNM708" s="613"/>
      <c r="BNN708" s="613"/>
      <c r="BNO708" s="613"/>
      <c r="BNP708" s="613"/>
      <c r="BNQ708" s="613"/>
      <c r="BNR708" s="613"/>
      <c r="BNS708" s="613"/>
      <c r="BNT708" s="613"/>
      <c r="BNU708" s="613"/>
      <c r="BNV708" s="613"/>
      <c r="BNW708" s="613"/>
      <c r="BNX708" s="613"/>
      <c r="BNY708" s="613"/>
      <c r="BNZ708" s="613"/>
      <c r="BOA708" s="613"/>
      <c r="BOB708" s="613"/>
      <c r="BOC708" s="613"/>
      <c r="BOD708" s="613"/>
      <c r="BOE708" s="613"/>
      <c r="BOF708" s="613"/>
      <c r="BOG708" s="613"/>
      <c r="BOH708" s="613"/>
      <c r="BOI708" s="613"/>
      <c r="BOJ708" s="613"/>
      <c r="BOK708" s="613"/>
      <c r="BOL708" s="613"/>
      <c r="BOM708" s="613"/>
      <c r="BON708" s="613"/>
      <c r="BOO708" s="613"/>
      <c r="BOP708" s="613"/>
      <c r="BOQ708" s="613"/>
      <c r="BOR708" s="613"/>
      <c r="BOS708" s="613"/>
      <c r="BOT708" s="613"/>
      <c r="BOU708" s="613"/>
      <c r="BOV708" s="613"/>
      <c r="BOW708" s="613"/>
      <c r="BOX708" s="613"/>
      <c r="BOY708" s="613"/>
      <c r="BOZ708" s="613"/>
      <c r="BPA708" s="613"/>
      <c r="BPB708" s="613"/>
      <c r="BPC708" s="613"/>
      <c r="BPD708" s="613"/>
      <c r="BPE708" s="613"/>
      <c r="BPF708" s="613"/>
      <c r="BPG708" s="613"/>
      <c r="BPH708" s="613"/>
      <c r="BPI708" s="613"/>
      <c r="BPJ708" s="613"/>
      <c r="BPK708" s="613"/>
      <c r="BPL708" s="613"/>
      <c r="BPM708" s="613"/>
      <c r="BPN708" s="613"/>
      <c r="BPO708" s="613"/>
      <c r="BPP708" s="613"/>
      <c r="BPQ708" s="613"/>
      <c r="BPR708" s="613"/>
      <c r="BPS708" s="613"/>
      <c r="BPT708" s="613"/>
      <c r="BPU708" s="613"/>
      <c r="BPV708" s="613"/>
      <c r="BPW708" s="613"/>
      <c r="BPX708" s="613"/>
      <c r="BPY708" s="613"/>
      <c r="BPZ708" s="613"/>
      <c r="BQA708" s="613"/>
      <c r="BQB708" s="613"/>
      <c r="BQC708" s="613"/>
      <c r="BQD708" s="613"/>
      <c r="BQE708" s="613"/>
      <c r="BQF708" s="613"/>
      <c r="BQG708" s="613"/>
      <c r="BQH708" s="613"/>
      <c r="BQI708" s="613"/>
      <c r="BQJ708" s="613"/>
      <c r="BQK708" s="613"/>
      <c r="BQL708" s="613"/>
      <c r="BQM708" s="613"/>
      <c r="BQN708" s="613"/>
      <c r="BQO708" s="613"/>
      <c r="BQP708" s="613"/>
      <c r="BQQ708" s="613"/>
      <c r="BQR708" s="613"/>
      <c r="BQS708" s="613"/>
      <c r="BQT708" s="613"/>
      <c r="BQU708" s="613"/>
      <c r="BQV708" s="613"/>
      <c r="BQW708" s="613"/>
      <c r="BQX708" s="613"/>
      <c r="BQY708" s="613"/>
      <c r="BQZ708" s="613"/>
      <c r="BRA708" s="613"/>
      <c r="BRB708" s="613"/>
      <c r="BRC708" s="613"/>
      <c r="BRD708" s="613"/>
      <c r="BRE708" s="613"/>
      <c r="BRF708" s="613"/>
      <c r="BRG708" s="613"/>
      <c r="BRH708" s="613"/>
      <c r="BRI708" s="613"/>
      <c r="BRJ708" s="613"/>
      <c r="BRK708" s="613"/>
      <c r="BRL708" s="613"/>
      <c r="BRM708" s="613"/>
      <c r="BRN708" s="613"/>
      <c r="BRO708" s="613"/>
      <c r="BRP708" s="613"/>
      <c r="BRQ708" s="613"/>
      <c r="BRR708" s="613"/>
      <c r="BRS708" s="613"/>
      <c r="BRT708" s="613"/>
      <c r="BRU708" s="613"/>
      <c r="BRV708" s="613"/>
      <c r="BRW708" s="613"/>
      <c r="BRX708" s="613"/>
      <c r="BRY708" s="613"/>
      <c r="BRZ708" s="613"/>
      <c r="BSA708" s="613"/>
      <c r="BSB708" s="613"/>
      <c r="BSC708" s="613"/>
      <c r="BSD708" s="613"/>
      <c r="BSE708" s="613"/>
      <c r="BSF708" s="613"/>
      <c r="BSG708" s="613"/>
      <c r="BSH708" s="613"/>
      <c r="BSI708" s="613"/>
      <c r="BSJ708" s="613"/>
      <c r="BSK708" s="613"/>
      <c r="BSL708" s="613"/>
      <c r="BSM708" s="613"/>
      <c r="BSN708" s="613"/>
      <c r="BSO708" s="613"/>
      <c r="BSP708" s="613"/>
      <c r="BSQ708" s="613"/>
      <c r="BSR708" s="613"/>
      <c r="BSS708" s="613"/>
      <c r="BST708" s="613"/>
      <c r="BSU708" s="613"/>
      <c r="BSV708" s="613"/>
      <c r="BSW708" s="613"/>
      <c r="BSX708" s="613"/>
      <c r="BSY708" s="613"/>
      <c r="BSZ708" s="613"/>
      <c r="BTA708" s="613"/>
      <c r="BTB708" s="613"/>
      <c r="BTC708" s="613"/>
      <c r="BTD708" s="613"/>
      <c r="BTE708" s="613"/>
      <c r="BTF708" s="613"/>
      <c r="BTG708" s="613"/>
      <c r="BTH708" s="613"/>
      <c r="BTI708" s="613"/>
      <c r="BTJ708" s="613"/>
      <c r="BTK708" s="613"/>
      <c r="BTL708" s="613"/>
      <c r="BTM708" s="613"/>
      <c r="BTN708" s="613"/>
      <c r="BTO708" s="613"/>
      <c r="BTP708" s="613"/>
      <c r="BTQ708" s="613"/>
      <c r="BTR708" s="613"/>
      <c r="BTS708" s="613"/>
      <c r="BTT708" s="613"/>
      <c r="BTU708" s="613"/>
      <c r="BTV708" s="613"/>
      <c r="BTW708" s="613"/>
      <c r="BTX708" s="613"/>
      <c r="BTY708" s="613"/>
      <c r="BTZ708" s="613"/>
      <c r="BUA708" s="613"/>
      <c r="BUB708" s="613"/>
      <c r="BUC708" s="613"/>
      <c r="BUD708" s="613"/>
      <c r="BUE708" s="613"/>
      <c r="BUF708" s="613"/>
      <c r="BUG708" s="613"/>
      <c r="BUH708" s="613"/>
      <c r="BUI708" s="613"/>
      <c r="BUJ708" s="613"/>
      <c r="BUK708" s="613"/>
      <c r="BUL708" s="613"/>
      <c r="BUM708" s="613"/>
      <c r="BUN708" s="613"/>
      <c r="BUO708" s="613"/>
      <c r="BUP708" s="613"/>
      <c r="BUQ708" s="613"/>
      <c r="BUR708" s="613"/>
      <c r="BUS708" s="613"/>
      <c r="BUT708" s="613"/>
      <c r="BUU708" s="613"/>
      <c r="BUV708" s="613"/>
      <c r="BUW708" s="613"/>
      <c r="BUX708" s="613"/>
      <c r="BUY708" s="613"/>
      <c r="BUZ708" s="613"/>
      <c r="BVA708" s="613"/>
      <c r="BVB708" s="613"/>
      <c r="BVC708" s="613"/>
      <c r="BVD708" s="613"/>
      <c r="BVE708" s="613"/>
      <c r="BVF708" s="613"/>
      <c r="BVG708" s="613"/>
      <c r="BVH708" s="613"/>
      <c r="BVI708" s="613"/>
      <c r="BVJ708" s="613"/>
      <c r="BVK708" s="613"/>
      <c r="BVL708" s="613"/>
      <c r="BVM708" s="613"/>
      <c r="BVN708" s="613"/>
      <c r="BVO708" s="613"/>
      <c r="BVP708" s="613"/>
      <c r="BVQ708" s="613"/>
      <c r="BVR708" s="613"/>
      <c r="BVS708" s="613"/>
      <c r="BVT708" s="613"/>
      <c r="BVU708" s="613"/>
      <c r="BVV708" s="613"/>
      <c r="BVW708" s="613"/>
      <c r="BVX708" s="613"/>
      <c r="BVY708" s="613"/>
      <c r="BVZ708" s="613"/>
      <c r="BWA708" s="613"/>
      <c r="BWB708" s="613"/>
      <c r="BWC708" s="613"/>
      <c r="BWD708" s="613"/>
      <c r="BWE708" s="613"/>
      <c r="BWF708" s="613"/>
      <c r="BWG708" s="613"/>
      <c r="BWH708" s="613"/>
      <c r="BWI708" s="613"/>
      <c r="BWJ708" s="613"/>
      <c r="BWK708" s="613"/>
      <c r="BWL708" s="613"/>
      <c r="BWM708" s="613"/>
      <c r="BWN708" s="613"/>
      <c r="BWO708" s="613"/>
      <c r="BWP708" s="613"/>
      <c r="BWQ708" s="613"/>
      <c r="BWR708" s="613"/>
      <c r="BWS708" s="613"/>
      <c r="BWT708" s="613"/>
      <c r="BWU708" s="613"/>
      <c r="BWV708" s="613"/>
      <c r="BWW708" s="613"/>
      <c r="BWX708" s="613"/>
      <c r="BWY708" s="613"/>
      <c r="BWZ708" s="613"/>
      <c r="BXA708" s="613"/>
      <c r="BXB708" s="613"/>
      <c r="BXC708" s="613"/>
      <c r="BXD708" s="613"/>
      <c r="BXE708" s="613"/>
      <c r="BXF708" s="613"/>
      <c r="BXG708" s="613"/>
      <c r="BXH708" s="613"/>
      <c r="BXI708" s="613"/>
      <c r="BXJ708" s="613"/>
      <c r="BXK708" s="613"/>
      <c r="BXL708" s="613"/>
      <c r="BXM708" s="613"/>
      <c r="BXN708" s="613"/>
      <c r="BXO708" s="613"/>
      <c r="BXP708" s="613"/>
      <c r="BXQ708" s="613"/>
      <c r="BXR708" s="613"/>
      <c r="BXS708" s="613"/>
      <c r="BXT708" s="613"/>
      <c r="BXU708" s="613"/>
      <c r="BXV708" s="613"/>
      <c r="BXW708" s="613"/>
      <c r="BXX708" s="613"/>
      <c r="BXY708" s="613"/>
      <c r="BXZ708" s="613"/>
      <c r="BYA708" s="613"/>
      <c r="BYB708" s="613"/>
      <c r="BYC708" s="613"/>
      <c r="BYD708" s="613"/>
      <c r="BYE708" s="613"/>
      <c r="BYF708" s="613"/>
      <c r="BYG708" s="613"/>
      <c r="BYH708" s="613"/>
      <c r="BYI708" s="613"/>
      <c r="BYJ708" s="613"/>
      <c r="BYK708" s="613"/>
      <c r="BYL708" s="613"/>
      <c r="BYM708" s="613"/>
      <c r="BYN708" s="613"/>
      <c r="BYO708" s="613"/>
      <c r="BYP708" s="613"/>
      <c r="BYQ708" s="613"/>
      <c r="BYR708" s="613"/>
      <c r="BYS708" s="613"/>
      <c r="BYT708" s="613"/>
      <c r="BYU708" s="613"/>
      <c r="BYV708" s="613"/>
      <c r="BYW708" s="613"/>
      <c r="BYX708" s="613"/>
      <c r="BYY708" s="613"/>
      <c r="BYZ708" s="613"/>
      <c r="BZA708" s="613"/>
      <c r="BZB708" s="613"/>
      <c r="BZC708" s="613"/>
      <c r="BZD708" s="613"/>
      <c r="BZE708" s="613"/>
      <c r="BZF708" s="613"/>
      <c r="BZG708" s="613"/>
      <c r="BZH708" s="613"/>
      <c r="BZI708" s="613"/>
      <c r="BZJ708" s="613"/>
      <c r="BZK708" s="613"/>
      <c r="BZL708" s="613"/>
      <c r="BZM708" s="613"/>
      <c r="BZN708" s="613"/>
      <c r="BZO708" s="613"/>
      <c r="BZP708" s="613"/>
      <c r="BZQ708" s="613"/>
      <c r="BZR708" s="613"/>
      <c r="BZS708" s="613"/>
      <c r="BZT708" s="613"/>
      <c r="BZU708" s="613"/>
      <c r="BZV708" s="613"/>
      <c r="BZW708" s="613"/>
      <c r="BZX708" s="613"/>
      <c r="BZY708" s="613"/>
      <c r="BZZ708" s="613"/>
      <c r="CAA708" s="613"/>
      <c r="CAB708" s="613"/>
      <c r="CAC708" s="613"/>
      <c r="CAD708" s="613"/>
      <c r="CAE708" s="613"/>
      <c r="CAF708" s="613"/>
      <c r="CAG708" s="613"/>
      <c r="CAH708" s="613"/>
      <c r="CAI708" s="613"/>
      <c r="CAJ708" s="613"/>
      <c r="CAK708" s="613"/>
      <c r="CAL708" s="613"/>
      <c r="CAM708" s="613"/>
      <c r="CAN708" s="613"/>
      <c r="CAO708" s="613"/>
      <c r="CAP708" s="613"/>
      <c r="CAQ708" s="613"/>
      <c r="CAR708" s="613"/>
      <c r="CAS708" s="613"/>
      <c r="CAT708" s="613"/>
      <c r="CAU708" s="613"/>
      <c r="CAV708" s="613"/>
      <c r="CAW708" s="613"/>
      <c r="CAX708" s="613"/>
      <c r="CAY708" s="613"/>
      <c r="CAZ708" s="613"/>
      <c r="CBA708" s="613"/>
      <c r="CBB708" s="613"/>
      <c r="CBC708" s="613"/>
      <c r="CBD708" s="613"/>
      <c r="CBE708" s="613"/>
      <c r="CBF708" s="613"/>
      <c r="CBG708" s="613"/>
      <c r="CBH708" s="613"/>
      <c r="CBI708" s="613"/>
      <c r="CBJ708" s="613"/>
      <c r="CBK708" s="613"/>
      <c r="CBL708" s="613"/>
      <c r="CBM708" s="613"/>
      <c r="CBN708" s="613"/>
      <c r="CBO708" s="613"/>
      <c r="CBP708" s="613"/>
      <c r="CBQ708" s="613"/>
      <c r="CBR708" s="613"/>
      <c r="CBS708" s="613"/>
      <c r="CBT708" s="613"/>
      <c r="CBU708" s="613"/>
      <c r="CBV708" s="613"/>
      <c r="CBW708" s="613"/>
      <c r="CBX708" s="613"/>
      <c r="CBY708" s="613"/>
      <c r="CBZ708" s="613"/>
      <c r="CCA708" s="613"/>
      <c r="CCB708" s="613"/>
      <c r="CCC708" s="613"/>
      <c r="CCD708" s="613"/>
      <c r="CCE708" s="613"/>
      <c r="CCF708" s="613"/>
      <c r="CCG708" s="613"/>
      <c r="CCH708" s="613"/>
      <c r="CCI708" s="613"/>
      <c r="CCJ708" s="613"/>
      <c r="CCK708" s="613"/>
      <c r="CCL708" s="613"/>
      <c r="CCM708" s="613"/>
      <c r="CCN708" s="613"/>
      <c r="CCO708" s="613"/>
      <c r="CCP708" s="613"/>
      <c r="CCQ708" s="613"/>
      <c r="CCR708" s="613"/>
      <c r="CCS708" s="613"/>
      <c r="CCT708" s="613"/>
      <c r="CCU708" s="613"/>
      <c r="CCV708" s="613"/>
      <c r="CCW708" s="613"/>
      <c r="CCX708" s="613"/>
      <c r="CCY708" s="613"/>
      <c r="CCZ708" s="613"/>
      <c r="CDA708" s="613"/>
      <c r="CDB708" s="613"/>
      <c r="CDC708" s="613"/>
      <c r="CDD708" s="613"/>
      <c r="CDE708" s="613"/>
      <c r="CDF708" s="613"/>
      <c r="CDG708" s="613"/>
      <c r="CDH708" s="613"/>
      <c r="CDI708" s="613"/>
      <c r="CDJ708" s="613"/>
      <c r="CDK708" s="613"/>
      <c r="CDL708" s="613"/>
      <c r="CDM708" s="613"/>
      <c r="CDN708" s="613"/>
      <c r="CDO708" s="613"/>
      <c r="CDP708" s="613"/>
      <c r="CDQ708" s="613"/>
      <c r="CDR708" s="613"/>
      <c r="CDS708" s="613"/>
      <c r="CDT708" s="613"/>
      <c r="CDU708" s="613"/>
      <c r="CDV708" s="613"/>
      <c r="CDW708" s="613"/>
      <c r="CDX708" s="613"/>
      <c r="CDY708" s="613"/>
      <c r="CDZ708" s="613"/>
      <c r="CEA708" s="613"/>
      <c r="CEB708" s="613"/>
      <c r="CEC708" s="613"/>
      <c r="CED708" s="613"/>
      <c r="CEE708" s="613"/>
      <c r="CEF708" s="613"/>
      <c r="CEG708" s="613"/>
      <c r="CEH708" s="613"/>
      <c r="CEI708" s="613"/>
      <c r="CEJ708" s="613"/>
      <c r="CEK708" s="613"/>
      <c r="CEL708" s="613"/>
      <c r="CEM708" s="613"/>
      <c r="CEN708" s="613"/>
      <c r="CEO708" s="613"/>
      <c r="CEP708" s="613"/>
      <c r="CEQ708" s="613"/>
      <c r="CER708" s="613"/>
      <c r="CES708" s="613"/>
      <c r="CET708" s="613"/>
      <c r="CEU708" s="613"/>
      <c r="CEV708" s="613"/>
      <c r="CEW708" s="613"/>
      <c r="CEX708" s="613"/>
      <c r="CEY708" s="613"/>
      <c r="CEZ708" s="613"/>
      <c r="CFA708" s="613"/>
      <c r="CFB708" s="613"/>
      <c r="CFC708" s="613"/>
      <c r="CFD708" s="613"/>
      <c r="CFE708" s="613"/>
      <c r="CFF708" s="613"/>
      <c r="CFG708" s="613"/>
      <c r="CFH708" s="613"/>
      <c r="CFI708" s="613"/>
      <c r="CFJ708" s="613"/>
      <c r="CFK708" s="613"/>
      <c r="CFL708" s="613"/>
      <c r="CFM708" s="613"/>
      <c r="CFN708" s="613"/>
      <c r="CFO708" s="613"/>
      <c r="CFP708" s="613"/>
      <c r="CFQ708" s="613"/>
      <c r="CFR708" s="613"/>
      <c r="CFS708" s="613"/>
      <c r="CFT708" s="613"/>
      <c r="CFU708" s="613"/>
      <c r="CFV708" s="613"/>
      <c r="CFW708" s="613"/>
      <c r="CFX708" s="613"/>
      <c r="CFY708" s="613"/>
      <c r="CFZ708" s="613"/>
      <c r="CGA708" s="613"/>
      <c r="CGB708" s="613"/>
      <c r="CGC708" s="613"/>
      <c r="CGD708" s="613"/>
      <c r="CGE708" s="613"/>
      <c r="CGF708" s="613"/>
      <c r="CGG708" s="613"/>
      <c r="CGH708" s="613"/>
      <c r="CGI708" s="613"/>
      <c r="CGJ708" s="613"/>
      <c r="CGK708" s="613"/>
      <c r="CGL708" s="613"/>
      <c r="CGM708" s="613"/>
      <c r="CGN708" s="613"/>
      <c r="CGO708" s="613"/>
      <c r="CGP708" s="613"/>
      <c r="CGQ708" s="613"/>
      <c r="CGR708" s="613"/>
      <c r="CGS708" s="613"/>
      <c r="CGT708" s="613"/>
      <c r="CGU708" s="613"/>
      <c r="CGV708" s="613"/>
      <c r="CGW708" s="613"/>
      <c r="CGX708" s="613"/>
      <c r="CGY708" s="613"/>
      <c r="CGZ708" s="613"/>
      <c r="CHA708" s="613"/>
      <c r="CHB708" s="613"/>
      <c r="CHC708" s="613"/>
      <c r="CHD708" s="613"/>
      <c r="CHE708" s="613"/>
      <c r="CHF708" s="613"/>
      <c r="CHG708" s="613"/>
      <c r="CHH708" s="613"/>
      <c r="CHI708" s="613"/>
      <c r="CHJ708" s="613"/>
      <c r="CHK708" s="613"/>
      <c r="CHL708" s="613"/>
      <c r="CHM708" s="613"/>
      <c r="CHN708" s="613"/>
      <c r="CHO708" s="613"/>
      <c r="CHP708" s="613"/>
      <c r="CHQ708" s="613"/>
      <c r="CHR708" s="613"/>
      <c r="CHS708" s="613"/>
      <c r="CHT708" s="613"/>
      <c r="CHU708" s="613"/>
      <c r="CHV708" s="613"/>
      <c r="CHW708" s="613"/>
      <c r="CHX708" s="613"/>
      <c r="CHY708" s="613"/>
      <c r="CHZ708" s="613"/>
      <c r="CIA708" s="613"/>
      <c r="CIB708" s="613"/>
      <c r="CIC708" s="613"/>
      <c r="CID708" s="613"/>
      <c r="CIE708" s="613"/>
      <c r="CIF708" s="613"/>
      <c r="CIG708" s="613"/>
      <c r="CIH708" s="613"/>
      <c r="CII708" s="613"/>
      <c r="CIJ708" s="613"/>
      <c r="CIK708" s="613"/>
      <c r="CIL708" s="613"/>
      <c r="CIM708" s="613"/>
      <c r="CIN708" s="613"/>
      <c r="CIO708" s="613"/>
      <c r="CIP708" s="613"/>
      <c r="CIQ708" s="613"/>
      <c r="CIR708" s="613"/>
      <c r="CIS708" s="613"/>
      <c r="CIT708" s="613"/>
      <c r="CIU708" s="613"/>
      <c r="CIV708" s="613"/>
      <c r="CIW708" s="613"/>
      <c r="CIX708" s="613"/>
      <c r="CIY708" s="613"/>
      <c r="CIZ708" s="613"/>
      <c r="CJA708" s="613"/>
      <c r="CJB708" s="613"/>
      <c r="CJC708" s="613"/>
      <c r="CJD708" s="613"/>
      <c r="CJE708" s="613"/>
      <c r="CJF708" s="613"/>
      <c r="CJG708" s="613"/>
      <c r="CJH708" s="613"/>
      <c r="CJI708" s="613"/>
      <c r="CJJ708" s="613"/>
      <c r="CJK708" s="613"/>
      <c r="CJL708" s="613"/>
      <c r="CJM708" s="613"/>
      <c r="CJN708" s="613"/>
      <c r="CJO708" s="613"/>
      <c r="CJP708" s="613"/>
      <c r="CJQ708" s="613"/>
      <c r="CJR708" s="613"/>
      <c r="CJS708" s="613"/>
      <c r="CJT708" s="613"/>
      <c r="CJU708" s="613"/>
      <c r="CJV708" s="613"/>
      <c r="CJW708" s="613"/>
      <c r="CJX708" s="613"/>
      <c r="CJY708" s="613"/>
      <c r="CJZ708" s="613"/>
      <c r="CKA708" s="613"/>
      <c r="CKB708" s="613"/>
      <c r="CKC708" s="613"/>
      <c r="CKD708" s="613"/>
      <c r="CKE708" s="613"/>
      <c r="CKF708" s="613"/>
      <c r="CKG708" s="613"/>
      <c r="CKH708" s="613"/>
      <c r="CKI708" s="613"/>
      <c r="CKJ708" s="613"/>
      <c r="CKK708" s="613"/>
      <c r="CKL708" s="613"/>
      <c r="CKM708" s="613"/>
      <c r="CKN708" s="613"/>
      <c r="CKO708" s="613"/>
      <c r="CKP708" s="613"/>
      <c r="CKQ708" s="613"/>
      <c r="CKR708" s="613"/>
      <c r="CKS708" s="613"/>
      <c r="CKT708" s="613"/>
      <c r="CKU708" s="613"/>
      <c r="CKV708" s="613"/>
      <c r="CKW708" s="613"/>
      <c r="CKX708" s="613"/>
      <c r="CKY708" s="613"/>
      <c r="CKZ708" s="613"/>
      <c r="CLA708" s="613"/>
      <c r="CLB708" s="613"/>
      <c r="CLC708" s="613"/>
      <c r="CLD708" s="613"/>
      <c r="CLE708" s="613"/>
      <c r="CLF708" s="613"/>
      <c r="CLG708" s="613"/>
      <c r="CLH708" s="613"/>
      <c r="CLI708" s="613"/>
      <c r="CLJ708" s="613"/>
      <c r="CLK708" s="613"/>
      <c r="CLL708" s="613"/>
      <c r="CLM708" s="613"/>
      <c r="CLN708" s="613"/>
      <c r="CLO708" s="613"/>
      <c r="CLP708" s="613"/>
      <c r="CLQ708" s="613"/>
      <c r="CLR708" s="613"/>
      <c r="CLS708" s="613"/>
      <c r="CLT708" s="613"/>
      <c r="CLU708" s="613"/>
      <c r="CLV708" s="613"/>
      <c r="CLW708" s="613"/>
      <c r="CLX708" s="613"/>
      <c r="CLY708" s="613"/>
      <c r="CLZ708" s="613"/>
      <c r="CMA708" s="613"/>
      <c r="CMB708" s="613"/>
      <c r="CMC708" s="613"/>
      <c r="CMD708" s="613"/>
      <c r="CME708" s="613"/>
      <c r="CMF708" s="613"/>
      <c r="CMG708" s="613"/>
      <c r="CMH708" s="613"/>
      <c r="CMI708" s="613"/>
      <c r="CMJ708" s="613"/>
      <c r="CMK708" s="613"/>
      <c r="CML708" s="613"/>
      <c r="CMM708" s="613"/>
      <c r="CMN708" s="613"/>
      <c r="CMO708" s="613"/>
      <c r="CMP708" s="613"/>
      <c r="CMQ708" s="613"/>
      <c r="CMR708" s="613"/>
      <c r="CMS708" s="613"/>
      <c r="CMT708" s="613"/>
      <c r="CMU708" s="613"/>
      <c r="CMV708" s="613"/>
      <c r="CMW708" s="613"/>
      <c r="CMX708" s="613"/>
      <c r="CMY708" s="613"/>
      <c r="CMZ708" s="613"/>
      <c r="CNA708" s="613"/>
      <c r="CNB708" s="613"/>
      <c r="CNC708" s="613"/>
      <c r="CND708" s="613"/>
      <c r="CNE708" s="613"/>
      <c r="CNF708" s="613"/>
      <c r="CNG708" s="613"/>
      <c r="CNH708" s="613"/>
      <c r="CNI708" s="613"/>
      <c r="CNJ708" s="613"/>
      <c r="CNK708" s="613"/>
      <c r="CNL708" s="613"/>
      <c r="CNM708" s="613"/>
      <c r="CNN708" s="613"/>
      <c r="CNO708" s="613"/>
      <c r="CNP708" s="613"/>
      <c r="CNQ708" s="613"/>
      <c r="CNR708" s="613"/>
      <c r="CNS708" s="613"/>
      <c r="CNT708" s="613"/>
      <c r="CNU708" s="613"/>
      <c r="CNV708" s="613"/>
      <c r="CNW708" s="613"/>
      <c r="CNX708" s="613"/>
      <c r="CNY708" s="613"/>
      <c r="CNZ708" s="613"/>
      <c r="COA708" s="613"/>
      <c r="COB708" s="613"/>
      <c r="COC708" s="613"/>
      <c r="COD708" s="613"/>
      <c r="COE708" s="613"/>
      <c r="COF708" s="613"/>
      <c r="COG708" s="613"/>
      <c r="COH708" s="613"/>
      <c r="COI708" s="613"/>
      <c r="COJ708" s="613"/>
      <c r="COK708" s="613"/>
      <c r="COL708" s="613"/>
      <c r="COM708" s="613"/>
      <c r="CON708" s="613"/>
      <c r="COO708" s="613"/>
      <c r="COP708" s="613"/>
      <c r="COQ708" s="613"/>
      <c r="COR708" s="613"/>
      <c r="COS708" s="613"/>
      <c r="COT708" s="613"/>
      <c r="COU708" s="613"/>
      <c r="COV708" s="613"/>
      <c r="COW708" s="613"/>
      <c r="COX708" s="613"/>
      <c r="COY708" s="613"/>
      <c r="COZ708" s="613"/>
      <c r="CPA708" s="613"/>
      <c r="CPB708" s="613"/>
      <c r="CPC708" s="613"/>
      <c r="CPD708" s="613"/>
      <c r="CPE708" s="613"/>
      <c r="CPF708" s="613"/>
      <c r="CPG708" s="613"/>
      <c r="CPH708" s="613"/>
      <c r="CPI708" s="613"/>
      <c r="CPJ708" s="613"/>
      <c r="CPK708" s="613"/>
      <c r="CPL708" s="613"/>
      <c r="CPM708" s="613"/>
      <c r="CPN708" s="613"/>
      <c r="CPO708" s="613"/>
      <c r="CPP708" s="613"/>
      <c r="CPQ708" s="613"/>
      <c r="CPR708" s="613"/>
      <c r="CPS708" s="613"/>
      <c r="CPT708" s="613"/>
      <c r="CPU708" s="613"/>
      <c r="CPV708" s="613"/>
      <c r="CPW708" s="613"/>
      <c r="CPX708" s="613"/>
      <c r="CPY708" s="613"/>
      <c r="CPZ708" s="613"/>
      <c r="CQA708" s="613"/>
      <c r="CQB708" s="613"/>
      <c r="CQC708" s="613"/>
      <c r="CQD708" s="613"/>
      <c r="CQE708" s="613"/>
      <c r="CQF708" s="613"/>
      <c r="CQG708" s="613"/>
      <c r="CQH708" s="613"/>
      <c r="CQI708" s="613"/>
      <c r="CQJ708" s="613"/>
      <c r="CQK708" s="613"/>
      <c r="CQL708" s="613"/>
      <c r="CQM708" s="613"/>
      <c r="CQN708" s="613"/>
      <c r="CQO708" s="613"/>
      <c r="CQP708" s="613"/>
      <c r="CQQ708" s="613"/>
      <c r="CQR708" s="613"/>
      <c r="CQS708" s="613"/>
      <c r="CQT708" s="613"/>
      <c r="CQU708" s="613"/>
      <c r="CQV708" s="613"/>
      <c r="CQW708" s="613"/>
      <c r="CQX708" s="613"/>
      <c r="CQY708" s="613"/>
      <c r="CQZ708" s="613"/>
      <c r="CRA708" s="613"/>
      <c r="CRB708" s="613"/>
      <c r="CRC708" s="613"/>
      <c r="CRD708" s="613"/>
      <c r="CRE708" s="613"/>
      <c r="CRF708" s="613"/>
      <c r="CRG708" s="613"/>
      <c r="CRH708" s="613"/>
      <c r="CRI708" s="613"/>
      <c r="CRJ708" s="613"/>
      <c r="CRK708" s="613"/>
      <c r="CRL708" s="613"/>
      <c r="CRM708" s="613"/>
      <c r="CRN708" s="613"/>
      <c r="CRO708" s="613"/>
      <c r="CRP708" s="613"/>
      <c r="CRQ708" s="613"/>
      <c r="CRR708" s="613"/>
      <c r="CRS708" s="613"/>
      <c r="CRT708" s="613"/>
      <c r="CRU708" s="613"/>
      <c r="CRV708" s="613"/>
      <c r="CRW708" s="613"/>
      <c r="CRX708" s="613"/>
      <c r="CRY708" s="613"/>
      <c r="CRZ708" s="613"/>
      <c r="CSA708" s="613"/>
      <c r="CSB708" s="613"/>
      <c r="CSC708" s="613"/>
      <c r="CSD708" s="613"/>
      <c r="CSE708" s="613"/>
      <c r="CSF708" s="613"/>
      <c r="CSG708" s="613"/>
      <c r="CSH708" s="613"/>
      <c r="CSI708" s="613"/>
      <c r="CSJ708" s="613"/>
      <c r="CSK708" s="613"/>
      <c r="CSL708" s="613"/>
      <c r="CSM708" s="613"/>
      <c r="CSN708" s="613"/>
      <c r="CSO708" s="613"/>
      <c r="CSP708" s="613"/>
      <c r="CSQ708" s="613"/>
      <c r="CSR708" s="613"/>
      <c r="CSS708" s="613"/>
      <c r="CST708" s="613"/>
      <c r="CSU708" s="613"/>
      <c r="CSV708" s="613"/>
      <c r="CSW708" s="613"/>
      <c r="CSX708" s="613"/>
      <c r="CSY708" s="613"/>
      <c r="CSZ708" s="613"/>
      <c r="CTA708" s="613"/>
      <c r="CTB708" s="613"/>
      <c r="CTC708" s="613"/>
      <c r="CTD708" s="613"/>
      <c r="CTE708" s="613"/>
      <c r="CTF708" s="613"/>
      <c r="CTG708" s="613"/>
      <c r="CTH708" s="613"/>
      <c r="CTI708" s="613"/>
      <c r="CTJ708" s="613"/>
      <c r="CTK708" s="613"/>
      <c r="CTL708" s="613"/>
      <c r="CTM708" s="613"/>
      <c r="CTN708" s="613"/>
      <c r="CTO708" s="613"/>
      <c r="CTP708" s="613"/>
      <c r="CTQ708" s="613"/>
      <c r="CTR708" s="613"/>
      <c r="CTS708" s="613"/>
      <c r="CTT708" s="613"/>
      <c r="CTU708" s="613"/>
      <c r="CTV708" s="613"/>
      <c r="CTW708" s="613"/>
      <c r="CTX708" s="613"/>
      <c r="CTY708" s="613"/>
      <c r="CTZ708" s="613"/>
      <c r="CUA708" s="613"/>
      <c r="CUB708" s="613"/>
      <c r="CUC708" s="613"/>
      <c r="CUD708" s="613"/>
      <c r="CUE708" s="613"/>
      <c r="CUF708" s="613"/>
      <c r="CUG708" s="613"/>
      <c r="CUH708" s="613"/>
      <c r="CUI708" s="613"/>
      <c r="CUJ708" s="613"/>
      <c r="CUK708" s="613"/>
      <c r="CUL708" s="613"/>
      <c r="CUM708" s="613"/>
      <c r="CUN708" s="613"/>
      <c r="CUO708" s="613"/>
      <c r="CUP708" s="613"/>
      <c r="CUQ708" s="613"/>
      <c r="CUR708" s="613"/>
      <c r="CUS708" s="613"/>
      <c r="CUT708" s="613"/>
      <c r="CUU708" s="613"/>
      <c r="CUV708" s="613"/>
      <c r="CUW708" s="613"/>
      <c r="CUX708" s="613"/>
      <c r="CUY708" s="613"/>
      <c r="CUZ708" s="613"/>
      <c r="CVA708" s="613"/>
      <c r="CVB708" s="613"/>
      <c r="CVC708" s="613"/>
      <c r="CVD708" s="613"/>
      <c r="CVE708" s="613"/>
      <c r="CVF708" s="613"/>
      <c r="CVG708" s="613"/>
      <c r="CVH708" s="613"/>
      <c r="CVI708" s="613"/>
      <c r="CVJ708" s="613"/>
      <c r="CVK708" s="613"/>
      <c r="CVL708" s="613"/>
      <c r="CVM708" s="613"/>
      <c r="CVN708" s="613"/>
      <c r="CVO708" s="613"/>
      <c r="CVP708" s="613"/>
      <c r="CVQ708" s="613"/>
      <c r="CVR708" s="613"/>
      <c r="CVS708" s="613"/>
      <c r="CVT708" s="613"/>
      <c r="CVU708" s="613"/>
      <c r="CVV708" s="613"/>
      <c r="CVW708" s="613"/>
      <c r="CVX708" s="613"/>
      <c r="CVY708" s="613"/>
      <c r="CVZ708" s="613"/>
      <c r="CWA708" s="613"/>
      <c r="CWB708" s="613"/>
      <c r="CWC708" s="613"/>
      <c r="CWD708" s="613"/>
      <c r="CWE708" s="613"/>
      <c r="CWF708" s="613"/>
      <c r="CWG708" s="613"/>
      <c r="CWH708" s="613"/>
      <c r="CWI708" s="613"/>
      <c r="CWJ708" s="613"/>
      <c r="CWK708" s="613"/>
      <c r="CWL708" s="613"/>
      <c r="CWM708" s="613"/>
      <c r="CWN708" s="613"/>
      <c r="CWO708" s="613"/>
      <c r="CWP708" s="613"/>
      <c r="CWQ708" s="613"/>
      <c r="CWR708" s="613"/>
      <c r="CWS708" s="613"/>
      <c r="CWT708" s="613"/>
      <c r="CWU708" s="613"/>
      <c r="CWV708" s="613"/>
      <c r="CWW708" s="613"/>
      <c r="CWX708" s="613"/>
      <c r="CWY708" s="613"/>
      <c r="CWZ708" s="613"/>
      <c r="CXA708" s="613"/>
      <c r="CXB708" s="613"/>
      <c r="CXC708" s="613"/>
      <c r="CXD708" s="613"/>
      <c r="CXE708" s="613"/>
      <c r="CXF708" s="613"/>
      <c r="CXG708" s="613"/>
      <c r="CXH708" s="613"/>
      <c r="CXI708" s="613"/>
      <c r="CXJ708" s="613"/>
      <c r="CXK708" s="613"/>
      <c r="CXL708" s="613"/>
      <c r="CXM708" s="613"/>
      <c r="CXN708" s="613"/>
      <c r="CXO708" s="613"/>
      <c r="CXP708" s="613"/>
      <c r="CXQ708" s="613"/>
      <c r="CXR708" s="613"/>
      <c r="CXS708" s="613"/>
      <c r="CXT708" s="613"/>
      <c r="CXU708" s="613"/>
      <c r="CXV708" s="613"/>
      <c r="CXW708" s="613"/>
      <c r="CXX708" s="613"/>
      <c r="CXY708" s="613"/>
      <c r="CXZ708" s="613"/>
      <c r="CYA708" s="613"/>
      <c r="CYB708" s="613"/>
      <c r="CYC708" s="613"/>
      <c r="CYD708" s="613"/>
      <c r="CYE708" s="613"/>
      <c r="CYF708" s="613"/>
      <c r="CYG708" s="613"/>
      <c r="CYH708" s="613"/>
      <c r="CYI708" s="613"/>
      <c r="CYJ708" s="613"/>
      <c r="CYK708" s="613"/>
      <c r="CYL708" s="613"/>
      <c r="CYM708" s="613"/>
      <c r="CYN708" s="613"/>
      <c r="CYO708" s="613"/>
      <c r="CYP708" s="613"/>
      <c r="CYQ708" s="613"/>
      <c r="CYR708" s="613"/>
      <c r="CYS708" s="613"/>
      <c r="CYT708" s="613"/>
      <c r="CYU708" s="613"/>
      <c r="CYV708" s="613"/>
      <c r="CYW708" s="613"/>
      <c r="CYX708" s="613"/>
      <c r="CYY708" s="613"/>
      <c r="CYZ708" s="613"/>
      <c r="CZA708" s="613"/>
      <c r="CZB708" s="613"/>
      <c r="CZC708" s="613"/>
      <c r="CZD708" s="613"/>
      <c r="CZE708" s="613"/>
      <c r="CZF708" s="613"/>
      <c r="CZG708" s="613"/>
      <c r="CZH708" s="613"/>
      <c r="CZI708" s="613"/>
      <c r="CZJ708" s="613"/>
      <c r="CZK708" s="613"/>
      <c r="CZL708" s="613"/>
      <c r="CZM708" s="613"/>
      <c r="CZN708" s="613"/>
      <c r="CZO708" s="613"/>
      <c r="CZP708" s="613"/>
      <c r="CZQ708" s="613"/>
      <c r="CZR708" s="613"/>
      <c r="CZS708" s="613"/>
      <c r="CZT708" s="613"/>
      <c r="CZU708" s="613"/>
      <c r="CZV708" s="613"/>
      <c r="CZW708" s="613"/>
      <c r="CZX708" s="613"/>
      <c r="CZY708" s="613"/>
      <c r="CZZ708" s="613"/>
      <c r="DAA708" s="613"/>
      <c r="DAB708" s="613"/>
      <c r="DAC708" s="613"/>
      <c r="DAD708" s="613"/>
      <c r="DAE708" s="613"/>
      <c r="DAF708" s="613"/>
      <c r="DAG708" s="613"/>
      <c r="DAH708" s="613"/>
      <c r="DAI708" s="613"/>
      <c r="DAJ708" s="613"/>
      <c r="DAK708" s="613"/>
      <c r="DAL708" s="613"/>
      <c r="DAM708" s="613"/>
      <c r="DAN708" s="613"/>
      <c r="DAO708" s="613"/>
      <c r="DAP708" s="613"/>
      <c r="DAQ708" s="613"/>
      <c r="DAR708" s="613"/>
      <c r="DAS708" s="613"/>
      <c r="DAT708" s="613"/>
      <c r="DAU708" s="613"/>
      <c r="DAV708" s="613"/>
      <c r="DAW708" s="613"/>
      <c r="DAX708" s="613"/>
      <c r="DAY708" s="613"/>
      <c r="DAZ708" s="613"/>
      <c r="DBA708" s="613"/>
      <c r="DBB708" s="613"/>
      <c r="DBC708" s="613"/>
      <c r="DBD708" s="613"/>
      <c r="DBE708" s="613"/>
      <c r="DBF708" s="613"/>
      <c r="DBG708" s="613"/>
      <c r="DBH708" s="613"/>
      <c r="DBI708" s="613"/>
      <c r="DBJ708" s="613"/>
      <c r="DBK708" s="613"/>
      <c r="DBL708" s="613"/>
      <c r="DBM708" s="613"/>
      <c r="DBN708" s="613"/>
      <c r="DBO708" s="613"/>
      <c r="DBP708" s="613"/>
      <c r="DBQ708" s="613"/>
      <c r="DBR708" s="613"/>
      <c r="DBS708" s="613"/>
      <c r="DBT708" s="613"/>
      <c r="DBU708" s="613"/>
      <c r="DBV708" s="613"/>
      <c r="DBW708" s="613"/>
      <c r="DBX708" s="613"/>
      <c r="DBY708" s="613"/>
      <c r="DBZ708" s="613"/>
      <c r="DCA708" s="613"/>
      <c r="DCB708" s="613"/>
      <c r="DCC708" s="613"/>
      <c r="DCD708" s="613"/>
      <c r="DCE708" s="613"/>
      <c r="DCF708" s="613"/>
      <c r="DCG708" s="613"/>
      <c r="DCH708" s="613"/>
      <c r="DCI708" s="613"/>
      <c r="DCJ708" s="613"/>
      <c r="DCK708" s="613"/>
      <c r="DCL708" s="613"/>
      <c r="DCM708" s="613"/>
      <c r="DCN708" s="613"/>
      <c r="DCO708" s="613"/>
      <c r="DCP708" s="613"/>
      <c r="DCQ708" s="613"/>
      <c r="DCR708" s="613"/>
      <c r="DCS708" s="613"/>
      <c r="DCT708" s="613"/>
      <c r="DCU708" s="613"/>
      <c r="DCV708" s="613"/>
      <c r="DCW708" s="613"/>
      <c r="DCX708" s="613"/>
      <c r="DCY708" s="613"/>
      <c r="DCZ708" s="613"/>
      <c r="DDA708" s="613"/>
      <c r="DDB708" s="613"/>
      <c r="DDC708" s="613"/>
      <c r="DDD708" s="613"/>
      <c r="DDE708" s="613"/>
      <c r="DDF708" s="613"/>
      <c r="DDG708" s="613"/>
      <c r="DDH708" s="613"/>
      <c r="DDI708" s="613"/>
      <c r="DDJ708" s="613"/>
      <c r="DDK708" s="613"/>
      <c r="DDL708" s="613"/>
      <c r="DDM708" s="613"/>
      <c r="DDN708" s="613"/>
      <c r="DDO708" s="613"/>
      <c r="DDP708" s="613"/>
      <c r="DDQ708" s="613"/>
      <c r="DDR708" s="613"/>
      <c r="DDS708" s="613"/>
      <c r="DDT708" s="613"/>
      <c r="DDU708" s="613"/>
      <c r="DDV708" s="613"/>
      <c r="DDW708" s="613"/>
      <c r="DDX708" s="613"/>
      <c r="DDY708" s="613"/>
      <c r="DDZ708" s="613"/>
      <c r="DEA708" s="613"/>
      <c r="DEB708" s="613"/>
      <c r="DEC708" s="613"/>
      <c r="DED708" s="613"/>
      <c r="DEE708" s="613"/>
      <c r="DEF708" s="613"/>
      <c r="DEG708" s="613"/>
      <c r="DEH708" s="613"/>
      <c r="DEI708" s="613"/>
      <c r="DEJ708" s="613"/>
      <c r="DEK708" s="613"/>
      <c r="DEL708" s="613"/>
      <c r="DEM708" s="613"/>
      <c r="DEN708" s="613"/>
      <c r="DEO708" s="613"/>
      <c r="DEP708" s="613"/>
      <c r="DEQ708" s="613"/>
      <c r="DER708" s="613"/>
      <c r="DES708" s="613"/>
      <c r="DET708" s="613"/>
      <c r="DEU708" s="613"/>
      <c r="DEV708" s="613"/>
      <c r="DEW708" s="613"/>
      <c r="DEX708" s="613"/>
      <c r="DEY708" s="613"/>
      <c r="DEZ708" s="613"/>
      <c r="DFA708" s="613"/>
      <c r="DFB708" s="613"/>
      <c r="DFC708" s="613"/>
      <c r="DFD708" s="613"/>
      <c r="DFE708" s="613"/>
      <c r="DFF708" s="613"/>
      <c r="DFG708" s="613"/>
      <c r="DFH708" s="613"/>
      <c r="DFI708" s="613"/>
      <c r="DFJ708" s="613"/>
      <c r="DFK708" s="613"/>
      <c r="DFL708" s="613"/>
      <c r="DFM708" s="613"/>
      <c r="DFN708" s="613"/>
      <c r="DFO708" s="613"/>
      <c r="DFP708" s="613"/>
      <c r="DFQ708" s="613"/>
      <c r="DFR708" s="613"/>
      <c r="DFS708" s="613"/>
      <c r="DFT708" s="613"/>
      <c r="DFU708" s="613"/>
      <c r="DFV708" s="613"/>
      <c r="DFW708" s="613"/>
      <c r="DFX708" s="613"/>
      <c r="DFY708" s="613"/>
      <c r="DFZ708" s="613"/>
      <c r="DGA708" s="613"/>
      <c r="DGB708" s="613"/>
      <c r="DGC708" s="613"/>
      <c r="DGD708" s="613"/>
      <c r="DGE708" s="613"/>
      <c r="DGF708" s="613"/>
      <c r="DGG708" s="613"/>
      <c r="DGH708" s="613"/>
      <c r="DGI708" s="613"/>
      <c r="DGJ708" s="613"/>
      <c r="DGK708" s="613"/>
      <c r="DGL708" s="613"/>
      <c r="DGM708" s="613"/>
      <c r="DGN708" s="613"/>
      <c r="DGO708" s="613"/>
      <c r="DGP708" s="613"/>
      <c r="DGQ708" s="613"/>
      <c r="DGR708" s="613"/>
      <c r="DGS708" s="613"/>
      <c r="DGT708" s="613"/>
      <c r="DGU708" s="613"/>
      <c r="DGV708" s="613"/>
      <c r="DGW708" s="613"/>
      <c r="DGX708" s="613"/>
      <c r="DGY708" s="613"/>
      <c r="DGZ708" s="613"/>
      <c r="DHA708" s="613"/>
      <c r="DHB708" s="613"/>
      <c r="DHC708" s="613"/>
      <c r="DHD708" s="613"/>
      <c r="DHE708" s="613"/>
      <c r="DHF708" s="613"/>
      <c r="DHG708" s="613"/>
      <c r="DHH708" s="613"/>
      <c r="DHI708" s="613"/>
      <c r="DHJ708" s="613"/>
      <c r="DHK708" s="613"/>
      <c r="DHL708" s="613"/>
      <c r="DHM708" s="613"/>
      <c r="DHN708" s="613"/>
      <c r="DHO708" s="613"/>
      <c r="DHP708" s="613"/>
      <c r="DHQ708" s="613"/>
      <c r="DHR708" s="613"/>
      <c r="DHS708" s="613"/>
      <c r="DHT708" s="613"/>
      <c r="DHU708" s="613"/>
      <c r="DHV708" s="613"/>
      <c r="DHW708" s="613"/>
      <c r="DHX708" s="613"/>
      <c r="DHY708" s="613"/>
      <c r="DHZ708" s="613"/>
      <c r="DIA708" s="613"/>
      <c r="DIB708" s="613"/>
      <c r="DIC708" s="613"/>
      <c r="DID708" s="613"/>
      <c r="DIE708" s="613"/>
      <c r="DIF708" s="613"/>
      <c r="DIG708" s="613"/>
      <c r="DIH708" s="613"/>
      <c r="DII708" s="613"/>
      <c r="DIJ708" s="613"/>
      <c r="DIK708" s="613"/>
      <c r="DIL708" s="613"/>
      <c r="DIM708" s="613"/>
      <c r="DIN708" s="613"/>
      <c r="DIO708" s="613"/>
      <c r="DIP708" s="613"/>
      <c r="DIQ708" s="613"/>
      <c r="DIR708" s="613"/>
      <c r="DIS708" s="613"/>
      <c r="DIT708" s="613"/>
      <c r="DIU708" s="613"/>
      <c r="DIV708" s="613"/>
      <c r="DIW708" s="613"/>
      <c r="DIX708" s="613"/>
      <c r="DIY708" s="613"/>
      <c r="DIZ708" s="613"/>
      <c r="DJA708" s="613"/>
      <c r="DJB708" s="613"/>
      <c r="DJC708" s="613"/>
      <c r="DJD708" s="613"/>
      <c r="DJE708" s="613"/>
      <c r="DJF708" s="613"/>
      <c r="DJG708" s="613"/>
      <c r="DJH708" s="613"/>
      <c r="DJI708" s="613"/>
      <c r="DJJ708" s="613"/>
      <c r="DJK708" s="613"/>
      <c r="DJL708" s="613"/>
      <c r="DJM708" s="613"/>
      <c r="DJN708" s="613"/>
      <c r="DJO708" s="613"/>
      <c r="DJP708" s="613"/>
      <c r="DJQ708" s="613"/>
      <c r="DJR708" s="613"/>
      <c r="DJS708" s="613"/>
      <c r="DJT708" s="613"/>
      <c r="DJU708" s="613"/>
      <c r="DJV708" s="613"/>
      <c r="DJW708" s="613"/>
      <c r="DJX708" s="613"/>
      <c r="DJY708" s="613"/>
      <c r="DJZ708" s="613"/>
      <c r="DKA708" s="613"/>
      <c r="DKB708" s="613"/>
      <c r="DKC708" s="613"/>
      <c r="DKD708" s="613"/>
      <c r="DKE708" s="613"/>
      <c r="DKF708" s="613"/>
      <c r="DKG708" s="613"/>
      <c r="DKH708" s="613"/>
      <c r="DKI708" s="613"/>
      <c r="DKJ708" s="613"/>
      <c r="DKK708" s="613"/>
      <c r="DKL708" s="613"/>
      <c r="DKM708" s="613"/>
      <c r="DKN708" s="613"/>
      <c r="DKO708" s="613"/>
      <c r="DKP708" s="613"/>
      <c r="DKQ708" s="613"/>
      <c r="DKR708" s="613"/>
      <c r="DKS708" s="613"/>
      <c r="DKT708" s="613"/>
      <c r="DKU708" s="613"/>
      <c r="DKV708" s="613"/>
      <c r="DKW708" s="613"/>
      <c r="DKX708" s="613"/>
      <c r="DKY708" s="613"/>
      <c r="DKZ708" s="613"/>
      <c r="DLA708" s="613"/>
      <c r="DLB708" s="613"/>
      <c r="DLC708" s="613"/>
      <c r="DLD708" s="613"/>
      <c r="DLE708" s="613"/>
      <c r="DLF708" s="613"/>
      <c r="DLG708" s="613"/>
      <c r="DLH708" s="613"/>
      <c r="DLI708" s="613"/>
      <c r="DLJ708" s="613"/>
      <c r="DLK708" s="613"/>
      <c r="DLL708" s="613"/>
      <c r="DLM708" s="613"/>
      <c r="DLN708" s="613"/>
      <c r="DLO708" s="613"/>
      <c r="DLP708" s="613"/>
      <c r="DLQ708" s="613"/>
      <c r="DLR708" s="613"/>
      <c r="DLS708" s="613"/>
      <c r="DLT708" s="613"/>
      <c r="DLU708" s="613"/>
      <c r="DLV708" s="613"/>
      <c r="DLW708" s="613"/>
      <c r="DLX708" s="613"/>
      <c r="DLY708" s="613"/>
      <c r="DLZ708" s="613"/>
      <c r="DMA708" s="613"/>
      <c r="DMB708" s="613"/>
      <c r="DMC708" s="613"/>
      <c r="DMD708" s="613"/>
      <c r="DME708" s="613"/>
      <c r="DMF708" s="613"/>
      <c r="DMG708" s="613"/>
      <c r="DMH708" s="613"/>
      <c r="DMI708" s="613"/>
      <c r="DMJ708" s="613"/>
      <c r="DMK708" s="613"/>
      <c r="DML708" s="613"/>
      <c r="DMM708" s="613"/>
      <c r="DMN708" s="613"/>
      <c r="DMO708" s="613"/>
      <c r="DMP708" s="613"/>
      <c r="DMQ708" s="613"/>
      <c r="DMR708" s="613"/>
      <c r="DMS708" s="613"/>
      <c r="DMT708" s="613"/>
      <c r="DMU708" s="613"/>
      <c r="DMV708" s="613"/>
      <c r="DMW708" s="613"/>
      <c r="DMX708" s="613"/>
      <c r="DMY708" s="613"/>
      <c r="DMZ708" s="613"/>
      <c r="DNA708" s="613"/>
      <c r="DNB708" s="613"/>
      <c r="DNC708" s="613"/>
      <c r="DND708" s="613"/>
      <c r="DNE708" s="613"/>
      <c r="DNF708" s="613"/>
      <c r="DNG708" s="613"/>
      <c r="DNH708" s="613"/>
      <c r="DNI708" s="613"/>
      <c r="DNJ708" s="613"/>
      <c r="DNK708" s="613"/>
      <c r="DNL708" s="613"/>
      <c r="DNM708" s="613"/>
      <c r="DNN708" s="613"/>
      <c r="DNO708" s="613"/>
      <c r="DNP708" s="613"/>
      <c r="DNQ708" s="613"/>
      <c r="DNR708" s="613"/>
      <c r="DNS708" s="613"/>
      <c r="DNT708" s="613"/>
      <c r="DNU708" s="613"/>
      <c r="DNV708" s="613"/>
      <c r="DNW708" s="613"/>
      <c r="DNX708" s="613"/>
      <c r="DNY708" s="613"/>
      <c r="DNZ708" s="613"/>
      <c r="DOA708" s="613"/>
      <c r="DOB708" s="613"/>
      <c r="DOC708" s="613"/>
      <c r="DOD708" s="613"/>
      <c r="DOE708" s="613"/>
      <c r="DOF708" s="613"/>
      <c r="DOG708" s="613"/>
      <c r="DOH708" s="613"/>
      <c r="DOI708" s="613"/>
      <c r="DOJ708" s="613"/>
      <c r="DOK708" s="613"/>
      <c r="DOL708" s="613"/>
      <c r="DOM708" s="613"/>
      <c r="DON708" s="613"/>
      <c r="DOO708" s="613"/>
      <c r="DOP708" s="613"/>
      <c r="DOQ708" s="613"/>
      <c r="DOR708" s="613"/>
      <c r="DOS708" s="613"/>
      <c r="DOT708" s="613"/>
      <c r="DOU708" s="613"/>
      <c r="DOV708" s="613"/>
      <c r="DOW708" s="613"/>
      <c r="DOX708" s="613"/>
      <c r="DOY708" s="613"/>
      <c r="DOZ708" s="613"/>
      <c r="DPA708" s="613"/>
      <c r="DPB708" s="613"/>
      <c r="DPC708" s="613"/>
      <c r="DPD708" s="613"/>
      <c r="DPE708" s="613"/>
      <c r="DPF708" s="613"/>
      <c r="DPG708" s="613"/>
      <c r="DPH708" s="613"/>
      <c r="DPI708" s="613"/>
      <c r="DPJ708" s="613"/>
      <c r="DPK708" s="613"/>
      <c r="DPL708" s="613"/>
      <c r="DPM708" s="613"/>
      <c r="DPN708" s="613"/>
      <c r="DPO708" s="613"/>
      <c r="DPP708" s="613"/>
      <c r="DPQ708" s="613"/>
      <c r="DPR708" s="613"/>
      <c r="DPS708" s="613"/>
      <c r="DPT708" s="613"/>
      <c r="DPU708" s="613"/>
      <c r="DPV708" s="613"/>
      <c r="DPW708" s="613"/>
      <c r="DPX708" s="613"/>
      <c r="DPY708" s="613"/>
      <c r="DPZ708" s="613"/>
      <c r="DQA708" s="613"/>
      <c r="DQB708" s="613"/>
      <c r="DQC708" s="613"/>
      <c r="DQD708" s="613"/>
      <c r="DQE708" s="613"/>
      <c r="DQF708" s="613"/>
      <c r="DQG708" s="613"/>
      <c r="DQH708" s="613"/>
      <c r="DQI708" s="613"/>
      <c r="DQJ708" s="613"/>
      <c r="DQK708" s="613"/>
      <c r="DQL708" s="613"/>
      <c r="DQM708" s="613"/>
      <c r="DQN708" s="613"/>
      <c r="DQO708" s="613"/>
      <c r="DQP708" s="613"/>
      <c r="DQQ708" s="613"/>
      <c r="DQR708" s="613"/>
      <c r="DQS708" s="613"/>
      <c r="DQT708" s="613"/>
      <c r="DQU708" s="613"/>
      <c r="DQV708" s="613"/>
      <c r="DQW708" s="613"/>
      <c r="DQX708" s="613"/>
      <c r="DQY708" s="613"/>
      <c r="DQZ708" s="613"/>
      <c r="DRA708" s="613"/>
      <c r="DRB708" s="613"/>
      <c r="DRC708" s="613"/>
      <c r="DRD708" s="613"/>
      <c r="DRE708" s="613"/>
      <c r="DRF708" s="613"/>
      <c r="DRG708" s="613"/>
      <c r="DRH708" s="613"/>
      <c r="DRI708" s="613"/>
      <c r="DRJ708" s="613"/>
      <c r="DRK708" s="613"/>
      <c r="DRL708" s="613"/>
      <c r="DRM708" s="613"/>
      <c r="DRN708" s="613"/>
      <c r="DRO708" s="613"/>
      <c r="DRP708" s="613"/>
      <c r="DRQ708" s="613"/>
      <c r="DRR708" s="613"/>
      <c r="DRS708" s="613"/>
      <c r="DRT708" s="613"/>
      <c r="DRU708" s="613"/>
      <c r="DRV708" s="613"/>
      <c r="DRW708" s="613"/>
      <c r="DRX708" s="613"/>
      <c r="DRY708" s="613"/>
      <c r="DRZ708" s="613"/>
      <c r="DSA708" s="613"/>
      <c r="DSB708" s="613"/>
      <c r="DSC708" s="613"/>
      <c r="DSD708" s="613"/>
      <c r="DSE708" s="613"/>
      <c r="DSF708" s="613"/>
      <c r="DSG708" s="613"/>
      <c r="DSH708" s="613"/>
      <c r="DSI708" s="613"/>
      <c r="DSJ708" s="613"/>
      <c r="DSK708" s="613"/>
      <c r="DSL708" s="613"/>
      <c r="DSM708" s="613"/>
      <c r="DSN708" s="613"/>
      <c r="DSO708" s="613"/>
      <c r="DSP708" s="613"/>
      <c r="DSQ708" s="613"/>
      <c r="DSR708" s="613"/>
      <c r="DSS708" s="613"/>
      <c r="DST708" s="613"/>
      <c r="DSU708" s="613"/>
      <c r="DSV708" s="613"/>
      <c r="DSW708" s="613"/>
      <c r="DSX708" s="613"/>
      <c r="DSY708" s="613"/>
      <c r="DSZ708" s="613"/>
      <c r="DTA708" s="613"/>
      <c r="DTB708" s="613"/>
      <c r="DTC708" s="613"/>
      <c r="DTD708" s="613"/>
      <c r="DTE708" s="613"/>
      <c r="DTF708" s="613"/>
      <c r="DTG708" s="613"/>
      <c r="DTH708" s="613"/>
      <c r="DTI708" s="613"/>
      <c r="DTJ708" s="613"/>
      <c r="DTK708" s="613"/>
      <c r="DTL708" s="613"/>
      <c r="DTM708" s="613"/>
      <c r="DTN708" s="613"/>
      <c r="DTO708" s="613"/>
      <c r="DTP708" s="613"/>
      <c r="DTQ708" s="613"/>
      <c r="DTR708" s="613"/>
      <c r="DTS708" s="613"/>
      <c r="DTT708" s="613"/>
      <c r="DTU708" s="613"/>
      <c r="DTV708" s="613"/>
      <c r="DTW708" s="613"/>
      <c r="DTX708" s="613"/>
      <c r="DTY708" s="613"/>
      <c r="DTZ708" s="613"/>
      <c r="DUA708" s="613"/>
      <c r="DUB708" s="613"/>
      <c r="DUC708" s="613"/>
      <c r="DUD708" s="613"/>
      <c r="DUE708" s="613"/>
      <c r="DUF708" s="613"/>
      <c r="DUG708" s="613"/>
      <c r="DUH708" s="613"/>
      <c r="DUI708" s="613"/>
      <c r="DUJ708" s="613"/>
      <c r="DUK708" s="613"/>
      <c r="DUL708" s="613"/>
      <c r="DUM708" s="613"/>
      <c r="DUN708" s="613"/>
      <c r="DUO708" s="613"/>
      <c r="DUP708" s="613"/>
      <c r="DUQ708" s="613"/>
      <c r="DUR708" s="613"/>
      <c r="DUS708" s="613"/>
      <c r="DUT708" s="613"/>
      <c r="DUU708" s="613"/>
      <c r="DUV708" s="613"/>
      <c r="DUW708" s="613"/>
      <c r="DUX708" s="613"/>
      <c r="DUY708" s="613"/>
      <c r="DUZ708" s="613"/>
      <c r="DVA708" s="613"/>
      <c r="DVB708" s="613"/>
      <c r="DVC708" s="613"/>
      <c r="DVD708" s="613"/>
      <c r="DVE708" s="613"/>
      <c r="DVF708" s="613"/>
      <c r="DVG708" s="613"/>
      <c r="DVH708" s="613"/>
      <c r="DVI708" s="613"/>
      <c r="DVJ708" s="613"/>
      <c r="DVK708" s="613"/>
      <c r="DVL708" s="613"/>
      <c r="DVM708" s="613"/>
      <c r="DVN708" s="613"/>
      <c r="DVO708" s="613"/>
      <c r="DVP708" s="613"/>
      <c r="DVQ708" s="613"/>
      <c r="DVR708" s="613"/>
      <c r="DVS708" s="613"/>
      <c r="DVT708" s="613"/>
      <c r="DVU708" s="613"/>
      <c r="DVV708" s="613"/>
      <c r="DVW708" s="613"/>
      <c r="DVX708" s="613"/>
      <c r="DVY708" s="613"/>
      <c r="DVZ708" s="613"/>
      <c r="DWA708" s="613"/>
      <c r="DWB708" s="613"/>
      <c r="DWC708" s="613"/>
      <c r="DWD708" s="613"/>
      <c r="DWE708" s="613"/>
      <c r="DWF708" s="613"/>
      <c r="DWG708" s="613"/>
      <c r="DWH708" s="613"/>
      <c r="DWI708" s="613"/>
      <c r="DWJ708" s="613"/>
      <c r="DWK708" s="613"/>
      <c r="DWL708" s="613"/>
      <c r="DWM708" s="613"/>
      <c r="DWN708" s="613"/>
      <c r="DWO708" s="613"/>
      <c r="DWP708" s="613"/>
      <c r="DWQ708" s="613"/>
      <c r="DWR708" s="613"/>
      <c r="DWS708" s="613"/>
      <c r="DWT708" s="613"/>
      <c r="DWU708" s="613"/>
      <c r="DWV708" s="613"/>
      <c r="DWW708" s="613"/>
      <c r="DWX708" s="613"/>
      <c r="DWY708" s="613"/>
      <c r="DWZ708" s="613"/>
      <c r="DXA708" s="613"/>
      <c r="DXB708" s="613"/>
      <c r="DXC708" s="613"/>
      <c r="DXD708" s="613"/>
      <c r="DXE708" s="613"/>
      <c r="DXF708" s="613"/>
      <c r="DXG708" s="613"/>
      <c r="DXH708" s="613"/>
      <c r="DXI708" s="613"/>
      <c r="DXJ708" s="613"/>
      <c r="DXK708" s="613"/>
      <c r="DXL708" s="613"/>
      <c r="DXM708" s="613"/>
      <c r="DXN708" s="613"/>
      <c r="DXO708" s="613"/>
      <c r="DXP708" s="613"/>
      <c r="DXQ708" s="613"/>
      <c r="DXR708" s="613"/>
      <c r="DXS708" s="613"/>
      <c r="DXT708" s="613"/>
      <c r="DXU708" s="613"/>
      <c r="DXV708" s="613"/>
      <c r="DXW708" s="613"/>
      <c r="DXX708" s="613"/>
      <c r="DXY708" s="613"/>
      <c r="DXZ708" s="613"/>
      <c r="DYA708" s="613"/>
      <c r="DYB708" s="613"/>
      <c r="DYC708" s="613"/>
      <c r="DYD708" s="613"/>
      <c r="DYE708" s="613"/>
      <c r="DYF708" s="613"/>
      <c r="DYG708" s="613"/>
      <c r="DYH708" s="613"/>
      <c r="DYI708" s="613"/>
      <c r="DYJ708" s="613"/>
      <c r="DYK708" s="613"/>
      <c r="DYL708" s="613"/>
      <c r="DYM708" s="613"/>
      <c r="DYN708" s="613"/>
      <c r="DYO708" s="613"/>
      <c r="DYP708" s="613"/>
      <c r="DYQ708" s="613"/>
      <c r="DYR708" s="613"/>
      <c r="DYS708" s="613"/>
      <c r="DYT708" s="613"/>
      <c r="DYU708" s="613"/>
      <c r="DYV708" s="613"/>
      <c r="DYW708" s="613"/>
      <c r="DYX708" s="613"/>
      <c r="DYY708" s="613"/>
      <c r="DYZ708" s="613"/>
      <c r="DZA708" s="613"/>
      <c r="DZB708" s="613"/>
      <c r="DZC708" s="613"/>
      <c r="DZD708" s="613"/>
      <c r="DZE708" s="613"/>
      <c r="DZF708" s="613"/>
      <c r="DZG708" s="613"/>
      <c r="DZH708" s="613"/>
      <c r="DZI708" s="613"/>
      <c r="DZJ708" s="613"/>
      <c r="DZK708" s="613"/>
      <c r="DZL708" s="613"/>
      <c r="DZM708" s="613"/>
      <c r="DZN708" s="613"/>
      <c r="DZO708" s="613"/>
      <c r="DZP708" s="613"/>
      <c r="DZQ708" s="613"/>
      <c r="DZR708" s="613"/>
      <c r="DZS708" s="613"/>
      <c r="DZT708" s="613"/>
      <c r="DZU708" s="613"/>
      <c r="DZV708" s="613"/>
      <c r="DZW708" s="613"/>
      <c r="DZX708" s="613"/>
      <c r="DZY708" s="613"/>
      <c r="DZZ708" s="613"/>
      <c r="EAA708" s="613"/>
      <c r="EAB708" s="613"/>
      <c r="EAC708" s="613"/>
      <c r="EAD708" s="613"/>
      <c r="EAE708" s="613"/>
      <c r="EAF708" s="613"/>
      <c r="EAG708" s="613"/>
      <c r="EAH708" s="613"/>
      <c r="EAI708" s="613"/>
      <c r="EAJ708" s="613"/>
      <c r="EAK708" s="613"/>
      <c r="EAL708" s="613"/>
      <c r="EAM708" s="613"/>
      <c r="EAN708" s="613"/>
      <c r="EAO708" s="613"/>
      <c r="EAP708" s="613"/>
      <c r="EAQ708" s="613"/>
      <c r="EAR708" s="613"/>
      <c r="EAS708" s="613"/>
      <c r="EAT708" s="613"/>
      <c r="EAU708" s="613"/>
      <c r="EAV708" s="613"/>
      <c r="EAW708" s="613"/>
      <c r="EAX708" s="613"/>
      <c r="EAY708" s="613"/>
      <c r="EAZ708" s="613"/>
      <c r="EBA708" s="613"/>
      <c r="EBB708" s="613"/>
      <c r="EBC708" s="613"/>
      <c r="EBD708" s="613"/>
      <c r="EBE708" s="613"/>
      <c r="EBF708" s="613"/>
      <c r="EBG708" s="613"/>
      <c r="EBH708" s="613"/>
      <c r="EBI708" s="613"/>
      <c r="EBJ708" s="613"/>
      <c r="EBK708" s="613"/>
      <c r="EBL708" s="613"/>
      <c r="EBM708" s="613"/>
      <c r="EBN708" s="613"/>
      <c r="EBO708" s="613"/>
      <c r="EBP708" s="613"/>
      <c r="EBQ708" s="613"/>
      <c r="EBR708" s="613"/>
      <c r="EBS708" s="613"/>
      <c r="EBT708" s="613"/>
      <c r="EBU708" s="613"/>
      <c r="EBV708" s="613"/>
      <c r="EBW708" s="613"/>
      <c r="EBX708" s="613"/>
      <c r="EBY708" s="613"/>
      <c r="EBZ708" s="613"/>
      <c r="ECA708" s="613"/>
      <c r="ECB708" s="613"/>
      <c r="ECC708" s="613"/>
      <c r="ECD708" s="613"/>
      <c r="ECE708" s="613"/>
      <c r="ECF708" s="613"/>
      <c r="ECG708" s="613"/>
      <c r="ECH708" s="613"/>
      <c r="ECI708" s="613"/>
      <c r="ECJ708" s="613"/>
      <c r="ECK708" s="613"/>
      <c r="ECL708" s="613"/>
      <c r="ECM708" s="613"/>
      <c r="ECN708" s="613"/>
      <c r="ECO708" s="613"/>
      <c r="ECP708" s="613"/>
      <c r="ECQ708" s="613"/>
      <c r="ECR708" s="613"/>
      <c r="ECS708" s="613"/>
      <c r="ECT708" s="613"/>
      <c r="ECU708" s="613"/>
      <c r="ECV708" s="613"/>
      <c r="ECW708" s="613"/>
      <c r="ECX708" s="613"/>
      <c r="ECY708" s="613"/>
      <c r="ECZ708" s="613"/>
      <c r="EDA708" s="613"/>
      <c r="EDB708" s="613"/>
      <c r="EDC708" s="613"/>
      <c r="EDD708" s="613"/>
      <c r="EDE708" s="613"/>
      <c r="EDF708" s="613"/>
      <c r="EDG708" s="613"/>
      <c r="EDH708" s="613"/>
      <c r="EDI708" s="613"/>
      <c r="EDJ708" s="613"/>
      <c r="EDK708" s="613"/>
      <c r="EDL708" s="613"/>
      <c r="EDM708" s="613"/>
      <c r="EDN708" s="613"/>
      <c r="EDO708" s="613"/>
      <c r="EDP708" s="613"/>
      <c r="EDQ708" s="613"/>
      <c r="EDR708" s="613"/>
      <c r="EDS708" s="613"/>
      <c r="EDT708" s="613"/>
      <c r="EDU708" s="613"/>
      <c r="EDV708" s="613"/>
      <c r="EDW708" s="613"/>
      <c r="EDX708" s="613"/>
      <c r="EDY708" s="613"/>
      <c r="EDZ708" s="613"/>
      <c r="EEA708" s="613"/>
      <c r="EEB708" s="613"/>
      <c r="EEC708" s="613"/>
      <c r="EED708" s="613"/>
      <c r="EEE708" s="613"/>
      <c r="EEF708" s="613"/>
      <c r="EEG708" s="613"/>
      <c r="EEH708" s="613"/>
      <c r="EEI708" s="613"/>
      <c r="EEJ708" s="613"/>
      <c r="EEK708" s="613"/>
      <c r="EEL708" s="613"/>
      <c r="EEM708" s="613"/>
      <c r="EEN708" s="613"/>
      <c r="EEO708" s="613"/>
      <c r="EEP708" s="613"/>
      <c r="EEQ708" s="613"/>
      <c r="EER708" s="613"/>
      <c r="EES708" s="613"/>
      <c r="EET708" s="613"/>
      <c r="EEU708" s="613"/>
      <c r="EEV708" s="613"/>
      <c r="EEW708" s="613"/>
      <c r="EEX708" s="613"/>
      <c r="EEY708" s="613"/>
      <c r="EEZ708" s="613"/>
      <c r="EFA708" s="613"/>
      <c r="EFB708" s="613"/>
      <c r="EFC708" s="613"/>
      <c r="EFD708" s="613"/>
      <c r="EFE708" s="613"/>
      <c r="EFF708" s="613"/>
      <c r="EFG708" s="613"/>
      <c r="EFH708" s="613"/>
      <c r="EFI708" s="613"/>
      <c r="EFJ708" s="613"/>
      <c r="EFK708" s="613"/>
      <c r="EFL708" s="613"/>
      <c r="EFM708" s="613"/>
      <c r="EFN708" s="613"/>
      <c r="EFO708" s="613"/>
      <c r="EFP708" s="613"/>
      <c r="EFQ708" s="613"/>
      <c r="EFR708" s="613"/>
      <c r="EFS708" s="613"/>
      <c r="EFT708" s="613"/>
      <c r="EFU708" s="613"/>
      <c r="EFV708" s="613"/>
      <c r="EFW708" s="613"/>
      <c r="EFX708" s="613"/>
      <c r="EFY708" s="613"/>
      <c r="EFZ708" s="613"/>
      <c r="EGA708" s="613"/>
      <c r="EGB708" s="613"/>
      <c r="EGC708" s="613"/>
      <c r="EGD708" s="613"/>
      <c r="EGE708" s="613"/>
      <c r="EGF708" s="613"/>
      <c r="EGG708" s="613"/>
      <c r="EGH708" s="613"/>
      <c r="EGI708" s="613"/>
      <c r="EGJ708" s="613"/>
      <c r="EGK708" s="613"/>
      <c r="EGL708" s="613"/>
      <c r="EGM708" s="613"/>
      <c r="EGN708" s="613"/>
      <c r="EGO708" s="613"/>
      <c r="EGP708" s="613"/>
      <c r="EGQ708" s="613"/>
      <c r="EGR708" s="613"/>
      <c r="EGS708" s="613"/>
      <c r="EGT708" s="613"/>
      <c r="EGU708" s="613"/>
      <c r="EGV708" s="613"/>
      <c r="EGW708" s="613"/>
      <c r="EGX708" s="613"/>
      <c r="EGY708" s="613"/>
      <c r="EGZ708" s="613"/>
      <c r="EHA708" s="613"/>
      <c r="EHB708" s="613"/>
      <c r="EHC708" s="613"/>
      <c r="EHD708" s="613"/>
      <c r="EHE708" s="613"/>
      <c r="EHF708" s="613"/>
      <c r="EHG708" s="613"/>
      <c r="EHH708" s="613"/>
      <c r="EHI708" s="613"/>
      <c r="EHJ708" s="613"/>
      <c r="EHK708" s="613"/>
      <c r="EHL708" s="613"/>
      <c r="EHM708" s="613"/>
      <c r="EHN708" s="613"/>
      <c r="EHO708" s="613"/>
      <c r="EHP708" s="613"/>
      <c r="EHQ708" s="613"/>
      <c r="EHR708" s="613"/>
      <c r="EHS708" s="613"/>
      <c r="EHT708" s="613"/>
      <c r="EHU708" s="613"/>
      <c r="EHV708" s="613"/>
      <c r="EHW708" s="613"/>
      <c r="EHX708" s="613"/>
      <c r="EHY708" s="613"/>
      <c r="EHZ708" s="613"/>
      <c r="EIA708" s="613"/>
      <c r="EIB708" s="613"/>
      <c r="EIC708" s="613"/>
      <c r="EID708" s="613"/>
      <c r="EIE708" s="613"/>
      <c r="EIF708" s="613"/>
      <c r="EIG708" s="613"/>
      <c r="EIH708" s="613"/>
      <c r="EII708" s="613"/>
      <c r="EIJ708" s="613"/>
      <c r="EIK708" s="613"/>
      <c r="EIL708" s="613"/>
      <c r="EIM708" s="613"/>
      <c r="EIN708" s="613"/>
      <c r="EIO708" s="613"/>
      <c r="EIP708" s="613"/>
      <c r="EIQ708" s="613"/>
      <c r="EIR708" s="613"/>
      <c r="EIS708" s="613"/>
      <c r="EIT708" s="613"/>
      <c r="EIU708" s="613"/>
      <c r="EIV708" s="613"/>
      <c r="EIW708" s="613"/>
      <c r="EIX708" s="613"/>
      <c r="EIY708" s="613"/>
      <c r="EIZ708" s="613"/>
      <c r="EJA708" s="613"/>
      <c r="EJB708" s="613"/>
      <c r="EJC708" s="613"/>
      <c r="EJD708" s="613"/>
      <c r="EJE708" s="613"/>
      <c r="EJF708" s="613"/>
      <c r="EJG708" s="613"/>
      <c r="EJH708" s="613"/>
      <c r="EJI708" s="613"/>
      <c r="EJJ708" s="613"/>
      <c r="EJK708" s="613"/>
      <c r="EJL708" s="613"/>
      <c r="EJM708" s="613"/>
      <c r="EJN708" s="613"/>
      <c r="EJO708" s="613"/>
      <c r="EJP708" s="613"/>
      <c r="EJQ708" s="613"/>
      <c r="EJR708" s="613"/>
      <c r="EJS708" s="613"/>
      <c r="EJT708" s="613"/>
      <c r="EJU708" s="613"/>
      <c r="EJV708" s="613"/>
      <c r="EJW708" s="613"/>
      <c r="EJX708" s="613"/>
      <c r="EJY708" s="613"/>
      <c r="EJZ708" s="613"/>
      <c r="EKA708" s="613"/>
      <c r="EKB708" s="613"/>
      <c r="EKC708" s="613"/>
      <c r="EKD708" s="613"/>
      <c r="EKE708" s="613"/>
      <c r="EKF708" s="613"/>
      <c r="EKG708" s="613"/>
      <c r="EKH708" s="613"/>
      <c r="EKI708" s="613"/>
      <c r="EKJ708" s="613"/>
      <c r="EKK708" s="613"/>
      <c r="EKL708" s="613"/>
      <c r="EKM708" s="613"/>
      <c r="EKN708" s="613"/>
      <c r="EKO708" s="613"/>
      <c r="EKP708" s="613"/>
      <c r="EKQ708" s="613"/>
      <c r="EKR708" s="613"/>
      <c r="EKS708" s="613"/>
      <c r="EKT708" s="613"/>
      <c r="EKU708" s="613"/>
      <c r="EKV708" s="613"/>
      <c r="EKW708" s="613"/>
      <c r="EKX708" s="613"/>
      <c r="EKY708" s="613"/>
      <c r="EKZ708" s="613"/>
      <c r="ELA708" s="613"/>
      <c r="ELB708" s="613"/>
      <c r="ELC708" s="613"/>
      <c r="ELD708" s="613"/>
      <c r="ELE708" s="613"/>
      <c r="ELF708" s="613"/>
      <c r="ELG708" s="613"/>
      <c r="ELH708" s="613"/>
      <c r="ELI708" s="613"/>
      <c r="ELJ708" s="613"/>
      <c r="ELK708" s="613"/>
      <c r="ELL708" s="613"/>
      <c r="ELM708" s="613"/>
      <c r="ELN708" s="613"/>
      <c r="ELO708" s="613"/>
      <c r="ELP708" s="613"/>
      <c r="ELQ708" s="613"/>
      <c r="ELR708" s="613"/>
      <c r="ELS708" s="613"/>
      <c r="ELT708" s="613"/>
      <c r="ELU708" s="613"/>
      <c r="ELV708" s="613"/>
      <c r="ELW708" s="613"/>
      <c r="ELX708" s="613"/>
      <c r="ELY708" s="613"/>
      <c r="ELZ708" s="613"/>
      <c r="EMA708" s="613"/>
      <c r="EMB708" s="613"/>
      <c r="EMC708" s="613"/>
      <c r="EMD708" s="613"/>
      <c r="EME708" s="613"/>
      <c r="EMF708" s="613"/>
      <c r="EMG708" s="613"/>
      <c r="EMH708" s="613"/>
      <c r="EMI708" s="613"/>
      <c r="EMJ708" s="613"/>
      <c r="EMK708" s="613"/>
      <c r="EML708" s="613"/>
      <c r="EMM708" s="613"/>
      <c r="EMN708" s="613"/>
      <c r="EMO708" s="613"/>
      <c r="EMP708" s="613"/>
      <c r="EMQ708" s="613"/>
      <c r="EMR708" s="613"/>
      <c r="EMS708" s="613"/>
      <c r="EMT708" s="613"/>
      <c r="EMU708" s="613"/>
      <c r="EMV708" s="613"/>
      <c r="EMW708" s="613"/>
      <c r="EMX708" s="613"/>
      <c r="EMY708" s="613"/>
      <c r="EMZ708" s="613"/>
      <c r="ENA708" s="613"/>
      <c r="ENB708" s="613"/>
      <c r="ENC708" s="613"/>
      <c r="END708" s="613"/>
      <c r="ENE708" s="613"/>
      <c r="ENF708" s="613"/>
      <c r="ENG708" s="613"/>
      <c r="ENH708" s="613"/>
      <c r="ENI708" s="613"/>
      <c r="ENJ708" s="613"/>
      <c r="ENK708" s="613"/>
      <c r="ENL708" s="613"/>
      <c r="ENM708" s="613"/>
      <c r="ENN708" s="613"/>
      <c r="ENO708" s="613"/>
      <c r="ENP708" s="613"/>
      <c r="ENQ708" s="613"/>
      <c r="ENR708" s="613"/>
      <c r="ENS708" s="613"/>
      <c r="ENT708" s="613"/>
      <c r="ENU708" s="613"/>
      <c r="ENV708" s="613"/>
      <c r="ENW708" s="613"/>
      <c r="ENX708" s="613"/>
      <c r="ENY708" s="613"/>
      <c r="ENZ708" s="613"/>
      <c r="EOA708" s="613"/>
      <c r="EOB708" s="613"/>
      <c r="EOC708" s="613"/>
      <c r="EOD708" s="613"/>
      <c r="EOE708" s="613"/>
      <c r="EOF708" s="613"/>
      <c r="EOG708" s="613"/>
      <c r="EOH708" s="613"/>
      <c r="EOI708" s="613"/>
      <c r="EOJ708" s="613"/>
      <c r="EOK708" s="613"/>
      <c r="EOL708" s="613"/>
      <c r="EOM708" s="613"/>
      <c r="EON708" s="613"/>
      <c r="EOO708" s="613"/>
      <c r="EOP708" s="613"/>
      <c r="EOQ708" s="613"/>
      <c r="EOR708" s="613"/>
      <c r="EOS708" s="613"/>
      <c r="EOT708" s="613"/>
      <c r="EOU708" s="613"/>
      <c r="EOV708" s="613"/>
      <c r="EOW708" s="613"/>
      <c r="EOX708" s="613"/>
      <c r="EOY708" s="613"/>
      <c r="EOZ708" s="613"/>
      <c r="EPA708" s="613"/>
      <c r="EPB708" s="613"/>
      <c r="EPC708" s="613"/>
      <c r="EPD708" s="613"/>
      <c r="EPE708" s="613"/>
      <c r="EPF708" s="613"/>
      <c r="EPG708" s="613"/>
      <c r="EPH708" s="613"/>
      <c r="EPI708" s="613"/>
      <c r="EPJ708" s="613"/>
      <c r="EPK708" s="613"/>
      <c r="EPL708" s="613"/>
      <c r="EPM708" s="613"/>
      <c r="EPN708" s="613"/>
      <c r="EPO708" s="613"/>
      <c r="EPP708" s="613"/>
      <c r="EPQ708" s="613"/>
      <c r="EPR708" s="613"/>
      <c r="EPS708" s="613"/>
      <c r="EPT708" s="613"/>
      <c r="EPU708" s="613"/>
      <c r="EPV708" s="613"/>
      <c r="EPW708" s="613"/>
      <c r="EPX708" s="613"/>
      <c r="EPY708" s="613"/>
      <c r="EPZ708" s="613"/>
      <c r="EQA708" s="613"/>
      <c r="EQB708" s="613"/>
      <c r="EQC708" s="613"/>
      <c r="EQD708" s="613"/>
      <c r="EQE708" s="613"/>
      <c r="EQF708" s="613"/>
      <c r="EQG708" s="613"/>
      <c r="EQH708" s="613"/>
      <c r="EQI708" s="613"/>
      <c r="EQJ708" s="613"/>
      <c r="EQK708" s="613"/>
      <c r="EQL708" s="613"/>
      <c r="EQM708" s="613"/>
      <c r="EQN708" s="613"/>
      <c r="EQO708" s="613"/>
      <c r="EQP708" s="613"/>
      <c r="EQQ708" s="613"/>
      <c r="EQR708" s="613"/>
      <c r="EQS708" s="613"/>
      <c r="EQT708" s="613"/>
      <c r="EQU708" s="613"/>
      <c r="EQV708" s="613"/>
      <c r="EQW708" s="613"/>
      <c r="EQX708" s="613"/>
      <c r="EQY708" s="613"/>
      <c r="EQZ708" s="613"/>
      <c r="ERA708" s="613"/>
      <c r="ERB708" s="613"/>
      <c r="ERC708" s="613"/>
      <c r="ERD708" s="613"/>
      <c r="ERE708" s="613"/>
      <c r="ERF708" s="613"/>
      <c r="ERG708" s="613"/>
      <c r="ERH708" s="613"/>
      <c r="ERI708" s="613"/>
      <c r="ERJ708" s="613"/>
      <c r="ERK708" s="613"/>
      <c r="ERL708" s="613"/>
      <c r="ERM708" s="613"/>
      <c r="ERN708" s="613"/>
      <c r="ERO708" s="613"/>
      <c r="ERP708" s="613"/>
      <c r="ERQ708" s="613"/>
      <c r="ERR708" s="613"/>
      <c r="ERS708" s="613"/>
      <c r="ERT708" s="613"/>
      <c r="ERU708" s="613"/>
      <c r="ERV708" s="613"/>
      <c r="ERW708" s="613"/>
      <c r="ERX708" s="613"/>
      <c r="ERY708" s="613"/>
      <c r="ERZ708" s="613"/>
      <c r="ESA708" s="613"/>
      <c r="ESB708" s="613"/>
      <c r="ESC708" s="613"/>
      <c r="ESD708" s="613"/>
      <c r="ESE708" s="613"/>
      <c r="ESF708" s="613"/>
      <c r="ESG708" s="613"/>
      <c r="ESH708" s="613"/>
      <c r="ESI708" s="613"/>
      <c r="ESJ708" s="613"/>
      <c r="ESK708" s="613"/>
      <c r="ESL708" s="613"/>
      <c r="ESM708" s="613"/>
      <c r="ESN708" s="613"/>
      <c r="ESO708" s="613"/>
      <c r="ESP708" s="613"/>
      <c r="ESQ708" s="613"/>
      <c r="ESR708" s="613"/>
      <c r="ESS708" s="613"/>
      <c r="EST708" s="613"/>
      <c r="ESU708" s="613"/>
      <c r="ESV708" s="613"/>
      <c r="ESW708" s="613"/>
      <c r="ESX708" s="613"/>
      <c r="ESY708" s="613"/>
      <c r="ESZ708" s="613"/>
      <c r="ETA708" s="613"/>
      <c r="ETB708" s="613"/>
      <c r="ETC708" s="613"/>
      <c r="ETD708" s="613"/>
      <c r="ETE708" s="613"/>
      <c r="ETF708" s="613"/>
      <c r="ETG708" s="613"/>
      <c r="ETH708" s="613"/>
      <c r="ETI708" s="613"/>
      <c r="ETJ708" s="613"/>
      <c r="ETK708" s="613"/>
      <c r="ETL708" s="613"/>
      <c r="ETM708" s="613"/>
      <c r="ETN708" s="613"/>
      <c r="ETO708" s="613"/>
      <c r="ETP708" s="613"/>
      <c r="ETQ708" s="613"/>
      <c r="ETR708" s="613"/>
      <c r="ETS708" s="613"/>
      <c r="ETT708" s="613"/>
      <c r="ETU708" s="613"/>
      <c r="ETV708" s="613"/>
      <c r="ETW708" s="613"/>
      <c r="ETX708" s="613"/>
      <c r="ETY708" s="613"/>
      <c r="ETZ708" s="613"/>
      <c r="EUA708" s="613"/>
      <c r="EUB708" s="613"/>
      <c r="EUC708" s="613"/>
      <c r="EUD708" s="613"/>
      <c r="EUE708" s="613"/>
      <c r="EUF708" s="613"/>
      <c r="EUG708" s="613"/>
      <c r="EUH708" s="613"/>
      <c r="EUI708" s="613"/>
      <c r="EUJ708" s="613"/>
      <c r="EUK708" s="613"/>
      <c r="EUL708" s="613"/>
      <c r="EUM708" s="613"/>
      <c r="EUN708" s="613"/>
      <c r="EUO708" s="613"/>
      <c r="EUP708" s="613"/>
      <c r="EUQ708" s="613"/>
      <c r="EUR708" s="613"/>
      <c r="EUS708" s="613"/>
      <c r="EUT708" s="613"/>
      <c r="EUU708" s="613"/>
      <c r="EUV708" s="613"/>
      <c r="EUW708" s="613"/>
      <c r="EUX708" s="613"/>
      <c r="EUY708" s="613"/>
      <c r="EUZ708" s="613"/>
      <c r="EVA708" s="613"/>
      <c r="EVB708" s="613"/>
      <c r="EVC708" s="613"/>
      <c r="EVD708" s="613"/>
      <c r="EVE708" s="613"/>
      <c r="EVF708" s="613"/>
      <c r="EVG708" s="613"/>
      <c r="EVH708" s="613"/>
      <c r="EVI708" s="613"/>
      <c r="EVJ708" s="613"/>
      <c r="EVK708" s="613"/>
      <c r="EVL708" s="613"/>
      <c r="EVM708" s="613"/>
      <c r="EVN708" s="613"/>
      <c r="EVO708" s="613"/>
      <c r="EVP708" s="613"/>
      <c r="EVQ708" s="613"/>
      <c r="EVR708" s="613"/>
      <c r="EVS708" s="613"/>
      <c r="EVT708" s="613"/>
      <c r="EVU708" s="613"/>
      <c r="EVV708" s="613"/>
      <c r="EVW708" s="613"/>
      <c r="EVX708" s="613"/>
      <c r="EVY708" s="613"/>
      <c r="EVZ708" s="613"/>
      <c r="EWA708" s="613"/>
      <c r="EWB708" s="613"/>
      <c r="EWC708" s="613"/>
      <c r="EWD708" s="613"/>
      <c r="EWE708" s="613"/>
      <c r="EWF708" s="613"/>
      <c r="EWG708" s="613"/>
      <c r="EWH708" s="613"/>
      <c r="EWI708" s="613"/>
      <c r="EWJ708" s="613"/>
      <c r="EWK708" s="613"/>
      <c r="EWL708" s="613"/>
      <c r="EWM708" s="613"/>
      <c r="EWN708" s="613"/>
      <c r="EWO708" s="613"/>
      <c r="EWP708" s="613"/>
      <c r="EWQ708" s="613"/>
      <c r="EWR708" s="613"/>
      <c r="EWS708" s="613"/>
      <c r="EWT708" s="613"/>
      <c r="EWU708" s="613"/>
      <c r="EWV708" s="613"/>
      <c r="EWW708" s="613"/>
      <c r="EWX708" s="613"/>
      <c r="EWY708" s="613"/>
      <c r="EWZ708" s="613"/>
      <c r="EXA708" s="613"/>
      <c r="EXB708" s="613"/>
      <c r="EXC708" s="613"/>
      <c r="EXD708" s="613"/>
      <c r="EXE708" s="613"/>
      <c r="EXF708" s="613"/>
      <c r="EXG708" s="613"/>
      <c r="EXH708" s="613"/>
      <c r="EXI708" s="613"/>
      <c r="EXJ708" s="613"/>
      <c r="EXK708" s="613"/>
      <c r="EXL708" s="613"/>
      <c r="EXM708" s="613"/>
      <c r="EXN708" s="613"/>
      <c r="EXO708" s="613"/>
      <c r="EXP708" s="613"/>
      <c r="EXQ708" s="613"/>
      <c r="EXR708" s="613"/>
      <c r="EXS708" s="613"/>
      <c r="EXT708" s="613"/>
      <c r="EXU708" s="613"/>
      <c r="EXV708" s="613"/>
      <c r="EXW708" s="613"/>
      <c r="EXX708" s="613"/>
      <c r="EXY708" s="613"/>
      <c r="EXZ708" s="613"/>
      <c r="EYA708" s="613"/>
      <c r="EYB708" s="613"/>
      <c r="EYC708" s="613"/>
      <c r="EYD708" s="613"/>
      <c r="EYE708" s="613"/>
      <c r="EYF708" s="613"/>
      <c r="EYG708" s="613"/>
      <c r="EYH708" s="613"/>
      <c r="EYI708" s="613"/>
      <c r="EYJ708" s="613"/>
      <c r="EYK708" s="613"/>
      <c r="EYL708" s="613"/>
      <c r="EYM708" s="613"/>
      <c r="EYN708" s="613"/>
      <c r="EYO708" s="613"/>
      <c r="EYP708" s="613"/>
      <c r="EYQ708" s="613"/>
      <c r="EYR708" s="613"/>
      <c r="EYS708" s="613"/>
      <c r="EYT708" s="613"/>
      <c r="EYU708" s="613"/>
      <c r="EYV708" s="613"/>
      <c r="EYW708" s="613"/>
      <c r="EYX708" s="613"/>
      <c r="EYY708" s="613"/>
      <c r="EYZ708" s="613"/>
      <c r="EZA708" s="613"/>
      <c r="EZB708" s="613"/>
      <c r="EZC708" s="613"/>
      <c r="EZD708" s="613"/>
      <c r="EZE708" s="613"/>
      <c r="EZF708" s="613"/>
      <c r="EZG708" s="613"/>
      <c r="EZH708" s="613"/>
      <c r="EZI708" s="613"/>
      <c r="EZJ708" s="613"/>
      <c r="EZK708" s="613"/>
      <c r="EZL708" s="613"/>
      <c r="EZM708" s="613"/>
      <c r="EZN708" s="613"/>
      <c r="EZO708" s="613"/>
      <c r="EZP708" s="613"/>
      <c r="EZQ708" s="613"/>
      <c r="EZR708" s="613"/>
      <c r="EZS708" s="613"/>
      <c r="EZT708" s="613"/>
      <c r="EZU708" s="613"/>
      <c r="EZV708" s="613"/>
      <c r="EZW708" s="613"/>
      <c r="EZX708" s="613"/>
      <c r="EZY708" s="613"/>
      <c r="EZZ708" s="613"/>
      <c r="FAA708" s="613"/>
      <c r="FAB708" s="613"/>
      <c r="FAC708" s="613"/>
      <c r="FAD708" s="613"/>
      <c r="FAE708" s="613"/>
      <c r="FAF708" s="613"/>
      <c r="FAG708" s="613"/>
      <c r="FAH708" s="613"/>
      <c r="FAI708" s="613"/>
      <c r="FAJ708" s="613"/>
      <c r="FAK708" s="613"/>
      <c r="FAL708" s="613"/>
      <c r="FAM708" s="613"/>
      <c r="FAN708" s="613"/>
      <c r="FAO708" s="613"/>
      <c r="FAP708" s="613"/>
      <c r="FAQ708" s="613"/>
      <c r="FAR708" s="613"/>
      <c r="FAS708" s="613"/>
      <c r="FAT708" s="613"/>
      <c r="FAU708" s="613"/>
      <c r="FAV708" s="613"/>
      <c r="FAW708" s="613"/>
      <c r="FAX708" s="613"/>
      <c r="FAY708" s="613"/>
      <c r="FAZ708" s="613"/>
      <c r="FBA708" s="613"/>
      <c r="FBB708" s="613"/>
      <c r="FBC708" s="613"/>
      <c r="FBD708" s="613"/>
      <c r="FBE708" s="613"/>
      <c r="FBF708" s="613"/>
      <c r="FBG708" s="613"/>
      <c r="FBH708" s="613"/>
      <c r="FBI708" s="613"/>
      <c r="FBJ708" s="613"/>
      <c r="FBK708" s="613"/>
      <c r="FBL708" s="613"/>
      <c r="FBM708" s="613"/>
      <c r="FBN708" s="613"/>
      <c r="FBO708" s="613"/>
      <c r="FBP708" s="613"/>
      <c r="FBQ708" s="613"/>
      <c r="FBR708" s="613"/>
      <c r="FBS708" s="613"/>
      <c r="FBT708" s="613"/>
      <c r="FBU708" s="613"/>
      <c r="FBV708" s="613"/>
      <c r="FBW708" s="613"/>
      <c r="FBX708" s="613"/>
      <c r="FBY708" s="613"/>
      <c r="FBZ708" s="613"/>
      <c r="FCA708" s="613"/>
      <c r="FCB708" s="613"/>
      <c r="FCC708" s="613"/>
      <c r="FCD708" s="613"/>
      <c r="FCE708" s="613"/>
      <c r="FCF708" s="613"/>
      <c r="FCG708" s="613"/>
      <c r="FCH708" s="613"/>
      <c r="FCI708" s="613"/>
      <c r="FCJ708" s="613"/>
      <c r="FCK708" s="613"/>
      <c r="FCL708" s="613"/>
      <c r="FCM708" s="613"/>
      <c r="FCN708" s="613"/>
      <c r="FCO708" s="613"/>
      <c r="FCP708" s="613"/>
      <c r="FCQ708" s="613"/>
      <c r="FCR708" s="613"/>
      <c r="FCS708" s="613"/>
      <c r="FCT708" s="613"/>
      <c r="FCU708" s="613"/>
      <c r="FCV708" s="613"/>
      <c r="FCW708" s="613"/>
      <c r="FCX708" s="613"/>
      <c r="FCY708" s="613"/>
      <c r="FCZ708" s="613"/>
      <c r="FDA708" s="613"/>
      <c r="FDB708" s="613"/>
      <c r="FDC708" s="613"/>
      <c r="FDD708" s="613"/>
      <c r="FDE708" s="613"/>
      <c r="FDF708" s="613"/>
      <c r="FDG708" s="613"/>
      <c r="FDH708" s="613"/>
      <c r="FDI708" s="613"/>
      <c r="FDJ708" s="613"/>
      <c r="FDK708" s="613"/>
      <c r="FDL708" s="613"/>
      <c r="FDM708" s="613"/>
      <c r="FDN708" s="613"/>
      <c r="FDO708" s="613"/>
      <c r="FDP708" s="613"/>
      <c r="FDQ708" s="613"/>
      <c r="FDR708" s="613"/>
      <c r="FDS708" s="613"/>
      <c r="FDT708" s="613"/>
      <c r="FDU708" s="613"/>
      <c r="FDV708" s="613"/>
      <c r="FDW708" s="613"/>
      <c r="FDX708" s="613"/>
      <c r="FDY708" s="613"/>
      <c r="FDZ708" s="613"/>
      <c r="FEA708" s="613"/>
      <c r="FEB708" s="613"/>
      <c r="FEC708" s="613"/>
      <c r="FED708" s="613"/>
      <c r="FEE708" s="613"/>
      <c r="FEF708" s="613"/>
      <c r="FEG708" s="613"/>
      <c r="FEH708" s="613"/>
      <c r="FEI708" s="613"/>
      <c r="FEJ708" s="613"/>
      <c r="FEK708" s="613"/>
      <c r="FEL708" s="613"/>
      <c r="FEM708" s="613"/>
      <c r="FEN708" s="613"/>
      <c r="FEO708" s="613"/>
      <c r="FEP708" s="613"/>
      <c r="FEQ708" s="613"/>
      <c r="FER708" s="613"/>
      <c r="FES708" s="613"/>
      <c r="FET708" s="613"/>
      <c r="FEU708" s="613"/>
      <c r="FEV708" s="613"/>
      <c r="FEW708" s="613"/>
      <c r="FEX708" s="613"/>
      <c r="FEY708" s="613"/>
      <c r="FEZ708" s="613"/>
      <c r="FFA708" s="613"/>
      <c r="FFB708" s="613"/>
      <c r="FFC708" s="613"/>
      <c r="FFD708" s="613"/>
      <c r="FFE708" s="613"/>
      <c r="FFF708" s="613"/>
      <c r="FFG708" s="613"/>
      <c r="FFH708" s="613"/>
      <c r="FFI708" s="613"/>
      <c r="FFJ708" s="613"/>
      <c r="FFK708" s="613"/>
      <c r="FFL708" s="613"/>
      <c r="FFM708" s="613"/>
      <c r="FFN708" s="613"/>
      <c r="FFO708" s="613"/>
      <c r="FFP708" s="613"/>
      <c r="FFQ708" s="613"/>
      <c r="FFR708" s="613"/>
      <c r="FFS708" s="613"/>
      <c r="FFT708" s="613"/>
      <c r="FFU708" s="613"/>
      <c r="FFV708" s="613"/>
      <c r="FFW708" s="613"/>
      <c r="FFX708" s="613"/>
      <c r="FFY708" s="613"/>
      <c r="FFZ708" s="613"/>
      <c r="FGA708" s="613"/>
      <c r="FGB708" s="613"/>
      <c r="FGC708" s="613"/>
      <c r="FGD708" s="613"/>
      <c r="FGE708" s="613"/>
      <c r="FGF708" s="613"/>
      <c r="FGG708" s="613"/>
      <c r="FGH708" s="613"/>
      <c r="FGI708" s="613"/>
      <c r="FGJ708" s="613"/>
      <c r="FGK708" s="613"/>
      <c r="FGL708" s="613"/>
      <c r="FGM708" s="613"/>
      <c r="FGN708" s="613"/>
      <c r="FGO708" s="613"/>
      <c r="FGP708" s="613"/>
      <c r="FGQ708" s="613"/>
      <c r="FGR708" s="613"/>
      <c r="FGS708" s="613"/>
      <c r="FGT708" s="613"/>
      <c r="FGU708" s="613"/>
      <c r="FGV708" s="613"/>
      <c r="FGW708" s="613"/>
      <c r="FGX708" s="613"/>
      <c r="FGY708" s="613"/>
      <c r="FGZ708" s="613"/>
      <c r="FHA708" s="613"/>
      <c r="FHB708" s="613"/>
      <c r="FHC708" s="613"/>
      <c r="FHD708" s="613"/>
      <c r="FHE708" s="613"/>
      <c r="FHF708" s="613"/>
      <c r="FHG708" s="613"/>
      <c r="FHH708" s="613"/>
      <c r="FHI708" s="613"/>
      <c r="FHJ708" s="613"/>
      <c r="FHK708" s="613"/>
      <c r="FHL708" s="613"/>
      <c r="FHM708" s="613"/>
      <c r="FHN708" s="613"/>
      <c r="FHO708" s="613"/>
      <c r="FHP708" s="613"/>
      <c r="FHQ708" s="613"/>
      <c r="FHR708" s="613"/>
      <c r="FHS708" s="613"/>
      <c r="FHT708" s="613"/>
      <c r="FHU708" s="613"/>
      <c r="FHV708" s="613"/>
      <c r="FHW708" s="613"/>
      <c r="FHX708" s="613"/>
      <c r="FHY708" s="613"/>
      <c r="FHZ708" s="613"/>
      <c r="FIA708" s="613"/>
      <c r="FIB708" s="613"/>
      <c r="FIC708" s="613"/>
      <c r="FID708" s="613"/>
      <c r="FIE708" s="613"/>
      <c r="FIF708" s="613"/>
      <c r="FIG708" s="613"/>
      <c r="FIH708" s="613"/>
      <c r="FII708" s="613"/>
      <c r="FIJ708" s="613"/>
      <c r="FIK708" s="613"/>
      <c r="FIL708" s="613"/>
      <c r="FIM708" s="613"/>
      <c r="FIN708" s="613"/>
      <c r="FIO708" s="613"/>
      <c r="FIP708" s="613"/>
      <c r="FIQ708" s="613"/>
      <c r="FIR708" s="613"/>
      <c r="FIS708" s="613"/>
      <c r="FIT708" s="613"/>
      <c r="FIU708" s="613"/>
      <c r="FIV708" s="613"/>
      <c r="FIW708" s="613"/>
      <c r="FIX708" s="613"/>
      <c r="FIY708" s="613"/>
      <c r="FIZ708" s="613"/>
      <c r="FJA708" s="613"/>
      <c r="FJB708" s="613"/>
      <c r="FJC708" s="613"/>
      <c r="FJD708" s="613"/>
      <c r="FJE708" s="613"/>
      <c r="FJF708" s="613"/>
      <c r="FJG708" s="613"/>
      <c r="FJH708" s="613"/>
      <c r="FJI708" s="613"/>
      <c r="FJJ708" s="613"/>
      <c r="FJK708" s="613"/>
      <c r="FJL708" s="613"/>
      <c r="FJM708" s="613"/>
      <c r="FJN708" s="613"/>
      <c r="FJO708" s="613"/>
      <c r="FJP708" s="613"/>
      <c r="FJQ708" s="613"/>
      <c r="FJR708" s="613"/>
      <c r="FJS708" s="613"/>
      <c r="FJT708" s="613"/>
      <c r="FJU708" s="613"/>
      <c r="FJV708" s="613"/>
      <c r="FJW708" s="613"/>
      <c r="FJX708" s="613"/>
      <c r="FJY708" s="613"/>
      <c r="FJZ708" s="613"/>
      <c r="FKA708" s="613"/>
      <c r="FKB708" s="613"/>
      <c r="FKC708" s="613"/>
      <c r="FKD708" s="613"/>
      <c r="FKE708" s="613"/>
      <c r="FKF708" s="613"/>
      <c r="FKG708" s="613"/>
      <c r="FKH708" s="613"/>
      <c r="FKI708" s="613"/>
      <c r="FKJ708" s="613"/>
      <c r="FKK708" s="613"/>
      <c r="FKL708" s="613"/>
      <c r="FKM708" s="613"/>
      <c r="FKN708" s="613"/>
      <c r="FKO708" s="613"/>
      <c r="FKP708" s="613"/>
      <c r="FKQ708" s="613"/>
      <c r="FKR708" s="613"/>
      <c r="FKS708" s="613"/>
      <c r="FKT708" s="613"/>
      <c r="FKU708" s="613"/>
      <c r="FKV708" s="613"/>
      <c r="FKW708" s="613"/>
      <c r="FKX708" s="613"/>
      <c r="FKY708" s="613"/>
      <c r="FKZ708" s="613"/>
      <c r="FLA708" s="613"/>
      <c r="FLB708" s="613"/>
      <c r="FLC708" s="613"/>
      <c r="FLD708" s="613"/>
      <c r="FLE708" s="613"/>
      <c r="FLF708" s="613"/>
      <c r="FLG708" s="613"/>
      <c r="FLH708" s="613"/>
      <c r="FLI708" s="613"/>
      <c r="FLJ708" s="613"/>
      <c r="FLK708" s="613"/>
      <c r="FLL708" s="613"/>
      <c r="FLM708" s="613"/>
      <c r="FLN708" s="613"/>
      <c r="FLO708" s="613"/>
      <c r="FLP708" s="613"/>
      <c r="FLQ708" s="613"/>
      <c r="FLR708" s="613"/>
      <c r="FLS708" s="613"/>
      <c r="FLT708" s="613"/>
      <c r="FLU708" s="613"/>
      <c r="FLV708" s="613"/>
      <c r="FLW708" s="613"/>
      <c r="FLX708" s="613"/>
      <c r="FLY708" s="613"/>
      <c r="FLZ708" s="613"/>
      <c r="FMA708" s="613"/>
      <c r="FMB708" s="613"/>
      <c r="FMC708" s="613"/>
      <c r="FMD708" s="613"/>
      <c r="FME708" s="613"/>
      <c r="FMF708" s="613"/>
      <c r="FMG708" s="613"/>
      <c r="FMH708" s="613"/>
      <c r="FMI708" s="613"/>
      <c r="FMJ708" s="613"/>
      <c r="FMK708" s="613"/>
      <c r="FML708" s="613"/>
      <c r="FMM708" s="613"/>
      <c r="FMN708" s="613"/>
      <c r="FMO708" s="613"/>
      <c r="FMP708" s="613"/>
      <c r="FMQ708" s="613"/>
      <c r="FMR708" s="613"/>
      <c r="FMS708" s="613"/>
      <c r="FMT708" s="613"/>
      <c r="FMU708" s="613"/>
      <c r="FMV708" s="613"/>
      <c r="FMW708" s="613"/>
      <c r="FMX708" s="613"/>
      <c r="FMY708" s="613"/>
      <c r="FMZ708" s="613"/>
      <c r="FNA708" s="613"/>
      <c r="FNB708" s="613"/>
      <c r="FNC708" s="613"/>
      <c r="FND708" s="613"/>
      <c r="FNE708" s="613"/>
      <c r="FNF708" s="613"/>
      <c r="FNG708" s="613"/>
      <c r="FNH708" s="613"/>
      <c r="FNI708" s="613"/>
      <c r="FNJ708" s="613"/>
      <c r="FNK708" s="613"/>
      <c r="FNL708" s="613"/>
      <c r="FNM708" s="613"/>
      <c r="FNN708" s="613"/>
      <c r="FNO708" s="613"/>
      <c r="FNP708" s="613"/>
      <c r="FNQ708" s="613"/>
      <c r="FNR708" s="613"/>
      <c r="FNS708" s="613"/>
      <c r="FNT708" s="613"/>
      <c r="FNU708" s="613"/>
      <c r="FNV708" s="613"/>
      <c r="FNW708" s="613"/>
      <c r="FNX708" s="613"/>
      <c r="FNY708" s="613"/>
      <c r="FNZ708" s="613"/>
      <c r="FOA708" s="613"/>
      <c r="FOB708" s="613"/>
      <c r="FOC708" s="613"/>
      <c r="FOD708" s="613"/>
      <c r="FOE708" s="613"/>
      <c r="FOF708" s="613"/>
      <c r="FOG708" s="613"/>
      <c r="FOH708" s="613"/>
      <c r="FOI708" s="613"/>
      <c r="FOJ708" s="613"/>
      <c r="FOK708" s="613"/>
      <c r="FOL708" s="613"/>
      <c r="FOM708" s="613"/>
      <c r="FON708" s="613"/>
      <c r="FOO708" s="613"/>
      <c r="FOP708" s="613"/>
      <c r="FOQ708" s="613"/>
      <c r="FOR708" s="613"/>
      <c r="FOS708" s="613"/>
      <c r="FOT708" s="613"/>
      <c r="FOU708" s="613"/>
      <c r="FOV708" s="613"/>
      <c r="FOW708" s="613"/>
      <c r="FOX708" s="613"/>
      <c r="FOY708" s="613"/>
      <c r="FOZ708" s="613"/>
      <c r="FPA708" s="613"/>
      <c r="FPB708" s="613"/>
      <c r="FPC708" s="613"/>
      <c r="FPD708" s="613"/>
      <c r="FPE708" s="613"/>
      <c r="FPF708" s="613"/>
      <c r="FPG708" s="613"/>
      <c r="FPH708" s="613"/>
      <c r="FPI708" s="613"/>
      <c r="FPJ708" s="613"/>
      <c r="FPK708" s="613"/>
      <c r="FPL708" s="613"/>
      <c r="FPM708" s="613"/>
      <c r="FPN708" s="613"/>
      <c r="FPO708" s="613"/>
      <c r="FPP708" s="613"/>
      <c r="FPQ708" s="613"/>
      <c r="FPR708" s="613"/>
      <c r="FPS708" s="613"/>
      <c r="FPT708" s="613"/>
      <c r="FPU708" s="613"/>
      <c r="FPV708" s="613"/>
      <c r="FPW708" s="613"/>
      <c r="FPX708" s="613"/>
      <c r="FPY708" s="613"/>
      <c r="FPZ708" s="613"/>
      <c r="FQA708" s="613"/>
      <c r="FQB708" s="613"/>
      <c r="FQC708" s="613"/>
      <c r="FQD708" s="613"/>
      <c r="FQE708" s="613"/>
      <c r="FQF708" s="613"/>
      <c r="FQG708" s="613"/>
      <c r="FQH708" s="613"/>
      <c r="FQI708" s="613"/>
      <c r="FQJ708" s="613"/>
      <c r="FQK708" s="613"/>
      <c r="FQL708" s="613"/>
      <c r="FQM708" s="613"/>
      <c r="FQN708" s="613"/>
      <c r="FQO708" s="613"/>
      <c r="FQP708" s="613"/>
      <c r="FQQ708" s="613"/>
      <c r="FQR708" s="613"/>
      <c r="FQS708" s="613"/>
      <c r="FQT708" s="613"/>
      <c r="FQU708" s="613"/>
      <c r="FQV708" s="613"/>
      <c r="FQW708" s="613"/>
      <c r="FQX708" s="613"/>
      <c r="FQY708" s="613"/>
      <c r="FQZ708" s="613"/>
      <c r="FRA708" s="613"/>
      <c r="FRB708" s="613"/>
      <c r="FRC708" s="613"/>
      <c r="FRD708" s="613"/>
      <c r="FRE708" s="613"/>
      <c r="FRF708" s="613"/>
      <c r="FRG708" s="613"/>
      <c r="FRH708" s="613"/>
      <c r="FRI708" s="613"/>
      <c r="FRJ708" s="613"/>
      <c r="FRK708" s="613"/>
      <c r="FRL708" s="613"/>
      <c r="FRM708" s="613"/>
      <c r="FRN708" s="613"/>
      <c r="FRO708" s="613"/>
      <c r="FRP708" s="613"/>
      <c r="FRQ708" s="613"/>
      <c r="FRR708" s="613"/>
      <c r="FRS708" s="613"/>
      <c r="FRT708" s="613"/>
      <c r="FRU708" s="613"/>
      <c r="FRV708" s="613"/>
      <c r="FRW708" s="613"/>
      <c r="FRX708" s="613"/>
      <c r="FRY708" s="613"/>
      <c r="FRZ708" s="613"/>
      <c r="FSA708" s="613"/>
      <c r="FSB708" s="613"/>
      <c r="FSC708" s="613"/>
      <c r="FSD708" s="613"/>
      <c r="FSE708" s="613"/>
      <c r="FSF708" s="613"/>
      <c r="FSG708" s="613"/>
      <c r="FSH708" s="613"/>
      <c r="FSI708" s="613"/>
      <c r="FSJ708" s="613"/>
      <c r="FSK708" s="613"/>
      <c r="FSL708" s="613"/>
      <c r="FSM708" s="613"/>
      <c r="FSN708" s="613"/>
      <c r="FSO708" s="613"/>
      <c r="FSP708" s="613"/>
      <c r="FSQ708" s="613"/>
      <c r="FSR708" s="613"/>
      <c r="FSS708" s="613"/>
      <c r="FST708" s="613"/>
      <c r="FSU708" s="613"/>
      <c r="FSV708" s="613"/>
      <c r="FSW708" s="613"/>
      <c r="FSX708" s="613"/>
      <c r="FSY708" s="613"/>
      <c r="FSZ708" s="613"/>
      <c r="FTA708" s="613"/>
      <c r="FTB708" s="613"/>
      <c r="FTC708" s="613"/>
      <c r="FTD708" s="613"/>
      <c r="FTE708" s="613"/>
      <c r="FTF708" s="613"/>
      <c r="FTG708" s="613"/>
      <c r="FTH708" s="613"/>
      <c r="FTI708" s="613"/>
      <c r="FTJ708" s="613"/>
      <c r="FTK708" s="613"/>
      <c r="FTL708" s="613"/>
      <c r="FTM708" s="613"/>
      <c r="FTN708" s="613"/>
      <c r="FTO708" s="613"/>
      <c r="FTP708" s="613"/>
      <c r="FTQ708" s="613"/>
      <c r="FTR708" s="613"/>
      <c r="FTS708" s="613"/>
      <c r="FTT708" s="613"/>
      <c r="FTU708" s="613"/>
      <c r="FTV708" s="613"/>
      <c r="FTW708" s="613"/>
      <c r="FTX708" s="613"/>
      <c r="FTY708" s="613"/>
      <c r="FTZ708" s="613"/>
      <c r="FUA708" s="613"/>
      <c r="FUB708" s="613"/>
      <c r="FUC708" s="613"/>
      <c r="FUD708" s="613"/>
      <c r="FUE708" s="613"/>
      <c r="FUF708" s="613"/>
      <c r="FUG708" s="613"/>
      <c r="FUH708" s="613"/>
      <c r="FUI708" s="613"/>
      <c r="FUJ708" s="613"/>
      <c r="FUK708" s="613"/>
      <c r="FUL708" s="613"/>
      <c r="FUM708" s="613"/>
      <c r="FUN708" s="613"/>
      <c r="FUO708" s="613"/>
      <c r="FUP708" s="613"/>
      <c r="FUQ708" s="613"/>
      <c r="FUR708" s="613"/>
      <c r="FUS708" s="613"/>
      <c r="FUT708" s="613"/>
      <c r="FUU708" s="613"/>
      <c r="FUV708" s="613"/>
      <c r="FUW708" s="613"/>
      <c r="FUX708" s="613"/>
      <c r="FUY708" s="613"/>
      <c r="FUZ708" s="613"/>
      <c r="FVA708" s="613"/>
      <c r="FVB708" s="613"/>
      <c r="FVC708" s="613"/>
      <c r="FVD708" s="613"/>
      <c r="FVE708" s="613"/>
      <c r="FVF708" s="613"/>
      <c r="FVG708" s="613"/>
      <c r="FVH708" s="613"/>
      <c r="FVI708" s="613"/>
      <c r="FVJ708" s="613"/>
      <c r="FVK708" s="613"/>
      <c r="FVL708" s="613"/>
      <c r="FVM708" s="613"/>
      <c r="FVN708" s="613"/>
      <c r="FVO708" s="613"/>
      <c r="FVP708" s="613"/>
      <c r="FVQ708" s="613"/>
      <c r="FVR708" s="613"/>
      <c r="FVS708" s="613"/>
      <c r="FVT708" s="613"/>
      <c r="FVU708" s="613"/>
      <c r="FVV708" s="613"/>
      <c r="FVW708" s="613"/>
      <c r="FVX708" s="613"/>
      <c r="FVY708" s="613"/>
      <c r="FVZ708" s="613"/>
      <c r="FWA708" s="613"/>
      <c r="FWB708" s="613"/>
      <c r="FWC708" s="613"/>
      <c r="FWD708" s="613"/>
      <c r="FWE708" s="613"/>
      <c r="FWF708" s="613"/>
      <c r="FWG708" s="613"/>
      <c r="FWH708" s="613"/>
      <c r="FWI708" s="613"/>
      <c r="FWJ708" s="613"/>
      <c r="FWK708" s="613"/>
      <c r="FWL708" s="613"/>
      <c r="FWM708" s="613"/>
      <c r="FWN708" s="613"/>
      <c r="FWO708" s="613"/>
      <c r="FWP708" s="613"/>
      <c r="FWQ708" s="613"/>
      <c r="FWR708" s="613"/>
      <c r="FWS708" s="613"/>
      <c r="FWT708" s="613"/>
      <c r="FWU708" s="613"/>
      <c r="FWV708" s="613"/>
      <c r="FWW708" s="613"/>
      <c r="FWX708" s="613"/>
      <c r="FWY708" s="613"/>
      <c r="FWZ708" s="613"/>
      <c r="FXA708" s="613"/>
      <c r="FXB708" s="613"/>
      <c r="FXC708" s="613"/>
      <c r="FXD708" s="613"/>
      <c r="FXE708" s="613"/>
      <c r="FXF708" s="613"/>
      <c r="FXG708" s="613"/>
      <c r="FXH708" s="613"/>
      <c r="FXI708" s="613"/>
      <c r="FXJ708" s="613"/>
      <c r="FXK708" s="613"/>
      <c r="FXL708" s="613"/>
      <c r="FXM708" s="613"/>
      <c r="FXN708" s="613"/>
      <c r="FXO708" s="613"/>
      <c r="FXP708" s="613"/>
      <c r="FXQ708" s="613"/>
      <c r="FXR708" s="613"/>
      <c r="FXS708" s="613"/>
      <c r="FXT708" s="613"/>
      <c r="FXU708" s="613"/>
      <c r="FXV708" s="613"/>
      <c r="FXW708" s="613"/>
      <c r="FXX708" s="613"/>
      <c r="FXY708" s="613"/>
      <c r="FXZ708" s="613"/>
      <c r="FYA708" s="613"/>
      <c r="FYB708" s="613"/>
      <c r="FYC708" s="613"/>
      <c r="FYD708" s="613"/>
      <c r="FYE708" s="613"/>
      <c r="FYF708" s="613"/>
      <c r="FYG708" s="613"/>
      <c r="FYH708" s="613"/>
      <c r="FYI708" s="613"/>
      <c r="FYJ708" s="613"/>
      <c r="FYK708" s="613"/>
      <c r="FYL708" s="613"/>
      <c r="FYM708" s="613"/>
      <c r="FYN708" s="613"/>
      <c r="FYO708" s="613"/>
      <c r="FYP708" s="613"/>
      <c r="FYQ708" s="613"/>
      <c r="FYR708" s="613"/>
      <c r="FYS708" s="613"/>
      <c r="FYT708" s="613"/>
      <c r="FYU708" s="613"/>
      <c r="FYV708" s="613"/>
      <c r="FYW708" s="613"/>
      <c r="FYX708" s="613"/>
      <c r="FYY708" s="613"/>
      <c r="FYZ708" s="613"/>
      <c r="FZA708" s="613"/>
      <c r="FZB708" s="613"/>
      <c r="FZC708" s="613"/>
      <c r="FZD708" s="613"/>
      <c r="FZE708" s="613"/>
      <c r="FZF708" s="613"/>
      <c r="FZG708" s="613"/>
      <c r="FZH708" s="613"/>
      <c r="FZI708" s="613"/>
      <c r="FZJ708" s="613"/>
      <c r="FZK708" s="613"/>
      <c r="FZL708" s="613"/>
      <c r="FZM708" s="613"/>
      <c r="FZN708" s="613"/>
      <c r="FZO708" s="613"/>
      <c r="FZP708" s="613"/>
      <c r="FZQ708" s="613"/>
      <c r="FZR708" s="613"/>
      <c r="FZS708" s="613"/>
      <c r="FZT708" s="613"/>
      <c r="FZU708" s="613"/>
      <c r="FZV708" s="613"/>
      <c r="FZW708" s="613"/>
      <c r="FZX708" s="613"/>
      <c r="FZY708" s="613"/>
      <c r="FZZ708" s="613"/>
      <c r="GAA708" s="613"/>
      <c r="GAB708" s="613"/>
      <c r="GAC708" s="613"/>
      <c r="GAD708" s="613"/>
      <c r="GAE708" s="613"/>
      <c r="GAF708" s="613"/>
      <c r="GAG708" s="613"/>
      <c r="GAH708" s="613"/>
      <c r="GAI708" s="613"/>
      <c r="GAJ708" s="613"/>
      <c r="GAK708" s="613"/>
      <c r="GAL708" s="613"/>
      <c r="GAM708" s="613"/>
      <c r="GAN708" s="613"/>
      <c r="GAO708" s="613"/>
      <c r="GAP708" s="613"/>
      <c r="GAQ708" s="613"/>
      <c r="GAR708" s="613"/>
      <c r="GAS708" s="613"/>
      <c r="GAT708" s="613"/>
      <c r="GAU708" s="613"/>
      <c r="GAV708" s="613"/>
      <c r="GAW708" s="613"/>
      <c r="GAX708" s="613"/>
      <c r="GAY708" s="613"/>
      <c r="GAZ708" s="613"/>
      <c r="GBA708" s="613"/>
      <c r="GBB708" s="613"/>
      <c r="GBC708" s="613"/>
      <c r="GBD708" s="613"/>
      <c r="GBE708" s="613"/>
      <c r="GBF708" s="613"/>
      <c r="GBG708" s="613"/>
      <c r="GBH708" s="613"/>
      <c r="GBI708" s="613"/>
      <c r="GBJ708" s="613"/>
      <c r="GBK708" s="613"/>
      <c r="GBL708" s="613"/>
      <c r="GBM708" s="613"/>
      <c r="GBN708" s="613"/>
      <c r="GBO708" s="613"/>
      <c r="GBP708" s="613"/>
      <c r="GBQ708" s="613"/>
      <c r="GBR708" s="613"/>
      <c r="GBS708" s="613"/>
      <c r="GBT708" s="613"/>
      <c r="GBU708" s="613"/>
      <c r="GBV708" s="613"/>
      <c r="GBW708" s="613"/>
      <c r="GBX708" s="613"/>
      <c r="GBY708" s="613"/>
      <c r="GBZ708" s="613"/>
      <c r="GCA708" s="613"/>
      <c r="GCB708" s="613"/>
      <c r="GCC708" s="613"/>
      <c r="GCD708" s="613"/>
      <c r="GCE708" s="613"/>
      <c r="GCF708" s="613"/>
      <c r="GCG708" s="613"/>
      <c r="GCH708" s="613"/>
      <c r="GCI708" s="613"/>
      <c r="GCJ708" s="613"/>
      <c r="GCK708" s="613"/>
      <c r="GCL708" s="613"/>
      <c r="GCM708" s="613"/>
      <c r="GCN708" s="613"/>
      <c r="GCO708" s="613"/>
      <c r="GCP708" s="613"/>
      <c r="GCQ708" s="613"/>
      <c r="GCR708" s="613"/>
      <c r="GCS708" s="613"/>
      <c r="GCT708" s="613"/>
      <c r="GCU708" s="613"/>
      <c r="GCV708" s="613"/>
      <c r="GCW708" s="613"/>
      <c r="GCX708" s="613"/>
      <c r="GCY708" s="613"/>
      <c r="GCZ708" s="613"/>
      <c r="GDA708" s="613"/>
      <c r="GDB708" s="613"/>
      <c r="GDC708" s="613"/>
      <c r="GDD708" s="613"/>
      <c r="GDE708" s="613"/>
      <c r="GDF708" s="613"/>
      <c r="GDG708" s="613"/>
      <c r="GDH708" s="613"/>
      <c r="GDI708" s="613"/>
      <c r="GDJ708" s="613"/>
      <c r="GDK708" s="613"/>
      <c r="GDL708" s="613"/>
      <c r="GDM708" s="613"/>
      <c r="GDN708" s="613"/>
      <c r="GDO708" s="613"/>
      <c r="GDP708" s="613"/>
      <c r="GDQ708" s="613"/>
      <c r="GDR708" s="613"/>
      <c r="GDS708" s="613"/>
      <c r="GDT708" s="613"/>
      <c r="GDU708" s="613"/>
      <c r="GDV708" s="613"/>
      <c r="GDW708" s="613"/>
      <c r="GDX708" s="613"/>
      <c r="GDY708" s="613"/>
      <c r="GDZ708" s="613"/>
      <c r="GEA708" s="613"/>
      <c r="GEB708" s="613"/>
      <c r="GEC708" s="613"/>
      <c r="GED708" s="613"/>
      <c r="GEE708" s="613"/>
      <c r="GEF708" s="613"/>
      <c r="GEG708" s="613"/>
      <c r="GEH708" s="613"/>
      <c r="GEI708" s="613"/>
      <c r="GEJ708" s="613"/>
      <c r="GEK708" s="613"/>
      <c r="GEL708" s="613"/>
      <c r="GEM708" s="613"/>
      <c r="GEN708" s="613"/>
      <c r="GEO708" s="613"/>
      <c r="GEP708" s="613"/>
      <c r="GEQ708" s="613"/>
      <c r="GER708" s="613"/>
      <c r="GES708" s="613"/>
      <c r="GET708" s="613"/>
      <c r="GEU708" s="613"/>
      <c r="GEV708" s="613"/>
      <c r="GEW708" s="613"/>
      <c r="GEX708" s="613"/>
      <c r="GEY708" s="613"/>
      <c r="GEZ708" s="613"/>
      <c r="GFA708" s="613"/>
      <c r="GFB708" s="613"/>
      <c r="GFC708" s="613"/>
      <c r="GFD708" s="613"/>
      <c r="GFE708" s="613"/>
      <c r="GFF708" s="613"/>
      <c r="GFG708" s="613"/>
      <c r="GFH708" s="613"/>
      <c r="GFI708" s="613"/>
      <c r="GFJ708" s="613"/>
      <c r="GFK708" s="613"/>
      <c r="GFL708" s="613"/>
      <c r="GFM708" s="613"/>
      <c r="GFN708" s="613"/>
      <c r="GFO708" s="613"/>
      <c r="GFP708" s="613"/>
      <c r="GFQ708" s="613"/>
      <c r="GFR708" s="613"/>
      <c r="GFS708" s="613"/>
      <c r="GFT708" s="613"/>
      <c r="GFU708" s="613"/>
      <c r="GFV708" s="613"/>
      <c r="GFW708" s="613"/>
      <c r="GFX708" s="613"/>
      <c r="GFY708" s="613"/>
      <c r="GFZ708" s="613"/>
      <c r="GGA708" s="613"/>
      <c r="GGB708" s="613"/>
      <c r="GGC708" s="613"/>
      <c r="GGD708" s="613"/>
      <c r="GGE708" s="613"/>
      <c r="GGF708" s="613"/>
      <c r="GGG708" s="613"/>
      <c r="GGH708" s="613"/>
      <c r="GGI708" s="613"/>
      <c r="GGJ708" s="613"/>
      <c r="GGK708" s="613"/>
      <c r="GGL708" s="613"/>
      <c r="GGM708" s="613"/>
      <c r="GGN708" s="613"/>
      <c r="GGO708" s="613"/>
      <c r="GGP708" s="613"/>
      <c r="GGQ708" s="613"/>
      <c r="GGR708" s="613"/>
      <c r="GGS708" s="613"/>
      <c r="GGT708" s="613"/>
      <c r="GGU708" s="613"/>
      <c r="GGV708" s="613"/>
      <c r="GGW708" s="613"/>
      <c r="GGX708" s="613"/>
      <c r="GGY708" s="613"/>
      <c r="GGZ708" s="613"/>
      <c r="GHA708" s="613"/>
      <c r="GHB708" s="613"/>
      <c r="GHC708" s="613"/>
      <c r="GHD708" s="613"/>
      <c r="GHE708" s="613"/>
      <c r="GHF708" s="613"/>
      <c r="GHG708" s="613"/>
      <c r="GHH708" s="613"/>
      <c r="GHI708" s="613"/>
      <c r="GHJ708" s="613"/>
      <c r="GHK708" s="613"/>
      <c r="GHL708" s="613"/>
      <c r="GHM708" s="613"/>
      <c r="GHN708" s="613"/>
      <c r="GHO708" s="613"/>
      <c r="GHP708" s="613"/>
      <c r="GHQ708" s="613"/>
      <c r="GHR708" s="613"/>
      <c r="GHS708" s="613"/>
      <c r="GHT708" s="613"/>
      <c r="GHU708" s="613"/>
      <c r="GHV708" s="613"/>
      <c r="GHW708" s="613"/>
      <c r="GHX708" s="613"/>
      <c r="GHY708" s="613"/>
      <c r="GHZ708" s="613"/>
      <c r="GIA708" s="613"/>
      <c r="GIB708" s="613"/>
      <c r="GIC708" s="613"/>
      <c r="GID708" s="613"/>
      <c r="GIE708" s="613"/>
      <c r="GIF708" s="613"/>
      <c r="GIG708" s="613"/>
      <c r="GIH708" s="613"/>
      <c r="GII708" s="613"/>
      <c r="GIJ708" s="613"/>
      <c r="GIK708" s="613"/>
      <c r="GIL708" s="613"/>
      <c r="GIM708" s="613"/>
      <c r="GIN708" s="613"/>
      <c r="GIO708" s="613"/>
      <c r="GIP708" s="613"/>
      <c r="GIQ708" s="613"/>
      <c r="GIR708" s="613"/>
      <c r="GIS708" s="613"/>
      <c r="GIT708" s="613"/>
      <c r="GIU708" s="613"/>
      <c r="GIV708" s="613"/>
      <c r="GIW708" s="613"/>
      <c r="GIX708" s="613"/>
      <c r="GIY708" s="613"/>
      <c r="GIZ708" s="613"/>
      <c r="GJA708" s="613"/>
      <c r="GJB708" s="613"/>
      <c r="GJC708" s="613"/>
      <c r="GJD708" s="613"/>
      <c r="GJE708" s="613"/>
      <c r="GJF708" s="613"/>
      <c r="GJG708" s="613"/>
      <c r="GJH708" s="613"/>
      <c r="GJI708" s="613"/>
      <c r="GJJ708" s="613"/>
      <c r="GJK708" s="613"/>
      <c r="GJL708" s="613"/>
      <c r="GJM708" s="613"/>
      <c r="GJN708" s="613"/>
      <c r="GJO708" s="613"/>
      <c r="GJP708" s="613"/>
      <c r="GJQ708" s="613"/>
      <c r="GJR708" s="613"/>
      <c r="GJS708" s="613"/>
      <c r="GJT708" s="613"/>
      <c r="GJU708" s="613"/>
      <c r="GJV708" s="613"/>
      <c r="GJW708" s="613"/>
      <c r="GJX708" s="613"/>
      <c r="GJY708" s="613"/>
      <c r="GJZ708" s="613"/>
      <c r="GKA708" s="613"/>
      <c r="GKB708" s="613"/>
      <c r="GKC708" s="613"/>
      <c r="GKD708" s="613"/>
      <c r="GKE708" s="613"/>
      <c r="GKF708" s="613"/>
      <c r="GKG708" s="613"/>
      <c r="GKH708" s="613"/>
      <c r="GKI708" s="613"/>
      <c r="GKJ708" s="613"/>
      <c r="GKK708" s="613"/>
      <c r="GKL708" s="613"/>
      <c r="GKM708" s="613"/>
      <c r="GKN708" s="613"/>
      <c r="GKO708" s="613"/>
      <c r="GKP708" s="613"/>
      <c r="GKQ708" s="613"/>
      <c r="GKR708" s="613"/>
      <c r="GKS708" s="613"/>
      <c r="GKT708" s="613"/>
      <c r="GKU708" s="613"/>
      <c r="GKV708" s="613"/>
      <c r="GKW708" s="613"/>
      <c r="GKX708" s="613"/>
      <c r="GKY708" s="613"/>
      <c r="GKZ708" s="613"/>
      <c r="GLA708" s="613"/>
      <c r="GLB708" s="613"/>
      <c r="GLC708" s="613"/>
      <c r="GLD708" s="613"/>
      <c r="GLE708" s="613"/>
      <c r="GLF708" s="613"/>
      <c r="GLG708" s="613"/>
      <c r="GLH708" s="613"/>
      <c r="GLI708" s="613"/>
      <c r="GLJ708" s="613"/>
      <c r="GLK708" s="613"/>
      <c r="GLL708" s="613"/>
      <c r="GLM708" s="613"/>
      <c r="GLN708" s="613"/>
      <c r="GLO708" s="613"/>
      <c r="GLP708" s="613"/>
      <c r="GLQ708" s="613"/>
      <c r="GLR708" s="613"/>
      <c r="GLS708" s="613"/>
      <c r="GLT708" s="613"/>
      <c r="GLU708" s="613"/>
      <c r="GLV708" s="613"/>
      <c r="GLW708" s="613"/>
      <c r="GLX708" s="613"/>
      <c r="GLY708" s="613"/>
      <c r="GLZ708" s="613"/>
      <c r="GMA708" s="613"/>
      <c r="GMB708" s="613"/>
      <c r="GMC708" s="613"/>
      <c r="GMD708" s="613"/>
      <c r="GME708" s="613"/>
      <c r="GMF708" s="613"/>
      <c r="GMG708" s="613"/>
      <c r="GMH708" s="613"/>
      <c r="GMI708" s="613"/>
      <c r="GMJ708" s="613"/>
      <c r="GMK708" s="613"/>
      <c r="GML708" s="613"/>
      <c r="GMM708" s="613"/>
      <c r="GMN708" s="613"/>
      <c r="GMO708" s="613"/>
      <c r="GMP708" s="613"/>
      <c r="GMQ708" s="613"/>
      <c r="GMR708" s="613"/>
      <c r="GMS708" s="613"/>
      <c r="GMT708" s="613"/>
      <c r="GMU708" s="613"/>
      <c r="GMV708" s="613"/>
      <c r="GMW708" s="613"/>
      <c r="GMX708" s="613"/>
      <c r="GMY708" s="613"/>
      <c r="GMZ708" s="613"/>
      <c r="GNA708" s="613"/>
      <c r="GNB708" s="613"/>
      <c r="GNC708" s="613"/>
      <c r="GND708" s="613"/>
      <c r="GNE708" s="613"/>
      <c r="GNF708" s="613"/>
      <c r="GNG708" s="613"/>
      <c r="GNH708" s="613"/>
      <c r="GNI708" s="613"/>
      <c r="GNJ708" s="613"/>
      <c r="GNK708" s="613"/>
      <c r="GNL708" s="613"/>
      <c r="GNM708" s="613"/>
      <c r="GNN708" s="613"/>
      <c r="GNO708" s="613"/>
      <c r="GNP708" s="613"/>
      <c r="GNQ708" s="613"/>
      <c r="GNR708" s="613"/>
      <c r="GNS708" s="613"/>
      <c r="GNT708" s="613"/>
      <c r="GNU708" s="613"/>
      <c r="GNV708" s="613"/>
      <c r="GNW708" s="613"/>
      <c r="GNX708" s="613"/>
      <c r="GNY708" s="613"/>
      <c r="GNZ708" s="613"/>
      <c r="GOA708" s="613"/>
      <c r="GOB708" s="613"/>
      <c r="GOC708" s="613"/>
      <c r="GOD708" s="613"/>
      <c r="GOE708" s="613"/>
      <c r="GOF708" s="613"/>
      <c r="GOG708" s="613"/>
      <c r="GOH708" s="613"/>
      <c r="GOI708" s="613"/>
      <c r="GOJ708" s="613"/>
      <c r="GOK708" s="613"/>
      <c r="GOL708" s="613"/>
      <c r="GOM708" s="613"/>
      <c r="GON708" s="613"/>
      <c r="GOO708" s="613"/>
      <c r="GOP708" s="613"/>
      <c r="GOQ708" s="613"/>
      <c r="GOR708" s="613"/>
      <c r="GOS708" s="613"/>
      <c r="GOT708" s="613"/>
      <c r="GOU708" s="613"/>
      <c r="GOV708" s="613"/>
      <c r="GOW708" s="613"/>
      <c r="GOX708" s="613"/>
      <c r="GOY708" s="613"/>
      <c r="GOZ708" s="613"/>
      <c r="GPA708" s="613"/>
      <c r="GPB708" s="613"/>
      <c r="GPC708" s="613"/>
      <c r="GPD708" s="613"/>
      <c r="GPE708" s="613"/>
      <c r="GPF708" s="613"/>
      <c r="GPG708" s="613"/>
      <c r="GPH708" s="613"/>
      <c r="GPI708" s="613"/>
      <c r="GPJ708" s="613"/>
      <c r="GPK708" s="613"/>
      <c r="GPL708" s="613"/>
      <c r="GPM708" s="613"/>
      <c r="GPN708" s="613"/>
      <c r="GPO708" s="613"/>
      <c r="GPP708" s="613"/>
      <c r="GPQ708" s="613"/>
      <c r="GPR708" s="613"/>
      <c r="GPS708" s="613"/>
      <c r="GPT708" s="613"/>
      <c r="GPU708" s="613"/>
      <c r="GPV708" s="613"/>
      <c r="GPW708" s="613"/>
      <c r="GPX708" s="613"/>
      <c r="GPY708" s="613"/>
      <c r="GPZ708" s="613"/>
      <c r="GQA708" s="613"/>
      <c r="GQB708" s="613"/>
      <c r="GQC708" s="613"/>
      <c r="GQD708" s="613"/>
      <c r="GQE708" s="613"/>
      <c r="GQF708" s="613"/>
      <c r="GQG708" s="613"/>
      <c r="GQH708" s="613"/>
      <c r="GQI708" s="613"/>
      <c r="GQJ708" s="613"/>
      <c r="GQK708" s="613"/>
      <c r="GQL708" s="613"/>
      <c r="GQM708" s="613"/>
      <c r="GQN708" s="613"/>
      <c r="GQO708" s="613"/>
      <c r="GQP708" s="613"/>
      <c r="GQQ708" s="613"/>
      <c r="GQR708" s="613"/>
      <c r="GQS708" s="613"/>
      <c r="GQT708" s="613"/>
      <c r="GQU708" s="613"/>
      <c r="GQV708" s="613"/>
      <c r="GQW708" s="613"/>
      <c r="GQX708" s="613"/>
      <c r="GQY708" s="613"/>
      <c r="GQZ708" s="613"/>
      <c r="GRA708" s="613"/>
      <c r="GRB708" s="613"/>
      <c r="GRC708" s="613"/>
      <c r="GRD708" s="613"/>
      <c r="GRE708" s="613"/>
      <c r="GRF708" s="613"/>
      <c r="GRG708" s="613"/>
      <c r="GRH708" s="613"/>
      <c r="GRI708" s="613"/>
      <c r="GRJ708" s="613"/>
      <c r="GRK708" s="613"/>
      <c r="GRL708" s="613"/>
      <c r="GRM708" s="613"/>
      <c r="GRN708" s="613"/>
      <c r="GRO708" s="613"/>
      <c r="GRP708" s="613"/>
      <c r="GRQ708" s="613"/>
      <c r="GRR708" s="613"/>
      <c r="GRS708" s="613"/>
      <c r="GRT708" s="613"/>
      <c r="GRU708" s="613"/>
      <c r="GRV708" s="613"/>
      <c r="GRW708" s="613"/>
      <c r="GRX708" s="613"/>
      <c r="GRY708" s="613"/>
      <c r="GRZ708" s="613"/>
      <c r="GSA708" s="613"/>
      <c r="GSB708" s="613"/>
      <c r="GSC708" s="613"/>
      <c r="GSD708" s="613"/>
      <c r="GSE708" s="613"/>
      <c r="GSF708" s="613"/>
      <c r="GSG708" s="613"/>
      <c r="GSH708" s="613"/>
      <c r="GSI708" s="613"/>
      <c r="GSJ708" s="613"/>
      <c r="GSK708" s="613"/>
      <c r="GSL708" s="613"/>
      <c r="GSM708" s="613"/>
      <c r="GSN708" s="613"/>
      <c r="GSO708" s="613"/>
      <c r="GSP708" s="613"/>
      <c r="GSQ708" s="613"/>
      <c r="GSR708" s="613"/>
      <c r="GSS708" s="613"/>
      <c r="GST708" s="613"/>
      <c r="GSU708" s="613"/>
      <c r="GSV708" s="613"/>
      <c r="GSW708" s="613"/>
      <c r="GSX708" s="613"/>
      <c r="GSY708" s="613"/>
      <c r="GSZ708" s="613"/>
      <c r="GTA708" s="613"/>
      <c r="GTB708" s="613"/>
      <c r="GTC708" s="613"/>
      <c r="GTD708" s="613"/>
      <c r="GTE708" s="613"/>
      <c r="GTF708" s="613"/>
      <c r="GTG708" s="613"/>
      <c r="GTH708" s="613"/>
      <c r="GTI708" s="613"/>
      <c r="GTJ708" s="613"/>
      <c r="GTK708" s="613"/>
      <c r="GTL708" s="613"/>
      <c r="GTM708" s="613"/>
      <c r="GTN708" s="613"/>
      <c r="GTO708" s="613"/>
      <c r="GTP708" s="613"/>
      <c r="GTQ708" s="613"/>
      <c r="GTR708" s="613"/>
      <c r="GTS708" s="613"/>
      <c r="GTT708" s="613"/>
      <c r="GTU708" s="613"/>
      <c r="GTV708" s="613"/>
      <c r="GTW708" s="613"/>
      <c r="GTX708" s="613"/>
      <c r="GTY708" s="613"/>
      <c r="GTZ708" s="613"/>
      <c r="GUA708" s="613"/>
      <c r="GUB708" s="613"/>
      <c r="GUC708" s="613"/>
      <c r="GUD708" s="613"/>
      <c r="GUE708" s="613"/>
      <c r="GUF708" s="613"/>
      <c r="GUG708" s="613"/>
      <c r="GUH708" s="613"/>
      <c r="GUI708" s="613"/>
      <c r="GUJ708" s="613"/>
      <c r="GUK708" s="613"/>
      <c r="GUL708" s="613"/>
      <c r="GUM708" s="613"/>
      <c r="GUN708" s="613"/>
      <c r="GUO708" s="613"/>
      <c r="GUP708" s="613"/>
      <c r="GUQ708" s="613"/>
      <c r="GUR708" s="613"/>
      <c r="GUS708" s="613"/>
      <c r="GUT708" s="613"/>
      <c r="GUU708" s="613"/>
      <c r="GUV708" s="613"/>
      <c r="GUW708" s="613"/>
      <c r="GUX708" s="613"/>
      <c r="GUY708" s="613"/>
      <c r="GUZ708" s="613"/>
      <c r="GVA708" s="613"/>
      <c r="GVB708" s="613"/>
      <c r="GVC708" s="613"/>
      <c r="GVD708" s="613"/>
      <c r="GVE708" s="613"/>
      <c r="GVF708" s="613"/>
      <c r="GVG708" s="613"/>
      <c r="GVH708" s="613"/>
      <c r="GVI708" s="613"/>
      <c r="GVJ708" s="613"/>
      <c r="GVK708" s="613"/>
      <c r="GVL708" s="613"/>
      <c r="GVM708" s="613"/>
      <c r="GVN708" s="613"/>
      <c r="GVO708" s="613"/>
      <c r="GVP708" s="613"/>
      <c r="GVQ708" s="613"/>
      <c r="GVR708" s="613"/>
      <c r="GVS708" s="613"/>
      <c r="GVT708" s="613"/>
      <c r="GVU708" s="613"/>
      <c r="GVV708" s="613"/>
      <c r="GVW708" s="613"/>
      <c r="GVX708" s="613"/>
      <c r="GVY708" s="613"/>
      <c r="GVZ708" s="613"/>
      <c r="GWA708" s="613"/>
      <c r="GWB708" s="613"/>
      <c r="GWC708" s="613"/>
      <c r="GWD708" s="613"/>
      <c r="GWE708" s="613"/>
      <c r="GWF708" s="613"/>
      <c r="GWG708" s="613"/>
      <c r="GWH708" s="613"/>
      <c r="GWI708" s="613"/>
      <c r="GWJ708" s="613"/>
      <c r="GWK708" s="613"/>
      <c r="GWL708" s="613"/>
      <c r="GWM708" s="613"/>
      <c r="GWN708" s="613"/>
      <c r="GWO708" s="613"/>
      <c r="GWP708" s="613"/>
      <c r="GWQ708" s="613"/>
      <c r="GWR708" s="613"/>
      <c r="GWS708" s="613"/>
      <c r="GWT708" s="613"/>
      <c r="GWU708" s="613"/>
      <c r="GWV708" s="613"/>
      <c r="GWW708" s="613"/>
      <c r="GWX708" s="613"/>
      <c r="GWY708" s="613"/>
      <c r="GWZ708" s="613"/>
      <c r="GXA708" s="613"/>
      <c r="GXB708" s="613"/>
      <c r="GXC708" s="613"/>
      <c r="GXD708" s="613"/>
      <c r="GXE708" s="613"/>
      <c r="GXF708" s="613"/>
      <c r="GXG708" s="613"/>
      <c r="GXH708" s="613"/>
      <c r="GXI708" s="613"/>
      <c r="GXJ708" s="613"/>
      <c r="GXK708" s="613"/>
      <c r="GXL708" s="613"/>
      <c r="GXM708" s="613"/>
      <c r="GXN708" s="613"/>
      <c r="GXO708" s="613"/>
      <c r="GXP708" s="613"/>
      <c r="GXQ708" s="613"/>
      <c r="GXR708" s="613"/>
      <c r="GXS708" s="613"/>
      <c r="GXT708" s="613"/>
      <c r="GXU708" s="613"/>
      <c r="GXV708" s="613"/>
      <c r="GXW708" s="613"/>
      <c r="GXX708" s="613"/>
      <c r="GXY708" s="613"/>
      <c r="GXZ708" s="613"/>
      <c r="GYA708" s="613"/>
      <c r="GYB708" s="613"/>
      <c r="GYC708" s="613"/>
      <c r="GYD708" s="613"/>
      <c r="GYE708" s="613"/>
      <c r="GYF708" s="613"/>
      <c r="GYG708" s="613"/>
      <c r="GYH708" s="613"/>
      <c r="GYI708" s="613"/>
      <c r="GYJ708" s="613"/>
      <c r="GYK708" s="613"/>
      <c r="GYL708" s="613"/>
      <c r="GYM708" s="613"/>
      <c r="GYN708" s="613"/>
      <c r="GYO708" s="613"/>
      <c r="GYP708" s="613"/>
      <c r="GYQ708" s="613"/>
      <c r="GYR708" s="613"/>
      <c r="GYS708" s="613"/>
      <c r="GYT708" s="613"/>
      <c r="GYU708" s="613"/>
      <c r="GYV708" s="613"/>
      <c r="GYW708" s="613"/>
      <c r="GYX708" s="613"/>
      <c r="GYY708" s="613"/>
      <c r="GYZ708" s="613"/>
      <c r="GZA708" s="613"/>
      <c r="GZB708" s="613"/>
      <c r="GZC708" s="613"/>
      <c r="GZD708" s="613"/>
      <c r="GZE708" s="613"/>
      <c r="GZF708" s="613"/>
      <c r="GZG708" s="613"/>
      <c r="GZH708" s="613"/>
      <c r="GZI708" s="613"/>
      <c r="GZJ708" s="613"/>
      <c r="GZK708" s="613"/>
      <c r="GZL708" s="613"/>
      <c r="GZM708" s="613"/>
      <c r="GZN708" s="613"/>
      <c r="GZO708" s="613"/>
      <c r="GZP708" s="613"/>
      <c r="GZQ708" s="613"/>
      <c r="GZR708" s="613"/>
      <c r="GZS708" s="613"/>
      <c r="GZT708" s="613"/>
      <c r="GZU708" s="613"/>
      <c r="GZV708" s="613"/>
      <c r="GZW708" s="613"/>
      <c r="GZX708" s="613"/>
      <c r="GZY708" s="613"/>
      <c r="GZZ708" s="613"/>
      <c r="HAA708" s="613"/>
      <c r="HAB708" s="613"/>
      <c r="HAC708" s="613"/>
      <c r="HAD708" s="613"/>
      <c r="HAE708" s="613"/>
      <c r="HAF708" s="613"/>
      <c r="HAG708" s="613"/>
      <c r="HAH708" s="613"/>
      <c r="HAI708" s="613"/>
      <c r="HAJ708" s="613"/>
      <c r="HAK708" s="613"/>
      <c r="HAL708" s="613"/>
      <c r="HAM708" s="613"/>
      <c r="HAN708" s="613"/>
      <c r="HAO708" s="613"/>
      <c r="HAP708" s="613"/>
      <c r="HAQ708" s="613"/>
      <c r="HAR708" s="613"/>
      <c r="HAS708" s="613"/>
      <c r="HAT708" s="613"/>
      <c r="HAU708" s="613"/>
      <c r="HAV708" s="613"/>
      <c r="HAW708" s="613"/>
      <c r="HAX708" s="613"/>
      <c r="HAY708" s="613"/>
      <c r="HAZ708" s="613"/>
      <c r="HBA708" s="613"/>
      <c r="HBB708" s="613"/>
      <c r="HBC708" s="613"/>
      <c r="HBD708" s="613"/>
      <c r="HBE708" s="613"/>
      <c r="HBF708" s="613"/>
      <c r="HBG708" s="613"/>
      <c r="HBH708" s="613"/>
      <c r="HBI708" s="613"/>
      <c r="HBJ708" s="613"/>
      <c r="HBK708" s="613"/>
      <c r="HBL708" s="613"/>
      <c r="HBM708" s="613"/>
      <c r="HBN708" s="613"/>
      <c r="HBO708" s="613"/>
      <c r="HBP708" s="613"/>
      <c r="HBQ708" s="613"/>
      <c r="HBR708" s="613"/>
      <c r="HBS708" s="613"/>
      <c r="HBT708" s="613"/>
      <c r="HBU708" s="613"/>
      <c r="HBV708" s="613"/>
      <c r="HBW708" s="613"/>
      <c r="HBX708" s="613"/>
      <c r="HBY708" s="613"/>
      <c r="HBZ708" s="613"/>
      <c r="HCA708" s="613"/>
      <c r="HCB708" s="613"/>
      <c r="HCC708" s="613"/>
      <c r="HCD708" s="613"/>
      <c r="HCE708" s="613"/>
      <c r="HCF708" s="613"/>
      <c r="HCG708" s="613"/>
      <c r="HCH708" s="613"/>
      <c r="HCI708" s="613"/>
      <c r="HCJ708" s="613"/>
      <c r="HCK708" s="613"/>
      <c r="HCL708" s="613"/>
      <c r="HCM708" s="613"/>
      <c r="HCN708" s="613"/>
      <c r="HCO708" s="613"/>
      <c r="HCP708" s="613"/>
      <c r="HCQ708" s="613"/>
      <c r="HCR708" s="613"/>
      <c r="HCS708" s="613"/>
      <c r="HCT708" s="613"/>
      <c r="HCU708" s="613"/>
      <c r="HCV708" s="613"/>
      <c r="HCW708" s="613"/>
      <c r="HCX708" s="613"/>
      <c r="HCY708" s="613"/>
      <c r="HCZ708" s="613"/>
      <c r="HDA708" s="613"/>
      <c r="HDB708" s="613"/>
      <c r="HDC708" s="613"/>
      <c r="HDD708" s="613"/>
      <c r="HDE708" s="613"/>
      <c r="HDF708" s="613"/>
      <c r="HDG708" s="613"/>
      <c r="HDH708" s="613"/>
      <c r="HDI708" s="613"/>
      <c r="HDJ708" s="613"/>
      <c r="HDK708" s="613"/>
      <c r="HDL708" s="613"/>
      <c r="HDM708" s="613"/>
      <c r="HDN708" s="613"/>
      <c r="HDO708" s="613"/>
      <c r="HDP708" s="613"/>
      <c r="HDQ708" s="613"/>
      <c r="HDR708" s="613"/>
      <c r="HDS708" s="613"/>
      <c r="HDT708" s="613"/>
      <c r="HDU708" s="613"/>
      <c r="HDV708" s="613"/>
      <c r="HDW708" s="613"/>
      <c r="HDX708" s="613"/>
      <c r="HDY708" s="613"/>
      <c r="HDZ708" s="613"/>
      <c r="HEA708" s="613"/>
      <c r="HEB708" s="613"/>
      <c r="HEC708" s="613"/>
      <c r="HED708" s="613"/>
      <c r="HEE708" s="613"/>
      <c r="HEF708" s="613"/>
      <c r="HEG708" s="613"/>
      <c r="HEH708" s="613"/>
      <c r="HEI708" s="613"/>
      <c r="HEJ708" s="613"/>
      <c r="HEK708" s="613"/>
      <c r="HEL708" s="613"/>
      <c r="HEM708" s="613"/>
      <c r="HEN708" s="613"/>
      <c r="HEO708" s="613"/>
      <c r="HEP708" s="613"/>
      <c r="HEQ708" s="613"/>
      <c r="HER708" s="613"/>
      <c r="HES708" s="613"/>
      <c r="HET708" s="613"/>
      <c r="HEU708" s="613"/>
      <c r="HEV708" s="613"/>
      <c r="HEW708" s="613"/>
      <c r="HEX708" s="613"/>
      <c r="HEY708" s="613"/>
      <c r="HEZ708" s="613"/>
      <c r="HFA708" s="613"/>
      <c r="HFB708" s="613"/>
      <c r="HFC708" s="613"/>
      <c r="HFD708" s="613"/>
      <c r="HFE708" s="613"/>
      <c r="HFF708" s="613"/>
      <c r="HFG708" s="613"/>
      <c r="HFH708" s="613"/>
      <c r="HFI708" s="613"/>
      <c r="HFJ708" s="613"/>
      <c r="HFK708" s="613"/>
      <c r="HFL708" s="613"/>
      <c r="HFM708" s="613"/>
      <c r="HFN708" s="613"/>
      <c r="HFO708" s="613"/>
      <c r="HFP708" s="613"/>
      <c r="HFQ708" s="613"/>
      <c r="HFR708" s="613"/>
      <c r="HFS708" s="613"/>
      <c r="HFT708" s="613"/>
      <c r="HFU708" s="613"/>
      <c r="HFV708" s="613"/>
      <c r="HFW708" s="613"/>
      <c r="HFX708" s="613"/>
      <c r="HFY708" s="613"/>
      <c r="HFZ708" s="613"/>
      <c r="HGA708" s="613"/>
      <c r="HGB708" s="613"/>
      <c r="HGC708" s="613"/>
      <c r="HGD708" s="613"/>
      <c r="HGE708" s="613"/>
      <c r="HGF708" s="613"/>
      <c r="HGG708" s="613"/>
      <c r="HGH708" s="613"/>
      <c r="HGI708" s="613"/>
      <c r="HGJ708" s="613"/>
      <c r="HGK708" s="613"/>
      <c r="HGL708" s="613"/>
      <c r="HGM708" s="613"/>
      <c r="HGN708" s="613"/>
      <c r="HGO708" s="613"/>
      <c r="HGP708" s="613"/>
      <c r="HGQ708" s="613"/>
      <c r="HGR708" s="613"/>
      <c r="HGS708" s="613"/>
      <c r="HGT708" s="613"/>
      <c r="HGU708" s="613"/>
      <c r="HGV708" s="613"/>
      <c r="HGW708" s="613"/>
      <c r="HGX708" s="613"/>
      <c r="HGY708" s="613"/>
      <c r="HGZ708" s="613"/>
      <c r="HHA708" s="613"/>
      <c r="HHB708" s="613"/>
      <c r="HHC708" s="613"/>
      <c r="HHD708" s="613"/>
      <c r="HHE708" s="613"/>
      <c r="HHF708" s="613"/>
      <c r="HHG708" s="613"/>
      <c r="HHH708" s="613"/>
      <c r="HHI708" s="613"/>
      <c r="HHJ708" s="613"/>
      <c r="HHK708" s="613"/>
      <c r="HHL708" s="613"/>
      <c r="HHM708" s="613"/>
      <c r="HHN708" s="613"/>
      <c r="HHO708" s="613"/>
      <c r="HHP708" s="613"/>
      <c r="HHQ708" s="613"/>
      <c r="HHR708" s="613"/>
      <c r="HHS708" s="613"/>
      <c r="HHT708" s="613"/>
      <c r="HHU708" s="613"/>
      <c r="HHV708" s="613"/>
      <c r="HHW708" s="613"/>
      <c r="HHX708" s="613"/>
      <c r="HHY708" s="613"/>
      <c r="HHZ708" s="613"/>
      <c r="HIA708" s="613"/>
      <c r="HIB708" s="613"/>
      <c r="HIC708" s="613"/>
      <c r="HID708" s="613"/>
      <c r="HIE708" s="613"/>
      <c r="HIF708" s="613"/>
      <c r="HIG708" s="613"/>
      <c r="HIH708" s="613"/>
      <c r="HII708" s="613"/>
      <c r="HIJ708" s="613"/>
      <c r="HIK708" s="613"/>
      <c r="HIL708" s="613"/>
      <c r="HIM708" s="613"/>
      <c r="HIN708" s="613"/>
      <c r="HIO708" s="613"/>
      <c r="HIP708" s="613"/>
      <c r="HIQ708" s="613"/>
      <c r="HIR708" s="613"/>
      <c r="HIS708" s="613"/>
      <c r="HIT708" s="613"/>
      <c r="HIU708" s="613"/>
      <c r="HIV708" s="613"/>
      <c r="HIW708" s="613"/>
      <c r="HIX708" s="613"/>
      <c r="HIY708" s="613"/>
      <c r="HIZ708" s="613"/>
      <c r="HJA708" s="613"/>
      <c r="HJB708" s="613"/>
      <c r="HJC708" s="613"/>
      <c r="HJD708" s="613"/>
      <c r="HJE708" s="613"/>
      <c r="HJF708" s="613"/>
      <c r="HJG708" s="613"/>
      <c r="HJH708" s="613"/>
      <c r="HJI708" s="613"/>
      <c r="HJJ708" s="613"/>
      <c r="HJK708" s="613"/>
      <c r="HJL708" s="613"/>
      <c r="HJM708" s="613"/>
      <c r="HJN708" s="613"/>
      <c r="HJO708" s="613"/>
      <c r="HJP708" s="613"/>
      <c r="HJQ708" s="613"/>
      <c r="HJR708" s="613"/>
      <c r="HJS708" s="613"/>
      <c r="HJT708" s="613"/>
      <c r="HJU708" s="613"/>
      <c r="HJV708" s="613"/>
      <c r="HJW708" s="613"/>
      <c r="HJX708" s="613"/>
      <c r="HJY708" s="613"/>
      <c r="HJZ708" s="613"/>
      <c r="HKA708" s="613"/>
      <c r="HKB708" s="613"/>
      <c r="HKC708" s="613"/>
      <c r="HKD708" s="613"/>
      <c r="HKE708" s="613"/>
      <c r="HKF708" s="613"/>
      <c r="HKG708" s="613"/>
      <c r="HKH708" s="613"/>
      <c r="HKI708" s="613"/>
      <c r="HKJ708" s="613"/>
      <c r="HKK708" s="613"/>
      <c r="HKL708" s="613"/>
      <c r="HKM708" s="613"/>
      <c r="HKN708" s="613"/>
      <c r="HKO708" s="613"/>
      <c r="HKP708" s="613"/>
      <c r="HKQ708" s="613"/>
      <c r="HKR708" s="613"/>
      <c r="HKS708" s="613"/>
      <c r="HKT708" s="613"/>
      <c r="HKU708" s="613"/>
      <c r="HKV708" s="613"/>
      <c r="HKW708" s="613"/>
      <c r="HKX708" s="613"/>
      <c r="HKY708" s="613"/>
      <c r="HKZ708" s="613"/>
      <c r="HLA708" s="613"/>
      <c r="HLB708" s="613"/>
      <c r="HLC708" s="613"/>
      <c r="HLD708" s="613"/>
      <c r="HLE708" s="613"/>
      <c r="HLF708" s="613"/>
      <c r="HLG708" s="613"/>
      <c r="HLH708" s="613"/>
      <c r="HLI708" s="613"/>
      <c r="HLJ708" s="613"/>
      <c r="HLK708" s="613"/>
      <c r="HLL708" s="613"/>
      <c r="HLM708" s="613"/>
      <c r="HLN708" s="613"/>
      <c r="HLO708" s="613"/>
      <c r="HLP708" s="613"/>
      <c r="HLQ708" s="613"/>
      <c r="HLR708" s="613"/>
      <c r="HLS708" s="613"/>
      <c r="HLT708" s="613"/>
      <c r="HLU708" s="613"/>
      <c r="HLV708" s="613"/>
      <c r="HLW708" s="613"/>
      <c r="HLX708" s="613"/>
      <c r="HLY708" s="613"/>
      <c r="HLZ708" s="613"/>
      <c r="HMA708" s="613"/>
      <c r="HMB708" s="613"/>
      <c r="HMC708" s="613"/>
      <c r="HMD708" s="613"/>
      <c r="HME708" s="613"/>
      <c r="HMF708" s="613"/>
      <c r="HMG708" s="613"/>
      <c r="HMH708" s="613"/>
      <c r="HMI708" s="613"/>
      <c r="HMJ708" s="613"/>
      <c r="HMK708" s="613"/>
      <c r="HML708" s="613"/>
      <c r="HMM708" s="613"/>
      <c r="HMN708" s="613"/>
      <c r="HMO708" s="613"/>
      <c r="HMP708" s="613"/>
      <c r="HMQ708" s="613"/>
      <c r="HMR708" s="613"/>
      <c r="HMS708" s="613"/>
      <c r="HMT708" s="613"/>
      <c r="HMU708" s="613"/>
      <c r="HMV708" s="613"/>
      <c r="HMW708" s="613"/>
      <c r="HMX708" s="613"/>
      <c r="HMY708" s="613"/>
      <c r="HMZ708" s="613"/>
      <c r="HNA708" s="613"/>
      <c r="HNB708" s="613"/>
      <c r="HNC708" s="613"/>
      <c r="HND708" s="613"/>
      <c r="HNE708" s="613"/>
      <c r="HNF708" s="613"/>
      <c r="HNG708" s="613"/>
      <c r="HNH708" s="613"/>
      <c r="HNI708" s="613"/>
      <c r="HNJ708" s="613"/>
      <c r="HNK708" s="613"/>
      <c r="HNL708" s="613"/>
      <c r="HNM708" s="613"/>
      <c r="HNN708" s="613"/>
      <c r="HNO708" s="613"/>
      <c r="HNP708" s="613"/>
      <c r="HNQ708" s="613"/>
      <c r="HNR708" s="613"/>
      <c r="HNS708" s="613"/>
      <c r="HNT708" s="613"/>
      <c r="HNU708" s="613"/>
      <c r="HNV708" s="613"/>
      <c r="HNW708" s="613"/>
      <c r="HNX708" s="613"/>
      <c r="HNY708" s="613"/>
      <c r="HNZ708" s="613"/>
      <c r="HOA708" s="613"/>
      <c r="HOB708" s="613"/>
      <c r="HOC708" s="613"/>
      <c r="HOD708" s="613"/>
      <c r="HOE708" s="613"/>
      <c r="HOF708" s="613"/>
      <c r="HOG708" s="613"/>
      <c r="HOH708" s="613"/>
      <c r="HOI708" s="613"/>
      <c r="HOJ708" s="613"/>
      <c r="HOK708" s="613"/>
      <c r="HOL708" s="613"/>
      <c r="HOM708" s="613"/>
      <c r="HON708" s="613"/>
      <c r="HOO708" s="613"/>
      <c r="HOP708" s="613"/>
      <c r="HOQ708" s="613"/>
      <c r="HOR708" s="613"/>
      <c r="HOS708" s="613"/>
      <c r="HOT708" s="613"/>
      <c r="HOU708" s="613"/>
      <c r="HOV708" s="613"/>
      <c r="HOW708" s="613"/>
      <c r="HOX708" s="613"/>
      <c r="HOY708" s="613"/>
      <c r="HOZ708" s="613"/>
      <c r="HPA708" s="613"/>
      <c r="HPB708" s="613"/>
      <c r="HPC708" s="613"/>
      <c r="HPD708" s="613"/>
      <c r="HPE708" s="613"/>
      <c r="HPF708" s="613"/>
      <c r="HPG708" s="613"/>
      <c r="HPH708" s="613"/>
      <c r="HPI708" s="613"/>
      <c r="HPJ708" s="613"/>
      <c r="HPK708" s="613"/>
      <c r="HPL708" s="613"/>
      <c r="HPM708" s="613"/>
      <c r="HPN708" s="613"/>
      <c r="HPO708" s="613"/>
      <c r="HPP708" s="613"/>
      <c r="HPQ708" s="613"/>
      <c r="HPR708" s="613"/>
      <c r="HPS708" s="613"/>
      <c r="HPT708" s="613"/>
      <c r="HPU708" s="613"/>
      <c r="HPV708" s="613"/>
      <c r="HPW708" s="613"/>
      <c r="HPX708" s="613"/>
      <c r="HPY708" s="613"/>
      <c r="HPZ708" s="613"/>
      <c r="HQA708" s="613"/>
      <c r="HQB708" s="613"/>
      <c r="HQC708" s="613"/>
      <c r="HQD708" s="613"/>
      <c r="HQE708" s="613"/>
      <c r="HQF708" s="613"/>
      <c r="HQG708" s="613"/>
      <c r="HQH708" s="613"/>
      <c r="HQI708" s="613"/>
      <c r="HQJ708" s="613"/>
      <c r="HQK708" s="613"/>
      <c r="HQL708" s="613"/>
      <c r="HQM708" s="613"/>
      <c r="HQN708" s="613"/>
      <c r="HQO708" s="613"/>
      <c r="HQP708" s="613"/>
      <c r="HQQ708" s="613"/>
      <c r="HQR708" s="613"/>
      <c r="HQS708" s="613"/>
      <c r="HQT708" s="613"/>
      <c r="HQU708" s="613"/>
      <c r="HQV708" s="613"/>
      <c r="HQW708" s="613"/>
      <c r="HQX708" s="613"/>
      <c r="HQY708" s="613"/>
      <c r="HQZ708" s="613"/>
      <c r="HRA708" s="613"/>
      <c r="HRB708" s="613"/>
      <c r="HRC708" s="613"/>
      <c r="HRD708" s="613"/>
      <c r="HRE708" s="613"/>
      <c r="HRF708" s="613"/>
      <c r="HRG708" s="613"/>
      <c r="HRH708" s="613"/>
      <c r="HRI708" s="613"/>
      <c r="HRJ708" s="613"/>
      <c r="HRK708" s="613"/>
      <c r="HRL708" s="613"/>
      <c r="HRM708" s="613"/>
      <c r="HRN708" s="613"/>
      <c r="HRO708" s="613"/>
      <c r="HRP708" s="613"/>
      <c r="HRQ708" s="613"/>
      <c r="HRR708" s="613"/>
      <c r="HRS708" s="613"/>
      <c r="HRT708" s="613"/>
      <c r="HRU708" s="613"/>
      <c r="HRV708" s="613"/>
      <c r="HRW708" s="613"/>
      <c r="HRX708" s="613"/>
      <c r="HRY708" s="613"/>
      <c r="HRZ708" s="613"/>
      <c r="HSA708" s="613"/>
      <c r="HSB708" s="613"/>
      <c r="HSC708" s="613"/>
      <c r="HSD708" s="613"/>
      <c r="HSE708" s="613"/>
      <c r="HSF708" s="613"/>
      <c r="HSG708" s="613"/>
      <c r="HSH708" s="613"/>
      <c r="HSI708" s="613"/>
      <c r="HSJ708" s="613"/>
      <c r="HSK708" s="613"/>
      <c r="HSL708" s="613"/>
      <c r="HSM708" s="613"/>
      <c r="HSN708" s="613"/>
      <c r="HSO708" s="613"/>
      <c r="HSP708" s="613"/>
      <c r="HSQ708" s="613"/>
      <c r="HSR708" s="613"/>
      <c r="HSS708" s="613"/>
      <c r="HST708" s="613"/>
      <c r="HSU708" s="613"/>
      <c r="HSV708" s="613"/>
      <c r="HSW708" s="613"/>
      <c r="HSX708" s="613"/>
      <c r="HSY708" s="613"/>
      <c r="HSZ708" s="613"/>
      <c r="HTA708" s="613"/>
      <c r="HTB708" s="613"/>
      <c r="HTC708" s="613"/>
      <c r="HTD708" s="613"/>
      <c r="HTE708" s="613"/>
      <c r="HTF708" s="613"/>
      <c r="HTG708" s="613"/>
      <c r="HTH708" s="613"/>
      <c r="HTI708" s="613"/>
      <c r="HTJ708" s="613"/>
      <c r="HTK708" s="613"/>
      <c r="HTL708" s="613"/>
      <c r="HTM708" s="613"/>
      <c r="HTN708" s="613"/>
      <c r="HTO708" s="613"/>
      <c r="HTP708" s="613"/>
      <c r="HTQ708" s="613"/>
      <c r="HTR708" s="613"/>
      <c r="HTS708" s="613"/>
      <c r="HTT708" s="613"/>
      <c r="HTU708" s="613"/>
      <c r="HTV708" s="613"/>
      <c r="HTW708" s="613"/>
      <c r="HTX708" s="613"/>
      <c r="HTY708" s="613"/>
      <c r="HTZ708" s="613"/>
      <c r="HUA708" s="613"/>
      <c r="HUB708" s="613"/>
      <c r="HUC708" s="613"/>
      <c r="HUD708" s="613"/>
      <c r="HUE708" s="613"/>
      <c r="HUF708" s="613"/>
      <c r="HUG708" s="613"/>
      <c r="HUH708" s="613"/>
      <c r="HUI708" s="613"/>
      <c r="HUJ708" s="613"/>
      <c r="HUK708" s="613"/>
      <c r="HUL708" s="613"/>
      <c r="HUM708" s="613"/>
      <c r="HUN708" s="613"/>
      <c r="HUO708" s="613"/>
      <c r="HUP708" s="613"/>
      <c r="HUQ708" s="613"/>
      <c r="HUR708" s="613"/>
      <c r="HUS708" s="613"/>
      <c r="HUT708" s="613"/>
      <c r="HUU708" s="613"/>
      <c r="HUV708" s="613"/>
      <c r="HUW708" s="613"/>
      <c r="HUX708" s="613"/>
      <c r="HUY708" s="613"/>
      <c r="HUZ708" s="613"/>
      <c r="HVA708" s="613"/>
      <c r="HVB708" s="613"/>
      <c r="HVC708" s="613"/>
      <c r="HVD708" s="613"/>
      <c r="HVE708" s="613"/>
      <c r="HVF708" s="613"/>
      <c r="HVG708" s="613"/>
      <c r="HVH708" s="613"/>
      <c r="HVI708" s="613"/>
      <c r="HVJ708" s="613"/>
      <c r="HVK708" s="613"/>
      <c r="HVL708" s="613"/>
      <c r="HVM708" s="613"/>
      <c r="HVN708" s="613"/>
      <c r="HVO708" s="613"/>
      <c r="HVP708" s="613"/>
      <c r="HVQ708" s="613"/>
      <c r="HVR708" s="613"/>
      <c r="HVS708" s="613"/>
      <c r="HVT708" s="613"/>
      <c r="HVU708" s="613"/>
      <c r="HVV708" s="613"/>
      <c r="HVW708" s="613"/>
      <c r="HVX708" s="613"/>
      <c r="HVY708" s="613"/>
      <c r="HVZ708" s="613"/>
      <c r="HWA708" s="613"/>
      <c r="HWB708" s="613"/>
      <c r="HWC708" s="613"/>
      <c r="HWD708" s="613"/>
      <c r="HWE708" s="613"/>
      <c r="HWF708" s="613"/>
      <c r="HWG708" s="613"/>
      <c r="HWH708" s="613"/>
      <c r="HWI708" s="613"/>
      <c r="HWJ708" s="613"/>
      <c r="HWK708" s="613"/>
      <c r="HWL708" s="613"/>
      <c r="HWM708" s="613"/>
      <c r="HWN708" s="613"/>
      <c r="HWO708" s="613"/>
      <c r="HWP708" s="613"/>
      <c r="HWQ708" s="613"/>
      <c r="HWR708" s="613"/>
      <c r="HWS708" s="613"/>
      <c r="HWT708" s="613"/>
      <c r="HWU708" s="613"/>
      <c r="HWV708" s="613"/>
      <c r="HWW708" s="613"/>
      <c r="HWX708" s="613"/>
      <c r="HWY708" s="613"/>
      <c r="HWZ708" s="613"/>
      <c r="HXA708" s="613"/>
      <c r="HXB708" s="613"/>
      <c r="HXC708" s="613"/>
      <c r="HXD708" s="613"/>
      <c r="HXE708" s="613"/>
      <c r="HXF708" s="613"/>
      <c r="HXG708" s="613"/>
      <c r="HXH708" s="613"/>
      <c r="HXI708" s="613"/>
      <c r="HXJ708" s="613"/>
      <c r="HXK708" s="613"/>
      <c r="HXL708" s="613"/>
      <c r="HXM708" s="613"/>
      <c r="HXN708" s="613"/>
      <c r="HXO708" s="613"/>
      <c r="HXP708" s="613"/>
      <c r="HXQ708" s="613"/>
      <c r="HXR708" s="613"/>
      <c r="HXS708" s="613"/>
      <c r="HXT708" s="613"/>
      <c r="HXU708" s="613"/>
      <c r="HXV708" s="613"/>
      <c r="HXW708" s="613"/>
      <c r="HXX708" s="613"/>
      <c r="HXY708" s="613"/>
      <c r="HXZ708" s="613"/>
      <c r="HYA708" s="613"/>
      <c r="HYB708" s="613"/>
      <c r="HYC708" s="613"/>
      <c r="HYD708" s="613"/>
      <c r="HYE708" s="613"/>
      <c r="HYF708" s="613"/>
      <c r="HYG708" s="613"/>
      <c r="HYH708" s="613"/>
      <c r="HYI708" s="613"/>
      <c r="HYJ708" s="613"/>
      <c r="HYK708" s="613"/>
      <c r="HYL708" s="613"/>
      <c r="HYM708" s="613"/>
      <c r="HYN708" s="613"/>
      <c r="HYO708" s="613"/>
      <c r="HYP708" s="613"/>
      <c r="HYQ708" s="613"/>
      <c r="HYR708" s="613"/>
      <c r="HYS708" s="613"/>
      <c r="HYT708" s="613"/>
      <c r="HYU708" s="613"/>
      <c r="HYV708" s="613"/>
      <c r="HYW708" s="613"/>
      <c r="HYX708" s="613"/>
      <c r="HYY708" s="613"/>
      <c r="HYZ708" s="613"/>
      <c r="HZA708" s="613"/>
      <c r="HZB708" s="613"/>
      <c r="HZC708" s="613"/>
      <c r="HZD708" s="613"/>
      <c r="HZE708" s="613"/>
      <c r="HZF708" s="613"/>
      <c r="HZG708" s="613"/>
      <c r="HZH708" s="613"/>
      <c r="HZI708" s="613"/>
      <c r="HZJ708" s="613"/>
      <c r="HZK708" s="613"/>
      <c r="HZL708" s="613"/>
      <c r="HZM708" s="613"/>
      <c r="HZN708" s="613"/>
      <c r="HZO708" s="613"/>
      <c r="HZP708" s="613"/>
      <c r="HZQ708" s="613"/>
      <c r="HZR708" s="613"/>
      <c r="HZS708" s="613"/>
      <c r="HZT708" s="613"/>
      <c r="HZU708" s="613"/>
      <c r="HZV708" s="613"/>
      <c r="HZW708" s="613"/>
      <c r="HZX708" s="613"/>
      <c r="HZY708" s="613"/>
      <c r="HZZ708" s="613"/>
      <c r="IAA708" s="613"/>
      <c r="IAB708" s="613"/>
      <c r="IAC708" s="613"/>
      <c r="IAD708" s="613"/>
      <c r="IAE708" s="613"/>
      <c r="IAF708" s="613"/>
      <c r="IAG708" s="613"/>
      <c r="IAH708" s="613"/>
      <c r="IAI708" s="613"/>
      <c r="IAJ708" s="613"/>
      <c r="IAK708" s="613"/>
      <c r="IAL708" s="613"/>
      <c r="IAM708" s="613"/>
      <c r="IAN708" s="613"/>
      <c r="IAO708" s="613"/>
      <c r="IAP708" s="613"/>
      <c r="IAQ708" s="613"/>
      <c r="IAR708" s="613"/>
      <c r="IAS708" s="613"/>
      <c r="IAT708" s="613"/>
      <c r="IAU708" s="613"/>
      <c r="IAV708" s="613"/>
      <c r="IAW708" s="613"/>
      <c r="IAX708" s="613"/>
      <c r="IAY708" s="613"/>
      <c r="IAZ708" s="613"/>
      <c r="IBA708" s="613"/>
      <c r="IBB708" s="613"/>
      <c r="IBC708" s="613"/>
      <c r="IBD708" s="613"/>
      <c r="IBE708" s="613"/>
      <c r="IBF708" s="613"/>
      <c r="IBG708" s="613"/>
      <c r="IBH708" s="613"/>
      <c r="IBI708" s="613"/>
      <c r="IBJ708" s="613"/>
      <c r="IBK708" s="613"/>
      <c r="IBL708" s="613"/>
      <c r="IBM708" s="613"/>
      <c r="IBN708" s="613"/>
      <c r="IBO708" s="613"/>
      <c r="IBP708" s="613"/>
      <c r="IBQ708" s="613"/>
      <c r="IBR708" s="613"/>
      <c r="IBS708" s="613"/>
      <c r="IBT708" s="613"/>
      <c r="IBU708" s="613"/>
      <c r="IBV708" s="613"/>
      <c r="IBW708" s="613"/>
      <c r="IBX708" s="613"/>
      <c r="IBY708" s="613"/>
      <c r="IBZ708" s="613"/>
      <c r="ICA708" s="613"/>
      <c r="ICB708" s="613"/>
      <c r="ICC708" s="613"/>
      <c r="ICD708" s="613"/>
      <c r="ICE708" s="613"/>
      <c r="ICF708" s="613"/>
      <c r="ICG708" s="613"/>
      <c r="ICH708" s="613"/>
      <c r="ICI708" s="613"/>
      <c r="ICJ708" s="613"/>
      <c r="ICK708" s="613"/>
      <c r="ICL708" s="613"/>
      <c r="ICM708" s="613"/>
      <c r="ICN708" s="613"/>
      <c r="ICO708" s="613"/>
      <c r="ICP708" s="613"/>
      <c r="ICQ708" s="613"/>
      <c r="ICR708" s="613"/>
      <c r="ICS708" s="613"/>
      <c r="ICT708" s="613"/>
      <c r="ICU708" s="613"/>
      <c r="ICV708" s="613"/>
      <c r="ICW708" s="613"/>
      <c r="ICX708" s="613"/>
      <c r="ICY708" s="613"/>
      <c r="ICZ708" s="613"/>
      <c r="IDA708" s="613"/>
      <c r="IDB708" s="613"/>
      <c r="IDC708" s="613"/>
      <c r="IDD708" s="613"/>
      <c r="IDE708" s="613"/>
      <c r="IDF708" s="613"/>
      <c r="IDG708" s="613"/>
      <c r="IDH708" s="613"/>
      <c r="IDI708" s="613"/>
      <c r="IDJ708" s="613"/>
      <c r="IDK708" s="613"/>
      <c r="IDL708" s="613"/>
      <c r="IDM708" s="613"/>
      <c r="IDN708" s="613"/>
      <c r="IDO708" s="613"/>
      <c r="IDP708" s="613"/>
      <c r="IDQ708" s="613"/>
      <c r="IDR708" s="613"/>
      <c r="IDS708" s="613"/>
      <c r="IDT708" s="613"/>
      <c r="IDU708" s="613"/>
      <c r="IDV708" s="613"/>
      <c r="IDW708" s="613"/>
      <c r="IDX708" s="613"/>
      <c r="IDY708" s="613"/>
      <c r="IDZ708" s="613"/>
      <c r="IEA708" s="613"/>
      <c r="IEB708" s="613"/>
      <c r="IEC708" s="613"/>
      <c r="IED708" s="613"/>
      <c r="IEE708" s="613"/>
      <c r="IEF708" s="613"/>
      <c r="IEG708" s="613"/>
      <c r="IEH708" s="613"/>
      <c r="IEI708" s="613"/>
      <c r="IEJ708" s="613"/>
      <c r="IEK708" s="613"/>
      <c r="IEL708" s="613"/>
      <c r="IEM708" s="613"/>
      <c r="IEN708" s="613"/>
      <c r="IEO708" s="613"/>
      <c r="IEP708" s="613"/>
      <c r="IEQ708" s="613"/>
      <c r="IER708" s="613"/>
      <c r="IES708" s="613"/>
      <c r="IET708" s="613"/>
      <c r="IEU708" s="613"/>
      <c r="IEV708" s="613"/>
      <c r="IEW708" s="613"/>
      <c r="IEX708" s="613"/>
      <c r="IEY708" s="613"/>
      <c r="IEZ708" s="613"/>
      <c r="IFA708" s="613"/>
      <c r="IFB708" s="613"/>
      <c r="IFC708" s="613"/>
      <c r="IFD708" s="613"/>
      <c r="IFE708" s="613"/>
      <c r="IFF708" s="613"/>
      <c r="IFG708" s="613"/>
      <c r="IFH708" s="613"/>
      <c r="IFI708" s="613"/>
      <c r="IFJ708" s="613"/>
      <c r="IFK708" s="613"/>
      <c r="IFL708" s="613"/>
      <c r="IFM708" s="613"/>
      <c r="IFN708" s="613"/>
      <c r="IFO708" s="613"/>
      <c r="IFP708" s="613"/>
      <c r="IFQ708" s="613"/>
      <c r="IFR708" s="613"/>
      <c r="IFS708" s="613"/>
      <c r="IFT708" s="613"/>
      <c r="IFU708" s="613"/>
      <c r="IFV708" s="613"/>
      <c r="IFW708" s="613"/>
      <c r="IFX708" s="613"/>
      <c r="IFY708" s="613"/>
      <c r="IFZ708" s="613"/>
      <c r="IGA708" s="613"/>
      <c r="IGB708" s="613"/>
      <c r="IGC708" s="613"/>
      <c r="IGD708" s="613"/>
      <c r="IGE708" s="613"/>
      <c r="IGF708" s="613"/>
      <c r="IGG708" s="613"/>
      <c r="IGH708" s="613"/>
      <c r="IGI708" s="613"/>
      <c r="IGJ708" s="613"/>
      <c r="IGK708" s="613"/>
      <c r="IGL708" s="613"/>
      <c r="IGM708" s="613"/>
      <c r="IGN708" s="613"/>
      <c r="IGO708" s="613"/>
      <c r="IGP708" s="613"/>
      <c r="IGQ708" s="613"/>
      <c r="IGR708" s="613"/>
      <c r="IGS708" s="613"/>
      <c r="IGT708" s="613"/>
      <c r="IGU708" s="613"/>
      <c r="IGV708" s="613"/>
      <c r="IGW708" s="613"/>
      <c r="IGX708" s="613"/>
      <c r="IGY708" s="613"/>
      <c r="IGZ708" s="613"/>
      <c r="IHA708" s="613"/>
      <c r="IHB708" s="613"/>
      <c r="IHC708" s="613"/>
      <c r="IHD708" s="613"/>
      <c r="IHE708" s="613"/>
      <c r="IHF708" s="613"/>
      <c r="IHG708" s="613"/>
      <c r="IHH708" s="613"/>
      <c r="IHI708" s="613"/>
      <c r="IHJ708" s="613"/>
      <c r="IHK708" s="613"/>
      <c r="IHL708" s="613"/>
      <c r="IHM708" s="613"/>
      <c r="IHN708" s="613"/>
      <c r="IHO708" s="613"/>
      <c r="IHP708" s="613"/>
      <c r="IHQ708" s="613"/>
      <c r="IHR708" s="613"/>
      <c r="IHS708" s="613"/>
      <c r="IHT708" s="613"/>
      <c r="IHU708" s="613"/>
      <c r="IHV708" s="613"/>
      <c r="IHW708" s="613"/>
      <c r="IHX708" s="613"/>
      <c r="IHY708" s="613"/>
      <c r="IHZ708" s="613"/>
      <c r="IIA708" s="613"/>
      <c r="IIB708" s="613"/>
      <c r="IIC708" s="613"/>
      <c r="IID708" s="613"/>
      <c r="IIE708" s="613"/>
      <c r="IIF708" s="613"/>
      <c r="IIG708" s="613"/>
      <c r="IIH708" s="613"/>
      <c r="III708" s="613"/>
      <c r="IIJ708" s="613"/>
      <c r="IIK708" s="613"/>
      <c r="IIL708" s="613"/>
      <c r="IIM708" s="613"/>
      <c r="IIN708" s="613"/>
      <c r="IIO708" s="613"/>
      <c r="IIP708" s="613"/>
      <c r="IIQ708" s="613"/>
      <c r="IIR708" s="613"/>
      <c r="IIS708" s="613"/>
      <c r="IIT708" s="613"/>
      <c r="IIU708" s="613"/>
      <c r="IIV708" s="613"/>
      <c r="IIW708" s="613"/>
      <c r="IIX708" s="613"/>
      <c r="IIY708" s="613"/>
      <c r="IIZ708" s="613"/>
      <c r="IJA708" s="613"/>
      <c r="IJB708" s="613"/>
      <c r="IJC708" s="613"/>
      <c r="IJD708" s="613"/>
      <c r="IJE708" s="613"/>
      <c r="IJF708" s="613"/>
      <c r="IJG708" s="613"/>
      <c r="IJH708" s="613"/>
      <c r="IJI708" s="613"/>
      <c r="IJJ708" s="613"/>
      <c r="IJK708" s="613"/>
      <c r="IJL708" s="613"/>
      <c r="IJM708" s="613"/>
      <c r="IJN708" s="613"/>
      <c r="IJO708" s="613"/>
      <c r="IJP708" s="613"/>
      <c r="IJQ708" s="613"/>
      <c r="IJR708" s="613"/>
      <c r="IJS708" s="613"/>
      <c r="IJT708" s="613"/>
      <c r="IJU708" s="613"/>
      <c r="IJV708" s="613"/>
      <c r="IJW708" s="613"/>
      <c r="IJX708" s="613"/>
      <c r="IJY708" s="613"/>
      <c r="IJZ708" s="613"/>
      <c r="IKA708" s="613"/>
      <c r="IKB708" s="613"/>
      <c r="IKC708" s="613"/>
      <c r="IKD708" s="613"/>
      <c r="IKE708" s="613"/>
      <c r="IKF708" s="613"/>
      <c r="IKG708" s="613"/>
      <c r="IKH708" s="613"/>
      <c r="IKI708" s="613"/>
      <c r="IKJ708" s="613"/>
      <c r="IKK708" s="613"/>
      <c r="IKL708" s="613"/>
      <c r="IKM708" s="613"/>
      <c r="IKN708" s="613"/>
      <c r="IKO708" s="613"/>
      <c r="IKP708" s="613"/>
      <c r="IKQ708" s="613"/>
      <c r="IKR708" s="613"/>
      <c r="IKS708" s="613"/>
      <c r="IKT708" s="613"/>
      <c r="IKU708" s="613"/>
      <c r="IKV708" s="613"/>
      <c r="IKW708" s="613"/>
      <c r="IKX708" s="613"/>
      <c r="IKY708" s="613"/>
      <c r="IKZ708" s="613"/>
      <c r="ILA708" s="613"/>
      <c r="ILB708" s="613"/>
      <c r="ILC708" s="613"/>
      <c r="ILD708" s="613"/>
      <c r="ILE708" s="613"/>
      <c r="ILF708" s="613"/>
      <c r="ILG708" s="613"/>
      <c r="ILH708" s="613"/>
      <c r="ILI708" s="613"/>
      <c r="ILJ708" s="613"/>
      <c r="ILK708" s="613"/>
      <c r="ILL708" s="613"/>
      <c r="ILM708" s="613"/>
      <c r="ILN708" s="613"/>
      <c r="ILO708" s="613"/>
      <c r="ILP708" s="613"/>
      <c r="ILQ708" s="613"/>
      <c r="ILR708" s="613"/>
      <c r="ILS708" s="613"/>
      <c r="ILT708" s="613"/>
      <c r="ILU708" s="613"/>
      <c r="ILV708" s="613"/>
      <c r="ILW708" s="613"/>
      <c r="ILX708" s="613"/>
      <c r="ILY708" s="613"/>
      <c r="ILZ708" s="613"/>
      <c r="IMA708" s="613"/>
      <c r="IMB708" s="613"/>
      <c r="IMC708" s="613"/>
      <c r="IMD708" s="613"/>
      <c r="IME708" s="613"/>
      <c r="IMF708" s="613"/>
      <c r="IMG708" s="613"/>
      <c r="IMH708" s="613"/>
      <c r="IMI708" s="613"/>
      <c r="IMJ708" s="613"/>
      <c r="IMK708" s="613"/>
      <c r="IML708" s="613"/>
      <c r="IMM708" s="613"/>
      <c r="IMN708" s="613"/>
      <c r="IMO708" s="613"/>
      <c r="IMP708" s="613"/>
      <c r="IMQ708" s="613"/>
      <c r="IMR708" s="613"/>
      <c r="IMS708" s="613"/>
      <c r="IMT708" s="613"/>
      <c r="IMU708" s="613"/>
      <c r="IMV708" s="613"/>
      <c r="IMW708" s="613"/>
      <c r="IMX708" s="613"/>
      <c r="IMY708" s="613"/>
      <c r="IMZ708" s="613"/>
      <c r="INA708" s="613"/>
      <c r="INB708" s="613"/>
      <c r="INC708" s="613"/>
      <c r="IND708" s="613"/>
      <c r="INE708" s="613"/>
      <c r="INF708" s="613"/>
      <c r="ING708" s="613"/>
      <c r="INH708" s="613"/>
      <c r="INI708" s="613"/>
      <c r="INJ708" s="613"/>
      <c r="INK708" s="613"/>
      <c r="INL708" s="613"/>
      <c r="INM708" s="613"/>
      <c r="INN708" s="613"/>
      <c r="INO708" s="613"/>
      <c r="INP708" s="613"/>
      <c r="INQ708" s="613"/>
      <c r="INR708" s="613"/>
      <c r="INS708" s="613"/>
      <c r="INT708" s="613"/>
      <c r="INU708" s="613"/>
      <c r="INV708" s="613"/>
      <c r="INW708" s="613"/>
      <c r="INX708" s="613"/>
      <c r="INY708" s="613"/>
      <c r="INZ708" s="613"/>
      <c r="IOA708" s="613"/>
      <c r="IOB708" s="613"/>
      <c r="IOC708" s="613"/>
      <c r="IOD708" s="613"/>
      <c r="IOE708" s="613"/>
      <c r="IOF708" s="613"/>
      <c r="IOG708" s="613"/>
      <c r="IOH708" s="613"/>
      <c r="IOI708" s="613"/>
      <c r="IOJ708" s="613"/>
      <c r="IOK708" s="613"/>
      <c r="IOL708" s="613"/>
      <c r="IOM708" s="613"/>
      <c r="ION708" s="613"/>
      <c r="IOO708" s="613"/>
      <c r="IOP708" s="613"/>
      <c r="IOQ708" s="613"/>
      <c r="IOR708" s="613"/>
      <c r="IOS708" s="613"/>
      <c r="IOT708" s="613"/>
      <c r="IOU708" s="613"/>
      <c r="IOV708" s="613"/>
      <c r="IOW708" s="613"/>
      <c r="IOX708" s="613"/>
      <c r="IOY708" s="613"/>
      <c r="IOZ708" s="613"/>
      <c r="IPA708" s="613"/>
      <c r="IPB708" s="613"/>
      <c r="IPC708" s="613"/>
      <c r="IPD708" s="613"/>
      <c r="IPE708" s="613"/>
      <c r="IPF708" s="613"/>
      <c r="IPG708" s="613"/>
      <c r="IPH708" s="613"/>
      <c r="IPI708" s="613"/>
      <c r="IPJ708" s="613"/>
      <c r="IPK708" s="613"/>
      <c r="IPL708" s="613"/>
      <c r="IPM708" s="613"/>
      <c r="IPN708" s="613"/>
      <c r="IPO708" s="613"/>
      <c r="IPP708" s="613"/>
      <c r="IPQ708" s="613"/>
      <c r="IPR708" s="613"/>
      <c r="IPS708" s="613"/>
      <c r="IPT708" s="613"/>
      <c r="IPU708" s="613"/>
      <c r="IPV708" s="613"/>
      <c r="IPW708" s="613"/>
      <c r="IPX708" s="613"/>
      <c r="IPY708" s="613"/>
      <c r="IPZ708" s="613"/>
      <c r="IQA708" s="613"/>
      <c r="IQB708" s="613"/>
      <c r="IQC708" s="613"/>
      <c r="IQD708" s="613"/>
      <c r="IQE708" s="613"/>
      <c r="IQF708" s="613"/>
      <c r="IQG708" s="613"/>
      <c r="IQH708" s="613"/>
      <c r="IQI708" s="613"/>
      <c r="IQJ708" s="613"/>
      <c r="IQK708" s="613"/>
      <c r="IQL708" s="613"/>
      <c r="IQM708" s="613"/>
      <c r="IQN708" s="613"/>
      <c r="IQO708" s="613"/>
      <c r="IQP708" s="613"/>
      <c r="IQQ708" s="613"/>
      <c r="IQR708" s="613"/>
      <c r="IQS708" s="613"/>
      <c r="IQT708" s="613"/>
      <c r="IQU708" s="613"/>
      <c r="IQV708" s="613"/>
      <c r="IQW708" s="613"/>
      <c r="IQX708" s="613"/>
      <c r="IQY708" s="613"/>
      <c r="IQZ708" s="613"/>
      <c r="IRA708" s="613"/>
      <c r="IRB708" s="613"/>
      <c r="IRC708" s="613"/>
      <c r="IRD708" s="613"/>
      <c r="IRE708" s="613"/>
      <c r="IRF708" s="613"/>
      <c r="IRG708" s="613"/>
      <c r="IRH708" s="613"/>
      <c r="IRI708" s="613"/>
      <c r="IRJ708" s="613"/>
      <c r="IRK708" s="613"/>
      <c r="IRL708" s="613"/>
      <c r="IRM708" s="613"/>
      <c r="IRN708" s="613"/>
      <c r="IRO708" s="613"/>
      <c r="IRP708" s="613"/>
      <c r="IRQ708" s="613"/>
      <c r="IRR708" s="613"/>
      <c r="IRS708" s="613"/>
      <c r="IRT708" s="613"/>
      <c r="IRU708" s="613"/>
      <c r="IRV708" s="613"/>
      <c r="IRW708" s="613"/>
      <c r="IRX708" s="613"/>
      <c r="IRY708" s="613"/>
      <c r="IRZ708" s="613"/>
      <c r="ISA708" s="613"/>
      <c r="ISB708" s="613"/>
      <c r="ISC708" s="613"/>
      <c r="ISD708" s="613"/>
      <c r="ISE708" s="613"/>
      <c r="ISF708" s="613"/>
      <c r="ISG708" s="613"/>
      <c r="ISH708" s="613"/>
      <c r="ISI708" s="613"/>
      <c r="ISJ708" s="613"/>
      <c r="ISK708" s="613"/>
      <c r="ISL708" s="613"/>
      <c r="ISM708" s="613"/>
      <c r="ISN708" s="613"/>
      <c r="ISO708" s="613"/>
      <c r="ISP708" s="613"/>
      <c r="ISQ708" s="613"/>
      <c r="ISR708" s="613"/>
      <c r="ISS708" s="613"/>
      <c r="IST708" s="613"/>
      <c r="ISU708" s="613"/>
      <c r="ISV708" s="613"/>
      <c r="ISW708" s="613"/>
      <c r="ISX708" s="613"/>
      <c r="ISY708" s="613"/>
      <c r="ISZ708" s="613"/>
      <c r="ITA708" s="613"/>
      <c r="ITB708" s="613"/>
      <c r="ITC708" s="613"/>
      <c r="ITD708" s="613"/>
      <c r="ITE708" s="613"/>
      <c r="ITF708" s="613"/>
      <c r="ITG708" s="613"/>
      <c r="ITH708" s="613"/>
      <c r="ITI708" s="613"/>
      <c r="ITJ708" s="613"/>
      <c r="ITK708" s="613"/>
      <c r="ITL708" s="613"/>
      <c r="ITM708" s="613"/>
      <c r="ITN708" s="613"/>
      <c r="ITO708" s="613"/>
      <c r="ITP708" s="613"/>
      <c r="ITQ708" s="613"/>
      <c r="ITR708" s="613"/>
      <c r="ITS708" s="613"/>
      <c r="ITT708" s="613"/>
      <c r="ITU708" s="613"/>
      <c r="ITV708" s="613"/>
      <c r="ITW708" s="613"/>
      <c r="ITX708" s="613"/>
      <c r="ITY708" s="613"/>
      <c r="ITZ708" s="613"/>
      <c r="IUA708" s="613"/>
      <c r="IUB708" s="613"/>
      <c r="IUC708" s="613"/>
      <c r="IUD708" s="613"/>
      <c r="IUE708" s="613"/>
      <c r="IUF708" s="613"/>
      <c r="IUG708" s="613"/>
      <c r="IUH708" s="613"/>
      <c r="IUI708" s="613"/>
      <c r="IUJ708" s="613"/>
      <c r="IUK708" s="613"/>
      <c r="IUL708" s="613"/>
      <c r="IUM708" s="613"/>
      <c r="IUN708" s="613"/>
      <c r="IUO708" s="613"/>
      <c r="IUP708" s="613"/>
      <c r="IUQ708" s="613"/>
      <c r="IUR708" s="613"/>
      <c r="IUS708" s="613"/>
      <c r="IUT708" s="613"/>
      <c r="IUU708" s="613"/>
      <c r="IUV708" s="613"/>
      <c r="IUW708" s="613"/>
      <c r="IUX708" s="613"/>
      <c r="IUY708" s="613"/>
      <c r="IUZ708" s="613"/>
      <c r="IVA708" s="613"/>
      <c r="IVB708" s="613"/>
      <c r="IVC708" s="613"/>
      <c r="IVD708" s="613"/>
      <c r="IVE708" s="613"/>
      <c r="IVF708" s="613"/>
      <c r="IVG708" s="613"/>
      <c r="IVH708" s="613"/>
      <c r="IVI708" s="613"/>
      <c r="IVJ708" s="613"/>
      <c r="IVK708" s="613"/>
      <c r="IVL708" s="613"/>
      <c r="IVM708" s="613"/>
      <c r="IVN708" s="613"/>
      <c r="IVO708" s="613"/>
      <c r="IVP708" s="613"/>
      <c r="IVQ708" s="613"/>
      <c r="IVR708" s="613"/>
      <c r="IVS708" s="613"/>
      <c r="IVT708" s="613"/>
      <c r="IVU708" s="613"/>
      <c r="IVV708" s="613"/>
      <c r="IVW708" s="613"/>
      <c r="IVX708" s="613"/>
      <c r="IVY708" s="613"/>
      <c r="IVZ708" s="613"/>
      <c r="IWA708" s="613"/>
      <c r="IWB708" s="613"/>
      <c r="IWC708" s="613"/>
      <c r="IWD708" s="613"/>
      <c r="IWE708" s="613"/>
      <c r="IWF708" s="613"/>
      <c r="IWG708" s="613"/>
      <c r="IWH708" s="613"/>
      <c r="IWI708" s="613"/>
      <c r="IWJ708" s="613"/>
      <c r="IWK708" s="613"/>
      <c r="IWL708" s="613"/>
      <c r="IWM708" s="613"/>
      <c r="IWN708" s="613"/>
      <c r="IWO708" s="613"/>
      <c r="IWP708" s="613"/>
      <c r="IWQ708" s="613"/>
      <c r="IWR708" s="613"/>
      <c r="IWS708" s="613"/>
      <c r="IWT708" s="613"/>
      <c r="IWU708" s="613"/>
      <c r="IWV708" s="613"/>
      <c r="IWW708" s="613"/>
      <c r="IWX708" s="613"/>
      <c r="IWY708" s="613"/>
      <c r="IWZ708" s="613"/>
      <c r="IXA708" s="613"/>
      <c r="IXB708" s="613"/>
      <c r="IXC708" s="613"/>
      <c r="IXD708" s="613"/>
      <c r="IXE708" s="613"/>
      <c r="IXF708" s="613"/>
      <c r="IXG708" s="613"/>
      <c r="IXH708" s="613"/>
      <c r="IXI708" s="613"/>
      <c r="IXJ708" s="613"/>
      <c r="IXK708" s="613"/>
      <c r="IXL708" s="613"/>
      <c r="IXM708" s="613"/>
      <c r="IXN708" s="613"/>
      <c r="IXO708" s="613"/>
      <c r="IXP708" s="613"/>
      <c r="IXQ708" s="613"/>
      <c r="IXR708" s="613"/>
      <c r="IXS708" s="613"/>
      <c r="IXT708" s="613"/>
      <c r="IXU708" s="613"/>
      <c r="IXV708" s="613"/>
      <c r="IXW708" s="613"/>
      <c r="IXX708" s="613"/>
      <c r="IXY708" s="613"/>
      <c r="IXZ708" s="613"/>
      <c r="IYA708" s="613"/>
      <c r="IYB708" s="613"/>
      <c r="IYC708" s="613"/>
      <c r="IYD708" s="613"/>
      <c r="IYE708" s="613"/>
      <c r="IYF708" s="613"/>
      <c r="IYG708" s="613"/>
      <c r="IYH708" s="613"/>
      <c r="IYI708" s="613"/>
      <c r="IYJ708" s="613"/>
      <c r="IYK708" s="613"/>
      <c r="IYL708" s="613"/>
      <c r="IYM708" s="613"/>
      <c r="IYN708" s="613"/>
      <c r="IYO708" s="613"/>
      <c r="IYP708" s="613"/>
      <c r="IYQ708" s="613"/>
      <c r="IYR708" s="613"/>
      <c r="IYS708" s="613"/>
      <c r="IYT708" s="613"/>
      <c r="IYU708" s="613"/>
      <c r="IYV708" s="613"/>
      <c r="IYW708" s="613"/>
      <c r="IYX708" s="613"/>
      <c r="IYY708" s="613"/>
      <c r="IYZ708" s="613"/>
      <c r="IZA708" s="613"/>
      <c r="IZB708" s="613"/>
      <c r="IZC708" s="613"/>
      <c r="IZD708" s="613"/>
      <c r="IZE708" s="613"/>
      <c r="IZF708" s="613"/>
      <c r="IZG708" s="613"/>
      <c r="IZH708" s="613"/>
      <c r="IZI708" s="613"/>
      <c r="IZJ708" s="613"/>
      <c r="IZK708" s="613"/>
      <c r="IZL708" s="613"/>
      <c r="IZM708" s="613"/>
      <c r="IZN708" s="613"/>
      <c r="IZO708" s="613"/>
      <c r="IZP708" s="613"/>
      <c r="IZQ708" s="613"/>
      <c r="IZR708" s="613"/>
      <c r="IZS708" s="613"/>
      <c r="IZT708" s="613"/>
      <c r="IZU708" s="613"/>
      <c r="IZV708" s="613"/>
      <c r="IZW708" s="613"/>
      <c r="IZX708" s="613"/>
      <c r="IZY708" s="613"/>
      <c r="IZZ708" s="613"/>
      <c r="JAA708" s="613"/>
      <c r="JAB708" s="613"/>
      <c r="JAC708" s="613"/>
      <c r="JAD708" s="613"/>
      <c r="JAE708" s="613"/>
      <c r="JAF708" s="613"/>
      <c r="JAG708" s="613"/>
      <c r="JAH708" s="613"/>
      <c r="JAI708" s="613"/>
      <c r="JAJ708" s="613"/>
      <c r="JAK708" s="613"/>
      <c r="JAL708" s="613"/>
      <c r="JAM708" s="613"/>
      <c r="JAN708" s="613"/>
      <c r="JAO708" s="613"/>
      <c r="JAP708" s="613"/>
      <c r="JAQ708" s="613"/>
      <c r="JAR708" s="613"/>
      <c r="JAS708" s="613"/>
      <c r="JAT708" s="613"/>
      <c r="JAU708" s="613"/>
      <c r="JAV708" s="613"/>
      <c r="JAW708" s="613"/>
      <c r="JAX708" s="613"/>
      <c r="JAY708" s="613"/>
      <c r="JAZ708" s="613"/>
      <c r="JBA708" s="613"/>
      <c r="JBB708" s="613"/>
      <c r="JBC708" s="613"/>
      <c r="JBD708" s="613"/>
      <c r="JBE708" s="613"/>
      <c r="JBF708" s="613"/>
      <c r="JBG708" s="613"/>
      <c r="JBH708" s="613"/>
      <c r="JBI708" s="613"/>
      <c r="JBJ708" s="613"/>
      <c r="JBK708" s="613"/>
      <c r="JBL708" s="613"/>
      <c r="JBM708" s="613"/>
      <c r="JBN708" s="613"/>
      <c r="JBO708" s="613"/>
      <c r="JBP708" s="613"/>
      <c r="JBQ708" s="613"/>
      <c r="JBR708" s="613"/>
      <c r="JBS708" s="613"/>
      <c r="JBT708" s="613"/>
      <c r="JBU708" s="613"/>
      <c r="JBV708" s="613"/>
      <c r="JBW708" s="613"/>
      <c r="JBX708" s="613"/>
      <c r="JBY708" s="613"/>
      <c r="JBZ708" s="613"/>
      <c r="JCA708" s="613"/>
      <c r="JCB708" s="613"/>
      <c r="JCC708" s="613"/>
      <c r="JCD708" s="613"/>
      <c r="JCE708" s="613"/>
      <c r="JCF708" s="613"/>
      <c r="JCG708" s="613"/>
      <c r="JCH708" s="613"/>
      <c r="JCI708" s="613"/>
      <c r="JCJ708" s="613"/>
      <c r="JCK708" s="613"/>
      <c r="JCL708" s="613"/>
      <c r="JCM708" s="613"/>
      <c r="JCN708" s="613"/>
      <c r="JCO708" s="613"/>
      <c r="JCP708" s="613"/>
      <c r="JCQ708" s="613"/>
      <c r="JCR708" s="613"/>
      <c r="JCS708" s="613"/>
      <c r="JCT708" s="613"/>
      <c r="JCU708" s="613"/>
      <c r="JCV708" s="613"/>
      <c r="JCW708" s="613"/>
      <c r="JCX708" s="613"/>
      <c r="JCY708" s="613"/>
      <c r="JCZ708" s="613"/>
      <c r="JDA708" s="613"/>
      <c r="JDB708" s="613"/>
      <c r="JDC708" s="613"/>
      <c r="JDD708" s="613"/>
      <c r="JDE708" s="613"/>
      <c r="JDF708" s="613"/>
      <c r="JDG708" s="613"/>
      <c r="JDH708" s="613"/>
      <c r="JDI708" s="613"/>
      <c r="JDJ708" s="613"/>
      <c r="JDK708" s="613"/>
      <c r="JDL708" s="613"/>
      <c r="JDM708" s="613"/>
      <c r="JDN708" s="613"/>
      <c r="JDO708" s="613"/>
      <c r="JDP708" s="613"/>
      <c r="JDQ708" s="613"/>
      <c r="JDR708" s="613"/>
      <c r="JDS708" s="613"/>
      <c r="JDT708" s="613"/>
      <c r="JDU708" s="613"/>
      <c r="JDV708" s="613"/>
      <c r="JDW708" s="613"/>
      <c r="JDX708" s="613"/>
      <c r="JDY708" s="613"/>
      <c r="JDZ708" s="613"/>
      <c r="JEA708" s="613"/>
      <c r="JEB708" s="613"/>
      <c r="JEC708" s="613"/>
      <c r="JED708" s="613"/>
      <c r="JEE708" s="613"/>
      <c r="JEF708" s="613"/>
      <c r="JEG708" s="613"/>
      <c r="JEH708" s="613"/>
      <c r="JEI708" s="613"/>
      <c r="JEJ708" s="613"/>
      <c r="JEK708" s="613"/>
      <c r="JEL708" s="613"/>
      <c r="JEM708" s="613"/>
      <c r="JEN708" s="613"/>
      <c r="JEO708" s="613"/>
      <c r="JEP708" s="613"/>
      <c r="JEQ708" s="613"/>
      <c r="JER708" s="613"/>
      <c r="JES708" s="613"/>
      <c r="JET708" s="613"/>
      <c r="JEU708" s="613"/>
      <c r="JEV708" s="613"/>
      <c r="JEW708" s="613"/>
      <c r="JEX708" s="613"/>
      <c r="JEY708" s="613"/>
      <c r="JEZ708" s="613"/>
      <c r="JFA708" s="613"/>
      <c r="JFB708" s="613"/>
      <c r="JFC708" s="613"/>
      <c r="JFD708" s="613"/>
      <c r="JFE708" s="613"/>
      <c r="JFF708" s="613"/>
      <c r="JFG708" s="613"/>
      <c r="JFH708" s="613"/>
      <c r="JFI708" s="613"/>
      <c r="JFJ708" s="613"/>
      <c r="JFK708" s="613"/>
      <c r="JFL708" s="613"/>
      <c r="JFM708" s="613"/>
      <c r="JFN708" s="613"/>
      <c r="JFO708" s="613"/>
      <c r="JFP708" s="613"/>
      <c r="JFQ708" s="613"/>
      <c r="JFR708" s="613"/>
      <c r="JFS708" s="613"/>
      <c r="JFT708" s="613"/>
      <c r="JFU708" s="613"/>
      <c r="JFV708" s="613"/>
      <c r="JFW708" s="613"/>
      <c r="JFX708" s="613"/>
      <c r="JFY708" s="613"/>
      <c r="JFZ708" s="613"/>
      <c r="JGA708" s="613"/>
      <c r="JGB708" s="613"/>
      <c r="JGC708" s="613"/>
      <c r="JGD708" s="613"/>
      <c r="JGE708" s="613"/>
      <c r="JGF708" s="613"/>
      <c r="JGG708" s="613"/>
      <c r="JGH708" s="613"/>
      <c r="JGI708" s="613"/>
      <c r="JGJ708" s="613"/>
      <c r="JGK708" s="613"/>
      <c r="JGL708" s="613"/>
      <c r="JGM708" s="613"/>
      <c r="JGN708" s="613"/>
      <c r="JGO708" s="613"/>
      <c r="JGP708" s="613"/>
      <c r="JGQ708" s="613"/>
      <c r="JGR708" s="613"/>
      <c r="JGS708" s="613"/>
      <c r="JGT708" s="613"/>
      <c r="JGU708" s="613"/>
      <c r="JGV708" s="613"/>
      <c r="JGW708" s="613"/>
      <c r="JGX708" s="613"/>
      <c r="JGY708" s="613"/>
      <c r="JGZ708" s="613"/>
      <c r="JHA708" s="613"/>
      <c r="JHB708" s="613"/>
      <c r="JHC708" s="613"/>
      <c r="JHD708" s="613"/>
      <c r="JHE708" s="613"/>
      <c r="JHF708" s="613"/>
      <c r="JHG708" s="613"/>
      <c r="JHH708" s="613"/>
      <c r="JHI708" s="613"/>
      <c r="JHJ708" s="613"/>
      <c r="JHK708" s="613"/>
      <c r="JHL708" s="613"/>
      <c r="JHM708" s="613"/>
      <c r="JHN708" s="613"/>
      <c r="JHO708" s="613"/>
      <c r="JHP708" s="613"/>
      <c r="JHQ708" s="613"/>
      <c r="JHR708" s="613"/>
      <c r="JHS708" s="613"/>
      <c r="JHT708" s="613"/>
      <c r="JHU708" s="613"/>
      <c r="JHV708" s="613"/>
      <c r="JHW708" s="613"/>
      <c r="JHX708" s="613"/>
      <c r="JHY708" s="613"/>
      <c r="JHZ708" s="613"/>
      <c r="JIA708" s="613"/>
      <c r="JIB708" s="613"/>
      <c r="JIC708" s="613"/>
      <c r="JID708" s="613"/>
      <c r="JIE708" s="613"/>
      <c r="JIF708" s="613"/>
      <c r="JIG708" s="613"/>
      <c r="JIH708" s="613"/>
      <c r="JII708" s="613"/>
      <c r="JIJ708" s="613"/>
      <c r="JIK708" s="613"/>
      <c r="JIL708" s="613"/>
      <c r="JIM708" s="613"/>
      <c r="JIN708" s="613"/>
      <c r="JIO708" s="613"/>
      <c r="JIP708" s="613"/>
      <c r="JIQ708" s="613"/>
      <c r="JIR708" s="613"/>
      <c r="JIS708" s="613"/>
      <c r="JIT708" s="613"/>
      <c r="JIU708" s="613"/>
      <c r="JIV708" s="613"/>
      <c r="JIW708" s="613"/>
      <c r="JIX708" s="613"/>
      <c r="JIY708" s="613"/>
      <c r="JIZ708" s="613"/>
      <c r="JJA708" s="613"/>
      <c r="JJB708" s="613"/>
      <c r="JJC708" s="613"/>
      <c r="JJD708" s="613"/>
      <c r="JJE708" s="613"/>
      <c r="JJF708" s="613"/>
      <c r="JJG708" s="613"/>
      <c r="JJH708" s="613"/>
      <c r="JJI708" s="613"/>
      <c r="JJJ708" s="613"/>
      <c r="JJK708" s="613"/>
      <c r="JJL708" s="613"/>
      <c r="JJM708" s="613"/>
      <c r="JJN708" s="613"/>
      <c r="JJO708" s="613"/>
      <c r="JJP708" s="613"/>
      <c r="JJQ708" s="613"/>
      <c r="JJR708" s="613"/>
      <c r="JJS708" s="613"/>
      <c r="JJT708" s="613"/>
      <c r="JJU708" s="613"/>
      <c r="JJV708" s="613"/>
      <c r="JJW708" s="613"/>
      <c r="JJX708" s="613"/>
      <c r="JJY708" s="613"/>
      <c r="JJZ708" s="613"/>
      <c r="JKA708" s="613"/>
      <c r="JKB708" s="613"/>
      <c r="JKC708" s="613"/>
      <c r="JKD708" s="613"/>
      <c r="JKE708" s="613"/>
      <c r="JKF708" s="613"/>
      <c r="JKG708" s="613"/>
      <c r="JKH708" s="613"/>
      <c r="JKI708" s="613"/>
      <c r="JKJ708" s="613"/>
      <c r="JKK708" s="613"/>
      <c r="JKL708" s="613"/>
      <c r="JKM708" s="613"/>
      <c r="JKN708" s="613"/>
      <c r="JKO708" s="613"/>
      <c r="JKP708" s="613"/>
      <c r="JKQ708" s="613"/>
      <c r="JKR708" s="613"/>
      <c r="JKS708" s="613"/>
      <c r="JKT708" s="613"/>
      <c r="JKU708" s="613"/>
      <c r="JKV708" s="613"/>
      <c r="JKW708" s="613"/>
      <c r="JKX708" s="613"/>
      <c r="JKY708" s="613"/>
      <c r="JKZ708" s="613"/>
      <c r="JLA708" s="613"/>
      <c r="JLB708" s="613"/>
      <c r="JLC708" s="613"/>
      <c r="JLD708" s="613"/>
      <c r="JLE708" s="613"/>
      <c r="JLF708" s="613"/>
      <c r="JLG708" s="613"/>
      <c r="JLH708" s="613"/>
      <c r="JLI708" s="613"/>
      <c r="JLJ708" s="613"/>
      <c r="JLK708" s="613"/>
      <c r="JLL708" s="613"/>
      <c r="JLM708" s="613"/>
      <c r="JLN708" s="613"/>
      <c r="JLO708" s="613"/>
      <c r="JLP708" s="613"/>
      <c r="JLQ708" s="613"/>
      <c r="JLR708" s="613"/>
      <c r="JLS708" s="613"/>
      <c r="JLT708" s="613"/>
      <c r="JLU708" s="613"/>
      <c r="JLV708" s="613"/>
      <c r="JLW708" s="613"/>
      <c r="JLX708" s="613"/>
      <c r="JLY708" s="613"/>
      <c r="JLZ708" s="613"/>
      <c r="JMA708" s="613"/>
      <c r="JMB708" s="613"/>
      <c r="JMC708" s="613"/>
      <c r="JMD708" s="613"/>
      <c r="JME708" s="613"/>
      <c r="JMF708" s="613"/>
      <c r="JMG708" s="613"/>
      <c r="JMH708" s="613"/>
      <c r="JMI708" s="613"/>
      <c r="JMJ708" s="613"/>
      <c r="JMK708" s="613"/>
      <c r="JML708" s="613"/>
      <c r="JMM708" s="613"/>
      <c r="JMN708" s="613"/>
      <c r="JMO708" s="613"/>
      <c r="JMP708" s="613"/>
      <c r="JMQ708" s="613"/>
      <c r="JMR708" s="613"/>
      <c r="JMS708" s="613"/>
      <c r="JMT708" s="613"/>
      <c r="JMU708" s="613"/>
      <c r="JMV708" s="613"/>
      <c r="JMW708" s="613"/>
      <c r="JMX708" s="613"/>
      <c r="JMY708" s="613"/>
      <c r="JMZ708" s="613"/>
      <c r="JNA708" s="613"/>
      <c r="JNB708" s="613"/>
      <c r="JNC708" s="613"/>
      <c r="JND708" s="613"/>
      <c r="JNE708" s="613"/>
      <c r="JNF708" s="613"/>
      <c r="JNG708" s="613"/>
      <c r="JNH708" s="613"/>
      <c r="JNI708" s="613"/>
      <c r="JNJ708" s="613"/>
      <c r="JNK708" s="613"/>
      <c r="JNL708" s="613"/>
      <c r="JNM708" s="613"/>
      <c r="JNN708" s="613"/>
      <c r="JNO708" s="613"/>
      <c r="JNP708" s="613"/>
      <c r="JNQ708" s="613"/>
      <c r="JNR708" s="613"/>
      <c r="JNS708" s="613"/>
      <c r="JNT708" s="613"/>
      <c r="JNU708" s="613"/>
      <c r="JNV708" s="613"/>
      <c r="JNW708" s="613"/>
      <c r="JNX708" s="613"/>
      <c r="JNY708" s="613"/>
      <c r="JNZ708" s="613"/>
      <c r="JOA708" s="613"/>
      <c r="JOB708" s="613"/>
      <c r="JOC708" s="613"/>
      <c r="JOD708" s="613"/>
      <c r="JOE708" s="613"/>
      <c r="JOF708" s="613"/>
      <c r="JOG708" s="613"/>
      <c r="JOH708" s="613"/>
      <c r="JOI708" s="613"/>
      <c r="JOJ708" s="613"/>
      <c r="JOK708" s="613"/>
      <c r="JOL708" s="613"/>
      <c r="JOM708" s="613"/>
      <c r="JON708" s="613"/>
      <c r="JOO708" s="613"/>
      <c r="JOP708" s="613"/>
      <c r="JOQ708" s="613"/>
      <c r="JOR708" s="613"/>
      <c r="JOS708" s="613"/>
      <c r="JOT708" s="613"/>
      <c r="JOU708" s="613"/>
      <c r="JOV708" s="613"/>
      <c r="JOW708" s="613"/>
      <c r="JOX708" s="613"/>
      <c r="JOY708" s="613"/>
      <c r="JOZ708" s="613"/>
      <c r="JPA708" s="613"/>
      <c r="JPB708" s="613"/>
      <c r="JPC708" s="613"/>
      <c r="JPD708" s="613"/>
      <c r="JPE708" s="613"/>
      <c r="JPF708" s="613"/>
      <c r="JPG708" s="613"/>
      <c r="JPH708" s="613"/>
      <c r="JPI708" s="613"/>
      <c r="JPJ708" s="613"/>
      <c r="JPK708" s="613"/>
      <c r="JPL708" s="613"/>
      <c r="JPM708" s="613"/>
      <c r="JPN708" s="613"/>
      <c r="JPO708" s="613"/>
      <c r="JPP708" s="613"/>
      <c r="JPQ708" s="613"/>
      <c r="JPR708" s="613"/>
      <c r="JPS708" s="613"/>
      <c r="JPT708" s="613"/>
      <c r="JPU708" s="613"/>
      <c r="JPV708" s="613"/>
      <c r="JPW708" s="613"/>
      <c r="JPX708" s="613"/>
      <c r="JPY708" s="613"/>
      <c r="JPZ708" s="613"/>
      <c r="JQA708" s="613"/>
      <c r="JQB708" s="613"/>
      <c r="JQC708" s="613"/>
      <c r="JQD708" s="613"/>
      <c r="JQE708" s="613"/>
      <c r="JQF708" s="613"/>
      <c r="JQG708" s="613"/>
      <c r="JQH708" s="613"/>
      <c r="JQI708" s="613"/>
      <c r="JQJ708" s="613"/>
      <c r="JQK708" s="613"/>
      <c r="JQL708" s="613"/>
      <c r="JQM708" s="613"/>
      <c r="JQN708" s="613"/>
      <c r="JQO708" s="613"/>
      <c r="JQP708" s="613"/>
      <c r="JQQ708" s="613"/>
      <c r="JQR708" s="613"/>
      <c r="JQS708" s="613"/>
      <c r="JQT708" s="613"/>
      <c r="JQU708" s="613"/>
      <c r="JQV708" s="613"/>
      <c r="JQW708" s="613"/>
      <c r="JQX708" s="613"/>
      <c r="JQY708" s="613"/>
      <c r="JQZ708" s="613"/>
      <c r="JRA708" s="613"/>
      <c r="JRB708" s="613"/>
      <c r="JRC708" s="613"/>
      <c r="JRD708" s="613"/>
      <c r="JRE708" s="613"/>
      <c r="JRF708" s="613"/>
      <c r="JRG708" s="613"/>
      <c r="JRH708" s="613"/>
      <c r="JRI708" s="613"/>
      <c r="JRJ708" s="613"/>
      <c r="JRK708" s="613"/>
      <c r="JRL708" s="613"/>
      <c r="JRM708" s="613"/>
      <c r="JRN708" s="613"/>
      <c r="JRO708" s="613"/>
      <c r="JRP708" s="613"/>
      <c r="JRQ708" s="613"/>
      <c r="JRR708" s="613"/>
      <c r="JRS708" s="613"/>
      <c r="JRT708" s="613"/>
      <c r="JRU708" s="613"/>
      <c r="JRV708" s="613"/>
      <c r="JRW708" s="613"/>
      <c r="JRX708" s="613"/>
      <c r="JRY708" s="613"/>
      <c r="JRZ708" s="613"/>
      <c r="JSA708" s="613"/>
      <c r="JSB708" s="613"/>
      <c r="JSC708" s="613"/>
      <c r="JSD708" s="613"/>
      <c r="JSE708" s="613"/>
      <c r="JSF708" s="613"/>
      <c r="JSG708" s="613"/>
      <c r="JSH708" s="613"/>
      <c r="JSI708" s="613"/>
      <c r="JSJ708" s="613"/>
      <c r="JSK708" s="613"/>
      <c r="JSL708" s="613"/>
      <c r="JSM708" s="613"/>
      <c r="JSN708" s="613"/>
      <c r="JSO708" s="613"/>
      <c r="JSP708" s="613"/>
      <c r="JSQ708" s="613"/>
      <c r="JSR708" s="613"/>
      <c r="JSS708" s="613"/>
      <c r="JST708" s="613"/>
      <c r="JSU708" s="613"/>
      <c r="JSV708" s="613"/>
      <c r="JSW708" s="613"/>
      <c r="JSX708" s="613"/>
      <c r="JSY708" s="613"/>
      <c r="JSZ708" s="613"/>
      <c r="JTA708" s="613"/>
      <c r="JTB708" s="613"/>
      <c r="JTC708" s="613"/>
      <c r="JTD708" s="613"/>
      <c r="JTE708" s="613"/>
      <c r="JTF708" s="613"/>
      <c r="JTG708" s="613"/>
      <c r="JTH708" s="613"/>
      <c r="JTI708" s="613"/>
      <c r="JTJ708" s="613"/>
      <c r="JTK708" s="613"/>
      <c r="JTL708" s="613"/>
      <c r="JTM708" s="613"/>
      <c r="JTN708" s="613"/>
      <c r="JTO708" s="613"/>
      <c r="JTP708" s="613"/>
      <c r="JTQ708" s="613"/>
      <c r="JTR708" s="613"/>
      <c r="JTS708" s="613"/>
      <c r="JTT708" s="613"/>
      <c r="JTU708" s="613"/>
      <c r="JTV708" s="613"/>
      <c r="JTW708" s="613"/>
      <c r="JTX708" s="613"/>
      <c r="JTY708" s="613"/>
      <c r="JTZ708" s="613"/>
      <c r="JUA708" s="613"/>
      <c r="JUB708" s="613"/>
      <c r="JUC708" s="613"/>
      <c r="JUD708" s="613"/>
      <c r="JUE708" s="613"/>
      <c r="JUF708" s="613"/>
      <c r="JUG708" s="613"/>
      <c r="JUH708" s="613"/>
      <c r="JUI708" s="613"/>
      <c r="JUJ708" s="613"/>
      <c r="JUK708" s="613"/>
      <c r="JUL708" s="613"/>
      <c r="JUM708" s="613"/>
      <c r="JUN708" s="613"/>
      <c r="JUO708" s="613"/>
      <c r="JUP708" s="613"/>
      <c r="JUQ708" s="613"/>
      <c r="JUR708" s="613"/>
      <c r="JUS708" s="613"/>
      <c r="JUT708" s="613"/>
      <c r="JUU708" s="613"/>
      <c r="JUV708" s="613"/>
      <c r="JUW708" s="613"/>
      <c r="JUX708" s="613"/>
      <c r="JUY708" s="613"/>
      <c r="JUZ708" s="613"/>
      <c r="JVA708" s="613"/>
      <c r="JVB708" s="613"/>
      <c r="JVC708" s="613"/>
      <c r="JVD708" s="613"/>
      <c r="JVE708" s="613"/>
      <c r="JVF708" s="613"/>
      <c r="JVG708" s="613"/>
      <c r="JVH708" s="613"/>
      <c r="JVI708" s="613"/>
      <c r="JVJ708" s="613"/>
      <c r="JVK708" s="613"/>
      <c r="JVL708" s="613"/>
      <c r="JVM708" s="613"/>
      <c r="JVN708" s="613"/>
      <c r="JVO708" s="613"/>
      <c r="JVP708" s="613"/>
      <c r="JVQ708" s="613"/>
      <c r="JVR708" s="613"/>
      <c r="JVS708" s="613"/>
      <c r="JVT708" s="613"/>
      <c r="JVU708" s="613"/>
      <c r="JVV708" s="613"/>
      <c r="JVW708" s="613"/>
      <c r="JVX708" s="613"/>
      <c r="JVY708" s="613"/>
      <c r="JVZ708" s="613"/>
      <c r="JWA708" s="613"/>
      <c r="JWB708" s="613"/>
      <c r="JWC708" s="613"/>
      <c r="JWD708" s="613"/>
      <c r="JWE708" s="613"/>
      <c r="JWF708" s="613"/>
      <c r="JWG708" s="613"/>
      <c r="JWH708" s="613"/>
      <c r="JWI708" s="613"/>
      <c r="JWJ708" s="613"/>
      <c r="JWK708" s="613"/>
      <c r="JWL708" s="613"/>
      <c r="JWM708" s="613"/>
      <c r="JWN708" s="613"/>
      <c r="JWO708" s="613"/>
      <c r="JWP708" s="613"/>
      <c r="JWQ708" s="613"/>
      <c r="JWR708" s="613"/>
      <c r="JWS708" s="613"/>
      <c r="JWT708" s="613"/>
      <c r="JWU708" s="613"/>
      <c r="JWV708" s="613"/>
      <c r="JWW708" s="613"/>
      <c r="JWX708" s="613"/>
      <c r="JWY708" s="613"/>
      <c r="JWZ708" s="613"/>
      <c r="JXA708" s="613"/>
      <c r="JXB708" s="613"/>
      <c r="JXC708" s="613"/>
      <c r="JXD708" s="613"/>
      <c r="JXE708" s="613"/>
      <c r="JXF708" s="613"/>
      <c r="JXG708" s="613"/>
      <c r="JXH708" s="613"/>
      <c r="JXI708" s="613"/>
      <c r="JXJ708" s="613"/>
      <c r="JXK708" s="613"/>
      <c r="JXL708" s="613"/>
      <c r="JXM708" s="613"/>
      <c r="JXN708" s="613"/>
      <c r="JXO708" s="613"/>
      <c r="JXP708" s="613"/>
      <c r="JXQ708" s="613"/>
      <c r="JXR708" s="613"/>
      <c r="JXS708" s="613"/>
      <c r="JXT708" s="613"/>
      <c r="JXU708" s="613"/>
      <c r="JXV708" s="613"/>
      <c r="JXW708" s="613"/>
      <c r="JXX708" s="613"/>
      <c r="JXY708" s="613"/>
      <c r="JXZ708" s="613"/>
      <c r="JYA708" s="613"/>
      <c r="JYB708" s="613"/>
      <c r="JYC708" s="613"/>
      <c r="JYD708" s="613"/>
      <c r="JYE708" s="613"/>
      <c r="JYF708" s="613"/>
      <c r="JYG708" s="613"/>
      <c r="JYH708" s="613"/>
      <c r="JYI708" s="613"/>
      <c r="JYJ708" s="613"/>
      <c r="JYK708" s="613"/>
      <c r="JYL708" s="613"/>
      <c r="JYM708" s="613"/>
      <c r="JYN708" s="613"/>
      <c r="JYO708" s="613"/>
      <c r="JYP708" s="613"/>
      <c r="JYQ708" s="613"/>
      <c r="JYR708" s="613"/>
      <c r="JYS708" s="613"/>
      <c r="JYT708" s="613"/>
      <c r="JYU708" s="613"/>
      <c r="JYV708" s="613"/>
      <c r="JYW708" s="613"/>
      <c r="JYX708" s="613"/>
      <c r="JYY708" s="613"/>
      <c r="JYZ708" s="613"/>
      <c r="JZA708" s="613"/>
      <c r="JZB708" s="613"/>
      <c r="JZC708" s="613"/>
      <c r="JZD708" s="613"/>
      <c r="JZE708" s="613"/>
      <c r="JZF708" s="613"/>
      <c r="JZG708" s="613"/>
      <c r="JZH708" s="613"/>
      <c r="JZI708" s="613"/>
      <c r="JZJ708" s="613"/>
      <c r="JZK708" s="613"/>
      <c r="JZL708" s="613"/>
      <c r="JZM708" s="613"/>
      <c r="JZN708" s="613"/>
      <c r="JZO708" s="613"/>
      <c r="JZP708" s="613"/>
      <c r="JZQ708" s="613"/>
      <c r="JZR708" s="613"/>
      <c r="JZS708" s="613"/>
      <c r="JZT708" s="613"/>
      <c r="JZU708" s="613"/>
      <c r="JZV708" s="613"/>
      <c r="JZW708" s="613"/>
      <c r="JZX708" s="613"/>
      <c r="JZY708" s="613"/>
      <c r="JZZ708" s="613"/>
      <c r="KAA708" s="613"/>
      <c r="KAB708" s="613"/>
      <c r="KAC708" s="613"/>
      <c r="KAD708" s="613"/>
      <c r="KAE708" s="613"/>
      <c r="KAF708" s="613"/>
      <c r="KAG708" s="613"/>
      <c r="KAH708" s="613"/>
      <c r="KAI708" s="613"/>
      <c r="KAJ708" s="613"/>
      <c r="KAK708" s="613"/>
      <c r="KAL708" s="613"/>
      <c r="KAM708" s="613"/>
      <c r="KAN708" s="613"/>
      <c r="KAO708" s="613"/>
      <c r="KAP708" s="613"/>
      <c r="KAQ708" s="613"/>
      <c r="KAR708" s="613"/>
      <c r="KAS708" s="613"/>
      <c r="KAT708" s="613"/>
      <c r="KAU708" s="613"/>
      <c r="KAV708" s="613"/>
      <c r="KAW708" s="613"/>
      <c r="KAX708" s="613"/>
      <c r="KAY708" s="613"/>
      <c r="KAZ708" s="613"/>
      <c r="KBA708" s="613"/>
      <c r="KBB708" s="613"/>
      <c r="KBC708" s="613"/>
      <c r="KBD708" s="613"/>
      <c r="KBE708" s="613"/>
      <c r="KBF708" s="613"/>
      <c r="KBG708" s="613"/>
      <c r="KBH708" s="613"/>
      <c r="KBI708" s="613"/>
      <c r="KBJ708" s="613"/>
      <c r="KBK708" s="613"/>
      <c r="KBL708" s="613"/>
      <c r="KBM708" s="613"/>
      <c r="KBN708" s="613"/>
      <c r="KBO708" s="613"/>
      <c r="KBP708" s="613"/>
      <c r="KBQ708" s="613"/>
      <c r="KBR708" s="613"/>
      <c r="KBS708" s="613"/>
      <c r="KBT708" s="613"/>
      <c r="KBU708" s="613"/>
      <c r="KBV708" s="613"/>
      <c r="KBW708" s="613"/>
      <c r="KBX708" s="613"/>
      <c r="KBY708" s="613"/>
      <c r="KBZ708" s="613"/>
      <c r="KCA708" s="613"/>
      <c r="KCB708" s="613"/>
      <c r="KCC708" s="613"/>
      <c r="KCD708" s="613"/>
      <c r="KCE708" s="613"/>
      <c r="KCF708" s="613"/>
      <c r="KCG708" s="613"/>
      <c r="KCH708" s="613"/>
      <c r="KCI708" s="613"/>
      <c r="KCJ708" s="613"/>
      <c r="KCK708" s="613"/>
      <c r="KCL708" s="613"/>
      <c r="KCM708" s="613"/>
      <c r="KCN708" s="613"/>
      <c r="KCO708" s="613"/>
      <c r="KCP708" s="613"/>
      <c r="KCQ708" s="613"/>
      <c r="KCR708" s="613"/>
      <c r="KCS708" s="613"/>
      <c r="KCT708" s="613"/>
      <c r="KCU708" s="613"/>
      <c r="KCV708" s="613"/>
      <c r="KCW708" s="613"/>
      <c r="KCX708" s="613"/>
      <c r="KCY708" s="613"/>
      <c r="KCZ708" s="613"/>
      <c r="KDA708" s="613"/>
      <c r="KDB708" s="613"/>
      <c r="KDC708" s="613"/>
      <c r="KDD708" s="613"/>
      <c r="KDE708" s="613"/>
      <c r="KDF708" s="613"/>
      <c r="KDG708" s="613"/>
      <c r="KDH708" s="613"/>
      <c r="KDI708" s="613"/>
      <c r="KDJ708" s="613"/>
      <c r="KDK708" s="613"/>
      <c r="KDL708" s="613"/>
      <c r="KDM708" s="613"/>
      <c r="KDN708" s="613"/>
      <c r="KDO708" s="613"/>
      <c r="KDP708" s="613"/>
      <c r="KDQ708" s="613"/>
      <c r="KDR708" s="613"/>
      <c r="KDS708" s="613"/>
      <c r="KDT708" s="613"/>
      <c r="KDU708" s="613"/>
      <c r="KDV708" s="613"/>
      <c r="KDW708" s="613"/>
      <c r="KDX708" s="613"/>
      <c r="KDY708" s="613"/>
      <c r="KDZ708" s="613"/>
      <c r="KEA708" s="613"/>
      <c r="KEB708" s="613"/>
      <c r="KEC708" s="613"/>
      <c r="KED708" s="613"/>
      <c r="KEE708" s="613"/>
      <c r="KEF708" s="613"/>
      <c r="KEG708" s="613"/>
      <c r="KEH708" s="613"/>
      <c r="KEI708" s="613"/>
      <c r="KEJ708" s="613"/>
      <c r="KEK708" s="613"/>
      <c r="KEL708" s="613"/>
      <c r="KEM708" s="613"/>
      <c r="KEN708" s="613"/>
      <c r="KEO708" s="613"/>
      <c r="KEP708" s="613"/>
      <c r="KEQ708" s="613"/>
      <c r="KER708" s="613"/>
      <c r="KES708" s="613"/>
      <c r="KET708" s="613"/>
      <c r="KEU708" s="613"/>
      <c r="KEV708" s="613"/>
      <c r="KEW708" s="613"/>
      <c r="KEX708" s="613"/>
      <c r="KEY708" s="613"/>
      <c r="KEZ708" s="613"/>
      <c r="KFA708" s="613"/>
      <c r="KFB708" s="613"/>
      <c r="KFC708" s="613"/>
      <c r="KFD708" s="613"/>
      <c r="KFE708" s="613"/>
      <c r="KFF708" s="613"/>
      <c r="KFG708" s="613"/>
      <c r="KFH708" s="613"/>
      <c r="KFI708" s="613"/>
      <c r="KFJ708" s="613"/>
      <c r="KFK708" s="613"/>
      <c r="KFL708" s="613"/>
      <c r="KFM708" s="613"/>
      <c r="KFN708" s="613"/>
      <c r="KFO708" s="613"/>
      <c r="KFP708" s="613"/>
      <c r="KFQ708" s="613"/>
      <c r="KFR708" s="613"/>
      <c r="KFS708" s="613"/>
      <c r="KFT708" s="613"/>
      <c r="KFU708" s="613"/>
      <c r="KFV708" s="613"/>
      <c r="KFW708" s="613"/>
      <c r="KFX708" s="613"/>
      <c r="KFY708" s="613"/>
      <c r="KFZ708" s="613"/>
      <c r="KGA708" s="613"/>
      <c r="KGB708" s="613"/>
      <c r="KGC708" s="613"/>
      <c r="KGD708" s="613"/>
      <c r="KGE708" s="613"/>
      <c r="KGF708" s="613"/>
      <c r="KGG708" s="613"/>
      <c r="KGH708" s="613"/>
      <c r="KGI708" s="613"/>
      <c r="KGJ708" s="613"/>
      <c r="KGK708" s="613"/>
      <c r="KGL708" s="613"/>
      <c r="KGM708" s="613"/>
      <c r="KGN708" s="613"/>
      <c r="KGO708" s="613"/>
      <c r="KGP708" s="613"/>
      <c r="KGQ708" s="613"/>
      <c r="KGR708" s="613"/>
      <c r="KGS708" s="613"/>
      <c r="KGT708" s="613"/>
      <c r="KGU708" s="613"/>
      <c r="KGV708" s="613"/>
      <c r="KGW708" s="613"/>
      <c r="KGX708" s="613"/>
      <c r="KGY708" s="613"/>
      <c r="KGZ708" s="613"/>
      <c r="KHA708" s="613"/>
      <c r="KHB708" s="613"/>
      <c r="KHC708" s="613"/>
      <c r="KHD708" s="613"/>
      <c r="KHE708" s="613"/>
      <c r="KHF708" s="613"/>
      <c r="KHG708" s="613"/>
      <c r="KHH708" s="613"/>
      <c r="KHI708" s="613"/>
      <c r="KHJ708" s="613"/>
      <c r="KHK708" s="613"/>
      <c r="KHL708" s="613"/>
      <c r="KHM708" s="613"/>
      <c r="KHN708" s="613"/>
      <c r="KHO708" s="613"/>
      <c r="KHP708" s="613"/>
      <c r="KHQ708" s="613"/>
      <c r="KHR708" s="613"/>
      <c r="KHS708" s="613"/>
      <c r="KHT708" s="613"/>
      <c r="KHU708" s="613"/>
      <c r="KHV708" s="613"/>
      <c r="KHW708" s="613"/>
      <c r="KHX708" s="613"/>
      <c r="KHY708" s="613"/>
      <c r="KHZ708" s="613"/>
      <c r="KIA708" s="613"/>
      <c r="KIB708" s="613"/>
      <c r="KIC708" s="613"/>
      <c r="KID708" s="613"/>
      <c r="KIE708" s="613"/>
      <c r="KIF708" s="613"/>
      <c r="KIG708" s="613"/>
      <c r="KIH708" s="613"/>
      <c r="KII708" s="613"/>
      <c r="KIJ708" s="613"/>
      <c r="KIK708" s="613"/>
      <c r="KIL708" s="613"/>
      <c r="KIM708" s="613"/>
      <c r="KIN708" s="613"/>
      <c r="KIO708" s="613"/>
      <c r="KIP708" s="613"/>
      <c r="KIQ708" s="613"/>
      <c r="KIR708" s="613"/>
      <c r="KIS708" s="613"/>
      <c r="KIT708" s="613"/>
      <c r="KIU708" s="613"/>
      <c r="KIV708" s="613"/>
      <c r="KIW708" s="613"/>
      <c r="KIX708" s="613"/>
      <c r="KIY708" s="613"/>
      <c r="KIZ708" s="613"/>
      <c r="KJA708" s="613"/>
      <c r="KJB708" s="613"/>
      <c r="KJC708" s="613"/>
      <c r="KJD708" s="613"/>
      <c r="KJE708" s="613"/>
      <c r="KJF708" s="613"/>
      <c r="KJG708" s="613"/>
      <c r="KJH708" s="613"/>
      <c r="KJI708" s="613"/>
      <c r="KJJ708" s="613"/>
      <c r="KJK708" s="613"/>
      <c r="KJL708" s="613"/>
      <c r="KJM708" s="613"/>
      <c r="KJN708" s="613"/>
      <c r="KJO708" s="613"/>
      <c r="KJP708" s="613"/>
      <c r="KJQ708" s="613"/>
      <c r="KJR708" s="613"/>
      <c r="KJS708" s="613"/>
      <c r="KJT708" s="613"/>
      <c r="KJU708" s="613"/>
      <c r="KJV708" s="613"/>
      <c r="KJW708" s="613"/>
      <c r="KJX708" s="613"/>
      <c r="KJY708" s="613"/>
      <c r="KJZ708" s="613"/>
      <c r="KKA708" s="613"/>
      <c r="KKB708" s="613"/>
      <c r="KKC708" s="613"/>
      <c r="KKD708" s="613"/>
      <c r="KKE708" s="613"/>
      <c r="KKF708" s="613"/>
      <c r="KKG708" s="613"/>
      <c r="KKH708" s="613"/>
      <c r="KKI708" s="613"/>
      <c r="KKJ708" s="613"/>
      <c r="KKK708" s="613"/>
      <c r="KKL708" s="613"/>
      <c r="KKM708" s="613"/>
      <c r="KKN708" s="613"/>
      <c r="KKO708" s="613"/>
      <c r="KKP708" s="613"/>
      <c r="KKQ708" s="613"/>
      <c r="KKR708" s="613"/>
      <c r="KKS708" s="613"/>
      <c r="KKT708" s="613"/>
      <c r="KKU708" s="613"/>
      <c r="KKV708" s="613"/>
      <c r="KKW708" s="613"/>
      <c r="KKX708" s="613"/>
      <c r="KKY708" s="613"/>
      <c r="KKZ708" s="613"/>
      <c r="KLA708" s="613"/>
      <c r="KLB708" s="613"/>
      <c r="KLC708" s="613"/>
      <c r="KLD708" s="613"/>
      <c r="KLE708" s="613"/>
      <c r="KLF708" s="613"/>
      <c r="KLG708" s="613"/>
      <c r="KLH708" s="613"/>
      <c r="KLI708" s="613"/>
      <c r="KLJ708" s="613"/>
      <c r="KLK708" s="613"/>
      <c r="KLL708" s="613"/>
      <c r="KLM708" s="613"/>
      <c r="KLN708" s="613"/>
      <c r="KLO708" s="613"/>
      <c r="KLP708" s="613"/>
      <c r="KLQ708" s="613"/>
      <c r="KLR708" s="613"/>
      <c r="KLS708" s="613"/>
      <c r="KLT708" s="613"/>
      <c r="KLU708" s="613"/>
      <c r="KLV708" s="613"/>
      <c r="KLW708" s="613"/>
      <c r="KLX708" s="613"/>
      <c r="KLY708" s="613"/>
      <c r="KLZ708" s="613"/>
      <c r="KMA708" s="613"/>
      <c r="KMB708" s="613"/>
      <c r="KMC708" s="613"/>
      <c r="KMD708" s="613"/>
      <c r="KME708" s="613"/>
      <c r="KMF708" s="613"/>
      <c r="KMG708" s="613"/>
      <c r="KMH708" s="613"/>
      <c r="KMI708" s="613"/>
      <c r="KMJ708" s="613"/>
      <c r="KMK708" s="613"/>
      <c r="KML708" s="613"/>
      <c r="KMM708" s="613"/>
      <c r="KMN708" s="613"/>
      <c r="KMO708" s="613"/>
      <c r="KMP708" s="613"/>
      <c r="KMQ708" s="613"/>
      <c r="KMR708" s="613"/>
      <c r="KMS708" s="613"/>
      <c r="KMT708" s="613"/>
      <c r="KMU708" s="613"/>
      <c r="KMV708" s="613"/>
      <c r="KMW708" s="613"/>
      <c r="KMX708" s="613"/>
      <c r="KMY708" s="613"/>
      <c r="KMZ708" s="613"/>
      <c r="KNA708" s="613"/>
      <c r="KNB708" s="613"/>
      <c r="KNC708" s="613"/>
      <c r="KND708" s="613"/>
      <c r="KNE708" s="613"/>
      <c r="KNF708" s="613"/>
      <c r="KNG708" s="613"/>
      <c r="KNH708" s="613"/>
      <c r="KNI708" s="613"/>
      <c r="KNJ708" s="613"/>
      <c r="KNK708" s="613"/>
      <c r="KNL708" s="613"/>
      <c r="KNM708" s="613"/>
      <c r="KNN708" s="613"/>
      <c r="KNO708" s="613"/>
      <c r="KNP708" s="613"/>
      <c r="KNQ708" s="613"/>
      <c r="KNR708" s="613"/>
      <c r="KNS708" s="613"/>
      <c r="KNT708" s="613"/>
      <c r="KNU708" s="613"/>
      <c r="KNV708" s="613"/>
      <c r="KNW708" s="613"/>
      <c r="KNX708" s="613"/>
      <c r="KNY708" s="613"/>
      <c r="KNZ708" s="613"/>
      <c r="KOA708" s="613"/>
      <c r="KOB708" s="613"/>
      <c r="KOC708" s="613"/>
      <c r="KOD708" s="613"/>
      <c r="KOE708" s="613"/>
      <c r="KOF708" s="613"/>
      <c r="KOG708" s="613"/>
      <c r="KOH708" s="613"/>
      <c r="KOI708" s="613"/>
      <c r="KOJ708" s="613"/>
      <c r="KOK708" s="613"/>
      <c r="KOL708" s="613"/>
      <c r="KOM708" s="613"/>
      <c r="KON708" s="613"/>
      <c r="KOO708" s="613"/>
      <c r="KOP708" s="613"/>
      <c r="KOQ708" s="613"/>
      <c r="KOR708" s="613"/>
      <c r="KOS708" s="613"/>
      <c r="KOT708" s="613"/>
      <c r="KOU708" s="613"/>
      <c r="KOV708" s="613"/>
      <c r="KOW708" s="613"/>
      <c r="KOX708" s="613"/>
      <c r="KOY708" s="613"/>
      <c r="KOZ708" s="613"/>
      <c r="KPA708" s="613"/>
      <c r="KPB708" s="613"/>
      <c r="KPC708" s="613"/>
      <c r="KPD708" s="613"/>
      <c r="KPE708" s="613"/>
      <c r="KPF708" s="613"/>
      <c r="KPG708" s="613"/>
      <c r="KPH708" s="613"/>
      <c r="KPI708" s="613"/>
      <c r="KPJ708" s="613"/>
      <c r="KPK708" s="613"/>
      <c r="KPL708" s="613"/>
      <c r="KPM708" s="613"/>
      <c r="KPN708" s="613"/>
      <c r="KPO708" s="613"/>
      <c r="KPP708" s="613"/>
      <c r="KPQ708" s="613"/>
      <c r="KPR708" s="613"/>
      <c r="KPS708" s="613"/>
      <c r="KPT708" s="613"/>
      <c r="KPU708" s="613"/>
      <c r="KPV708" s="613"/>
      <c r="KPW708" s="613"/>
      <c r="KPX708" s="613"/>
      <c r="KPY708" s="613"/>
      <c r="KPZ708" s="613"/>
      <c r="KQA708" s="613"/>
      <c r="KQB708" s="613"/>
      <c r="KQC708" s="613"/>
      <c r="KQD708" s="613"/>
      <c r="KQE708" s="613"/>
      <c r="KQF708" s="613"/>
      <c r="KQG708" s="613"/>
      <c r="KQH708" s="613"/>
      <c r="KQI708" s="613"/>
      <c r="KQJ708" s="613"/>
      <c r="KQK708" s="613"/>
      <c r="KQL708" s="613"/>
      <c r="KQM708" s="613"/>
      <c r="KQN708" s="613"/>
      <c r="KQO708" s="613"/>
      <c r="KQP708" s="613"/>
      <c r="KQQ708" s="613"/>
      <c r="KQR708" s="613"/>
      <c r="KQS708" s="613"/>
      <c r="KQT708" s="613"/>
      <c r="KQU708" s="613"/>
      <c r="KQV708" s="613"/>
      <c r="KQW708" s="613"/>
      <c r="KQX708" s="613"/>
      <c r="KQY708" s="613"/>
      <c r="KQZ708" s="613"/>
      <c r="KRA708" s="613"/>
      <c r="KRB708" s="613"/>
      <c r="KRC708" s="613"/>
      <c r="KRD708" s="613"/>
      <c r="KRE708" s="613"/>
      <c r="KRF708" s="613"/>
      <c r="KRG708" s="613"/>
      <c r="KRH708" s="613"/>
      <c r="KRI708" s="613"/>
      <c r="KRJ708" s="613"/>
      <c r="KRK708" s="613"/>
      <c r="KRL708" s="613"/>
      <c r="KRM708" s="613"/>
      <c r="KRN708" s="613"/>
      <c r="KRO708" s="613"/>
      <c r="KRP708" s="613"/>
      <c r="KRQ708" s="613"/>
      <c r="KRR708" s="613"/>
      <c r="KRS708" s="613"/>
      <c r="KRT708" s="613"/>
      <c r="KRU708" s="613"/>
      <c r="KRV708" s="613"/>
      <c r="KRW708" s="613"/>
      <c r="KRX708" s="613"/>
      <c r="KRY708" s="613"/>
      <c r="KRZ708" s="613"/>
      <c r="KSA708" s="613"/>
      <c r="KSB708" s="613"/>
      <c r="KSC708" s="613"/>
      <c r="KSD708" s="613"/>
      <c r="KSE708" s="613"/>
      <c r="KSF708" s="613"/>
      <c r="KSG708" s="613"/>
      <c r="KSH708" s="613"/>
      <c r="KSI708" s="613"/>
      <c r="KSJ708" s="613"/>
      <c r="KSK708" s="613"/>
      <c r="KSL708" s="613"/>
      <c r="KSM708" s="613"/>
      <c r="KSN708" s="613"/>
      <c r="KSO708" s="613"/>
      <c r="KSP708" s="613"/>
      <c r="KSQ708" s="613"/>
      <c r="KSR708" s="613"/>
      <c r="KSS708" s="613"/>
      <c r="KST708" s="613"/>
      <c r="KSU708" s="613"/>
      <c r="KSV708" s="613"/>
      <c r="KSW708" s="613"/>
      <c r="KSX708" s="613"/>
      <c r="KSY708" s="613"/>
      <c r="KSZ708" s="613"/>
      <c r="KTA708" s="613"/>
      <c r="KTB708" s="613"/>
      <c r="KTC708" s="613"/>
      <c r="KTD708" s="613"/>
      <c r="KTE708" s="613"/>
      <c r="KTF708" s="613"/>
      <c r="KTG708" s="613"/>
      <c r="KTH708" s="613"/>
      <c r="KTI708" s="613"/>
      <c r="KTJ708" s="613"/>
      <c r="KTK708" s="613"/>
      <c r="KTL708" s="613"/>
      <c r="KTM708" s="613"/>
      <c r="KTN708" s="613"/>
      <c r="KTO708" s="613"/>
      <c r="KTP708" s="613"/>
      <c r="KTQ708" s="613"/>
      <c r="KTR708" s="613"/>
      <c r="KTS708" s="613"/>
      <c r="KTT708" s="613"/>
      <c r="KTU708" s="613"/>
      <c r="KTV708" s="613"/>
      <c r="KTW708" s="613"/>
      <c r="KTX708" s="613"/>
      <c r="KTY708" s="613"/>
      <c r="KTZ708" s="613"/>
      <c r="KUA708" s="613"/>
      <c r="KUB708" s="613"/>
      <c r="KUC708" s="613"/>
      <c r="KUD708" s="613"/>
      <c r="KUE708" s="613"/>
      <c r="KUF708" s="613"/>
      <c r="KUG708" s="613"/>
      <c r="KUH708" s="613"/>
      <c r="KUI708" s="613"/>
      <c r="KUJ708" s="613"/>
      <c r="KUK708" s="613"/>
      <c r="KUL708" s="613"/>
      <c r="KUM708" s="613"/>
      <c r="KUN708" s="613"/>
      <c r="KUO708" s="613"/>
      <c r="KUP708" s="613"/>
      <c r="KUQ708" s="613"/>
      <c r="KUR708" s="613"/>
      <c r="KUS708" s="613"/>
      <c r="KUT708" s="613"/>
      <c r="KUU708" s="613"/>
      <c r="KUV708" s="613"/>
      <c r="KUW708" s="613"/>
      <c r="KUX708" s="613"/>
      <c r="KUY708" s="613"/>
      <c r="KUZ708" s="613"/>
      <c r="KVA708" s="613"/>
      <c r="KVB708" s="613"/>
      <c r="KVC708" s="613"/>
      <c r="KVD708" s="613"/>
      <c r="KVE708" s="613"/>
      <c r="KVF708" s="613"/>
      <c r="KVG708" s="613"/>
      <c r="KVH708" s="613"/>
      <c r="KVI708" s="613"/>
      <c r="KVJ708" s="613"/>
      <c r="KVK708" s="613"/>
      <c r="KVL708" s="613"/>
      <c r="KVM708" s="613"/>
      <c r="KVN708" s="613"/>
      <c r="KVO708" s="613"/>
      <c r="KVP708" s="613"/>
      <c r="KVQ708" s="613"/>
      <c r="KVR708" s="613"/>
      <c r="KVS708" s="613"/>
      <c r="KVT708" s="613"/>
      <c r="KVU708" s="613"/>
      <c r="KVV708" s="613"/>
      <c r="KVW708" s="613"/>
      <c r="KVX708" s="613"/>
      <c r="KVY708" s="613"/>
      <c r="KVZ708" s="613"/>
      <c r="KWA708" s="613"/>
      <c r="KWB708" s="613"/>
      <c r="KWC708" s="613"/>
      <c r="KWD708" s="613"/>
      <c r="KWE708" s="613"/>
      <c r="KWF708" s="613"/>
      <c r="KWG708" s="613"/>
      <c r="KWH708" s="613"/>
      <c r="KWI708" s="613"/>
      <c r="KWJ708" s="613"/>
      <c r="KWK708" s="613"/>
      <c r="KWL708" s="613"/>
      <c r="KWM708" s="613"/>
      <c r="KWN708" s="613"/>
      <c r="KWO708" s="613"/>
      <c r="KWP708" s="613"/>
      <c r="KWQ708" s="613"/>
      <c r="KWR708" s="613"/>
      <c r="KWS708" s="613"/>
      <c r="KWT708" s="613"/>
      <c r="KWU708" s="613"/>
      <c r="KWV708" s="613"/>
      <c r="KWW708" s="613"/>
      <c r="KWX708" s="613"/>
      <c r="KWY708" s="613"/>
      <c r="KWZ708" s="613"/>
      <c r="KXA708" s="613"/>
      <c r="KXB708" s="613"/>
      <c r="KXC708" s="613"/>
      <c r="KXD708" s="613"/>
      <c r="KXE708" s="613"/>
      <c r="KXF708" s="613"/>
      <c r="KXG708" s="613"/>
      <c r="KXH708" s="613"/>
      <c r="KXI708" s="613"/>
      <c r="KXJ708" s="613"/>
      <c r="KXK708" s="613"/>
      <c r="KXL708" s="613"/>
      <c r="KXM708" s="613"/>
      <c r="KXN708" s="613"/>
      <c r="KXO708" s="613"/>
      <c r="KXP708" s="613"/>
      <c r="KXQ708" s="613"/>
      <c r="KXR708" s="613"/>
      <c r="KXS708" s="613"/>
      <c r="KXT708" s="613"/>
      <c r="KXU708" s="613"/>
      <c r="KXV708" s="613"/>
      <c r="KXW708" s="613"/>
      <c r="KXX708" s="613"/>
      <c r="KXY708" s="613"/>
      <c r="KXZ708" s="613"/>
      <c r="KYA708" s="613"/>
      <c r="KYB708" s="613"/>
      <c r="KYC708" s="613"/>
      <c r="KYD708" s="613"/>
      <c r="KYE708" s="613"/>
      <c r="KYF708" s="613"/>
      <c r="KYG708" s="613"/>
      <c r="KYH708" s="613"/>
      <c r="KYI708" s="613"/>
      <c r="KYJ708" s="613"/>
      <c r="KYK708" s="613"/>
      <c r="KYL708" s="613"/>
      <c r="KYM708" s="613"/>
      <c r="KYN708" s="613"/>
      <c r="KYO708" s="613"/>
      <c r="KYP708" s="613"/>
      <c r="KYQ708" s="613"/>
      <c r="KYR708" s="613"/>
      <c r="KYS708" s="613"/>
      <c r="KYT708" s="613"/>
      <c r="KYU708" s="613"/>
      <c r="KYV708" s="613"/>
      <c r="KYW708" s="613"/>
      <c r="KYX708" s="613"/>
      <c r="KYY708" s="613"/>
      <c r="KYZ708" s="613"/>
      <c r="KZA708" s="613"/>
      <c r="KZB708" s="613"/>
      <c r="KZC708" s="613"/>
      <c r="KZD708" s="613"/>
      <c r="KZE708" s="613"/>
      <c r="KZF708" s="613"/>
      <c r="KZG708" s="613"/>
      <c r="KZH708" s="613"/>
      <c r="KZI708" s="613"/>
      <c r="KZJ708" s="613"/>
      <c r="KZK708" s="613"/>
      <c r="KZL708" s="613"/>
      <c r="KZM708" s="613"/>
      <c r="KZN708" s="613"/>
      <c r="KZO708" s="613"/>
      <c r="KZP708" s="613"/>
      <c r="KZQ708" s="613"/>
      <c r="KZR708" s="613"/>
      <c r="KZS708" s="613"/>
      <c r="KZT708" s="613"/>
      <c r="KZU708" s="613"/>
      <c r="KZV708" s="613"/>
      <c r="KZW708" s="613"/>
      <c r="KZX708" s="613"/>
      <c r="KZY708" s="613"/>
      <c r="KZZ708" s="613"/>
      <c r="LAA708" s="613"/>
      <c r="LAB708" s="613"/>
      <c r="LAC708" s="613"/>
      <c r="LAD708" s="613"/>
      <c r="LAE708" s="613"/>
      <c r="LAF708" s="613"/>
      <c r="LAG708" s="613"/>
      <c r="LAH708" s="613"/>
      <c r="LAI708" s="613"/>
      <c r="LAJ708" s="613"/>
      <c r="LAK708" s="613"/>
      <c r="LAL708" s="613"/>
      <c r="LAM708" s="613"/>
      <c r="LAN708" s="613"/>
      <c r="LAO708" s="613"/>
      <c r="LAP708" s="613"/>
      <c r="LAQ708" s="613"/>
      <c r="LAR708" s="613"/>
      <c r="LAS708" s="613"/>
      <c r="LAT708" s="613"/>
      <c r="LAU708" s="613"/>
      <c r="LAV708" s="613"/>
      <c r="LAW708" s="613"/>
      <c r="LAX708" s="613"/>
      <c r="LAY708" s="613"/>
      <c r="LAZ708" s="613"/>
      <c r="LBA708" s="613"/>
      <c r="LBB708" s="613"/>
      <c r="LBC708" s="613"/>
      <c r="LBD708" s="613"/>
      <c r="LBE708" s="613"/>
      <c r="LBF708" s="613"/>
      <c r="LBG708" s="613"/>
      <c r="LBH708" s="613"/>
      <c r="LBI708" s="613"/>
      <c r="LBJ708" s="613"/>
      <c r="LBK708" s="613"/>
      <c r="LBL708" s="613"/>
      <c r="LBM708" s="613"/>
      <c r="LBN708" s="613"/>
      <c r="LBO708" s="613"/>
      <c r="LBP708" s="613"/>
      <c r="LBQ708" s="613"/>
      <c r="LBR708" s="613"/>
      <c r="LBS708" s="613"/>
      <c r="LBT708" s="613"/>
      <c r="LBU708" s="613"/>
      <c r="LBV708" s="613"/>
      <c r="LBW708" s="613"/>
      <c r="LBX708" s="613"/>
      <c r="LBY708" s="613"/>
      <c r="LBZ708" s="613"/>
      <c r="LCA708" s="613"/>
      <c r="LCB708" s="613"/>
      <c r="LCC708" s="613"/>
      <c r="LCD708" s="613"/>
      <c r="LCE708" s="613"/>
      <c r="LCF708" s="613"/>
      <c r="LCG708" s="613"/>
      <c r="LCH708" s="613"/>
      <c r="LCI708" s="613"/>
      <c r="LCJ708" s="613"/>
      <c r="LCK708" s="613"/>
      <c r="LCL708" s="613"/>
      <c r="LCM708" s="613"/>
      <c r="LCN708" s="613"/>
      <c r="LCO708" s="613"/>
      <c r="LCP708" s="613"/>
      <c r="LCQ708" s="613"/>
      <c r="LCR708" s="613"/>
      <c r="LCS708" s="613"/>
      <c r="LCT708" s="613"/>
      <c r="LCU708" s="613"/>
      <c r="LCV708" s="613"/>
      <c r="LCW708" s="613"/>
      <c r="LCX708" s="613"/>
      <c r="LCY708" s="613"/>
      <c r="LCZ708" s="613"/>
      <c r="LDA708" s="613"/>
      <c r="LDB708" s="613"/>
      <c r="LDC708" s="613"/>
      <c r="LDD708" s="613"/>
      <c r="LDE708" s="613"/>
      <c r="LDF708" s="613"/>
      <c r="LDG708" s="613"/>
      <c r="LDH708" s="613"/>
      <c r="LDI708" s="613"/>
      <c r="LDJ708" s="613"/>
      <c r="LDK708" s="613"/>
      <c r="LDL708" s="613"/>
      <c r="LDM708" s="613"/>
      <c r="LDN708" s="613"/>
      <c r="LDO708" s="613"/>
      <c r="LDP708" s="613"/>
      <c r="LDQ708" s="613"/>
      <c r="LDR708" s="613"/>
      <c r="LDS708" s="613"/>
      <c r="LDT708" s="613"/>
      <c r="LDU708" s="613"/>
      <c r="LDV708" s="613"/>
      <c r="LDW708" s="613"/>
      <c r="LDX708" s="613"/>
      <c r="LDY708" s="613"/>
      <c r="LDZ708" s="613"/>
      <c r="LEA708" s="613"/>
      <c r="LEB708" s="613"/>
      <c r="LEC708" s="613"/>
      <c r="LED708" s="613"/>
      <c r="LEE708" s="613"/>
      <c r="LEF708" s="613"/>
      <c r="LEG708" s="613"/>
      <c r="LEH708" s="613"/>
      <c r="LEI708" s="613"/>
      <c r="LEJ708" s="613"/>
      <c r="LEK708" s="613"/>
      <c r="LEL708" s="613"/>
      <c r="LEM708" s="613"/>
      <c r="LEN708" s="613"/>
      <c r="LEO708" s="613"/>
      <c r="LEP708" s="613"/>
      <c r="LEQ708" s="613"/>
      <c r="LER708" s="613"/>
      <c r="LES708" s="613"/>
      <c r="LET708" s="613"/>
      <c r="LEU708" s="613"/>
      <c r="LEV708" s="613"/>
      <c r="LEW708" s="613"/>
      <c r="LEX708" s="613"/>
      <c r="LEY708" s="613"/>
      <c r="LEZ708" s="613"/>
      <c r="LFA708" s="613"/>
      <c r="LFB708" s="613"/>
      <c r="LFC708" s="613"/>
      <c r="LFD708" s="613"/>
      <c r="LFE708" s="613"/>
      <c r="LFF708" s="613"/>
      <c r="LFG708" s="613"/>
      <c r="LFH708" s="613"/>
      <c r="LFI708" s="613"/>
      <c r="LFJ708" s="613"/>
      <c r="LFK708" s="613"/>
      <c r="LFL708" s="613"/>
      <c r="LFM708" s="613"/>
      <c r="LFN708" s="613"/>
      <c r="LFO708" s="613"/>
      <c r="LFP708" s="613"/>
      <c r="LFQ708" s="613"/>
      <c r="LFR708" s="613"/>
      <c r="LFS708" s="613"/>
      <c r="LFT708" s="613"/>
      <c r="LFU708" s="613"/>
      <c r="LFV708" s="613"/>
      <c r="LFW708" s="613"/>
      <c r="LFX708" s="613"/>
      <c r="LFY708" s="613"/>
      <c r="LFZ708" s="613"/>
      <c r="LGA708" s="613"/>
      <c r="LGB708" s="613"/>
      <c r="LGC708" s="613"/>
      <c r="LGD708" s="613"/>
      <c r="LGE708" s="613"/>
      <c r="LGF708" s="613"/>
      <c r="LGG708" s="613"/>
      <c r="LGH708" s="613"/>
      <c r="LGI708" s="613"/>
      <c r="LGJ708" s="613"/>
      <c r="LGK708" s="613"/>
      <c r="LGL708" s="613"/>
      <c r="LGM708" s="613"/>
      <c r="LGN708" s="613"/>
      <c r="LGO708" s="613"/>
      <c r="LGP708" s="613"/>
      <c r="LGQ708" s="613"/>
      <c r="LGR708" s="613"/>
      <c r="LGS708" s="613"/>
      <c r="LGT708" s="613"/>
      <c r="LGU708" s="613"/>
      <c r="LGV708" s="613"/>
      <c r="LGW708" s="613"/>
      <c r="LGX708" s="613"/>
      <c r="LGY708" s="613"/>
      <c r="LGZ708" s="613"/>
      <c r="LHA708" s="613"/>
      <c r="LHB708" s="613"/>
      <c r="LHC708" s="613"/>
      <c r="LHD708" s="613"/>
      <c r="LHE708" s="613"/>
      <c r="LHF708" s="613"/>
      <c r="LHG708" s="613"/>
      <c r="LHH708" s="613"/>
      <c r="LHI708" s="613"/>
      <c r="LHJ708" s="613"/>
      <c r="LHK708" s="613"/>
      <c r="LHL708" s="613"/>
      <c r="LHM708" s="613"/>
      <c r="LHN708" s="613"/>
      <c r="LHO708" s="613"/>
      <c r="LHP708" s="613"/>
      <c r="LHQ708" s="613"/>
      <c r="LHR708" s="613"/>
      <c r="LHS708" s="613"/>
      <c r="LHT708" s="613"/>
      <c r="LHU708" s="613"/>
      <c r="LHV708" s="613"/>
      <c r="LHW708" s="613"/>
      <c r="LHX708" s="613"/>
      <c r="LHY708" s="613"/>
      <c r="LHZ708" s="613"/>
      <c r="LIA708" s="613"/>
      <c r="LIB708" s="613"/>
      <c r="LIC708" s="613"/>
      <c r="LID708" s="613"/>
      <c r="LIE708" s="613"/>
      <c r="LIF708" s="613"/>
      <c r="LIG708" s="613"/>
      <c r="LIH708" s="613"/>
      <c r="LII708" s="613"/>
      <c r="LIJ708" s="613"/>
      <c r="LIK708" s="613"/>
      <c r="LIL708" s="613"/>
      <c r="LIM708" s="613"/>
      <c r="LIN708" s="613"/>
      <c r="LIO708" s="613"/>
      <c r="LIP708" s="613"/>
      <c r="LIQ708" s="613"/>
      <c r="LIR708" s="613"/>
      <c r="LIS708" s="613"/>
      <c r="LIT708" s="613"/>
      <c r="LIU708" s="613"/>
      <c r="LIV708" s="613"/>
      <c r="LIW708" s="613"/>
      <c r="LIX708" s="613"/>
      <c r="LIY708" s="613"/>
      <c r="LIZ708" s="613"/>
      <c r="LJA708" s="613"/>
      <c r="LJB708" s="613"/>
      <c r="LJC708" s="613"/>
      <c r="LJD708" s="613"/>
      <c r="LJE708" s="613"/>
      <c r="LJF708" s="613"/>
      <c r="LJG708" s="613"/>
      <c r="LJH708" s="613"/>
      <c r="LJI708" s="613"/>
      <c r="LJJ708" s="613"/>
      <c r="LJK708" s="613"/>
      <c r="LJL708" s="613"/>
      <c r="LJM708" s="613"/>
      <c r="LJN708" s="613"/>
      <c r="LJO708" s="613"/>
      <c r="LJP708" s="613"/>
      <c r="LJQ708" s="613"/>
      <c r="LJR708" s="613"/>
      <c r="LJS708" s="613"/>
      <c r="LJT708" s="613"/>
      <c r="LJU708" s="613"/>
      <c r="LJV708" s="613"/>
      <c r="LJW708" s="613"/>
      <c r="LJX708" s="613"/>
      <c r="LJY708" s="613"/>
      <c r="LJZ708" s="613"/>
      <c r="LKA708" s="613"/>
      <c r="LKB708" s="613"/>
      <c r="LKC708" s="613"/>
      <c r="LKD708" s="613"/>
      <c r="LKE708" s="613"/>
      <c r="LKF708" s="613"/>
      <c r="LKG708" s="613"/>
      <c r="LKH708" s="613"/>
      <c r="LKI708" s="613"/>
      <c r="LKJ708" s="613"/>
      <c r="LKK708" s="613"/>
      <c r="LKL708" s="613"/>
      <c r="LKM708" s="613"/>
      <c r="LKN708" s="613"/>
      <c r="LKO708" s="613"/>
      <c r="LKP708" s="613"/>
      <c r="LKQ708" s="613"/>
      <c r="LKR708" s="613"/>
      <c r="LKS708" s="613"/>
      <c r="LKT708" s="613"/>
      <c r="LKU708" s="613"/>
      <c r="LKV708" s="613"/>
      <c r="LKW708" s="613"/>
      <c r="LKX708" s="613"/>
      <c r="LKY708" s="613"/>
      <c r="LKZ708" s="613"/>
      <c r="LLA708" s="613"/>
      <c r="LLB708" s="613"/>
      <c r="LLC708" s="613"/>
      <c r="LLD708" s="613"/>
      <c r="LLE708" s="613"/>
      <c r="LLF708" s="613"/>
      <c r="LLG708" s="613"/>
      <c r="LLH708" s="613"/>
      <c r="LLI708" s="613"/>
      <c r="LLJ708" s="613"/>
      <c r="LLK708" s="613"/>
      <c r="LLL708" s="613"/>
      <c r="LLM708" s="613"/>
      <c r="LLN708" s="613"/>
      <c r="LLO708" s="613"/>
      <c r="LLP708" s="613"/>
      <c r="LLQ708" s="613"/>
      <c r="LLR708" s="613"/>
      <c r="LLS708" s="613"/>
      <c r="LLT708" s="613"/>
      <c r="LLU708" s="613"/>
      <c r="LLV708" s="613"/>
      <c r="LLW708" s="613"/>
      <c r="LLX708" s="613"/>
      <c r="LLY708" s="613"/>
      <c r="LLZ708" s="613"/>
      <c r="LMA708" s="613"/>
      <c r="LMB708" s="613"/>
      <c r="LMC708" s="613"/>
      <c r="LMD708" s="613"/>
      <c r="LME708" s="613"/>
      <c r="LMF708" s="613"/>
      <c r="LMG708" s="613"/>
      <c r="LMH708" s="613"/>
      <c r="LMI708" s="613"/>
      <c r="LMJ708" s="613"/>
      <c r="LMK708" s="613"/>
      <c r="LML708" s="613"/>
      <c r="LMM708" s="613"/>
      <c r="LMN708" s="613"/>
      <c r="LMO708" s="613"/>
      <c r="LMP708" s="613"/>
      <c r="LMQ708" s="613"/>
      <c r="LMR708" s="613"/>
      <c r="LMS708" s="613"/>
      <c r="LMT708" s="613"/>
      <c r="LMU708" s="613"/>
      <c r="LMV708" s="613"/>
      <c r="LMW708" s="613"/>
      <c r="LMX708" s="613"/>
      <c r="LMY708" s="613"/>
      <c r="LMZ708" s="613"/>
      <c r="LNA708" s="613"/>
      <c r="LNB708" s="613"/>
      <c r="LNC708" s="613"/>
      <c r="LND708" s="613"/>
      <c r="LNE708" s="613"/>
      <c r="LNF708" s="613"/>
      <c r="LNG708" s="613"/>
      <c r="LNH708" s="613"/>
      <c r="LNI708" s="613"/>
      <c r="LNJ708" s="613"/>
      <c r="LNK708" s="613"/>
      <c r="LNL708" s="613"/>
      <c r="LNM708" s="613"/>
      <c r="LNN708" s="613"/>
      <c r="LNO708" s="613"/>
      <c r="LNP708" s="613"/>
      <c r="LNQ708" s="613"/>
      <c r="LNR708" s="613"/>
      <c r="LNS708" s="613"/>
      <c r="LNT708" s="613"/>
      <c r="LNU708" s="613"/>
      <c r="LNV708" s="613"/>
      <c r="LNW708" s="613"/>
      <c r="LNX708" s="613"/>
      <c r="LNY708" s="613"/>
      <c r="LNZ708" s="613"/>
      <c r="LOA708" s="613"/>
      <c r="LOB708" s="613"/>
      <c r="LOC708" s="613"/>
      <c r="LOD708" s="613"/>
      <c r="LOE708" s="613"/>
      <c r="LOF708" s="613"/>
      <c r="LOG708" s="613"/>
      <c r="LOH708" s="613"/>
      <c r="LOI708" s="613"/>
      <c r="LOJ708" s="613"/>
      <c r="LOK708" s="613"/>
      <c r="LOL708" s="613"/>
      <c r="LOM708" s="613"/>
      <c r="LON708" s="613"/>
      <c r="LOO708" s="613"/>
      <c r="LOP708" s="613"/>
      <c r="LOQ708" s="613"/>
      <c r="LOR708" s="613"/>
      <c r="LOS708" s="613"/>
      <c r="LOT708" s="613"/>
      <c r="LOU708" s="613"/>
      <c r="LOV708" s="613"/>
      <c r="LOW708" s="613"/>
      <c r="LOX708" s="613"/>
      <c r="LOY708" s="613"/>
      <c r="LOZ708" s="613"/>
      <c r="LPA708" s="613"/>
      <c r="LPB708" s="613"/>
      <c r="LPC708" s="613"/>
      <c r="LPD708" s="613"/>
      <c r="LPE708" s="613"/>
      <c r="LPF708" s="613"/>
      <c r="LPG708" s="613"/>
      <c r="LPH708" s="613"/>
      <c r="LPI708" s="613"/>
      <c r="LPJ708" s="613"/>
      <c r="LPK708" s="613"/>
      <c r="LPL708" s="613"/>
      <c r="LPM708" s="613"/>
      <c r="LPN708" s="613"/>
      <c r="LPO708" s="613"/>
      <c r="LPP708" s="613"/>
      <c r="LPQ708" s="613"/>
      <c r="LPR708" s="613"/>
      <c r="LPS708" s="613"/>
      <c r="LPT708" s="613"/>
      <c r="LPU708" s="613"/>
      <c r="LPV708" s="613"/>
      <c r="LPW708" s="613"/>
      <c r="LPX708" s="613"/>
      <c r="LPY708" s="613"/>
      <c r="LPZ708" s="613"/>
      <c r="LQA708" s="613"/>
      <c r="LQB708" s="613"/>
      <c r="LQC708" s="613"/>
      <c r="LQD708" s="613"/>
      <c r="LQE708" s="613"/>
      <c r="LQF708" s="613"/>
      <c r="LQG708" s="613"/>
      <c r="LQH708" s="613"/>
      <c r="LQI708" s="613"/>
      <c r="LQJ708" s="613"/>
      <c r="LQK708" s="613"/>
      <c r="LQL708" s="613"/>
      <c r="LQM708" s="613"/>
      <c r="LQN708" s="613"/>
      <c r="LQO708" s="613"/>
      <c r="LQP708" s="613"/>
      <c r="LQQ708" s="613"/>
      <c r="LQR708" s="613"/>
      <c r="LQS708" s="613"/>
      <c r="LQT708" s="613"/>
      <c r="LQU708" s="613"/>
      <c r="LQV708" s="613"/>
      <c r="LQW708" s="613"/>
      <c r="LQX708" s="613"/>
      <c r="LQY708" s="613"/>
      <c r="LQZ708" s="613"/>
      <c r="LRA708" s="613"/>
      <c r="LRB708" s="613"/>
      <c r="LRC708" s="613"/>
      <c r="LRD708" s="613"/>
      <c r="LRE708" s="613"/>
      <c r="LRF708" s="613"/>
      <c r="LRG708" s="613"/>
      <c r="LRH708" s="613"/>
      <c r="LRI708" s="613"/>
      <c r="LRJ708" s="613"/>
      <c r="LRK708" s="613"/>
      <c r="LRL708" s="613"/>
      <c r="LRM708" s="613"/>
      <c r="LRN708" s="613"/>
      <c r="LRO708" s="613"/>
      <c r="LRP708" s="613"/>
      <c r="LRQ708" s="613"/>
      <c r="LRR708" s="613"/>
      <c r="LRS708" s="613"/>
      <c r="LRT708" s="613"/>
      <c r="LRU708" s="613"/>
      <c r="LRV708" s="613"/>
      <c r="LRW708" s="613"/>
      <c r="LRX708" s="613"/>
      <c r="LRY708" s="613"/>
      <c r="LRZ708" s="613"/>
      <c r="LSA708" s="613"/>
      <c r="LSB708" s="613"/>
      <c r="LSC708" s="613"/>
      <c r="LSD708" s="613"/>
      <c r="LSE708" s="613"/>
      <c r="LSF708" s="613"/>
      <c r="LSG708" s="613"/>
      <c r="LSH708" s="613"/>
      <c r="LSI708" s="613"/>
      <c r="LSJ708" s="613"/>
      <c r="LSK708" s="613"/>
      <c r="LSL708" s="613"/>
      <c r="LSM708" s="613"/>
      <c r="LSN708" s="613"/>
      <c r="LSO708" s="613"/>
      <c r="LSP708" s="613"/>
      <c r="LSQ708" s="613"/>
      <c r="LSR708" s="613"/>
      <c r="LSS708" s="613"/>
      <c r="LST708" s="613"/>
      <c r="LSU708" s="613"/>
      <c r="LSV708" s="613"/>
      <c r="LSW708" s="613"/>
      <c r="LSX708" s="613"/>
      <c r="LSY708" s="613"/>
      <c r="LSZ708" s="613"/>
      <c r="LTA708" s="613"/>
      <c r="LTB708" s="613"/>
      <c r="LTC708" s="613"/>
      <c r="LTD708" s="613"/>
      <c r="LTE708" s="613"/>
      <c r="LTF708" s="613"/>
      <c r="LTG708" s="613"/>
      <c r="LTH708" s="613"/>
      <c r="LTI708" s="613"/>
      <c r="LTJ708" s="613"/>
      <c r="LTK708" s="613"/>
      <c r="LTL708" s="613"/>
      <c r="LTM708" s="613"/>
      <c r="LTN708" s="613"/>
      <c r="LTO708" s="613"/>
      <c r="LTP708" s="613"/>
      <c r="LTQ708" s="613"/>
      <c r="LTR708" s="613"/>
      <c r="LTS708" s="613"/>
      <c r="LTT708" s="613"/>
      <c r="LTU708" s="613"/>
      <c r="LTV708" s="613"/>
      <c r="LTW708" s="613"/>
      <c r="LTX708" s="613"/>
      <c r="LTY708" s="613"/>
      <c r="LTZ708" s="613"/>
      <c r="LUA708" s="613"/>
      <c r="LUB708" s="613"/>
      <c r="LUC708" s="613"/>
      <c r="LUD708" s="613"/>
      <c r="LUE708" s="613"/>
      <c r="LUF708" s="613"/>
      <c r="LUG708" s="613"/>
      <c r="LUH708" s="613"/>
      <c r="LUI708" s="613"/>
      <c r="LUJ708" s="613"/>
      <c r="LUK708" s="613"/>
      <c r="LUL708" s="613"/>
      <c r="LUM708" s="613"/>
      <c r="LUN708" s="613"/>
      <c r="LUO708" s="613"/>
      <c r="LUP708" s="613"/>
      <c r="LUQ708" s="613"/>
      <c r="LUR708" s="613"/>
      <c r="LUS708" s="613"/>
      <c r="LUT708" s="613"/>
      <c r="LUU708" s="613"/>
      <c r="LUV708" s="613"/>
      <c r="LUW708" s="613"/>
      <c r="LUX708" s="613"/>
      <c r="LUY708" s="613"/>
      <c r="LUZ708" s="613"/>
      <c r="LVA708" s="613"/>
      <c r="LVB708" s="613"/>
      <c r="LVC708" s="613"/>
      <c r="LVD708" s="613"/>
      <c r="LVE708" s="613"/>
      <c r="LVF708" s="613"/>
      <c r="LVG708" s="613"/>
      <c r="LVH708" s="613"/>
      <c r="LVI708" s="613"/>
      <c r="LVJ708" s="613"/>
      <c r="LVK708" s="613"/>
      <c r="LVL708" s="613"/>
      <c r="LVM708" s="613"/>
      <c r="LVN708" s="613"/>
      <c r="LVO708" s="613"/>
      <c r="LVP708" s="613"/>
      <c r="LVQ708" s="613"/>
      <c r="LVR708" s="613"/>
      <c r="LVS708" s="613"/>
      <c r="LVT708" s="613"/>
      <c r="LVU708" s="613"/>
      <c r="LVV708" s="613"/>
      <c r="LVW708" s="613"/>
      <c r="LVX708" s="613"/>
      <c r="LVY708" s="613"/>
      <c r="LVZ708" s="613"/>
      <c r="LWA708" s="613"/>
      <c r="LWB708" s="613"/>
      <c r="LWC708" s="613"/>
      <c r="LWD708" s="613"/>
      <c r="LWE708" s="613"/>
      <c r="LWF708" s="613"/>
      <c r="LWG708" s="613"/>
      <c r="LWH708" s="613"/>
      <c r="LWI708" s="613"/>
      <c r="LWJ708" s="613"/>
      <c r="LWK708" s="613"/>
      <c r="LWL708" s="613"/>
      <c r="LWM708" s="613"/>
      <c r="LWN708" s="613"/>
      <c r="LWO708" s="613"/>
      <c r="LWP708" s="613"/>
      <c r="LWQ708" s="613"/>
      <c r="LWR708" s="613"/>
      <c r="LWS708" s="613"/>
      <c r="LWT708" s="613"/>
      <c r="LWU708" s="613"/>
      <c r="LWV708" s="613"/>
      <c r="LWW708" s="613"/>
      <c r="LWX708" s="613"/>
      <c r="LWY708" s="613"/>
      <c r="LWZ708" s="613"/>
      <c r="LXA708" s="613"/>
      <c r="LXB708" s="613"/>
      <c r="LXC708" s="613"/>
      <c r="LXD708" s="613"/>
      <c r="LXE708" s="613"/>
      <c r="LXF708" s="613"/>
      <c r="LXG708" s="613"/>
      <c r="LXH708" s="613"/>
      <c r="LXI708" s="613"/>
      <c r="LXJ708" s="613"/>
      <c r="LXK708" s="613"/>
      <c r="LXL708" s="613"/>
      <c r="LXM708" s="613"/>
      <c r="LXN708" s="613"/>
      <c r="LXO708" s="613"/>
      <c r="LXP708" s="613"/>
      <c r="LXQ708" s="613"/>
      <c r="LXR708" s="613"/>
      <c r="LXS708" s="613"/>
      <c r="LXT708" s="613"/>
      <c r="LXU708" s="613"/>
      <c r="LXV708" s="613"/>
      <c r="LXW708" s="613"/>
      <c r="LXX708" s="613"/>
      <c r="LXY708" s="613"/>
      <c r="LXZ708" s="613"/>
      <c r="LYA708" s="613"/>
      <c r="LYB708" s="613"/>
      <c r="LYC708" s="613"/>
      <c r="LYD708" s="613"/>
      <c r="LYE708" s="613"/>
      <c r="LYF708" s="613"/>
      <c r="LYG708" s="613"/>
      <c r="LYH708" s="613"/>
      <c r="LYI708" s="613"/>
      <c r="LYJ708" s="613"/>
      <c r="LYK708" s="613"/>
      <c r="LYL708" s="613"/>
      <c r="LYM708" s="613"/>
      <c r="LYN708" s="613"/>
      <c r="LYO708" s="613"/>
      <c r="LYP708" s="613"/>
      <c r="LYQ708" s="613"/>
      <c r="LYR708" s="613"/>
      <c r="LYS708" s="613"/>
      <c r="LYT708" s="613"/>
      <c r="LYU708" s="613"/>
      <c r="LYV708" s="613"/>
      <c r="LYW708" s="613"/>
      <c r="LYX708" s="613"/>
      <c r="LYY708" s="613"/>
      <c r="LYZ708" s="613"/>
      <c r="LZA708" s="613"/>
      <c r="LZB708" s="613"/>
      <c r="LZC708" s="613"/>
      <c r="LZD708" s="613"/>
      <c r="LZE708" s="613"/>
      <c r="LZF708" s="613"/>
      <c r="LZG708" s="613"/>
      <c r="LZH708" s="613"/>
      <c r="LZI708" s="613"/>
      <c r="LZJ708" s="613"/>
      <c r="LZK708" s="613"/>
      <c r="LZL708" s="613"/>
      <c r="LZM708" s="613"/>
      <c r="LZN708" s="613"/>
      <c r="LZO708" s="613"/>
      <c r="LZP708" s="613"/>
      <c r="LZQ708" s="613"/>
      <c r="LZR708" s="613"/>
      <c r="LZS708" s="613"/>
      <c r="LZT708" s="613"/>
      <c r="LZU708" s="613"/>
      <c r="LZV708" s="613"/>
      <c r="LZW708" s="613"/>
      <c r="LZX708" s="613"/>
      <c r="LZY708" s="613"/>
      <c r="LZZ708" s="613"/>
      <c r="MAA708" s="613"/>
      <c r="MAB708" s="613"/>
      <c r="MAC708" s="613"/>
      <c r="MAD708" s="613"/>
      <c r="MAE708" s="613"/>
      <c r="MAF708" s="613"/>
      <c r="MAG708" s="613"/>
      <c r="MAH708" s="613"/>
      <c r="MAI708" s="613"/>
      <c r="MAJ708" s="613"/>
      <c r="MAK708" s="613"/>
      <c r="MAL708" s="613"/>
      <c r="MAM708" s="613"/>
      <c r="MAN708" s="613"/>
      <c r="MAO708" s="613"/>
      <c r="MAP708" s="613"/>
      <c r="MAQ708" s="613"/>
      <c r="MAR708" s="613"/>
      <c r="MAS708" s="613"/>
      <c r="MAT708" s="613"/>
      <c r="MAU708" s="613"/>
      <c r="MAV708" s="613"/>
      <c r="MAW708" s="613"/>
      <c r="MAX708" s="613"/>
      <c r="MAY708" s="613"/>
      <c r="MAZ708" s="613"/>
      <c r="MBA708" s="613"/>
      <c r="MBB708" s="613"/>
      <c r="MBC708" s="613"/>
      <c r="MBD708" s="613"/>
      <c r="MBE708" s="613"/>
      <c r="MBF708" s="613"/>
      <c r="MBG708" s="613"/>
      <c r="MBH708" s="613"/>
      <c r="MBI708" s="613"/>
      <c r="MBJ708" s="613"/>
      <c r="MBK708" s="613"/>
      <c r="MBL708" s="613"/>
      <c r="MBM708" s="613"/>
      <c r="MBN708" s="613"/>
      <c r="MBO708" s="613"/>
      <c r="MBP708" s="613"/>
      <c r="MBQ708" s="613"/>
      <c r="MBR708" s="613"/>
      <c r="MBS708" s="613"/>
      <c r="MBT708" s="613"/>
      <c r="MBU708" s="613"/>
      <c r="MBV708" s="613"/>
      <c r="MBW708" s="613"/>
      <c r="MBX708" s="613"/>
      <c r="MBY708" s="613"/>
      <c r="MBZ708" s="613"/>
      <c r="MCA708" s="613"/>
      <c r="MCB708" s="613"/>
      <c r="MCC708" s="613"/>
      <c r="MCD708" s="613"/>
      <c r="MCE708" s="613"/>
      <c r="MCF708" s="613"/>
      <c r="MCG708" s="613"/>
      <c r="MCH708" s="613"/>
      <c r="MCI708" s="613"/>
      <c r="MCJ708" s="613"/>
      <c r="MCK708" s="613"/>
      <c r="MCL708" s="613"/>
      <c r="MCM708" s="613"/>
      <c r="MCN708" s="613"/>
      <c r="MCO708" s="613"/>
      <c r="MCP708" s="613"/>
      <c r="MCQ708" s="613"/>
      <c r="MCR708" s="613"/>
      <c r="MCS708" s="613"/>
      <c r="MCT708" s="613"/>
      <c r="MCU708" s="613"/>
      <c r="MCV708" s="613"/>
      <c r="MCW708" s="613"/>
      <c r="MCX708" s="613"/>
      <c r="MCY708" s="613"/>
      <c r="MCZ708" s="613"/>
      <c r="MDA708" s="613"/>
      <c r="MDB708" s="613"/>
      <c r="MDC708" s="613"/>
      <c r="MDD708" s="613"/>
      <c r="MDE708" s="613"/>
      <c r="MDF708" s="613"/>
      <c r="MDG708" s="613"/>
      <c r="MDH708" s="613"/>
      <c r="MDI708" s="613"/>
      <c r="MDJ708" s="613"/>
      <c r="MDK708" s="613"/>
      <c r="MDL708" s="613"/>
      <c r="MDM708" s="613"/>
      <c r="MDN708" s="613"/>
      <c r="MDO708" s="613"/>
      <c r="MDP708" s="613"/>
      <c r="MDQ708" s="613"/>
      <c r="MDR708" s="613"/>
      <c r="MDS708" s="613"/>
      <c r="MDT708" s="613"/>
      <c r="MDU708" s="613"/>
      <c r="MDV708" s="613"/>
      <c r="MDW708" s="613"/>
      <c r="MDX708" s="613"/>
      <c r="MDY708" s="613"/>
      <c r="MDZ708" s="613"/>
      <c r="MEA708" s="613"/>
      <c r="MEB708" s="613"/>
      <c r="MEC708" s="613"/>
      <c r="MED708" s="613"/>
      <c r="MEE708" s="613"/>
      <c r="MEF708" s="613"/>
      <c r="MEG708" s="613"/>
      <c r="MEH708" s="613"/>
      <c r="MEI708" s="613"/>
      <c r="MEJ708" s="613"/>
      <c r="MEK708" s="613"/>
      <c r="MEL708" s="613"/>
      <c r="MEM708" s="613"/>
      <c r="MEN708" s="613"/>
      <c r="MEO708" s="613"/>
      <c r="MEP708" s="613"/>
      <c r="MEQ708" s="613"/>
      <c r="MER708" s="613"/>
      <c r="MES708" s="613"/>
      <c r="MET708" s="613"/>
      <c r="MEU708" s="613"/>
      <c r="MEV708" s="613"/>
      <c r="MEW708" s="613"/>
      <c r="MEX708" s="613"/>
      <c r="MEY708" s="613"/>
      <c r="MEZ708" s="613"/>
      <c r="MFA708" s="613"/>
      <c r="MFB708" s="613"/>
      <c r="MFC708" s="613"/>
      <c r="MFD708" s="613"/>
      <c r="MFE708" s="613"/>
      <c r="MFF708" s="613"/>
      <c r="MFG708" s="613"/>
      <c r="MFH708" s="613"/>
      <c r="MFI708" s="613"/>
      <c r="MFJ708" s="613"/>
      <c r="MFK708" s="613"/>
      <c r="MFL708" s="613"/>
      <c r="MFM708" s="613"/>
      <c r="MFN708" s="613"/>
      <c r="MFO708" s="613"/>
      <c r="MFP708" s="613"/>
      <c r="MFQ708" s="613"/>
      <c r="MFR708" s="613"/>
      <c r="MFS708" s="613"/>
      <c r="MFT708" s="613"/>
      <c r="MFU708" s="613"/>
      <c r="MFV708" s="613"/>
      <c r="MFW708" s="613"/>
      <c r="MFX708" s="613"/>
      <c r="MFY708" s="613"/>
      <c r="MFZ708" s="613"/>
      <c r="MGA708" s="613"/>
      <c r="MGB708" s="613"/>
      <c r="MGC708" s="613"/>
      <c r="MGD708" s="613"/>
      <c r="MGE708" s="613"/>
      <c r="MGF708" s="613"/>
      <c r="MGG708" s="613"/>
      <c r="MGH708" s="613"/>
      <c r="MGI708" s="613"/>
      <c r="MGJ708" s="613"/>
      <c r="MGK708" s="613"/>
      <c r="MGL708" s="613"/>
      <c r="MGM708" s="613"/>
      <c r="MGN708" s="613"/>
      <c r="MGO708" s="613"/>
      <c r="MGP708" s="613"/>
      <c r="MGQ708" s="613"/>
      <c r="MGR708" s="613"/>
      <c r="MGS708" s="613"/>
      <c r="MGT708" s="613"/>
      <c r="MGU708" s="613"/>
      <c r="MGV708" s="613"/>
      <c r="MGW708" s="613"/>
      <c r="MGX708" s="613"/>
      <c r="MGY708" s="613"/>
      <c r="MGZ708" s="613"/>
      <c r="MHA708" s="613"/>
      <c r="MHB708" s="613"/>
      <c r="MHC708" s="613"/>
      <c r="MHD708" s="613"/>
      <c r="MHE708" s="613"/>
      <c r="MHF708" s="613"/>
      <c r="MHG708" s="613"/>
      <c r="MHH708" s="613"/>
      <c r="MHI708" s="613"/>
      <c r="MHJ708" s="613"/>
      <c r="MHK708" s="613"/>
      <c r="MHL708" s="613"/>
      <c r="MHM708" s="613"/>
      <c r="MHN708" s="613"/>
      <c r="MHO708" s="613"/>
      <c r="MHP708" s="613"/>
      <c r="MHQ708" s="613"/>
      <c r="MHR708" s="613"/>
      <c r="MHS708" s="613"/>
      <c r="MHT708" s="613"/>
      <c r="MHU708" s="613"/>
      <c r="MHV708" s="613"/>
      <c r="MHW708" s="613"/>
      <c r="MHX708" s="613"/>
      <c r="MHY708" s="613"/>
      <c r="MHZ708" s="613"/>
      <c r="MIA708" s="613"/>
      <c r="MIB708" s="613"/>
      <c r="MIC708" s="613"/>
      <c r="MID708" s="613"/>
      <c r="MIE708" s="613"/>
      <c r="MIF708" s="613"/>
      <c r="MIG708" s="613"/>
      <c r="MIH708" s="613"/>
      <c r="MII708" s="613"/>
      <c r="MIJ708" s="613"/>
      <c r="MIK708" s="613"/>
      <c r="MIL708" s="613"/>
      <c r="MIM708" s="613"/>
      <c r="MIN708" s="613"/>
      <c r="MIO708" s="613"/>
      <c r="MIP708" s="613"/>
      <c r="MIQ708" s="613"/>
      <c r="MIR708" s="613"/>
      <c r="MIS708" s="613"/>
      <c r="MIT708" s="613"/>
      <c r="MIU708" s="613"/>
      <c r="MIV708" s="613"/>
      <c r="MIW708" s="613"/>
      <c r="MIX708" s="613"/>
      <c r="MIY708" s="613"/>
      <c r="MIZ708" s="613"/>
      <c r="MJA708" s="613"/>
      <c r="MJB708" s="613"/>
      <c r="MJC708" s="613"/>
      <c r="MJD708" s="613"/>
      <c r="MJE708" s="613"/>
      <c r="MJF708" s="613"/>
      <c r="MJG708" s="613"/>
      <c r="MJH708" s="613"/>
      <c r="MJI708" s="613"/>
      <c r="MJJ708" s="613"/>
      <c r="MJK708" s="613"/>
      <c r="MJL708" s="613"/>
      <c r="MJM708" s="613"/>
      <c r="MJN708" s="613"/>
      <c r="MJO708" s="613"/>
      <c r="MJP708" s="613"/>
      <c r="MJQ708" s="613"/>
      <c r="MJR708" s="613"/>
      <c r="MJS708" s="613"/>
      <c r="MJT708" s="613"/>
      <c r="MJU708" s="613"/>
      <c r="MJV708" s="613"/>
      <c r="MJW708" s="613"/>
      <c r="MJX708" s="613"/>
      <c r="MJY708" s="613"/>
      <c r="MJZ708" s="613"/>
      <c r="MKA708" s="613"/>
      <c r="MKB708" s="613"/>
      <c r="MKC708" s="613"/>
      <c r="MKD708" s="613"/>
      <c r="MKE708" s="613"/>
      <c r="MKF708" s="613"/>
      <c r="MKG708" s="613"/>
      <c r="MKH708" s="613"/>
      <c r="MKI708" s="613"/>
      <c r="MKJ708" s="613"/>
      <c r="MKK708" s="613"/>
      <c r="MKL708" s="613"/>
      <c r="MKM708" s="613"/>
      <c r="MKN708" s="613"/>
      <c r="MKO708" s="613"/>
      <c r="MKP708" s="613"/>
      <c r="MKQ708" s="613"/>
      <c r="MKR708" s="613"/>
      <c r="MKS708" s="613"/>
      <c r="MKT708" s="613"/>
      <c r="MKU708" s="613"/>
      <c r="MKV708" s="613"/>
      <c r="MKW708" s="613"/>
      <c r="MKX708" s="613"/>
      <c r="MKY708" s="613"/>
      <c r="MKZ708" s="613"/>
      <c r="MLA708" s="613"/>
      <c r="MLB708" s="613"/>
      <c r="MLC708" s="613"/>
      <c r="MLD708" s="613"/>
      <c r="MLE708" s="613"/>
      <c r="MLF708" s="613"/>
      <c r="MLG708" s="613"/>
      <c r="MLH708" s="613"/>
      <c r="MLI708" s="613"/>
      <c r="MLJ708" s="613"/>
      <c r="MLK708" s="613"/>
      <c r="MLL708" s="613"/>
      <c r="MLM708" s="613"/>
      <c r="MLN708" s="613"/>
      <c r="MLO708" s="613"/>
      <c r="MLP708" s="613"/>
      <c r="MLQ708" s="613"/>
      <c r="MLR708" s="613"/>
      <c r="MLS708" s="613"/>
      <c r="MLT708" s="613"/>
      <c r="MLU708" s="613"/>
      <c r="MLV708" s="613"/>
      <c r="MLW708" s="613"/>
      <c r="MLX708" s="613"/>
      <c r="MLY708" s="613"/>
      <c r="MLZ708" s="613"/>
      <c r="MMA708" s="613"/>
      <c r="MMB708" s="613"/>
      <c r="MMC708" s="613"/>
      <c r="MMD708" s="613"/>
      <c r="MME708" s="613"/>
      <c r="MMF708" s="613"/>
      <c r="MMG708" s="613"/>
      <c r="MMH708" s="613"/>
      <c r="MMI708" s="613"/>
      <c r="MMJ708" s="613"/>
      <c r="MMK708" s="613"/>
      <c r="MML708" s="613"/>
      <c r="MMM708" s="613"/>
      <c r="MMN708" s="613"/>
      <c r="MMO708" s="613"/>
      <c r="MMP708" s="613"/>
      <c r="MMQ708" s="613"/>
      <c r="MMR708" s="613"/>
      <c r="MMS708" s="613"/>
      <c r="MMT708" s="613"/>
      <c r="MMU708" s="613"/>
      <c r="MMV708" s="613"/>
      <c r="MMW708" s="613"/>
      <c r="MMX708" s="613"/>
      <c r="MMY708" s="613"/>
      <c r="MMZ708" s="613"/>
      <c r="MNA708" s="613"/>
      <c r="MNB708" s="613"/>
      <c r="MNC708" s="613"/>
      <c r="MND708" s="613"/>
      <c r="MNE708" s="613"/>
      <c r="MNF708" s="613"/>
      <c r="MNG708" s="613"/>
      <c r="MNH708" s="613"/>
      <c r="MNI708" s="613"/>
      <c r="MNJ708" s="613"/>
      <c r="MNK708" s="613"/>
      <c r="MNL708" s="613"/>
      <c r="MNM708" s="613"/>
      <c r="MNN708" s="613"/>
      <c r="MNO708" s="613"/>
      <c r="MNP708" s="613"/>
      <c r="MNQ708" s="613"/>
      <c r="MNR708" s="613"/>
      <c r="MNS708" s="613"/>
      <c r="MNT708" s="613"/>
      <c r="MNU708" s="613"/>
      <c r="MNV708" s="613"/>
      <c r="MNW708" s="613"/>
      <c r="MNX708" s="613"/>
      <c r="MNY708" s="613"/>
      <c r="MNZ708" s="613"/>
      <c r="MOA708" s="613"/>
      <c r="MOB708" s="613"/>
      <c r="MOC708" s="613"/>
      <c r="MOD708" s="613"/>
      <c r="MOE708" s="613"/>
      <c r="MOF708" s="613"/>
      <c r="MOG708" s="613"/>
      <c r="MOH708" s="613"/>
      <c r="MOI708" s="613"/>
      <c r="MOJ708" s="613"/>
      <c r="MOK708" s="613"/>
      <c r="MOL708" s="613"/>
      <c r="MOM708" s="613"/>
      <c r="MON708" s="613"/>
      <c r="MOO708" s="613"/>
      <c r="MOP708" s="613"/>
      <c r="MOQ708" s="613"/>
      <c r="MOR708" s="613"/>
      <c r="MOS708" s="613"/>
      <c r="MOT708" s="613"/>
      <c r="MOU708" s="613"/>
      <c r="MOV708" s="613"/>
      <c r="MOW708" s="613"/>
      <c r="MOX708" s="613"/>
      <c r="MOY708" s="613"/>
      <c r="MOZ708" s="613"/>
      <c r="MPA708" s="613"/>
      <c r="MPB708" s="613"/>
      <c r="MPC708" s="613"/>
      <c r="MPD708" s="613"/>
      <c r="MPE708" s="613"/>
      <c r="MPF708" s="613"/>
      <c r="MPG708" s="613"/>
      <c r="MPH708" s="613"/>
      <c r="MPI708" s="613"/>
      <c r="MPJ708" s="613"/>
      <c r="MPK708" s="613"/>
      <c r="MPL708" s="613"/>
      <c r="MPM708" s="613"/>
      <c r="MPN708" s="613"/>
      <c r="MPO708" s="613"/>
      <c r="MPP708" s="613"/>
      <c r="MPQ708" s="613"/>
      <c r="MPR708" s="613"/>
      <c r="MPS708" s="613"/>
      <c r="MPT708" s="613"/>
      <c r="MPU708" s="613"/>
      <c r="MPV708" s="613"/>
      <c r="MPW708" s="613"/>
      <c r="MPX708" s="613"/>
      <c r="MPY708" s="613"/>
      <c r="MPZ708" s="613"/>
      <c r="MQA708" s="613"/>
      <c r="MQB708" s="613"/>
      <c r="MQC708" s="613"/>
      <c r="MQD708" s="613"/>
      <c r="MQE708" s="613"/>
      <c r="MQF708" s="613"/>
      <c r="MQG708" s="613"/>
      <c r="MQH708" s="613"/>
      <c r="MQI708" s="613"/>
      <c r="MQJ708" s="613"/>
      <c r="MQK708" s="613"/>
      <c r="MQL708" s="613"/>
      <c r="MQM708" s="613"/>
      <c r="MQN708" s="613"/>
      <c r="MQO708" s="613"/>
      <c r="MQP708" s="613"/>
      <c r="MQQ708" s="613"/>
      <c r="MQR708" s="613"/>
      <c r="MQS708" s="613"/>
      <c r="MQT708" s="613"/>
      <c r="MQU708" s="613"/>
      <c r="MQV708" s="613"/>
      <c r="MQW708" s="613"/>
      <c r="MQX708" s="613"/>
      <c r="MQY708" s="613"/>
      <c r="MQZ708" s="613"/>
      <c r="MRA708" s="613"/>
      <c r="MRB708" s="613"/>
      <c r="MRC708" s="613"/>
      <c r="MRD708" s="613"/>
      <c r="MRE708" s="613"/>
      <c r="MRF708" s="613"/>
      <c r="MRG708" s="613"/>
      <c r="MRH708" s="613"/>
      <c r="MRI708" s="613"/>
      <c r="MRJ708" s="613"/>
      <c r="MRK708" s="613"/>
      <c r="MRL708" s="613"/>
      <c r="MRM708" s="613"/>
      <c r="MRN708" s="613"/>
      <c r="MRO708" s="613"/>
      <c r="MRP708" s="613"/>
      <c r="MRQ708" s="613"/>
      <c r="MRR708" s="613"/>
      <c r="MRS708" s="613"/>
      <c r="MRT708" s="613"/>
      <c r="MRU708" s="613"/>
      <c r="MRV708" s="613"/>
      <c r="MRW708" s="613"/>
      <c r="MRX708" s="613"/>
      <c r="MRY708" s="613"/>
      <c r="MRZ708" s="613"/>
      <c r="MSA708" s="613"/>
      <c r="MSB708" s="613"/>
      <c r="MSC708" s="613"/>
      <c r="MSD708" s="613"/>
      <c r="MSE708" s="613"/>
      <c r="MSF708" s="613"/>
      <c r="MSG708" s="613"/>
      <c r="MSH708" s="613"/>
      <c r="MSI708" s="613"/>
      <c r="MSJ708" s="613"/>
      <c r="MSK708" s="613"/>
      <c r="MSL708" s="613"/>
      <c r="MSM708" s="613"/>
      <c r="MSN708" s="613"/>
      <c r="MSO708" s="613"/>
      <c r="MSP708" s="613"/>
      <c r="MSQ708" s="613"/>
      <c r="MSR708" s="613"/>
      <c r="MSS708" s="613"/>
      <c r="MST708" s="613"/>
      <c r="MSU708" s="613"/>
      <c r="MSV708" s="613"/>
      <c r="MSW708" s="613"/>
      <c r="MSX708" s="613"/>
      <c r="MSY708" s="613"/>
      <c r="MSZ708" s="613"/>
      <c r="MTA708" s="613"/>
      <c r="MTB708" s="613"/>
      <c r="MTC708" s="613"/>
      <c r="MTD708" s="613"/>
      <c r="MTE708" s="613"/>
      <c r="MTF708" s="613"/>
      <c r="MTG708" s="613"/>
      <c r="MTH708" s="613"/>
      <c r="MTI708" s="613"/>
      <c r="MTJ708" s="613"/>
      <c r="MTK708" s="613"/>
      <c r="MTL708" s="613"/>
      <c r="MTM708" s="613"/>
      <c r="MTN708" s="613"/>
      <c r="MTO708" s="613"/>
      <c r="MTP708" s="613"/>
      <c r="MTQ708" s="613"/>
      <c r="MTR708" s="613"/>
      <c r="MTS708" s="613"/>
      <c r="MTT708" s="613"/>
      <c r="MTU708" s="613"/>
      <c r="MTV708" s="613"/>
      <c r="MTW708" s="613"/>
      <c r="MTX708" s="613"/>
      <c r="MTY708" s="613"/>
      <c r="MTZ708" s="613"/>
      <c r="MUA708" s="613"/>
      <c r="MUB708" s="613"/>
      <c r="MUC708" s="613"/>
      <c r="MUD708" s="613"/>
      <c r="MUE708" s="613"/>
      <c r="MUF708" s="613"/>
      <c r="MUG708" s="613"/>
      <c r="MUH708" s="613"/>
      <c r="MUI708" s="613"/>
      <c r="MUJ708" s="613"/>
      <c r="MUK708" s="613"/>
      <c r="MUL708" s="613"/>
      <c r="MUM708" s="613"/>
      <c r="MUN708" s="613"/>
      <c r="MUO708" s="613"/>
      <c r="MUP708" s="613"/>
      <c r="MUQ708" s="613"/>
      <c r="MUR708" s="613"/>
      <c r="MUS708" s="613"/>
      <c r="MUT708" s="613"/>
      <c r="MUU708" s="613"/>
      <c r="MUV708" s="613"/>
      <c r="MUW708" s="613"/>
      <c r="MUX708" s="613"/>
      <c r="MUY708" s="613"/>
      <c r="MUZ708" s="613"/>
      <c r="MVA708" s="613"/>
      <c r="MVB708" s="613"/>
      <c r="MVC708" s="613"/>
      <c r="MVD708" s="613"/>
      <c r="MVE708" s="613"/>
      <c r="MVF708" s="613"/>
      <c r="MVG708" s="613"/>
      <c r="MVH708" s="613"/>
      <c r="MVI708" s="613"/>
      <c r="MVJ708" s="613"/>
      <c r="MVK708" s="613"/>
      <c r="MVL708" s="613"/>
      <c r="MVM708" s="613"/>
      <c r="MVN708" s="613"/>
      <c r="MVO708" s="613"/>
      <c r="MVP708" s="613"/>
      <c r="MVQ708" s="613"/>
      <c r="MVR708" s="613"/>
      <c r="MVS708" s="613"/>
      <c r="MVT708" s="613"/>
      <c r="MVU708" s="613"/>
      <c r="MVV708" s="613"/>
      <c r="MVW708" s="613"/>
      <c r="MVX708" s="613"/>
      <c r="MVY708" s="613"/>
      <c r="MVZ708" s="613"/>
      <c r="MWA708" s="613"/>
      <c r="MWB708" s="613"/>
      <c r="MWC708" s="613"/>
      <c r="MWD708" s="613"/>
      <c r="MWE708" s="613"/>
      <c r="MWF708" s="613"/>
      <c r="MWG708" s="613"/>
      <c r="MWH708" s="613"/>
      <c r="MWI708" s="613"/>
      <c r="MWJ708" s="613"/>
      <c r="MWK708" s="613"/>
      <c r="MWL708" s="613"/>
      <c r="MWM708" s="613"/>
      <c r="MWN708" s="613"/>
      <c r="MWO708" s="613"/>
      <c r="MWP708" s="613"/>
      <c r="MWQ708" s="613"/>
      <c r="MWR708" s="613"/>
      <c r="MWS708" s="613"/>
      <c r="MWT708" s="613"/>
      <c r="MWU708" s="613"/>
      <c r="MWV708" s="613"/>
      <c r="MWW708" s="613"/>
      <c r="MWX708" s="613"/>
      <c r="MWY708" s="613"/>
      <c r="MWZ708" s="613"/>
      <c r="MXA708" s="613"/>
      <c r="MXB708" s="613"/>
      <c r="MXC708" s="613"/>
      <c r="MXD708" s="613"/>
      <c r="MXE708" s="613"/>
      <c r="MXF708" s="613"/>
      <c r="MXG708" s="613"/>
      <c r="MXH708" s="613"/>
      <c r="MXI708" s="613"/>
      <c r="MXJ708" s="613"/>
      <c r="MXK708" s="613"/>
      <c r="MXL708" s="613"/>
      <c r="MXM708" s="613"/>
      <c r="MXN708" s="613"/>
      <c r="MXO708" s="613"/>
      <c r="MXP708" s="613"/>
      <c r="MXQ708" s="613"/>
      <c r="MXR708" s="613"/>
      <c r="MXS708" s="613"/>
      <c r="MXT708" s="613"/>
      <c r="MXU708" s="613"/>
      <c r="MXV708" s="613"/>
      <c r="MXW708" s="613"/>
      <c r="MXX708" s="613"/>
      <c r="MXY708" s="613"/>
      <c r="MXZ708" s="613"/>
      <c r="MYA708" s="613"/>
      <c r="MYB708" s="613"/>
      <c r="MYC708" s="613"/>
      <c r="MYD708" s="613"/>
      <c r="MYE708" s="613"/>
      <c r="MYF708" s="613"/>
      <c r="MYG708" s="613"/>
      <c r="MYH708" s="613"/>
      <c r="MYI708" s="613"/>
      <c r="MYJ708" s="613"/>
      <c r="MYK708" s="613"/>
      <c r="MYL708" s="613"/>
      <c r="MYM708" s="613"/>
      <c r="MYN708" s="613"/>
      <c r="MYO708" s="613"/>
      <c r="MYP708" s="613"/>
      <c r="MYQ708" s="613"/>
      <c r="MYR708" s="613"/>
      <c r="MYS708" s="613"/>
      <c r="MYT708" s="613"/>
      <c r="MYU708" s="613"/>
      <c r="MYV708" s="613"/>
      <c r="MYW708" s="613"/>
      <c r="MYX708" s="613"/>
      <c r="MYY708" s="613"/>
      <c r="MYZ708" s="613"/>
      <c r="MZA708" s="613"/>
      <c r="MZB708" s="613"/>
      <c r="MZC708" s="613"/>
      <c r="MZD708" s="613"/>
      <c r="MZE708" s="613"/>
      <c r="MZF708" s="613"/>
      <c r="MZG708" s="613"/>
      <c r="MZH708" s="613"/>
      <c r="MZI708" s="613"/>
      <c r="MZJ708" s="613"/>
      <c r="MZK708" s="613"/>
      <c r="MZL708" s="613"/>
      <c r="MZM708" s="613"/>
      <c r="MZN708" s="613"/>
      <c r="MZO708" s="613"/>
      <c r="MZP708" s="613"/>
      <c r="MZQ708" s="613"/>
      <c r="MZR708" s="613"/>
      <c r="MZS708" s="613"/>
      <c r="MZT708" s="613"/>
      <c r="MZU708" s="613"/>
      <c r="MZV708" s="613"/>
      <c r="MZW708" s="613"/>
      <c r="MZX708" s="613"/>
      <c r="MZY708" s="613"/>
      <c r="MZZ708" s="613"/>
      <c r="NAA708" s="613"/>
      <c r="NAB708" s="613"/>
      <c r="NAC708" s="613"/>
      <c r="NAD708" s="613"/>
      <c r="NAE708" s="613"/>
      <c r="NAF708" s="613"/>
      <c r="NAG708" s="613"/>
      <c r="NAH708" s="613"/>
      <c r="NAI708" s="613"/>
      <c r="NAJ708" s="613"/>
      <c r="NAK708" s="613"/>
      <c r="NAL708" s="613"/>
      <c r="NAM708" s="613"/>
      <c r="NAN708" s="613"/>
      <c r="NAO708" s="613"/>
      <c r="NAP708" s="613"/>
      <c r="NAQ708" s="613"/>
      <c r="NAR708" s="613"/>
      <c r="NAS708" s="613"/>
      <c r="NAT708" s="613"/>
      <c r="NAU708" s="613"/>
      <c r="NAV708" s="613"/>
      <c r="NAW708" s="613"/>
      <c r="NAX708" s="613"/>
      <c r="NAY708" s="613"/>
      <c r="NAZ708" s="613"/>
      <c r="NBA708" s="613"/>
      <c r="NBB708" s="613"/>
      <c r="NBC708" s="613"/>
      <c r="NBD708" s="613"/>
      <c r="NBE708" s="613"/>
      <c r="NBF708" s="613"/>
      <c r="NBG708" s="613"/>
      <c r="NBH708" s="613"/>
      <c r="NBI708" s="613"/>
      <c r="NBJ708" s="613"/>
      <c r="NBK708" s="613"/>
      <c r="NBL708" s="613"/>
      <c r="NBM708" s="613"/>
      <c r="NBN708" s="613"/>
      <c r="NBO708" s="613"/>
      <c r="NBP708" s="613"/>
      <c r="NBQ708" s="613"/>
      <c r="NBR708" s="613"/>
      <c r="NBS708" s="613"/>
      <c r="NBT708" s="613"/>
      <c r="NBU708" s="613"/>
      <c r="NBV708" s="613"/>
      <c r="NBW708" s="613"/>
      <c r="NBX708" s="613"/>
      <c r="NBY708" s="613"/>
      <c r="NBZ708" s="613"/>
      <c r="NCA708" s="613"/>
      <c r="NCB708" s="613"/>
      <c r="NCC708" s="613"/>
      <c r="NCD708" s="613"/>
      <c r="NCE708" s="613"/>
      <c r="NCF708" s="613"/>
      <c r="NCG708" s="613"/>
      <c r="NCH708" s="613"/>
      <c r="NCI708" s="613"/>
      <c r="NCJ708" s="613"/>
      <c r="NCK708" s="613"/>
      <c r="NCL708" s="613"/>
      <c r="NCM708" s="613"/>
      <c r="NCN708" s="613"/>
      <c r="NCO708" s="613"/>
      <c r="NCP708" s="613"/>
      <c r="NCQ708" s="613"/>
      <c r="NCR708" s="613"/>
      <c r="NCS708" s="613"/>
      <c r="NCT708" s="613"/>
      <c r="NCU708" s="613"/>
      <c r="NCV708" s="613"/>
      <c r="NCW708" s="613"/>
      <c r="NCX708" s="613"/>
      <c r="NCY708" s="613"/>
      <c r="NCZ708" s="613"/>
      <c r="NDA708" s="613"/>
      <c r="NDB708" s="613"/>
      <c r="NDC708" s="613"/>
      <c r="NDD708" s="613"/>
      <c r="NDE708" s="613"/>
      <c r="NDF708" s="613"/>
      <c r="NDG708" s="613"/>
      <c r="NDH708" s="613"/>
      <c r="NDI708" s="613"/>
      <c r="NDJ708" s="613"/>
      <c r="NDK708" s="613"/>
      <c r="NDL708" s="613"/>
      <c r="NDM708" s="613"/>
      <c r="NDN708" s="613"/>
      <c r="NDO708" s="613"/>
      <c r="NDP708" s="613"/>
      <c r="NDQ708" s="613"/>
      <c r="NDR708" s="613"/>
      <c r="NDS708" s="613"/>
      <c r="NDT708" s="613"/>
      <c r="NDU708" s="613"/>
      <c r="NDV708" s="613"/>
      <c r="NDW708" s="613"/>
      <c r="NDX708" s="613"/>
      <c r="NDY708" s="613"/>
      <c r="NDZ708" s="613"/>
      <c r="NEA708" s="613"/>
      <c r="NEB708" s="613"/>
      <c r="NEC708" s="613"/>
      <c r="NED708" s="613"/>
      <c r="NEE708" s="613"/>
      <c r="NEF708" s="613"/>
      <c r="NEG708" s="613"/>
      <c r="NEH708" s="613"/>
      <c r="NEI708" s="613"/>
      <c r="NEJ708" s="613"/>
      <c r="NEK708" s="613"/>
      <c r="NEL708" s="613"/>
      <c r="NEM708" s="613"/>
      <c r="NEN708" s="613"/>
      <c r="NEO708" s="613"/>
      <c r="NEP708" s="613"/>
      <c r="NEQ708" s="613"/>
      <c r="NER708" s="613"/>
      <c r="NES708" s="613"/>
      <c r="NET708" s="613"/>
      <c r="NEU708" s="613"/>
      <c r="NEV708" s="613"/>
      <c r="NEW708" s="613"/>
      <c r="NEX708" s="613"/>
      <c r="NEY708" s="613"/>
      <c r="NEZ708" s="613"/>
      <c r="NFA708" s="613"/>
      <c r="NFB708" s="613"/>
      <c r="NFC708" s="613"/>
      <c r="NFD708" s="613"/>
      <c r="NFE708" s="613"/>
      <c r="NFF708" s="613"/>
      <c r="NFG708" s="613"/>
      <c r="NFH708" s="613"/>
      <c r="NFI708" s="613"/>
      <c r="NFJ708" s="613"/>
      <c r="NFK708" s="613"/>
      <c r="NFL708" s="613"/>
      <c r="NFM708" s="613"/>
      <c r="NFN708" s="613"/>
      <c r="NFO708" s="613"/>
      <c r="NFP708" s="613"/>
      <c r="NFQ708" s="613"/>
      <c r="NFR708" s="613"/>
      <c r="NFS708" s="613"/>
      <c r="NFT708" s="613"/>
      <c r="NFU708" s="613"/>
      <c r="NFV708" s="613"/>
      <c r="NFW708" s="613"/>
      <c r="NFX708" s="613"/>
      <c r="NFY708" s="613"/>
      <c r="NFZ708" s="613"/>
      <c r="NGA708" s="613"/>
      <c r="NGB708" s="613"/>
      <c r="NGC708" s="613"/>
      <c r="NGD708" s="613"/>
      <c r="NGE708" s="613"/>
      <c r="NGF708" s="613"/>
      <c r="NGG708" s="613"/>
      <c r="NGH708" s="613"/>
      <c r="NGI708" s="613"/>
      <c r="NGJ708" s="613"/>
      <c r="NGK708" s="613"/>
      <c r="NGL708" s="613"/>
      <c r="NGM708" s="613"/>
      <c r="NGN708" s="613"/>
      <c r="NGO708" s="613"/>
      <c r="NGP708" s="613"/>
      <c r="NGQ708" s="613"/>
      <c r="NGR708" s="613"/>
      <c r="NGS708" s="613"/>
      <c r="NGT708" s="613"/>
      <c r="NGU708" s="613"/>
      <c r="NGV708" s="613"/>
      <c r="NGW708" s="613"/>
      <c r="NGX708" s="613"/>
      <c r="NGY708" s="613"/>
      <c r="NGZ708" s="613"/>
      <c r="NHA708" s="613"/>
      <c r="NHB708" s="613"/>
      <c r="NHC708" s="613"/>
      <c r="NHD708" s="613"/>
      <c r="NHE708" s="613"/>
      <c r="NHF708" s="613"/>
      <c r="NHG708" s="613"/>
      <c r="NHH708" s="613"/>
      <c r="NHI708" s="613"/>
      <c r="NHJ708" s="613"/>
      <c r="NHK708" s="613"/>
      <c r="NHL708" s="613"/>
      <c r="NHM708" s="613"/>
      <c r="NHN708" s="613"/>
      <c r="NHO708" s="613"/>
      <c r="NHP708" s="613"/>
      <c r="NHQ708" s="613"/>
      <c r="NHR708" s="613"/>
      <c r="NHS708" s="613"/>
      <c r="NHT708" s="613"/>
      <c r="NHU708" s="613"/>
      <c r="NHV708" s="613"/>
      <c r="NHW708" s="613"/>
      <c r="NHX708" s="613"/>
      <c r="NHY708" s="613"/>
      <c r="NHZ708" s="613"/>
      <c r="NIA708" s="613"/>
      <c r="NIB708" s="613"/>
      <c r="NIC708" s="613"/>
      <c r="NID708" s="613"/>
      <c r="NIE708" s="613"/>
      <c r="NIF708" s="613"/>
      <c r="NIG708" s="613"/>
      <c r="NIH708" s="613"/>
      <c r="NII708" s="613"/>
      <c r="NIJ708" s="613"/>
      <c r="NIK708" s="613"/>
      <c r="NIL708" s="613"/>
      <c r="NIM708" s="613"/>
      <c r="NIN708" s="613"/>
      <c r="NIO708" s="613"/>
      <c r="NIP708" s="613"/>
      <c r="NIQ708" s="613"/>
      <c r="NIR708" s="613"/>
      <c r="NIS708" s="613"/>
      <c r="NIT708" s="613"/>
      <c r="NIU708" s="613"/>
      <c r="NIV708" s="613"/>
      <c r="NIW708" s="613"/>
      <c r="NIX708" s="613"/>
      <c r="NIY708" s="613"/>
      <c r="NIZ708" s="613"/>
      <c r="NJA708" s="613"/>
      <c r="NJB708" s="613"/>
      <c r="NJC708" s="613"/>
      <c r="NJD708" s="613"/>
      <c r="NJE708" s="613"/>
      <c r="NJF708" s="613"/>
      <c r="NJG708" s="613"/>
      <c r="NJH708" s="613"/>
      <c r="NJI708" s="613"/>
      <c r="NJJ708" s="613"/>
      <c r="NJK708" s="613"/>
      <c r="NJL708" s="613"/>
      <c r="NJM708" s="613"/>
      <c r="NJN708" s="613"/>
      <c r="NJO708" s="613"/>
      <c r="NJP708" s="613"/>
      <c r="NJQ708" s="613"/>
      <c r="NJR708" s="613"/>
      <c r="NJS708" s="613"/>
      <c r="NJT708" s="613"/>
      <c r="NJU708" s="613"/>
      <c r="NJV708" s="613"/>
      <c r="NJW708" s="613"/>
      <c r="NJX708" s="613"/>
      <c r="NJY708" s="613"/>
      <c r="NJZ708" s="613"/>
      <c r="NKA708" s="613"/>
      <c r="NKB708" s="613"/>
      <c r="NKC708" s="613"/>
      <c r="NKD708" s="613"/>
      <c r="NKE708" s="613"/>
      <c r="NKF708" s="613"/>
      <c r="NKG708" s="613"/>
      <c r="NKH708" s="613"/>
      <c r="NKI708" s="613"/>
      <c r="NKJ708" s="613"/>
      <c r="NKK708" s="613"/>
      <c r="NKL708" s="613"/>
      <c r="NKM708" s="613"/>
      <c r="NKN708" s="613"/>
      <c r="NKO708" s="613"/>
      <c r="NKP708" s="613"/>
      <c r="NKQ708" s="613"/>
      <c r="NKR708" s="613"/>
      <c r="NKS708" s="613"/>
      <c r="NKT708" s="613"/>
      <c r="NKU708" s="613"/>
      <c r="NKV708" s="613"/>
      <c r="NKW708" s="613"/>
      <c r="NKX708" s="613"/>
      <c r="NKY708" s="613"/>
      <c r="NKZ708" s="613"/>
      <c r="NLA708" s="613"/>
      <c r="NLB708" s="613"/>
      <c r="NLC708" s="613"/>
      <c r="NLD708" s="613"/>
      <c r="NLE708" s="613"/>
      <c r="NLF708" s="613"/>
      <c r="NLG708" s="613"/>
      <c r="NLH708" s="613"/>
      <c r="NLI708" s="613"/>
      <c r="NLJ708" s="613"/>
      <c r="NLK708" s="613"/>
      <c r="NLL708" s="613"/>
      <c r="NLM708" s="613"/>
      <c r="NLN708" s="613"/>
      <c r="NLO708" s="613"/>
      <c r="NLP708" s="613"/>
      <c r="NLQ708" s="613"/>
      <c r="NLR708" s="613"/>
      <c r="NLS708" s="613"/>
      <c r="NLT708" s="613"/>
      <c r="NLU708" s="613"/>
      <c r="NLV708" s="613"/>
      <c r="NLW708" s="613"/>
      <c r="NLX708" s="613"/>
      <c r="NLY708" s="613"/>
      <c r="NLZ708" s="613"/>
      <c r="NMA708" s="613"/>
      <c r="NMB708" s="613"/>
      <c r="NMC708" s="613"/>
      <c r="NMD708" s="613"/>
      <c r="NME708" s="613"/>
      <c r="NMF708" s="613"/>
      <c r="NMG708" s="613"/>
      <c r="NMH708" s="613"/>
      <c r="NMI708" s="613"/>
      <c r="NMJ708" s="613"/>
      <c r="NMK708" s="613"/>
      <c r="NML708" s="613"/>
      <c r="NMM708" s="613"/>
      <c r="NMN708" s="613"/>
      <c r="NMO708" s="613"/>
      <c r="NMP708" s="613"/>
      <c r="NMQ708" s="613"/>
      <c r="NMR708" s="613"/>
      <c r="NMS708" s="613"/>
      <c r="NMT708" s="613"/>
      <c r="NMU708" s="613"/>
      <c r="NMV708" s="613"/>
      <c r="NMW708" s="613"/>
      <c r="NMX708" s="613"/>
      <c r="NMY708" s="613"/>
      <c r="NMZ708" s="613"/>
      <c r="NNA708" s="613"/>
      <c r="NNB708" s="613"/>
      <c r="NNC708" s="613"/>
      <c r="NND708" s="613"/>
      <c r="NNE708" s="613"/>
      <c r="NNF708" s="613"/>
      <c r="NNG708" s="613"/>
      <c r="NNH708" s="613"/>
      <c r="NNI708" s="613"/>
      <c r="NNJ708" s="613"/>
      <c r="NNK708" s="613"/>
      <c r="NNL708" s="613"/>
      <c r="NNM708" s="613"/>
      <c r="NNN708" s="613"/>
      <c r="NNO708" s="613"/>
      <c r="NNP708" s="613"/>
      <c r="NNQ708" s="613"/>
      <c r="NNR708" s="613"/>
      <c r="NNS708" s="613"/>
      <c r="NNT708" s="613"/>
      <c r="NNU708" s="613"/>
      <c r="NNV708" s="613"/>
      <c r="NNW708" s="613"/>
      <c r="NNX708" s="613"/>
      <c r="NNY708" s="613"/>
      <c r="NNZ708" s="613"/>
      <c r="NOA708" s="613"/>
      <c r="NOB708" s="613"/>
      <c r="NOC708" s="613"/>
      <c r="NOD708" s="613"/>
      <c r="NOE708" s="613"/>
      <c r="NOF708" s="613"/>
      <c r="NOG708" s="613"/>
      <c r="NOH708" s="613"/>
      <c r="NOI708" s="613"/>
      <c r="NOJ708" s="613"/>
      <c r="NOK708" s="613"/>
      <c r="NOL708" s="613"/>
      <c r="NOM708" s="613"/>
      <c r="NON708" s="613"/>
      <c r="NOO708" s="613"/>
      <c r="NOP708" s="613"/>
      <c r="NOQ708" s="613"/>
      <c r="NOR708" s="613"/>
      <c r="NOS708" s="613"/>
      <c r="NOT708" s="613"/>
      <c r="NOU708" s="613"/>
      <c r="NOV708" s="613"/>
      <c r="NOW708" s="613"/>
      <c r="NOX708" s="613"/>
      <c r="NOY708" s="613"/>
      <c r="NOZ708" s="613"/>
      <c r="NPA708" s="613"/>
      <c r="NPB708" s="613"/>
      <c r="NPC708" s="613"/>
      <c r="NPD708" s="613"/>
      <c r="NPE708" s="613"/>
      <c r="NPF708" s="613"/>
      <c r="NPG708" s="613"/>
      <c r="NPH708" s="613"/>
      <c r="NPI708" s="613"/>
      <c r="NPJ708" s="613"/>
      <c r="NPK708" s="613"/>
      <c r="NPL708" s="613"/>
      <c r="NPM708" s="613"/>
      <c r="NPN708" s="613"/>
      <c r="NPO708" s="613"/>
      <c r="NPP708" s="613"/>
      <c r="NPQ708" s="613"/>
      <c r="NPR708" s="613"/>
      <c r="NPS708" s="613"/>
      <c r="NPT708" s="613"/>
      <c r="NPU708" s="613"/>
      <c r="NPV708" s="613"/>
      <c r="NPW708" s="613"/>
      <c r="NPX708" s="613"/>
      <c r="NPY708" s="613"/>
      <c r="NPZ708" s="613"/>
      <c r="NQA708" s="613"/>
      <c r="NQB708" s="613"/>
      <c r="NQC708" s="613"/>
      <c r="NQD708" s="613"/>
      <c r="NQE708" s="613"/>
      <c r="NQF708" s="613"/>
      <c r="NQG708" s="613"/>
      <c r="NQH708" s="613"/>
      <c r="NQI708" s="613"/>
      <c r="NQJ708" s="613"/>
      <c r="NQK708" s="613"/>
      <c r="NQL708" s="613"/>
      <c r="NQM708" s="613"/>
      <c r="NQN708" s="613"/>
      <c r="NQO708" s="613"/>
      <c r="NQP708" s="613"/>
      <c r="NQQ708" s="613"/>
      <c r="NQR708" s="613"/>
      <c r="NQS708" s="613"/>
      <c r="NQT708" s="613"/>
      <c r="NQU708" s="613"/>
      <c r="NQV708" s="613"/>
      <c r="NQW708" s="613"/>
      <c r="NQX708" s="613"/>
      <c r="NQY708" s="613"/>
      <c r="NQZ708" s="613"/>
      <c r="NRA708" s="613"/>
      <c r="NRB708" s="613"/>
      <c r="NRC708" s="613"/>
      <c r="NRD708" s="613"/>
      <c r="NRE708" s="613"/>
      <c r="NRF708" s="613"/>
      <c r="NRG708" s="613"/>
      <c r="NRH708" s="613"/>
      <c r="NRI708" s="613"/>
      <c r="NRJ708" s="613"/>
      <c r="NRK708" s="613"/>
      <c r="NRL708" s="613"/>
      <c r="NRM708" s="613"/>
      <c r="NRN708" s="613"/>
      <c r="NRO708" s="613"/>
      <c r="NRP708" s="613"/>
      <c r="NRQ708" s="613"/>
      <c r="NRR708" s="613"/>
      <c r="NRS708" s="613"/>
      <c r="NRT708" s="613"/>
      <c r="NRU708" s="613"/>
      <c r="NRV708" s="613"/>
      <c r="NRW708" s="613"/>
      <c r="NRX708" s="613"/>
      <c r="NRY708" s="613"/>
      <c r="NRZ708" s="613"/>
      <c r="NSA708" s="613"/>
      <c r="NSB708" s="613"/>
      <c r="NSC708" s="613"/>
      <c r="NSD708" s="613"/>
      <c r="NSE708" s="613"/>
      <c r="NSF708" s="613"/>
      <c r="NSG708" s="613"/>
      <c r="NSH708" s="613"/>
      <c r="NSI708" s="613"/>
      <c r="NSJ708" s="613"/>
      <c r="NSK708" s="613"/>
      <c r="NSL708" s="613"/>
      <c r="NSM708" s="613"/>
      <c r="NSN708" s="613"/>
      <c r="NSO708" s="613"/>
      <c r="NSP708" s="613"/>
      <c r="NSQ708" s="613"/>
      <c r="NSR708" s="613"/>
      <c r="NSS708" s="613"/>
      <c r="NST708" s="613"/>
      <c r="NSU708" s="613"/>
      <c r="NSV708" s="613"/>
      <c r="NSW708" s="613"/>
      <c r="NSX708" s="613"/>
      <c r="NSY708" s="613"/>
      <c r="NSZ708" s="613"/>
      <c r="NTA708" s="613"/>
      <c r="NTB708" s="613"/>
      <c r="NTC708" s="613"/>
      <c r="NTD708" s="613"/>
      <c r="NTE708" s="613"/>
      <c r="NTF708" s="613"/>
      <c r="NTG708" s="613"/>
      <c r="NTH708" s="613"/>
      <c r="NTI708" s="613"/>
      <c r="NTJ708" s="613"/>
      <c r="NTK708" s="613"/>
      <c r="NTL708" s="613"/>
      <c r="NTM708" s="613"/>
      <c r="NTN708" s="613"/>
      <c r="NTO708" s="613"/>
      <c r="NTP708" s="613"/>
      <c r="NTQ708" s="613"/>
      <c r="NTR708" s="613"/>
      <c r="NTS708" s="613"/>
      <c r="NTT708" s="613"/>
      <c r="NTU708" s="613"/>
      <c r="NTV708" s="613"/>
      <c r="NTW708" s="613"/>
      <c r="NTX708" s="613"/>
      <c r="NTY708" s="613"/>
      <c r="NTZ708" s="613"/>
      <c r="NUA708" s="613"/>
      <c r="NUB708" s="613"/>
      <c r="NUC708" s="613"/>
      <c r="NUD708" s="613"/>
      <c r="NUE708" s="613"/>
      <c r="NUF708" s="613"/>
      <c r="NUG708" s="613"/>
      <c r="NUH708" s="613"/>
      <c r="NUI708" s="613"/>
      <c r="NUJ708" s="613"/>
      <c r="NUK708" s="613"/>
      <c r="NUL708" s="613"/>
      <c r="NUM708" s="613"/>
      <c r="NUN708" s="613"/>
      <c r="NUO708" s="613"/>
      <c r="NUP708" s="613"/>
      <c r="NUQ708" s="613"/>
      <c r="NUR708" s="613"/>
      <c r="NUS708" s="613"/>
      <c r="NUT708" s="613"/>
      <c r="NUU708" s="613"/>
      <c r="NUV708" s="613"/>
      <c r="NUW708" s="613"/>
      <c r="NUX708" s="613"/>
      <c r="NUY708" s="613"/>
      <c r="NUZ708" s="613"/>
      <c r="NVA708" s="613"/>
      <c r="NVB708" s="613"/>
      <c r="NVC708" s="613"/>
      <c r="NVD708" s="613"/>
      <c r="NVE708" s="613"/>
      <c r="NVF708" s="613"/>
      <c r="NVG708" s="613"/>
      <c r="NVH708" s="613"/>
      <c r="NVI708" s="613"/>
      <c r="NVJ708" s="613"/>
      <c r="NVK708" s="613"/>
      <c r="NVL708" s="613"/>
      <c r="NVM708" s="613"/>
      <c r="NVN708" s="613"/>
      <c r="NVO708" s="613"/>
      <c r="NVP708" s="613"/>
      <c r="NVQ708" s="613"/>
      <c r="NVR708" s="613"/>
      <c r="NVS708" s="613"/>
      <c r="NVT708" s="613"/>
      <c r="NVU708" s="613"/>
      <c r="NVV708" s="613"/>
      <c r="NVW708" s="613"/>
      <c r="NVX708" s="613"/>
      <c r="NVY708" s="613"/>
      <c r="NVZ708" s="613"/>
      <c r="NWA708" s="613"/>
      <c r="NWB708" s="613"/>
      <c r="NWC708" s="613"/>
      <c r="NWD708" s="613"/>
      <c r="NWE708" s="613"/>
      <c r="NWF708" s="613"/>
      <c r="NWG708" s="613"/>
      <c r="NWH708" s="613"/>
      <c r="NWI708" s="613"/>
      <c r="NWJ708" s="613"/>
      <c r="NWK708" s="613"/>
      <c r="NWL708" s="613"/>
      <c r="NWM708" s="613"/>
      <c r="NWN708" s="613"/>
      <c r="NWO708" s="613"/>
      <c r="NWP708" s="613"/>
      <c r="NWQ708" s="613"/>
      <c r="NWR708" s="613"/>
      <c r="NWS708" s="613"/>
      <c r="NWT708" s="613"/>
      <c r="NWU708" s="613"/>
      <c r="NWV708" s="613"/>
      <c r="NWW708" s="613"/>
      <c r="NWX708" s="613"/>
      <c r="NWY708" s="613"/>
      <c r="NWZ708" s="613"/>
      <c r="NXA708" s="613"/>
      <c r="NXB708" s="613"/>
      <c r="NXC708" s="613"/>
      <c r="NXD708" s="613"/>
      <c r="NXE708" s="613"/>
      <c r="NXF708" s="613"/>
      <c r="NXG708" s="613"/>
      <c r="NXH708" s="613"/>
      <c r="NXI708" s="613"/>
      <c r="NXJ708" s="613"/>
      <c r="NXK708" s="613"/>
      <c r="NXL708" s="613"/>
      <c r="NXM708" s="613"/>
      <c r="NXN708" s="613"/>
      <c r="NXO708" s="613"/>
      <c r="NXP708" s="613"/>
      <c r="NXQ708" s="613"/>
      <c r="NXR708" s="613"/>
      <c r="NXS708" s="613"/>
      <c r="NXT708" s="613"/>
      <c r="NXU708" s="613"/>
      <c r="NXV708" s="613"/>
      <c r="NXW708" s="613"/>
      <c r="NXX708" s="613"/>
      <c r="NXY708" s="613"/>
      <c r="NXZ708" s="613"/>
      <c r="NYA708" s="613"/>
      <c r="NYB708" s="613"/>
      <c r="NYC708" s="613"/>
      <c r="NYD708" s="613"/>
      <c r="NYE708" s="613"/>
      <c r="NYF708" s="613"/>
      <c r="NYG708" s="613"/>
      <c r="NYH708" s="613"/>
      <c r="NYI708" s="613"/>
      <c r="NYJ708" s="613"/>
      <c r="NYK708" s="613"/>
      <c r="NYL708" s="613"/>
      <c r="NYM708" s="613"/>
      <c r="NYN708" s="613"/>
      <c r="NYO708" s="613"/>
      <c r="NYP708" s="613"/>
      <c r="NYQ708" s="613"/>
      <c r="NYR708" s="613"/>
      <c r="NYS708" s="613"/>
      <c r="NYT708" s="613"/>
      <c r="NYU708" s="613"/>
      <c r="NYV708" s="613"/>
      <c r="NYW708" s="613"/>
      <c r="NYX708" s="613"/>
      <c r="NYY708" s="613"/>
      <c r="NYZ708" s="613"/>
      <c r="NZA708" s="613"/>
      <c r="NZB708" s="613"/>
      <c r="NZC708" s="613"/>
      <c r="NZD708" s="613"/>
      <c r="NZE708" s="613"/>
      <c r="NZF708" s="613"/>
      <c r="NZG708" s="613"/>
      <c r="NZH708" s="613"/>
      <c r="NZI708" s="613"/>
      <c r="NZJ708" s="613"/>
      <c r="NZK708" s="613"/>
      <c r="NZL708" s="613"/>
      <c r="NZM708" s="613"/>
      <c r="NZN708" s="613"/>
      <c r="NZO708" s="613"/>
      <c r="NZP708" s="613"/>
      <c r="NZQ708" s="613"/>
      <c r="NZR708" s="613"/>
      <c r="NZS708" s="613"/>
      <c r="NZT708" s="613"/>
      <c r="NZU708" s="613"/>
      <c r="NZV708" s="613"/>
      <c r="NZW708" s="613"/>
      <c r="NZX708" s="613"/>
      <c r="NZY708" s="613"/>
      <c r="NZZ708" s="613"/>
      <c r="OAA708" s="613"/>
      <c r="OAB708" s="613"/>
      <c r="OAC708" s="613"/>
      <c r="OAD708" s="613"/>
      <c r="OAE708" s="613"/>
      <c r="OAF708" s="613"/>
      <c r="OAG708" s="613"/>
      <c r="OAH708" s="613"/>
      <c r="OAI708" s="613"/>
      <c r="OAJ708" s="613"/>
      <c r="OAK708" s="613"/>
      <c r="OAL708" s="613"/>
      <c r="OAM708" s="613"/>
      <c r="OAN708" s="613"/>
      <c r="OAO708" s="613"/>
      <c r="OAP708" s="613"/>
      <c r="OAQ708" s="613"/>
      <c r="OAR708" s="613"/>
      <c r="OAS708" s="613"/>
      <c r="OAT708" s="613"/>
      <c r="OAU708" s="613"/>
      <c r="OAV708" s="613"/>
      <c r="OAW708" s="613"/>
      <c r="OAX708" s="613"/>
      <c r="OAY708" s="613"/>
      <c r="OAZ708" s="613"/>
      <c r="OBA708" s="613"/>
      <c r="OBB708" s="613"/>
      <c r="OBC708" s="613"/>
      <c r="OBD708" s="613"/>
      <c r="OBE708" s="613"/>
      <c r="OBF708" s="613"/>
      <c r="OBG708" s="613"/>
      <c r="OBH708" s="613"/>
      <c r="OBI708" s="613"/>
      <c r="OBJ708" s="613"/>
      <c r="OBK708" s="613"/>
      <c r="OBL708" s="613"/>
      <c r="OBM708" s="613"/>
      <c r="OBN708" s="613"/>
      <c r="OBO708" s="613"/>
      <c r="OBP708" s="613"/>
      <c r="OBQ708" s="613"/>
      <c r="OBR708" s="613"/>
      <c r="OBS708" s="613"/>
      <c r="OBT708" s="613"/>
      <c r="OBU708" s="613"/>
      <c r="OBV708" s="613"/>
      <c r="OBW708" s="613"/>
      <c r="OBX708" s="613"/>
      <c r="OBY708" s="613"/>
      <c r="OBZ708" s="613"/>
      <c r="OCA708" s="613"/>
      <c r="OCB708" s="613"/>
      <c r="OCC708" s="613"/>
      <c r="OCD708" s="613"/>
      <c r="OCE708" s="613"/>
      <c r="OCF708" s="613"/>
      <c r="OCG708" s="613"/>
      <c r="OCH708" s="613"/>
      <c r="OCI708" s="613"/>
      <c r="OCJ708" s="613"/>
      <c r="OCK708" s="613"/>
      <c r="OCL708" s="613"/>
      <c r="OCM708" s="613"/>
      <c r="OCN708" s="613"/>
      <c r="OCO708" s="613"/>
      <c r="OCP708" s="613"/>
      <c r="OCQ708" s="613"/>
      <c r="OCR708" s="613"/>
      <c r="OCS708" s="613"/>
      <c r="OCT708" s="613"/>
      <c r="OCU708" s="613"/>
      <c r="OCV708" s="613"/>
      <c r="OCW708" s="613"/>
      <c r="OCX708" s="613"/>
      <c r="OCY708" s="613"/>
      <c r="OCZ708" s="613"/>
      <c r="ODA708" s="613"/>
      <c r="ODB708" s="613"/>
      <c r="ODC708" s="613"/>
      <c r="ODD708" s="613"/>
      <c r="ODE708" s="613"/>
      <c r="ODF708" s="613"/>
      <c r="ODG708" s="613"/>
      <c r="ODH708" s="613"/>
      <c r="ODI708" s="613"/>
      <c r="ODJ708" s="613"/>
      <c r="ODK708" s="613"/>
      <c r="ODL708" s="613"/>
      <c r="ODM708" s="613"/>
      <c r="ODN708" s="613"/>
      <c r="ODO708" s="613"/>
      <c r="ODP708" s="613"/>
      <c r="ODQ708" s="613"/>
      <c r="ODR708" s="613"/>
      <c r="ODS708" s="613"/>
      <c r="ODT708" s="613"/>
      <c r="ODU708" s="613"/>
      <c r="ODV708" s="613"/>
      <c r="ODW708" s="613"/>
      <c r="ODX708" s="613"/>
      <c r="ODY708" s="613"/>
      <c r="ODZ708" s="613"/>
      <c r="OEA708" s="613"/>
      <c r="OEB708" s="613"/>
      <c r="OEC708" s="613"/>
      <c r="OED708" s="613"/>
      <c r="OEE708" s="613"/>
      <c r="OEF708" s="613"/>
      <c r="OEG708" s="613"/>
      <c r="OEH708" s="613"/>
      <c r="OEI708" s="613"/>
      <c r="OEJ708" s="613"/>
      <c r="OEK708" s="613"/>
      <c r="OEL708" s="613"/>
      <c r="OEM708" s="613"/>
      <c r="OEN708" s="613"/>
      <c r="OEO708" s="613"/>
      <c r="OEP708" s="613"/>
      <c r="OEQ708" s="613"/>
      <c r="OER708" s="613"/>
      <c r="OES708" s="613"/>
      <c r="OET708" s="613"/>
      <c r="OEU708" s="613"/>
      <c r="OEV708" s="613"/>
      <c r="OEW708" s="613"/>
      <c r="OEX708" s="613"/>
      <c r="OEY708" s="613"/>
      <c r="OEZ708" s="613"/>
      <c r="OFA708" s="613"/>
      <c r="OFB708" s="613"/>
      <c r="OFC708" s="613"/>
      <c r="OFD708" s="613"/>
      <c r="OFE708" s="613"/>
      <c r="OFF708" s="613"/>
      <c r="OFG708" s="613"/>
      <c r="OFH708" s="613"/>
      <c r="OFI708" s="613"/>
      <c r="OFJ708" s="613"/>
      <c r="OFK708" s="613"/>
      <c r="OFL708" s="613"/>
      <c r="OFM708" s="613"/>
      <c r="OFN708" s="613"/>
      <c r="OFO708" s="613"/>
      <c r="OFP708" s="613"/>
      <c r="OFQ708" s="613"/>
      <c r="OFR708" s="613"/>
      <c r="OFS708" s="613"/>
      <c r="OFT708" s="613"/>
      <c r="OFU708" s="613"/>
      <c r="OFV708" s="613"/>
      <c r="OFW708" s="613"/>
      <c r="OFX708" s="613"/>
      <c r="OFY708" s="613"/>
      <c r="OFZ708" s="613"/>
      <c r="OGA708" s="613"/>
      <c r="OGB708" s="613"/>
      <c r="OGC708" s="613"/>
      <c r="OGD708" s="613"/>
      <c r="OGE708" s="613"/>
      <c r="OGF708" s="613"/>
      <c r="OGG708" s="613"/>
      <c r="OGH708" s="613"/>
      <c r="OGI708" s="613"/>
      <c r="OGJ708" s="613"/>
      <c r="OGK708" s="613"/>
      <c r="OGL708" s="613"/>
      <c r="OGM708" s="613"/>
      <c r="OGN708" s="613"/>
      <c r="OGO708" s="613"/>
      <c r="OGP708" s="613"/>
      <c r="OGQ708" s="613"/>
      <c r="OGR708" s="613"/>
      <c r="OGS708" s="613"/>
      <c r="OGT708" s="613"/>
      <c r="OGU708" s="613"/>
      <c r="OGV708" s="613"/>
      <c r="OGW708" s="613"/>
      <c r="OGX708" s="613"/>
      <c r="OGY708" s="613"/>
      <c r="OGZ708" s="613"/>
      <c r="OHA708" s="613"/>
      <c r="OHB708" s="613"/>
      <c r="OHC708" s="613"/>
      <c r="OHD708" s="613"/>
      <c r="OHE708" s="613"/>
      <c r="OHF708" s="613"/>
      <c r="OHG708" s="613"/>
      <c r="OHH708" s="613"/>
      <c r="OHI708" s="613"/>
      <c r="OHJ708" s="613"/>
      <c r="OHK708" s="613"/>
      <c r="OHL708" s="613"/>
      <c r="OHM708" s="613"/>
      <c r="OHN708" s="613"/>
      <c r="OHO708" s="613"/>
      <c r="OHP708" s="613"/>
      <c r="OHQ708" s="613"/>
      <c r="OHR708" s="613"/>
      <c r="OHS708" s="613"/>
      <c r="OHT708" s="613"/>
      <c r="OHU708" s="613"/>
      <c r="OHV708" s="613"/>
      <c r="OHW708" s="613"/>
      <c r="OHX708" s="613"/>
      <c r="OHY708" s="613"/>
      <c r="OHZ708" s="613"/>
      <c r="OIA708" s="613"/>
      <c r="OIB708" s="613"/>
      <c r="OIC708" s="613"/>
      <c r="OID708" s="613"/>
      <c r="OIE708" s="613"/>
      <c r="OIF708" s="613"/>
      <c r="OIG708" s="613"/>
      <c r="OIH708" s="613"/>
      <c r="OII708" s="613"/>
      <c r="OIJ708" s="613"/>
      <c r="OIK708" s="613"/>
      <c r="OIL708" s="613"/>
      <c r="OIM708" s="613"/>
      <c r="OIN708" s="613"/>
      <c r="OIO708" s="613"/>
      <c r="OIP708" s="613"/>
      <c r="OIQ708" s="613"/>
      <c r="OIR708" s="613"/>
      <c r="OIS708" s="613"/>
      <c r="OIT708" s="613"/>
      <c r="OIU708" s="613"/>
      <c r="OIV708" s="613"/>
      <c r="OIW708" s="613"/>
      <c r="OIX708" s="613"/>
      <c r="OIY708" s="613"/>
      <c r="OIZ708" s="613"/>
      <c r="OJA708" s="613"/>
      <c r="OJB708" s="613"/>
      <c r="OJC708" s="613"/>
      <c r="OJD708" s="613"/>
      <c r="OJE708" s="613"/>
      <c r="OJF708" s="613"/>
      <c r="OJG708" s="613"/>
      <c r="OJH708" s="613"/>
      <c r="OJI708" s="613"/>
      <c r="OJJ708" s="613"/>
      <c r="OJK708" s="613"/>
      <c r="OJL708" s="613"/>
      <c r="OJM708" s="613"/>
      <c r="OJN708" s="613"/>
      <c r="OJO708" s="613"/>
      <c r="OJP708" s="613"/>
      <c r="OJQ708" s="613"/>
      <c r="OJR708" s="613"/>
      <c r="OJS708" s="613"/>
      <c r="OJT708" s="613"/>
      <c r="OJU708" s="613"/>
      <c r="OJV708" s="613"/>
      <c r="OJW708" s="613"/>
      <c r="OJX708" s="613"/>
      <c r="OJY708" s="613"/>
      <c r="OJZ708" s="613"/>
      <c r="OKA708" s="613"/>
      <c r="OKB708" s="613"/>
      <c r="OKC708" s="613"/>
      <c r="OKD708" s="613"/>
      <c r="OKE708" s="613"/>
      <c r="OKF708" s="613"/>
      <c r="OKG708" s="613"/>
      <c r="OKH708" s="613"/>
      <c r="OKI708" s="613"/>
      <c r="OKJ708" s="613"/>
      <c r="OKK708" s="613"/>
      <c r="OKL708" s="613"/>
      <c r="OKM708" s="613"/>
      <c r="OKN708" s="613"/>
      <c r="OKO708" s="613"/>
      <c r="OKP708" s="613"/>
      <c r="OKQ708" s="613"/>
      <c r="OKR708" s="613"/>
      <c r="OKS708" s="613"/>
      <c r="OKT708" s="613"/>
      <c r="OKU708" s="613"/>
      <c r="OKV708" s="613"/>
      <c r="OKW708" s="613"/>
      <c r="OKX708" s="613"/>
      <c r="OKY708" s="613"/>
      <c r="OKZ708" s="613"/>
      <c r="OLA708" s="613"/>
      <c r="OLB708" s="613"/>
      <c r="OLC708" s="613"/>
      <c r="OLD708" s="613"/>
      <c r="OLE708" s="613"/>
      <c r="OLF708" s="613"/>
      <c r="OLG708" s="613"/>
      <c r="OLH708" s="613"/>
      <c r="OLI708" s="613"/>
      <c r="OLJ708" s="613"/>
      <c r="OLK708" s="613"/>
      <c r="OLL708" s="613"/>
      <c r="OLM708" s="613"/>
      <c r="OLN708" s="613"/>
      <c r="OLO708" s="613"/>
      <c r="OLP708" s="613"/>
      <c r="OLQ708" s="613"/>
      <c r="OLR708" s="613"/>
      <c r="OLS708" s="613"/>
      <c r="OLT708" s="613"/>
      <c r="OLU708" s="613"/>
      <c r="OLV708" s="613"/>
      <c r="OLW708" s="613"/>
      <c r="OLX708" s="613"/>
      <c r="OLY708" s="613"/>
      <c r="OLZ708" s="613"/>
      <c r="OMA708" s="613"/>
      <c r="OMB708" s="613"/>
      <c r="OMC708" s="613"/>
      <c r="OMD708" s="613"/>
      <c r="OME708" s="613"/>
      <c r="OMF708" s="613"/>
      <c r="OMG708" s="613"/>
      <c r="OMH708" s="613"/>
      <c r="OMI708" s="613"/>
      <c r="OMJ708" s="613"/>
      <c r="OMK708" s="613"/>
      <c r="OML708" s="613"/>
      <c r="OMM708" s="613"/>
      <c r="OMN708" s="613"/>
      <c r="OMO708" s="613"/>
      <c r="OMP708" s="613"/>
      <c r="OMQ708" s="613"/>
      <c r="OMR708" s="613"/>
      <c r="OMS708" s="613"/>
      <c r="OMT708" s="613"/>
      <c r="OMU708" s="613"/>
      <c r="OMV708" s="613"/>
      <c r="OMW708" s="613"/>
      <c r="OMX708" s="613"/>
      <c r="OMY708" s="613"/>
      <c r="OMZ708" s="613"/>
      <c r="ONA708" s="613"/>
      <c r="ONB708" s="613"/>
      <c r="ONC708" s="613"/>
      <c r="OND708" s="613"/>
      <c r="ONE708" s="613"/>
      <c r="ONF708" s="613"/>
      <c r="ONG708" s="613"/>
      <c r="ONH708" s="613"/>
      <c r="ONI708" s="613"/>
      <c r="ONJ708" s="613"/>
      <c r="ONK708" s="613"/>
      <c r="ONL708" s="613"/>
      <c r="ONM708" s="613"/>
      <c r="ONN708" s="613"/>
      <c r="ONO708" s="613"/>
      <c r="ONP708" s="613"/>
      <c r="ONQ708" s="613"/>
      <c r="ONR708" s="613"/>
      <c r="ONS708" s="613"/>
      <c r="ONT708" s="613"/>
      <c r="ONU708" s="613"/>
      <c r="ONV708" s="613"/>
      <c r="ONW708" s="613"/>
      <c r="ONX708" s="613"/>
      <c r="ONY708" s="613"/>
      <c r="ONZ708" s="613"/>
      <c r="OOA708" s="613"/>
      <c r="OOB708" s="613"/>
      <c r="OOC708" s="613"/>
      <c r="OOD708" s="613"/>
      <c r="OOE708" s="613"/>
      <c r="OOF708" s="613"/>
      <c r="OOG708" s="613"/>
      <c r="OOH708" s="613"/>
      <c r="OOI708" s="613"/>
      <c r="OOJ708" s="613"/>
      <c r="OOK708" s="613"/>
      <c r="OOL708" s="613"/>
      <c r="OOM708" s="613"/>
      <c r="OON708" s="613"/>
      <c r="OOO708" s="613"/>
      <c r="OOP708" s="613"/>
      <c r="OOQ708" s="613"/>
      <c r="OOR708" s="613"/>
      <c r="OOS708" s="613"/>
      <c r="OOT708" s="613"/>
      <c r="OOU708" s="613"/>
      <c r="OOV708" s="613"/>
      <c r="OOW708" s="613"/>
      <c r="OOX708" s="613"/>
      <c r="OOY708" s="613"/>
      <c r="OOZ708" s="613"/>
      <c r="OPA708" s="613"/>
      <c r="OPB708" s="613"/>
      <c r="OPC708" s="613"/>
      <c r="OPD708" s="613"/>
      <c r="OPE708" s="613"/>
      <c r="OPF708" s="613"/>
      <c r="OPG708" s="613"/>
      <c r="OPH708" s="613"/>
      <c r="OPI708" s="613"/>
      <c r="OPJ708" s="613"/>
      <c r="OPK708" s="613"/>
      <c r="OPL708" s="613"/>
      <c r="OPM708" s="613"/>
      <c r="OPN708" s="613"/>
      <c r="OPO708" s="613"/>
      <c r="OPP708" s="613"/>
      <c r="OPQ708" s="613"/>
      <c r="OPR708" s="613"/>
      <c r="OPS708" s="613"/>
      <c r="OPT708" s="613"/>
      <c r="OPU708" s="613"/>
      <c r="OPV708" s="613"/>
      <c r="OPW708" s="613"/>
      <c r="OPX708" s="613"/>
      <c r="OPY708" s="613"/>
      <c r="OPZ708" s="613"/>
      <c r="OQA708" s="613"/>
      <c r="OQB708" s="613"/>
      <c r="OQC708" s="613"/>
      <c r="OQD708" s="613"/>
      <c r="OQE708" s="613"/>
      <c r="OQF708" s="613"/>
      <c r="OQG708" s="613"/>
      <c r="OQH708" s="613"/>
      <c r="OQI708" s="613"/>
      <c r="OQJ708" s="613"/>
      <c r="OQK708" s="613"/>
      <c r="OQL708" s="613"/>
      <c r="OQM708" s="613"/>
      <c r="OQN708" s="613"/>
      <c r="OQO708" s="613"/>
      <c r="OQP708" s="613"/>
      <c r="OQQ708" s="613"/>
      <c r="OQR708" s="613"/>
      <c r="OQS708" s="613"/>
      <c r="OQT708" s="613"/>
      <c r="OQU708" s="613"/>
      <c r="OQV708" s="613"/>
      <c r="OQW708" s="613"/>
      <c r="OQX708" s="613"/>
      <c r="OQY708" s="613"/>
      <c r="OQZ708" s="613"/>
      <c r="ORA708" s="613"/>
      <c r="ORB708" s="613"/>
      <c r="ORC708" s="613"/>
      <c r="ORD708" s="613"/>
      <c r="ORE708" s="613"/>
      <c r="ORF708" s="613"/>
      <c r="ORG708" s="613"/>
      <c r="ORH708" s="613"/>
      <c r="ORI708" s="613"/>
      <c r="ORJ708" s="613"/>
      <c r="ORK708" s="613"/>
      <c r="ORL708" s="613"/>
      <c r="ORM708" s="613"/>
      <c r="ORN708" s="613"/>
      <c r="ORO708" s="613"/>
      <c r="ORP708" s="613"/>
      <c r="ORQ708" s="613"/>
      <c r="ORR708" s="613"/>
      <c r="ORS708" s="613"/>
      <c r="ORT708" s="613"/>
      <c r="ORU708" s="613"/>
      <c r="ORV708" s="613"/>
      <c r="ORW708" s="613"/>
      <c r="ORX708" s="613"/>
      <c r="ORY708" s="613"/>
      <c r="ORZ708" s="613"/>
      <c r="OSA708" s="613"/>
      <c r="OSB708" s="613"/>
      <c r="OSC708" s="613"/>
      <c r="OSD708" s="613"/>
      <c r="OSE708" s="613"/>
      <c r="OSF708" s="613"/>
      <c r="OSG708" s="613"/>
      <c r="OSH708" s="613"/>
      <c r="OSI708" s="613"/>
      <c r="OSJ708" s="613"/>
      <c r="OSK708" s="613"/>
      <c r="OSL708" s="613"/>
      <c r="OSM708" s="613"/>
      <c r="OSN708" s="613"/>
      <c r="OSO708" s="613"/>
      <c r="OSP708" s="613"/>
      <c r="OSQ708" s="613"/>
      <c r="OSR708" s="613"/>
      <c r="OSS708" s="613"/>
      <c r="OST708" s="613"/>
      <c r="OSU708" s="613"/>
      <c r="OSV708" s="613"/>
      <c r="OSW708" s="613"/>
      <c r="OSX708" s="613"/>
      <c r="OSY708" s="613"/>
      <c r="OSZ708" s="613"/>
      <c r="OTA708" s="613"/>
      <c r="OTB708" s="613"/>
      <c r="OTC708" s="613"/>
      <c r="OTD708" s="613"/>
      <c r="OTE708" s="613"/>
      <c r="OTF708" s="613"/>
      <c r="OTG708" s="613"/>
      <c r="OTH708" s="613"/>
      <c r="OTI708" s="613"/>
      <c r="OTJ708" s="613"/>
      <c r="OTK708" s="613"/>
      <c r="OTL708" s="613"/>
      <c r="OTM708" s="613"/>
      <c r="OTN708" s="613"/>
      <c r="OTO708" s="613"/>
      <c r="OTP708" s="613"/>
      <c r="OTQ708" s="613"/>
      <c r="OTR708" s="613"/>
      <c r="OTS708" s="613"/>
      <c r="OTT708" s="613"/>
      <c r="OTU708" s="613"/>
      <c r="OTV708" s="613"/>
      <c r="OTW708" s="613"/>
      <c r="OTX708" s="613"/>
      <c r="OTY708" s="613"/>
      <c r="OTZ708" s="613"/>
      <c r="OUA708" s="613"/>
      <c r="OUB708" s="613"/>
      <c r="OUC708" s="613"/>
      <c r="OUD708" s="613"/>
      <c r="OUE708" s="613"/>
      <c r="OUF708" s="613"/>
      <c r="OUG708" s="613"/>
      <c r="OUH708" s="613"/>
      <c r="OUI708" s="613"/>
      <c r="OUJ708" s="613"/>
      <c r="OUK708" s="613"/>
      <c r="OUL708" s="613"/>
      <c r="OUM708" s="613"/>
      <c r="OUN708" s="613"/>
      <c r="OUO708" s="613"/>
      <c r="OUP708" s="613"/>
      <c r="OUQ708" s="613"/>
      <c r="OUR708" s="613"/>
      <c r="OUS708" s="613"/>
      <c r="OUT708" s="613"/>
      <c r="OUU708" s="613"/>
      <c r="OUV708" s="613"/>
      <c r="OUW708" s="613"/>
      <c r="OUX708" s="613"/>
      <c r="OUY708" s="613"/>
      <c r="OUZ708" s="613"/>
      <c r="OVA708" s="613"/>
      <c r="OVB708" s="613"/>
      <c r="OVC708" s="613"/>
      <c r="OVD708" s="613"/>
      <c r="OVE708" s="613"/>
      <c r="OVF708" s="613"/>
      <c r="OVG708" s="613"/>
      <c r="OVH708" s="613"/>
      <c r="OVI708" s="613"/>
      <c r="OVJ708" s="613"/>
      <c r="OVK708" s="613"/>
      <c r="OVL708" s="613"/>
      <c r="OVM708" s="613"/>
      <c r="OVN708" s="613"/>
      <c r="OVO708" s="613"/>
      <c r="OVP708" s="613"/>
      <c r="OVQ708" s="613"/>
      <c r="OVR708" s="613"/>
      <c r="OVS708" s="613"/>
      <c r="OVT708" s="613"/>
      <c r="OVU708" s="613"/>
      <c r="OVV708" s="613"/>
      <c r="OVW708" s="613"/>
      <c r="OVX708" s="613"/>
      <c r="OVY708" s="613"/>
      <c r="OVZ708" s="613"/>
      <c r="OWA708" s="613"/>
      <c r="OWB708" s="613"/>
      <c r="OWC708" s="613"/>
      <c r="OWD708" s="613"/>
      <c r="OWE708" s="613"/>
      <c r="OWF708" s="613"/>
      <c r="OWG708" s="613"/>
      <c r="OWH708" s="613"/>
      <c r="OWI708" s="613"/>
      <c r="OWJ708" s="613"/>
      <c r="OWK708" s="613"/>
      <c r="OWL708" s="613"/>
      <c r="OWM708" s="613"/>
      <c r="OWN708" s="613"/>
      <c r="OWO708" s="613"/>
      <c r="OWP708" s="613"/>
      <c r="OWQ708" s="613"/>
      <c r="OWR708" s="613"/>
      <c r="OWS708" s="613"/>
      <c r="OWT708" s="613"/>
      <c r="OWU708" s="613"/>
      <c r="OWV708" s="613"/>
      <c r="OWW708" s="613"/>
      <c r="OWX708" s="613"/>
      <c r="OWY708" s="613"/>
      <c r="OWZ708" s="613"/>
      <c r="OXA708" s="613"/>
      <c r="OXB708" s="613"/>
      <c r="OXC708" s="613"/>
      <c r="OXD708" s="613"/>
      <c r="OXE708" s="613"/>
      <c r="OXF708" s="613"/>
      <c r="OXG708" s="613"/>
      <c r="OXH708" s="613"/>
      <c r="OXI708" s="613"/>
      <c r="OXJ708" s="613"/>
      <c r="OXK708" s="613"/>
      <c r="OXL708" s="613"/>
      <c r="OXM708" s="613"/>
      <c r="OXN708" s="613"/>
      <c r="OXO708" s="613"/>
      <c r="OXP708" s="613"/>
      <c r="OXQ708" s="613"/>
      <c r="OXR708" s="613"/>
      <c r="OXS708" s="613"/>
      <c r="OXT708" s="613"/>
      <c r="OXU708" s="613"/>
      <c r="OXV708" s="613"/>
      <c r="OXW708" s="613"/>
      <c r="OXX708" s="613"/>
      <c r="OXY708" s="613"/>
      <c r="OXZ708" s="613"/>
      <c r="OYA708" s="613"/>
      <c r="OYB708" s="613"/>
      <c r="OYC708" s="613"/>
      <c r="OYD708" s="613"/>
      <c r="OYE708" s="613"/>
      <c r="OYF708" s="613"/>
      <c r="OYG708" s="613"/>
      <c r="OYH708" s="613"/>
      <c r="OYI708" s="613"/>
      <c r="OYJ708" s="613"/>
      <c r="OYK708" s="613"/>
      <c r="OYL708" s="613"/>
      <c r="OYM708" s="613"/>
      <c r="OYN708" s="613"/>
      <c r="OYO708" s="613"/>
      <c r="OYP708" s="613"/>
      <c r="OYQ708" s="613"/>
      <c r="OYR708" s="613"/>
      <c r="OYS708" s="613"/>
      <c r="OYT708" s="613"/>
      <c r="OYU708" s="613"/>
      <c r="OYV708" s="613"/>
      <c r="OYW708" s="613"/>
      <c r="OYX708" s="613"/>
      <c r="OYY708" s="613"/>
      <c r="OYZ708" s="613"/>
      <c r="OZA708" s="613"/>
      <c r="OZB708" s="613"/>
      <c r="OZC708" s="613"/>
      <c r="OZD708" s="613"/>
      <c r="OZE708" s="613"/>
      <c r="OZF708" s="613"/>
      <c r="OZG708" s="613"/>
      <c r="OZH708" s="613"/>
      <c r="OZI708" s="613"/>
      <c r="OZJ708" s="613"/>
      <c r="OZK708" s="613"/>
      <c r="OZL708" s="613"/>
      <c r="OZM708" s="613"/>
      <c r="OZN708" s="613"/>
      <c r="OZO708" s="613"/>
      <c r="OZP708" s="613"/>
      <c r="OZQ708" s="613"/>
      <c r="OZR708" s="613"/>
      <c r="OZS708" s="613"/>
      <c r="OZT708" s="613"/>
      <c r="OZU708" s="613"/>
      <c r="OZV708" s="613"/>
      <c r="OZW708" s="613"/>
      <c r="OZX708" s="613"/>
      <c r="OZY708" s="613"/>
      <c r="OZZ708" s="613"/>
      <c r="PAA708" s="613"/>
      <c r="PAB708" s="613"/>
      <c r="PAC708" s="613"/>
      <c r="PAD708" s="613"/>
      <c r="PAE708" s="613"/>
      <c r="PAF708" s="613"/>
      <c r="PAG708" s="613"/>
      <c r="PAH708" s="613"/>
      <c r="PAI708" s="613"/>
      <c r="PAJ708" s="613"/>
      <c r="PAK708" s="613"/>
      <c r="PAL708" s="613"/>
      <c r="PAM708" s="613"/>
      <c r="PAN708" s="613"/>
      <c r="PAO708" s="613"/>
      <c r="PAP708" s="613"/>
      <c r="PAQ708" s="613"/>
      <c r="PAR708" s="613"/>
      <c r="PAS708" s="613"/>
      <c r="PAT708" s="613"/>
      <c r="PAU708" s="613"/>
      <c r="PAV708" s="613"/>
      <c r="PAW708" s="613"/>
      <c r="PAX708" s="613"/>
      <c r="PAY708" s="613"/>
      <c r="PAZ708" s="613"/>
      <c r="PBA708" s="613"/>
      <c r="PBB708" s="613"/>
      <c r="PBC708" s="613"/>
      <c r="PBD708" s="613"/>
      <c r="PBE708" s="613"/>
      <c r="PBF708" s="613"/>
      <c r="PBG708" s="613"/>
      <c r="PBH708" s="613"/>
      <c r="PBI708" s="613"/>
      <c r="PBJ708" s="613"/>
      <c r="PBK708" s="613"/>
      <c r="PBL708" s="613"/>
      <c r="PBM708" s="613"/>
      <c r="PBN708" s="613"/>
      <c r="PBO708" s="613"/>
      <c r="PBP708" s="613"/>
      <c r="PBQ708" s="613"/>
      <c r="PBR708" s="613"/>
      <c r="PBS708" s="613"/>
      <c r="PBT708" s="613"/>
      <c r="PBU708" s="613"/>
      <c r="PBV708" s="613"/>
      <c r="PBW708" s="613"/>
      <c r="PBX708" s="613"/>
      <c r="PBY708" s="613"/>
      <c r="PBZ708" s="613"/>
      <c r="PCA708" s="613"/>
      <c r="PCB708" s="613"/>
      <c r="PCC708" s="613"/>
      <c r="PCD708" s="613"/>
      <c r="PCE708" s="613"/>
      <c r="PCF708" s="613"/>
      <c r="PCG708" s="613"/>
      <c r="PCH708" s="613"/>
      <c r="PCI708" s="613"/>
      <c r="PCJ708" s="613"/>
      <c r="PCK708" s="613"/>
      <c r="PCL708" s="613"/>
      <c r="PCM708" s="613"/>
      <c r="PCN708" s="613"/>
      <c r="PCO708" s="613"/>
      <c r="PCP708" s="613"/>
      <c r="PCQ708" s="613"/>
      <c r="PCR708" s="613"/>
      <c r="PCS708" s="613"/>
      <c r="PCT708" s="613"/>
      <c r="PCU708" s="613"/>
      <c r="PCV708" s="613"/>
      <c r="PCW708" s="613"/>
      <c r="PCX708" s="613"/>
      <c r="PCY708" s="613"/>
      <c r="PCZ708" s="613"/>
      <c r="PDA708" s="613"/>
      <c r="PDB708" s="613"/>
      <c r="PDC708" s="613"/>
      <c r="PDD708" s="613"/>
      <c r="PDE708" s="613"/>
      <c r="PDF708" s="613"/>
      <c r="PDG708" s="613"/>
      <c r="PDH708" s="613"/>
      <c r="PDI708" s="613"/>
      <c r="PDJ708" s="613"/>
      <c r="PDK708" s="613"/>
      <c r="PDL708" s="613"/>
      <c r="PDM708" s="613"/>
      <c r="PDN708" s="613"/>
      <c r="PDO708" s="613"/>
      <c r="PDP708" s="613"/>
      <c r="PDQ708" s="613"/>
      <c r="PDR708" s="613"/>
      <c r="PDS708" s="613"/>
      <c r="PDT708" s="613"/>
      <c r="PDU708" s="613"/>
      <c r="PDV708" s="613"/>
      <c r="PDW708" s="613"/>
      <c r="PDX708" s="613"/>
      <c r="PDY708" s="613"/>
      <c r="PDZ708" s="613"/>
      <c r="PEA708" s="613"/>
      <c r="PEB708" s="613"/>
      <c r="PEC708" s="613"/>
      <c r="PED708" s="613"/>
      <c r="PEE708" s="613"/>
      <c r="PEF708" s="613"/>
      <c r="PEG708" s="613"/>
      <c r="PEH708" s="613"/>
      <c r="PEI708" s="613"/>
      <c r="PEJ708" s="613"/>
      <c r="PEK708" s="613"/>
      <c r="PEL708" s="613"/>
      <c r="PEM708" s="613"/>
      <c r="PEN708" s="613"/>
      <c r="PEO708" s="613"/>
      <c r="PEP708" s="613"/>
      <c r="PEQ708" s="613"/>
      <c r="PER708" s="613"/>
      <c r="PES708" s="613"/>
      <c r="PET708" s="613"/>
      <c r="PEU708" s="613"/>
      <c r="PEV708" s="613"/>
      <c r="PEW708" s="613"/>
      <c r="PEX708" s="613"/>
      <c r="PEY708" s="613"/>
      <c r="PEZ708" s="613"/>
      <c r="PFA708" s="613"/>
      <c r="PFB708" s="613"/>
      <c r="PFC708" s="613"/>
      <c r="PFD708" s="613"/>
      <c r="PFE708" s="613"/>
      <c r="PFF708" s="613"/>
      <c r="PFG708" s="613"/>
      <c r="PFH708" s="613"/>
      <c r="PFI708" s="613"/>
      <c r="PFJ708" s="613"/>
      <c r="PFK708" s="613"/>
      <c r="PFL708" s="613"/>
      <c r="PFM708" s="613"/>
      <c r="PFN708" s="613"/>
      <c r="PFO708" s="613"/>
      <c r="PFP708" s="613"/>
      <c r="PFQ708" s="613"/>
      <c r="PFR708" s="613"/>
      <c r="PFS708" s="613"/>
      <c r="PFT708" s="613"/>
      <c r="PFU708" s="613"/>
      <c r="PFV708" s="613"/>
      <c r="PFW708" s="613"/>
      <c r="PFX708" s="613"/>
      <c r="PFY708" s="613"/>
      <c r="PFZ708" s="613"/>
      <c r="PGA708" s="613"/>
      <c r="PGB708" s="613"/>
      <c r="PGC708" s="613"/>
      <c r="PGD708" s="613"/>
      <c r="PGE708" s="613"/>
      <c r="PGF708" s="613"/>
      <c r="PGG708" s="613"/>
      <c r="PGH708" s="613"/>
      <c r="PGI708" s="613"/>
      <c r="PGJ708" s="613"/>
      <c r="PGK708" s="613"/>
      <c r="PGL708" s="613"/>
      <c r="PGM708" s="613"/>
      <c r="PGN708" s="613"/>
      <c r="PGO708" s="613"/>
      <c r="PGP708" s="613"/>
      <c r="PGQ708" s="613"/>
      <c r="PGR708" s="613"/>
      <c r="PGS708" s="613"/>
      <c r="PGT708" s="613"/>
      <c r="PGU708" s="613"/>
      <c r="PGV708" s="613"/>
      <c r="PGW708" s="613"/>
      <c r="PGX708" s="613"/>
      <c r="PGY708" s="613"/>
      <c r="PGZ708" s="613"/>
      <c r="PHA708" s="613"/>
      <c r="PHB708" s="613"/>
      <c r="PHC708" s="613"/>
      <c r="PHD708" s="613"/>
      <c r="PHE708" s="613"/>
      <c r="PHF708" s="613"/>
      <c r="PHG708" s="613"/>
      <c r="PHH708" s="613"/>
      <c r="PHI708" s="613"/>
      <c r="PHJ708" s="613"/>
      <c r="PHK708" s="613"/>
      <c r="PHL708" s="613"/>
      <c r="PHM708" s="613"/>
      <c r="PHN708" s="613"/>
      <c r="PHO708" s="613"/>
      <c r="PHP708" s="613"/>
      <c r="PHQ708" s="613"/>
      <c r="PHR708" s="613"/>
      <c r="PHS708" s="613"/>
      <c r="PHT708" s="613"/>
      <c r="PHU708" s="613"/>
      <c r="PHV708" s="613"/>
      <c r="PHW708" s="613"/>
      <c r="PHX708" s="613"/>
      <c r="PHY708" s="613"/>
      <c r="PHZ708" s="613"/>
      <c r="PIA708" s="613"/>
      <c r="PIB708" s="613"/>
      <c r="PIC708" s="613"/>
      <c r="PID708" s="613"/>
      <c r="PIE708" s="613"/>
      <c r="PIF708" s="613"/>
      <c r="PIG708" s="613"/>
      <c r="PIH708" s="613"/>
      <c r="PII708" s="613"/>
      <c r="PIJ708" s="613"/>
      <c r="PIK708" s="613"/>
      <c r="PIL708" s="613"/>
      <c r="PIM708" s="613"/>
      <c r="PIN708" s="613"/>
      <c r="PIO708" s="613"/>
      <c r="PIP708" s="613"/>
      <c r="PIQ708" s="613"/>
      <c r="PIR708" s="613"/>
      <c r="PIS708" s="613"/>
      <c r="PIT708" s="613"/>
      <c r="PIU708" s="613"/>
      <c r="PIV708" s="613"/>
      <c r="PIW708" s="613"/>
      <c r="PIX708" s="613"/>
      <c r="PIY708" s="613"/>
      <c r="PIZ708" s="613"/>
      <c r="PJA708" s="613"/>
      <c r="PJB708" s="613"/>
      <c r="PJC708" s="613"/>
      <c r="PJD708" s="613"/>
      <c r="PJE708" s="613"/>
      <c r="PJF708" s="613"/>
      <c r="PJG708" s="613"/>
      <c r="PJH708" s="613"/>
      <c r="PJI708" s="613"/>
      <c r="PJJ708" s="613"/>
      <c r="PJK708" s="613"/>
      <c r="PJL708" s="613"/>
      <c r="PJM708" s="613"/>
      <c r="PJN708" s="613"/>
      <c r="PJO708" s="613"/>
      <c r="PJP708" s="613"/>
      <c r="PJQ708" s="613"/>
      <c r="PJR708" s="613"/>
      <c r="PJS708" s="613"/>
      <c r="PJT708" s="613"/>
      <c r="PJU708" s="613"/>
      <c r="PJV708" s="613"/>
      <c r="PJW708" s="613"/>
      <c r="PJX708" s="613"/>
      <c r="PJY708" s="613"/>
      <c r="PJZ708" s="613"/>
      <c r="PKA708" s="613"/>
      <c r="PKB708" s="613"/>
      <c r="PKC708" s="613"/>
      <c r="PKD708" s="613"/>
      <c r="PKE708" s="613"/>
      <c r="PKF708" s="613"/>
      <c r="PKG708" s="613"/>
      <c r="PKH708" s="613"/>
      <c r="PKI708" s="613"/>
      <c r="PKJ708" s="613"/>
      <c r="PKK708" s="613"/>
      <c r="PKL708" s="613"/>
      <c r="PKM708" s="613"/>
      <c r="PKN708" s="613"/>
      <c r="PKO708" s="613"/>
      <c r="PKP708" s="613"/>
      <c r="PKQ708" s="613"/>
      <c r="PKR708" s="613"/>
      <c r="PKS708" s="613"/>
      <c r="PKT708" s="613"/>
      <c r="PKU708" s="613"/>
      <c r="PKV708" s="613"/>
      <c r="PKW708" s="613"/>
      <c r="PKX708" s="613"/>
      <c r="PKY708" s="613"/>
      <c r="PKZ708" s="613"/>
      <c r="PLA708" s="613"/>
      <c r="PLB708" s="613"/>
      <c r="PLC708" s="613"/>
      <c r="PLD708" s="613"/>
      <c r="PLE708" s="613"/>
      <c r="PLF708" s="613"/>
      <c r="PLG708" s="613"/>
      <c r="PLH708" s="613"/>
      <c r="PLI708" s="613"/>
      <c r="PLJ708" s="613"/>
      <c r="PLK708" s="613"/>
      <c r="PLL708" s="613"/>
      <c r="PLM708" s="613"/>
      <c r="PLN708" s="613"/>
      <c r="PLO708" s="613"/>
      <c r="PLP708" s="613"/>
      <c r="PLQ708" s="613"/>
      <c r="PLR708" s="613"/>
      <c r="PLS708" s="613"/>
      <c r="PLT708" s="613"/>
      <c r="PLU708" s="613"/>
      <c r="PLV708" s="613"/>
      <c r="PLW708" s="613"/>
      <c r="PLX708" s="613"/>
      <c r="PLY708" s="613"/>
      <c r="PLZ708" s="613"/>
      <c r="PMA708" s="613"/>
      <c r="PMB708" s="613"/>
      <c r="PMC708" s="613"/>
      <c r="PMD708" s="613"/>
      <c r="PME708" s="613"/>
      <c r="PMF708" s="613"/>
      <c r="PMG708" s="613"/>
      <c r="PMH708" s="613"/>
      <c r="PMI708" s="613"/>
      <c r="PMJ708" s="613"/>
      <c r="PMK708" s="613"/>
      <c r="PML708" s="613"/>
      <c r="PMM708" s="613"/>
      <c r="PMN708" s="613"/>
      <c r="PMO708" s="613"/>
      <c r="PMP708" s="613"/>
      <c r="PMQ708" s="613"/>
      <c r="PMR708" s="613"/>
      <c r="PMS708" s="613"/>
      <c r="PMT708" s="613"/>
      <c r="PMU708" s="613"/>
      <c r="PMV708" s="613"/>
      <c r="PMW708" s="613"/>
      <c r="PMX708" s="613"/>
      <c r="PMY708" s="613"/>
      <c r="PMZ708" s="613"/>
      <c r="PNA708" s="613"/>
      <c r="PNB708" s="613"/>
      <c r="PNC708" s="613"/>
      <c r="PND708" s="613"/>
      <c r="PNE708" s="613"/>
      <c r="PNF708" s="613"/>
      <c r="PNG708" s="613"/>
      <c r="PNH708" s="613"/>
      <c r="PNI708" s="613"/>
      <c r="PNJ708" s="613"/>
      <c r="PNK708" s="613"/>
      <c r="PNL708" s="613"/>
      <c r="PNM708" s="613"/>
      <c r="PNN708" s="613"/>
      <c r="PNO708" s="613"/>
      <c r="PNP708" s="613"/>
      <c r="PNQ708" s="613"/>
      <c r="PNR708" s="613"/>
      <c r="PNS708" s="613"/>
      <c r="PNT708" s="613"/>
      <c r="PNU708" s="613"/>
      <c r="PNV708" s="613"/>
      <c r="PNW708" s="613"/>
      <c r="PNX708" s="613"/>
      <c r="PNY708" s="613"/>
      <c r="PNZ708" s="613"/>
      <c r="POA708" s="613"/>
      <c r="POB708" s="613"/>
      <c r="POC708" s="613"/>
      <c r="POD708" s="613"/>
      <c r="POE708" s="613"/>
      <c r="POF708" s="613"/>
      <c r="POG708" s="613"/>
      <c r="POH708" s="613"/>
      <c r="POI708" s="613"/>
      <c r="POJ708" s="613"/>
      <c r="POK708" s="613"/>
      <c r="POL708" s="613"/>
      <c r="POM708" s="613"/>
      <c r="PON708" s="613"/>
      <c r="POO708" s="613"/>
      <c r="POP708" s="613"/>
      <c r="POQ708" s="613"/>
      <c r="POR708" s="613"/>
      <c r="POS708" s="613"/>
      <c r="POT708" s="613"/>
      <c r="POU708" s="613"/>
      <c r="POV708" s="613"/>
      <c r="POW708" s="613"/>
      <c r="POX708" s="613"/>
      <c r="POY708" s="613"/>
      <c r="POZ708" s="613"/>
      <c r="PPA708" s="613"/>
      <c r="PPB708" s="613"/>
      <c r="PPC708" s="613"/>
      <c r="PPD708" s="613"/>
      <c r="PPE708" s="613"/>
      <c r="PPF708" s="613"/>
      <c r="PPG708" s="613"/>
      <c r="PPH708" s="613"/>
      <c r="PPI708" s="613"/>
      <c r="PPJ708" s="613"/>
      <c r="PPK708" s="613"/>
      <c r="PPL708" s="613"/>
      <c r="PPM708" s="613"/>
      <c r="PPN708" s="613"/>
      <c r="PPO708" s="613"/>
      <c r="PPP708" s="613"/>
      <c r="PPQ708" s="613"/>
      <c r="PPR708" s="613"/>
      <c r="PPS708" s="613"/>
      <c r="PPT708" s="613"/>
      <c r="PPU708" s="613"/>
      <c r="PPV708" s="613"/>
      <c r="PPW708" s="613"/>
      <c r="PPX708" s="613"/>
      <c r="PPY708" s="613"/>
      <c r="PPZ708" s="613"/>
      <c r="PQA708" s="613"/>
      <c r="PQB708" s="613"/>
      <c r="PQC708" s="613"/>
      <c r="PQD708" s="613"/>
      <c r="PQE708" s="613"/>
      <c r="PQF708" s="613"/>
      <c r="PQG708" s="613"/>
      <c r="PQH708" s="613"/>
      <c r="PQI708" s="613"/>
      <c r="PQJ708" s="613"/>
      <c r="PQK708" s="613"/>
      <c r="PQL708" s="613"/>
      <c r="PQM708" s="613"/>
      <c r="PQN708" s="613"/>
      <c r="PQO708" s="613"/>
      <c r="PQP708" s="613"/>
      <c r="PQQ708" s="613"/>
      <c r="PQR708" s="613"/>
      <c r="PQS708" s="613"/>
      <c r="PQT708" s="613"/>
      <c r="PQU708" s="613"/>
      <c r="PQV708" s="613"/>
      <c r="PQW708" s="613"/>
      <c r="PQX708" s="613"/>
      <c r="PQY708" s="613"/>
      <c r="PQZ708" s="613"/>
      <c r="PRA708" s="613"/>
      <c r="PRB708" s="613"/>
      <c r="PRC708" s="613"/>
      <c r="PRD708" s="613"/>
      <c r="PRE708" s="613"/>
      <c r="PRF708" s="613"/>
      <c r="PRG708" s="613"/>
      <c r="PRH708" s="613"/>
      <c r="PRI708" s="613"/>
      <c r="PRJ708" s="613"/>
      <c r="PRK708" s="613"/>
      <c r="PRL708" s="613"/>
      <c r="PRM708" s="613"/>
      <c r="PRN708" s="613"/>
      <c r="PRO708" s="613"/>
      <c r="PRP708" s="613"/>
      <c r="PRQ708" s="613"/>
      <c r="PRR708" s="613"/>
      <c r="PRS708" s="613"/>
      <c r="PRT708" s="613"/>
      <c r="PRU708" s="613"/>
      <c r="PRV708" s="613"/>
      <c r="PRW708" s="613"/>
      <c r="PRX708" s="613"/>
      <c r="PRY708" s="613"/>
      <c r="PRZ708" s="613"/>
      <c r="PSA708" s="613"/>
      <c r="PSB708" s="613"/>
      <c r="PSC708" s="613"/>
      <c r="PSD708" s="613"/>
      <c r="PSE708" s="613"/>
      <c r="PSF708" s="613"/>
      <c r="PSG708" s="613"/>
      <c r="PSH708" s="613"/>
      <c r="PSI708" s="613"/>
      <c r="PSJ708" s="613"/>
      <c r="PSK708" s="613"/>
      <c r="PSL708" s="613"/>
      <c r="PSM708" s="613"/>
      <c r="PSN708" s="613"/>
      <c r="PSO708" s="613"/>
      <c r="PSP708" s="613"/>
      <c r="PSQ708" s="613"/>
      <c r="PSR708" s="613"/>
      <c r="PSS708" s="613"/>
      <c r="PST708" s="613"/>
      <c r="PSU708" s="613"/>
      <c r="PSV708" s="613"/>
      <c r="PSW708" s="613"/>
      <c r="PSX708" s="613"/>
      <c r="PSY708" s="613"/>
      <c r="PSZ708" s="613"/>
      <c r="PTA708" s="613"/>
      <c r="PTB708" s="613"/>
      <c r="PTC708" s="613"/>
      <c r="PTD708" s="613"/>
      <c r="PTE708" s="613"/>
      <c r="PTF708" s="613"/>
      <c r="PTG708" s="613"/>
      <c r="PTH708" s="613"/>
      <c r="PTI708" s="613"/>
      <c r="PTJ708" s="613"/>
      <c r="PTK708" s="613"/>
      <c r="PTL708" s="613"/>
      <c r="PTM708" s="613"/>
      <c r="PTN708" s="613"/>
      <c r="PTO708" s="613"/>
      <c r="PTP708" s="613"/>
      <c r="PTQ708" s="613"/>
      <c r="PTR708" s="613"/>
      <c r="PTS708" s="613"/>
      <c r="PTT708" s="613"/>
      <c r="PTU708" s="613"/>
      <c r="PTV708" s="613"/>
      <c r="PTW708" s="613"/>
      <c r="PTX708" s="613"/>
      <c r="PTY708" s="613"/>
      <c r="PTZ708" s="613"/>
      <c r="PUA708" s="613"/>
      <c r="PUB708" s="613"/>
      <c r="PUC708" s="613"/>
      <c r="PUD708" s="613"/>
      <c r="PUE708" s="613"/>
      <c r="PUF708" s="613"/>
      <c r="PUG708" s="613"/>
      <c r="PUH708" s="613"/>
      <c r="PUI708" s="613"/>
      <c r="PUJ708" s="613"/>
      <c r="PUK708" s="613"/>
      <c r="PUL708" s="613"/>
      <c r="PUM708" s="613"/>
      <c r="PUN708" s="613"/>
      <c r="PUO708" s="613"/>
      <c r="PUP708" s="613"/>
      <c r="PUQ708" s="613"/>
      <c r="PUR708" s="613"/>
      <c r="PUS708" s="613"/>
      <c r="PUT708" s="613"/>
      <c r="PUU708" s="613"/>
      <c r="PUV708" s="613"/>
      <c r="PUW708" s="613"/>
      <c r="PUX708" s="613"/>
      <c r="PUY708" s="613"/>
      <c r="PUZ708" s="613"/>
      <c r="PVA708" s="613"/>
      <c r="PVB708" s="613"/>
      <c r="PVC708" s="613"/>
      <c r="PVD708" s="613"/>
      <c r="PVE708" s="613"/>
      <c r="PVF708" s="613"/>
      <c r="PVG708" s="613"/>
      <c r="PVH708" s="613"/>
      <c r="PVI708" s="613"/>
      <c r="PVJ708" s="613"/>
      <c r="PVK708" s="613"/>
      <c r="PVL708" s="613"/>
      <c r="PVM708" s="613"/>
      <c r="PVN708" s="613"/>
      <c r="PVO708" s="613"/>
      <c r="PVP708" s="613"/>
      <c r="PVQ708" s="613"/>
      <c r="PVR708" s="613"/>
      <c r="PVS708" s="613"/>
      <c r="PVT708" s="613"/>
      <c r="PVU708" s="613"/>
      <c r="PVV708" s="613"/>
      <c r="PVW708" s="613"/>
      <c r="PVX708" s="613"/>
      <c r="PVY708" s="613"/>
      <c r="PVZ708" s="613"/>
      <c r="PWA708" s="613"/>
      <c r="PWB708" s="613"/>
      <c r="PWC708" s="613"/>
      <c r="PWD708" s="613"/>
      <c r="PWE708" s="613"/>
      <c r="PWF708" s="613"/>
      <c r="PWG708" s="613"/>
      <c r="PWH708" s="613"/>
      <c r="PWI708" s="613"/>
      <c r="PWJ708" s="613"/>
      <c r="PWK708" s="613"/>
      <c r="PWL708" s="613"/>
      <c r="PWM708" s="613"/>
      <c r="PWN708" s="613"/>
      <c r="PWO708" s="613"/>
      <c r="PWP708" s="613"/>
      <c r="PWQ708" s="613"/>
      <c r="PWR708" s="613"/>
      <c r="PWS708" s="613"/>
      <c r="PWT708" s="613"/>
      <c r="PWU708" s="613"/>
      <c r="PWV708" s="613"/>
      <c r="PWW708" s="613"/>
      <c r="PWX708" s="613"/>
      <c r="PWY708" s="613"/>
      <c r="PWZ708" s="613"/>
      <c r="PXA708" s="613"/>
      <c r="PXB708" s="613"/>
      <c r="PXC708" s="613"/>
      <c r="PXD708" s="613"/>
      <c r="PXE708" s="613"/>
      <c r="PXF708" s="613"/>
      <c r="PXG708" s="613"/>
      <c r="PXH708" s="613"/>
      <c r="PXI708" s="613"/>
      <c r="PXJ708" s="613"/>
      <c r="PXK708" s="613"/>
      <c r="PXL708" s="613"/>
      <c r="PXM708" s="613"/>
      <c r="PXN708" s="613"/>
      <c r="PXO708" s="613"/>
      <c r="PXP708" s="613"/>
      <c r="PXQ708" s="613"/>
      <c r="PXR708" s="613"/>
      <c r="PXS708" s="613"/>
      <c r="PXT708" s="613"/>
      <c r="PXU708" s="613"/>
      <c r="PXV708" s="613"/>
      <c r="PXW708" s="613"/>
      <c r="PXX708" s="613"/>
      <c r="PXY708" s="613"/>
      <c r="PXZ708" s="613"/>
      <c r="PYA708" s="613"/>
      <c r="PYB708" s="613"/>
      <c r="PYC708" s="613"/>
      <c r="PYD708" s="613"/>
      <c r="PYE708" s="613"/>
      <c r="PYF708" s="613"/>
      <c r="PYG708" s="613"/>
      <c r="PYH708" s="613"/>
      <c r="PYI708" s="613"/>
      <c r="PYJ708" s="613"/>
      <c r="PYK708" s="613"/>
      <c r="PYL708" s="613"/>
      <c r="PYM708" s="613"/>
      <c r="PYN708" s="613"/>
      <c r="PYO708" s="613"/>
      <c r="PYP708" s="613"/>
      <c r="PYQ708" s="613"/>
      <c r="PYR708" s="613"/>
      <c r="PYS708" s="613"/>
      <c r="PYT708" s="613"/>
      <c r="PYU708" s="613"/>
      <c r="PYV708" s="613"/>
      <c r="PYW708" s="613"/>
      <c r="PYX708" s="613"/>
      <c r="PYY708" s="613"/>
      <c r="PYZ708" s="613"/>
      <c r="PZA708" s="613"/>
      <c r="PZB708" s="613"/>
      <c r="PZC708" s="613"/>
      <c r="PZD708" s="613"/>
      <c r="PZE708" s="613"/>
      <c r="PZF708" s="613"/>
      <c r="PZG708" s="613"/>
      <c r="PZH708" s="613"/>
      <c r="PZI708" s="613"/>
      <c r="PZJ708" s="613"/>
      <c r="PZK708" s="613"/>
      <c r="PZL708" s="613"/>
      <c r="PZM708" s="613"/>
      <c r="PZN708" s="613"/>
      <c r="PZO708" s="613"/>
      <c r="PZP708" s="613"/>
      <c r="PZQ708" s="613"/>
      <c r="PZR708" s="613"/>
      <c r="PZS708" s="613"/>
      <c r="PZT708" s="613"/>
      <c r="PZU708" s="613"/>
      <c r="PZV708" s="613"/>
      <c r="PZW708" s="613"/>
      <c r="PZX708" s="613"/>
      <c r="PZY708" s="613"/>
      <c r="PZZ708" s="613"/>
      <c r="QAA708" s="613"/>
      <c r="QAB708" s="613"/>
      <c r="QAC708" s="613"/>
      <c r="QAD708" s="613"/>
      <c r="QAE708" s="613"/>
      <c r="QAF708" s="613"/>
      <c r="QAG708" s="613"/>
      <c r="QAH708" s="613"/>
      <c r="QAI708" s="613"/>
      <c r="QAJ708" s="613"/>
      <c r="QAK708" s="613"/>
      <c r="QAL708" s="613"/>
      <c r="QAM708" s="613"/>
      <c r="QAN708" s="613"/>
      <c r="QAO708" s="613"/>
      <c r="QAP708" s="613"/>
      <c r="QAQ708" s="613"/>
      <c r="QAR708" s="613"/>
      <c r="QAS708" s="613"/>
      <c r="QAT708" s="613"/>
      <c r="QAU708" s="613"/>
      <c r="QAV708" s="613"/>
      <c r="QAW708" s="613"/>
      <c r="QAX708" s="613"/>
      <c r="QAY708" s="613"/>
      <c r="QAZ708" s="613"/>
      <c r="QBA708" s="613"/>
      <c r="QBB708" s="613"/>
      <c r="QBC708" s="613"/>
      <c r="QBD708" s="613"/>
      <c r="QBE708" s="613"/>
      <c r="QBF708" s="613"/>
      <c r="QBG708" s="613"/>
      <c r="QBH708" s="613"/>
      <c r="QBI708" s="613"/>
      <c r="QBJ708" s="613"/>
      <c r="QBK708" s="613"/>
      <c r="QBL708" s="613"/>
      <c r="QBM708" s="613"/>
      <c r="QBN708" s="613"/>
      <c r="QBO708" s="613"/>
      <c r="QBP708" s="613"/>
      <c r="QBQ708" s="613"/>
      <c r="QBR708" s="613"/>
      <c r="QBS708" s="613"/>
      <c r="QBT708" s="613"/>
      <c r="QBU708" s="613"/>
      <c r="QBV708" s="613"/>
      <c r="QBW708" s="613"/>
      <c r="QBX708" s="613"/>
      <c r="QBY708" s="613"/>
      <c r="QBZ708" s="613"/>
      <c r="QCA708" s="613"/>
      <c r="QCB708" s="613"/>
      <c r="QCC708" s="613"/>
      <c r="QCD708" s="613"/>
      <c r="QCE708" s="613"/>
      <c r="QCF708" s="613"/>
      <c r="QCG708" s="613"/>
      <c r="QCH708" s="613"/>
      <c r="QCI708" s="613"/>
      <c r="QCJ708" s="613"/>
      <c r="QCK708" s="613"/>
      <c r="QCL708" s="613"/>
      <c r="QCM708" s="613"/>
      <c r="QCN708" s="613"/>
      <c r="QCO708" s="613"/>
      <c r="QCP708" s="613"/>
      <c r="QCQ708" s="613"/>
      <c r="QCR708" s="613"/>
      <c r="QCS708" s="613"/>
      <c r="QCT708" s="613"/>
      <c r="QCU708" s="613"/>
      <c r="QCV708" s="613"/>
      <c r="QCW708" s="613"/>
      <c r="QCX708" s="613"/>
      <c r="QCY708" s="613"/>
      <c r="QCZ708" s="613"/>
      <c r="QDA708" s="613"/>
      <c r="QDB708" s="613"/>
      <c r="QDC708" s="613"/>
      <c r="QDD708" s="613"/>
      <c r="QDE708" s="613"/>
      <c r="QDF708" s="613"/>
      <c r="QDG708" s="613"/>
      <c r="QDH708" s="613"/>
      <c r="QDI708" s="613"/>
      <c r="QDJ708" s="613"/>
      <c r="QDK708" s="613"/>
      <c r="QDL708" s="613"/>
      <c r="QDM708" s="613"/>
      <c r="QDN708" s="613"/>
      <c r="QDO708" s="613"/>
      <c r="QDP708" s="613"/>
      <c r="QDQ708" s="613"/>
      <c r="QDR708" s="613"/>
      <c r="QDS708" s="613"/>
      <c r="QDT708" s="613"/>
      <c r="QDU708" s="613"/>
      <c r="QDV708" s="613"/>
      <c r="QDW708" s="613"/>
      <c r="QDX708" s="613"/>
      <c r="QDY708" s="613"/>
      <c r="QDZ708" s="613"/>
      <c r="QEA708" s="613"/>
      <c r="QEB708" s="613"/>
      <c r="QEC708" s="613"/>
      <c r="QED708" s="613"/>
      <c r="QEE708" s="613"/>
      <c r="QEF708" s="613"/>
      <c r="QEG708" s="613"/>
      <c r="QEH708" s="613"/>
      <c r="QEI708" s="613"/>
      <c r="QEJ708" s="613"/>
      <c r="QEK708" s="613"/>
      <c r="QEL708" s="613"/>
      <c r="QEM708" s="613"/>
      <c r="QEN708" s="613"/>
      <c r="QEO708" s="613"/>
      <c r="QEP708" s="613"/>
      <c r="QEQ708" s="613"/>
      <c r="QER708" s="613"/>
      <c r="QES708" s="613"/>
      <c r="QET708" s="613"/>
      <c r="QEU708" s="613"/>
      <c r="QEV708" s="613"/>
      <c r="QEW708" s="613"/>
      <c r="QEX708" s="613"/>
      <c r="QEY708" s="613"/>
      <c r="QEZ708" s="613"/>
      <c r="QFA708" s="613"/>
      <c r="QFB708" s="613"/>
      <c r="QFC708" s="613"/>
      <c r="QFD708" s="613"/>
      <c r="QFE708" s="613"/>
      <c r="QFF708" s="613"/>
      <c r="QFG708" s="613"/>
      <c r="QFH708" s="613"/>
      <c r="QFI708" s="613"/>
      <c r="QFJ708" s="613"/>
      <c r="QFK708" s="613"/>
      <c r="QFL708" s="613"/>
      <c r="QFM708" s="613"/>
      <c r="QFN708" s="613"/>
      <c r="QFO708" s="613"/>
      <c r="QFP708" s="613"/>
      <c r="QFQ708" s="613"/>
      <c r="QFR708" s="613"/>
      <c r="QFS708" s="613"/>
      <c r="QFT708" s="613"/>
      <c r="QFU708" s="613"/>
      <c r="QFV708" s="613"/>
      <c r="QFW708" s="613"/>
      <c r="QFX708" s="613"/>
      <c r="QFY708" s="613"/>
      <c r="QFZ708" s="613"/>
      <c r="QGA708" s="613"/>
      <c r="QGB708" s="613"/>
      <c r="QGC708" s="613"/>
      <c r="QGD708" s="613"/>
      <c r="QGE708" s="613"/>
      <c r="QGF708" s="613"/>
      <c r="QGG708" s="613"/>
      <c r="QGH708" s="613"/>
      <c r="QGI708" s="613"/>
      <c r="QGJ708" s="613"/>
      <c r="QGK708" s="613"/>
      <c r="QGL708" s="613"/>
      <c r="QGM708" s="613"/>
      <c r="QGN708" s="613"/>
      <c r="QGO708" s="613"/>
      <c r="QGP708" s="613"/>
      <c r="QGQ708" s="613"/>
      <c r="QGR708" s="613"/>
      <c r="QGS708" s="613"/>
      <c r="QGT708" s="613"/>
      <c r="QGU708" s="613"/>
      <c r="QGV708" s="613"/>
      <c r="QGW708" s="613"/>
      <c r="QGX708" s="613"/>
      <c r="QGY708" s="613"/>
      <c r="QGZ708" s="613"/>
      <c r="QHA708" s="613"/>
      <c r="QHB708" s="613"/>
      <c r="QHC708" s="613"/>
      <c r="QHD708" s="613"/>
      <c r="QHE708" s="613"/>
      <c r="QHF708" s="613"/>
      <c r="QHG708" s="613"/>
      <c r="QHH708" s="613"/>
      <c r="QHI708" s="613"/>
      <c r="QHJ708" s="613"/>
      <c r="QHK708" s="613"/>
      <c r="QHL708" s="613"/>
      <c r="QHM708" s="613"/>
      <c r="QHN708" s="613"/>
      <c r="QHO708" s="613"/>
      <c r="QHP708" s="613"/>
      <c r="QHQ708" s="613"/>
      <c r="QHR708" s="613"/>
      <c r="QHS708" s="613"/>
      <c r="QHT708" s="613"/>
      <c r="QHU708" s="613"/>
      <c r="QHV708" s="613"/>
      <c r="QHW708" s="613"/>
      <c r="QHX708" s="613"/>
      <c r="QHY708" s="613"/>
      <c r="QHZ708" s="613"/>
      <c r="QIA708" s="613"/>
      <c r="QIB708" s="613"/>
      <c r="QIC708" s="613"/>
      <c r="QID708" s="613"/>
      <c r="QIE708" s="613"/>
      <c r="QIF708" s="613"/>
      <c r="QIG708" s="613"/>
      <c r="QIH708" s="613"/>
      <c r="QII708" s="613"/>
      <c r="QIJ708" s="613"/>
      <c r="QIK708" s="613"/>
      <c r="QIL708" s="613"/>
      <c r="QIM708" s="613"/>
      <c r="QIN708" s="613"/>
      <c r="QIO708" s="613"/>
      <c r="QIP708" s="613"/>
      <c r="QIQ708" s="613"/>
      <c r="QIR708" s="613"/>
      <c r="QIS708" s="613"/>
      <c r="QIT708" s="613"/>
      <c r="QIU708" s="613"/>
      <c r="QIV708" s="613"/>
      <c r="QIW708" s="613"/>
      <c r="QIX708" s="613"/>
      <c r="QIY708" s="613"/>
      <c r="QIZ708" s="613"/>
      <c r="QJA708" s="613"/>
      <c r="QJB708" s="613"/>
      <c r="QJC708" s="613"/>
      <c r="QJD708" s="613"/>
      <c r="QJE708" s="613"/>
      <c r="QJF708" s="613"/>
      <c r="QJG708" s="613"/>
      <c r="QJH708" s="613"/>
      <c r="QJI708" s="613"/>
      <c r="QJJ708" s="613"/>
      <c r="QJK708" s="613"/>
      <c r="QJL708" s="613"/>
      <c r="QJM708" s="613"/>
      <c r="QJN708" s="613"/>
      <c r="QJO708" s="613"/>
      <c r="QJP708" s="613"/>
      <c r="QJQ708" s="613"/>
      <c r="QJR708" s="613"/>
      <c r="QJS708" s="613"/>
      <c r="QJT708" s="613"/>
      <c r="QJU708" s="613"/>
      <c r="QJV708" s="613"/>
      <c r="QJW708" s="613"/>
      <c r="QJX708" s="613"/>
      <c r="QJY708" s="613"/>
      <c r="QJZ708" s="613"/>
      <c r="QKA708" s="613"/>
      <c r="QKB708" s="613"/>
      <c r="QKC708" s="613"/>
      <c r="QKD708" s="613"/>
      <c r="QKE708" s="613"/>
      <c r="QKF708" s="613"/>
      <c r="QKG708" s="613"/>
      <c r="QKH708" s="613"/>
      <c r="QKI708" s="613"/>
      <c r="QKJ708" s="613"/>
      <c r="QKK708" s="613"/>
      <c r="QKL708" s="613"/>
      <c r="QKM708" s="613"/>
      <c r="QKN708" s="613"/>
      <c r="QKO708" s="613"/>
      <c r="QKP708" s="613"/>
      <c r="QKQ708" s="613"/>
      <c r="QKR708" s="613"/>
      <c r="QKS708" s="613"/>
      <c r="QKT708" s="613"/>
      <c r="QKU708" s="613"/>
      <c r="QKV708" s="613"/>
      <c r="QKW708" s="613"/>
      <c r="QKX708" s="613"/>
      <c r="QKY708" s="613"/>
      <c r="QKZ708" s="613"/>
      <c r="QLA708" s="613"/>
      <c r="QLB708" s="613"/>
      <c r="QLC708" s="613"/>
      <c r="QLD708" s="613"/>
      <c r="QLE708" s="613"/>
      <c r="QLF708" s="613"/>
      <c r="QLG708" s="613"/>
      <c r="QLH708" s="613"/>
      <c r="QLI708" s="613"/>
      <c r="QLJ708" s="613"/>
      <c r="QLK708" s="613"/>
      <c r="QLL708" s="613"/>
      <c r="QLM708" s="613"/>
      <c r="QLN708" s="613"/>
      <c r="QLO708" s="613"/>
      <c r="QLP708" s="613"/>
      <c r="QLQ708" s="613"/>
      <c r="QLR708" s="613"/>
      <c r="QLS708" s="613"/>
      <c r="QLT708" s="613"/>
      <c r="QLU708" s="613"/>
      <c r="QLV708" s="613"/>
      <c r="QLW708" s="613"/>
      <c r="QLX708" s="613"/>
      <c r="QLY708" s="613"/>
      <c r="QLZ708" s="613"/>
      <c r="QMA708" s="613"/>
      <c r="QMB708" s="613"/>
      <c r="QMC708" s="613"/>
      <c r="QMD708" s="613"/>
      <c r="QME708" s="613"/>
      <c r="QMF708" s="613"/>
      <c r="QMG708" s="613"/>
      <c r="QMH708" s="613"/>
      <c r="QMI708" s="613"/>
      <c r="QMJ708" s="613"/>
      <c r="QMK708" s="613"/>
      <c r="QML708" s="613"/>
      <c r="QMM708" s="613"/>
      <c r="QMN708" s="613"/>
      <c r="QMO708" s="613"/>
      <c r="QMP708" s="613"/>
      <c r="QMQ708" s="613"/>
      <c r="QMR708" s="613"/>
      <c r="QMS708" s="613"/>
      <c r="QMT708" s="613"/>
      <c r="QMU708" s="613"/>
      <c r="QMV708" s="613"/>
      <c r="QMW708" s="613"/>
      <c r="QMX708" s="613"/>
      <c r="QMY708" s="613"/>
      <c r="QMZ708" s="613"/>
      <c r="QNA708" s="613"/>
      <c r="QNB708" s="613"/>
      <c r="QNC708" s="613"/>
      <c r="QND708" s="613"/>
      <c r="QNE708" s="613"/>
      <c r="QNF708" s="613"/>
      <c r="QNG708" s="613"/>
      <c r="QNH708" s="613"/>
      <c r="QNI708" s="613"/>
      <c r="QNJ708" s="613"/>
      <c r="QNK708" s="613"/>
      <c r="QNL708" s="613"/>
      <c r="QNM708" s="613"/>
      <c r="QNN708" s="613"/>
      <c r="QNO708" s="613"/>
      <c r="QNP708" s="613"/>
      <c r="QNQ708" s="613"/>
      <c r="QNR708" s="613"/>
      <c r="QNS708" s="613"/>
      <c r="QNT708" s="613"/>
      <c r="QNU708" s="613"/>
      <c r="QNV708" s="613"/>
      <c r="QNW708" s="613"/>
      <c r="QNX708" s="613"/>
      <c r="QNY708" s="613"/>
      <c r="QNZ708" s="613"/>
      <c r="QOA708" s="613"/>
      <c r="QOB708" s="613"/>
      <c r="QOC708" s="613"/>
      <c r="QOD708" s="613"/>
      <c r="QOE708" s="613"/>
      <c r="QOF708" s="613"/>
      <c r="QOG708" s="613"/>
      <c r="QOH708" s="613"/>
      <c r="QOI708" s="613"/>
      <c r="QOJ708" s="613"/>
      <c r="QOK708" s="613"/>
      <c r="QOL708" s="613"/>
      <c r="QOM708" s="613"/>
      <c r="QON708" s="613"/>
      <c r="QOO708" s="613"/>
      <c r="QOP708" s="613"/>
      <c r="QOQ708" s="613"/>
      <c r="QOR708" s="613"/>
      <c r="QOS708" s="613"/>
      <c r="QOT708" s="613"/>
      <c r="QOU708" s="613"/>
      <c r="QOV708" s="613"/>
      <c r="QOW708" s="613"/>
      <c r="QOX708" s="613"/>
      <c r="QOY708" s="613"/>
      <c r="QOZ708" s="613"/>
      <c r="QPA708" s="613"/>
      <c r="QPB708" s="613"/>
      <c r="QPC708" s="613"/>
      <c r="QPD708" s="613"/>
      <c r="QPE708" s="613"/>
      <c r="QPF708" s="613"/>
      <c r="QPG708" s="613"/>
      <c r="QPH708" s="613"/>
      <c r="QPI708" s="613"/>
      <c r="QPJ708" s="613"/>
      <c r="QPK708" s="613"/>
      <c r="QPL708" s="613"/>
      <c r="QPM708" s="613"/>
      <c r="QPN708" s="613"/>
      <c r="QPO708" s="613"/>
      <c r="QPP708" s="613"/>
      <c r="QPQ708" s="613"/>
      <c r="QPR708" s="613"/>
      <c r="QPS708" s="613"/>
      <c r="QPT708" s="613"/>
      <c r="QPU708" s="613"/>
      <c r="QPV708" s="613"/>
      <c r="QPW708" s="613"/>
      <c r="QPX708" s="613"/>
      <c r="QPY708" s="613"/>
      <c r="QPZ708" s="613"/>
      <c r="QQA708" s="613"/>
      <c r="QQB708" s="613"/>
      <c r="QQC708" s="613"/>
      <c r="QQD708" s="613"/>
      <c r="QQE708" s="613"/>
      <c r="QQF708" s="613"/>
      <c r="QQG708" s="613"/>
      <c r="QQH708" s="613"/>
      <c r="QQI708" s="613"/>
      <c r="QQJ708" s="613"/>
      <c r="QQK708" s="613"/>
      <c r="QQL708" s="613"/>
      <c r="QQM708" s="613"/>
      <c r="QQN708" s="613"/>
      <c r="QQO708" s="613"/>
      <c r="QQP708" s="613"/>
      <c r="QQQ708" s="613"/>
      <c r="QQR708" s="613"/>
      <c r="QQS708" s="613"/>
      <c r="QQT708" s="613"/>
      <c r="QQU708" s="613"/>
      <c r="QQV708" s="613"/>
      <c r="QQW708" s="613"/>
      <c r="QQX708" s="613"/>
      <c r="QQY708" s="613"/>
      <c r="QQZ708" s="613"/>
      <c r="QRA708" s="613"/>
      <c r="QRB708" s="613"/>
      <c r="QRC708" s="613"/>
      <c r="QRD708" s="613"/>
      <c r="QRE708" s="613"/>
      <c r="QRF708" s="613"/>
      <c r="QRG708" s="613"/>
      <c r="QRH708" s="613"/>
      <c r="QRI708" s="613"/>
      <c r="QRJ708" s="613"/>
      <c r="QRK708" s="613"/>
      <c r="QRL708" s="613"/>
      <c r="QRM708" s="613"/>
      <c r="QRN708" s="613"/>
      <c r="QRO708" s="613"/>
      <c r="QRP708" s="613"/>
      <c r="QRQ708" s="613"/>
      <c r="QRR708" s="613"/>
      <c r="QRS708" s="613"/>
      <c r="QRT708" s="613"/>
      <c r="QRU708" s="613"/>
      <c r="QRV708" s="613"/>
      <c r="QRW708" s="613"/>
      <c r="QRX708" s="613"/>
      <c r="QRY708" s="613"/>
      <c r="QRZ708" s="613"/>
      <c r="QSA708" s="613"/>
      <c r="QSB708" s="613"/>
      <c r="QSC708" s="613"/>
      <c r="QSD708" s="613"/>
      <c r="QSE708" s="613"/>
      <c r="QSF708" s="613"/>
      <c r="QSG708" s="613"/>
      <c r="QSH708" s="613"/>
      <c r="QSI708" s="613"/>
      <c r="QSJ708" s="613"/>
      <c r="QSK708" s="613"/>
      <c r="QSL708" s="613"/>
      <c r="QSM708" s="613"/>
      <c r="QSN708" s="613"/>
      <c r="QSO708" s="613"/>
      <c r="QSP708" s="613"/>
      <c r="QSQ708" s="613"/>
      <c r="QSR708" s="613"/>
      <c r="QSS708" s="613"/>
      <c r="QST708" s="613"/>
      <c r="QSU708" s="613"/>
      <c r="QSV708" s="613"/>
      <c r="QSW708" s="613"/>
      <c r="QSX708" s="613"/>
      <c r="QSY708" s="613"/>
      <c r="QSZ708" s="613"/>
      <c r="QTA708" s="613"/>
      <c r="QTB708" s="613"/>
      <c r="QTC708" s="613"/>
      <c r="QTD708" s="613"/>
      <c r="QTE708" s="613"/>
      <c r="QTF708" s="613"/>
      <c r="QTG708" s="613"/>
      <c r="QTH708" s="613"/>
      <c r="QTI708" s="613"/>
      <c r="QTJ708" s="613"/>
      <c r="QTK708" s="613"/>
      <c r="QTL708" s="613"/>
      <c r="QTM708" s="613"/>
      <c r="QTN708" s="613"/>
      <c r="QTO708" s="613"/>
      <c r="QTP708" s="613"/>
      <c r="QTQ708" s="613"/>
      <c r="QTR708" s="613"/>
      <c r="QTS708" s="613"/>
      <c r="QTT708" s="613"/>
      <c r="QTU708" s="613"/>
      <c r="QTV708" s="613"/>
      <c r="QTW708" s="613"/>
      <c r="QTX708" s="613"/>
      <c r="QTY708" s="613"/>
      <c r="QTZ708" s="613"/>
      <c r="QUA708" s="613"/>
      <c r="QUB708" s="613"/>
      <c r="QUC708" s="613"/>
      <c r="QUD708" s="613"/>
      <c r="QUE708" s="613"/>
      <c r="QUF708" s="613"/>
      <c r="QUG708" s="613"/>
      <c r="QUH708" s="613"/>
      <c r="QUI708" s="613"/>
      <c r="QUJ708" s="613"/>
      <c r="QUK708" s="613"/>
      <c r="QUL708" s="613"/>
      <c r="QUM708" s="613"/>
      <c r="QUN708" s="613"/>
      <c r="QUO708" s="613"/>
      <c r="QUP708" s="613"/>
      <c r="QUQ708" s="613"/>
      <c r="QUR708" s="613"/>
      <c r="QUS708" s="613"/>
      <c r="QUT708" s="613"/>
      <c r="QUU708" s="613"/>
      <c r="QUV708" s="613"/>
      <c r="QUW708" s="613"/>
      <c r="QUX708" s="613"/>
      <c r="QUY708" s="613"/>
      <c r="QUZ708" s="613"/>
      <c r="QVA708" s="613"/>
      <c r="QVB708" s="613"/>
      <c r="QVC708" s="613"/>
      <c r="QVD708" s="613"/>
      <c r="QVE708" s="613"/>
      <c r="QVF708" s="613"/>
      <c r="QVG708" s="613"/>
      <c r="QVH708" s="613"/>
      <c r="QVI708" s="613"/>
      <c r="QVJ708" s="613"/>
      <c r="QVK708" s="613"/>
      <c r="QVL708" s="613"/>
      <c r="QVM708" s="613"/>
      <c r="QVN708" s="613"/>
      <c r="QVO708" s="613"/>
      <c r="QVP708" s="613"/>
      <c r="QVQ708" s="613"/>
      <c r="QVR708" s="613"/>
      <c r="QVS708" s="613"/>
      <c r="QVT708" s="613"/>
      <c r="QVU708" s="613"/>
      <c r="QVV708" s="613"/>
      <c r="QVW708" s="613"/>
      <c r="QVX708" s="613"/>
      <c r="QVY708" s="613"/>
      <c r="QVZ708" s="613"/>
      <c r="QWA708" s="613"/>
      <c r="QWB708" s="613"/>
      <c r="QWC708" s="613"/>
      <c r="QWD708" s="613"/>
      <c r="QWE708" s="613"/>
      <c r="QWF708" s="613"/>
      <c r="QWG708" s="613"/>
      <c r="QWH708" s="613"/>
      <c r="QWI708" s="613"/>
      <c r="QWJ708" s="613"/>
      <c r="QWK708" s="613"/>
      <c r="QWL708" s="613"/>
      <c r="QWM708" s="613"/>
      <c r="QWN708" s="613"/>
      <c r="QWO708" s="613"/>
      <c r="QWP708" s="613"/>
      <c r="QWQ708" s="613"/>
      <c r="QWR708" s="613"/>
      <c r="QWS708" s="613"/>
      <c r="QWT708" s="613"/>
      <c r="QWU708" s="613"/>
      <c r="QWV708" s="613"/>
      <c r="QWW708" s="613"/>
      <c r="QWX708" s="613"/>
      <c r="QWY708" s="613"/>
      <c r="QWZ708" s="613"/>
      <c r="QXA708" s="613"/>
      <c r="QXB708" s="613"/>
      <c r="QXC708" s="613"/>
      <c r="QXD708" s="613"/>
      <c r="QXE708" s="613"/>
      <c r="QXF708" s="613"/>
      <c r="QXG708" s="613"/>
      <c r="QXH708" s="613"/>
      <c r="QXI708" s="613"/>
      <c r="QXJ708" s="613"/>
      <c r="QXK708" s="613"/>
      <c r="QXL708" s="613"/>
      <c r="QXM708" s="613"/>
      <c r="QXN708" s="613"/>
      <c r="QXO708" s="613"/>
      <c r="QXP708" s="613"/>
      <c r="QXQ708" s="613"/>
      <c r="QXR708" s="613"/>
      <c r="QXS708" s="613"/>
      <c r="QXT708" s="613"/>
      <c r="QXU708" s="613"/>
      <c r="QXV708" s="613"/>
      <c r="QXW708" s="613"/>
      <c r="QXX708" s="613"/>
      <c r="QXY708" s="613"/>
      <c r="QXZ708" s="613"/>
      <c r="QYA708" s="613"/>
      <c r="QYB708" s="613"/>
      <c r="QYC708" s="613"/>
      <c r="QYD708" s="613"/>
      <c r="QYE708" s="613"/>
      <c r="QYF708" s="613"/>
      <c r="QYG708" s="613"/>
      <c r="QYH708" s="613"/>
      <c r="QYI708" s="613"/>
      <c r="QYJ708" s="613"/>
      <c r="QYK708" s="613"/>
      <c r="QYL708" s="613"/>
      <c r="QYM708" s="613"/>
      <c r="QYN708" s="613"/>
      <c r="QYO708" s="613"/>
      <c r="QYP708" s="613"/>
      <c r="QYQ708" s="613"/>
      <c r="QYR708" s="613"/>
      <c r="QYS708" s="613"/>
      <c r="QYT708" s="613"/>
      <c r="QYU708" s="613"/>
      <c r="QYV708" s="613"/>
      <c r="QYW708" s="613"/>
      <c r="QYX708" s="613"/>
      <c r="QYY708" s="613"/>
      <c r="QYZ708" s="613"/>
      <c r="QZA708" s="613"/>
      <c r="QZB708" s="613"/>
      <c r="QZC708" s="613"/>
      <c r="QZD708" s="613"/>
      <c r="QZE708" s="613"/>
      <c r="QZF708" s="613"/>
      <c r="QZG708" s="613"/>
      <c r="QZH708" s="613"/>
      <c r="QZI708" s="613"/>
      <c r="QZJ708" s="613"/>
      <c r="QZK708" s="613"/>
      <c r="QZL708" s="613"/>
      <c r="QZM708" s="613"/>
      <c r="QZN708" s="613"/>
      <c r="QZO708" s="613"/>
      <c r="QZP708" s="613"/>
      <c r="QZQ708" s="613"/>
      <c r="QZR708" s="613"/>
      <c r="QZS708" s="613"/>
      <c r="QZT708" s="613"/>
      <c r="QZU708" s="613"/>
      <c r="QZV708" s="613"/>
      <c r="QZW708" s="613"/>
      <c r="QZX708" s="613"/>
      <c r="QZY708" s="613"/>
      <c r="QZZ708" s="613"/>
      <c r="RAA708" s="613"/>
      <c r="RAB708" s="613"/>
      <c r="RAC708" s="613"/>
      <c r="RAD708" s="613"/>
      <c r="RAE708" s="613"/>
      <c r="RAF708" s="613"/>
      <c r="RAG708" s="613"/>
      <c r="RAH708" s="613"/>
      <c r="RAI708" s="613"/>
      <c r="RAJ708" s="613"/>
      <c r="RAK708" s="613"/>
      <c r="RAL708" s="613"/>
      <c r="RAM708" s="613"/>
      <c r="RAN708" s="613"/>
      <c r="RAO708" s="613"/>
      <c r="RAP708" s="613"/>
      <c r="RAQ708" s="613"/>
      <c r="RAR708" s="613"/>
      <c r="RAS708" s="613"/>
      <c r="RAT708" s="613"/>
      <c r="RAU708" s="613"/>
      <c r="RAV708" s="613"/>
      <c r="RAW708" s="613"/>
      <c r="RAX708" s="613"/>
      <c r="RAY708" s="613"/>
      <c r="RAZ708" s="613"/>
      <c r="RBA708" s="613"/>
      <c r="RBB708" s="613"/>
      <c r="RBC708" s="613"/>
      <c r="RBD708" s="613"/>
      <c r="RBE708" s="613"/>
      <c r="RBF708" s="613"/>
      <c r="RBG708" s="613"/>
      <c r="RBH708" s="613"/>
      <c r="RBI708" s="613"/>
      <c r="RBJ708" s="613"/>
      <c r="RBK708" s="613"/>
      <c r="RBL708" s="613"/>
      <c r="RBM708" s="613"/>
      <c r="RBN708" s="613"/>
      <c r="RBO708" s="613"/>
      <c r="RBP708" s="613"/>
      <c r="RBQ708" s="613"/>
      <c r="RBR708" s="613"/>
      <c r="RBS708" s="613"/>
      <c r="RBT708" s="613"/>
      <c r="RBU708" s="613"/>
      <c r="RBV708" s="613"/>
      <c r="RBW708" s="613"/>
      <c r="RBX708" s="613"/>
      <c r="RBY708" s="613"/>
      <c r="RBZ708" s="613"/>
      <c r="RCA708" s="613"/>
      <c r="RCB708" s="613"/>
      <c r="RCC708" s="613"/>
      <c r="RCD708" s="613"/>
      <c r="RCE708" s="613"/>
      <c r="RCF708" s="613"/>
      <c r="RCG708" s="613"/>
      <c r="RCH708" s="613"/>
      <c r="RCI708" s="613"/>
      <c r="RCJ708" s="613"/>
      <c r="RCK708" s="613"/>
      <c r="RCL708" s="613"/>
      <c r="RCM708" s="613"/>
      <c r="RCN708" s="613"/>
      <c r="RCO708" s="613"/>
      <c r="RCP708" s="613"/>
      <c r="RCQ708" s="613"/>
      <c r="RCR708" s="613"/>
      <c r="RCS708" s="613"/>
      <c r="RCT708" s="613"/>
      <c r="RCU708" s="613"/>
      <c r="RCV708" s="613"/>
      <c r="RCW708" s="613"/>
      <c r="RCX708" s="613"/>
      <c r="RCY708" s="613"/>
      <c r="RCZ708" s="613"/>
      <c r="RDA708" s="613"/>
      <c r="RDB708" s="613"/>
      <c r="RDC708" s="613"/>
      <c r="RDD708" s="613"/>
      <c r="RDE708" s="613"/>
      <c r="RDF708" s="613"/>
      <c r="RDG708" s="613"/>
      <c r="RDH708" s="613"/>
      <c r="RDI708" s="613"/>
      <c r="RDJ708" s="613"/>
      <c r="RDK708" s="613"/>
      <c r="RDL708" s="613"/>
      <c r="RDM708" s="613"/>
      <c r="RDN708" s="613"/>
      <c r="RDO708" s="613"/>
      <c r="RDP708" s="613"/>
      <c r="RDQ708" s="613"/>
      <c r="RDR708" s="613"/>
      <c r="RDS708" s="613"/>
      <c r="RDT708" s="613"/>
      <c r="RDU708" s="613"/>
      <c r="RDV708" s="613"/>
      <c r="RDW708" s="613"/>
      <c r="RDX708" s="613"/>
      <c r="RDY708" s="613"/>
      <c r="RDZ708" s="613"/>
      <c r="REA708" s="613"/>
      <c r="REB708" s="613"/>
      <c r="REC708" s="613"/>
      <c r="RED708" s="613"/>
      <c r="REE708" s="613"/>
      <c r="REF708" s="613"/>
      <c r="REG708" s="613"/>
      <c r="REH708" s="613"/>
      <c r="REI708" s="613"/>
      <c r="REJ708" s="613"/>
      <c r="REK708" s="613"/>
      <c r="REL708" s="613"/>
      <c r="REM708" s="613"/>
      <c r="REN708" s="613"/>
      <c r="REO708" s="613"/>
      <c r="REP708" s="613"/>
      <c r="REQ708" s="613"/>
      <c r="RER708" s="613"/>
      <c r="RES708" s="613"/>
      <c r="RET708" s="613"/>
      <c r="REU708" s="613"/>
      <c r="REV708" s="613"/>
      <c r="REW708" s="613"/>
      <c r="REX708" s="613"/>
      <c r="REY708" s="613"/>
      <c r="REZ708" s="613"/>
      <c r="RFA708" s="613"/>
      <c r="RFB708" s="613"/>
      <c r="RFC708" s="613"/>
      <c r="RFD708" s="613"/>
      <c r="RFE708" s="613"/>
      <c r="RFF708" s="613"/>
      <c r="RFG708" s="613"/>
      <c r="RFH708" s="613"/>
      <c r="RFI708" s="613"/>
      <c r="RFJ708" s="613"/>
      <c r="RFK708" s="613"/>
      <c r="RFL708" s="613"/>
      <c r="RFM708" s="613"/>
      <c r="RFN708" s="613"/>
      <c r="RFO708" s="613"/>
      <c r="RFP708" s="613"/>
      <c r="RFQ708" s="613"/>
      <c r="RFR708" s="613"/>
      <c r="RFS708" s="613"/>
      <c r="RFT708" s="613"/>
      <c r="RFU708" s="613"/>
      <c r="RFV708" s="613"/>
      <c r="RFW708" s="613"/>
      <c r="RFX708" s="613"/>
      <c r="RFY708" s="613"/>
      <c r="RFZ708" s="613"/>
      <c r="RGA708" s="613"/>
      <c r="RGB708" s="613"/>
      <c r="RGC708" s="613"/>
      <c r="RGD708" s="613"/>
      <c r="RGE708" s="613"/>
      <c r="RGF708" s="613"/>
      <c r="RGG708" s="613"/>
      <c r="RGH708" s="613"/>
      <c r="RGI708" s="613"/>
      <c r="RGJ708" s="613"/>
      <c r="RGK708" s="613"/>
      <c r="RGL708" s="613"/>
      <c r="RGM708" s="613"/>
      <c r="RGN708" s="613"/>
      <c r="RGO708" s="613"/>
      <c r="RGP708" s="613"/>
      <c r="RGQ708" s="613"/>
      <c r="RGR708" s="613"/>
      <c r="RGS708" s="613"/>
      <c r="RGT708" s="613"/>
      <c r="RGU708" s="613"/>
      <c r="RGV708" s="613"/>
      <c r="RGW708" s="613"/>
      <c r="RGX708" s="613"/>
      <c r="RGY708" s="613"/>
      <c r="RGZ708" s="613"/>
      <c r="RHA708" s="613"/>
      <c r="RHB708" s="613"/>
      <c r="RHC708" s="613"/>
      <c r="RHD708" s="613"/>
      <c r="RHE708" s="613"/>
      <c r="RHF708" s="613"/>
      <c r="RHG708" s="613"/>
      <c r="RHH708" s="613"/>
      <c r="RHI708" s="613"/>
      <c r="RHJ708" s="613"/>
      <c r="RHK708" s="613"/>
      <c r="RHL708" s="613"/>
      <c r="RHM708" s="613"/>
      <c r="RHN708" s="613"/>
      <c r="RHO708" s="613"/>
      <c r="RHP708" s="613"/>
      <c r="RHQ708" s="613"/>
      <c r="RHR708" s="613"/>
      <c r="RHS708" s="613"/>
      <c r="RHT708" s="613"/>
      <c r="RHU708" s="613"/>
      <c r="RHV708" s="613"/>
      <c r="RHW708" s="613"/>
      <c r="RHX708" s="613"/>
      <c r="RHY708" s="613"/>
      <c r="RHZ708" s="613"/>
      <c r="RIA708" s="613"/>
      <c r="RIB708" s="613"/>
      <c r="RIC708" s="613"/>
      <c r="RID708" s="613"/>
      <c r="RIE708" s="613"/>
      <c r="RIF708" s="613"/>
      <c r="RIG708" s="613"/>
      <c r="RIH708" s="613"/>
      <c r="RII708" s="613"/>
      <c r="RIJ708" s="613"/>
      <c r="RIK708" s="613"/>
      <c r="RIL708" s="613"/>
      <c r="RIM708" s="613"/>
      <c r="RIN708" s="613"/>
      <c r="RIO708" s="613"/>
      <c r="RIP708" s="613"/>
      <c r="RIQ708" s="613"/>
      <c r="RIR708" s="613"/>
      <c r="RIS708" s="613"/>
      <c r="RIT708" s="613"/>
      <c r="RIU708" s="613"/>
      <c r="RIV708" s="613"/>
      <c r="RIW708" s="613"/>
      <c r="RIX708" s="613"/>
      <c r="RIY708" s="613"/>
      <c r="RIZ708" s="613"/>
      <c r="RJA708" s="613"/>
      <c r="RJB708" s="613"/>
      <c r="RJC708" s="613"/>
      <c r="RJD708" s="613"/>
      <c r="RJE708" s="613"/>
      <c r="RJF708" s="613"/>
      <c r="RJG708" s="613"/>
      <c r="RJH708" s="613"/>
      <c r="RJI708" s="613"/>
      <c r="RJJ708" s="613"/>
      <c r="RJK708" s="613"/>
      <c r="RJL708" s="613"/>
      <c r="RJM708" s="613"/>
      <c r="RJN708" s="613"/>
      <c r="RJO708" s="613"/>
      <c r="RJP708" s="613"/>
      <c r="RJQ708" s="613"/>
      <c r="RJR708" s="613"/>
      <c r="RJS708" s="613"/>
      <c r="RJT708" s="613"/>
      <c r="RJU708" s="613"/>
      <c r="RJV708" s="613"/>
      <c r="RJW708" s="613"/>
      <c r="RJX708" s="613"/>
      <c r="RJY708" s="613"/>
      <c r="RJZ708" s="613"/>
      <c r="RKA708" s="613"/>
      <c r="RKB708" s="613"/>
      <c r="RKC708" s="613"/>
      <c r="RKD708" s="613"/>
      <c r="RKE708" s="613"/>
      <c r="RKF708" s="613"/>
      <c r="RKG708" s="613"/>
      <c r="RKH708" s="613"/>
      <c r="RKI708" s="613"/>
      <c r="RKJ708" s="613"/>
      <c r="RKK708" s="613"/>
      <c r="RKL708" s="613"/>
      <c r="RKM708" s="613"/>
      <c r="RKN708" s="613"/>
      <c r="RKO708" s="613"/>
      <c r="RKP708" s="613"/>
      <c r="RKQ708" s="613"/>
      <c r="RKR708" s="613"/>
      <c r="RKS708" s="613"/>
      <c r="RKT708" s="613"/>
      <c r="RKU708" s="613"/>
      <c r="RKV708" s="613"/>
      <c r="RKW708" s="613"/>
      <c r="RKX708" s="613"/>
      <c r="RKY708" s="613"/>
      <c r="RKZ708" s="613"/>
      <c r="RLA708" s="613"/>
      <c r="RLB708" s="613"/>
      <c r="RLC708" s="613"/>
      <c r="RLD708" s="613"/>
      <c r="RLE708" s="613"/>
      <c r="RLF708" s="613"/>
      <c r="RLG708" s="613"/>
      <c r="RLH708" s="613"/>
      <c r="RLI708" s="613"/>
      <c r="RLJ708" s="613"/>
      <c r="RLK708" s="613"/>
      <c r="RLL708" s="613"/>
      <c r="RLM708" s="613"/>
      <c r="RLN708" s="613"/>
      <c r="RLO708" s="613"/>
      <c r="RLP708" s="613"/>
      <c r="RLQ708" s="613"/>
      <c r="RLR708" s="613"/>
      <c r="RLS708" s="613"/>
      <c r="RLT708" s="613"/>
      <c r="RLU708" s="613"/>
      <c r="RLV708" s="613"/>
      <c r="RLW708" s="613"/>
      <c r="RLX708" s="613"/>
      <c r="RLY708" s="613"/>
      <c r="RLZ708" s="613"/>
      <c r="RMA708" s="613"/>
      <c r="RMB708" s="613"/>
      <c r="RMC708" s="613"/>
      <c r="RMD708" s="613"/>
      <c r="RME708" s="613"/>
      <c r="RMF708" s="613"/>
      <c r="RMG708" s="613"/>
      <c r="RMH708" s="613"/>
      <c r="RMI708" s="613"/>
      <c r="RMJ708" s="613"/>
      <c r="RMK708" s="613"/>
      <c r="RML708" s="613"/>
      <c r="RMM708" s="613"/>
      <c r="RMN708" s="613"/>
      <c r="RMO708" s="613"/>
      <c r="RMP708" s="613"/>
      <c r="RMQ708" s="613"/>
      <c r="RMR708" s="613"/>
      <c r="RMS708" s="613"/>
      <c r="RMT708" s="613"/>
      <c r="RMU708" s="613"/>
      <c r="RMV708" s="613"/>
      <c r="RMW708" s="613"/>
      <c r="RMX708" s="613"/>
      <c r="RMY708" s="613"/>
      <c r="RMZ708" s="613"/>
      <c r="RNA708" s="613"/>
      <c r="RNB708" s="613"/>
      <c r="RNC708" s="613"/>
      <c r="RND708" s="613"/>
      <c r="RNE708" s="613"/>
      <c r="RNF708" s="613"/>
      <c r="RNG708" s="613"/>
      <c r="RNH708" s="613"/>
      <c r="RNI708" s="613"/>
      <c r="RNJ708" s="613"/>
      <c r="RNK708" s="613"/>
      <c r="RNL708" s="613"/>
      <c r="RNM708" s="613"/>
      <c r="RNN708" s="613"/>
      <c r="RNO708" s="613"/>
      <c r="RNP708" s="613"/>
      <c r="RNQ708" s="613"/>
      <c r="RNR708" s="613"/>
      <c r="RNS708" s="613"/>
      <c r="RNT708" s="613"/>
      <c r="RNU708" s="613"/>
      <c r="RNV708" s="613"/>
      <c r="RNW708" s="613"/>
      <c r="RNX708" s="613"/>
      <c r="RNY708" s="613"/>
      <c r="RNZ708" s="613"/>
      <c r="ROA708" s="613"/>
      <c r="ROB708" s="613"/>
      <c r="ROC708" s="613"/>
      <c r="ROD708" s="613"/>
      <c r="ROE708" s="613"/>
      <c r="ROF708" s="613"/>
      <c r="ROG708" s="613"/>
      <c r="ROH708" s="613"/>
      <c r="ROI708" s="613"/>
      <c r="ROJ708" s="613"/>
      <c r="ROK708" s="613"/>
      <c r="ROL708" s="613"/>
      <c r="ROM708" s="613"/>
      <c r="RON708" s="613"/>
      <c r="ROO708" s="613"/>
      <c r="ROP708" s="613"/>
      <c r="ROQ708" s="613"/>
      <c r="ROR708" s="613"/>
      <c r="ROS708" s="613"/>
      <c r="ROT708" s="613"/>
      <c r="ROU708" s="613"/>
      <c r="ROV708" s="613"/>
      <c r="ROW708" s="613"/>
      <c r="ROX708" s="613"/>
      <c r="ROY708" s="613"/>
      <c r="ROZ708" s="613"/>
      <c r="RPA708" s="613"/>
      <c r="RPB708" s="613"/>
      <c r="RPC708" s="613"/>
      <c r="RPD708" s="613"/>
      <c r="RPE708" s="613"/>
      <c r="RPF708" s="613"/>
      <c r="RPG708" s="613"/>
      <c r="RPH708" s="613"/>
      <c r="RPI708" s="613"/>
      <c r="RPJ708" s="613"/>
      <c r="RPK708" s="613"/>
      <c r="RPL708" s="613"/>
      <c r="RPM708" s="613"/>
      <c r="RPN708" s="613"/>
      <c r="RPO708" s="613"/>
      <c r="RPP708" s="613"/>
      <c r="RPQ708" s="613"/>
      <c r="RPR708" s="613"/>
      <c r="RPS708" s="613"/>
      <c r="RPT708" s="613"/>
      <c r="RPU708" s="613"/>
      <c r="RPV708" s="613"/>
      <c r="RPW708" s="613"/>
      <c r="RPX708" s="613"/>
      <c r="RPY708" s="613"/>
      <c r="RPZ708" s="613"/>
      <c r="RQA708" s="613"/>
      <c r="RQB708" s="613"/>
      <c r="RQC708" s="613"/>
      <c r="RQD708" s="613"/>
      <c r="RQE708" s="613"/>
      <c r="RQF708" s="613"/>
      <c r="RQG708" s="613"/>
      <c r="RQH708" s="613"/>
      <c r="RQI708" s="613"/>
      <c r="RQJ708" s="613"/>
      <c r="RQK708" s="613"/>
      <c r="RQL708" s="613"/>
      <c r="RQM708" s="613"/>
      <c r="RQN708" s="613"/>
      <c r="RQO708" s="613"/>
      <c r="RQP708" s="613"/>
      <c r="RQQ708" s="613"/>
      <c r="RQR708" s="613"/>
      <c r="RQS708" s="613"/>
      <c r="RQT708" s="613"/>
      <c r="RQU708" s="613"/>
      <c r="RQV708" s="613"/>
      <c r="RQW708" s="613"/>
      <c r="RQX708" s="613"/>
      <c r="RQY708" s="613"/>
      <c r="RQZ708" s="613"/>
      <c r="RRA708" s="613"/>
      <c r="RRB708" s="613"/>
      <c r="RRC708" s="613"/>
      <c r="RRD708" s="613"/>
      <c r="RRE708" s="613"/>
      <c r="RRF708" s="613"/>
      <c r="RRG708" s="613"/>
      <c r="RRH708" s="613"/>
      <c r="RRI708" s="613"/>
      <c r="RRJ708" s="613"/>
      <c r="RRK708" s="613"/>
      <c r="RRL708" s="613"/>
      <c r="RRM708" s="613"/>
      <c r="RRN708" s="613"/>
      <c r="RRO708" s="613"/>
      <c r="RRP708" s="613"/>
      <c r="RRQ708" s="613"/>
      <c r="RRR708" s="613"/>
      <c r="RRS708" s="613"/>
      <c r="RRT708" s="613"/>
      <c r="RRU708" s="613"/>
      <c r="RRV708" s="613"/>
      <c r="RRW708" s="613"/>
      <c r="RRX708" s="613"/>
      <c r="RRY708" s="613"/>
      <c r="RRZ708" s="613"/>
      <c r="RSA708" s="613"/>
      <c r="RSB708" s="613"/>
      <c r="RSC708" s="613"/>
      <c r="RSD708" s="613"/>
      <c r="RSE708" s="613"/>
      <c r="RSF708" s="613"/>
      <c r="RSG708" s="613"/>
      <c r="RSH708" s="613"/>
      <c r="RSI708" s="613"/>
      <c r="RSJ708" s="613"/>
      <c r="RSK708" s="613"/>
      <c r="RSL708" s="613"/>
      <c r="RSM708" s="613"/>
      <c r="RSN708" s="613"/>
      <c r="RSO708" s="613"/>
      <c r="RSP708" s="613"/>
      <c r="RSQ708" s="613"/>
      <c r="RSR708" s="613"/>
      <c r="RSS708" s="613"/>
      <c r="RST708" s="613"/>
      <c r="RSU708" s="613"/>
      <c r="RSV708" s="613"/>
      <c r="RSW708" s="613"/>
      <c r="RSX708" s="613"/>
      <c r="RSY708" s="613"/>
      <c r="RSZ708" s="613"/>
      <c r="RTA708" s="613"/>
      <c r="RTB708" s="613"/>
      <c r="RTC708" s="613"/>
      <c r="RTD708" s="613"/>
      <c r="RTE708" s="613"/>
      <c r="RTF708" s="613"/>
      <c r="RTG708" s="613"/>
      <c r="RTH708" s="613"/>
      <c r="RTI708" s="613"/>
      <c r="RTJ708" s="613"/>
      <c r="RTK708" s="613"/>
      <c r="RTL708" s="613"/>
      <c r="RTM708" s="613"/>
      <c r="RTN708" s="613"/>
      <c r="RTO708" s="613"/>
      <c r="RTP708" s="613"/>
      <c r="RTQ708" s="613"/>
      <c r="RTR708" s="613"/>
      <c r="RTS708" s="613"/>
      <c r="RTT708" s="613"/>
      <c r="RTU708" s="613"/>
      <c r="RTV708" s="613"/>
      <c r="RTW708" s="613"/>
      <c r="RTX708" s="613"/>
      <c r="RTY708" s="613"/>
      <c r="RTZ708" s="613"/>
      <c r="RUA708" s="613"/>
      <c r="RUB708" s="613"/>
      <c r="RUC708" s="613"/>
      <c r="RUD708" s="613"/>
      <c r="RUE708" s="613"/>
      <c r="RUF708" s="613"/>
      <c r="RUG708" s="613"/>
      <c r="RUH708" s="613"/>
      <c r="RUI708" s="613"/>
      <c r="RUJ708" s="613"/>
      <c r="RUK708" s="613"/>
      <c r="RUL708" s="613"/>
      <c r="RUM708" s="613"/>
      <c r="RUN708" s="613"/>
      <c r="RUO708" s="613"/>
      <c r="RUP708" s="613"/>
      <c r="RUQ708" s="613"/>
      <c r="RUR708" s="613"/>
      <c r="RUS708" s="613"/>
      <c r="RUT708" s="613"/>
      <c r="RUU708" s="613"/>
      <c r="RUV708" s="613"/>
      <c r="RUW708" s="613"/>
      <c r="RUX708" s="613"/>
      <c r="RUY708" s="613"/>
      <c r="RUZ708" s="613"/>
      <c r="RVA708" s="613"/>
      <c r="RVB708" s="613"/>
      <c r="RVC708" s="613"/>
      <c r="RVD708" s="613"/>
      <c r="RVE708" s="613"/>
      <c r="RVF708" s="613"/>
      <c r="RVG708" s="613"/>
      <c r="RVH708" s="613"/>
      <c r="RVI708" s="613"/>
      <c r="RVJ708" s="613"/>
      <c r="RVK708" s="613"/>
      <c r="RVL708" s="613"/>
      <c r="RVM708" s="613"/>
      <c r="RVN708" s="613"/>
      <c r="RVO708" s="613"/>
      <c r="RVP708" s="613"/>
      <c r="RVQ708" s="613"/>
      <c r="RVR708" s="613"/>
      <c r="RVS708" s="613"/>
      <c r="RVT708" s="613"/>
      <c r="RVU708" s="613"/>
      <c r="RVV708" s="613"/>
      <c r="RVW708" s="613"/>
      <c r="RVX708" s="613"/>
      <c r="RVY708" s="613"/>
      <c r="RVZ708" s="613"/>
      <c r="RWA708" s="613"/>
      <c r="RWB708" s="613"/>
      <c r="RWC708" s="613"/>
      <c r="RWD708" s="613"/>
      <c r="RWE708" s="613"/>
      <c r="RWF708" s="613"/>
      <c r="RWG708" s="613"/>
      <c r="RWH708" s="613"/>
      <c r="RWI708" s="613"/>
      <c r="RWJ708" s="613"/>
      <c r="RWK708" s="613"/>
      <c r="RWL708" s="613"/>
      <c r="RWM708" s="613"/>
      <c r="RWN708" s="613"/>
      <c r="RWO708" s="613"/>
      <c r="RWP708" s="613"/>
      <c r="RWQ708" s="613"/>
      <c r="RWR708" s="613"/>
      <c r="RWS708" s="613"/>
      <c r="RWT708" s="613"/>
      <c r="RWU708" s="613"/>
      <c r="RWV708" s="613"/>
      <c r="RWW708" s="613"/>
      <c r="RWX708" s="613"/>
      <c r="RWY708" s="613"/>
      <c r="RWZ708" s="613"/>
      <c r="RXA708" s="613"/>
      <c r="RXB708" s="613"/>
      <c r="RXC708" s="613"/>
      <c r="RXD708" s="613"/>
      <c r="RXE708" s="613"/>
      <c r="RXF708" s="613"/>
      <c r="RXG708" s="613"/>
      <c r="RXH708" s="613"/>
      <c r="RXI708" s="613"/>
      <c r="RXJ708" s="613"/>
      <c r="RXK708" s="613"/>
      <c r="RXL708" s="613"/>
      <c r="RXM708" s="613"/>
      <c r="RXN708" s="613"/>
      <c r="RXO708" s="613"/>
      <c r="RXP708" s="613"/>
      <c r="RXQ708" s="613"/>
      <c r="RXR708" s="613"/>
      <c r="RXS708" s="613"/>
      <c r="RXT708" s="613"/>
      <c r="RXU708" s="613"/>
      <c r="RXV708" s="613"/>
      <c r="RXW708" s="613"/>
      <c r="RXX708" s="613"/>
      <c r="RXY708" s="613"/>
      <c r="RXZ708" s="613"/>
      <c r="RYA708" s="613"/>
      <c r="RYB708" s="613"/>
      <c r="RYC708" s="613"/>
      <c r="RYD708" s="613"/>
      <c r="RYE708" s="613"/>
      <c r="RYF708" s="613"/>
      <c r="RYG708" s="613"/>
      <c r="RYH708" s="613"/>
      <c r="RYI708" s="613"/>
      <c r="RYJ708" s="613"/>
      <c r="RYK708" s="613"/>
      <c r="RYL708" s="613"/>
      <c r="RYM708" s="613"/>
      <c r="RYN708" s="613"/>
      <c r="RYO708" s="613"/>
      <c r="RYP708" s="613"/>
      <c r="RYQ708" s="613"/>
      <c r="RYR708" s="613"/>
      <c r="RYS708" s="613"/>
      <c r="RYT708" s="613"/>
      <c r="RYU708" s="613"/>
      <c r="RYV708" s="613"/>
      <c r="RYW708" s="613"/>
      <c r="RYX708" s="613"/>
      <c r="RYY708" s="613"/>
      <c r="RYZ708" s="613"/>
      <c r="RZA708" s="613"/>
      <c r="RZB708" s="613"/>
      <c r="RZC708" s="613"/>
      <c r="RZD708" s="613"/>
      <c r="RZE708" s="613"/>
      <c r="RZF708" s="613"/>
      <c r="RZG708" s="613"/>
      <c r="RZH708" s="613"/>
      <c r="RZI708" s="613"/>
      <c r="RZJ708" s="613"/>
      <c r="RZK708" s="613"/>
      <c r="RZL708" s="613"/>
      <c r="RZM708" s="613"/>
      <c r="RZN708" s="613"/>
      <c r="RZO708" s="613"/>
      <c r="RZP708" s="613"/>
      <c r="RZQ708" s="613"/>
      <c r="RZR708" s="613"/>
      <c r="RZS708" s="613"/>
      <c r="RZT708" s="613"/>
      <c r="RZU708" s="613"/>
      <c r="RZV708" s="613"/>
      <c r="RZW708" s="613"/>
      <c r="RZX708" s="613"/>
      <c r="RZY708" s="613"/>
      <c r="RZZ708" s="613"/>
      <c r="SAA708" s="613"/>
      <c r="SAB708" s="613"/>
      <c r="SAC708" s="613"/>
      <c r="SAD708" s="613"/>
      <c r="SAE708" s="613"/>
      <c r="SAF708" s="613"/>
      <c r="SAG708" s="613"/>
      <c r="SAH708" s="613"/>
      <c r="SAI708" s="613"/>
      <c r="SAJ708" s="613"/>
      <c r="SAK708" s="613"/>
      <c r="SAL708" s="613"/>
      <c r="SAM708" s="613"/>
      <c r="SAN708" s="613"/>
      <c r="SAO708" s="613"/>
      <c r="SAP708" s="613"/>
      <c r="SAQ708" s="613"/>
      <c r="SAR708" s="613"/>
      <c r="SAS708" s="613"/>
      <c r="SAT708" s="613"/>
      <c r="SAU708" s="613"/>
      <c r="SAV708" s="613"/>
      <c r="SAW708" s="613"/>
      <c r="SAX708" s="613"/>
      <c r="SAY708" s="613"/>
      <c r="SAZ708" s="613"/>
      <c r="SBA708" s="613"/>
      <c r="SBB708" s="613"/>
      <c r="SBC708" s="613"/>
      <c r="SBD708" s="613"/>
      <c r="SBE708" s="613"/>
      <c r="SBF708" s="613"/>
      <c r="SBG708" s="613"/>
      <c r="SBH708" s="613"/>
      <c r="SBI708" s="613"/>
      <c r="SBJ708" s="613"/>
      <c r="SBK708" s="613"/>
      <c r="SBL708" s="613"/>
      <c r="SBM708" s="613"/>
      <c r="SBN708" s="613"/>
      <c r="SBO708" s="613"/>
      <c r="SBP708" s="613"/>
      <c r="SBQ708" s="613"/>
      <c r="SBR708" s="613"/>
      <c r="SBS708" s="613"/>
      <c r="SBT708" s="613"/>
      <c r="SBU708" s="613"/>
      <c r="SBV708" s="613"/>
      <c r="SBW708" s="613"/>
      <c r="SBX708" s="613"/>
      <c r="SBY708" s="613"/>
      <c r="SBZ708" s="613"/>
      <c r="SCA708" s="613"/>
      <c r="SCB708" s="613"/>
      <c r="SCC708" s="613"/>
      <c r="SCD708" s="613"/>
      <c r="SCE708" s="613"/>
      <c r="SCF708" s="613"/>
      <c r="SCG708" s="613"/>
      <c r="SCH708" s="613"/>
      <c r="SCI708" s="613"/>
      <c r="SCJ708" s="613"/>
      <c r="SCK708" s="613"/>
      <c r="SCL708" s="613"/>
      <c r="SCM708" s="613"/>
      <c r="SCN708" s="613"/>
      <c r="SCO708" s="613"/>
      <c r="SCP708" s="613"/>
      <c r="SCQ708" s="613"/>
      <c r="SCR708" s="613"/>
      <c r="SCS708" s="613"/>
      <c r="SCT708" s="613"/>
      <c r="SCU708" s="613"/>
      <c r="SCV708" s="613"/>
      <c r="SCW708" s="613"/>
      <c r="SCX708" s="613"/>
      <c r="SCY708" s="613"/>
      <c r="SCZ708" s="613"/>
      <c r="SDA708" s="613"/>
      <c r="SDB708" s="613"/>
      <c r="SDC708" s="613"/>
      <c r="SDD708" s="613"/>
      <c r="SDE708" s="613"/>
      <c r="SDF708" s="613"/>
      <c r="SDG708" s="613"/>
      <c r="SDH708" s="613"/>
      <c r="SDI708" s="613"/>
      <c r="SDJ708" s="613"/>
      <c r="SDK708" s="613"/>
      <c r="SDL708" s="613"/>
      <c r="SDM708" s="613"/>
      <c r="SDN708" s="613"/>
      <c r="SDO708" s="613"/>
      <c r="SDP708" s="613"/>
      <c r="SDQ708" s="613"/>
      <c r="SDR708" s="613"/>
      <c r="SDS708" s="613"/>
      <c r="SDT708" s="613"/>
      <c r="SDU708" s="613"/>
      <c r="SDV708" s="613"/>
      <c r="SDW708" s="613"/>
      <c r="SDX708" s="613"/>
      <c r="SDY708" s="613"/>
      <c r="SDZ708" s="613"/>
      <c r="SEA708" s="613"/>
      <c r="SEB708" s="613"/>
      <c r="SEC708" s="613"/>
      <c r="SED708" s="613"/>
      <c r="SEE708" s="613"/>
      <c r="SEF708" s="613"/>
      <c r="SEG708" s="613"/>
      <c r="SEH708" s="613"/>
      <c r="SEI708" s="613"/>
      <c r="SEJ708" s="613"/>
      <c r="SEK708" s="613"/>
      <c r="SEL708" s="613"/>
      <c r="SEM708" s="613"/>
      <c r="SEN708" s="613"/>
      <c r="SEO708" s="613"/>
      <c r="SEP708" s="613"/>
      <c r="SEQ708" s="613"/>
      <c r="SER708" s="613"/>
      <c r="SES708" s="613"/>
      <c r="SET708" s="613"/>
      <c r="SEU708" s="613"/>
      <c r="SEV708" s="613"/>
      <c r="SEW708" s="613"/>
      <c r="SEX708" s="613"/>
      <c r="SEY708" s="613"/>
      <c r="SEZ708" s="613"/>
      <c r="SFA708" s="613"/>
      <c r="SFB708" s="613"/>
      <c r="SFC708" s="613"/>
      <c r="SFD708" s="613"/>
      <c r="SFE708" s="613"/>
      <c r="SFF708" s="613"/>
      <c r="SFG708" s="613"/>
      <c r="SFH708" s="613"/>
      <c r="SFI708" s="613"/>
      <c r="SFJ708" s="613"/>
      <c r="SFK708" s="613"/>
      <c r="SFL708" s="613"/>
      <c r="SFM708" s="613"/>
      <c r="SFN708" s="613"/>
      <c r="SFO708" s="613"/>
      <c r="SFP708" s="613"/>
      <c r="SFQ708" s="613"/>
      <c r="SFR708" s="613"/>
      <c r="SFS708" s="613"/>
      <c r="SFT708" s="613"/>
      <c r="SFU708" s="613"/>
      <c r="SFV708" s="613"/>
      <c r="SFW708" s="613"/>
      <c r="SFX708" s="613"/>
      <c r="SFY708" s="613"/>
      <c r="SFZ708" s="613"/>
      <c r="SGA708" s="613"/>
      <c r="SGB708" s="613"/>
      <c r="SGC708" s="613"/>
      <c r="SGD708" s="613"/>
      <c r="SGE708" s="613"/>
      <c r="SGF708" s="613"/>
      <c r="SGG708" s="613"/>
      <c r="SGH708" s="613"/>
      <c r="SGI708" s="613"/>
      <c r="SGJ708" s="613"/>
      <c r="SGK708" s="613"/>
      <c r="SGL708" s="613"/>
      <c r="SGM708" s="613"/>
      <c r="SGN708" s="613"/>
      <c r="SGO708" s="613"/>
      <c r="SGP708" s="613"/>
      <c r="SGQ708" s="613"/>
      <c r="SGR708" s="613"/>
      <c r="SGS708" s="613"/>
      <c r="SGT708" s="613"/>
      <c r="SGU708" s="613"/>
      <c r="SGV708" s="613"/>
      <c r="SGW708" s="613"/>
      <c r="SGX708" s="613"/>
      <c r="SGY708" s="613"/>
      <c r="SGZ708" s="613"/>
      <c r="SHA708" s="613"/>
      <c r="SHB708" s="613"/>
      <c r="SHC708" s="613"/>
      <c r="SHD708" s="613"/>
      <c r="SHE708" s="613"/>
      <c r="SHF708" s="613"/>
      <c r="SHG708" s="613"/>
      <c r="SHH708" s="613"/>
      <c r="SHI708" s="613"/>
      <c r="SHJ708" s="613"/>
      <c r="SHK708" s="613"/>
      <c r="SHL708" s="613"/>
      <c r="SHM708" s="613"/>
      <c r="SHN708" s="613"/>
      <c r="SHO708" s="613"/>
      <c r="SHP708" s="613"/>
      <c r="SHQ708" s="613"/>
      <c r="SHR708" s="613"/>
      <c r="SHS708" s="613"/>
      <c r="SHT708" s="613"/>
      <c r="SHU708" s="613"/>
      <c r="SHV708" s="613"/>
      <c r="SHW708" s="613"/>
      <c r="SHX708" s="613"/>
      <c r="SHY708" s="613"/>
      <c r="SHZ708" s="613"/>
      <c r="SIA708" s="613"/>
      <c r="SIB708" s="613"/>
      <c r="SIC708" s="613"/>
      <c r="SID708" s="613"/>
      <c r="SIE708" s="613"/>
      <c r="SIF708" s="613"/>
      <c r="SIG708" s="613"/>
      <c r="SIH708" s="613"/>
      <c r="SII708" s="613"/>
      <c r="SIJ708" s="613"/>
      <c r="SIK708" s="613"/>
      <c r="SIL708" s="613"/>
      <c r="SIM708" s="613"/>
      <c r="SIN708" s="613"/>
      <c r="SIO708" s="613"/>
      <c r="SIP708" s="613"/>
      <c r="SIQ708" s="613"/>
      <c r="SIR708" s="613"/>
      <c r="SIS708" s="613"/>
      <c r="SIT708" s="613"/>
      <c r="SIU708" s="613"/>
      <c r="SIV708" s="613"/>
      <c r="SIW708" s="613"/>
      <c r="SIX708" s="613"/>
      <c r="SIY708" s="613"/>
      <c r="SIZ708" s="613"/>
      <c r="SJA708" s="613"/>
      <c r="SJB708" s="613"/>
      <c r="SJC708" s="613"/>
      <c r="SJD708" s="613"/>
      <c r="SJE708" s="613"/>
      <c r="SJF708" s="613"/>
      <c r="SJG708" s="613"/>
      <c r="SJH708" s="613"/>
      <c r="SJI708" s="613"/>
      <c r="SJJ708" s="613"/>
      <c r="SJK708" s="613"/>
      <c r="SJL708" s="613"/>
      <c r="SJM708" s="613"/>
      <c r="SJN708" s="613"/>
      <c r="SJO708" s="613"/>
      <c r="SJP708" s="613"/>
      <c r="SJQ708" s="613"/>
      <c r="SJR708" s="613"/>
      <c r="SJS708" s="613"/>
      <c r="SJT708" s="613"/>
      <c r="SJU708" s="613"/>
      <c r="SJV708" s="613"/>
      <c r="SJW708" s="613"/>
      <c r="SJX708" s="613"/>
      <c r="SJY708" s="613"/>
      <c r="SJZ708" s="613"/>
      <c r="SKA708" s="613"/>
      <c r="SKB708" s="613"/>
      <c r="SKC708" s="613"/>
      <c r="SKD708" s="613"/>
      <c r="SKE708" s="613"/>
      <c r="SKF708" s="613"/>
      <c r="SKG708" s="613"/>
      <c r="SKH708" s="613"/>
      <c r="SKI708" s="613"/>
      <c r="SKJ708" s="613"/>
      <c r="SKK708" s="613"/>
      <c r="SKL708" s="613"/>
      <c r="SKM708" s="613"/>
      <c r="SKN708" s="613"/>
      <c r="SKO708" s="613"/>
      <c r="SKP708" s="613"/>
      <c r="SKQ708" s="613"/>
      <c r="SKR708" s="613"/>
      <c r="SKS708" s="613"/>
      <c r="SKT708" s="613"/>
      <c r="SKU708" s="613"/>
      <c r="SKV708" s="613"/>
      <c r="SKW708" s="613"/>
      <c r="SKX708" s="613"/>
      <c r="SKY708" s="613"/>
      <c r="SKZ708" s="613"/>
      <c r="SLA708" s="613"/>
      <c r="SLB708" s="613"/>
      <c r="SLC708" s="613"/>
      <c r="SLD708" s="613"/>
      <c r="SLE708" s="613"/>
      <c r="SLF708" s="613"/>
      <c r="SLG708" s="613"/>
      <c r="SLH708" s="613"/>
      <c r="SLI708" s="613"/>
      <c r="SLJ708" s="613"/>
      <c r="SLK708" s="613"/>
      <c r="SLL708" s="613"/>
      <c r="SLM708" s="613"/>
      <c r="SLN708" s="613"/>
      <c r="SLO708" s="613"/>
      <c r="SLP708" s="613"/>
      <c r="SLQ708" s="613"/>
      <c r="SLR708" s="613"/>
      <c r="SLS708" s="613"/>
      <c r="SLT708" s="613"/>
      <c r="SLU708" s="613"/>
      <c r="SLV708" s="613"/>
      <c r="SLW708" s="613"/>
      <c r="SLX708" s="613"/>
      <c r="SLY708" s="613"/>
      <c r="SLZ708" s="613"/>
      <c r="SMA708" s="613"/>
      <c r="SMB708" s="613"/>
      <c r="SMC708" s="613"/>
      <c r="SMD708" s="613"/>
      <c r="SME708" s="613"/>
      <c r="SMF708" s="613"/>
      <c r="SMG708" s="613"/>
      <c r="SMH708" s="613"/>
      <c r="SMI708" s="613"/>
      <c r="SMJ708" s="613"/>
      <c r="SMK708" s="613"/>
      <c r="SML708" s="613"/>
      <c r="SMM708" s="613"/>
      <c r="SMN708" s="613"/>
      <c r="SMO708" s="613"/>
      <c r="SMP708" s="613"/>
      <c r="SMQ708" s="613"/>
      <c r="SMR708" s="613"/>
      <c r="SMS708" s="613"/>
      <c r="SMT708" s="613"/>
      <c r="SMU708" s="613"/>
      <c r="SMV708" s="613"/>
      <c r="SMW708" s="613"/>
      <c r="SMX708" s="613"/>
      <c r="SMY708" s="613"/>
      <c r="SMZ708" s="613"/>
      <c r="SNA708" s="613"/>
      <c r="SNB708" s="613"/>
      <c r="SNC708" s="613"/>
      <c r="SND708" s="613"/>
      <c r="SNE708" s="613"/>
      <c r="SNF708" s="613"/>
      <c r="SNG708" s="613"/>
      <c r="SNH708" s="613"/>
      <c r="SNI708" s="613"/>
      <c r="SNJ708" s="613"/>
      <c r="SNK708" s="613"/>
      <c r="SNL708" s="613"/>
      <c r="SNM708" s="613"/>
      <c r="SNN708" s="613"/>
      <c r="SNO708" s="613"/>
      <c r="SNP708" s="613"/>
      <c r="SNQ708" s="613"/>
      <c r="SNR708" s="613"/>
      <c r="SNS708" s="613"/>
      <c r="SNT708" s="613"/>
      <c r="SNU708" s="613"/>
      <c r="SNV708" s="613"/>
      <c r="SNW708" s="613"/>
      <c r="SNX708" s="613"/>
      <c r="SNY708" s="613"/>
      <c r="SNZ708" s="613"/>
      <c r="SOA708" s="613"/>
      <c r="SOB708" s="613"/>
      <c r="SOC708" s="613"/>
      <c r="SOD708" s="613"/>
      <c r="SOE708" s="613"/>
      <c r="SOF708" s="613"/>
      <c r="SOG708" s="613"/>
      <c r="SOH708" s="613"/>
      <c r="SOI708" s="613"/>
      <c r="SOJ708" s="613"/>
      <c r="SOK708" s="613"/>
      <c r="SOL708" s="613"/>
      <c r="SOM708" s="613"/>
      <c r="SON708" s="613"/>
      <c r="SOO708" s="613"/>
      <c r="SOP708" s="613"/>
      <c r="SOQ708" s="613"/>
      <c r="SOR708" s="613"/>
      <c r="SOS708" s="613"/>
      <c r="SOT708" s="613"/>
      <c r="SOU708" s="613"/>
      <c r="SOV708" s="613"/>
      <c r="SOW708" s="613"/>
      <c r="SOX708" s="613"/>
      <c r="SOY708" s="613"/>
      <c r="SOZ708" s="613"/>
      <c r="SPA708" s="613"/>
      <c r="SPB708" s="613"/>
      <c r="SPC708" s="613"/>
      <c r="SPD708" s="613"/>
      <c r="SPE708" s="613"/>
      <c r="SPF708" s="613"/>
      <c r="SPG708" s="613"/>
      <c r="SPH708" s="613"/>
      <c r="SPI708" s="613"/>
      <c r="SPJ708" s="613"/>
      <c r="SPK708" s="613"/>
      <c r="SPL708" s="613"/>
      <c r="SPM708" s="613"/>
      <c r="SPN708" s="613"/>
      <c r="SPO708" s="613"/>
      <c r="SPP708" s="613"/>
      <c r="SPQ708" s="613"/>
      <c r="SPR708" s="613"/>
      <c r="SPS708" s="613"/>
      <c r="SPT708" s="613"/>
      <c r="SPU708" s="613"/>
      <c r="SPV708" s="613"/>
      <c r="SPW708" s="613"/>
      <c r="SPX708" s="613"/>
      <c r="SPY708" s="613"/>
      <c r="SPZ708" s="613"/>
      <c r="SQA708" s="613"/>
      <c r="SQB708" s="613"/>
      <c r="SQC708" s="613"/>
      <c r="SQD708" s="613"/>
      <c r="SQE708" s="613"/>
      <c r="SQF708" s="613"/>
      <c r="SQG708" s="613"/>
      <c r="SQH708" s="613"/>
      <c r="SQI708" s="613"/>
      <c r="SQJ708" s="613"/>
      <c r="SQK708" s="613"/>
      <c r="SQL708" s="613"/>
      <c r="SQM708" s="613"/>
      <c r="SQN708" s="613"/>
      <c r="SQO708" s="613"/>
      <c r="SQP708" s="613"/>
      <c r="SQQ708" s="613"/>
      <c r="SQR708" s="613"/>
      <c r="SQS708" s="613"/>
      <c r="SQT708" s="613"/>
      <c r="SQU708" s="613"/>
      <c r="SQV708" s="613"/>
      <c r="SQW708" s="613"/>
      <c r="SQX708" s="613"/>
      <c r="SQY708" s="613"/>
      <c r="SQZ708" s="613"/>
      <c r="SRA708" s="613"/>
      <c r="SRB708" s="613"/>
      <c r="SRC708" s="613"/>
      <c r="SRD708" s="613"/>
      <c r="SRE708" s="613"/>
      <c r="SRF708" s="613"/>
      <c r="SRG708" s="613"/>
      <c r="SRH708" s="613"/>
      <c r="SRI708" s="613"/>
      <c r="SRJ708" s="613"/>
      <c r="SRK708" s="613"/>
      <c r="SRL708" s="613"/>
      <c r="SRM708" s="613"/>
      <c r="SRN708" s="613"/>
      <c r="SRO708" s="613"/>
      <c r="SRP708" s="613"/>
      <c r="SRQ708" s="613"/>
      <c r="SRR708" s="613"/>
      <c r="SRS708" s="613"/>
      <c r="SRT708" s="613"/>
      <c r="SRU708" s="613"/>
      <c r="SRV708" s="613"/>
      <c r="SRW708" s="613"/>
      <c r="SRX708" s="613"/>
      <c r="SRY708" s="613"/>
      <c r="SRZ708" s="613"/>
      <c r="SSA708" s="613"/>
      <c r="SSB708" s="613"/>
      <c r="SSC708" s="613"/>
      <c r="SSD708" s="613"/>
      <c r="SSE708" s="613"/>
      <c r="SSF708" s="613"/>
      <c r="SSG708" s="613"/>
      <c r="SSH708" s="613"/>
      <c r="SSI708" s="613"/>
      <c r="SSJ708" s="613"/>
      <c r="SSK708" s="613"/>
      <c r="SSL708" s="613"/>
      <c r="SSM708" s="613"/>
      <c r="SSN708" s="613"/>
      <c r="SSO708" s="613"/>
      <c r="SSP708" s="613"/>
      <c r="SSQ708" s="613"/>
      <c r="SSR708" s="613"/>
      <c r="SSS708" s="613"/>
      <c r="SST708" s="613"/>
      <c r="SSU708" s="613"/>
      <c r="SSV708" s="613"/>
      <c r="SSW708" s="613"/>
      <c r="SSX708" s="613"/>
      <c r="SSY708" s="613"/>
      <c r="SSZ708" s="613"/>
      <c r="STA708" s="613"/>
      <c r="STB708" s="613"/>
      <c r="STC708" s="613"/>
      <c r="STD708" s="613"/>
      <c r="STE708" s="613"/>
      <c r="STF708" s="613"/>
      <c r="STG708" s="613"/>
      <c r="STH708" s="613"/>
      <c r="STI708" s="613"/>
      <c r="STJ708" s="613"/>
      <c r="STK708" s="613"/>
      <c r="STL708" s="613"/>
      <c r="STM708" s="613"/>
      <c r="STN708" s="613"/>
      <c r="STO708" s="613"/>
      <c r="STP708" s="613"/>
      <c r="STQ708" s="613"/>
      <c r="STR708" s="613"/>
      <c r="STS708" s="613"/>
      <c r="STT708" s="613"/>
      <c r="STU708" s="613"/>
      <c r="STV708" s="613"/>
      <c r="STW708" s="613"/>
      <c r="STX708" s="613"/>
      <c r="STY708" s="613"/>
      <c r="STZ708" s="613"/>
      <c r="SUA708" s="613"/>
      <c r="SUB708" s="613"/>
      <c r="SUC708" s="613"/>
      <c r="SUD708" s="613"/>
      <c r="SUE708" s="613"/>
      <c r="SUF708" s="613"/>
      <c r="SUG708" s="613"/>
      <c r="SUH708" s="613"/>
      <c r="SUI708" s="613"/>
      <c r="SUJ708" s="613"/>
      <c r="SUK708" s="613"/>
      <c r="SUL708" s="613"/>
      <c r="SUM708" s="613"/>
      <c r="SUN708" s="613"/>
      <c r="SUO708" s="613"/>
      <c r="SUP708" s="613"/>
      <c r="SUQ708" s="613"/>
      <c r="SUR708" s="613"/>
      <c r="SUS708" s="613"/>
      <c r="SUT708" s="613"/>
      <c r="SUU708" s="613"/>
      <c r="SUV708" s="613"/>
      <c r="SUW708" s="613"/>
      <c r="SUX708" s="613"/>
      <c r="SUY708" s="613"/>
      <c r="SUZ708" s="613"/>
      <c r="SVA708" s="613"/>
      <c r="SVB708" s="613"/>
      <c r="SVC708" s="613"/>
      <c r="SVD708" s="613"/>
      <c r="SVE708" s="613"/>
      <c r="SVF708" s="613"/>
      <c r="SVG708" s="613"/>
      <c r="SVH708" s="613"/>
      <c r="SVI708" s="613"/>
      <c r="SVJ708" s="613"/>
      <c r="SVK708" s="613"/>
      <c r="SVL708" s="613"/>
      <c r="SVM708" s="613"/>
      <c r="SVN708" s="613"/>
      <c r="SVO708" s="613"/>
      <c r="SVP708" s="613"/>
      <c r="SVQ708" s="613"/>
      <c r="SVR708" s="613"/>
      <c r="SVS708" s="613"/>
      <c r="SVT708" s="613"/>
      <c r="SVU708" s="613"/>
      <c r="SVV708" s="613"/>
      <c r="SVW708" s="613"/>
      <c r="SVX708" s="613"/>
      <c r="SVY708" s="613"/>
      <c r="SVZ708" s="613"/>
      <c r="SWA708" s="613"/>
      <c r="SWB708" s="613"/>
      <c r="SWC708" s="613"/>
      <c r="SWD708" s="613"/>
      <c r="SWE708" s="613"/>
      <c r="SWF708" s="613"/>
      <c r="SWG708" s="613"/>
      <c r="SWH708" s="613"/>
      <c r="SWI708" s="613"/>
      <c r="SWJ708" s="613"/>
      <c r="SWK708" s="613"/>
      <c r="SWL708" s="613"/>
      <c r="SWM708" s="613"/>
      <c r="SWN708" s="613"/>
      <c r="SWO708" s="613"/>
      <c r="SWP708" s="613"/>
      <c r="SWQ708" s="613"/>
      <c r="SWR708" s="613"/>
      <c r="SWS708" s="613"/>
      <c r="SWT708" s="613"/>
      <c r="SWU708" s="613"/>
      <c r="SWV708" s="613"/>
      <c r="SWW708" s="613"/>
      <c r="SWX708" s="613"/>
      <c r="SWY708" s="613"/>
      <c r="SWZ708" s="613"/>
      <c r="SXA708" s="613"/>
      <c r="SXB708" s="613"/>
      <c r="SXC708" s="613"/>
      <c r="SXD708" s="613"/>
      <c r="SXE708" s="613"/>
      <c r="SXF708" s="613"/>
      <c r="SXG708" s="613"/>
      <c r="SXH708" s="613"/>
      <c r="SXI708" s="613"/>
      <c r="SXJ708" s="613"/>
      <c r="SXK708" s="613"/>
      <c r="SXL708" s="613"/>
      <c r="SXM708" s="613"/>
      <c r="SXN708" s="613"/>
      <c r="SXO708" s="613"/>
      <c r="SXP708" s="613"/>
      <c r="SXQ708" s="613"/>
      <c r="SXR708" s="613"/>
      <c r="SXS708" s="613"/>
      <c r="SXT708" s="613"/>
      <c r="SXU708" s="613"/>
      <c r="SXV708" s="613"/>
      <c r="SXW708" s="613"/>
      <c r="SXX708" s="613"/>
      <c r="SXY708" s="613"/>
      <c r="SXZ708" s="613"/>
      <c r="SYA708" s="613"/>
      <c r="SYB708" s="613"/>
      <c r="SYC708" s="613"/>
      <c r="SYD708" s="613"/>
      <c r="SYE708" s="613"/>
      <c r="SYF708" s="613"/>
      <c r="SYG708" s="613"/>
      <c r="SYH708" s="613"/>
      <c r="SYI708" s="613"/>
      <c r="SYJ708" s="613"/>
      <c r="SYK708" s="613"/>
      <c r="SYL708" s="613"/>
      <c r="SYM708" s="613"/>
      <c r="SYN708" s="613"/>
      <c r="SYO708" s="613"/>
      <c r="SYP708" s="613"/>
      <c r="SYQ708" s="613"/>
      <c r="SYR708" s="613"/>
      <c r="SYS708" s="613"/>
      <c r="SYT708" s="613"/>
      <c r="SYU708" s="613"/>
      <c r="SYV708" s="613"/>
      <c r="SYW708" s="613"/>
      <c r="SYX708" s="613"/>
      <c r="SYY708" s="613"/>
      <c r="SYZ708" s="613"/>
      <c r="SZA708" s="613"/>
      <c r="SZB708" s="613"/>
      <c r="SZC708" s="613"/>
      <c r="SZD708" s="613"/>
      <c r="SZE708" s="613"/>
      <c r="SZF708" s="613"/>
      <c r="SZG708" s="613"/>
      <c r="SZH708" s="613"/>
      <c r="SZI708" s="613"/>
      <c r="SZJ708" s="613"/>
      <c r="SZK708" s="613"/>
      <c r="SZL708" s="613"/>
      <c r="SZM708" s="613"/>
      <c r="SZN708" s="613"/>
      <c r="SZO708" s="613"/>
      <c r="SZP708" s="613"/>
      <c r="SZQ708" s="613"/>
      <c r="SZR708" s="613"/>
      <c r="SZS708" s="613"/>
      <c r="SZT708" s="613"/>
      <c r="SZU708" s="613"/>
      <c r="SZV708" s="613"/>
      <c r="SZW708" s="613"/>
      <c r="SZX708" s="613"/>
      <c r="SZY708" s="613"/>
      <c r="SZZ708" s="613"/>
      <c r="TAA708" s="613"/>
      <c r="TAB708" s="613"/>
      <c r="TAC708" s="613"/>
      <c r="TAD708" s="613"/>
      <c r="TAE708" s="613"/>
      <c r="TAF708" s="613"/>
      <c r="TAG708" s="613"/>
      <c r="TAH708" s="613"/>
      <c r="TAI708" s="613"/>
      <c r="TAJ708" s="613"/>
      <c r="TAK708" s="613"/>
      <c r="TAL708" s="613"/>
      <c r="TAM708" s="613"/>
      <c r="TAN708" s="613"/>
      <c r="TAO708" s="613"/>
      <c r="TAP708" s="613"/>
      <c r="TAQ708" s="613"/>
      <c r="TAR708" s="613"/>
      <c r="TAS708" s="613"/>
      <c r="TAT708" s="613"/>
      <c r="TAU708" s="613"/>
      <c r="TAV708" s="613"/>
      <c r="TAW708" s="613"/>
      <c r="TAX708" s="613"/>
      <c r="TAY708" s="613"/>
      <c r="TAZ708" s="613"/>
      <c r="TBA708" s="613"/>
      <c r="TBB708" s="613"/>
      <c r="TBC708" s="613"/>
      <c r="TBD708" s="613"/>
      <c r="TBE708" s="613"/>
      <c r="TBF708" s="613"/>
      <c r="TBG708" s="613"/>
      <c r="TBH708" s="613"/>
      <c r="TBI708" s="613"/>
      <c r="TBJ708" s="613"/>
      <c r="TBK708" s="613"/>
      <c r="TBL708" s="613"/>
      <c r="TBM708" s="613"/>
      <c r="TBN708" s="613"/>
      <c r="TBO708" s="613"/>
      <c r="TBP708" s="613"/>
      <c r="TBQ708" s="613"/>
      <c r="TBR708" s="613"/>
      <c r="TBS708" s="613"/>
      <c r="TBT708" s="613"/>
      <c r="TBU708" s="613"/>
      <c r="TBV708" s="613"/>
      <c r="TBW708" s="613"/>
      <c r="TBX708" s="613"/>
      <c r="TBY708" s="613"/>
      <c r="TBZ708" s="613"/>
      <c r="TCA708" s="613"/>
      <c r="TCB708" s="613"/>
      <c r="TCC708" s="613"/>
      <c r="TCD708" s="613"/>
      <c r="TCE708" s="613"/>
      <c r="TCF708" s="613"/>
      <c r="TCG708" s="613"/>
      <c r="TCH708" s="613"/>
      <c r="TCI708" s="613"/>
      <c r="TCJ708" s="613"/>
      <c r="TCK708" s="613"/>
      <c r="TCL708" s="613"/>
      <c r="TCM708" s="613"/>
      <c r="TCN708" s="613"/>
      <c r="TCO708" s="613"/>
      <c r="TCP708" s="613"/>
      <c r="TCQ708" s="613"/>
      <c r="TCR708" s="613"/>
      <c r="TCS708" s="613"/>
      <c r="TCT708" s="613"/>
      <c r="TCU708" s="613"/>
      <c r="TCV708" s="613"/>
      <c r="TCW708" s="613"/>
      <c r="TCX708" s="613"/>
      <c r="TCY708" s="613"/>
      <c r="TCZ708" s="613"/>
      <c r="TDA708" s="613"/>
      <c r="TDB708" s="613"/>
      <c r="TDC708" s="613"/>
      <c r="TDD708" s="613"/>
      <c r="TDE708" s="613"/>
      <c r="TDF708" s="613"/>
      <c r="TDG708" s="613"/>
      <c r="TDH708" s="613"/>
      <c r="TDI708" s="613"/>
      <c r="TDJ708" s="613"/>
      <c r="TDK708" s="613"/>
      <c r="TDL708" s="613"/>
      <c r="TDM708" s="613"/>
      <c r="TDN708" s="613"/>
      <c r="TDO708" s="613"/>
      <c r="TDP708" s="613"/>
      <c r="TDQ708" s="613"/>
      <c r="TDR708" s="613"/>
      <c r="TDS708" s="613"/>
      <c r="TDT708" s="613"/>
      <c r="TDU708" s="613"/>
      <c r="TDV708" s="613"/>
      <c r="TDW708" s="613"/>
      <c r="TDX708" s="613"/>
      <c r="TDY708" s="613"/>
      <c r="TDZ708" s="613"/>
      <c r="TEA708" s="613"/>
      <c r="TEB708" s="613"/>
      <c r="TEC708" s="613"/>
      <c r="TED708" s="613"/>
      <c r="TEE708" s="613"/>
      <c r="TEF708" s="613"/>
      <c r="TEG708" s="613"/>
      <c r="TEH708" s="613"/>
      <c r="TEI708" s="613"/>
      <c r="TEJ708" s="613"/>
      <c r="TEK708" s="613"/>
      <c r="TEL708" s="613"/>
      <c r="TEM708" s="613"/>
      <c r="TEN708" s="613"/>
      <c r="TEO708" s="613"/>
      <c r="TEP708" s="613"/>
      <c r="TEQ708" s="613"/>
      <c r="TER708" s="613"/>
      <c r="TES708" s="613"/>
      <c r="TET708" s="613"/>
      <c r="TEU708" s="613"/>
      <c r="TEV708" s="613"/>
      <c r="TEW708" s="613"/>
      <c r="TEX708" s="613"/>
      <c r="TEY708" s="613"/>
      <c r="TEZ708" s="613"/>
      <c r="TFA708" s="613"/>
      <c r="TFB708" s="613"/>
      <c r="TFC708" s="613"/>
      <c r="TFD708" s="613"/>
      <c r="TFE708" s="613"/>
      <c r="TFF708" s="613"/>
      <c r="TFG708" s="613"/>
      <c r="TFH708" s="613"/>
      <c r="TFI708" s="613"/>
      <c r="TFJ708" s="613"/>
      <c r="TFK708" s="613"/>
      <c r="TFL708" s="613"/>
      <c r="TFM708" s="613"/>
      <c r="TFN708" s="613"/>
      <c r="TFO708" s="613"/>
      <c r="TFP708" s="613"/>
      <c r="TFQ708" s="613"/>
      <c r="TFR708" s="613"/>
      <c r="TFS708" s="613"/>
      <c r="TFT708" s="613"/>
      <c r="TFU708" s="613"/>
      <c r="TFV708" s="613"/>
      <c r="TFW708" s="613"/>
      <c r="TFX708" s="613"/>
      <c r="TFY708" s="613"/>
      <c r="TFZ708" s="613"/>
      <c r="TGA708" s="613"/>
      <c r="TGB708" s="613"/>
      <c r="TGC708" s="613"/>
      <c r="TGD708" s="613"/>
      <c r="TGE708" s="613"/>
      <c r="TGF708" s="613"/>
      <c r="TGG708" s="613"/>
      <c r="TGH708" s="613"/>
      <c r="TGI708" s="613"/>
      <c r="TGJ708" s="613"/>
      <c r="TGK708" s="613"/>
      <c r="TGL708" s="613"/>
      <c r="TGM708" s="613"/>
      <c r="TGN708" s="613"/>
      <c r="TGO708" s="613"/>
      <c r="TGP708" s="613"/>
      <c r="TGQ708" s="613"/>
      <c r="TGR708" s="613"/>
      <c r="TGS708" s="613"/>
      <c r="TGT708" s="613"/>
      <c r="TGU708" s="613"/>
      <c r="TGV708" s="613"/>
      <c r="TGW708" s="613"/>
      <c r="TGX708" s="613"/>
      <c r="TGY708" s="613"/>
      <c r="TGZ708" s="613"/>
      <c r="THA708" s="613"/>
      <c r="THB708" s="613"/>
      <c r="THC708" s="613"/>
      <c r="THD708" s="613"/>
      <c r="THE708" s="613"/>
      <c r="THF708" s="613"/>
      <c r="THG708" s="613"/>
      <c r="THH708" s="613"/>
      <c r="THI708" s="613"/>
      <c r="THJ708" s="613"/>
      <c r="THK708" s="613"/>
      <c r="THL708" s="613"/>
      <c r="THM708" s="613"/>
      <c r="THN708" s="613"/>
      <c r="THO708" s="613"/>
      <c r="THP708" s="613"/>
      <c r="THQ708" s="613"/>
      <c r="THR708" s="613"/>
      <c r="THS708" s="613"/>
      <c r="THT708" s="613"/>
      <c r="THU708" s="613"/>
      <c r="THV708" s="613"/>
      <c r="THW708" s="613"/>
      <c r="THX708" s="613"/>
      <c r="THY708" s="613"/>
      <c r="THZ708" s="613"/>
      <c r="TIA708" s="613"/>
      <c r="TIB708" s="613"/>
      <c r="TIC708" s="613"/>
      <c r="TID708" s="613"/>
      <c r="TIE708" s="613"/>
      <c r="TIF708" s="613"/>
      <c r="TIG708" s="613"/>
      <c r="TIH708" s="613"/>
      <c r="TII708" s="613"/>
      <c r="TIJ708" s="613"/>
      <c r="TIK708" s="613"/>
      <c r="TIL708" s="613"/>
      <c r="TIM708" s="613"/>
      <c r="TIN708" s="613"/>
      <c r="TIO708" s="613"/>
      <c r="TIP708" s="613"/>
      <c r="TIQ708" s="613"/>
      <c r="TIR708" s="613"/>
      <c r="TIS708" s="613"/>
      <c r="TIT708" s="613"/>
      <c r="TIU708" s="613"/>
      <c r="TIV708" s="613"/>
      <c r="TIW708" s="613"/>
      <c r="TIX708" s="613"/>
      <c r="TIY708" s="613"/>
      <c r="TIZ708" s="613"/>
      <c r="TJA708" s="613"/>
      <c r="TJB708" s="613"/>
      <c r="TJC708" s="613"/>
      <c r="TJD708" s="613"/>
      <c r="TJE708" s="613"/>
      <c r="TJF708" s="613"/>
      <c r="TJG708" s="613"/>
      <c r="TJH708" s="613"/>
      <c r="TJI708" s="613"/>
      <c r="TJJ708" s="613"/>
      <c r="TJK708" s="613"/>
      <c r="TJL708" s="613"/>
      <c r="TJM708" s="613"/>
      <c r="TJN708" s="613"/>
      <c r="TJO708" s="613"/>
      <c r="TJP708" s="613"/>
      <c r="TJQ708" s="613"/>
      <c r="TJR708" s="613"/>
      <c r="TJS708" s="613"/>
      <c r="TJT708" s="613"/>
      <c r="TJU708" s="613"/>
      <c r="TJV708" s="613"/>
      <c r="TJW708" s="613"/>
      <c r="TJX708" s="613"/>
      <c r="TJY708" s="613"/>
      <c r="TJZ708" s="613"/>
      <c r="TKA708" s="613"/>
      <c r="TKB708" s="613"/>
      <c r="TKC708" s="613"/>
      <c r="TKD708" s="613"/>
      <c r="TKE708" s="613"/>
      <c r="TKF708" s="613"/>
      <c r="TKG708" s="613"/>
      <c r="TKH708" s="613"/>
      <c r="TKI708" s="613"/>
      <c r="TKJ708" s="613"/>
      <c r="TKK708" s="613"/>
      <c r="TKL708" s="613"/>
      <c r="TKM708" s="613"/>
      <c r="TKN708" s="613"/>
      <c r="TKO708" s="613"/>
      <c r="TKP708" s="613"/>
      <c r="TKQ708" s="613"/>
      <c r="TKR708" s="613"/>
      <c r="TKS708" s="613"/>
      <c r="TKT708" s="613"/>
      <c r="TKU708" s="613"/>
      <c r="TKV708" s="613"/>
      <c r="TKW708" s="613"/>
      <c r="TKX708" s="613"/>
      <c r="TKY708" s="613"/>
      <c r="TKZ708" s="613"/>
      <c r="TLA708" s="613"/>
      <c r="TLB708" s="613"/>
      <c r="TLC708" s="613"/>
      <c r="TLD708" s="613"/>
      <c r="TLE708" s="613"/>
      <c r="TLF708" s="613"/>
      <c r="TLG708" s="613"/>
      <c r="TLH708" s="613"/>
      <c r="TLI708" s="613"/>
      <c r="TLJ708" s="613"/>
      <c r="TLK708" s="613"/>
      <c r="TLL708" s="613"/>
      <c r="TLM708" s="613"/>
      <c r="TLN708" s="613"/>
      <c r="TLO708" s="613"/>
      <c r="TLP708" s="613"/>
      <c r="TLQ708" s="613"/>
      <c r="TLR708" s="613"/>
      <c r="TLS708" s="613"/>
      <c r="TLT708" s="613"/>
      <c r="TLU708" s="613"/>
      <c r="TLV708" s="613"/>
      <c r="TLW708" s="613"/>
      <c r="TLX708" s="613"/>
      <c r="TLY708" s="613"/>
      <c r="TLZ708" s="613"/>
      <c r="TMA708" s="613"/>
      <c r="TMB708" s="613"/>
      <c r="TMC708" s="613"/>
      <c r="TMD708" s="613"/>
      <c r="TME708" s="613"/>
      <c r="TMF708" s="613"/>
      <c r="TMG708" s="613"/>
      <c r="TMH708" s="613"/>
      <c r="TMI708" s="613"/>
      <c r="TMJ708" s="613"/>
      <c r="TMK708" s="613"/>
      <c r="TML708" s="613"/>
      <c r="TMM708" s="613"/>
      <c r="TMN708" s="613"/>
      <c r="TMO708" s="613"/>
      <c r="TMP708" s="613"/>
      <c r="TMQ708" s="613"/>
      <c r="TMR708" s="613"/>
      <c r="TMS708" s="613"/>
      <c r="TMT708" s="613"/>
      <c r="TMU708" s="613"/>
      <c r="TMV708" s="613"/>
      <c r="TMW708" s="613"/>
      <c r="TMX708" s="613"/>
      <c r="TMY708" s="613"/>
      <c r="TMZ708" s="613"/>
      <c r="TNA708" s="613"/>
      <c r="TNB708" s="613"/>
      <c r="TNC708" s="613"/>
      <c r="TND708" s="613"/>
      <c r="TNE708" s="613"/>
      <c r="TNF708" s="613"/>
      <c r="TNG708" s="613"/>
      <c r="TNH708" s="613"/>
      <c r="TNI708" s="613"/>
      <c r="TNJ708" s="613"/>
      <c r="TNK708" s="613"/>
      <c r="TNL708" s="613"/>
      <c r="TNM708" s="613"/>
      <c r="TNN708" s="613"/>
      <c r="TNO708" s="613"/>
      <c r="TNP708" s="613"/>
      <c r="TNQ708" s="613"/>
      <c r="TNR708" s="613"/>
      <c r="TNS708" s="613"/>
      <c r="TNT708" s="613"/>
      <c r="TNU708" s="613"/>
      <c r="TNV708" s="613"/>
      <c r="TNW708" s="613"/>
      <c r="TNX708" s="613"/>
      <c r="TNY708" s="613"/>
      <c r="TNZ708" s="613"/>
      <c r="TOA708" s="613"/>
      <c r="TOB708" s="613"/>
      <c r="TOC708" s="613"/>
      <c r="TOD708" s="613"/>
      <c r="TOE708" s="613"/>
      <c r="TOF708" s="613"/>
      <c r="TOG708" s="613"/>
      <c r="TOH708" s="613"/>
      <c r="TOI708" s="613"/>
      <c r="TOJ708" s="613"/>
      <c r="TOK708" s="613"/>
      <c r="TOL708" s="613"/>
      <c r="TOM708" s="613"/>
      <c r="TON708" s="613"/>
      <c r="TOO708" s="613"/>
      <c r="TOP708" s="613"/>
      <c r="TOQ708" s="613"/>
      <c r="TOR708" s="613"/>
      <c r="TOS708" s="613"/>
      <c r="TOT708" s="613"/>
      <c r="TOU708" s="613"/>
      <c r="TOV708" s="613"/>
      <c r="TOW708" s="613"/>
      <c r="TOX708" s="613"/>
      <c r="TOY708" s="613"/>
      <c r="TOZ708" s="613"/>
      <c r="TPA708" s="613"/>
      <c r="TPB708" s="613"/>
      <c r="TPC708" s="613"/>
      <c r="TPD708" s="613"/>
      <c r="TPE708" s="613"/>
      <c r="TPF708" s="613"/>
      <c r="TPG708" s="613"/>
      <c r="TPH708" s="613"/>
      <c r="TPI708" s="613"/>
      <c r="TPJ708" s="613"/>
      <c r="TPK708" s="613"/>
      <c r="TPL708" s="613"/>
      <c r="TPM708" s="613"/>
      <c r="TPN708" s="613"/>
      <c r="TPO708" s="613"/>
      <c r="TPP708" s="613"/>
      <c r="TPQ708" s="613"/>
      <c r="TPR708" s="613"/>
      <c r="TPS708" s="613"/>
      <c r="TPT708" s="613"/>
      <c r="TPU708" s="613"/>
      <c r="TPV708" s="613"/>
      <c r="TPW708" s="613"/>
      <c r="TPX708" s="613"/>
      <c r="TPY708" s="613"/>
      <c r="TPZ708" s="613"/>
      <c r="TQA708" s="613"/>
      <c r="TQB708" s="613"/>
      <c r="TQC708" s="613"/>
      <c r="TQD708" s="613"/>
      <c r="TQE708" s="613"/>
      <c r="TQF708" s="613"/>
      <c r="TQG708" s="613"/>
      <c r="TQH708" s="613"/>
      <c r="TQI708" s="613"/>
      <c r="TQJ708" s="613"/>
      <c r="TQK708" s="613"/>
      <c r="TQL708" s="613"/>
      <c r="TQM708" s="613"/>
      <c r="TQN708" s="613"/>
      <c r="TQO708" s="613"/>
      <c r="TQP708" s="613"/>
      <c r="TQQ708" s="613"/>
      <c r="TQR708" s="613"/>
      <c r="TQS708" s="613"/>
      <c r="TQT708" s="613"/>
      <c r="TQU708" s="613"/>
      <c r="TQV708" s="613"/>
      <c r="TQW708" s="613"/>
      <c r="TQX708" s="613"/>
      <c r="TQY708" s="613"/>
      <c r="TQZ708" s="613"/>
      <c r="TRA708" s="613"/>
      <c r="TRB708" s="613"/>
      <c r="TRC708" s="613"/>
      <c r="TRD708" s="613"/>
      <c r="TRE708" s="613"/>
      <c r="TRF708" s="613"/>
      <c r="TRG708" s="613"/>
      <c r="TRH708" s="613"/>
      <c r="TRI708" s="613"/>
      <c r="TRJ708" s="613"/>
      <c r="TRK708" s="613"/>
      <c r="TRL708" s="613"/>
      <c r="TRM708" s="613"/>
      <c r="TRN708" s="613"/>
      <c r="TRO708" s="613"/>
      <c r="TRP708" s="613"/>
      <c r="TRQ708" s="613"/>
      <c r="TRR708" s="613"/>
      <c r="TRS708" s="613"/>
      <c r="TRT708" s="613"/>
      <c r="TRU708" s="613"/>
      <c r="TRV708" s="613"/>
      <c r="TRW708" s="613"/>
      <c r="TRX708" s="613"/>
      <c r="TRY708" s="613"/>
      <c r="TRZ708" s="613"/>
      <c r="TSA708" s="613"/>
      <c r="TSB708" s="613"/>
      <c r="TSC708" s="613"/>
      <c r="TSD708" s="613"/>
      <c r="TSE708" s="613"/>
      <c r="TSF708" s="613"/>
      <c r="TSG708" s="613"/>
      <c r="TSH708" s="613"/>
      <c r="TSI708" s="613"/>
      <c r="TSJ708" s="613"/>
      <c r="TSK708" s="613"/>
      <c r="TSL708" s="613"/>
      <c r="TSM708" s="613"/>
      <c r="TSN708" s="613"/>
      <c r="TSO708" s="613"/>
      <c r="TSP708" s="613"/>
      <c r="TSQ708" s="613"/>
      <c r="TSR708" s="613"/>
      <c r="TSS708" s="613"/>
      <c r="TST708" s="613"/>
      <c r="TSU708" s="613"/>
      <c r="TSV708" s="613"/>
      <c r="TSW708" s="613"/>
      <c r="TSX708" s="613"/>
      <c r="TSY708" s="613"/>
      <c r="TSZ708" s="613"/>
      <c r="TTA708" s="613"/>
      <c r="TTB708" s="613"/>
      <c r="TTC708" s="613"/>
      <c r="TTD708" s="613"/>
      <c r="TTE708" s="613"/>
      <c r="TTF708" s="613"/>
      <c r="TTG708" s="613"/>
      <c r="TTH708" s="613"/>
      <c r="TTI708" s="613"/>
      <c r="TTJ708" s="613"/>
      <c r="TTK708" s="613"/>
      <c r="TTL708" s="613"/>
      <c r="TTM708" s="613"/>
      <c r="TTN708" s="613"/>
      <c r="TTO708" s="613"/>
      <c r="TTP708" s="613"/>
      <c r="TTQ708" s="613"/>
      <c r="TTR708" s="613"/>
      <c r="TTS708" s="613"/>
      <c r="TTT708" s="613"/>
      <c r="TTU708" s="613"/>
      <c r="TTV708" s="613"/>
      <c r="TTW708" s="613"/>
      <c r="TTX708" s="613"/>
      <c r="TTY708" s="613"/>
      <c r="TTZ708" s="613"/>
      <c r="TUA708" s="613"/>
      <c r="TUB708" s="613"/>
      <c r="TUC708" s="613"/>
      <c r="TUD708" s="613"/>
      <c r="TUE708" s="613"/>
      <c r="TUF708" s="613"/>
      <c r="TUG708" s="613"/>
      <c r="TUH708" s="613"/>
      <c r="TUI708" s="613"/>
      <c r="TUJ708" s="613"/>
      <c r="TUK708" s="613"/>
      <c r="TUL708" s="613"/>
      <c r="TUM708" s="613"/>
      <c r="TUN708" s="613"/>
      <c r="TUO708" s="613"/>
      <c r="TUP708" s="613"/>
      <c r="TUQ708" s="613"/>
      <c r="TUR708" s="613"/>
      <c r="TUS708" s="613"/>
      <c r="TUT708" s="613"/>
      <c r="TUU708" s="613"/>
      <c r="TUV708" s="613"/>
      <c r="TUW708" s="613"/>
      <c r="TUX708" s="613"/>
      <c r="TUY708" s="613"/>
      <c r="TUZ708" s="613"/>
      <c r="TVA708" s="613"/>
      <c r="TVB708" s="613"/>
      <c r="TVC708" s="613"/>
      <c r="TVD708" s="613"/>
      <c r="TVE708" s="613"/>
      <c r="TVF708" s="613"/>
      <c r="TVG708" s="613"/>
      <c r="TVH708" s="613"/>
      <c r="TVI708" s="613"/>
      <c r="TVJ708" s="613"/>
      <c r="TVK708" s="613"/>
      <c r="TVL708" s="613"/>
      <c r="TVM708" s="613"/>
      <c r="TVN708" s="613"/>
      <c r="TVO708" s="613"/>
      <c r="TVP708" s="613"/>
      <c r="TVQ708" s="613"/>
      <c r="TVR708" s="613"/>
      <c r="TVS708" s="613"/>
      <c r="TVT708" s="613"/>
      <c r="TVU708" s="613"/>
      <c r="TVV708" s="613"/>
      <c r="TVW708" s="613"/>
      <c r="TVX708" s="613"/>
      <c r="TVY708" s="613"/>
      <c r="TVZ708" s="613"/>
      <c r="TWA708" s="613"/>
      <c r="TWB708" s="613"/>
      <c r="TWC708" s="613"/>
      <c r="TWD708" s="613"/>
      <c r="TWE708" s="613"/>
      <c r="TWF708" s="613"/>
      <c r="TWG708" s="613"/>
      <c r="TWH708" s="613"/>
      <c r="TWI708" s="613"/>
      <c r="TWJ708" s="613"/>
      <c r="TWK708" s="613"/>
      <c r="TWL708" s="613"/>
      <c r="TWM708" s="613"/>
      <c r="TWN708" s="613"/>
      <c r="TWO708" s="613"/>
      <c r="TWP708" s="613"/>
      <c r="TWQ708" s="613"/>
      <c r="TWR708" s="613"/>
      <c r="TWS708" s="613"/>
      <c r="TWT708" s="613"/>
      <c r="TWU708" s="613"/>
      <c r="TWV708" s="613"/>
      <c r="TWW708" s="613"/>
      <c r="TWX708" s="613"/>
      <c r="TWY708" s="613"/>
      <c r="TWZ708" s="613"/>
      <c r="TXA708" s="613"/>
      <c r="TXB708" s="613"/>
      <c r="TXC708" s="613"/>
      <c r="TXD708" s="613"/>
      <c r="TXE708" s="613"/>
      <c r="TXF708" s="613"/>
      <c r="TXG708" s="613"/>
      <c r="TXH708" s="613"/>
      <c r="TXI708" s="613"/>
      <c r="TXJ708" s="613"/>
      <c r="TXK708" s="613"/>
      <c r="TXL708" s="613"/>
      <c r="TXM708" s="613"/>
      <c r="TXN708" s="613"/>
      <c r="TXO708" s="613"/>
      <c r="TXP708" s="613"/>
      <c r="TXQ708" s="613"/>
      <c r="TXR708" s="613"/>
      <c r="TXS708" s="613"/>
      <c r="TXT708" s="613"/>
      <c r="TXU708" s="613"/>
      <c r="TXV708" s="613"/>
      <c r="TXW708" s="613"/>
      <c r="TXX708" s="613"/>
      <c r="TXY708" s="613"/>
      <c r="TXZ708" s="613"/>
      <c r="TYA708" s="613"/>
      <c r="TYB708" s="613"/>
      <c r="TYC708" s="613"/>
      <c r="TYD708" s="613"/>
      <c r="TYE708" s="613"/>
      <c r="TYF708" s="613"/>
      <c r="TYG708" s="613"/>
      <c r="TYH708" s="613"/>
      <c r="TYI708" s="613"/>
      <c r="TYJ708" s="613"/>
      <c r="TYK708" s="613"/>
      <c r="TYL708" s="613"/>
      <c r="TYM708" s="613"/>
      <c r="TYN708" s="613"/>
      <c r="TYO708" s="613"/>
      <c r="TYP708" s="613"/>
      <c r="TYQ708" s="613"/>
      <c r="TYR708" s="613"/>
      <c r="TYS708" s="613"/>
      <c r="TYT708" s="613"/>
      <c r="TYU708" s="613"/>
      <c r="TYV708" s="613"/>
      <c r="TYW708" s="613"/>
      <c r="TYX708" s="613"/>
      <c r="TYY708" s="613"/>
      <c r="TYZ708" s="613"/>
      <c r="TZA708" s="613"/>
      <c r="TZB708" s="613"/>
      <c r="TZC708" s="613"/>
      <c r="TZD708" s="613"/>
      <c r="TZE708" s="613"/>
      <c r="TZF708" s="613"/>
      <c r="TZG708" s="613"/>
      <c r="TZH708" s="613"/>
      <c r="TZI708" s="613"/>
      <c r="TZJ708" s="613"/>
      <c r="TZK708" s="613"/>
      <c r="TZL708" s="613"/>
      <c r="TZM708" s="613"/>
      <c r="TZN708" s="613"/>
      <c r="TZO708" s="613"/>
      <c r="TZP708" s="613"/>
      <c r="TZQ708" s="613"/>
      <c r="TZR708" s="613"/>
      <c r="TZS708" s="613"/>
      <c r="TZT708" s="613"/>
      <c r="TZU708" s="613"/>
      <c r="TZV708" s="613"/>
      <c r="TZW708" s="613"/>
      <c r="TZX708" s="613"/>
      <c r="TZY708" s="613"/>
      <c r="TZZ708" s="613"/>
      <c r="UAA708" s="613"/>
      <c r="UAB708" s="613"/>
      <c r="UAC708" s="613"/>
      <c r="UAD708" s="613"/>
      <c r="UAE708" s="613"/>
      <c r="UAF708" s="613"/>
      <c r="UAG708" s="613"/>
      <c r="UAH708" s="613"/>
      <c r="UAI708" s="613"/>
      <c r="UAJ708" s="613"/>
      <c r="UAK708" s="613"/>
      <c r="UAL708" s="613"/>
      <c r="UAM708" s="613"/>
      <c r="UAN708" s="613"/>
      <c r="UAO708" s="613"/>
      <c r="UAP708" s="613"/>
      <c r="UAQ708" s="613"/>
      <c r="UAR708" s="613"/>
      <c r="UAS708" s="613"/>
      <c r="UAT708" s="613"/>
      <c r="UAU708" s="613"/>
      <c r="UAV708" s="613"/>
      <c r="UAW708" s="613"/>
      <c r="UAX708" s="613"/>
      <c r="UAY708" s="613"/>
      <c r="UAZ708" s="613"/>
      <c r="UBA708" s="613"/>
      <c r="UBB708" s="613"/>
      <c r="UBC708" s="613"/>
      <c r="UBD708" s="613"/>
      <c r="UBE708" s="613"/>
      <c r="UBF708" s="613"/>
      <c r="UBG708" s="613"/>
      <c r="UBH708" s="613"/>
      <c r="UBI708" s="613"/>
      <c r="UBJ708" s="613"/>
      <c r="UBK708" s="613"/>
      <c r="UBL708" s="613"/>
      <c r="UBM708" s="613"/>
      <c r="UBN708" s="613"/>
      <c r="UBO708" s="613"/>
      <c r="UBP708" s="613"/>
      <c r="UBQ708" s="613"/>
      <c r="UBR708" s="613"/>
      <c r="UBS708" s="613"/>
      <c r="UBT708" s="613"/>
      <c r="UBU708" s="613"/>
      <c r="UBV708" s="613"/>
      <c r="UBW708" s="613"/>
      <c r="UBX708" s="613"/>
      <c r="UBY708" s="613"/>
      <c r="UBZ708" s="613"/>
      <c r="UCA708" s="613"/>
      <c r="UCB708" s="613"/>
      <c r="UCC708" s="613"/>
      <c r="UCD708" s="613"/>
      <c r="UCE708" s="613"/>
      <c r="UCF708" s="613"/>
      <c r="UCG708" s="613"/>
      <c r="UCH708" s="613"/>
      <c r="UCI708" s="613"/>
      <c r="UCJ708" s="613"/>
      <c r="UCK708" s="613"/>
      <c r="UCL708" s="613"/>
      <c r="UCM708" s="613"/>
      <c r="UCN708" s="613"/>
      <c r="UCO708" s="613"/>
      <c r="UCP708" s="613"/>
      <c r="UCQ708" s="613"/>
      <c r="UCR708" s="613"/>
      <c r="UCS708" s="613"/>
      <c r="UCT708" s="613"/>
      <c r="UCU708" s="613"/>
      <c r="UCV708" s="613"/>
      <c r="UCW708" s="613"/>
      <c r="UCX708" s="613"/>
      <c r="UCY708" s="613"/>
      <c r="UCZ708" s="613"/>
      <c r="UDA708" s="613"/>
      <c r="UDB708" s="613"/>
      <c r="UDC708" s="613"/>
      <c r="UDD708" s="613"/>
      <c r="UDE708" s="613"/>
      <c r="UDF708" s="613"/>
      <c r="UDG708" s="613"/>
      <c r="UDH708" s="613"/>
      <c r="UDI708" s="613"/>
      <c r="UDJ708" s="613"/>
      <c r="UDK708" s="613"/>
      <c r="UDL708" s="613"/>
      <c r="UDM708" s="613"/>
      <c r="UDN708" s="613"/>
      <c r="UDO708" s="613"/>
      <c r="UDP708" s="613"/>
      <c r="UDQ708" s="613"/>
      <c r="UDR708" s="613"/>
      <c r="UDS708" s="613"/>
      <c r="UDT708" s="613"/>
      <c r="UDU708" s="613"/>
      <c r="UDV708" s="613"/>
      <c r="UDW708" s="613"/>
      <c r="UDX708" s="613"/>
      <c r="UDY708" s="613"/>
      <c r="UDZ708" s="613"/>
      <c r="UEA708" s="613"/>
      <c r="UEB708" s="613"/>
      <c r="UEC708" s="613"/>
      <c r="UED708" s="613"/>
      <c r="UEE708" s="613"/>
      <c r="UEF708" s="613"/>
      <c r="UEG708" s="613"/>
      <c r="UEH708" s="613"/>
      <c r="UEI708" s="613"/>
      <c r="UEJ708" s="613"/>
      <c r="UEK708" s="613"/>
      <c r="UEL708" s="613"/>
      <c r="UEM708" s="613"/>
      <c r="UEN708" s="613"/>
      <c r="UEO708" s="613"/>
      <c r="UEP708" s="613"/>
      <c r="UEQ708" s="613"/>
      <c r="UER708" s="613"/>
      <c r="UES708" s="613"/>
      <c r="UET708" s="613"/>
      <c r="UEU708" s="613"/>
      <c r="UEV708" s="613"/>
      <c r="UEW708" s="613"/>
      <c r="UEX708" s="613"/>
      <c r="UEY708" s="613"/>
      <c r="UEZ708" s="613"/>
      <c r="UFA708" s="613"/>
      <c r="UFB708" s="613"/>
      <c r="UFC708" s="613"/>
      <c r="UFD708" s="613"/>
      <c r="UFE708" s="613"/>
      <c r="UFF708" s="613"/>
      <c r="UFG708" s="613"/>
      <c r="UFH708" s="613"/>
      <c r="UFI708" s="613"/>
      <c r="UFJ708" s="613"/>
      <c r="UFK708" s="613"/>
      <c r="UFL708" s="613"/>
      <c r="UFM708" s="613"/>
      <c r="UFN708" s="613"/>
      <c r="UFO708" s="613"/>
      <c r="UFP708" s="613"/>
      <c r="UFQ708" s="613"/>
      <c r="UFR708" s="613"/>
      <c r="UFS708" s="613"/>
      <c r="UFT708" s="613"/>
      <c r="UFU708" s="613"/>
      <c r="UFV708" s="613"/>
      <c r="UFW708" s="613"/>
      <c r="UFX708" s="613"/>
      <c r="UFY708" s="613"/>
      <c r="UFZ708" s="613"/>
      <c r="UGA708" s="613"/>
      <c r="UGB708" s="613"/>
      <c r="UGC708" s="613"/>
      <c r="UGD708" s="613"/>
      <c r="UGE708" s="613"/>
      <c r="UGF708" s="613"/>
      <c r="UGG708" s="613"/>
      <c r="UGH708" s="613"/>
      <c r="UGI708" s="613"/>
      <c r="UGJ708" s="613"/>
      <c r="UGK708" s="613"/>
      <c r="UGL708" s="613"/>
      <c r="UGM708" s="613"/>
      <c r="UGN708" s="613"/>
      <c r="UGO708" s="613"/>
      <c r="UGP708" s="613"/>
      <c r="UGQ708" s="613"/>
      <c r="UGR708" s="613"/>
      <c r="UGS708" s="613"/>
      <c r="UGT708" s="613"/>
      <c r="UGU708" s="613"/>
      <c r="UGV708" s="613"/>
      <c r="UGW708" s="613"/>
      <c r="UGX708" s="613"/>
      <c r="UGY708" s="613"/>
      <c r="UGZ708" s="613"/>
      <c r="UHA708" s="613"/>
      <c r="UHB708" s="613"/>
      <c r="UHC708" s="613"/>
      <c r="UHD708" s="613"/>
      <c r="UHE708" s="613"/>
      <c r="UHF708" s="613"/>
      <c r="UHG708" s="613"/>
      <c r="UHH708" s="613"/>
      <c r="UHI708" s="613"/>
      <c r="UHJ708" s="613"/>
      <c r="UHK708" s="613"/>
      <c r="UHL708" s="613"/>
      <c r="UHM708" s="613"/>
      <c r="UHN708" s="613"/>
      <c r="UHO708" s="613"/>
      <c r="UHP708" s="613"/>
      <c r="UHQ708" s="613"/>
      <c r="UHR708" s="613"/>
      <c r="UHS708" s="613"/>
      <c r="UHT708" s="613"/>
      <c r="UHU708" s="613"/>
      <c r="UHV708" s="613"/>
      <c r="UHW708" s="613"/>
      <c r="UHX708" s="613"/>
      <c r="UHY708" s="613"/>
      <c r="UHZ708" s="613"/>
      <c r="UIA708" s="613"/>
      <c r="UIB708" s="613"/>
      <c r="UIC708" s="613"/>
      <c r="UID708" s="613"/>
      <c r="UIE708" s="613"/>
      <c r="UIF708" s="613"/>
      <c r="UIG708" s="613"/>
      <c r="UIH708" s="613"/>
      <c r="UII708" s="613"/>
      <c r="UIJ708" s="613"/>
      <c r="UIK708" s="613"/>
      <c r="UIL708" s="613"/>
      <c r="UIM708" s="613"/>
      <c r="UIN708" s="613"/>
      <c r="UIO708" s="613"/>
      <c r="UIP708" s="613"/>
      <c r="UIQ708" s="613"/>
      <c r="UIR708" s="613"/>
      <c r="UIS708" s="613"/>
      <c r="UIT708" s="613"/>
      <c r="UIU708" s="613"/>
      <c r="UIV708" s="613"/>
      <c r="UIW708" s="613"/>
      <c r="UIX708" s="613"/>
      <c r="UIY708" s="613"/>
      <c r="UIZ708" s="613"/>
      <c r="UJA708" s="613"/>
      <c r="UJB708" s="613"/>
      <c r="UJC708" s="613"/>
      <c r="UJD708" s="613"/>
      <c r="UJE708" s="613"/>
      <c r="UJF708" s="613"/>
      <c r="UJG708" s="613"/>
      <c r="UJH708" s="613"/>
      <c r="UJI708" s="613"/>
      <c r="UJJ708" s="613"/>
      <c r="UJK708" s="613"/>
      <c r="UJL708" s="613"/>
      <c r="UJM708" s="613"/>
      <c r="UJN708" s="613"/>
      <c r="UJO708" s="613"/>
      <c r="UJP708" s="613"/>
      <c r="UJQ708" s="613"/>
      <c r="UJR708" s="613"/>
      <c r="UJS708" s="613"/>
      <c r="UJT708" s="613"/>
      <c r="UJU708" s="613"/>
      <c r="UJV708" s="613"/>
      <c r="UJW708" s="613"/>
      <c r="UJX708" s="613"/>
      <c r="UJY708" s="613"/>
      <c r="UJZ708" s="613"/>
      <c r="UKA708" s="613"/>
      <c r="UKB708" s="613"/>
      <c r="UKC708" s="613"/>
      <c r="UKD708" s="613"/>
      <c r="UKE708" s="613"/>
      <c r="UKF708" s="613"/>
      <c r="UKG708" s="613"/>
      <c r="UKH708" s="613"/>
      <c r="UKI708" s="613"/>
      <c r="UKJ708" s="613"/>
      <c r="UKK708" s="613"/>
      <c r="UKL708" s="613"/>
      <c r="UKM708" s="613"/>
      <c r="UKN708" s="613"/>
      <c r="UKO708" s="613"/>
      <c r="UKP708" s="613"/>
      <c r="UKQ708" s="613"/>
      <c r="UKR708" s="613"/>
      <c r="UKS708" s="613"/>
      <c r="UKT708" s="613"/>
      <c r="UKU708" s="613"/>
      <c r="UKV708" s="613"/>
      <c r="UKW708" s="613"/>
      <c r="UKX708" s="613"/>
      <c r="UKY708" s="613"/>
      <c r="UKZ708" s="613"/>
      <c r="ULA708" s="613"/>
      <c r="ULB708" s="613"/>
      <c r="ULC708" s="613"/>
      <c r="ULD708" s="613"/>
      <c r="ULE708" s="613"/>
      <c r="ULF708" s="613"/>
      <c r="ULG708" s="613"/>
      <c r="ULH708" s="613"/>
      <c r="ULI708" s="613"/>
      <c r="ULJ708" s="613"/>
      <c r="ULK708" s="613"/>
      <c r="ULL708" s="613"/>
      <c r="ULM708" s="613"/>
      <c r="ULN708" s="613"/>
      <c r="ULO708" s="613"/>
      <c r="ULP708" s="613"/>
      <c r="ULQ708" s="613"/>
      <c r="ULR708" s="613"/>
      <c r="ULS708" s="613"/>
      <c r="ULT708" s="613"/>
      <c r="ULU708" s="613"/>
      <c r="ULV708" s="613"/>
      <c r="ULW708" s="613"/>
      <c r="ULX708" s="613"/>
      <c r="ULY708" s="613"/>
      <c r="ULZ708" s="613"/>
      <c r="UMA708" s="613"/>
      <c r="UMB708" s="613"/>
      <c r="UMC708" s="613"/>
      <c r="UMD708" s="613"/>
      <c r="UME708" s="613"/>
      <c r="UMF708" s="613"/>
      <c r="UMG708" s="613"/>
      <c r="UMH708" s="613"/>
      <c r="UMI708" s="613"/>
      <c r="UMJ708" s="613"/>
      <c r="UMK708" s="613"/>
      <c r="UML708" s="613"/>
      <c r="UMM708" s="613"/>
      <c r="UMN708" s="613"/>
      <c r="UMO708" s="613"/>
      <c r="UMP708" s="613"/>
      <c r="UMQ708" s="613"/>
      <c r="UMR708" s="613"/>
      <c r="UMS708" s="613"/>
      <c r="UMT708" s="613"/>
      <c r="UMU708" s="613"/>
      <c r="UMV708" s="613"/>
      <c r="UMW708" s="613"/>
      <c r="UMX708" s="613"/>
      <c r="UMY708" s="613"/>
      <c r="UMZ708" s="613"/>
      <c r="UNA708" s="613"/>
      <c r="UNB708" s="613"/>
      <c r="UNC708" s="613"/>
      <c r="UND708" s="613"/>
      <c r="UNE708" s="613"/>
      <c r="UNF708" s="613"/>
      <c r="UNG708" s="613"/>
      <c r="UNH708" s="613"/>
      <c r="UNI708" s="613"/>
      <c r="UNJ708" s="613"/>
      <c r="UNK708" s="613"/>
      <c r="UNL708" s="613"/>
      <c r="UNM708" s="613"/>
      <c r="UNN708" s="613"/>
      <c r="UNO708" s="613"/>
      <c r="UNP708" s="613"/>
      <c r="UNQ708" s="613"/>
      <c r="UNR708" s="613"/>
      <c r="UNS708" s="613"/>
      <c r="UNT708" s="613"/>
      <c r="UNU708" s="613"/>
      <c r="UNV708" s="613"/>
      <c r="UNW708" s="613"/>
      <c r="UNX708" s="613"/>
      <c r="UNY708" s="613"/>
      <c r="UNZ708" s="613"/>
      <c r="UOA708" s="613"/>
      <c r="UOB708" s="613"/>
      <c r="UOC708" s="613"/>
      <c r="UOD708" s="613"/>
      <c r="UOE708" s="613"/>
      <c r="UOF708" s="613"/>
      <c r="UOG708" s="613"/>
      <c r="UOH708" s="613"/>
      <c r="UOI708" s="613"/>
      <c r="UOJ708" s="613"/>
      <c r="UOK708" s="613"/>
      <c r="UOL708" s="613"/>
      <c r="UOM708" s="613"/>
      <c r="UON708" s="613"/>
      <c r="UOO708" s="613"/>
      <c r="UOP708" s="613"/>
      <c r="UOQ708" s="613"/>
      <c r="UOR708" s="613"/>
      <c r="UOS708" s="613"/>
      <c r="UOT708" s="613"/>
      <c r="UOU708" s="613"/>
      <c r="UOV708" s="613"/>
      <c r="UOW708" s="613"/>
      <c r="UOX708" s="613"/>
      <c r="UOY708" s="613"/>
      <c r="UOZ708" s="613"/>
      <c r="UPA708" s="613"/>
      <c r="UPB708" s="613"/>
      <c r="UPC708" s="613"/>
      <c r="UPD708" s="613"/>
      <c r="UPE708" s="613"/>
      <c r="UPF708" s="613"/>
      <c r="UPG708" s="613"/>
      <c r="UPH708" s="613"/>
      <c r="UPI708" s="613"/>
      <c r="UPJ708" s="613"/>
      <c r="UPK708" s="613"/>
      <c r="UPL708" s="613"/>
      <c r="UPM708" s="613"/>
      <c r="UPN708" s="613"/>
      <c r="UPO708" s="613"/>
      <c r="UPP708" s="613"/>
      <c r="UPQ708" s="613"/>
      <c r="UPR708" s="613"/>
      <c r="UPS708" s="613"/>
      <c r="UPT708" s="613"/>
      <c r="UPU708" s="613"/>
      <c r="UPV708" s="613"/>
      <c r="UPW708" s="613"/>
      <c r="UPX708" s="613"/>
      <c r="UPY708" s="613"/>
      <c r="UPZ708" s="613"/>
      <c r="UQA708" s="613"/>
      <c r="UQB708" s="613"/>
      <c r="UQC708" s="613"/>
      <c r="UQD708" s="613"/>
      <c r="UQE708" s="613"/>
      <c r="UQF708" s="613"/>
      <c r="UQG708" s="613"/>
      <c r="UQH708" s="613"/>
      <c r="UQI708" s="613"/>
      <c r="UQJ708" s="613"/>
      <c r="UQK708" s="613"/>
      <c r="UQL708" s="613"/>
      <c r="UQM708" s="613"/>
      <c r="UQN708" s="613"/>
      <c r="UQO708" s="613"/>
      <c r="UQP708" s="613"/>
      <c r="UQQ708" s="613"/>
      <c r="UQR708" s="613"/>
      <c r="UQS708" s="613"/>
      <c r="UQT708" s="613"/>
      <c r="UQU708" s="613"/>
      <c r="UQV708" s="613"/>
      <c r="UQW708" s="613"/>
      <c r="UQX708" s="613"/>
      <c r="UQY708" s="613"/>
      <c r="UQZ708" s="613"/>
      <c r="URA708" s="613"/>
      <c r="URB708" s="613"/>
      <c r="URC708" s="613"/>
      <c r="URD708" s="613"/>
      <c r="URE708" s="613"/>
      <c r="URF708" s="613"/>
      <c r="URG708" s="613"/>
      <c r="URH708" s="613"/>
      <c r="URI708" s="613"/>
      <c r="URJ708" s="613"/>
      <c r="URK708" s="613"/>
      <c r="URL708" s="613"/>
      <c r="URM708" s="613"/>
      <c r="URN708" s="613"/>
      <c r="URO708" s="613"/>
      <c r="URP708" s="613"/>
      <c r="URQ708" s="613"/>
      <c r="URR708" s="613"/>
      <c r="URS708" s="613"/>
      <c r="URT708" s="613"/>
      <c r="URU708" s="613"/>
      <c r="URV708" s="613"/>
      <c r="URW708" s="613"/>
      <c r="URX708" s="613"/>
      <c r="URY708" s="613"/>
      <c r="URZ708" s="613"/>
      <c r="USA708" s="613"/>
      <c r="USB708" s="613"/>
      <c r="USC708" s="613"/>
      <c r="USD708" s="613"/>
      <c r="USE708" s="613"/>
      <c r="USF708" s="613"/>
      <c r="USG708" s="613"/>
      <c r="USH708" s="613"/>
      <c r="USI708" s="613"/>
      <c r="USJ708" s="613"/>
      <c r="USK708" s="613"/>
      <c r="USL708" s="613"/>
      <c r="USM708" s="613"/>
      <c r="USN708" s="613"/>
      <c r="USO708" s="613"/>
      <c r="USP708" s="613"/>
      <c r="USQ708" s="613"/>
      <c r="USR708" s="613"/>
      <c r="USS708" s="613"/>
      <c r="UST708" s="613"/>
      <c r="USU708" s="613"/>
      <c r="USV708" s="613"/>
      <c r="USW708" s="613"/>
      <c r="USX708" s="613"/>
      <c r="USY708" s="613"/>
      <c r="USZ708" s="613"/>
      <c r="UTA708" s="613"/>
      <c r="UTB708" s="613"/>
      <c r="UTC708" s="613"/>
      <c r="UTD708" s="613"/>
      <c r="UTE708" s="613"/>
      <c r="UTF708" s="613"/>
      <c r="UTG708" s="613"/>
      <c r="UTH708" s="613"/>
      <c r="UTI708" s="613"/>
      <c r="UTJ708" s="613"/>
      <c r="UTK708" s="613"/>
      <c r="UTL708" s="613"/>
      <c r="UTM708" s="613"/>
      <c r="UTN708" s="613"/>
      <c r="UTO708" s="613"/>
      <c r="UTP708" s="613"/>
      <c r="UTQ708" s="613"/>
      <c r="UTR708" s="613"/>
      <c r="UTS708" s="613"/>
      <c r="UTT708" s="613"/>
      <c r="UTU708" s="613"/>
      <c r="UTV708" s="613"/>
      <c r="UTW708" s="613"/>
      <c r="UTX708" s="613"/>
      <c r="UTY708" s="613"/>
      <c r="UTZ708" s="613"/>
      <c r="UUA708" s="613"/>
      <c r="UUB708" s="613"/>
      <c r="UUC708" s="613"/>
      <c r="UUD708" s="613"/>
      <c r="UUE708" s="613"/>
      <c r="UUF708" s="613"/>
      <c r="UUG708" s="613"/>
      <c r="UUH708" s="613"/>
      <c r="UUI708" s="613"/>
      <c r="UUJ708" s="613"/>
      <c r="UUK708" s="613"/>
      <c r="UUL708" s="613"/>
      <c r="UUM708" s="613"/>
      <c r="UUN708" s="613"/>
      <c r="UUO708" s="613"/>
      <c r="UUP708" s="613"/>
      <c r="UUQ708" s="613"/>
      <c r="UUR708" s="613"/>
      <c r="UUS708" s="613"/>
      <c r="UUT708" s="613"/>
      <c r="UUU708" s="613"/>
      <c r="UUV708" s="613"/>
      <c r="UUW708" s="613"/>
      <c r="UUX708" s="613"/>
      <c r="UUY708" s="613"/>
      <c r="UUZ708" s="613"/>
      <c r="UVA708" s="613"/>
      <c r="UVB708" s="613"/>
      <c r="UVC708" s="613"/>
      <c r="UVD708" s="613"/>
      <c r="UVE708" s="613"/>
      <c r="UVF708" s="613"/>
      <c r="UVG708" s="613"/>
      <c r="UVH708" s="613"/>
      <c r="UVI708" s="613"/>
      <c r="UVJ708" s="613"/>
      <c r="UVK708" s="613"/>
      <c r="UVL708" s="613"/>
      <c r="UVM708" s="613"/>
      <c r="UVN708" s="613"/>
      <c r="UVO708" s="613"/>
      <c r="UVP708" s="613"/>
      <c r="UVQ708" s="613"/>
      <c r="UVR708" s="613"/>
      <c r="UVS708" s="613"/>
      <c r="UVT708" s="613"/>
      <c r="UVU708" s="613"/>
      <c r="UVV708" s="613"/>
      <c r="UVW708" s="613"/>
      <c r="UVX708" s="613"/>
      <c r="UVY708" s="613"/>
      <c r="UVZ708" s="613"/>
      <c r="UWA708" s="613"/>
      <c r="UWB708" s="613"/>
      <c r="UWC708" s="613"/>
      <c r="UWD708" s="613"/>
      <c r="UWE708" s="613"/>
      <c r="UWF708" s="613"/>
      <c r="UWG708" s="613"/>
      <c r="UWH708" s="613"/>
      <c r="UWI708" s="613"/>
      <c r="UWJ708" s="613"/>
      <c r="UWK708" s="613"/>
      <c r="UWL708" s="613"/>
      <c r="UWM708" s="613"/>
      <c r="UWN708" s="613"/>
      <c r="UWO708" s="613"/>
      <c r="UWP708" s="613"/>
      <c r="UWQ708" s="613"/>
      <c r="UWR708" s="613"/>
      <c r="UWS708" s="613"/>
      <c r="UWT708" s="613"/>
      <c r="UWU708" s="613"/>
      <c r="UWV708" s="613"/>
      <c r="UWW708" s="613"/>
      <c r="UWX708" s="613"/>
      <c r="UWY708" s="613"/>
      <c r="UWZ708" s="613"/>
      <c r="UXA708" s="613"/>
      <c r="UXB708" s="613"/>
      <c r="UXC708" s="613"/>
      <c r="UXD708" s="613"/>
      <c r="UXE708" s="613"/>
      <c r="UXF708" s="613"/>
      <c r="UXG708" s="613"/>
      <c r="UXH708" s="613"/>
      <c r="UXI708" s="613"/>
      <c r="UXJ708" s="613"/>
      <c r="UXK708" s="613"/>
      <c r="UXL708" s="613"/>
      <c r="UXM708" s="613"/>
      <c r="UXN708" s="613"/>
      <c r="UXO708" s="613"/>
      <c r="UXP708" s="613"/>
      <c r="UXQ708" s="613"/>
      <c r="UXR708" s="613"/>
      <c r="UXS708" s="613"/>
      <c r="UXT708" s="613"/>
      <c r="UXU708" s="613"/>
      <c r="UXV708" s="613"/>
      <c r="UXW708" s="613"/>
      <c r="UXX708" s="613"/>
      <c r="UXY708" s="613"/>
      <c r="UXZ708" s="613"/>
      <c r="UYA708" s="613"/>
      <c r="UYB708" s="613"/>
      <c r="UYC708" s="613"/>
      <c r="UYD708" s="613"/>
      <c r="UYE708" s="613"/>
      <c r="UYF708" s="613"/>
      <c r="UYG708" s="613"/>
      <c r="UYH708" s="613"/>
      <c r="UYI708" s="613"/>
      <c r="UYJ708" s="613"/>
      <c r="UYK708" s="613"/>
      <c r="UYL708" s="613"/>
      <c r="UYM708" s="613"/>
      <c r="UYN708" s="613"/>
      <c r="UYO708" s="613"/>
      <c r="UYP708" s="613"/>
      <c r="UYQ708" s="613"/>
      <c r="UYR708" s="613"/>
      <c r="UYS708" s="613"/>
      <c r="UYT708" s="613"/>
      <c r="UYU708" s="613"/>
      <c r="UYV708" s="613"/>
      <c r="UYW708" s="613"/>
      <c r="UYX708" s="613"/>
      <c r="UYY708" s="613"/>
      <c r="UYZ708" s="613"/>
      <c r="UZA708" s="613"/>
      <c r="UZB708" s="613"/>
      <c r="UZC708" s="613"/>
      <c r="UZD708" s="613"/>
      <c r="UZE708" s="613"/>
      <c r="UZF708" s="613"/>
      <c r="UZG708" s="613"/>
      <c r="UZH708" s="613"/>
      <c r="UZI708" s="613"/>
      <c r="UZJ708" s="613"/>
      <c r="UZK708" s="613"/>
      <c r="UZL708" s="613"/>
      <c r="UZM708" s="613"/>
      <c r="UZN708" s="613"/>
      <c r="UZO708" s="613"/>
      <c r="UZP708" s="613"/>
      <c r="UZQ708" s="613"/>
      <c r="UZR708" s="613"/>
      <c r="UZS708" s="613"/>
      <c r="UZT708" s="613"/>
      <c r="UZU708" s="613"/>
      <c r="UZV708" s="613"/>
      <c r="UZW708" s="613"/>
      <c r="UZX708" s="613"/>
      <c r="UZY708" s="613"/>
      <c r="UZZ708" s="613"/>
      <c r="VAA708" s="613"/>
      <c r="VAB708" s="613"/>
      <c r="VAC708" s="613"/>
      <c r="VAD708" s="613"/>
      <c r="VAE708" s="613"/>
      <c r="VAF708" s="613"/>
      <c r="VAG708" s="613"/>
      <c r="VAH708" s="613"/>
      <c r="VAI708" s="613"/>
      <c r="VAJ708" s="613"/>
      <c r="VAK708" s="613"/>
      <c r="VAL708" s="613"/>
      <c r="VAM708" s="613"/>
      <c r="VAN708" s="613"/>
      <c r="VAO708" s="613"/>
      <c r="VAP708" s="613"/>
      <c r="VAQ708" s="613"/>
      <c r="VAR708" s="613"/>
      <c r="VAS708" s="613"/>
      <c r="VAT708" s="613"/>
      <c r="VAU708" s="613"/>
      <c r="VAV708" s="613"/>
      <c r="VAW708" s="613"/>
      <c r="VAX708" s="613"/>
      <c r="VAY708" s="613"/>
      <c r="VAZ708" s="613"/>
      <c r="VBA708" s="613"/>
      <c r="VBB708" s="613"/>
      <c r="VBC708" s="613"/>
      <c r="VBD708" s="613"/>
      <c r="VBE708" s="613"/>
      <c r="VBF708" s="613"/>
      <c r="VBG708" s="613"/>
      <c r="VBH708" s="613"/>
      <c r="VBI708" s="613"/>
      <c r="VBJ708" s="613"/>
      <c r="VBK708" s="613"/>
      <c r="VBL708" s="613"/>
      <c r="VBM708" s="613"/>
      <c r="VBN708" s="613"/>
      <c r="VBO708" s="613"/>
      <c r="VBP708" s="613"/>
      <c r="VBQ708" s="613"/>
      <c r="VBR708" s="613"/>
      <c r="VBS708" s="613"/>
      <c r="VBT708" s="613"/>
      <c r="VBU708" s="613"/>
      <c r="VBV708" s="613"/>
      <c r="VBW708" s="613"/>
      <c r="VBX708" s="613"/>
      <c r="VBY708" s="613"/>
      <c r="VBZ708" s="613"/>
      <c r="VCA708" s="613"/>
      <c r="VCB708" s="613"/>
      <c r="VCC708" s="613"/>
      <c r="VCD708" s="613"/>
      <c r="VCE708" s="613"/>
      <c r="VCF708" s="613"/>
      <c r="VCG708" s="613"/>
      <c r="VCH708" s="613"/>
      <c r="VCI708" s="613"/>
      <c r="VCJ708" s="613"/>
      <c r="VCK708" s="613"/>
      <c r="VCL708" s="613"/>
      <c r="VCM708" s="613"/>
      <c r="VCN708" s="613"/>
      <c r="VCO708" s="613"/>
      <c r="VCP708" s="613"/>
      <c r="VCQ708" s="613"/>
      <c r="VCR708" s="613"/>
      <c r="VCS708" s="613"/>
      <c r="VCT708" s="613"/>
      <c r="VCU708" s="613"/>
      <c r="VCV708" s="613"/>
      <c r="VCW708" s="613"/>
      <c r="VCX708" s="613"/>
      <c r="VCY708" s="613"/>
      <c r="VCZ708" s="613"/>
      <c r="VDA708" s="613"/>
      <c r="VDB708" s="613"/>
      <c r="VDC708" s="613"/>
      <c r="VDD708" s="613"/>
      <c r="VDE708" s="613"/>
      <c r="VDF708" s="613"/>
      <c r="VDG708" s="613"/>
      <c r="VDH708" s="613"/>
      <c r="VDI708" s="613"/>
      <c r="VDJ708" s="613"/>
      <c r="VDK708" s="613"/>
      <c r="VDL708" s="613"/>
      <c r="VDM708" s="613"/>
      <c r="VDN708" s="613"/>
      <c r="VDO708" s="613"/>
      <c r="VDP708" s="613"/>
      <c r="VDQ708" s="613"/>
      <c r="VDR708" s="613"/>
      <c r="VDS708" s="613"/>
      <c r="VDT708" s="613"/>
      <c r="VDU708" s="613"/>
      <c r="VDV708" s="613"/>
      <c r="VDW708" s="613"/>
      <c r="VDX708" s="613"/>
      <c r="VDY708" s="613"/>
      <c r="VDZ708" s="613"/>
      <c r="VEA708" s="613"/>
      <c r="VEB708" s="613"/>
      <c r="VEC708" s="613"/>
      <c r="VED708" s="613"/>
      <c r="VEE708" s="613"/>
      <c r="VEF708" s="613"/>
      <c r="VEG708" s="613"/>
      <c r="VEH708" s="613"/>
      <c r="VEI708" s="613"/>
      <c r="VEJ708" s="613"/>
      <c r="VEK708" s="613"/>
      <c r="VEL708" s="613"/>
      <c r="VEM708" s="613"/>
      <c r="VEN708" s="613"/>
      <c r="VEO708" s="613"/>
      <c r="VEP708" s="613"/>
      <c r="VEQ708" s="613"/>
      <c r="VER708" s="613"/>
      <c r="VES708" s="613"/>
      <c r="VET708" s="613"/>
      <c r="VEU708" s="613"/>
      <c r="VEV708" s="613"/>
      <c r="VEW708" s="613"/>
      <c r="VEX708" s="613"/>
      <c r="VEY708" s="613"/>
      <c r="VEZ708" s="613"/>
      <c r="VFA708" s="613"/>
      <c r="VFB708" s="613"/>
      <c r="VFC708" s="613"/>
      <c r="VFD708" s="613"/>
      <c r="VFE708" s="613"/>
      <c r="VFF708" s="613"/>
      <c r="VFG708" s="613"/>
      <c r="VFH708" s="613"/>
      <c r="VFI708" s="613"/>
      <c r="VFJ708" s="613"/>
      <c r="VFK708" s="613"/>
      <c r="VFL708" s="613"/>
      <c r="VFM708" s="613"/>
      <c r="VFN708" s="613"/>
      <c r="VFO708" s="613"/>
      <c r="VFP708" s="613"/>
      <c r="VFQ708" s="613"/>
      <c r="VFR708" s="613"/>
      <c r="VFS708" s="613"/>
      <c r="VFT708" s="613"/>
      <c r="VFU708" s="613"/>
      <c r="VFV708" s="613"/>
      <c r="VFW708" s="613"/>
      <c r="VFX708" s="613"/>
      <c r="VFY708" s="613"/>
      <c r="VFZ708" s="613"/>
      <c r="VGA708" s="613"/>
      <c r="VGB708" s="613"/>
      <c r="VGC708" s="613"/>
      <c r="VGD708" s="613"/>
      <c r="VGE708" s="613"/>
      <c r="VGF708" s="613"/>
      <c r="VGG708" s="613"/>
      <c r="VGH708" s="613"/>
      <c r="VGI708" s="613"/>
      <c r="VGJ708" s="613"/>
      <c r="VGK708" s="613"/>
      <c r="VGL708" s="613"/>
      <c r="VGM708" s="613"/>
      <c r="VGN708" s="613"/>
      <c r="VGO708" s="613"/>
      <c r="VGP708" s="613"/>
      <c r="VGQ708" s="613"/>
      <c r="VGR708" s="613"/>
      <c r="VGS708" s="613"/>
      <c r="VGT708" s="613"/>
      <c r="VGU708" s="613"/>
      <c r="VGV708" s="613"/>
      <c r="VGW708" s="613"/>
      <c r="VGX708" s="613"/>
      <c r="VGY708" s="613"/>
      <c r="VGZ708" s="613"/>
      <c r="VHA708" s="613"/>
      <c r="VHB708" s="613"/>
      <c r="VHC708" s="613"/>
      <c r="VHD708" s="613"/>
      <c r="VHE708" s="613"/>
      <c r="VHF708" s="613"/>
      <c r="VHG708" s="613"/>
      <c r="VHH708" s="613"/>
      <c r="VHI708" s="613"/>
      <c r="VHJ708" s="613"/>
      <c r="VHK708" s="613"/>
      <c r="VHL708" s="613"/>
      <c r="VHM708" s="613"/>
      <c r="VHN708" s="613"/>
      <c r="VHO708" s="613"/>
      <c r="VHP708" s="613"/>
      <c r="VHQ708" s="613"/>
      <c r="VHR708" s="613"/>
      <c r="VHS708" s="613"/>
      <c r="VHT708" s="613"/>
      <c r="VHU708" s="613"/>
      <c r="VHV708" s="613"/>
      <c r="VHW708" s="613"/>
      <c r="VHX708" s="613"/>
      <c r="VHY708" s="613"/>
      <c r="VHZ708" s="613"/>
      <c r="VIA708" s="613"/>
      <c r="VIB708" s="613"/>
      <c r="VIC708" s="613"/>
      <c r="VID708" s="613"/>
      <c r="VIE708" s="613"/>
      <c r="VIF708" s="613"/>
      <c r="VIG708" s="613"/>
      <c r="VIH708" s="613"/>
      <c r="VII708" s="613"/>
      <c r="VIJ708" s="613"/>
      <c r="VIK708" s="613"/>
      <c r="VIL708" s="613"/>
      <c r="VIM708" s="613"/>
      <c r="VIN708" s="613"/>
      <c r="VIO708" s="613"/>
      <c r="VIP708" s="613"/>
      <c r="VIQ708" s="613"/>
      <c r="VIR708" s="613"/>
      <c r="VIS708" s="613"/>
      <c r="VIT708" s="613"/>
      <c r="VIU708" s="613"/>
      <c r="VIV708" s="613"/>
      <c r="VIW708" s="613"/>
      <c r="VIX708" s="613"/>
      <c r="VIY708" s="613"/>
      <c r="VIZ708" s="613"/>
      <c r="VJA708" s="613"/>
      <c r="VJB708" s="613"/>
      <c r="VJC708" s="613"/>
      <c r="VJD708" s="613"/>
      <c r="VJE708" s="613"/>
      <c r="VJF708" s="613"/>
      <c r="VJG708" s="613"/>
      <c r="VJH708" s="613"/>
      <c r="VJI708" s="613"/>
      <c r="VJJ708" s="613"/>
      <c r="VJK708" s="613"/>
      <c r="VJL708" s="613"/>
      <c r="VJM708" s="613"/>
      <c r="VJN708" s="613"/>
      <c r="VJO708" s="613"/>
      <c r="VJP708" s="613"/>
      <c r="VJQ708" s="613"/>
      <c r="VJR708" s="613"/>
      <c r="VJS708" s="613"/>
      <c r="VJT708" s="613"/>
      <c r="VJU708" s="613"/>
      <c r="VJV708" s="613"/>
      <c r="VJW708" s="613"/>
      <c r="VJX708" s="613"/>
      <c r="VJY708" s="613"/>
      <c r="VJZ708" s="613"/>
      <c r="VKA708" s="613"/>
      <c r="VKB708" s="613"/>
      <c r="VKC708" s="613"/>
      <c r="VKD708" s="613"/>
      <c r="VKE708" s="613"/>
      <c r="VKF708" s="613"/>
      <c r="VKG708" s="613"/>
      <c r="VKH708" s="613"/>
      <c r="VKI708" s="613"/>
      <c r="VKJ708" s="613"/>
      <c r="VKK708" s="613"/>
      <c r="VKL708" s="613"/>
      <c r="VKM708" s="613"/>
      <c r="VKN708" s="613"/>
      <c r="VKO708" s="613"/>
      <c r="VKP708" s="613"/>
      <c r="VKQ708" s="613"/>
      <c r="VKR708" s="613"/>
      <c r="VKS708" s="613"/>
      <c r="VKT708" s="613"/>
      <c r="VKU708" s="613"/>
      <c r="VKV708" s="613"/>
      <c r="VKW708" s="613"/>
      <c r="VKX708" s="613"/>
      <c r="VKY708" s="613"/>
      <c r="VKZ708" s="613"/>
      <c r="VLA708" s="613"/>
      <c r="VLB708" s="613"/>
      <c r="VLC708" s="613"/>
      <c r="VLD708" s="613"/>
      <c r="VLE708" s="613"/>
      <c r="VLF708" s="613"/>
      <c r="VLG708" s="613"/>
      <c r="VLH708" s="613"/>
      <c r="VLI708" s="613"/>
      <c r="VLJ708" s="613"/>
      <c r="VLK708" s="613"/>
      <c r="VLL708" s="613"/>
      <c r="VLM708" s="613"/>
      <c r="VLN708" s="613"/>
      <c r="VLO708" s="613"/>
      <c r="VLP708" s="613"/>
      <c r="VLQ708" s="613"/>
      <c r="VLR708" s="613"/>
      <c r="VLS708" s="613"/>
      <c r="VLT708" s="613"/>
      <c r="VLU708" s="613"/>
      <c r="VLV708" s="613"/>
      <c r="VLW708" s="613"/>
      <c r="VLX708" s="613"/>
      <c r="VLY708" s="613"/>
      <c r="VLZ708" s="613"/>
      <c r="VMA708" s="613"/>
      <c r="VMB708" s="613"/>
      <c r="VMC708" s="613"/>
      <c r="VMD708" s="613"/>
      <c r="VME708" s="613"/>
      <c r="VMF708" s="613"/>
      <c r="VMG708" s="613"/>
      <c r="VMH708" s="613"/>
      <c r="VMI708" s="613"/>
      <c r="VMJ708" s="613"/>
      <c r="VMK708" s="613"/>
      <c r="VML708" s="613"/>
      <c r="VMM708" s="613"/>
      <c r="VMN708" s="613"/>
      <c r="VMO708" s="613"/>
      <c r="VMP708" s="613"/>
      <c r="VMQ708" s="613"/>
      <c r="VMR708" s="613"/>
      <c r="VMS708" s="613"/>
      <c r="VMT708" s="613"/>
      <c r="VMU708" s="613"/>
      <c r="VMV708" s="613"/>
      <c r="VMW708" s="613"/>
      <c r="VMX708" s="613"/>
      <c r="VMY708" s="613"/>
      <c r="VMZ708" s="613"/>
      <c r="VNA708" s="613"/>
      <c r="VNB708" s="613"/>
      <c r="VNC708" s="613"/>
      <c r="VND708" s="613"/>
      <c r="VNE708" s="613"/>
      <c r="VNF708" s="613"/>
      <c r="VNG708" s="613"/>
      <c r="VNH708" s="613"/>
      <c r="VNI708" s="613"/>
      <c r="VNJ708" s="613"/>
      <c r="VNK708" s="613"/>
      <c r="VNL708" s="613"/>
      <c r="VNM708" s="613"/>
      <c r="VNN708" s="613"/>
      <c r="VNO708" s="613"/>
      <c r="VNP708" s="613"/>
      <c r="VNQ708" s="613"/>
      <c r="VNR708" s="613"/>
      <c r="VNS708" s="613"/>
      <c r="VNT708" s="613"/>
      <c r="VNU708" s="613"/>
      <c r="VNV708" s="613"/>
      <c r="VNW708" s="613"/>
      <c r="VNX708" s="613"/>
      <c r="VNY708" s="613"/>
      <c r="VNZ708" s="613"/>
      <c r="VOA708" s="613"/>
      <c r="VOB708" s="613"/>
      <c r="VOC708" s="613"/>
      <c r="VOD708" s="613"/>
      <c r="VOE708" s="613"/>
      <c r="VOF708" s="613"/>
      <c r="VOG708" s="613"/>
      <c r="VOH708" s="613"/>
      <c r="VOI708" s="613"/>
      <c r="VOJ708" s="613"/>
      <c r="VOK708" s="613"/>
      <c r="VOL708" s="613"/>
      <c r="VOM708" s="613"/>
      <c r="VON708" s="613"/>
      <c r="VOO708" s="613"/>
      <c r="VOP708" s="613"/>
      <c r="VOQ708" s="613"/>
      <c r="VOR708" s="613"/>
      <c r="VOS708" s="613"/>
      <c r="VOT708" s="613"/>
      <c r="VOU708" s="613"/>
      <c r="VOV708" s="613"/>
      <c r="VOW708" s="613"/>
      <c r="VOX708" s="613"/>
      <c r="VOY708" s="613"/>
      <c r="VOZ708" s="613"/>
      <c r="VPA708" s="613"/>
      <c r="VPB708" s="613"/>
      <c r="VPC708" s="613"/>
      <c r="VPD708" s="613"/>
      <c r="VPE708" s="613"/>
      <c r="VPF708" s="613"/>
      <c r="VPG708" s="613"/>
      <c r="VPH708" s="613"/>
      <c r="VPI708" s="613"/>
      <c r="VPJ708" s="613"/>
      <c r="VPK708" s="613"/>
      <c r="VPL708" s="613"/>
      <c r="VPM708" s="613"/>
      <c r="VPN708" s="613"/>
      <c r="VPO708" s="613"/>
      <c r="VPP708" s="613"/>
      <c r="VPQ708" s="613"/>
      <c r="VPR708" s="613"/>
      <c r="VPS708" s="613"/>
      <c r="VPT708" s="613"/>
      <c r="VPU708" s="613"/>
      <c r="VPV708" s="613"/>
      <c r="VPW708" s="613"/>
      <c r="VPX708" s="613"/>
      <c r="VPY708" s="613"/>
      <c r="VPZ708" s="613"/>
      <c r="VQA708" s="613"/>
      <c r="VQB708" s="613"/>
      <c r="VQC708" s="613"/>
      <c r="VQD708" s="613"/>
      <c r="VQE708" s="613"/>
      <c r="VQF708" s="613"/>
      <c r="VQG708" s="613"/>
      <c r="VQH708" s="613"/>
      <c r="VQI708" s="613"/>
      <c r="VQJ708" s="613"/>
      <c r="VQK708" s="613"/>
      <c r="VQL708" s="613"/>
      <c r="VQM708" s="613"/>
      <c r="VQN708" s="613"/>
      <c r="VQO708" s="613"/>
      <c r="VQP708" s="613"/>
      <c r="VQQ708" s="613"/>
      <c r="VQR708" s="613"/>
      <c r="VQS708" s="613"/>
      <c r="VQT708" s="613"/>
      <c r="VQU708" s="613"/>
      <c r="VQV708" s="613"/>
      <c r="VQW708" s="613"/>
      <c r="VQX708" s="613"/>
      <c r="VQY708" s="613"/>
      <c r="VQZ708" s="613"/>
      <c r="VRA708" s="613"/>
      <c r="VRB708" s="613"/>
      <c r="VRC708" s="613"/>
      <c r="VRD708" s="613"/>
      <c r="VRE708" s="613"/>
      <c r="VRF708" s="613"/>
      <c r="VRG708" s="613"/>
      <c r="VRH708" s="613"/>
      <c r="VRI708" s="613"/>
      <c r="VRJ708" s="613"/>
      <c r="VRK708" s="613"/>
      <c r="VRL708" s="613"/>
      <c r="VRM708" s="613"/>
      <c r="VRN708" s="613"/>
      <c r="VRO708" s="613"/>
      <c r="VRP708" s="613"/>
      <c r="VRQ708" s="613"/>
      <c r="VRR708" s="613"/>
      <c r="VRS708" s="613"/>
      <c r="VRT708" s="613"/>
      <c r="VRU708" s="613"/>
      <c r="VRV708" s="613"/>
      <c r="VRW708" s="613"/>
      <c r="VRX708" s="613"/>
      <c r="VRY708" s="613"/>
      <c r="VRZ708" s="613"/>
      <c r="VSA708" s="613"/>
      <c r="VSB708" s="613"/>
      <c r="VSC708" s="613"/>
      <c r="VSD708" s="613"/>
      <c r="VSE708" s="613"/>
      <c r="VSF708" s="613"/>
      <c r="VSG708" s="613"/>
      <c r="VSH708" s="613"/>
      <c r="VSI708" s="613"/>
      <c r="VSJ708" s="613"/>
      <c r="VSK708" s="613"/>
      <c r="VSL708" s="613"/>
      <c r="VSM708" s="613"/>
      <c r="VSN708" s="613"/>
      <c r="VSO708" s="613"/>
      <c r="VSP708" s="613"/>
      <c r="VSQ708" s="613"/>
      <c r="VSR708" s="613"/>
      <c r="VSS708" s="613"/>
      <c r="VST708" s="613"/>
      <c r="VSU708" s="613"/>
      <c r="VSV708" s="613"/>
      <c r="VSW708" s="613"/>
      <c r="VSX708" s="613"/>
      <c r="VSY708" s="613"/>
      <c r="VSZ708" s="613"/>
      <c r="VTA708" s="613"/>
      <c r="VTB708" s="613"/>
      <c r="VTC708" s="613"/>
      <c r="VTD708" s="613"/>
      <c r="VTE708" s="613"/>
      <c r="VTF708" s="613"/>
      <c r="VTG708" s="613"/>
      <c r="VTH708" s="613"/>
      <c r="VTI708" s="613"/>
      <c r="VTJ708" s="613"/>
      <c r="VTK708" s="613"/>
      <c r="VTL708" s="613"/>
      <c r="VTM708" s="613"/>
      <c r="VTN708" s="613"/>
      <c r="VTO708" s="613"/>
      <c r="VTP708" s="613"/>
      <c r="VTQ708" s="613"/>
      <c r="VTR708" s="613"/>
      <c r="VTS708" s="613"/>
      <c r="VTT708" s="613"/>
      <c r="VTU708" s="613"/>
      <c r="VTV708" s="613"/>
      <c r="VTW708" s="613"/>
      <c r="VTX708" s="613"/>
      <c r="VTY708" s="613"/>
      <c r="VTZ708" s="613"/>
      <c r="VUA708" s="613"/>
      <c r="VUB708" s="613"/>
      <c r="VUC708" s="613"/>
      <c r="VUD708" s="613"/>
      <c r="VUE708" s="613"/>
      <c r="VUF708" s="613"/>
      <c r="VUG708" s="613"/>
      <c r="VUH708" s="613"/>
      <c r="VUI708" s="613"/>
      <c r="VUJ708" s="613"/>
      <c r="VUK708" s="613"/>
      <c r="VUL708" s="613"/>
      <c r="VUM708" s="613"/>
      <c r="VUN708" s="613"/>
      <c r="VUO708" s="613"/>
      <c r="VUP708" s="613"/>
      <c r="VUQ708" s="613"/>
      <c r="VUR708" s="613"/>
      <c r="VUS708" s="613"/>
      <c r="VUT708" s="613"/>
      <c r="VUU708" s="613"/>
      <c r="VUV708" s="613"/>
      <c r="VUW708" s="613"/>
      <c r="VUX708" s="613"/>
      <c r="VUY708" s="613"/>
      <c r="VUZ708" s="613"/>
      <c r="VVA708" s="613"/>
      <c r="VVB708" s="613"/>
      <c r="VVC708" s="613"/>
      <c r="VVD708" s="613"/>
      <c r="VVE708" s="613"/>
      <c r="VVF708" s="613"/>
      <c r="VVG708" s="613"/>
      <c r="VVH708" s="613"/>
      <c r="VVI708" s="613"/>
      <c r="VVJ708" s="613"/>
      <c r="VVK708" s="613"/>
      <c r="VVL708" s="613"/>
      <c r="VVM708" s="613"/>
      <c r="VVN708" s="613"/>
      <c r="VVO708" s="613"/>
      <c r="VVP708" s="613"/>
      <c r="VVQ708" s="613"/>
      <c r="VVR708" s="613"/>
      <c r="VVS708" s="613"/>
      <c r="VVT708" s="613"/>
      <c r="VVU708" s="613"/>
      <c r="VVV708" s="613"/>
      <c r="VVW708" s="613"/>
      <c r="VVX708" s="613"/>
      <c r="VVY708" s="613"/>
      <c r="VVZ708" s="613"/>
      <c r="VWA708" s="613"/>
      <c r="VWB708" s="613"/>
      <c r="VWC708" s="613"/>
      <c r="VWD708" s="613"/>
      <c r="VWE708" s="613"/>
      <c r="VWF708" s="613"/>
      <c r="VWG708" s="613"/>
      <c r="VWH708" s="613"/>
      <c r="VWI708" s="613"/>
      <c r="VWJ708" s="613"/>
      <c r="VWK708" s="613"/>
      <c r="VWL708" s="613"/>
      <c r="VWM708" s="613"/>
      <c r="VWN708" s="613"/>
      <c r="VWO708" s="613"/>
      <c r="VWP708" s="613"/>
      <c r="VWQ708" s="613"/>
      <c r="VWR708" s="613"/>
      <c r="VWS708" s="613"/>
      <c r="VWT708" s="613"/>
      <c r="VWU708" s="613"/>
      <c r="VWV708" s="613"/>
      <c r="VWW708" s="613"/>
      <c r="VWX708" s="613"/>
      <c r="VWY708" s="613"/>
      <c r="VWZ708" s="613"/>
      <c r="VXA708" s="613"/>
      <c r="VXB708" s="613"/>
      <c r="VXC708" s="613"/>
      <c r="VXD708" s="613"/>
      <c r="VXE708" s="613"/>
      <c r="VXF708" s="613"/>
      <c r="VXG708" s="613"/>
      <c r="VXH708" s="613"/>
      <c r="VXI708" s="613"/>
      <c r="VXJ708" s="613"/>
      <c r="VXK708" s="613"/>
      <c r="VXL708" s="613"/>
      <c r="VXM708" s="613"/>
      <c r="VXN708" s="613"/>
      <c r="VXO708" s="613"/>
      <c r="VXP708" s="613"/>
      <c r="VXQ708" s="613"/>
      <c r="VXR708" s="613"/>
      <c r="VXS708" s="613"/>
      <c r="VXT708" s="613"/>
      <c r="VXU708" s="613"/>
      <c r="VXV708" s="613"/>
      <c r="VXW708" s="613"/>
      <c r="VXX708" s="613"/>
      <c r="VXY708" s="613"/>
      <c r="VXZ708" s="613"/>
      <c r="VYA708" s="613"/>
      <c r="VYB708" s="613"/>
      <c r="VYC708" s="613"/>
      <c r="VYD708" s="613"/>
      <c r="VYE708" s="613"/>
      <c r="VYF708" s="613"/>
      <c r="VYG708" s="613"/>
      <c r="VYH708" s="613"/>
      <c r="VYI708" s="613"/>
      <c r="VYJ708" s="613"/>
      <c r="VYK708" s="613"/>
      <c r="VYL708" s="613"/>
      <c r="VYM708" s="613"/>
      <c r="VYN708" s="613"/>
      <c r="VYO708" s="613"/>
      <c r="VYP708" s="613"/>
      <c r="VYQ708" s="613"/>
      <c r="VYR708" s="613"/>
      <c r="VYS708" s="613"/>
      <c r="VYT708" s="613"/>
      <c r="VYU708" s="613"/>
      <c r="VYV708" s="613"/>
      <c r="VYW708" s="613"/>
      <c r="VYX708" s="613"/>
      <c r="VYY708" s="613"/>
      <c r="VYZ708" s="613"/>
      <c r="VZA708" s="613"/>
      <c r="VZB708" s="613"/>
      <c r="VZC708" s="613"/>
      <c r="VZD708" s="613"/>
      <c r="VZE708" s="613"/>
      <c r="VZF708" s="613"/>
      <c r="VZG708" s="613"/>
      <c r="VZH708" s="613"/>
      <c r="VZI708" s="613"/>
      <c r="VZJ708" s="613"/>
      <c r="VZK708" s="613"/>
      <c r="VZL708" s="613"/>
      <c r="VZM708" s="613"/>
      <c r="VZN708" s="613"/>
      <c r="VZO708" s="613"/>
      <c r="VZP708" s="613"/>
      <c r="VZQ708" s="613"/>
      <c r="VZR708" s="613"/>
      <c r="VZS708" s="613"/>
      <c r="VZT708" s="613"/>
      <c r="VZU708" s="613"/>
      <c r="VZV708" s="613"/>
      <c r="VZW708" s="613"/>
      <c r="VZX708" s="613"/>
      <c r="VZY708" s="613"/>
      <c r="VZZ708" s="613"/>
      <c r="WAA708" s="613"/>
      <c r="WAB708" s="613"/>
      <c r="WAC708" s="613"/>
      <c r="WAD708" s="613"/>
      <c r="WAE708" s="613"/>
      <c r="WAF708" s="613"/>
      <c r="WAG708" s="613"/>
      <c r="WAH708" s="613"/>
      <c r="WAI708" s="613"/>
      <c r="WAJ708" s="613"/>
      <c r="WAK708" s="613"/>
      <c r="WAL708" s="613"/>
      <c r="WAM708" s="613"/>
      <c r="WAN708" s="613"/>
      <c r="WAO708" s="613"/>
      <c r="WAP708" s="613"/>
      <c r="WAQ708" s="613"/>
      <c r="WAR708" s="613"/>
      <c r="WAS708" s="613"/>
      <c r="WAT708" s="613"/>
      <c r="WAU708" s="613"/>
      <c r="WAV708" s="613"/>
      <c r="WAW708" s="613"/>
      <c r="WAX708" s="613"/>
      <c r="WAY708" s="613"/>
      <c r="WAZ708" s="613"/>
      <c r="WBA708" s="613"/>
      <c r="WBB708" s="613"/>
      <c r="WBC708" s="613"/>
      <c r="WBD708" s="613"/>
      <c r="WBE708" s="613"/>
      <c r="WBF708" s="613"/>
      <c r="WBG708" s="613"/>
      <c r="WBH708" s="613"/>
      <c r="WBI708" s="613"/>
      <c r="WBJ708" s="613"/>
      <c r="WBK708" s="613"/>
      <c r="WBL708" s="613"/>
      <c r="WBM708" s="613"/>
      <c r="WBN708" s="613"/>
      <c r="WBO708" s="613"/>
      <c r="WBP708" s="613"/>
      <c r="WBQ708" s="613"/>
      <c r="WBR708" s="613"/>
      <c r="WBS708" s="613"/>
      <c r="WBT708" s="613"/>
      <c r="WBU708" s="613"/>
      <c r="WBV708" s="613"/>
      <c r="WBW708" s="613"/>
      <c r="WBX708" s="613"/>
      <c r="WBY708" s="613"/>
      <c r="WBZ708" s="613"/>
      <c r="WCA708" s="613"/>
      <c r="WCB708" s="613"/>
      <c r="WCC708" s="613"/>
      <c r="WCD708" s="613"/>
      <c r="WCE708" s="613"/>
      <c r="WCF708" s="613"/>
      <c r="WCG708" s="613"/>
      <c r="WCH708" s="613"/>
      <c r="WCI708" s="613"/>
      <c r="WCJ708" s="613"/>
      <c r="WCK708" s="613"/>
      <c r="WCL708" s="613"/>
      <c r="WCM708" s="613"/>
      <c r="WCN708" s="613"/>
      <c r="WCO708" s="613"/>
      <c r="WCP708" s="613"/>
      <c r="WCQ708" s="613"/>
      <c r="WCR708" s="613"/>
      <c r="WCS708" s="613"/>
      <c r="WCT708" s="613"/>
      <c r="WCU708" s="613"/>
      <c r="WCV708" s="613"/>
      <c r="WCW708" s="613"/>
      <c r="WCX708" s="613"/>
      <c r="WCY708" s="613"/>
      <c r="WCZ708" s="613"/>
      <c r="WDA708" s="613"/>
      <c r="WDB708" s="613"/>
      <c r="WDC708" s="613"/>
      <c r="WDD708" s="613"/>
      <c r="WDE708" s="613"/>
      <c r="WDF708" s="613"/>
      <c r="WDG708" s="613"/>
      <c r="WDH708" s="613"/>
      <c r="WDI708" s="613"/>
      <c r="WDJ708" s="613"/>
      <c r="WDK708" s="613"/>
      <c r="WDL708" s="613"/>
      <c r="WDM708" s="613"/>
      <c r="WDN708" s="613"/>
      <c r="WDO708" s="613"/>
      <c r="WDP708" s="613"/>
      <c r="WDQ708" s="613"/>
      <c r="WDR708" s="613"/>
      <c r="WDS708" s="613"/>
      <c r="WDT708" s="613"/>
      <c r="WDU708" s="613"/>
      <c r="WDV708" s="613"/>
      <c r="WDW708" s="613"/>
      <c r="WDX708" s="613"/>
      <c r="WDY708" s="613"/>
      <c r="WDZ708" s="613"/>
      <c r="WEA708" s="613"/>
      <c r="WEB708" s="613"/>
      <c r="WEC708" s="613"/>
      <c r="WED708" s="613"/>
      <c r="WEE708" s="613"/>
      <c r="WEF708" s="613"/>
      <c r="WEG708" s="613"/>
      <c r="WEH708" s="613"/>
      <c r="WEI708" s="613"/>
      <c r="WEJ708" s="613"/>
      <c r="WEK708" s="613"/>
      <c r="WEL708" s="613"/>
      <c r="WEM708" s="613"/>
      <c r="WEN708" s="613"/>
      <c r="WEO708" s="613"/>
      <c r="WEP708" s="613"/>
      <c r="WEQ708" s="613"/>
      <c r="WER708" s="613"/>
      <c r="WES708" s="613"/>
      <c r="WET708" s="613"/>
      <c r="WEU708" s="613"/>
      <c r="WEV708" s="613"/>
      <c r="WEW708" s="613"/>
      <c r="WEX708" s="613"/>
      <c r="WEY708" s="613"/>
      <c r="WEZ708" s="613"/>
      <c r="WFA708" s="613"/>
      <c r="WFB708" s="613"/>
      <c r="WFC708" s="613"/>
      <c r="WFD708" s="613"/>
      <c r="WFE708" s="613"/>
      <c r="WFF708" s="613"/>
      <c r="WFG708" s="613"/>
      <c r="WFH708" s="613"/>
      <c r="WFI708" s="613"/>
      <c r="WFJ708" s="613"/>
      <c r="WFK708" s="613"/>
      <c r="WFL708" s="613"/>
      <c r="WFM708" s="613"/>
      <c r="WFN708" s="613"/>
      <c r="WFO708" s="613"/>
      <c r="WFP708" s="613"/>
      <c r="WFQ708" s="613"/>
      <c r="WFR708" s="613"/>
      <c r="WFS708" s="613"/>
      <c r="WFT708" s="613"/>
      <c r="WFU708" s="613"/>
      <c r="WFV708" s="613"/>
      <c r="WFW708" s="613"/>
      <c r="WFX708" s="613"/>
      <c r="WFY708" s="613"/>
      <c r="WFZ708" s="613"/>
      <c r="WGA708" s="613"/>
      <c r="WGB708" s="613"/>
      <c r="WGC708" s="613"/>
      <c r="WGD708" s="613"/>
      <c r="WGE708" s="613"/>
      <c r="WGF708" s="613"/>
      <c r="WGG708" s="613"/>
      <c r="WGH708" s="613"/>
      <c r="WGI708" s="613"/>
      <c r="WGJ708" s="613"/>
      <c r="WGK708" s="613"/>
      <c r="WGL708" s="613"/>
      <c r="WGM708" s="613"/>
      <c r="WGN708" s="613"/>
      <c r="WGO708" s="613"/>
      <c r="WGP708" s="613"/>
      <c r="WGQ708" s="613"/>
      <c r="WGR708" s="613"/>
      <c r="WGS708" s="613"/>
      <c r="WGT708" s="613"/>
      <c r="WGU708" s="613"/>
      <c r="WGV708" s="613"/>
      <c r="WGW708" s="613"/>
      <c r="WGX708" s="613"/>
      <c r="WGY708" s="613"/>
      <c r="WGZ708" s="613"/>
      <c r="WHA708" s="613"/>
      <c r="WHB708" s="613"/>
      <c r="WHC708" s="613"/>
      <c r="WHD708" s="613"/>
      <c r="WHE708" s="613"/>
      <c r="WHF708" s="613"/>
      <c r="WHG708" s="613"/>
      <c r="WHH708" s="613"/>
      <c r="WHI708" s="613"/>
      <c r="WHJ708" s="613"/>
      <c r="WHK708" s="613"/>
      <c r="WHL708" s="613"/>
      <c r="WHM708" s="613"/>
      <c r="WHN708" s="613"/>
      <c r="WHO708" s="613"/>
      <c r="WHP708" s="613"/>
      <c r="WHQ708" s="613"/>
      <c r="WHR708" s="613"/>
      <c r="WHS708" s="613"/>
      <c r="WHT708" s="613"/>
      <c r="WHU708" s="613"/>
      <c r="WHV708" s="613"/>
      <c r="WHW708" s="613"/>
      <c r="WHX708" s="613"/>
      <c r="WHY708" s="613"/>
      <c r="WHZ708" s="613"/>
      <c r="WIA708" s="613"/>
      <c r="WIB708" s="613"/>
      <c r="WIC708" s="613"/>
      <c r="WID708" s="613"/>
      <c r="WIE708" s="613"/>
      <c r="WIF708" s="613"/>
      <c r="WIG708" s="613"/>
      <c r="WIH708" s="613"/>
      <c r="WII708" s="613"/>
      <c r="WIJ708" s="613"/>
      <c r="WIK708" s="613"/>
      <c r="WIL708" s="613"/>
      <c r="WIM708" s="613"/>
      <c r="WIN708" s="613"/>
      <c r="WIO708" s="613"/>
      <c r="WIP708" s="613"/>
      <c r="WIQ708" s="613"/>
      <c r="WIR708" s="613"/>
      <c r="WIS708" s="613"/>
      <c r="WIT708" s="613"/>
      <c r="WIU708" s="613"/>
      <c r="WIV708" s="613"/>
      <c r="WIW708" s="613"/>
      <c r="WIX708" s="613"/>
      <c r="WIY708" s="613"/>
      <c r="WIZ708" s="613"/>
      <c r="WJA708" s="613"/>
      <c r="WJB708" s="613"/>
      <c r="WJC708" s="613"/>
      <c r="WJD708" s="613"/>
      <c r="WJE708" s="613"/>
      <c r="WJF708" s="613"/>
      <c r="WJG708" s="613"/>
      <c r="WJH708" s="613"/>
      <c r="WJI708" s="613"/>
      <c r="WJJ708" s="613"/>
      <c r="WJK708" s="613"/>
      <c r="WJL708" s="613"/>
      <c r="WJM708" s="613"/>
      <c r="WJN708" s="613"/>
      <c r="WJO708" s="613"/>
      <c r="WJP708" s="613"/>
      <c r="WJQ708" s="613"/>
      <c r="WJR708" s="613"/>
      <c r="WJS708" s="613"/>
      <c r="WJT708" s="613"/>
      <c r="WJU708" s="613"/>
      <c r="WJV708" s="613"/>
      <c r="WJW708" s="613"/>
      <c r="WJX708" s="613"/>
      <c r="WJY708" s="613"/>
      <c r="WJZ708" s="613"/>
      <c r="WKA708" s="613"/>
      <c r="WKB708" s="613"/>
      <c r="WKC708" s="613"/>
      <c r="WKD708" s="613"/>
      <c r="WKE708" s="613"/>
      <c r="WKF708" s="613"/>
      <c r="WKG708" s="613"/>
      <c r="WKH708" s="613"/>
      <c r="WKI708" s="613"/>
      <c r="WKJ708" s="613"/>
      <c r="WKK708" s="613"/>
      <c r="WKL708" s="613"/>
      <c r="WKM708" s="613"/>
      <c r="WKN708" s="613"/>
      <c r="WKO708" s="613"/>
      <c r="WKP708" s="613"/>
      <c r="WKQ708" s="613"/>
      <c r="WKR708" s="613"/>
      <c r="WKS708" s="613"/>
      <c r="WKT708" s="613"/>
      <c r="WKU708" s="613"/>
      <c r="WKV708" s="613"/>
      <c r="WKW708" s="613"/>
      <c r="WKX708" s="613"/>
      <c r="WKY708" s="613"/>
      <c r="WKZ708" s="613"/>
      <c r="WLA708" s="613"/>
      <c r="WLB708" s="613"/>
      <c r="WLC708" s="613"/>
      <c r="WLD708" s="613"/>
      <c r="WLE708" s="613"/>
      <c r="WLF708" s="613"/>
      <c r="WLG708" s="613"/>
      <c r="WLH708" s="613"/>
      <c r="WLI708" s="613"/>
      <c r="WLJ708" s="613"/>
      <c r="WLK708" s="613"/>
      <c r="WLL708" s="613"/>
      <c r="WLM708" s="613"/>
      <c r="WLN708" s="613"/>
      <c r="WLO708" s="613"/>
      <c r="WLP708" s="613"/>
      <c r="WLQ708" s="613"/>
      <c r="WLR708" s="613"/>
      <c r="WLS708" s="613"/>
      <c r="WLT708" s="613"/>
      <c r="WLU708" s="613"/>
      <c r="WLV708" s="613"/>
      <c r="WLW708" s="613"/>
      <c r="WLX708" s="613"/>
      <c r="WLY708" s="613"/>
      <c r="WLZ708" s="613"/>
      <c r="WMA708" s="613"/>
      <c r="WMB708" s="613"/>
      <c r="WMC708" s="613"/>
      <c r="WMD708" s="613"/>
      <c r="WME708" s="613"/>
      <c r="WMF708" s="613"/>
      <c r="WMG708" s="613"/>
      <c r="WMH708" s="613"/>
      <c r="WMI708" s="613"/>
      <c r="WMJ708" s="613"/>
      <c r="WMK708" s="613"/>
      <c r="WML708" s="613"/>
      <c r="WMM708" s="613"/>
      <c r="WMN708" s="613"/>
      <c r="WMO708" s="613"/>
      <c r="WMP708" s="613"/>
      <c r="WMQ708" s="613"/>
      <c r="WMR708" s="613"/>
      <c r="WMS708" s="613"/>
      <c r="WMT708" s="613"/>
      <c r="WMU708" s="613"/>
      <c r="WMV708" s="613"/>
      <c r="WMW708" s="613"/>
      <c r="WMX708" s="613"/>
      <c r="WMY708" s="613"/>
      <c r="WMZ708" s="613"/>
      <c r="WNA708" s="613"/>
      <c r="WNB708" s="613"/>
      <c r="WNC708" s="613"/>
      <c r="WND708" s="613"/>
      <c r="WNE708" s="613"/>
      <c r="WNF708" s="613"/>
      <c r="WNG708" s="613"/>
      <c r="WNH708" s="613"/>
      <c r="WNI708" s="613"/>
      <c r="WNJ708" s="613"/>
      <c r="WNK708" s="613"/>
      <c r="WNL708" s="613"/>
      <c r="WNM708" s="613"/>
      <c r="WNN708" s="613"/>
      <c r="WNO708" s="613"/>
      <c r="WNP708" s="613"/>
      <c r="WNQ708" s="613"/>
      <c r="WNR708" s="613"/>
      <c r="WNS708" s="613"/>
      <c r="WNT708" s="613"/>
      <c r="WNU708" s="613"/>
      <c r="WNV708" s="613"/>
      <c r="WNW708" s="613"/>
      <c r="WNX708" s="613"/>
      <c r="WNY708" s="613"/>
      <c r="WNZ708" s="613"/>
      <c r="WOA708" s="613"/>
      <c r="WOB708" s="613"/>
      <c r="WOC708" s="613"/>
      <c r="WOD708" s="613"/>
      <c r="WOE708" s="613"/>
      <c r="WOF708" s="613"/>
      <c r="WOG708" s="613"/>
      <c r="WOH708" s="613"/>
      <c r="WOI708" s="613"/>
      <c r="WOJ708" s="613"/>
      <c r="WOK708" s="613"/>
      <c r="WOL708" s="613"/>
      <c r="WOM708" s="613"/>
      <c r="WON708" s="613"/>
      <c r="WOO708" s="613"/>
      <c r="WOP708" s="613"/>
      <c r="WOQ708" s="613"/>
      <c r="WOR708" s="613"/>
      <c r="WOS708" s="613"/>
      <c r="WOT708" s="613"/>
      <c r="WOU708" s="613"/>
      <c r="WOV708" s="613"/>
      <c r="WOW708" s="613"/>
      <c r="WOX708" s="613"/>
      <c r="WOY708" s="613"/>
      <c r="WOZ708" s="613"/>
      <c r="WPA708" s="613"/>
      <c r="WPB708" s="613"/>
      <c r="WPC708" s="613"/>
      <c r="WPD708" s="613"/>
      <c r="WPE708" s="613"/>
      <c r="WPF708" s="613"/>
      <c r="WPG708" s="613"/>
      <c r="WPH708" s="613"/>
      <c r="WPI708" s="613"/>
      <c r="WPJ708" s="613"/>
      <c r="WPK708" s="613"/>
      <c r="WPL708" s="613"/>
      <c r="WPM708" s="613"/>
      <c r="WPN708" s="613"/>
      <c r="WPO708" s="613"/>
      <c r="WPP708" s="613"/>
      <c r="WPQ708" s="613"/>
      <c r="WPR708" s="613"/>
      <c r="WPS708" s="613"/>
      <c r="WPT708" s="613"/>
      <c r="WPU708" s="613"/>
      <c r="WPV708" s="613"/>
      <c r="WPW708" s="613"/>
      <c r="WPX708" s="613"/>
      <c r="WPY708" s="613"/>
      <c r="WPZ708" s="613"/>
      <c r="WQA708" s="613"/>
      <c r="WQB708" s="613"/>
      <c r="WQC708" s="613"/>
      <c r="WQD708" s="613"/>
      <c r="WQE708" s="613"/>
      <c r="WQF708" s="613"/>
      <c r="WQG708" s="613"/>
      <c r="WQH708" s="613"/>
      <c r="WQI708" s="613"/>
      <c r="WQJ708" s="613"/>
      <c r="WQK708" s="613"/>
      <c r="WQL708" s="613"/>
      <c r="WQM708" s="613"/>
      <c r="WQN708" s="613"/>
      <c r="WQO708" s="613"/>
      <c r="WQP708" s="613"/>
      <c r="WQQ708" s="613"/>
      <c r="WQR708" s="613"/>
      <c r="WQS708" s="613"/>
      <c r="WQT708" s="613"/>
      <c r="WQU708" s="613"/>
      <c r="WQV708" s="613"/>
      <c r="WQW708" s="613"/>
      <c r="WQX708" s="613"/>
      <c r="WQY708" s="613"/>
      <c r="WQZ708" s="613"/>
      <c r="WRA708" s="613"/>
      <c r="WRB708" s="613"/>
      <c r="WRC708" s="613"/>
      <c r="WRD708" s="613"/>
      <c r="WRE708" s="613"/>
      <c r="WRF708" s="613"/>
      <c r="WRG708" s="613"/>
      <c r="WRH708" s="613"/>
      <c r="WRI708" s="613"/>
      <c r="WRJ708" s="613"/>
      <c r="WRK708" s="613"/>
      <c r="WRL708" s="613"/>
      <c r="WRM708" s="613"/>
      <c r="WRN708" s="613"/>
      <c r="WRO708" s="613"/>
      <c r="WRP708" s="613"/>
      <c r="WRQ708" s="613"/>
      <c r="WRR708" s="613"/>
      <c r="WRS708" s="613"/>
      <c r="WRT708" s="613"/>
      <c r="WRU708" s="613"/>
      <c r="WRV708" s="613"/>
      <c r="WRW708" s="613"/>
      <c r="WRX708" s="613"/>
      <c r="WRY708" s="613"/>
      <c r="WRZ708" s="613"/>
      <c r="WSA708" s="613"/>
      <c r="WSB708" s="613"/>
      <c r="WSC708" s="613"/>
      <c r="WSD708" s="613"/>
      <c r="WSE708" s="613"/>
      <c r="WSF708" s="613"/>
      <c r="WSG708" s="613"/>
      <c r="WSH708" s="613"/>
      <c r="WSI708" s="613"/>
      <c r="WSJ708" s="613"/>
      <c r="WSK708" s="613"/>
      <c r="WSL708" s="613"/>
      <c r="WSM708" s="613"/>
      <c r="WSN708" s="613"/>
      <c r="WSO708" s="613"/>
      <c r="WSP708" s="613"/>
      <c r="WSQ708" s="613"/>
      <c r="WSR708" s="613"/>
      <c r="WSS708" s="613"/>
      <c r="WST708" s="613"/>
      <c r="WSU708" s="613"/>
      <c r="WSV708" s="613"/>
      <c r="WSW708" s="613"/>
      <c r="WSX708" s="613"/>
      <c r="WSY708" s="613"/>
      <c r="WSZ708" s="613"/>
      <c r="WTA708" s="613"/>
      <c r="WTB708" s="613"/>
      <c r="WTC708" s="613"/>
      <c r="WTD708" s="613"/>
      <c r="WTE708" s="613"/>
      <c r="WTF708" s="613"/>
      <c r="WTG708" s="613"/>
      <c r="WTH708" s="613"/>
      <c r="WTI708" s="613"/>
      <c r="WTJ708" s="613"/>
      <c r="WTK708" s="613"/>
      <c r="WTL708" s="613"/>
      <c r="WTM708" s="613"/>
      <c r="WTN708" s="613"/>
      <c r="WTO708" s="613"/>
      <c r="WTP708" s="613"/>
      <c r="WTQ708" s="613"/>
      <c r="WTR708" s="613"/>
      <c r="WTS708" s="613"/>
      <c r="WTT708" s="613"/>
      <c r="WTU708" s="613"/>
      <c r="WTV708" s="613"/>
      <c r="WTW708" s="613"/>
      <c r="WTX708" s="613"/>
      <c r="WTY708" s="613"/>
      <c r="WTZ708" s="613"/>
      <c r="WUA708" s="613"/>
      <c r="WUB708" s="613"/>
      <c r="WUC708" s="613"/>
      <c r="WUD708" s="613"/>
      <c r="WUE708" s="613"/>
      <c r="WUF708" s="613"/>
      <c r="WUG708" s="613"/>
      <c r="WUH708" s="613"/>
      <c r="WUI708" s="613"/>
      <c r="WUJ708" s="613"/>
      <c r="WUK708" s="613"/>
      <c r="WUL708" s="613"/>
      <c r="WUM708" s="613"/>
      <c r="WUN708" s="613"/>
      <c r="WUO708" s="613"/>
      <c r="WUP708" s="613"/>
      <c r="WUQ708" s="613"/>
      <c r="WUR708" s="613"/>
      <c r="WUS708" s="613"/>
      <c r="WUT708" s="613"/>
      <c r="WUU708" s="613"/>
      <c r="WUV708" s="613"/>
      <c r="WUW708" s="613"/>
      <c r="WUX708" s="613"/>
      <c r="WUY708" s="613"/>
      <c r="WUZ708" s="613"/>
      <c r="WVA708" s="613"/>
      <c r="WVB708" s="613"/>
      <c r="WVC708" s="613"/>
      <c r="WVD708" s="613"/>
      <c r="WVE708" s="613"/>
      <c r="WVF708" s="613"/>
      <c r="WVG708" s="613"/>
      <c r="WVH708" s="613"/>
      <c r="WVI708" s="613"/>
      <c r="WVJ708" s="613"/>
      <c r="WVK708" s="613"/>
      <c r="WVL708" s="613"/>
      <c r="WVM708" s="613"/>
      <c r="WVN708" s="613"/>
      <c r="WVO708" s="613"/>
      <c r="WVP708" s="613"/>
      <c r="WVQ708" s="613"/>
      <c r="WVR708" s="613"/>
      <c r="WVS708" s="613"/>
      <c r="WVT708" s="613"/>
      <c r="WVU708" s="613"/>
      <c r="WVV708" s="613"/>
      <c r="WVW708" s="613"/>
      <c r="WVX708" s="613"/>
      <c r="WVY708" s="613"/>
      <c r="WVZ708" s="613"/>
      <c r="WWA708" s="613"/>
      <c r="WWB708" s="613"/>
      <c r="WWC708" s="613"/>
      <c r="WWD708" s="613"/>
      <c r="WWE708" s="613"/>
      <c r="WWF708" s="613"/>
      <c r="WWG708" s="613"/>
      <c r="WWH708" s="613"/>
      <c r="WWI708" s="613"/>
      <c r="WWJ708" s="613"/>
      <c r="WWK708" s="613"/>
      <c r="WWL708" s="613"/>
      <c r="WWM708" s="613"/>
      <c r="WWN708" s="613"/>
      <c r="WWO708" s="613"/>
      <c r="WWP708" s="613"/>
      <c r="WWQ708" s="613"/>
      <c r="WWR708" s="613"/>
      <c r="WWS708" s="613"/>
      <c r="WWT708" s="613"/>
      <c r="WWU708" s="613"/>
      <c r="WWV708" s="613"/>
      <c r="WWW708" s="613"/>
      <c r="WWX708" s="613"/>
      <c r="WWY708" s="613"/>
      <c r="WWZ708" s="613"/>
      <c r="WXA708" s="613"/>
      <c r="WXB708" s="613"/>
      <c r="WXC708" s="613"/>
      <c r="WXD708" s="613"/>
      <c r="WXE708" s="613"/>
      <c r="WXF708" s="613"/>
      <c r="WXG708" s="613"/>
      <c r="WXH708" s="613"/>
      <c r="WXI708" s="613"/>
      <c r="WXJ708" s="613"/>
      <c r="WXK708" s="613"/>
      <c r="WXL708" s="613"/>
      <c r="WXM708" s="613"/>
      <c r="WXN708" s="613"/>
      <c r="WXO708" s="613"/>
      <c r="WXP708" s="613"/>
      <c r="WXQ708" s="613"/>
      <c r="WXR708" s="613"/>
      <c r="WXS708" s="613"/>
      <c r="WXT708" s="613"/>
      <c r="WXU708" s="613"/>
      <c r="WXV708" s="613"/>
      <c r="WXW708" s="613"/>
      <c r="WXX708" s="613"/>
      <c r="WXY708" s="613"/>
      <c r="WXZ708" s="613"/>
      <c r="WYA708" s="613"/>
      <c r="WYB708" s="613"/>
      <c r="WYC708" s="613"/>
      <c r="WYD708" s="613"/>
      <c r="WYE708" s="613"/>
      <c r="WYF708" s="613"/>
      <c r="WYG708" s="613"/>
      <c r="WYH708" s="613"/>
      <c r="WYI708" s="613"/>
      <c r="WYJ708" s="613"/>
      <c r="WYK708" s="613"/>
      <c r="WYL708" s="613"/>
      <c r="WYM708" s="613"/>
      <c r="WYN708" s="613"/>
      <c r="WYO708" s="613"/>
      <c r="WYP708" s="613"/>
      <c r="WYQ708" s="613"/>
      <c r="WYR708" s="613"/>
      <c r="WYS708" s="613"/>
      <c r="WYT708" s="613"/>
      <c r="WYU708" s="613"/>
      <c r="WYV708" s="613"/>
      <c r="WYW708" s="613"/>
      <c r="WYX708" s="613"/>
      <c r="WYY708" s="613"/>
      <c r="WYZ708" s="613"/>
      <c r="WZA708" s="613"/>
      <c r="WZB708" s="613"/>
      <c r="WZC708" s="613"/>
      <c r="WZD708" s="613"/>
      <c r="WZE708" s="613"/>
      <c r="WZF708" s="613"/>
      <c r="WZG708" s="613"/>
      <c r="WZH708" s="613"/>
      <c r="WZI708" s="613"/>
      <c r="WZJ708" s="613"/>
      <c r="WZK708" s="613"/>
      <c r="WZL708" s="613"/>
      <c r="WZM708" s="613"/>
      <c r="WZN708" s="613"/>
      <c r="WZO708" s="613"/>
      <c r="WZP708" s="613"/>
      <c r="WZQ708" s="613"/>
      <c r="WZR708" s="613"/>
      <c r="WZS708" s="613"/>
      <c r="WZT708" s="613"/>
      <c r="WZU708" s="613"/>
      <c r="WZV708" s="613"/>
      <c r="WZW708" s="613"/>
      <c r="WZX708" s="613"/>
      <c r="WZY708" s="613"/>
      <c r="WZZ708" s="613"/>
      <c r="XAA708" s="613"/>
      <c r="XAB708" s="613"/>
      <c r="XAC708" s="613"/>
      <c r="XAD708" s="613"/>
      <c r="XAE708" s="613"/>
      <c r="XAF708" s="613"/>
      <c r="XAG708" s="613"/>
      <c r="XAH708" s="613"/>
      <c r="XAI708" s="613"/>
      <c r="XAJ708" s="613"/>
      <c r="XAK708" s="613"/>
      <c r="XAL708" s="613"/>
      <c r="XAM708" s="613"/>
      <c r="XAN708" s="613"/>
      <c r="XAO708" s="613"/>
      <c r="XAP708" s="613"/>
      <c r="XAQ708" s="613"/>
      <c r="XAR708" s="613"/>
      <c r="XAS708" s="613"/>
      <c r="XAT708" s="613"/>
      <c r="XAU708" s="613"/>
      <c r="XAV708" s="613"/>
      <c r="XAW708" s="613"/>
      <c r="XAX708" s="613"/>
      <c r="XAY708" s="613"/>
      <c r="XAZ708" s="613"/>
      <c r="XBA708" s="613"/>
      <c r="XBB708" s="613"/>
      <c r="XBC708" s="613"/>
      <c r="XBD708" s="613"/>
      <c r="XBE708" s="613"/>
      <c r="XBF708" s="613"/>
      <c r="XBG708" s="613"/>
      <c r="XBH708" s="613"/>
      <c r="XBI708" s="613"/>
      <c r="XBJ708" s="613"/>
      <c r="XBK708" s="613"/>
      <c r="XBL708" s="613"/>
      <c r="XBM708" s="613"/>
      <c r="XBN708" s="613"/>
      <c r="XBO708" s="613"/>
      <c r="XBP708" s="613"/>
      <c r="XBQ708" s="613"/>
      <c r="XBR708" s="613"/>
      <c r="XBS708" s="613"/>
      <c r="XBT708" s="613"/>
      <c r="XBU708" s="613"/>
      <c r="XBV708" s="613"/>
      <c r="XBW708" s="613"/>
      <c r="XBX708" s="613"/>
      <c r="XBY708" s="613"/>
      <c r="XBZ708" s="613"/>
      <c r="XCA708" s="613"/>
      <c r="XCB708" s="613"/>
      <c r="XCC708" s="613"/>
      <c r="XCD708" s="613"/>
      <c r="XCE708" s="613"/>
      <c r="XCF708" s="613"/>
      <c r="XCG708" s="613"/>
      <c r="XCH708" s="613"/>
      <c r="XCI708" s="613"/>
      <c r="XCJ708" s="613"/>
      <c r="XCK708" s="613"/>
      <c r="XCL708" s="613"/>
      <c r="XCM708" s="613"/>
      <c r="XCN708" s="613"/>
      <c r="XCO708" s="613"/>
      <c r="XCP708" s="613"/>
      <c r="XCQ708" s="613"/>
    </row>
    <row r="709" spans="1:16319" ht="56.1" customHeight="1" x14ac:dyDescent="0.2">
      <c r="A709" s="494"/>
      <c r="B709" s="494"/>
      <c r="C709" s="494"/>
      <c r="D709" s="481">
        <v>130</v>
      </c>
      <c r="E709" s="481"/>
      <c r="F709" s="481" t="s">
        <v>2481</v>
      </c>
      <c r="G709" s="482" t="s">
        <v>53</v>
      </c>
      <c r="H709" s="481" t="s">
        <v>329</v>
      </c>
      <c r="I709" s="654" t="s">
        <v>330</v>
      </c>
      <c r="J709" s="654" t="s">
        <v>369</v>
      </c>
      <c r="K709" s="495" t="s">
        <v>389</v>
      </c>
      <c r="L709" s="621"/>
      <c r="M709" s="484" t="s">
        <v>58</v>
      </c>
      <c r="N709" s="327" t="s">
        <v>1370</v>
      </c>
      <c r="O709" s="484" t="s">
        <v>2996</v>
      </c>
      <c r="P709" s="484" t="s">
        <v>388</v>
      </c>
      <c r="Q709" s="667" t="s">
        <v>334</v>
      </c>
      <c r="R709" s="484" t="s">
        <v>334</v>
      </c>
      <c r="S709" s="484" t="s">
        <v>390</v>
      </c>
      <c r="T709" s="484"/>
      <c r="U709" s="620" t="s">
        <v>63</v>
      </c>
      <c r="V709" s="620" t="s">
        <v>63</v>
      </c>
      <c r="W709" s="723">
        <v>324170.75914883986</v>
      </c>
      <c r="X709" s="723"/>
      <c r="Y709" s="654" t="s">
        <v>226</v>
      </c>
      <c r="Z709" s="654"/>
      <c r="AA709" s="723">
        <v>324170.75914883986</v>
      </c>
      <c r="AB709" s="652" t="s">
        <v>82</v>
      </c>
      <c r="AC709" s="652"/>
      <c r="AD709" s="496"/>
      <c r="AE709" s="496"/>
      <c r="AF709" s="496"/>
      <c r="AG709" s="496"/>
      <c r="AH709" s="496"/>
      <c r="AI709" s="487"/>
      <c r="AJ709" s="496"/>
      <c r="AK709" s="496"/>
      <c r="AL709" s="496"/>
      <c r="AM709" s="496"/>
      <c r="AN709" s="496" t="s">
        <v>66</v>
      </c>
      <c r="AO709" s="496"/>
      <c r="AP709" s="496"/>
      <c r="AQ709" s="496"/>
      <c r="AR709" s="496"/>
      <c r="AS709" s="496"/>
      <c r="AT709" s="496"/>
      <c r="AU709" s="487"/>
      <c r="AV709" s="487"/>
      <c r="AW709" s="487"/>
      <c r="AX709" s="487"/>
      <c r="AY709" s="487"/>
      <c r="AZ709" s="487"/>
      <c r="BA709" s="484"/>
      <c r="BB709" s="484"/>
      <c r="BC709" s="484"/>
      <c r="BD709" s="494"/>
      <c r="BE709" s="494"/>
      <c r="BF709" s="613"/>
      <c r="BG709" s="613"/>
      <c r="BH709" s="613"/>
      <c r="BI709" s="613"/>
      <c r="BJ709" s="613"/>
      <c r="BK709" s="613"/>
      <c r="BL709" s="613"/>
      <c r="BM709" s="613"/>
      <c r="BN709" s="613"/>
      <c r="BO709" s="613"/>
      <c r="BP709" s="613"/>
      <c r="BQ709" s="613"/>
      <c r="BR709" s="613"/>
      <c r="BS709" s="613"/>
      <c r="BT709" s="613"/>
      <c r="BU709" s="613"/>
      <c r="BV709" s="613"/>
      <c r="BW709" s="613"/>
      <c r="BX709" s="613"/>
      <c r="BY709" s="613"/>
      <c r="BZ709" s="613"/>
      <c r="CA709" s="613"/>
      <c r="CB709" s="613"/>
      <c r="CC709" s="613"/>
      <c r="CD709" s="613"/>
      <c r="CE709" s="613"/>
      <c r="CF709" s="613"/>
      <c r="CG709" s="613"/>
      <c r="CH709" s="613"/>
      <c r="CI709" s="613"/>
      <c r="CJ709" s="613"/>
      <c r="CK709" s="613"/>
      <c r="CL709" s="613"/>
      <c r="CM709" s="613"/>
      <c r="CN709" s="613"/>
      <c r="CO709" s="613"/>
      <c r="CP709" s="613"/>
      <c r="CQ709" s="613"/>
      <c r="CR709" s="613"/>
      <c r="CS709" s="613"/>
      <c r="CT709" s="613"/>
      <c r="CU709" s="613"/>
      <c r="CV709" s="613"/>
      <c r="CW709" s="613"/>
      <c r="CX709" s="613"/>
      <c r="CY709" s="613"/>
      <c r="CZ709" s="613"/>
      <c r="DA709" s="613"/>
      <c r="DB709" s="613"/>
      <c r="DC709" s="613"/>
      <c r="DD709" s="613"/>
      <c r="DE709" s="613"/>
      <c r="DF709" s="613"/>
      <c r="DG709" s="613"/>
      <c r="DH709" s="613"/>
      <c r="DI709" s="613"/>
      <c r="DJ709" s="613"/>
      <c r="DK709" s="613"/>
      <c r="DL709" s="613"/>
      <c r="DM709" s="613"/>
      <c r="DN709" s="613"/>
      <c r="DO709" s="613"/>
      <c r="DP709" s="613"/>
      <c r="DQ709" s="613"/>
      <c r="DR709" s="613"/>
      <c r="DS709" s="613"/>
      <c r="DT709" s="613"/>
      <c r="DU709" s="613"/>
      <c r="DV709" s="613"/>
      <c r="DW709" s="613"/>
      <c r="DX709" s="613"/>
      <c r="DY709" s="613"/>
      <c r="DZ709" s="613"/>
      <c r="EA709" s="613"/>
      <c r="EB709" s="613"/>
      <c r="EC709" s="613"/>
      <c r="ED709" s="613"/>
      <c r="EE709" s="613"/>
      <c r="EF709" s="613"/>
      <c r="EG709" s="613"/>
      <c r="EH709" s="613"/>
      <c r="EI709" s="613"/>
      <c r="EJ709" s="613"/>
      <c r="EK709" s="613"/>
      <c r="EL709" s="613"/>
      <c r="EM709" s="613"/>
      <c r="EN709" s="613"/>
      <c r="EO709" s="613"/>
      <c r="EP709" s="613"/>
      <c r="EQ709" s="613"/>
      <c r="ER709" s="613"/>
      <c r="ES709" s="613"/>
      <c r="ET709" s="613"/>
      <c r="EU709" s="613"/>
      <c r="EV709" s="613"/>
      <c r="EW709" s="613"/>
      <c r="EX709" s="613"/>
      <c r="EY709" s="613"/>
      <c r="EZ709" s="613"/>
      <c r="FA709" s="613"/>
      <c r="FB709" s="613"/>
      <c r="FC709" s="613"/>
      <c r="FD709" s="613"/>
      <c r="FE709" s="613"/>
      <c r="FF709" s="613"/>
      <c r="FG709" s="613"/>
      <c r="FH709" s="613"/>
      <c r="FI709" s="613"/>
      <c r="FJ709" s="613"/>
      <c r="FK709" s="613"/>
      <c r="FL709" s="613"/>
      <c r="FM709" s="613"/>
      <c r="FN709" s="613"/>
      <c r="FO709" s="613"/>
      <c r="FP709" s="613"/>
      <c r="FQ709" s="613"/>
      <c r="FR709" s="613"/>
      <c r="FS709" s="613"/>
      <c r="FT709" s="613"/>
      <c r="FU709" s="613"/>
      <c r="FV709" s="613"/>
      <c r="FW709" s="613"/>
      <c r="FX709" s="613"/>
      <c r="FY709" s="613"/>
      <c r="FZ709" s="613"/>
      <c r="GA709" s="613"/>
      <c r="GB709" s="613"/>
      <c r="GC709" s="613"/>
      <c r="GD709" s="613"/>
      <c r="GE709" s="613"/>
      <c r="GF709" s="613"/>
      <c r="GG709" s="613"/>
      <c r="GH709" s="613"/>
      <c r="GI709" s="613"/>
      <c r="GJ709" s="613"/>
      <c r="GK709" s="613"/>
      <c r="GL709" s="613"/>
      <c r="GM709" s="613"/>
      <c r="GN709" s="613"/>
      <c r="GO709" s="613"/>
      <c r="GP709" s="613"/>
      <c r="GQ709" s="613"/>
      <c r="GR709" s="613"/>
      <c r="GS709" s="613"/>
      <c r="GT709" s="613"/>
      <c r="GU709" s="613"/>
      <c r="GV709" s="613"/>
      <c r="GW709" s="613"/>
      <c r="GX709" s="613"/>
      <c r="GY709" s="613"/>
      <c r="GZ709" s="613"/>
      <c r="HA709" s="613"/>
      <c r="HB709" s="613"/>
      <c r="HC709" s="613"/>
      <c r="HD709" s="613"/>
      <c r="HE709" s="613"/>
      <c r="HF709" s="613"/>
      <c r="HG709" s="613"/>
      <c r="HH709" s="613"/>
      <c r="HI709" s="613"/>
      <c r="HJ709" s="613"/>
      <c r="HK709" s="613"/>
      <c r="HL709" s="613"/>
      <c r="HM709" s="613"/>
      <c r="HN709" s="613"/>
      <c r="HO709" s="613"/>
      <c r="HP709" s="613"/>
      <c r="HQ709" s="613"/>
      <c r="HR709" s="613"/>
      <c r="HS709" s="613"/>
      <c r="HT709" s="613"/>
      <c r="HU709" s="613"/>
      <c r="HV709" s="613"/>
      <c r="HW709" s="613"/>
      <c r="HX709" s="613"/>
      <c r="HY709" s="613"/>
      <c r="HZ709" s="613"/>
      <c r="IA709" s="613"/>
      <c r="IB709" s="613"/>
      <c r="IC709" s="613"/>
      <c r="ID709" s="613"/>
      <c r="IE709" s="613"/>
      <c r="IF709" s="613"/>
      <c r="IG709" s="613"/>
      <c r="IH709" s="613"/>
      <c r="II709" s="613"/>
      <c r="IJ709" s="613"/>
      <c r="IK709" s="613"/>
      <c r="IL709" s="613"/>
      <c r="IM709" s="613"/>
      <c r="IN709" s="613"/>
      <c r="IO709" s="613"/>
      <c r="IP709" s="613"/>
      <c r="IQ709" s="613"/>
      <c r="IR709" s="613"/>
      <c r="IS709" s="613"/>
      <c r="IT709" s="613"/>
      <c r="IU709" s="613"/>
      <c r="IV709" s="613"/>
      <c r="IW709" s="613"/>
      <c r="IX709" s="613"/>
      <c r="IY709" s="613"/>
      <c r="IZ709" s="613"/>
      <c r="JA709" s="613"/>
      <c r="JB709" s="613"/>
      <c r="JC709" s="613"/>
      <c r="JD709" s="613"/>
      <c r="JE709" s="613"/>
      <c r="JF709" s="613"/>
      <c r="JG709" s="613"/>
      <c r="JH709" s="613"/>
      <c r="JI709" s="613"/>
      <c r="JJ709" s="613"/>
      <c r="JK709" s="613"/>
      <c r="JL709" s="613"/>
      <c r="JM709" s="613"/>
      <c r="JN709" s="613"/>
      <c r="JO709" s="613"/>
      <c r="JP709" s="613"/>
      <c r="JQ709" s="613"/>
      <c r="JR709" s="613"/>
      <c r="JS709" s="613"/>
      <c r="JT709" s="613"/>
      <c r="JU709" s="613"/>
      <c r="JV709" s="613"/>
      <c r="JW709" s="613"/>
      <c r="JX709" s="613"/>
      <c r="JY709" s="613"/>
      <c r="JZ709" s="613"/>
      <c r="KA709" s="613"/>
      <c r="KB709" s="613"/>
      <c r="KC709" s="613"/>
      <c r="KD709" s="613"/>
      <c r="KE709" s="613"/>
      <c r="KF709" s="613"/>
      <c r="KG709" s="613"/>
      <c r="KH709" s="613"/>
      <c r="KI709" s="613"/>
      <c r="KJ709" s="613"/>
      <c r="KK709" s="613"/>
      <c r="KL709" s="613"/>
      <c r="KM709" s="613"/>
      <c r="KN709" s="613"/>
      <c r="KO709" s="613"/>
      <c r="KP709" s="613"/>
      <c r="KQ709" s="613"/>
      <c r="KR709" s="613"/>
      <c r="KS709" s="613"/>
      <c r="KT709" s="613"/>
      <c r="KU709" s="613"/>
      <c r="KV709" s="613"/>
      <c r="KW709" s="613"/>
      <c r="KX709" s="613"/>
      <c r="KY709" s="613"/>
      <c r="KZ709" s="613"/>
      <c r="LA709" s="613"/>
      <c r="LB709" s="613"/>
      <c r="LC709" s="613"/>
      <c r="LD709" s="613"/>
      <c r="LE709" s="613"/>
      <c r="LF709" s="613"/>
      <c r="LG709" s="613"/>
      <c r="LH709" s="613"/>
      <c r="LI709" s="613"/>
      <c r="LJ709" s="613"/>
      <c r="LK709" s="613"/>
      <c r="LL709" s="613"/>
      <c r="LM709" s="613"/>
      <c r="LN709" s="613"/>
      <c r="LO709" s="613"/>
      <c r="LP709" s="613"/>
      <c r="LQ709" s="613"/>
      <c r="LR709" s="613"/>
      <c r="LS709" s="613"/>
      <c r="LT709" s="613"/>
      <c r="LU709" s="613"/>
      <c r="LV709" s="613"/>
      <c r="LW709" s="613"/>
      <c r="LX709" s="613"/>
      <c r="LY709" s="613"/>
      <c r="LZ709" s="613"/>
      <c r="MA709" s="613"/>
      <c r="MB709" s="613"/>
      <c r="MC709" s="613"/>
      <c r="MD709" s="613"/>
      <c r="ME709" s="613"/>
      <c r="MF709" s="613"/>
      <c r="MG709" s="613"/>
      <c r="MH709" s="613"/>
      <c r="MI709" s="613"/>
      <c r="MJ709" s="613"/>
      <c r="MK709" s="613"/>
      <c r="ML709" s="613"/>
      <c r="MM709" s="613"/>
      <c r="MN709" s="613"/>
      <c r="MO709" s="613"/>
      <c r="MP709" s="613"/>
      <c r="MQ709" s="613"/>
      <c r="MR709" s="613"/>
      <c r="MS709" s="613"/>
      <c r="MT709" s="613"/>
      <c r="MU709" s="613"/>
      <c r="MV709" s="613"/>
      <c r="MW709" s="613"/>
      <c r="MX709" s="613"/>
      <c r="MY709" s="613"/>
      <c r="MZ709" s="613"/>
      <c r="NA709" s="613"/>
      <c r="NB709" s="613"/>
      <c r="NC709" s="613"/>
      <c r="ND709" s="613"/>
      <c r="NE709" s="613"/>
      <c r="NF709" s="613"/>
      <c r="NG709" s="613"/>
      <c r="NH709" s="613"/>
      <c r="NI709" s="613"/>
      <c r="NJ709" s="613"/>
      <c r="NK709" s="613"/>
      <c r="NL709" s="613"/>
      <c r="NM709" s="613"/>
      <c r="NN709" s="613"/>
      <c r="NO709" s="613"/>
      <c r="NP709" s="613"/>
      <c r="NQ709" s="613"/>
      <c r="NR709" s="613"/>
      <c r="NS709" s="613"/>
      <c r="NT709" s="613"/>
      <c r="NU709" s="613"/>
      <c r="NV709" s="613"/>
      <c r="NW709" s="613"/>
      <c r="NX709" s="613"/>
      <c r="NY709" s="613"/>
      <c r="NZ709" s="613"/>
      <c r="OA709" s="613"/>
      <c r="OB709" s="613"/>
      <c r="OC709" s="613"/>
      <c r="OD709" s="613"/>
      <c r="OE709" s="613"/>
      <c r="OF709" s="613"/>
      <c r="OG709" s="613"/>
      <c r="OH709" s="613"/>
      <c r="OI709" s="613"/>
      <c r="OJ709" s="613"/>
      <c r="OK709" s="613"/>
      <c r="OL709" s="613"/>
      <c r="OM709" s="613"/>
      <c r="ON709" s="613"/>
      <c r="OO709" s="613"/>
      <c r="OP709" s="613"/>
      <c r="OQ709" s="613"/>
      <c r="OR709" s="613"/>
      <c r="OS709" s="613"/>
      <c r="OT709" s="613"/>
      <c r="OU709" s="613"/>
      <c r="OV709" s="613"/>
      <c r="OW709" s="613"/>
      <c r="OX709" s="613"/>
      <c r="OY709" s="613"/>
      <c r="OZ709" s="613"/>
      <c r="PA709" s="613"/>
      <c r="PB709" s="613"/>
      <c r="PC709" s="613"/>
      <c r="PD709" s="613"/>
      <c r="PE709" s="613"/>
      <c r="PF709" s="613"/>
      <c r="PG709" s="613"/>
      <c r="PH709" s="613"/>
      <c r="PI709" s="613"/>
      <c r="PJ709" s="613"/>
      <c r="PK709" s="613"/>
      <c r="PL709" s="613"/>
      <c r="PM709" s="613"/>
      <c r="PN709" s="613"/>
      <c r="PO709" s="613"/>
      <c r="PP709" s="613"/>
      <c r="PQ709" s="613"/>
      <c r="PR709" s="613"/>
      <c r="PS709" s="613"/>
      <c r="PT709" s="613"/>
      <c r="PU709" s="613"/>
      <c r="PV709" s="613"/>
      <c r="PW709" s="613"/>
      <c r="PX709" s="613"/>
      <c r="PY709" s="613"/>
      <c r="PZ709" s="613"/>
      <c r="QA709" s="613"/>
      <c r="QB709" s="613"/>
      <c r="QC709" s="613"/>
      <c r="QD709" s="613"/>
      <c r="QE709" s="613"/>
      <c r="QF709" s="613"/>
      <c r="QG709" s="613"/>
      <c r="QH709" s="613"/>
      <c r="QI709" s="613"/>
      <c r="QJ709" s="613"/>
      <c r="QK709" s="613"/>
      <c r="QL709" s="613"/>
      <c r="QM709" s="613"/>
      <c r="QN709" s="613"/>
      <c r="QO709" s="613"/>
      <c r="QP709" s="613"/>
      <c r="QQ709" s="613"/>
      <c r="QR709" s="613"/>
      <c r="QS709" s="613"/>
      <c r="QT709" s="613"/>
      <c r="QU709" s="613"/>
      <c r="QV709" s="613"/>
      <c r="QW709" s="613"/>
      <c r="QX709" s="613"/>
      <c r="QY709" s="613"/>
      <c r="QZ709" s="613"/>
      <c r="RA709" s="613"/>
      <c r="RB709" s="613"/>
      <c r="RC709" s="613"/>
      <c r="RD709" s="613"/>
      <c r="RE709" s="613"/>
      <c r="RF709" s="613"/>
      <c r="RG709" s="613"/>
      <c r="RH709" s="613"/>
      <c r="RI709" s="613"/>
      <c r="RJ709" s="613"/>
      <c r="RK709" s="613"/>
      <c r="RL709" s="613"/>
      <c r="RM709" s="613"/>
      <c r="RN709" s="613"/>
      <c r="RO709" s="613"/>
      <c r="RP709" s="613"/>
      <c r="RQ709" s="613"/>
      <c r="RR709" s="613"/>
      <c r="RS709" s="613"/>
      <c r="RT709" s="613"/>
      <c r="RU709" s="613"/>
      <c r="RV709" s="613"/>
      <c r="RW709" s="613"/>
      <c r="RX709" s="613"/>
      <c r="RY709" s="613"/>
      <c r="RZ709" s="613"/>
      <c r="SA709" s="613"/>
      <c r="SB709" s="613"/>
      <c r="SC709" s="613"/>
      <c r="SD709" s="613"/>
      <c r="SE709" s="613"/>
      <c r="SF709" s="613"/>
      <c r="SG709" s="613"/>
      <c r="SH709" s="613"/>
      <c r="SI709" s="613"/>
      <c r="SJ709" s="613"/>
      <c r="SK709" s="613"/>
      <c r="SL709" s="613"/>
      <c r="SM709" s="613"/>
      <c r="SN709" s="613"/>
      <c r="SO709" s="613"/>
      <c r="SP709" s="613"/>
      <c r="SQ709" s="613"/>
      <c r="SR709" s="613"/>
      <c r="SS709" s="613"/>
      <c r="ST709" s="613"/>
      <c r="SU709" s="613"/>
      <c r="SV709" s="613"/>
      <c r="SW709" s="613"/>
      <c r="SX709" s="613"/>
      <c r="SY709" s="613"/>
      <c r="SZ709" s="613"/>
      <c r="TA709" s="613"/>
      <c r="TB709" s="613"/>
      <c r="TC709" s="613"/>
      <c r="TD709" s="613"/>
      <c r="TE709" s="613"/>
      <c r="TF709" s="613"/>
      <c r="TG709" s="613"/>
      <c r="TH709" s="613"/>
      <c r="TI709" s="613"/>
      <c r="TJ709" s="613"/>
      <c r="TK709" s="613"/>
      <c r="TL709" s="613"/>
      <c r="TM709" s="613"/>
      <c r="TN709" s="613"/>
      <c r="TO709" s="613"/>
      <c r="TP709" s="613"/>
      <c r="TQ709" s="613"/>
      <c r="TR709" s="613"/>
      <c r="TS709" s="613"/>
      <c r="TT709" s="613"/>
      <c r="TU709" s="613"/>
      <c r="TV709" s="613"/>
      <c r="TW709" s="613"/>
      <c r="TX709" s="613"/>
      <c r="TY709" s="613"/>
      <c r="TZ709" s="613"/>
      <c r="UA709" s="613"/>
      <c r="UB709" s="613"/>
      <c r="UC709" s="613"/>
      <c r="UD709" s="613"/>
      <c r="UE709" s="613"/>
      <c r="UF709" s="613"/>
      <c r="UG709" s="613"/>
      <c r="UH709" s="613"/>
      <c r="UI709" s="613"/>
      <c r="UJ709" s="613"/>
      <c r="UK709" s="613"/>
      <c r="UL709" s="613"/>
      <c r="UM709" s="613"/>
      <c r="UN709" s="613"/>
      <c r="UO709" s="613"/>
      <c r="UP709" s="613"/>
      <c r="UQ709" s="613"/>
      <c r="UR709" s="613"/>
      <c r="US709" s="613"/>
      <c r="UT709" s="613"/>
      <c r="UU709" s="613"/>
      <c r="UV709" s="613"/>
      <c r="UW709" s="613"/>
      <c r="UX709" s="613"/>
      <c r="UY709" s="613"/>
      <c r="UZ709" s="613"/>
      <c r="VA709" s="613"/>
      <c r="VB709" s="613"/>
      <c r="VC709" s="613"/>
      <c r="VD709" s="613"/>
      <c r="VE709" s="613"/>
      <c r="VF709" s="613"/>
      <c r="VG709" s="613"/>
      <c r="VH709" s="613"/>
      <c r="VI709" s="613"/>
      <c r="VJ709" s="613"/>
      <c r="VK709" s="613"/>
      <c r="VL709" s="613"/>
      <c r="VM709" s="613"/>
      <c r="VN709" s="613"/>
      <c r="VO709" s="613"/>
      <c r="VP709" s="613"/>
      <c r="VQ709" s="613"/>
      <c r="VR709" s="613"/>
      <c r="VS709" s="613"/>
      <c r="VT709" s="613"/>
      <c r="VU709" s="613"/>
      <c r="VV709" s="613"/>
      <c r="VW709" s="613"/>
      <c r="VX709" s="613"/>
      <c r="VY709" s="613"/>
      <c r="VZ709" s="613"/>
      <c r="WA709" s="613"/>
      <c r="WB709" s="613"/>
      <c r="WC709" s="613"/>
      <c r="WD709" s="613"/>
      <c r="WE709" s="613"/>
      <c r="WF709" s="613"/>
      <c r="WG709" s="613"/>
      <c r="WH709" s="613"/>
      <c r="WI709" s="613"/>
      <c r="WJ709" s="613"/>
      <c r="WK709" s="613"/>
      <c r="WL709" s="613"/>
      <c r="WM709" s="613"/>
      <c r="WN709" s="613"/>
      <c r="WO709" s="613"/>
      <c r="WP709" s="613"/>
      <c r="WQ709" s="613"/>
      <c r="WR709" s="613"/>
      <c r="WS709" s="613"/>
      <c r="WT709" s="613"/>
      <c r="WU709" s="613"/>
      <c r="WV709" s="613"/>
      <c r="WW709" s="613"/>
      <c r="WX709" s="613"/>
      <c r="WY709" s="613"/>
      <c r="WZ709" s="613"/>
      <c r="XA709" s="613"/>
      <c r="XB709" s="613"/>
      <c r="XC709" s="613"/>
      <c r="XD709" s="613"/>
      <c r="XE709" s="613"/>
      <c r="XF709" s="613"/>
      <c r="XG709" s="613"/>
      <c r="XH709" s="613"/>
      <c r="XI709" s="613"/>
      <c r="XJ709" s="613"/>
      <c r="XK709" s="613"/>
      <c r="XL709" s="613"/>
      <c r="XM709" s="613"/>
      <c r="XN709" s="613"/>
      <c r="XO709" s="613"/>
      <c r="XP709" s="613"/>
      <c r="XQ709" s="613"/>
      <c r="XR709" s="613"/>
      <c r="XS709" s="613"/>
      <c r="XT709" s="613"/>
      <c r="XU709" s="613"/>
      <c r="XV709" s="613"/>
      <c r="XW709" s="613"/>
      <c r="XX709" s="613"/>
      <c r="XY709" s="613"/>
      <c r="XZ709" s="613"/>
      <c r="YA709" s="613"/>
      <c r="YB709" s="613"/>
      <c r="YC709" s="613"/>
      <c r="YD709" s="613"/>
      <c r="YE709" s="613"/>
      <c r="YF709" s="613"/>
      <c r="YG709" s="613"/>
      <c r="YH709" s="613"/>
      <c r="YI709" s="613"/>
      <c r="YJ709" s="613"/>
      <c r="YK709" s="613"/>
      <c r="YL709" s="613"/>
      <c r="YM709" s="613"/>
      <c r="YN709" s="613"/>
      <c r="YO709" s="613"/>
      <c r="YP709" s="613"/>
      <c r="YQ709" s="613"/>
      <c r="YR709" s="613"/>
      <c r="YS709" s="613"/>
      <c r="YT709" s="613"/>
      <c r="YU709" s="613"/>
      <c r="YV709" s="613"/>
      <c r="YW709" s="613"/>
      <c r="YX709" s="613"/>
      <c r="YY709" s="613"/>
      <c r="YZ709" s="613"/>
      <c r="ZA709" s="613"/>
      <c r="ZB709" s="613"/>
      <c r="ZC709" s="613"/>
      <c r="ZD709" s="613"/>
      <c r="ZE709" s="613"/>
      <c r="ZF709" s="613"/>
      <c r="ZG709" s="613"/>
      <c r="ZH709" s="613"/>
      <c r="ZI709" s="613"/>
      <c r="ZJ709" s="613"/>
      <c r="ZK709" s="613"/>
      <c r="ZL709" s="613"/>
      <c r="ZM709" s="613"/>
      <c r="ZN709" s="613"/>
      <c r="ZO709" s="613"/>
      <c r="ZP709" s="613"/>
      <c r="ZQ709" s="613"/>
      <c r="ZR709" s="613"/>
      <c r="ZS709" s="613"/>
      <c r="ZT709" s="613"/>
      <c r="ZU709" s="613"/>
      <c r="ZV709" s="613"/>
      <c r="ZW709" s="613"/>
      <c r="ZX709" s="613"/>
      <c r="ZY709" s="613"/>
      <c r="ZZ709" s="613"/>
      <c r="AAA709" s="613"/>
      <c r="AAB709" s="613"/>
      <c r="AAC709" s="613"/>
      <c r="AAD709" s="613"/>
      <c r="AAE709" s="613"/>
      <c r="AAF709" s="613"/>
      <c r="AAG709" s="613"/>
      <c r="AAH709" s="613"/>
      <c r="AAI709" s="613"/>
      <c r="AAJ709" s="613"/>
      <c r="AAK709" s="613"/>
      <c r="AAL709" s="613"/>
      <c r="AAM709" s="613"/>
      <c r="AAN709" s="613"/>
      <c r="AAO709" s="613"/>
      <c r="AAP709" s="613"/>
      <c r="AAQ709" s="613"/>
      <c r="AAR709" s="613"/>
      <c r="AAS709" s="613"/>
      <c r="AAT709" s="613"/>
      <c r="AAU709" s="613"/>
      <c r="AAV709" s="613"/>
      <c r="AAW709" s="613"/>
      <c r="AAX709" s="613"/>
      <c r="AAY709" s="613"/>
      <c r="AAZ709" s="613"/>
      <c r="ABA709" s="613"/>
      <c r="ABB709" s="613"/>
      <c r="ABC709" s="613"/>
      <c r="ABD709" s="613"/>
      <c r="ABE709" s="613"/>
      <c r="ABF709" s="613"/>
      <c r="ABG709" s="613"/>
      <c r="ABH709" s="613"/>
      <c r="ABI709" s="613"/>
      <c r="ABJ709" s="613"/>
      <c r="ABK709" s="613"/>
      <c r="ABL709" s="613"/>
      <c r="ABM709" s="613"/>
      <c r="ABN709" s="613"/>
      <c r="ABO709" s="613"/>
      <c r="ABP709" s="613"/>
      <c r="ABQ709" s="613"/>
      <c r="ABR709" s="613"/>
      <c r="ABS709" s="613"/>
      <c r="ABT709" s="613"/>
      <c r="ABU709" s="613"/>
      <c r="ABV709" s="613"/>
      <c r="ABW709" s="613"/>
      <c r="ABX709" s="613"/>
      <c r="ABY709" s="613"/>
      <c r="ABZ709" s="613"/>
      <c r="ACA709" s="613"/>
      <c r="ACB709" s="613"/>
      <c r="ACC709" s="613"/>
      <c r="ACD709" s="613"/>
      <c r="ACE709" s="613"/>
      <c r="ACF709" s="613"/>
      <c r="ACG709" s="613"/>
      <c r="ACH709" s="613"/>
      <c r="ACI709" s="613"/>
      <c r="ACJ709" s="613"/>
      <c r="ACK709" s="613"/>
      <c r="ACL709" s="613"/>
      <c r="ACM709" s="613"/>
      <c r="ACN709" s="613"/>
      <c r="ACO709" s="613"/>
      <c r="ACP709" s="613"/>
      <c r="ACQ709" s="613"/>
      <c r="ACR709" s="613"/>
      <c r="ACS709" s="613"/>
      <c r="ACT709" s="613"/>
      <c r="ACU709" s="613"/>
      <c r="ACV709" s="613"/>
      <c r="ACW709" s="613"/>
      <c r="ACX709" s="613"/>
      <c r="ACY709" s="613"/>
      <c r="ACZ709" s="613"/>
      <c r="ADA709" s="613"/>
      <c r="ADB709" s="613"/>
      <c r="ADC709" s="613"/>
      <c r="ADD709" s="613"/>
      <c r="ADE709" s="613"/>
      <c r="ADF709" s="613"/>
      <c r="ADG709" s="613"/>
      <c r="ADH709" s="613"/>
      <c r="ADI709" s="613"/>
      <c r="ADJ709" s="613"/>
      <c r="ADK709" s="613"/>
      <c r="ADL709" s="613"/>
      <c r="ADM709" s="613"/>
      <c r="ADN709" s="613"/>
      <c r="ADO709" s="613"/>
      <c r="ADP709" s="613"/>
      <c r="ADQ709" s="613"/>
      <c r="ADR709" s="613"/>
      <c r="ADS709" s="613"/>
      <c r="ADT709" s="613"/>
      <c r="ADU709" s="613"/>
      <c r="ADV709" s="613"/>
      <c r="ADW709" s="613"/>
      <c r="ADX709" s="613"/>
      <c r="ADY709" s="613"/>
      <c r="ADZ709" s="613"/>
      <c r="AEA709" s="613"/>
      <c r="AEB709" s="613"/>
      <c r="AEC709" s="613"/>
      <c r="AED709" s="613"/>
      <c r="AEE709" s="613"/>
      <c r="AEF709" s="613"/>
      <c r="AEG709" s="613"/>
      <c r="AEH709" s="613"/>
      <c r="AEI709" s="613"/>
      <c r="AEJ709" s="613"/>
      <c r="AEK709" s="613"/>
      <c r="AEL709" s="613"/>
      <c r="AEM709" s="613"/>
      <c r="AEN709" s="613"/>
      <c r="AEO709" s="613"/>
      <c r="AEP709" s="613"/>
      <c r="AEQ709" s="613"/>
      <c r="AER709" s="613"/>
      <c r="AES709" s="613"/>
      <c r="AET709" s="613"/>
      <c r="AEU709" s="613"/>
      <c r="AEV709" s="613"/>
      <c r="AEW709" s="613"/>
      <c r="AEX709" s="613"/>
      <c r="AEY709" s="613"/>
      <c r="AEZ709" s="613"/>
      <c r="AFA709" s="613"/>
      <c r="AFB709" s="613"/>
      <c r="AFC709" s="613"/>
      <c r="AFD709" s="613"/>
      <c r="AFE709" s="613"/>
      <c r="AFF709" s="613"/>
      <c r="AFG709" s="613"/>
      <c r="AFH709" s="613"/>
      <c r="AFI709" s="613"/>
      <c r="AFJ709" s="613"/>
      <c r="AFK709" s="613"/>
      <c r="AFL709" s="613"/>
      <c r="AFM709" s="613"/>
      <c r="AFN709" s="613"/>
      <c r="AFO709" s="613"/>
      <c r="AFP709" s="613"/>
      <c r="AFQ709" s="613"/>
      <c r="AFR709" s="613"/>
      <c r="AFS709" s="613"/>
      <c r="AFT709" s="613"/>
      <c r="AFU709" s="613"/>
      <c r="AFV709" s="613"/>
      <c r="AFW709" s="613"/>
      <c r="AFX709" s="613"/>
      <c r="AFY709" s="613"/>
      <c r="AFZ709" s="613"/>
      <c r="AGA709" s="613"/>
      <c r="AGB709" s="613"/>
      <c r="AGC709" s="613"/>
      <c r="AGD709" s="613"/>
      <c r="AGE709" s="613"/>
      <c r="AGF709" s="613"/>
      <c r="AGG709" s="613"/>
      <c r="AGH709" s="613"/>
      <c r="AGI709" s="613"/>
      <c r="AGJ709" s="613"/>
      <c r="AGK709" s="613"/>
      <c r="AGL709" s="613"/>
      <c r="AGM709" s="613"/>
      <c r="AGN709" s="613"/>
      <c r="AGO709" s="613"/>
      <c r="AGP709" s="613"/>
      <c r="AGQ709" s="613"/>
      <c r="AGR709" s="613"/>
      <c r="AGS709" s="613"/>
      <c r="AGT709" s="613"/>
      <c r="AGU709" s="613"/>
      <c r="AGV709" s="613"/>
      <c r="AGW709" s="613"/>
      <c r="AGX709" s="613"/>
      <c r="AGY709" s="613"/>
      <c r="AGZ709" s="613"/>
      <c r="AHA709" s="613"/>
      <c r="AHB709" s="613"/>
      <c r="AHC709" s="613"/>
      <c r="AHD709" s="613"/>
      <c r="AHE709" s="613"/>
      <c r="AHF709" s="613"/>
      <c r="AHG709" s="613"/>
      <c r="AHH709" s="613"/>
      <c r="AHI709" s="613"/>
      <c r="AHJ709" s="613"/>
      <c r="AHK709" s="613"/>
      <c r="AHL709" s="613"/>
      <c r="AHM709" s="613"/>
      <c r="AHN709" s="613"/>
      <c r="AHO709" s="613"/>
      <c r="AHP709" s="613"/>
      <c r="AHQ709" s="613"/>
      <c r="AHR709" s="613"/>
      <c r="AHS709" s="613"/>
      <c r="AHT709" s="613"/>
      <c r="AHU709" s="613"/>
      <c r="AHV709" s="613"/>
      <c r="AHW709" s="613"/>
      <c r="AHX709" s="613"/>
      <c r="AHY709" s="613"/>
      <c r="AHZ709" s="613"/>
      <c r="AIA709" s="613"/>
      <c r="AIB709" s="613"/>
      <c r="AIC709" s="613"/>
      <c r="AID709" s="613"/>
      <c r="AIE709" s="613"/>
      <c r="AIF709" s="613"/>
      <c r="AIG709" s="613"/>
      <c r="AIH709" s="613"/>
      <c r="AII709" s="613"/>
      <c r="AIJ709" s="613"/>
      <c r="AIK709" s="613"/>
      <c r="AIL709" s="613"/>
      <c r="AIM709" s="613"/>
      <c r="AIN709" s="613"/>
      <c r="AIO709" s="613"/>
      <c r="AIP709" s="613"/>
      <c r="AIQ709" s="613"/>
      <c r="AIR709" s="613"/>
      <c r="AIS709" s="613"/>
      <c r="AIT709" s="613"/>
      <c r="AIU709" s="613"/>
      <c r="AIV709" s="613"/>
      <c r="AIW709" s="613"/>
      <c r="AIX709" s="613"/>
      <c r="AIY709" s="613"/>
      <c r="AIZ709" s="613"/>
      <c r="AJA709" s="613"/>
      <c r="AJB709" s="613"/>
      <c r="AJC709" s="613"/>
      <c r="AJD709" s="613"/>
      <c r="AJE709" s="613"/>
      <c r="AJF709" s="613"/>
      <c r="AJG709" s="613"/>
      <c r="AJH709" s="613"/>
      <c r="AJI709" s="613"/>
      <c r="AJJ709" s="613"/>
      <c r="AJK709" s="613"/>
      <c r="AJL709" s="613"/>
      <c r="AJM709" s="613"/>
      <c r="AJN709" s="613"/>
      <c r="AJO709" s="613"/>
      <c r="AJP709" s="613"/>
      <c r="AJQ709" s="613"/>
      <c r="AJR709" s="613"/>
      <c r="AJS709" s="613"/>
      <c r="AJT709" s="613"/>
      <c r="AJU709" s="613"/>
      <c r="AJV709" s="613"/>
      <c r="AJW709" s="613"/>
      <c r="AJX709" s="613"/>
      <c r="AJY709" s="613"/>
      <c r="AJZ709" s="613"/>
      <c r="AKA709" s="613"/>
      <c r="AKB709" s="613"/>
      <c r="AKC709" s="613"/>
      <c r="AKD709" s="613"/>
      <c r="AKE709" s="613"/>
      <c r="AKF709" s="613"/>
      <c r="AKG709" s="613"/>
      <c r="AKH709" s="613"/>
      <c r="AKI709" s="613"/>
      <c r="AKJ709" s="613"/>
      <c r="AKK709" s="613"/>
      <c r="AKL709" s="613"/>
      <c r="AKM709" s="613"/>
      <c r="AKN709" s="613"/>
      <c r="AKO709" s="613"/>
      <c r="AKP709" s="613"/>
      <c r="AKQ709" s="613"/>
      <c r="AKR709" s="613"/>
      <c r="AKS709" s="613"/>
      <c r="AKT709" s="613"/>
      <c r="AKU709" s="613"/>
      <c r="AKV709" s="613"/>
      <c r="AKW709" s="613"/>
      <c r="AKX709" s="613"/>
      <c r="AKY709" s="613"/>
      <c r="AKZ709" s="613"/>
      <c r="ALA709" s="613"/>
      <c r="ALB709" s="613"/>
      <c r="ALC709" s="613"/>
      <c r="ALD709" s="613"/>
      <c r="ALE709" s="613"/>
      <c r="ALF709" s="613"/>
      <c r="ALG709" s="613"/>
      <c r="ALH709" s="613"/>
      <c r="ALI709" s="613"/>
      <c r="ALJ709" s="613"/>
      <c r="ALK709" s="613"/>
      <c r="ALL709" s="613"/>
      <c r="ALM709" s="613"/>
      <c r="ALN709" s="613"/>
      <c r="ALO709" s="613"/>
      <c r="ALP709" s="613"/>
      <c r="ALQ709" s="613"/>
      <c r="ALR709" s="613"/>
      <c r="ALS709" s="613"/>
      <c r="ALT709" s="613"/>
      <c r="ALU709" s="613"/>
      <c r="ALV709" s="613"/>
      <c r="ALW709" s="613"/>
      <c r="ALX709" s="613"/>
      <c r="ALY709" s="613"/>
      <c r="ALZ709" s="613"/>
      <c r="AMA709" s="613"/>
      <c r="AMB709" s="613"/>
      <c r="AMC709" s="613"/>
      <c r="AMD709" s="613"/>
      <c r="AME709" s="613"/>
      <c r="AMF709" s="613"/>
      <c r="AMG709" s="613"/>
      <c r="AMH709" s="613"/>
      <c r="AMI709" s="613"/>
      <c r="AMJ709" s="613"/>
      <c r="AMK709" s="613"/>
      <c r="AML709" s="613"/>
      <c r="AMM709" s="613"/>
      <c r="AMN709" s="613"/>
      <c r="AMO709" s="613"/>
      <c r="AMP709" s="613"/>
      <c r="AMQ709" s="613"/>
      <c r="AMR709" s="613"/>
      <c r="AMS709" s="613"/>
      <c r="AMT709" s="613"/>
      <c r="AMU709" s="613"/>
      <c r="AMV709" s="613"/>
      <c r="AMW709" s="613"/>
      <c r="AMX709" s="613"/>
      <c r="AMY709" s="613"/>
      <c r="AMZ709" s="613"/>
      <c r="ANA709" s="613"/>
      <c r="ANB709" s="613"/>
      <c r="ANC709" s="613"/>
      <c r="AND709" s="613"/>
      <c r="ANE709" s="613"/>
      <c r="ANF709" s="613"/>
      <c r="ANG709" s="613"/>
      <c r="ANH709" s="613"/>
      <c r="ANI709" s="613"/>
      <c r="ANJ709" s="613"/>
      <c r="ANK709" s="613"/>
      <c r="ANL709" s="613"/>
      <c r="ANM709" s="613"/>
      <c r="ANN709" s="613"/>
      <c r="ANO709" s="613"/>
      <c r="ANP709" s="613"/>
      <c r="ANQ709" s="613"/>
      <c r="ANR709" s="613"/>
      <c r="ANS709" s="613"/>
      <c r="ANT709" s="613"/>
      <c r="ANU709" s="613"/>
      <c r="ANV709" s="613"/>
      <c r="ANW709" s="613"/>
      <c r="ANX709" s="613"/>
      <c r="ANY709" s="613"/>
      <c r="ANZ709" s="613"/>
      <c r="AOA709" s="613"/>
      <c r="AOB709" s="613"/>
      <c r="AOC709" s="613"/>
      <c r="AOD709" s="613"/>
      <c r="AOE709" s="613"/>
      <c r="AOF709" s="613"/>
      <c r="AOG709" s="613"/>
      <c r="AOH709" s="613"/>
      <c r="AOI709" s="613"/>
      <c r="AOJ709" s="613"/>
      <c r="AOK709" s="613"/>
      <c r="AOL709" s="613"/>
      <c r="AOM709" s="613"/>
      <c r="AON709" s="613"/>
      <c r="AOO709" s="613"/>
      <c r="AOP709" s="613"/>
      <c r="AOQ709" s="613"/>
      <c r="AOR709" s="613"/>
      <c r="AOS709" s="613"/>
      <c r="AOT709" s="613"/>
      <c r="AOU709" s="613"/>
      <c r="AOV709" s="613"/>
      <c r="AOW709" s="613"/>
      <c r="AOX709" s="613"/>
      <c r="AOY709" s="613"/>
      <c r="AOZ709" s="613"/>
      <c r="APA709" s="613"/>
      <c r="APB709" s="613"/>
      <c r="APC709" s="613"/>
      <c r="APD709" s="613"/>
      <c r="APE709" s="613"/>
      <c r="APF709" s="613"/>
      <c r="APG709" s="613"/>
      <c r="APH709" s="613"/>
      <c r="API709" s="613"/>
      <c r="APJ709" s="613"/>
      <c r="APK709" s="613"/>
      <c r="APL709" s="613"/>
      <c r="APM709" s="613"/>
      <c r="APN709" s="613"/>
      <c r="APO709" s="613"/>
      <c r="APP709" s="613"/>
      <c r="APQ709" s="613"/>
      <c r="APR709" s="613"/>
      <c r="APS709" s="613"/>
      <c r="APT709" s="613"/>
      <c r="APU709" s="613"/>
      <c r="APV709" s="613"/>
      <c r="APW709" s="613"/>
      <c r="APX709" s="613"/>
      <c r="APY709" s="613"/>
      <c r="APZ709" s="613"/>
      <c r="AQA709" s="613"/>
      <c r="AQB709" s="613"/>
      <c r="AQC709" s="613"/>
      <c r="AQD709" s="613"/>
      <c r="AQE709" s="613"/>
      <c r="AQF709" s="613"/>
      <c r="AQG709" s="613"/>
      <c r="AQH709" s="613"/>
      <c r="AQI709" s="613"/>
      <c r="AQJ709" s="613"/>
      <c r="AQK709" s="613"/>
      <c r="AQL709" s="613"/>
      <c r="AQM709" s="613"/>
      <c r="AQN709" s="613"/>
      <c r="AQO709" s="613"/>
      <c r="AQP709" s="613"/>
      <c r="AQQ709" s="613"/>
      <c r="AQR709" s="613"/>
      <c r="AQS709" s="613"/>
      <c r="AQT709" s="613"/>
      <c r="AQU709" s="613"/>
      <c r="AQV709" s="613"/>
      <c r="AQW709" s="613"/>
      <c r="AQX709" s="613"/>
      <c r="AQY709" s="613"/>
      <c r="AQZ709" s="613"/>
      <c r="ARA709" s="613"/>
      <c r="ARB709" s="613"/>
      <c r="ARC709" s="613"/>
      <c r="ARD709" s="613"/>
      <c r="ARE709" s="613"/>
      <c r="ARF709" s="613"/>
      <c r="ARG709" s="613"/>
      <c r="ARH709" s="613"/>
      <c r="ARI709" s="613"/>
      <c r="ARJ709" s="613"/>
      <c r="ARK709" s="613"/>
      <c r="ARL709" s="613"/>
      <c r="ARM709" s="613"/>
      <c r="ARN709" s="613"/>
      <c r="ARO709" s="613"/>
      <c r="ARP709" s="613"/>
      <c r="ARQ709" s="613"/>
      <c r="ARR709" s="613"/>
      <c r="ARS709" s="613"/>
      <c r="ART709" s="613"/>
      <c r="ARU709" s="613"/>
      <c r="ARV709" s="613"/>
      <c r="ARW709" s="613"/>
      <c r="ARX709" s="613"/>
      <c r="ARY709" s="613"/>
      <c r="ARZ709" s="613"/>
      <c r="ASA709" s="613"/>
      <c r="ASB709" s="613"/>
      <c r="ASC709" s="613"/>
      <c r="ASD709" s="613"/>
      <c r="ASE709" s="613"/>
      <c r="ASF709" s="613"/>
      <c r="ASG709" s="613"/>
      <c r="ASH709" s="613"/>
      <c r="ASI709" s="613"/>
      <c r="ASJ709" s="613"/>
      <c r="ASK709" s="613"/>
      <c r="ASL709" s="613"/>
      <c r="ASM709" s="613"/>
      <c r="ASN709" s="613"/>
      <c r="ASO709" s="613"/>
      <c r="ASP709" s="613"/>
      <c r="ASQ709" s="613"/>
      <c r="ASR709" s="613"/>
      <c r="ASS709" s="613"/>
      <c r="AST709" s="613"/>
      <c r="ASU709" s="613"/>
      <c r="ASV709" s="613"/>
      <c r="ASW709" s="613"/>
      <c r="ASX709" s="613"/>
      <c r="ASY709" s="613"/>
      <c r="ASZ709" s="613"/>
      <c r="ATA709" s="613"/>
      <c r="ATB709" s="613"/>
      <c r="ATC709" s="613"/>
      <c r="ATD709" s="613"/>
      <c r="ATE709" s="613"/>
      <c r="ATF709" s="613"/>
      <c r="ATG709" s="613"/>
      <c r="ATH709" s="613"/>
      <c r="ATI709" s="613"/>
      <c r="ATJ709" s="613"/>
      <c r="ATK709" s="613"/>
      <c r="ATL709" s="613"/>
      <c r="ATM709" s="613"/>
      <c r="ATN709" s="613"/>
      <c r="ATO709" s="613"/>
      <c r="ATP709" s="613"/>
      <c r="ATQ709" s="613"/>
      <c r="ATR709" s="613"/>
      <c r="ATS709" s="613"/>
      <c r="ATT709" s="613"/>
      <c r="ATU709" s="613"/>
      <c r="ATV709" s="613"/>
      <c r="ATW709" s="613"/>
      <c r="ATX709" s="613"/>
      <c r="ATY709" s="613"/>
      <c r="ATZ709" s="613"/>
      <c r="AUA709" s="613"/>
      <c r="AUB709" s="613"/>
      <c r="AUC709" s="613"/>
      <c r="AUD709" s="613"/>
      <c r="AUE709" s="613"/>
      <c r="AUF709" s="613"/>
      <c r="AUG709" s="613"/>
      <c r="AUH709" s="613"/>
      <c r="AUI709" s="613"/>
      <c r="AUJ709" s="613"/>
      <c r="AUK709" s="613"/>
      <c r="AUL709" s="613"/>
      <c r="AUM709" s="613"/>
      <c r="AUN709" s="613"/>
      <c r="AUO709" s="613"/>
      <c r="AUP709" s="613"/>
      <c r="AUQ709" s="613"/>
      <c r="AUR709" s="613"/>
      <c r="AUS709" s="613"/>
      <c r="AUT709" s="613"/>
      <c r="AUU709" s="613"/>
      <c r="AUV709" s="613"/>
      <c r="AUW709" s="613"/>
      <c r="AUX709" s="613"/>
      <c r="AUY709" s="613"/>
      <c r="AUZ709" s="613"/>
      <c r="AVA709" s="613"/>
      <c r="AVB709" s="613"/>
      <c r="AVC709" s="613"/>
      <c r="AVD709" s="613"/>
      <c r="AVE709" s="613"/>
      <c r="AVF709" s="613"/>
      <c r="AVG709" s="613"/>
      <c r="AVH709" s="613"/>
      <c r="AVI709" s="613"/>
      <c r="AVJ709" s="613"/>
      <c r="AVK709" s="613"/>
      <c r="AVL709" s="613"/>
      <c r="AVM709" s="613"/>
      <c r="AVN709" s="613"/>
      <c r="AVO709" s="613"/>
      <c r="AVP709" s="613"/>
      <c r="AVQ709" s="613"/>
      <c r="AVR709" s="613"/>
      <c r="AVS709" s="613"/>
      <c r="AVT709" s="613"/>
      <c r="AVU709" s="613"/>
      <c r="AVV709" s="613"/>
      <c r="AVW709" s="613"/>
      <c r="AVX709" s="613"/>
      <c r="AVY709" s="613"/>
      <c r="AVZ709" s="613"/>
      <c r="AWA709" s="613"/>
      <c r="AWB709" s="613"/>
      <c r="AWC709" s="613"/>
      <c r="AWD709" s="613"/>
      <c r="AWE709" s="613"/>
      <c r="AWF709" s="613"/>
      <c r="AWG709" s="613"/>
      <c r="AWH709" s="613"/>
      <c r="AWI709" s="613"/>
      <c r="AWJ709" s="613"/>
      <c r="AWK709" s="613"/>
      <c r="AWL709" s="613"/>
      <c r="AWM709" s="613"/>
      <c r="AWN709" s="613"/>
      <c r="AWO709" s="613"/>
      <c r="AWP709" s="613"/>
      <c r="AWQ709" s="613"/>
      <c r="AWR709" s="613"/>
      <c r="AWS709" s="613"/>
      <c r="AWT709" s="613"/>
      <c r="AWU709" s="613"/>
      <c r="AWV709" s="613"/>
      <c r="AWW709" s="613"/>
      <c r="AWX709" s="613"/>
      <c r="AWY709" s="613"/>
      <c r="AWZ709" s="613"/>
      <c r="AXA709" s="613"/>
      <c r="AXB709" s="613"/>
      <c r="AXC709" s="613"/>
      <c r="AXD709" s="613"/>
      <c r="AXE709" s="613"/>
      <c r="AXF709" s="613"/>
      <c r="AXG709" s="613"/>
      <c r="AXH709" s="613"/>
      <c r="AXI709" s="613"/>
      <c r="AXJ709" s="613"/>
      <c r="AXK709" s="613"/>
      <c r="AXL709" s="613"/>
      <c r="AXM709" s="613"/>
      <c r="AXN709" s="613"/>
      <c r="AXO709" s="613"/>
      <c r="AXP709" s="613"/>
      <c r="AXQ709" s="613"/>
      <c r="AXR709" s="613"/>
      <c r="AXS709" s="613"/>
      <c r="AXT709" s="613"/>
      <c r="AXU709" s="613"/>
      <c r="AXV709" s="613"/>
      <c r="AXW709" s="613"/>
      <c r="AXX709" s="613"/>
      <c r="AXY709" s="613"/>
      <c r="AXZ709" s="613"/>
      <c r="AYA709" s="613"/>
      <c r="AYB709" s="613"/>
      <c r="AYC709" s="613"/>
      <c r="AYD709" s="613"/>
      <c r="AYE709" s="613"/>
      <c r="AYF709" s="613"/>
      <c r="AYG709" s="613"/>
      <c r="AYH709" s="613"/>
      <c r="AYI709" s="613"/>
      <c r="AYJ709" s="613"/>
      <c r="AYK709" s="613"/>
      <c r="AYL709" s="613"/>
      <c r="AYM709" s="613"/>
      <c r="AYN709" s="613"/>
      <c r="AYO709" s="613"/>
      <c r="AYP709" s="613"/>
      <c r="AYQ709" s="613"/>
      <c r="AYR709" s="613"/>
      <c r="AYS709" s="613"/>
      <c r="AYT709" s="613"/>
      <c r="AYU709" s="613"/>
      <c r="AYV709" s="613"/>
      <c r="AYW709" s="613"/>
      <c r="AYX709" s="613"/>
      <c r="AYY709" s="613"/>
      <c r="AYZ709" s="613"/>
      <c r="AZA709" s="613"/>
      <c r="AZB709" s="613"/>
      <c r="AZC709" s="613"/>
      <c r="AZD709" s="613"/>
      <c r="AZE709" s="613"/>
      <c r="AZF709" s="613"/>
      <c r="AZG709" s="613"/>
      <c r="AZH709" s="613"/>
      <c r="AZI709" s="613"/>
      <c r="AZJ709" s="613"/>
      <c r="AZK709" s="613"/>
      <c r="AZL709" s="613"/>
      <c r="AZM709" s="613"/>
      <c r="AZN709" s="613"/>
      <c r="AZO709" s="613"/>
      <c r="AZP709" s="613"/>
      <c r="AZQ709" s="613"/>
      <c r="AZR709" s="613"/>
      <c r="AZS709" s="613"/>
      <c r="AZT709" s="613"/>
      <c r="AZU709" s="613"/>
      <c r="AZV709" s="613"/>
      <c r="AZW709" s="613"/>
      <c r="AZX709" s="613"/>
      <c r="AZY709" s="613"/>
      <c r="AZZ709" s="613"/>
      <c r="BAA709" s="613"/>
      <c r="BAB709" s="613"/>
      <c r="BAC709" s="613"/>
      <c r="BAD709" s="613"/>
      <c r="BAE709" s="613"/>
      <c r="BAF709" s="613"/>
      <c r="BAG709" s="613"/>
      <c r="BAH709" s="613"/>
      <c r="BAI709" s="613"/>
      <c r="BAJ709" s="613"/>
      <c r="BAK709" s="613"/>
      <c r="BAL709" s="613"/>
      <c r="BAM709" s="613"/>
      <c r="BAN709" s="613"/>
      <c r="BAO709" s="613"/>
      <c r="BAP709" s="613"/>
      <c r="BAQ709" s="613"/>
      <c r="BAR709" s="613"/>
      <c r="BAS709" s="613"/>
      <c r="BAT709" s="613"/>
      <c r="BAU709" s="613"/>
      <c r="BAV709" s="613"/>
      <c r="BAW709" s="613"/>
      <c r="BAX709" s="613"/>
      <c r="BAY709" s="613"/>
      <c r="BAZ709" s="613"/>
      <c r="BBA709" s="613"/>
      <c r="BBB709" s="613"/>
      <c r="BBC709" s="613"/>
      <c r="BBD709" s="613"/>
      <c r="BBE709" s="613"/>
      <c r="BBF709" s="613"/>
      <c r="BBG709" s="613"/>
      <c r="BBH709" s="613"/>
      <c r="BBI709" s="613"/>
      <c r="BBJ709" s="613"/>
      <c r="BBK709" s="613"/>
      <c r="BBL709" s="613"/>
      <c r="BBM709" s="613"/>
      <c r="BBN709" s="613"/>
      <c r="BBO709" s="613"/>
      <c r="BBP709" s="613"/>
      <c r="BBQ709" s="613"/>
      <c r="BBR709" s="613"/>
      <c r="BBS709" s="613"/>
      <c r="BBT709" s="613"/>
      <c r="BBU709" s="613"/>
      <c r="BBV709" s="613"/>
      <c r="BBW709" s="613"/>
      <c r="BBX709" s="613"/>
      <c r="BBY709" s="613"/>
      <c r="BBZ709" s="613"/>
      <c r="BCA709" s="613"/>
      <c r="BCB709" s="613"/>
      <c r="BCC709" s="613"/>
      <c r="BCD709" s="613"/>
      <c r="BCE709" s="613"/>
      <c r="BCF709" s="613"/>
      <c r="BCG709" s="613"/>
      <c r="BCH709" s="613"/>
      <c r="BCI709" s="613"/>
      <c r="BCJ709" s="613"/>
      <c r="BCK709" s="613"/>
      <c r="BCL709" s="613"/>
      <c r="BCM709" s="613"/>
      <c r="BCN709" s="613"/>
      <c r="BCO709" s="613"/>
      <c r="BCP709" s="613"/>
      <c r="BCQ709" s="613"/>
      <c r="BCR709" s="613"/>
      <c r="BCS709" s="613"/>
      <c r="BCT709" s="613"/>
      <c r="BCU709" s="613"/>
      <c r="BCV709" s="613"/>
      <c r="BCW709" s="613"/>
      <c r="BCX709" s="613"/>
      <c r="BCY709" s="613"/>
      <c r="BCZ709" s="613"/>
      <c r="BDA709" s="613"/>
      <c r="BDB709" s="613"/>
      <c r="BDC709" s="613"/>
      <c r="BDD709" s="613"/>
      <c r="BDE709" s="613"/>
      <c r="BDF709" s="613"/>
      <c r="BDG709" s="613"/>
      <c r="BDH709" s="613"/>
      <c r="BDI709" s="613"/>
      <c r="BDJ709" s="613"/>
      <c r="BDK709" s="613"/>
      <c r="BDL709" s="613"/>
      <c r="BDM709" s="613"/>
      <c r="BDN709" s="613"/>
      <c r="BDO709" s="613"/>
      <c r="BDP709" s="613"/>
      <c r="BDQ709" s="613"/>
      <c r="BDR709" s="613"/>
      <c r="BDS709" s="613"/>
      <c r="BDT709" s="613"/>
      <c r="BDU709" s="613"/>
      <c r="BDV709" s="613"/>
      <c r="BDW709" s="613"/>
      <c r="BDX709" s="613"/>
      <c r="BDY709" s="613"/>
      <c r="BDZ709" s="613"/>
      <c r="BEA709" s="613"/>
      <c r="BEB709" s="613"/>
      <c r="BEC709" s="613"/>
      <c r="BED709" s="613"/>
      <c r="BEE709" s="613"/>
      <c r="BEF709" s="613"/>
      <c r="BEG709" s="613"/>
      <c r="BEH709" s="613"/>
      <c r="BEI709" s="613"/>
      <c r="BEJ709" s="613"/>
      <c r="BEK709" s="613"/>
      <c r="BEL709" s="613"/>
      <c r="BEM709" s="613"/>
      <c r="BEN709" s="613"/>
      <c r="BEO709" s="613"/>
      <c r="BEP709" s="613"/>
      <c r="BEQ709" s="613"/>
      <c r="BER709" s="613"/>
      <c r="BES709" s="613"/>
      <c r="BET709" s="613"/>
      <c r="BEU709" s="613"/>
      <c r="BEV709" s="613"/>
      <c r="BEW709" s="613"/>
      <c r="BEX709" s="613"/>
      <c r="BEY709" s="613"/>
      <c r="BEZ709" s="613"/>
      <c r="BFA709" s="613"/>
      <c r="BFB709" s="613"/>
      <c r="BFC709" s="613"/>
      <c r="BFD709" s="613"/>
      <c r="BFE709" s="613"/>
      <c r="BFF709" s="613"/>
      <c r="BFG709" s="613"/>
      <c r="BFH709" s="613"/>
      <c r="BFI709" s="613"/>
      <c r="BFJ709" s="613"/>
      <c r="BFK709" s="613"/>
      <c r="BFL709" s="613"/>
      <c r="BFM709" s="613"/>
      <c r="BFN709" s="613"/>
      <c r="BFO709" s="613"/>
      <c r="BFP709" s="613"/>
      <c r="BFQ709" s="613"/>
      <c r="BFR709" s="613"/>
      <c r="BFS709" s="613"/>
      <c r="BFT709" s="613"/>
      <c r="BFU709" s="613"/>
      <c r="BFV709" s="613"/>
      <c r="BFW709" s="613"/>
      <c r="BFX709" s="613"/>
      <c r="BFY709" s="613"/>
      <c r="BFZ709" s="613"/>
      <c r="BGA709" s="613"/>
      <c r="BGB709" s="613"/>
      <c r="BGC709" s="613"/>
      <c r="BGD709" s="613"/>
      <c r="BGE709" s="613"/>
      <c r="BGF709" s="613"/>
      <c r="BGG709" s="613"/>
      <c r="BGH709" s="613"/>
      <c r="BGI709" s="613"/>
      <c r="BGJ709" s="613"/>
      <c r="BGK709" s="613"/>
      <c r="BGL709" s="613"/>
      <c r="BGM709" s="613"/>
      <c r="BGN709" s="613"/>
      <c r="BGO709" s="613"/>
      <c r="BGP709" s="613"/>
      <c r="BGQ709" s="613"/>
      <c r="BGR709" s="613"/>
      <c r="BGS709" s="613"/>
      <c r="BGT709" s="613"/>
      <c r="BGU709" s="613"/>
      <c r="BGV709" s="613"/>
      <c r="BGW709" s="613"/>
      <c r="BGX709" s="613"/>
      <c r="BGY709" s="613"/>
      <c r="BGZ709" s="613"/>
      <c r="BHA709" s="613"/>
      <c r="BHB709" s="613"/>
      <c r="BHC709" s="613"/>
      <c r="BHD709" s="613"/>
      <c r="BHE709" s="613"/>
      <c r="BHF709" s="613"/>
      <c r="BHG709" s="613"/>
      <c r="BHH709" s="613"/>
      <c r="BHI709" s="613"/>
      <c r="BHJ709" s="613"/>
      <c r="BHK709" s="613"/>
      <c r="BHL709" s="613"/>
      <c r="BHM709" s="613"/>
      <c r="BHN709" s="613"/>
      <c r="BHO709" s="613"/>
      <c r="BHP709" s="613"/>
      <c r="BHQ709" s="613"/>
      <c r="BHR709" s="613"/>
      <c r="BHS709" s="613"/>
      <c r="BHT709" s="613"/>
      <c r="BHU709" s="613"/>
      <c r="BHV709" s="613"/>
      <c r="BHW709" s="613"/>
      <c r="BHX709" s="613"/>
      <c r="BHY709" s="613"/>
      <c r="BHZ709" s="613"/>
      <c r="BIA709" s="613"/>
      <c r="BIB709" s="613"/>
      <c r="BIC709" s="613"/>
      <c r="BID709" s="613"/>
      <c r="BIE709" s="613"/>
      <c r="BIF709" s="613"/>
      <c r="BIG709" s="613"/>
      <c r="BIH709" s="613"/>
      <c r="BII709" s="613"/>
      <c r="BIJ709" s="613"/>
      <c r="BIK709" s="613"/>
      <c r="BIL709" s="613"/>
      <c r="BIM709" s="613"/>
      <c r="BIN709" s="613"/>
      <c r="BIO709" s="613"/>
      <c r="BIP709" s="613"/>
      <c r="BIQ709" s="613"/>
      <c r="BIR709" s="613"/>
      <c r="BIS709" s="613"/>
      <c r="BIT709" s="613"/>
      <c r="BIU709" s="613"/>
      <c r="BIV709" s="613"/>
      <c r="BIW709" s="613"/>
      <c r="BIX709" s="613"/>
      <c r="BIY709" s="613"/>
      <c r="BIZ709" s="613"/>
      <c r="BJA709" s="613"/>
      <c r="BJB709" s="613"/>
      <c r="BJC709" s="613"/>
      <c r="BJD709" s="613"/>
      <c r="BJE709" s="613"/>
      <c r="BJF709" s="613"/>
      <c r="BJG709" s="613"/>
      <c r="BJH709" s="613"/>
      <c r="BJI709" s="613"/>
      <c r="BJJ709" s="613"/>
      <c r="BJK709" s="613"/>
      <c r="BJL709" s="613"/>
      <c r="BJM709" s="613"/>
      <c r="BJN709" s="613"/>
      <c r="BJO709" s="613"/>
      <c r="BJP709" s="613"/>
      <c r="BJQ709" s="613"/>
      <c r="BJR709" s="613"/>
      <c r="BJS709" s="613"/>
      <c r="BJT709" s="613"/>
      <c r="BJU709" s="613"/>
      <c r="BJV709" s="613"/>
      <c r="BJW709" s="613"/>
      <c r="BJX709" s="613"/>
      <c r="BJY709" s="613"/>
      <c r="BJZ709" s="613"/>
      <c r="BKA709" s="613"/>
      <c r="BKB709" s="613"/>
      <c r="BKC709" s="613"/>
      <c r="BKD709" s="613"/>
      <c r="BKE709" s="613"/>
      <c r="BKF709" s="613"/>
      <c r="BKG709" s="613"/>
      <c r="BKH709" s="613"/>
      <c r="BKI709" s="613"/>
      <c r="BKJ709" s="613"/>
      <c r="BKK709" s="613"/>
      <c r="BKL709" s="613"/>
      <c r="BKM709" s="613"/>
      <c r="BKN709" s="613"/>
      <c r="BKO709" s="613"/>
      <c r="BKP709" s="613"/>
      <c r="BKQ709" s="613"/>
      <c r="BKR709" s="613"/>
      <c r="BKS709" s="613"/>
      <c r="BKT709" s="613"/>
      <c r="BKU709" s="613"/>
      <c r="BKV709" s="613"/>
      <c r="BKW709" s="613"/>
      <c r="BKX709" s="613"/>
      <c r="BKY709" s="613"/>
      <c r="BKZ709" s="613"/>
      <c r="BLA709" s="613"/>
      <c r="BLB709" s="613"/>
      <c r="BLC709" s="613"/>
      <c r="BLD709" s="613"/>
      <c r="BLE709" s="613"/>
      <c r="BLF709" s="613"/>
      <c r="BLG709" s="613"/>
      <c r="BLH709" s="613"/>
      <c r="BLI709" s="613"/>
      <c r="BLJ709" s="613"/>
      <c r="BLK709" s="613"/>
      <c r="BLL709" s="613"/>
      <c r="BLM709" s="613"/>
      <c r="BLN709" s="613"/>
      <c r="BLO709" s="613"/>
      <c r="BLP709" s="613"/>
      <c r="BLQ709" s="613"/>
      <c r="BLR709" s="613"/>
      <c r="BLS709" s="613"/>
      <c r="BLT709" s="613"/>
      <c r="BLU709" s="613"/>
      <c r="BLV709" s="613"/>
      <c r="BLW709" s="613"/>
      <c r="BLX709" s="613"/>
      <c r="BLY709" s="613"/>
      <c r="BLZ709" s="613"/>
      <c r="BMA709" s="613"/>
      <c r="BMB709" s="613"/>
      <c r="BMC709" s="613"/>
      <c r="BMD709" s="613"/>
      <c r="BME709" s="613"/>
      <c r="BMF709" s="613"/>
      <c r="BMG709" s="613"/>
      <c r="BMH709" s="613"/>
      <c r="BMI709" s="613"/>
      <c r="BMJ709" s="613"/>
      <c r="BMK709" s="613"/>
      <c r="BML709" s="613"/>
      <c r="BMM709" s="613"/>
      <c r="BMN709" s="613"/>
      <c r="BMO709" s="613"/>
      <c r="BMP709" s="613"/>
      <c r="BMQ709" s="613"/>
      <c r="BMR709" s="613"/>
      <c r="BMS709" s="613"/>
      <c r="BMT709" s="613"/>
      <c r="BMU709" s="613"/>
      <c r="BMV709" s="613"/>
      <c r="BMW709" s="613"/>
      <c r="BMX709" s="613"/>
      <c r="BMY709" s="613"/>
      <c r="BMZ709" s="613"/>
      <c r="BNA709" s="613"/>
      <c r="BNB709" s="613"/>
      <c r="BNC709" s="613"/>
      <c r="BND709" s="613"/>
      <c r="BNE709" s="613"/>
      <c r="BNF709" s="613"/>
      <c r="BNG709" s="613"/>
      <c r="BNH709" s="613"/>
      <c r="BNI709" s="613"/>
      <c r="BNJ709" s="613"/>
      <c r="BNK709" s="613"/>
      <c r="BNL709" s="613"/>
      <c r="BNM709" s="613"/>
      <c r="BNN709" s="613"/>
      <c r="BNO709" s="613"/>
      <c r="BNP709" s="613"/>
      <c r="BNQ709" s="613"/>
      <c r="BNR709" s="613"/>
      <c r="BNS709" s="613"/>
      <c r="BNT709" s="613"/>
      <c r="BNU709" s="613"/>
      <c r="BNV709" s="613"/>
      <c r="BNW709" s="613"/>
      <c r="BNX709" s="613"/>
      <c r="BNY709" s="613"/>
      <c r="BNZ709" s="613"/>
      <c r="BOA709" s="613"/>
      <c r="BOB709" s="613"/>
      <c r="BOC709" s="613"/>
      <c r="BOD709" s="613"/>
      <c r="BOE709" s="613"/>
      <c r="BOF709" s="613"/>
      <c r="BOG709" s="613"/>
      <c r="BOH709" s="613"/>
      <c r="BOI709" s="613"/>
      <c r="BOJ709" s="613"/>
      <c r="BOK709" s="613"/>
      <c r="BOL709" s="613"/>
      <c r="BOM709" s="613"/>
      <c r="BON709" s="613"/>
      <c r="BOO709" s="613"/>
      <c r="BOP709" s="613"/>
      <c r="BOQ709" s="613"/>
      <c r="BOR709" s="613"/>
      <c r="BOS709" s="613"/>
      <c r="BOT709" s="613"/>
      <c r="BOU709" s="613"/>
      <c r="BOV709" s="613"/>
      <c r="BOW709" s="613"/>
      <c r="BOX709" s="613"/>
      <c r="BOY709" s="613"/>
      <c r="BOZ709" s="613"/>
      <c r="BPA709" s="613"/>
      <c r="BPB709" s="613"/>
      <c r="BPC709" s="613"/>
      <c r="BPD709" s="613"/>
      <c r="BPE709" s="613"/>
      <c r="BPF709" s="613"/>
      <c r="BPG709" s="613"/>
      <c r="BPH709" s="613"/>
      <c r="BPI709" s="613"/>
      <c r="BPJ709" s="613"/>
      <c r="BPK709" s="613"/>
      <c r="BPL709" s="613"/>
      <c r="BPM709" s="613"/>
      <c r="BPN709" s="613"/>
      <c r="BPO709" s="613"/>
      <c r="BPP709" s="613"/>
      <c r="BPQ709" s="613"/>
      <c r="BPR709" s="613"/>
      <c r="BPS709" s="613"/>
      <c r="BPT709" s="613"/>
      <c r="BPU709" s="613"/>
      <c r="BPV709" s="613"/>
      <c r="BPW709" s="613"/>
      <c r="BPX709" s="613"/>
      <c r="BPY709" s="613"/>
      <c r="BPZ709" s="613"/>
      <c r="BQA709" s="613"/>
      <c r="BQB709" s="613"/>
      <c r="BQC709" s="613"/>
      <c r="BQD709" s="613"/>
      <c r="BQE709" s="613"/>
      <c r="BQF709" s="613"/>
      <c r="BQG709" s="613"/>
      <c r="BQH709" s="613"/>
      <c r="BQI709" s="613"/>
      <c r="BQJ709" s="613"/>
      <c r="BQK709" s="613"/>
      <c r="BQL709" s="613"/>
      <c r="BQM709" s="613"/>
      <c r="BQN709" s="613"/>
      <c r="BQO709" s="613"/>
      <c r="BQP709" s="613"/>
      <c r="BQQ709" s="613"/>
      <c r="BQR709" s="613"/>
      <c r="BQS709" s="613"/>
      <c r="BQT709" s="613"/>
      <c r="BQU709" s="613"/>
      <c r="BQV709" s="613"/>
      <c r="BQW709" s="613"/>
      <c r="BQX709" s="613"/>
      <c r="BQY709" s="613"/>
      <c r="BQZ709" s="613"/>
      <c r="BRA709" s="613"/>
      <c r="BRB709" s="613"/>
      <c r="BRC709" s="613"/>
      <c r="BRD709" s="613"/>
      <c r="BRE709" s="613"/>
      <c r="BRF709" s="613"/>
      <c r="BRG709" s="613"/>
      <c r="BRH709" s="613"/>
      <c r="BRI709" s="613"/>
      <c r="BRJ709" s="613"/>
      <c r="BRK709" s="613"/>
      <c r="BRL709" s="613"/>
      <c r="BRM709" s="613"/>
      <c r="BRN709" s="613"/>
      <c r="BRO709" s="613"/>
      <c r="BRP709" s="613"/>
      <c r="BRQ709" s="613"/>
      <c r="BRR709" s="613"/>
      <c r="BRS709" s="613"/>
      <c r="BRT709" s="613"/>
      <c r="BRU709" s="613"/>
      <c r="BRV709" s="613"/>
      <c r="BRW709" s="613"/>
      <c r="BRX709" s="613"/>
      <c r="BRY709" s="613"/>
      <c r="BRZ709" s="613"/>
      <c r="BSA709" s="613"/>
      <c r="BSB709" s="613"/>
      <c r="BSC709" s="613"/>
      <c r="BSD709" s="613"/>
      <c r="BSE709" s="613"/>
      <c r="BSF709" s="613"/>
      <c r="BSG709" s="613"/>
      <c r="BSH709" s="613"/>
      <c r="BSI709" s="613"/>
      <c r="BSJ709" s="613"/>
      <c r="BSK709" s="613"/>
      <c r="BSL709" s="613"/>
      <c r="BSM709" s="613"/>
      <c r="BSN709" s="613"/>
      <c r="BSO709" s="613"/>
      <c r="BSP709" s="613"/>
      <c r="BSQ709" s="613"/>
      <c r="BSR709" s="613"/>
      <c r="BSS709" s="613"/>
      <c r="BST709" s="613"/>
      <c r="BSU709" s="613"/>
      <c r="BSV709" s="613"/>
      <c r="BSW709" s="613"/>
      <c r="BSX709" s="613"/>
      <c r="BSY709" s="613"/>
      <c r="BSZ709" s="613"/>
      <c r="BTA709" s="613"/>
      <c r="BTB709" s="613"/>
      <c r="BTC709" s="613"/>
      <c r="BTD709" s="613"/>
      <c r="BTE709" s="613"/>
      <c r="BTF709" s="613"/>
      <c r="BTG709" s="613"/>
      <c r="BTH709" s="613"/>
      <c r="BTI709" s="613"/>
      <c r="BTJ709" s="613"/>
      <c r="BTK709" s="613"/>
      <c r="BTL709" s="613"/>
      <c r="BTM709" s="613"/>
      <c r="BTN709" s="613"/>
      <c r="BTO709" s="613"/>
      <c r="BTP709" s="613"/>
      <c r="BTQ709" s="613"/>
      <c r="BTR709" s="613"/>
      <c r="BTS709" s="613"/>
      <c r="BTT709" s="613"/>
      <c r="BTU709" s="613"/>
      <c r="BTV709" s="613"/>
      <c r="BTW709" s="613"/>
      <c r="BTX709" s="613"/>
      <c r="BTY709" s="613"/>
      <c r="BTZ709" s="613"/>
      <c r="BUA709" s="613"/>
      <c r="BUB709" s="613"/>
      <c r="BUC709" s="613"/>
      <c r="BUD709" s="613"/>
      <c r="BUE709" s="613"/>
      <c r="BUF709" s="613"/>
      <c r="BUG709" s="613"/>
      <c r="BUH709" s="613"/>
      <c r="BUI709" s="613"/>
      <c r="BUJ709" s="613"/>
      <c r="BUK709" s="613"/>
      <c r="BUL709" s="613"/>
      <c r="BUM709" s="613"/>
      <c r="BUN709" s="613"/>
      <c r="BUO709" s="613"/>
      <c r="BUP709" s="613"/>
      <c r="BUQ709" s="613"/>
      <c r="BUR709" s="613"/>
      <c r="BUS709" s="613"/>
      <c r="BUT709" s="613"/>
      <c r="BUU709" s="613"/>
      <c r="BUV709" s="613"/>
      <c r="BUW709" s="613"/>
      <c r="BUX709" s="613"/>
      <c r="BUY709" s="613"/>
      <c r="BUZ709" s="613"/>
      <c r="BVA709" s="613"/>
      <c r="BVB709" s="613"/>
      <c r="BVC709" s="613"/>
      <c r="BVD709" s="613"/>
      <c r="BVE709" s="613"/>
      <c r="BVF709" s="613"/>
      <c r="BVG709" s="613"/>
      <c r="BVH709" s="613"/>
      <c r="BVI709" s="613"/>
      <c r="BVJ709" s="613"/>
      <c r="BVK709" s="613"/>
      <c r="BVL709" s="613"/>
      <c r="BVM709" s="613"/>
      <c r="BVN709" s="613"/>
      <c r="BVO709" s="613"/>
      <c r="BVP709" s="613"/>
      <c r="BVQ709" s="613"/>
      <c r="BVR709" s="613"/>
      <c r="BVS709" s="613"/>
      <c r="BVT709" s="613"/>
      <c r="BVU709" s="613"/>
      <c r="BVV709" s="613"/>
      <c r="BVW709" s="613"/>
      <c r="BVX709" s="613"/>
      <c r="BVY709" s="613"/>
      <c r="BVZ709" s="613"/>
      <c r="BWA709" s="613"/>
      <c r="BWB709" s="613"/>
      <c r="BWC709" s="613"/>
      <c r="BWD709" s="613"/>
      <c r="BWE709" s="613"/>
      <c r="BWF709" s="613"/>
      <c r="BWG709" s="613"/>
      <c r="BWH709" s="613"/>
      <c r="BWI709" s="613"/>
      <c r="BWJ709" s="613"/>
      <c r="BWK709" s="613"/>
      <c r="BWL709" s="613"/>
      <c r="BWM709" s="613"/>
      <c r="BWN709" s="613"/>
      <c r="BWO709" s="613"/>
      <c r="BWP709" s="613"/>
      <c r="BWQ709" s="613"/>
      <c r="BWR709" s="613"/>
      <c r="BWS709" s="613"/>
      <c r="BWT709" s="613"/>
      <c r="BWU709" s="613"/>
      <c r="BWV709" s="613"/>
      <c r="BWW709" s="613"/>
      <c r="BWX709" s="613"/>
      <c r="BWY709" s="613"/>
      <c r="BWZ709" s="613"/>
      <c r="BXA709" s="613"/>
      <c r="BXB709" s="613"/>
      <c r="BXC709" s="613"/>
      <c r="BXD709" s="613"/>
      <c r="BXE709" s="613"/>
      <c r="BXF709" s="613"/>
      <c r="BXG709" s="613"/>
      <c r="BXH709" s="613"/>
      <c r="BXI709" s="613"/>
      <c r="BXJ709" s="613"/>
      <c r="BXK709" s="613"/>
      <c r="BXL709" s="613"/>
      <c r="BXM709" s="613"/>
      <c r="BXN709" s="613"/>
      <c r="BXO709" s="613"/>
      <c r="BXP709" s="613"/>
      <c r="BXQ709" s="613"/>
      <c r="BXR709" s="613"/>
      <c r="BXS709" s="613"/>
      <c r="BXT709" s="613"/>
      <c r="BXU709" s="613"/>
      <c r="BXV709" s="613"/>
      <c r="BXW709" s="613"/>
      <c r="BXX709" s="613"/>
      <c r="BXY709" s="613"/>
      <c r="BXZ709" s="613"/>
      <c r="BYA709" s="613"/>
      <c r="BYB709" s="613"/>
      <c r="BYC709" s="613"/>
      <c r="BYD709" s="613"/>
      <c r="BYE709" s="613"/>
      <c r="BYF709" s="613"/>
      <c r="BYG709" s="613"/>
      <c r="BYH709" s="613"/>
      <c r="BYI709" s="613"/>
      <c r="BYJ709" s="613"/>
      <c r="BYK709" s="613"/>
      <c r="BYL709" s="613"/>
      <c r="BYM709" s="613"/>
      <c r="BYN709" s="613"/>
      <c r="BYO709" s="613"/>
      <c r="BYP709" s="613"/>
      <c r="BYQ709" s="613"/>
      <c r="BYR709" s="613"/>
      <c r="BYS709" s="613"/>
      <c r="BYT709" s="613"/>
      <c r="BYU709" s="613"/>
      <c r="BYV709" s="613"/>
      <c r="BYW709" s="613"/>
      <c r="BYX709" s="613"/>
      <c r="BYY709" s="613"/>
      <c r="BYZ709" s="613"/>
      <c r="BZA709" s="613"/>
      <c r="BZB709" s="613"/>
      <c r="BZC709" s="613"/>
      <c r="BZD709" s="613"/>
      <c r="BZE709" s="613"/>
      <c r="BZF709" s="613"/>
      <c r="BZG709" s="613"/>
      <c r="BZH709" s="613"/>
      <c r="BZI709" s="613"/>
      <c r="BZJ709" s="613"/>
      <c r="BZK709" s="613"/>
      <c r="BZL709" s="613"/>
      <c r="BZM709" s="613"/>
      <c r="BZN709" s="613"/>
      <c r="BZO709" s="613"/>
      <c r="BZP709" s="613"/>
      <c r="BZQ709" s="613"/>
      <c r="BZR709" s="613"/>
      <c r="BZS709" s="613"/>
      <c r="BZT709" s="613"/>
      <c r="BZU709" s="613"/>
      <c r="BZV709" s="613"/>
      <c r="BZW709" s="613"/>
      <c r="BZX709" s="613"/>
      <c r="BZY709" s="613"/>
      <c r="BZZ709" s="613"/>
      <c r="CAA709" s="613"/>
      <c r="CAB709" s="613"/>
      <c r="CAC709" s="613"/>
      <c r="CAD709" s="613"/>
      <c r="CAE709" s="613"/>
      <c r="CAF709" s="613"/>
      <c r="CAG709" s="613"/>
      <c r="CAH709" s="613"/>
      <c r="CAI709" s="613"/>
      <c r="CAJ709" s="613"/>
      <c r="CAK709" s="613"/>
      <c r="CAL709" s="613"/>
      <c r="CAM709" s="613"/>
      <c r="CAN709" s="613"/>
      <c r="CAO709" s="613"/>
      <c r="CAP709" s="613"/>
      <c r="CAQ709" s="613"/>
      <c r="CAR709" s="613"/>
      <c r="CAS709" s="613"/>
      <c r="CAT709" s="613"/>
      <c r="CAU709" s="613"/>
      <c r="CAV709" s="613"/>
      <c r="CAW709" s="613"/>
      <c r="CAX709" s="613"/>
      <c r="CAY709" s="613"/>
      <c r="CAZ709" s="613"/>
      <c r="CBA709" s="613"/>
      <c r="CBB709" s="613"/>
      <c r="CBC709" s="613"/>
      <c r="CBD709" s="613"/>
      <c r="CBE709" s="613"/>
      <c r="CBF709" s="613"/>
      <c r="CBG709" s="613"/>
      <c r="CBH709" s="613"/>
      <c r="CBI709" s="613"/>
      <c r="CBJ709" s="613"/>
      <c r="CBK709" s="613"/>
      <c r="CBL709" s="613"/>
      <c r="CBM709" s="613"/>
      <c r="CBN709" s="613"/>
      <c r="CBO709" s="613"/>
      <c r="CBP709" s="613"/>
      <c r="CBQ709" s="613"/>
      <c r="CBR709" s="613"/>
      <c r="CBS709" s="613"/>
      <c r="CBT709" s="613"/>
      <c r="CBU709" s="613"/>
      <c r="CBV709" s="613"/>
      <c r="CBW709" s="613"/>
      <c r="CBX709" s="613"/>
      <c r="CBY709" s="613"/>
      <c r="CBZ709" s="613"/>
      <c r="CCA709" s="613"/>
      <c r="CCB709" s="613"/>
      <c r="CCC709" s="613"/>
      <c r="CCD709" s="613"/>
      <c r="CCE709" s="613"/>
      <c r="CCF709" s="613"/>
      <c r="CCG709" s="613"/>
      <c r="CCH709" s="613"/>
      <c r="CCI709" s="613"/>
      <c r="CCJ709" s="613"/>
      <c r="CCK709" s="613"/>
      <c r="CCL709" s="613"/>
      <c r="CCM709" s="613"/>
      <c r="CCN709" s="613"/>
      <c r="CCO709" s="613"/>
      <c r="CCP709" s="613"/>
      <c r="CCQ709" s="613"/>
      <c r="CCR709" s="613"/>
      <c r="CCS709" s="613"/>
      <c r="CCT709" s="613"/>
      <c r="CCU709" s="613"/>
      <c r="CCV709" s="613"/>
      <c r="CCW709" s="613"/>
      <c r="CCX709" s="613"/>
      <c r="CCY709" s="613"/>
      <c r="CCZ709" s="613"/>
      <c r="CDA709" s="613"/>
      <c r="CDB709" s="613"/>
      <c r="CDC709" s="613"/>
      <c r="CDD709" s="613"/>
      <c r="CDE709" s="613"/>
      <c r="CDF709" s="613"/>
      <c r="CDG709" s="613"/>
      <c r="CDH709" s="613"/>
      <c r="CDI709" s="613"/>
      <c r="CDJ709" s="613"/>
      <c r="CDK709" s="613"/>
      <c r="CDL709" s="613"/>
      <c r="CDM709" s="613"/>
      <c r="CDN709" s="613"/>
      <c r="CDO709" s="613"/>
      <c r="CDP709" s="613"/>
      <c r="CDQ709" s="613"/>
      <c r="CDR709" s="613"/>
      <c r="CDS709" s="613"/>
      <c r="CDT709" s="613"/>
      <c r="CDU709" s="613"/>
      <c r="CDV709" s="613"/>
      <c r="CDW709" s="613"/>
      <c r="CDX709" s="613"/>
      <c r="CDY709" s="613"/>
      <c r="CDZ709" s="613"/>
      <c r="CEA709" s="613"/>
      <c r="CEB709" s="613"/>
      <c r="CEC709" s="613"/>
      <c r="CED709" s="613"/>
      <c r="CEE709" s="613"/>
      <c r="CEF709" s="613"/>
      <c r="CEG709" s="613"/>
      <c r="CEH709" s="613"/>
      <c r="CEI709" s="613"/>
      <c r="CEJ709" s="613"/>
      <c r="CEK709" s="613"/>
      <c r="CEL709" s="613"/>
      <c r="CEM709" s="613"/>
      <c r="CEN709" s="613"/>
      <c r="CEO709" s="613"/>
      <c r="CEP709" s="613"/>
      <c r="CEQ709" s="613"/>
      <c r="CER709" s="613"/>
      <c r="CES709" s="613"/>
      <c r="CET709" s="613"/>
      <c r="CEU709" s="613"/>
      <c r="CEV709" s="613"/>
      <c r="CEW709" s="613"/>
      <c r="CEX709" s="613"/>
      <c r="CEY709" s="613"/>
      <c r="CEZ709" s="613"/>
      <c r="CFA709" s="613"/>
      <c r="CFB709" s="613"/>
      <c r="CFC709" s="613"/>
      <c r="CFD709" s="613"/>
      <c r="CFE709" s="613"/>
      <c r="CFF709" s="613"/>
      <c r="CFG709" s="613"/>
      <c r="CFH709" s="613"/>
      <c r="CFI709" s="613"/>
      <c r="CFJ709" s="613"/>
      <c r="CFK709" s="613"/>
      <c r="CFL709" s="613"/>
      <c r="CFM709" s="613"/>
      <c r="CFN709" s="613"/>
      <c r="CFO709" s="613"/>
      <c r="CFP709" s="613"/>
      <c r="CFQ709" s="613"/>
      <c r="CFR709" s="613"/>
      <c r="CFS709" s="613"/>
      <c r="CFT709" s="613"/>
      <c r="CFU709" s="613"/>
      <c r="CFV709" s="613"/>
      <c r="CFW709" s="613"/>
      <c r="CFX709" s="613"/>
      <c r="CFY709" s="613"/>
      <c r="CFZ709" s="613"/>
      <c r="CGA709" s="613"/>
      <c r="CGB709" s="613"/>
      <c r="CGC709" s="613"/>
      <c r="CGD709" s="613"/>
      <c r="CGE709" s="613"/>
      <c r="CGF709" s="613"/>
      <c r="CGG709" s="613"/>
      <c r="CGH709" s="613"/>
      <c r="CGI709" s="613"/>
      <c r="CGJ709" s="613"/>
      <c r="CGK709" s="613"/>
      <c r="CGL709" s="613"/>
      <c r="CGM709" s="613"/>
      <c r="CGN709" s="613"/>
      <c r="CGO709" s="613"/>
      <c r="CGP709" s="613"/>
      <c r="CGQ709" s="613"/>
      <c r="CGR709" s="613"/>
      <c r="CGS709" s="613"/>
      <c r="CGT709" s="613"/>
      <c r="CGU709" s="613"/>
      <c r="CGV709" s="613"/>
      <c r="CGW709" s="613"/>
      <c r="CGX709" s="613"/>
      <c r="CGY709" s="613"/>
      <c r="CGZ709" s="613"/>
      <c r="CHA709" s="613"/>
      <c r="CHB709" s="613"/>
      <c r="CHC709" s="613"/>
      <c r="CHD709" s="613"/>
      <c r="CHE709" s="613"/>
      <c r="CHF709" s="613"/>
      <c r="CHG709" s="613"/>
      <c r="CHH709" s="613"/>
      <c r="CHI709" s="613"/>
      <c r="CHJ709" s="613"/>
      <c r="CHK709" s="613"/>
      <c r="CHL709" s="613"/>
      <c r="CHM709" s="613"/>
      <c r="CHN709" s="613"/>
      <c r="CHO709" s="613"/>
      <c r="CHP709" s="613"/>
      <c r="CHQ709" s="613"/>
      <c r="CHR709" s="613"/>
      <c r="CHS709" s="613"/>
      <c r="CHT709" s="613"/>
      <c r="CHU709" s="613"/>
      <c r="CHV709" s="613"/>
      <c r="CHW709" s="613"/>
      <c r="CHX709" s="613"/>
      <c r="CHY709" s="613"/>
      <c r="CHZ709" s="613"/>
      <c r="CIA709" s="613"/>
      <c r="CIB709" s="613"/>
      <c r="CIC709" s="613"/>
      <c r="CID709" s="613"/>
      <c r="CIE709" s="613"/>
      <c r="CIF709" s="613"/>
      <c r="CIG709" s="613"/>
      <c r="CIH709" s="613"/>
      <c r="CII709" s="613"/>
      <c r="CIJ709" s="613"/>
      <c r="CIK709" s="613"/>
      <c r="CIL709" s="613"/>
      <c r="CIM709" s="613"/>
      <c r="CIN709" s="613"/>
      <c r="CIO709" s="613"/>
      <c r="CIP709" s="613"/>
      <c r="CIQ709" s="613"/>
      <c r="CIR709" s="613"/>
      <c r="CIS709" s="613"/>
      <c r="CIT709" s="613"/>
      <c r="CIU709" s="613"/>
      <c r="CIV709" s="613"/>
      <c r="CIW709" s="613"/>
      <c r="CIX709" s="613"/>
      <c r="CIY709" s="613"/>
      <c r="CIZ709" s="613"/>
      <c r="CJA709" s="613"/>
      <c r="CJB709" s="613"/>
      <c r="CJC709" s="613"/>
      <c r="CJD709" s="613"/>
      <c r="CJE709" s="613"/>
      <c r="CJF709" s="613"/>
      <c r="CJG709" s="613"/>
      <c r="CJH709" s="613"/>
      <c r="CJI709" s="613"/>
      <c r="CJJ709" s="613"/>
      <c r="CJK709" s="613"/>
      <c r="CJL709" s="613"/>
      <c r="CJM709" s="613"/>
      <c r="CJN709" s="613"/>
      <c r="CJO709" s="613"/>
      <c r="CJP709" s="613"/>
      <c r="CJQ709" s="613"/>
      <c r="CJR709" s="613"/>
      <c r="CJS709" s="613"/>
      <c r="CJT709" s="613"/>
      <c r="CJU709" s="613"/>
      <c r="CJV709" s="613"/>
      <c r="CJW709" s="613"/>
      <c r="CJX709" s="613"/>
      <c r="CJY709" s="613"/>
      <c r="CJZ709" s="613"/>
      <c r="CKA709" s="613"/>
      <c r="CKB709" s="613"/>
      <c r="CKC709" s="613"/>
      <c r="CKD709" s="613"/>
      <c r="CKE709" s="613"/>
      <c r="CKF709" s="613"/>
      <c r="CKG709" s="613"/>
      <c r="CKH709" s="613"/>
      <c r="CKI709" s="613"/>
      <c r="CKJ709" s="613"/>
      <c r="CKK709" s="613"/>
      <c r="CKL709" s="613"/>
      <c r="CKM709" s="613"/>
      <c r="CKN709" s="613"/>
      <c r="CKO709" s="613"/>
      <c r="CKP709" s="613"/>
      <c r="CKQ709" s="613"/>
      <c r="CKR709" s="613"/>
      <c r="CKS709" s="613"/>
      <c r="CKT709" s="613"/>
      <c r="CKU709" s="613"/>
      <c r="CKV709" s="613"/>
      <c r="CKW709" s="613"/>
      <c r="CKX709" s="613"/>
      <c r="CKY709" s="613"/>
      <c r="CKZ709" s="613"/>
      <c r="CLA709" s="613"/>
      <c r="CLB709" s="613"/>
      <c r="CLC709" s="613"/>
      <c r="CLD709" s="613"/>
      <c r="CLE709" s="613"/>
      <c r="CLF709" s="613"/>
      <c r="CLG709" s="613"/>
      <c r="CLH709" s="613"/>
      <c r="CLI709" s="613"/>
      <c r="CLJ709" s="613"/>
      <c r="CLK709" s="613"/>
      <c r="CLL709" s="613"/>
      <c r="CLM709" s="613"/>
      <c r="CLN709" s="613"/>
      <c r="CLO709" s="613"/>
      <c r="CLP709" s="613"/>
      <c r="CLQ709" s="613"/>
      <c r="CLR709" s="613"/>
      <c r="CLS709" s="613"/>
      <c r="CLT709" s="613"/>
      <c r="CLU709" s="613"/>
      <c r="CLV709" s="613"/>
      <c r="CLW709" s="613"/>
      <c r="CLX709" s="613"/>
      <c r="CLY709" s="613"/>
      <c r="CLZ709" s="613"/>
      <c r="CMA709" s="613"/>
      <c r="CMB709" s="613"/>
      <c r="CMC709" s="613"/>
      <c r="CMD709" s="613"/>
      <c r="CME709" s="613"/>
      <c r="CMF709" s="613"/>
      <c r="CMG709" s="613"/>
      <c r="CMH709" s="613"/>
      <c r="CMI709" s="613"/>
      <c r="CMJ709" s="613"/>
      <c r="CMK709" s="613"/>
      <c r="CML709" s="613"/>
      <c r="CMM709" s="613"/>
      <c r="CMN709" s="613"/>
      <c r="CMO709" s="613"/>
      <c r="CMP709" s="613"/>
      <c r="CMQ709" s="613"/>
      <c r="CMR709" s="613"/>
      <c r="CMS709" s="613"/>
      <c r="CMT709" s="613"/>
      <c r="CMU709" s="613"/>
      <c r="CMV709" s="613"/>
      <c r="CMW709" s="613"/>
      <c r="CMX709" s="613"/>
      <c r="CMY709" s="613"/>
      <c r="CMZ709" s="613"/>
      <c r="CNA709" s="613"/>
      <c r="CNB709" s="613"/>
      <c r="CNC709" s="613"/>
      <c r="CND709" s="613"/>
      <c r="CNE709" s="613"/>
      <c r="CNF709" s="613"/>
      <c r="CNG709" s="613"/>
      <c r="CNH709" s="613"/>
      <c r="CNI709" s="613"/>
      <c r="CNJ709" s="613"/>
      <c r="CNK709" s="613"/>
      <c r="CNL709" s="613"/>
      <c r="CNM709" s="613"/>
      <c r="CNN709" s="613"/>
      <c r="CNO709" s="613"/>
      <c r="CNP709" s="613"/>
      <c r="CNQ709" s="613"/>
      <c r="CNR709" s="613"/>
      <c r="CNS709" s="613"/>
      <c r="CNT709" s="613"/>
      <c r="CNU709" s="613"/>
      <c r="CNV709" s="613"/>
      <c r="CNW709" s="613"/>
      <c r="CNX709" s="613"/>
      <c r="CNY709" s="613"/>
      <c r="CNZ709" s="613"/>
      <c r="COA709" s="613"/>
      <c r="COB709" s="613"/>
      <c r="COC709" s="613"/>
      <c r="COD709" s="613"/>
      <c r="COE709" s="613"/>
      <c r="COF709" s="613"/>
      <c r="COG709" s="613"/>
      <c r="COH709" s="613"/>
      <c r="COI709" s="613"/>
      <c r="COJ709" s="613"/>
      <c r="COK709" s="613"/>
      <c r="COL709" s="613"/>
      <c r="COM709" s="613"/>
      <c r="CON709" s="613"/>
      <c r="COO709" s="613"/>
      <c r="COP709" s="613"/>
      <c r="COQ709" s="613"/>
      <c r="COR709" s="613"/>
      <c r="COS709" s="613"/>
      <c r="COT709" s="613"/>
      <c r="COU709" s="613"/>
      <c r="COV709" s="613"/>
      <c r="COW709" s="613"/>
      <c r="COX709" s="613"/>
      <c r="COY709" s="613"/>
      <c r="COZ709" s="613"/>
      <c r="CPA709" s="613"/>
      <c r="CPB709" s="613"/>
      <c r="CPC709" s="613"/>
      <c r="CPD709" s="613"/>
      <c r="CPE709" s="613"/>
      <c r="CPF709" s="613"/>
      <c r="CPG709" s="613"/>
      <c r="CPH709" s="613"/>
      <c r="CPI709" s="613"/>
      <c r="CPJ709" s="613"/>
      <c r="CPK709" s="613"/>
      <c r="CPL709" s="613"/>
      <c r="CPM709" s="613"/>
      <c r="CPN709" s="613"/>
      <c r="CPO709" s="613"/>
      <c r="CPP709" s="613"/>
      <c r="CPQ709" s="613"/>
      <c r="CPR709" s="613"/>
      <c r="CPS709" s="613"/>
      <c r="CPT709" s="613"/>
      <c r="CPU709" s="613"/>
      <c r="CPV709" s="613"/>
      <c r="CPW709" s="613"/>
      <c r="CPX709" s="613"/>
      <c r="CPY709" s="613"/>
      <c r="CPZ709" s="613"/>
      <c r="CQA709" s="613"/>
      <c r="CQB709" s="613"/>
      <c r="CQC709" s="613"/>
      <c r="CQD709" s="613"/>
      <c r="CQE709" s="613"/>
      <c r="CQF709" s="613"/>
      <c r="CQG709" s="613"/>
      <c r="CQH709" s="613"/>
      <c r="CQI709" s="613"/>
      <c r="CQJ709" s="613"/>
      <c r="CQK709" s="613"/>
      <c r="CQL709" s="613"/>
      <c r="CQM709" s="613"/>
      <c r="CQN709" s="613"/>
      <c r="CQO709" s="613"/>
      <c r="CQP709" s="613"/>
      <c r="CQQ709" s="613"/>
      <c r="CQR709" s="613"/>
      <c r="CQS709" s="613"/>
      <c r="CQT709" s="613"/>
      <c r="CQU709" s="613"/>
      <c r="CQV709" s="613"/>
      <c r="CQW709" s="613"/>
      <c r="CQX709" s="613"/>
      <c r="CQY709" s="613"/>
      <c r="CQZ709" s="613"/>
      <c r="CRA709" s="613"/>
      <c r="CRB709" s="613"/>
      <c r="CRC709" s="613"/>
      <c r="CRD709" s="613"/>
      <c r="CRE709" s="613"/>
      <c r="CRF709" s="613"/>
      <c r="CRG709" s="613"/>
      <c r="CRH709" s="613"/>
      <c r="CRI709" s="613"/>
      <c r="CRJ709" s="613"/>
      <c r="CRK709" s="613"/>
      <c r="CRL709" s="613"/>
      <c r="CRM709" s="613"/>
      <c r="CRN709" s="613"/>
      <c r="CRO709" s="613"/>
      <c r="CRP709" s="613"/>
      <c r="CRQ709" s="613"/>
      <c r="CRR709" s="613"/>
      <c r="CRS709" s="613"/>
      <c r="CRT709" s="613"/>
      <c r="CRU709" s="613"/>
      <c r="CRV709" s="613"/>
      <c r="CRW709" s="613"/>
      <c r="CRX709" s="613"/>
      <c r="CRY709" s="613"/>
      <c r="CRZ709" s="613"/>
      <c r="CSA709" s="613"/>
      <c r="CSB709" s="613"/>
      <c r="CSC709" s="613"/>
      <c r="CSD709" s="613"/>
      <c r="CSE709" s="613"/>
      <c r="CSF709" s="613"/>
      <c r="CSG709" s="613"/>
      <c r="CSH709" s="613"/>
      <c r="CSI709" s="613"/>
      <c r="CSJ709" s="613"/>
      <c r="CSK709" s="613"/>
      <c r="CSL709" s="613"/>
      <c r="CSM709" s="613"/>
      <c r="CSN709" s="613"/>
      <c r="CSO709" s="613"/>
      <c r="CSP709" s="613"/>
      <c r="CSQ709" s="613"/>
      <c r="CSR709" s="613"/>
      <c r="CSS709" s="613"/>
      <c r="CST709" s="613"/>
      <c r="CSU709" s="613"/>
      <c r="CSV709" s="613"/>
      <c r="CSW709" s="613"/>
      <c r="CSX709" s="613"/>
      <c r="CSY709" s="613"/>
      <c r="CSZ709" s="613"/>
      <c r="CTA709" s="613"/>
      <c r="CTB709" s="613"/>
      <c r="CTC709" s="613"/>
      <c r="CTD709" s="613"/>
      <c r="CTE709" s="613"/>
      <c r="CTF709" s="613"/>
      <c r="CTG709" s="613"/>
      <c r="CTH709" s="613"/>
      <c r="CTI709" s="613"/>
      <c r="CTJ709" s="613"/>
      <c r="CTK709" s="613"/>
      <c r="CTL709" s="613"/>
      <c r="CTM709" s="613"/>
      <c r="CTN709" s="613"/>
      <c r="CTO709" s="613"/>
      <c r="CTP709" s="613"/>
      <c r="CTQ709" s="613"/>
      <c r="CTR709" s="613"/>
      <c r="CTS709" s="613"/>
      <c r="CTT709" s="613"/>
      <c r="CTU709" s="613"/>
      <c r="CTV709" s="613"/>
      <c r="CTW709" s="613"/>
      <c r="CTX709" s="613"/>
      <c r="CTY709" s="613"/>
      <c r="CTZ709" s="613"/>
      <c r="CUA709" s="613"/>
      <c r="CUB709" s="613"/>
      <c r="CUC709" s="613"/>
      <c r="CUD709" s="613"/>
      <c r="CUE709" s="613"/>
      <c r="CUF709" s="613"/>
      <c r="CUG709" s="613"/>
      <c r="CUH709" s="613"/>
      <c r="CUI709" s="613"/>
      <c r="CUJ709" s="613"/>
      <c r="CUK709" s="613"/>
      <c r="CUL709" s="613"/>
      <c r="CUM709" s="613"/>
      <c r="CUN709" s="613"/>
      <c r="CUO709" s="613"/>
      <c r="CUP709" s="613"/>
      <c r="CUQ709" s="613"/>
      <c r="CUR709" s="613"/>
      <c r="CUS709" s="613"/>
      <c r="CUT709" s="613"/>
      <c r="CUU709" s="613"/>
      <c r="CUV709" s="613"/>
      <c r="CUW709" s="613"/>
      <c r="CUX709" s="613"/>
      <c r="CUY709" s="613"/>
      <c r="CUZ709" s="613"/>
      <c r="CVA709" s="613"/>
      <c r="CVB709" s="613"/>
      <c r="CVC709" s="613"/>
      <c r="CVD709" s="613"/>
      <c r="CVE709" s="613"/>
      <c r="CVF709" s="613"/>
      <c r="CVG709" s="613"/>
      <c r="CVH709" s="613"/>
      <c r="CVI709" s="613"/>
      <c r="CVJ709" s="613"/>
      <c r="CVK709" s="613"/>
      <c r="CVL709" s="613"/>
      <c r="CVM709" s="613"/>
      <c r="CVN709" s="613"/>
      <c r="CVO709" s="613"/>
      <c r="CVP709" s="613"/>
      <c r="CVQ709" s="613"/>
      <c r="CVR709" s="613"/>
      <c r="CVS709" s="613"/>
      <c r="CVT709" s="613"/>
      <c r="CVU709" s="613"/>
      <c r="CVV709" s="613"/>
      <c r="CVW709" s="613"/>
      <c r="CVX709" s="613"/>
      <c r="CVY709" s="613"/>
      <c r="CVZ709" s="613"/>
      <c r="CWA709" s="613"/>
      <c r="CWB709" s="613"/>
      <c r="CWC709" s="613"/>
      <c r="CWD709" s="613"/>
      <c r="CWE709" s="613"/>
      <c r="CWF709" s="613"/>
      <c r="CWG709" s="613"/>
      <c r="CWH709" s="613"/>
      <c r="CWI709" s="613"/>
      <c r="CWJ709" s="613"/>
      <c r="CWK709" s="613"/>
      <c r="CWL709" s="613"/>
      <c r="CWM709" s="613"/>
      <c r="CWN709" s="613"/>
      <c r="CWO709" s="613"/>
      <c r="CWP709" s="613"/>
      <c r="CWQ709" s="613"/>
      <c r="CWR709" s="613"/>
      <c r="CWS709" s="613"/>
      <c r="CWT709" s="613"/>
      <c r="CWU709" s="613"/>
      <c r="CWV709" s="613"/>
      <c r="CWW709" s="613"/>
      <c r="CWX709" s="613"/>
      <c r="CWY709" s="613"/>
      <c r="CWZ709" s="613"/>
      <c r="CXA709" s="613"/>
      <c r="CXB709" s="613"/>
      <c r="CXC709" s="613"/>
      <c r="CXD709" s="613"/>
      <c r="CXE709" s="613"/>
      <c r="CXF709" s="613"/>
      <c r="CXG709" s="613"/>
      <c r="CXH709" s="613"/>
      <c r="CXI709" s="613"/>
      <c r="CXJ709" s="613"/>
      <c r="CXK709" s="613"/>
      <c r="CXL709" s="613"/>
      <c r="CXM709" s="613"/>
      <c r="CXN709" s="613"/>
      <c r="CXO709" s="613"/>
      <c r="CXP709" s="613"/>
      <c r="CXQ709" s="613"/>
      <c r="CXR709" s="613"/>
      <c r="CXS709" s="613"/>
      <c r="CXT709" s="613"/>
      <c r="CXU709" s="613"/>
      <c r="CXV709" s="613"/>
      <c r="CXW709" s="613"/>
      <c r="CXX709" s="613"/>
      <c r="CXY709" s="613"/>
      <c r="CXZ709" s="613"/>
      <c r="CYA709" s="613"/>
      <c r="CYB709" s="613"/>
      <c r="CYC709" s="613"/>
      <c r="CYD709" s="613"/>
      <c r="CYE709" s="613"/>
      <c r="CYF709" s="613"/>
      <c r="CYG709" s="613"/>
      <c r="CYH709" s="613"/>
      <c r="CYI709" s="613"/>
      <c r="CYJ709" s="613"/>
      <c r="CYK709" s="613"/>
      <c r="CYL709" s="613"/>
      <c r="CYM709" s="613"/>
      <c r="CYN709" s="613"/>
      <c r="CYO709" s="613"/>
      <c r="CYP709" s="613"/>
      <c r="CYQ709" s="613"/>
      <c r="CYR709" s="613"/>
      <c r="CYS709" s="613"/>
      <c r="CYT709" s="613"/>
      <c r="CYU709" s="613"/>
      <c r="CYV709" s="613"/>
      <c r="CYW709" s="613"/>
      <c r="CYX709" s="613"/>
      <c r="CYY709" s="613"/>
      <c r="CYZ709" s="613"/>
      <c r="CZA709" s="613"/>
      <c r="CZB709" s="613"/>
      <c r="CZC709" s="613"/>
      <c r="CZD709" s="613"/>
      <c r="CZE709" s="613"/>
      <c r="CZF709" s="613"/>
      <c r="CZG709" s="613"/>
      <c r="CZH709" s="613"/>
      <c r="CZI709" s="613"/>
      <c r="CZJ709" s="613"/>
      <c r="CZK709" s="613"/>
      <c r="CZL709" s="613"/>
      <c r="CZM709" s="613"/>
      <c r="CZN709" s="613"/>
      <c r="CZO709" s="613"/>
      <c r="CZP709" s="613"/>
      <c r="CZQ709" s="613"/>
      <c r="CZR709" s="613"/>
      <c r="CZS709" s="613"/>
      <c r="CZT709" s="613"/>
      <c r="CZU709" s="613"/>
      <c r="CZV709" s="613"/>
      <c r="CZW709" s="613"/>
      <c r="CZX709" s="613"/>
      <c r="CZY709" s="613"/>
      <c r="CZZ709" s="613"/>
      <c r="DAA709" s="613"/>
      <c r="DAB709" s="613"/>
      <c r="DAC709" s="613"/>
      <c r="DAD709" s="613"/>
      <c r="DAE709" s="613"/>
      <c r="DAF709" s="613"/>
      <c r="DAG709" s="613"/>
      <c r="DAH709" s="613"/>
      <c r="DAI709" s="613"/>
      <c r="DAJ709" s="613"/>
      <c r="DAK709" s="613"/>
      <c r="DAL709" s="613"/>
      <c r="DAM709" s="613"/>
      <c r="DAN709" s="613"/>
      <c r="DAO709" s="613"/>
      <c r="DAP709" s="613"/>
      <c r="DAQ709" s="613"/>
      <c r="DAR709" s="613"/>
      <c r="DAS709" s="613"/>
      <c r="DAT709" s="613"/>
      <c r="DAU709" s="613"/>
      <c r="DAV709" s="613"/>
      <c r="DAW709" s="613"/>
      <c r="DAX709" s="613"/>
      <c r="DAY709" s="613"/>
      <c r="DAZ709" s="613"/>
      <c r="DBA709" s="613"/>
      <c r="DBB709" s="613"/>
      <c r="DBC709" s="613"/>
      <c r="DBD709" s="613"/>
      <c r="DBE709" s="613"/>
      <c r="DBF709" s="613"/>
      <c r="DBG709" s="613"/>
      <c r="DBH709" s="613"/>
      <c r="DBI709" s="613"/>
      <c r="DBJ709" s="613"/>
      <c r="DBK709" s="613"/>
      <c r="DBL709" s="613"/>
      <c r="DBM709" s="613"/>
      <c r="DBN709" s="613"/>
      <c r="DBO709" s="613"/>
      <c r="DBP709" s="613"/>
      <c r="DBQ709" s="613"/>
      <c r="DBR709" s="613"/>
      <c r="DBS709" s="613"/>
      <c r="DBT709" s="613"/>
      <c r="DBU709" s="613"/>
      <c r="DBV709" s="613"/>
      <c r="DBW709" s="613"/>
      <c r="DBX709" s="613"/>
      <c r="DBY709" s="613"/>
      <c r="DBZ709" s="613"/>
      <c r="DCA709" s="613"/>
      <c r="DCB709" s="613"/>
      <c r="DCC709" s="613"/>
      <c r="DCD709" s="613"/>
      <c r="DCE709" s="613"/>
      <c r="DCF709" s="613"/>
      <c r="DCG709" s="613"/>
      <c r="DCH709" s="613"/>
      <c r="DCI709" s="613"/>
      <c r="DCJ709" s="613"/>
      <c r="DCK709" s="613"/>
      <c r="DCL709" s="613"/>
      <c r="DCM709" s="613"/>
      <c r="DCN709" s="613"/>
      <c r="DCO709" s="613"/>
      <c r="DCP709" s="613"/>
      <c r="DCQ709" s="613"/>
      <c r="DCR709" s="613"/>
      <c r="DCS709" s="613"/>
      <c r="DCT709" s="613"/>
      <c r="DCU709" s="613"/>
      <c r="DCV709" s="613"/>
      <c r="DCW709" s="613"/>
      <c r="DCX709" s="613"/>
      <c r="DCY709" s="613"/>
      <c r="DCZ709" s="613"/>
      <c r="DDA709" s="613"/>
      <c r="DDB709" s="613"/>
      <c r="DDC709" s="613"/>
      <c r="DDD709" s="613"/>
      <c r="DDE709" s="613"/>
      <c r="DDF709" s="613"/>
      <c r="DDG709" s="613"/>
      <c r="DDH709" s="613"/>
      <c r="DDI709" s="613"/>
      <c r="DDJ709" s="613"/>
      <c r="DDK709" s="613"/>
      <c r="DDL709" s="613"/>
      <c r="DDM709" s="613"/>
      <c r="DDN709" s="613"/>
      <c r="DDO709" s="613"/>
      <c r="DDP709" s="613"/>
      <c r="DDQ709" s="613"/>
      <c r="DDR709" s="613"/>
      <c r="DDS709" s="613"/>
      <c r="DDT709" s="613"/>
      <c r="DDU709" s="613"/>
      <c r="DDV709" s="613"/>
      <c r="DDW709" s="613"/>
      <c r="DDX709" s="613"/>
      <c r="DDY709" s="613"/>
      <c r="DDZ709" s="613"/>
      <c r="DEA709" s="613"/>
      <c r="DEB709" s="613"/>
      <c r="DEC709" s="613"/>
      <c r="DED709" s="613"/>
      <c r="DEE709" s="613"/>
      <c r="DEF709" s="613"/>
      <c r="DEG709" s="613"/>
      <c r="DEH709" s="613"/>
      <c r="DEI709" s="613"/>
      <c r="DEJ709" s="613"/>
      <c r="DEK709" s="613"/>
      <c r="DEL709" s="613"/>
      <c r="DEM709" s="613"/>
      <c r="DEN709" s="613"/>
      <c r="DEO709" s="613"/>
      <c r="DEP709" s="613"/>
      <c r="DEQ709" s="613"/>
      <c r="DER709" s="613"/>
      <c r="DES709" s="613"/>
      <c r="DET709" s="613"/>
      <c r="DEU709" s="613"/>
      <c r="DEV709" s="613"/>
      <c r="DEW709" s="613"/>
      <c r="DEX709" s="613"/>
      <c r="DEY709" s="613"/>
      <c r="DEZ709" s="613"/>
      <c r="DFA709" s="613"/>
      <c r="DFB709" s="613"/>
      <c r="DFC709" s="613"/>
      <c r="DFD709" s="613"/>
      <c r="DFE709" s="613"/>
      <c r="DFF709" s="613"/>
      <c r="DFG709" s="613"/>
      <c r="DFH709" s="613"/>
      <c r="DFI709" s="613"/>
      <c r="DFJ709" s="613"/>
      <c r="DFK709" s="613"/>
      <c r="DFL709" s="613"/>
      <c r="DFM709" s="613"/>
      <c r="DFN709" s="613"/>
      <c r="DFO709" s="613"/>
      <c r="DFP709" s="613"/>
      <c r="DFQ709" s="613"/>
      <c r="DFR709" s="613"/>
      <c r="DFS709" s="613"/>
      <c r="DFT709" s="613"/>
      <c r="DFU709" s="613"/>
      <c r="DFV709" s="613"/>
      <c r="DFW709" s="613"/>
      <c r="DFX709" s="613"/>
      <c r="DFY709" s="613"/>
      <c r="DFZ709" s="613"/>
      <c r="DGA709" s="613"/>
      <c r="DGB709" s="613"/>
      <c r="DGC709" s="613"/>
      <c r="DGD709" s="613"/>
      <c r="DGE709" s="613"/>
      <c r="DGF709" s="613"/>
      <c r="DGG709" s="613"/>
      <c r="DGH709" s="613"/>
      <c r="DGI709" s="613"/>
      <c r="DGJ709" s="613"/>
      <c r="DGK709" s="613"/>
      <c r="DGL709" s="613"/>
      <c r="DGM709" s="613"/>
      <c r="DGN709" s="613"/>
      <c r="DGO709" s="613"/>
      <c r="DGP709" s="613"/>
      <c r="DGQ709" s="613"/>
      <c r="DGR709" s="613"/>
      <c r="DGS709" s="613"/>
      <c r="DGT709" s="613"/>
      <c r="DGU709" s="613"/>
      <c r="DGV709" s="613"/>
      <c r="DGW709" s="613"/>
      <c r="DGX709" s="613"/>
      <c r="DGY709" s="613"/>
      <c r="DGZ709" s="613"/>
      <c r="DHA709" s="613"/>
      <c r="DHB709" s="613"/>
      <c r="DHC709" s="613"/>
      <c r="DHD709" s="613"/>
      <c r="DHE709" s="613"/>
      <c r="DHF709" s="613"/>
      <c r="DHG709" s="613"/>
      <c r="DHH709" s="613"/>
      <c r="DHI709" s="613"/>
      <c r="DHJ709" s="613"/>
      <c r="DHK709" s="613"/>
      <c r="DHL709" s="613"/>
      <c r="DHM709" s="613"/>
      <c r="DHN709" s="613"/>
      <c r="DHO709" s="613"/>
      <c r="DHP709" s="613"/>
      <c r="DHQ709" s="613"/>
      <c r="DHR709" s="613"/>
      <c r="DHS709" s="613"/>
      <c r="DHT709" s="613"/>
      <c r="DHU709" s="613"/>
      <c r="DHV709" s="613"/>
      <c r="DHW709" s="613"/>
      <c r="DHX709" s="613"/>
      <c r="DHY709" s="613"/>
      <c r="DHZ709" s="613"/>
      <c r="DIA709" s="613"/>
      <c r="DIB709" s="613"/>
      <c r="DIC709" s="613"/>
      <c r="DID709" s="613"/>
      <c r="DIE709" s="613"/>
      <c r="DIF709" s="613"/>
      <c r="DIG709" s="613"/>
      <c r="DIH709" s="613"/>
      <c r="DII709" s="613"/>
      <c r="DIJ709" s="613"/>
      <c r="DIK709" s="613"/>
      <c r="DIL709" s="613"/>
      <c r="DIM709" s="613"/>
      <c r="DIN709" s="613"/>
      <c r="DIO709" s="613"/>
      <c r="DIP709" s="613"/>
      <c r="DIQ709" s="613"/>
      <c r="DIR709" s="613"/>
      <c r="DIS709" s="613"/>
      <c r="DIT709" s="613"/>
      <c r="DIU709" s="613"/>
      <c r="DIV709" s="613"/>
      <c r="DIW709" s="613"/>
      <c r="DIX709" s="613"/>
      <c r="DIY709" s="613"/>
      <c r="DIZ709" s="613"/>
      <c r="DJA709" s="613"/>
      <c r="DJB709" s="613"/>
      <c r="DJC709" s="613"/>
      <c r="DJD709" s="613"/>
      <c r="DJE709" s="613"/>
      <c r="DJF709" s="613"/>
      <c r="DJG709" s="613"/>
      <c r="DJH709" s="613"/>
      <c r="DJI709" s="613"/>
      <c r="DJJ709" s="613"/>
      <c r="DJK709" s="613"/>
      <c r="DJL709" s="613"/>
      <c r="DJM709" s="613"/>
      <c r="DJN709" s="613"/>
      <c r="DJO709" s="613"/>
      <c r="DJP709" s="613"/>
      <c r="DJQ709" s="613"/>
      <c r="DJR709" s="613"/>
      <c r="DJS709" s="613"/>
      <c r="DJT709" s="613"/>
      <c r="DJU709" s="613"/>
      <c r="DJV709" s="613"/>
      <c r="DJW709" s="613"/>
      <c r="DJX709" s="613"/>
      <c r="DJY709" s="613"/>
      <c r="DJZ709" s="613"/>
      <c r="DKA709" s="613"/>
      <c r="DKB709" s="613"/>
      <c r="DKC709" s="613"/>
      <c r="DKD709" s="613"/>
      <c r="DKE709" s="613"/>
      <c r="DKF709" s="613"/>
      <c r="DKG709" s="613"/>
      <c r="DKH709" s="613"/>
      <c r="DKI709" s="613"/>
      <c r="DKJ709" s="613"/>
      <c r="DKK709" s="613"/>
      <c r="DKL709" s="613"/>
      <c r="DKM709" s="613"/>
      <c r="DKN709" s="613"/>
      <c r="DKO709" s="613"/>
      <c r="DKP709" s="613"/>
      <c r="DKQ709" s="613"/>
      <c r="DKR709" s="613"/>
      <c r="DKS709" s="613"/>
      <c r="DKT709" s="613"/>
      <c r="DKU709" s="613"/>
      <c r="DKV709" s="613"/>
      <c r="DKW709" s="613"/>
      <c r="DKX709" s="613"/>
      <c r="DKY709" s="613"/>
      <c r="DKZ709" s="613"/>
      <c r="DLA709" s="613"/>
      <c r="DLB709" s="613"/>
      <c r="DLC709" s="613"/>
      <c r="DLD709" s="613"/>
      <c r="DLE709" s="613"/>
      <c r="DLF709" s="613"/>
      <c r="DLG709" s="613"/>
      <c r="DLH709" s="613"/>
      <c r="DLI709" s="613"/>
      <c r="DLJ709" s="613"/>
      <c r="DLK709" s="613"/>
      <c r="DLL709" s="613"/>
      <c r="DLM709" s="613"/>
      <c r="DLN709" s="613"/>
      <c r="DLO709" s="613"/>
      <c r="DLP709" s="613"/>
      <c r="DLQ709" s="613"/>
      <c r="DLR709" s="613"/>
      <c r="DLS709" s="613"/>
      <c r="DLT709" s="613"/>
      <c r="DLU709" s="613"/>
      <c r="DLV709" s="613"/>
      <c r="DLW709" s="613"/>
      <c r="DLX709" s="613"/>
      <c r="DLY709" s="613"/>
      <c r="DLZ709" s="613"/>
      <c r="DMA709" s="613"/>
      <c r="DMB709" s="613"/>
      <c r="DMC709" s="613"/>
      <c r="DMD709" s="613"/>
      <c r="DME709" s="613"/>
      <c r="DMF709" s="613"/>
      <c r="DMG709" s="613"/>
      <c r="DMH709" s="613"/>
      <c r="DMI709" s="613"/>
      <c r="DMJ709" s="613"/>
      <c r="DMK709" s="613"/>
      <c r="DML709" s="613"/>
      <c r="DMM709" s="613"/>
      <c r="DMN709" s="613"/>
      <c r="DMO709" s="613"/>
      <c r="DMP709" s="613"/>
      <c r="DMQ709" s="613"/>
      <c r="DMR709" s="613"/>
      <c r="DMS709" s="613"/>
      <c r="DMT709" s="613"/>
      <c r="DMU709" s="613"/>
      <c r="DMV709" s="613"/>
      <c r="DMW709" s="613"/>
      <c r="DMX709" s="613"/>
      <c r="DMY709" s="613"/>
      <c r="DMZ709" s="613"/>
      <c r="DNA709" s="613"/>
      <c r="DNB709" s="613"/>
      <c r="DNC709" s="613"/>
      <c r="DND709" s="613"/>
      <c r="DNE709" s="613"/>
      <c r="DNF709" s="613"/>
      <c r="DNG709" s="613"/>
      <c r="DNH709" s="613"/>
      <c r="DNI709" s="613"/>
      <c r="DNJ709" s="613"/>
      <c r="DNK709" s="613"/>
      <c r="DNL709" s="613"/>
      <c r="DNM709" s="613"/>
      <c r="DNN709" s="613"/>
      <c r="DNO709" s="613"/>
      <c r="DNP709" s="613"/>
      <c r="DNQ709" s="613"/>
      <c r="DNR709" s="613"/>
      <c r="DNS709" s="613"/>
      <c r="DNT709" s="613"/>
      <c r="DNU709" s="613"/>
      <c r="DNV709" s="613"/>
      <c r="DNW709" s="613"/>
      <c r="DNX709" s="613"/>
      <c r="DNY709" s="613"/>
      <c r="DNZ709" s="613"/>
      <c r="DOA709" s="613"/>
      <c r="DOB709" s="613"/>
      <c r="DOC709" s="613"/>
      <c r="DOD709" s="613"/>
      <c r="DOE709" s="613"/>
      <c r="DOF709" s="613"/>
      <c r="DOG709" s="613"/>
      <c r="DOH709" s="613"/>
      <c r="DOI709" s="613"/>
      <c r="DOJ709" s="613"/>
      <c r="DOK709" s="613"/>
      <c r="DOL709" s="613"/>
      <c r="DOM709" s="613"/>
      <c r="DON709" s="613"/>
      <c r="DOO709" s="613"/>
      <c r="DOP709" s="613"/>
      <c r="DOQ709" s="613"/>
      <c r="DOR709" s="613"/>
      <c r="DOS709" s="613"/>
      <c r="DOT709" s="613"/>
      <c r="DOU709" s="613"/>
      <c r="DOV709" s="613"/>
      <c r="DOW709" s="613"/>
      <c r="DOX709" s="613"/>
      <c r="DOY709" s="613"/>
      <c r="DOZ709" s="613"/>
      <c r="DPA709" s="613"/>
      <c r="DPB709" s="613"/>
      <c r="DPC709" s="613"/>
      <c r="DPD709" s="613"/>
      <c r="DPE709" s="613"/>
      <c r="DPF709" s="613"/>
      <c r="DPG709" s="613"/>
      <c r="DPH709" s="613"/>
      <c r="DPI709" s="613"/>
      <c r="DPJ709" s="613"/>
      <c r="DPK709" s="613"/>
      <c r="DPL709" s="613"/>
      <c r="DPM709" s="613"/>
      <c r="DPN709" s="613"/>
      <c r="DPO709" s="613"/>
      <c r="DPP709" s="613"/>
      <c r="DPQ709" s="613"/>
      <c r="DPR709" s="613"/>
      <c r="DPS709" s="613"/>
      <c r="DPT709" s="613"/>
      <c r="DPU709" s="613"/>
      <c r="DPV709" s="613"/>
      <c r="DPW709" s="613"/>
      <c r="DPX709" s="613"/>
      <c r="DPY709" s="613"/>
      <c r="DPZ709" s="613"/>
      <c r="DQA709" s="613"/>
      <c r="DQB709" s="613"/>
      <c r="DQC709" s="613"/>
      <c r="DQD709" s="613"/>
      <c r="DQE709" s="613"/>
      <c r="DQF709" s="613"/>
      <c r="DQG709" s="613"/>
      <c r="DQH709" s="613"/>
      <c r="DQI709" s="613"/>
      <c r="DQJ709" s="613"/>
      <c r="DQK709" s="613"/>
      <c r="DQL709" s="613"/>
      <c r="DQM709" s="613"/>
      <c r="DQN709" s="613"/>
      <c r="DQO709" s="613"/>
      <c r="DQP709" s="613"/>
      <c r="DQQ709" s="613"/>
      <c r="DQR709" s="613"/>
      <c r="DQS709" s="613"/>
      <c r="DQT709" s="613"/>
      <c r="DQU709" s="613"/>
      <c r="DQV709" s="613"/>
      <c r="DQW709" s="613"/>
      <c r="DQX709" s="613"/>
      <c r="DQY709" s="613"/>
      <c r="DQZ709" s="613"/>
      <c r="DRA709" s="613"/>
      <c r="DRB709" s="613"/>
      <c r="DRC709" s="613"/>
      <c r="DRD709" s="613"/>
      <c r="DRE709" s="613"/>
      <c r="DRF709" s="613"/>
      <c r="DRG709" s="613"/>
      <c r="DRH709" s="613"/>
      <c r="DRI709" s="613"/>
      <c r="DRJ709" s="613"/>
      <c r="DRK709" s="613"/>
      <c r="DRL709" s="613"/>
      <c r="DRM709" s="613"/>
      <c r="DRN709" s="613"/>
      <c r="DRO709" s="613"/>
      <c r="DRP709" s="613"/>
      <c r="DRQ709" s="613"/>
      <c r="DRR709" s="613"/>
      <c r="DRS709" s="613"/>
      <c r="DRT709" s="613"/>
      <c r="DRU709" s="613"/>
      <c r="DRV709" s="613"/>
      <c r="DRW709" s="613"/>
      <c r="DRX709" s="613"/>
      <c r="DRY709" s="613"/>
      <c r="DRZ709" s="613"/>
      <c r="DSA709" s="613"/>
      <c r="DSB709" s="613"/>
      <c r="DSC709" s="613"/>
      <c r="DSD709" s="613"/>
      <c r="DSE709" s="613"/>
      <c r="DSF709" s="613"/>
      <c r="DSG709" s="613"/>
      <c r="DSH709" s="613"/>
      <c r="DSI709" s="613"/>
      <c r="DSJ709" s="613"/>
      <c r="DSK709" s="613"/>
      <c r="DSL709" s="613"/>
      <c r="DSM709" s="613"/>
      <c r="DSN709" s="613"/>
      <c r="DSO709" s="613"/>
      <c r="DSP709" s="613"/>
      <c r="DSQ709" s="613"/>
      <c r="DSR709" s="613"/>
      <c r="DSS709" s="613"/>
      <c r="DST709" s="613"/>
      <c r="DSU709" s="613"/>
      <c r="DSV709" s="613"/>
      <c r="DSW709" s="613"/>
      <c r="DSX709" s="613"/>
      <c r="DSY709" s="613"/>
      <c r="DSZ709" s="613"/>
      <c r="DTA709" s="613"/>
      <c r="DTB709" s="613"/>
      <c r="DTC709" s="613"/>
      <c r="DTD709" s="613"/>
      <c r="DTE709" s="613"/>
      <c r="DTF709" s="613"/>
      <c r="DTG709" s="613"/>
      <c r="DTH709" s="613"/>
      <c r="DTI709" s="613"/>
      <c r="DTJ709" s="613"/>
      <c r="DTK709" s="613"/>
      <c r="DTL709" s="613"/>
      <c r="DTM709" s="613"/>
      <c r="DTN709" s="613"/>
      <c r="DTO709" s="613"/>
      <c r="DTP709" s="613"/>
      <c r="DTQ709" s="613"/>
      <c r="DTR709" s="613"/>
      <c r="DTS709" s="613"/>
      <c r="DTT709" s="613"/>
      <c r="DTU709" s="613"/>
      <c r="DTV709" s="613"/>
      <c r="DTW709" s="613"/>
      <c r="DTX709" s="613"/>
      <c r="DTY709" s="613"/>
      <c r="DTZ709" s="613"/>
      <c r="DUA709" s="613"/>
      <c r="DUB709" s="613"/>
      <c r="DUC709" s="613"/>
      <c r="DUD709" s="613"/>
      <c r="DUE709" s="613"/>
      <c r="DUF709" s="613"/>
      <c r="DUG709" s="613"/>
      <c r="DUH709" s="613"/>
      <c r="DUI709" s="613"/>
      <c r="DUJ709" s="613"/>
      <c r="DUK709" s="613"/>
      <c r="DUL709" s="613"/>
      <c r="DUM709" s="613"/>
      <c r="DUN709" s="613"/>
      <c r="DUO709" s="613"/>
      <c r="DUP709" s="613"/>
      <c r="DUQ709" s="613"/>
      <c r="DUR709" s="613"/>
      <c r="DUS709" s="613"/>
      <c r="DUT709" s="613"/>
      <c r="DUU709" s="613"/>
      <c r="DUV709" s="613"/>
      <c r="DUW709" s="613"/>
      <c r="DUX709" s="613"/>
      <c r="DUY709" s="613"/>
      <c r="DUZ709" s="613"/>
      <c r="DVA709" s="613"/>
      <c r="DVB709" s="613"/>
      <c r="DVC709" s="613"/>
      <c r="DVD709" s="613"/>
      <c r="DVE709" s="613"/>
      <c r="DVF709" s="613"/>
      <c r="DVG709" s="613"/>
      <c r="DVH709" s="613"/>
      <c r="DVI709" s="613"/>
      <c r="DVJ709" s="613"/>
      <c r="DVK709" s="613"/>
      <c r="DVL709" s="613"/>
      <c r="DVM709" s="613"/>
      <c r="DVN709" s="613"/>
      <c r="DVO709" s="613"/>
      <c r="DVP709" s="613"/>
      <c r="DVQ709" s="613"/>
      <c r="DVR709" s="613"/>
      <c r="DVS709" s="613"/>
      <c r="DVT709" s="613"/>
      <c r="DVU709" s="613"/>
      <c r="DVV709" s="613"/>
      <c r="DVW709" s="613"/>
      <c r="DVX709" s="613"/>
      <c r="DVY709" s="613"/>
      <c r="DVZ709" s="613"/>
      <c r="DWA709" s="613"/>
      <c r="DWB709" s="613"/>
      <c r="DWC709" s="613"/>
      <c r="DWD709" s="613"/>
      <c r="DWE709" s="613"/>
      <c r="DWF709" s="613"/>
      <c r="DWG709" s="613"/>
      <c r="DWH709" s="613"/>
      <c r="DWI709" s="613"/>
      <c r="DWJ709" s="613"/>
      <c r="DWK709" s="613"/>
      <c r="DWL709" s="613"/>
      <c r="DWM709" s="613"/>
      <c r="DWN709" s="613"/>
      <c r="DWO709" s="613"/>
      <c r="DWP709" s="613"/>
      <c r="DWQ709" s="613"/>
      <c r="DWR709" s="613"/>
      <c r="DWS709" s="613"/>
      <c r="DWT709" s="613"/>
      <c r="DWU709" s="613"/>
      <c r="DWV709" s="613"/>
      <c r="DWW709" s="613"/>
      <c r="DWX709" s="613"/>
      <c r="DWY709" s="613"/>
      <c r="DWZ709" s="613"/>
      <c r="DXA709" s="613"/>
      <c r="DXB709" s="613"/>
      <c r="DXC709" s="613"/>
      <c r="DXD709" s="613"/>
      <c r="DXE709" s="613"/>
      <c r="DXF709" s="613"/>
      <c r="DXG709" s="613"/>
      <c r="DXH709" s="613"/>
      <c r="DXI709" s="613"/>
      <c r="DXJ709" s="613"/>
      <c r="DXK709" s="613"/>
      <c r="DXL709" s="613"/>
      <c r="DXM709" s="613"/>
      <c r="DXN709" s="613"/>
      <c r="DXO709" s="613"/>
      <c r="DXP709" s="613"/>
      <c r="DXQ709" s="613"/>
      <c r="DXR709" s="613"/>
      <c r="DXS709" s="613"/>
      <c r="DXT709" s="613"/>
      <c r="DXU709" s="613"/>
      <c r="DXV709" s="613"/>
      <c r="DXW709" s="613"/>
      <c r="DXX709" s="613"/>
      <c r="DXY709" s="613"/>
      <c r="DXZ709" s="613"/>
      <c r="DYA709" s="613"/>
      <c r="DYB709" s="613"/>
      <c r="DYC709" s="613"/>
      <c r="DYD709" s="613"/>
      <c r="DYE709" s="613"/>
      <c r="DYF709" s="613"/>
      <c r="DYG709" s="613"/>
      <c r="DYH709" s="613"/>
      <c r="DYI709" s="613"/>
      <c r="DYJ709" s="613"/>
      <c r="DYK709" s="613"/>
      <c r="DYL709" s="613"/>
      <c r="DYM709" s="613"/>
      <c r="DYN709" s="613"/>
      <c r="DYO709" s="613"/>
      <c r="DYP709" s="613"/>
      <c r="DYQ709" s="613"/>
      <c r="DYR709" s="613"/>
      <c r="DYS709" s="613"/>
      <c r="DYT709" s="613"/>
      <c r="DYU709" s="613"/>
      <c r="DYV709" s="613"/>
      <c r="DYW709" s="613"/>
      <c r="DYX709" s="613"/>
      <c r="DYY709" s="613"/>
      <c r="DYZ709" s="613"/>
      <c r="DZA709" s="613"/>
      <c r="DZB709" s="613"/>
      <c r="DZC709" s="613"/>
      <c r="DZD709" s="613"/>
      <c r="DZE709" s="613"/>
      <c r="DZF709" s="613"/>
      <c r="DZG709" s="613"/>
      <c r="DZH709" s="613"/>
      <c r="DZI709" s="613"/>
      <c r="DZJ709" s="613"/>
      <c r="DZK709" s="613"/>
      <c r="DZL709" s="613"/>
      <c r="DZM709" s="613"/>
      <c r="DZN709" s="613"/>
      <c r="DZO709" s="613"/>
      <c r="DZP709" s="613"/>
      <c r="DZQ709" s="613"/>
      <c r="DZR709" s="613"/>
      <c r="DZS709" s="613"/>
      <c r="DZT709" s="613"/>
      <c r="DZU709" s="613"/>
      <c r="DZV709" s="613"/>
      <c r="DZW709" s="613"/>
      <c r="DZX709" s="613"/>
      <c r="DZY709" s="613"/>
      <c r="DZZ709" s="613"/>
      <c r="EAA709" s="613"/>
      <c r="EAB709" s="613"/>
      <c r="EAC709" s="613"/>
      <c r="EAD709" s="613"/>
      <c r="EAE709" s="613"/>
      <c r="EAF709" s="613"/>
      <c r="EAG709" s="613"/>
      <c r="EAH709" s="613"/>
      <c r="EAI709" s="613"/>
      <c r="EAJ709" s="613"/>
      <c r="EAK709" s="613"/>
      <c r="EAL709" s="613"/>
      <c r="EAM709" s="613"/>
      <c r="EAN709" s="613"/>
      <c r="EAO709" s="613"/>
      <c r="EAP709" s="613"/>
      <c r="EAQ709" s="613"/>
      <c r="EAR709" s="613"/>
      <c r="EAS709" s="613"/>
      <c r="EAT709" s="613"/>
      <c r="EAU709" s="613"/>
      <c r="EAV709" s="613"/>
      <c r="EAW709" s="613"/>
      <c r="EAX709" s="613"/>
      <c r="EAY709" s="613"/>
      <c r="EAZ709" s="613"/>
      <c r="EBA709" s="613"/>
      <c r="EBB709" s="613"/>
      <c r="EBC709" s="613"/>
      <c r="EBD709" s="613"/>
      <c r="EBE709" s="613"/>
      <c r="EBF709" s="613"/>
      <c r="EBG709" s="613"/>
      <c r="EBH709" s="613"/>
      <c r="EBI709" s="613"/>
      <c r="EBJ709" s="613"/>
      <c r="EBK709" s="613"/>
      <c r="EBL709" s="613"/>
      <c r="EBM709" s="613"/>
      <c r="EBN709" s="613"/>
      <c r="EBO709" s="613"/>
      <c r="EBP709" s="613"/>
      <c r="EBQ709" s="613"/>
      <c r="EBR709" s="613"/>
      <c r="EBS709" s="613"/>
      <c r="EBT709" s="613"/>
      <c r="EBU709" s="613"/>
      <c r="EBV709" s="613"/>
      <c r="EBW709" s="613"/>
      <c r="EBX709" s="613"/>
      <c r="EBY709" s="613"/>
      <c r="EBZ709" s="613"/>
      <c r="ECA709" s="613"/>
      <c r="ECB709" s="613"/>
      <c r="ECC709" s="613"/>
      <c r="ECD709" s="613"/>
      <c r="ECE709" s="613"/>
      <c r="ECF709" s="613"/>
      <c r="ECG709" s="613"/>
      <c r="ECH709" s="613"/>
      <c r="ECI709" s="613"/>
      <c r="ECJ709" s="613"/>
      <c r="ECK709" s="613"/>
      <c r="ECL709" s="613"/>
      <c r="ECM709" s="613"/>
      <c r="ECN709" s="613"/>
      <c r="ECO709" s="613"/>
      <c r="ECP709" s="613"/>
      <c r="ECQ709" s="613"/>
      <c r="ECR709" s="613"/>
      <c r="ECS709" s="613"/>
      <c r="ECT709" s="613"/>
      <c r="ECU709" s="613"/>
      <c r="ECV709" s="613"/>
      <c r="ECW709" s="613"/>
      <c r="ECX709" s="613"/>
      <c r="ECY709" s="613"/>
      <c r="ECZ709" s="613"/>
      <c r="EDA709" s="613"/>
      <c r="EDB709" s="613"/>
      <c r="EDC709" s="613"/>
      <c r="EDD709" s="613"/>
      <c r="EDE709" s="613"/>
      <c r="EDF709" s="613"/>
      <c r="EDG709" s="613"/>
      <c r="EDH709" s="613"/>
      <c r="EDI709" s="613"/>
      <c r="EDJ709" s="613"/>
      <c r="EDK709" s="613"/>
      <c r="EDL709" s="613"/>
      <c r="EDM709" s="613"/>
      <c r="EDN709" s="613"/>
      <c r="EDO709" s="613"/>
      <c r="EDP709" s="613"/>
      <c r="EDQ709" s="613"/>
      <c r="EDR709" s="613"/>
      <c r="EDS709" s="613"/>
      <c r="EDT709" s="613"/>
      <c r="EDU709" s="613"/>
      <c r="EDV709" s="613"/>
      <c r="EDW709" s="613"/>
      <c r="EDX709" s="613"/>
      <c r="EDY709" s="613"/>
      <c r="EDZ709" s="613"/>
      <c r="EEA709" s="613"/>
      <c r="EEB709" s="613"/>
      <c r="EEC709" s="613"/>
      <c r="EED709" s="613"/>
      <c r="EEE709" s="613"/>
      <c r="EEF709" s="613"/>
      <c r="EEG709" s="613"/>
      <c r="EEH709" s="613"/>
      <c r="EEI709" s="613"/>
      <c r="EEJ709" s="613"/>
      <c r="EEK709" s="613"/>
      <c r="EEL709" s="613"/>
      <c r="EEM709" s="613"/>
      <c r="EEN709" s="613"/>
      <c r="EEO709" s="613"/>
      <c r="EEP709" s="613"/>
      <c r="EEQ709" s="613"/>
      <c r="EER709" s="613"/>
      <c r="EES709" s="613"/>
      <c r="EET709" s="613"/>
      <c r="EEU709" s="613"/>
      <c r="EEV709" s="613"/>
      <c r="EEW709" s="613"/>
      <c r="EEX709" s="613"/>
      <c r="EEY709" s="613"/>
      <c r="EEZ709" s="613"/>
      <c r="EFA709" s="613"/>
      <c r="EFB709" s="613"/>
      <c r="EFC709" s="613"/>
      <c r="EFD709" s="613"/>
      <c r="EFE709" s="613"/>
      <c r="EFF709" s="613"/>
      <c r="EFG709" s="613"/>
      <c r="EFH709" s="613"/>
      <c r="EFI709" s="613"/>
      <c r="EFJ709" s="613"/>
      <c r="EFK709" s="613"/>
      <c r="EFL709" s="613"/>
      <c r="EFM709" s="613"/>
      <c r="EFN709" s="613"/>
      <c r="EFO709" s="613"/>
      <c r="EFP709" s="613"/>
      <c r="EFQ709" s="613"/>
      <c r="EFR709" s="613"/>
      <c r="EFS709" s="613"/>
      <c r="EFT709" s="613"/>
      <c r="EFU709" s="613"/>
      <c r="EFV709" s="613"/>
      <c r="EFW709" s="613"/>
      <c r="EFX709" s="613"/>
      <c r="EFY709" s="613"/>
      <c r="EFZ709" s="613"/>
      <c r="EGA709" s="613"/>
      <c r="EGB709" s="613"/>
      <c r="EGC709" s="613"/>
      <c r="EGD709" s="613"/>
      <c r="EGE709" s="613"/>
      <c r="EGF709" s="613"/>
      <c r="EGG709" s="613"/>
      <c r="EGH709" s="613"/>
      <c r="EGI709" s="613"/>
      <c r="EGJ709" s="613"/>
      <c r="EGK709" s="613"/>
      <c r="EGL709" s="613"/>
      <c r="EGM709" s="613"/>
      <c r="EGN709" s="613"/>
      <c r="EGO709" s="613"/>
      <c r="EGP709" s="613"/>
      <c r="EGQ709" s="613"/>
      <c r="EGR709" s="613"/>
      <c r="EGS709" s="613"/>
      <c r="EGT709" s="613"/>
      <c r="EGU709" s="613"/>
      <c r="EGV709" s="613"/>
      <c r="EGW709" s="613"/>
      <c r="EGX709" s="613"/>
      <c r="EGY709" s="613"/>
      <c r="EGZ709" s="613"/>
      <c r="EHA709" s="613"/>
      <c r="EHB709" s="613"/>
      <c r="EHC709" s="613"/>
      <c r="EHD709" s="613"/>
      <c r="EHE709" s="613"/>
      <c r="EHF709" s="613"/>
      <c r="EHG709" s="613"/>
      <c r="EHH709" s="613"/>
      <c r="EHI709" s="613"/>
      <c r="EHJ709" s="613"/>
      <c r="EHK709" s="613"/>
      <c r="EHL709" s="613"/>
      <c r="EHM709" s="613"/>
      <c r="EHN709" s="613"/>
      <c r="EHO709" s="613"/>
      <c r="EHP709" s="613"/>
      <c r="EHQ709" s="613"/>
      <c r="EHR709" s="613"/>
      <c r="EHS709" s="613"/>
      <c r="EHT709" s="613"/>
      <c r="EHU709" s="613"/>
      <c r="EHV709" s="613"/>
      <c r="EHW709" s="613"/>
      <c r="EHX709" s="613"/>
      <c r="EHY709" s="613"/>
      <c r="EHZ709" s="613"/>
      <c r="EIA709" s="613"/>
      <c r="EIB709" s="613"/>
      <c r="EIC709" s="613"/>
      <c r="EID709" s="613"/>
      <c r="EIE709" s="613"/>
      <c r="EIF709" s="613"/>
      <c r="EIG709" s="613"/>
      <c r="EIH709" s="613"/>
      <c r="EII709" s="613"/>
      <c r="EIJ709" s="613"/>
      <c r="EIK709" s="613"/>
      <c r="EIL709" s="613"/>
      <c r="EIM709" s="613"/>
      <c r="EIN709" s="613"/>
      <c r="EIO709" s="613"/>
      <c r="EIP709" s="613"/>
      <c r="EIQ709" s="613"/>
      <c r="EIR709" s="613"/>
      <c r="EIS709" s="613"/>
      <c r="EIT709" s="613"/>
      <c r="EIU709" s="613"/>
      <c r="EIV709" s="613"/>
      <c r="EIW709" s="613"/>
      <c r="EIX709" s="613"/>
      <c r="EIY709" s="613"/>
      <c r="EIZ709" s="613"/>
      <c r="EJA709" s="613"/>
      <c r="EJB709" s="613"/>
      <c r="EJC709" s="613"/>
      <c r="EJD709" s="613"/>
      <c r="EJE709" s="613"/>
      <c r="EJF709" s="613"/>
      <c r="EJG709" s="613"/>
      <c r="EJH709" s="613"/>
      <c r="EJI709" s="613"/>
      <c r="EJJ709" s="613"/>
      <c r="EJK709" s="613"/>
      <c r="EJL709" s="613"/>
      <c r="EJM709" s="613"/>
      <c r="EJN709" s="613"/>
      <c r="EJO709" s="613"/>
      <c r="EJP709" s="613"/>
      <c r="EJQ709" s="613"/>
      <c r="EJR709" s="613"/>
      <c r="EJS709" s="613"/>
      <c r="EJT709" s="613"/>
      <c r="EJU709" s="613"/>
      <c r="EJV709" s="613"/>
      <c r="EJW709" s="613"/>
      <c r="EJX709" s="613"/>
      <c r="EJY709" s="613"/>
      <c r="EJZ709" s="613"/>
      <c r="EKA709" s="613"/>
      <c r="EKB709" s="613"/>
      <c r="EKC709" s="613"/>
      <c r="EKD709" s="613"/>
      <c r="EKE709" s="613"/>
      <c r="EKF709" s="613"/>
      <c r="EKG709" s="613"/>
      <c r="EKH709" s="613"/>
      <c r="EKI709" s="613"/>
      <c r="EKJ709" s="613"/>
      <c r="EKK709" s="613"/>
      <c r="EKL709" s="613"/>
      <c r="EKM709" s="613"/>
      <c r="EKN709" s="613"/>
      <c r="EKO709" s="613"/>
      <c r="EKP709" s="613"/>
      <c r="EKQ709" s="613"/>
      <c r="EKR709" s="613"/>
      <c r="EKS709" s="613"/>
      <c r="EKT709" s="613"/>
      <c r="EKU709" s="613"/>
      <c r="EKV709" s="613"/>
      <c r="EKW709" s="613"/>
      <c r="EKX709" s="613"/>
      <c r="EKY709" s="613"/>
      <c r="EKZ709" s="613"/>
      <c r="ELA709" s="613"/>
      <c r="ELB709" s="613"/>
      <c r="ELC709" s="613"/>
      <c r="ELD709" s="613"/>
      <c r="ELE709" s="613"/>
      <c r="ELF709" s="613"/>
      <c r="ELG709" s="613"/>
      <c r="ELH709" s="613"/>
      <c r="ELI709" s="613"/>
      <c r="ELJ709" s="613"/>
      <c r="ELK709" s="613"/>
      <c r="ELL709" s="613"/>
      <c r="ELM709" s="613"/>
      <c r="ELN709" s="613"/>
      <c r="ELO709" s="613"/>
      <c r="ELP709" s="613"/>
      <c r="ELQ709" s="613"/>
      <c r="ELR709" s="613"/>
      <c r="ELS709" s="613"/>
      <c r="ELT709" s="613"/>
      <c r="ELU709" s="613"/>
      <c r="ELV709" s="613"/>
      <c r="ELW709" s="613"/>
      <c r="ELX709" s="613"/>
      <c r="ELY709" s="613"/>
      <c r="ELZ709" s="613"/>
      <c r="EMA709" s="613"/>
      <c r="EMB709" s="613"/>
      <c r="EMC709" s="613"/>
      <c r="EMD709" s="613"/>
      <c r="EME709" s="613"/>
      <c r="EMF709" s="613"/>
      <c r="EMG709" s="613"/>
      <c r="EMH709" s="613"/>
      <c r="EMI709" s="613"/>
      <c r="EMJ709" s="613"/>
      <c r="EMK709" s="613"/>
      <c r="EML709" s="613"/>
      <c r="EMM709" s="613"/>
      <c r="EMN709" s="613"/>
      <c r="EMO709" s="613"/>
      <c r="EMP709" s="613"/>
      <c r="EMQ709" s="613"/>
      <c r="EMR709" s="613"/>
      <c r="EMS709" s="613"/>
      <c r="EMT709" s="613"/>
      <c r="EMU709" s="613"/>
      <c r="EMV709" s="613"/>
      <c r="EMW709" s="613"/>
      <c r="EMX709" s="613"/>
      <c r="EMY709" s="613"/>
      <c r="EMZ709" s="613"/>
      <c r="ENA709" s="613"/>
      <c r="ENB709" s="613"/>
      <c r="ENC709" s="613"/>
      <c r="END709" s="613"/>
      <c r="ENE709" s="613"/>
      <c r="ENF709" s="613"/>
      <c r="ENG709" s="613"/>
      <c r="ENH709" s="613"/>
      <c r="ENI709" s="613"/>
      <c r="ENJ709" s="613"/>
      <c r="ENK709" s="613"/>
      <c r="ENL709" s="613"/>
      <c r="ENM709" s="613"/>
      <c r="ENN709" s="613"/>
      <c r="ENO709" s="613"/>
      <c r="ENP709" s="613"/>
      <c r="ENQ709" s="613"/>
      <c r="ENR709" s="613"/>
      <c r="ENS709" s="613"/>
      <c r="ENT709" s="613"/>
      <c r="ENU709" s="613"/>
      <c r="ENV709" s="613"/>
      <c r="ENW709" s="613"/>
      <c r="ENX709" s="613"/>
      <c r="ENY709" s="613"/>
      <c r="ENZ709" s="613"/>
      <c r="EOA709" s="613"/>
      <c r="EOB709" s="613"/>
      <c r="EOC709" s="613"/>
      <c r="EOD709" s="613"/>
      <c r="EOE709" s="613"/>
      <c r="EOF709" s="613"/>
      <c r="EOG709" s="613"/>
      <c r="EOH709" s="613"/>
      <c r="EOI709" s="613"/>
      <c r="EOJ709" s="613"/>
      <c r="EOK709" s="613"/>
      <c r="EOL709" s="613"/>
      <c r="EOM709" s="613"/>
      <c r="EON709" s="613"/>
      <c r="EOO709" s="613"/>
      <c r="EOP709" s="613"/>
      <c r="EOQ709" s="613"/>
      <c r="EOR709" s="613"/>
      <c r="EOS709" s="613"/>
      <c r="EOT709" s="613"/>
      <c r="EOU709" s="613"/>
      <c r="EOV709" s="613"/>
      <c r="EOW709" s="613"/>
      <c r="EOX709" s="613"/>
      <c r="EOY709" s="613"/>
      <c r="EOZ709" s="613"/>
      <c r="EPA709" s="613"/>
      <c r="EPB709" s="613"/>
      <c r="EPC709" s="613"/>
      <c r="EPD709" s="613"/>
      <c r="EPE709" s="613"/>
      <c r="EPF709" s="613"/>
      <c r="EPG709" s="613"/>
      <c r="EPH709" s="613"/>
      <c r="EPI709" s="613"/>
      <c r="EPJ709" s="613"/>
      <c r="EPK709" s="613"/>
      <c r="EPL709" s="613"/>
      <c r="EPM709" s="613"/>
      <c r="EPN709" s="613"/>
      <c r="EPO709" s="613"/>
      <c r="EPP709" s="613"/>
      <c r="EPQ709" s="613"/>
      <c r="EPR709" s="613"/>
      <c r="EPS709" s="613"/>
      <c r="EPT709" s="613"/>
      <c r="EPU709" s="613"/>
      <c r="EPV709" s="613"/>
      <c r="EPW709" s="613"/>
      <c r="EPX709" s="613"/>
      <c r="EPY709" s="613"/>
      <c r="EPZ709" s="613"/>
      <c r="EQA709" s="613"/>
      <c r="EQB709" s="613"/>
      <c r="EQC709" s="613"/>
      <c r="EQD709" s="613"/>
      <c r="EQE709" s="613"/>
      <c r="EQF709" s="613"/>
      <c r="EQG709" s="613"/>
      <c r="EQH709" s="613"/>
      <c r="EQI709" s="613"/>
      <c r="EQJ709" s="613"/>
      <c r="EQK709" s="613"/>
      <c r="EQL709" s="613"/>
      <c r="EQM709" s="613"/>
      <c r="EQN709" s="613"/>
      <c r="EQO709" s="613"/>
      <c r="EQP709" s="613"/>
      <c r="EQQ709" s="613"/>
      <c r="EQR709" s="613"/>
      <c r="EQS709" s="613"/>
      <c r="EQT709" s="613"/>
      <c r="EQU709" s="613"/>
      <c r="EQV709" s="613"/>
      <c r="EQW709" s="613"/>
      <c r="EQX709" s="613"/>
      <c r="EQY709" s="613"/>
      <c r="EQZ709" s="613"/>
      <c r="ERA709" s="613"/>
      <c r="ERB709" s="613"/>
      <c r="ERC709" s="613"/>
      <c r="ERD709" s="613"/>
      <c r="ERE709" s="613"/>
      <c r="ERF709" s="613"/>
      <c r="ERG709" s="613"/>
      <c r="ERH709" s="613"/>
      <c r="ERI709" s="613"/>
      <c r="ERJ709" s="613"/>
      <c r="ERK709" s="613"/>
      <c r="ERL709" s="613"/>
      <c r="ERM709" s="613"/>
      <c r="ERN709" s="613"/>
      <c r="ERO709" s="613"/>
      <c r="ERP709" s="613"/>
      <c r="ERQ709" s="613"/>
      <c r="ERR709" s="613"/>
      <c r="ERS709" s="613"/>
      <c r="ERT709" s="613"/>
      <c r="ERU709" s="613"/>
      <c r="ERV709" s="613"/>
      <c r="ERW709" s="613"/>
      <c r="ERX709" s="613"/>
      <c r="ERY709" s="613"/>
      <c r="ERZ709" s="613"/>
      <c r="ESA709" s="613"/>
      <c r="ESB709" s="613"/>
      <c r="ESC709" s="613"/>
      <c r="ESD709" s="613"/>
      <c r="ESE709" s="613"/>
      <c r="ESF709" s="613"/>
      <c r="ESG709" s="613"/>
      <c r="ESH709" s="613"/>
      <c r="ESI709" s="613"/>
      <c r="ESJ709" s="613"/>
      <c r="ESK709" s="613"/>
      <c r="ESL709" s="613"/>
      <c r="ESM709" s="613"/>
      <c r="ESN709" s="613"/>
      <c r="ESO709" s="613"/>
      <c r="ESP709" s="613"/>
      <c r="ESQ709" s="613"/>
      <c r="ESR709" s="613"/>
      <c r="ESS709" s="613"/>
      <c r="EST709" s="613"/>
      <c r="ESU709" s="613"/>
      <c r="ESV709" s="613"/>
      <c r="ESW709" s="613"/>
      <c r="ESX709" s="613"/>
      <c r="ESY709" s="613"/>
      <c r="ESZ709" s="613"/>
      <c r="ETA709" s="613"/>
      <c r="ETB709" s="613"/>
      <c r="ETC709" s="613"/>
      <c r="ETD709" s="613"/>
      <c r="ETE709" s="613"/>
      <c r="ETF709" s="613"/>
      <c r="ETG709" s="613"/>
      <c r="ETH709" s="613"/>
      <c r="ETI709" s="613"/>
      <c r="ETJ709" s="613"/>
      <c r="ETK709" s="613"/>
      <c r="ETL709" s="613"/>
      <c r="ETM709" s="613"/>
      <c r="ETN709" s="613"/>
      <c r="ETO709" s="613"/>
      <c r="ETP709" s="613"/>
      <c r="ETQ709" s="613"/>
      <c r="ETR709" s="613"/>
      <c r="ETS709" s="613"/>
      <c r="ETT709" s="613"/>
      <c r="ETU709" s="613"/>
      <c r="ETV709" s="613"/>
      <c r="ETW709" s="613"/>
      <c r="ETX709" s="613"/>
      <c r="ETY709" s="613"/>
      <c r="ETZ709" s="613"/>
      <c r="EUA709" s="613"/>
      <c r="EUB709" s="613"/>
      <c r="EUC709" s="613"/>
      <c r="EUD709" s="613"/>
      <c r="EUE709" s="613"/>
      <c r="EUF709" s="613"/>
      <c r="EUG709" s="613"/>
      <c r="EUH709" s="613"/>
      <c r="EUI709" s="613"/>
      <c r="EUJ709" s="613"/>
      <c r="EUK709" s="613"/>
      <c r="EUL709" s="613"/>
      <c r="EUM709" s="613"/>
      <c r="EUN709" s="613"/>
      <c r="EUO709" s="613"/>
      <c r="EUP709" s="613"/>
      <c r="EUQ709" s="613"/>
      <c r="EUR709" s="613"/>
      <c r="EUS709" s="613"/>
      <c r="EUT709" s="613"/>
      <c r="EUU709" s="613"/>
      <c r="EUV709" s="613"/>
      <c r="EUW709" s="613"/>
      <c r="EUX709" s="613"/>
      <c r="EUY709" s="613"/>
      <c r="EUZ709" s="613"/>
      <c r="EVA709" s="613"/>
      <c r="EVB709" s="613"/>
      <c r="EVC709" s="613"/>
      <c r="EVD709" s="613"/>
      <c r="EVE709" s="613"/>
      <c r="EVF709" s="613"/>
      <c r="EVG709" s="613"/>
      <c r="EVH709" s="613"/>
      <c r="EVI709" s="613"/>
      <c r="EVJ709" s="613"/>
      <c r="EVK709" s="613"/>
      <c r="EVL709" s="613"/>
      <c r="EVM709" s="613"/>
      <c r="EVN709" s="613"/>
      <c r="EVO709" s="613"/>
      <c r="EVP709" s="613"/>
      <c r="EVQ709" s="613"/>
      <c r="EVR709" s="613"/>
      <c r="EVS709" s="613"/>
      <c r="EVT709" s="613"/>
      <c r="EVU709" s="613"/>
      <c r="EVV709" s="613"/>
      <c r="EVW709" s="613"/>
      <c r="EVX709" s="613"/>
      <c r="EVY709" s="613"/>
      <c r="EVZ709" s="613"/>
      <c r="EWA709" s="613"/>
      <c r="EWB709" s="613"/>
      <c r="EWC709" s="613"/>
      <c r="EWD709" s="613"/>
      <c r="EWE709" s="613"/>
      <c r="EWF709" s="613"/>
      <c r="EWG709" s="613"/>
      <c r="EWH709" s="613"/>
      <c r="EWI709" s="613"/>
      <c r="EWJ709" s="613"/>
      <c r="EWK709" s="613"/>
      <c r="EWL709" s="613"/>
      <c r="EWM709" s="613"/>
      <c r="EWN709" s="613"/>
      <c r="EWO709" s="613"/>
      <c r="EWP709" s="613"/>
      <c r="EWQ709" s="613"/>
      <c r="EWR709" s="613"/>
      <c r="EWS709" s="613"/>
      <c r="EWT709" s="613"/>
      <c r="EWU709" s="613"/>
      <c r="EWV709" s="613"/>
      <c r="EWW709" s="613"/>
      <c r="EWX709" s="613"/>
      <c r="EWY709" s="613"/>
      <c r="EWZ709" s="613"/>
      <c r="EXA709" s="613"/>
      <c r="EXB709" s="613"/>
      <c r="EXC709" s="613"/>
      <c r="EXD709" s="613"/>
      <c r="EXE709" s="613"/>
      <c r="EXF709" s="613"/>
      <c r="EXG709" s="613"/>
      <c r="EXH709" s="613"/>
      <c r="EXI709" s="613"/>
      <c r="EXJ709" s="613"/>
      <c r="EXK709" s="613"/>
      <c r="EXL709" s="613"/>
      <c r="EXM709" s="613"/>
      <c r="EXN709" s="613"/>
      <c r="EXO709" s="613"/>
      <c r="EXP709" s="613"/>
      <c r="EXQ709" s="613"/>
      <c r="EXR709" s="613"/>
      <c r="EXS709" s="613"/>
      <c r="EXT709" s="613"/>
      <c r="EXU709" s="613"/>
      <c r="EXV709" s="613"/>
      <c r="EXW709" s="613"/>
      <c r="EXX709" s="613"/>
      <c r="EXY709" s="613"/>
      <c r="EXZ709" s="613"/>
      <c r="EYA709" s="613"/>
      <c r="EYB709" s="613"/>
      <c r="EYC709" s="613"/>
      <c r="EYD709" s="613"/>
      <c r="EYE709" s="613"/>
      <c r="EYF709" s="613"/>
      <c r="EYG709" s="613"/>
      <c r="EYH709" s="613"/>
      <c r="EYI709" s="613"/>
      <c r="EYJ709" s="613"/>
      <c r="EYK709" s="613"/>
      <c r="EYL709" s="613"/>
      <c r="EYM709" s="613"/>
      <c r="EYN709" s="613"/>
      <c r="EYO709" s="613"/>
      <c r="EYP709" s="613"/>
      <c r="EYQ709" s="613"/>
      <c r="EYR709" s="613"/>
      <c r="EYS709" s="613"/>
      <c r="EYT709" s="613"/>
      <c r="EYU709" s="613"/>
      <c r="EYV709" s="613"/>
      <c r="EYW709" s="613"/>
      <c r="EYX709" s="613"/>
      <c r="EYY709" s="613"/>
      <c r="EYZ709" s="613"/>
      <c r="EZA709" s="613"/>
      <c r="EZB709" s="613"/>
      <c r="EZC709" s="613"/>
      <c r="EZD709" s="613"/>
      <c r="EZE709" s="613"/>
      <c r="EZF709" s="613"/>
      <c r="EZG709" s="613"/>
      <c r="EZH709" s="613"/>
      <c r="EZI709" s="613"/>
      <c r="EZJ709" s="613"/>
      <c r="EZK709" s="613"/>
      <c r="EZL709" s="613"/>
      <c r="EZM709" s="613"/>
      <c r="EZN709" s="613"/>
      <c r="EZO709" s="613"/>
      <c r="EZP709" s="613"/>
      <c r="EZQ709" s="613"/>
      <c r="EZR709" s="613"/>
      <c r="EZS709" s="613"/>
      <c r="EZT709" s="613"/>
      <c r="EZU709" s="613"/>
      <c r="EZV709" s="613"/>
      <c r="EZW709" s="613"/>
      <c r="EZX709" s="613"/>
      <c r="EZY709" s="613"/>
      <c r="EZZ709" s="613"/>
      <c r="FAA709" s="613"/>
      <c r="FAB709" s="613"/>
      <c r="FAC709" s="613"/>
      <c r="FAD709" s="613"/>
      <c r="FAE709" s="613"/>
      <c r="FAF709" s="613"/>
      <c r="FAG709" s="613"/>
      <c r="FAH709" s="613"/>
      <c r="FAI709" s="613"/>
      <c r="FAJ709" s="613"/>
      <c r="FAK709" s="613"/>
      <c r="FAL709" s="613"/>
      <c r="FAM709" s="613"/>
      <c r="FAN709" s="613"/>
      <c r="FAO709" s="613"/>
      <c r="FAP709" s="613"/>
      <c r="FAQ709" s="613"/>
      <c r="FAR709" s="613"/>
      <c r="FAS709" s="613"/>
      <c r="FAT709" s="613"/>
      <c r="FAU709" s="613"/>
      <c r="FAV709" s="613"/>
      <c r="FAW709" s="613"/>
      <c r="FAX709" s="613"/>
      <c r="FAY709" s="613"/>
      <c r="FAZ709" s="613"/>
      <c r="FBA709" s="613"/>
      <c r="FBB709" s="613"/>
      <c r="FBC709" s="613"/>
      <c r="FBD709" s="613"/>
      <c r="FBE709" s="613"/>
      <c r="FBF709" s="613"/>
      <c r="FBG709" s="613"/>
      <c r="FBH709" s="613"/>
      <c r="FBI709" s="613"/>
      <c r="FBJ709" s="613"/>
      <c r="FBK709" s="613"/>
      <c r="FBL709" s="613"/>
      <c r="FBM709" s="613"/>
      <c r="FBN709" s="613"/>
      <c r="FBO709" s="613"/>
      <c r="FBP709" s="613"/>
      <c r="FBQ709" s="613"/>
      <c r="FBR709" s="613"/>
      <c r="FBS709" s="613"/>
      <c r="FBT709" s="613"/>
      <c r="FBU709" s="613"/>
      <c r="FBV709" s="613"/>
      <c r="FBW709" s="613"/>
      <c r="FBX709" s="613"/>
      <c r="FBY709" s="613"/>
      <c r="FBZ709" s="613"/>
      <c r="FCA709" s="613"/>
      <c r="FCB709" s="613"/>
      <c r="FCC709" s="613"/>
      <c r="FCD709" s="613"/>
      <c r="FCE709" s="613"/>
      <c r="FCF709" s="613"/>
      <c r="FCG709" s="613"/>
      <c r="FCH709" s="613"/>
      <c r="FCI709" s="613"/>
      <c r="FCJ709" s="613"/>
      <c r="FCK709" s="613"/>
      <c r="FCL709" s="613"/>
      <c r="FCM709" s="613"/>
      <c r="FCN709" s="613"/>
      <c r="FCO709" s="613"/>
      <c r="FCP709" s="613"/>
      <c r="FCQ709" s="613"/>
      <c r="FCR709" s="613"/>
      <c r="FCS709" s="613"/>
      <c r="FCT709" s="613"/>
      <c r="FCU709" s="613"/>
      <c r="FCV709" s="613"/>
      <c r="FCW709" s="613"/>
      <c r="FCX709" s="613"/>
      <c r="FCY709" s="613"/>
      <c r="FCZ709" s="613"/>
      <c r="FDA709" s="613"/>
      <c r="FDB709" s="613"/>
      <c r="FDC709" s="613"/>
      <c r="FDD709" s="613"/>
      <c r="FDE709" s="613"/>
      <c r="FDF709" s="613"/>
      <c r="FDG709" s="613"/>
      <c r="FDH709" s="613"/>
      <c r="FDI709" s="613"/>
      <c r="FDJ709" s="613"/>
      <c r="FDK709" s="613"/>
      <c r="FDL709" s="613"/>
      <c r="FDM709" s="613"/>
      <c r="FDN709" s="613"/>
      <c r="FDO709" s="613"/>
      <c r="FDP709" s="613"/>
      <c r="FDQ709" s="613"/>
      <c r="FDR709" s="613"/>
      <c r="FDS709" s="613"/>
      <c r="FDT709" s="613"/>
      <c r="FDU709" s="613"/>
      <c r="FDV709" s="613"/>
      <c r="FDW709" s="613"/>
      <c r="FDX709" s="613"/>
      <c r="FDY709" s="613"/>
      <c r="FDZ709" s="613"/>
      <c r="FEA709" s="613"/>
      <c r="FEB709" s="613"/>
      <c r="FEC709" s="613"/>
      <c r="FED709" s="613"/>
      <c r="FEE709" s="613"/>
      <c r="FEF709" s="613"/>
      <c r="FEG709" s="613"/>
      <c r="FEH709" s="613"/>
      <c r="FEI709" s="613"/>
      <c r="FEJ709" s="613"/>
      <c r="FEK709" s="613"/>
      <c r="FEL709" s="613"/>
      <c r="FEM709" s="613"/>
      <c r="FEN709" s="613"/>
      <c r="FEO709" s="613"/>
      <c r="FEP709" s="613"/>
      <c r="FEQ709" s="613"/>
      <c r="FER709" s="613"/>
      <c r="FES709" s="613"/>
      <c r="FET709" s="613"/>
      <c r="FEU709" s="613"/>
      <c r="FEV709" s="613"/>
      <c r="FEW709" s="613"/>
      <c r="FEX709" s="613"/>
      <c r="FEY709" s="613"/>
      <c r="FEZ709" s="613"/>
      <c r="FFA709" s="613"/>
      <c r="FFB709" s="613"/>
      <c r="FFC709" s="613"/>
      <c r="FFD709" s="613"/>
      <c r="FFE709" s="613"/>
      <c r="FFF709" s="613"/>
      <c r="FFG709" s="613"/>
      <c r="FFH709" s="613"/>
      <c r="FFI709" s="613"/>
      <c r="FFJ709" s="613"/>
      <c r="FFK709" s="613"/>
      <c r="FFL709" s="613"/>
      <c r="FFM709" s="613"/>
      <c r="FFN709" s="613"/>
      <c r="FFO709" s="613"/>
      <c r="FFP709" s="613"/>
      <c r="FFQ709" s="613"/>
      <c r="FFR709" s="613"/>
      <c r="FFS709" s="613"/>
      <c r="FFT709" s="613"/>
      <c r="FFU709" s="613"/>
      <c r="FFV709" s="613"/>
      <c r="FFW709" s="613"/>
      <c r="FFX709" s="613"/>
      <c r="FFY709" s="613"/>
      <c r="FFZ709" s="613"/>
      <c r="FGA709" s="613"/>
      <c r="FGB709" s="613"/>
      <c r="FGC709" s="613"/>
      <c r="FGD709" s="613"/>
      <c r="FGE709" s="613"/>
      <c r="FGF709" s="613"/>
      <c r="FGG709" s="613"/>
      <c r="FGH709" s="613"/>
      <c r="FGI709" s="613"/>
      <c r="FGJ709" s="613"/>
      <c r="FGK709" s="613"/>
      <c r="FGL709" s="613"/>
      <c r="FGM709" s="613"/>
      <c r="FGN709" s="613"/>
      <c r="FGO709" s="613"/>
      <c r="FGP709" s="613"/>
      <c r="FGQ709" s="613"/>
      <c r="FGR709" s="613"/>
      <c r="FGS709" s="613"/>
      <c r="FGT709" s="613"/>
      <c r="FGU709" s="613"/>
      <c r="FGV709" s="613"/>
      <c r="FGW709" s="613"/>
      <c r="FGX709" s="613"/>
      <c r="FGY709" s="613"/>
      <c r="FGZ709" s="613"/>
      <c r="FHA709" s="613"/>
      <c r="FHB709" s="613"/>
      <c r="FHC709" s="613"/>
      <c r="FHD709" s="613"/>
      <c r="FHE709" s="613"/>
      <c r="FHF709" s="613"/>
      <c r="FHG709" s="613"/>
      <c r="FHH709" s="613"/>
      <c r="FHI709" s="613"/>
      <c r="FHJ709" s="613"/>
      <c r="FHK709" s="613"/>
      <c r="FHL709" s="613"/>
      <c r="FHM709" s="613"/>
      <c r="FHN709" s="613"/>
      <c r="FHO709" s="613"/>
      <c r="FHP709" s="613"/>
      <c r="FHQ709" s="613"/>
      <c r="FHR709" s="613"/>
      <c r="FHS709" s="613"/>
      <c r="FHT709" s="613"/>
      <c r="FHU709" s="613"/>
      <c r="FHV709" s="613"/>
      <c r="FHW709" s="613"/>
      <c r="FHX709" s="613"/>
      <c r="FHY709" s="613"/>
      <c r="FHZ709" s="613"/>
      <c r="FIA709" s="613"/>
      <c r="FIB709" s="613"/>
      <c r="FIC709" s="613"/>
      <c r="FID709" s="613"/>
      <c r="FIE709" s="613"/>
      <c r="FIF709" s="613"/>
      <c r="FIG709" s="613"/>
      <c r="FIH709" s="613"/>
      <c r="FII709" s="613"/>
      <c r="FIJ709" s="613"/>
      <c r="FIK709" s="613"/>
      <c r="FIL709" s="613"/>
      <c r="FIM709" s="613"/>
      <c r="FIN709" s="613"/>
      <c r="FIO709" s="613"/>
      <c r="FIP709" s="613"/>
      <c r="FIQ709" s="613"/>
      <c r="FIR709" s="613"/>
      <c r="FIS709" s="613"/>
      <c r="FIT709" s="613"/>
      <c r="FIU709" s="613"/>
      <c r="FIV709" s="613"/>
      <c r="FIW709" s="613"/>
      <c r="FIX709" s="613"/>
      <c r="FIY709" s="613"/>
      <c r="FIZ709" s="613"/>
      <c r="FJA709" s="613"/>
      <c r="FJB709" s="613"/>
      <c r="FJC709" s="613"/>
      <c r="FJD709" s="613"/>
      <c r="FJE709" s="613"/>
      <c r="FJF709" s="613"/>
      <c r="FJG709" s="613"/>
      <c r="FJH709" s="613"/>
      <c r="FJI709" s="613"/>
      <c r="FJJ709" s="613"/>
      <c r="FJK709" s="613"/>
      <c r="FJL709" s="613"/>
      <c r="FJM709" s="613"/>
      <c r="FJN709" s="613"/>
      <c r="FJO709" s="613"/>
      <c r="FJP709" s="613"/>
      <c r="FJQ709" s="613"/>
      <c r="FJR709" s="613"/>
      <c r="FJS709" s="613"/>
      <c r="FJT709" s="613"/>
      <c r="FJU709" s="613"/>
      <c r="FJV709" s="613"/>
      <c r="FJW709" s="613"/>
      <c r="FJX709" s="613"/>
      <c r="FJY709" s="613"/>
      <c r="FJZ709" s="613"/>
      <c r="FKA709" s="613"/>
      <c r="FKB709" s="613"/>
      <c r="FKC709" s="613"/>
      <c r="FKD709" s="613"/>
      <c r="FKE709" s="613"/>
      <c r="FKF709" s="613"/>
      <c r="FKG709" s="613"/>
      <c r="FKH709" s="613"/>
      <c r="FKI709" s="613"/>
      <c r="FKJ709" s="613"/>
      <c r="FKK709" s="613"/>
      <c r="FKL709" s="613"/>
      <c r="FKM709" s="613"/>
      <c r="FKN709" s="613"/>
      <c r="FKO709" s="613"/>
      <c r="FKP709" s="613"/>
      <c r="FKQ709" s="613"/>
      <c r="FKR709" s="613"/>
      <c r="FKS709" s="613"/>
      <c r="FKT709" s="613"/>
      <c r="FKU709" s="613"/>
      <c r="FKV709" s="613"/>
      <c r="FKW709" s="613"/>
      <c r="FKX709" s="613"/>
      <c r="FKY709" s="613"/>
      <c r="FKZ709" s="613"/>
      <c r="FLA709" s="613"/>
      <c r="FLB709" s="613"/>
      <c r="FLC709" s="613"/>
      <c r="FLD709" s="613"/>
      <c r="FLE709" s="613"/>
      <c r="FLF709" s="613"/>
      <c r="FLG709" s="613"/>
      <c r="FLH709" s="613"/>
      <c r="FLI709" s="613"/>
      <c r="FLJ709" s="613"/>
      <c r="FLK709" s="613"/>
      <c r="FLL709" s="613"/>
      <c r="FLM709" s="613"/>
      <c r="FLN709" s="613"/>
      <c r="FLO709" s="613"/>
      <c r="FLP709" s="613"/>
      <c r="FLQ709" s="613"/>
      <c r="FLR709" s="613"/>
      <c r="FLS709" s="613"/>
      <c r="FLT709" s="613"/>
      <c r="FLU709" s="613"/>
      <c r="FLV709" s="613"/>
      <c r="FLW709" s="613"/>
      <c r="FLX709" s="613"/>
      <c r="FLY709" s="613"/>
      <c r="FLZ709" s="613"/>
      <c r="FMA709" s="613"/>
      <c r="FMB709" s="613"/>
      <c r="FMC709" s="613"/>
      <c r="FMD709" s="613"/>
      <c r="FME709" s="613"/>
      <c r="FMF709" s="613"/>
      <c r="FMG709" s="613"/>
      <c r="FMH709" s="613"/>
      <c r="FMI709" s="613"/>
      <c r="FMJ709" s="613"/>
      <c r="FMK709" s="613"/>
      <c r="FML709" s="613"/>
      <c r="FMM709" s="613"/>
      <c r="FMN709" s="613"/>
      <c r="FMO709" s="613"/>
      <c r="FMP709" s="613"/>
      <c r="FMQ709" s="613"/>
      <c r="FMR709" s="613"/>
      <c r="FMS709" s="613"/>
      <c r="FMT709" s="613"/>
      <c r="FMU709" s="613"/>
      <c r="FMV709" s="613"/>
      <c r="FMW709" s="613"/>
      <c r="FMX709" s="613"/>
      <c r="FMY709" s="613"/>
      <c r="FMZ709" s="613"/>
      <c r="FNA709" s="613"/>
      <c r="FNB709" s="613"/>
      <c r="FNC709" s="613"/>
      <c r="FND709" s="613"/>
      <c r="FNE709" s="613"/>
      <c r="FNF709" s="613"/>
      <c r="FNG709" s="613"/>
      <c r="FNH709" s="613"/>
      <c r="FNI709" s="613"/>
      <c r="FNJ709" s="613"/>
      <c r="FNK709" s="613"/>
      <c r="FNL709" s="613"/>
      <c r="FNM709" s="613"/>
      <c r="FNN709" s="613"/>
      <c r="FNO709" s="613"/>
      <c r="FNP709" s="613"/>
      <c r="FNQ709" s="613"/>
      <c r="FNR709" s="613"/>
      <c r="FNS709" s="613"/>
      <c r="FNT709" s="613"/>
      <c r="FNU709" s="613"/>
      <c r="FNV709" s="613"/>
      <c r="FNW709" s="613"/>
      <c r="FNX709" s="613"/>
      <c r="FNY709" s="613"/>
      <c r="FNZ709" s="613"/>
      <c r="FOA709" s="613"/>
      <c r="FOB709" s="613"/>
      <c r="FOC709" s="613"/>
      <c r="FOD709" s="613"/>
      <c r="FOE709" s="613"/>
      <c r="FOF709" s="613"/>
      <c r="FOG709" s="613"/>
      <c r="FOH709" s="613"/>
      <c r="FOI709" s="613"/>
      <c r="FOJ709" s="613"/>
      <c r="FOK709" s="613"/>
      <c r="FOL709" s="613"/>
      <c r="FOM709" s="613"/>
      <c r="FON709" s="613"/>
      <c r="FOO709" s="613"/>
      <c r="FOP709" s="613"/>
      <c r="FOQ709" s="613"/>
      <c r="FOR709" s="613"/>
      <c r="FOS709" s="613"/>
      <c r="FOT709" s="613"/>
      <c r="FOU709" s="613"/>
      <c r="FOV709" s="613"/>
      <c r="FOW709" s="613"/>
      <c r="FOX709" s="613"/>
      <c r="FOY709" s="613"/>
      <c r="FOZ709" s="613"/>
      <c r="FPA709" s="613"/>
      <c r="FPB709" s="613"/>
      <c r="FPC709" s="613"/>
      <c r="FPD709" s="613"/>
      <c r="FPE709" s="613"/>
      <c r="FPF709" s="613"/>
      <c r="FPG709" s="613"/>
      <c r="FPH709" s="613"/>
      <c r="FPI709" s="613"/>
      <c r="FPJ709" s="613"/>
      <c r="FPK709" s="613"/>
      <c r="FPL709" s="613"/>
      <c r="FPM709" s="613"/>
      <c r="FPN709" s="613"/>
      <c r="FPO709" s="613"/>
      <c r="FPP709" s="613"/>
      <c r="FPQ709" s="613"/>
      <c r="FPR709" s="613"/>
      <c r="FPS709" s="613"/>
      <c r="FPT709" s="613"/>
      <c r="FPU709" s="613"/>
      <c r="FPV709" s="613"/>
      <c r="FPW709" s="613"/>
      <c r="FPX709" s="613"/>
      <c r="FPY709" s="613"/>
      <c r="FPZ709" s="613"/>
      <c r="FQA709" s="613"/>
      <c r="FQB709" s="613"/>
      <c r="FQC709" s="613"/>
      <c r="FQD709" s="613"/>
      <c r="FQE709" s="613"/>
      <c r="FQF709" s="613"/>
      <c r="FQG709" s="613"/>
      <c r="FQH709" s="613"/>
      <c r="FQI709" s="613"/>
      <c r="FQJ709" s="613"/>
      <c r="FQK709" s="613"/>
      <c r="FQL709" s="613"/>
      <c r="FQM709" s="613"/>
      <c r="FQN709" s="613"/>
      <c r="FQO709" s="613"/>
      <c r="FQP709" s="613"/>
      <c r="FQQ709" s="613"/>
      <c r="FQR709" s="613"/>
      <c r="FQS709" s="613"/>
      <c r="FQT709" s="613"/>
      <c r="FQU709" s="613"/>
      <c r="FQV709" s="613"/>
      <c r="FQW709" s="613"/>
      <c r="FQX709" s="613"/>
      <c r="FQY709" s="613"/>
      <c r="FQZ709" s="613"/>
      <c r="FRA709" s="613"/>
      <c r="FRB709" s="613"/>
      <c r="FRC709" s="613"/>
      <c r="FRD709" s="613"/>
      <c r="FRE709" s="613"/>
      <c r="FRF709" s="613"/>
      <c r="FRG709" s="613"/>
      <c r="FRH709" s="613"/>
      <c r="FRI709" s="613"/>
      <c r="FRJ709" s="613"/>
      <c r="FRK709" s="613"/>
      <c r="FRL709" s="613"/>
      <c r="FRM709" s="613"/>
      <c r="FRN709" s="613"/>
      <c r="FRO709" s="613"/>
      <c r="FRP709" s="613"/>
      <c r="FRQ709" s="613"/>
      <c r="FRR709" s="613"/>
      <c r="FRS709" s="613"/>
      <c r="FRT709" s="613"/>
      <c r="FRU709" s="613"/>
      <c r="FRV709" s="613"/>
      <c r="FRW709" s="613"/>
      <c r="FRX709" s="613"/>
      <c r="FRY709" s="613"/>
      <c r="FRZ709" s="613"/>
      <c r="FSA709" s="613"/>
      <c r="FSB709" s="613"/>
      <c r="FSC709" s="613"/>
      <c r="FSD709" s="613"/>
      <c r="FSE709" s="613"/>
      <c r="FSF709" s="613"/>
      <c r="FSG709" s="613"/>
      <c r="FSH709" s="613"/>
      <c r="FSI709" s="613"/>
      <c r="FSJ709" s="613"/>
      <c r="FSK709" s="613"/>
      <c r="FSL709" s="613"/>
      <c r="FSM709" s="613"/>
      <c r="FSN709" s="613"/>
      <c r="FSO709" s="613"/>
      <c r="FSP709" s="613"/>
      <c r="FSQ709" s="613"/>
      <c r="FSR709" s="613"/>
      <c r="FSS709" s="613"/>
      <c r="FST709" s="613"/>
      <c r="FSU709" s="613"/>
      <c r="FSV709" s="613"/>
      <c r="FSW709" s="613"/>
      <c r="FSX709" s="613"/>
      <c r="FSY709" s="613"/>
      <c r="FSZ709" s="613"/>
      <c r="FTA709" s="613"/>
      <c r="FTB709" s="613"/>
      <c r="FTC709" s="613"/>
      <c r="FTD709" s="613"/>
      <c r="FTE709" s="613"/>
      <c r="FTF709" s="613"/>
      <c r="FTG709" s="613"/>
      <c r="FTH709" s="613"/>
      <c r="FTI709" s="613"/>
      <c r="FTJ709" s="613"/>
      <c r="FTK709" s="613"/>
      <c r="FTL709" s="613"/>
      <c r="FTM709" s="613"/>
      <c r="FTN709" s="613"/>
      <c r="FTO709" s="613"/>
      <c r="FTP709" s="613"/>
      <c r="FTQ709" s="613"/>
      <c r="FTR709" s="613"/>
      <c r="FTS709" s="613"/>
      <c r="FTT709" s="613"/>
      <c r="FTU709" s="613"/>
      <c r="FTV709" s="613"/>
      <c r="FTW709" s="613"/>
      <c r="FTX709" s="613"/>
      <c r="FTY709" s="613"/>
      <c r="FTZ709" s="613"/>
      <c r="FUA709" s="613"/>
      <c r="FUB709" s="613"/>
      <c r="FUC709" s="613"/>
      <c r="FUD709" s="613"/>
      <c r="FUE709" s="613"/>
      <c r="FUF709" s="613"/>
      <c r="FUG709" s="613"/>
      <c r="FUH709" s="613"/>
      <c r="FUI709" s="613"/>
      <c r="FUJ709" s="613"/>
      <c r="FUK709" s="613"/>
      <c r="FUL709" s="613"/>
      <c r="FUM709" s="613"/>
      <c r="FUN709" s="613"/>
      <c r="FUO709" s="613"/>
      <c r="FUP709" s="613"/>
      <c r="FUQ709" s="613"/>
      <c r="FUR709" s="613"/>
      <c r="FUS709" s="613"/>
      <c r="FUT709" s="613"/>
      <c r="FUU709" s="613"/>
      <c r="FUV709" s="613"/>
      <c r="FUW709" s="613"/>
      <c r="FUX709" s="613"/>
      <c r="FUY709" s="613"/>
      <c r="FUZ709" s="613"/>
      <c r="FVA709" s="613"/>
      <c r="FVB709" s="613"/>
      <c r="FVC709" s="613"/>
      <c r="FVD709" s="613"/>
      <c r="FVE709" s="613"/>
      <c r="FVF709" s="613"/>
      <c r="FVG709" s="613"/>
      <c r="FVH709" s="613"/>
      <c r="FVI709" s="613"/>
      <c r="FVJ709" s="613"/>
      <c r="FVK709" s="613"/>
      <c r="FVL709" s="613"/>
      <c r="FVM709" s="613"/>
      <c r="FVN709" s="613"/>
      <c r="FVO709" s="613"/>
      <c r="FVP709" s="613"/>
      <c r="FVQ709" s="613"/>
      <c r="FVR709" s="613"/>
      <c r="FVS709" s="613"/>
      <c r="FVT709" s="613"/>
      <c r="FVU709" s="613"/>
      <c r="FVV709" s="613"/>
      <c r="FVW709" s="613"/>
      <c r="FVX709" s="613"/>
      <c r="FVY709" s="613"/>
      <c r="FVZ709" s="613"/>
      <c r="FWA709" s="613"/>
      <c r="FWB709" s="613"/>
      <c r="FWC709" s="613"/>
      <c r="FWD709" s="613"/>
      <c r="FWE709" s="613"/>
      <c r="FWF709" s="613"/>
      <c r="FWG709" s="613"/>
      <c r="FWH709" s="613"/>
      <c r="FWI709" s="613"/>
      <c r="FWJ709" s="613"/>
      <c r="FWK709" s="613"/>
      <c r="FWL709" s="613"/>
      <c r="FWM709" s="613"/>
      <c r="FWN709" s="613"/>
      <c r="FWO709" s="613"/>
      <c r="FWP709" s="613"/>
      <c r="FWQ709" s="613"/>
      <c r="FWR709" s="613"/>
      <c r="FWS709" s="613"/>
      <c r="FWT709" s="613"/>
      <c r="FWU709" s="613"/>
      <c r="FWV709" s="613"/>
      <c r="FWW709" s="613"/>
      <c r="FWX709" s="613"/>
      <c r="FWY709" s="613"/>
      <c r="FWZ709" s="613"/>
      <c r="FXA709" s="613"/>
      <c r="FXB709" s="613"/>
      <c r="FXC709" s="613"/>
      <c r="FXD709" s="613"/>
      <c r="FXE709" s="613"/>
      <c r="FXF709" s="613"/>
      <c r="FXG709" s="613"/>
      <c r="FXH709" s="613"/>
      <c r="FXI709" s="613"/>
      <c r="FXJ709" s="613"/>
      <c r="FXK709" s="613"/>
      <c r="FXL709" s="613"/>
      <c r="FXM709" s="613"/>
      <c r="FXN709" s="613"/>
      <c r="FXO709" s="613"/>
      <c r="FXP709" s="613"/>
      <c r="FXQ709" s="613"/>
      <c r="FXR709" s="613"/>
      <c r="FXS709" s="613"/>
      <c r="FXT709" s="613"/>
      <c r="FXU709" s="613"/>
      <c r="FXV709" s="613"/>
      <c r="FXW709" s="613"/>
      <c r="FXX709" s="613"/>
      <c r="FXY709" s="613"/>
      <c r="FXZ709" s="613"/>
      <c r="FYA709" s="613"/>
      <c r="FYB709" s="613"/>
      <c r="FYC709" s="613"/>
      <c r="FYD709" s="613"/>
      <c r="FYE709" s="613"/>
      <c r="FYF709" s="613"/>
      <c r="FYG709" s="613"/>
      <c r="FYH709" s="613"/>
      <c r="FYI709" s="613"/>
      <c r="FYJ709" s="613"/>
      <c r="FYK709" s="613"/>
      <c r="FYL709" s="613"/>
      <c r="FYM709" s="613"/>
      <c r="FYN709" s="613"/>
      <c r="FYO709" s="613"/>
      <c r="FYP709" s="613"/>
      <c r="FYQ709" s="613"/>
      <c r="FYR709" s="613"/>
      <c r="FYS709" s="613"/>
      <c r="FYT709" s="613"/>
      <c r="FYU709" s="613"/>
      <c r="FYV709" s="613"/>
      <c r="FYW709" s="613"/>
      <c r="FYX709" s="613"/>
      <c r="FYY709" s="613"/>
      <c r="FYZ709" s="613"/>
      <c r="FZA709" s="613"/>
      <c r="FZB709" s="613"/>
      <c r="FZC709" s="613"/>
      <c r="FZD709" s="613"/>
      <c r="FZE709" s="613"/>
      <c r="FZF709" s="613"/>
      <c r="FZG709" s="613"/>
      <c r="FZH709" s="613"/>
      <c r="FZI709" s="613"/>
      <c r="FZJ709" s="613"/>
      <c r="FZK709" s="613"/>
      <c r="FZL709" s="613"/>
      <c r="FZM709" s="613"/>
      <c r="FZN709" s="613"/>
      <c r="FZO709" s="613"/>
      <c r="FZP709" s="613"/>
      <c r="FZQ709" s="613"/>
      <c r="FZR709" s="613"/>
      <c r="FZS709" s="613"/>
      <c r="FZT709" s="613"/>
      <c r="FZU709" s="613"/>
      <c r="FZV709" s="613"/>
      <c r="FZW709" s="613"/>
      <c r="FZX709" s="613"/>
      <c r="FZY709" s="613"/>
      <c r="FZZ709" s="613"/>
      <c r="GAA709" s="613"/>
      <c r="GAB709" s="613"/>
      <c r="GAC709" s="613"/>
      <c r="GAD709" s="613"/>
      <c r="GAE709" s="613"/>
      <c r="GAF709" s="613"/>
      <c r="GAG709" s="613"/>
      <c r="GAH709" s="613"/>
      <c r="GAI709" s="613"/>
      <c r="GAJ709" s="613"/>
      <c r="GAK709" s="613"/>
      <c r="GAL709" s="613"/>
      <c r="GAM709" s="613"/>
      <c r="GAN709" s="613"/>
      <c r="GAO709" s="613"/>
      <c r="GAP709" s="613"/>
      <c r="GAQ709" s="613"/>
      <c r="GAR709" s="613"/>
      <c r="GAS709" s="613"/>
      <c r="GAT709" s="613"/>
      <c r="GAU709" s="613"/>
      <c r="GAV709" s="613"/>
      <c r="GAW709" s="613"/>
      <c r="GAX709" s="613"/>
      <c r="GAY709" s="613"/>
      <c r="GAZ709" s="613"/>
      <c r="GBA709" s="613"/>
      <c r="GBB709" s="613"/>
      <c r="GBC709" s="613"/>
      <c r="GBD709" s="613"/>
      <c r="GBE709" s="613"/>
      <c r="GBF709" s="613"/>
      <c r="GBG709" s="613"/>
      <c r="GBH709" s="613"/>
      <c r="GBI709" s="613"/>
      <c r="GBJ709" s="613"/>
      <c r="GBK709" s="613"/>
      <c r="GBL709" s="613"/>
      <c r="GBM709" s="613"/>
      <c r="GBN709" s="613"/>
      <c r="GBO709" s="613"/>
      <c r="GBP709" s="613"/>
      <c r="GBQ709" s="613"/>
      <c r="GBR709" s="613"/>
      <c r="GBS709" s="613"/>
      <c r="GBT709" s="613"/>
      <c r="GBU709" s="613"/>
      <c r="GBV709" s="613"/>
      <c r="GBW709" s="613"/>
      <c r="GBX709" s="613"/>
      <c r="GBY709" s="613"/>
      <c r="GBZ709" s="613"/>
      <c r="GCA709" s="613"/>
      <c r="GCB709" s="613"/>
      <c r="GCC709" s="613"/>
      <c r="GCD709" s="613"/>
      <c r="GCE709" s="613"/>
      <c r="GCF709" s="613"/>
      <c r="GCG709" s="613"/>
      <c r="GCH709" s="613"/>
      <c r="GCI709" s="613"/>
      <c r="GCJ709" s="613"/>
      <c r="GCK709" s="613"/>
      <c r="GCL709" s="613"/>
      <c r="GCM709" s="613"/>
      <c r="GCN709" s="613"/>
      <c r="GCO709" s="613"/>
      <c r="GCP709" s="613"/>
      <c r="GCQ709" s="613"/>
      <c r="GCR709" s="613"/>
      <c r="GCS709" s="613"/>
      <c r="GCT709" s="613"/>
      <c r="GCU709" s="613"/>
      <c r="GCV709" s="613"/>
      <c r="GCW709" s="613"/>
      <c r="GCX709" s="613"/>
      <c r="GCY709" s="613"/>
      <c r="GCZ709" s="613"/>
      <c r="GDA709" s="613"/>
      <c r="GDB709" s="613"/>
      <c r="GDC709" s="613"/>
      <c r="GDD709" s="613"/>
      <c r="GDE709" s="613"/>
      <c r="GDF709" s="613"/>
      <c r="GDG709" s="613"/>
      <c r="GDH709" s="613"/>
      <c r="GDI709" s="613"/>
      <c r="GDJ709" s="613"/>
      <c r="GDK709" s="613"/>
      <c r="GDL709" s="613"/>
      <c r="GDM709" s="613"/>
      <c r="GDN709" s="613"/>
      <c r="GDO709" s="613"/>
      <c r="GDP709" s="613"/>
      <c r="GDQ709" s="613"/>
      <c r="GDR709" s="613"/>
      <c r="GDS709" s="613"/>
      <c r="GDT709" s="613"/>
      <c r="GDU709" s="613"/>
      <c r="GDV709" s="613"/>
      <c r="GDW709" s="613"/>
      <c r="GDX709" s="613"/>
      <c r="GDY709" s="613"/>
      <c r="GDZ709" s="613"/>
      <c r="GEA709" s="613"/>
      <c r="GEB709" s="613"/>
      <c r="GEC709" s="613"/>
      <c r="GED709" s="613"/>
      <c r="GEE709" s="613"/>
      <c r="GEF709" s="613"/>
      <c r="GEG709" s="613"/>
      <c r="GEH709" s="613"/>
      <c r="GEI709" s="613"/>
      <c r="GEJ709" s="613"/>
      <c r="GEK709" s="613"/>
      <c r="GEL709" s="613"/>
      <c r="GEM709" s="613"/>
      <c r="GEN709" s="613"/>
      <c r="GEO709" s="613"/>
      <c r="GEP709" s="613"/>
      <c r="GEQ709" s="613"/>
      <c r="GER709" s="613"/>
      <c r="GES709" s="613"/>
      <c r="GET709" s="613"/>
      <c r="GEU709" s="613"/>
      <c r="GEV709" s="613"/>
      <c r="GEW709" s="613"/>
      <c r="GEX709" s="613"/>
      <c r="GEY709" s="613"/>
      <c r="GEZ709" s="613"/>
      <c r="GFA709" s="613"/>
      <c r="GFB709" s="613"/>
      <c r="GFC709" s="613"/>
      <c r="GFD709" s="613"/>
      <c r="GFE709" s="613"/>
      <c r="GFF709" s="613"/>
      <c r="GFG709" s="613"/>
      <c r="GFH709" s="613"/>
      <c r="GFI709" s="613"/>
      <c r="GFJ709" s="613"/>
      <c r="GFK709" s="613"/>
      <c r="GFL709" s="613"/>
      <c r="GFM709" s="613"/>
      <c r="GFN709" s="613"/>
      <c r="GFO709" s="613"/>
      <c r="GFP709" s="613"/>
      <c r="GFQ709" s="613"/>
      <c r="GFR709" s="613"/>
      <c r="GFS709" s="613"/>
      <c r="GFT709" s="613"/>
      <c r="GFU709" s="613"/>
      <c r="GFV709" s="613"/>
      <c r="GFW709" s="613"/>
      <c r="GFX709" s="613"/>
      <c r="GFY709" s="613"/>
      <c r="GFZ709" s="613"/>
      <c r="GGA709" s="613"/>
      <c r="GGB709" s="613"/>
      <c r="GGC709" s="613"/>
      <c r="GGD709" s="613"/>
      <c r="GGE709" s="613"/>
      <c r="GGF709" s="613"/>
      <c r="GGG709" s="613"/>
      <c r="GGH709" s="613"/>
      <c r="GGI709" s="613"/>
      <c r="GGJ709" s="613"/>
      <c r="GGK709" s="613"/>
      <c r="GGL709" s="613"/>
      <c r="GGM709" s="613"/>
      <c r="GGN709" s="613"/>
      <c r="GGO709" s="613"/>
      <c r="GGP709" s="613"/>
      <c r="GGQ709" s="613"/>
      <c r="GGR709" s="613"/>
      <c r="GGS709" s="613"/>
      <c r="GGT709" s="613"/>
      <c r="GGU709" s="613"/>
      <c r="GGV709" s="613"/>
      <c r="GGW709" s="613"/>
      <c r="GGX709" s="613"/>
      <c r="GGY709" s="613"/>
      <c r="GGZ709" s="613"/>
      <c r="GHA709" s="613"/>
      <c r="GHB709" s="613"/>
      <c r="GHC709" s="613"/>
      <c r="GHD709" s="613"/>
      <c r="GHE709" s="613"/>
      <c r="GHF709" s="613"/>
      <c r="GHG709" s="613"/>
      <c r="GHH709" s="613"/>
      <c r="GHI709" s="613"/>
      <c r="GHJ709" s="613"/>
      <c r="GHK709" s="613"/>
      <c r="GHL709" s="613"/>
      <c r="GHM709" s="613"/>
      <c r="GHN709" s="613"/>
      <c r="GHO709" s="613"/>
      <c r="GHP709" s="613"/>
      <c r="GHQ709" s="613"/>
      <c r="GHR709" s="613"/>
      <c r="GHS709" s="613"/>
      <c r="GHT709" s="613"/>
      <c r="GHU709" s="613"/>
      <c r="GHV709" s="613"/>
      <c r="GHW709" s="613"/>
      <c r="GHX709" s="613"/>
      <c r="GHY709" s="613"/>
      <c r="GHZ709" s="613"/>
      <c r="GIA709" s="613"/>
      <c r="GIB709" s="613"/>
      <c r="GIC709" s="613"/>
      <c r="GID709" s="613"/>
      <c r="GIE709" s="613"/>
      <c r="GIF709" s="613"/>
      <c r="GIG709" s="613"/>
      <c r="GIH709" s="613"/>
      <c r="GII709" s="613"/>
      <c r="GIJ709" s="613"/>
      <c r="GIK709" s="613"/>
      <c r="GIL709" s="613"/>
      <c r="GIM709" s="613"/>
      <c r="GIN709" s="613"/>
      <c r="GIO709" s="613"/>
      <c r="GIP709" s="613"/>
      <c r="GIQ709" s="613"/>
      <c r="GIR709" s="613"/>
      <c r="GIS709" s="613"/>
      <c r="GIT709" s="613"/>
      <c r="GIU709" s="613"/>
      <c r="GIV709" s="613"/>
      <c r="GIW709" s="613"/>
      <c r="GIX709" s="613"/>
      <c r="GIY709" s="613"/>
      <c r="GIZ709" s="613"/>
      <c r="GJA709" s="613"/>
      <c r="GJB709" s="613"/>
      <c r="GJC709" s="613"/>
      <c r="GJD709" s="613"/>
      <c r="GJE709" s="613"/>
      <c r="GJF709" s="613"/>
      <c r="GJG709" s="613"/>
      <c r="GJH709" s="613"/>
      <c r="GJI709" s="613"/>
      <c r="GJJ709" s="613"/>
      <c r="GJK709" s="613"/>
      <c r="GJL709" s="613"/>
      <c r="GJM709" s="613"/>
      <c r="GJN709" s="613"/>
      <c r="GJO709" s="613"/>
      <c r="GJP709" s="613"/>
      <c r="GJQ709" s="613"/>
      <c r="GJR709" s="613"/>
      <c r="GJS709" s="613"/>
      <c r="GJT709" s="613"/>
      <c r="GJU709" s="613"/>
      <c r="GJV709" s="613"/>
      <c r="GJW709" s="613"/>
      <c r="GJX709" s="613"/>
      <c r="GJY709" s="613"/>
      <c r="GJZ709" s="613"/>
      <c r="GKA709" s="613"/>
      <c r="GKB709" s="613"/>
      <c r="GKC709" s="613"/>
      <c r="GKD709" s="613"/>
      <c r="GKE709" s="613"/>
      <c r="GKF709" s="613"/>
      <c r="GKG709" s="613"/>
      <c r="GKH709" s="613"/>
      <c r="GKI709" s="613"/>
      <c r="GKJ709" s="613"/>
      <c r="GKK709" s="613"/>
      <c r="GKL709" s="613"/>
      <c r="GKM709" s="613"/>
      <c r="GKN709" s="613"/>
      <c r="GKO709" s="613"/>
      <c r="GKP709" s="613"/>
      <c r="GKQ709" s="613"/>
      <c r="GKR709" s="613"/>
      <c r="GKS709" s="613"/>
      <c r="GKT709" s="613"/>
      <c r="GKU709" s="613"/>
      <c r="GKV709" s="613"/>
      <c r="GKW709" s="613"/>
      <c r="GKX709" s="613"/>
      <c r="GKY709" s="613"/>
      <c r="GKZ709" s="613"/>
      <c r="GLA709" s="613"/>
      <c r="GLB709" s="613"/>
      <c r="GLC709" s="613"/>
      <c r="GLD709" s="613"/>
      <c r="GLE709" s="613"/>
      <c r="GLF709" s="613"/>
      <c r="GLG709" s="613"/>
      <c r="GLH709" s="613"/>
      <c r="GLI709" s="613"/>
      <c r="GLJ709" s="613"/>
      <c r="GLK709" s="613"/>
      <c r="GLL709" s="613"/>
      <c r="GLM709" s="613"/>
      <c r="GLN709" s="613"/>
      <c r="GLO709" s="613"/>
      <c r="GLP709" s="613"/>
      <c r="GLQ709" s="613"/>
      <c r="GLR709" s="613"/>
      <c r="GLS709" s="613"/>
      <c r="GLT709" s="613"/>
      <c r="GLU709" s="613"/>
      <c r="GLV709" s="613"/>
      <c r="GLW709" s="613"/>
      <c r="GLX709" s="613"/>
      <c r="GLY709" s="613"/>
      <c r="GLZ709" s="613"/>
      <c r="GMA709" s="613"/>
      <c r="GMB709" s="613"/>
      <c r="GMC709" s="613"/>
      <c r="GMD709" s="613"/>
      <c r="GME709" s="613"/>
      <c r="GMF709" s="613"/>
      <c r="GMG709" s="613"/>
      <c r="GMH709" s="613"/>
      <c r="GMI709" s="613"/>
      <c r="GMJ709" s="613"/>
      <c r="GMK709" s="613"/>
      <c r="GML709" s="613"/>
      <c r="GMM709" s="613"/>
      <c r="GMN709" s="613"/>
      <c r="GMO709" s="613"/>
      <c r="GMP709" s="613"/>
      <c r="GMQ709" s="613"/>
      <c r="GMR709" s="613"/>
      <c r="GMS709" s="613"/>
      <c r="GMT709" s="613"/>
      <c r="GMU709" s="613"/>
      <c r="GMV709" s="613"/>
      <c r="GMW709" s="613"/>
      <c r="GMX709" s="613"/>
      <c r="GMY709" s="613"/>
      <c r="GMZ709" s="613"/>
      <c r="GNA709" s="613"/>
      <c r="GNB709" s="613"/>
      <c r="GNC709" s="613"/>
      <c r="GND709" s="613"/>
      <c r="GNE709" s="613"/>
      <c r="GNF709" s="613"/>
      <c r="GNG709" s="613"/>
      <c r="GNH709" s="613"/>
      <c r="GNI709" s="613"/>
      <c r="GNJ709" s="613"/>
      <c r="GNK709" s="613"/>
      <c r="GNL709" s="613"/>
      <c r="GNM709" s="613"/>
      <c r="GNN709" s="613"/>
      <c r="GNO709" s="613"/>
      <c r="GNP709" s="613"/>
      <c r="GNQ709" s="613"/>
      <c r="GNR709" s="613"/>
      <c r="GNS709" s="613"/>
      <c r="GNT709" s="613"/>
      <c r="GNU709" s="613"/>
      <c r="GNV709" s="613"/>
      <c r="GNW709" s="613"/>
      <c r="GNX709" s="613"/>
      <c r="GNY709" s="613"/>
      <c r="GNZ709" s="613"/>
      <c r="GOA709" s="613"/>
      <c r="GOB709" s="613"/>
      <c r="GOC709" s="613"/>
      <c r="GOD709" s="613"/>
      <c r="GOE709" s="613"/>
      <c r="GOF709" s="613"/>
      <c r="GOG709" s="613"/>
      <c r="GOH709" s="613"/>
      <c r="GOI709" s="613"/>
      <c r="GOJ709" s="613"/>
      <c r="GOK709" s="613"/>
      <c r="GOL709" s="613"/>
      <c r="GOM709" s="613"/>
      <c r="GON709" s="613"/>
      <c r="GOO709" s="613"/>
      <c r="GOP709" s="613"/>
      <c r="GOQ709" s="613"/>
      <c r="GOR709" s="613"/>
      <c r="GOS709" s="613"/>
      <c r="GOT709" s="613"/>
      <c r="GOU709" s="613"/>
      <c r="GOV709" s="613"/>
      <c r="GOW709" s="613"/>
      <c r="GOX709" s="613"/>
      <c r="GOY709" s="613"/>
      <c r="GOZ709" s="613"/>
      <c r="GPA709" s="613"/>
      <c r="GPB709" s="613"/>
      <c r="GPC709" s="613"/>
      <c r="GPD709" s="613"/>
      <c r="GPE709" s="613"/>
      <c r="GPF709" s="613"/>
      <c r="GPG709" s="613"/>
      <c r="GPH709" s="613"/>
      <c r="GPI709" s="613"/>
      <c r="GPJ709" s="613"/>
      <c r="GPK709" s="613"/>
      <c r="GPL709" s="613"/>
      <c r="GPM709" s="613"/>
      <c r="GPN709" s="613"/>
      <c r="GPO709" s="613"/>
      <c r="GPP709" s="613"/>
      <c r="GPQ709" s="613"/>
      <c r="GPR709" s="613"/>
      <c r="GPS709" s="613"/>
      <c r="GPT709" s="613"/>
      <c r="GPU709" s="613"/>
      <c r="GPV709" s="613"/>
      <c r="GPW709" s="613"/>
      <c r="GPX709" s="613"/>
      <c r="GPY709" s="613"/>
      <c r="GPZ709" s="613"/>
      <c r="GQA709" s="613"/>
      <c r="GQB709" s="613"/>
      <c r="GQC709" s="613"/>
      <c r="GQD709" s="613"/>
      <c r="GQE709" s="613"/>
      <c r="GQF709" s="613"/>
      <c r="GQG709" s="613"/>
      <c r="GQH709" s="613"/>
      <c r="GQI709" s="613"/>
      <c r="GQJ709" s="613"/>
      <c r="GQK709" s="613"/>
      <c r="GQL709" s="613"/>
      <c r="GQM709" s="613"/>
      <c r="GQN709" s="613"/>
      <c r="GQO709" s="613"/>
      <c r="GQP709" s="613"/>
      <c r="GQQ709" s="613"/>
      <c r="GQR709" s="613"/>
      <c r="GQS709" s="613"/>
      <c r="GQT709" s="613"/>
      <c r="GQU709" s="613"/>
      <c r="GQV709" s="613"/>
      <c r="GQW709" s="613"/>
      <c r="GQX709" s="613"/>
      <c r="GQY709" s="613"/>
      <c r="GQZ709" s="613"/>
      <c r="GRA709" s="613"/>
      <c r="GRB709" s="613"/>
      <c r="GRC709" s="613"/>
      <c r="GRD709" s="613"/>
      <c r="GRE709" s="613"/>
      <c r="GRF709" s="613"/>
      <c r="GRG709" s="613"/>
      <c r="GRH709" s="613"/>
      <c r="GRI709" s="613"/>
      <c r="GRJ709" s="613"/>
      <c r="GRK709" s="613"/>
      <c r="GRL709" s="613"/>
      <c r="GRM709" s="613"/>
      <c r="GRN709" s="613"/>
      <c r="GRO709" s="613"/>
      <c r="GRP709" s="613"/>
      <c r="GRQ709" s="613"/>
      <c r="GRR709" s="613"/>
      <c r="GRS709" s="613"/>
      <c r="GRT709" s="613"/>
      <c r="GRU709" s="613"/>
      <c r="GRV709" s="613"/>
      <c r="GRW709" s="613"/>
      <c r="GRX709" s="613"/>
      <c r="GRY709" s="613"/>
      <c r="GRZ709" s="613"/>
      <c r="GSA709" s="613"/>
      <c r="GSB709" s="613"/>
      <c r="GSC709" s="613"/>
      <c r="GSD709" s="613"/>
      <c r="GSE709" s="613"/>
      <c r="GSF709" s="613"/>
      <c r="GSG709" s="613"/>
      <c r="GSH709" s="613"/>
      <c r="GSI709" s="613"/>
      <c r="GSJ709" s="613"/>
      <c r="GSK709" s="613"/>
      <c r="GSL709" s="613"/>
      <c r="GSM709" s="613"/>
      <c r="GSN709" s="613"/>
      <c r="GSO709" s="613"/>
      <c r="GSP709" s="613"/>
      <c r="GSQ709" s="613"/>
      <c r="GSR709" s="613"/>
      <c r="GSS709" s="613"/>
      <c r="GST709" s="613"/>
      <c r="GSU709" s="613"/>
      <c r="GSV709" s="613"/>
      <c r="GSW709" s="613"/>
      <c r="GSX709" s="613"/>
      <c r="GSY709" s="613"/>
      <c r="GSZ709" s="613"/>
      <c r="GTA709" s="613"/>
      <c r="GTB709" s="613"/>
      <c r="GTC709" s="613"/>
      <c r="GTD709" s="613"/>
      <c r="GTE709" s="613"/>
      <c r="GTF709" s="613"/>
      <c r="GTG709" s="613"/>
      <c r="GTH709" s="613"/>
      <c r="GTI709" s="613"/>
      <c r="GTJ709" s="613"/>
      <c r="GTK709" s="613"/>
      <c r="GTL709" s="613"/>
      <c r="GTM709" s="613"/>
      <c r="GTN709" s="613"/>
      <c r="GTO709" s="613"/>
      <c r="GTP709" s="613"/>
      <c r="GTQ709" s="613"/>
      <c r="GTR709" s="613"/>
      <c r="GTS709" s="613"/>
      <c r="GTT709" s="613"/>
      <c r="GTU709" s="613"/>
      <c r="GTV709" s="613"/>
      <c r="GTW709" s="613"/>
      <c r="GTX709" s="613"/>
      <c r="GTY709" s="613"/>
      <c r="GTZ709" s="613"/>
      <c r="GUA709" s="613"/>
      <c r="GUB709" s="613"/>
      <c r="GUC709" s="613"/>
      <c r="GUD709" s="613"/>
      <c r="GUE709" s="613"/>
      <c r="GUF709" s="613"/>
      <c r="GUG709" s="613"/>
      <c r="GUH709" s="613"/>
      <c r="GUI709" s="613"/>
      <c r="GUJ709" s="613"/>
      <c r="GUK709" s="613"/>
      <c r="GUL709" s="613"/>
      <c r="GUM709" s="613"/>
      <c r="GUN709" s="613"/>
      <c r="GUO709" s="613"/>
      <c r="GUP709" s="613"/>
      <c r="GUQ709" s="613"/>
      <c r="GUR709" s="613"/>
      <c r="GUS709" s="613"/>
      <c r="GUT709" s="613"/>
      <c r="GUU709" s="613"/>
      <c r="GUV709" s="613"/>
      <c r="GUW709" s="613"/>
      <c r="GUX709" s="613"/>
      <c r="GUY709" s="613"/>
      <c r="GUZ709" s="613"/>
      <c r="GVA709" s="613"/>
      <c r="GVB709" s="613"/>
      <c r="GVC709" s="613"/>
      <c r="GVD709" s="613"/>
      <c r="GVE709" s="613"/>
      <c r="GVF709" s="613"/>
      <c r="GVG709" s="613"/>
      <c r="GVH709" s="613"/>
      <c r="GVI709" s="613"/>
      <c r="GVJ709" s="613"/>
      <c r="GVK709" s="613"/>
      <c r="GVL709" s="613"/>
      <c r="GVM709" s="613"/>
      <c r="GVN709" s="613"/>
      <c r="GVO709" s="613"/>
      <c r="GVP709" s="613"/>
      <c r="GVQ709" s="613"/>
      <c r="GVR709" s="613"/>
      <c r="GVS709" s="613"/>
      <c r="GVT709" s="613"/>
      <c r="GVU709" s="613"/>
      <c r="GVV709" s="613"/>
      <c r="GVW709" s="613"/>
      <c r="GVX709" s="613"/>
      <c r="GVY709" s="613"/>
      <c r="GVZ709" s="613"/>
      <c r="GWA709" s="613"/>
      <c r="GWB709" s="613"/>
      <c r="GWC709" s="613"/>
      <c r="GWD709" s="613"/>
      <c r="GWE709" s="613"/>
      <c r="GWF709" s="613"/>
      <c r="GWG709" s="613"/>
      <c r="GWH709" s="613"/>
      <c r="GWI709" s="613"/>
      <c r="GWJ709" s="613"/>
      <c r="GWK709" s="613"/>
      <c r="GWL709" s="613"/>
      <c r="GWM709" s="613"/>
      <c r="GWN709" s="613"/>
      <c r="GWO709" s="613"/>
      <c r="GWP709" s="613"/>
      <c r="GWQ709" s="613"/>
      <c r="GWR709" s="613"/>
      <c r="GWS709" s="613"/>
      <c r="GWT709" s="613"/>
      <c r="GWU709" s="613"/>
      <c r="GWV709" s="613"/>
      <c r="GWW709" s="613"/>
      <c r="GWX709" s="613"/>
      <c r="GWY709" s="613"/>
      <c r="GWZ709" s="613"/>
      <c r="GXA709" s="613"/>
      <c r="GXB709" s="613"/>
      <c r="GXC709" s="613"/>
      <c r="GXD709" s="613"/>
      <c r="GXE709" s="613"/>
      <c r="GXF709" s="613"/>
      <c r="GXG709" s="613"/>
      <c r="GXH709" s="613"/>
      <c r="GXI709" s="613"/>
      <c r="GXJ709" s="613"/>
      <c r="GXK709" s="613"/>
      <c r="GXL709" s="613"/>
      <c r="GXM709" s="613"/>
      <c r="GXN709" s="613"/>
      <c r="GXO709" s="613"/>
      <c r="GXP709" s="613"/>
      <c r="GXQ709" s="613"/>
      <c r="GXR709" s="613"/>
      <c r="GXS709" s="613"/>
      <c r="GXT709" s="613"/>
      <c r="GXU709" s="613"/>
      <c r="GXV709" s="613"/>
      <c r="GXW709" s="613"/>
      <c r="GXX709" s="613"/>
      <c r="GXY709" s="613"/>
      <c r="GXZ709" s="613"/>
      <c r="GYA709" s="613"/>
      <c r="GYB709" s="613"/>
      <c r="GYC709" s="613"/>
      <c r="GYD709" s="613"/>
      <c r="GYE709" s="613"/>
      <c r="GYF709" s="613"/>
      <c r="GYG709" s="613"/>
      <c r="GYH709" s="613"/>
      <c r="GYI709" s="613"/>
      <c r="GYJ709" s="613"/>
      <c r="GYK709" s="613"/>
      <c r="GYL709" s="613"/>
      <c r="GYM709" s="613"/>
      <c r="GYN709" s="613"/>
      <c r="GYO709" s="613"/>
      <c r="GYP709" s="613"/>
      <c r="GYQ709" s="613"/>
      <c r="GYR709" s="613"/>
      <c r="GYS709" s="613"/>
      <c r="GYT709" s="613"/>
      <c r="GYU709" s="613"/>
      <c r="GYV709" s="613"/>
      <c r="GYW709" s="613"/>
      <c r="GYX709" s="613"/>
      <c r="GYY709" s="613"/>
      <c r="GYZ709" s="613"/>
      <c r="GZA709" s="613"/>
      <c r="GZB709" s="613"/>
      <c r="GZC709" s="613"/>
      <c r="GZD709" s="613"/>
      <c r="GZE709" s="613"/>
      <c r="GZF709" s="613"/>
      <c r="GZG709" s="613"/>
      <c r="GZH709" s="613"/>
      <c r="GZI709" s="613"/>
      <c r="GZJ709" s="613"/>
      <c r="GZK709" s="613"/>
      <c r="GZL709" s="613"/>
      <c r="GZM709" s="613"/>
      <c r="GZN709" s="613"/>
      <c r="GZO709" s="613"/>
      <c r="GZP709" s="613"/>
      <c r="GZQ709" s="613"/>
      <c r="GZR709" s="613"/>
      <c r="GZS709" s="613"/>
      <c r="GZT709" s="613"/>
      <c r="GZU709" s="613"/>
      <c r="GZV709" s="613"/>
      <c r="GZW709" s="613"/>
      <c r="GZX709" s="613"/>
      <c r="GZY709" s="613"/>
      <c r="GZZ709" s="613"/>
      <c r="HAA709" s="613"/>
      <c r="HAB709" s="613"/>
      <c r="HAC709" s="613"/>
      <c r="HAD709" s="613"/>
      <c r="HAE709" s="613"/>
      <c r="HAF709" s="613"/>
      <c r="HAG709" s="613"/>
      <c r="HAH709" s="613"/>
      <c r="HAI709" s="613"/>
      <c r="HAJ709" s="613"/>
      <c r="HAK709" s="613"/>
      <c r="HAL709" s="613"/>
      <c r="HAM709" s="613"/>
      <c r="HAN709" s="613"/>
      <c r="HAO709" s="613"/>
      <c r="HAP709" s="613"/>
      <c r="HAQ709" s="613"/>
      <c r="HAR709" s="613"/>
      <c r="HAS709" s="613"/>
      <c r="HAT709" s="613"/>
      <c r="HAU709" s="613"/>
      <c r="HAV709" s="613"/>
      <c r="HAW709" s="613"/>
      <c r="HAX709" s="613"/>
      <c r="HAY709" s="613"/>
      <c r="HAZ709" s="613"/>
      <c r="HBA709" s="613"/>
      <c r="HBB709" s="613"/>
      <c r="HBC709" s="613"/>
      <c r="HBD709" s="613"/>
      <c r="HBE709" s="613"/>
      <c r="HBF709" s="613"/>
      <c r="HBG709" s="613"/>
      <c r="HBH709" s="613"/>
      <c r="HBI709" s="613"/>
      <c r="HBJ709" s="613"/>
      <c r="HBK709" s="613"/>
      <c r="HBL709" s="613"/>
      <c r="HBM709" s="613"/>
      <c r="HBN709" s="613"/>
      <c r="HBO709" s="613"/>
      <c r="HBP709" s="613"/>
      <c r="HBQ709" s="613"/>
      <c r="HBR709" s="613"/>
      <c r="HBS709" s="613"/>
      <c r="HBT709" s="613"/>
      <c r="HBU709" s="613"/>
      <c r="HBV709" s="613"/>
      <c r="HBW709" s="613"/>
      <c r="HBX709" s="613"/>
      <c r="HBY709" s="613"/>
      <c r="HBZ709" s="613"/>
      <c r="HCA709" s="613"/>
      <c r="HCB709" s="613"/>
      <c r="HCC709" s="613"/>
      <c r="HCD709" s="613"/>
      <c r="HCE709" s="613"/>
      <c r="HCF709" s="613"/>
      <c r="HCG709" s="613"/>
      <c r="HCH709" s="613"/>
      <c r="HCI709" s="613"/>
      <c r="HCJ709" s="613"/>
      <c r="HCK709" s="613"/>
      <c r="HCL709" s="613"/>
      <c r="HCM709" s="613"/>
      <c r="HCN709" s="613"/>
      <c r="HCO709" s="613"/>
      <c r="HCP709" s="613"/>
      <c r="HCQ709" s="613"/>
      <c r="HCR709" s="613"/>
      <c r="HCS709" s="613"/>
      <c r="HCT709" s="613"/>
      <c r="HCU709" s="613"/>
      <c r="HCV709" s="613"/>
      <c r="HCW709" s="613"/>
      <c r="HCX709" s="613"/>
      <c r="HCY709" s="613"/>
      <c r="HCZ709" s="613"/>
      <c r="HDA709" s="613"/>
      <c r="HDB709" s="613"/>
      <c r="HDC709" s="613"/>
      <c r="HDD709" s="613"/>
      <c r="HDE709" s="613"/>
      <c r="HDF709" s="613"/>
      <c r="HDG709" s="613"/>
      <c r="HDH709" s="613"/>
      <c r="HDI709" s="613"/>
      <c r="HDJ709" s="613"/>
      <c r="HDK709" s="613"/>
      <c r="HDL709" s="613"/>
      <c r="HDM709" s="613"/>
      <c r="HDN709" s="613"/>
      <c r="HDO709" s="613"/>
      <c r="HDP709" s="613"/>
      <c r="HDQ709" s="613"/>
      <c r="HDR709" s="613"/>
      <c r="HDS709" s="613"/>
      <c r="HDT709" s="613"/>
      <c r="HDU709" s="613"/>
      <c r="HDV709" s="613"/>
      <c r="HDW709" s="613"/>
      <c r="HDX709" s="613"/>
      <c r="HDY709" s="613"/>
      <c r="HDZ709" s="613"/>
      <c r="HEA709" s="613"/>
      <c r="HEB709" s="613"/>
      <c r="HEC709" s="613"/>
      <c r="HED709" s="613"/>
      <c r="HEE709" s="613"/>
      <c r="HEF709" s="613"/>
      <c r="HEG709" s="613"/>
      <c r="HEH709" s="613"/>
      <c r="HEI709" s="613"/>
      <c r="HEJ709" s="613"/>
      <c r="HEK709" s="613"/>
      <c r="HEL709" s="613"/>
      <c r="HEM709" s="613"/>
      <c r="HEN709" s="613"/>
      <c r="HEO709" s="613"/>
      <c r="HEP709" s="613"/>
      <c r="HEQ709" s="613"/>
      <c r="HER709" s="613"/>
      <c r="HES709" s="613"/>
      <c r="HET709" s="613"/>
      <c r="HEU709" s="613"/>
      <c r="HEV709" s="613"/>
      <c r="HEW709" s="613"/>
      <c r="HEX709" s="613"/>
      <c r="HEY709" s="613"/>
      <c r="HEZ709" s="613"/>
      <c r="HFA709" s="613"/>
      <c r="HFB709" s="613"/>
      <c r="HFC709" s="613"/>
      <c r="HFD709" s="613"/>
      <c r="HFE709" s="613"/>
      <c r="HFF709" s="613"/>
      <c r="HFG709" s="613"/>
      <c r="HFH709" s="613"/>
      <c r="HFI709" s="613"/>
      <c r="HFJ709" s="613"/>
      <c r="HFK709" s="613"/>
      <c r="HFL709" s="613"/>
      <c r="HFM709" s="613"/>
      <c r="HFN709" s="613"/>
      <c r="HFO709" s="613"/>
      <c r="HFP709" s="613"/>
      <c r="HFQ709" s="613"/>
      <c r="HFR709" s="613"/>
      <c r="HFS709" s="613"/>
      <c r="HFT709" s="613"/>
      <c r="HFU709" s="613"/>
      <c r="HFV709" s="613"/>
      <c r="HFW709" s="613"/>
      <c r="HFX709" s="613"/>
      <c r="HFY709" s="613"/>
      <c r="HFZ709" s="613"/>
      <c r="HGA709" s="613"/>
      <c r="HGB709" s="613"/>
      <c r="HGC709" s="613"/>
      <c r="HGD709" s="613"/>
      <c r="HGE709" s="613"/>
      <c r="HGF709" s="613"/>
      <c r="HGG709" s="613"/>
      <c r="HGH709" s="613"/>
      <c r="HGI709" s="613"/>
      <c r="HGJ709" s="613"/>
      <c r="HGK709" s="613"/>
      <c r="HGL709" s="613"/>
      <c r="HGM709" s="613"/>
      <c r="HGN709" s="613"/>
      <c r="HGO709" s="613"/>
      <c r="HGP709" s="613"/>
      <c r="HGQ709" s="613"/>
      <c r="HGR709" s="613"/>
      <c r="HGS709" s="613"/>
      <c r="HGT709" s="613"/>
      <c r="HGU709" s="613"/>
      <c r="HGV709" s="613"/>
      <c r="HGW709" s="613"/>
      <c r="HGX709" s="613"/>
      <c r="HGY709" s="613"/>
      <c r="HGZ709" s="613"/>
      <c r="HHA709" s="613"/>
      <c r="HHB709" s="613"/>
      <c r="HHC709" s="613"/>
      <c r="HHD709" s="613"/>
      <c r="HHE709" s="613"/>
      <c r="HHF709" s="613"/>
      <c r="HHG709" s="613"/>
      <c r="HHH709" s="613"/>
      <c r="HHI709" s="613"/>
      <c r="HHJ709" s="613"/>
      <c r="HHK709" s="613"/>
      <c r="HHL709" s="613"/>
      <c r="HHM709" s="613"/>
      <c r="HHN709" s="613"/>
      <c r="HHO709" s="613"/>
      <c r="HHP709" s="613"/>
      <c r="HHQ709" s="613"/>
      <c r="HHR709" s="613"/>
      <c r="HHS709" s="613"/>
      <c r="HHT709" s="613"/>
      <c r="HHU709" s="613"/>
      <c r="HHV709" s="613"/>
      <c r="HHW709" s="613"/>
      <c r="HHX709" s="613"/>
      <c r="HHY709" s="613"/>
      <c r="HHZ709" s="613"/>
      <c r="HIA709" s="613"/>
      <c r="HIB709" s="613"/>
      <c r="HIC709" s="613"/>
      <c r="HID709" s="613"/>
      <c r="HIE709" s="613"/>
      <c r="HIF709" s="613"/>
      <c r="HIG709" s="613"/>
      <c r="HIH709" s="613"/>
      <c r="HII709" s="613"/>
      <c r="HIJ709" s="613"/>
      <c r="HIK709" s="613"/>
      <c r="HIL709" s="613"/>
      <c r="HIM709" s="613"/>
      <c r="HIN709" s="613"/>
      <c r="HIO709" s="613"/>
      <c r="HIP709" s="613"/>
      <c r="HIQ709" s="613"/>
      <c r="HIR709" s="613"/>
      <c r="HIS709" s="613"/>
      <c r="HIT709" s="613"/>
      <c r="HIU709" s="613"/>
      <c r="HIV709" s="613"/>
      <c r="HIW709" s="613"/>
      <c r="HIX709" s="613"/>
      <c r="HIY709" s="613"/>
      <c r="HIZ709" s="613"/>
      <c r="HJA709" s="613"/>
      <c r="HJB709" s="613"/>
      <c r="HJC709" s="613"/>
      <c r="HJD709" s="613"/>
      <c r="HJE709" s="613"/>
      <c r="HJF709" s="613"/>
      <c r="HJG709" s="613"/>
      <c r="HJH709" s="613"/>
      <c r="HJI709" s="613"/>
      <c r="HJJ709" s="613"/>
      <c r="HJK709" s="613"/>
      <c r="HJL709" s="613"/>
      <c r="HJM709" s="613"/>
      <c r="HJN709" s="613"/>
      <c r="HJO709" s="613"/>
      <c r="HJP709" s="613"/>
      <c r="HJQ709" s="613"/>
      <c r="HJR709" s="613"/>
      <c r="HJS709" s="613"/>
      <c r="HJT709" s="613"/>
      <c r="HJU709" s="613"/>
      <c r="HJV709" s="613"/>
      <c r="HJW709" s="613"/>
      <c r="HJX709" s="613"/>
      <c r="HJY709" s="613"/>
      <c r="HJZ709" s="613"/>
      <c r="HKA709" s="613"/>
      <c r="HKB709" s="613"/>
      <c r="HKC709" s="613"/>
      <c r="HKD709" s="613"/>
      <c r="HKE709" s="613"/>
      <c r="HKF709" s="613"/>
      <c r="HKG709" s="613"/>
      <c r="HKH709" s="613"/>
      <c r="HKI709" s="613"/>
      <c r="HKJ709" s="613"/>
      <c r="HKK709" s="613"/>
      <c r="HKL709" s="613"/>
      <c r="HKM709" s="613"/>
      <c r="HKN709" s="613"/>
      <c r="HKO709" s="613"/>
      <c r="HKP709" s="613"/>
      <c r="HKQ709" s="613"/>
      <c r="HKR709" s="613"/>
      <c r="HKS709" s="613"/>
      <c r="HKT709" s="613"/>
      <c r="HKU709" s="613"/>
      <c r="HKV709" s="613"/>
      <c r="HKW709" s="613"/>
      <c r="HKX709" s="613"/>
      <c r="HKY709" s="613"/>
      <c r="HKZ709" s="613"/>
      <c r="HLA709" s="613"/>
      <c r="HLB709" s="613"/>
      <c r="HLC709" s="613"/>
      <c r="HLD709" s="613"/>
      <c r="HLE709" s="613"/>
      <c r="HLF709" s="613"/>
      <c r="HLG709" s="613"/>
      <c r="HLH709" s="613"/>
      <c r="HLI709" s="613"/>
      <c r="HLJ709" s="613"/>
      <c r="HLK709" s="613"/>
      <c r="HLL709" s="613"/>
      <c r="HLM709" s="613"/>
      <c r="HLN709" s="613"/>
      <c r="HLO709" s="613"/>
      <c r="HLP709" s="613"/>
      <c r="HLQ709" s="613"/>
      <c r="HLR709" s="613"/>
      <c r="HLS709" s="613"/>
      <c r="HLT709" s="613"/>
      <c r="HLU709" s="613"/>
      <c r="HLV709" s="613"/>
      <c r="HLW709" s="613"/>
      <c r="HLX709" s="613"/>
      <c r="HLY709" s="613"/>
      <c r="HLZ709" s="613"/>
      <c r="HMA709" s="613"/>
      <c r="HMB709" s="613"/>
      <c r="HMC709" s="613"/>
      <c r="HMD709" s="613"/>
      <c r="HME709" s="613"/>
      <c r="HMF709" s="613"/>
      <c r="HMG709" s="613"/>
      <c r="HMH709" s="613"/>
      <c r="HMI709" s="613"/>
      <c r="HMJ709" s="613"/>
      <c r="HMK709" s="613"/>
      <c r="HML709" s="613"/>
      <c r="HMM709" s="613"/>
      <c r="HMN709" s="613"/>
      <c r="HMO709" s="613"/>
      <c r="HMP709" s="613"/>
      <c r="HMQ709" s="613"/>
      <c r="HMR709" s="613"/>
      <c r="HMS709" s="613"/>
      <c r="HMT709" s="613"/>
      <c r="HMU709" s="613"/>
      <c r="HMV709" s="613"/>
      <c r="HMW709" s="613"/>
      <c r="HMX709" s="613"/>
      <c r="HMY709" s="613"/>
      <c r="HMZ709" s="613"/>
      <c r="HNA709" s="613"/>
      <c r="HNB709" s="613"/>
      <c r="HNC709" s="613"/>
      <c r="HND709" s="613"/>
      <c r="HNE709" s="613"/>
      <c r="HNF709" s="613"/>
      <c r="HNG709" s="613"/>
      <c r="HNH709" s="613"/>
      <c r="HNI709" s="613"/>
      <c r="HNJ709" s="613"/>
      <c r="HNK709" s="613"/>
      <c r="HNL709" s="613"/>
      <c r="HNM709" s="613"/>
      <c r="HNN709" s="613"/>
      <c r="HNO709" s="613"/>
      <c r="HNP709" s="613"/>
      <c r="HNQ709" s="613"/>
      <c r="HNR709" s="613"/>
      <c r="HNS709" s="613"/>
      <c r="HNT709" s="613"/>
      <c r="HNU709" s="613"/>
      <c r="HNV709" s="613"/>
      <c r="HNW709" s="613"/>
      <c r="HNX709" s="613"/>
      <c r="HNY709" s="613"/>
      <c r="HNZ709" s="613"/>
      <c r="HOA709" s="613"/>
      <c r="HOB709" s="613"/>
      <c r="HOC709" s="613"/>
      <c r="HOD709" s="613"/>
      <c r="HOE709" s="613"/>
      <c r="HOF709" s="613"/>
      <c r="HOG709" s="613"/>
      <c r="HOH709" s="613"/>
      <c r="HOI709" s="613"/>
      <c r="HOJ709" s="613"/>
      <c r="HOK709" s="613"/>
      <c r="HOL709" s="613"/>
      <c r="HOM709" s="613"/>
      <c r="HON709" s="613"/>
      <c r="HOO709" s="613"/>
      <c r="HOP709" s="613"/>
      <c r="HOQ709" s="613"/>
      <c r="HOR709" s="613"/>
      <c r="HOS709" s="613"/>
      <c r="HOT709" s="613"/>
      <c r="HOU709" s="613"/>
      <c r="HOV709" s="613"/>
      <c r="HOW709" s="613"/>
      <c r="HOX709" s="613"/>
      <c r="HOY709" s="613"/>
      <c r="HOZ709" s="613"/>
      <c r="HPA709" s="613"/>
      <c r="HPB709" s="613"/>
      <c r="HPC709" s="613"/>
      <c r="HPD709" s="613"/>
      <c r="HPE709" s="613"/>
      <c r="HPF709" s="613"/>
      <c r="HPG709" s="613"/>
      <c r="HPH709" s="613"/>
      <c r="HPI709" s="613"/>
      <c r="HPJ709" s="613"/>
      <c r="HPK709" s="613"/>
      <c r="HPL709" s="613"/>
      <c r="HPM709" s="613"/>
      <c r="HPN709" s="613"/>
      <c r="HPO709" s="613"/>
      <c r="HPP709" s="613"/>
      <c r="HPQ709" s="613"/>
      <c r="HPR709" s="613"/>
      <c r="HPS709" s="613"/>
      <c r="HPT709" s="613"/>
      <c r="HPU709" s="613"/>
      <c r="HPV709" s="613"/>
      <c r="HPW709" s="613"/>
      <c r="HPX709" s="613"/>
      <c r="HPY709" s="613"/>
      <c r="HPZ709" s="613"/>
      <c r="HQA709" s="613"/>
      <c r="HQB709" s="613"/>
      <c r="HQC709" s="613"/>
      <c r="HQD709" s="613"/>
      <c r="HQE709" s="613"/>
      <c r="HQF709" s="613"/>
      <c r="HQG709" s="613"/>
      <c r="HQH709" s="613"/>
      <c r="HQI709" s="613"/>
      <c r="HQJ709" s="613"/>
      <c r="HQK709" s="613"/>
      <c r="HQL709" s="613"/>
      <c r="HQM709" s="613"/>
      <c r="HQN709" s="613"/>
      <c r="HQO709" s="613"/>
      <c r="HQP709" s="613"/>
      <c r="HQQ709" s="613"/>
      <c r="HQR709" s="613"/>
      <c r="HQS709" s="613"/>
      <c r="HQT709" s="613"/>
      <c r="HQU709" s="613"/>
      <c r="HQV709" s="613"/>
      <c r="HQW709" s="613"/>
      <c r="HQX709" s="613"/>
      <c r="HQY709" s="613"/>
      <c r="HQZ709" s="613"/>
      <c r="HRA709" s="613"/>
      <c r="HRB709" s="613"/>
      <c r="HRC709" s="613"/>
      <c r="HRD709" s="613"/>
      <c r="HRE709" s="613"/>
      <c r="HRF709" s="613"/>
      <c r="HRG709" s="613"/>
      <c r="HRH709" s="613"/>
      <c r="HRI709" s="613"/>
      <c r="HRJ709" s="613"/>
      <c r="HRK709" s="613"/>
      <c r="HRL709" s="613"/>
      <c r="HRM709" s="613"/>
      <c r="HRN709" s="613"/>
      <c r="HRO709" s="613"/>
      <c r="HRP709" s="613"/>
      <c r="HRQ709" s="613"/>
      <c r="HRR709" s="613"/>
      <c r="HRS709" s="613"/>
      <c r="HRT709" s="613"/>
      <c r="HRU709" s="613"/>
      <c r="HRV709" s="613"/>
      <c r="HRW709" s="613"/>
      <c r="HRX709" s="613"/>
      <c r="HRY709" s="613"/>
      <c r="HRZ709" s="613"/>
      <c r="HSA709" s="613"/>
      <c r="HSB709" s="613"/>
      <c r="HSC709" s="613"/>
      <c r="HSD709" s="613"/>
      <c r="HSE709" s="613"/>
      <c r="HSF709" s="613"/>
      <c r="HSG709" s="613"/>
      <c r="HSH709" s="613"/>
      <c r="HSI709" s="613"/>
      <c r="HSJ709" s="613"/>
      <c r="HSK709" s="613"/>
      <c r="HSL709" s="613"/>
      <c r="HSM709" s="613"/>
      <c r="HSN709" s="613"/>
      <c r="HSO709" s="613"/>
      <c r="HSP709" s="613"/>
      <c r="HSQ709" s="613"/>
      <c r="HSR709" s="613"/>
      <c r="HSS709" s="613"/>
      <c r="HST709" s="613"/>
      <c r="HSU709" s="613"/>
      <c r="HSV709" s="613"/>
      <c r="HSW709" s="613"/>
      <c r="HSX709" s="613"/>
      <c r="HSY709" s="613"/>
      <c r="HSZ709" s="613"/>
      <c r="HTA709" s="613"/>
      <c r="HTB709" s="613"/>
      <c r="HTC709" s="613"/>
      <c r="HTD709" s="613"/>
      <c r="HTE709" s="613"/>
      <c r="HTF709" s="613"/>
      <c r="HTG709" s="613"/>
      <c r="HTH709" s="613"/>
      <c r="HTI709" s="613"/>
      <c r="HTJ709" s="613"/>
      <c r="HTK709" s="613"/>
      <c r="HTL709" s="613"/>
      <c r="HTM709" s="613"/>
      <c r="HTN709" s="613"/>
      <c r="HTO709" s="613"/>
      <c r="HTP709" s="613"/>
      <c r="HTQ709" s="613"/>
      <c r="HTR709" s="613"/>
      <c r="HTS709" s="613"/>
      <c r="HTT709" s="613"/>
      <c r="HTU709" s="613"/>
      <c r="HTV709" s="613"/>
      <c r="HTW709" s="613"/>
      <c r="HTX709" s="613"/>
      <c r="HTY709" s="613"/>
      <c r="HTZ709" s="613"/>
      <c r="HUA709" s="613"/>
      <c r="HUB709" s="613"/>
      <c r="HUC709" s="613"/>
      <c r="HUD709" s="613"/>
      <c r="HUE709" s="613"/>
      <c r="HUF709" s="613"/>
      <c r="HUG709" s="613"/>
      <c r="HUH709" s="613"/>
      <c r="HUI709" s="613"/>
      <c r="HUJ709" s="613"/>
      <c r="HUK709" s="613"/>
      <c r="HUL709" s="613"/>
      <c r="HUM709" s="613"/>
      <c r="HUN709" s="613"/>
      <c r="HUO709" s="613"/>
      <c r="HUP709" s="613"/>
      <c r="HUQ709" s="613"/>
      <c r="HUR709" s="613"/>
      <c r="HUS709" s="613"/>
      <c r="HUT709" s="613"/>
      <c r="HUU709" s="613"/>
      <c r="HUV709" s="613"/>
      <c r="HUW709" s="613"/>
      <c r="HUX709" s="613"/>
      <c r="HUY709" s="613"/>
      <c r="HUZ709" s="613"/>
      <c r="HVA709" s="613"/>
      <c r="HVB709" s="613"/>
      <c r="HVC709" s="613"/>
      <c r="HVD709" s="613"/>
      <c r="HVE709" s="613"/>
      <c r="HVF709" s="613"/>
      <c r="HVG709" s="613"/>
      <c r="HVH709" s="613"/>
      <c r="HVI709" s="613"/>
      <c r="HVJ709" s="613"/>
      <c r="HVK709" s="613"/>
      <c r="HVL709" s="613"/>
      <c r="HVM709" s="613"/>
      <c r="HVN709" s="613"/>
      <c r="HVO709" s="613"/>
      <c r="HVP709" s="613"/>
      <c r="HVQ709" s="613"/>
      <c r="HVR709" s="613"/>
      <c r="HVS709" s="613"/>
      <c r="HVT709" s="613"/>
      <c r="HVU709" s="613"/>
      <c r="HVV709" s="613"/>
      <c r="HVW709" s="613"/>
      <c r="HVX709" s="613"/>
      <c r="HVY709" s="613"/>
      <c r="HVZ709" s="613"/>
      <c r="HWA709" s="613"/>
      <c r="HWB709" s="613"/>
      <c r="HWC709" s="613"/>
      <c r="HWD709" s="613"/>
      <c r="HWE709" s="613"/>
      <c r="HWF709" s="613"/>
      <c r="HWG709" s="613"/>
      <c r="HWH709" s="613"/>
      <c r="HWI709" s="613"/>
      <c r="HWJ709" s="613"/>
      <c r="HWK709" s="613"/>
      <c r="HWL709" s="613"/>
      <c r="HWM709" s="613"/>
      <c r="HWN709" s="613"/>
      <c r="HWO709" s="613"/>
      <c r="HWP709" s="613"/>
      <c r="HWQ709" s="613"/>
      <c r="HWR709" s="613"/>
      <c r="HWS709" s="613"/>
      <c r="HWT709" s="613"/>
      <c r="HWU709" s="613"/>
      <c r="HWV709" s="613"/>
      <c r="HWW709" s="613"/>
      <c r="HWX709" s="613"/>
      <c r="HWY709" s="613"/>
      <c r="HWZ709" s="613"/>
      <c r="HXA709" s="613"/>
      <c r="HXB709" s="613"/>
      <c r="HXC709" s="613"/>
      <c r="HXD709" s="613"/>
      <c r="HXE709" s="613"/>
      <c r="HXF709" s="613"/>
      <c r="HXG709" s="613"/>
      <c r="HXH709" s="613"/>
      <c r="HXI709" s="613"/>
      <c r="HXJ709" s="613"/>
      <c r="HXK709" s="613"/>
      <c r="HXL709" s="613"/>
      <c r="HXM709" s="613"/>
      <c r="HXN709" s="613"/>
      <c r="HXO709" s="613"/>
      <c r="HXP709" s="613"/>
      <c r="HXQ709" s="613"/>
      <c r="HXR709" s="613"/>
      <c r="HXS709" s="613"/>
      <c r="HXT709" s="613"/>
      <c r="HXU709" s="613"/>
      <c r="HXV709" s="613"/>
      <c r="HXW709" s="613"/>
      <c r="HXX709" s="613"/>
      <c r="HXY709" s="613"/>
      <c r="HXZ709" s="613"/>
      <c r="HYA709" s="613"/>
      <c r="HYB709" s="613"/>
      <c r="HYC709" s="613"/>
      <c r="HYD709" s="613"/>
      <c r="HYE709" s="613"/>
      <c r="HYF709" s="613"/>
      <c r="HYG709" s="613"/>
      <c r="HYH709" s="613"/>
      <c r="HYI709" s="613"/>
      <c r="HYJ709" s="613"/>
      <c r="HYK709" s="613"/>
      <c r="HYL709" s="613"/>
      <c r="HYM709" s="613"/>
      <c r="HYN709" s="613"/>
      <c r="HYO709" s="613"/>
      <c r="HYP709" s="613"/>
      <c r="HYQ709" s="613"/>
      <c r="HYR709" s="613"/>
      <c r="HYS709" s="613"/>
      <c r="HYT709" s="613"/>
      <c r="HYU709" s="613"/>
      <c r="HYV709" s="613"/>
      <c r="HYW709" s="613"/>
      <c r="HYX709" s="613"/>
      <c r="HYY709" s="613"/>
      <c r="HYZ709" s="613"/>
      <c r="HZA709" s="613"/>
      <c r="HZB709" s="613"/>
      <c r="HZC709" s="613"/>
      <c r="HZD709" s="613"/>
      <c r="HZE709" s="613"/>
      <c r="HZF709" s="613"/>
      <c r="HZG709" s="613"/>
      <c r="HZH709" s="613"/>
      <c r="HZI709" s="613"/>
      <c r="HZJ709" s="613"/>
      <c r="HZK709" s="613"/>
      <c r="HZL709" s="613"/>
      <c r="HZM709" s="613"/>
      <c r="HZN709" s="613"/>
      <c r="HZO709" s="613"/>
      <c r="HZP709" s="613"/>
      <c r="HZQ709" s="613"/>
      <c r="HZR709" s="613"/>
      <c r="HZS709" s="613"/>
      <c r="HZT709" s="613"/>
      <c r="HZU709" s="613"/>
      <c r="HZV709" s="613"/>
      <c r="HZW709" s="613"/>
      <c r="HZX709" s="613"/>
      <c r="HZY709" s="613"/>
      <c r="HZZ709" s="613"/>
      <c r="IAA709" s="613"/>
      <c r="IAB709" s="613"/>
      <c r="IAC709" s="613"/>
      <c r="IAD709" s="613"/>
      <c r="IAE709" s="613"/>
      <c r="IAF709" s="613"/>
      <c r="IAG709" s="613"/>
      <c r="IAH709" s="613"/>
      <c r="IAI709" s="613"/>
      <c r="IAJ709" s="613"/>
      <c r="IAK709" s="613"/>
      <c r="IAL709" s="613"/>
      <c r="IAM709" s="613"/>
      <c r="IAN709" s="613"/>
      <c r="IAO709" s="613"/>
      <c r="IAP709" s="613"/>
      <c r="IAQ709" s="613"/>
      <c r="IAR709" s="613"/>
      <c r="IAS709" s="613"/>
      <c r="IAT709" s="613"/>
      <c r="IAU709" s="613"/>
      <c r="IAV709" s="613"/>
      <c r="IAW709" s="613"/>
      <c r="IAX709" s="613"/>
      <c r="IAY709" s="613"/>
      <c r="IAZ709" s="613"/>
      <c r="IBA709" s="613"/>
      <c r="IBB709" s="613"/>
      <c r="IBC709" s="613"/>
      <c r="IBD709" s="613"/>
      <c r="IBE709" s="613"/>
      <c r="IBF709" s="613"/>
      <c r="IBG709" s="613"/>
      <c r="IBH709" s="613"/>
      <c r="IBI709" s="613"/>
      <c r="IBJ709" s="613"/>
      <c r="IBK709" s="613"/>
      <c r="IBL709" s="613"/>
      <c r="IBM709" s="613"/>
      <c r="IBN709" s="613"/>
      <c r="IBO709" s="613"/>
      <c r="IBP709" s="613"/>
      <c r="IBQ709" s="613"/>
      <c r="IBR709" s="613"/>
      <c r="IBS709" s="613"/>
      <c r="IBT709" s="613"/>
      <c r="IBU709" s="613"/>
      <c r="IBV709" s="613"/>
      <c r="IBW709" s="613"/>
      <c r="IBX709" s="613"/>
      <c r="IBY709" s="613"/>
      <c r="IBZ709" s="613"/>
      <c r="ICA709" s="613"/>
      <c r="ICB709" s="613"/>
      <c r="ICC709" s="613"/>
      <c r="ICD709" s="613"/>
      <c r="ICE709" s="613"/>
      <c r="ICF709" s="613"/>
      <c r="ICG709" s="613"/>
      <c r="ICH709" s="613"/>
      <c r="ICI709" s="613"/>
      <c r="ICJ709" s="613"/>
      <c r="ICK709" s="613"/>
      <c r="ICL709" s="613"/>
      <c r="ICM709" s="613"/>
      <c r="ICN709" s="613"/>
      <c r="ICO709" s="613"/>
      <c r="ICP709" s="613"/>
      <c r="ICQ709" s="613"/>
      <c r="ICR709" s="613"/>
      <c r="ICS709" s="613"/>
      <c r="ICT709" s="613"/>
      <c r="ICU709" s="613"/>
      <c r="ICV709" s="613"/>
      <c r="ICW709" s="613"/>
      <c r="ICX709" s="613"/>
      <c r="ICY709" s="613"/>
      <c r="ICZ709" s="613"/>
      <c r="IDA709" s="613"/>
      <c r="IDB709" s="613"/>
      <c r="IDC709" s="613"/>
      <c r="IDD709" s="613"/>
      <c r="IDE709" s="613"/>
      <c r="IDF709" s="613"/>
      <c r="IDG709" s="613"/>
      <c r="IDH709" s="613"/>
      <c r="IDI709" s="613"/>
      <c r="IDJ709" s="613"/>
      <c r="IDK709" s="613"/>
      <c r="IDL709" s="613"/>
      <c r="IDM709" s="613"/>
      <c r="IDN709" s="613"/>
      <c r="IDO709" s="613"/>
      <c r="IDP709" s="613"/>
      <c r="IDQ709" s="613"/>
      <c r="IDR709" s="613"/>
      <c r="IDS709" s="613"/>
      <c r="IDT709" s="613"/>
      <c r="IDU709" s="613"/>
      <c r="IDV709" s="613"/>
      <c r="IDW709" s="613"/>
      <c r="IDX709" s="613"/>
      <c r="IDY709" s="613"/>
      <c r="IDZ709" s="613"/>
      <c r="IEA709" s="613"/>
      <c r="IEB709" s="613"/>
      <c r="IEC709" s="613"/>
      <c r="IED709" s="613"/>
      <c r="IEE709" s="613"/>
      <c r="IEF709" s="613"/>
      <c r="IEG709" s="613"/>
      <c r="IEH709" s="613"/>
      <c r="IEI709" s="613"/>
      <c r="IEJ709" s="613"/>
      <c r="IEK709" s="613"/>
      <c r="IEL709" s="613"/>
      <c r="IEM709" s="613"/>
      <c r="IEN709" s="613"/>
      <c r="IEO709" s="613"/>
      <c r="IEP709" s="613"/>
      <c r="IEQ709" s="613"/>
      <c r="IER709" s="613"/>
      <c r="IES709" s="613"/>
      <c r="IET709" s="613"/>
      <c r="IEU709" s="613"/>
      <c r="IEV709" s="613"/>
      <c r="IEW709" s="613"/>
      <c r="IEX709" s="613"/>
      <c r="IEY709" s="613"/>
      <c r="IEZ709" s="613"/>
      <c r="IFA709" s="613"/>
      <c r="IFB709" s="613"/>
      <c r="IFC709" s="613"/>
      <c r="IFD709" s="613"/>
      <c r="IFE709" s="613"/>
      <c r="IFF709" s="613"/>
      <c r="IFG709" s="613"/>
      <c r="IFH709" s="613"/>
      <c r="IFI709" s="613"/>
      <c r="IFJ709" s="613"/>
      <c r="IFK709" s="613"/>
      <c r="IFL709" s="613"/>
      <c r="IFM709" s="613"/>
      <c r="IFN709" s="613"/>
      <c r="IFO709" s="613"/>
      <c r="IFP709" s="613"/>
      <c r="IFQ709" s="613"/>
      <c r="IFR709" s="613"/>
      <c r="IFS709" s="613"/>
      <c r="IFT709" s="613"/>
      <c r="IFU709" s="613"/>
      <c r="IFV709" s="613"/>
      <c r="IFW709" s="613"/>
      <c r="IFX709" s="613"/>
      <c r="IFY709" s="613"/>
      <c r="IFZ709" s="613"/>
      <c r="IGA709" s="613"/>
      <c r="IGB709" s="613"/>
      <c r="IGC709" s="613"/>
      <c r="IGD709" s="613"/>
      <c r="IGE709" s="613"/>
      <c r="IGF709" s="613"/>
      <c r="IGG709" s="613"/>
      <c r="IGH709" s="613"/>
      <c r="IGI709" s="613"/>
      <c r="IGJ709" s="613"/>
      <c r="IGK709" s="613"/>
      <c r="IGL709" s="613"/>
      <c r="IGM709" s="613"/>
      <c r="IGN709" s="613"/>
      <c r="IGO709" s="613"/>
      <c r="IGP709" s="613"/>
      <c r="IGQ709" s="613"/>
      <c r="IGR709" s="613"/>
      <c r="IGS709" s="613"/>
      <c r="IGT709" s="613"/>
      <c r="IGU709" s="613"/>
      <c r="IGV709" s="613"/>
      <c r="IGW709" s="613"/>
      <c r="IGX709" s="613"/>
      <c r="IGY709" s="613"/>
      <c r="IGZ709" s="613"/>
      <c r="IHA709" s="613"/>
      <c r="IHB709" s="613"/>
      <c r="IHC709" s="613"/>
      <c r="IHD709" s="613"/>
      <c r="IHE709" s="613"/>
      <c r="IHF709" s="613"/>
      <c r="IHG709" s="613"/>
      <c r="IHH709" s="613"/>
      <c r="IHI709" s="613"/>
      <c r="IHJ709" s="613"/>
      <c r="IHK709" s="613"/>
      <c r="IHL709" s="613"/>
      <c r="IHM709" s="613"/>
      <c r="IHN709" s="613"/>
      <c r="IHO709" s="613"/>
      <c r="IHP709" s="613"/>
      <c r="IHQ709" s="613"/>
      <c r="IHR709" s="613"/>
      <c r="IHS709" s="613"/>
      <c r="IHT709" s="613"/>
      <c r="IHU709" s="613"/>
      <c r="IHV709" s="613"/>
      <c r="IHW709" s="613"/>
      <c r="IHX709" s="613"/>
      <c r="IHY709" s="613"/>
      <c r="IHZ709" s="613"/>
      <c r="IIA709" s="613"/>
      <c r="IIB709" s="613"/>
      <c r="IIC709" s="613"/>
      <c r="IID709" s="613"/>
      <c r="IIE709" s="613"/>
      <c r="IIF709" s="613"/>
      <c r="IIG709" s="613"/>
      <c r="IIH709" s="613"/>
      <c r="III709" s="613"/>
      <c r="IIJ709" s="613"/>
      <c r="IIK709" s="613"/>
      <c r="IIL709" s="613"/>
      <c r="IIM709" s="613"/>
      <c r="IIN709" s="613"/>
      <c r="IIO709" s="613"/>
      <c r="IIP709" s="613"/>
      <c r="IIQ709" s="613"/>
      <c r="IIR709" s="613"/>
      <c r="IIS709" s="613"/>
      <c r="IIT709" s="613"/>
      <c r="IIU709" s="613"/>
      <c r="IIV709" s="613"/>
      <c r="IIW709" s="613"/>
      <c r="IIX709" s="613"/>
      <c r="IIY709" s="613"/>
      <c r="IIZ709" s="613"/>
      <c r="IJA709" s="613"/>
      <c r="IJB709" s="613"/>
      <c r="IJC709" s="613"/>
      <c r="IJD709" s="613"/>
      <c r="IJE709" s="613"/>
      <c r="IJF709" s="613"/>
      <c r="IJG709" s="613"/>
      <c r="IJH709" s="613"/>
      <c r="IJI709" s="613"/>
      <c r="IJJ709" s="613"/>
      <c r="IJK709" s="613"/>
      <c r="IJL709" s="613"/>
      <c r="IJM709" s="613"/>
      <c r="IJN709" s="613"/>
      <c r="IJO709" s="613"/>
      <c r="IJP709" s="613"/>
      <c r="IJQ709" s="613"/>
      <c r="IJR709" s="613"/>
      <c r="IJS709" s="613"/>
      <c r="IJT709" s="613"/>
      <c r="IJU709" s="613"/>
      <c r="IJV709" s="613"/>
      <c r="IJW709" s="613"/>
      <c r="IJX709" s="613"/>
      <c r="IJY709" s="613"/>
      <c r="IJZ709" s="613"/>
      <c r="IKA709" s="613"/>
      <c r="IKB709" s="613"/>
      <c r="IKC709" s="613"/>
      <c r="IKD709" s="613"/>
      <c r="IKE709" s="613"/>
      <c r="IKF709" s="613"/>
      <c r="IKG709" s="613"/>
      <c r="IKH709" s="613"/>
      <c r="IKI709" s="613"/>
      <c r="IKJ709" s="613"/>
      <c r="IKK709" s="613"/>
      <c r="IKL709" s="613"/>
      <c r="IKM709" s="613"/>
      <c r="IKN709" s="613"/>
      <c r="IKO709" s="613"/>
      <c r="IKP709" s="613"/>
      <c r="IKQ709" s="613"/>
      <c r="IKR709" s="613"/>
      <c r="IKS709" s="613"/>
      <c r="IKT709" s="613"/>
      <c r="IKU709" s="613"/>
      <c r="IKV709" s="613"/>
      <c r="IKW709" s="613"/>
      <c r="IKX709" s="613"/>
      <c r="IKY709" s="613"/>
      <c r="IKZ709" s="613"/>
      <c r="ILA709" s="613"/>
      <c r="ILB709" s="613"/>
      <c r="ILC709" s="613"/>
      <c r="ILD709" s="613"/>
      <c r="ILE709" s="613"/>
      <c r="ILF709" s="613"/>
      <c r="ILG709" s="613"/>
      <c r="ILH709" s="613"/>
      <c r="ILI709" s="613"/>
      <c r="ILJ709" s="613"/>
      <c r="ILK709" s="613"/>
      <c r="ILL709" s="613"/>
      <c r="ILM709" s="613"/>
      <c r="ILN709" s="613"/>
      <c r="ILO709" s="613"/>
      <c r="ILP709" s="613"/>
      <c r="ILQ709" s="613"/>
      <c r="ILR709" s="613"/>
      <c r="ILS709" s="613"/>
      <c r="ILT709" s="613"/>
      <c r="ILU709" s="613"/>
      <c r="ILV709" s="613"/>
      <c r="ILW709" s="613"/>
      <c r="ILX709" s="613"/>
      <c r="ILY709" s="613"/>
      <c r="ILZ709" s="613"/>
      <c r="IMA709" s="613"/>
      <c r="IMB709" s="613"/>
      <c r="IMC709" s="613"/>
      <c r="IMD709" s="613"/>
      <c r="IME709" s="613"/>
      <c r="IMF709" s="613"/>
      <c r="IMG709" s="613"/>
      <c r="IMH709" s="613"/>
      <c r="IMI709" s="613"/>
      <c r="IMJ709" s="613"/>
      <c r="IMK709" s="613"/>
      <c r="IML709" s="613"/>
      <c r="IMM709" s="613"/>
      <c r="IMN709" s="613"/>
      <c r="IMO709" s="613"/>
      <c r="IMP709" s="613"/>
      <c r="IMQ709" s="613"/>
      <c r="IMR709" s="613"/>
      <c r="IMS709" s="613"/>
      <c r="IMT709" s="613"/>
      <c r="IMU709" s="613"/>
      <c r="IMV709" s="613"/>
      <c r="IMW709" s="613"/>
      <c r="IMX709" s="613"/>
      <c r="IMY709" s="613"/>
      <c r="IMZ709" s="613"/>
      <c r="INA709" s="613"/>
      <c r="INB709" s="613"/>
      <c r="INC709" s="613"/>
      <c r="IND709" s="613"/>
      <c r="INE709" s="613"/>
      <c r="INF709" s="613"/>
      <c r="ING709" s="613"/>
      <c r="INH709" s="613"/>
      <c r="INI709" s="613"/>
      <c r="INJ709" s="613"/>
      <c r="INK709" s="613"/>
      <c r="INL709" s="613"/>
      <c r="INM709" s="613"/>
      <c r="INN709" s="613"/>
      <c r="INO709" s="613"/>
      <c r="INP709" s="613"/>
      <c r="INQ709" s="613"/>
      <c r="INR709" s="613"/>
      <c r="INS709" s="613"/>
      <c r="INT709" s="613"/>
      <c r="INU709" s="613"/>
      <c r="INV709" s="613"/>
      <c r="INW709" s="613"/>
      <c r="INX709" s="613"/>
      <c r="INY709" s="613"/>
      <c r="INZ709" s="613"/>
      <c r="IOA709" s="613"/>
      <c r="IOB709" s="613"/>
      <c r="IOC709" s="613"/>
      <c r="IOD709" s="613"/>
      <c r="IOE709" s="613"/>
      <c r="IOF709" s="613"/>
      <c r="IOG709" s="613"/>
      <c r="IOH709" s="613"/>
      <c r="IOI709" s="613"/>
      <c r="IOJ709" s="613"/>
      <c r="IOK709" s="613"/>
      <c r="IOL709" s="613"/>
      <c r="IOM709" s="613"/>
      <c r="ION709" s="613"/>
      <c r="IOO709" s="613"/>
      <c r="IOP709" s="613"/>
      <c r="IOQ709" s="613"/>
      <c r="IOR709" s="613"/>
      <c r="IOS709" s="613"/>
      <c r="IOT709" s="613"/>
      <c r="IOU709" s="613"/>
      <c r="IOV709" s="613"/>
      <c r="IOW709" s="613"/>
      <c r="IOX709" s="613"/>
      <c r="IOY709" s="613"/>
      <c r="IOZ709" s="613"/>
      <c r="IPA709" s="613"/>
      <c r="IPB709" s="613"/>
      <c r="IPC709" s="613"/>
      <c r="IPD709" s="613"/>
      <c r="IPE709" s="613"/>
      <c r="IPF709" s="613"/>
      <c r="IPG709" s="613"/>
      <c r="IPH709" s="613"/>
      <c r="IPI709" s="613"/>
      <c r="IPJ709" s="613"/>
      <c r="IPK709" s="613"/>
      <c r="IPL709" s="613"/>
      <c r="IPM709" s="613"/>
      <c r="IPN709" s="613"/>
      <c r="IPO709" s="613"/>
      <c r="IPP709" s="613"/>
      <c r="IPQ709" s="613"/>
      <c r="IPR709" s="613"/>
      <c r="IPS709" s="613"/>
      <c r="IPT709" s="613"/>
      <c r="IPU709" s="613"/>
      <c r="IPV709" s="613"/>
      <c r="IPW709" s="613"/>
      <c r="IPX709" s="613"/>
      <c r="IPY709" s="613"/>
      <c r="IPZ709" s="613"/>
      <c r="IQA709" s="613"/>
      <c r="IQB709" s="613"/>
      <c r="IQC709" s="613"/>
      <c r="IQD709" s="613"/>
      <c r="IQE709" s="613"/>
      <c r="IQF709" s="613"/>
      <c r="IQG709" s="613"/>
      <c r="IQH709" s="613"/>
      <c r="IQI709" s="613"/>
      <c r="IQJ709" s="613"/>
      <c r="IQK709" s="613"/>
      <c r="IQL709" s="613"/>
      <c r="IQM709" s="613"/>
      <c r="IQN709" s="613"/>
      <c r="IQO709" s="613"/>
      <c r="IQP709" s="613"/>
      <c r="IQQ709" s="613"/>
      <c r="IQR709" s="613"/>
      <c r="IQS709" s="613"/>
      <c r="IQT709" s="613"/>
      <c r="IQU709" s="613"/>
      <c r="IQV709" s="613"/>
      <c r="IQW709" s="613"/>
      <c r="IQX709" s="613"/>
      <c r="IQY709" s="613"/>
      <c r="IQZ709" s="613"/>
      <c r="IRA709" s="613"/>
      <c r="IRB709" s="613"/>
      <c r="IRC709" s="613"/>
      <c r="IRD709" s="613"/>
      <c r="IRE709" s="613"/>
      <c r="IRF709" s="613"/>
      <c r="IRG709" s="613"/>
      <c r="IRH709" s="613"/>
      <c r="IRI709" s="613"/>
      <c r="IRJ709" s="613"/>
      <c r="IRK709" s="613"/>
      <c r="IRL709" s="613"/>
      <c r="IRM709" s="613"/>
      <c r="IRN709" s="613"/>
      <c r="IRO709" s="613"/>
      <c r="IRP709" s="613"/>
      <c r="IRQ709" s="613"/>
      <c r="IRR709" s="613"/>
      <c r="IRS709" s="613"/>
      <c r="IRT709" s="613"/>
      <c r="IRU709" s="613"/>
      <c r="IRV709" s="613"/>
      <c r="IRW709" s="613"/>
      <c r="IRX709" s="613"/>
      <c r="IRY709" s="613"/>
      <c r="IRZ709" s="613"/>
      <c r="ISA709" s="613"/>
      <c r="ISB709" s="613"/>
      <c r="ISC709" s="613"/>
      <c r="ISD709" s="613"/>
      <c r="ISE709" s="613"/>
      <c r="ISF709" s="613"/>
      <c r="ISG709" s="613"/>
      <c r="ISH709" s="613"/>
      <c r="ISI709" s="613"/>
      <c r="ISJ709" s="613"/>
      <c r="ISK709" s="613"/>
      <c r="ISL709" s="613"/>
      <c r="ISM709" s="613"/>
      <c r="ISN709" s="613"/>
      <c r="ISO709" s="613"/>
      <c r="ISP709" s="613"/>
      <c r="ISQ709" s="613"/>
      <c r="ISR709" s="613"/>
      <c r="ISS709" s="613"/>
      <c r="IST709" s="613"/>
      <c r="ISU709" s="613"/>
      <c r="ISV709" s="613"/>
      <c r="ISW709" s="613"/>
      <c r="ISX709" s="613"/>
      <c r="ISY709" s="613"/>
      <c r="ISZ709" s="613"/>
      <c r="ITA709" s="613"/>
      <c r="ITB709" s="613"/>
      <c r="ITC709" s="613"/>
      <c r="ITD709" s="613"/>
      <c r="ITE709" s="613"/>
      <c r="ITF709" s="613"/>
      <c r="ITG709" s="613"/>
      <c r="ITH709" s="613"/>
      <c r="ITI709" s="613"/>
      <c r="ITJ709" s="613"/>
      <c r="ITK709" s="613"/>
      <c r="ITL709" s="613"/>
      <c r="ITM709" s="613"/>
      <c r="ITN709" s="613"/>
      <c r="ITO709" s="613"/>
      <c r="ITP709" s="613"/>
      <c r="ITQ709" s="613"/>
      <c r="ITR709" s="613"/>
      <c r="ITS709" s="613"/>
      <c r="ITT709" s="613"/>
      <c r="ITU709" s="613"/>
      <c r="ITV709" s="613"/>
      <c r="ITW709" s="613"/>
      <c r="ITX709" s="613"/>
      <c r="ITY709" s="613"/>
      <c r="ITZ709" s="613"/>
      <c r="IUA709" s="613"/>
      <c r="IUB709" s="613"/>
      <c r="IUC709" s="613"/>
      <c r="IUD709" s="613"/>
      <c r="IUE709" s="613"/>
      <c r="IUF709" s="613"/>
      <c r="IUG709" s="613"/>
      <c r="IUH709" s="613"/>
      <c r="IUI709" s="613"/>
      <c r="IUJ709" s="613"/>
      <c r="IUK709" s="613"/>
      <c r="IUL709" s="613"/>
      <c r="IUM709" s="613"/>
      <c r="IUN709" s="613"/>
      <c r="IUO709" s="613"/>
      <c r="IUP709" s="613"/>
      <c r="IUQ709" s="613"/>
      <c r="IUR709" s="613"/>
      <c r="IUS709" s="613"/>
      <c r="IUT709" s="613"/>
      <c r="IUU709" s="613"/>
      <c r="IUV709" s="613"/>
      <c r="IUW709" s="613"/>
      <c r="IUX709" s="613"/>
      <c r="IUY709" s="613"/>
      <c r="IUZ709" s="613"/>
      <c r="IVA709" s="613"/>
      <c r="IVB709" s="613"/>
      <c r="IVC709" s="613"/>
      <c r="IVD709" s="613"/>
      <c r="IVE709" s="613"/>
      <c r="IVF709" s="613"/>
      <c r="IVG709" s="613"/>
      <c r="IVH709" s="613"/>
      <c r="IVI709" s="613"/>
      <c r="IVJ709" s="613"/>
      <c r="IVK709" s="613"/>
      <c r="IVL709" s="613"/>
      <c r="IVM709" s="613"/>
      <c r="IVN709" s="613"/>
      <c r="IVO709" s="613"/>
      <c r="IVP709" s="613"/>
      <c r="IVQ709" s="613"/>
      <c r="IVR709" s="613"/>
      <c r="IVS709" s="613"/>
      <c r="IVT709" s="613"/>
      <c r="IVU709" s="613"/>
      <c r="IVV709" s="613"/>
      <c r="IVW709" s="613"/>
      <c r="IVX709" s="613"/>
      <c r="IVY709" s="613"/>
      <c r="IVZ709" s="613"/>
      <c r="IWA709" s="613"/>
      <c r="IWB709" s="613"/>
      <c r="IWC709" s="613"/>
      <c r="IWD709" s="613"/>
      <c r="IWE709" s="613"/>
      <c r="IWF709" s="613"/>
      <c r="IWG709" s="613"/>
      <c r="IWH709" s="613"/>
      <c r="IWI709" s="613"/>
      <c r="IWJ709" s="613"/>
      <c r="IWK709" s="613"/>
      <c r="IWL709" s="613"/>
      <c r="IWM709" s="613"/>
      <c r="IWN709" s="613"/>
      <c r="IWO709" s="613"/>
      <c r="IWP709" s="613"/>
      <c r="IWQ709" s="613"/>
      <c r="IWR709" s="613"/>
      <c r="IWS709" s="613"/>
      <c r="IWT709" s="613"/>
      <c r="IWU709" s="613"/>
      <c r="IWV709" s="613"/>
      <c r="IWW709" s="613"/>
      <c r="IWX709" s="613"/>
      <c r="IWY709" s="613"/>
      <c r="IWZ709" s="613"/>
      <c r="IXA709" s="613"/>
      <c r="IXB709" s="613"/>
      <c r="IXC709" s="613"/>
      <c r="IXD709" s="613"/>
      <c r="IXE709" s="613"/>
      <c r="IXF709" s="613"/>
      <c r="IXG709" s="613"/>
      <c r="IXH709" s="613"/>
      <c r="IXI709" s="613"/>
      <c r="IXJ709" s="613"/>
      <c r="IXK709" s="613"/>
      <c r="IXL709" s="613"/>
      <c r="IXM709" s="613"/>
      <c r="IXN709" s="613"/>
      <c r="IXO709" s="613"/>
      <c r="IXP709" s="613"/>
      <c r="IXQ709" s="613"/>
      <c r="IXR709" s="613"/>
      <c r="IXS709" s="613"/>
      <c r="IXT709" s="613"/>
      <c r="IXU709" s="613"/>
      <c r="IXV709" s="613"/>
      <c r="IXW709" s="613"/>
      <c r="IXX709" s="613"/>
      <c r="IXY709" s="613"/>
      <c r="IXZ709" s="613"/>
      <c r="IYA709" s="613"/>
      <c r="IYB709" s="613"/>
      <c r="IYC709" s="613"/>
      <c r="IYD709" s="613"/>
      <c r="IYE709" s="613"/>
      <c r="IYF709" s="613"/>
      <c r="IYG709" s="613"/>
      <c r="IYH709" s="613"/>
      <c r="IYI709" s="613"/>
      <c r="IYJ709" s="613"/>
      <c r="IYK709" s="613"/>
      <c r="IYL709" s="613"/>
      <c r="IYM709" s="613"/>
      <c r="IYN709" s="613"/>
      <c r="IYO709" s="613"/>
      <c r="IYP709" s="613"/>
      <c r="IYQ709" s="613"/>
      <c r="IYR709" s="613"/>
      <c r="IYS709" s="613"/>
      <c r="IYT709" s="613"/>
      <c r="IYU709" s="613"/>
      <c r="IYV709" s="613"/>
      <c r="IYW709" s="613"/>
      <c r="IYX709" s="613"/>
      <c r="IYY709" s="613"/>
      <c r="IYZ709" s="613"/>
      <c r="IZA709" s="613"/>
      <c r="IZB709" s="613"/>
      <c r="IZC709" s="613"/>
      <c r="IZD709" s="613"/>
      <c r="IZE709" s="613"/>
      <c r="IZF709" s="613"/>
      <c r="IZG709" s="613"/>
      <c r="IZH709" s="613"/>
      <c r="IZI709" s="613"/>
      <c r="IZJ709" s="613"/>
      <c r="IZK709" s="613"/>
      <c r="IZL709" s="613"/>
      <c r="IZM709" s="613"/>
      <c r="IZN709" s="613"/>
      <c r="IZO709" s="613"/>
      <c r="IZP709" s="613"/>
      <c r="IZQ709" s="613"/>
      <c r="IZR709" s="613"/>
      <c r="IZS709" s="613"/>
      <c r="IZT709" s="613"/>
      <c r="IZU709" s="613"/>
      <c r="IZV709" s="613"/>
      <c r="IZW709" s="613"/>
      <c r="IZX709" s="613"/>
      <c r="IZY709" s="613"/>
      <c r="IZZ709" s="613"/>
      <c r="JAA709" s="613"/>
      <c r="JAB709" s="613"/>
      <c r="JAC709" s="613"/>
      <c r="JAD709" s="613"/>
      <c r="JAE709" s="613"/>
      <c r="JAF709" s="613"/>
      <c r="JAG709" s="613"/>
      <c r="JAH709" s="613"/>
      <c r="JAI709" s="613"/>
      <c r="JAJ709" s="613"/>
      <c r="JAK709" s="613"/>
      <c r="JAL709" s="613"/>
      <c r="JAM709" s="613"/>
      <c r="JAN709" s="613"/>
      <c r="JAO709" s="613"/>
      <c r="JAP709" s="613"/>
      <c r="JAQ709" s="613"/>
      <c r="JAR709" s="613"/>
      <c r="JAS709" s="613"/>
      <c r="JAT709" s="613"/>
      <c r="JAU709" s="613"/>
      <c r="JAV709" s="613"/>
      <c r="JAW709" s="613"/>
      <c r="JAX709" s="613"/>
      <c r="JAY709" s="613"/>
      <c r="JAZ709" s="613"/>
      <c r="JBA709" s="613"/>
      <c r="JBB709" s="613"/>
      <c r="JBC709" s="613"/>
      <c r="JBD709" s="613"/>
      <c r="JBE709" s="613"/>
      <c r="JBF709" s="613"/>
      <c r="JBG709" s="613"/>
      <c r="JBH709" s="613"/>
      <c r="JBI709" s="613"/>
      <c r="JBJ709" s="613"/>
      <c r="JBK709" s="613"/>
      <c r="JBL709" s="613"/>
      <c r="JBM709" s="613"/>
      <c r="JBN709" s="613"/>
      <c r="JBO709" s="613"/>
      <c r="JBP709" s="613"/>
      <c r="JBQ709" s="613"/>
      <c r="JBR709" s="613"/>
      <c r="JBS709" s="613"/>
      <c r="JBT709" s="613"/>
      <c r="JBU709" s="613"/>
      <c r="JBV709" s="613"/>
      <c r="JBW709" s="613"/>
      <c r="JBX709" s="613"/>
      <c r="JBY709" s="613"/>
      <c r="JBZ709" s="613"/>
      <c r="JCA709" s="613"/>
      <c r="JCB709" s="613"/>
      <c r="JCC709" s="613"/>
      <c r="JCD709" s="613"/>
      <c r="JCE709" s="613"/>
      <c r="JCF709" s="613"/>
      <c r="JCG709" s="613"/>
      <c r="JCH709" s="613"/>
      <c r="JCI709" s="613"/>
      <c r="JCJ709" s="613"/>
      <c r="JCK709" s="613"/>
      <c r="JCL709" s="613"/>
      <c r="JCM709" s="613"/>
      <c r="JCN709" s="613"/>
      <c r="JCO709" s="613"/>
      <c r="JCP709" s="613"/>
      <c r="JCQ709" s="613"/>
      <c r="JCR709" s="613"/>
      <c r="JCS709" s="613"/>
      <c r="JCT709" s="613"/>
      <c r="JCU709" s="613"/>
      <c r="JCV709" s="613"/>
      <c r="JCW709" s="613"/>
      <c r="JCX709" s="613"/>
      <c r="JCY709" s="613"/>
      <c r="JCZ709" s="613"/>
      <c r="JDA709" s="613"/>
      <c r="JDB709" s="613"/>
      <c r="JDC709" s="613"/>
      <c r="JDD709" s="613"/>
      <c r="JDE709" s="613"/>
      <c r="JDF709" s="613"/>
      <c r="JDG709" s="613"/>
      <c r="JDH709" s="613"/>
      <c r="JDI709" s="613"/>
      <c r="JDJ709" s="613"/>
      <c r="JDK709" s="613"/>
      <c r="JDL709" s="613"/>
      <c r="JDM709" s="613"/>
      <c r="JDN709" s="613"/>
      <c r="JDO709" s="613"/>
      <c r="JDP709" s="613"/>
      <c r="JDQ709" s="613"/>
      <c r="JDR709" s="613"/>
      <c r="JDS709" s="613"/>
      <c r="JDT709" s="613"/>
      <c r="JDU709" s="613"/>
      <c r="JDV709" s="613"/>
      <c r="JDW709" s="613"/>
      <c r="JDX709" s="613"/>
      <c r="JDY709" s="613"/>
      <c r="JDZ709" s="613"/>
      <c r="JEA709" s="613"/>
      <c r="JEB709" s="613"/>
      <c r="JEC709" s="613"/>
      <c r="JED709" s="613"/>
      <c r="JEE709" s="613"/>
      <c r="JEF709" s="613"/>
      <c r="JEG709" s="613"/>
      <c r="JEH709" s="613"/>
      <c r="JEI709" s="613"/>
      <c r="JEJ709" s="613"/>
      <c r="JEK709" s="613"/>
      <c r="JEL709" s="613"/>
      <c r="JEM709" s="613"/>
      <c r="JEN709" s="613"/>
      <c r="JEO709" s="613"/>
      <c r="JEP709" s="613"/>
      <c r="JEQ709" s="613"/>
      <c r="JER709" s="613"/>
      <c r="JES709" s="613"/>
      <c r="JET709" s="613"/>
      <c r="JEU709" s="613"/>
      <c r="JEV709" s="613"/>
      <c r="JEW709" s="613"/>
      <c r="JEX709" s="613"/>
      <c r="JEY709" s="613"/>
      <c r="JEZ709" s="613"/>
      <c r="JFA709" s="613"/>
      <c r="JFB709" s="613"/>
      <c r="JFC709" s="613"/>
      <c r="JFD709" s="613"/>
      <c r="JFE709" s="613"/>
      <c r="JFF709" s="613"/>
      <c r="JFG709" s="613"/>
      <c r="JFH709" s="613"/>
      <c r="JFI709" s="613"/>
      <c r="JFJ709" s="613"/>
      <c r="JFK709" s="613"/>
      <c r="JFL709" s="613"/>
      <c r="JFM709" s="613"/>
      <c r="JFN709" s="613"/>
      <c r="JFO709" s="613"/>
      <c r="JFP709" s="613"/>
      <c r="JFQ709" s="613"/>
      <c r="JFR709" s="613"/>
      <c r="JFS709" s="613"/>
      <c r="JFT709" s="613"/>
      <c r="JFU709" s="613"/>
      <c r="JFV709" s="613"/>
      <c r="JFW709" s="613"/>
      <c r="JFX709" s="613"/>
      <c r="JFY709" s="613"/>
      <c r="JFZ709" s="613"/>
      <c r="JGA709" s="613"/>
      <c r="JGB709" s="613"/>
      <c r="JGC709" s="613"/>
      <c r="JGD709" s="613"/>
      <c r="JGE709" s="613"/>
      <c r="JGF709" s="613"/>
      <c r="JGG709" s="613"/>
      <c r="JGH709" s="613"/>
      <c r="JGI709" s="613"/>
      <c r="JGJ709" s="613"/>
      <c r="JGK709" s="613"/>
      <c r="JGL709" s="613"/>
      <c r="JGM709" s="613"/>
      <c r="JGN709" s="613"/>
      <c r="JGO709" s="613"/>
      <c r="JGP709" s="613"/>
      <c r="JGQ709" s="613"/>
      <c r="JGR709" s="613"/>
      <c r="JGS709" s="613"/>
      <c r="JGT709" s="613"/>
      <c r="JGU709" s="613"/>
      <c r="JGV709" s="613"/>
      <c r="JGW709" s="613"/>
      <c r="JGX709" s="613"/>
      <c r="JGY709" s="613"/>
      <c r="JGZ709" s="613"/>
      <c r="JHA709" s="613"/>
      <c r="JHB709" s="613"/>
      <c r="JHC709" s="613"/>
      <c r="JHD709" s="613"/>
      <c r="JHE709" s="613"/>
      <c r="JHF709" s="613"/>
      <c r="JHG709" s="613"/>
      <c r="JHH709" s="613"/>
      <c r="JHI709" s="613"/>
      <c r="JHJ709" s="613"/>
      <c r="JHK709" s="613"/>
      <c r="JHL709" s="613"/>
      <c r="JHM709" s="613"/>
      <c r="JHN709" s="613"/>
      <c r="JHO709" s="613"/>
      <c r="JHP709" s="613"/>
      <c r="JHQ709" s="613"/>
      <c r="JHR709" s="613"/>
      <c r="JHS709" s="613"/>
      <c r="JHT709" s="613"/>
      <c r="JHU709" s="613"/>
      <c r="JHV709" s="613"/>
      <c r="JHW709" s="613"/>
      <c r="JHX709" s="613"/>
      <c r="JHY709" s="613"/>
      <c r="JHZ709" s="613"/>
      <c r="JIA709" s="613"/>
      <c r="JIB709" s="613"/>
      <c r="JIC709" s="613"/>
      <c r="JID709" s="613"/>
      <c r="JIE709" s="613"/>
      <c r="JIF709" s="613"/>
      <c r="JIG709" s="613"/>
      <c r="JIH709" s="613"/>
      <c r="JII709" s="613"/>
      <c r="JIJ709" s="613"/>
      <c r="JIK709" s="613"/>
      <c r="JIL709" s="613"/>
      <c r="JIM709" s="613"/>
      <c r="JIN709" s="613"/>
      <c r="JIO709" s="613"/>
      <c r="JIP709" s="613"/>
      <c r="JIQ709" s="613"/>
      <c r="JIR709" s="613"/>
      <c r="JIS709" s="613"/>
      <c r="JIT709" s="613"/>
      <c r="JIU709" s="613"/>
      <c r="JIV709" s="613"/>
      <c r="JIW709" s="613"/>
      <c r="JIX709" s="613"/>
      <c r="JIY709" s="613"/>
      <c r="JIZ709" s="613"/>
      <c r="JJA709" s="613"/>
      <c r="JJB709" s="613"/>
      <c r="JJC709" s="613"/>
      <c r="JJD709" s="613"/>
      <c r="JJE709" s="613"/>
      <c r="JJF709" s="613"/>
      <c r="JJG709" s="613"/>
      <c r="JJH709" s="613"/>
      <c r="JJI709" s="613"/>
      <c r="JJJ709" s="613"/>
      <c r="JJK709" s="613"/>
      <c r="JJL709" s="613"/>
      <c r="JJM709" s="613"/>
      <c r="JJN709" s="613"/>
      <c r="JJO709" s="613"/>
      <c r="JJP709" s="613"/>
      <c r="JJQ709" s="613"/>
      <c r="JJR709" s="613"/>
      <c r="JJS709" s="613"/>
      <c r="JJT709" s="613"/>
      <c r="JJU709" s="613"/>
      <c r="JJV709" s="613"/>
      <c r="JJW709" s="613"/>
      <c r="JJX709" s="613"/>
      <c r="JJY709" s="613"/>
      <c r="JJZ709" s="613"/>
      <c r="JKA709" s="613"/>
      <c r="JKB709" s="613"/>
      <c r="JKC709" s="613"/>
      <c r="JKD709" s="613"/>
      <c r="JKE709" s="613"/>
      <c r="JKF709" s="613"/>
      <c r="JKG709" s="613"/>
      <c r="JKH709" s="613"/>
      <c r="JKI709" s="613"/>
      <c r="JKJ709" s="613"/>
      <c r="JKK709" s="613"/>
      <c r="JKL709" s="613"/>
      <c r="JKM709" s="613"/>
      <c r="JKN709" s="613"/>
      <c r="JKO709" s="613"/>
      <c r="JKP709" s="613"/>
      <c r="JKQ709" s="613"/>
      <c r="JKR709" s="613"/>
      <c r="JKS709" s="613"/>
      <c r="JKT709" s="613"/>
      <c r="JKU709" s="613"/>
      <c r="JKV709" s="613"/>
      <c r="JKW709" s="613"/>
      <c r="JKX709" s="613"/>
      <c r="JKY709" s="613"/>
      <c r="JKZ709" s="613"/>
      <c r="JLA709" s="613"/>
      <c r="JLB709" s="613"/>
      <c r="JLC709" s="613"/>
      <c r="JLD709" s="613"/>
      <c r="JLE709" s="613"/>
      <c r="JLF709" s="613"/>
      <c r="JLG709" s="613"/>
      <c r="JLH709" s="613"/>
      <c r="JLI709" s="613"/>
      <c r="JLJ709" s="613"/>
      <c r="JLK709" s="613"/>
      <c r="JLL709" s="613"/>
      <c r="JLM709" s="613"/>
      <c r="JLN709" s="613"/>
      <c r="JLO709" s="613"/>
      <c r="JLP709" s="613"/>
      <c r="JLQ709" s="613"/>
      <c r="JLR709" s="613"/>
      <c r="JLS709" s="613"/>
      <c r="JLT709" s="613"/>
      <c r="JLU709" s="613"/>
      <c r="JLV709" s="613"/>
      <c r="JLW709" s="613"/>
      <c r="JLX709" s="613"/>
      <c r="JLY709" s="613"/>
      <c r="JLZ709" s="613"/>
      <c r="JMA709" s="613"/>
      <c r="JMB709" s="613"/>
      <c r="JMC709" s="613"/>
      <c r="JMD709" s="613"/>
      <c r="JME709" s="613"/>
      <c r="JMF709" s="613"/>
      <c r="JMG709" s="613"/>
      <c r="JMH709" s="613"/>
      <c r="JMI709" s="613"/>
      <c r="JMJ709" s="613"/>
      <c r="JMK709" s="613"/>
      <c r="JML709" s="613"/>
      <c r="JMM709" s="613"/>
      <c r="JMN709" s="613"/>
      <c r="JMO709" s="613"/>
      <c r="JMP709" s="613"/>
      <c r="JMQ709" s="613"/>
      <c r="JMR709" s="613"/>
      <c r="JMS709" s="613"/>
      <c r="JMT709" s="613"/>
      <c r="JMU709" s="613"/>
      <c r="JMV709" s="613"/>
      <c r="JMW709" s="613"/>
      <c r="JMX709" s="613"/>
      <c r="JMY709" s="613"/>
      <c r="JMZ709" s="613"/>
      <c r="JNA709" s="613"/>
      <c r="JNB709" s="613"/>
      <c r="JNC709" s="613"/>
      <c r="JND709" s="613"/>
      <c r="JNE709" s="613"/>
      <c r="JNF709" s="613"/>
      <c r="JNG709" s="613"/>
      <c r="JNH709" s="613"/>
      <c r="JNI709" s="613"/>
      <c r="JNJ709" s="613"/>
      <c r="JNK709" s="613"/>
      <c r="JNL709" s="613"/>
      <c r="JNM709" s="613"/>
      <c r="JNN709" s="613"/>
      <c r="JNO709" s="613"/>
      <c r="JNP709" s="613"/>
      <c r="JNQ709" s="613"/>
      <c r="JNR709" s="613"/>
      <c r="JNS709" s="613"/>
      <c r="JNT709" s="613"/>
      <c r="JNU709" s="613"/>
      <c r="JNV709" s="613"/>
      <c r="JNW709" s="613"/>
      <c r="JNX709" s="613"/>
      <c r="JNY709" s="613"/>
      <c r="JNZ709" s="613"/>
      <c r="JOA709" s="613"/>
      <c r="JOB709" s="613"/>
      <c r="JOC709" s="613"/>
      <c r="JOD709" s="613"/>
      <c r="JOE709" s="613"/>
      <c r="JOF709" s="613"/>
      <c r="JOG709" s="613"/>
      <c r="JOH709" s="613"/>
      <c r="JOI709" s="613"/>
      <c r="JOJ709" s="613"/>
      <c r="JOK709" s="613"/>
      <c r="JOL709" s="613"/>
      <c r="JOM709" s="613"/>
      <c r="JON709" s="613"/>
      <c r="JOO709" s="613"/>
      <c r="JOP709" s="613"/>
      <c r="JOQ709" s="613"/>
      <c r="JOR709" s="613"/>
      <c r="JOS709" s="613"/>
      <c r="JOT709" s="613"/>
      <c r="JOU709" s="613"/>
      <c r="JOV709" s="613"/>
      <c r="JOW709" s="613"/>
      <c r="JOX709" s="613"/>
      <c r="JOY709" s="613"/>
      <c r="JOZ709" s="613"/>
      <c r="JPA709" s="613"/>
      <c r="JPB709" s="613"/>
      <c r="JPC709" s="613"/>
      <c r="JPD709" s="613"/>
      <c r="JPE709" s="613"/>
      <c r="JPF709" s="613"/>
      <c r="JPG709" s="613"/>
      <c r="JPH709" s="613"/>
      <c r="JPI709" s="613"/>
      <c r="JPJ709" s="613"/>
      <c r="JPK709" s="613"/>
      <c r="JPL709" s="613"/>
      <c r="JPM709" s="613"/>
      <c r="JPN709" s="613"/>
      <c r="JPO709" s="613"/>
      <c r="JPP709" s="613"/>
      <c r="JPQ709" s="613"/>
      <c r="JPR709" s="613"/>
      <c r="JPS709" s="613"/>
      <c r="JPT709" s="613"/>
      <c r="JPU709" s="613"/>
      <c r="JPV709" s="613"/>
      <c r="JPW709" s="613"/>
      <c r="JPX709" s="613"/>
      <c r="JPY709" s="613"/>
      <c r="JPZ709" s="613"/>
      <c r="JQA709" s="613"/>
      <c r="JQB709" s="613"/>
      <c r="JQC709" s="613"/>
      <c r="JQD709" s="613"/>
      <c r="JQE709" s="613"/>
      <c r="JQF709" s="613"/>
      <c r="JQG709" s="613"/>
      <c r="JQH709" s="613"/>
      <c r="JQI709" s="613"/>
      <c r="JQJ709" s="613"/>
      <c r="JQK709" s="613"/>
      <c r="JQL709" s="613"/>
      <c r="JQM709" s="613"/>
      <c r="JQN709" s="613"/>
      <c r="JQO709" s="613"/>
      <c r="JQP709" s="613"/>
      <c r="JQQ709" s="613"/>
      <c r="JQR709" s="613"/>
      <c r="JQS709" s="613"/>
      <c r="JQT709" s="613"/>
      <c r="JQU709" s="613"/>
      <c r="JQV709" s="613"/>
      <c r="JQW709" s="613"/>
      <c r="JQX709" s="613"/>
      <c r="JQY709" s="613"/>
      <c r="JQZ709" s="613"/>
      <c r="JRA709" s="613"/>
      <c r="JRB709" s="613"/>
      <c r="JRC709" s="613"/>
      <c r="JRD709" s="613"/>
      <c r="JRE709" s="613"/>
      <c r="JRF709" s="613"/>
      <c r="JRG709" s="613"/>
      <c r="JRH709" s="613"/>
      <c r="JRI709" s="613"/>
      <c r="JRJ709" s="613"/>
      <c r="JRK709" s="613"/>
      <c r="JRL709" s="613"/>
      <c r="JRM709" s="613"/>
      <c r="JRN709" s="613"/>
      <c r="JRO709" s="613"/>
      <c r="JRP709" s="613"/>
      <c r="JRQ709" s="613"/>
      <c r="JRR709" s="613"/>
      <c r="JRS709" s="613"/>
      <c r="JRT709" s="613"/>
      <c r="JRU709" s="613"/>
      <c r="JRV709" s="613"/>
      <c r="JRW709" s="613"/>
      <c r="JRX709" s="613"/>
      <c r="JRY709" s="613"/>
      <c r="JRZ709" s="613"/>
      <c r="JSA709" s="613"/>
      <c r="JSB709" s="613"/>
      <c r="JSC709" s="613"/>
      <c r="JSD709" s="613"/>
      <c r="JSE709" s="613"/>
      <c r="JSF709" s="613"/>
      <c r="JSG709" s="613"/>
      <c r="JSH709" s="613"/>
      <c r="JSI709" s="613"/>
      <c r="JSJ709" s="613"/>
      <c r="JSK709" s="613"/>
      <c r="JSL709" s="613"/>
      <c r="JSM709" s="613"/>
      <c r="JSN709" s="613"/>
      <c r="JSO709" s="613"/>
      <c r="JSP709" s="613"/>
      <c r="JSQ709" s="613"/>
      <c r="JSR709" s="613"/>
      <c r="JSS709" s="613"/>
      <c r="JST709" s="613"/>
      <c r="JSU709" s="613"/>
      <c r="JSV709" s="613"/>
      <c r="JSW709" s="613"/>
      <c r="JSX709" s="613"/>
      <c r="JSY709" s="613"/>
      <c r="JSZ709" s="613"/>
      <c r="JTA709" s="613"/>
      <c r="JTB709" s="613"/>
      <c r="JTC709" s="613"/>
      <c r="JTD709" s="613"/>
      <c r="JTE709" s="613"/>
      <c r="JTF709" s="613"/>
      <c r="JTG709" s="613"/>
      <c r="JTH709" s="613"/>
      <c r="JTI709" s="613"/>
      <c r="JTJ709" s="613"/>
      <c r="JTK709" s="613"/>
      <c r="JTL709" s="613"/>
      <c r="JTM709" s="613"/>
      <c r="JTN709" s="613"/>
      <c r="JTO709" s="613"/>
      <c r="JTP709" s="613"/>
      <c r="JTQ709" s="613"/>
      <c r="JTR709" s="613"/>
      <c r="JTS709" s="613"/>
      <c r="JTT709" s="613"/>
      <c r="JTU709" s="613"/>
      <c r="JTV709" s="613"/>
      <c r="JTW709" s="613"/>
      <c r="JTX709" s="613"/>
      <c r="JTY709" s="613"/>
      <c r="JTZ709" s="613"/>
      <c r="JUA709" s="613"/>
      <c r="JUB709" s="613"/>
      <c r="JUC709" s="613"/>
      <c r="JUD709" s="613"/>
      <c r="JUE709" s="613"/>
      <c r="JUF709" s="613"/>
      <c r="JUG709" s="613"/>
      <c r="JUH709" s="613"/>
      <c r="JUI709" s="613"/>
      <c r="JUJ709" s="613"/>
      <c r="JUK709" s="613"/>
      <c r="JUL709" s="613"/>
      <c r="JUM709" s="613"/>
      <c r="JUN709" s="613"/>
      <c r="JUO709" s="613"/>
      <c r="JUP709" s="613"/>
      <c r="JUQ709" s="613"/>
      <c r="JUR709" s="613"/>
      <c r="JUS709" s="613"/>
      <c r="JUT709" s="613"/>
      <c r="JUU709" s="613"/>
      <c r="JUV709" s="613"/>
      <c r="JUW709" s="613"/>
      <c r="JUX709" s="613"/>
      <c r="JUY709" s="613"/>
      <c r="JUZ709" s="613"/>
      <c r="JVA709" s="613"/>
      <c r="JVB709" s="613"/>
      <c r="JVC709" s="613"/>
      <c r="JVD709" s="613"/>
      <c r="JVE709" s="613"/>
      <c r="JVF709" s="613"/>
      <c r="JVG709" s="613"/>
      <c r="JVH709" s="613"/>
      <c r="JVI709" s="613"/>
      <c r="JVJ709" s="613"/>
      <c r="JVK709" s="613"/>
      <c r="JVL709" s="613"/>
      <c r="JVM709" s="613"/>
      <c r="JVN709" s="613"/>
      <c r="JVO709" s="613"/>
      <c r="JVP709" s="613"/>
      <c r="JVQ709" s="613"/>
      <c r="JVR709" s="613"/>
      <c r="JVS709" s="613"/>
      <c r="JVT709" s="613"/>
      <c r="JVU709" s="613"/>
      <c r="JVV709" s="613"/>
      <c r="JVW709" s="613"/>
      <c r="JVX709" s="613"/>
      <c r="JVY709" s="613"/>
      <c r="JVZ709" s="613"/>
      <c r="JWA709" s="613"/>
      <c r="JWB709" s="613"/>
      <c r="JWC709" s="613"/>
      <c r="JWD709" s="613"/>
      <c r="JWE709" s="613"/>
      <c r="JWF709" s="613"/>
      <c r="JWG709" s="613"/>
      <c r="JWH709" s="613"/>
      <c r="JWI709" s="613"/>
      <c r="JWJ709" s="613"/>
      <c r="JWK709" s="613"/>
      <c r="JWL709" s="613"/>
      <c r="JWM709" s="613"/>
      <c r="JWN709" s="613"/>
      <c r="JWO709" s="613"/>
      <c r="JWP709" s="613"/>
      <c r="JWQ709" s="613"/>
      <c r="JWR709" s="613"/>
      <c r="JWS709" s="613"/>
      <c r="JWT709" s="613"/>
      <c r="JWU709" s="613"/>
      <c r="JWV709" s="613"/>
      <c r="JWW709" s="613"/>
      <c r="JWX709" s="613"/>
      <c r="JWY709" s="613"/>
      <c r="JWZ709" s="613"/>
      <c r="JXA709" s="613"/>
      <c r="JXB709" s="613"/>
      <c r="JXC709" s="613"/>
      <c r="JXD709" s="613"/>
      <c r="JXE709" s="613"/>
      <c r="JXF709" s="613"/>
      <c r="JXG709" s="613"/>
      <c r="JXH709" s="613"/>
      <c r="JXI709" s="613"/>
      <c r="JXJ709" s="613"/>
      <c r="JXK709" s="613"/>
      <c r="JXL709" s="613"/>
      <c r="JXM709" s="613"/>
      <c r="JXN709" s="613"/>
      <c r="JXO709" s="613"/>
      <c r="JXP709" s="613"/>
      <c r="JXQ709" s="613"/>
      <c r="JXR709" s="613"/>
      <c r="JXS709" s="613"/>
      <c r="JXT709" s="613"/>
      <c r="JXU709" s="613"/>
      <c r="JXV709" s="613"/>
      <c r="JXW709" s="613"/>
      <c r="JXX709" s="613"/>
      <c r="JXY709" s="613"/>
      <c r="JXZ709" s="613"/>
      <c r="JYA709" s="613"/>
      <c r="JYB709" s="613"/>
      <c r="JYC709" s="613"/>
      <c r="JYD709" s="613"/>
      <c r="JYE709" s="613"/>
      <c r="JYF709" s="613"/>
      <c r="JYG709" s="613"/>
      <c r="JYH709" s="613"/>
      <c r="JYI709" s="613"/>
      <c r="JYJ709" s="613"/>
      <c r="JYK709" s="613"/>
      <c r="JYL709" s="613"/>
      <c r="JYM709" s="613"/>
      <c r="JYN709" s="613"/>
      <c r="JYO709" s="613"/>
      <c r="JYP709" s="613"/>
      <c r="JYQ709" s="613"/>
      <c r="JYR709" s="613"/>
      <c r="JYS709" s="613"/>
      <c r="JYT709" s="613"/>
      <c r="JYU709" s="613"/>
      <c r="JYV709" s="613"/>
      <c r="JYW709" s="613"/>
      <c r="JYX709" s="613"/>
      <c r="JYY709" s="613"/>
      <c r="JYZ709" s="613"/>
      <c r="JZA709" s="613"/>
      <c r="JZB709" s="613"/>
      <c r="JZC709" s="613"/>
      <c r="JZD709" s="613"/>
      <c r="JZE709" s="613"/>
      <c r="JZF709" s="613"/>
      <c r="JZG709" s="613"/>
      <c r="JZH709" s="613"/>
      <c r="JZI709" s="613"/>
      <c r="JZJ709" s="613"/>
      <c r="JZK709" s="613"/>
      <c r="JZL709" s="613"/>
      <c r="JZM709" s="613"/>
      <c r="JZN709" s="613"/>
      <c r="JZO709" s="613"/>
      <c r="JZP709" s="613"/>
      <c r="JZQ709" s="613"/>
      <c r="JZR709" s="613"/>
      <c r="JZS709" s="613"/>
      <c r="JZT709" s="613"/>
      <c r="JZU709" s="613"/>
      <c r="JZV709" s="613"/>
      <c r="JZW709" s="613"/>
      <c r="JZX709" s="613"/>
      <c r="JZY709" s="613"/>
      <c r="JZZ709" s="613"/>
      <c r="KAA709" s="613"/>
      <c r="KAB709" s="613"/>
      <c r="KAC709" s="613"/>
      <c r="KAD709" s="613"/>
      <c r="KAE709" s="613"/>
      <c r="KAF709" s="613"/>
      <c r="KAG709" s="613"/>
      <c r="KAH709" s="613"/>
      <c r="KAI709" s="613"/>
      <c r="KAJ709" s="613"/>
      <c r="KAK709" s="613"/>
      <c r="KAL709" s="613"/>
      <c r="KAM709" s="613"/>
      <c r="KAN709" s="613"/>
      <c r="KAO709" s="613"/>
      <c r="KAP709" s="613"/>
      <c r="KAQ709" s="613"/>
      <c r="KAR709" s="613"/>
      <c r="KAS709" s="613"/>
      <c r="KAT709" s="613"/>
      <c r="KAU709" s="613"/>
      <c r="KAV709" s="613"/>
      <c r="KAW709" s="613"/>
      <c r="KAX709" s="613"/>
      <c r="KAY709" s="613"/>
      <c r="KAZ709" s="613"/>
      <c r="KBA709" s="613"/>
      <c r="KBB709" s="613"/>
      <c r="KBC709" s="613"/>
      <c r="KBD709" s="613"/>
      <c r="KBE709" s="613"/>
      <c r="KBF709" s="613"/>
      <c r="KBG709" s="613"/>
      <c r="KBH709" s="613"/>
      <c r="KBI709" s="613"/>
      <c r="KBJ709" s="613"/>
      <c r="KBK709" s="613"/>
      <c r="KBL709" s="613"/>
      <c r="KBM709" s="613"/>
      <c r="KBN709" s="613"/>
      <c r="KBO709" s="613"/>
      <c r="KBP709" s="613"/>
      <c r="KBQ709" s="613"/>
      <c r="KBR709" s="613"/>
      <c r="KBS709" s="613"/>
      <c r="KBT709" s="613"/>
      <c r="KBU709" s="613"/>
      <c r="KBV709" s="613"/>
      <c r="KBW709" s="613"/>
      <c r="KBX709" s="613"/>
      <c r="KBY709" s="613"/>
      <c r="KBZ709" s="613"/>
      <c r="KCA709" s="613"/>
      <c r="KCB709" s="613"/>
      <c r="KCC709" s="613"/>
      <c r="KCD709" s="613"/>
      <c r="KCE709" s="613"/>
      <c r="KCF709" s="613"/>
      <c r="KCG709" s="613"/>
      <c r="KCH709" s="613"/>
      <c r="KCI709" s="613"/>
      <c r="KCJ709" s="613"/>
      <c r="KCK709" s="613"/>
      <c r="KCL709" s="613"/>
      <c r="KCM709" s="613"/>
      <c r="KCN709" s="613"/>
      <c r="KCO709" s="613"/>
      <c r="KCP709" s="613"/>
      <c r="KCQ709" s="613"/>
      <c r="KCR709" s="613"/>
      <c r="KCS709" s="613"/>
      <c r="KCT709" s="613"/>
      <c r="KCU709" s="613"/>
      <c r="KCV709" s="613"/>
      <c r="KCW709" s="613"/>
      <c r="KCX709" s="613"/>
      <c r="KCY709" s="613"/>
      <c r="KCZ709" s="613"/>
      <c r="KDA709" s="613"/>
      <c r="KDB709" s="613"/>
      <c r="KDC709" s="613"/>
      <c r="KDD709" s="613"/>
      <c r="KDE709" s="613"/>
      <c r="KDF709" s="613"/>
      <c r="KDG709" s="613"/>
      <c r="KDH709" s="613"/>
      <c r="KDI709" s="613"/>
      <c r="KDJ709" s="613"/>
      <c r="KDK709" s="613"/>
      <c r="KDL709" s="613"/>
      <c r="KDM709" s="613"/>
      <c r="KDN709" s="613"/>
      <c r="KDO709" s="613"/>
      <c r="KDP709" s="613"/>
      <c r="KDQ709" s="613"/>
      <c r="KDR709" s="613"/>
      <c r="KDS709" s="613"/>
      <c r="KDT709" s="613"/>
      <c r="KDU709" s="613"/>
      <c r="KDV709" s="613"/>
      <c r="KDW709" s="613"/>
      <c r="KDX709" s="613"/>
      <c r="KDY709" s="613"/>
      <c r="KDZ709" s="613"/>
      <c r="KEA709" s="613"/>
      <c r="KEB709" s="613"/>
      <c r="KEC709" s="613"/>
      <c r="KED709" s="613"/>
      <c r="KEE709" s="613"/>
      <c r="KEF709" s="613"/>
      <c r="KEG709" s="613"/>
      <c r="KEH709" s="613"/>
      <c r="KEI709" s="613"/>
      <c r="KEJ709" s="613"/>
      <c r="KEK709" s="613"/>
      <c r="KEL709" s="613"/>
      <c r="KEM709" s="613"/>
      <c r="KEN709" s="613"/>
      <c r="KEO709" s="613"/>
      <c r="KEP709" s="613"/>
      <c r="KEQ709" s="613"/>
      <c r="KER709" s="613"/>
      <c r="KES709" s="613"/>
      <c r="KET709" s="613"/>
      <c r="KEU709" s="613"/>
      <c r="KEV709" s="613"/>
      <c r="KEW709" s="613"/>
      <c r="KEX709" s="613"/>
      <c r="KEY709" s="613"/>
      <c r="KEZ709" s="613"/>
      <c r="KFA709" s="613"/>
      <c r="KFB709" s="613"/>
      <c r="KFC709" s="613"/>
      <c r="KFD709" s="613"/>
      <c r="KFE709" s="613"/>
      <c r="KFF709" s="613"/>
      <c r="KFG709" s="613"/>
      <c r="KFH709" s="613"/>
      <c r="KFI709" s="613"/>
      <c r="KFJ709" s="613"/>
      <c r="KFK709" s="613"/>
      <c r="KFL709" s="613"/>
      <c r="KFM709" s="613"/>
      <c r="KFN709" s="613"/>
      <c r="KFO709" s="613"/>
      <c r="KFP709" s="613"/>
      <c r="KFQ709" s="613"/>
      <c r="KFR709" s="613"/>
      <c r="KFS709" s="613"/>
      <c r="KFT709" s="613"/>
      <c r="KFU709" s="613"/>
      <c r="KFV709" s="613"/>
      <c r="KFW709" s="613"/>
      <c r="KFX709" s="613"/>
      <c r="KFY709" s="613"/>
      <c r="KFZ709" s="613"/>
      <c r="KGA709" s="613"/>
      <c r="KGB709" s="613"/>
      <c r="KGC709" s="613"/>
      <c r="KGD709" s="613"/>
      <c r="KGE709" s="613"/>
      <c r="KGF709" s="613"/>
      <c r="KGG709" s="613"/>
      <c r="KGH709" s="613"/>
      <c r="KGI709" s="613"/>
      <c r="KGJ709" s="613"/>
      <c r="KGK709" s="613"/>
      <c r="KGL709" s="613"/>
      <c r="KGM709" s="613"/>
      <c r="KGN709" s="613"/>
      <c r="KGO709" s="613"/>
      <c r="KGP709" s="613"/>
      <c r="KGQ709" s="613"/>
      <c r="KGR709" s="613"/>
      <c r="KGS709" s="613"/>
      <c r="KGT709" s="613"/>
      <c r="KGU709" s="613"/>
      <c r="KGV709" s="613"/>
      <c r="KGW709" s="613"/>
      <c r="KGX709" s="613"/>
      <c r="KGY709" s="613"/>
      <c r="KGZ709" s="613"/>
      <c r="KHA709" s="613"/>
      <c r="KHB709" s="613"/>
      <c r="KHC709" s="613"/>
      <c r="KHD709" s="613"/>
      <c r="KHE709" s="613"/>
      <c r="KHF709" s="613"/>
      <c r="KHG709" s="613"/>
      <c r="KHH709" s="613"/>
      <c r="KHI709" s="613"/>
      <c r="KHJ709" s="613"/>
      <c r="KHK709" s="613"/>
      <c r="KHL709" s="613"/>
      <c r="KHM709" s="613"/>
      <c r="KHN709" s="613"/>
      <c r="KHO709" s="613"/>
      <c r="KHP709" s="613"/>
      <c r="KHQ709" s="613"/>
      <c r="KHR709" s="613"/>
      <c r="KHS709" s="613"/>
      <c r="KHT709" s="613"/>
      <c r="KHU709" s="613"/>
      <c r="KHV709" s="613"/>
      <c r="KHW709" s="613"/>
      <c r="KHX709" s="613"/>
      <c r="KHY709" s="613"/>
      <c r="KHZ709" s="613"/>
      <c r="KIA709" s="613"/>
      <c r="KIB709" s="613"/>
      <c r="KIC709" s="613"/>
      <c r="KID709" s="613"/>
      <c r="KIE709" s="613"/>
      <c r="KIF709" s="613"/>
      <c r="KIG709" s="613"/>
      <c r="KIH709" s="613"/>
      <c r="KII709" s="613"/>
      <c r="KIJ709" s="613"/>
      <c r="KIK709" s="613"/>
      <c r="KIL709" s="613"/>
      <c r="KIM709" s="613"/>
      <c r="KIN709" s="613"/>
      <c r="KIO709" s="613"/>
      <c r="KIP709" s="613"/>
      <c r="KIQ709" s="613"/>
      <c r="KIR709" s="613"/>
      <c r="KIS709" s="613"/>
      <c r="KIT709" s="613"/>
      <c r="KIU709" s="613"/>
      <c r="KIV709" s="613"/>
      <c r="KIW709" s="613"/>
      <c r="KIX709" s="613"/>
      <c r="KIY709" s="613"/>
      <c r="KIZ709" s="613"/>
      <c r="KJA709" s="613"/>
      <c r="KJB709" s="613"/>
      <c r="KJC709" s="613"/>
      <c r="KJD709" s="613"/>
      <c r="KJE709" s="613"/>
      <c r="KJF709" s="613"/>
      <c r="KJG709" s="613"/>
      <c r="KJH709" s="613"/>
      <c r="KJI709" s="613"/>
      <c r="KJJ709" s="613"/>
      <c r="KJK709" s="613"/>
      <c r="KJL709" s="613"/>
      <c r="KJM709" s="613"/>
      <c r="KJN709" s="613"/>
      <c r="KJO709" s="613"/>
      <c r="KJP709" s="613"/>
      <c r="KJQ709" s="613"/>
      <c r="KJR709" s="613"/>
      <c r="KJS709" s="613"/>
      <c r="KJT709" s="613"/>
      <c r="KJU709" s="613"/>
      <c r="KJV709" s="613"/>
      <c r="KJW709" s="613"/>
      <c r="KJX709" s="613"/>
      <c r="KJY709" s="613"/>
      <c r="KJZ709" s="613"/>
      <c r="KKA709" s="613"/>
      <c r="KKB709" s="613"/>
      <c r="KKC709" s="613"/>
      <c r="KKD709" s="613"/>
      <c r="KKE709" s="613"/>
      <c r="KKF709" s="613"/>
      <c r="KKG709" s="613"/>
      <c r="KKH709" s="613"/>
      <c r="KKI709" s="613"/>
      <c r="KKJ709" s="613"/>
      <c r="KKK709" s="613"/>
      <c r="KKL709" s="613"/>
      <c r="KKM709" s="613"/>
      <c r="KKN709" s="613"/>
      <c r="KKO709" s="613"/>
      <c r="KKP709" s="613"/>
      <c r="KKQ709" s="613"/>
      <c r="KKR709" s="613"/>
      <c r="KKS709" s="613"/>
      <c r="KKT709" s="613"/>
      <c r="KKU709" s="613"/>
      <c r="KKV709" s="613"/>
      <c r="KKW709" s="613"/>
      <c r="KKX709" s="613"/>
      <c r="KKY709" s="613"/>
      <c r="KKZ709" s="613"/>
      <c r="KLA709" s="613"/>
      <c r="KLB709" s="613"/>
      <c r="KLC709" s="613"/>
      <c r="KLD709" s="613"/>
      <c r="KLE709" s="613"/>
      <c r="KLF709" s="613"/>
      <c r="KLG709" s="613"/>
      <c r="KLH709" s="613"/>
      <c r="KLI709" s="613"/>
      <c r="KLJ709" s="613"/>
      <c r="KLK709" s="613"/>
      <c r="KLL709" s="613"/>
      <c r="KLM709" s="613"/>
      <c r="KLN709" s="613"/>
      <c r="KLO709" s="613"/>
      <c r="KLP709" s="613"/>
      <c r="KLQ709" s="613"/>
      <c r="KLR709" s="613"/>
      <c r="KLS709" s="613"/>
      <c r="KLT709" s="613"/>
      <c r="KLU709" s="613"/>
      <c r="KLV709" s="613"/>
      <c r="KLW709" s="613"/>
      <c r="KLX709" s="613"/>
      <c r="KLY709" s="613"/>
      <c r="KLZ709" s="613"/>
      <c r="KMA709" s="613"/>
      <c r="KMB709" s="613"/>
      <c r="KMC709" s="613"/>
      <c r="KMD709" s="613"/>
      <c r="KME709" s="613"/>
      <c r="KMF709" s="613"/>
      <c r="KMG709" s="613"/>
      <c r="KMH709" s="613"/>
      <c r="KMI709" s="613"/>
      <c r="KMJ709" s="613"/>
      <c r="KMK709" s="613"/>
      <c r="KML709" s="613"/>
      <c r="KMM709" s="613"/>
      <c r="KMN709" s="613"/>
      <c r="KMO709" s="613"/>
      <c r="KMP709" s="613"/>
      <c r="KMQ709" s="613"/>
      <c r="KMR709" s="613"/>
      <c r="KMS709" s="613"/>
      <c r="KMT709" s="613"/>
      <c r="KMU709" s="613"/>
      <c r="KMV709" s="613"/>
      <c r="KMW709" s="613"/>
      <c r="KMX709" s="613"/>
      <c r="KMY709" s="613"/>
      <c r="KMZ709" s="613"/>
      <c r="KNA709" s="613"/>
      <c r="KNB709" s="613"/>
      <c r="KNC709" s="613"/>
      <c r="KND709" s="613"/>
      <c r="KNE709" s="613"/>
      <c r="KNF709" s="613"/>
      <c r="KNG709" s="613"/>
      <c r="KNH709" s="613"/>
      <c r="KNI709" s="613"/>
      <c r="KNJ709" s="613"/>
      <c r="KNK709" s="613"/>
      <c r="KNL709" s="613"/>
      <c r="KNM709" s="613"/>
      <c r="KNN709" s="613"/>
      <c r="KNO709" s="613"/>
      <c r="KNP709" s="613"/>
      <c r="KNQ709" s="613"/>
      <c r="KNR709" s="613"/>
      <c r="KNS709" s="613"/>
      <c r="KNT709" s="613"/>
      <c r="KNU709" s="613"/>
      <c r="KNV709" s="613"/>
      <c r="KNW709" s="613"/>
      <c r="KNX709" s="613"/>
      <c r="KNY709" s="613"/>
      <c r="KNZ709" s="613"/>
      <c r="KOA709" s="613"/>
      <c r="KOB709" s="613"/>
      <c r="KOC709" s="613"/>
      <c r="KOD709" s="613"/>
      <c r="KOE709" s="613"/>
      <c r="KOF709" s="613"/>
      <c r="KOG709" s="613"/>
      <c r="KOH709" s="613"/>
      <c r="KOI709" s="613"/>
      <c r="KOJ709" s="613"/>
      <c r="KOK709" s="613"/>
      <c r="KOL709" s="613"/>
      <c r="KOM709" s="613"/>
      <c r="KON709" s="613"/>
      <c r="KOO709" s="613"/>
      <c r="KOP709" s="613"/>
      <c r="KOQ709" s="613"/>
      <c r="KOR709" s="613"/>
      <c r="KOS709" s="613"/>
      <c r="KOT709" s="613"/>
      <c r="KOU709" s="613"/>
      <c r="KOV709" s="613"/>
      <c r="KOW709" s="613"/>
      <c r="KOX709" s="613"/>
      <c r="KOY709" s="613"/>
      <c r="KOZ709" s="613"/>
      <c r="KPA709" s="613"/>
      <c r="KPB709" s="613"/>
      <c r="KPC709" s="613"/>
      <c r="KPD709" s="613"/>
      <c r="KPE709" s="613"/>
      <c r="KPF709" s="613"/>
      <c r="KPG709" s="613"/>
      <c r="KPH709" s="613"/>
      <c r="KPI709" s="613"/>
      <c r="KPJ709" s="613"/>
      <c r="KPK709" s="613"/>
      <c r="KPL709" s="613"/>
      <c r="KPM709" s="613"/>
      <c r="KPN709" s="613"/>
      <c r="KPO709" s="613"/>
      <c r="KPP709" s="613"/>
      <c r="KPQ709" s="613"/>
      <c r="KPR709" s="613"/>
      <c r="KPS709" s="613"/>
      <c r="KPT709" s="613"/>
      <c r="KPU709" s="613"/>
      <c r="KPV709" s="613"/>
      <c r="KPW709" s="613"/>
      <c r="KPX709" s="613"/>
      <c r="KPY709" s="613"/>
      <c r="KPZ709" s="613"/>
      <c r="KQA709" s="613"/>
      <c r="KQB709" s="613"/>
      <c r="KQC709" s="613"/>
      <c r="KQD709" s="613"/>
      <c r="KQE709" s="613"/>
      <c r="KQF709" s="613"/>
      <c r="KQG709" s="613"/>
      <c r="KQH709" s="613"/>
      <c r="KQI709" s="613"/>
      <c r="KQJ709" s="613"/>
      <c r="KQK709" s="613"/>
      <c r="KQL709" s="613"/>
      <c r="KQM709" s="613"/>
      <c r="KQN709" s="613"/>
      <c r="KQO709" s="613"/>
      <c r="KQP709" s="613"/>
      <c r="KQQ709" s="613"/>
      <c r="KQR709" s="613"/>
      <c r="KQS709" s="613"/>
      <c r="KQT709" s="613"/>
      <c r="KQU709" s="613"/>
      <c r="KQV709" s="613"/>
      <c r="KQW709" s="613"/>
      <c r="KQX709" s="613"/>
      <c r="KQY709" s="613"/>
      <c r="KQZ709" s="613"/>
      <c r="KRA709" s="613"/>
      <c r="KRB709" s="613"/>
      <c r="KRC709" s="613"/>
      <c r="KRD709" s="613"/>
      <c r="KRE709" s="613"/>
      <c r="KRF709" s="613"/>
      <c r="KRG709" s="613"/>
      <c r="KRH709" s="613"/>
      <c r="KRI709" s="613"/>
      <c r="KRJ709" s="613"/>
      <c r="KRK709" s="613"/>
      <c r="KRL709" s="613"/>
      <c r="KRM709" s="613"/>
      <c r="KRN709" s="613"/>
      <c r="KRO709" s="613"/>
      <c r="KRP709" s="613"/>
      <c r="KRQ709" s="613"/>
      <c r="KRR709" s="613"/>
      <c r="KRS709" s="613"/>
      <c r="KRT709" s="613"/>
      <c r="KRU709" s="613"/>
      <c r="KRV709" s="613"/>
      <c r="KRW709" s="613"/>
      <c r="KRX709" s="613"/>
      <c r="KRY709" s="613"/>
      <c r="KRZ709" s="613"/>
      <c r="KSA709" s="613"/>
      <c r="KSB709" s="613"/>
      <c r="KSC709" s="613"/>
      <c r="KSD709" s="613"/>
      <c r="KSE709" s="613"/>
      <c r="KSF709" s="613"/>
      <c r="KSG709" s="613"/>
      <c r="KSH709" s="613"/>
      <c r="KSI709" s="613"/>
      <c r="KSJ709" s="613"/>
      <c r="KSK709" s="613"/>
      <c r="KSL709" s="613"/>
      <c r="KSM709" s="613"/>
      <c r="KSN709" s="613"/>
      <c r="KSO709" s="613"/>
      <c r="KSP709" s="613"/>
      <c r="KSQ709" s="613"/>
      <c r="KSR709" s="613"/>
      <c r="KSS709" s="613"/>
      <c r="KST709" s="613"/>
      <c r="KSU709" s="613"/>
      <c r="KSV709" s="613"/>
      <c r="KSW709" s="613"/>
      <c r="KSX709" s="613"/>
      <c r="KSY709" s="613"/>
      <c r="KSZ709" s="613"/>
      <c r="KTA709" s="613"/>
      <c r="KTB709" s="613"/>
      <c r="KTC709" s="613"/>
      <c r="KTD709" s="613"/>
      <c r="KTE709" s="613"/>
      <c r="KTF709" s="613"/>
      <c r="KTG709" s="613"/>
      <c r="KTH709" s="613"/>
      <c r="KTI709" s="613"/>
      <c r="KTJ709" s="613"/>
      <c r="KTK709" s="613"/>
      <c r="KTL709" s="613"/>
      <c r="KTM709" s="613"/>
      <c r="KTN709" s="613"/>
      <c r="KTO709" s="613"/>
      <c r="KTP709" s="613"/>
      <c r="KTQ709" s="613"/>
      <c r="KTR709" s="613"/>
      <c r="KTS709" s="613"/>
      <c r="KTT709" s="613"/>
      <c r="KTU709" s="613"/>
      <c r="KTV709" s="613"/>
      <c r="KTW709" s="613"/>
      <c r="KTX709" s="613"/>
      <c r="KTY709" s="613"/>
      <c r="KTZ709" s="613"/>
      <c r="KUA709" s="613"/>
      <c r="KUB709" s="613"/>
      <c r="KUC709" s="613"/>
      <c r="KUD709" s="613"/>
      <c r="KUE709" s="613"/>
      <c r="KUF709" s="613"/>
      <c r="KUG709" s="613"/>
      <c r="KUH709" s="613"/>
      <c r="KUI709" s="613"/>
      <c r="KUJ709" s="613"/>
      <c r="KUK709" s="613"/>
      <c r="KUL709" s="613"/>
      <c r="KUM709" s="613"/>
      <c r="KUN709" s="613"/>
      <c r="KUO709" s="613"/>
      <c r="KUP709" s="613"/>
      <c r="KUQ709" s="613"/>
      <c r="KUR709" s="613"/>
      <c r="KUS709" s="613"/>
      <c r="KUT709" s="613"/>
      <c r="KUU709" s="613"/>
      <c r="KUV709" s="613"/>
      <c r="KUW709" s="613"/>
      <c r="KUX709" s="613"/>
      <c r="KUY709" s="613"/>
      <c r="KUZ709" s="613"/>
      <c r="KVA709" s="613"/>
      <c r="KVB709" s="613"/>
      <c r="KVC709" s="613"/>
      <c r="KVD709" s="613"/>
      <c r="KVE709" s="613"/>
      <c r="KVF709" s="613"/>
      <c r="KVG709" s="613"/>
      <c r="KVH709" s="613"/>
      <c r="KVI709" s="613"/>
      <c r="KVJ709" s="613"/>
      <c r="KVK709" s="613"/>
      <c r="KVL709" s="613"/>
      <c r="KVM709" s="613"/>
      <c r="KVN709" s="613"/>
      <c r="KVO709" s="613"/>
      <c r="KVP709" s="613"/>
      <c r="KVQ709" s="613"/>
      <c r="KVR709" s="613"/>
      <c r="KVS709" s="613"/>
      <c r="KVT709" s="613"/>
      <c r="KVU709" s="613"/>
      <c r="KVV709" s="613"/>
      <c r="KVW709" s="613"/>
      <c r="KVX709" s="613"/>
      <c r="KVY709" s="613"/>
      <c r="KVZ709" s="613"/>
      <c r="KWA709" s="613"/>
      <c r="KWB709" s="613"/>
      <c r="KWC709" s="613"/>
      <c r="KWD709" s="613"/>
      <c r="KWE709" s="613"/>
      <c r="KWF709" s="613"/>
      <c r="KWG709" s="613"/>
      <c r="KWH709" s="613"/>
      <c r="KWI709" s="613"/>
      <c r="KWJ709" s="613"/>
      <c r="KWK709" s="613"/>
      <c r="KWL709" s="613"/>
      <c r="KWM709" s="613"/>
      <c r="KWN709" s="613"/>
      <c r="KWO709" s="613"/>
      <c r="KWP709" s="613"/>
      <c r="KWQ709" s="613"/>
      <c r="KWR709" s="613"/>
      <c r="KWS709" s="613"/>
      <c r="KWT709" s="613"/>
      <c r="KWU709" s="613"/>
      <c r="KWV709" s="613"/>
      <c r="KWW709" s="613"/>
      <c r="KWX709" s="613"/>
      <c r="KWY709" s="613"/>
      <c r="KWZ709" s="613"/>
      <c r="KXA709" s="613"/>
      <c r="KXB709" s="613"/>
      <c r="KXC709" s="613"/>
      <c r="KXD709" s="613"/>
      <c r="KXE709" s="613"/>
      <c r="KXF709" s="613"/>
      <c r="KXG709" s="613"/>
      <c r="KXH709" s="613"/>
      <c r="KXI709" s="613"/>
      <c r="KXJ709" s="613"/>
      <c r="KXK709" s="613"/>
      <c r="KXL709" s="613"/>
      <c r="KXM709" s="613"/>
      <c r="KXN709" s="613"/>
      <c r="KXO709" s="613"/>
      <c r="KXP709" s="613"/>
      <c r="KXQ709" s="613"/>
      <c r="KXR709" s="613"/>
      <c r="KXS709" s="613"/>
      <c r="KXT709" s="613"/>
      <c r="KXU709" s="613"/>
      <c r="KXV709" s="613"/>
      <c r="KXW709" s="613"/>
      <c r="KXX709" s="613"/>
      <c r="KXY709" s="613"/>
      <c r="KXZ709" s="613"/>
      <c r="KYA709" s="613"/>
      <c r="KYB709" s="613"/>
      <c r="KYC709" s="613"/>
      <c r="KYD709" s="613"/>
      <c r="KYE709" s="613"/>
      <c r="KYF709" s="613"/>
      <c r="KYG709" s="613"/>
      <c r="KYH709" s="613"/>
      <c r="KYI709" s="613"/>
      <c r="KYJ709" s="613"/>
      <c r="KYK709" s="613"/>
      <c r="KYL709" s="613"/>
      <c r="KYM709" s="613"/>
      <c r="KYN709" s="613"/>
      <c r="KYO709" s="613"/>
      <c r="KYP709" s="613"/>
      <c r="KYQ709" s="613"/>
      <c r="KYR709" s="613"/>
      <c r="KYS709" s="613"/>
      <c r="KYT709" s="613"/>
      <c r="KYU709" s="613"/>
      <c r="KYV709" s="613"/>
      <c r="KYW709" s="613"/>
      <c r="KYX709" s="613"/>
      <c r="KYY709" s="613"/>
      <c r="KYZ709" s="613"/>
      <c r="KZA709" s="613"/>
      <c r="KZB709" s="613"/>
      <c r="KZC709" s="613"/>
      <c r="KZD709" s="613"/>
      <c r="KZE709" s="613"/>
      <c r="KZF709" s="613"/>
      <c r="KZG709" s="613"/>
      <c r="KZH709" s="613"/>
      <c r="KZI709" s="613"/>
      <c r="KZJ709" s="613"/>
      <c r="KZK709" s="613"/>
      <c r="KZL709" s="613"/>
      <c r="KZM709" s="613"/>
      <c r="KZN709" s="613"/>
      <c r="KZO709" s="613"/>
      <c r="KZP709" s="613"/>
      <c r="KZQ709" s="613"/>
      <c r="KZR709" s="613"/>
      <c r="KZS709" s="613"/>
      <c r="KZT709" s="613"/>
      <c r="KZU709" s="613"/>
      <c r="KZV709" s="613"/>
      <c r="KZW709" s="613"/>
      <c r="KZX709" s="613"/>
      <c r="KZY709" s="613"/>
      <c r="KZZ709" s="613"/>
      <c r="LAA709" s="613"/>
      <c r="LAB709" s="613"/>
      <c r="LAC709" s="613"/>
      <c r="LAD709" s="613"/>
      <c r="LAE709" s="613"/>
      <c r="LAF709" s="613"/>
      <c r="LAG709" s="613"/>
      <c r="LAH709" s="613"/>
      <c r="LAI709" s="613"/>
      <c r="LAJ709" s="613"/>
      <c r="LAK709" s="613"/>
      <c r="LAL709" s="613"/>
      <c r="LAM709" s="613"/>
      <c r="LAN709" s="613"/>
      <c r="LAO709" s="613"/>
      <c r="LAP709" s="613"/>
      <c r="LAQ709" s="613"/>
      <c r="LAR709" s="613"/>
      <c r="LAS709" s="613"/>
      <c r="LAT709" s="613"/>
      <c r="LAU709" s="613"/>
      <c r="LAV709" s="613"/>
      <c r="LAW709" s="613"/>
      <c r="LAX709" s="613"/>
      <c r="LAY709" s="613"/>
      <c r="LAZ709" s="613"/>
      <c r="LBA709" s="613"/>
      <c r="LBB709" s="613"/>
      <c r="LBC709" s="613"/>
      <c r="LBD709" s="613"/>
      <c r="LBE709" s="613"/>
      <c r="LBF709" s="613"/>
      <c r="LBG709" s="613"/>
      <c r="LBH709" s="613"/>
      <c r="LBI709" s="613"/>
      <c r="LBJ709" s="613"/>
      <c r="LBK709" s="613"/>
      <c r="LBL709" s="613"/>
      <c r="LBM709" s="613"/>
      <c r="LBN709" s="613"/>
      <c r="LBO709" s="613"/>
      <c r="LBP709" s="613"/>
      <c r="LBQ709" s="613"/>
      <c r="LBR709" s="613"/>
      <c r="LBS709" s="613"/>
      <c r="LBT709" s="613"/>
      <c r="LBU709" s="613"/>
      <c r="LBV709" s="613"/>
      <c r="LBW709" s="613"/>
      <c r="LBX709" s="613"/>
      <c r="LBY709" s="613"/>
      <c r="LBZ709" s="613"/>
      <c r="LCA709" s="613"/>
      <c r="LCB709" s="613"/>
      <c r="LCC709" s="613"/>
      <c r="LCD709" s="613"/>
      <c r="LCE709" s="613"/>
      <c r="LCF709" s="613"/>
      <c r="LCG709" s="613"/>
      <c r="LCH709" s="613"/>
      <c r="LCI709" s="613"/>
      <c r="LCJ709" s="613"/>
      <c r="LCK709" s="613"/>
      <c r="LCL709" s="613"/>
      <c r="LCM709" s="613"/>
      <c r="LCN709" s="613"/>
      <c r="LCO709" s="613"/>
      <c r="LCP709" s="613"/>
      <c r="LCQ709" s="613"/>
      <c r="LCR709" s="613"/>
      <c r="LCS709" s="613"/>
      <c r="LCT709" s="613"/>
      <c r="LCU709" s="613"/>
      <c r="LCV709" s="613"/>
      <c r="LCW709" s="613"/>
      <c r="LCX709" s="613"/>
      <c r="LCY709" s="613"/>
      <c r="LCZ709" s="613"/>
      <c r="LDA709" s="613"/>
      <c r="LDB709" s="613"/>
      <c r="LDC709" s="613"/>
      <c r="LDD709" s="613"/>
      <c r="LDE709" s="613"/>
      <c r="LDF709" s="613"/>
      <c r="LDG709" s="613"/>
      <c r="LDH709" s="613"/>
      <c r="LDI709" s="613"/>
      <c r="LDJ709" s="613"/>
      <c r="LDK709" s="613"/>
      <c r="LDL709" s="613"/>
      <c r="LDM709" s="613"/>
      <c r="LDN709" s="613"/>
      <c r="LDO709" s="613"/>
      <c r="LDP709" s="613"/>
      <c r="LDQ709" s="613"/>
      <c r="LDR709" s="613"/>
      <c r="LDS709" s="613"/>
      <c r="LDT709" s="613"/>
      <c r="LDU709" s="613"/>
      <c r="LDV709" s="613"/>
      <c r="LDW709" s="613"/>
      <c r="LDX709" s="613"/>
      <c r="LDY709" s="613"/>
      <c r="LDZ709" s="613"/>
      <c r="LEA709" s="613"/>
      <c r="LEB709" s="613"/>
      <c r="LEC709" s="613"/>
      <c r="LED709" s="613"/>
      <c r="LEE709" s="613"/>
      <c r="LEF709" s="613"/>
      <c r="LEG709" s="613"/>
      <c r="LEH709" s="613"/>
      <c r="LEI709" s="613"/>
      <c r="LEJ709" s="613"/>
      <c r="LEK709" s="613"/>
      <c r="LEL709" s="613"/>
      <c r="LEM709" s="613"/>
      <c r="LEN709" s="613"/>
      <c r="LEO709" s="613"/>
      <c r="LEP709" s="613"/>
      <c r="LEQ709" s="613"/>
      <c r="LER709" s="613"/>
      <c r="LES709" s="613"/>
      <c r="LET709" s="613"/>
      <c r="LEU709" s="613"/>
      <c r="LEV709" s="613"/>
      <c r="LEW709" s="613"/>
      <c r="LEX709" s="613"/>
      <c r="LEY709" s="613"/>
      <c r="LEZ709" s="613"/>
      <c r="LFA709" s="613"/>
      <c r="LFB709" s="613"/>
      <c r="LFC709" s="613"/>
      <c r="LFD709" s="613"/>
      <c r="LFE709" s="613"/>
      <c r="LFF709" s="613"/>
      <c r="LFG709" s="613"/>
      <c r="LFH709" s="613"/>
      <c r="LFI709" s="613"/>
      <c r="LFJ709" s="613"/>
      <c r="LFK709" s="613"/>
      <c r="LFL709" s="613"/>
      <c r="LFM709" s="613"/>
      <c r="LFN709" s="613"/>
      <c r="LFO709" s="613"/>
      <c r="LFP709" s="613"/>
      <c r="LFQ709" s="613"/>
      <c r="LFR709" s="613"/>
      <c r="LFS709" s="613"/>
      <c r="LFT709" s="613"/>
      <c r="LFU709" s="613"/>
      <c r="LFV709" s="613"/>
      <c r="LFW709" s="613"/>
      <c r="LFX709" s="613"/>
      <c r="LFY709" s="613"/>
      <c r="LFZ709" s="613"/>
      <c r="LGA709" s="613"/>
      <c r="LGB709" s="613"/>
      <c r="LGC709" s="613"/>
      <c r="LGD709" s="613"/>
      <c r="LGE709" s="613"/>
      <c r="LGF709" s="613"/>
      <c r="LGG709" s="613"/>
      <c r="LGH709" s="613"/>
      <c r="LGI709" s="613"/>
      <c r="LGJ709" s="613"/>
      <c r="LGK709" s="613"/>
      <c r="LGL709" s="613"/>
      <c r="LGM709" s="613"/>
      <c r="LGN709" s="613"/>
      <c r="LGO709" s="613"/>
      <c r="LGP709" s="613"/>
      <c r="LGQ709" s="613"/>
      <c r="LGR709" s="613"/>
      <c r="LGS709" s="613"/>
      <c r="LGT709" s="613"/>
      <c r="LGU709" s="613"/>
      <c r="LGV709" s="613"/>
      <c r="LGW709" s="613"/>
      <c r="LGX709" s="613"/>
      <c r="LGY709" s="613"/>
      <c r="LGZ709" s="613"/>
      <c r="LHA709" s="613"/>
      <c r="LHB709" s="613"/>
      <c r="LHC709" s="613"/>
      <c r="LHD709" s="613"/>
      <c r="LHE709" s="613"/>
      <c r="LHF709" s="613"/>
      <c r="LHG709" s="613"/>
      <c r="LHH709" s="613"/>
      <c r="LHI709" s="613"/>
      <c r="LHJ709" s="613"/>
      <c r="LHK709" s="613"/>
      <c r="LHL709" s="613"/>
      <c r="LHM709" s="613"/>
      <c r="LHN709" s="613"/>
      <c r="LHO709" s="613"/>
      <c r="LHP709" s="613"/>
      <c r="LHQ709" s="613"/>
      <c r="LHR709" s="613"/>
      <c r="LHS709" s="613"/>
      <c r="LHT709" s="613"/>
      <c r="LHU709" s="613"/>
      <c r="LHV709" s="613"/>
      <c r="LHW709" s="613"/>
      <c r="LHX709" s="613"/>
      <c r="LHY709" s="613"/>
      <c r="LHZ709" s="613"/>
      <c r="LIA709" s="613"/>
      <c r="LIB709" s="613"/>
      <c r="LIC709" s="613"/>
      <c r="LID709" s="613"/>
      <c r="LIE709" s="613"/>
      <c r="LIF709" s="613"/>
      <c r="LIG709" s="613"/>
      <c r="LIH709" s="613"/>
      <c r="LII709" s="613"/>
      <c r="LIJ709" s="613"/>
      <c r="LIK709" s="613"/>
      <c r="LIL709" s="613"/>
      <c r="LIM709" s="613"/>
      <c r="LIN709" s="613"/>
      <c r="LIO709" s="613"/>
      <c r="LIP709" s="613"/>
      <c r="LIQ709" s="613"/>
      <c r="LIR709" s="613"/>
      <c r="LIS709" s="613"/>
      <c r="LIT709" s="613"/>
      <c r="LIU709" s="613"/>
      <c r="LIV709" s="613"/>
      <c r="LIW709" s="613"/>
      <c r="LIX709" s="613"/>
      <c r="LIY709" s="613"/>
      <c r="LIZ709" s="613"/>
      <c r="LJA709" s="613"/>
      <c r="LJB709" s="613"/>
      <c r="LJC709" s="613"/>
      <c r="LJD709" s="613"/>
      <c r="LJE709" s="613"/>
      <c r="LJF709" s="613"/>
      <c r="LJG709" s="613"/>
      <c r="LJH709" s="613"/>
      <c r="LJI709" s="613"/>
      <c r="LJJ709" s="613"/>
      <c r="LJK709" s="613"/>
      <c r="LJL709" s="613"/>
      <c r="LJM709" s="613"/>
      <c r="LJN709" s="613"/>
      <c r="LJO709" s="613"/>
      <c r="LJP709" s="613"/>
      <c r="LJQ709" s="613"/>
      <c r="LJR709" s="613"/>
      <c r="LJS709" s="613"/>
      <c r="LJT709" s="613"/>
      <c r="LJU709" s="613"/>
      <c r="LJV709" s="613"/>
      <c r="LJW709" s="613"/>
      <c r="LJX709" s="613"/>
      <c r="LJY709" s="613"/>
      <c r="LJZ709" s="613"/>
      <c r="LKA709" s="613"/>
      <c r="LKB709" s="613"/>
      <c r="LKC709" s="613"/>
      <c r="LKD709" s="613"/>
      <c r="LKE709" s="613"/>
      <c r="LKF709" s="613"/>
      <c r="LKG709" s="613"/>
      <c r="LKH709" s="613"/>
      <c r="LKI709" s="613"/>
      <c r="LKJ709" s="613"/>
      <c r="LKK709" s="613"/>
      <c r="LKL709" s="613"/>
      <c r="LKM709" s="613"/>
      <c r="LKN709" s="613"/>
      <c r="LKO709" s="613"/>
      <c r="LKP709" s="613"/>
      <c r="LKQ709" s="613"/>
      <c r="LKR709" s="613"/>
      <c r="LKS709" s="613"/>
      <c r="LKT709" s="613"/>
      <c r="LKU709" s="613"/>
      <c r="LKV709" s="613"/>
      <c r="LKW709" s="613"/>
      <c r="LKX709" s="613"/>
      <c r="LKY709" s="613"/>
      <c r="LKZ709" s="613"/>
      <c r="LLA709" s="613"/>
      <c r="LLB709" s="613"/>
      <c r="LLC709" s="613"/>
      <c r="LLD709" s="613"/>
      <c r="LLE709" s="613"/>
      <c r="LLF709" s="613"/>
      <c r="LLG709" s="613"/>
      <c r="LLH709" s="613"/>
      <c r="LLI709" s="613"/>
      <c r="LLJ709" s="613"/>
      <c r="LLK709" s="613"/>
      <c r="LLL709" s="613"/>
      <c r="LLM709" s="613"/>
      <c r="LLN709" s="613"/>
      <c r="LLO709" s="613"/>
      <c r="LLP709" s="613"/>
      <c r="LLQ709" s="613"/>
      <c r="LLR709" s="613"/>
      <c r="LLS709" s="613"/>
      <c r="LLT709" s="613"/>
      <c r="LLU709" s="613"/>
      <c r="LLV709" s="613"/>
      <c r="LLW709" s="613"/>
      <c r="LLX709" s="613"/>
      <c r="LLY709" s="613"/>
      <c r="LLZ709" s="613"/>
      <c r="LMA709" s="613"/>
      <c r="LMB709" s="613"/>
      <c r="LMC709" s="613"/>
      <c r="LMD709" s="613"/>
      <c r="LME709" s="613"/>
      <c r="LMF709" s="613"/>
      <c r="LMG709" s="613"/>
      <c r="LMH709" s="613"/>
      <c r="LMI709" s="613"/>
      <c r="LMJ709" s="613"/>
      <c r="LMK709" s="613"/>
      <c r="LML709" s="613"/>
      <c r="LMM709" s="613"/>
      <c r="LMN709" s="613"/>
      <c r="LMO709" s="613"/>
      <c r="LMP709" s="613"/>
      <c r="LMQ709" s="613"/>
      <c r="LMR709" s="613"/>
      <c r="LMS709" s="613"/>
      <c r="LMT709" s="613"/>
      <c r="LMU709" s="613"/>
      <c r="LMV709" s="613"/>
      <c r="LMW709" s="613"/>
      <c r="LMX709" s="613"/>
      <c r="LMY709" s="613"/>
      <c r="LMZ709" s="613"/>
      <c r="LNA709" s="613"/>
      <c r="LNB709" s="613"/>
      <c r="LNC709" s="613"/>
      <c r="LND709" s="613"/>
      <c r="LNE709" s="613"/>
      <c r="LNF709" s="613"/>
      <c r="LNG709" s="613"/>
      <c r="LNH709" s="613"/>
      <c r="LNI709" s="613"/>
      <c r="LNJ709" s="613"/>
      <c r="LNK709" s="613"/>
      <c r="LNL709" s="613"/>
      <c r="LNM709" s="613"/>
      <c r="LNN709" s="613"/>
      <c r="LNO709" s="613"/>
      <c r="LNP709" s="613"/>
      <c r="LNQ709" s="613"/>
      <c r="LNR709" s="613"/>
      <c r="LNS709" s="613"/>
      <c r="LNT709" s="613"/>
      <c r="LNU709" s="613"/>
      <c r="LNV709" s="613"/>
      <c r="LNW709" s="613"/>
      <c r="LNX709" s="613"/>
      <c r="LNY709" s="613"/>
      <c r="LNZ709" s="613"/>
      <c r="LOA709" s="613"/>
      <c r="LOB709" s="613"/>
      <c r="LOC709" s="613"/>
      <c r="LOD709" s="613"/>
      <c r="LOE709" s="613"/>
      <c r="LOF709" s="613"/>
      <c r="LOG709" s="613"/>
      <c r="LOH709" s="613"/>
      <c r="LOI709" s="613"/>
      <c r="LOJ709" s="613"/>
      <c r="LOK709" s="613"/>
      <c r="LOL709" s="613"/>
      <c r="LOM709" s="613"/>
      <c r="LON709" s="613"/>
      <c r="LOO709" s="613"/>
      <c r="LOP709" s="613"/>
      <c r="LOQ709" s="613"/>
      <c r="LOR709" s="613"/>
      <c r="LOS709" s="613"/>
      <c r="LOT709" s="613"/>
      <c r="LOU709" s="613"/>
      <c r="LOV709" s="613"/>
      <c r="LOW709" s="613"/>
      <c r="LOX709" s="613"/>
      <c r="LOY709" s="613"/>
      <c r="LOZ709" s="613"/>
      <c r="LPA709" s="613"/>
      <c r="LPB709" s="613"/>
      <c r="LPC709" s="613"/>
      <c r="LPD709" s="613"/>
      <c r="LPE709" s="613"/>
      <c r="LPF709" s="613"/>
      <c r="LPG709" s="613"/>
      <c r="LPH709" s="613"/>
      <c r="LPI709" s="613"/>
      <c r="LPJ709" s="613"/>
      <c r="LPK709" s="613"/>
      <c r="LPL709" s="613"/>
      <c r="LPM709" s="613"/>
      <c r="LPN709" s="613"/>
      <c r="LPO709" s="613"/>
      <c r="LPP709" s="613"/>
      <c r="LPQ709" s="613"/>
      <c r="LPR709" s="613"/>
      <c r="LPS709" s="613"/>
      <c r="LPT709" s="613"/>
      <c r="LPU709" s="613"/>
      <c r="LPV709" s="613"/>
      <c r="LPW709" s="613"/>
      <c r="LPX709" s="613"/>
      <c r="LPY709" s="613"/>
      <c r="LPZ709" s="613"/>
      <c r="LQA709" s="613"/>
      <c r="LQB709" s="613"/>
      <c r="LQC709" s="613"/>
      <c r="LQD709" s="613"/>
      <c r="LQE709" s="613"/>
      <c r="LQF709" s="613"/>
      <c r="LQG709" s="613"/>
      <c r="LQH709" s="613"/>
      <c r="LQI709" s="613"/>
      <c r="LQJ709" s="613"/>
      <c r="LQK709" s="613"/>
      <c r="LQL709" s="613"/>
      <c r="LQM709" s="613"/>
      <c r="LQN709" s="613"/>
      <c r="LQO709" s="613"/>
      <c r="LQP709" s="613"/>
      <c r="LQQ709" s="613"/>
      <c r="LQR709" s="613"/>
      <c r="LQS709" s="613"/>
      <c r="LQT709" s="613"/>
      <c r="LQU709" s="613"/>
      <c r="LQV709" s="613"/>
      <c r="LQW709" s="613"/>
      <c r="LQX709" s="613"/>
      <c r="LQY709" s="613"/>
      <c r="LQZ709" s="613"/>
      <c r="LRA709" s="613"/>
      <c r="LRB709" s="613"/>
      <c r="LRC709" s="613"/>
      <c r="LRD709" s="613"/>
      <c r="LRE709" s="613"/>
      <c r="LRF709" s="613"/>
      <c r="LRG709" s="613"/>
      <c r="LRH709" s="613"/>
      <c r="LRI709" s="613"/>
      <c r="LRJ709" s="613"/>
      <c r="LRK709" s="613"/>
      <c r="LRL709" s="613"/>
      <c r="LRM709" s="613"/>
      <c r="LRN709" s="613"/>
      <c r="LRO709" s="613"/>
      <c r="LRP709" s="613"/>
      <c r="LRQ709" s="613"/>
      <c r="LRR709" s="613"/>
      <c r="LRS709" s="613"/>
      <c r="LRT709" s="613"/>
      <c r="LRU709" s="613"/>
      <c r="LRV709" s="613"/>
      <c r="LRW709" s="613"/>
      <c r="LRX709" s="613"/>
      <c r="LRY709" s="613"/>
      <c r="LRZ709" s="613"/>
      <c r="LSA709" s="613"/>
      <c r="LSB709" s="613"/>
      <c r="LSC709" s="613"/>
      <c r="LSD709" s="613"/>
      <c r="LSE709" s="613"/>
      <c r="LSF709" s="613"/>
      <c r="LSG709" s="613"/>
      <c r="LSH709" s="613"/>
      <c r="LSI709" s="613"/>
      <c r="LSJ709" s="613"/>
      <c r="LSK709" s="613"/>
      <c r="LSL709" s="613"/>
      <c r="LSM709" s="613"/>
      <c r="LSN709" s="613"/>
      <c r="LSO709" s="613"/>
      <c r="LSP709" s="613"/>
      <c r="LSQ709" s="613"/>
      <c r="LSR709" s="613"/>
      <c r="LSS709" s="613"/>
      <c r="LST709" s="613"/>
      <c r="LSU709" s="613"/>
      <c r="LSV709" s="613"/>
      <c r="LSW709" s="613"/>
      <c r="LSX709" s="613"/>
      <c r="LSY709" s="613"/>
      <c r="LSZ709" s="613"/>
      <c r="LTA709" s="613"/>
      <c r="LTB709" s="613"/>
      <c r="LTC709" s="613"/>
      <c r="LTD709" s="613"/>
      <c r="LTE709" s="613"/>
      <c r="LTF709" s="613"/>
      <c r="LTG709" s="613"/>
      <c r="LTH709" s="613"/>
      <c r="LTI709" s="613"/>
      <c r="LTJ709" s="613"/>
      <c r="LTK709" s="613"/>
      <c r="LTL709" s="613"/>
      <c r="LTM709" s="613"/>
      <c r="LTN709" s="613"/>
      <c r="LTO709" s="613"/>
      <c r="LTP709" s="613"/>
      <c r="LTQ709" s="613"/>
      <c r="LTR709" s="613"/>
      <c r="LTS709" s="613"/>
      <c r="LTT709" s="613"/>
      <c r="LTU709" s="613"/>
      <c r="LTV709" s="613"/>
      <c r="LTW709" s="613"/>
      <c r="LTX709" s="613"/>
      <c r="LTY709" s="613"/>
      <c r="LTZ709" s="613"/>
      <c r="LUA709" s="613"/>
      <c r="LUB709" s="613"/>
      <c r="LUC709" s="613"/>
      <c r="LUD709" s="613"/>
      <c r="LUE709" s="613"/>
      <c r="LUF709" s="613"/>
      <c r="LUG709" s="613"/>
      <c r="LUH709" s="613"/>
      <c r="LUI709" s="613"/>
      <c r="LUJ709" s="613"/>
      <c r="LUK709" s="613"/>
      <c r="LUL709" s="613"/>
      <c r="LUM709" s="613"/>
      <c r="LUN709" s="613"/>
      <c r="LUO709" s="613"/>
      <c r="LUP709" s="613"/>
      <c r="LUQ709" s="613"/>
      <c r="LUR709" s="613"/>
      <c r="LUS709" s="613"/>
      <c r="LUT709" s="613"/>
      <c r="LUU709" s="613"/>
      <c r="LUV709" s="613"/>
      <c r="LUW709" s="613"/>
      <c r="LUX709" s="613"/>
      <c r="LUY709" s="613"/>
      <c r="LUZ709" s="613"/>
      <c r="LVA709" s="613"/>
      <c r="LVB709" s="613"/>
      <c r="LVC709" s="613"/>
      <c r="LVD709" s="613"/>
      <c r="LVE709" s="613"/>
      <c r="LVF709" s="613"/>
      <c r="LVG709" s="613"/>
      <c r="LVH709" s="613"/>
      <c r="LVI709" s="613"/>
      <c r="LVJ709" s="613"/>
      <c r="LVK709" s="613"/>
      <c r="LVL709" s="613"/>
      <c r="LVM709" s="613"/>
      <c r="LVN709" s="613"/>
      <c r="LVO709" s="613"/>
      <c r="LVP709" s="613"/>
      <c r="LVQ709" s="613"/>
      <c r="LVR709" s="613"/>
      <c r="LVS709" s="613"/>
      <c r="LVT709" s="613"/>
      <c r="LVU709" s="613"/>
      <c r="LVV709" s="613"/>
      <c r="LVW709" s="613"/>
      <c r="LVX709" s="613"/>
      <c r="LVY709" s="613"/>
      <c r="LVZ709" s="613"/>
      <c r="LWA709" s="613"/>
      <c r="LWB709" s="613"/>
      <c r="LWC709" s="613"/>
      <c r="LWD709" s="613"/>
      <c r="LWE709" s="613"/>
      <c r="LWF709" s="613"/>
      <c r="LWG709" s="613"/>
      <c r="LWH709" s="613"/>
      <c r="LWI709" s="613"/>
      <c r="LWJ709" s="613"/>
      <c r="LWK709" s="613"/>
      <c r="LWL709" s="613"/>
      <c r="LWM709" s="613"/>
      <c r="LWN709" s="613"/>
      <c r="LWO709" s="613"/>
      <c r="LWP709" s="613"/>
      <c r="LWQ709" s="613"/>
      <c r="LWR709" s="613"/>
      <c r="LWS709" s="613"/>
      <c r="LWT709" s="613"/>
      <c r="LWU709" s="613"/>
      <c r="LWV709" s="613"/>
      <c r="LWW709" s="613"/>
      <c r="LWX709" s="613"/>
      <c r="LWY709" s="613"/>
      <c r="LWZ709" s="613"/>
      <c r="LXA709" s="613"/>
      <c r="LXB709" s="613"/>
      <c r="LXC709" s="613"/>
      <c r="LXD709" s="613"/>
      <c r="LXE709" s="613"/>
      <c r="LXF709" s="613"/>
      <c r="LXG709" s="613"/>
      <c r="LXH709" s="613"/>
      <c r="LXI709" s="613"/>
      <c r="LXJ709" s="613"/>
      <c r="LXK709" s="613"/>
      <c r="LXL709" s="613"/>
      <c r="LXM709" s="613"/>
      <c r="LXN709" s="613"/>
      <c r="LXO709" s="613"/>
      <c r="LXP709" s="613"/>
      <c r="LXQ709" s="613"/>
      <c r="LXR709" s="613"/>
      <c r="LXS709" s="613"/>
      <c r="LXT709" s="613"/>
      <c r="LXU709" s="613"/>
      <c r="LXV709" s="613"/>
      <c r="LXW709" s="613"/>
      <c r="LXX709" s="613"/>
      <c r="LXY709" s="613"/>
      <c r="LXZ709" s="613"/>
      <c r="LYA709" s="613"/>
      <c r="LYB709" s="613"/>
      <c r="LYC709" s="613"/>
      <c r="LYD709" s="613"/>
      <c r="LYE709" s="613"/>
      <c r="LYF709" s="613"/>
      <c r="LYG709" s="613"/>
      <c r="LYH709" s="613"/>
      <c r="LYI709" s="613"/>
      <c r="LYJ709" s="613"/>
      <c r="LYK709" s="613"/>
      <c r="LYL709" s="613"/>
      <c r="LYM709" s="613"/>
      <c r="LYN709" s="613"/>
      <c r="LYO709" s="613"/>
      <c r="LYP709" s="613"/>
      <c r="LYQ709" s="613"/>
      <c r="LYR709" s="613"/>
      <c r="LYS709" s="613"/>
      <c r="LYT709" s="613"/>
      <c r="LYU709" s="613"/>
      <c r="LYV709" s="613"/>
      <c r="LYW709" s="613"/>
      <c r="LYX709" s="613"/>
      <c r="LYY709" s="613"/>
      <c r="LYZ709" s="613"/>
      <c r="LZA709" s="613"/>
      <c r="LZB709" s="613"/>
      <c r="LZC709" s="613"/>
      <c r="LZD709" s="613"/>
      <c r="LZE709" s="613"/>
      <c r="LZF709" s="613"/>
      <c r="LZG709" s="613"/>
      <c r="LZH709" s="613"/>
      <c r="LZI709" s="613"/>
      <c r="LZJ709" s="613"/>
      <c r="LZK709" s="613"/>
      <c r="LZL709" s="613"/>
      <c r="LZM709" s="613"/>
      <c r="LZN709" s="613"/>
      <c r="LZO709" s="613"/>
      <c r="LZP709" s="613"/>
      <c r="LZQ709" s="613"/>
      <c r="LZR709" s="613"/>
      <c r="LZS709" s="613"/>
      <c r="LZT709" s="613"/>
      <c r="LZU709" s="613"/>
      <c r="LZV709" s="613"/>
      <c r="LZW709" s="613"/>
      <c r="LZX709" s="613"/>
      <c r="LZY709" s="613"/>
      <c r="LZZ709" s="613"/>
      <c r="MAA709" s="613"/>
      <c r="MAB709" s="613"/>
      <c r="MAC709" s="613"/>
      <c r="MAD709" s="613"/>
      <c r="MAE709" s="613"/>
      <c r="MAF709" s="613"/>
      <c r="MAG709" s="613"/>
      <c r="MAH709" s="613"/>
      <c r="MAI709" s="613"/>
      <c r="MAJ709" s="613"/>
      <c r="MAK709" s="613"/>
      <c r="MAL709" s="613"/>
      <c r="MAM709" s="613"/>
      <c r="MAN709" s="613"/>
      <c r="MAO709" s="613"/>
      <c r="MAP709" s="613"/>
      <c r="MAQ709" s="613"/>
      <c r="MAR709" s="613"/>
      <c r="MAS709" s="613"/>
      <c r="MAT709" s="613"/>
      <c r="MAU709" s="613"/>
      <c r="MAV709" s="613"/>
      <c r="MAW709" s="613"/>
      <c r="MAX709" s="613"/>
      <c r="MAY709" s="613"/>
      <c r="MAZ709" s="613"/>
      <c r="MBA709" s="613"/>
      <c r="MBB709" s="613"/>
      <c r="MBC709" s="613"/>
      <c r="MBD709" s="613"/>
      <c r="MBE709" s="613"/>
      <c r="MBF709" s="613"/>
      <c r="MBG709" s="613"/>
      <c r="MBH709" s="613"/>
      <c r="MBI709" s="613"/>
      <c r="MBJ709" s="613"/>
      <c r="MBK709" s="613"/>
      <c r="MBL709" s="613"/>
      <c r="MBM709" s="613"/>
      <c r="MBN709" s="613"/>
      <c r="MBO709" s="613"/>
      <c r="MBP709" s="613"/>
      <c r="MBQ709" s="613"/>
      <c r="MBR709" s="613"/>
      <c r="MBS709" s="613"/>
      <c r="MBT709" s="613"/>
      <c r="MBU709" s="613"/>
      <c r="MBV709" s="613"/>
      <c r="MBW709" s="613"/>
      <c r="MBX709" s="613"/>
      <c r="MBY709" s="613"/>
      <c r="MBZ709" s="613"/>
      <c r="MCA709" s="613"/>
      <c r="MCB709" s="613"/>
      <c r="MCC709" s="613"/>
      <c r="MCD709" s="613"/>
      <c r="MCE709" s="613"/>
      <c r="MCF709" s="613"/>
      <c r="MCG709" s="613"/>
      <c r="MCH709" s="613"/>
      <c r="MCI709" s="613"/>
      <c r="MCJ709" s="613"/>
      <c r="MCK709" s="613"/>
      <c r="MCL709" s="613"/>
      <c r="MCM709" s="613"/>
      <c r="MCN709" s="613"/>
      <c r="MCO709" s="613"/>
      <c r="MCP709" s="613"/>
      <c r="MCQ709" s="613"/>
      <c r="MCR709" s="613"/>
      <c r="MCS709" s="613"/>
      <c r="MCT709" s="613"/>
      <c r="MCU709" s="613"/>
      <c r="MCV709" s="613"/>
      <c r="MCW709" s="613"/>
      <c r="MCX709" s="613"/>
      <c r="MCY709" s="613"/>
      <c r="MCZ709" s="613"/>
      <c r="MDA709" s="613"/>
      <c r="MDB709" s="613"/>
      <c r="MDC709" s="613"/>
      <c r="MDD709" s="613"/>
      <c r="MDE709" s="613"/>
      <c r="MDF709" s="613"/>
      <c r="MDG709" s="613"/>
      <c r="MDH709" s="613"/>
      <c r="MDI709" s="613"/>
      <c r="MDJ709" s="613"/>
      <c r="MDK709" s="613"/>
      <c r="MDL709" s="613"/>
      <c r="MDM709" s="613"/>
      <c r="MDN709" s="613"/>
      <c r="MDO709" s="613"/>
      <c r="MDP709" s="613"/>
      <c r="MDQ709" s="613"/>
      <c r="MDR709" s="613"/>
      <c r="MDS709" s="613"/>
      <c r="MDT709" s="613"/>
      <c r="MDU709" s="613"/>
      <c r="MDV709" s="613"/>
      <c r="MDW709" s="613"/>
      <c r="MDX709" s="613"/>
      <c r="MDY709" s="613"/>
      <c r="MDZ709" s="613"/>
      <c r="MEA709" s="613"/>
      <c r="MEB709" s="613"/>
      <c r="MEC709" s="613"/>
      <c r="MED709" s="613"/>
      <c r="MEE709" s="613"/>
      <c r="MEF709" s="613"/>
      <c r="MEG709" s="613"/>
      <c r="MEH709" s="613"/>
      <c r="MEI709" s="613"/>
      <c r="MEJ709" s="613"/>
      <c r="MEK709" s="613"/>
      <c r="MEL709" s="613"/>
      <c r="MEM709" s="613"/>
      <c r="MEN709" s="613"/>
      <c r="MEO709" s="613"/>
      <c r="MEP709" s="613"/>
      <c r="MEQ709" s="613"/>
      <c r="MER709" s="613"/>
      <c r="MES709" s="613"/>
      <c r="MET709" s="613"/>
      <c r="MEU709" s="613"/>
      <c r="MEV709" s="613"/>
      <c r="MEW709" s="613"/>
      <c r="MEX709" s="613"/>
      <c r="MEY709" s="613"/>
      <c r="MEZ709" s="613"/>
      <c r="MFA709" s="613"/>
      <c r="MFB709" s="613"/>
      <c r="MFC709" s="613"/>
      <c r="MFD709" s="613"/>
      <c r="MFE709" s="613"/>
      <c r="MFF709" s="613"/>
      <c r="MFG709" s="613"/>
      <c r="MFH709" s="613"/>
      <c r="MFI709" s="613"/>
      <c r="MFJ709" s="613"/>
      <c r="MFK709" s="613"/>
      <c r="MFL709" s="613"/>
      <c r="MFM709" s="613"/>
      <c r="MFN709" s="613"/>
      <c r="MFO709" s="613"/>
      <c r="MFP709" s="613"/>
      <c r="MFQ709" s="613"/>
      <c r="MFR709" s="613"/>
      <c r="MFS709" s="613"/>
      <c r="MFT709" s="613"/>
      <c r="MFU709" s="613"/>
      <c r="MFV709" s="613"/>
      <c r="MFW709" s="613"/>
      <c r="MFX709" s="613"/>
      <c r="MFY709" s="613"/>
      <c r="MFZ709" s="613"/>
      <c r="MGA709" s="613"/>
      <c r="MGB709" s="613"/>
      <c r="MGC709" s="613"/>
      <c r="MGD709" s="613"/>
      <c r="MGE709" s="613"/>
      <c r="MGF709" s="613"/>
      <c r="MGG709" s="613"/>
      <c r="MGH709" s="613"/>
      <c r="MGI709" s="613"/>
      <c r="MGJ709" s="613"/>
      <c r="MGK709" s="613"/>
      <c r="MGL709" s="613"/>
      <c r="MGM709" s="613"/>
      <c r="MGN709" s="613"/>
      <c r="MGO709" s="613"/>
      <c r="MGP709" s="613"/>
      <c r="MGQ709" s="613"/>
      <c r="MGR709" s="613"/>
      <c r="MGS709" s="613"/>
      <c r="MGT709" s="613"/>
      <c r="MGU709" s="613"/>
      <c r="MGV709" s="613"/>
      <c r="MGW709" s="613"/>
      <c r="MGX709" s="613"/>
      <c r="MGY709" s="613"/>
      <c r="MGZ709" s="613"/>
      <c r="MHA709" s="613"/>
      <c r="MHB709" s="613"/>
      <c r="MHC709" s="613"/>
      <c r="MHD709" s="613"/>
      <c r="MHE709" s="613"/>
      <c r="MHF709" s="613"/>
      <c r="MHG709" s="613"/>
      <c r="MHH709" s="613"/>
      <c r="MHI709" s="613"/>
      <c r="MHJ709" s="613"/>
      <c r="MHK709" s="613"/>
      <c r="MHL709" s="613"/>
      <c r="MHM709" s="613"/>
      <c r="MHN709" s="613"/>
      <c r="MHO709" s="613"/>
      <c r="MHP709" s="613"/>
      <c r="MHQ709" s="613"/>
      <c r="MHR709" s="613"/>
      <c r="MHS709" s="613"/>
      <c r="MHT709" s="613"/>
      <c r="MHU709" s="613"/>
      <c r="MHV709" s="613"/>
      <c r="MHW709" s="613"/>
      <c r="MHX709" s="613"/>
      <c r="MHY709" s="613"/>
      <c r="MHZ709" s="613"/>
      <c r="MIA709" s="613"/>
      <c r="MIB709" s="613"/>
      <c r="MIC709" s="613"/>
      <c r="MID709" s="613"/>
      <c r="MIE709" s="613"/>
      <c r="MIF709" s="613"/>
      <c r="MIG709" s="613"/>
      <c r="MIH709" s="613"/>
      <c r="MII709" s="613"/>
      <c r="MIJ709" s="613"/>
      <c r="MIK709" s="613"/>
      <c r="MIL709" s="613"/>
      <c r="MIM709" s="613"/>
      <c r="MIN709" s="613"/>
      <c r="MIO709" s="613"/>
      <c r="MIP709" s="613"/>
      <c r="MIQ709" s="613"/>
      <c r="MIR709" s="613"/>
      <c r="MIS709" s="613"/>
      <c r="MIT709" s="613"/>
      <c r="MIU709" s="613"/>
      <c r="MIV709" s="613"/>
      <c r="MIW709" s="613"/>
      <c r="MIX709" s="613"/>
      <c r="MIY709" s="613"/>
      <c r="MIZ709" s="613"/>
      <c r="MJA709" s="613"/>
      <c r="MJB709" s="613"/>
      <c r="MJC709" s="613"/>
      <c r="MJD709" s="613"/>
      <c r="MJE709" s="613"/>
      <c r="MJF709" s="613"/>
      <c r="MJG709" s="613"/>
      <c r="MJH709" s="613"/>
      <c r="MJI709" s="613"/>
      <c r="MJJ709" s="613"/>
      <c r="MJK709" s="613"/>
      <c r="MJL709" s="613"/>
      <c r="MJM709" s="613"/>
      <c r="MJN709" s="613"/>
      <c r="MJO709" s="613"/>
      <c r="MJP709" s="613"/>
      <c r="MJQ709" s="613"/>
      <c r="MJR709" s="613"/>
      <c r="MJS709" s="613"/>
      <c r="MJT709" s="613"/>
      <c r="MJU709" s="613"/>
      <c r="MJV709" s="613"/>
      <c r="MJW709" s="613"/>
      <c r="MJX709" s="613"/>
      <c r="MJY709" s="613"/>
      <c r="MJZ709" s="613"/>
      <c r="MKA709" s="613"/>
      <c r="MKB709" s="613"/>
      <c r="MKC709" s="613"/>
      <c r="MKD709" s="613"/>
      <c r="MKE709" s="613"/>
      <c r="MKF709" s="613"/>
      <c r="MKG709" s="613"/>
      <c r="MKH709" s="613"/>
      <c r="MKI709" s="613"/>
      <c r="MKJ709" s="613"/>
      <c r="MKK709" s="613"/>
      <c r="MKL709" s="613"/>
      <c r="MKM709" s="613"/>
      <c r="MKN709" s="613"/>
      <c r="MKO709" s="613"/>
      <c r="MKP709" s="613"/>
      <c r="MKQ709" s="613"/>
      <c r="MKR709" s="613"/>
      <c r="MKS709" s="613"/>
      <c r="MKT709" s="613"/>
      <c r="MKU709" s="613"/>
      <c r="MKV709" s="613"/>
      <c r="MKW709" s="613"/>
      <c r="MKX709" s="613"/>
      <c r="MKY709" s="613"/>
      <c r="MKZ709" s="613"/>
      <c r="MLA709" s="613"/>
      <c r="MLB709" s="613"/>
      <c r="MLC709" s="613"/>
      <c r="MLD709" s="613"/>
      <c r="MLE709" s="613"/>
      <c r="MLF709" s="613"/>
      <c r="MLG709" s="613"/>
      <c r="MLH709" s="613"/>
      <c r="MLI709" s="613"/>
      <c r="MLJ709" s="613"/>
      <c r="MLK709" s="613"/>
      <c r="MLL709" s="613"/>
      <c r="MLM709" s="613"/>
      <c r="MLN709" s="613"/>
      <c r="MLO709" s="613"/>
      <c r="MLP709" s="613"/>
      <c r="MLQ709" s="613"/>
      <c r="MLR709" s="613"/>
      <c r="MLS709" s="613"/>
      <c r="MLT709" s="613"/>
      <c r="MLU709" s="613"/>
      <c r="MLV709" s="613"/>
      <c r="MLW709" s="613"/>
      <c r="MLX709" s="613"/>
      <c r="MLY709" s="613"/>
      <c r="MLZ709" s="613"/>
      <c r="MMA709" s="613"/>
      <c r="MMB709" s="613"/>
      <c r="MMC709" s="613"/>
      <c r="MMD709" s="613"/>
      <c r="MME709" s="613"/>
      <c r="MMF709" s="613"/>
      <c r="MMG709" s="613"/>
      <c r="MMH709" s="613"/>
      <c r="MMI709" s="613"/>
      <c r="MMJ709" s="613"/>
      <c r="MMK709" s="613"/>
      <c r="MML709" s="613"/>
      <c r="MMM709" s="613"/>
      <c r="MMN709" s="613"/>
      <c r="MMO709" s="613"/>
      <c r="MMP709" s="613"/>
      <c r="MMQ709" s="613"/>
      <c r="MMR709" s="613"/>
      <c r="MMS709" s="613"/>
      <c r="MMT709" s="613"/>
      <c r="MMU709" s="613"/>
      <c r="MMV709" s="613"/>
      <c r="MMW709" s="613"/>
      <c r="MMX709" s="613"/>
      <c r="MMY709" s="613"/>
      <c r="MMZ709" s="613"/>
      <c r="MNA709" s="613"/>
      <c r="MNB709" s="613"/>
      <c r="MNC709" s="613"/>
      <c r="MND709" s="613"/>
      <c r="MNE709" s="613"/>
      <c r="MNF709" s="613"/>
      <c r="MNG709" s="613"/>
      <c r="MNH709" s="613"/>
      <c r="MNI709" s="613"/>
      <c r="MNJ709" s="613"/>
      <c r="MNK709" s="613"/>
      <c r="MNL709" s="613"/>
      <c r="MNM709" s="613"/>
      <c r="MNN709" s="613"/>
      <c r="MNO709" s="613"/>
      <c r="MNP709" s="613"/>
      <c r="MNQ709" s="613"/>
      <c r="MNR709" s="613"/>
      <c r="MNS709" s="613"/>
      <c r="MNT709" s="613"/>
      <c r="MNU709" s="613"/>
      <c r="MNV709" s="613"/>
      <c r="MNW709" s="613"/>
      <c r="MNX709" s="613"/>
      <c r="MNY709" s="613"/>
      <c r="MNZ709" s="613"/>
      <c r="MOA709" s="613"/>
      <c r="MOB709" s="613"/>
      <c r="MOC709" s="613"/>
      <c r="MOD709" s="613"/>
      <c r="MOE709" s="613"/>
      <c r="MOF709" s="613"/>
      <c r="MOG709" s="613"/>
      <c r="MOH709" s="613"/>
      <c r="MOI709" s="613"/>
      <c r="MOJ709" s="613"/>
      <c r="MOK709" s="613"/>
      <c r="MOL709" s="613"/>
      <c r="MOM709" s="613"/>
      <c r="MON709" s="613"/>
      <c r="MOO709" s="613"/>
      <c r="MOP709" s="613"/>
      <c r="MOQ709" s="613"/>
      <c r="MOR709" s="613"/>
      <c r="MOS709" s="613"/>
      <c r="MOT709" s="613"/>
      <c r="MOU709" s="613"/>
      <c r="MOV709" s="613"/>
      <c r="MOW709" s="613"/>
      <c r="MOX709" s="613"/>
      <c r="MOY709" s="613"/>
      <c r="MOZ709" s="613"/>
      <c r="MPA709" s="613"/>
      <c r="MPB709" s="613"/>
      <c r="MPC709" s="613"/>
      <c r="MPD709" s="613"/>
      <c r="MPE709" s="613"/>
      <c r="MPF709" s="613"/>
      <c r="MPG709" s="613"/>
      <c r="MPH709" s="613"/>
      <c r="MPI709" s="613"/>
      <c r="MPJ709" s="613"/>
      <c r="MPK709" s="613"/>
      <c r="MPL709" s="613"/>
      <c r="MPM709" s="613"/>
      <c r="MPN709" s="613"/>
      <c r="MPO709" s="613"/>
      <c r="MPP709" s="613"/>
      <c r="MPQ709" s="613"/>
      <c r="MPR709" s="613"/>
      <c r="MPS709" s="613"/>
      <c r="MPT709" s="613"/>
      <c r="MPU709" s="613"/>
      <c r="MPV709" s="613"/>
      <c r="MPW709" s="613"/>
      <c r="MPX709" s="613"/>
      <c r="MPY709" s="613"/>
      <c r="MPZ709" s="613"/>
      <c r="MQA709" s="613"/>
      <c r="MQB709" s="613"/>
      <c r="MQC709" s="613"/>
      <c r="MQD709" s="613"/>
      <c r="MQE709" s="613"/>
      <c r="MQF709" s="613"/>
      <c r="MQG709" s="613"/>
      <c r="MQH709" s="613"/>
      <c r="MQI709" s="613"/>
      <c r="MQJ709" s="613"/>
      <c r="MQK709" s="613"/>
      <c r="MQL709" s="613"/>
      <c r="MQM709" s="613"/>
      <c r="MQN709" s="613"/>
      <c r="MQO709" s="613"/>
      <c r="MQP709" s="613"/>
      <c r="MQQ709" s="613"/>
      <c r="MQR709" s="613"/>
      <c r="MQS709" s="613"/>
      <c r="MQT709" s="613"/>
      <c r="MQU709" s="613"/>
      <c r="MQV709" s="613"/>
      <c r="MQW709" s="613"/>
      <c r="MQX709" s="613"/>
      <c r="MQY709" s="613"/>
      <c r="MQZ709" s="613"/>
      <c r="MRA709" s="613"/>
      <c r="MRB709" s="613"/>
      <c r="MRC709" s="613"/>
      <c r="MRD709" s="613"/>
      <c r="MRE709" s="613"/>
      <c r="MRF709" s="613"/>
      <c r="MRG709" s="613"/>
      <c r="MRH709" s="613"/>
      <c r="MRI709" s="613"/>
      <c r="MRJ709" s="613"/>
      <c r="MRK709" s="613"/>
      <c r="MRL709" s="613"/>
      <c r="MRM709" s="613"/>
      <c r="MRN709" s="613"/>
      <c r="MRO709" s="613"/>
      <c r="MRP709" s="613"/>
      <c r="MRQ709" s="613"/>
      <c r="MRR709" s="613"/>
      <c r="MRS709" s="613"/>
      <c r="MRT709" s="613"/>
      <c r="MRU709" s="613"/>
      <c r="MRV709" s="613"/>
      <c r="MRW709" s="613"/>
      <c r="MRX709" s="613"/>
      <c r="MRY709" s="613"/>
      <c r="MRZ709" s="613"/>
      <c r="MSA709" s="613"/>
      <c r="MSB709" s="613"/>
      <c r="MSC709" s="613"/>
      <c r="MSD709" s="613"/>
      <c r="MSE709" s="613"/>
      <c r="MSF709" s="613"/>
      <c r="MSG709" s="613"/>
      <c r="MSH709" s="613"/>
      <c r="MSI709" s="613"/>
      <c r="MSJ709" s="613"/>
      <c r="MSK709" s="613"/>
      <c r="MSL709" s="613"/>
      <c r="MSM709" s="613"/>
      <c r="MSN709" s="613"/>
      <c r="MSO709" s="613"/>
      <c r="MSP709" s="613"/>
      <c r="MSQ709" s="613"/>
      <c r="MSR709" s="613"/>
      <c r="MSS709" s="613"/>
      <c r="MST709" s="613"/>
      <c r="MSU709" s="613"/>
      <c r="MSV709" s="613"/>
      <c r="MSW709" s="613"/>
      <c r="MSX709" s="613"/>
      <c r="MSY709" s="613"/>
      <c r="MSZ709" s="613"/>
      <c r="MTA709" s="613"/>
      <c r="MTB709" s="613"/>
      <c r="MTC709" s="613"/>
      <c r="MTD709" s="613"/>
      <c r="MTE709" s="613"/>
      <c r="MTF709" s="613"/>
      <c r="MTG709" s="613"/>
      <c r="MTH709" s="613"/>
      <c r="MTI709" s="613"/>
      <c r="MTJ709" s="613"/>
      <c r="MTK709" s="613"/>
      <c r="MTL709" s="613"/>
      <c r="MTM709" s="613"/>
      <c r="MTN709" s="613"/>
      <c r="MTO709" s="613"/>
      <c r="MTP709" s="613"/>
      <c r="MTQ709" s="613"/>
      <c r="MTR709" s="613"/>
      <c r="MTS709" s="613"/>
      <c r="MTT709" s="613"/>
      <c r="MTU709" s="613"/>
      <c r="MTV709" s="613"/>
      <c r="MTW709" s="613"/>
      <c r="MTX709" s="613"/>
      <c r="MTY709" s="613"/>
      <c r="MTZ709" s="613"/>
      <c r="MUA709" s="613"/>
      <c r="MUB709" s="613"/>
      <c r="MUC709" s="613"/>
      <c r="MUD709" s="613"/>
      <c r="MUE709" s="613"/>
      <c r="MUF709" s="613"/>
      <c r="MUG709" s="613"/>
      <c r="MUH709" s="613"/>
      <c r="MUI709" s="613"/>
      <c r="MUJ709" s="613"/>
      <c r="MUK709" s="613"/>
      <c r="MUL709" s="613"/>
      <c r="MUM709" s="613"/>
      <c r="MUN709" s="613"/>
      <c r="MUO709" s="613"/>
      <c r="MUP709" s="613"/>
      <c r="MUQ709" s="613"/>
      <c r="MUR709" s="613"/>
      <c r="MUS709" s="613"/>
      <c r="MUT709" s="613"/>
      <c r="MUU709" s="613"/>
      <c r="MUV709" s="613"/>
      <c r="MUW709" s="613"/>
      <c r="MUX709" s="613"/>
      <c r="MUY709" s="613"/>
      <c r="MUZ709" s="613"/>
      <c r="MVA709" s="613"/>
      <c r="MVB709" s="613"/>
      <c r="MVC709" s="613"/>
      <c r="MVD709" s="613"/>
      <c r="MVE709" s="613"/>
      <c r="MVF709" s="613"/>
      <c r="MVG709" s="613"/>
      <c r="MVH709" s="613"/>
      <c r="MVI709" s="613"/>
      <c r="MVJ709" s="613"/>
      <c r="MVK709" s="613"/>
      <c r="MVL709" s="613"/>
      <c r="MVM709" s="613"/>
      <c r="MVN709" s="613"/>
      <c r="MVO709" s="613"/>
      <c r="MVP709" s="613"/>
      <c r="MVQ709" s="613"/>
      <c r="MVR709" s="613"/>
      <c r="MVS709" s="613"/>
      <c r="MVT709" s="613"/>
      <c r="MVU709" s="613"/>
      <c r="MVV709" s="613"/>
      <c r="MVW709" s="613"/>
      <c r="MVX709" s="613"/>
      <c r="MVY709" s="613"/>
      <c r="MVZ709" s="613"/>
      <c r="MWA709" s="613"/>
      <c r="MWB709" s="613"/>
      <c r="MWC709" s="613"/>
      <c r="MWD709" s="613"/>
      <c r="MWE709" s="613"/>
      <c r="MWF709" s="613"/>
      <c r="MWG709" s="613"/>
      <c r="MWH709" s="613"/>
      <c r="MWI709" s="613"/>
      <c r="MWJ709" s="613"/>
      <c r="MWK709" s="613"/>
      <c r="MWL709" s="613"/>
      <c r="MWM709" s="613"/>
      <c r="MWN709" s="613"/>
      <c r="MWO709" s="613"/>
      <c r="MWP709" s="613"/>
      <c r="MWQ709" s="613"/>
      <c r="MWR709" s="613"/>
      <c r="MWS709" s="613"/>
      <c r="MWT709" s="613"/>
      <c r="MWU709" s="613"/>
      <c r="MWV709" s="613"/>
      <c r="MWW709" s="613"/>
      <c r="MWX709" s="613"/>
      <c r="MWY709" s="613"/>
      <c r="MWZ709" s="613"/>
      <c r="MXA709" s="613"/>
      <c r="MXB709" s="613"/>
      <c r="MXC709" s="613"/>
      <c r="MXD709" s="613"/>
      <c r="MXE709" s="613"/>
      <c r="MXF709" s="613"/>
      <c r="MXG709" s="613"/>
      <c r="MXH709" s="613"/>
      <c r="MXI709" s="613"/>
      <c r="MXJ709" s="613"/>
      <c r="MXK709" s="613"/>
      <c r="MXL709" s="613"/>
      <c r="MXM709" s="613"/>
      <c r="MXN709" s="613"/>
      <c r="MXO709" s="613"/>
      <c r="MXP709" s="613"/>
      <c r="MXQ709" s="613"/>
      <c r="MXR709" s="613"/>
      <c r="MXS709" s="613"/>
      <c r="MXT709" s="613"/>
      <c r="MXU709" s="613"/>
      <c r="MXV709" s="613"/>
      <c r="MXW709" s="613"/>
      <c r="MXX709" s="613"/>
      <c r="MXY709" s="613"/>
      <c r="MXZ709" s="613"/>
      <c r="MYA709" s="613"/>
      <c r="MYB709" s="613"/>
      <c r="MYC709" s="613"/>
      <c r="MYD709" s="613"/>
      <c r="MYE709" s="613"/>
      <c r="MYF709" s="613"/>
      <c r="MYG709" s="613"/>
      <c r="MYH709" s="613"/>
      <c r="MYI709" s="613"/>
      <c r="MYJ709" s="613"/>
      <c r="MYK709" s="613"/>
      <c r="MYL709" s="613"/>
      <c r="MYM709" s="613"/>
      <c r="MYN709" s="613"/>
      <c r="MYO709" s="613"/>
      <c r="MYP709" s="613"/>
      <c r="MYQ709" s="613"/>
      <c r="MYR709" s="613"/>
      <c r="MYS709" s="613"/>
      <c r="MYT709" s="613"/>
      <c r="MYU709" s="613"/>
      <c r="MYV709" s="613"/>
      <c r="MYW709" s="613"/>
      <c r="MYX709" s="613"/>
      <c r="MYY709" s="613"/>
      <c r="MYZ709" s="613"/>
      <c r="MZA709" s="613"/>
      <c r="MZB709" s="613"/>
      <c r="MZC709" s="613"/>
      <c r="MZD709" s="613"/>
      <c r="MZE709" s="613"/>
      <c r="MZF709" s="613"/>
      <c r="MZG709" s="613"/>
      <c r="MZH709" s="613"/>
      <c r="MZI709" s="613"/>
      <c r="MZJ709" s="613"/>
      <c r="MZK709" s="613"/>
      <c r="MZL709" s="613"/>
      <c r="MZM709" s="613"/>
      <c r="MZN709" s="613"/>
      <c r="MZO709" s="613"/>
      <c r="MZP709" s="613"/>
      <c r="MZQ709" s="613"/>
      <c r="MZR709" s="613"/>
      <c r="MZS709" s="613"/>
      <c r="MZT709" s="613"/>
      <c r="MZU709" s="613"/>
      <c r="MZV709" s="613"/>
      <c r="MZW709" s="613"/>
      <c r="MZX709" s="613"/>
      <c r="MZY709" s="613"/>
      <c r="MZZ709" s="613"/>
      <c r="NAA709" s="613"/>
      <c r="NAB709" s="613"/>
      <c r="NAC709" s="613"/>
      <c r="NAD709" s="613"/>
      <c r="NAE709" s="613"/>
      <c r="NAF709" s="613"/>
      <c r="NAG709" s="613"/>
      <c r="NAH709" s="613"/>
      <c r="NAI709" s="613"/>
      <c r="NAJ709" s="613"/>
      <c r="NAK709" s="613"/>
      <c r="NAL709" s="613"/>
      <c r="NAM709" s="613"/>
      <c r="NAN709" s="613"/>
      <c r="NAO709" s="613"/>
      <c r="NAP709" s="613"/>
      <c r="NAQ709" s="613"/>
      <c r="NAR709" s="613"/>
      <c r="NAS709" s="613"/>
      <c r="NAT709" s="613"/>
      <c r="NAU709" s="613"/>
      <c r="NAV709" s="613"/>
      <c r="NAW709" s="613"/>
      <c r="NAX709" s="613"/>
      <c r="NAY709" s="613"/>
      <c r="NAZ709" s="613"/>
      <c r="NBA709" s="613"/>
      <c r="NBB709" s="613"/>
      <c r="NBC709" s="613"/>
      <c r="NBD709" s="613"/>
      <c r="NBE709" s="613"/>
      <c r="NBF709" s="613"/>
      <c r="NBG709" s="613"/>
      <c r="NBH709" s="613"/>
      <c r="NBI709" s="613"/>
      <c r="NBJ709" s="613"/>
      <c r="NBK709" s="613"/>
      <c r="NBL709" s="613"/>
      <c r="NBM709" s="613"/>
      <c r="NBN709" s="613"/>
      <c r="NBO709" s="613"/>
      <c r="NBP709" s="613"/>
      <c r="NBQ709" s="613"/>
      <c r="NBR709" s="613"/>
      <c r="NBS709" s="613"/>
      <c r="NBT709" s="613"/>
      <c r="NBU709" s="613"/>
      <c r="NBV709" s="613"/>
      <c r="NBW709" s="613"/>
      <c r="NBX709" s="613"/>
      <c r="NBY709" s="613"/>
      <c r="NBZ709" s="613"/>
      <c r="NCA709" s="613"/>
      <c r="NCB709" s="613"/>
      <c r="NCC709" s="613"/>
      <c r="NCD709" s="613"/>
      <c r="NCE709" s="613"/>
      <c r="NCF709" s="613"/>
      <c r="NCG709" s="613"/>
      <c r="NCH709" s="613"/>
      <c r="NCI709" s="613"/>
      <c r="NCJ709" s="613"/>
      <c r="NCK709" s="613"/>
      <c r="NCL709" s="613"/>
      <c r="NCM709" s="613"/>
      <c r="NCN709" s="613"/>
      <c r="NCO709" s="613"/>
      <c r="NCP709" s="613"/>
      <c r="NCQ709" s="613"/>
      <c r="NCR709" s="613"/>
      <c r="NCS709" s="613"/>
      <c r="NCT709" s="613"/>
      <c r="NCU709" s="613"/>
      <c r="NCV709" s="613"/>
      <c r="NCW709" s="613"/>
      <c r="NCX709" s="613"/>
      <c r="NCY709" s="613"/>
      <c r="NCZ709" s="613"/>
      <c r="NDA709" s="613"/>
      <c r="NDB709" s="613"/>
      <c r="NDC709" s="613"/>
      <c r="NDD709" s="613"/>
      <c r="NDE709" s="613"/>
      <c r="NDF709" s="613"/>
      <c r="NDG709" s="613"/>
      <c r="NDH709" s="613"/>
      <c r="NDI709" s="613"/>
      <c r="NDJ709" s="613"/>
      <c r="NDK709" s="613"/>
      <c r="NDL709" s="613"/>
      <c r="NDM709" s="613"/>
      <c r="NDN709" s="613"/>
      <c r="NDO709" s="613"/>
      <c r="NDP709" s="613"/>
      <c r="NDQ709" s="613"/>
      <c r="NDR709" s="613"/>
      <c r="NDS709" s="613"/>
      <c r="NDT709" s="613"/>
      <c r="NDU709" s="613"/>
      <c r="NDV709" s="613"/>
      <c r="NDW709" s="613"/>
      <c r="NDX709" s="613"/>
      <c r="NDY709" s="613"/>
      <c r="NDZ709" s="613"/>
      <c r="NEA709" s="613"/>
      <c r="NEB709" s="613"/>
      <c r="NEC709" s="613"/>
      <c r="NED709" s="613"/>
      <c r="NEE709" s="613"/>
      <c r="NEF709" s="613"/>
      <c r="NEG709" s="613"/>
      <c r="NEH709" s="613"/>
      <c r="NEI709" s="613"/>
      <c r="NEJ709" s="613"/>
      <c r="NEK709" s="613"/>
      <c r="NEL709" s="613"/>
      <c r="NEM709" s="613"/>
      <c r="NEN709" s="613"/>
      <c r="NEO709" s="613"/>
      <c r="NEP709" s="613"/>
      <c r="NEQ709" s="613"/>
      <c r="NER709" s="613"/>
      <c r="NES709" s="613"/>
      <c r="NET709" s="613"/>
      <c r="NEU709" s="613"/>
      <c r="NEV709" s="613"/>
      <c r="NEW709" s="613"/>
      <c r="NEX709" s="613"/>
      <c r="NEY709" s="613"/>
      <c r="NEZ709" s="613"/>
      <c r="NFA709" s="613"/>
      <c r="NFB709" s="613"/>
      <c r="NFC709" s="613"/>
      <c r="NFD709" s="613"/>
      <c r="NFE709" s="613"/>
      <c r="NFF709" s="613"/>
      <c r="NFG709" s="613"/>
      <c r="NFH709" s="613"/>
      <c r="NFI709" s="613"/>
      <c r="NFJ709" s="613"/>
      <c r="NFK709" s="613"/>
      <c r="NFL709" s="613"/>
      <c r="NFM709" s="613"/>
      <c r="NFN709" s="613"/>
      <c r="NFO709" s="613"/>
      <c r="NFP709" s="613"/>
      <c r="NFQ709" s="613"/>
      <c r="NFR709" s="613"/>
      <c r="NFS709" s="613"/>
      <c r="NFT709" s="613"/>
      <c r="NFU709" s="613"/>
      <c r="NFV709" s="613"/>
      <c r="NFW709" s="613"/>
      <c r="NFX709" s="613"/>
      <c r="NFY709" s="613"/>
      <c r="NFZ709" s="613"/>
      <c r="NGA709" s="613"/>
      <c r="NGB709" s="613"/>
      <c r="NGC709" s="613"/>
      <c r="NGD709" s="613"/>
      <c r="NGE709" s="613"/>
      <c r="NGF709" s="613"/>
      <c r="NGG709" s="613"/>
      <c r="NGH709" s="613"/>
      <c r="NGI709" s="613"/>
      <c r="NGJ709" s="613"/>
      <c r="NGK709" s="613"/>
      <c r="NGL709" s="613"/>
      <c r="NGM709" s="613"/>
      <c r="NGN709" s="613"/>
      <c r="NGO709" s="613"/>
      <c r="NGP709" s="613"/>
      <c r="NGQ709" s="613"/>
      <c r="NGR709" s="613"/>
      <c r="NGS709" s="613"/>
      <c r="NGT709" s="613"/>
      <c r="NGU709" s="613"/>
      <c r="NGV709" s="613"/>
      <c r="NGW709" s="613"/>
      <c r="NGX709" s="613"/>
      <c r="NGY709" s="613"/>
      <c r="NGZ709" s="613"/>
      <c r="NHA709" s="613"/>
      <c r="NHB709" s="613"/>
      <c r="NHC709" s="613"/>
      <c r="NHD709" s="613"/>
      <c r="NHE709" s="613"/>
      <c r="NHF709" s="613"/>
      <c r="NHG709" s="613"/>
      <c r="NHH709" s="613"/>
      <c r="NHI709" s="613"/>
      <c r="NHJ709" s="613"/>
      <c r="NHK709" s="613"/>
      <c r="NHL709" s="613"/>
      <c r="NHM709" s="613"/>
      <c r="NHN709" s="613"/>
      <c r="NHO709" s="613"/>
      <c r="NHP709" s="613"/>
      <c r="NHQ709" s="613"/>
      <c r="NHR709" s="613"/>
      <c r="NHS709" s="613"/>
      <c r="NHT709" s="613"/>
      <c r="NHU709" s="613"/>
      <c r="NHV709" s="613"/>
      <c r="NHW709" s="613"/>
      <c r="NHX709" s="613"/>
      <c r="NHY709" s="613"/>
      <c r="NHZ709" s="613"/>
      <c r="NIA709" s="613"/>
      <c r="NIB709" s="613"/>
      <c r="NIC709" s="613"/>
      <c r="NID709" s="613"/>
      <c r="NIE709" s="613"/>
      <c r="NIF709" s="613"/>
      <c r="NIG709" s="613"/>
      <c r="NIH709" s="613"/>
      <c r="NII709" s="613"/>
      <c r="NIJ709" s="613"/>
      <c r="NIK709" s="613"/>
      <c r="NIL709" s="613"/>
      <c r="NIM709" s="613"/>
      <c r="NIN709" s="613"/>
      <c r="NIO709" s="613"/>
      <c r="NIP709" s="613"/>
      <c r="NIQ709" s="613"/>
      <c r="NIR709" s="613"/>
      <c r="NIS709" s="613"/>
      <c r="NIT709" s="613"/>
      <c r="NIU709" s="613"/>
      <c r="NIV709" s="613"/>
      <c r="NIW709" s="613"/>
      <c r="NIX709" s="613"/>
      <c r="NIY709" s="613"/>
      <c r="NIZ709" s="613"/>
      <c r="NJA709" s="613"/>
      <c r="NJB709" s="613"/>
      <c r="NJC709" s="613"/>
      <c r="NJD709" s="613"/>
      <c r="NJE709" s="613"/>
      <c r="NJF709" s="613"/>
      <c r="NJG709" s="613"/>
      <c r="NJH709" s="613"/>
      <c r="NJI709" s="613"/>
      <c r="NJJ709" s="613"/>
      <c r="NJK709" s="613"/>
      <c r="NJL709" s="613"/>
      <c r="NJM709" s="613"/>
      <c r="NJN709" s="613"/>
      <c r="NJO709" s="613"/>
      <c r="NJP709" s="613"/>
      <c r="NJQ709" s="613"/>
      <c r="NJR709" s="613"/>
      <c r="NJS709" s="613"/>
      <c r="NJT709" s="613"/>
      <c r="NJU709" s="613"/>
      <c r="NJV709" s="613"/>
      <c r="NJW709" s="613"/>
      <c r="NJX709" s="613"/>
      <c r="NJY709" s="613"/>
      <c r="NJZ709" s="613"/>
      <c r="NKA709" s="613"/>
      <c r="NKB709" s="613"/>
      <c r="NKC709" s="613"/>
      <c r="NKD709" s="613"/>
      <c r="NKE709" s="613"/>
      <c r="NKF709" s="613"/>
      <c r="NKG709" s="613"/>
      <c r="NKH709" s="613"/>
      <c r="NKI709" s="613"/>
      <c r="NKJ709" s="613"/>
      <c r="NKK709" s="613"/>
      <c r="NKL709" s="613"/>
      <c r="NKM709" s="613"/>
      <c r="NKN709" s="613"/>
      <c r="NKO709" s="613"/>
      <c r="NKP709" s="613"/>
      <c r="NKQ709" s="613"/>
      <c r="NKR709" s="613"/>
      <c r="NKS709" s="613"/>
      <c r="NKT709" s="613"/>
      <c r="NKU709" s="613"/>
      <c r="NKV709" s="613"/>
      <c r="NKW709" s="613"/>
      <c r="NKX709" s="613"/>
      <c r="NKY709" s="613"/>
      <c r="NKZ709" s="613"/>
      <c r="NLA709" s="613"/>
      <c r="NLB709" s="613"/>
      <c r="NLC709" s="613"/>
      <c r="NLD709" s="613"/>
      <c r="NLE709" s="613"/>
      <c r="NLF709" s="613"/>
      <c r="NLG709" s="613"/>
      <c r="NLH709" s="613"/>
      <c r="NLI709" s="613"/>
      <c r="NLJ709" s="613"/>
      <c r="NLK709" s="613"/>
      <c r="NLL709" s="613"/>
      <c r="NLM709" s="613"/>
      <c r="NLN709" s="613"/>
      <c r="NLO709" s="613"/>
      <c r="NLP709" s="613"/>
      <c r="NLQ709" s="613"/>
      <c r="NLR709" s="613"/>
      <c r="NLS709" s="613"/>
      <c r="NLT709" s="613"/>
      <c r="NLU709" s="613"/>
      <c r="NLV709" s="613"/>
      <c r="NLW709" s="613"/>
      <c r="NLX709" s="613"/>
      <c r="NLY709" s="613"/>
      <c r="NLZ709" s="613"/>
      <c r="NMA709" s="613"/>
      <c r="NMB709" s="613"/>
      <c r="NMC709" s="613"/>
      <c r="NMD709" s="613"/>
      <c r="NME709" s="613"/>
      <c r="NMF709" s="613"/>
      <c r="NMG709" s="613"/>
      <c r="NMH709" s="613"/>
      <c r="NMI709" s="613"/>
      <c r="NMJ709" s="613"/>
      <c r="NMK709" s="613"/>
      <c r="NML709" s="613"/>
      <c r="NMM709" s="613"/>
      <c r="NMN709" s="613"/>
      <c r="NMO709" s="613"/>
      <c r="NMP709" s="613"/>
      <c r="NMQ709" s="613"/>
      <c r="NMR709" s="613"/>
      <c r="NMS709" s="613"/>
      <c r="NMT709" s="613"/>
      <c r="NMU709" s="613"/>
      <c r="NMV709" s="613"/>
      <c r="NMW709" s="613"/>
      <c r="NMX709" s="613"/>
      <c r="NMY709" s="613"/>
      <c r="NMZ709" s="613"/>
      <c r="NNA709" s="613"/>
      <c r="NNB709" s="613"/>
      <c r="NNC709" s="613"/>
      <c r="NND709" s="613"/>
      <c r="NNE709" s="613"/>
      <c r="NNF709" s="613"/>
      <c r="NNG709" s="613"/>
      <c r="NNH709" s="613"/>
      <c r="NNI709" s="613"/>
      <c r="NNJ709" s="613"/>
      <c r="NNK709" s="613"/>
      <c r="NNL709" s="613"/>
      <c r="NNM709" s="613"/>
      <c r="NNN709" s="613"/>
      <c r="NNO709" s="613"/>
      <c r="NNP709" s="613"/>
      <c r="NNQ709" s="613"/>
      <c r="NNR709" s="613"/>
      <c r="NNS709" s="613"/>
      <c r="NNT709" s="613"/>
      <c r="NNU709" s="613"/>
      <c r="NNV709" s="613"/>
      <c r="NNW709" s="613"/>
      <c r="NNX709" s="613"/>
      <c r="NNY709" s="613"/>
      <c r="NNZ709" s="613"/>
      <c r="NOA709" s="613"/>
      <c r="NOB709" s="613"/>
      <c r="NOC709" s="613"/>
      <c r="NOD709" s="613"/>
      <c r="NOE709" s="613"/>
      <c r="NOF709" s="613"/>
      <c r="NOG709" s="613"/>
      <c r="NOH709" s="613"/>
      <c r="NOI709" s="613"/>
      <c r="NOJ709" s="613"/>
      <c r="NOK709" s="613"/>
      <c r="NOL709" s="613"/>
      <c r="NOM709" s="613"/>
      <c r="NON709" s="613"/>
      <c r="NOO709" s="613"/>
      <c r="NOP709" s="613"/>
      <c r="NOQ709" s="613"/>
      <c r="NOR709" s="613"/>
      <c r="NOS709" s="613"/>
      <c r="NOT709" s="613"/>
      <c r="NOU709" s="613"/>
      <c r="NOV709" s="613"/>
      <c r="NOW709" s="613"/>
      <c r="NOX709" s="613"/>
      <c r="NOY709" s="613"/>
      <c r="NOZ709" s="613"/>
      <c r="NPA709" s="613"/>
      <c r="NPB709" s="613"/>
      <c r="NPC709" s="613"/>
      <c r="NPD709" s="613"/>
      <c r="NPE709" s="613"/>
      <c r="NPF709" s="613"/>
      <c r="NPG709" s="613"/>
      <c r="NPH709" s="613"/>
      <c r="NPI709" s="613"/>
      <c r="NPJ709" s="613"/>
      <c r="NPK709" s="613"/>
      <c r="NPL709" s="613"/>
      <c r="NPM709" s="613"/>
      <c r="NPN709" s="613"/>
      <c r="NPO709" s="613"/>
      <c r="NPP709" s="613"/>
      <c r="NPQ709" s="613"/>
      <c r="NPR709" s="613"/>
      <c r="NPS709" s="613"/>
      <c r="NPT709" s="613"/>
      <c r="NPU709" s="613"/>
      <c r="NPV709" s="613"/>
      <c r="NPW709" s="613"/>
      <c r="NPX709" s="613"/>
      <c r="NPY709" s="613"/>
      <c r="NPZ709" s="613"/>
      <c r="NQA709" s="613"/>
      <c r="NQB709" s="613"/>
      <c r="NQC709" s="613"/>
      <c r="NQD709" s="613"/>
      <c r="NQE709" s="613"/>
      <c r="NQF709" s="613"/>
      <c r="NQG709" s="613"/>
      <c r="NQH709" s="613"/>
      <c r="NQI709" s="613"/>
      <c r="NQJ709" s="613"/>
      <c r="NQK709" s="613"/>
      <c r="NQL709" s="613"/>
      <c r="NQM709" s="613"/>
      <c r="NQN709" s="613"/>
      <c r="NQO709" s="613"/>
      <c r="NQP709" s="613"/>
      <c r="NQQ709" s="613"/>
      <c r="NQR709" s="613"/>
      <c r="NQS709" s="613"/>
      <c r="NQT709" s="613"/>
      <c r="NQU709" s="613"/>
      <c r="NQV709" s="613"/>
      <c r="NQW709" s="613"/>
      <c r="NQX709" s="613"/>
      <c r="NQY709" s="613"/>
      <c r="NQZ709" s="613"/>
      <c r="NRA709" s="613"/>
      <c r="NRB709" s="613"/>
      <c r="NRC709" s="613"/>
      <c r="NRD709" s="613"/>
      <c r="NRE709" s="613"/>
      <c r="NRF709" s="613"/>
      <c r="NRG709" s="613"/>
      <c r="NRH709" s="613"/>
      <c r="NRI709" s="613"/>
      <c r="NRJ709" s="613"/>
      <c r="NRK709" s="613"/>
      <c r="NRL709" s="613"/>
      <c r="NRM709" s="613"/>
      <c r="NRN709" s="613"/>
      <c r="NRO709" s="613"/>
      <c r="NRP709" s="613"/>
      <c r="NRQ709" s="613"/>
      <c r="NRR709" s="613"/>
      <c r="NRS709" s="613"/>
      <c r="NRT709" s="613"/>
      <c r="NRU709" s="613"/>
      <c r="NRV709" s="613"/>
      <c r="NRW709" s="613"/>
      <c r="NRX709" s="613"/>
      <c r="NRY709" s="613"/>
      <c r="NRZ709" s="613"/>
      <c r="NSA709" s="613"/>
      <c r="NSB709" s="613"/>
      <c r="NSC709" s="613"/>
      <c r="NSD709" s="613"/>
      <c r="NSE709" s="613"/>
      <c r="NSF709" s="613"/>
      <c r="NSG709" s="613"/>
      <c r="NSH709" s="613"/>
      <c r="NSI709" s="613"/>
      <c r="NSJ709" s="613"/>
      <c r="NSK709" s="613"/>
      <c r="NSL709" s="613"/>
      <c r="NSM709" s="613"/>
      <c r="NSN709" s="613"/>
      <c r="NSO709" s="613"/>
      <c r="NSP709" s="613"/>
      <c r="NSQ709" s="613"/>
      <c r="NSR709" s="613"/>
      <c r="NSS709" s="613"/>
      <c r="NST709" s="613"/>
      <c r="NSU709" s="613"/>
      <c r="NSV709" s="613"/>
      <c r="NSW709" s="613"/>
      <c r="NSX709" s="613"/>
      <c r="NSY709" s="613"/>
      <c r="NSZ709" s="613"/>
      <c r="NTA709" s="613"/>
      <c r="NTB709" s="613"/>
      <c r="NTC709" s="613"/>
      <c r="NTD709" s="613"/>
      <c r="NTE709" s="613"/>
      <c r="NTF709" s="613"/>
      <c r="NTG709" s="613"/>
      <c r="NTH709" s="613"/>
      <c r="NTI709" s="613"/>
      <c r="NTJ709" s="613"/>
      <c r="NTK709" s="613"/>
      <c r="NTL709" s="613"/>
      <c r="NTM709" s="613"/>
      <c r="NTN709" s="613"/>
      <c r="NTO709" s="613"/>
      <c r="NTP709" s="613"/>
      <c r="NTQ709" s="613"/>
      <c r="NTR709" s="613"/>
      <c r="NTS709" s="613"/>
      <c r="NTT709" s="613"/>
      <c r="NTU709" s="613"/>
      <c r="NTV709" s="613"/>
      <c r="NTW709" s="613"/>
      <c r="NTX709" s="613"/>
      <c r="NTY709" s="613"/>
      <c r="NTZ709" s="613"/>
      <c r="NUA709" s="613"/>
      <c r="NUB709" s="613"/>
      <c r="NUC709" s="613"/>
      <c r="NUD709" s="613"/>
      <c r="NUE709" s="613"/>
      <c r="NUF709" s="613"/>
      <c r="NUG709" s="613"/>
      <c r="NUH709" s="613"/>
      <c r="NUI709" s="613"/>
      <c r="NUJ709" s="613"/>
      <c r="NUK709" s="613"/>
      <c r="NUL709" s="613"/>
      <c r="NUM709" s="613"/>
      <c r="NUN709" s="613"/>
      <c r="NUO709" s="613"/>
      <c r="NUP709" s="613"/>
      <c r="NUQ709" s="613"/>
      <c r="NUR709" s="613"/>
      <c r="NUS709" s="613"/>
      <c r="NUT709" s="613"/>
      <c r="NUU709" s="613"/>
      <c r="NUV709" s="613"/>
      <c r="NUW709" s="613"/>
      <c r="NUX709" s="613"/>
      <c r="NUY709" s="613"/>
      <c r="NUZ709" s="613"/>
      <c r="NVA709" s="613"/>
      <c r="NVB709" s="613"/>
      <c r="NVC709" s="613"/>
      <c r="NVD709" s="613"/>
      <c r="NVE709" s="613"/>
      <c r="NVF709" s="613"/>
      <c r="NVG709" s="613"/>
      <c r="NVH709" s="613"/>
      <c r="NVI709" s="613"/>
      <c r="NVJ709" s="613"/>
      <c r="NVK709" s="613"/>
      <c r="NVL709" s="613"/>
      <c r="NVM709" s="613"/>
      <c r="NVN709" s="613"/>
      <c r="NVO709" s="613"/>
      <c r="NVP709" s="613"/>
      <c r="NVQ709" s="613"/>
      <c r="NVR709" s="613"/>
      <c r="NVS709" s="613"/>
      <c r="NVT709" s="613"/>
      <c r="NVU709" s="613"/>
      <c r="NVV709" s="613"/>
      <c r="NVW709" s="613"/>
      <c r="NVX709" s="613"/>
      <c r="NVY709" s="613"/>
      <c r="NVZ709" s="613"/>
      <c r="NWA709" s="613"/>
      <c r="NWB709" s="613"/>
      <c r="NWC709" s="613"/>
      <c r="NWD709" s="613"/>
      <c r="NWE709" s="613"/>
      <c r="NWF709" s="613"/>
      <c r="NWG709" s="613"/>
      <c r="NWH709" s="613"/>
      <c r="NWI709" s="613"/>
      <c r="NWJ709" s="613"/>
      <c r="NWK709" s="613"/>
      <c r="NWL709" s="613"/>
      <c r="NWM709" s="613"/>
      <c r="NWN709" s="613"/>
      <c r="NWO709" s="613"/>
      <c r="NWP709" s="613"/>
      <c r="NWQ709" s="613"/>
      <c r="NWR709" s="613"/>
      <c r="NWS709" s="613"/>
      <c r="NWT709" s="613"/>
      <c r="NWU709" s="613"/>
      <c r="NWV709" s="613"/>
      <c r="NWW709" s="613"/>
      <c r="NWX709" s="613"/>
      <c r="NWY709" s="613"/>
      <c r="NWZ709" s="613"/>
      <c r="NXA709" s="613"/>
      <c r="NXB709" s="613"/>
      <c r="NXC709" s="613"/>
      <c r="NXD709" s="613"/>
      <c r="NXE709" s="613"/>
      <c r="NXF709" s="613"/>
      <c r="NXG709" s="613"/>
      <c r="NXH709" s="613"/>
      <c r="NXI709" s="613"/>
      <c r="NXJ709" s="613"/>
      <c r="NXK709" s="613"/>
      <c r="NXL709" s="613"/>
      <c r="NXM709" s="613"/>
      <c r="NXN709" s="613"/>
      <c r="NXO709" s="613"/>
      <c r="NXP709" s="613"/>
      <c r="NXQ709" s="613"/>
      <c r="NXR709" s="613"/>
      <c r="NXS709" s="613"/>
      <c r="NXT709" s="613"/>
      <c r="NXU709" s="613"/>
      <c r="NXV709" s="613"/>
      <c r="NXW709" s="613"/>
      <c r="NXX709" s="613"/>
      <c r="NXY709" s="613"/>
      <c r="NXZ709" s="613"/>
      <c r="NYA709" s="613"/>
      <c r="NYB709" s="613"/>
      <c r="NYC709" s="613"/>
      <c r="NYD709" s="613"/>
      <c r="NYE709" s="613"/>
      <c r="NYF709" s="613"/>
      <c r="NYG709" s="613"/>
      <c r="NYH709" s="613"/>
      <c r="NYI709" s="613"/>
      <c r="NYJ709" s="613"/>
      <c r="NYK709" s="613"/>
      <c r="NYL709" s="613"/>
      <c r="NYM709" s="613"/>
      <c r="NYN709" s="613"/>
      <c r="NYO709" s="613"/>
      <c r="NYP709" s="613"/>
      <c r="NYQ709" s="613"/>
      <c r="NYR709" s="613"/>
      <c r="NYS709" s="613"/>
      <c r="NYT709" s="613"/>
      <c r="NYU709" s="613"/>
      <c r="NYV709" s="613"/>
      <c r="NYW709" s="613"/>
      <c r="NYX709" s="613"/>
      <c r="NYY709" s="613"/>
      <c r="NYZ709" s="613"/>
      <c r="NZA709" s="613"/>
      <c r="NZB709" s="613"/>
      <c r="NZC709" s="613"/>
      <c r="NZD709" s="613"/>
      <c r="NZE709" s="613"/>
      <c r="NZF709" s="613"/>
      <c r="NZG709" s="613"/>
      <c r="NZH709" s="613"/>
      <c r="NZI709" s="613"/>
      <c r="NZJ709" s="613"/>
      <c r="NZK709" s="613"/>
      <c r="NZL709" s="613"/>
      <c r="NZM709" s="613"/>
      <c r="NZN709" s="613"/>
      <c r="NZO709" s="613"/>
      <c r="NZP709" s="613"/>
      <c r="NZQ709" s="613"/>
      <c r="NZR709" s="613"/>
      <c r="NZS709" s="613"/>
      <c r="NZT709" s="613"/>
      <c r="NZU709" s="613"/>
      <c r="NZV709" s="613"/>
      <c r="NZW709" s="613"/>
      <c r="NZX709" s="613"/>
      <c r="NZY709" s="613"/>
      <c r="NZZ709" s="613"/>
      <c r="OAA709" s="613"/>
      <c r="OAB709" s="613"/>
      <c r="OAC709" s="613"/>
      <c r="OAD709" s="613"/>
      <c r="OAE709" s="613"/>
      <c r="OAF709" s="613"/>
      <c r="OAG709" s="613"/>
      <c r="OAH709" s="613"/>
      <c r="OAI709" s="613"/>
      <c r="OAJ709" s="613"/>
      <c r="OAK709" s="613"/>
      <c r="OAL709" s="613"/>
      <c r="OAM709" s="613"/>
      <c r="OAN709" s="613"/>
      <c r="OAO709" s="613"/>
      <c r="OAP709" s="613"/>
      <c r="OAQ709" s="613"/>
      <c r="OAR709" s="613"/>
      <c r="OAS709" s="613"/>
      <c r="OAT709" s="613"/>
      <c r="OAU709" s="613"/>
      <c r="OAV709" s="613"/>
      <c r="OAW709" s="613"/>
      <c r="OAX709" s="613"/>
      <c r="OAY709" s="613"/>
      <c r="OAZ709" s="613"/>
      <c r="OBA709" s="613"/>
      <c r="OBB709" s="613"/>
      <c r="OBC709" s="613"/>
      <c r="OBD709" s="613"/>
      <c r="OBE709" s="613"/>
      <c r="OBF709" s="613"/>
      <c r="OBG709" s="613"/>
      <c r="OBH709" s="613"/>
      <c r="OBI709" s="613"/>
      <c r="OBJ709" s="613"/>
      <c r="OBK709" s="613"/>
      <c r="OBL709" s="613"/>
      <c r="OBM709" s="613"/>
      <c r="OBN709" s="613"/>
      <c r="OBO709" s="613"/>
      <c r="OBP709" s="613"/>
      <c r="OBQ709" s="613"/>
      <c r="OBR709" s="613"/>
      <c r="OBS709" s="613"/>
      <c r="OBT709" s="613"/>
      <c r="OBU709" s="613"/>
      <c r="OBV709" s="613"/>
      <c r="OBW709" s="613"/>
      <c r="OBX709" s="613"/>
      <c r="OBY709" s="613"/>
      <c r="OBZ709" s="613"/>
      <c r="OCA709" s="613"/>
      <c r="OCB709" s="613"/>
      <c r="OCC709" s="613"/>
      <c r="OCD709" s="613"/>
      <c r="OCE709" s="613"/>
      <c r="OCF709" s="613"/>
      <c r="OCG709" s="613"/>
      <c r="OCH709" s="613"/>
      <c r="OCI709" s="613"/>
      <c r="OCJ709" s="613"/>
      <c r="OCK709" s="613"/>
      <c r="OCL709" s="613"/>
      <c r="OCM709" s="613"/>
      <c r="OCN709" s="613"/>
      <c r="OCO709" s="613"/>
      <c r="OCP709" s="613"/>
      <c r="OCQ709" s="613"/>
      <c r="OCR709" s="613"/>
      <c r="OCS709" s="613"/>
      <c r="OCT709" s="613"/>
      <c r="OCU709" s="613"/>
      <c r="OCV709" s="613"/>
      <c r="OCW709" s="613"/>
      <c r="OCX709" s="613"/>
      <c r="OCY709" s="613"/>
      <c r="OCZ709" s="613"/>
      <c r="ODA709" s="613"/>
      <c r="ODB709" s="613"/>
      <c r="ODC709" s="613"/>
      <c r="ODD709" s="613"/>
      <c r="ODE709" s="613"/>
      <c r="ODF709" s="613"/>
      <c r="ODG709" s="613"/>
      <c r="ODH709" s="613"/>
      <c r="ODI709" s="613"/>
      <c r="ODJ709" s="613"/>
      <c r="ODK709" s="613"/>
      <c r="ODL709" s="613"/>
      <c r="ODM709" s="613"/>
      <c r="ODN709" s="613"/>
      <c r="ODO709" s="613"/>
      <c r="ODP709" s="613"/>
      <c r="ODQ709" s="613"/>
      <c r="ODR709" s="613"/>
      <c r="ODS709" s="613"/>
      <c r="ODT709" s="613"/>
      <c r="ODU709" s="613"/>
      <c r="ODV709" s="613"/>
      <c r="ODW709" s="613"/>
      <c r="ODX709" s="613"/>
      <c r="ODY709" s="613"/>
      <c r="ODZ709" s="613"/>
      <c r="OEA709" s="613"/>
      <c r="OEB709" s="613"/>
      <c r="OEC709" s="613"/>
      <c r="OED709" s="613"/>
      <c r="OEE709" s="613"/>
      <c r="OEF709" s="613"/>
      <c r="OEG709" s="613"/>
      <c r="OEH709" s="613"/>
      <c r="OEI709" s="613"/>
      <c r="OEJ709" s="613"/>
      <c r="OEK709" s="613"/>
      <c r="OEL709" s="613"/>
      <c r="OEM709" s="613"/>
      <c r="OEN709" s="613"/>
      <c r="OEO709" s="613"/>
      <c r="OEP709" s="613"/>
      <c r="OEQ709" s="613"/>
      <c r="OER709" s="613"/>
      <c r="OES709" s="613"/>
      <c r="OET709" s="613"/>
      <c r="OEU709" s="613"/>
      <c r="OEV709" s="613"/>
      <c r="OEW709" s="613"/>
      <c r="OEX709" s="613"/>
      <c r="OEY709" s="613"/>
      <c r="OEZ709" s="613"/>
      <c r="OFA709" s="613"/>
      <c r="OFB709" s="613"/>
      <c r="OFC709" s="613"/>
      <c r="OFD709" s="613"/>
      <c r="OFE709" s="613"/>
      <c r="OFF709" s="613"/>
      <c r="OFG709" s="613"/>
      <c r="OFH709" s="613"/>
      <c r="OFI709" s="613"/>
      <c r="OFJ709" s="613"/>
      <c r="OFK709" s="613"/>
      <c r="OFL709" s="613"/>
      <c r="OFM709" s="613"/>
      <c r="OFN709" s="613"/>
      <c r="OFO709" s="613"/>
      <c r="OFP709" s="613"/>
      <c r="OFQ709" s="613"/>
      <c r="OFR709" s="613"/>
      <c r="OFS709" s="613"/>
      <c r="OFT709" s="613"/>
      <c r="OFU709" s="613"/>
      <c r="OFV709" s="613"/>
      <c r="OFW709" s="613"/>
      <c r="OFX709" s="613"/>
      <c r="OFY709" s="613"/>
      <c r="OFZ709" s="613"/>
      <c r="OGA709" s="613"/>
      <c r="OGB709" s="613"/>
      <c r="OGC709" s="613"/>
      <c r="OGD709" s="613"/>
      <c r="OGE709" s="613"/>
      <c r="OGF709" s="613"/>
      <c r="OGG709" s="613"/>
      <c r="OGH709" s="613"/>
      <c r="OGI709" s="613"/>
      <c r="OGJ709" s="613"/>
      <c r="OGK709" s="613"/>
      <c r="OGL709" s="613"/>
      <c r="OGM709" s="613"/>
      <c r="OGN709" s="613"/>
      <c r="OGO709" s="613"/>
      <c r="OGP709" s="613"/>
      <c r="OGQ709" s="613"/>
      <c r="OGR709" s="613"/>
      <c r="OGS709" s="613"/>
      <c r="OGT709" s="613"/>
      <c r="OGU709" s="613"/>
      <c r="OGV709" s="613"/>
      <c r="OGW709" s="613"/>
      <c r="OGX709" s="613"/>
      <c r="OGY709" s="613"/>
      <c r="OGZ709" s="613"/>
      <c r="OHA709" s="613"/>
      <c r="OHB709" s="613"/>
      <c r="OHC709" s="613"/>
      <c r="OHD709" s="613"/>
      <c r="OHE709" s="613"/>
      <c r="OHF709" s="613"/>
      <c r="OHG709" s="613"/>
      <c r="OHH709" s="613"/>
      <c r="OHI709" s="613"/>
      <c r="OHJ709" s="613"/>
      <c r="OHK709" s="613"/>
      <c r="OHL709" s="613"/>
      <c r="OHM709" s="613"/>
      <c r="OHN709" s="613"/>
      <c r="OHO709" s="613"/>
      <c r="OHP709" s="613"/>
      <c r="OHQ709" s="613"/>
      <c r="OHR709" s="613"/>
      <c r="OHS709" s="613"/>
      <c r="OHT709" s="613"/>
      <c r="OHU709" s="613"/>
      <c r="OHV709" s="613"/>
      <c r="OHW709" s="613"/>
      <c r="OHX709" s="613"/>
      <c r="OHY709" s="613"/>
      <c r="OHZ709" s="613"/>
      <c r="OIA709" s="613"/>
      <c r="OIB709" s="613"/>
      <c r="OIC709" s="613"/>
      <c r="OID709" s="613"/>
      <c r="OIE709" s="613"/>
      <c r="OIF709" s="613"/>
      <c r="OIG709" s="613"/>
      <c r="OIH709" s="613"/>
      <c r="OII709" s="613"/>
      <c r="OIJ709" s="613"/>
      <c r="OIK709" s="613"/>
      <c r="OIL709" s="613"/>
      <c r="OIM709" s="613"/>
      <c r="OIN709" s="613"/>
      <c r="OIO709" s="613"/>
      <c r="OIP709" s="613"/>
      <c r="OIQ709" s="613"/>
      <c r="OIR709" s="613"/>
      <c r="OIS709" s="613"/>
      <c r="OIT709" s="613"/>
      <c r="OIU709" s="613"/>
      <c r="OIV709" s="613"/>
      <c r="OIW709" s="613"/>
      <c r="OIX709" s="613"/>
      <c r="OIY709" s="613"/>
      <c r="OIZ709" s="613"/>
      <c r="OJA709" s="613"/>
      <c r="OJB709" s="613"/>
      <c r="OJC709" s="613"/>
      <c r="OJD709" s="613"/>
      <c r="OJE709" s="613"/>
      <c r="OJF709" s="613"/>
      <c r="OJG709" s="613"/>
      <c r="OJH709" s="613"/>
      <c r="OJI709" s="613"/>
      <c r="OJJ709" s="613"/>
      <c r="OJK709" s="613"/>
      <c r="OJL709" s="613"/>
      <c r="OJM709" s="613"/>
      <c r="OJN709" s="613"/>
      <c r="OJO709" s="613"/>
      <c r="OJP709" s="613"/>
      <c r="OJQ709" s="613"/>
      <c r="OJR709" s="613"/>
      <c r="OJS709" s="613"/>
      <c r="OJT709" s="613"/>
      <c r="OJU709" s="613"/>
      <c r="OJV709" s="613"/>
      <c r="OJW709" s="613"/>
      <c r="OJX709" s="613"/>
      <c r="OJY709" s="613"/>
      <c r="OJZ709" s="613"/>
      <c r="OKA709" s="613"/>
      <c r="OKB709" s="613"/>
      <c r="OKC709" s="613"/>
      <c r="OKD709" s="613"/>
      <c r="OKE709" s="613"/>
      <c r="OKF709" s="613"/>
      <c r="OKG709" s="613"/>
      <c r="OKH709" s="613"/>
      <c r="OKI709" s="613"/>
      <c r="OKJ709" s="613"/>
      <c r="OKK709" s="613"/>
      <c r="OKL709" s="613"/>
      <c r="OKM709" s="613"/>
      <c r="OKN709" s="613"/>
      <c r="OKO709" s="613"/>
      <c r="OKP709" s="613"/>
      <c r="OKQ709" s="613"/>
      <c r="OKR709" s="613"/>
      <c r="OKS709" s="613"/>
      <c r="OKT709" s="613"/>
      <c r="OKU709" s="613"/>
      <c r="OKV709" s="613"/>
      <c r="OKW709" s="613"/>
      <c r="OKX709" s="613"/>
      <c r="OKY709" s="613"/>
      <c r="OKZ709" s="613"/>
      <c r="OLA709" s="613"/>
      <c r="OLB709" s="613"/>
      <c r="OLC709" s="613"/>
      <c r="OLD709" s="613"/>
      <c r="OLE709" s="613"/>
      <c r="OLF709" s="613"/>
      <c r="OLG709" s="613"/>
      <c r="OLH709" s="613"/>
      <c r="OLI709" s="613"/>
      <c r="OLJ709" s="613"/>
      <c r="OLK709" s="613"/>
      <c r="OLL709" s="613"/>
      <c r="OLM709" s="613"/>
      <c r="OLN709" s="613"/>
      <c r="OLO709" s="613"/>
      <c r="OLP709" s="613"/>
      <c r="OLQ709" s="613"/>
      <c r="OLR709" s="613"/>
      <c r="OLS709" s="613"/>
      <c r="OLT709" s="613"/>
      <c r="OLU709" s="613"/>
      <c r="OLV709" s="613"/>
      <c r="OLW709" s="613"/>
      <c r="OLX709" s="613"/>
      <c r="OLY709" s="613"/>
      <c r="OLZ709" s="613"/>
      <c r="OMA709" s="613"/>
      <c r="OMB709" s="613"/>
      <c r="OMC709" s="613"/>
      <c r="OMD709" s="613"/>
      <c r="OME709" s="613"/>
      <c r="OMF709" s="613"/>
      <c r="OMG709" s="613"/>
      <c r="OMH709" s="613"/>
      <c r="OMI709" s="613"/>
      <c r="OMJ709" s="613"/>
      <c r="OMK709" s="613"/>
      <c r="OML709" s="613"/>
      <c r="OMM709" s="613"/>
      <c r="OMN709" s="613"/>
      <c r="OMO709" s="613"/>
      <c r="OMP709" s="613"/>
      <c r="OMQ709" s="613"/>
      <c r="OMR709" s="613"/>
      <c r="OMS709" s="613"/>
      <c r="OMT709" s="613"/>
      <c r="OMU709" s="613"/>
      <c r="OMV709" s="613"/>
      <c r="OMW709" s="613"/>
      <c r="OMX709" s="613"/>
      <c r="OMY709" s="613"/>
      <c r="OMZ709" s="613"/>
      <c r="ONA709" s="613"/>
      <c r="ONB709" s="613"/>
      <c r="ONC709" s="613"/>
      <c r="OND709" s="613"/>
      <c r="ONE709" s="613"/>
      <c r="ONF709" s="613"/>
      <c r="ONG709" s="613"/>
      <c r="ONH709" s="613"/>
      <c r="ONI709" s="613"/>
      <c r="ONJ709" s="613"/>
      <c r="ONK709" s="613"/>
      <c r="ONL709" s="613"/>
      <c r="ONM709" s="613"/>
      <c r="ONN709" s="613"/>
      <c r="ONO709" s="613"/>
      <c r="ONP709" s="613"/>
      <c r="ONQ709" s="613"/>
      <c r="ONR709" s="613"/>
      <c r="ONS709" s="613"/>
      <c r="ONT709" s="613"/>
      <c r="ONU709" s="613"/>
      <c r="ONV709" s="613"/>
      <c r="ONW709" s="613"/>
      <c r="ONX709" s="613"/>
      <c r="ONY709" s="613"/>
      <c r="ONZ709" s="613"/>
      <c r="OOA709" s="613"/>
      <c r="OOB709" s="613"/>
      <c r="OOC709" s="613"/>
      <c r="OOD709" s="613"/>
      <c r="OOE709" s="613"/>
      <c r="OOF709" s="613"/>
      <c r="OOG709" s="613"/>
      <c r="OOH709" s="613"/>
      <c r="OOI709" s="613"/>
      <c r="OOJ709" s="613"/>
      <c r="OOK709" s="613"/>
      <c r="OOL709" s="613"/>
      <c r="OOM709" s="613"/>
      <c r="OON709" s="613"/>
      <c r="OOO709" s="613"/>
      <c r="OOP709" s="613"/>
      <c r="OOQ709" s="613"/>
      <c r="OOR709" s="613"/>
      <c r="OOS709" s="613"/>
      <c r="OOT709" s="613"/>
      <c r="OOU709" s="613"/>
      <c r="OOV709" s="613"/>
      <c r="OOW709" s="613"/>
      <c r="OOX709" s="613"/>
      <c r="OOY709" s="613"/>
      <c r="OOZ709" s="613"/>
      <c r="OPA709" s="613"/>
      <c r="OPB709" s="613"/>
      <c r="OPC709" s="613"/>
      <c r="OPD709" s="613"/>
      <c r="OPE709" s="613"/>
      <c r="OPF709" s="613"/>
      <c r="OPG709" s="613"/>
      <c r="OPH709" s="613"/>
      <c r="OPI709" s="613"/>
      <c r="OPJ709" s="613"/>
      <c r="OPK709" s="613"/>
      <c r="OPL709" s="613"/>
      <c r="OPM709" s="613"/>
      <c r="OPN709" s="613"/>
      <c r="OPO709" s="613"/>
      <c r="OPP709" s="613"/>
      <c r="OPQ709" s="613"/>
      <c r="OPR709" s="613"/>
      <c r="OPS709" s="613"/>
      <c r="OPT709" s="613"/>
      <c r="OPU709" s="613"/>
      <c r="OPV709" s="613"/>
      <c r="OPW709" s="613"/>
      <c r="OPX709" s="613"/>
      <c r="OPY709" s="613"/>
      <c r="OPZ709" s="613"/>
      <c r="OQA709" s="613"/>
      <c r="OQB709" s="613"/>
      <c r="OQC709" s="613"/>
      <c r="OQD709" s="613"/>
      <c r="OQE709" s="613"/>
      <c r="OQF709" s="613"/>
      <c r="OQG709" s="613"/>
      <c r="OQH709" s="613"/>
      <c r="OQI709" s="613"/>
      <c r="OQJ709" s="613"/>
      <c r="OQK709" s="613"/>
      <c r="OQL709" s="613"/>
      <c r="OQM709" s="613"/>
      <c r="OQN709" s="613"/>
      <c r="OQO709" s="613"/>
      <c r="OQP709" s="613"/>
      <c r="OQQ709" s="613"/>
      <c r="OQR709" s="613"/>
      <c r="OQS709" s="613"/>
      <c r="OQT709" s="613"/>
      <c r="OQU709" s="613"/>
      <c r="OQV709" s="613"/>
      <c r="OQW709" s="613"/>
      <c r="OQX709" s="613"/>
      <c r="OQY709" s="613"/>
      <c r="OQZ709" s="613"/>
      <c r="ORA709" s="613"/>
      <c r="ORB709" s="613"/>
      <c r="ORC709" s="613"/>
      <c r="ORD709" s="613"/>
      <c r="ORE709" s="613"/>
      <c r="ORF709" s="613"/>
      <c r="ORG709" s="613"/>
      <c r="ORH709" s="613"/>
      <c r="ORI709" s="613"/>
      <c r="ORJ709" s="613"/>
      <c r="ORK709" s="613"/>
      <c r="ORL709" s="613"/>
      <c r="ORM709" s="613"/>
      <c r="ORN709" s="613"/>
      <c r="ORO709" s="613"/>
      <c r="ORP709" s="613"/>
      <c r="ORQ709" s="613"/>
      <c r="ORR709" s="613"/>
      <c r="ORS709" s="613"/>
      <c r="ORT709" s="613"/>
      <c r="ORU709" s="613"/>
      <c r="ORV709" s="613"/>
      <c r="ORW709" s="613"/>
      <c r="ORX709" s="613"/>
      <c r="ORY709" s="613"/>
      <c r="ORZ709" s="613"/>
      <c r="OSA709" s="613"/>
      <c r="OSB709" s="613"/>
      <c r="OSC709" s="613"/>
      <c r="OSD709" s="613"/>
      <c r="OSE709" s="613"/>
      <c r="OSF709" s="613"/>
      <c r="OSG709" s="613"/>
      <c r="OSH709" s="613"/>
      <c r="OSI709" s="613"/>
      <c r="OSJ709" s="613"/>
      <c r="OSK709" s="613"/>
      <c r="OSL709" s="613"/>
      <c r="OSM709" s="613"/>
      <c r="OSN709" s="613"/>
      <c r="OSO709" s="613"/>
      <c r="OSP709" s="613"/>
      <c r="OSQ709" s="613"/>
      <c r="OSR709" s="613"/>
      <c r="OSS709" s="613"/>
      <c r="OST709" s="613"/>
      <c r="OSU709" s="613"/>
      <c r="OSV709" s="613"/>
      <c r="OSW709" s="613"/>
      <c r="OSX709" s="613"/>
      <c r="OSY709" s="613"/>
      <c r="OSZ709" s="613"/>
      <c r="OTA709" s="613"/>
      <c r="OTB709" s="613"/>
      <c r="OTC709" s="613"/>
      <c r="OTD709" s="613"/>
      <c r="OTE709" s="613"/>
      <c r="OTF709" s="613"/>
      <c r="OTG709" s="613"/>
      <c r="OTH709" s="613"/>
      <c r="OTI709" s="613"/>
      <c r="OTJ709" s="613"/>
      <c r="OTK709" s="613"/>
      <c r="OTL709" s="613"/>
      <c r="OTM709" s="613"/>
      <c r="OTN709" s="613"/>
      <c r="OTO709" s="613"/>
      <c r="OTP709" s="613"/>
      <c r="OTQ709" s="613"/>
      <c r="OTR709" s="613"/>
      <c r="OTS709" s="613"/>
      <c r="OTT709" s="613"/>
      <c r="OTU709" s="613"/>
      <c r="OTV709" s="613"/>
      <c r="OTW709" s="613"/>
      <c r="OTX709" s="613"/>
      <c r="OTY709" s="613"/>
      <c r="OTZ709" s="613"/>
      <c r="OUA709" s="613"/>
      <c r="OUB709" s="613"/>
      <c r="OUC709" s="613"/>
      <c r="OUD709" s="613"/>
      <c r="OUE709" s="613"/>
      <c r="OUF709" s="613"/>
      <c r="OUG709" s="613"/>
      <c r="OUH709" s="613"/>
      <c r="OUI709" s="613"/>
      <c r="OUJ709" s="613"/>
      <c r="OUK709" s="613"/>
      <c r="OUL709" s="613"/>
      <c r="OUM709" s="613"/>
      <c r="OUN709" s="613"/>
      <c r="OUO709" s="613"/>
      <c r="OUP709" s="613"/>
      <c r="OUQ709" s="613"/>
      <c r="OUR709" s="613"/>
      <c r="OUS709" s="613"/>
      <c r="OUT709" s="613"/>
      <c r="OUU709" s="613"/>
      <c r="OUV709" s="613"/>
      <c r="OUW709" s="613"/>
      <c r="OUX709" s="613"/>
      <c r="OUY709" s="613"/>
      <c r="OUZ709" s="613"/>
      <c r="OVA709" s="613"/>
      <c r="OVB709" s="613"/>
      <c r="OVC709" s="613"/>
      <c r="OVD709" s="613"/>
      <c r="OVE709" s="613"/>
      <c r="OVF709" s="613"/>
      <c r="OVG709" s="613"/>
      <c r="OVH709" s="613"/>
      <c r="OVI709" s="613"/>
      <c r="OVJ709" s="613"/>
      <c r="OVK709" s="613"/>
      <c r="OVL709" s="613"/>
      <c r="OVM709" s="613"/>
      <c r="OVN709" s="613"/>
      <c r="OVO709" s="613"/>
      <c r="OVP709" s="613"/>
      <c r="OVQ709" s="613"/>
      <c r="OVR709" s="613"/>
      <c r="OVS709" s="613"/>
      <c r="OVT709" s="613"/>
      <c r="OVU709" s="613"/>
      <c r="OVV709" s="613"/>
      <c r="OVW709" s="613"/>
      <c r="OVX709" s="613"/>
      <c r="OVY709" s="613"/>
      <c r="OVZ709" s="613"/>
      <c r="OWA709" s="613"/>
      <c r="OWB709" s="613"/>
      <c r="OWC709" s="613"/>
      <c r="OWD709" s="613"/>
      <c r="OWE709" s="613"/>
      <c r="OWF709" s="613"/>
      <c r="OWG709" s="613"/>
      <c r="OWH709" s="613"/>
      <c r="OWI709" s="613"/>
      <c r="OWJ709" s="613"/>
      <c r="OWK709" s="613"/>
      <c r="OWL709" s="613"/>
      <c r="OWM709" s="613"/>
      <c r="OWN709" s="613"/>
      <c r="OWO709" s="613"/>
      <c r="OWP709" s="613"/>
      <c r="OWQ709" s="613"/>
      <c r="OWR709" s="613"/>
      <c r="OWS709" s="613"/>
      <c r="OWT709" s="613"/>
      <c r="OWU709" s="613"/>
      <c r="OWV709" s="613"/>
      <c r="OWW709" s="613"/>
      <c r="OWX709" s="613"/>
      <c r="OWY709" s="613"/>
      <c r="OWZ709" s="613"/>
      <c r="OXA709" s="613"/>
      <c r="OXB709" s="613"/>
      <c r="OXC709" s="613"/>
      <c r="OXD709" s="613"/>
      <c r="OXE709" s="613"/>
      <c r="OXF709" s="613"/>
      <c r="OXG709" s="613"/>
      <c r="OXH709" s="613"/>
      <c r="OXI709" s="613"/>
      <c r="OXJ709" s="613"/>
      <c r="OXK709" s="613"/>
      <c r="OXL709" s="613"/>
      <c r="OXM709" s="613"/>
      <c r="OXN709" s="613"/>
      <c r="OXO709" s="613"/>
      <c r="OXP709" s="613"/>
      <c r="OXQ709" s="613"/>
      <c r="OXR709" s="613"/>
      <c r="OXS709" s="613"/>
      <c r="OXT709" s="613"/>
      <c r="OXU709" s="613"/>
      <c r="OXV709" s="613"/>
      <c r="OXW709" s="613"/>
      <c r="OXX709" s="613"/>
      <c r="OXY709" s="613"/>
      <c r="OXZ709" s="613"/>
      <c r="OYA709" s="613"/>
      <c r="OYB709" s="613"/>
      <c r="OYC709" s="613"/>
      <c r="OYD709" s="613"/>
      <c r="OYE709" s="613"/>
      <c r="OYF709" s="613"/>
      <c r="OYG709" s="613"/>
      <c r="OYH709" s="613"/>
      <c r="OYI709" s="613"/>
      <c r="OYJ709" s="613"/>
      <c r="OYK709" s="613"/>
      <c r="OYL709" s="613"/>
      <c r="OYM709" s="613"/>
      <c r="OYN709" s="613"/>
      <c r="OYO709" s="613"/>
      <c r="OYP709" s="613"/>
      <c r="OYQ709" s="613"/>
      <c r="OYR709" s="613"/>
      <c r="OYS709" s="613"/>
      <c r="OYT709" s="613"/>
      <c r="OYU709" s="613"/>
      <c r="OYV709" s="613"/>
      <c r="OYW709" s="613"/>
      <c r="OYX709" s="613"/>
      <c r="OYY709" s="613"/>
      <c r="OYZ709" s="613"/>
      <c r="OZA709" s="613"/>
      <c r="OZB709" s="613"/>
      <c r="OZC709" s="613"/>
      <c r="OZD709" s="613"/>
      <c r="OZE709" s="613"/>
      <c r="OZF709" s="613"/>
      <c r="OZG709" s="613"/>
      <c r="OZH709" s="613"/>
      <c r="OZI709" s="613"/>
      <c r="OZJ709" s="613"/>
      <c r="OZK709" s="613"/>
      <c r="OZL709" s="613"/>
      <c r="OZM709" s="613"/>
      <c r="OZN709" s="613"/>
      <c r="OZO709" s="613"/>
      <c r="OZP709" s="613"/>
      <c r="OZQ709" s="613"/>
      <c r="OZR709" s="613"/>
      <c r="OZS709" s="613"/>
      <c r="OZT709" s="613"/>
      <c r="OZU709" s="613"/>
      <c r="OZV709" s="613"/>
      <c r="OZW709" s="613"/>
      <c r="OZX709" s="613"/>
      <c r="OZY709" s="613"/>
      <c r="OZZ709" s="613"/>
      <c r="PAA709" s="613"/>
      <c r="PAB709" s="613"/>
      <c r="PAC709" s="613"/>
      <c r="PAD709" s="613"/>
      <c r="PAE709" s="613"/>
      <c r="PAF709" s="613"/>
      <c r="PAG709" s="613"/>
      <c r="PAH709" s="613"/>
      <c r="PAI709" s="613"/>
      <c r="PAJ709" s="613"/>
      <c r="PAK709" s="613"/>
      <c r="PAL709" s="613"/>
      <c r="PAM709" s="613"/>
      <c r="PAN709" s="613"/>
      <c r="PAO709" s="613"/>
      <c r="PAP709" s="613"/>
      <c r="PAQ709" s="613"/>
      <c r="PAR709" s="613"/>
      <c r="PAS709" s="613"/>
      <c r="PAT709" s="613"/>
      <c r="PAU709" s="613"/>
      <c r="PAV709" s="613"/>
      <c r="PAW709" s="613"/>
      <c r="PAX709" s="613"/>
      <c r="PAY709" s="613"/>
      <c r="PAZ709" s="613"/>
      <c r="PBA709" s="613"/>
      <c r="PBB709" s="613"/>
      <c r="PBC709" s="613"/>
      <c r="PBD709" s="613"/>
      <c r="PBE709" s="613"/>
      <c r="PBF709" s="613"/>
      <c r="PBG709" s="613"/>
      <c r="PBH709" s="613"/>
      <c r="PBI709" s="613"/>
      <c r="PBJ709" s="613"/>
      <c r="PBK709" s="613"/>
      <c r="PBL709" s="613"/>
      <c r="PBM709" s="613"/>
      <c r="PBN709" s="613"/>
      <c r="PBO709" s="613"/>
      <c r="PBP709" s="613"/>
      <c r="PBQ709" s="613"/>
      <c r="PBR709" s="613"/>
      <c r="PBS709" s="613"/>
      <c r="PBT709" s="613"/>
      <c r="PBU709" s="613"/>
      <c r="PBV709" s="613"/>
      <c r="PBW709" s="613"/>
      <c r="PBX709" s="613"/>
      <c r="PBY709" s="613"/>
      <c r="PBZ709" s="613"/>
      <c r="PCA709" s="613"/>
      <c r="PCB709" s="613"/>
      <c r="PCC709" s="613"/>
      <c r="PCD709" s="613"/>
      <c r="PCE709" s="613"/>
      <c r="PCF709" s="613"/>
      <c r="PCG709" s="613"/>
      <c r="PCH709" s="613"/>
      <c r="PCI709" s="613"/>
      <c r="PCJ709" s="613"/>
      <c r="PCK709" s="613"/>
      <c r="PCL709" s="613"/>
      <c r="PCM709" s="613"/>
      <c r="PCN709" s="613"/>
      <c r="PCO709" s="613"/>
      <c r="PCP709" s="613"/>
      <c r="PCQ709" s="613"/>
      <c r="PCR709" s="613"/>
      <c r="PCS709" s="613"/>
      <c r="PCT709" s="613"/>
      <c r="PCU709" s="613"/>
      <c r="PCV709" s="613"/>
      <c r="PCW709" s="613"/>
      <c r="PCX709" s="613"/>
      <c r="PCY709" s="613"/>
      <c r="PCZ709" s="613"/>
      <c r="PDA709" s="613"/>
      <c r="PDB709" s="613"/>
      <c r="PDC709" s="613"/>
      <c r="PDD709" s="613"/>
      <c r="PDE709" s="613"/>
      <c r="PDF709" s="613"/>
      <c r="PDG709" s="613"/>
      <c r="PDH709" s="613"/>
      <c r="PDI709" s="613"/>
      <c r="PDJ709" s="613"/>
      <c r="PDK709" s="613"/>
      <c r="PDL709" s="613"/>
      <c r="PDM709" s="613"/>
      <c r="PDN709" s="613"/>
      <c r="PDO709" s="613"/>
      <c r="PDP709" s="613"/>
      <c r="PDQ709" s="613"/>
      <c r="PDR709" s="613"/>
      <c r="PDS709" s="613"/>
      <c r="PDT709" s="613"/>
      <c r="PDU709" s="613"/>
      <c r="PDV709" s="613"/>
      <c r="PDW709" s="613"/>
      <c r="PDX709" s="613"/>
      <c r="PDY709" s="613"/>
      <c r="PDZ709" s="613"/>
      <c r="PEA709" s="613"/>
      <c r="PEB709" s="613"/>
      <c r="PEC709" s="613"/>
      <c r="PED709" s="613"/>
      <c r="PEE709" s="613"/>
      <c r="PEF709" s="613"/>
      <c r="PEG709" s="613"/>
      <c r="PEH709" s="613"/>
      <c r="PEI709" s="613"/>
      <c r="PEJ709" s="613"/>
      <c r="PEK709" s="613"/>
      <c r="PEL709" s="613"/>
      <c r="PEM709" s="613"/>
      <c r="PEN709" s="613"/>
      <c r="PEO709" s="613"/>
      <c r="PEP709" s="613"/>
      <c r="PEQ709" s="613"/>
      <c r="PER709" s="613"/>
      <c r="PES709" s="613"/>
      <c r="PET709" s="613"/>
      <c r="PEU709" s="613"/>
      <c r="PEV709" s="613"/>
      <c r="PEW709" s="613"/>
      <c r="PEX709" s="613"/>
      <c r="PEY709" s="613"/>
      <c r="PEZ709" s="613"/>
      <c r="PFA709" s="613"/>
      <c r="PFB709" s="613"/>
      <c r="PFC709" s="613"/>
      <c r="PFD709" s="613"/>
      <c r="PFE709" s="613"/>
      <c r="PFF709" s="613"/>
      <c r="PFG709" s="613"/>
      <c r="PFH709" s="613"/>
      <c r="PFI709" s="613"/>
      <c r="PFJ709" s="613"/>
      <c r="PFK709" s="613"/>
      <c r="PFL709" s="613"/>
      <c r="PFM709" s="613"/>
      <c r="PFN709" s="613"/>
      <c r="PFO709" s="613"/>
      <c r="PFP709" s="613"/>
      <c r="PFQ709" s="613"/>
      <c r="PFR709" s="613"/>
      <c r="PFS709" s="613"/>
      <c r="PFT709" s="613"/>
      <c r="PFU709" s="613"/>
      <c r="PFV709" s="613"/>
      <c r="PFW709" s="613"/>
      <c r="PFX709" s="613"/>
      <c r="PFY709" s="613"/>
      <c r="PFZ709" s="613"/>
      <c r="PGA709" s="613"/>
      <c r="PGB709" s="613"/>
      <c r="PGC709" s="613"/>
      <c r="PGD709" s="613"/>
      <c r="PGE709" s="613"/>
      <c r="PGF709" s="613"/>
      <c r="PGG709" s="613"/>
      <c r="PGH709" s="613"/>
      <c r="PGI709" s="613"/>
      <c r="PGJ709" s="613"/>
      <c r="PGK709" s="613"/>
      <c r="PGL709" s="613"/>
      <c r="PGM709" s="613"/>
      <c r="PGN709" s="613"/>
      <c r="PGO709" s="613"/>
      <c r="PGP709" s="613"/>
      <c r="PGQ709" s="613"/>
      <c r="PGR709" s="613"/>
      <c r="PGS709" s="613"/>
      <c r="PGT709" s="613"/>
      <c r="PGU709" s="613"/>
      <c r="PGV709" s="613"/>
      <c r="PGW709" s="613"/>
      <c r="PGX709" s="613"/>
      <c r="PGY709" s="613"/>
      <c r="PGZ709" s="613"/>
      <c r="PHA709" s="613"/>
      <c r="PHB709" s="613"/>
      <c r="PHC709" s="613"/>
      <c r="PHD709" s="613"/>
      <c r="PHE709" s="613"/>
      <c r="PHF709" s="613"/>
      <c r="PHG709" s="613"/>
      <c r="PHH709" s="613"/>
      <c r="PHI709" s="613"/>
      <c r="PHJ709" s="613"/>
      <c r="PHK709" s="613"/>
      <c r="PHL709" s="613"/>
      <c r="PHM709" s="613"/>
      <c r="PHN709" s="613"/>
      <c r="PHO709" s="613"/>
      <c r="PHP709" s="613"/>
      <c r="PHQ709" s="613"/>
      <c r="PHR709" s="613"/>
      <c r="PHS709" s="613"/>
      <c r="PHT709" s="613"/>
      <c r="PHU709" s="613"/>
      <c r="PHV709" s="613"/>
      <c r="PHW709" s="613"/>
      <c r="PHX709" s="613"/>
      <c r="PHY709" s="613"/>
      <c r="PHZ709" s="613"/>
      <c r="PIA709" s="613"/>
      <c r="PIB709" s="613"/>
      <c r="PIC709" s="613"/>
      <c r="PID709" s="613"/>
      <c r="PIE709" s="613"/>
      <c r="PIF709" s="613"/>
      <c r="PIG709" s="613"/>
      <c r="PIH709" s="613"/>
      <c r="PII709" s="613"/>
      <c r="PIJ709" s="613"/>
      <c r="PIK709" s="613"/>
      <c r="PIL709" s="613"/>
      <c r="PIM709" s="613"/>
      <c r="PIN709" s="613"/>
      <c r="PIO709" s="613"/>
      <c r="PIP709" s="613"/>
      <c r="PIQ709" s="613"/>
      <c r="PIR709" s="613"/>
      <c r="PIS709" s="613"/>
      <c r="PIT709" s="613"/>
      <c r="PIU709" s="613"/>
      <c r="PIV709" s="613"/>
      <c r="PIW709" s="613"/>
      <c r="PIX709" s="613"/>
      <c r="PIY709" s="613"/>
      <c r="PIZ709" s="613"/>
      <c r="PJA709" s="613"/>
      <c r="PJB709" s="613"/>
      <c r="PJC709" s="613"/>
      <c r="PJD709" s="613"/>
      <c r="PJE709" s="613"/>
      <c r="PJF709" s="613"/>
      <c r="PJG709" s="613"/>
      <c r="PJH709" s="613"/>
      <c r="PJI709" s="613"/>
      <c r="PJJ709" s="613"/>
      <c r="PJK709" s="613"/>
      <c r="PJL709" s="613"/>
      <c r="PJM709" s="613"/>
      <c r="PJN709" s="613"/>
      <c r="PJO709" s="613"/>
      <c r="PJP709" s="613"/>
      <c r="PJQ709" s="613"/>
      <c r="PJR709" s="613"/>
      <c r="PJS709" s="613"/>
      <c r="PJT709" s="613"/>
      <c r="PJU709" s="613"/>
      <c r="PJV709" s="613"/>
      <c r="PJW709" s="613"/>
      <c r="PJX709" s="613"/>
      <c r="PJY709" s="613"/>
      <c r="PJZ709" s="613"/>
      <c r="PKA709" s="613"/>
      <c r="PKB709" s="613"/>
      <c r="PKC709" s="613"/>
      <c r="PKD709" s="613"/>
      <c r="PKE709" s="613"/>
      <c r="PKF709" s="613"/>
      <c r="PKG709" s="613"/>
      <c r="PKH709" s="613"/>
      <c r="PKI709" s="613"/>
      <c r="PKJ709" s="613"/>
      <c r="PKK709" s="613"/>
      <c r="PKL709" s="613"/>
      <c r="PKM709" s="613"/>
      <c r="PKN709" s="613"/>
      <c r="PKO709" s="613"/>
      <c r="PKP709" s="613"/>
      <c r="PKQ709" s="613"/>
      <c r="PKR709" s="613"/>
      <c r="PKS709" s="613"/>
      <c r="PKT709" s="613"/>
      <c r="PKU709" s="613"/>
      <c r="PKV709" s="613"/>
      <c r="PKW709" s="613"/>
      <c r="PKX709" s="613"/>
      <c r="PKY709" s="613"/>
      <c r="PKZ709" s="613"/>
      <c r="PLA709" s="613"/>
      <c r="PLB709" s="613"/>
      <c r="PLC709" s="613"/>
      <c r="PLD709" s="613"/>
      <c r="PLE709" s="613"/>
      <c r="PLF709" s="613"/>
      <c r="PLG709" s="613"/>
      <c r="PLH709" s="613"/>
      <c r="PLI709" s="613"/>
      <c r="PLJ709" s="613"/>
      <c r="PLK709" s="613"/>
      <c r="PLL709" s="613"/>
      <c r="PLM709" s="613"/>
      <c r="PLN709" s="613"/>
      <c r="PLO709" s="613"/>
      <c r="PLP709" s="613"/>
      <c r="PLQ709" s="613"/>
      <c r="PLR709" s="613"/>
      <c r="PLS709" s="613"/>
      <c r="PLT709" s="613"/>
      <c r="PLU709" s="613"/>
      <c r="PLV709" s="613"/>
      <c r="PLW709" s="613"/>
      <c r="PLX709" s="613"/>
      <c r="PLY709" s="613"/>
      <c r="PLZ709" s="613"/>
      <c r="PMA709" s="613"/>
      <c r="PMB709" s="613"/>
      <c r="PMC709" s="613"/>
      <c r="PMD709" s="613"/>
      <c r="PME709" s="613"/>
      <c r="PMF709" s="613"/>
      <c r="PMG709" s="613"/>
      <c r="PMH709" s="613"/>
      <c r="PMI709" s="613"/>
      <c r="PMJ709" s="613"/>
      <c r="PMK709" s="613"/>
      <c r="PML709" s="613"/>
      <c r="PMM709" s="613"/>
      <c r="PMN709" s="613"/>
      <c r="PMO709" s="613"/>
      <c r="PMP709" s="613"/>
      <c r="PMQ709" s="613"/>
      <c r="PMR709" s="613"/>
      <c r="PMS709" s="613"/>
      <c r="PMT709" s="613"/>
      <c r="PMU709" s="613"/>
      <c r="PMV709" s="613"/>
      <c r="PMW709" s="613"/>
      <c r="PMX709" s="613"/>
      <c r="PMY709" s="613"/>
      <c r="PMZ709" s="613"/>
      <c r="PNA709" s="613"/>
      <c r="PNB709" s="613"/>
      <c r="PNC709" s="613"/>
      <c r="PND709" s="613"/>
      <c r="PNE709" s="613"/>
      <c r="PNF709" s="613"/>
      <c r="PNG709" s="613"/>
      <c r="PNH709" s="613"/>
      <c r="PNI709" s="613"/>
      <c r="PNJ709" s="613"/>
      <c r="PNK709" s="613"/>
      <c r="PNL709" s="613"/>
      <c r="PNM709" s="613"/>
      <c r="PNN709" s="613"/>
      <c r="PNO709" s="613"/>
      <c r="PNP709" s="613"/>
      <c r="PNQ709" s="613"/>
      <c r="PNR709" s="613"/>
      <c r="PNS709" s="613"/>
      <c r="PNT709" s="613"/>
      <c r="PNU709" s="613"/>
      <c r="PNV709" s="613"/>
      <c r="PNW709" s="613"/>
      <c r="PNX709" s="613"/>
      <c r="PNY709" s="613"/>
      <c r="PNZ709" s="613"/>
      <c r="POA709" s="613"/>
      <c r="POB709" s="613"/>
      <c r="POC709" s="613"/>
      <c r="POD709" s="613"/>
      <c r="POE709" s="613"/>
      <c r="POF709" s="613"/>
      <c r="POG709" s="613"/>
      <c r="POH709" s="613"/>
      <c r="POI709" s="613"/>
      <c r="POJ709" s="613"/>
      <c r="POK709" s="613"/>
      <c r="POL709" s="613"/>
      <c r="POM709" s="613"/>
      <c r="PON709" s="613"/>
      <c r="POO709" s="613"/>
      <c r="POP709" s="613"/>
      <c r="POQ709" s="613"/>
      <c r="POR709" s="613"/>
      <c r="POS709" s="613"/>
      <c r="POT709" s="613"/>
      <c r="POU709" s="613"/>
      <c r="POV709" s="613"/>
      <c r="POW709" s="613"/>
      <c r="POX709" s="613"/>
      <c r="POY709" s="613"/>
      <c r="POZ709" s="613"/>
      <c r="PPA709" s="613"/>
      <c r="PPB709" s="613"/>
      <c r="PPC709" s="613"/>
      <c r="PPD709" s="613"/>
      <c r="PPE709" s="613"/>
      <c r="PPF709" s="613"/>
      <c r="PPG709" s="613"/>
      <c r="PPH709" s="613"/>
      <c r="PPI709" s="613"/>
      <c r="PPJ709" s="613"/>
      <c r="PPK709" s="613"/>
      <c r="PPL709" s="613"/>
      <c r="PPM709" s="613"/>
      <c r="PPN709" s="613"/>
      <c r="PPO709" s="613"/>
      <c r="PPP709" s="613"/>
      <c r="PPQ709" s="613"/>
      <c r="PPR709" s="613"/>
      <c r="PPS709" s="613"/>
      <c r="PPT709" s="613"/>
      <c r="PPU709" s="613"/>
      <c r="PPV709" s="613"/>
      <c r="PPW709" s="613"/>
      <c r="PPX709" s="613"/>
      <c r="PPY709" s="613"/>
      <c r="PPZ709" s="613"/>
      <c r="PQA709" s="613"/>
      <c r="PQB709" s="613"/>
      <c r="PQC709" s="613"/>
      <c r="PQD709" s="613"/>
      <c r="PQE709" s="613"/>
      <c r="PQF709" s="613"/>
      <c r="PQG709" s="613"/>
      <c r="PQH709" s="613"/>
      <c r="PQI709" s="613"/>
      <c r="PQJ709" s="613"/>
      <c r="PQK709" s="613"/>
      <c r="PQL709" s="613"/>
      <c r="PQM709" s="613"/>
      <c r="PQN709" s="613"/>
      <c r="PQO709" s="613"/>
      <c r="PQP709" s="613"/>
      <c r="PQQ709" s="613"/>
      <c r="PQR709" s="613"/>
      <c r="PQS709" s="613"/>
      <c r="PQT709" s="613"/>
      <c r="PQU709" s="613"/>
      <c r="PQV709" s="613"/>
      <c r="PQW709" s="613"/>
      <c r="PQX709" s="613"/>
      <c r="PQY709" s="613"/>
      <c r="PQZ709" s="613"/>
      <c r="PRA709" s="613"/>
      <c r="PRB709" s="613"/>
      <c r="PRC709" s="613"/>
      <c r="PRD709" s="613"/>
      <c r="PRE709" s="613"/>
      <c r="PRF709" s="613"/>
      <c r="PRG709" s="613"/>
      <c r="PRH709" s="613"/>
      <c r="PRI709" s="613"/>
      <c r="PRJ709" s="613"/>
      <c r="PRK709" s="613"/>
      <c r="PRL709" s="613"/>
      <c r="PRM709" s="613"/>
      <c r="PRN709" s="613"/>
      <c r="PRO709" s="613"/>
      <c r="PRP709" s="613"/>
      <c r="PRQ709" s="613"/>
      <c r="PRR709" s="613"/>
      <c r="PRS709" s="613"/>
      <c r="PRT709" s="613"/>
      <c r="PRU709" s="613"/>
      <c r="PRV709" s="613"/>
      <c r="PRW709" s="613"/>
      <c r="PRX709" s="613"/>
      <c r="PRY709" s="613"/>
      <c r="PRZ709" s="613"/>
      <c r="PSA709" s="613"/>
      <c r="PSB709" s="613"/>
      <c r="PSC709" s="613"/>
      <c r="PSD709" s="613"/>
      <c r="PSE709" s="613"/>
      <c r="PSF709" s="613"/>
      <c r="PSG709" s="613"/>
      <c r="PSH709" s="613"/>
      <c r="PSI709" s="613"/>
      <c r="PSJ709" s="613"/>
      <c r="PSK709" s="613"/>
      <c r="PSL709" s="613"/>
      <c r="PSM709" s="613"/>
      <c r="PSN709" s="613"/>
      <c r="PSO709" s="613"/>
      <c r="PSP709" s="613"/>
      <c r="PSQ709" s="613"/>
      <c r="PSR709" s="613"/>
      <c r="PSS709" s="613"/>
      <c r="PST709" s="613"/>
      <c r="PSU709" s="613"/>
      <c r="PSV709" s="613"/>
      <c r="PSW709" s="613"/>
      <c r="PSX709" s="613"/>
      <c r="PSY709" s="613"/>
      <c r="PSZ709" s="613"/>
      <c r="PTA709" s="613"/>
      <c r="PTB709" s="613"/>
      <c r="PTC709" s="613"/>
      <c r="PTD709" s="613"/>
      <c r="PTE709" s="613"/>
      <c r="PTF709" s="613"/>
      <c r="PTG709" s="613"/>
      <c r="PTH709" s="613"/>
      <c r="PTI709" s="613"/>
      <c r="PTJ709" s="613"/>
      <c r="PTK709" s="613"/>
      <c r="PTL709" s="613"/>
      <c r="PTM709" s="613"/>
      <c r="PTN709" s="613"/>
      <c r="PTO709" s="613"/>
      <c r="PTP709" s="613"/>
      <c r="PTQ709" s="613"/>
      <c r="PTR709" s="613"/>
      <c r="PTS709" s="613"/>
      <c r="PTT709" s="613"/>
      <c r="PTU709" s="613"/>
      <c r="PTV709" s="613"/>
      <c r="PTW709" s="613"/>
      <c r="PTX709" s="613"/>
      <c r="PTY709" s="613"/>
      <c r="PTZ709" s="613"/>
      <c r="PUA709" s="613"/>
      <c r="PUB709" s="613"/>
      <c r="PUC709" s="613"/>
      <c r="PUD709" s="613"/>
      <c r="PUE709" s="613"/>
      <c r="PUF709" s="613"/>
      <c r="PUG709" s="613"/>
      <c r="PUH709" s="613"/>
      <c r="PUI709" s="613"/>
      <c r="PUJ709" s="613"/>
      <c r="PUK709" s="613"/>
      <c r="PUL709" s="613"/>
      <c r="PUM709" s="613"/>
      <c r="PUN709" s="613"/>
      <c r="PUO709" s="613"/>
      <c r="PUP709" s="613"/>
      <c r="PUQ709" s="613"/>
      <c r="PUR709" s="613"/>
      <c r="PUS709" s="613"/>
      <c r="PUT709" s="613"/>
      <c r="PUU709" s="613"/>
      <c r="PUV709" s="613"/>
      <c r="PUW709" s="613"/>
      <c r="PUX709" s="613"/>
      <c r="PUY709" s="613"/>
      <c r="PUZ709" s="613"/>
      <c r="PVA709" s="613"/>
      <c r="PVB709" s="613"/>
      <c r="PVC709" s="613"/>
      <c r="PVD709" s="613"/>
      <c r="PVE709" s="613"/>
      <c r="PVF709" s="613"/>
      <c r="PVG709" s="613"/>
      <c r="PVH709" s="613"/>
      <c r="PVI709" s="613"/>
      <c r="PVJ709" s="613"/>
      <c r="PVK709" s="613"/>
      <c r="PVL709" s="613"/>
      <c r="PVM709" s="613"/>
      <c r="PVN709" s="613"/>
      <c r="PVO709" s="613"/>
      <c r="PVP709" s="613"/>
      <c r="PVQ709" s="613"/>
      <c r="PVR709" s="613"/>
      <c r="PVS709" s="613"/>
      <c r="PVT709" s="613"/>
      <c r="PVU709" s="613"/>
      <c r="PVV709" s="613"/>
      <c r="PVW709" s="613"/>
      <c r="PVX709" s="613"/>
      <c r="PVY709" s="613"/>
      <c r="PVZ709" s="613"/>
      <c r="PWA709" s="613"/>
      <c r="PWB709" s="613"/>
      <c r="PWC709" s="613"/>
      <c r="PWD709" s="613"/>
      <c r="PWE709" s="613"/>
      <c r="PWF709" s="613"/>
      <c r="PWG709" s="613"/>
      <c r="PWH709" s="613"/>
      <c r="PWI709" s="613"/>
      <c r="PWJ709" s="613"/>
      <c r="PWK709" s="613"/>
      <c r="PWL709" s="613"/>
      <c r="PWM709" s="613"/>
      <c r="PWN709" s="613"/>
      <c r="PWO709" s="613"/>
      <c r="PWP709" s="613"/>
      <c r="PWQ709" s="613"/>
      <c r="PWR709" s="613"/>
      <c r="PWS709" s="613"/>
      <c r="PWT709" s="613"/>
      <c r="PWU709" s="613"/>
      <c r="PWV709" s="613"/>
      <c r="PWW709" s="613"/>
      <c r="PWX709" s="613"/>
      <c r="PWY709" s="613"/>
      <c r="PWZ709" s="613"/>
      <c r="PXA709" s="613"/>
      <c r="PXB709" s="613"/>
      <c r="PXC709" s="613"/>
      <c r="PXD709" s="613"/>
      <c r="PXE709" s="613"/>
      <c r="PXF709" s="613"/>
      <c r="PXG709" s="613"/>
      <c r="PXH709" s="613"/>
      <c r="PXI709" s="613"/>
      <c r="PXJ709" s="613"/>
      <c r="PXK709" s="613"/>
      <c r="PXL709" s="613"/>
      <c r="PXM709" s="613"/>
      <c r="PXN709" s="613"/>
      <c r="PXO709" s="613"/>
      <c r="PXP709" s="613"/>
      <c r="PXQ709" s="613"/>
      <c r="PXR709" s="613"/>
      <c r="PXS709" s="613"/>
      <c r="PXT709" s="613"/>
      <c r="PXU709" s="613"/>
      <c r="PXV709" s="613"/>
      <c r="PXW709" s="613"/>
      <c r="PXX709" s="613"/>
      <c r="PXY709" s="613"/>
      <c r="PXZ709" s="613"/>
      <c r="PYA709" s="613"/>
      <c r="PYB709" s="613"/>
      <c r="PYC709" s="613"/>
      <c r="PYD709" s="613"/>
      <c r="PYE709" s="613"/>
      <c r="PYF709" s="613"/>
      <c r="PYG709" s="613"/>
      <c r="PYH709" s="613"/>
      <c r="PYI709" s="613"/>
      <c r="PYJ709" s="613"/>
      <c r="PYK709" s="613"/>
      <c r="PYL709" s="613"/>
      <c r="PYM709" s="613"/>
      <c r="PYN709" s="613"/>
      <c r="PYO709" s="613"/>
      <c r="PYP709" s="613"/>
      <c r="PYQ709" s="613"/>
      <c r="PYR709" s="613"/>
      <c r="PYS709" s="613"/>
      <c r="PYT709" s="613"/>
      <c r="PYU709" s="613"/>
      <c r="PYV709" s="613"/>
      <c r="PYW709" s="613"/>
      <c r="PYX709" s="613"/>
      <c r="PYY709" s="613"/>
      <c r="PYZ709" s="613"/>
      <c r="PZA709" s="613"/>
      <c r="PZB709" s="613"/>
      <c r="PZC709" s="613"/>
      <c r="PZD709" s="613"/>
      <c r="PZE709" s="613"/>
      <c r="PZF709" s="613"/>
      <c r="PZG709" s="613"/>
      <c r="PZH709" s="613"/>
      <c r="PZI709" s="613"/>
      <c r="PZJ709" s="613"/>
      <c r="PZK709" s="613"/>
      <c r="PZL709" s="613"/>
      <c r="PZM709" s="613"/>
      <c r="PZN709" s="613"/>
      <c r="PZO709" s="613"/>
      <c r="PZP709" s="613"/>
      <c r="PZQ709" s="613"/>
      <c r="PZR709" s="613"/>
      <c r="PZS709" s="613"/>
      <c r="PZT709" s="613"/>
      <c r="PZU709" s="613"/>
      <c r="PZV709" s="613"/>
      <c r="PZW709" s="613"/>
      <c r="PZX709" s="613"/>
      <c r="PZY709" s="613"/>
      <c r="PZZ709" s="613"/>
      <c r="QAA709" s="613"/>
      <c r="QAB709" s="613"/>
      <c r="QAC709" s="613"/>
      <c r="QAD709" s="613"/>
      <c r="QAE709" s="613"/>
      <c r="QAF709" s="613"/>
      <c r="QAG709" s="613"/>
      <c r="QAH709" s="613"/>
      <c r="QAI709" s="613"/>
      <c r="QAJ709" s="613"/>
      <c r="QAK709" s="613"/>
      <c r="QAL709" s="613"/>
      <c r="QAM709" s="613"/>
      <c r="QAN709" s="613"/>
      <c r="QAO709" s="613"/>
      <c r="QAP709" s="613"/>
      <c r="QAQ709" s="613"/>
      <c r="QAR709" s="613"/>
      <c r="QAS709" s="613"/>
      <c r="QAT709" s="613"/>
      <c r="QAU709" s="613"/>
      <c r="QAV709" s="613"/>
      <c r="QAW709" s="613"/>
      <c r="QAX709" s="613"/>
      <c r="QAY709" s="613"/>
      <c r="QAZ709" s="613"/>
      <c r="QBA709" s="613"/>
      <c r="QBB709" s="613"/>
      <c r="QBC709" s="613"/>
      <c r="QBD709" s="613"/>
      <c r="QBE709" s="613"/>
      <c r="QBF709" s="613"/>
      <c r="QBG709" s="613"/>
      <c r="QBH709" s="613"/>
      <c r="QBI709" s="613"/>
      <c r="QBJ709" s="613"/>
      <c r="QBK709" s="613"/>
      <c r="QBL709" s="613"/>
      <c r="QBM709" s="613"/>
      <c r="QBN709" s="613"/>
      <c r="QBO709" s="613"/>
      <c r="QBP709" s="613"/>
      <c r="QBQ709" s="613"/>
      <c r="QBR709" s="613"/>
      <c r="QBS709" s="613"/>
      <c r="QBT709" s="613"/>
      <c r="QBU709" s="613"/>
      <c r="QBV709" s="613"/>
      <c r="QBW709" s="613"/>
      <c r="QBX709" s="613"/>
      <c r="QBY709" s="613"/>
      <c r="QBZ709" s="613"/>
      <c r="QCA709" s="613"/>
      <c r="QCB709" s="613"/>
      <c r="QCC709" s="613"/>
      <c r="QCD709" s="613"/>
      <c r="QCE709" s="613"/>
      <c r="QCF709" s="613"/>
      <c r="QCG709" s="613"/>
      <c r="QCH709" s="613"/>
      <c r="QCI709" s="613"/>
      <c r="QCJ709" s="613"/>
      <c r="QCK709" s="613"/>
      <c r="QCL709" s="613"/>
      <c r="QCM709" s="613"/>
      <c r="QCN709" s="613"/>
      <c r="QCO709" s="613"/>
      <c r="QCP709" s="613"/>
      <c r="QCQ709" s="613"/>
      <c r="QCR709" s="613"/>
      <c r="QCS709" s="613"/>
      <c r="QCT709" s="613"/>
      <c r="QCU709" s="613"/>
      <c r="QCV709" s="613"/>
      <c r="QCW709" s="613"/>
      <c r="QCX709" s="613"/>
      <c r="QCY709" s="613"/>
      <c r="QCZ709" s="613"/>
      <c r="QDA709" s="613"/>
      <c r="QDB709" s="613"/>
      <c r="QDC709" s="613"/>
      <c r="QDD709" s="613"/>
      <c r="QDE709" s="613"/>
      <c r="QDF709" s="613"/>
      <c r="QDG709" s="613"/>
      <c r="QDH709" s="613"/>
      <c r="QDI709" s="613"/>
      <c r="QDJ709" s="613"/>
      <c r="QDK709" s="613"/>
      <c r="QDL709" s="613"/>
      <c r="QDM709" s="613"/>
      <c r="QDN709" s="613"/>
      <c r="QDO709" s="613"/>
      <c r="QDP709" s="613"/>
      <c r="QDQ709" s="613"/>
      <c r="QDR709" s="613"/>
      <c r="QDS709" s="613"/>
      <c r="QDT709" s="613"/>
      <c r="QDU709" s="613"/>
      <c r="QDV709" s="613"/>
      <c r="QDW709" s="613"/>
      <c r="QDX709" s="613"/>
      <c r="QDY709" s="613"/>
      <c r="QDZ709" s="613"/>
      <c r="QEA709" s="613"/>
      <c r="QEB709" s="613"/>
      <c r="QEC709" s="613"/>
      <c r="QED709" s="613"/>
      <c r="QEE709" s="613"/>
      <c r="QEF709" s="613"/>
      <c r="QEG709" s="613"/>
      <c r="QEH709" s="613"/>
      <c r="QEI709" s="613"/>
      <c r="QEJ709" s="613"/>
      <c r="QEK709" s="613"/>
      <c r="QEL709" s="613"/>
      <c r="QEM709" s="613"/>
      <c r="QEN709" s="613"/>
      <c r="QEO709" s="613"/>
      <c r="QEP709" s="613"/>
      <c r="QEQ709" s="613"/>
      <c r="QER709" s="613"/>
      <c r="QES709" s="613"/>
      <c r="QET709" s="613"/>
      <c r="QEU709" s="613"/>
      <c r="QEV709" s="613"/>
      <c r="QEW709" s="613"/>
      <c r="QEX709" s="613"/>
      <c r="QEY709" s="613"/>
      <c r="QEZ709" s="613"/>
      <c r="QFA709" s="613"/>
      <c r="QFB709" s="613"/>
      <c r="QFC709" s="613"/>
      <c r="QFD709" s="613"/>
      <c r="QFE709" s="613"/>
      <c r="QFF709" s="613"/>
      <c r="QFG709" s="613"/>
      <c r="QFH709" s="613"/>
      <c r="QFI709" s="613"/>
      <c r="QFJ709" s="613"/>
      <c r="QFK709" s="613"/>
      <c r="QFL709" s="613"/>
      <c r="QFM709" s="613"/>
      <c r="QFN709" s="613"/>
      <c r="QFO709" s="613"/>
      <c r="QFP709" s="613"/>
      <c r="QFQ709" s="613"/>
      <c r="QFR709" s="613"/>
      <c r="QFS709" s="613"/>
      <c r="QFT709" s="613"/>
      <c r="QFU709" s="613"/>
      <c r="QFV709" s="613"/>
      <c r="QFW709" s="613"/>
      <c r="QFX709" s="613"/>
      <c r="QFY709" s="613"/>
      <c r="QFZ709" s="613"/>
      <c r="QGA709" s="613"/>
      <c r="QGB709" s="613"/>
      <c r="QGC709" s="613"/>
      <c r="QGD709" s="613"/>
      <c r="QGE709" s="613"/>
      <c r="QGF709" s="613"/>
      <c r="QGG709" s="613"/>
      <c r="QGH709" s="613"/>
      <c r="QGI709" s="613"/>
      <c r="QGJ709" s="613"/>
      <c r="QGK709" s="613"/>
      <c r="QGL709" s="613"/>
      <c r="QGM709" s="613"/>
      <c r="QGN709" s="613"/>
      <c r="QGO709" s="613"/>
      <c r="QGP709" s="613"/>
      <c r="QGQ709" s="613"/>
      <c r="QGR709" s="613"/>
      <c r="QGS709" s="613"/>
      <c r="QGT709" s="613"/>
      <c r="QGU709" s="613"/>
      <c r="QGV709" s="613"/>
      <c r="QGW709" s="613"/>
      <c r="QGX709" s="613"/>
      <c r="QGY709" s="613"/>
      <c r="QGZ709" s="613"/>
      <c r="QHA709" s="613"/>
      <c r="QHB709" s="613"/>
      <c r="QHC709" s="613"/>
      <c r="QHD709" s="613"/>
      <c r="QHE709" s="613"/>
      <c r="QHF709" s="613"/>
      <c r="QHG709" s="613"/>
      <c r="QHH709" s="613"/>
      <c r="QHI709" s="613"/>
      <c r="QHJ709" s="613"/>
      <c r="QHK709" s="613"/>
      <c r="QHL709" s="613"/>
      <c r="QHM709" s="613"/>
      <c r="QHN709" s="613"/>
      <c r="QHO709" s="613"/>
      <c r="QHP709" s="613"/>
      <c r="QHQ709" s="613"/>
      <c r="QHR709" s="613"/>
      <c r="QHS709" s="613"/>
      <c r="QHT709" s="613"/>
      <c r="QHU709" s="613"/>
      <c r="QHV709" s="613"/>
      <c r="QHW709" s="613"/>
      <c r="QHX709" s="613"/>
      <c r="QHY709" s="613"/>
      <c r="QHZ709" s="613"/>
      <c r="QIA709" s="613"/>
      <c r="QIB709" s="613"/>
      <c r="QIC709" s="613"/>
      <c r="QID709" s="613"/>
      <c r="QIE709" s="613"/>
      <c r="QIF709" s="613"/>
      <c r="QIG709" s="613"/>
      <c r="QIH709" s="613"/>
      <c r="QII709" s="613"/>
      <c r="QIJ709" s="613"/>
      <c r="QIK709" s="613"/>
      <c r="QIL709" s="613"/>
      <c r="QIM709" s="613"/>
      <c r="QIN709" s="613"/>
      <c r="QIO709" s="613"/>
      <c r="QIP709" s="613"/>
      <c r="QIQ709" s="613"/>
      <c r="QIR709" s="613"/>
      <c r="QIS709" s="613"/>
      <c r="QIT709" s="613"/>
      <c r="QIU709" s="613"/>
      <c r="QIV709" s="613"/>
      <c r="QIW709" s="613"/>
      <c r="QIX709" s="613"/>
      <c r="QIY709" s="613"/>
      <c r="QIZ709" s="613"/>
      <c r="QJA709" s="613"/>
      <c r="QJB709" s="613"/>
      <c r="QJC709" s="613"/>
      <c r="QJD709" s="613"/>
      <c r="QJE709" s="613"/>
      <c r="QJF709" s="613"/>
      <c r="QJG709" s="613"/>
      <c r="QJH709" s="613"/>
      <c r="QJI709" s="613"/>
      <c r="QJJ709" s="613"/>
      <c r="QJK709" s="613"/>
      <c r="QJL709" s="613"/>
      <c r="QJM709" s="613"/>
      <c r="QJN709" s="613"/>
      <c r="QJO709" s="613"/>
      <c r="QJP709" s="613"/>
      <c r="QJQ709" s="613"/>
      <c r="QJR709" s="613"/>
      <c r="QJS709" s="613"/>
      <c r="QJT709" s="613"/>
      <c r="QJU709" s="613"/>
      <c r="QJV709" s="613"/>
      <c r="QJW709" s="613"/>
      <c r="QJX709" s="613"/>
      <c r="QJY709" s="613"/>
      <c r="QJZ709" s="613"/>
      <c r="QKA709" s="613"/>
      <c r="QKB709" s="613"/>
      <c r="QKC709" s="613"/>
      <c r="QKD709" s="613"/>
      <c r="QKE709" s="613"/>
      <c r="QKF709" s="613"/>
      <c r="QKG709" s="613"/>
      <c r="QKH709" s="613"/>
      <c r="QKI709" s="613"/>
      <c r="QKJ709" s="613"/>
      <c r="QKK709" s="613"/>
      <c r="QKL709" s="613"/>
      <c r="QKM709" s="613"/>
      <c r="QKN709" s="613"/>
      <c r="QKO709" s="613"/>
      <c r="QKP709" s="613"/>
      <c r="QKQ709" s="613"/>
      <c r="QKR709" s="613"/>
      <c r="QKS709" s="613"/>
      <c r="QKT709" s="613"/>
      <c r="QKU709" s="613"/>
      <c r="QKV709" s="613"/>
      <c r="QKW709" s="613"/>
      <c r="QKX709" s="613"/>
      <c r="QKY709" s="613"/>
      <c r="QKZ709" s="613"/>
      <c r="QLA709" s="613"/>
      <c r="QLB709" s="613"/>
      <c r="QLC709" s="613"/>
      <c r="QLD709" s="613"/>
      <c r="QLE709" s="613"/>
      <c r="QLF709" s="613"/>
      <c r="QLG709" s="613"/>
      <c r="QLH709" s="613"/>
      <c r="QLI709" s="613"/>
      <c r="QLJ709" s="613"/>
      <c r="QLK709" s="613"/>
      <c r="QLL709" s="613"/>
      <c r="QLM709" s="613"/>
      <c r="QLN709" s="613"/>
      <c r="QLO709" s="613"/>
      <c r="QLP709" s="613"/>
      <c r="QLQ709" s="613"/>
      <c r="QLR709" s="613"/>
      <c r="QLS709" s="613"/>
      <c r="QLT709" s="613"/>
      <c r="QLU709" s="613"/>
      <c r="QLV709" s="613"/>
      <c r="QLW709" s="613"/>
      <c r="QLX709" s="613"/>
      <c r="QLY709" s="613"/>
      <c r="QLZ709" s="613"/>
      <c r="QMA709" s="613"/>
      <c r="QMB709" s="613"/>
      <c r="QMC709" s="613"/>
      <c r="QMD709" s="613"/>
      <c r="QME709" s="613"/>
      <c r="QMF709" s="613"/>
      <c r="QMG709" s="613"/>
      <c r="QMH709" s="613"/>
      <c r="QMI709" s="613"/>
      <c r="QMJ709" s="613"/>
      <c r="QMK709" s="613"/>
      <c r="QML709" s="613"/>
      <c r="QMM709" s="613"/>
      <c r="QMN709" s="613"/>
      <c r="QMO709" s="613"/>
      <c r="QMP709" s="613"/>
      <c r="QMQ709" s="613"/>
      <c r="QMR709" s="613"/>
      <c r="QMS709" s="613"/>
      <c r="QMT709" s="613"/>
      <c r="QMU709" s="613"/>
      <c r="QMV709" s="613"/>
      <c r="QMW709" s="613"/>
      <c r="QMX709" s="613"/>
      <c r="QMY709" s="613"/>
      <c r="QMZ709" s="613"/>
      <c r="QNA709" s="613"/>
      <c r="QNB709" s="613"/>
      <c r="QNC709" s="613"/>
      <c r="QND709" s="613"/>
      <c r="QNE709" s="613"/>
      <c r="QNF709" s="613"/>
      <c r="QNG709" s="613"/>
      <c r="QNH709" s="613"/>
      <c r="QNI709" s="613"/>
      <c r="QNJ709" s="613"/>
      <c r="QNK709" s="613"/>
      <c r="QNL709" s="613"/>
      <c r="QNM709" s="613"/>
      <c r="QNN709" s="613"/>
      <c r="QNO709" s="613"/>
      <c r="QNP709" s="613"/>
      <c r="QNQ709" s="613"/>
      <c r="QNR709" s="613"/>
      <c r="QNS709" s="613"/>
      <c r="QNT709" s="613"/>
      <c r="QNU709" s="613"/>
      <c r="QNV709" s="613"/>
      <c r="QNW709" s="613"/>
      <c r="QNX709" s="613"/>
      <c r="QNY709" s="613"/>
      <c r="QNZ709" s="613"/>
      <c r="QOA709" s="613"/>
      <c r="QOB709" s="613"/>
      <c r="QOC709" s="613"/>
      <c r="QOD709" s="613"/>
      <c r="QOE709" s="613"/>
      <c r="QOF709" s="613"/>
      <c r="QOG709" s="613"/>
      <c r="QOH709" s="613"/>
      <c r="QOI709" s="613"/>
      <c r="QOJ709" s="613"/>
      <c r="QOK709" s="613"/>
      <c r="QOL709" s="613"/>
      <c r="QOM709" s="613"/>
      <c r="QON709" s="613"/>
      <c r="QOO709" s="613"/>
      <c r="QOP709" s="613"/>
      <c r="QOQ709" s="613"/>
      <c r="QOR709" s="613"/>
      <c r="QOS709" s="613"/>
      <c r="QOT709" s="613"/>
      <c r="QOU709" s="613"/>
      <c r="QOV709" s="613"/>
      <c r="QOW709" s="613"/>
      <c r="QOX709" s="613"/>
      <c r="QOY709" s="613"/>
      <c r="QOZ709" s="613"/>
      <c r="QPA709" s="613"/>
      <c r="QPB709" s="613"/>
      <c r="QPC709" s="613"/>
      <c r="QPD709" s="613"/>
      <c r="QPE709" s="613"/>
      <c r="QPF709" s="613"/>
      <c r="QPG709" s="613"/>
      <c r="QPH709" s="613"/>
      <c r="QPI709" s="613"/>
      <c r="QPJ709" s="613"/>
      <c r="QPK709" s="613"/>
      <c r="QPL709" s="613"/>
      <c r="QPM709" s="613"/>
      <c r="QPN709" s="613"/>
      <c r="QPO709" s="613"/>
      <c r="QPP709" s="613"/>
      <c r="QPQ709" s="613"/>
      <c r="QPR709" s="613"/>
      <c r="QPS709" s="613"/>
      <c r="QPT709" s="613"/>
      <c r="QPU709" s="613"/>
      <c r="QPV709" s="613"/>
      <c r="QPW709" s="613"/>
      <c r="QPX709" s="613"/>
      <c r="QPY709" s="613"/>
      <c r="QPZ709" s="613"/>
      <c r="QQA709" s="613"/>
      <c r="QQB709" s="613"/>
      <c r="QQC709" s="613"/>
      <c r="QQD709" s="613"/>
      <c r="QQE709" s="613"/>
      <c r="QQF709" s="613"/>
      <c r="QQG709" s="613"/>
      <c r="QQH709" s="613"/>
      <c r="QQI709" s="613"/>
      <c r="QQJ709" s="613"/>
      <c r="QQK709" s="613"/>
      <c r="QQL709" s="613"/>
      <c r="QQM709" s="613"/>
      <c r="QQN709" s="613"/>
      <c r="QQO709" s="613"/>
      <c r="QQP709" s="613"/>
      <c r="QQQ709" s="613"/>
      <c r="QQR709" s="613"/>
      <c r="QQS709" s="613"/>
      <c r="QQT709" s="613"/>
      <c r="QQU709" s="613"/>
      <c r="QQV709" s="613"/>
      <c r="QQW709" s="613"/>
      <c r="QQX709" s="613"/>
      <c r="QQY709" s="613"/>
      <c r="QQZ709" s="613"/>
      <c r="QRA709" s="613"/>
      <c r="QRB709" s="613"/>
      <c r="QRC709" s="613"/>
      <c r="QRD709" s="613"/>
      <c r="QRE709" s="613"/>
      <c r="QRF709" s="613"/>
      <c r="QRG709" s="613"/>
      <c r="QRH709" s="613"/>
      <c r="QRI709" s="613"/>
      <c r="QRJ709" s="613"/>
      <c r="QRK709" s="613"/>
      <c r="QRL709" s="613"/>
      <c r="QRM709" s="613"/>
      <c r="QRN709" s="613"/>
      <c r="QRO709" s="613"/>
      <c r="QRP709" s="613"/>
      <c r="QRQ709" s="613"/>
      <c r="QRR709" s="613"/>
      <c r="QRS709" s="613"/>
      <c r="QRT709" s="613"/>
      <c r="QRU709" s="613"/>
      <c r="QRV709" s="613"/>
      <c r="QRW709" s="613"/>
      <c r="QRX709" s="613"/>
      <c r="QRY709" s="613"/>
      <c r="QRZ709" s="613"/>
      <c r="QSA709" s="613"/>
      <c r="QSB709" s="613"/>
      <c r="QSC709" s="613"/>
      <c r="QSD709" s="613"/>
      <c r="QSE709" s="613"/>
      <c r="QSF709" s="613"/>
      <c r="QSG709" s="613"/>
      <c r="QSH709" s="613"/>
      <c r="QSI709" s="613"/>
      <c r="QSJ709" s="613"/>
      <c r="QSK709" s="613"/>
      <c r="QSL709" s="613"/>
      <c r="QSM709" s="613"/>
      <c r="QSN709" s="613"/>
      <c r="QSO709" s="613"/>
      <c r="QSP709" s="613"/>
      <c r="QSQ709" s="613"/>
      <c r="QSR709" s="613"/>
      <c r="QSS709" s="613"/>
      <c r="QST709" s="613"/>
      <c r="QSU709" s="613"/>
      <c r="QSV709" s="613"/>
      <c r="QSW709" s="613"/>
      <c r="QSX709" s="613"/>
      <c r="QSY709" s="613"/>
      <c r="QSZ709" s="613"/>
      <c r="QTA709" s="613"/>
      <c r="QTB709" s="613"/>
      <c r="QTC709" s="613"/>
      <c r="QTD709" s="613"/>
      <c r="QTE709" s="613"/>
      <c r="QTF709" s="613"/>
      <c r="QTG709" s="613"/>
      <c r="QTH709" s="613"/>
      <c r="QTI709" s="613"/>
      <c r="QTJ709" s="613"/>
      <c r="QTK709" s="613"/>
      <c r="QTL709" s="613"/>
      <c r="QTM709" s="613"/>
      <c r="QTN709" s="613"/>
      <c r="QTO709" s="613"/>
      <c r="QTP709" s="613"/>
      <c r="QTQ709" s="613"/>
      <c r="QTR709" s="613"/>
      <c r="QTS709" s="613"/>
      <c r="QTT709" s="613"/>
      <c r="QTU709" s="613"/>
      <c r="QTV709" s="613"/>
      <c r="QTW709" s="613"/>
      <c r="QTX709" s="613"/>
      <c r="QTY709" s="613"/>
      <c r="QTZ709" s="613"/>
      <c r="QUA709" s="613"/>
      <c r="QUB709" s="613"/>
      <c r="QUC709" s="613"/>
      <c r="QUD709" s="613"/>
      <c r="QUE709" s="613"/>
      <c r="QUF709" s="613"/>
      <c r="QUG709" s="613"/>
      <c r="QUH709" s="613"/>
      <c r="QUI709" s="613"/>
      <c r="QUJ709" s="613"/>
      <c r="QUK709" s="613"/>
      <c r="QUL709" s="613"/>
      <c r="QUM709" s="613"/>
      <c r="QUN709" s="613"/>
      <c r="QUO709" s="613"/>
      <c r="QUP709" s="613"/>
      <c r="QUQ709" s="613"/>
      <c r="QUR709" s="613"/>
      <c r="QUS709" s="613"/>
      <c r="QUT709" s="613"/>
      <c r="QUU709" s="613"/>
      <c r="QUV709" s="613"/>
      <c r="QUW709" s="613"/>
      <c r="QUX709" s="613"/>
      <c r="QUY709" s="613"/>
      <c r="QUZ709" s="613"/>
      <c r="QVA709" s="613"/>
      <c r="QVB709" s="613"/>
      <c r="QVC709" s="613"/>
      <c r="QVD709" s="613"/>
      <c r="QVE709" s="613"/>
      <c r="QVF709" s="613"/>
      <c r="QVG709" s="613"/>
      <c r="QVH709" s="613"/>
      <c r="QVI709" s="613"/>
      <c r="QVJ709" s="613"/>
      <c r="QVK709" s="613"/>
      <c r="QVL709" s="613"/>
      <c r="QVM709" s="613"/>
      <c r="QVN709" s="613"/>
      <c r="QVO709" s="613"/>
      <c r="QVP709" s="613"/>
      <c r="QVQ709" s="613"/>
      <c r="QVR709" s="613"/>
      <c r="QVS709" s="613"/>
      <c r="QVT709" s="613"/>
      <c r="QVU709" s="613"/>
      <c r="QVV709" s="613"/>
      <c r="QVW709" s="613"/>
      <c r="QVX709" s="613"/>
      <c r="QVY709" s="613"/>
      <c r="QVZ709" s="613"/>
      <c r="QWA709" s="613"/>
      <c r="QWB709" s="613"/>
      <c r="QWC709" s="613"/>
      <c r="QWD709" s="613"/>
      <c r="QWE709" s="613"/>
      <c r="QWF709" s="613"/>
      <c r="QWG709" s="613"/>
      <c r="QWH709" s="613"/>
      <c r="QWI709" s="613"/>
      <c r="QWJ709" s="613"/>
      <c r="QWK709" s="613"/>
      <c r="QWL709" s="613"/>
      <c r="QWM709" s="613"/>
      <c r="QWN709" s="613"/>
      <c r="QWO709" s="613"/>
      <c r="QWP709" s="613"/>
      <c r="QWQ709" s="613"/>
      <c r="QWR709" s="613"/>
      <c r="QWS709" s="613"/>
      <c r="QWT709" s="613"/>
      <c r="QWU709" s="613"/>
      <c r="QWV709" s="613"/>
      <c r="QWW709" s="613"/>
      <c r="QWX709" s="613"/>
      <c r="QWY709" s="613"/>
      <c r="QWZ709" s="613"/>
      <c r="QXA709" s="613"/>
      <c r="QXB709" s="613"/>
      <c r="QXC709" s="613"/>
      <c r="QXD709" s="613"/>
      <c r="QXE709" s="613"/>
      <c r="QXF709" s="613"/>
      <c r="QXG709" s="613"/>
      <c r="QXH709" s="613"/>
      <c r="QXI709" s="613"/>
      <c r="QXJ709" s="613"/>
      <c r="QXK709" s="613"/>
      <c r="QXL709" s="613"/>
      <c r="QXM709" s="613"/>
      <c r="QXN709" s="613"/>
      <c r="QXO709" s="613"/>
      <c r="QXP709" s="613"/>
      <c r="QXQ709" s="613"/>
      <c r="QXR709" s="613"/>
      <c r="QXS709" s="613"/>
      <c r="QXT709" s="613"/>
      <c r="QXU709" s="613"/>
      <c r="QXV709" s="613"/>
      <c r="QXW709" s="613"/>
      <c r="QXX709" s="613"/>
      <c r="QXY709" s="613"/>
      <c r="QXZ709" s="613"/>
      <c r="QYA709" s="613"/>
      <c r="QYB709" s="613"/>
      <c r="QYC709" s="613"/>
      <c r="QYD709" s="613"/>
      <c r="QYE709" s="613"/>
      <c r="QYF709" s="613"/>
      <c r="QYG709" s="613"/>
      <c r="QYH709" s="613"/>
      <c r="QYI709" s="613"/>
      <c r="QYJ709" s="613"/>
      <c r="QYK709" s="613"/>
      <c r="QYL709" s="613"/>
      <c r="QYM709" s="613"/>
      <c r="QYN709" s="613"/>
      <c r="QYO709" s="613"/>
      <c r="QYP709" s="613"/>
      <c r="QYQ709" s="613"/>
      <c r="QYR709" s="613"/>
      <c r="QYS709" s="613"/>
      <c r="QYT709" s="613"/>
      <c r="QYU709" s="613"/>
      <c r="QYV709" s="613"/>
      <c r="QYW709" s="613"/>
      <c r="QYX709" s="613"/>
      <c r="QYY709" s="613"/>
      <c r="QYZ709" s="613"/>
      <c r="QZA709" s="613"/>
      <c r="QZB709" s="613"/>
      <c r="QZC709" s="613"/>
      <c r="QZD709" s="613"/>
      <c r="QZE709" s="613"/>
      <c r="QZF709" s="613"/>
      <c r="QZG709" s="613"/>
      <c r="QZH709" s="613"/>
      <c r="QZI709" s="613"/>
      <c r="QZJ709" s="613"/>
      <c r="QZK709" s="613"/>
      <c r="QZL709" s="613"/>
      <c r="QZM709" s="613"/>
      <c r="QZN709" s="613"/>
      <c r="QZO709" s="613"/>
      <c r="QZP709" s="613"/>
      <c r="QZQ709" s="613"/>
      <c r="QZR709" s="613"/>
      <c r="QZS709" s="613"/>
      <c r="QZT709" s="613"/>
      <c r="QZU709" s="613"/>
      <c r="QZV709" s="613"/>
      <c r="QZW709" s="613"/>
      <c r="QZX709" s="613"/>
      <c r="QZY709" s="613"/>
      <c r="QZZ709" s="613"/>
      <c r="RAA709" s="613"/>
      <c r="RAB709" s="613"/>
      <c r="RAC709" s="613"/>
      <c r="RAD709" s="613"/>
      <c r="RAE709" s="613"/>
      <c r="RAF709" s="613"/>
      <c r="RAG709" s="613"/>
      <c r="RAH709" s="613"/>
      <c r="RAI709" s="613"/>
      <c r="RAJ709" s="613"/>
      <c r="RAK709" s="613"/>
      <c r="RAL709" s="613"/>
      <c r="RAM709" s="613"/>
      <c r="RAN709" s="613"/>
      <c r="RAO709" s="613"/>
      <c r="RAP709" s="613"/>
      <c r="RAQ709" s="613"/>
      <c r="RAR709" s="613"/>
      <c r="RAS709" s="613"/>
      <c r="RAT709" s="613"/>
      <c r="RAU709" s="613"/>
      <c r="RAV709" s="613"/>
      <c r="RAW709" s="613"/>
      <c r="RAX709" s="613"/>
      <c r="RAY709" s="613"/>
      <c r="RAZ709" s="613"/>
      <c r="RBA709" s="613"/>
      <c r="RBB709" s="613"/>
      <c r="RBC709" s="613"/>
      <c r="RBD709" s="613"/>
      <c r="RBE709" s="613"/>
      <c r="RBF709" s="613"/>
      <c r="RBG709" s="613"/>
      <c r="RBH709" s="613"/>
      <c r="RBI709" s="613"/>
      <c r="RBJ709" s="613"/>
      <c r="RBK709" s="613"/>
      <c r="RBL709" s="613"/>
      <c r="RBM709" s="613"/>
      <c r="RBN709" s="613"/>
      <c r="RBO709" s="613"/>
      <c r="RBP709" s="613"/>
      <c r="RBQ709" s="613"/>
      <c r="RBR709" s="613"/>
      <c r="RBS709" s="613"/>
      <c r="RBT709" s="613"/>
      <c r="RBU709" s="613"/>
      <c r="RBV709" s="613"/>
      <c r="RBW709" s="613"/>
      <c r="RBX709" s="613"/>
      <c r="RBY709" s="613"/>
      <c r="RBZ709" s="613"/>
      <c r="RCA709" s="613"/>
      <c r="RCB709" s="613"/>
      <c r="RCC709" s="613"/>
      <c r="RCD709" s="613"/>
      <c r="RCE709" s="613"/>
      <c r="RCF709" s="613"/>
      <c r="RCG709" s="613"/>
      <c r="RCH709" s="613"/>
      <c r="RCI709" s="613"/>
      <c r="RCJ709" s="613"/>
      <c r="RCK709" s="613"/>
      <c r="RCL709" s="613"/>
      <c r="RCM709" s="613"/>
      <c r="RCN709" s="613"/>
      <c r="RCO709" s="613"/>
      <c r="RCP709" s="613"/>
      <c r="RCQ709" s="613"/>
      <c r="RCR709" s="613"/>
      <c r="RCS709" s="613"/>
      <c r="RCT709" s="613"/>
      <c r="RCU709" s="613"/>
      <c r="RCV709" s="613"/>
      <c r="RCW709" s="613"/>
      <c r="RCX709" s="613"/>
      <c r="RCY709" s="613"/>
      <c r="RCZ709" s="613"/>
      <c r="RDA709" s="613"/>
      <c r="RDB709" s="613"/>
      <c r="RDC709" s="613"/>
      <c r="RDD709" s="613"/>
      <c r="RDE709" s="613"/>
      <c r="RDF709" s="613"/>
      <c r="RDG709" s="613"/>
      <c r="RDH709" s="613"/>
      <c r="RDI709" s="613"/>
      <c r="RDJ709" s="613"/>
      <c r="RDK709" s="613"/>
      <c r="RDL709" s="613"/>
      <c r="RDM709" s="613"/>
      <c r="RDN709" s="613"/>
      <c r="RDO709" s="613"/>
      <c r="RDP709" s="613"/>
      <c r="RDQ709" s="613"/>
      <c r="RDR709" s="613"/>
      <c r="RDS709" s="613"/>
      <c r="RDT709" s="613"/>
      <c r="RDU709" s="613"/>
      <c r="RDV709" s="613"/>
      <c r="RDW709" s="613"/>
      <c r="RDX709" s="613"/>
      <c r="RDY709" s="613"/>
      <c r="RDZ709" s="613"/>
      <c r="REA709" s="613"/>
      <c r="REB709" s="613"/>
      <c r="REC709" s="613"/>
      <c r="RED709" s="613"/>
      <c r="REE709" s="613"/>
      <c r="REF709" s="613"/>
      <c r="REG709" s="613"/>
      <c r="REH709" s="613"/>
      <c r="REI709" s="613"/>
      <c r="REJ709" s="613"/>
      <c r="REK709" s="613"/>
      <c r="REL709" s="613"/>
      <c r="REM709" s="613"/>
      <c r="REN709" s="613"/>
      <c r="REO709" s="613"/>
      <c r="REP709" s="613"/>
      <c r="REQ709" s="613"/>
      <c r="RER709" s="613"/>
      <c r="RES709" s="613"/>
      <c r="RET709" s="613"/>
      <c r="REU709" s="613"/>
      <c r="REV709" s="613"/>
      <c r="REW709" s="613"/>
      <c r="REX709" s="613"/>
      <c r="REY709" s="613"/>
      <c r="REZ709" s="613"/>
      <c r="RFA709" s="613"/>
      <c r="RFB709" s="613"/>
      <c r="RFC709" s="613"/>
      <c r="RFD709" s="613"/>
      <c r="RFE709" s="613"/>
      <c r="RFF709" s="613"/>
      <c r="RFG709" s="613"/>
      <c r="RFH709" s="613"/>
      <c r="RFI709" s="613"/>
      <c r="RFJ709" s="613"/>
      <c r="RFK709" s="613"/>
      <c r="RFL709" s="613"/>
      <c r="RFM709" s="613"/>
      <c r="RFN709" s="613"/>
      <c r="RFO709" s="613"/>
      <c r="RFP709" s="613"/>
      <c r="RFQ709" s="613"/>
      <c r="RFR709" s="613"/>
      <c r="RFS709" s="613"/>
      <c r="RFT709" s="613"/>
      <c r="RFU709" s="613"/>
      <c r="RFV709" s="613"/>
      <c r="RFW709" s="613"/>
      <c r="RFX709" s="613"/>
      <c r="RFY709" s="613"/>
      <c r="RFZ709" s="613"/>
      <c r="RGA709" s="613"/>
      <c r="RGB709" s="613"/>
      <c r="RGC709" s="613"/>
      <c r="RGD709" s="613"/>
      <c r="RGE709" s="613"/>
      <c r="RGF709" s="613"/>
      <c r="RGG709" s="613"/>
      <c r="RGH709" s="613"/>
      <c r="RGI709" s="613"/>
      <c r="RGJ709" s="613"/>
      <c r="RGK709" s="613"/>
      <c r="RGL709" s="613"/>
      <c r="RGM709" s="613"/>
      <c r="RGN709" s="613"/>
      <c r="RGO709" s="613"/>
      <c r="RGP709" s="613"/>
      <c r="RGQ709" s="613"/>
      <c r="RGR709" s="613"/>
      <c r="RGS709" s="613"/>
      <c r="RGT709" s="613"/>
      <c r="RGU709" s="613"/>
      <c r="RGV709" s="613"/>
      <c r="RGW709" s="613"/>
      <c r="RGX709" s="613"/>
      <c r="RGY709" s="613"/>
      <c r="RGZ709" s="613"/>
      <c r="RHA709" s="613"/>
      <c r="RHB709" s="613"/>
      <c r="RHC709" s="613"/>
      <c r="RHD709" s="613"/>
      <c r="RHE709" s="613"/>
      <c r="RHF709" s="613"/>
      <c r="RHG709" s="613"/>
      <c r="RHH709" s="613"/>
      <c r="RHI709" s="613"/>
      <c r="RHJ709" s="613"/>
      <c r="RHK709" s="613"/>
      <c r="RHL709" s="613"/>
      <c r="RHM709" s="613"/>
      <c r="RHN709" s="613"/>
      <c r="RHO709" s="613"/>
      <c r="RHP709" s="613"/>
      <c r="RHQ709" s="613"/>
      <c r="RHR709" s="613"/>
      <c r="RHS709" s="613"/>
      <c r="RHT709" s="613"/>
      <c r="RHU709" s="613"/>
      <c r="RHV709" s="613"/>
      <c r="RHW709" s="613"/>
      <c r="RHX709" s="613"/>
      <c r="RHY709" s="613"/>
      <c r="RHZ709" s="613"/>
      <c r="RIA709" s="613"/>
      <c r="RIB709" s="613"/>
      <c r="RIC709" s="613"/>
      <c r="RID709" s="613"/>
      <c r="RIE709" s="613"/>
      <c r="RIF709" s="613"/>
      <c r="RIG709" s="613"/>
      <c r="RIH709" s="613"/>
      <c r="RII709" s="613"/>
      <c r="RIJ709" s="613"/>
      <c r="RIK709" s="613"/>
      <c r="RIL709" s="613"/>
      <c r="RIM709" s="613"/>
      <c r="RIN709" s="613"/>
      <c r="RIO709" s="613"/>
      <c r="RIP709" s="613"/>
      <c r="RIQ709" s="613"/>
      <c r="RIR709" s="613"/>
      <c r="RIS709" s="613"/>
      <c r="RIT709" s="613"/>
      <c r="RIU709" s="613"/>
      <c r="RIV709" s="613"/>
      <c r="RIW709" s="613"/>
      <c r="RIX709" s="613"/>
      <c r="RIY709" s="613"/>
      <c r="RIZ709" s="613"/>
      <c r="RJA709" s="613"/>
      <c r="RJB709" s="613"/>
      <c r="RJC709" s="613"/>
      <c r="RJD709" s="613"/>
      <c r="RJE709" s="613"/>
      <c r="RJF709" s="613"/>
      <c r="RJG709" s="613"/>
      <c r="RJH709" s="613"/>
      <c r="RJI709" s="613"/>
      <c r="RJJ709" s="613"/>
      <c r="RJK709" s="613"/>
      <c r="RJL709" s="613"/>
      <c r="RJM709" s="613"/>
      <c r="RJN709" s="613"/>
      <c r="RJO709" s="613"/>
      <c r="RJP709" s="613"/>
      <c r="RJQ709" s="613"/>
      <c r="RJR709" s="613"/>
      <c r="RJS709" s="613"/>
      <c r="RJT709" s="613"/>
      <c r="RJU709" s="613"/>
      <c r="RJV709" s="613"/>
      <c r="RJW709" s="613"/>
      <c r="RJX709" s="613"/>
      <c r="RJY709" s="613"/>
      <c r="RJZ709" s="613"/>
      <c r="RKA709" s="613"/>
      <c r="RKB709" s="613"/>
      <c r="RKC709" s="613"/>
      <c r="RKD709" s="613"/>
      <c r="RKE709" s="613"/>
      <c r="RKF709" s="613"/>
      <c r="RKG709" s="613"/>
      <c r="RKH709" s="613"/>
      <c r="RKI709" s="613"/>
      <c r="RKJ709" s="613"/>
      <c r="RKK709" s="613"/>
      <c r="RKL709" s="613"/>
      <c r="RKM709" s="613"/>
      <c r="RKN709" s="613"/>
      <c r="RKO709" s="613"/>
      <c r="RKP709" s="613"/>
      <c r="RKQ709" s="613"/>
      <c r="RKR709" s="613"/>
      <c r="RKS709" s="613"/>
      <c r="RKT709" s="613"/>
      <c r="RKU709" s="613"/>
      <c r="RKV709" s="613"/>
      <c r="RKW709" s="613"/>
      <c r="RKX709" s="613"/>
      <c r="RKY709" s="613"/>
      <c r="RKZ709" s="613"/>
      <c r="RLA709" s="613"/>
      <c r="RLB709" s="613"/>
      <c r="RLC709" s="613"/>
      <c r="RLD709" s="613"/>
      <c r="RLE709" s="613"/>
      <c r="RLF709" s="613"/>
      <c r="RLG709" s="613"/>
      <c r="RLH709" s="613"/>
      <c r="RLI709" s="613"/>
      <c r="RLJ709" s="613"/>
      <c r="RLK709" s="613"/>
      <c r="RLL709" s="613"/>
      <c r="RLM709" s="613"/>
      <c r="RLN709" s="613"/>
      <c r="RLO709" s="613"/>
      <c r="RLP709" s="613"/>
      <c r="RLQ709" s="613"/>
      <c r="RLR709" s="613"/>
      <c r="RLS709" s="613"/>
      <c r="RLT709" s="613"/>
      <c r="RLU709" s="613"/>
      <c r="RLV709" s="613"/>
      <c r="RLW709" s="613"/>
      <c r="RLX709" s="613"/>
      <c r="RLY709" s="613"/>
      <c r="RLZ709" s="613"/>
      <c r="RMA709" s="613"/>
      <c r="RMB709" s="613"/>
      <c r="RMC709" s="613"/>
      <c r="RMD709" s="613"/>
      <c r="RME709" s="613"/>
      <c r="RMF709" s="613"/>
      <c r="RMG709" s="613"/>
      <c r="RMH709" s="613"/>
      <c r="RMI709" s="613"/>
      <c r="RMJ709" s="613"/>
      <c r="RMK709" s="613"/>
      <c r="RML709" s="613"/>
      <c r="RMM709" s="613"/>
      <c r="RMN709" s="613"/>
      <c r="RMO709" s="613"/>
      <c r="RMP709" s="613"/>
      <c r="RMQ709" s="613"/>
      <c r="RMR709" s="613"/>
      <c r="RMS709" s="613"/>
      <c r="RMT709" s="613"/>
      <c r="RMU709" s="613"/>
      <c r="RMV709" s="613"/>
      <c r="RMW709" s="613"/>
      <c r="RMX709" s="613"/>
      <c r="RMY709" s="613"/>
      <c r="RMZ709" s="613"/>
      <c r="RNA709" s="613"/>
      <c r="RNB709" s="613"/>
      <c r="RNC709" s="613"/>
      <c r="RND709" s="613"/>
      <c r="RNE709" s="613"/>
      <c r="RNF709" s="613"/>
      <c r="RNG709" s="613"/>
      <c r="RNH709" s="613"/>
      <c r="RNI709" s="613"/>
      <c r="RNJ709" s="613"/>
      <c r="RNK709" s="613"/>
      <c r="RNL709" s="613"/>
      <c r="RNM709" s="613"/>
      <c r="RNN709" s="613"/>
      <c r="RNO709" s="613"/>
      <c r="RNP709" s="613"/>
      <c r="RNQ709" s="613"/>
      <c r="RNR709" s="613"/>
      <c r="RNS709" s="613"/>
      <c r="RNT709" s="613"/>
      <c r="RNU709" s="613"/>
      <c r="RNV709" s="613"/>
      <c r="RNW709" s="613"/>
      <c r="RNX709" s="613"/>
      <c r="RNY709" s="613"/>
      <c r="RNZ709" s="613"/>
      <c r="ROA709" s="613"/>
      <c r="ROB709" s="613"/>
      <c r="ROC709" s="613"/>
      <c r="ROD709" s="613"/>
      <c r="ROE709" s="613"/>
      <c r="ROF709" s="613"/>
      <c r="ROG709" s="613"/>
      <c r="ROH709" s="613"/>
      <c r="ROI709" s="613"/>
      <c r="ROJ709" s="613"/>
      <c r="ROK709" s="613"/>
      <c r="ROL709" s="613"/>
      <c r="ROM709" s="613"/>
      <c r="RON709" s="613"/>
      <c r="ROO709" s="613"/>
      <c r="ROP709" s="613"/>
      <c r="ROQ709" s="613"/>
      <c r="ROR709" s="613"/>
      <c r="ROS709" s="613"/>
      <c r="ROT709" s="613"/>
      <c r="ROU709" s="613"/>
      <c r="ROV709" s="613"/>
      <c r="ROW709" s="613"/>
      <c r="ROX709" s="613"/>
      <c r="ROY709" s="613"/>
      <c r="ROZ709" s="613"/>
      <c r="RPA709" s="613"/>
      <c r="RPB709" s="613"/>
      <c r="RPC709" s="613"/>
      <c r="RPD709" s="613"/>
      <c r="RPE709" s="613"/>
      <c r="RPF709" s="613"/>
      <c r="RPG709" s="613"/>
      <c r="RPH709" s="613"/>
      <c r="RPI709" s="613"/>
      <c r="RPJ709" s="613"/>
      <c r="RPK709" s="613"/>
      <c r="RPL709" s="613"/>
      <c r="RPM709" s="613"/>
      <c r="RPN709" s="613"/>
      <c r="RPO709" s="613"/>
      <c r="RPP709" s="613"/>
      <c r="RPQ709" s="613"/>
      <c r="RPR709" s="613"/>
      <c r="RPS709" s="613"/>
      <c r="RPT709" s="613"/>
      <c r="RPU709" s="613"/>
      <c r="RPV709" s="613"/>
      <c r="RPW709" s="613"/>
      <c r="RPX709" s="613"/>
      <c r="RPY709" s="613"/>
      <c r="RPZ709" s="613"/>
      <c r="RQA709" s="613"/>
      <c r="RQB709" s="613"/>
      <c r="RQC709" s="613"/>
      <c r="RQD709" s="613"/>
      <c r="RQE709" s="613"/>
      <c r="RQF709" s="613"/>
      <c r="RQG709" s="613"/>
      <c r="RQH709" s="613"/>
      <c r="RQI709" s="613"/>
      <c r="RQJ709" s="613"/>
      <c r="RQK709" s="613"/>
      <c r="RQL709" s="613"/>
      <c r="RQM709" s="613"/>
      <c r="RQN709" s="613"/>
      <c r="RQO709" s="613"/>
      <c r="RQP709" s="613"/>
      <c r="RQQ709" s="613"/>
      <c r="RQR709" s="613"/>
      <c r="RQS709" s="613"/>
      <c r="RQT709" s="613"/>
      <c r="RQU709" s="613"/>
      <c r="RQV709" s="613"/>
      <c r="RQW709" s="613"/>
      <c r="RQX709" s="613"/>
      <c r="RQY709" s="613"/>
      <c r="RQZ709" s="613"/>
      <c r="RRA709" s="613"/>
      <c r="RRB709" s="613"/>
      <c r="RRC709" s="613"/>
      <c r="RRD709" s="613"/>
      <c r="RRE709" s="613"/>
      <c r="RRF709" s="613"/>
      <c r="RRG709" s="613"/>
      <c r="RRH709" s="613"/>
      <c r="RRI709" s="613"/>
      <c r="RRJ709" s="613"/>
      <c r="RRK709" s="613"/>
      <c r="RRL709" s="613"/>
      <c r="RRM709" s="613"/>
      <c r="RRN709" s="613"/>
      <c r="RRO709" s="613"/>
      <c r="RRP709" s="613"/>
      <c r="RRQ709" s="613"/>
      <c r="RRR709" s="613"/>
      <c r="RRS709" s="613"/>
      <c r="RRT709" s="613"/>
      <c r="RRU709" s="613"/>
      <c r="RRV709" s="613"/>
      <c r="RRW709" s="613"/>
      <c r="RRX709" s="613"/>
      <c r="RRY709" s="613"/>
      <c r="RRZ709" s="613"/>
      <c r="RSA709" s="613"/>
      <c r="RSB709" s="613"/>
      <c r="RSC709" s="613"/>
      <c r="RSD709" s="613"/>
      <c r="RSE709" s="613"/>
      <c r="RSF709" s="613"/>
      <c r="RSG709" s="613"/>
      <c r="RSH709" s="613"/>
      <c r="RSI709" s="613"/>
      <c r="RSJ709" s="613"/>
      <c r="RSK709" s="613"/>
      <c r="RSL709" s="613"/>
      <c r="RSM709" s="613"/>
      <c r="RSN709" s="613"/>
      <c r="RSO709" s="613"/>
      <c r="RSP709" s="613"/>
      <c r="RSQ709" s="613"/>
      <c r="RSR709" s="613"/>
      <c r="RSS709" s="613"/>
      <c r="RST709" s="613"/>
      <c r="RSU709" s="613"/>
      <c r="RSV709" s="613"/>
      <c r="RSW709" s="613"/>
      <c r="RSX709" s="613"/>
      <c r="RSY709" s="613"/>
      <c r="RSZ709" s="613"/>
      <c r="RTA709" s="613"/>
      <c r="RTB709" s="613"/>
      <c r="RTC709" s="613"/>
      <c r="RTD709" s="613"/>
      <c r="RTE709" s="613"/>
      <c r="RTF709" s="613"/>
      <c r="RTG709" s="613"/>
      <c r="RTH709" s="613"/>
      <c r="RTI709" s="613"/>
      <c r="RTJ709" s="613"/>
      <c r="RTK709" s="613"/>
      <c r="RTL709" s="613"/>
      <c r="RTM709" s="613"/>
      <c r="RTN709" s="613"/>
      <c r="RTO709" s="613"/>
      <c r="RTP709" s="613"/>
      <c r="RTQ709" s="613"/>
      <c r="RTR709" s="613"/>
      <c r="RTS709" s="613"/>
      <c r="RTT709" s="613"/>
      <c r="RTU709" s="613"/>
      <c r="RTV709" s="613"/>
      <c r="RTW709" s="613"/>
      <c r="RTX709" s="613"/>
      <c r="RTY709" s="613"/>
      <c r="RTZ709" s="613"/>
      <c r="RUA709" s="613"/>
      <c r="RUB709" s="613"/>
      <c r="RUC709" s="613"/>
      <c r="RUD709" s="613"/>
      <c r="RUE709" s="613"/>
      <c r="RUF709" s="613"/>
      <c r="RUG709" s="613"/>
      <c r="RUH709" s="613"/>
      <c r="RUI709" s="613"/>
      <c r="RUJ709" s="613"/>
      <c r="RUK709" s="613"/>
      <c r="RUL709" s="613"/>
      <c r="RUM709" s="613"/>
      <c r="RUN709" s="613"/>
      <c r="RUO709" s="613"/>
      <c r="RUP709" s="613"/>
      <c r="RUQ709" s="613"/>
      <c r="RUR709" s="613"/>
      <c r="RUS709" s="613"/>
      <c r="RUT709" s="613"/>
      <c r="RUU709" s="613"/>
      <c r="RUV709" s="613"/>
      <c r="RUW709" s="613"/>
      <c r="RUX709" s="613"/>
      <c r="RUY709" s="613"/>
      <c r="RUZ709" s="613"/>
      <c r="RVA709" s="613"/>
      <c r="RVB709" s="613"/>
      <c r="RVC709" s="613"/>
      <c r="RVD709" s="613"/>
      <c r="RVE709" s="613"/>
      <c r="RVF709" s="613"/>
      <c r="RVG709" s="613"/>
      <c r="RVH709" s="613"/>
      <c r="RVI709" s="613"/>
      <c r="RVJ709" s="613"/>
      <c r="RVK709" s="613"/>
      <c r="RVL709" s="613"/>
      <c r="RVM709" s="613"/>
      <c r="RVN709" s="613"/>
      <c r="RVO709" s="613"/>
      <c r="RVP709" s="613"/>
      <c r="RVQ709" s="613"/>
      <c r="RVR709" s="613"/>
      <c r="RVS709" s="613"/>
      <c r="RVT709" s="613"/>
      <c r="RVU709" s="613"/>
      <c r="RVV709" s="613"/>
      <c r="RVW709" s="613"/>
      <c r="RVX709" s="613"/>
      <c r="RVY709" s="613"/>
      <c r="RVZ709" s="613"/>
      <c r="RWA709" s="613"/>
      <c r="RWB709" s="613"/>
      <c r="RWC709" s="613"/>
      <c r="RWD709" s="613"/>
      <c r="RWE709" s="613"/>
      <c r="RWF709" s="613"/>
      <c r="RWG709" s="613"/>
      <c r="RWH709" s="613"/>
      <c r="RWI709" s="613"/>
      <c r="RWJ709" s="613"/>
      <c r="RWK709" s="613"/>
      <c r="RWL709" s="613"/>
      <c r="RWM709" s="613"/>
      <c r="RWN709" s="613"/>
      <c r="RWO709" s="613"/>
      <c r="RWP709" s="613"/>
      <c r="RWQ709" s="613"/>
      <c r="RWR709" s="613"/>
      <c r="RWS709" s="613"/>
      <c r="RWT709" s="613"/>
      <c r="RWU709" s="613"/>
      <c r="RWV709" s="613"/>
      <c r="RWW709" s="613"/>
      <c r="RWX709" s="613"/>
      <c r="RWY709" s="613"/>
      <c r="RWZ709" s="613"/>
      <c r="RXA709" s="613"/>
      <c r="RXB709" s="613"/>
      <c r="RXC709" s="613"/>
      <c r="RXD709" s="613"/>
      <c r="RXE709" s="613"/>
      <c r="RXF709" s="613"/>
      <c r="RXG709" s="613"/>
      <c r="RXH709" s="613"/>
      <c r="RXI709" s="613"/>
      <c r="RXJ709" s="613"/>
      <c r="RXK709" s="613"/>
      <c r="RXL709" s="613"/>
      <c r="RXM709" s="613"/>
      <c r="RXN709" s="613"/>
      <c r="RXO709" s="613"/>
      <c r="RXP709" s="613"/>
      <c r="RXQ709" s="613"/>
      <c r="RXR709" s="613"/>
      <c r="RXS709" s="613"/>
      <c r="RXT709" s="613"/>
      <c r="RXU709" s="613"/>
      <c r="RXV709" s="613"/>
      <c r="RXW709" s="613"/>
      <c r="RXX709" s="613"/>
      <c r="RXY709" s="613"/>
      <c r="RXZ709" s="613"/>
      <c r="RYA709" s="613"/>
      <c r="RYB709" s="613"/>
      <c r="RYC709" s="613"/>
      <c r="RYD709" s="613"/>
      <c r="RYE709" s="613"/>
      <c r="RYF709" s="613"/>
      <c r="RYG709" s="613"/>
      <c r="RYH709" s="613"/>
      <c r="RYI709" s="613"/>
      <c r="RYJ709" s="613"/>
      <c r="RYK709" s="613"/>
      <c r="RYL709" s="613"/>
      <c r="RYM709" s="613"/>
      <c r="RYN709" s="613"/>
      <c r="RYO709" s="613"/>
      <c r="RYP709" s="613"/>
      <c r="RYQ709" s="613"/>
      <c r="RYR709" s="613"/>
      <c r="RYS709" s="613"/>
      <c r="RYT709" s="613"/>
      <c r="RYU709" s="613"/>
      <c r="RYV709" s="613"/>
      <c r="RYW709" s="613"/>
      <c r="RYX709" s="613"/>
      <c r="RYY709" s="613"/>
      <c r="RYZ709" s="613"/>
      <c r="RZA709" s="613"/>
      <c r="RZB709" s="613"/>
      <c r="RZC709" s="613"/>
      <c r="RZD709" s="613"/>
      <c r="RZE709" s="613"/>
      <c r="RZF709" s="613"/>
      <c r="RZG709" s="613"/>
      <c r="RZH709" s="613"/>
      <c r="RZI709" s="613"/>
      <c r="RZJ709" s="613"/>
      <c r="RZK709" s="613"/>
      <c r="RZL709" s="613"/>
      <c r="RZM709" s="613"/>
      <c r="RZN709" s="613"/>
      <c r="RZO709" s="613"/>
      <c r="RZP709" s="613"/>
      <c r="RZQ709" s="613"/>
      <c r="RZR709" s="613"/>
      <c r="RZS709" s="613"/>
      <c r="RZT709" s="613"/>
      <c r="RZU709" s="613"/>
      <c r="RZV709" s="613"/>
      <c r="RZW709" s="613"/>
      <c r="RZX709" s="613"/>
      <c r="RZY709" s="613"/>
      <c r="RZZ709" s="613"/>
      <c r="SAA709" s="613"/>
      <c r="SAB709" s="613"/>
      <c r="SAC709" s="613"/>
      <c r="SAD709" s="613"/>
      <c r="SAE709" s="613"/>
      <c r="SAF709" s="613"/>
      <c r="SAG709" s="613"/>
      <c r="SAH709" s="613"/>
      <c r="SAI709" s="613"/>
      <c r="SAJ709" s="613"/>
      <c r="SAK709" s="613"/>
      <c r="SAL709" s="613"/>
      <c r="SAM709" s="613"/>
      <c r="SAN709" s="613"/>
      <c r="SAO709" s="613"/>
      <c r="SAP709" s="613"/>
      <c r="SAQ709" s="613"/>
      <c r="SAR709" s="613"/>
      <c r="SAS709" s="613"/>
      <c r="SAT709" s="613"/>
      <c r="SAU709" s="613"/>
      <c r="SAV709" s="613"/>
      <c r="SAW709" s="613"/>
      <c r="SAX709" s="613"/>
      <c r="SAY709" s="613"/>
      <c r="SAZ709" s="613"/>
      <c r="SBA709" s="613"/>
      <c r="SBB709" s="613"/>
      <c r="SBC709" s="613"/>
      <c r="SBD709" s="613"/>
      <c r="SBE709" s="613"/>
      <c r="SBF709" s="613"/>
      <c r="SBG709" s="613"/>
      <c r="SBH709" s="613"/>
      <c r="SBI709" s="613"/>
      <c r="SBJ709" s="613"/>
      <c r="SBK709" s="613"/>
      <c r="SBL709" s="613"/>
      <c r="SBM709" s="613"/>
      <c r="SBN709" s="613"/>
      <c r="SBO709" s="613"/>
      <c r="SBP709" s="613"/>
      <c r="SBQ709" s="613"/>
      <c r="SBR709" s="613"/>
      <c r="SBS709" s="613"/>
      <c r="SBT709" s="613"/>
      <c r="SBU709" s="613"/>
      <c r="SBV709" s="613"/>
      <c r="SBW709" s="613"/>
      <c r="SBX709" s="613"/>
      <c r="SBY709" s="613"/>
      <c r="SBZ709" s="613"/>
      <c r="SCA709" s="613"/>
      <c r="SCB709" s="613"/>
      <c r="SCC709" s="613"/>
      <c r="SCD709" s="613"/>
      <c r="SCE709" s="613"/>
      <c r="SCF709" s="613"/>
      <c r="SCG709" s="613"/>
      <c r="SCH709" s="613"/>
      <c r="SCI709" s="613"/>
      <c r="SCJ709" s="613"/>
      <c r="SCK709" s="613"/>
      <c r="SCL709" s="613"/>
      <c r="SCM709" s="613"/>
      <c r="SCN709" s="613"/>
      <c r="SCO709" s="613"/>
      <c r="SCP709" s="613"/>
      <c r="SCQ709" s="613"/>
      <c r="SCR709" s="613"/>
      <c r="SCS709" s="613"/>
      <c r="SCT709" s="613"/>
      <c r="SCU709" s="613"/>
      <c r="SCV709" s="613"/>
      <c r="SCW709" s="613"/>
      <c r="SCX709" s="613"/>
      <c r="SCY709" s="613"/>
      <c r="SCZ709" s="613"/>
      <c r="SDA709" s="613"/>
      <c r="SDB709" s="613"/>
      <c r="SDC709" s="613"/>
      <c r="SDD709" s="613"/>
      <c r="SDE709" s="613"/>
      <c r="SDF709" s="613"/>
      <c r="SDG709" s="613"/>
      <c r="SDH709" s="613"/>
      <c r="SDI709" s="613"/>
      <c r="SDJ709" s="613"/>
      <c r="SDK709" s="613"/>
      <c r="SDL709" s="613"/>
      <c r="SDM709" s="613"/>
      <c r="SDN709" s="613"/>
      <c r="SDO709" s="613"/>
      <c r="SDP709" s="613"/>
      <c r="SDQ709" s="613"/>
      <c r="SDR709" s="613"/>
      <c r="SDS709" s="613"/>
      <c r="SDT709" s="613"/>
      <c r="SDU709" s="613"/>
      <c r="SDV709" s="613"/>
      <c r="SDW709" s="613"/>
      <c r="SDX709" s="613"/>
      <c r="SDY709" s="613"/>
      <c r="SDZ709" s="613"/>
      <c r="SEA709" s="613"/>
      <c r="SEB709" s="613"/>
      <c r="SEC709" s="613"/>
      <c r="SED709" s="613"/>
      <c r="SEE709" s="613"/>
      <c r="SEF709" s="613"/>
      <c r="SEG709" s="613"/>
      <c r="SEH709" s="613"/>
      <c r="SEI709" s="613"/>
      <c r="SEJ709" s="613"/>
      <c r="SEK709" s="613"/>
      <c r="SEL709" s="613"/>
      <c r="SEM709" s="613"/>
      <c r="SEN709" s="613"/>
      <c r="SEO709" s="613"/>
      <c r="SEP709" s="613"/>
      <c r="SEQ709" s="613"/>
      <c r="SER709" s="613"/>
      <c r="SES709" s="613"/>
      <c r="SET709" s="613"/>
      <c r="SEU709" s="613"/>
      <c r="SEV709" s="613"/>
      <c r="SEW709" s="613"/>
      <c r="SEX709" s="613"/>
      <c r="SEY709" s="613"/>
      <c r="SEZ709" s="613"/>
      <c r="SFA709" s="613"/>
      <c r="SFB709" s="613"/>
      <c r="SFC709" s="613"/>
      <c r="SFD709" s="613"/>
      <c r="SFE709" s="613"/>
      <c r="SFF709" s="613"/>
      <c r="SFG709" s="613"/>
      <c r="SFH709" s="613"/>
      <c r="SFI709" s="613"/>
      <c r="SFJ709" s="613"/>
      <c r="SFK709" s="613"/>
      <c r="SFL709" s="613"/>
      <c r="SFM709" s="613"/>
      <c r="SFN709" s="613"/>
      <c r="SFO709" s="613"/>
      <c r="SFP709" s="613"/>
      <c r="SFQ709" s="613"/>
      <c r="SFR709" s="613"/>
      <c r="SFS709" s="613"/>
      <c r="SFT709" s="613"/>
      <c r="SFU709" s="613"/>
      <c r="SFV709" s="613"/>
      <c r="SFW709" s="613"/>
      <c r="SFX709" s="613"/>
      <c r="SFY709" s="613"/>
      <c r="SFZ709" s="613"/>
      <c r="SGA709" s="613"/>
      <c r="SGB709" s="613"/>
      <c r="SGC709" s="613"/>
      <c r="SGD709" s="613"/>
      <c r="SGE709" s="613"/>
      <c r="SGF709" s="613"/>
      <c r="SGG709" s="613"/>
      <c r="SGH709" s="613"/>
      <c r="SGI709" s="613"/>
      <c r="SGJ709" s="613"/>
      <c r="SGK709" s="613"/>
      <c r="SGL709" s="613"/>
      <c r="SGM709" s="613"/>
      <c r="SGN709" s="613"/>
      <c r="SGO709" s="613"/>
      <c r="SGP709" s="613"/>
      <c r="SGQ709" s="613"/>
      <c r="SGR709" s="613"/>
      <c r="SGS709" s="613"/>
      <c r="SGT709" s="613"/>
      <c r="SGU709" s="613"/>
      <c r="SGV709" s="613"/>
      <c r="SGW709" s="613"/>
      <c r="SGX709" s="613"/>
      <c r="SGY709" s="613"/>
      <c r="SGZ709" s="613"/>
      <c r="SHA709" s="613"/>
      <c r="SHB709" s="613"/>
      <c r="SHC709" s="613"/>
      <c r="SHD709" s="613"/>
      <c r="SHE709" s="613"/>
      <c r="SHF709" s="613"/>
      <c r="SHG709" s="613"/>
      <c r="SHH709" s="613"/>
      <c r="SHI709" s="613"/>
      <c r="SHJ709" s="613"/>
      <c r="SHK709" s="613"/>
      <c r="SHL709" s="613"/>
      <c r="SHM709" s="613"/>
      <c r="SHN709" s="613"/>
      <c r="SHO709" s="613"/>
      <c r="SHP709" s="613"/>
      <c r="SHQ709" s="613"/>
      <c r="SHR709" s="613"/>
      <c r="SHS709" s="613"/>
      <c r="SHT709" s="613"/>
      <c r="SHU709" s="613"/>
      <c r="SHV709" s="613"/>
      <c r="SHW709" s="613"/>
      <c r="SHX709" s="613"/>
      <c r="SHY709" s="613"/>
      <c r="SHZ709" s="613"/>
      <c r="SIA709" s="613"/>
      <c r="SIB709" s="613"/>
      <c r="SIC709" s="613"/>
      <c r="SID709" s="613"/>
      <c r="SIE709" s="613"/>
      <c r="SIF709" s="613"/>
      <c r="SIG709" s="613"/>
      <c r="SIH709" s="613"/>
      <c r="SII709" s="613"/>
      <c r="SIJ709" s="613"/>
      <c r="SIK709" s="613"/>
      <c r="SIL709" s="613"/>
      <c r="SIM709" s="613"/>
      <c r="SIN709" s="613"/>
      <c r="SIO709" s="613"/>
      <c r="SIP709" s="613"/>
      <c r="SIQ709" s="613"/>
      <c r="SIR709" s="613"/>
      <c r="SIS709" s="613"/>
      <c r="SIT709" s="613"/>
      <c r="SIU709" s="613"/>
      <c r="SIV709" s="613"/>
      <c r="SIW709" s="613"/>
      <c r="SIX709" s="613"/>
      <c r="SIY709" s="613"/>
      <c r="SIZ709" s="613"/>
      <c r="SJA709" s="613"/>
      <c r="SJB709" s="613"/>
      <c r="SJC709" s="613"/>
      <c r="SJD709" s="613"/>
      <c r="SJE709" s="613"/>
      <c r="SJF709" s="613"/>
      <c r="SJG709" s="613"/>
      <c r="SJH709" s="613"/>
      <c r="SJI709" s="613"/>
      <c r="SJJ709" s="613"/>
      <c r="SJK709" s="613"/>
      <c r="SJL709" s="613"/>
      <c r="SJM709" s="613"/>
      <c r="SJN709" s="613"/>
      <c r="SJO709" s="613"/>
      <c r="SJP709" s="613"/>
      <c r="SJQ709" s="613"/>
      <c r="SJR709" s="613"/>
      <c r="SJS709" s="613"/>
      <c r="SJT709" s="613"/>
      <c r="SJU709" s="613"/>
      <c r="SJV709" s="613"/>
      <c r="SJW709" s="613"/>
      <c r="SJX709" s="613"/>
      <c r="SJY709" s="613"/>
      <c r="SJZ709" s="613"/>
      <c r="SKA709" s="613"/>
      <c r="SKB709" s="613"/>
      <c r="SKC709" s="613"/>
      <c r="SKD709" s="613"/>
      <c r="SKE709" s="613"/>
      <c r="SKF709" s="613"/>
      <c r="SKG709" s="613"/>
      <c r="SKH709" s="613"/>
      <c r="SKI709" s="613"/>
      <c r="SKJ709" s="613"/>
      <c r="SKK709" s="613"/>
      <c r="SKL709" s="613"/>
      <c r="SKM709" s="613"/>
      <c r="SKN709" s="613"/>
      <c r="SKO709" s="613"/>
      <c r="SKP709" s="613"/>
      <c r="SKQ709" s="613"/>
      <c r="SKR709" s="613"/>
      <c r="SKS709" s="613"/>
      <c r="SKT709" s="613"/>
      <c r="SKU709" s="613"/>
      <c r="SKV709" s="613"/>
      <c r="SKW709" s="613"/>
      <c r="SKX709" s="613"/>
      <c r="SKY709" s="613"/>
      <c r="SKZ709" s="613"/>
      <c r="SLA709" s="613"/>
      <c r="SLB709" s="613"/>
      <c r="SLC709" s="613"/>
      <c r="SLD709" s="613"/>
      <c r="SLE709" s="613"/>
      <c r="SLF709" s="613"/>
      <c r="SLG709" s="613"/>
      <c r="SLH709" s="613"/>
      <c r="SLI709" s="613"/>
      <c r="SLJ709" s="613"/>
      <c r="SLK709" s="613"/>
      <c r="SLL709" s="613"/>
      <c r="SLM709" s="613"/>
      <c r="SLN709" s="613"/>
      <c r="SLO709" s="613"/>
      <c r="SLP709" s="613"/>
      <c r="SLQ709" s="613"/>
      <c r="SLR709" s="613"/>
      <c r="SLS709" s="613"/>
      <c r="SLT709" s="613"/>
      <c r="SLU709" s="613"/>
      <c r="SLV709" s="613"/>
      <c r="SLW709" s="613"/>
      <c r="SLX709" s="613"/>
      <c r="SLY709" s="613"/>
      <c r="SLZ709" s="613"/>
      <c r="SMA709" s="613"/>
      <c r="SMB709" s="613"/>
      <c r="SMC709" s="613"/>
      <c r="SMD709" s="613"/>
      <c r="SME709" s="613"/>
      <c r="SMF709" s="613"/>
      <c r="SMG709" s="613"/>
      <c r="SMH709" s="613"/>
      <c r="SMI709" s="613"/>
      <c r="SMJ709" s="613"/>
      <c r="SMK709" s="613"/>
      <c r="SML709" s="613"/>
      <c r="SMM709" s="613"/>
      <c r="SMN709" s="613"/>
      <c r="SMO709" s="613"/>
      <c r="SMP709" s="613"/>
      <c r="SMQ709" s="613"/>
      <c r="SMR709" s="613"/>
      <c r="SMS709" s="613"/>
      <c r="SMT709" s="613"/>
      <c r="SMU709" s="613"/>
      <c r="SMV709" s="613"/>
      <c r="SMW709" s="613"/>
      <c r="SMX709" s="613"/>
      <c r="SMY709" s="613"/>
      <c r="SMZ709" s="613"/>
      <c r="SNA709" s="613"/>
      <c r="SNB709" s="613"/>
      <c r="SNC709" s="613"/>
      <c r="SND709" s="613"/>
      <c r="SNE709" s="613"/>
      <c r="SNF709" s="613"/>
      <c r="SNG709" s="613"/>
      <c r="SNH709" s="613"/>
      <c r="SNI709" s="613"/>
      <c r="SNJ709" s="613"/>
      <c r="SNK709" s="613"/>
      <c r="SNL709" s="613"/>
      <c r="SNM709" s="613"/>
      <c r="SNN709" s="613"/>
      <c r="SNO709" s="613"/>
      <c r="SNP709" s="613"/>
      <c r="SNQ709" s="613"/>
      <c r="SNR709" s="613"/>
      <c r="SNS709" s="613"/>
      <c r="SNT709" s="613"/>
      <c r="SNU709" s="613"/>
      <c r="SNV709" s="613"/>
      <c r="SNW709" s="613"/>
      <c r="SNX709" s="613"/>
      <c r="SNY709" s="613"/>
      <c r="SNZ709" s="613"/>
      <c r="SOA709" s="613"/>
      <c r="SOB709" s="613"/>
      <c r="SOC709" s="613"/>
      <c r="SOD709" s="613"/>
      <c r="SOE709" s="613"/>
      <c r="SOF709" s="613"/>
      <c r="SOG709" s="613"/>
      <c r="SOH709" s="613"/>
      <c r="SOI709" s="613"/>
      <c r="SOJ709" s="613"/>
      <c r="SOK709" s="613"/>
      <c r="SOL709" s="613"/>
      <c r="SOM709" s="613"/>
      <c r="SON709" s="613"/>
      <c r="SOO709" s="613"/>
      <c r="SOP709" s="613"/>
      <c r="SOQ709" s="613"/>
      <c r="SOR709" s="613"/>
      <c r="SOS709" s="613"/>
      <c r="SOT709" s="613"/>
      <c r="SOU709" s="613"/>
      <c r="SOV709" s="613"/>
      <c r="SOW709" s="613"/>
      <c r="SOX709" s="613"/>
      <c r="SOY709" s="613"/>
      <c r="SOZ709" s="613"/>
      <c r="SPA709" s="613"/>
      <c r="SPB709" s="613"/>
      <c r="SPC709" s="613"/>
      <c r="SPD709" s="613"/>
      <c r="SPE709" s="613"/>
      <c r="SPF709" s="613"/>
      <c r="SPG709" s="613"/>
      <c r="SPH709" s="613"/>
      <c r="SPI709" s="613"/>
      <c r="SPJ709" s="613"/>
      <c r="SPK709" s="613"/>
      <c r="SPL709" s="613"/>
      <c r="SPM709" s="613"/>
      <c r="SPN709" s="613"/>
      <c r="SPO709" s="613"/>
      <c r="SPP709" s="613"/>
      <c r="SPQ709" s="613"/>
      <c r="SPR709" s="613"/>
      <c r="SPS709" s="613"/>
      <c r="SPT709" s="613"/>
      <c r="SPU709" s="613"/>
      <c r="SPV709" s="613"/>
      <c r="SPW709" s="613"/>
      <c r="SPX709" s="613"/>
      <c r="SPY709" s="613"/>
      <c r="SPZ709" s="613"/>
      <c r="SQA709" s="613"/>
      <c r="SQB709" s="613"/>
      <c r="SQC709" s="613"/>
      <c r="SQD709" s="613"/>
      <c r="SQE709" s="613"/>
      <c r="SQF709" s="613"/>
      <c r="SQG709" s="613"/>
      <c r="SQH709" s="613"/>
      <c r="SQI709" s="613"/>
      <c r="SQJ709" s="613"/>
      <c r="SQK709" s="613"/>
      <c r="SQL709" s="613"/>
      <c r="SQM709" s="613"/>
      <c r="SQN709" s="613"/>
      <c r="SQO709" s="613"/>
      <c r="SQP709" s="613"/>
      <c r="SQQ709" s="613"/>
      <c r="SQR709" s="613"/>
      <c r="SQS709" s="613"/>
      <c r="SQT709" s="613"/>
      <c r="SQU709" s="613"/>
      <c r="SQV709" s="613"/>
      <c r="SQW709" s="613"/>
      <c r="SQX709" s="613"/>
      <c r="SQY709" s="613"/>
      <c r="SQZ709" s="613"/>
      <c r="SRA709" s="613"/>
      <c r="SRB709" s="613"/>
      <c r="SRC709" s="613"/>
      <c r="SRD709" s="613"/>
      <c r="SRE709" s="613"/>
      <c r="SRF709" s="613"/>
      <c r="SRG709" s="613"/>
      <c r="SRH709" s="613"/>
      <c r="SRI709" s="613"/>
      <c r="SRJ709" s="613"/>
      <c r="SRK709" s="613"/>
      <c r="SRL709" s="613"/>
      <c r="SRM709" s="613"/>
      <c r="SRN709" s="613"/>
      <c r="SRO709" s="613"/>
      <c r="SRP709" s="613"/>
      <c r="SRQ709" s="613"/>
      <c r="SRR709" s="613"/>
      <c r="SRS709" s="613"/>
      <c r="SRT709" s="613"/>
      <c r="SRU709" s="613"/>
      <c r="SRV709" s="613"/>
      <c r="SRW709" s="613"/>
      <c r="SRX709" s="613"/>
      <c r="SRY709" s="613"/>
      <c r="SRZ709" s="613"/>
      <c r="SSA709" s="613"/>
      <c r="SSB709" s="613"/>
      <c r="SSC709" s="613"/>
      <c r="SSD709" s="613"/>
      <c r="SSE709" s="613"/>
      <c r="SSF709" s="613"/>
      <c r="SSG709" s="613"/>
      <c r="SSH709" s="613"/>
      <c r="SSI709" s="613"/>
      <c r="SSJ709" s="613"/>
      <c r="SSK709" s="613"/>
      <c r="SSL709" s="613"/>
      <c r="SSM709" s="613"/>
      <c r="SSN709" s="613"/>
      <c r="SSO709" s="613"/>
      <c r="SSP709" s="613"/>
      <c r="SSQ709" s="613"/>
      <c r="SSR709" s="613"/>
      <c r="SSS709" s="613"/>
      <c r="SST709" s="613"/>
      <c r="SSU709" s="613"/>
      <c r="SSV709" s="613"/>
      <c r="SSW709" s="613"/>
      <c r="SSX709" s="613"/>
      <c r="SSY709" s="613"/>
      <c r="SSZ709" s="613"/>
      <c r="STA709" s="613"/>
      <c r="STB709" s="613"/>
      <c r="STC709" s="613"/>
      <c r="STD709" s="613"/>
      <c r="STE709" s="613"/>
      <c r="STF709" s="613"/>
      <c r="STG709" s="613"/>
      <c r="STH709" s="613"/>
      <c r="STI709" s="613"/>
      <c r="STJ709" s="613"/>
      <c r="STK709" s="613"/>
      <c r="STL709" s="613"/>
      <c r="STM709" s="613"/>
      <c r="STN709" s="613"/>
      <c r="STO709" s="613"/>
      <c r="STP709" s="613"/>
      <c r="STQ709" s="613"/>
      <c r="STR709" s="613"/>
      <c r="STS709" s="613"/>
      <c r="STT709" s="613"/>
      <c r="STU709" s="613"/>
      <c r="STV709" s="613"/>
      <c r="STW709" s="613"/>
      <c r="STX709" s="613"/>
      <c r="STY709" s="613"/>
      <c r="STZ709" s="613"/>
      <c r="SUA709" s="613"/>
      <c r="SUB709" s="613"/>
      <c r="SUC709" s="613"/>
      <c r="SUD709" s="613"/>
      <c r="SUE709" s="613"/>
      <c r="SUF709" s="613"/>
      <c r="SUG709" s="613"/>
      <c r="SUH709" s="613"/>
      <c r="SUI709" s="613"/>
      <c r="SUJ709" s="613"/>
      <c r="SUK709" s="613"/>
      <c r="SUL709" s="613"/>
      <c r="SUM709" s="613"/>
      <c r="SUN709" s="613"/>
      <c r="SUO709" s="613"/>
      <c r="SUP709" s="613"/>
      <c r="SUQ709" s="613"/>
      <c r="SUR709" s="613"/>
      <c r="SUS709" s="613"/>
      <c r="SUT709" s="613"/>
      <c r="SUU709" s="613"/>
      <c r="SUV709" s="613"/>
      <c r="SUW709" s="613"/>
      <c r="SUX709" s="613"/>
      <c r="SUY709" s="613"/>
      <c r="SUZ709" s="613"/>
      <c r="SVA709" s="613"/>
      <c r="SVB709" s="613"/>
      <c r="SVC709" s="613"/>
      <c r="SVD709" s="613"/>
      <c r="SVE709" s="613"/>
      <c r="SVF709" s="613"/>
      <c r="SVG709" s="613"/>
      <c r="SVH709" s="613"/>
      <c r="SVI709" s="613"/>
      <c r="SVJ709" s="613"/>
      <c r="SVK709" s="613"/>
      <c r="SVL709" s="613"/>
      <c r="SVM709" s="613"/>
      <c r="SVN709" s="613"/>
      <c r="SVO709" s="613"/>
      <c r="SVP709" s="613"/>
      <c r="SVQ709" s="613"/>
      <c r="SVR709" s="613"/>
      <c r="SVS709" s="613"/>
      <c r="SVT709" s="613"/>
      <c r="SVU709" s="613"/>
      <c r="SVV709" s="613"/>
      <c r="SVW709" s="613"/>
      <c r="SVX709" s="613"/>
      <c r="SVY709" s="613"/>
      <c r="SVZ709" s="613"/>
      <c r="SWA709" s="613"/>
      <c r="SWB709" s="613"/>
      <c r="SWC709" s="613"/>
      <c r="SWD709" s="613"/>
      <c r="SWE709" s="613"/>
      <c r="SWF709" s="613"/>
      <c r="SWG709" s="613"/>
      <c r="SWH709" s="613"/>
      <c r="SWI709" s="613"/>
      <c r="SWJ709" s="613"/>
      <c r="SWK709" s="613"/>
      <c r="SWL709" s="613"/>
      <c r="SWM709" s="613"/>
      <c r="SWN709" s="613"/>
      <c r="SWO709" s="613"/>
      <c r="SWP709" s="613"/>
      <c r="SWQ709" s="613"/>
      <c r="SWR709" s="613"/>
      <c r="SWS709" s="613"/>
      <c r="SWT709" s="613"/>
      <c r="SWU709" s="613"/>
      <c r="SWV709" s="613"/>
      <c r="SWW709" s="613"/>
      <c r="SWX709" s="613"/>
      <c r="SWY709" s="613"/>
      <c r="SWZ709" s="613"/>
      <c r="SXA709" s="613"/>
      <c r="SXB709" s="613"/>
      <c r="SXC709" s="613"/>
      <c r="SXD709" s="613"/>
      <c r="SXE709" s="613"/>
      <c r="SXF709" s="613"/>
      <c r="SXG709" s="613"/>
      <c r="SXH709" s="613"/>
      <c r="SXI709" s="613"/>
      <c r="SXJ709" s="613"/>
      <c r="SXK709" s="613"/>
      <c r="SXL709" s="613"/>
      <c r="SXM709" s="613"/>
      <c r="SXN709" s="613"/>
      <c r="SXO709" s="613"/>
      <c r="SXP709" s="613"/>
      <c r="SXQ709" s="613"/>
      <c r="SXR709" s="613"/>
      <c r="SXS709" s="613"/>
      <c r="SXT709" s="613"/>
      <c r="SXU709" s="613"/>
      <c r="SXV709" s="613"/>
      <c r="SXW709" s="613"/>
      <c r="SXX709" s="613"/>
      <c r="SXY709" s="613"/>
      <c r="SXZ709" s="613"/>
      <c r="SYA709" s="613"/>
      <c r="SYB709" s="613"/>
      <c r="SYC709" s="613"/>
      <c r="SYD709" s="613"/>
      <c r="SYE709" s="613"/>
      <c r="SYF709" s="613"/>
      <c r="SYG709" s="613"/>
      <c r="SYH709" s="613"/>
      <c r="SYI709" s="613"/>
      <c r="SYJ709" s="613"/>
      <c r="SYK709" s="613"/>
      <c r="SYL709" s="613"/>
      <c r="SYM709" s="613"/>
      <c r="SYN709" s="613"/>
      <c r="SYO709" s="613"/>
      <c r="SYP709" s="613"/>
      <c r="SYQ709" s="613"/>
      <c r="SYR709" s="613"/>
      <c r="SYS709" s="613"/>
      <c r="SYT709" s="613"/>
      <c r="SYU709" s="613"/>
      <c r="SYV709" s="613"/>
      <c r="SYW709" s="613"/>
      <c r="SYX709" s="613"/>
      <c r="SYY709" s="613"/>
      <c r="SYZ709" s="613"/>
      <c r="SZA709" s="613"/>
      <c r="SZB709" s="613"/>
      <c r="SZC709" s="613"/>
      <c r="SZD709" s="613"/>
      <c r="SZE709" s="613"/>
      <c r="SZF709" s="613"/>
      <c r="SZG709" s="613"/>
      <c r="SZH709" s="613"/>
      <c r="SZI709" s="613"/>
      <c r="SZJ709" s="613"/>
      <c r="SZK709" s="613"/>
      <c r="SZL709" s="613"/>
      <c r="SZM709" s="613"/>
      <c r="SZN709" s="613"/>
      <c r="SZO709" s="613"/>
      <c r="SZP709" s="613"/>
      <c r="SZQ709" s="613"/>
      <c r="SZR709" s="613"/>
      <c r="SZS709" s="613"/>
      <c r="SZT709" s="613"/>
      <c r="SZU709" s="613"/>
      <c r="SZV709" s="613"/>
      <c r="SZW709" s="613"/>
      <c r="SZX709" s="613"/>
      <c r="SZY709" s="613"/>
      <c r="SZZ709" s="613"/>
      <c r="TAA709" s="613"/>
      <c r="TAB709" s="613"/>
      <c r="TAC709" s="613"/>
      <c r="TAD709" s="613"/>
      <c r="TAE709" s="613"/>
      <c r="TAF709" s="613"/>
      <c r="TAG709" s="613"/>
      <c r="TAH709" s="613"/>
      <c r="TAI709" s="613"/>
      <c r="TAJ709" s="613"/>
      <c r="TAK709" s="613"/>
      <c r="TAL709" s="613"/>
      <c r="TAM709" s="613"/>
      <c r="TAN709" s="613"/>
      <c r="TAO709" s="613"/>
      <c r="TAP709" s="613"/>
      <c r="TAQ709" s="613"/>
      <c r="TAR709" s="613"/>
      <c r="TAS709" s="613"/>
      <c r="TAT709" s="613"/>
      <c r="TAU709" s="613"/>
      <c r="TAV709" s="613"/>
      <c r="TAW709" s="613"/>
      <c r="TAX709" s="613"/>
      <c r="TAY709" s="613"/>
      <c r="TAZ709" s="613"/>
      <c r="TBA709" s="613"/>
      <c r="TBB709" s="613"/>
      <c r="TBC709" s="613"/>
      <c r="TBD709" s="613"/>
      <c r="TBE709" s="613"/>
      <c r="TBF709" s="613"/>
      <c r="TBG709" s="613"/>
      <c r="TBH709" s="613"/>
      <c r="TBI709" s="613"/>
      <c r="TBJ709" s="613"/>
      <c r="TBK709" s="613"/>
      <c r="TBL709" s="613"/>
      <c r="TBM709" s="613"/>
      <c r="TBN709" s="613"/>
      <c r="TBO709" s="613"/>
      <c r="TBP709" s="613"/>
      <c r="TBQ709" s="613"/>
      <c r="TBR709" s="613"/>
      <c r="TBS709" s="613"/>
      <c r="TBT709" s="613"/>
      <c r="TBU709" s="613"/>
      <c r="TBV709" s="613"/>
      <c r="TBW709" s="613"/>
      <c r="TBX709" s="613"/>
      <c r="TBY709" s="613"/>
      <c r="TBZ709" s="613"/>
      <c r="TCA709" s="613"/>
      <c r="TCB709" s="613"/>
      <c r="TCC709" s="613"/>
      <c r="TCD709" s="613"/>
      <c r="TCE709" s="613"/>
      <c r="TCF709" s="613"/>
      <c r="TCG709" s="613"/>
      <c r="TCH709" s="613"/>
      <c r="TCI709" s="613"/>
      <c r="TCJ709" s="613"/>
      <c r="TCK709" s="613"/>
      <c r="TCL709" s="613"/>
      <c r="TCM709" s="613"/>
      <c r="TCN709" s="613"/>
      <c r="TCO709" s="613"/>
      <c r="TCP709" s="613"/>
      <c r="TCQ709" s="613"/>
      <c r="TCR709" s="613"/>
      <c r="TCS709" s="613"/>
      <c r="TCT709" s="613"/>
      <c r="TCU709" s="613"/>
      <c r="TCV709" s="613"/>
      <c r="TCW709" s="613"/>
      <c r="TCX709" s="613"/>
      <c r="TCY709" s="613"/>
      <c r="TCZ709" s="613"/>
      <c r="TDA709" s="613"/>
      <c r="TDB709" s="613"/>
      <c r="TDC709" s="613"/>
      <c r="TDD709" s="613"/>
      <c r="TDE709" s="613"/>
      <c r="TDF709" s="613"/>
      <c r="TDG709" s="613"/>
      <c r="TDH709" s="613"/>
      <c r="TDI709" s="613"/>
      <c r="TDJ709" s="613"/>
      <c r="TDK709" s="613"/>
      <c r="TDL709" s="613"/>
      <c r="TDM709" s="613"/>
      <c r="TDN709" s="613"/>
      <c r="TDO709" s="613"/>
      <c r="TDP709" s="613"/>
      <c r="TDQ709" s="613"/>
      <c r="TDR709" s="613"/>
      <c r="TDS709" s="613"/>
      <c r="TDT709" s="613"/>
      <c r="TDU709" s="613"/>
      <c r="TDV709" s="613"/>
      <c r="TDW709" s="613"/>
      <c r="TDX709" s="613"/>
      <c r="TDY709" s="613"/>
      <c r="TDZ709" s="613"/>
      <c r="TEA709" s="613"/>
      <c r="TEB709" s="613"/>
      <c r="TEC709" s="613"/>
      <c r="TED709" s="613"/>
      <c r="TEE709" s="613"/>
      <c r="TEF709" s="613"/>
      <c r="TEG709" s="613"/>
      <c r="TEH709" s="613"/>
      <c r="TEI709" s="613"/>
      <c r="TEJ709" s="613"/>
      <c r="TEK709" s="613"/>
      <c r="TEL709" s="613"/>
      <c r="TEM709" s="613"/>
      <c r="TEN709" s="613"/>
      <c r="TEO709" s="613"/>
      <c r="TEP709" s="613"/>
      <c r="TEQ709" s="613"/>
      <c r="TER709" s="613"/>
      <c r="TES709" s="613"/>
      <c r="TET709" s="613"/>
      <c r="TEU709" s="613"/>
      <c r="TEV709" s="613"/>
      <c r="TEW709" s="613"/>
      <c r="TEX709" s="613"/>
      <c r="TEY709" s="613"/>
      <c r="TEZ709" s="613"/>
      <c r="TFA709" s="613"/>
      <c r="TFB709" s="613"/>
      <c r="TFC709" s="613"/>
      <c r="TFD709" s="613"/>
      <c r="TFE709" s="613"/>
      <c r="TFF709" s="613"/>
      <c r="TFG709" s="613"/>
      <c r="TFH709" s="613"/>
      <c r="TFI709" s="613"/>
      <c r="TFJ709" s="613"/>
      <c r="TFK709" s="613"/>
      <c r="TFL709" s="613"/>
      <c r="TFM709" s="613"/>
      <c r="TFN709" s="613"/>
      <c r="TFO709" s="613"/>
      <c r="TFP709" s="613"/>
      <c r="TFQ709" s="613"/>
      <c r="TFR709" s="613"/>
      <c r="TFS709" s="613"/>
      <c r="TFT709" s="613"/>
      <c r="TFU709" s="613"/>
      <c r="TFV709" s="613"/>
      <c r="TFW709" s="613"/>
      <c r="TFX709" s="613"/>
      <c r="TFY709" s="613"/>
      <c r="TFZ709" s="613"/>
      <c r="TGA709" s="613"/>
      <c r="TGB709" s="613"/>
      <c r="TGC709" s="613"/>
      <c r="TGD709" s="613"/>
      <c r="TGE709" s="613"/>
      <c r="TGF709" s="613"/>
      <c r="TGG709" s="613"/>
      <c r="TGH709" s="613"/>
      <c r="TGI709" s="613"/>
      <c r="TGJ709" s="613"/>
      <c r="TGK709" s="613"/>
      <c r="TGL709" s="613"/>
      <c r="TGM709" s="613"/>
      <c r="TGN709" s="613"/>
      <c r="TGO709" s="613"/>
      <c r="TGP709" s="613"/>
      <c r="TGQ709" s="613"/>
      <c r="TGR709" s="613"/>
      <c r="TGS709" s="613"/>
      <c r="TGT709" s="613"/>
      <c r="TGU709" s="613"/>
      <c r="TGV709" s="613"/>
      <c r="TGW709" s="613"/>
      <c r="TGX709" s="613"/>
      <c r="TGY709" s="613"/>
      <c r="TGZ709" s="613"/>
      <c r="THA709" s="613"/>
      <c r="THB709" s="613"/>
      <c r="THC709" s="613"/>
      <c r="THD709" s="613"/>
      <c r="THE709" s="613"/>
      <c r="THF709" s="613"/>
      <c r="THG709" s="613"/>
      <c r="THH709" s="613"/>
      <c r="THI709" s="613"/>
      <c r="THJ709" s="613"/>
      <c r="THK709" s="613"/>
      <c r="THL709" s="613"/>
      <c r="THM709" s="613"/>
      <c r="THN709" s="613"/>
      <c r="THO709" s="613"/>
      <c r="THP709" s="613"/>
      <c r="THQ709" s="613"/>
      <c r="THR709" s="613"/>
      <c r="THS709" s="613"/>
      <c r="THT709" s="613"/>
      <c r="THU709" s="613"/>
      <c r="THV709" s="613"/>
      <c r="THW709" s="613"/>
      <c r="THX709" s="613"/>
      <c r="THY709" s="613"/>
      <c r="THZ709" s="613"/>
      <c r="TIA709" s="613"/>
      <c r="TIB709" s="613"/>
      <c r="TIC709" s="613"/>
      <c r="TID709" s="613"/>
      <c r="TIE709" s="613"/>
      <c r="TIF709" s="613"/>
      <c r="TIG709" s="613"/>
      <c r="TIH709" s="613"/>
      <c r="TII709" s="613"/>
      <c r="TIJ709" s="613"/>
      <c r="TIK709" s="613"/>
      <c r="TIL709" s="613"/>
      <c r="TIM709" s="613"/>
      <c r="TIN709" s="613"/>
      <c r="TIO709" s="613"/>
      <c r="TIP709" s="613"/>
      <c r="TIQ709" s="613"/>
      <c r="TIR709" s="613"/>
      <c r="TIS709" s="613"/>
      <c r="TIT709" s="613"/>
      <c r="TIU709" s="613"/>
      <c r="TIV709" s="613"/>
      <c r="TIW709" s="613"/>
      <c r="TIX709" s="613"/>
      <c r="TIY709" s="613"/>
      <c r="TIZ709" s="613"/>
      <c r="TJA709" s="613"/>
      <c r="TJB709" s="613"/>
      <c r="TJC709" s="613"/>
      <c r="TJD709" s="613"/>
      <c r="TJE709" s="613"/>
      <c r="TJF709" s="613"/>
      <c r="TJG709" s="613"/>
      <c r="TJH709" s="613"/>
      <c r="TJI709" s="613"/>
      <c r="TJJ709" s="613"/>
      <c r="TJK709" s="613"/>
      <c r="TJL709" s="613"/>
      <c r="TJM709" s="613"/>
      <c r="TJN709" s="613"/>
      <c r="TJO709" s="613"/>
      <c r="TJP709" s="613"/>
      <c r="TJQ709" s="613"/>
      <c r="TJR709" s="613"/>
      <c r="TJS709" s="613"/>
      <c r="TJT709" s="613"/>
      <c r="TJU709" s="613"/>
      <c r="TJV709" s="613"/>
      <c r="TJW709" s="613"/>
      <c r="TJX709" s="613"/>
      <c r="TJY709" s="613"/>
      <c r="TJZ709" s="613"/>
      <c r="TKA709" s="613"/>
      <c r="TKB709" s="613"/>
      <c r="TKC709" s="613"/>
      <c r="TKD709" s="613"/>
      <c r="TKE709" s="613"/>
      <c r="TKF709" s="613"/>
      <c r="TKG709" s="613"/>
      <c r="TKH709" s="613"/>
      <c r="TKI709" s="613"/>
      <c r="TKJ709" s="613"/>
      <c r="TKK709" s="613"/>
      <c r="TKL709" s="613"/>
      <c r="TKM709" s="613"/>
      <c r="TKN709" s="613"/>
      <c r="TKO709" s="613"/>
      <c r="TKP709" s="613"/>
      <c r="TKQ709" s="613"/>
      <c r="TKR709" s="613"/>
      <c r="TKS709" s="613"/>
      <c r="TKT709" s="613"/>
      <c r="TKU709" s="613"/>
      <c r="TKV709" s="613"/>
      <c r="TKW709" s="613"/>
      <c r="TKX709" s="613"/>
      <c r="TKY709" s="613"/>
      <c r="TKZ709" s="613"/>
      <c r="TLA709" s="613"/>
      <c r="TLB709" s="613"/>
      <c r="TLC709" s="613"/>
      <c r="TLD709" s="613"/>
      <c r="TLE709" s="613"/>
      <c r="TLF709" s="613"/>
      <c r="TLG709" s="613"/>
      <c r="TLH709" s="613"/>
      <c r="TLI709" s="613"/>
      <c r="TLJ709" s="613"/>
      <c r="TLK709" s="613"/>
      <c r="TLL709" s="613"/>
      <c r="TLM709" s="613"/>
      <c r="TLN709" s="613"/>
      <c r="TLO709" s="613"/>
      <c r="TLP709" s="613"/>
      <c r="TLQ709" s="613"/>
      <c r="TLR709" s="613"/>
      <c r="TLS709" s="613"/>
      <c r="TLT709" s="613"/>
      <c r="TLU709" s="613"/>
      <c r="TLV709" s="613"/>
      <c r="TLW709" s="613"/>
      <c r="TLX709" s="613"/>
      <c r="TLY709" s="613"/>
      <c r="TLZ709" s="613"/>
      <c r="TMA709" s="613"/>
      <c r="TMB709" s="613"/>
      <c r="TMC709" s="613"/>
      <c r="TMD709" s="613"/>
      <c r="TME709" s="613"/>
      <c r="TMF709" s="613"/>
      <c r="TMG709" s="613"/>
      <c r="TMH709" s="613"/>
      <c r="TMI709" s="613"/>
      <c r="TMJ709" s="613"/>
      <c r="TMK709" s="613"/>
      <c r="TML709" s="613"/>
      <c r="TMM709" s="613"/>
      <c r="TMN709" s="613"/>
      <c r="TMO709" s="613"/>
      <c r="TMP709" s="613"/>
      <c r="TMQ709" s="613"/>
      <c r="TMR709" s="613"/>
      <c r="TMS709" s="613"/>
      <c r="TMT709" s="613"/>
      <c r="TMU709" s="613"/>
      <c r="TMV709" s="613"/>
      <c r="TMW709" s="613"/>
      <c r="TMX709" s="613"/>
      <c r="TMY709" s="613"/>
      <c r="TMZ709" s="613"/>
      <c r="TNA709" s="613"/>
      <c r="TNB709" s="613"/>
      <c r="TNC709" s="613"/>
      <c r="TND709" s="613"/>
      <c r="TNE709" s="613"/>
      <c r="TNF709" s="613"/>
      <c r="TNG709" s="613"/>
      <c r="TNH709" s="613"/>
      <c r="TNI709" s="613"/>
      <c r="TNJ709" s="613"/>
      <c r="TNK709" s="613"/>
      <c r="TNL709" s="613"/>
      <c r="TNM709" s="613"/>
      <c r="TNN709" s="613"/>
      <c r="TNO709" s="613"/>
      <c r="TNP709" s="613"/>
      <c r="TNQ709" s="613"/>
      <c r="TNR709" s="613"/>
      <c r="TNS709" s="613"/>
      <c r="TNT709" s="613"/>
      <c r="TNU709" s="613"/>
      <c r="TNV709" s="613"/>
      <c r="TNW709" s="613"/>
      <c r="TNX709" s="613"/>
      <c r="TNY709" s="613"/>
      <c r="TNZ709" s="613"/>
      <c r="TOA709" s="613"/>
      <c r="TOB709" s="613"/>
      <c r="TOC709" s="613"/>
      <c r="TOD709" s="613"/>
      <c r="TOE709" s="613"/>
      <c r="TOF709" s="613"/>
      <c r="TOG709" s="613"/>
      <c r="TOH709" s="613"/>
      <c r="TOI709" s="613"/>
      <c r="TOJ709" s="613"/>
      <c r="TOK709" s="613"/>
      <c r="TOL709" s="613"/>
      <c r="TOM709" s="613"/>
      <c r="TON709" s="613"/>
      <c r="TOO709" s="613"/>
      <c r="TOP709" s="613"/>
      <c r="TOQ709" s="613"/>
      <c r="TOR709" s="613"/>
      <c r="TOS709" s="613"/>
      <c r="TOT709" s="613"/>
      <c r="TOU709" s="613"/>
      <c r="TOV709" s="613"/>
      <c r="TOW709" s="613"/>
      <c r="TOX709" s="613"/>
      <c r="TOY709" s="613"/>
      <c r="TOZ709" s="613"/>
      <c r="TPA709" s="613"/>
      <c r="TPB709" s="613"/>
      <c r="TPC709" s="613"/>
      <c r="TPD709" s="613"/>
      <c r="TPE709" s="613"/>
      <c r="TPF709" s="613"/>
      <c r="TPG709" s="613"/>
      <c r="TPH709" s="613"/>
      <c r="TPI709" s="613"/>
      <c r="TPJ709" s="613"/>
      <c r="TPK709" s="613"/>
      <c r="TPL709" s="613"/>
      <c r="TPM709" s="613"/>
      <c r="TPN709" s="613"/>
      <c r="TPO709" s="613"/>
      <c r="TPP709" s="613"/>
      <c r="TPQ709" s="613"/>
      <c r="TPR709" s="613"/>
      <c r="TPS709" s="613"/>
      <c r="TPT709" s="613"/>
      <c r="TPU709" s="613"/>
      <c r="TPV709" s="613"/>
      <c r="TPW709" s="613"/>
      <c r="TPX709" s="613"/>
      <c r="TPY709" s="613"/>
      <c r="TPZ709" s="613"/>
      <c r="TQA709" s="613"/>
      <c r="TQB709" s="613"/>
      <c r="TQC709" s="613"/>
      <c r="TQD709" s="613"/>
      <c r="TQE709" s="613"/>
      <c r="TQF709" s="613"/>
      <c r="TQG709" s="613"/>
      <c r="TQH709" s="613"/>
      <c r="TQI709" s="613"/>
      <c r="TQJ709" s="613"/>
      <c r="TQK709" s="613"/>
      <c r="TQL709" s="613"/>
      <c r="TQM709" s="613"/>
      <c r="TQN709" s="613"/>
      <c r="TQO709" s="613"/>
      <c r="TQP709" s="613"/>
      <c r="TQQ709" s="613"/>
      <c r="TQR709" s="613"/>
      <c r="TQS709" s="613"/>
      <c r="TQT709" s="613"/>
      <c r="TQU709" s="613"/>
      <c r="TQV709" s="613"/>
      <c r="TQW709" s="613"/>
      <c r="TQX709" s="613"/>
      <c r="TQY709" s="613"/>
      <c r="TQZ709" s="613"/>
      <c r="TRA709" s="613"/>
      <c r="TRB709" s="613"/>
      <c r="TRC709" s="613"/>
      <c r="TRD709" s="613"/>
      <c r="TRE709" s="613"/>
      <c r="TRF709" s="613"/>
      <c r="TRG709" s="613"/>
      <c r="TRH709" s="613"/>
      <c r="TRI709" s="613"/>
      <c r="TRJ709" s="613"/>
      <c r="TRK709" s="613"/>
      <c r="TRL709" s="613"/>
      <c r="TRM709" s="613"/>
      <c r="TRN709" s="613"/>
      <c r="TRO709" s="613"/>
      <c r="TRP709" s="613"/>
      <c r="TRQ709" s="613"/>
      <c r="TRR709" s="613"/>
      <c r="TRS709" s="613"/>
      <c r="TRT709" s="613"/>
      <c r="TRU709" s="613"/>
      <c r="TRV709" s="613"/>
      <c r="TRW709" s="613"/>
      <c r="TRX709" s="613"/>
      <c r="TRY709" s="613"/>
      <c r="TRZ709" s="613"/>
      <c r="TSA709" s="613"/>
      <c r="TSB709" s="613"/>
      <c r="TSC709" s="613"/>
      <c r="TSD709" s="613"/>
      <c r="TSE709" s="613"/>
      <c r="TSF709" s="613"/>
      <c r="TSG709" s="613"/>
      <c r="TSH709" s="613"/>
      <c r="TSI709" s="613"/>
      <c r="TSJ709" s="613"/>
      <c r="TSK709" s="613"/>
      <c r="TSL709" s="613"/>
      <c r="TSM709" s="613"/>
      <c r="TSN709" s="613"/>
      <c r="TSO709" s="613"/>
      <c r="TSP709" s="613"/>
      <c r="TSQ709" s="613"/>
      <c r="TSR709" s="613"/>
      <c r="TSS709" s="613"/>
      <c r="TST709" s="613"/>
      <c r="TSU709" s="613"/>
      <c r="TSV709" s="613"/>
      <c r="TSW709" s="613"/>
      <c r="TSX709" s="613"/>
      <c r="TSY709" s="613"/>
      <c r="TSZ709" s="613"/>
      <c r="TTA709" s="613"/>
      <c r="TTB709" s="613"/>
      <c r="TTC709" s="613"/>
      <c r="TTD709" s="613"/>
      <c r="TTE709" s="613"/>
      <c r="TTF709" s="613"/>
      <c r="TTG709" s="613"/>
      <c r="TTH709" s="613"/>
      <c r="TTI709" s="613"/>
      <c r="TTJ709" s="613"/>
      <c r="TTK709" s="613"/>
      <c r="TTL709" s="613"/>
      <c r="TTM709" s="613"/>
      <c r="TTN709" s="613"/>
      <c r="TTO709" s="613"/>
      <c r="TTP709" s="613"/>
      <c r="TTQ709" s="613"/>
      <c r="TTR709" s="613"/>
      <c r="TTS709" s="613"/>
      <c r="TTT709" s="613"/>
      <c r="TTU709" s="613"/>
      <c r="TTV709" s="613"/>
      <c r="TTW709" s="613"/>
      <c r="TTX709" s="613"/>
      <c r="TTY709" s="613"/>
      <c r="TTZ709" s="613"/>
      <c r="TUA709" s="613"/>
      <c r="TUB709" s="613"/>
      <c r="TUC709" s="613"/>
      <c r="TUD709" s="613"/>
      <c r="TUE709" s="613"/>
      <c r="TUF709" s="613"/>
      <c r="TUG709" s="613"/>
      <c r="TUH709" s="613"/>
      <c r="TUI709" s="613"/>
      <c r="TUJ709" s="613"/>
      <c r="TUK709" s="613"/>
      <c r="TUL709" s="613"/>
      <c r="TUM709" s="613"/>
      <c r="TUN709" s="613"/>
      <c r="TUO709" s="613"/>
      <c r="TUP709" s="613"/>
      <c r="TUQ709" s="613"/>
      <c r="TUR709" s="613"/>
      <c r="TUS709" s="613"/>
      <c r="TUT709" s="613"/>
      <c r="TUU709" s="613"/>
      <c r="TUV709" s="613"/>
      <c r="TUW709" s="613"/>
      <c r="TUX709" s="613"/>
      <c r="TUY709" s="613"/>
      <c r="TUZ709" s="613"/>
      <c r="TVA709" s="613"/>
      <c r="TVB709" s="613"/>
      <c r="TVC709" s="613"/>
      <c r="TVD709" s="613"/>
      <c r="TVE709" s="613"/>
      <c r="TVF709" s="613"/>
      <c r="TVG709" s="613"/>
      <c r="TVH709" s="613"/>
      <c r="TVI709" s="613"/>
      <c r="TVJ709" s="613"/>
      <c r="TVK709" s="613"/>
      <c r="TVL709" s="613"/>
      <c r="TVM709" s="613"/>
      <c r="TVN709" s="613"/>
      <c r="TVO709" s="613"/>
      <c r="TVP709" s="613"/>
      <c r="TVQ709" s="613"/>
      <c r="TVR709" s="613"/>
      <c r="TVS709" s="613"/>
      <c r="TVT709" s="613"/>
      <c r="TVU709" s="613"/>
      <c r="TVV709" s="613"/>
      <c r="TVW709" s="613"/>
      <c r="TVX709" s="613"/>
      <c r="TVY709" s="613"/>
      <c r="TVZ709" s="613"/>
      <c r="TWA709" s="613"/>
      <c r="TWB709" s="613"/>
      <c r="TWC709" s="613"/>
      <c r="TWD709" s="613"/>
      <c r="TWE709" s="613"/>
      <c r="TWF709" s="613"/>
      <c r="TWG709" s="613"/>
      <c r="TWH709" s="613"/>
      <c r="TWI709" s="613"/>
      <c r="TWJ709" s="613"/>
      <c r="TWK709" s="613"/>
      <c r="TWL709" s="613"/>
      <c r="TWM709" s="613"/>
      <c r="TWN709" s="613"/>
      <c r="TWO709" s="613"/>
      <c r="TWP709" s="613"/>
      <c r="TWQ709" s="613"/>
      <c r="TWR709" s="613"/>
      <c r="TWS709" s="613"/>
      <c r="TWT709" s="613"/>
      <c r="TWU709" s="613"/>
      <c r="TWV709" s="613"/>
      <c r="TWW709" s="613"/>
      <c r="TWX709" s="613"/>
      <c r="TWY709" s="613"/>
      <c r="TWZ709" s="613"/>
      <c r="TXA709" s="613"/>
      <c r="TXB709" s="613"/>
      <c r="TXC709" s="613"/>
      <c r="TXD709" s="613"/>
      <c r="TXE709" s="613"/>
      <c r="TXF709" s="613"/>
      <c r="TXG709" s="613"/>
      <c r="TXH709" s="613"/>
      <c r="TXI709" s="613"/>
      <c r="TXJ709" s="613"/>
      <c r="TXK709" s="613"/>
      <c r="TXL709" s="613"/>
      <c r="TXM709" s="613"/>
      <c r="TXN709" s="613"/>
      <c r="TXO709" s="613"/>
      <c r="TXP709" s="613"/>
      <c r="TXQ709" s="613"/>
      <c r="TXR709" s="613"/>
      <c r="TXS709" s="613"/>
      <c r="TXT709" s="613"/>
      <c r="TXU709" s="613"/>
      <c r="TXV709" s="613"/>
      <c r="TXW709" s="613"/>
      <c r="TXX709" s="613"/>
      <c r="TXY709" s="613"/>
      <c r="TXZ709" s="613"/>
      <c r="TYA709" s="613"/>
      <c r="TYB709" s="613"/>
      <c r="TYC709" s="613"/>
      <c r="TYD709" s="613"/>
      <c r="TYE709" s="613"/>
      <c r="TYF709" s="613"/>
      <c r="TYG709" s="613"/>
      <c r="TYH709" s="613"/>
      <c r="TYI709" s="613"/>
      <c r="TYJ709" s="613"/>
      <c r="TYK709" s="613"/>
      <c r="TYL709" s="613"/>
      <c r="TYM709" s="613"/>
      <c r="TYN709" s="613"/>
      <c r="TYO709" s="613"/>
      <c r="TYP709" s="613"/>
      <c r="TYQ709" s="613"/>
      <c r="TYR709" s="613"/>
      <c r="TYS709" s="613"/>
      <c r="TYT709" s="613"/>
      <c r="TYU709" s="613"/>
      <c r="TYV709" s="613"/>
      <c r="TYW709" s="613"/>
      <c r="TYX709" s="613"/>
      <c r="TYY709" s="613"/>
      <c r="TYZ709" s="613"/>
      <c r="TZA709" s="613"/>
      <c r="TZB709" s="613"/>
      <c r="TZC709" s="613"/>
      <c r="TZD709" s="613"/>
      <c r="TZE709" s="613"/>
      <c r="TZF709" s="613"/>
      <c r="TZG709" s="613"/>
      <c r="TZH709" s="613"/>
      <c r="TZI709" s="613"/>
      <c r="TZJ709" s="613"/>
      <c r="TZK709" s="613"/>
      <c r="TZL709" s="613"/>
      <c r="TZM709" s="613"/>
      <c r="TZN709" s="613"/>
      <c r="TZO709" s="613"/>
      <c r="TZP709" s="613"/>
      <c r="TZQ709" s="613"/>
      <c r="TZR709" s="613"/>
      <c r="TZS709" s="613"/>
      <c r="TZT709" s="613"/>
      <c r="TZU709" s="613"/>
      <c r="TZV709" s="613"/>
      <c r="TZW709" s="613"/>
      <c r="TZX709" s="613"/>
      <c r="TZY709" s="613"/>
      <c r="TZZ709" s="613"/>
      <c r="UAA709" s="613"/>
      <c r="UAB709" s="613"/>
      <c r="UAC709" s="613"/>
      <c r="UAD709" s="613"/>
      <c r="UAE709" s="613"/>
      <c r="UAF709" s="613"/>
      <c r="UAG709" s="613"/>
      <c r="UAH709" s="613"/>
      <c r="UAI709" s="613"/>
      <c r="UAJ709" s="613"/>
      <c r="UAK709" s="613"/>
      <c r="UAL709" s="613"/>
      <c r="UAM709" s="613"/>
      <c r="UAN709" s="613"/>
      <c r="UAO709" s="613"/>
      <c r="UAP709" s="613"/>
      <c r="UAQ709" s="613"/>
      <c r="UAR709" s="613"/>
      <c r="UAS709" s="613"/>
      <c r="UAT709" s="613"/>
      <c r="UAU709" s="613"/>
      <c r="UAV709" s="613"/>
      <c r="UAW709" s="613"/>
      <c r="UAX709" s="613"/>
      <c r="UAY709" s="613"/>
      <c r="UAZ709" s="613"/>
      <c r="UBA709" s="613"/>
      <c r="UBB709" s="613"/>
      <c r="UBC709" s="613"/>
      <c r="UBD709" s="613"/>
      <c r="UBE709" s="613"/>
      <c r="UBF709" s="613"/>
      <c r="UBG709" s="613"/>
      <c r="UBH709" s="613"/>
      <c r="UBI709" s="613"/>
      <c r="UBJ709" s="613"/>
      <c r="UBK709" s="613"/>
      <c r="UBL709" s="613"/>
      <c r="UBM709" s="613"/>
      <c r="UBN709" s="613"/>
      <c r="UBO709" s="613"/>
      <c r="UBP709" s="613"/>
      <c r="UBQ709" s="613"/>
      <c r="UBR709" s="613"/>
      <c r="UBS709" s="613"/>
      <c r="UBT709" s="613"/>
      <c r="UBU709" s="613"/>
      <c r="UBV709" s="613"/>
      <c r="UBW709" s="613"/>
      <c r="UBX709" s="613"/>
      <c r="UBY709" s="613"/>
      <c r="UBZ709" s="613"/>
      <c r="UCA709" s="613"/>
      <c r="UCB709" s="613"/>
      <c r="UCC709" s="613"/>
      <c r="UCD709" s="613"/>
      <c r="UCE709" s="613"/>
      <c r="UCF709" s="613"/>
      <c r="UCG709" s="613"/>
      <c r="UCH709" s="613"/>
      <c r="UCI709" s="613"/>
      <c r="UCJ709" s="613"/>
      <c r="UCK709" s="613"/>
      <c r="UCL709" s="613"/>
      <c r="UCM709" s="613"/>
      <c r="UCN709" s="613"/>
      <c r="UCO709" s="613"/>
      <c r="UCP709" s="613"/>
      <c r="UCQ709" s="613"/>
      <c r="UCR709" s="613"/>
      <c r="UCS709" s="613"/>
      <c r="UCT709" s="613"/>
      <c r="UCU709" s="613"/>
      <c r="UCV709" s="613"/>
      <c r="UCW709" s="613"/>
      <c r="UCX709" s="613"/>
      <c r="UCY709" s="613"/>
      <c r="UCZ709" s="613"/>
      <c r="UDA709" s="613"/>
      <c r="UDB709" s="613"/>
      <c r="UDC709" s="613"/>
      <c r="UDD709" s="613"/>
      <c r="UDE709" s="613"/>
      <c r="UDF709" s="613"/>
      <c r="UDG709" s="613"/>
      <c r="UDH709" s="613"/>
      <c r="UDI709" s="613"/>
      <c r="UDJ709" s="613"/>
      <c r="UDK709" s="613"/>
      <c r="UDL709" s="613"/>
      <c r="UDM709" s="613"/>
      <c r="UDN709" s="613"/>
      <c r="UDO709" s="613"/>
      <c r="UDP709" s="613"/>
      <c r="UDQ709" s="613"/>
      <c r="UDR709" s="613"/>
      <c r="UDS709" s="613"/>
      <c r="UDT709" s="613"/>
      <c r="UDU709" s="613"/>
      <c r="UDV709" s="613"/>
      <c r="UDW709" s="613"/>
      <c r="UDX709" s="613"/>
      <c r="UDY709" s="613"/>
      <c r="UDZ709" s="613"/>
      <c r="UEA709" s="613"/>
      <c r="UEB709" s="613"/>
      <c r="UEC709" s="613"/>
      <c r="UED709" s="613"/>
      <c r="UEE709" s="613"/>
      <c r="UEF709" s="613"/>
      <c r="UEG709" s="613"/>
      <c r="UEH709" s="613"/>
      <c r="UEI709" s="613"/>
      <c r="UEJ709" s="613"/>
      <c r="UEK709" s="613"/>
      <c r="UEL709" s="613"/>
      <c r="UEM709" s="613"/>
      <c r="UEN709" s="613"/>
      <c r="UEO709" s="613"/>
      <c r="UEP709" s="613"/>
      <c r="UEQ709" s="613"/>
      <c r="UER709" s="613"/>
      <c r="UES709" s="613"/>
      <c r="UET709" s="613"/>
      <c r="UEU709" s="613"/>
      <c r="UEV709" s="613"/>
      <c r="UEW709" s="613"/>
      <c r="UEX709" s="613"/>
      <c r="UEY709" s="613"/>
      <c r="UEZ709" s="613"/>
      <c r="UFA709" s="613"/>
      <c r="UFB709" s="613"/>
      <c r="UFC709" s="613"/>
      <c r="UFD709" s="613"/>
      <c r="UFE709" s="613"/>
      <c r="UFF709" s="613"/>
      <c r="UFG709" s="613"/>
      <c r="UFH709" s="613"/>
      <c r="UFI709" s="613"/>
      <c r="UFJ709" s="613"/>
      <c r="UFK709" s="613"/>
      <c r="UFL709" s="613"/>
      <c r="UFM709" s="613"/>
      <c r="UFN709" s="613"/>
      <c r="UFO709" s="613"/>
      <c r="UFP709" s="613"/>
      <c r="UFQ709" s="613"/>
      <c r="UFR709" s="613"/>
      <c r="UFS709" s="613"/>
      <c r="UFT709" s="613"/>
      <c r="UFU709" s="613"/>
      <c r="UFV709" s="613"/>
      <c r="UFW709" s="613"/>
      <c r="UFX709" s="613"/>
      <c r="UFY709" s="613"/>
      <c r="UFZ709" s="613"/>
      <c r="UGA709" s="613"/>
      <c r="UGB709" s="613"/>
      <c r="UGC709" s="613"/>
      <c r="UGD709" s="613"/>
      <c r="UGE709" s="613"/>
      <c r="UGF709" s="613"/>
      <c r="UGG709" s="613"/>
      <c r="UGH709" s="613"/>
      <c r="UGI709" s="613"/>
      <c r="UGJ709" s="613"/>
      <c r="UGK709" s="613"/>
      <c r="UGL709" s="613"/>
      <c r="UGM709" s="613"/>
      <c r="UGN709" s="613"/>
      <c r="UGO709" s="613"/>
      <c r="UGP709" s="613"/>
      <c r="UGQ709" s="613"/>
      <c r="UGR709" s="613"/>
      <c r="UGS709" s="613"/>
      <c r="UGT709" s="613"/>
      <c r="UGU709" s="613"/>
      <c r="UGV709" s="613"/>
      <c r="UGW709" s="613"/>
      <c r="UGX709" s="613"/>
      <c r="UGY709" s="613"/>
      <c r="UGZ709" s="613"/>
      <c r="UHA709" s="613"/>
      <c r="UHB709" s="613"/>
      <c r="UHC709" s="613"/>
      <c r="UHD709" s="613"/>
      <c r="UHE709" s="613"/>
      <c r="UHF709" s="613"/>
      <c r="UHG709" s="613"/>
      <c r="UHH709" s="613"/>
      <c r="UHI709" s="613"/>
      <c r="UHJ709" s="613"/>
      <c r="UHK709" s="613"/>
      <c r="UHL709" s="613"/>
      <c r="UHM709" s="613"/>
      <c r="UHN709" s="613"/>
      <c r="UHO709" s="613"/>
      <c r="UHP709" s="613"/>
      <c r="UHQ709" s="613"/>
      <c r="UHR709" s="613"/>
      <c r="UHS709" s="613"/>
      <c r="UHT709" s="613"/>
      <c r="UHU709" s="613"/>
      <c r="UHV709" s="613"/>
      <c r="UHW709" s="613"/>
      <c r="UHX709" s="613"/>
      <c r="UHY709" s="613"/>
      <c r="UHZ709" s="613"/>
      <c r="UIA709" s="613"/>
      <c r="UIB709" s="613"/>
      <c r="UIC709" s="613"/>
      <c r="UID709" s="613"/>
      <c r="UIE709" s="613"/>
      <c r="UIF709" s="613"/>
      <c r="UIG709" s="613"/>
      <c r="UIH709" s="613"/>
      <c r="UII709" s="613"/>
      <c r="UIJ709" s="613"/>
      <c r="UIK709" s="613"/>
      <c r="UIL709" s="613"/>
      <c r="UIM709" s="613"/>
      <c r="UIN709" s="613"/>
      <c r="UIO709" s="613"/>
      <c r="UIP709" s="613"/>
      <c r="UIQ709" s="613"/>
      <c r="UIR709" s="613"/>
      <c r="UIS709" s="613"/>
      <c r="UIT709" s="613"/>
      <c r="UIU709" s="613"/>
      <c r="UIV709" s="613"/>
      <c r="UIW709" s="613"/>
      <c r="UIX709" s="613"/>
      <c r="UIY709" s="613"/>
      <c r="UIZ709" s="613"/>
      <c r="UJA709" s="613"/>
      <c r="UJB709" s="613"/>
      <c r="UJC709" s="613"/>
      <c r="UJD709" s="613"/>
      <c r="UJE709" s="613"/>
      <c r="UJF709" s="613"/>
      <c r="UJG709" s="613"/>
      <c r="UJH709" s="613"/>
      <c r="UJI709" s="613"/>
      <c r="UJJ709" s="613"/>
      <c r="UJK709" s="613"/>
      <c r="UJL709" s="613"/>
      <c r="UJM709" s="613"/>
      <c r="UJN709" s="613"/>
      <c r="UJO709" s="613"/>
      <c r="UJP709" s="613"/>
      <c r="UJQ709" s="613"/>
      <c r="UJR709" s="613"/>
      <c r="UJS709" s="613"/>
      <c r="UJT709" s="613"/>
      <c r="UJU709" s="613"/>
      <c r="UJV709" s="613"/>
      <c r="UJW709" s="613"/>
      <c r="UJX709" s="613"/>
      <c r="UJY709" s="613"/>
      <c r="UJZ709" s="613"/>
      <c r="UKA709" s="613"/>
      <c r="UKB709" s="613"/>
      <c r="UKC709" s="613"/>
      <c r="UKD709" s="613"/>
      <c r="UKE709" s="613"/>
      <c r="UKF709" s="613"/>
      <c r="UKG709" s="613"/>
      <c r="UKH709" s="613"/>
      <c r="UKI709" s="613"/>
      <c r="UKJ709" s="613"/>
      <c r="UKK709" s="613"/>
      <c r="UKL709" s="613"/>
      <c r="UKM709" s="613"/>
      <c r="UKN709" s="613"/>
      <c r="UKO709" s="613"/>
      <c r="UKP709" s="613"/>
      <c r="UKQ709" s="613"/>
      <c r="UKR709" s="613"/>
      <c r="UKS709" s="613"/>
      <c r="UKT709" s="613"/>
      <c r="UKU709" s="613"/>
      <c r="UKV709" s="613"/>
      <c r="UKW709" s="613"/>
      <c r="UKX709" s="613"/>
      <c r="UKY709" s="613"/>
      <c r="UKZ709" s="613"/>
      <c r="ULA709" s="613"/>
      <c r="ULB709" s="613"/>
      <c r="ULC709" s="613"/>
      <c r="ULD709" s="613"/>
      <c r="ULE709" s="613"/>
      <c r="ULF709" s="613"/>
      <c r="ULG709" s="613"/>
      <c r="ULH709" s="613"/>
      <c r="ULI709" s="613"/>
      <c r="ULJ709" s="613"/>
      <c r="ULK709" s="613"/>
      <c r="ULL709" s="613"/>
      <c r="ULM709" s="613"/>
      <c r="ULN709" s="613"/>
      <c r="ULO709" s="613"/>
      <c r="ULP709" s="613"/>
      <c r="ULQ709" s="613"/>
      <c r="ULR709" s="613"/>
      <c r="ULS709" s="613"/>
      <c r="ULT709" s="613"/>
      <c r="ULU709" s="613"/>
      <c r="ULV709" s="613"/>
      <c r="ULW709" s="613"/>
      <c r="ULX709" s="613"/>
      <c r="ULY709" s="613"/>
      <c r="ULZ709" s="613"/>
      <c r="UMA709" s="613"/>
      <c r="UMB709" s="613"/>
      <c r="UMC709" s="613"/>
      <c r="UMD709" s="613"/>
      <c r="UME709" s="613"/>
      <c r="UMF709" s="613"/>
      <c r="UMG709" s="613"/>
      <c r="UMH709" s="613"/>
      <c r="UMI709" s="613"/>
      <c r="UMJ709" s="613"/>
      <c r="UMK709" s="613"/>
      <c r="UML709" s="613"/>
      <c r="UMM709" s="613"/>
      <c r="UMN709" s="613"/>
      <c r="UMO709" s="613"/>
      <c r="UMP709" s="613"/>
      <c r="UMQ709" s="613"/>
      <c r="UMR709" s="613"/>
      <c r="UMS709" s="613"/>
      <c r="UMT709" s="613"/>
      <c r="UMU709" s="613"/>
      <c r="UMV709" s="613"/>
      <c r="UMW709" s="613"/>
      <c r="UMX709" s="613"/>
      <c r="UMY709" s="613"/>
      <c r="UMZ709" s="613"/>
      <c r="UNA709" s="613"/>
      <c r="UNB709" s="613"/>
      <c r="UNC709" s="613"/>
      <c r="UND709" s="613"/>
      <c r="UNE709" s="613"/>
      <c r="UNF709" s="613"/>
      <c r="UNG709" s="613"/>
      <c r="UNH709" s="613"/>
      <c r="UNI709" s="613"/>
      <c r="UNJ709" s="613"/>
      <c r="UNK709" s="613"/>
      <c r="UNL709" s="613"/>
      <c r="UNM709" s="613"/>
      <c r="UNN709" s="613"/>
      <c r="UNO709" s="613"/>
      <c r="UNP709" s="613"/>
      <c r="UNQ709" s="613"/>
      <c r="UNR709" s="613"/>
      <c r="UNS709" s="613"/>
      <c r="UNT709" s="613"/>
      <c r="UNU709" s="613"/>
      <c r="UNV709" s="613"/>
      <c r="UNW709" s="613"/>
      <c r="UNX709" s="613"/>
      <c r="UNY709" s="613"/>
      <c r="UNZ709" s="613"/>
      <c r="UOA709" s="613"/>
      <c r="UOB709" s="613"/>
      <c r="UOC709" s="613"/>
      <c r="UOD709" s="613"/>
      <c r="UOE709" s="613"/>
      <c r="UOF709" s="613"/>
      <c r="UOG709" s="613"/>
      <c r="UOH709" s="613"/>
      <c r="UOI709" s="613"/>
      <c r="UOJ709" s="613"/>
      <c r="UOK709" s="613"/>
      <c r="UOL709" s="613"/>
      <c r="UOM709" s="613"/>
      <c r="UON709" s="613"/>
      <c r="UOO709" s="613"/>
      <c r="UOP709" s="613"/>
      <c r="UOQ709" s="613"/>
      <c r="UOR709" s="613"/>
      <c r="UOS709" s="613"/>
      <c r="UOT709" s="613"/>
      <c r="UOU709" s="613"/>
      <c r="UOV709" s="613"/>
      <c r="UOW709" s="613"/>
      <c r="UOX709" s="613"/>
      <c r="UOY709" s="613"/>
      <c r="UOZ709" s="613"/>
      <c r="UPA709" s="613"/>
      <c r="UPB709" s="613"/>
      <c r="UPC709" s="613"/>
      <c r="UPD709" s="613"/>
      <c r="UPE709" s="613"/>
      <c r="UPF709" s="613"/>
      <c r="UPG709" s="613"/>
      <c r="UPH709" s="613"/>
      <c r="UPI709" s="613"/>
      <c r="UPJ709" s="613"/>
      <c r="UPK709" s="613"/>
      <c r="UPL709" s="613"/>
      <c r="UPM709" s="613"/>
      <c r="UPN709" s="613"/>
      <c r="UPO709" s="613"/>
      <c r="UPP709" s="613"/>
      <c r="UPQ709" s="613"/>
      <c r="UPR709" s="613"/>
      <c r="UPS709" s="613"/>
      <c r="UPT709" s="613"/>
      <c r="UPU709" s="613"/>
      <c r="UPV709" s="613"/>
      <c r="UPW709" s="613"/>
      <c r="UPX709" s="613"/>
      <c r="UPY709" s="613"/>
      <c r="UPZ709" s="613"/>
      <c r="UQA709" s="613"/>
      <c r="UQB709" s="613"/>
      <c r="UQC709" s="613"/>
      <c r="UQD709" s="613"/>
      <c r="UQE709" s="613"/>
      <c r="UQF709" s="613"/>
      <c r="UQG709" s="613"/>
      <c r="UQH709" s="613"/>
      <c r="UQI709" s="613"/>
      <c r="UQJ709" s="613"/>
      <c r="UQK709" s="613"/>
      <c r="UQL709" s="613"/>
      <c r="UQM709" s="613"/>
      <c r="UQN709" s="613"/>
      <c r="UQO709" s="613"/>
      <c r="UQP709" s="613"/>
      <c r="UQQ709" s="613"/>
      <c r="UQR709" s="613"/>
      <c r="UQS709" s="613"/>
      <c r="UQT709" s="613"/>
      <c r="UQU709" s="613"/>
      <c r="UQV709" s="613"/>
      <c r="UQW709" s="613"/>
      <c r="UQX709" s="613"/>
      <c r="UQY709" s="613"/>
      <c r="UQZ709" s="613"/>
      <c r="URA709" s="613"/>
      <c r="URB709" s="613"/>
      <c r="URC709" s="613"/>
      <c r="URD709" s="613"/>
      <c r="URE709" s="613"/>
      <c r="URF709" s="613"/>
      <c r="URG709" s="613"/>
      <c r="URH709" s="613"/>
      <c r="URI709" s="613"/>
      <c r="URJ709" s="613"/>
      <c r="URK709" s="613"/>
      <c r="URL709" s="613"/>
      <c r="URM709" s="613"/>
      <c r="URN709" s="613"/>
      <c r="URO709" s="613"/>
      <c r="URP709" s="613"/>
      <c r="URQ709" s="613"/>
      <c r="URR709" s="613"/>
      <c r="URS709" s="613"/>
      <c r="URT709" s="613"/>
      <c r="URU709" s="613"/>
      <c r="URV709" s="613"/>
      <c r="URW709" s="613"/>
      <c r="URX709" s="613"/>
      <c r="URY709" s="613"/>
      <c r="URZ709" s="613"/>
      <c r="USA709" s="613"/>
      <c r="USB709" s="613"/>
      <c r="USC709" s="613"/>
      <c r="USD709" s="613"/>
      <c r="USE709" s="613"/>
      <c r="USF709" s="613"/>
      <c r="USG709" s="613"/>
      <c r="USH709" s="613"/>
      <c r="USI709" s="613"/>
      <c r="USJ709" s="613"/>
      <c r="USK709" s="613"/>
      <c r="USL709" s="613"/>
      <c r="USM709" s="613"/>
      <c r="USN709" s="613"/>
      <c r="USO709" s="613"/>
      <c r="USP709" s="613"/>
      <c r="USQ709" s="613"/>
      <c r="USR709" s="613"/>
      <c r="USS709" s="613"/>
      <c r="UST709" s="613"/>
      <c r="USU709" s="613"/>
      <c r="USV709" s="613"/>
      <c r="USW709" s="613"/>
      <c r="USX709" s="613"/>
      <c r="USY709" s="613"/>
      <c r="USZ709" s="613"/>
      <c r="UTA709" s="613"/>
      <c r="UTB709" s="613"/>
      <c r="UTC709" s="613"/>
      <c r="UTD709" s="613"/>
      <c r="UTE709" s="613"/>
      <c r="UTF709" s="613"/>
      <c r="UTG709" s="613"/>
      <c r="UTH709" s="613"/>
      <c r="UTI709" s="613"/>
      <c r="UTJ709" s="613"/>
      <c r="UTK709" s="613"/>
      <c r="UTL709" s="613"/>
      <c r="UTM709" s="613"/>
      <c r="UTN709" s="613"/>
      <c r="UTO709" s="613"/>
      <c r="UTP709" s="613"/>
      <c r="UTQ709" s="613"/>
      <c r="UTR709" s="613"/>
      <c r="UTS709" s="613"/>
      <c r="UTT709" s="613"/>
      <c r="UTU709" s="613"/>
      <c r="UTV709" s="613"/>
      <c r="UTW709" s="613"/>
      <c r="UTX709" s="613"/>
      <c r="UTY709" s="613"/>
      <c r="UTZ709" s="613"/>
      <c r="UUA709" s="613"/>
      <c r="UUB709" s="613"/>
      <c r="UUC709" s="613"/>
      <c r="UUD709" s="613"/>
      <c r="UUE709" s="613"/>
      <c r="UUF709" s="613"/>
      <c r="UUG709" s="613"/>
      <c r="UUH709" s="613"/>
      <c r="UUI709" s="613"/>
      <c r="UUJ709" s="613"/>
      <c r="UUK709" s="613"/>
      <c r="UUL709" s="613"/>
      <c r="UUM709" s="613"/>
      <c r="UUN709" s="613"/>
      <c r="UUO709" s="613"/>
      <c r="UUP709" s="613"/>
      <c r="UUQ709" s="613"/>
      <c r="UUR709" s="613"/>
      <c r="UUS709" s="613"/>
      <c r="UUT709" s="613"/>
      <c r="UUU709" s="613"/>
      <c r="UUV709" s="613"/>
      <c r="UUW709" s="613"/>
      <c r="UUX709" s="613"/>
      <c r="UUY709" s="613"/>
      <c r="UUZ709" s="613"/>
      <c r="UVA709" s="613"/>
      <c r="UVB709" s="613"/>
      <c r="UVC709" s="613"/>
      <c r="UVD709" s="613"/>
      <c r="UVE709" s="613"/>
      <c r="UVF709" s="613"/>
      <c r="UVG709" s="613"/>
      <c r="UVH709" s="613"/>
      <c r="UVI709" s="613"/>
      <c r="UVJ709" s="613"/>
      <c r="UVK709" s="613"/>
      <c r="UVL709" s="613"/>
      <c r="UVM709" s="613"/>
      <c r="UVN709" s="613"/>
      <c r="UVO709" s="613"/>
      <c r="UVP709" s="613"/>
      <c r="UVQ709" s="613"/>
      <c r="UVR709" s="613"/>
      <c r="UVS709" s="613"/>
      <c r="UVT709" s="613"/>
      <c r="UVU709" s="613"/>
      <c r="UVV709" s="613"/>
      <c r="UVW709" s="613"/>
      <c r="UVX709" s="613"/>
      <c r="UVY709" s="613"/>
      <c r="UVZ709" s="613"/>
      <c r="UWA709" s="613"/>
      <c r="UWB709" s="613"/>
      <c r="UWC709" s="613"/>
      <c r="UWD709" s="613"/>
      <c r="UWE709" s="613"/>
      <c r="UWF709" s="613"/>
      <c r="UWG709" s="613"/>
      <c r="UWH709" s="613"/>
      <c r="UWI709" s="613"/>
      <c r="UWJ709" s="613"/>
      <c r="UWK709" s="613"/>
      <c r="UWL709" s="613"/>
      <c r="UWM709" s="613"/>
      <c r="UWN709" s="613"/>
      <c r="UWO709" s="613"/>
      <c r="UWP709" s="613"/>
      <c r="UWQ709" s="613"/>
      <c r="UWR709" s="613"/>
      <c r="UWS709" s="613"/>
      <c r="UWT709" s="613"/>
      <c r="UWU709" s="613"/>
      <c r="UWV709" s="613"/>
      <c r="UWW709" s="613"/>
      <c r="UWX709" s="613"/>
      <c r="UWY709" s="613"/>
      <c r="UWZ709" s="613"/>
      <c r="UXA709" s="613"/>
      <c r="UXB709" s="613"/>
      <c r="UXC709" s="613"/>
      <c r="UXD709" s="613"/>
      <c r="UXE709" s="613"/>
      <c r="UXF709" s="613"/>
      <c r="UXG709" s="613"/>
      <c r="UXH709" s="613"/>
      <c r="UXI709" s="613"/>
      <c r="UXJ709" s="613"/>
      <c r="UXK709" s="613"/>
      <c r="UXL709" s="613"/>
      <c r="UXM709" s="613"/>
      <c r="UXN709" s="613"/>
      <c r="UXO709" s="613"/>
      <c r="UXP709" s="613"/>
      <c r="UXQ709" s="613"/>
      <c r="UXR709" s="613"/>
      <c r="UXS709" s="613"/>
      <c r="UXT709" s="613"/>
      <c r="UXU709" s="613"/>
      <c r="UXV709" s="613"/>
      <c r="UXW709" s="613"/>
      <c r="UXX709" s="613"/>
      <c r="UXY709" s="613"/>
      <c r="UXZ709" s="613"/>
      <c r="UYA709" s="613"/>
      <c r="UYB709" s="613"/>
      <c r="UYC709" s="613"/>
      <c r="UYD709" s="613"/>
      <c r="UYE709" s="613"/>
      <c r="UYF709" s="613"/>
      <c r="UYG709" s="613"/>
      <c r="UYH709" s="613"/>
      <c r="UYI709" s="613"/>
      <c r="UYJ709" s="613"/>
      <c r="UYK709" s="613"/>
      <c r="UYL709" s="613"/>
      <c r="UYM709" s="613"/>
      <c r="UYN709" s="613"/>
      <c r="UYO709" s="613"/>
      <c r="UYP709" s="613"/>
      <c r="UYQ709" s="613"/>
      <c r="UYR709" s="613"/>
      <c r="UYS709" s="613"/>
      <c r="UYT709" s="613"/>
      <c r="UYU709" s="613"/>
      <c r="UYV709" s="613"/>
      <c r="UYW709" s="613"/>
      <c r="UYX709" s="613"/>
      <c r="UYY709" s="613"/>
      <c r="UYZ709" s="613"/>
      <c r="UZA709" s="613"/>
      <c r="UZB709" s="613"/>
      <c r="UZC709" s="613"/>
      <c r="UZD709" s="613"/>
      <c r="UZE709" s="613"/>
      <c r="UZF709" s="613"/>
      <c r="UZG709" s="613"/>
      <c r="UZH709" s="613"/>
      <c r="UZI709" s="613"/>
      <c r="UZJ709" s="613"/>
      <c r="UZK709" s="613"/>
      <c r="UZL709" s="613"/>
      <c r="UZM709" s="613"/>
      <c r="UZN709" s="613"/>
      <c r="UZO709" s="613"/>
      <c r="UZP709" s="613"/>
      <c r="UZQ709" s="613"/>
      <c r="UZR709" s="613"/>
      <c r="UZS709" s="613"/>
      <c r="UZT709" s="613"/>
      <c r="UZU709" s="613"/>
      <c r="UZV709" s="613"/>
      <c r="UZW709" s="613"/>
      <c r="UZX709" s="613"/>
      <c r="UZY709" s="613"/>
      <c r="UZZ709" s="613"/>
      <c r="VAA709" s="613"/>
      <c r="VAB709" s="613"/>
      <c r="VAC709" s="613"/>
      <c r="VAD709" s="613"/>
      <c r="VAE709" s="613"/>
      <c r="VAF709" s="613"/>
      <c r="VAG709" s="613"/>
      <c r="VAH709" s="613"/>
      <c r="VAI709" s="613"/>
      <c r="VAJ709" s="613"/>
      <c r="VAK709" s="613"/>
      <c r="VAL709" s="613"/>
      <c r="VAM709" s="613"/>
      <c r="VAN709" s="613"/>
      <c r="VAO709" s="613"/>
      <c r="VAP709" s="613"/>
      <c r="VAQ709" s="613"/>
      <c r="VAR709" s="613"/>
      <c r="VAS709" s="613"/>
      <c r="VAT709" s="613"/>
      <c r="VAU709" s="613"/>
      <c r="VAV709" s="613"/>
      <c r="VAW709" s="613"/>
      <c r="VAX709" s="613"/>
      <c r="VAY709" s="613"/>
      <c r="VAZ709" s="613"/>
      <c r="VBA709" s="613"/>
      <c r="VBB709" s="613"/>
      <c r="VBC709" s="613"/>
      <c r="VBD709" s="613"/>
      <c r="VBE709" s="613"/>
      <c r="VBF709" s="613"/>
      <c r="VBG709" s="613"/>
      <c r="VBH709" s="613"/>
      <c r="VBI709" s="613"/>
      <c r="VBJ709" s="613"/>
      <c r="VBK709" s="613"/>
      <c r="VBL709" s="613"/>
      <c r="VBM709" s="613"/>
      <c r="VBN709" s="613"/>
      <c r="VBO709" s="613"/>
      <c r="VBP709" s="613"/>
      <c r="VBQ709" s="613"/>
      <c r="VBR709" s="613"/>
      <c r="VBS709" s="613"/>
      <c r="VBT709" s="613"/>
      <c r="VBU709" s="613"/>
      <c r="VBV709" s="613"/>
      <c r="VBW709" s="613"/>
      <c r="VBX709" s="613"/>
      <c r="VBY709" s="613"/>
      <c r="VBZ709" s="613"/>
      <c r="VCA709" s="613"/>
      <c r="VCB709" s="613"/>
      <c r="VCC709" s="613"/>
      <c r="VCD709" s="613"/>
      <c r="VCE709" s="613"/>
      <c r="VCF709" s="613"/>
      <c r="VCG709" s="613"/>
      <c r="VCH709" s="613"/>
      <c r="VCI709" s="613"/>
      <c r="VCJ709" s="613"/>
      <c r="VCK709" s="613"/>
      <c r="VCL709" s="613"/>
      <c r="VCM709" s="613"/>
      <c r="VCN709" s="613"/>
      <c r="VCO709" s="613"/>
      <c r="VCP709" s="613"/>
      <c r="VCQ709" s="613"/>
      <c r="VCR709" s="613"/>
      <c r="VCS709" s="613"/>
      <c r="VCT709" s="613"/>
      <c r="VCU709" s="613"/>
      <c r="VCV709" s="613"/>
      <c r="VCW709" s="613"/>
      <c r="VCX709" s="613"/>
      <c r="VCY709" s="613"/>
      <c r="VCZ709" s="613"/>
      <c r="VDA709" s="613"/>
      <c r="VDB709" s="613"/>
      <c r="VDC709" s="613"/>
      <c r="VDD709" s="613"/>
      <c r="VDE709" s="613"/>
      <c r="VDF709" s="613"/>
      <c r="VDG709" s="613"/>
      <c r="VDH709" s="613"/>
      <c r="VDI709" s="613"/>
      <c r="VDJ709" s="613"/>
      <c r="VDK709" s="613"/>
      <c r="VDL709" s="613"/>
      <c r="VDM709" s="613"/>
      <c r="VDN709" s="613"/>
      <c r="VDO709" s="613"/>
      <c r="VDP709" s="613"/>
      <c r="VDQ709" s="613"/>
      <c r="VDR709" s="613"/>
      <c r="VDS709" s="613"/>
      <c r="VDT709" s="613"/>
      <c r="VDU709" s="613"/>
      <c r="VDV709" s="613"/>
      <c r="VDW709" s="613"/>
      <c r="VDX709" s="613"/>
      <c r="VDY709" s="613"/>
      <c r="VDZ709" s="613"/>
      <c r="VEA709" s="613"/>
      <c r="VEB709" s="613"/>
      <c r="VEC709" s="613"/>
      <c r="VED709" s="613"/>
      <c r="VEE709" s="613"/>
      <c r="VEF709" s="613"/>
      <c r="VEG709" s="613"/>
      <c r="VEH709" s="613"/>
      <c r="VEI709" s="613"/>
      <c r="VEJ709" s="613"/>
      <c r="VEK709" s="613"/>
      <c r="VEL709" s="613"/>
      <c r="VEM709" s="613"/>
      <c r="VEN709" s="613"/>
      <c r="VEO709" s="613"/>
      <c r="VEP709" s="613"/>
      <c r="VEQ709" s="613"/>
      <c r="VER709" s="613"/>
      <c r="VES709" s="613"/>
      <c r="VET709" s="613"/>
      <c r="VEU709" s="613"/>
      <c r="VEV709" s="613"/>
      <c r="VEW709" s="613"/>
      <c r="VEX709" s="613"/>
      <c r="VEY709" s="613"/>
      <c r="VEZ709" s="613"/>
      <c r="VFA709" s="613"/>
      <c r="VFB709" s="613"/>
      <c r="VFC709" s="613"/>
      <c r="VFD709" s="613"/>
      <c r="VFE709" s="613"/>
      <c r="VFF709" s="613"/>
      <c r="VFG709" s="613"/>
      <c r="VFH709" s="613"/>
      <c r="VFI709" s="613"/>
      <c r="VFJ709" s="613"/>
      <c r="VFK709" s="613"/>
      <c r="VFL709" s="613"/>
      <c r="VFM709" s="613"/>
      <c r="VFN709" s="613"/>
      <c r="VFO709" s="613"/>
      <c r="VFP709" s="613"/>
      <c r="VFQ709" s="613"/>
      <c r="VFR709" s="613"/>
      <c r="VFS709" s="613"/>
      <c r="VFT709" s="613"/>
      <c r="VFU709" s="613"/>
      <c r="VFV709" s="613"/>
      <c r="VFW709" s="613"/>
      <c r="VFX709" s="613"/>
      <c r="VFY709" s="613"/>
      <c r="VFZ709" s="613"/>
      <c r="VGA709" s="613"/>
      <c r="VGB709" s="613"/>
      <c r="VGC709" s="613"/>
      <c r="VGD709" s="613"/>
      <c r="VGE709" s="613"/>
      <c r="VGF709" s="613"/>
      <c r="VGG709" s="613"/>
      <c r="VGH709" s="613"/>
      <c r="VGI709" s="613"/>
      <c r="VGJ709" s="613"/>
      <c r="VGK709" s="613"/>
      <c r="VGL709" s="613"/>
      <c r="VGM709" s="613"/>
      <c r="VGN709" s="613"/>
      <c r="VGO709" s="613"/>
      <c r="VGP709" s="613"/>
      <c r="VGQ709" s="613"/>
      <c r="VGR709" s="613"/>
      <c r="VGS709" s="613"/>
      <c r="VGT709" s="613"/>
      <c r="VGU709" s="613"/>
      <c r="VGV709" s="613"/>
      <c r="VGW709" s="613"/>
      <c r="VGX709" s="613"/>
      <c r="VGY709" s="613"/>
      <c r="VGZ709" s="613"/>
      <c r="VHA709" s="613"/>
      <c r="VHB709" s="613"/>
      <c r="VHC709" s="613"/>
      <c r="VHD709" s="613"/>
      <c r="VHE709" s="613"/>
      <c r="VHF709" s="613"/>
      <c r="VHG709" s="613"/>
      <c r="VHH709" s="613"/>
      <c r="VHI709" s="613"/>
      <c r="VHJ709" s="613"/>
      <c r="VHK709" s="613"/>
      <c r="VHL709" s="613"/>
      <c r="VHM709" s="613"/>
      <c r="VHN709" s="613"/>
      <c r="VHO709" s="613"/>
      <c r="VHP709" s="613"/>
      <c r="VHQ709" s="613"/>
      <c r="VHR709" s="613"/>
      <c r="VHS709" s="613"/>
      <c r="VHT709" s="613"/>
      <c r="VHU709" s="613"/>
      <c r="VHV709" s="613"/>
      <c r="VHW709" s="613"/>
      <c r="VHX709" s="613"/>
      <c r="VHY709" s="613"/>
      <c r="VHZ709" s="613"/>
      <c r="VIA709" s="613"/>
      <c r="VIB709" s="613"/>
      <c r="VIC709" s="613"/>
      <c r="VID709" s="613"/>
      <c r="VIE709" s="613"/>
      <c r="VIF709" s="613"/>
      <c r="VIG709" s="613"/>
      <c r="VIH709" s="613"/>
      <c r="VII709" s="613"/>
      <c r="VIJ709" s="613"/>
      <c r="VIK709" s="613"/>
      <c r="VIL709" s="613"/>
      <c r="VIM709" s="613"/>
      <c r="VIN709" s="613"/>
      <c r="VIO709" s="613"/>
      <c r="VIP709" s="613"/>
      <c r="VIQ709" s="613"/>
      <c r="VIR709" s="613"/>
      <c r="VIS709" s="613"/>
      <c r="VIT709" s="613"/>
      <c r="VIU709" s="613"/>
      <c r="VIV709" s="613"/>
      <c r="VIW709" s="613"/>
      <c r="VIX709" s="613"/>
      <c r="VIY709" s="613"/>
      <c r="VIZ709" s="613"/>
      <c r="VJA709" s="613"/>
      <c r="VJB709" s="613"/>
      <c r="VJC709" s="613"/>
      <c r="VJD709" s="613"/>
      <c r="VJE709" s="613"/>
      <c r="VJF709" s="613"/>
      <c r="VJG709" s="613"/>
      <c r="VJH709" s="613"/>
      <c r="VJI709" s="613"/>
      <c r="VJJ709" s="613"/>
      <c r="VJK709" s="613"/>
      <c r="VJL709" s="613"/>
      <c r="VJM709" s="613"/>
      <c r="VJN709" s="613"/>
      <c r="VJO709" s="613"/>
      <c r="VJP709" s="613"/>
      <c r="VJQ709" s="613"/>
      <c r="VJR709" s="613"/>
      <c r="VJS709" s="613"/>
      <c r="VJT709" s="613"/>
      <c r="VJU709" s="613"/>
      <c r="VJV709" s="613"/>
      <c r="VJW709" s="613"/>
      <c r="VJX709" s="613"/>
      <c r="VJY709" s="613"/>
      <c r="VJZ709" s="613"/>
      <c r="VKA709" s="613"/>
      <c r="VKB709" s="613"/>
      <c r="VKC709" s="613"/>
      <c r="VKD709" s="613"/>
      <c r="VKE709" s="613"/>
      <c r="VKF709" s="613"/>
      <c r="VKG709" s="613"/>
      <c r="VKH709" s="613"/>
      <c r="VKI709" s="613"/>
      <c r="VKJ709" s="613"/>
      <c r="VKK709" s="613"/>
      <c r="VKL709" s="613"/>
      <c r="VKM709" s="613"/>
      <c r="VKN709" s="613"/>
      <c r="VKO709" s="613"/>
      <c r="VKP709" s="613"/>
      <c r="VKQ709" s="613"/>
      <c r="VKR709" s="613"/>
      <c r="VKS709" s="613"/>
      <c r="VKT709" s="613"/>
      <c r="VKU709" s="613"/>
      <c r="VKV709" s="613"/>
      <c r="VKW709" s="613"/>
      <c r="VKX709" s="613"/>
      <c r="VKY709" s="613"/>
      <c r="VKZ709" s="613"/>
      <c r="VLA709" s="613"/>
      <c r="VLB709" s="613"/>
      <c r="VLC709" s="613"/>
      <c r="VLD709" s="613"/>
      <c r="VLE709" s="613"/>
      <c r="VLF709" s="613"/>
      <c r="VLG709" s="613"/>
      <c r="VLH709" s="613"/>
      <c r="VLI709" s="613"/>
      <c r="VLJ709" s="613"/>
      <c r="VLK709" s="613"/>
      <c r="VLL709" s="613"/>
      <c r="VLM709" s="613"/>
      <c r="VLN709" s="613"/>
      <c r="VLO709" s="613"/>
      <c r="VLP709" s="613"/>
      <c r="VLQ709" s="613"/>
      <c r="VLR709" s="613"/>
      <c r="VLS709" s="613"/>
      <c r="VLT709" s="613"/>
      <c r="VLU709" s="613"/>
      <c r="VLV709" s="613"/>
      <c r="VLW709" s="613"/>
      <c r="VLX709" s="613"/>
      <c r="VLY709" s="613"/>
      <c r="VLZ709" s="613"/>
      <c r="VMA709" s="613"/>
      <c r="VMB709" s="613"/>
      <c r="VMC709" s="613"/>
      <c r="VMD709" s="613"/>
      <c r="VME709" s="613"/>
      <c r="VMF709" s="613"/>
      <c r="VMG709" s="613"/>
      <c r="VMH709" s="613"/>
      <c r="VMI709" s="613"/>
      <c r="VMJ709" s="613"/>
      <c r="VMK709" s="613"/>
      <c r="VML709" s="613"/>
      <c r="VMM709" s="613"/>
      <c r="VMN709" s="613"/>
      <c r="VMO709" s="613"/>
      <c r="VMP709" s="613"/>
      <c r="VMQ709" s="613"/>
      <c r="VMR709" s="613"/>
      <c r="VMS709" s="613"/>
      <c r="VMT709" s="613"/>
      <c r="VMU709" s="613"/>
      <c r="VMV709" s="613"/>
      <c r="VMW709" s="613"/>
      <c r="VMX709" s="613"/>
      <c r="VMY709" s="613"/>
      <c r="VMZ709" s="613"/>
      <c r="VNA709" s="613"/>
      <c r="VNB709" s="613"/>
      <c r="VNC709" s="613"/>
      <c r="VND709" s="613"/>
      <c r="VNE709" s="613"/>
      <c r="VNF709" s="613"/>
      <c r="VNG709" s="613"/>
      <c r="VNH709" s="613"/>
      <c r="VNI709" s="613"/>
      <c r="VNJ709" s="613"/>
      <c r="VNK709" s="613"/>
      <c r="VNL709" s="613"/>
      <c r="VNM709" s="613"/>
      <c r="VNN709" s="613"/>
      <c r="VNO709" s="613"/>
      <c r="VNP709" s="613"/>
      <c r="VNQ709" s="613"/>
      <c r="VNR709" s="613"/>
      <c r="VNS709" s="613"/>
      <c r="VNT709" s="613"/>
      <c r="VNU709" s="613"/>
      <c r="VNV709" s="613"/>
      <c r="VNW709" s="613"/>
      <c r="VNX709" s="613"/>
      <c r="VNY709" s="613"/>
      <c r="VNZ709" s="613"/>
      <c r="VOA709" s="613"/>
      <c r="VOB709" s="613"/>
      <c r="VOC709" s="613"/>
      <c r="VOD709" s="613"/>
      <c r="VOE709" s="613"/>
      <c r="VOF709" s="613"/>
      <c r="VOG709" s="613"/>
      <c r="VOH709" s="613"/>
      <c r="VOI709" s="613"/>
      <c r="VOJ709" s="613"/>
      <c r="VOK709" s="613"/>
      <c r="VOL709" s="613"/>
      <c r="VOM709" s="613"/>
      <c r="VON709" s="613"/>
      <c r="VOO709" s="613"/>
      <c r="VOP709" s="613"/>
      <c r="VOQ709" s="613"/>
      <c r="VOR709" s="613"/>
      <c r="VOS709" s="613"/>
      <c r="VOT709" s="613"/>
      <c r="VOU709" s="613"/>
      <c r="VOV709" s="613"/>
      <c r="VOW709" s="613"/>
      <c r="VOX709" s="613"/>
      <c r="VOY709" s="613"/>
      <c r="VOZ709" s="613"/>
      <c r="VPA709" s="613"/>
      <c r="VPB709" s="613"/>
      <c r="VPC709" s="613"/>
      <c r="VPD709" s="613"/>
      <c r="VPE709" s="613"/>
      <c r="VPF709" s="613"/>
      <c r="VPG709" s="613"/>
      <c r="VPH709" s="613"/>
      <c r="VPI709" s="613"/>
      <c r="VPJ709" s="613"/>
      <c r="VPK709" s="613"/>
      <c r="VPL709" s="613"/>
      <c r="VPM709" s="613"/>
      <c r="VPN709" s="613"/>
      <c r="VPO709" s="613"/>
      <c r="VPP709" s="613"/>
      <c r="VPQ709" s="613"/>
      <c r="VPR709" s="613"/>
      <c r="VPS709" s="613"/>
      <c r="VPT709" s="613"/>
      <c r="VPU709" s="613"/>
      <c r="VPV709" s="613"/>
      <c r="VPW709" s="613"/>
      <c r="VPX709" s="613"/>
      <c r="VPY709" s="613"/>
      <c r="VPZ709" s="613"/>
      <c r="VQA709" s="613"/>
      <c r="VQB709" s="613"/>
      <c r="VQC709" s="613"/>
      <c r="VQD709" s="613"/>
      <c r="VQE709" s="613"/>
      <c r="VQF709" s="613"/>
      <c r="VQG709" s="613"/>
      <c r="VQH709" s="613"/>
      <c r="VQI709" s="613"/>
      <c r="VQJ709" s="613"/>
      <c r="VQK709" s="613"/>
      <c r="VQL709" s="613"/>
      <c r="VQM709" s="613"/>
      <c r="VQN709" s="613"/>
      <c r="VQO709" s="613"/>
      <c r="VQP709" s="613"/>
      <c r="VQQ709" s="613"/>
      <c r="VQR709" s="613"/>
      <c r="VQS709" s="613"/>
      <c r="VQT709" s="613"/>
      <c r="VQU709" s="613"/>
      <c r="VQV709" s="613"/>
      <c r="VQW709" s="613"/>
      <c r="VQX709" s="613"/>
      <c r="VQY709" s="613"/>
      <c r="VQZ709" s="613"/>
      <c r="VRA709" s="613"/>
      <c r="VRB709" s="613"/>
      <c r="VRC709" s="613"/>
      <c r="VRD709" s="613"/>
      <c r="VRE709" s="613"/>
      <c r="VRF709" s="613"/>
      <c r="VRG709" s="613"/>
      <c r="VRH709" s="613"/>
      <c r="VRI709" s="613"/>
      <c r="VRJ709" s="613"/>
      <c r="VRK709" s="613"/>
      <c r="VRL709" s="613"/>
      <c r="VRM709" s="613"/>
      <c r="VRN709" s="613"/>
      <c r="VRO709" s="613"/>
      <c r="VRP709" s="613"/>
      <c r="VRQ709" s="613"/>
      <c r="VRR709" s="613"/>
      <c r="VRS709" s="613"/>
      <c r="VRT709" s="613"/>
      <c r="VRU709" s="613"/>
      <c r="VRV709" s="613"/>
      <c r="VRW709" s="613"/>
      <c r="VRX709" s="613"/>
      <c r="VRY709" s="613"/>
      <c r="VRZ709" s="613"/>
      <c r="VSA709" s="613"/>
      <c r="VSB709" s="613"/>
      <c r="VSC709" s="613"/>
      <c r="VSD709" s="613"/>
      <c r="VSE709" s="613"/>
      <c r="VSF709" s="613"/>
      <c r="VSG709" s="613"/>
      <c r="VSH709" s="613"/>
      <c r="VSI709" s="613"/>
      <c r="VSJ709" s="613"/>
      <c r="VSK709" s="613"/>
      <c r="VSL709" s="613"/>
      <c r="VSM709" s="613"/>
      <c r="VSN709" s="613"/>
      <c r="VSO709" s="613"/>
      <c r="VSP709" s="613"/>
      <c r="VSQ709" s="613"/>
      <c r="VSR709" s="613"/>
      <c r="VSS709" s="613"/>
      <c r="VST709" s="613"/>
      <c r="VSU709" s="613"/>
      <c r="VSV709" s="613"/>
      <c r="VSW709" s="613"/>
      <c r="VSX709" s="613"/>
      <c r="VSY709" s="613"/>
      <c r="VSZ709" s="613"/>
      <c r="VTA709" s="613"/>
      <c r="VTB709" s="613"/>
      <c r="VTC709" s="613"/>
      <c r="VTD709" s="613"/>
      <c r="VTE709" s="613"/>
      <c r="VTF709" s="613"/>
      <c r="VTG709" s="613"/>
      <c r="VTH709" s="613"/>
      <c r="VTI709" s="613"/>
      <c r="VTJ709" s="613"/>
      <c r="VTK709" s="613"/>
      <c r="VTL709" s="613"/>
      <c r="VTM709" s="613"/>
      <c r="VTN709" s="613"/>
      <c r="VTO709" s="613"/>
      <c r="VTP709" s="613"/>
      <c r="VTQ709" s="613"/>
      <c r="VTR709" s="613"/>
      <c r="VTS709" s="613"/>
      <c r="VTT709" s="613"/>
      <c r="VTU709" s="613"/>
      <c r="VTV709" s="613"/>
      <c r="VTW709" s="613"/>
      <c r="VTX709" s="613"/>
      <c r="VTY709" s="613"/>
      <c r="VTZ709" s="613"/>
      <c r="VUA709" s="613"/>
      <c r="VUB709" s="613"/>
      <c r="VUC709" s="613"/>
      <c r="VUD709" s="613"/>
      <c r="VUE709" s="613"/>
      <c r="VUF709" s="613"/>
      <c r="VUG709" s="613"/>
      <c r="VUH709" s="613"/>
      <c r="VUI709" s="613"/>
      <c r="VUJ709" s="613"/>
      <c r="VUK709" s="613"/>
      <c r="VUL709" s="613"/>
      <c r="VUM709" s="613"/>
      <c r="VUN709" s="613"/>
      <c r="VUO709" s="613"/>
      <c r="VUP709" s="613"/>
      <c r="VUQ709" s="613"/>
      <c r="VUR709" s="613"/>
      <c r="VUS709" s="613"/>
      <c r="VUT709" s="613"/>
      <c r="VUU709" s="613"/>
      <c r="VUV709" s="613"/>
      <c r="VUW709" s="613"/>
      <c r="VUX709" s="613"/>
      <c r="VUY709" s="613"/>
      <c r="VUZ709" s="613"/>
      <c r="VVA709" s="613"/>
      <c r="VVB709" s="613"/>
      <c r="VVC709" s="613"/>
      <c r="VVD709" s="613"/>
      <c r="VVE709" s="613"/>
      <c r="VVF709" s="613"/>
      <c r="VVG709" s="613"/>
      <c r="VVH709" s="613"/>
      <c r="VVI709" s="613"/>
      <c r="VVJ709" s="613"/>
      <c r="VVK709" s="613"/>
      <c r="VVL709" s="613"/>
      <c r="VVM709" s="613"/>
      <c r="VVN709" s="613"/>
      <c r="VVO709" s="613"/>
      <c r="VVP709" s="613"/>
      <c r="VVQ709" s="613"/>
      <c r="VVR709" s="613"/>
      <c r="VVS709" s="613"/>
      <c r="VVT709" s="613"/>
      <c r="VVU709" s="613"/>
      <c r="VVV709" s="613"/>
      <c r="VVW709" s="613"/>
      <c r="VVX709" s="613"/>
      <c r="VVY709" s="613"/>
      <c r="VVZ709" s="613"/>
      <c r="VWA709" s="613"/>
      <c r="VWB709" s="613"/>
      <c r="VWC709" s="613"/>
      <c r="VWD709" s="613"/>
      <c r="VWE709" s="613"/>
      <c r="VWF709" s="613"/>
      <c r="VWG709" s="613"/>
      <c r="VWH709" s="613"/>
      <c r="VWI709" s="613"/>
      <c r="VWJ709" s="613"/>
      <c r="VWK709" s="613"/>
      <c r="VWL709" s="613"/>
      <c r="VWM709" s="613"/>
      <c r="VWN709" s="613"/>
      <c r="VWO709" s="613"/>
      <c r="VWP709" s="613"/>
      <c r="VWQ709" s="613"/>
      <c r="VWR709" s="613"/>
      <c r="VWS709" s="613"/>
      <c r="VWT709" s="613"/>
      <c r="VWU709" s="613"/>
      <c r="VWV709" s="613"/>
      <c r="VWW709" s="613"/>
      <c r="VWX709" s="613"/>
      <c r="VWY709" s="613"/>
      <c r="VWZ709" s="613"/>
      <c r="VXA709" s="613"/>
      <c r="VXB709" s="613"/>
      <c r="VXC709" s="613"/>
      <c r="VXD709" s="613"/>
      <c r="VXE709" s="613"/>
      <c r="VXF709" s="613"/>
      <c r="VXG709" s="613"/>
      <c r="VXH709" s="613"/>
      <c r="VXI709" s="613"/>
      <c r="VXJ709" s="613"/>
      <c r="VXK709" s="613"/>
      <c r="VXL709" s="613"/>
      <c r="VXM709" s="613"/>
      <c r="VXN709" s="613"/>
      <c r="VXO709" s="613"/>
      <c r="VXP709" s="613"/>
      <c r="VXQ709" s="613"/>
      <c r="VXR709" s="613"/>
      <c r="VXS709" s="613"/>
      <c r="VXT709" s="613"/>
      <c r="VXU709" s="613"/>
      <c r="VXV709" s="613"/>
      <c r="VXW709" s="613"/>
      <c r="VXX709" s="613"/>
      <c r="VXY709" s="613"/>
      <c r="VXZ709" s="613"/>
      <c r="VYA709" s="613"/>
      <c r="VYB709" s="613"/>
      <c r="VYC709" s="613"/>
      <c r="VYD709" s="613"/>
      <c r="VYE709" s="613"/>
      <c r="VYF709" s="613"/>
      <c r="VYG709" s="613"/>
      <c r="VYH709" s="613"/>
      <c r="VYI709" s="613"/>
      <c r="VYJ709" s="613"/>
      <c r="VYK709" s="613"/>
      <c r="VYL709" s="613"/>
      <c r="VYM709" s="613"/>
      <c r="VYN709" s="613"/>
      <c r="VYO709" s="613"/>
      <c r="VYP709" s="613"/>
      <c r="VYQ709" s="613"/>
      <c r="VYR709" s="613"/>
      <c r="VYS709" s="613"/>
      <c r="VYT709" s="613"/>
      <c r="VYU709" s="613"/>
      <c r="VYV709" s="613"/>
      <c r="VYW709" s="613"/>
      <c r="VYX709" s="613"/>
      <c r="VYY709" s="613"/>
      <c r="VYZ709" s="613"/>
      <c r="VZA709" s="613"/>
      <c r="VZB709" s="613"/>
      <c r="VZC709" s="613"/>
      <c r="VZD709" s="613"/>
      <c r="VZE709" s="613"/>
      <c r="VZF709" s="613"/>
      <c r="VZG709" s="613"/>
      <c r="VZH709" s="613"/>
      <c r="VZI709" s="613"/>
      <c r="VZJ709" s="613"/>
      <c r="VZK709" s="613"/>
      <c r="VZL709" s="613"/>
      <c r="VZM709" s="613"/>
      <c r="VZN709" s="613"/>
      <c r="VZO709" s="613"/>
      <c r="VZP709" s="613"/>
      <c r="VZQ709" s="613"/>
      <c r="VZR709" s="613"/>
      <c r="VZS709" s="613"/>
      <c r="VZT709" s="613"/>
      <c r="VZU709" s="613"/>
      <c r="VZV709" s="613"/>
      <c r="VZW709" s="613"/>
      <c r="VZX709" s="613"/>
      <c r="VZY709" s="613"/>
      <c r="VZZ709" s="613"/>
      <c r="WAA709" s="613"/>
      <c r="WAB709" s="613"/>
      <c r="WAC709" s="613"/>
      <c r="WAD709" s="613"/>
      <c r="WAE709" s="613"/>
      <c r="WAF709" s="613"/>
      <c r="WAG709" s="613"/>
      <c r="WAH709" s="613"/>
      <c r="WAI709" s="613"/>
      <c r="WAJ709" s="613"/>
      <c r="WAK709" s="613"/>
      <c r="WAL709" s="613"/>
      <c r="WAM709" s="613"/>
      <c r="WAN709" s="613"/>
      <c r="WAO709" s="613"/>
      <c r="WAP709" s="613"/>
      <c r="WAQ709" s="613"/>
      <c r="WAR709" s="613"/>
      <c r="WAS709" s="613"/>
      <c r="WAT709" s="613"/>
      <c r="WAU709" s="613"/>
      <c r="WAV709" s="613"/>
      <c r="WAW709" s="613"/>
      <c r="WAX709" s="613"/>
      <c r="WAY709" s="613"/>
      <c r="WAZ709" s="613"/>
      <c r="WBA709" s="613"/>
      <c r="WBB709" s="613"/>
      <c r="WBC709" s="613"/>
      <c r="WBD709" s="613"/>
      <c r="WBE709" s="613"/>
      <c r="WBF709" s="613"/>
      <c r="WBG709" s="613"/>
      <c r="WBH709" s="613"/>
      <c r="WBI709" s="613"/>
      <c r="WBJ709" s="613"/>
      <c r="WBK709" s="613"/>
      <c r="WBL709" s="613"/>
      <c r="WBM709" s="613"/>
      <c r="WBN709" s="613"/>
      <c r="WBO709" s="613"/>
      <c r="WBP709" s="613"/>
      <c r="WBQ709" s="613"/>
      <c r="WBR709" s="613"/>
      <c r="WBS709" s="613"/>
      <c r="WBT709" s="613"/>
      <c r="WBU709" s="613"/>
      <c r="WBV709" s="613"/>
      <c r="WBW709" s="613"/>
      <c r="WBX709" s="613"/>
      <c r="WBY709" s="613"/>
      <c r="WBZ709" s="613"/>
      <c r="WCA709" s="613"/>
      <c r="WCB709" s="613"/>
      <c r="WCC709" s="613"/>
      <c r="WCD709" s="613"/>
      <c r="WCE709" s="613"/>
      <c r="WCF709" s="613"/>
      <c r="WCG709" s="613"/>
      <c r="WCH709" s="613"/>
      <c r="WCI709" s="613"/>
      <c r="WCJ709" s="613"/>
      <c r="WCK709" s="613"/>
      <c r="WCL709" s="613"/>
      <c r="WCM709" s="613"/>
      <c r="WCN709" s="613"/>
      <c r="WCO709" s="613"/>
      <c r="WCP709" s="613"/>
      <c r="WCQ709" s="613"/>
      <c r="WCR709" s="613"/>
      <c r="WCS709" s="613"/>
      <c r="WCT709" s="613"/>
      <c r="WCU709" s="613"/>
      <c r="WCV709" s="613"/>
      <c r="WCW709" s="613"/>
      <c r="WCX709" s="613"/>
      <c r="WCY709" s="613"/>
      <c r="WCZ709" s="613"/>
      <c r="WDA709" s="613"/>
      <c r="WDB709" s="613"/>
      <c r="WDC709" s="613"/>
      <c r="WDD709" s="613"/>
      <c r="WDE709" s="613"/>
      <c r="WDF709" s="613"/>
      <c r="WDG709" s="613"/>
      <c r="WDH709" s="613"/>
      <c r="WDI709" s="613"/>
      <c r="WDJ709" s="613"/>
      <c r="WDK709" s="613"/>
      <c r="WDL709" s="613"/>
      <c r="WDM709" s="613"/>
      <c r="WDN709" s="613"/>
      <c r="WDO709" s="613"/>
      <c r="WDP709" s="613"/>
      <c r="WDQ709" s="613"/>
      <c r="WDR709" s="613"/>
      <c r="WDS709" s="613"/>
      <c r="WDT709" s="613"/>
      <c r="WDU709" s="613"/>
      <c r="WDV709" s="613"/>
      <c r="WDW709" s="613"/>
      <c r="WDX709" s="613"/>
      <c r="WDY709" s="613"/>
      <c r="WDZ709" s="613"/>
      <c r="WEA709" s="613"/>
      <c r="WEB709" s="613"/>
      <c r="WEC709" s="613"/>
      <c r="WED709" s="613"/>
      <c r="WEE709" s="613"/>
      <c r="WEF709" s="613"/>
      <c r="WEG709" s="613"/>
      <c r="WEH709" s="613"/>
      <c r="WEI709" s="613"/>
      <c r="WEJ709" s="613"/>
      <c r="WEK709" s="613"/>
      <c r="WEL709" s="613"/>
      <c r="WEM709" s="613"/>
      <c r="WEN709" s="613"/>
      <c r="WEO709" s="613"/>
      <c r="WEP709" s="613"/>
      <c r="WEQ709" s="613"/>
      <c r="WER709" s="613"/>
      <c r="WES709" s="613"/>
      <c r="WET709" s="613"/>
      <c r="WEU709" s="613"/>
      <c r="WEV709" s="613"/>
      <c r="WEW709" s="613"/>
      <c r="WEX709" s="613"/>
      <c r="WEY709" s="613"/>
      <c r="WEZ709" s="613"/>
      <c r="WFA709" s="613"/>
      <c r="WFB709" s="613"/>
      <c r="WFC709" s="613"/>
      <c r="WFD709" s="613"/>
      <c r="WFE709" s="613"/>
      <c r="WFF709" s="613"/>
      <c r="WFG709" s="613"/>
      <c r="WFH709" s="613"/>
      <c r="WFI709" s="613"/>
      <c r="WFJ709" s="613"/>
      <c r="WFK709" s="613"/>
      <c r="WFL709" s="613"/>
      <c r="WFM709" s="613"/>
      <c r="WFN709" s="613"/>
      <c r="WFO709" s="613"/>
      <c r="WFP709" s="613"/>
      <c r="WFQ709" s="613"/>
      <c r="WFR709" s="613"/>
      <c r="WFS709" s="613"/>
      <c r="WFT709" s="613"/>
      <c r="WFU709" s="613"/>
      <c r="WFV709" s="613"/>
      <c r="WFW709" s="613"/>
      <c r="WFX709" s="613"/>
      <c r="WFY709" s="613"/>
      <c r="WFZ709" s="613"/>
      <c r="WGA709" s="613"/>
      <c r="WGB709" s="613"/>
      <c r="WGC709" s="613"/>
      <c r="WGD709" s="613"/>
      <c r="WGE709" s="613"/>
      <c r="WGF709" s="613"/>
      <c r="WGG709" s="613"/>
      <c r="WGH709" s="613"/>
      <c r="WGI709" s="613"/>
      <c r="WGJ709" s="613"/>
      <c r="WGK709" s="613"/>
      <c r="WGL709" s="613"/>
      <c r="WGM709" s="613"/>
      <c r="WGN709" s="613"/>
      <c r="WGO709" s="613"/>
      <c r="WGP709" s="613"/>
      <c r="WGQ709" s="613"/>
      <c r="WGR709" s="613"/>
      <c r="WGS709" s="613"/>
      <c r="WGT709" s="613"/>
      <c r="WGU709" s="613"/>
      <c r="WGV709" s="613"/>
      <c r="WGW709" s="613"/>
      <c r="WGX709" s="613"/>
      <c r="WGY709" s="613"/>
      <c r="WGZ709" s="613"/>
      <c r="WHA709" s="613"/>
      <c r="WHB709" s="613"/>
      <c r="WHC709" s="613"/>
      <c r="WHD709" s="613"/>
      <c r="WHE709" s="613"/>
      <c r="WHF709" s="613"/>
      <c r="WHG709" s="613"/>
      <c r="WHH709" s="613"/>
      <c r="WHI709" s="613"/>
      <c r="WHJ709" s="613"/>
      <c r="WHK709" s="613"/>
      <c r="WHL709" s="613"/>
      <c r="WHM709" s="613"/>
      <c r="WHN709" s="613"/>
      <c r="WHO709" s="613"/>
      <c r="WHP709" s="613"/>
      <c r="WHQ709" s="613"/>
      <c r="WHR709" s="613"/>
      <c r="WHS709" s="613"/>
      <c r="WHT709" s="613"/>
      <c r="WHU709" s="613"/>
      <c r="WHV709" s="613"/>
      <c r="WHW709" s="613"/>
      <c r="WHX709" s="613"/>
      <c r="WHY709" s="613"/>
      <c r="WHZ709" s="613"/>
      <c r="WIA709" s="613"/>
      <c r="WIB709" s="613"/>
      <c r="WIC709" s="613"/>
      <c r="WID709" s="613"/>
      <c r="WIE709" s="613"/>
      <c r="WIF709" s="613"/>
      <c r="WIG709" s="613"/>
      <c r="WIH709" s="613"/>
      <c r="WII709" s="613"/>
      <c r="WIJ709" s="613"/>
      <c r="WIK709" s="613"/>
      <c r="WIL709" s="613"/>
      <c r="WIM709" s="613"/>
      <c r="WIN709" s="613"/>
      <c r="WIO709" s="613"/>
      <c r="WIP709" s="613"/>
      <c r="WIQ709" s="613"/>
      <c r="WIR709" s="613"/>
      <c r="WIS709" s="613"/>
      <c r="WIT709" s="613"/>
      <c r="WIU709" s="613"/>
      <c r="WIV709" s="613"/>
      <c r="WIW709" s="613"/>
      <c r="WIX709" s="613"/>
      <c r="WIY709" s="613"/>
      <c r="WIZ709" s="613"/>
      <c r="WJA709" s="613"/>
      <c r="WJB709" s="613"/>
      <c r="WJC709" s="613"/>
      <c r="WJD709" s="613"/>
      <c r="WJE709" s="613"/>
      <c r="WJF709" s="613"/>
      <c r="WJG709" s="613"/>
      <c r="WJH709" s="613"/>
      <c r="WJI709" s="613"/>
      <c r="WJJ709" s="613"/>
      <c r="WJK709" s="613"/>
      <c r="WJL709" s="613"/>
      <c r="WJM709" s="613"/>
      <c r="WJN709" s="613"/>
      <c r="WJO709" s="613"/>
      <c r="WJP709" s="613"/>
      <c r="WJQ709" s="613"/>
      <c r="WJR709" s="613"/>
      <c r="WJS709" s="613"/>
      <c r="WJT709" s="613"/>
      <c r="WJU709" s="613"/>
      <c r="WJV709" s="613"/>
      <c r="WJW709" s="613"/>
      <c r="WJX709" s="613"/>
      <c r="WJY709" s="613"/>
      <c r="WJZ709" s="613"/>
      <c r="WKA709" s="613"/>
      <c r="WKB709" s="613"/>
      <c r="WKC709" s="613"/>
      <c r="WKD709" s="613"/>
      <c r="WKE709" s="613"/>
      <c r="WKF709" s="613"/>
      <c r="WKG709" s="613"/>
      <c r="WKH709" s="613"/>
      <c r="WKI709" s="613"/>
      <c r="WKJ709" s="613"/>
      <c r="WKK709" s="613"/>
      <c r="WKL709" s="613"/>
      <c r="WKM709" s="613"/>
      <c r="WKN709" s="613"/>
      <c r="WKO709" s="613"/>
      <c r="WKP709" s="613"/>
      <c r="WKQ709" s="613"/>
      <c r="WKR709" s="613"/>
      <c r="WKS709" s="613"/>
      <c r="WKT709" s="613"/>
      <c r="WKU709" s="613"/>
      <c r="WKV709" s="613"/>
      <c r="WKW709" s="613"/>
      <c r="WKX709" s="613"/>
      <c r="WKY709" s="613"/>
      <c r="WKZ709" s="613"/>
      <c r="WLA709" s="613"/>
      <c r="WLB709" s="613"/>
      <c r="WLC709" s="613"/>
      <c r="WLD709" s="613"/>
      <c r="WLE709" s="613"/>
      <c r="WLF709" s="613"/>
      <c r="WLG709" s="613"/>
      <c r="WLH709" s="613"/>
      <c r="WLI709" s="613"/>
      <c r="WLJ709" s="613"/>
      <c r="WLK709" s="613"/>
      <c r="WLL709" s="613"/>
      <c r="WLM709" s="613"/>
      <c r="WLN709" s="613"/>
      <c r="WLO709" s="613"/>
      <c r="WLP709" s="613"/>
      <c r="WLQ709" s="613"/>
      <c r="WLR709" s="613"/>
      <c r="WLS709" s="613"/>
      <c r="WLT709" s="613"/>
      <c r="WLU709" s="613"/>
      <c r="WLV709" s="613"/>
      <c r="WLW709" s="613"/>
      <c r="WLX709" s="613"/>
      <c r="WLY709" s="613"/>
      <c r="WLZ709" s="613"/>
      <c r="WMA709" s="613"/>
      <c r="WMB709" s="613"/>
      <c r="WMC709" s="613"/>
      <c r="WMD709" s="613"/>
      <c r="WME709" s="613"/>
      <c r="WMF709" s="613"/>
      <c r="WMG709" s="613"/>
      <c r="WMH709" s="613"/>
      <c r="WMI709" s="613"/>
      <c r="WMJ709" s="613"/>
      <c r="WMK709" s="613"/>
      <c r="WML709" s="613"/>
      <c r="WMM709" s="613"/>
      <c r="WMN709" s="613"/>
      <c r="WMO709" s="613"/>
      <c r="WMP709" s="613"/>
      <c r="WMQ709" s="613"/>
      <c r="WMR709" s="613"/>
      <c r="WMS709" s="613"/>
      <c r="WMT709" s="613"/>
      <c r="WMU709" s="613"/>
      <c r="WMV709" s="613"/>
      <c r="WMW709" s="613"/>
      <c r="WMX709" s="613"/>
      <c r="WMY709" s="613"/>
      <c r="WMZ709" s="613"/>
      <c r="WNA709" s="613"/>
      <c r="WNB709" s="613"/>
      <c r="WNC709" s="613"/>
      <c r="WND709" s="613"/>
      <c r="WNE709" s="613"/>
      <c r="WNF709" s="613"/>
      <c r="WNG709" s="613"/>
      <c r="WNH709" s="613"/>
      <c r="WNI709" s="613"/>
      <c r="WNJ709" s="613"/>
      <c r="WNK709" s="613"/>
      <c r="WNL709" s="613"/>
      <c r="WNM709" s="613"/>
      <c r="WNN709" s="613"/>
      <c r="WNO709" s="613"/>
      <c r="WNP709" s="613"/>
      <c r="WNQ709" s="613"/>
      <c r="WNR709" s="613"/>
      <c r="WNS709" s="613"/>
      <c r="WNT709" s="613"/>
      <c r="WNU709" s="613"/>
      <c r="WNV709" s="613"/>
      <c r="WNW709" s="613"/>
      <c r="WNX709" s="613"/>
      <c r="WNY709" s="613"/>
      <c r="WNZ709" s="613"/>
      <c r="WOA709" s="613"/>
      <c r="WOB709" s="613"/>
      <c r="WOC709" s="613"/>
      <c r="WOD709" s="613"/>
      <c r="WOE709" s="613"/>
      <c r="WOF709" s="613"/>
      <c r="WOG709" s="613"/>
      <c r="WOH709" s="613"/>
      <c r="WOI709" s="613"/>
      <c r="WOJ709" s="613"/>
      <c r="WOK709" s="613"/>
      <c r="WOL709" s="613"/>
      <c r="WOM709" s="613"/>
      <c r="WON709" s="613"/>
      <c r="WOO709" s="613"/>
      <c r="WOP709" s="613"/>
      <c r="WOQ709" s="613"/>
      <c r="WOR709" s="613"/>
      <c r="WOS709" s="613"/>
      <c r="WOT709" s="613"/>
      <c r="WOU709" s="613"/>
      <c r="WOV709" s="613"/>
      <c r="WOW709" s="613"/>
      <c r="WOX709" s="613"/>
      <c r="WOY709" s="613"/>
      <c r="WOZ709" s="613"/>
      <c r="WPA709" s="613"/>
      <c r="WPB709" s="613"/>
      <c r="WPC709" s="613"/>
      <c r="WPD709" s="613"/>
      <c r="WPE709" s="613"/>
      <c r="WPF709" s="613"/>
      <c r="WPG709" s="613"/>
      <c r="WPH709" s="613"/>
      <c r="WPI709" s="613"/>
      <c r="WPJ709" s="613"/>
      <c r="WPK709" s="613"/>
      <c r="WPL709" s="613"/>
      <c r="WPM709" s="613"/>
      <c r="WPN709" s="613"/>
      <c r="WPO709" s="613"/>
      <c r="WPP709" s="613"/>
      <c r="WPQ709" s="613"/>
      <c r="WPR709" s="613"/>
      <c r="WPS709" s="613"/>
      <c r="WPT709" s="613"/>
      <c r="WPU709" s="613"/>
      <c r="WPV709" s="613"/>
      <c r="WPW709" s="613"/>
      <c r="WPX709" s="613"/>
      <c r="WPY709" s="613"/>
      <c r="WPZ709" s="613"/>
      <c r="WQA709" s="613"/>
      <c r="WQB709" s="613"/>
      <c r="WQC709" s="613"/>
      <c r="WQD709" s="613"/>
      <c r="WQE709" s="613"/>
      <c r="WQF709" s="613"/>
      <c r="WQG709" s="613"/>
      <c r="WQH709" s="613"/>
      <c r="WQI709" s="613"/>
      <c r="WQJ709" s="613"/>
      <c r="WQK709" s="613"/>
      <c r="WQL709" s="613"/>
      <c r="WQM709" s="613"/>
      <c r="WQN709" s="613"/>
      <c r="WQO709" s="613"/>
      <c r="WQP709" s="613"/>
      <c r="WQQ709" s="613"/>
      <c r="WQR709" s="613"/>
      <c r="WQS709" s="613"/>
      <c r="WQT709" s="613"/>
      <c r="WQU709" s="613"/>
      <c r="WQV709" s="613"/>
      <c r="WQW709" s="613"/>
      <c r="WQX709" s="613"/>
      <c r="WQY709" s="613"/>
      <c r="WQZ709" s="613"/>
      <c r="WRA709" s="613"/>
      <c r="WRB709" s="613"/>
      <c r="WRC709" s="613"/>
      <c r="WRD709" s="613"/>
      <c r="WRE709" s="613"/>
      <c r="WRF709" s="613"/>
      <c r="WRG709" s="613"/>
      <c r="WRH709" s="613"/>
      <c r="WRI709" s="613"/>
      <c r="WRJ709" s="613"/>
      <c r="WRK709" s="613"/>
      <c r="WRL709" s="613"/>
      <c r="WRM709" s="613"/>
      <c r="WRN709" s="613"/>
      <c r="WRO709" s="613"/>
      <c r="WRP709" s="613"/>
      <c r="WRQ709" s="613"/>
      <c r="WRR709" s="613"/>
      <c r="WRS709" s="613"/>
      <c r="WRT709" s="613"/>
      <c r="WRU709" s="613"/>
      <c r="WRV709" s="613"/>
      <c r="WRW709" s="613"/>
      <c r="WRX709" s="613"/>
      <c r="WRY709" s="613"/>
      <c r="WRZ709" s="613"/>
      <c r="WSA709" s="613"/>
      <c r="WSB709" s="613"/>
      <c r="WSC709" s="613"/>
      <c r="WSD709" s="613"/>
      <c r="WSE709" s="613"/>
      <c r="WSF709" s="613"/>
      <c r="WSG709" s="613"/>
      <c r="WSH709" s="613"/>
      <c r="WSI709" s="613"/>
      <c r="WSJ709" s="613"/>
      <c r="WSK709" s="613"/>
      <c r="WSL709" s="613"/>
      <c r="WSM709" s="613"/>
      <c r="WSN709" s="613"/>
      <c r="WSO709" s="613"/>
      <c r="WSP709" s="613"/>
      <c r="WSQ709" s="613"/>
      <c r="WSR709" s="613"/>
      <c r="WSS709" s="613"/>
      <c r="WST709" s="613"/>
      <c r="WSU709" s="613"/>
      <c r="WSV709" s="613"/>
      <c r="WSW709" s="613"/>
      <c r="WSX709" s="613"/>
      <c r="WSY709" s="613"/>
      <c r="WSZ709" s="613"/>
      <c r="WTA709" s="613"/>
      <c r="WTB709" s="613"/>
      <c r="WTC709" s="613"/>
      <c r="WTD709" s="613"/>
      <c r="WTE709" s="613"/>
      <c r="WTF709" s="613"/>
      <c r="WTG709" s="613"/>
      <c r="WTH709" s="613"/>
      <c r="WTI709" s="613"/>
      <c r="WTJ709" s="613"/>
      <c r="WTK709" s="613"/>
      <c r="WTL709" s="613"/>
      <c r="WTM709" s="613"/>
      <c r="WTN709" s="613"/>
      <c r="WTO709" s="613"/>
      <c r="WTP709" s="613"/>
      <c r="WTQ709" s="613"/>
      <c r="WTR709" s="613"/>
      <c r="WTS709" s="613"/>
      <c r="WTT709" s="613"/>
      <c r="WTU709" s="613"/>
      <c r="WTV709" s="613"/>
      <c r="WTW709" s="613"/>
      <c r="WTX709" s="613"/>
      <c r="WTY709" s="613"/>
      <c r="WTZ709" s="613"/>
      <c r="WUA709" s="613"/>
      <c r="WUB709" s="613"/>
      <c r="WUC709" s="613"/>
      <c r="WUD709" s="613"/>
      <c r="WUE709" s="613"/>
      <c r="WUF709" s="613"/>
      <c r="WUG709" s="613"/>
      <c r="WUH709" s="613"/>
      <c r="WUI709" s="613"/>
      <c r="WUJ709" s="613"/>
      <c r="WUK709" s="613"/>
      <c r="WUL709" s="613"/>
      <c r="WUM709" s="613"/>
      <c r="WUN709" s="613"/>
      <c r="WUO709" s="613"/>
      <c r="WUP709" s="613"/>
      <c r="WUQ709" s="613"/>
      <c r="WUR709" s="613"/>
      <c r="WUS709" s="613"/>
      <c r="WUT709" s="613"/>
      <c r="WUU709" s="613"/>
      <c r="WUV709" s="613"/>
      <c r="WUW709" s="613"/>
      <c r="WUX709" s="613"/>
      <c r="WUY709" s="613"/>
      <c r="WUZ709" s="613"/>
      <c r="WVA709" s="613"/>
      <c r="WVB709" s="613"/>
      <c r="WVC709" s="613"/>
      <c r="WVD709" s="613"/>
      <c r="WVE709" s="613"/>
      <c r="WVF709" s="613"/>
      <c r="WVG709" s="613"/>
      <c r="WVH709" s="613"/>
      <c r="WVI709" s="613"/>
      <c r="WVJ709" s="613"/>
      <c r="WVK709" s="613"/>
      <c r="WVL709" s="613"/>
      <c r="WVM709" s="613"/>
      <c r="WVN709" s="613"/>
      <c r="WVO709" s="613"/>
      <c r="WVP709" s="613"/>
      <c r="WVQ709" s="613"/>
      <c r="WVR709" s="613"/>
      <c r="WVS709" s="613"/>
      <c r="WVT709" s="613"/>
      <c r="WVU709" s="613"/>
      <c r="WVV709" s="613"/>
      <c r="WVW709" s="613"/>
      <c r="WVX709" s="613"/>
      <c r="WVY709" s="613"/>
      <c r="WVZ709" s="613"/>
      <c r="WWA709" s="613"/>
      <c r="WWB709" s="613"/>
      <c r="WWC709" s="613"/>
      <c r="WWD709" s="613"/>
      <c r="WWE709" s="613"/>
      <c r="WWF709" s="613"/>
      <c r="WWG709" s="613"/>
      <c r="WWH709" s="613"/>
      <c r="WWI709" s="613"/>
      <c r="WWJ709" s="613"/>
      <c r="WWK709" s="613"/>
      <c r="WWL709" s="613"/>
      <c r="WWM709" s="613"/>
      <c r="WWN709" s="613"/>
      <c r="WWO709" s="613"/>
      <c r="WWP709" s="613"/>
      <c r="WWQ709" s="613"/>
      <c r="WWR709" s="613"/>
      <c r="WWS709" s="613"/>
      <c r="WWT709" s="613"/>
      <c r="WWU709" s="613"/>
      <c r="WWV709" s="613"/>
      <c r="WWW709" s="613"/>
      <c r="WWX709" s="613"/>
      <c r="WWY709" s="613"/>
      <c r="WWZ709" s="613"/>
      <c r="WXA709" s="613"/>
      <c r="WXB709" s="613"/>
      <c r="WXC709" s="613"/>
      <c r="WXD709" s="613"/>
      <c r="WXE709" s="613"/>
      <c r="WXF709" s="613"/>
      <c r="WXG709" s="613"/>
      <c r="WXH709" s="613"/>
      <c r="WXI709" s="613"/>
      <c r="WXJ709" s="613"/>
      <c r="WXK709" s="613"/>
      <c r="WXL709" s="613"/>
      <c r="WXM709" s="613"/>
      <c r="WXN709" s="613"/>
      <c r="WXO709" s="613"/>
      <c r="WXP709" s="613"/>
      <c r="WXQ709" s="613"/>
      <c r="WXR709" s="613"/>
      <c r="WXS709" s="613"/>
      <c r="WXT709" s="613"/>
      <c r="WXU709" s="613"/>
      <c r="WXV709" s="613"/>
      <c r="WXW709" s="613"/>
      <c r="WXX709" s="613"/>
      <c r="WXY709" s="613"/>
      <c r="WXZ709" s="613"/>
      <c r="WYA709" s="613"/>
      <c r="WYB709" s="613"/>
      <c r="WYC709" s="613"/>
      <c r="WYD709" s="613"/>
      <c r="WYE709" s="613"/>
      <c r="WYF709" s="613"/>
      <c r="WYG709" s="613"/>
      <c r="WYH709" s="613"/>
      <c r="WYI709" s="613"/>
      <c r="WYJ709" s="613"/>
      <c r="WYK709" s="613"/>
      <c r="WYL709" s="613"/>
      <c r="WYM709" s="613"/>
      <c r="WYN709" s="613"/>
      <c r="WYO709" s="613"/>
      <c r="WYP709" s="613"/>
      <c r="WYQ709" s="613"/>
      <c r="WYR709" s="613"/>
      <c r="WYS709" s="613"/>
      <c r="WYT709" s="613"/>
      <c r="WYU709" s="613"/>
      <c r="WYV709" s="613"/>
      <c r="WYW709" s="613"/>
      <c r="WYX709" s="613"/>
      <c r="WYY709" s="613"/>
      <c r="WYZ709" s="613"/>
      <c r="WZA709" s="613"/>
      <c r="WZB709" s="613"/>
      <c r="WZC709" s="613"/>
      <c r="WZD709" s="613"/>
      <c r="WZE709" s="613"/>
      <c r="WZF709" s="613"/>
      <c r="WZG709" s="613"/>
      <c r="WZH709" s="613"/>
      <c r="WZI709" s="613"/>
      <c r="WZJ709" s="613"/>
      <c r="WZK709" s="613"/>
      <c r="WZL709" s="613"/>
      <c r="WZM709" s="613"/>
      <c r="WZN709" s="613"/>
      <c r="WZO709" s="613"/>
      <c r="WZP709" s="613"/>
      <c r="WZQ709" s="613"/>
      <c r="WZR709" s="613"/>
      <c r="WZS709" s="613"/>
      <c r="WZT709" s="613"/>
      <c r="WZU709" s="613"/>
      <c r="WZV709" s="613"/>
      <c r="WZW709" s="613"/>
      <c r="WZX709" s="613"/>
      <c r="WZY709" s="613"/>
      <c r="WZZ709" s="613"/>
      <c r="XAA709" s="613"/>
      <c r="XAB709" s="613"/>
      <c r="XAC709" s="613"/>
      <c r="XAD709" s="613"/>
      <c r="XAE709" s="613"/>
      <c r="XAF709" s="613"/>
      <c r="XAG709" s="613"/>
      <c r="XAH709" s="613"/>
      <c r="XAI709" s="613"/>
      <c r="XAJ709" s="613"/>
      <c r="XAK709" s="613"/>
      <c r="XAL709" s="613"/>
      <c r="XAM709" s="613"/>
      <c r="XAN709" s="613"/>
      <c r="XAO709" s="613"/>
      <c r="XAP709" s="613"/>
      <c r="XAQ709" s="613"/>
      <c r="XAR709" s="613"/>
      <c r="XAS709" s="613"/>
      <c r="XAT709" s="613"/>
      <c r="XAU709" s="613"/>
      <c r="XAV709" s="613"/>
      <c r="XAW709" s="613"/>
      <c r="XAX709" s="613"/>
      <c r="XAY709" s="613"/>
      <c r="XAZ709" s="613"/>
      <c r="XBA709" s="613"/>
      <c r="XBB709" s="613"/>
      <c r="XBC709" s="613"/>
      <c r="XBD709" s="613"/>
      <c r="XBE709" s="613"/>
      <c r="XBF709" s="613"/>
      <c r="XBG709" s="613"/>
      <c r="XBH709" s="613"/>
      <c r="XBI709" s="613"/>
      <c r="XBJ709" s="613"/>
      <c r="XBK709" s="613"/>
      <c r="XBL709" s="613"/>
      <c r="XBM709" s="613"/>
      <c r="XBN709" s="613"/>
      <c r="XBO709" s="613"/>
      <c r="XBP709" s="613"/>
      <c r="XBQ709" s="613"/>
      <c r="XBR709" s="613"/>
      <c r="XBS709" s="613"/>
      <c r="XBT709" s="613"/>
      <c r="XBU709" s="613"/>
      <c r="XBV709" s="613"/>
      <c r="XBW709" s="613"/>
      <c r="XBX709" s="613"/>
      <c r="XBY709" s="613"/>
      <c r="XBZ709" s="613"/>
      <c r="XCA709" s="613"/>
      <c r="XCB709" s="613"/>
      <c r="XCC709" s="613"/>
      <c r="XCD709" s="613"/>
      <c r="XCE709" s="613"/>
      <c r="XCF709" s="613"/>
      <c r="XCG709" s="613"/>
      <c r="XCH709" s="613"/>
      <c r="XCI709" s="613"/>
      <c r="XCJ709" s="613"/>
      <c r="XCK709" s="613"/>
      <c r="XCL709" s="613"/>
      <c r="XCM709" s="613"/>
      <c r="XCN709" s="613"/>
      <c r="XCO709" s="613"/>
      <c r="XCP709" s="613"/>
      <c r="XCQ709" s="613"/>
    </row>
    <row r="710" spans="1:16319" ht="56.1" customHeight="1" x14ac:dyDescent="0.2">
      <c r="A710" s="494"/>
      <c r="B710" s="77"/>
      <c r="C710" s="494"/>
      <c r="D710" s="481">
        <v>133</v>
      </c>
      <c r="E710" s="481"/>
      <c r="F710" s="481" t="s">
        <v>2481</v>
      </c>
      <c r="G710" s="482" t="s">
        <v>53</v>
      </c>
      <c r="H710" s="481" t="s">
        <v>329</v>
      </c>
      <c r="I710" s="654" t="s">
        <v>330</v>
      </c>
      <c r="J710" s="654" t="s">
        <v>369</v>
      </c>
      <c r="K710" s="495" t="s">
        <v>393</v>
      </c>
      <c r="L710" s="621"/>
      <c r="M710" s="484" t="s">
        <v>58</v>
      </c>
      <c r="N710" s="327" t="s">
        <v>1374</v>
      </c>
      <c r="O710" s="484" t="s">
        <v>2996</v>
      </c>
      <c r="P710" s="484" t="s">
        <v>81</v>
      </c>
      <c r="Q710" s="667" t="s">
        <v>334</v>
      </c>
      <c r="R710" s="484" t="s">
        <v>334</v>
      </c>
      <c r="S710" s="484" t="s">
        <v>377</v>
      </c>
      <c r="T710" s="484"/>
      <c r="U710" s="620" t="s">
        <v>63</v>
      </c>
      <c r="V710" s="620" t="s">
        <v>63</v>
      </c>
      <c r="W710" s="723">
        <v>34585.40423337571</v>
      </c>
      <c r="X710" s="723"/>
      <c r="Y710" s="654" t="s">
        <v>226</v>
      </c>
      <c r="Z710" s="654"/>
      <c r="AA710" s="723">
        <v>34585.40423337571</v>
      </c>
      <c r="AB710" s="652" t="s">
        <v>82</v>
      </c>
      <c r="AC710" s="652"/>
      <c r="AD710" s="496"/>
      <c r="AE710" s="496"/>
      <c r="AF710" s="496"/>
      <c r="AG710" s="496"/>
      <c r="AH710" s="496"/>
      <c r="AI710" s="487"/>
      <c r="AJ710" s="496"/>
      <c r="AK710" s="496"/>
      <c r="AL710" s="496"/>
      <c r="AM710" s="496"/>
      <c r="AN710" s="496"/>
      <c r="AO710" s="496"/>
      <c r="AP710" s="496"/>
      <c r="AQ710" s="496"/>
      <c r="AR710" s="496"/>
      <c r="AS710" s="496" t="s">
        <v>66</v>
      </c>
      <c r="AT710" s="496"/>
      <c r="AU710" s="487"/>
      <c r="AV710" s="487"/>
      <c r="AW710" s="487"/>
      <c r="AX710" s="487"/>
      <c r="AY710" s="487"/>
      <c r="AZ710" s="487"/>
      <c r="BA710" s="484"/>
      <c r="BB710" s="484"/>
      <c r="BC710" s="484"/>
      <c r="BD710" s="494"/>
      <c r="BE710" s="494"/>
      <c r="BF710" s="613"/>
      <c r="BG710" s="613"/>
      <c r="BH710" s="613"/>
      <c r="BI710" s="613"/>
      <c r="BJ710" s="613"/>
      <c r="BK710" s="613"/>
      <c r="BL710" s="613"/>
      <c r="BM710" s="613"/>
      <c r="BN710" s="613"/>
      <c r="BO710" s="613"/>
      <c r="BP710" s="613"/>
      <c r="BQ710" s="613"/>
      <c r="BR710" s="613"/>
      <c r="BS710" s="613"/>
      <c r="BT710" s="613"/>
      <c r="BU710" s="613"/>
      <c r="BV710" s="613"/>
      <c r="BW710" s="613"/>
      <c r="BX710" s="613"/>
      <c r="BY710" s="613"/>
      <c r="BZ710" s="613"/>
      <c r="CA710" s="613"/>
      <c r="CB710" s="613"/>
      <c r="CC710" s="613"/>
      <c r="CD710" s="613"/>
      <c r="CE710" s="613"/>
      <c r="CF710" s="613"/>
      <c r="CG710" s="613"/>
      <c r="CH710" s="613"/>
      <c r="CI710" s="613"/>
      <c r="CJ710" s="613"/>
      <c r="CK710" s="613"/>
      <c r="CL710" s="613"/>
      <c r="CM710" s="613"/>
      <c r="CN710" s="613"/>
      <c r="CO710" s="613"/>
      <c r="CP710" s="613"/>
      <c r="CQ710" s="613"/>
      <c r="CR710" s="613"/>
      <c r="CS710" s="613"/>
      <c r="CT710" s="613"/>
      <c r="CU710" s="613"/>
      <c r="CV710" s="613"/>
      <c r="CW710" s="613"/>
      <c r="CX710" s="613"/>
      <c r="CY710" s="613"/>
      <c r="CZ710" s="613"/>
      <c r="DA710" s="613"/>
      <c r="DB710" s="613"/>
      <c r="DC710" s="613"/>
      <c r="DD710" s="613"/>
      <c r="DE710" s="613"/>
      <c r="DF710" s="613"/>
      <c r="DG710" s="613"/>
      <c r="DH710" s="613"/>
      <c r="DI710" s="613"/>
      <c r="DJ710" s="613"/>
      <c r="DK710" s="613"/>
      <c r="DL710" s="613"/>
      <c r="DM710" s="613"/>
      <c r="DN710" s="613"/>
      <c r="DO710" s="613"/>
      <c r="DP710" s="613"/>
      <c r="DQ710" s="613"/>
      <c r="DR710" s="613"/>
      <c r="DS710" s="613"/>
      <c r="DT710" s="613"/>
      <c r="DU710" s="613"/>
      <c r="DV710" s="613"/>
      <c r="DW710" s="613"/>
      <c r="DX710" s="613"/>
      <c r="DY710" s="613"/>
      <c r="DZ710" s="613"/>
      <c r="EA710" s="613"/>
      <c r="EB710" s="613"/>
      <c r="EC710" s="613"/>
      <c r="ED710" s="613"/>
      <c r="EE710" s="613"/>
      <c r="EF710" s="613"/>
      <c r="EG710" s="613"/>
      <c r="EH710" s="613"/>
      <c r="EI710" s="613"/>
      <c r="EJ710" s="613"/>
      <c r="EK710" s="613"/>
      <c r="EL710" s="613"/>
      <c r="EM710" s="613"/>
      <c r="EN710" s="613"/>
      <c r="EO710" s="613"/>
      <c r="EP710" s="613"/>
      <c r="EQ710" s="613"/>
      <c r="ER710" s="613"/>
      <c r="ES710" s="613"/>
      <c r="ET710" s="613"/>
      <c r="EU710" s="613"/>
      <c r="EV710" s="613"/>
      <c r="EW710" s="613"/>
      <c r="EX710" s="613"/>
      <c r="EY710" s="613"/>
      <c r="EZ710" s="613"/>
      <c r="FA710" s="613"/>
      <c r="FB710" s="613"/>
      <c r="FC710" s="613"/>
      <c r="FD710" s="613"/>
      <c r="FE710" s="613"/>
      <c r="FF710" s="613"/>
      <c r="FG710" s="613"/>
      <c r="FH710" s="613"/>
      <c r="FI710" s="613"/>
      <c r="FJ710" s="613"/>
      <c r="FK710" s="613"/>
      <c r="FL710" s="613"/>
      <c r="FM710" s="613"/>
      <c r="FN710" s="613"/>
      <c r="FO710" s="613"/>
      <c r="FP710" s="613"/>
      <c r="FQ710" s="613"/>
      <c r="FR710" s="613"/>
      <c r="FS710" s="613"/>
      <c r="FT710" s="613"/>
      <c r="FU710" s="613"/>
      <c r="FV710" s="613"/>
      <c r="FW710" s="613"/>
      <c r="FX710" s="613"/>
      <c r="FY710" s="613"/>
      <c r="FZ710" s="613"/>
      <c r="GA710" s="613"/>
      <c r="GB710" s="613"/>
      <c r="GC710" s="613"/>
      <c r="GD710" s="613"/>
      <c r="GE710" s="613"/>
      <c r="GF710" s="613"/>
      <c r="GG710" s="613"/>
      <c r="GH710" s="613"/>
      <c r="GI710" s="613"/>
      <c r="GJ710" s="613"/>
      <c r="GK710" s="613"/>
      <c r="GL710" s="613"/>
      <c r="GM710" s="613"/>
      <c r="GN710" s="613"/>
      <c r="GO710" s="613"/>
      <c r="GP710" s="613"/>
      <c r="GQ710" s="613"/>
      <c r="GR710" s="613"/>
      <c r="GS710" s="613"/>
      <c r="GT710" s="613"/>
      <c r="GU710" s="613"/>
      <c r="GV710" s="613"/>
      <c r="GW710" s="613"/>
      <c r="GX710" s="613"/>
      <c r="GY710" s="613"/>
      <c r="GZ710" s="613"/>
      <c r="HA710" s="613"/>
      <c r="HB710" s="613"/>
      <c r="HC710" s="613"/>
      <c r="HD710" s="613"/>
      <c r="HE710" s="613"/>
      <c r="HF710" s="613"/>
      <c r="HG710" s="613"/>
      <c r="HH710" s="613"/>
      <c r="HI710" s="613"/>
      <c r="HJ710" s="613"/>
      <c r="HK710" s="613"/>
      <c r="HL710" s="613"/>
      <c r="HM710" s="613"/>
      <c r="HN710" s="613"/>
      <c r="HO710" s="613"/>
      <c r="HP710" s="613"/>
      <c r="HQ710" s="613"/>
      <c r="HR710" s="613"/>
      <c r="HS710" s="613"/>
      <c r="HT710" s="613"/>
      <c r="HU710" s="613"/>
      <c r="HV710" s="613"/>
      <c r="HW710" s="613"/>
      <c r="HX710" s="613"/>
      <c r="HY710" s="613"/>
      <c r="HZ710" s="613"/>
      <c r="IA710" s="613"/>
      <c r="IB710" s="613"/>
      <c r="IC710" s="613"/>
      <c r="ID710" s="613"/>
      <c r="IE710" s="613"/>
      <c r="IF710" s="613"/>
      <c r="IG710" s="613"/>
      <c r="IH710" s="613"/>
      <c r="II710" s="613"/>
      <c r="IJ710" s="613"/>
      <c r="IK710" s="613"/>
      <c r="IL710" s="613"/>
      <c r="IM710" s="613"/>
      <c r="IN710" s="613"/>
      <c r="IO710" s="613"/>
      <c r="IP710" s="613"/>
      <c r="IQ710" s="613"/>
      <c r="IR710" s="613"/>
      <c r="IS710" s="613"/>
      <c r="IT710" s="613"/>
      <c r="IU710" s="613"/>
      <c r="IV710" s="613"/>
      <c r="IW710" s="613"/>
      <c r="IX710" s="613"/>
      <c r="IY710" s="613"/>
      <c r="IZ710" s="613"/>
      <c r="JA710" s="613"/>
      <c r="JB710" s="613"/>
      <c r="JC710" s="613"/>
      <c r="JD710" s="613"/>
      <c r="JE710" s="613"/>
      <c r="JF710" s="613"/>
      <c r="JG710" s="613"/>
      <c r="JH710" s="613"/>
      <c r="JI710" s="613"/>
      <c r="JJ710" s="613"/>
      <c r="JK710" s="613"/>
      <c r="JL710" s="613"/>
      <c r="JM710" s="613"/>
      <c r="JN710" s="613"/>
      <c r="JO710" s="613"/>
      <c r="JP710" s="613"/>
      <c r="JQ710" s="613"/>
      <c r="JR710" s="613"/>
      <c r="JS710" s="613"/>
      <c r="JT710" s="613"/>
      <c r="JU710" s="613"/>
      <c r="JV710" s="613"/>
      <c r="JW710" s="613"/>
      <c r="JX710" s="613"/>
      <c r="JY710" s="613"/>
      <c r="JZ710" s="613"/>
      <c r="KA710" s="613"/>
      <c r="KB710" s="613"/>
      <c r="KC710" s="613"/>
      <c r="KD710" s="613"/>
      <c r="KE710" s="613"/>
      <c r="KF710" s="613"/>
      <c r="KG710" s="613"/>
      <c r="KH710" s="613"/>
      <c r="KI710" s="613"/>
      <c r="KJ710" s="613"/>
      <c r="KK710" s="613"/>
      <c r="KL710" s="613"/>
      <c r="KM710" s="613"/>
      <c r="KN710" s="613"/>
      <c r="KO710" s="613"/>
      <c r="KP710" s="613"/>
      <c r="KQ710" s="613"/>
      <c r="KR710" s="613"/>
      <c r="KS710" s="613"/>
      <c r="KT710" s="613"/>
      <c r="KU710" s="613"/>
      <c r="KV710" s="613"/>
      <c r="KW710" s="613"/>
      <c r="KX710" s="613"/>
      <c r="KY710" s="613"/>
      <c r="KZ710" s="613"/>
      <c r="LA710" s="613"/>
      <c r="LB710" s="613"/>
      <c r="LC710" s="613"/>
      <c r="LD710" s="613"/>
      <c r="LE710" s="613"/>
      <c r="LF710" s="613"/>
      <c r="LG710" s="613"/>
      <c r="LH710" s="613"/>
      <c r="LI710" s="613"/>
      <c r="LJ710" s="613"/>
      <c r="LK710" s="613"/>
      <c r="LL710" s="613"/>
      <c r="LM710" s="613"/>
      <c r="LN710" s="613"/>
      <c r="LO710" s="613"/>
      <c r="LP710" s="613"/>
      <c r="LQ710" s="613"/>
      <c r="LR710" s="613"/>
      <c r="LS710" s="613"/>
      <c r="LT710" s="613"/>
      <c r="LU710" s="613"/>
      <c r="LV710" s="613"/>
      <c r="LW710" s="613"/>
      <c r="LX710" s="613"/>
      <c r="LY710" s="613"/>
      <c r="LZ710" s="613"/>
      <c r="MA710" s="613"/>
      <c r="MB710" s="613"/>
      <c r="MC710" s="613"/>
      <c r="MD710" s="613"/>
      <c r="ME710" s="613"/>
      <c r="MF710" s="613"/>
      <c r="MG710" s="613"/>
      <c r="MH710" s="613"/>
      <c r="MI710" s="613"/>
      <c r="MJ710" s="613"/>
      <c r="MK710" s="613"/>
      <c r="ML710" s="613"/>
      <c r="MM710" s="613"/>
      <c r="MN710" s="613"/>
      <c r="MO710" s="613"/>
      <c r="MP710" s="613"/>
      <c r="MQ710" s="613"/>
      <c r="MR710" s="613"/>
      <c r="MS710" s="613"/>
      <c r="MT710" s="613"/>
      <c r="MU710" s="613"/>
      <c r="MV710" s="613"/>
      <c r="MW710" s="613"/>
      <c r="MX710" s="613"/>
      <c r="MY710" s="613"/>
      <c r="MZ710" s="613"/>
      <c r="NA710" s="613"/>
      <c r="NB710" s="613"/>
      <c r="NC710" s="613"/>
      <c r="ND710" s="613"/>
      <c r="NE710" s="613"/>
      <c r="NF710" s="613"/>
      <c r="NG710" s="613"/>
      <c r="NH710" s="613"/>
      <c r="NI710" s="613"/>
      <c r="NJ710" s="613"/>
      <c r="NK710" s="613"/>
      <c r="NL710" s="613"/>
      <c r="NM710" s="613"/>
      <c r="NN710" s="613"/>
      <c r="NO710" s="613"/>
      <c r="NP710" s="613"/>
      <c r="NQ710" s="613"/>
      <c r="NR710" s="613"/>
      <c r="NS710" s="613"/>
      <c r="NT710" s="613"/>
      <c r="NU710" s="613"/>
      <c r="NV710" s="613"/>
      <c r="NW710" s="613"/>
      <c r="NX710" s="613"/>
      <c r="NY710" s="613"/>
      <c r="NZ710" s="613"/>
      <c r="OA710" s="613"/>
      <c r="OB710" s="613"/>
      <c r="OC710" s="613"/>
      <c r="OD710" s="613"/>
      <c r="OE710" s="613"/>
      <c r="OF710" s="613"/>
      <c r="OG710" s="613"/>
      <c r="OH710" s="613"/>
      <c r="OI710" s="613"/>
      <c r="OJ710" s="613"/>
      <c r="OK710" s="613"/>
      <c r="OL710" s="613"/>
      <c r="OM710" s="613"/>
      <c r="ON710" s="613"/>
      <c r="OO710" s="613"/>
      <c r="OP710" s="613"/>
      <c r="OQ710" s="613"/>
      <c r="OR710" s="613"/>
      <c r="OS710" s="613"/>
      <c r="OT710" s="613"/>
      <c r="OU710" s="613"/>
      <c r="OV710" s="613"/>
      <c r="OW710" s="613"/>
      <c r="OX710" s="613"/>
      <c r="OY710" s="613"/>
      <c r="OZ710" s="613"/>
      <c r="PA710" s="613"/>
      <c r="PB710" s="613"/>
      <c r="PC710" s="613"/>
      <c r="PD710" s="613"/>
      <c r="PE710" s="613"/>
      <c r="PF710" s="613"/>
      <c r="PG710" s="613"/>
      <c r="PH710" s="613"/>
      <c r="PI710" s="613"/>
      <c r="PJ710" s="613"/>
      <c r="PK710" s="613"/>
      <c r="PL710" s="613"/>
      <c r="PM710" s="613"/>
      <c r="PN710" s="613"/>
      <c r="PO710" s="613"/>
      <c r="PP710" s="613"/>
      <c r="PQ710" s="613"/>
      <c r="PR710" s="613"/>
      <c r="PS710" s="613"/>
      <c r="PT710" s="613"/>
      <c r="PU710" s="613"/>
      <c r="PV710" s="613"/>
      <c r="PW710" s="613"/>
      <c r="PX710" s="613"/>
      <c r="PY710" s="613"/>
      <c r="PZ710" s="613"/>
      <c r="QA710" s="613"/>
      <c r="QB710" s="613"/>
      <c r="QC710" s="613"/>
      <c r="QD710" s="613"/>
      <c r="QE710" s="613"/>
      <c r="QF710" s="613"/>
      <c r="QG710" s="613"/>
      <c r="QH710" s="613"/>
      <c r="QI710" s="613"/>
      <c r="QJ710" s="613"/>
      <c r="QK710" s="613"/>
      <c r="QL710" s="613"/>
      <c r="QM710" s="613"/>
      <c r="QN710" s="613"/>
      <c r="QO710" s="613"/>
      <c r="QP710" s="613"/>
      <c r="QQ710" s="613"/>
      <c r="QR710" s="613"/>
      <c r="QS710" s="613"/>
      <c r="QT710" s="613"/>
      <c r="QU710" s="613"/>
      <c r="QV710" s="613"/>
      <c r="QW710" s="613"/>
      <c r="QX710" s="613"/>
      <c r="QY710" s="613"/>
      <c r="QZ710" s="613"/>
      <c r="RA710" s="613"/>
      <c r="RB710" s="613"/>
      <c r="RC710" s="613"/>
      <c r="RD710" s="613"/>
      <c r="RE710" s="613"/>
      <c r="RF710" s="613"/>
      <c r="RG710" s="613"/>
      <c r="RH710" s="613"/>
      <c r="RI710" s="613"/>
      <c r="RJ710" s="613"/>
      <c r="RK710" s="613"/>
      <c r="RL710" s="613"/>
      <c r="RM710" s="613"/>
      <c r="RN710" s="613"/>
      <c r="RO710" s="613"/>
      <c r="RP710" s="613"/>
      <c r="RQ710" s="613"/>
      <c r="RR710" s="613"/>
      <c r="RS710" s="613"/>
      <c r="RT710" s="613"/>
      <c r="RU710" s="613"/>
      <c r="RV710" s="613"/>
      <c r="RW710" s="613"/>
      <c r="RX710" s="613"/>
      <c r="RY710" s="613"/>
      <c r="RZ710" s="613"/>
      <c r="SA710" s="613"/>
      <c r="SB710" s="613"/>
      <c r="SC710" s="613"/>
      <c r="SD710" s="613"/>
      <c r="SE710" s="613"/>
      <c r="SF710" s="613"/>
      <c r="SG710" s="613"/>
      <c r="SH710" s="613"/>
      <c r="SI710" s="613"/>
      <c r="SJ710" s="613"/>
      <c r="SK710" s="613"/>
      <c r="SL710" s="613"/>
      <c r="SM710" s="613"/>
      <c r="SN710" s="613"/>
      <c r="SO710" s="613"/>
      <c r="SP710" s="613"/>
      <c r="SQ710" s="613"/>
      <c r="SR710" s="613"/>
      <c r="SS710" s="613"/>
      <c r="ST710" s="613"/>
      <c r="SU710" s="613"/>
      <c r="SV710" s="613"/>
      <c r="SW710" s="613"/>
      <c r="SX710" s="613"/>
      <c r="SY710" s="613"/>
      <c r="SZ710" s="613"/>
      <c r="TA710" s="613"/>
      <c r="TB710" s="613"/>
      <c r="TC710" s="613"/>
      <c r="TD710" s="613"/>
      <c r="TE710" s="613"/>
      <c r="TF710" s="613"/>
      <c r="TG710" s="613"/>
      <c r="TH710" s="613"/>
      <c r="TI710" s="613"/>
      <c r="TJ710" s="613"/>
      <c r="TK710" s="613"/>
      <c r="TL710" s="613"/>
      <c r="TM710" s="613"/>
      <c r="TN710" s="613"/>
      <c r="TO710" s="613"/>
      <c r="TP710" s="613"/>
      <c r="TQ710" s="613"/>
      <c r="TR710" s="613"/>
      <c r="TS710" s="613"/>
      <c r="TT710" s="613"/>
      <c r="TU710" s="613"/>
      <c r="TV710" s="613"/>
      <c r="TW710" s="613"/>
      <c r="TX710" s="613"/>
      <c r="TY710" s="613"/>
      <c r="TZ710" s="613"/>
      <c r="UA710" s="613"/>
      <c r="UB710" s="613"/>
      <c r="UC710" s="613"/>
      <c r="UD710" s="613"/>
      <c r="UE710" s="613"/>
      <c r="UF710" s="613"/>
      <c r="UG710" s="613"/>
      <c r="UH710" s="613"/>
      <c r="UI710" s="613"/>
      <c r="UJ710" s="613"/>
      <c r="UK710" s="613"/>
      <c r="UL710" s="613"/>
      <c r="UM710" s="613"/>
      <c r="UN710" s="613"/>
      <c r="UO710" s="613"/>
      <c r="UP710" s="613"/>
      <c r="UQ710" s="613"/>
      <c r="UR710" s="613"/>
      <c r="US710" s="613"/>
      <c r="UT710" s="613"/>
      <c r="UU710" s="613"/>
      <c r="UV710" s="613"/>
      <c r="UW710" s="613"/>
      <c r="UX710" s="613"/>
      <c r="UY710" s="613"/>
      <c r="UZ710" s="613"/>
      <c r="VA710" s="613"/>
      <c r="VB710" s="613"/>
      <c r="VC710" s="613"/>
      <c r="VD710" s="613"/>
      <c r="VE710" s="613"/>
      <c r="VF710" s="613"/>
      <c r="VG710" s="613"/>
      <c r="VH710" s="613"/>
      <c r="VI710" s="613"/>
      <c r="VJ710" s="613"/>
      <c r="VK710" s="613"/>
      <c r="VL710" s="613"/>
      <c r="VM710" s="613"/>
      <c r="VN710" s="613"/>
      <c r="VO710" s="613"/>
      <c r="VP710" s="613"/>
      <c r="VQ710" s="613"/>
      <c r="VR710" s="613"/>
      <c r="VS710" s="613"/>
      <c r="VT710" s="613"/>
      <c r="VU710" s="613"/>
      <c r="VV710" s="613"/>
      <c r="VW710" s="613"/>
      <c r="VX710" s="613"/>
      <c r="VY710" s="613"/>
      <c r="VZ710" s="613"/>
      <c r="WA710" s="613"/>
      <c r="WB710" s="613"/>
      <c r="WC710" s="613"/>
      <c r="WD710" s="613"/>
      <c r="WE710" s="613"/>
      <c r="WF710" s="613"/>
      <c r="WG710" s="613"/>
      <c r="WH710" s="613"/>
      <c r="WI710" s="613"/>
      <c r="WJ710" s="613"/>
      <c r="WK710" s="613"/>
      <c r="WL710" s="613"/>
      <c r="WM710" s="613"/>
      <c r="WN710" s="613"/>
      <c r="WO710" s="613"/>
      <c r="WP710" s="613"/>
      <c r="WQ710" s="613"/>
      <c r="WR710" s="613"/>
      <c r="WS710" s="613"/>
      <c r="WT710" s="613"/>
      <c r="WU710" s="613"/>
      <c r="WV710" s="613"/>
      <c r="WW710" s="613"/>
      <c r="WX710" s="613"/>
      <c r="WY710" s="613"/>
      <c r="WZ710" s="613"/>
      <c r="XA710" s="613"/>
      <c r="XB710" s="613"/>
      <c r="XC710" s="613"/>
      <c r="XD710" s="613"/>
      <c r="XE710" s="613"/>
      <c r="XF710" s="613"/>
      <c r="XG710" s="613"/>
      <c r="XH710" s="613"/>
      <c r="XI710" s="613"/>
      <c r="XJ710" s="613"/>
      <c r="XK710" s="613"/>
      <c r="XL710" s="613"/>
      <c r="XM710" s="613"/>
      <c r="XN710" s="613"/>
      <c r="XO710" s="613"/>
      <c r="XP710" s="613"/>
      <c r="XQ710" s="613"/>
      <c r="XR710" s="613"/>
      <c r="XS710" s="613"/>
      <c r="XT710" s="613"/>
      <c r="XU710" s="613"/>
      <c r="XV710" s="613"/>
      <c r="XW710" s="613"/>
      <c r="XX710" s="613"/>
      <c r="XY710" s="613"/>
      <c r="XZ710" s="613"/>
      <c r="YA710" s="613"/>
      <c r="YB710" s="613"/>
      <c r="YC710" s="613"/>
      <c r="YD710" s="613"/>
      <c r="YE710" s="613"/>
      <c r="YF710" s="613"/>
      <c r="YG710" s="613"/>
      <c r="YH710" s="613"/>
      <c r="YI710" s="613"/>
      <c r="YJ710" s="613"/>
      <c r="YK710" s="613"/>
      <c r="YL710" s="613"/>
      <c r="YM710" s="613"/>
      <c r="YN710" s="613"/>
      <c r="YO710" s="613"/>
      <c r="YP710" s="613"/>
      <c r="YQ710" s="613"/>
      <c r="YR710" s="613"/>
      <c r="YS710" s="613"/>
      <c r="YT710" s="613"/>
      <c r="YU710" s="613"/>
      <c r="YV710" s="613"/>
      <c r="YW710" s="613"/>
      <c r="YX710" s="613"/>
      <c r="YY710" s="613"/>
      <c r="YZ710" s="613"/>
      <c r="ZA710" s="613"/>
      <c r="ZB710" s="613"/>
      <c r="ZC710" s="613"/>
      <c r="ZD710" s="613"/>
      <c r="ZE710" s="613"/>
      <c r="ZF710" s="613"/>
      <c r="ZG710" s="613"/>
      <c r="ZH710" s="613"/>
      <c r="ZI710" s="613"/>
      <c r="ZJ710" s="613"/>
      <c r="ZK710" s="613"/>
      <c r="ZL710" s="613"/>
      <c r="ZM710" s="613"/>
      <c r="ZN710" s="613"/>
      <c r="ZO710" s="613"/>
      <c r="ZP710" s="613"/>
      <c r="ZQ710" s="613"/>
      <c r="ZR710" s="613"/>
      <c r="ZS710" s="613"/>
      <c r="ZT710" s="613"/>
      <c r="ZU710" s="613"/>
      <c r="ZV710" s="613"/>
      <c r="ZW710" s="613"/>
      <c r="ZX710" s="613"/>
      <c r="ZY710" s="613"/>
      <c r="ZZ710" s="613"/>
      <c r="AAA710" s="613"/>
      <c r="AAB710" s="613"/>
      <c r="AAC710" s="613"/>
      <c r="AAD710" s="613"/>
      <c r="AAE710" s="613"/>
      <c r="AAF710" s="613"/>
      <c r="AAG710" s="613"/>
      <c r="AAH710" s="613"/>
      <c r="AAI710" s="613"/>
      <c r="AAJ710" s="613"/>
      <c r="AAK710" s="613"/>
      <c r="AAL710" s="613"/>
      <c r="AAM710" s="613"/>
      <c r="AAN710" s="613"/>
      <c r="AAO710" s="613"/>
      <c r="AAP710" s="613"/>
      <c r="AAQ710" s="613"/>
      <c r="AAR710" s="613"/>
      <c r="AAS710" s="613"/>
      <c r="AAT710" s="613"/>
      <c r="AAU710" s="613"/>
      <c r="AAV710" s="613"/>
      <c r="AAW710" s="613"/>
      <c r="AAX710" s="613"/>
      <c r="AAY710" s="613"/>
      <c r="AAZ710" s="613"/>
      <c r="ABA710" s="613"/>
      <c r="ABB710" s="613"/>
      <c r="ABC710" s="613"/>
      <c r="ABD710" s="613"/>
      <c r="ABE710" s="613"/>
      <c r="ABF710" s="613"/>
      <c r="ABG710" s="613"/>
      <c r="ABH710" s="613"/>
      <c r="ABI710" s="613"/>
      <c r="ABJ710" s="613"/>
      <c r="ABK710" s="613"/>
      <c r="ABL710" s="613"/>
      <c r="ABM710" s="613"/>
      <c r="ABN710" s="613"/>
      <c r="ABO710" s="613"/>
      <c r="ABP710" s="613"/>
      <c r="ABQ710" s="613"/>
      <c r="ABR710" s="613"/>
      <c r="ABS710" s="613"/>
      <c r="ABT710" s="613"/>
      <c r="ABU710" s="613"/>
      <c r="ABV710" s="613"/>
      <c r="ABW710" s="613"/>
      <c r="ABX710" s="613"/>
      <c r="ABY710" s="613"/>
      <c r="ABZ710" s="613"/>
      <c r="ACA710" s="613"/>
      <c r="ACB710" s="613"/>
      <c r="ACC710" s="613"/>
      <c r="ACD710" s="613"/>
      <c r="ACE710" s="613"/>
      <c r="ACF710" s="613"/>
      <c r="ACG710" s="613"/>
      <c r="ACH710" s="613"/>
      <c r="ACI710" s="613"/>
      <c r="ACJ710" s="613"/>
      <c r="ACK710" s="613"/>
      <c r="ACL710" s="613"/>
      <c r="ACM710" s="613"/>
      <c r="ACN710" s="613"/>
      <c r="ACO710" s="613"/>
      <c r="ACP710" s="613"/>
      <c r="ACQ710" s="613"/>
      <c r="ACR710" s="613"/>
      <c r="ACS710" s="613"/>
      <c r="ACT710" s="613"/>
      <c r="ACU710" s="613"/>
      <c r="ACV710" s="613"/>
      <c r="ACW710" s="613"/>
      <c r="ACX710" s="613"/>
      <c r="ACY710" s="613"/>
      <c r="ACZ710" s="613"/>
      <c r="ADA710" s="613"/>
      <c r="ADB710" s="613"/>
      <c r="ADC710" s="613"/>
      <c r="ADD710" s="613"/>
      <c r="ADE710" s="613"/>
      <c r="ADF710" s="613"/>
      <c r="ADG710" s="613"/>
      <c r="ADH710" s="613"/>
      <c r="ADI710" s="613"/>
      <c r="ADJ710" s="613"/>
      <c r="ADK710" s="613"/>
      <c r="ADL710" s="613"/>
      <c r="ADM710" s="613"/>
      <c r="ADN710" s="613"/>
      <c r="ADO710" s="613"/>
      <c r="ADP710" s="613"/>
      <c r="ADQ710" s="613"/>
      <c r="ADR710" s="613"/>
      <c r="ADS710" s="613"/>
      <c r="ADT710" s="613"/>
      <c r="ADU710" s="613"/>
      <c r="ADV710" s="613"/>
      <c r="ADW710" s="613"/>
      <c r="ADX710" s="613"/>
      <c r="ADY710" s="613"/>
      <c r="ADZ710" s="613"/>
      <c r="AEA710" s="613"/>
      <c r="AEB710" s="613"/>
      <c r="AEC710" s="613"/>
      <c r="AED710" s="613"/>
      <c r="AEE710" s="613"/>
      <c r="AEF710" s="613"/>
      <c r="AEG710" s="613"/>
      <c r="AEH710" s="613"/>
      <c r="AEI710" s="613"/>
      <c r="AEJ710" s="613"/>
      <c r="AEK710" s="613"/>
      <c r="AEL710" s="613"/>
      <c r="AEM710" s="613"/>
      <c r="AEN710" s="613"/>
      <c r="AEO710" s="613"/>
      <c r="AEP710" s="613"/>
      <c r="AEQ710" s="613"/>
      <c r="AER710" s="613"/>
      <c r="AES710" s="613"/>
      <c r="AET710" s="613"/>
      <c r="AEU710" s="613"/>
      <c r="AEV710" s="613"/>
      <c r="AEW710" s="613"/>
      <c r="AEX710" s="613"/>
      <c r="AEY710" s="613"/>
      <c r="AEZ710" s="613"/>
      <c r="AFA710" s="613"/>
      <c r="AFB710" s="613"/>
      <c r="AFC710" s="613"/>
      <c r="AFD710" s="613"/>
      <c r="AFE710" s="613"/>
      <c r="AFF710" s="613"/>
      <c r="AFG710" s="613"/>
      <c r="AFH710" s="613"/>
      <c r="AFI710" s="613"/>
      <c r="AFJ710" s="613"/>
      <c r="AFK710" s="613"/>
      <c r="AFL710" s="613"/>
      <c r="AFM710" s="613"/>
      <c r="AFN710" s="613"/>
      <c r="AFO710" s="613"/>
      <c r="AFP710" s="613"/>
      <c r="AFQ710" s="613"/>
      <c r="AFR710" s="613"/>
      <c r="AFS710" s="613"/>
      <c r="AFT710" s="613"/>
      <c r="AFU710" s="613"/>
      <c r="AFV710" s="613"/>
      <c r="AFW710" s="613"/>
      <c r="AFX710" s="613"/>
      <c r="AFY710" s="613"/>
      <c r="AFZ710" s="613"/>
      <c r="AGA710" s="613"/>
      <c r="AGB710" s="613"/>
      <c r="AGC710" s="613"/>
      <c r="AGD710" s="613"/>
      <c r="AGE710" s="613"/>
      <c r="AGF710" s="613"/>
      <c r="AGG710" s="613"/>
      <c r="AGH710" s="613"/>
      <c r="AGI710" s="613"/>
      <c r="AGJ710" s="613"/>
      <c r="AGK710" s="613"/>
      <c r="AGL710" s="613"/>
      <c r="AGM710" s="613"/>
      <c r="AGN710" s="613"/>
      <c r="AGO710" s="613"/>
      <c r="AGP710" s="613"/>
      <c r="AGQ710" s="613"/>
      <c r="AGR710" s="613"/>
      <c r="AGS710" s="613"/>
      <c r="AGT710" s="613"/>
      <c r="AGU710" s="613"/>
      <c r="AGV710" s="613"/>
      <c r="AGW710" s="613"/>
      <c r="AGX710" s="613"/>
      <c r="AGY710" s="613"/>
      <c r="AGZ710" s="613"/>
      <c r="AHA710" s="613"/>
      <c r="AHB710" s="613"/>
      <c r="AHC710" s="613"/>
      <c r="AHD710" s="613"/>
      <c r="AHE710" s="613"/>
      <c r="AHF710" s="613"/>
      <c r="AHG710" s="613"/>
      <c r="AHH710" s="613"/>
      <c r="AHI710" s="613"/>
      <c r="AHJ710" s="613"/>
      <c r="AHK710" s="613"/>
      <c r="AHL710" s="613"/>
      <c r="AHM710" s="613"/>
      <c r="AHN710" s="613"/>
      <c r="AHO710" s="613"/>
      <c r="AHP710" s="613"/>
      <c r="AHQ710" s="613"/>
      <c r="AHR710" s="613"/>
      <c r="AHS710" s="613"/>
      <c r="AHT710" s="613"/>
      <c r="AHU710" s="613"/>
      <c r="AHV710" s="613"/>
      <c r="AHW710" s="613"/>
      <c r="AHX710" s="613"/>
      <c r="AHY710" s="613"/>
      <c r="AHZ710" s="613"/>
      <c r="AIA710" s="613"/>
      <c r="AIB710" s="613"/>
      <c r="AIC710" s="613"/>
      <c r="AID710" s="613"/>
      <c r="AIE710" s="613"/>
      <c r="AIF710" s="613"/>
      <c r="AIG710" s="613"/>
      <c r="AIH710" s="613"/>
      <c r="AII710" s="613"/>
      <c r="AIJ710" s="613"/>
      <c r="AIK710" s="613"/>
      <c r="AIL710" s="613"/>
      <c r="AIM710" s="613"/>
      <c r="AIN710" s="613"/>
      <c r="AIO710" s="613"/>
      <c r="AIP710" s="613"/>
      <c r="AIQ710" s="613"/>
      <c r="AIR710" s="613"/>
      <c r="AIS710" s="613"/>
      <c r="AIT710" s="613"/>
      <c r="AIU710" s="613"/>
      <c r="AIV710" s="613"/>
      <c r="AIW710" s="613"/>
      <c r="AIX710" s="613"/>
      <c r="AIY710" s="613"/>
      <c r="AIZ710" s="613"/>
      <c r="AJA710" s="613"/>
      <c r="AJB710" s="613"/>
      <c r="AJC710" s="613"/>
      <c r="AJD710" s="613"/>
      <c r="AJE710" s="613"/>
      <c r="AJF710" s="613"/>
      <c r="AJG710" s="613"/>
      <c r="AJH710" s="613"/>
      <c r="AJI710" s="613"/>
      <c r="AJJ710" s="613"/>
      <c r="AJK710" s="613"/>
      <c r="AJL710" s="613"/>
      <c r="AJM710" s="613"/>
      <c r="AJN710" s="613"/>
      <c r="AJO710" s="613"/>
      <c r="AJP710" s="613"/>
      <c r="AJQ710" s="613"/>
      <c r="AJR710" s="613"/>
      <c r="AJS710" s="613"/>
      <c r="AJT710" s="613"/>
      <c r="AJU710" s="613"/>
      <c r="AJV710" s="613"/>
      <c r="AJW710" s="613"/>
      <c r="AJX710" s="613"/>
      <c r="AJY710" s="613"/>
      <c r="AJZ710" s="613"/>
      <c r="AKA710" s="613"/>
      <c r="AKB710" s="613"/>
      <c r="AKC710" s="613"/>
      <c r="AKD710" s="613"/>
      <c r="AKE710" s="613"/>
      <c r="AKF710" s="613"/>
      <c r="AKG710" s="613"/>
      <c r="AKH710" s="613"/>
      <c r="AKI710" s="613"/>
      <c r="AKJ710" s="613"/>
      <c r="AKK710" s="613"/>
      <c r="AKL710" s="613"/>
      <c r="AKM710" s="613"/>
      <c r="AKN710" s="613"/>
      <c r="AKO710" s="613"/>
      <c r="AKP710" s="613"/>
      <c r="AKQ710" s="613"/>
      <c r="AKR710" s="613"/>
      <c r="AKS710" s="613"/>
      <c r="AKT710" s="613"/>
      <c r="AKU710" s="613"/>
      <c r="AKV710" s="613"/>
      <c r="AKW710" s="613"/>
      <c r="AKX710" s="613"/>
      <c r="AKY710" s="613"/>
      <c r="AKZ710" s="613"/>
      <c r="ALA710" s="613"/>
      <c r="ALB710" s="613"/>
      <c r="ALC710" s="613"/>
      <c r="ALD710" s="613"/>
      <c r="ALE710" s="613"/>
      <c r="ALF710" s="613"/>
      <c r="ALG710" s="613"/>
      <c r="ALH710" s="613"/>
      <c r="ALI710" s="613"/>
      <c r="ALJ710" s="613"/>
      <c r="ALK710" s="613"/>
      <c r="ALL710" s="613"/>
      <c r="ALM710" s="613"/>
      <c r="ALN710" s="613"/>
      <c r="ALO710" s="613"/>
      <c r="ALP710" s="613"/>
      <c r="ALQ710" s="613"/>
      <c r="ALR710" s="613"/>
      <c r="ALS710" s="613"/>
      <c r="ALT710" s="613"/>
      <c r="ALU710" s="613"/>
      <c r="ALV710" s="613"/>
      <c r="ALW710" s="613"/>
      <c r="ALX710" s="613"/>
      <c r="ALY710" s="613"/>
      <c r="ALZ710" s="613"/>
      <c r="AMA710" s="613"/>
      <c r="AMB710" s="613"/>
      <c r="AMC710" s="613"/>
      <c r="AMD710" s="613"/>
      <c r="AME710" s="613"/>
      <c r="AMF710" s="613"/>
      <c r="AMG710" s="613"/>
      <c r="AMH710" s="613"/>
      <c r="AMI710" s="613"/>
      <c r="AMJ710" s="613"/>
      <c r="AMK710" s="613"/>
      <c r="AML710" s="613"/>
      <c r="AMM710" s="613"/>
      <c r="AMN710" s="613"/>
      <c r="AMO710" s="613"/>
      <c r="AMP710" s="613"/>
      <c r="AMQ710" s="613"/>
      <c r="AMR710" s="613"/>
      <c r="AMS710" s="613"/>
      <c r="AMT710" s="613"/>
      <c r="AMU710" s="613"/>
      <c r="AMV710" s="613"/>
      <c r="AMW710" s="613"/>
      <c r="AMX710" s="613"/>
      <c r="AMY710" s="613"/>
      <c r="AMZ710" s="613"/>
      <c r="ANA710" s="613"/>
      <c r="ANB710" s="613"/>
      <c r="ANC710" s="613"/>
      <c r="AND710" s="613"/>
      <c r="ANE710" s="613"/>
      <c r="ANF710" s="613"/>
      <c r="ANG710" s="613"/>
      <c r="ANH710" s="613"/>
      <c r="ANI710" s="613"/>
      <c r="ANJ710" s="613"/>
      <c r="ANK710" s="613"/>
      <c r="ANL710" s="613"/>
      <c r="ANM710" s="613"/>
      <c r="ANN710" s="613"/>
      <c r="ANO710" s="613"/>
      <c r="ANP710" s="613"/>
      <c r="ANQ710" s="613"/>
      <c r="ANR710" s="613"/>
      <c r="ANS710" s="613"/>
      <c r="ANT710" s="613"/>
      <c r="ANU710" s="613"/>
      <c r="ANV710" s="613"/>
      <c r="ANW710" s="613"/>
      <c r="ANX710" s="613"/>
      <c r="ANY710" s="613"/>
      <c r="ANZ710" s="613"/>
      <c r="AOA710" s="613"/>
      <c r="AOB710" s="613"/>
      <c r="AOC710" s="613"/>
      <c r="AOD710" s="613"/>
      <c r="AOE710" s="613"/>
      <c r="AOF710" s="613"/>
      <c r="AOG710" s="613"/>
      <c r="AOH710" s="613"/>
      <c r="AOI710" s="613"/>
      <c r="AOJ710" s="613"/>
      <c r="AOK710" s="613"/>
      <c r="AOL710" s="613"/>
      <c r="AOM710" s="613"/>
      <c r="AON710" s="613"/>
      <c r="AOO710" s="613"/>
      <c r="AOP710" s="613"/>
      <c r="AOQ710" s="613"/>
      <c r="AOR710" s="613"/>
      <c r="AOS710" s="613"/>
      <c r="AOT710" s="613"/>
      <c r="AOU710" s="613"/>
      <c r="AOV710" s="613"/>
      <c r="AOW710" s="613"/>
      <c r="AOX710" s="613"/>
      <c r="AOY710" s="613"/>
      <c r="AOZ710" s="613"/>
      <c r="APA710" s="613"/>
      <c r="APB710" s="613"/>
      <c r="APC710" s="613"/>
      <c r="APD710" s="613"/>
      <c r="APE710" s="613"/>
      <c r="APF710" s="613"/>
      <c r="APG710" s="613"/>
      <c r="APH710" s="613"/>
      <c r="API710" s="613"/>
      <c r="APJ710" s="613"/>
      <c r="APK710" s="613"/>
      <c r="APL710" s="613"/>
      <c r="APM710" s="613"/>
      <c r="APN710" s="613"/>
      <c r="APO710" s="613"/>
      <c r="APP710" s="613"/>
      <c r="APQ710" s="613"/>
      <c r="APR710" s="613"/>
      <c r="APS710" s="613"/>
      <c r="APT710" s="613"/>
      <c r="APU710" s="613"/>
      <c r="APV710" s="613"/>
      <c r="APW710" s="613"/>
      <c r="APX710" s="613"/>
      <c r="APY710" s="613"/>
      <c r="APZ710" s="613"/>
      <c r="AQA710" s="613"/>
      <c r="AQB710" s="613"/>
      <c r="AQC710" s="613"/>
      <c r="AQD710" s="613"/>
      <c r="AQE710" s="613"/>
      <c r="AQF710" s="613"/>
      <c r="AQG710" s="613"/>
      <c r="AQH710" s="613"/>
      <c r="AQI710" s="613"/>
      <c r="AQJ710" s="613"/>
      <c r="AQK710" s="613"/>
      <c r="AQL710" s="613"/>
      <c r="AQM710" s="613"/>
      <c r="AQN710" s="613"/>
      <c r="AQO710" s="613"/>
      <c r="AQP710" s="613"/>
      <c r="AQQ710" s="613"/>
      <c r="AQR710" s="613"/>
      <c r="AQS710" s="613"/>
      <c r="AQT710" s="613"/>
      <c r="AQU710" s="613"/>
      <c r="AQV710" s="613"/>
      <c r="AQW710" s="613"/>
      <c r="AQX710" s="613"/>
      <c r="AQY710" s="613"/>
      <c r="AQZ710" s="613"/>
      <c r="ARA710" s="613"/>
      <c r="ARB710" s="613"/>
      <c r="ARC710" s="613"/>
      <c r="ARD710" s="613"/>
      <c r="ARE710" s="613"/>
      <c r="ARF710" s="613"/>
      <c r="ARG710" s="613"/>
      <c r="ARH710" s="613"/>
      <c r="ARI710" s="613"/>
      <c r="ARJ710" s="613"/>
      <c r="ARK710" s="613"/>
      <c r="ARL710" s="613"/>
      <c r="ARM710" s="613"/>
      <c r="ARN710" s="613"/>
      <c r="ARO710" s="613"/>
      <c r="ARP710" s="613"/>
      <c r="ARQ710" s="613"/>
      <c r="ARR710" s="613"/>
      <c r="ARS710" s="613"/>
      <c r="ART710" s="613"/>
      <c r="ARU710" s="613"/>
      <c r="ARV710" s="613"/>
      <c r="ARW710" s="613"/>
      <c r="ARX710" s="613"/>
      <c r="ARY710" s="613"/>
      <c r="ARZ710" s="613"/>
      <c r="ASA710" s="613"/>
      <c r="ASB710" s="613"/>
      <c r="ASC710" s="613"/>
      <c r="ASD710" s="613"/>
      <c r="ASE710" s="613"/>
      <c r="ASF710" s="613"/>
      <c r="ASG710" s="613"/>
      <c r="ASH710" s="613"/>
      <c r="ASI710" s="613"/>
      <c r="ASJ710" s="613"/>
      <c r="ASK710" s="613"/>
      <c r="ASL710" s="613"/>
      <c r="ASM710" s="613"/>
      <c r="ASN710" s="613"/>
      <c r="ASO710" s="613"/>
      <c r="ASP710" s="613"/>
      <c r="ASQ710" s="613"/>
      <c r="ASR710" s="613"/>
      <c r="ASS710" s="613"/>
      <c r="AST710" s="613"/>
      <c r="ASU710" s="613"/>
      <c r="ASV710" s="613"/>
      <c r="ASW710" s="613"/>
      <c r="ASX710" s="613"/>
      <c r="ASY710" s="613"/>
      <c r="ASZ710" s="613"/>
      <c r="ATA710" s="613"/>
      <c r="ATB710" s="613"/>
      <c r="ATC710" s="613"/>
      <c r="ATD710" s="613"/>
      <c r="ATE710" s="613"/>
      <c r="ATF710" s="613"/>
      <c r="ATG710" s="613"/>
      <c r="ATH710" s="613"/>
      <c r="ATI710" s="613"/>
      <c r="ATJ710" s="613"/>
      <c r="ATK710" s="613"/>
      <c r="ATL710" s="613"/>
      <c r="ATM710" s="613"/>
      <c r="ATN710" s="613"/>
      <c r="ATO710" s="613"/>
      <c r="ATP710" s="613"/>
      <c r="ATQ710" s="613"/>
      <c r="ATR710" s="613"/>
      <c r="ATS710" s="613"/>
      <c r="ATT710" s="613"/>
      <c r="ATU710" s="613"/>
      <c r="ATV710" s="613"/>
      <c r="ATW710" s="613"/>
      <c r="ATX710" s="613"/>
      <c r="ATY710" s="613"/>
      <c r="ATZ710" s="613"/>
      <c r="AUA710" s="613"/>
      <c r="AUB710" s="613"/>
      <c r="AUC710" s="613"/>
      <c r="AUD710" s="613"/>
      <c r="AUE710" s="613"/>
      <c r="AUF710" s="613"/>
      <c r="AUG710" s="613"/>
      <c r="AUH710" s="613"/>
      <c r="AUI710" s="613"/>
      <c r="AUJ710" s="613"/>
      <c r="AUK710" s="613"/>
      <c r="AUL710" s="613"/>
      <c r="AUM710" s="613"/>
      <c r="AUN710" s="613"/>
      <c r="AUO710" s="613"/>
      <c r="AUP710" s="613"/>
      <c r="AUQ710" s="613"/>
      <c r="AUR710" s="613"/>
      <c r="AUS710" s="613"/>
      <c r="AUT710" s="613"/>
      <c r="AUU710" s="613"/>
      <c r="AUV710" s="613"/>
      <c r="AUW710" s="613"/>
      <c r="AUX710" s="613"/>
      <c r="AUY710" s="613"/>
      <c r="AUZ710" s="613"/>
      <c r="AVA710" s="613"/>
      <c r="AVB710" s="613"/>
      <c r="AVC710" s="613"/>
      <c r="AVD710" s="613"/>
      <c r="AVE710" s="613"/>
      <c r="AVF710" s="613"/>
      <c r="AVG710" s="613"/>
      <c r="AVH710" s="613"/>
      <c r="AVI710" s="613"/>
      <c r="AVJ710" s="613"/>
      <c r="AVK710" s="613"/>
      <c r="AVL710" s="613"/>
      <c r="AVM710" s="613"/>
      <c r="AVN710" s="613"/>
      <c r="AVO710" s="613"/>
      <c r="AVP710" s="613"/>
      <c r="AVQ710" s="613"/>
      <c r="AVR710" s="613"/>
      <c r="AVS710" s="613"/>
      <c r="AVT710" s="613"/>
      <c r="AVU710" s="613"/>
      <c r="AVV710" s="613"/>
      <c r="AVW710" s="613"/>
      <c r="AVX710" s="613"/>
      <c r="AVY710" s="613"/>
      <c r="AVZ710" s="613"/>
      <c r="AWA710" s="613"/>
      <c r="AWB710" s="613"/>
      <c r="AWC710" s="613"/>
      <c r="AWD710" s="613"/>
      <c r="AWE710" s="613"/>
      <c r="AWF710" s="613"/>
      <c r="AWG710" s="613"/>
      <c r="AWH710" s="613"/>
      <c r="AWI710" s="613"/>
      <c r="AWJ710" s="613"/>
      <c r="AWK710" s="613"/>
      <c r="AWL710" s="613"/>
      <c r="AWM710" s="613"/>
      <c r="AWN710" s="613"/>
      <c r="AWO710" s="613"/>
      <c r="AWP710" s="613"/>
      <c r="AWQ710" s="613"/>
      <c r="AWR710" s="613"/>
      <c r="AWS710" s="613"/>
      <c r="AWT710" s="613"/>
      <c r="AWU710" s="613"/>
      <c r="AWV710" s="613"/>
      <c r="AWW710" s="613"/>
      <c r="AWX710" s="613"/>
      <c r="AWY710" s="613"/>
      <c r="AWZ710" s="613"/>
      <c r="AXA710" s="613"/>
      <c r="AXB710" s="613"/>
      <c r="AXC710" s="613"/>
      <c r="AXD710" s="613"/>
      <c r="AXE710" s="613"/>
      <c r="AXF710" s="613"/>
      <c r="AXG710" s="613"/>
      <c r="AXH710" s="613"/>
      <c r="AXI710" s="613"/>
      <c r="AXJ710" s="613"/>
      <c r="AXK710" s="613"/>
      <c r="AXL710" s="613"/>
      <c r="AXM710" s="613"/>
      <c r="AXN710" s="613"/>
      <c r="AXO710" s="613"/>
      <c r="AXP710" s="613"/>
      <c r="AXQ710" s="613"/>
      <c r="AXR710" s="613"/>
      <c r="AXS710" s="613"/>
      <c r="AXT710" s="613"/>
      <c r="AXU710" s="613"/>
      <c r="AXV710" s="613"/>
      <c r="AXW710" s="613"/>
      <c r="AXX710" s="613"/>
      <c r="AXY710" s="613"/>
      <c r="AXZ710" s="613"/>
      <c r="AYA710" s="613"/>
      <c r="AYB710" s="613"/>
      <c r="AYC710" s="613"/>
      <c r="AYD710" s="613"/>
      <c r="AYE710" s="613"/>
      <c r="AYF710" s="613"/>
      <c r="AYG710" s="613"/>
      <c r="AYH710" s="613"/>
      <c r="AYI710" s="613"/>
      <c r="AYJ710" s="613"/>
      <c r="AYK710" s="613"/>
      <c r="AYL710" s="613"/>
      <c r="AYM710" s="613"/>
      <c r="AYN710" s="613"/>
      <c r="AYO710" s="613"/>
      <c r="AYP710" s="613"/>
      <c r="AYQ710" s="613"/>
      <c r="AYR710" s="613"/>
      <c r="AYS710" s="613"/>
      <c r="AYT710" s="613"/>
      <c r="AYU710" s="613"/>
      <c r="AYV710" s="613"/>
      <c r="AYW710" s="613"/>
      <c r="AYX710" s="613"/>
      <c r="AYY710" s="613"/>
      <c r="AYZ710" s="613"/>
      <c r="AZA710" s="613"/>
      <c r="AZB710" s="613"/>
      <c r="AZC710" s="613"/>
      <c r="AZD710" s="613"/>
      <c r="AZE710" s="613"/>
      <c r="AZF710" s="613"/>
      <c r="AZG710" s="613"/>
      <c r="AZH710" s="613"/>
      <c r="AZI710" s="613"/>
      <c r="AZJ710" s="613"/>
      <c r="AZK710" s="613"/>
      <c r="AZL710" s="613"/>
      <c r="AZM710" s="613"/>
      <c r="AZN710" s="613"/>
      <c r="AZO710" s="613"/>
      <c r="AZP710" s="613"/>
      <c r="AZQ710" s="613"/>
      <c r="AZR710" s="613"/>
      <c r="AZS710" s="613"/>
      <c r="AZT710" s="613"/>
      <c r="AZU710" s="613"/>
      <c r="AZV710" s="613"/>
      <c r="AZW710" s="613"/>
      <c r="AZX710" s="613"/>
      <c r="AZY710" s="613"/>
      <c r="AZZ710" s="613"/>
      <c r="BAA710" s="613"/>
      <c r="BAB710" s="613"/>
      <c r="BAC710" s="613"/>
      <c r="BAD710" s="613"/>
      <c r="BAE710" s="613"/>
      <c r="BAF710" s="613"/>
      <c r="BAG710" s="613"/>
      <c r="BAH710" s="613"/>
      <c r="BAI710" s="613"/>
      <c r="BAJ710" s="613"/>
      <c r="BAK710" s="613"/>
      <c r="BAL710" s="613"/>
      <c r="BAM710" s="613"/>
      <c r="BAN710" s="613"/>
      <c r="BAO710" s="613"/>
      <c r="BAP710" s="613"/>
      <c r="BAQ710" s="613"/>
      <c r="BAR710" s="613"/>
      <c r="BAS710" s="613"/>
      <c r="BAT710" s="613"/>
      <c r="BAU710" s="613"/>
      <c r="BAV710" s="613"/>
      <c r="BAW710" s="613"/>
      <c r="BAX710" s="613"/>
      <c r="BAY710" s="613"/>
      <c r="BAZ710" s="613"/>
      <c r="BBA710" s="613"/>
      <c r="BBB710" s="613"/>
      <c r="BBC710" s="613"/>
      <c r="BBD710" s="613"/>
      <c r="BBE710" s="613"/>
      <c r="BBF710" s="613"/>
      <c r="BBG710" s="613"/>
      <c r="BBH710" s="613"/>
      <c r="BBI710" s="613"/>
      <c r="BBJ710" s="613"/>
      <c r="BBK710" s="613"/>
      <c r="BBL710" s="613"/>
      <c r="BBM710" s="613"/>
      <c r="BBN710" s="613"/>
      <c r="BBO710" s="613"/>
      <c r="BBP710" s="613"/>
      <c r="BBQ710" s="613"/>
      <c r="BBR710" s="613"/>
      <c r="BBS710" s="613"/>
      <c r="BBT710" s="613"/>
      <c r="BBU710" s="613"/>
      <c r="BBV710" s="613"/>
      <c r="BBW710" s="613"/>
      <c r="BBX710" s="613"/>
      <c r="BBY710" s="613"/>
      <c r="BBZ710" s="613"/>
      <c r="BCA710" s="613"/>
      <c r="BCB710" s="613"/>
      <c r="BCC710" s="613"/>
      <c r="BCD710" s="613"/>
      <c r="BCE710" s="613"/>
      <c r="BCF710" s="613"/>
      <c r="BCG710" s="613"/>
      <c r="BCH710" s="613"/>
      <c r="BCI710" s="613"/>
      <c r="BCJ710" s="613"/>
      <c r="BCK710" s="613"/>
      <c r="BCL710" s="613"/>
      <c r="BCM710" s="613"/>
      <c r="BCN710" s="613"/>
      <c r="BCO710" s="613"/>
      <c r="BCP710" s="613"/>
      <c r="BCQ710" s="613"/>
      <c r="BCR710" s="613"/>
      <c r="BCS710" s="613"/>
      <c r="BCT710" s="613"/>
      <c r="BCU710" s="613"/>
      <c r="BCV710" s="613"/>
      <c r="BCW710" s="613"/>
      <c r="BCX710" s="613"/>
      <c r="BCY710" s="613"/>
      <c r="BCZ710" s="613"/>
      <c r="BDA710" s="613"/>
      <c r="BDB710" s="613"/>
      <c r="BDC710" s="613"/>
      <c r="BDD710" s="613"/>
      <c r="BDE710" s="613"/>
      <c r="BDF710" s="613"/>
      <c r="BDG710" s="613"/>
      <c r="BDH710" s="613"/>
      <c r="BDI710" s="613"/>
      <c r="BDJ710" s="613"/>
      <c r="BDK710" s="613"/>
      <c r="BDL710" s="613"/>
      <c r="BDM710" s="613"/>
      <c r="BDN710" s="613"/>
      <c r="BDO710" s="613"/>
      <c r="BDP710" s="613"/>
      <c r="BDQ710" s="613"/>
      <c r="BDR710" s="613"/>
      <c r="BDS710" s="613"/>
      <c r="BDT710" s="613"/>
      <c r="BDU710" s="613"/>
      <c r="BDV710" s="613"/>
      <c r="BDW710" s="613"/>
      <c r="BDX710" s="613"/>
      <c r="BDY710" s="613"/>
      <c r="BDZ710" s="613"/>
      <c r="BEA710" s="613"/>
      <c r="BEB710" s="613"/>
      <c r="BEC710" s="613"/>
      <c r="BED710" s="613"/>
      <c r="BEE710" s="613"/>
      <c r="BEF710" s="613"/>
      <c r="BEG710" s="613"/>
      <c r="BEH710" s="613"/>
      <c r="BEI710" s="613"/>
      <c r="BEJ710" s="613"/>
      <c r="BEK710" s="613"/>
      <c r="BEL710" s="613"/>
      <c r="BEM710" s="613"/>
      <c r="BEN710" s="613"/>
      <c r="BEO710" s="613"/>
      <c r="BEP710" s="613"/>
      <c r="BEQ710" s="613"/>
      <c r="BER710" s="613"/>
      <c r="BES710" s="613"/>
      <c r="BET710" s="613"/>
      <c r="BEU710" s="613"/>
      <c r="BEV710" s="613"/>
      <c r="BEW710" s="613"/>
      <c r="BEX710" s="613"/>
      <c r="BEY710" s="613"/>
      <c r="BEZ710" s="613"/>
      <c r="BFA710" s="613"/>
      <c r="BFB710" s="613"/>
      <c r="BFC710" s="613"/>
      <c r="BFD710" s="613"/>
      <c r="BFE710" s="613"/>
      <c r="BFF710" s="613"/>
      <c r="BFG710" s="613"/>
      <c r="BFH710" s="613"/>
      <c r="BFI710" s="613"/>
      <c r="BFJ710" s="613"/>
      <c r="BFK710" s="613"/>
      <c r="BFL710" s="613"/>
      <c r="BFM710" s="613"/>
      <c r="BFN710" s="613"/>
      <c r="BFO710" s="613"/>
      <c r="BFP710" s="613"/>
      <c r="BFQ710" s="613"/>
      <c r="BFR710" s="613"/>
      <c r="BFS710" s="613"/>
      <c r="BFT710" s="613"/>
      <c r="BFU710" s="613"/>
      <c r="BFV710" s="613"/>
      <c r="BFW710" s="613"/>
      <c r="BFX710" s="613"/>
      <c r="BFY710" s="613"/>
      <c r="BFZ710" s="613"/>
      <c r="BGA710" s="613"/>
      <c r="BGB710" s="613"/>
      <c r="BGC710" s="613"/>
      <c r="BGD710" s="613"/>
      <c r="BGE710" s="613"/>
      <c r="BGF710" s="613"/>
      <c r="BGG710" s="613"/>
      <c r="BGH710" s="613"/>
      <c r="BGI710" s="613"/>
      <c r="BGJ710" s="613"/>
      <c r="BGK710" s="613"/>
      <c r="BGL710" s="613"/>
      <c r="BGM710" s="613"/>
      <c r="BGN710" s="613"/>
      <c r="BGO710" s="613"/>
      <c r="BGP710" s="613"/>
      <c r="BGQ710" s="613"/>
      <c r="BGR710" s="613"/>
      <c r="BGS710" s="613"/>
      <c r="BGT710" s="613"/>
      <c r="BGU710" s="613"/>
      <c r="BGV710" s="613"/>
      <c r="BGW710" s="613"/>
      <c r="BGX710" s="613"/>
      <c r="BGY710" s="613"/>
      <c r="BGZ710" s="613"/>
      <c r="BHA710" s="613"/>
      <c r="BHB710" s="613"/>
      <c r="BHC710" s="613"/>
      <c r="BHD710" s="613"/>
      <c r="BHE710" s="613"/>
      <c r="BHF710" s="613"/>
      <c r="BHG710" s="613"/>
      <c r="BHH710" s="613"/>
      <c r="BHI710" s="613"/>
      <c r="BHJ710" s="613"/>
      <c r="BHK710" s="613"/>
      <c r="BHL710" s="613"/>
      <c r="BHM710" s="613"/>
      <c r="BHN710" s="613"/>
      <c r="BHO710" s="613"/>
      <c r="BHP710" s="613"/>
      <c r="BHQ710" s="613"/>
      <c r="BHR710" s="613"/>
      <c r="BHS710" s="613"/>
      <c r="BHT710" s="613"/>
      <c r="BHU710" s="613"/>
      <c r="BHV710" s="613"/>
      <c r="BHW710" s="613"/>
      <c r="BHX710" s="613"/>
      <c r="BHY710" s="613"/>
      <c r="BHZ710" s="613"/>
      <c r="BIA710" s="613"/>
      <c r="BIB710" s="613"/>
      <c r="BIC710" s="613"/>
      <c r="BID710" s="613"/>
      <c r="BIE710" s="613"/>
      <c r="BIF710" s="613"/>
      <c r="BIG710" s="613"/>
      <c r="BIH710" s="613"/>
      <c r="BII710" s="613"/>
      <c r="BIJ710" s="613"/>
      <c r="BIK710" s="613"/>
      <c r="BIL710" s="613"/>
      <c r="BIM710" s="613"/>
      <c r="BIN710" s="613"/>
      <c r="BIO710" s="613"/>
      <c r="BIP710" s="613"/>
      <c r="BIQ710" s="613"/>
      <c r="BIR710" s="613"/>
      <c r="BIS710" s="613"/>
      <c r="BIT710" s="613"/>
      <c r="BIU710" s="613"/>
      <c r="BIV710" s="613"/>
      <c r="BIW710" s="613"/>
      <c r="BIX710" s="613"/>
      <c r="BIY710" s="613"/>
      <c r="BIZ710" s="613"/>
      <c r="BJA710" s="613"/>
      <c r="BJB710" s="613"/>
      <c r="BJC710" s="613"/>
      <c r="BJD710" s="613"/>
      <c r="BJE710" s="613"/>
      <c r="BJF710" s="613"/>
      <c r="BJG710" s="613"/>
      <c r="BJH710" s="613"/>
      <c r="BJI710" s="613"/>
      <c r="BJJ710" s="613"/>
      <c r="BJK710" s="613"/>
      <c r="BJL710" s="613"/>
      <c r="BJM710" s="613"/>
      <c r="BJN710" s="613"/>
      <c r="BJO710" s="613"/>
      <c r="BJP710" s="613"/>
      <c r="BJQ710" s="613"/>
      <c r="BJR710" s="613"/>
      <c r="BJS710" s="613"/>
      <c r="BJT710" s="613"/>
      <c r="BJU710" s="613"/>
      <c r="BJV710" s="613"/>
      <c r="BJW710" s="613"/>
      <c r="BJX710" s="613"/>
      <c r="BJY710" s="613"/>
      <c r="BJZ710" s="613"/>
      <c r="BKA710" s="613"/>
      <c r="BKB710" s="613"/>
      <c r="BKC710" s="613"/>
      <c r="BKD710" s="613"/>
      <c r="BKE710" s="613"/>
      <c r="BKF710" s="613"/>
      <c r="BKG710" s="613"/>
      <c r="BKH710" s="613"/>
      <c r="BKI710" s="613"/>
      <c r="BKJ710" s="613"/>
      <c r="BKK710" s="613"/>
      <c r="BKL710" s="613"/>
      <c r="BKM710" s="613"/>
      <c r="BKN710" s="613"/>
      <c r="BKO710" s="613"/>
      <c r="BKP710" s="613"/>
      <c r="BKQ710" s="613"/>
      <c r="BKR710" s="613"/>
      <c r="BKS710" s="613"/>
      <c r="BKT710" s="613"/>
      <c r="BKU710" s="613"/>
      <c r="BKV710" s="613"/>
      <c r="BKW710" s="613"/>
      <c r="BKX710" s="613"/>
      <c r="BKY710" s="613"/>
      <c r="BKZ710" s="613"/>
      <c r="BLA710" s="613"/>
      <c r="BLB710" s="613"/>
      <c r="BLC710" s="613"/>
      <c r="BLD710" s="613"/>
      <c r="BLE710" s="613"/>
      <c r="BLF710" s="613"/>
      <c r="BLG710" s="613"/>
      <c r="BLH710" s="613"/>
      <c r="BLI710" s="613"/>
      <c r="BLJ710" s="613"/>
      <c r="BLK710" s="613"/>
      <c r="BLL710" s="613"/>
      <c r="BLM710" s="613"/>
      <c r="BLN710" s="613"/>
      <c r="BLO710" s="613"/>
      <c r="BLP710" s="613"/>
      <c r="BLQ710" s="613"/>
      <c r="BLR710" s="613"/>
      <c r="BLS710" s="613"/>
      <c r="BLT710" s="613"/>
      <c r="BLU710" s="613"/>
      <c r="BLV710" s="613"/>
      <c r="BLW710" s="613"/>
      <c r="BLX710" s="613"/>
      <c r="BLY710" s="613"/>
      <c r="BLZ710" s="613"/>
      <c r="BMA710" s="613"/>
      <c r="BMB710" s="613"/>
      <c r="BMC710" s="613"/>
      <c r="BMD710" s="613"/>
      <c r="BME710" s="613"/>
      <c r="BMF710" s="613"/>
      <c r="BMG710" s="613"/>
      <c r="BMH710" s="613"/>
      <c r="BMI710" s="613"/>
      <c r="BMJ710" s="613"/>
      <c r="BMK710" s="613"/>
      <c r="BML710" s="613"/>
      <c r="BMM710" s="613"/>
      <c r="BMN710" s="613"/>
      <c r="BMO710" s="613"/>
      <c r="BMP710" s="613"/>
      <c r="BMQ710" s="613"/>
      <c r="BMR710" s="613"/>
      <c r="BMS710" s="613"/>
      <c r="BMT710" s="613"/>
      <c r="BMU710" s="613"/>
      <c r="BMV710" s="613"/>
      <c r="BMW710" s="613"/>
      <c r="BMX710" s="613"/>
      <c r="BMY710" s="613"/>
      <c r="BMZ710" s="613"/>
      <c r="BNA710" s="613"/>
      <c r="BNB710" s="613"/>
      <c r="BNC710" s="613"/>
      <c r="BND710" s="613"/>
      <c r="BNE710" s="613"/>
      <c r="BNF710" s="613"/>
      <c r="BNG710" s="613"/>
      <c r="BNH710" s="613"/>
      <c r="BNI710" s="613"/>
      <c r="BNJ710" s="613"/>
      <c r="BNK710" s="613"/>
      <c r="BNL710" s="613"/>
      <c r="BNM710" s="613"/>
      <c r="BNN710" s="613"/>
      <c r="BNO710" s="613"/>
      <c r="BNP710" s="613"/>
      <c r="BNQ710" s="613"/>
      <c r="BNR710" s="613"/>
      <c r="BNS710" s="613"/>
      <c r="BNT710" s="613"/>
      <c r="BNU710" s="613"/>
      <c r="BNV710" s="613"/>
      <c r="BNW710" s="613"/>
      <c r="BNX710" s="613"/>
      <c r="BNY710" s="613"/>
      <c r="BNZ710" s="613"/>
      <c r="BOA710" s="613"/>
      <c r="BOB710" s="613"/>
      <c r="BOC710" s="613"/>
      <c r="BOD710" s="613"/>
      <c r="BOE710" s="613"/>
      <c r="BOF710" s="613"/>
      <c r="BOG710" s="613"/>
      <c r="BOH710" s="613"/>
      <c r="BOI710" s="613"/>
      <c r="BOJ710" s="613"/>
      <c r="BOK710" s="613"/>
      <c r="BOL710" s="613"/>
      <c r="BOM710" s="613"/>
      <c r="BON710" s="613"/>
      <c r="BOO710" s="613"/>
      <c r="BOP710" s="613"/>
      <c r="BOQ710" s="613"/>
      <c r="BOR710" s="613"/>
      <c r="BOS710" s="613"/>
      <c r="BOT710" s="613"/>
      <c r="BOU710" s="613"/>
      <c r="BOV710" s="613"/>
      <c r="BOW710" s="613"/>
      <c r="BOX710" s="613"/>
      <c r="BOY710" s="613"/>
      <c r="BOZ710" s="613"/>
      <c r="BPA710" s="613"/>
      <c r="BPB710" s="613"/>
      <c r="BPC710" s="613"/>
      <c r="BPD710" s="613"/>
      <c r="BPE710" s="613"/>
      <c r="BPF710" s="613"/>
      <c r="BPG710" s="613"/>
      <c r="BPH710" s="613"/>
      <c r="BPI710" s="613"/>
      <c r="BPJ710" s="613"/>
      <c r="BPK710" s="613"/>
      <c r="BPL710" s="613"/>
      <c r="BPM710" s="613"/>
      <c r="BPN710" s="613"/>
      <c r="BPO710" s="613"/>
      <c r="BPP710" s="613"/>
      <c r="BPQ710" s="613"/>
      <c r="BPR710" s="613"/>
      <c r="BPS710" s="613"/>
      <c r="BPT710" s="613"/>
      <c r="BPU710" s="613"/>
      <c r="BPV710" s="613"/>
      <c r="BPW710" s="613"/>
      <c r="BPX710" s="613"/>
      <c r="BPY710" s="613"/>
      <c r="BPZ710" s="613"/>
      <c r="BQA710" s="613"/>
      <c r="BQB710" s="613"/>
      <c r="BQC710" s="613"/>
      <c r="BQD710" s="613"/>
      <c r="BQE710" s="613"/>
      <c r="BQF710" s="613"/>
      <c r="BQG710" s="613"/>
      <c r="BQH710" s="613"/>
      <c r="BQI710" s="613"/>
      <c r="BQJ710" s="613"/>
      <c r="BQK710" s="613"/>
      <c r="BQL710" s="613"/>
      <c r="BQM710" s="613"/>
      <c r="BQN710" s="613"/>
      <c r="BQO710" s="613"/>
      <c r="BQP710" s="613"/>
      <c r="BQQ710" s="613"/>
      <c r="BQR710" s="613"/>
      <c r="BQS710" s="613"/>
      <c r="BQT710" s="613"/>
      <c r="BQU710" s="613"/>
      <c r="BQV710" s="613"/>
      <c r="BQW710" s="613"/>
      <c r="BQX710" s="613"/>
      <c r="BQY710" s="613"/>
      <c r="BQZ710" s="613"/>
      <c r="BRA710" s="613"/>
      <c r="BRB710" s="613"/>
      <c r="BRC710" s="613"/>
      <c r="BRD710" s="613"/>
      <c r="BRE710" s="613"/>
      <c r="BRF710" s="613"/>
      <c r="BRG710" s="613"/>
      <c r="BRH710" s="613"/>
      <c r="BRI710" s="613"/>
      <c r="BRJ710" s="613"/>
      <c r="BRK710" s="613"/>
      <c r="BRL710" s="613"/>
      <c r="BRM710" s="613"/>
      <c r="BRN710" s="613"/>
      <c r="BRO710" s="613"/>
      <c r="BRP710" s="613"/>
      <c r="BRQ710" s="613"/>
      <c r="BRR710" s="613"/>
      <c r="BRS710" s="613"/>
      <c r="BRT710" s="613"/>
      <c r="BRU710" s="613"/>
      <c r="BRV710" s="613"/>
      <c r="BRW710" s="613"/>
      <c r="BRX710" s="613"/>
      <c r="BRY710" s="613"/>
      <c r="BRZ710" s="613"/>
      <c r="BSA710" s="613"/>
      <c r="BSB710" s="613"/>
      <c r="BSC710" s="613"/>
      <c r="BSD710" s="613"/>
      <c r="BSE710" s="613"/>
      <c r="BSF710" s="613"/>
      <c r="BSG710" s="613"/>
      <c r="BSH710" s="613"/>
      <c r="BSI710" s="613"/>
      <c r="BSJ710" s="613"/>
      <c r="BSK710" s="613"/>
      <c r="BSL710" s="613"/>
      <c r="BSM710" s="613"/>
      <c r="BSN710" s="613"/>
      <c r="BSO710" s="613"/>
      <c r="BSP710" s="613"/>
      <c r="BSQ710" s="613"/>
      <c r="BSR710" s="613"/>
      <c r="BSS710" s="613"/>
      <c r="BST710" s="613"/>
      <c r="BSU710" s="613"/>
      <c r="BSV710" s="613"/>
      <c r="BSW710" s="613"/>
      <c r="BSX710" s="613"/>
      <c r="BSY710" s="613"/>
      <c r="BSZ710" s="613"/>
      <c r="BTA710" s="613"/>
      <c r="BTB710" s="613"/>
      <c r="BTC710" s="613"/>
      <c r="BTD710" s="613"/>
      <c r="BTE710" s="613"/>
      <c r="BTF710" s="613"/>
      <c r="BTG710" s="613"/>
      <c r="BTH710" s="613"/>
      <c r="BTI710" s="613"/>
      <c r="BTJ710" s="613"/>
      <c r="BTK710" s="613"/>
      <c r="BTL710" s="613"/>
      <c r="BTM710" s="613"/>
      <c r="BTN710" s="613"/>
      <c r="BTO710" s="613"/>
      <c r="BTP710" s="613"/>
      <c r="BTQ710" s="613"/>
      <c r="BTR710" s="613"/>
      <c r="BTS710" s="613"/>
      <c r="BTT710" s="613"/>
      <c r="BTU710" s="613"/>
      <c r="BTV710" s="613"/>
      <c r="BTW710" s="613"/>
      <c r="BTX710" s="613"/>
      <c r="BTY710" s="613"/>
      <c r="BTZ710" s="613"/>
      <c r="BUA710" s="613"/>
      <c r="BUB710" s="613"/>
      <c r="BUC710" s="613"/>
      <c r="BUD710" s="613"/>
      <c r="BUE710" s="613"/>
      <c r="BUF710" s="613"/>
      <c r="BUG710" s="613"/>
      <c r="BUH710" s="613"/>
      <c r="BUI710" s="613"/>
      <c r="BUJ710" s="613"/>
      <c r="BUK710" s="613"/>
      <c r="BUL710" s="613"/>
      <c r="BUM710" s="613"/>
      <c r="BUN710" s="613"/>
      <c r="BUO710" s="613"/>
      <c r="BUP710" s="613"/>
      <c r="BUQ710" s="613"/>
      <c r="BUR710" s="613"/>
      <c r="BUS710" s="613"/>
      <c r="BUT710" s="613"/>
      <c r="BUU710" s="613"/>
      <c r="BUV710" s="613"/>
      <c r="BUW710" s="613"/>
      <c r="BUX710" s="613"/>
      <c r="BUY710" s="613"/>
      <c r="BUZ710" s="613"/>
      <c r="BVA710" s="613"/>
      <c r="BVB710" s="613"/>
      <c r="BVC710" s="613"/>
      <c r="BVD710" s="613"/>
      <c r="BVE710" s="613"/>
      <c r="BVF710" s="613"/>
      <c r="BVG710" s="613"/>
      <c r="BVH710" s="613"/>
      <c r="BVI710" s="613"/>
      <c r="BVJ710" s="613"/>
      <c r="BVK710" s="613"/>
      <c r="BVL710" s="613"/>
      <c r="BVM710" s="613"/>
      <c r="BVN710" s="613"/>
      <c r="BVO710" s="613"/>
      <c r="BVP710" s="613"/>
      <c r="BVQ710" s="613"/>
      <c r="BVR710" s="613"/>
      <c r="BVS710" s="613"/>
      <c r="BVT710" s="613"/>
      <c r="BVU710" s="613"/>
      <c r="BVV710" s="613"/>
      <c r="BVW710" s="613"/>
      <c r="BVX710" s="613"/>
      <c r="BVY710" s="613"/>
      <c r="BVZ710" s="613"/>
      <c r="BWA710" s="613"/>
      <c r="BWB710" s="613"/>
      <c r="BWC710" s="613"/>
      <c r="BWD710" s="613"/>
      <c r="BWE710" s="613"/>
      <c r="BWF710" s="613"/>
      <c r="BWG710" s="613"/>
      <c r="BWH710" s="613"/>
      <c r="BWI710" s="613"/>
      <c r="BWJ710" s="613"/>
      <c r="BWK710" s="613"/>
      <c r="BWL710" s="613"/>
      <c r="BWM710" s="613"/>
      <c r="BWN710" s="613"/>
      <c r="BWO710" s="613"/>
      <c r="BWP710" s="613"/>
      <c r="BWQ710" s="613"/>
      <c r="BWR710" s="613"/>
      <c r="BWS710" s="613"/>
      <c r="BWT710" s="613"/>
      <c r="BWU710" s="613"/>
      <c r="BWV710" s="613"/>
      <c r="BWW710" s="613"/>
      <c r="BWX710" s="613"/>
      <c r="BWY710" s="613"/>
      <c r="BWZ710" s="613"/>
      <c r="BXA710" s="613"/>
      <c r="BXB710" s="613"/>
      <c r="BXC710" s="613"/>
      <c r="BXD710" s="613"/>
      <c r="BXE710" s="613"/>
      <c r="BXF710" s="613"/>
      <c r="BXG710" s="613"/>
      <c r="BXH710" s="613"/>
      <c r="BXI710" s="613"/>
      <c r="BXJ710" s="613"/>
      <c r="BXK710" s="613"/>
      <c r="BXL710" s="613"/>
      <c r="BXM710" s="613"/>
      <c r="BXN710" s="613"/>
      <c r="BXO710" s="613"/>
      <c r="BXP710" s="613"/>
      <c r="BXQ710" s="613"/>
      <c r="BXR710" s="613"/>
      <c r="BXS710" s="613"/>
      <c r="BXT710" s="613"/>
      <c r="BXU710" s="613"/>
      <c r="BXV710" s="613"/>
      <c r="BXW710" s="613"/>
      <c r="BXX710" s="613"/>
      <c r="BXY710" s="613"/>
      <c r="BXZ710" s="613"/>
      <c r="BYA710" s="613"/>
      <c r="BYB710" s="613"/>
      <c r="BYC710" s="613"/>
      <c r="BYD710" s="613"/>
      <c r="BYE710" s="613"/>
      <c r="BYF710" s="613"/>
      <c r="BYG710" s="613"/>
      <c r="BYH710" s="613"/>
      <c r="BYI710" s="613"/>
      <c r="BYJ710" s="613"/>
      <c r="BYK710" s="613"/>
      <c r="BYL710" s="613"/>
      <c r="BYM710" s="613"/>
      <c r="BYN710" s="613"/>
      <c r="BYO710" s="613"/>
      <c r="BYP710" s="613"/>
      <c r="BYQ710" s="613"/>
      <c r="BYR710" s="613"/>
      <c r="BYS710" s="613"/>
      <c r="BYT710" s="613"/>
      <c r="BYU710" s="613"/>
      <c r="BYV710" s="613"/>
      <c r="BYW710" s="613"/>
      <c r="BYX710" s="613"/>
      <c r="BYY710" s="613"/>
      <c r="BYZ710" s="613"/>
      <c r="BZA710" s="613"/>
      <c r="BZB710" s="613"/>
      <c r="BZC710" s="613"/>
      <c r="BZD710" s="613"/>
      <c r="BZE710" s="613"/>
      <c r="BZF710" s="613"/>
      <c r="BZG710" s="613"/>
      <c r="BZH710" s="613"/>
      <c r="BZI710" s="613"/>
      <c r="BZJ710" s="613"/>
      <c r="BZK710" s="613"/>
      <c r="BZL710" s="613"/>
      <c r="BZM710" s="613"/>
      <c r="BZN710" s="613"/>
      <c r="BZO710" s="613"/>
      <c r="BZP710" s="613"/>
      <c r="BZQ710" s="613"/>
      <c r="BZR710" s="613"/>
      <c r="BZS710" s="613"/>
      <c r="BZT710" s="613"/>
      <c r="BZU710" s="613"/>
      <c r="BZV710" s="613"/>
      <c r="BZW710" s="613"/>
      <c r="BZX710" s="613"/>
      <c r="BZY710" s="613"/>
      <c r="BZZ710" s="613"/>
      <c r="CAA710" s="613"/>
      <c r="CAB710" s="613"/>
      <c r="CAC710" s="613"/>
      <c r="CAD710" s="613"/>
      <c r="CAE710" s="613"/>
      <c r="CAF710" s="613"/>
      <c r="CAG710" s="613"/>
      <c r="CAH710" s="613"/>
      <c r="CAI710" s="613"/>
      <c r="CAJ710" s="613"/>
      <c r="CAK710" s="613"/>
      <c r="CAL710" s="613"/>
      <c r="CAM710" s="613"/>
      <c r="CAN710" s="613"/>
      <c r="CAO710" s="613"/>
      <c r="CAP710" s="613"/>
      <c r="CAQ710" s="613"/>
      <c r="CAR710" s="613"/>
      <c r="CAS710" s="613"/>
      <c r="CAT710" s="613"/>
      <c r="CAU710" s="613"/>
      <c r="CAV710" s="613"/>
      <c r="CAW710" s="613"/>
      <c r="CAX710" s="613"/>
      <c r="CAY710" s="613"/>
      <c r="CAZ710" s="613"/>
      <c r="CBA710" s="613"/>
      <c r="CBB710" s="613"/>
      <c r="CBC710" s="613"/>
      <c r="CBD710" s="613"/>
      <c r="CBE710" s="613"/>
      <c r="CBF710" s="613"/>
      <c r="CBG710" s="613"/>
      <c r="CBH710" s="613"/>
      <c r="CBI710" s="613"/>
      <c r="CBJ710" s="613"/>
      <c r="CBK710" s="613"/>
      <c r="CBL710" s="613"/>
      <c r="CBM710" s="613"/>
      <c r="CBN710" s="613"/>
      <c r="CBO710" s="613"/>
      <c r="CBP710" s="613"/>
      <c r="CBQ710" s="613"/>
      <c r="CBR710" s="613"/>
      <c r="CBS710" s="613"/>
      <c r="CBT710" s="613"/>
      <c r="CBU710" s="613"/>
      <c r="CBV710" s="613"/>
      <c r="CBW710" s="613"/>
      <c r="CBX710" s="613"/>
      <c r="CBY710" s="613"/>
      <c r="CBZ710" s="613"/>
      <c r="CCA710" s="613"/>
      <c r="CCB710" s="613"/>
      <c r="CCC710" s="613"/>
      <c r="CCD710" s="613"/>
      <c r="CCE710" s="613"/>
      <c r="CCF710" s="613"/>
      <c r="CCG710" s="613"/>
      <c r="CCH710" s="613"/>
      <c r="CCI710" s="613"/>
      <c r="CCJ710" s="613"/>
      <c r="CCK710" s="613"/>
      <c r="CCL710" s="613"/>
      <c r="CCM710" s="613"/>
      <c r="CCN710" s="613"/>
      <c r="CCO710" s="613"/>
      <c r="CCP710" s="613"/>
      <c r="CCQ710" s="613"/>
      <c r="CCR710" s="613"/>
      <c r="CCS710" s="613"/>
      <c r="CCT710" s="613"/>
      <c r="CCU710" s="613"/>
      <c r="CCV710" s="613"/>
      <c r="CCW710" s="613"/>
      <c r="CCX710" s="613"/>
      <c r="CCY710" s="613"/>
      <c r="CCZ710" s="613"/>
      <c r="CDA710" s="613"/>
      <c r="CDB710" s="613"/>
      <c r="CDC710" s="613"/>
      <c r="CDD710" s="613"/>
      <c r="CDE710" s="613"/>
      <c r="CDF710" s="613"/>
      <c r="CDG710" s="613"/>
      <c r="CDH710" s="613"/>
      <c r="CDI710" s="613"/>
      <c r="CDJ710" s="613"/>
      <c r="CDK710" s="613"/>
      <c r="CDL710" s="613"/>
      <c r="CDM710" s="613"/>
      <c r="CDN710" s="613"/>
      <c r="CDO710" s="613"/>
      <c r="CDP710" s="613"/>
      <c r="CDQ710" s="613"/>
      <c r="CDR710" s="613"/>
      <c r="CDS710" s="613"/>
      <c r="CDT710" s="613"/>
      <c r="CDU710" s="613"/>
      <c r="CDV710" s="613"/>
      <c r="CDW710" s="613"/>
      <c r="CDX710" s="613"/>
      <c r="CDY710" s="613"/>
      <c r="CDZ710" s="613"/>
      <c r="CEA710" s="613"/>
      <c r="CEB710" s="613"/>
      <c r="CEC710" s="613"/>
      <c r="CED710" s="613"/>
      <c r="CEE710" s="613"/>
      <c r="CEF710" s="613"/>
      <c r="CEG710" s="613"/>
      <c r="CEH710" s="613"/>
      <c r="CEI710" s="613"/>
      <c r="CEJ710" s="613"/>
      <c r="CEK710" s="613"/>
      <c r="CEL710" s="613"/>
      <c r="CEM710" s="613"/>
      <c r="CEN710" s="613"/>
      <c r="CEO710" s="613"/>
      <c r="CEP710" s="613"/>
      <c r="CEQ710" s="613"/>
      <c r="CER710" s="613"/>
      <c r="CES710" s="613"/>
      <c r="CET710" s="613"/>
      <c r="CEU710" s="613"/>
      <c r="CEV710" s="613"/>
      <c r="CEW710" s="613"/>
      <c r="CEX710" s="613"/>
      <c r="CEY710" s="613"/>
      <c r="CEZ710" s="613"/>
      <c r="CFA710" s="613"/>
      <c r="CFB710" s="613"/>
      <c r="CFC710" s="613"/>
      <c r="CFD710" s="613"/>
      <c r="CFE710" s="613"/>
      <c r="CFF710" s="613"/>
      <c r="CFG710" s="613"/>
      <c r="CFH710" s="613"/>
      <c r="CFI710" s="613"/>
      <c r="CFJ710" s="613"/>
      <c r="CFK710" s="613"/>
      <c r="CFL710" s="613"/>
      <c r="CFM710" s="613"/>
      <c r="CFN710" s="613"/>
      <c r="CFO710" s="613"/>
      <c r="CFP710" s="613"/>
      <c r="CFQ710" s="613"/>
      <c r="CFR710" s="613"/>
      <c r="CFS710" s="613"/>
      <c r="CFT710" s="613"/>
      <c r="CFU710" s="613"/>
      <c r="CFV710" s="613"/>
      <c r="CFW710" s="613"/>
      <c r="CFX710" s="613"/>
      <c r="CFY710" s="613"/>
      <c r="CFZ710" s="613"/>
      <c r="CGA710" s="613"/>
      <c r="CGB710" s="613"/>
      <c r="CGC710" s="613"/>
      <c r="CGD710" s="613"/>
      <c r="CGE710" s="613"/>
      <c r="CGF710" s="613"/>
      <c r="CGG710" s="613"/>
      <c r="CGH710" s="613"/>
      <c r="CGI710" s="613"/>
      <c r="CGJ710" s="613"/>
      <c r="CGK710" s="613"/>
      <c r="CGL710" s="613"/>
      <c r="CGM710" s="613"/>
      <c r="CGN710" s="613"/>
      <c r="CGO710" s="613"/>
      <c r="CGP710" s="613"/>
      <c r="CGQ710" s="613"/>
      <c r="CGR710" s="613"/>
      <c r="CGS710" s="613"/>
      <c r="CGT710" s="613"/>
      <c r="CGU710" s="613"/>
      <c r="CGV710" s="613"/>
      <c r="CGW710" s="613"/>
      <c r="CGX710" s="613"/>
      <c r="CGY710" s="613"/>
      <c r="CGZ710" s="613"/>
      <c r="CHA710" s="613"/>
      <c r="CHB710" s="613"/>
      <c r="CHC710" s="613"/>
      <c r="CHD710" s="613"/>
      <c r="CHE710" s="613"/>
      <c r="CHF710" s="613"/>
      <c r="CHG710" s="613"/>
      <c r="CHH710" s="613"/>
      <c r="CHI710" s="613"/>
      <c r="CHJ710" s="613"/>
      <c r="CHK710" s="613"/>
      <c r="CHL710" s="613"/>
      <c r="CHM710" s="613"/>
      <c r="CHN710" s="613"/>
      <c r="CHO710" s="613"/>
      <c r="CHP710" s="613"/>
      <c r="CHQ710" s="613"/>
      <c r="CHR710" s="613"/>
      <c r="CHS710" s="613"/>
      <c r="CHT710" s="613"/>
      <c r="CHU710" s="613"/>
      <c r="CHV710" s="613"/>
      <c r="CHW710" s="613"/>
      <c r="CHX710" s="613"/>
      <c r="CHY710" s="613"/>
      <c r="CHZ710" s="613"/>
      <c r="CIA710" s="613"/>
      <c r="CIB710" s="613"/>
      <c r="CIC710" s="613"/>
      <c r="CID710" s="613"/>
      <c r="CIE710" s="613"/>
      <c r="CIF710" s="613"/>
      <c r="CIG710" s="613"/>
      <c r="CIH710" s="613"/>
      <c r="CII710" s="613"/>
      <c r="CIJ710" s="613"/>
      <c r="CIK710" s="613"/>
      <c r="CIL710" s="613"/>
      <c r="CIM710" s="613"/>
      <c r="CIN710" s="613"/>
      <c r="CIO710" s="613"/>
      <c r="CIP710" s="613"/>
      <c r="CIQ710" s="613"/>
      <c r="CIR710" s="613"/>
      <c r="CIS710" s="613"/>
      <c r="CIT710" s="613"/>
      <c r="CIU710" s="613"/>
      <c r="CIV710" s="613"/>
      <c r="CIW710" s="613"/>
      <c r="CIX710" s="613"/>
      <c r="CIY710" s="613"/>
      <c r="CIZ710" s="613"/>
      <c r="CJA710" s="613"/>
      <c r="CJB710" s="613"/>
      <c r="CJC710" s="613"/>
      <c r="CJD710" s="613"/>
      <c r="CJE710" s="613"/>
      <c r="CJF710" s="613"/>
      <c r="CJG710" s="613"/>
      <c r="CJH710" s="613"/>
      <c r="CJI710" s="613"/>
      <c r="CJJ710" s="613"/>
      <c r="CJK710" s="613"/>
      <c r="CJL710" s="613"/>
      <c r="CJM710" s="613"/>
      <c r="CJN710" s="613"/>
      <c r="CJO710" s="613"/>
      <c r="CJP710" s="613"/>
      <c r="CJQ710" s="613"/>
      <c r="CJR710" s="613"/>
      <c r="CJS710" s="613"/>
      <c r="CJT710" s="613"/>
      <c r="CJU710" s="613"/>
      <c r="CJV710" s="613"/>
      <c r="CJW710" s="613"/>
      <c r="CJX710" s="613"/>
      <c r="CJY710" s="613"/>
      <c r="CJZ710" s="613"/>
      <c r="CKA710" s="613"/>
      <c r="CKB710" s="613"/>
      <c r="CKC710" s="613"/>
      <c r="CKD710" s="613"/>
      <c r="CKE710" s="613"/>
      <c r="CKF710" s="613"/>
      <c r="CKG710" s="613"/>
      <c r="CKH710" s="613"/>
      <c r="CKI710" s="613"/>
      <c r="CKJ710" s="613"/>
      <c r="CKK710" s="613"/>
      <c r="CKL710" s="613"/>
      <c r="CKM710" s="613"/>
      <c r="CKN710" s="613"/>
      <c r="CKO710" s="613"/>
      <c r="CKP710" s="613"/>
      <c r="CKQ710" s="613"/>
      <c r="CKR710" s="613"/>
      <c r="CKS710" s="613"/>
      <c r="CKT710" s="613"/>
      <c r="CKU710" s="613"/>
      <c r="CKV710" s="613"/>
      <c r="CKW710" s="613"/>
      <c r="CKX710" s="613"/>
      <c r="CKY710" s="613"/>
      <c r="CKZ710" s="613"/>
      <c r="CLA710" s="613"/>
      <c r="CLB710" s="613"/>
      <c r="CLC710" s="613"/>
      <c r="CLD710" s="613"/>
      <c r="CLE710" s="613"/>
      <c r="CLF710" s="613"/>
      <c r="CLG710" s="613"/>
      <c r="CLH710" s="613"/>
      <c r="CLI710" s="613"/>
      <c r="CLJ710" s="613"/>
      <c r="CLK710" s="613"/>
      <c r="CLL710" s="613"/>
      <c r="CLM710" s="613"/>
      <c r="CLN710" s="613"/>
      <c r="CLO710" s="613"/>
      <c r="CLP710" s="613"/>
      <c r="CLQ710" s="613"/>
      <c r="CLR710" s="613"/>
      <c r="CLS710" s="613"/>
      <c r="CLT710" s="613"/>
      <c r="CLU710" s="613"/>
      <c r="CLV710" s="613"/>
      <c r="CLW710" s="613"/>
      <c r="CLX710" s="613"/>
      <c r="CLY710" s="613"/>
      <c r="CLZ710" s="613"/>
      <c r="CMA710" s="613"/>
      <c r="CMB710" s="613"/>
      <c r="CMC710" s="613"/>
      <c r="CMD710" s="613"/>
      <c r="CME710" s="613"/>
      <c r="CMF710" s="613"/>
      <c r="CMG710" s="613"/>
      <c r="CMH710" s="613"/>
      <c r="CMI710" s="613"/>
      <c r="CMJ710" s="613"/>
      <c r="CMK710" s="613"/>
      <c r="CML710" s="613"/>
      <c r="CMM710" s="613"/>
      <c r="CMN710" s="613"/>
      <c r="CMO710" s="613"/>
      <c r="CMP710" s="613"/>
      <c r="CMQ710" s="613"/>
      <c r="CMR710" s="613"/>
      <c r="CMS710" s="613"/>
      <c r="CMT710" s="613"/>
      <c r="CMU710" s="613"/>
      <c r="CMV710" s="613"/>
      <c r="CMW710" s="613"/>
      <c r="CMX710" s="613"/>
      <c r="CMY710" s="613"/>
      <c r="CMZ710" s="613"/>
      <c r="CNA710" s="613"/>
      <c r="CNB710" s="613"/>
      <c r="CNC710" s="613"/>
      <c r="CND710" s="613"/>
      <c r="CNE710" s="613"/>
      <c r="CNF710" s="613"/>
      <c r="CNG710" s="613"/>
      <c r="CNH710" s="613"/>
      <c r="CNI710" s="613"/>
      <c r="CNJ710" s="613"/>
      <c r="CNK710" s="613"/>
      <c r="CNL710" s="613"/>
      <c r="CNM710" s="613"/>
      <c r="CNN710" s="613"/>
      <c r="CNO710" s="613"/>
      <c r="CNP710" s="613"/>
      <c r="CNQ710" s="613"/>
      <c r="CNR710" s="613"/>
      <c r="CNS710" s="613"/>
      <c r="CNT710" s="613"/>
      <c r="CNU710" s="613"/>
      <c r="CNV710" s="613"/>
      <c r="CNW710" s="613"/>
      <c r="CNX710" s="613"/>
      <c r="CNY710" s="613"/>
      <c r="CNZ710" s="613"/>
      <c r="COA710" s="613"/>
      <c r="COB710" s="613"/>
      <c r="COC710" s="613"/>
      <c r="COD710" s="613"/>
      <c r="COE710" s="613"/>
      <c r="COF710" s="613"/>
      <c r="COG710" s="613"/>
      <c r="COH710" s="613"/>
      <c r="COI710" s="613"/>
      <c r="COJ710" s="613"/>
      <c r="COK710" s="613"/>
      <c r="COL710" s="613"/>
      <c r="COM710" s="613"/>
      <c r="CON710" s="613"/>
      <c r="COO710" s="613"/>
      <c r="COP710" s="613"/>
      <c r="COQ710" s="613"/>
      <c r="COR710" s="613"/>
      <c r="COS710" s="613"/>
      <c r="COT710" s="613"/>
      <c r="COU710" s="613"/>
      <c r="COV710" s="613"/>
      <c r="COW710" s="613"/>
      <c r="COX710" s="613"/>
      <c r="COY710" s="613"/>
      <c r="COZ710" s="613"/>
      <c r="CPA710" s="613"/>
      <c r="CPB710" s="613"/>
      <c r="CPC710" s="613"/>
      <c r="CPD710" s="613"/>
      <c r="CPE710" s="613"/>
      <c r="CPF710" s="613"/>
      <c r="CPG710" s="613"/>
      <c r="CPH710" s="613"/>
      <c r="CPI710" s="613"/>
      <c r="CPJ710" s="613"/>
      <c r="CPK710" s="613"/>
      <c r="CPL710" s="613"/>
      <c r="CPM710" s="613"/>
      <c r="CPN710" s="613"/>
      <c r="CPO710" s="613"/>
      <c r="CPP710" s="613"/>
      <c r="CPQ710" s="613"/>
      <c r="CPR710" s="613"/>
      <c r="CPS710" s="613"/>
      <c r="CPT710" s="613"/>
      <c r="CPU710" s="613"/>
      <c r="CPV710" s="613"/>
      <c r="CPW710" s="613"/>
      <c r="CPX710" s="613"/>
      <c r="CPY710" s="613"/>
      <c r="CPZ710" s="613"/>
      <c r="CQA710" s="613"/>
      <c r="CQB710" s="613"/>
      <c r="CQC710" s="613"/>
      <c r="CQD710" s="613"/>
      <c r="CQE710" s="613"/>
      <c r="CQF710" s="613"/>
      <c r="CQG710" s="613"/>
      <c r="CQH710" s="613"/>
      <c r="CQI710" s="613"/>
      <c r="CQJ710" s="613"/>
      <c r="CQK710" s="613"/>
      <c r="CQL710" s="613"/>
      <c r="CQM710" s="613"/>
      <c r="CQN710" s="613"/>
      <c r="CQO710" s="613"/>
      <c r="CQP710" s="613"/>
      <c r="CQQ710" s="613"/>
      <c r="CQR710" s="613"/>
      <c r="CQS710" s="613"/>
      <c r="CQT710" s="613"/>
      <c r="CQU710" s="613"/>
      <c r="CQV710" s="613"/>
      <c r="CQW710" s="613"/>
      <c r="CQX710" s="613"/>
      <c r="CQY710" s="613"/>
      <c r="CQZ710" s="613"/>
      <c r="CRA710" s="613"/>
      <c r="CRB710" s="613"/>
      <c r="CRC710" s="613"/>
      <c r="CRD710" s="613"/>
      <c r="CRE710" s="613"/>
      <c r="CRF710" s="613"/>
      <c r="CRG710" s="613"/>
      <c r="CRH710" s="613"/>
      <c r="CRI710" s="613"/>
      <c r="CRJ710" s="613"/>
      <c r="CRK710" s="613"/>
      <c r="CRL710" s="613"/>
      <c r="CRM710" s="613"/>
      <c r="CRN710" s="613"/>
      <c r="CRO710" s="613"/>
      <c r="CRP710" s="613"/>
      <c r="CRQ710" s="613"/>
      <c r="CRR710" s="613"/>
      <c r="CRS710" s="613"/>
      <c r="CRT710" s="613"/>
      <c r="CRU710" s="613"/>
      <c r="CRV710" s="613"/>
      <c r="CRW710" s="613"/>
      <c r="CRX710" s="613"/>
      <c r="CRY710" s="613"/>
      <c r="CRZ710" s="613"/>
      <c r="CSA710" s="613"/>
      <c r="CSB710" s="613"/>
      <c r="CSC710" s="613"/>
      <c r="CSD710" s="613"/>
      <c r="CSE710" s="613"/>
      <c r="CSF710" s="613"/>
      <c r="CSG710" s="613"/>
      <c r="CSH710" s="613"/>
      <c r="CSI710" s="613"/>
      <c r="CSJ710" s="613"/>
      <c r="CSK710" s="613"/>
      <c r="CSL710" s="613"/>
      <c r="CSM710" s="613"/>
      <c r="CSN710" s="613"/>
      <c r="CSO710" s="613"/>
      <c r="CSP710" s="613"/>
      <c r="CSQ710" s="613"/>
      <c r="CSR710" s="613"/>
      <c r="CSS710" s="613"/>
      <c r="CST710" s="613"/>
      <c r="CSU710" s="613"/>
      <c r="CSV710" s="613"/>
      <c r="CSW710" s="613"/>
      <c r="CSX710" s="613"/>
      <c r="CSY710" s="613"/>
      <c r="CSZ710" s="613"/>
      <c r="CTA710" s="613"/>
      <c r="CTB710" s="613"/>
      <c r="CTC710" s="613"/>
      <c r="CTD710" s="613"/>
      <c r="CTE710" s="613"/>
      <c r="CTF710" s="613"/>
      <c r="CTG710" s="613"/>
      <c r="CTH710" s="613"/>
      <c r="CTI710" s="613"/>
      <c r="CTJ710" s="613"/>
      <c r="CTK710" s="613"/>
      <c r="CTL710" s="613"/>
      <c r="CTM710" s="613"/>
      <c r="CTN710" s="613"/>
      <c r="CTO710" s="613"/>
      <c r="CTP710" s="613"/>
      <c r="CTQ710" s="613"/>
      <c r="CTR710" s="613"/>
      <c r="CTS710" s="613"/>
      <c r="CTT710" s="613"/>
      <c r="CTU710" s="613"/>
      <c r="CTV710" s="613"/>
      <c r="CTW710" s="613"/>
      <c r="CTX710" s="613"/>
      <c r="CTY710" s="613"/>
      <c r="CTZ710" s="613"/>
      <c r="CUA710" s="613"/>
      <c r="CUB710" s="613"/>
      <c r="CUC710" s="613"/>
      <c r="CUD710" s="613"/>
      <c r="CUE710" s="613"/>
      <c r="CUF710" s="613"/>
      <c r="CUG710" s="613"/>
      <c r="CUH710" s="613"/>
      <c r="CUI710" s="613"/>
      <c r="CUJ710" s="613"/>
      <c r="CUK710" s="613"/>
      <c r="CUL710" s="613"/>
      <c r="CUM710" s="613"/>
      <c r="CUN710" s="613"/>
      <c r="CUO710" s="613"/>
      <c r="CUP710" s="613"/>
      <c r="CUQ710" s="613"/>
      <c r="CUR710" s="613"/>
      <c r="CUS710" s="613"/>
      <c r="CUT710" s="613"/>
      <c r="CUU710" s="613"/>
      <c r="CUV710" s="613"/>
      <c r="CUW710" s="613"/>
      <c r="CUX710" s="613"/>
      <c r="CUY710" s="613"/>
      <c r="CUZ710" s="613"/>
      <c r="CVA710" s="613"/>
      <c r="CVB710" s="613"/>
      <c r="CVC710" s="613"/>
      <c r="CVD710" s="613"/>
      <c r="CVE710" s="613"/>
      <c r="CVF710" s="613"/>
      <c r="CVG710" s="613"/>
      <c r="CVH710" s="613"/>
      <c r="CVI710" s="613"/>
      <c r="CVJ710" s="613"/>
      <c r="CVK710" s="613"/>
      <c r="CVL710" s="613"/>
      <c r="CVM710" s="613"/>
      <c r="CVN710" s="613"/>
      <c r="CVO710" s="613"/>
      <c r="CVP710" s="613"/>
      <c r="CVQ710" s="613"/>
      <c r="CVR710" s="613"/>
      <c r="CVS710" s="613"/>
      <c r="CVT710" s="613"/>
      <c r="CVU710" s="613"/>
      <c r="CVV710" s="613"/>
      <c r="CVW710" s="613"/>
      <c r="CVX710" s="613"/>
      <c r="CVY710" s="613"/>
      <c r="CVZ710" s="613"/>
      <c r="CWA710" s="613"/>
      <c r="CWB710" s="613"/>
      <c r="CWC710" s="613"/>
      <c r="CWD710" s="613"/>
      <c r="CWE710" s="613"/>
      <c r="CWF710" s="613"/>
      <c r="CWG710" s="613"/>
      <c r="CWH710" s="613"/>
      <c r="CWI710" s="613"/>
      <c r="CWJ710" s="613"/>
      <c r="CWK710" s="613"/>
      <c r="CWL710" s="613"/>
      <c r="CWM710" s="613"/>
      <c r="CWN710" s="613"/>
      <c r="CWO710" s="613"/>
      <c r="CWP710" s="613"/>
      <c r="CWQ710" s="613"/>
      <c r="CWR710" s="613"/>
      <c r="CWS710" s="613"/>
      <c r="CWT710" s="613"/>
      <c r="CWU710" s="613"/>
      <c r="CWV710" s="613"/>
      <c r="CWW710" s="613"/>
      <c r="CWX710" s="613"/>
      <c r="CWY710" s="613"/>
      <c r="CWZ710" s="613"/>
      <c r="CXA710" s="613"/>
      <c r="CXB710" s="613"/>
      <c r="CXC710" s="613"/>
      <c r="CXD710" s="613"/>
      <c r="CXE710" s="613"/>
      <c r="CXF710" s="613"/>
      <c r="CXG710" s="613"/>
      <c r="CXH710" s="613"/>
      <c r="CXI710" s="613"/>
      <c r="CXJ710" s="613"/>
      <c r="CXK710" s="613"/>
      <c r="CXL710" s="613"/>
      <c r="CXM710" s="613"/>
      <c r="CXN710" s="613"/>
      <c r="CXO710" s="613"/>
      <c r="CXP710" s="613"/>
      <c r="CXQ710" s="613"/>
      <c r="CXR710" s="613"/>
      <c r="CXS710" s="613"/>
      <c r="CXT710" s="613"/>
      <c r="CXU710" s="613"/>
      <c r="CXV710" s="613"/>
      <c r="CXW710" s="613"/>
      <c r="CXX710" s="613"/>
      <c r="CXY710" s="613"/>
      <c r="CXZ710" s="613"/>
      <c r="CYA710" s="613"/>
      <c r="CYB710" s="613"/>
      <c r="CYC710" s="613"/>
      <c r="CYD710" s="613"/>
      <c r="CYE710" s="613"/>
      <c r="CYF710" s="613"/>
      <c r="CYG710" s="613"/>
      <c r="CYH710" s="613"/>
      <c r="CYI710" s="613"/>
      <c r="CYJ710" s="613"/>
      <c r="CYK710" s="613"/>
      <c r="CYL710" s="613"/>
      <c r="CYM710" s="613"/>
      <c r="CYN710" s="613"/>
      <c r="CYO710" s="613"/>
      <c r="CYP710" s="613"/>
      <c r="CYQ710" s="613"/>
      <c r="CYR710" s="613"/>
      <c r="CYS710" s="613"/>
      <c r="CYT710" s="613"/>
      <c r="CYU710" s="613"/>
      <c r="CYV710" s="613"/>
      <c r="CYW710" s="613"/>
      <c r="CYX710" s="613"/>
      <c r="CYY710" s="613"/>
      <c r="CYZ710" s="613"/>
      <c r="CZA710" s="613"/>
      <c r="CZB710" s="613"/>
      <c r="CZC710" s="613"/>
      <c r="CZD710" s="613"/>
      <c r="CZE710" s="613"/>
      <c r="CZF710" s="613"/>
      <c r="CZG710" s="613"/>
      <c r="CZH710" s="613"/>
      <c r="CZI710" s="613"/>
      <c r="CZJ710" s="613"/>
      <c r="CZK710" s="613"/>
      <c r="CZL710" s="613"/>
      <c r="CZM710" s="613"/>
      <c r="CZN710" s="613"/>
      <c r="CZO710" s="613"/>
      <c r="CZP710" s="613"/>
      <c r="CZQ710" s="613"/>
      <c r="CZR710" s="613"/>
      <c r="CZS710" s="613"/>
      <c r="CZT710" s="613"/>
      <c r="CZU710" s="613"/>
      <c r="CZV710" s="613"/>
      <c r="CZW710" s="613"/>
      <c r="CZX710" s="613"/>
      <c r="CZY710" s="613"/>
      <c r="CZZ710" s="613"/>
      <c r="DAA710" s="613"/>
      <c r="DAB710" s="613"/>
      <c r="DAC710" s="613"/>
      <c r="DAD710" s="613"/>
      <c r="DAE710" s="613"/>
      <c r="DAF710" s="613"/>
      <c r="DAG710" s="613"/>
      <c r="DAH710" s="613"/>
      <c r="DAI710" s="613"/>
      <c r="DAJ710" s="613"/>
      <c r="DAK710" s="613"/>
      <c r="DAL710" s="613"/>
      <c r="DAM710" s="613"/>
      <c r="DAN710" s="613"/>
      <c r="DAO710" s="613"/>
      <c r="DAP710" s="613"/>
      <c r="DAQ710" s="613"/>
      <c r="DAR710" s="613"/>
      <c r="DAS710" s="613"/>
      <c r="DAT710" s="613"/>
      <c r="DAU710" s="613"/>
      <c r="DAV710" s="613"/>
      <c r="DAW710" s="613"/>
      <c r="DAX710" s="613"/>
      <c r="DAY710" s="613"/>
      <c r="DAZ710" s="613"/>
      <c r="DBA710" s="613"/>
      <c r="DBB710" s="613"/>
      <c r="DBC710" s="613"/>
      <c r="DBD710" s="613"/>
      <c r="DBE710" s="613"/>
      <c r="DBF710" s="613"/>
      <c r="DBG710" s="613"/>
      <c r="DBH710" s="613"/>
      <c r="DBI710" s="613"/>
      <c r="DBJ710" s="613"/>
      <c r="DBK710" s="613"/>
      <c r="DBL710" s="613"/>
      <c r="DBM710" s="613"/>
      <c r="DBN710" s="613"/>
      <c r="DBO710" s="613"/>
      <c r="DBP710" s="613"/>
      <c r="DBQ710" s="613"/>
      <c r="DBR710" s="613"/>
      <c r="DBS710" s="613"/>
      <c r="DBT710" s="613"/>
      <c r="DBU710" s="613"/>
      <c r="DBV710" s="613"/>
      <c r="DBW710" s="613"/>
      <c r="DBX710" s="613"/>
      <c r="DBY710" s="613"/>
      <c r="DBZ710" s="613"/>
      <c r="DCA710" s="613"/>
      <c r="DCB710" s="613"/>
      <c r="DCC710" s="613"/>
      <c r="DCD710" s="613"/>
      <c r="DCE710" s="613"/>
      <c r="DCF710" s="613"/>
      <c r="DCG710" s="613"/>
      <c r="DCH710" s="613"/>
      <c r="DCI710" s="613"/>
      <c r="DCJ710" s="613"/>
      <c r="DCK710" s="613"/>
      <c r="DCL710" s="613"/>
      <c r="DCM710" s="613"/>
      <c r="DCN710" s="613"/>
      <c r="DCO710" s="613"/>
      <c r="DCP710" s="613"/>
      <c r="DCQ710" s="613"/>
      <c r="DCR710" s="613"/>
      <c r="DCS710" s="613"/>
      <c r="DCT710" s="613"/>
      <c r="DCU710" s="613"/>
      <c r="DCV710" s="613"/>
      <c r="DCW710" s="613"/>
      <c r="DCX710" s="613"/>
      <c r="DCY710" s="613"/>
      <c r="DCZ710" s="613"/>
      <c r="DDA710" s="613"/>
      <c r="DDB710" s="613"/>
      <c r="DDC710" s="613"/>
      <c r="DDD710" s="613"/>
      <c r="DDE710" s="613"/>
      <c r="DDF710" s="613"/>
      <c r="DDG710" s="613"/>
      <c r="DDH710" s="613"/>
      <c r="DDI710" s="613"/>
      <c r="DDJ710" s="613"/>
      <c r="DDK710" s="613"/>
      <c r="DDL710" s="613"/>
      <c r="DDM710" s="613"/>
      <c r="DDN710" s="613"/>
      <c r="DDO710" s="613"/>
      <c r="DDP710" s="613"/>
      <c r="DDQ710" s="613"/>
      <c r="DDR710" s="613"/>
      <c r="DDS710" s="613"/>
      <c r="DDT710" s="613"/>
      <c r="DDU710" s="613"/>
      <c r="DDV710" s="613"/>
      <c r="DDW710" s="613"/>
      <c r="DDX710" s="613"/>
      <c r="DDY710" s="613"/>
      <c r="DDZ710" s="613"/>
      <c r="DEA710" s="613"/>
      <c r="DEB710" s="613"/>
      <c r="DEC710" s="613"/>
      <c r="DED710" s="613"/>
      <c r="DEE710" s="613"/>
      <c r="DEF710" s="613"/>
      <c r="DEG710" s="613"/>
      <c r="DEH710" s="613"/>
      <c r="DEI710" s="613"/>
      <c r="DEJ710" s="613"/>
      <c r="DEK710" s="613"/>
      <c r="DEL710" s="613"/>
      <c r="DEM710" s="613"/>
      <c r="DEN710" s="613"/>
      <c r="DEO710" s="613"/>
      <c r="DEP710" s="613"/>
      <c r="DEQ710" s="613"/>
      <c r="DER710" s="613"/>
      <c r="DES710" s="613"/>
      <c r="DET710" s="613"/>
      <c r="DEU710" s="613"/>
      <c r="DEV710" s="613"/>
      <c r="DEW710" s="613"/>
      <c r="DEX710" s="613"/>
      <c r="DEY710" s="613"/>
      <c r="DEZ710" s="613"/>
      <c r="DFA710" s="613"/>
      <c r="DFB710" s="613"/>
      <c r="DFC710" s="613"/>
      <c r="DFD710" s="613"/>
      <c r="DFE710" s="613"/>
      <c r="DFF710" s="613"/>
      <c r="DFG710" s="613"/>
      <c r="DFH710" s="613"/>
      <c r="DFI710" s="613"/>
      <c r="DFJ710" s="613"/>
      <c r="DFK710" s="613"/>
      <c r="DFL710" s="613"/>
      <c r="DFM710" s="613"/>
      <c r="DFN710" s="613"/>
      <c r="DFO710" s="613"/>
      <c r="DFP710" s="613"/>
      <c r="DFQ710" s="613"/>
      <c r="DFR710" s="613"/>
      <c r="DFS710" s="613"/>
      <c r="DFT710" s="613"/>
      <c r="DFU710" s="613"/>
      <c r="DFV710" s="613"/>
      <c r="DFW710" s="613"/>
      <c r="DFX710" s="613"/>
      <c r="DFY710" s="613"/>
      <c r="DFZ710" s="613"/>
      <c r="DGA710" s="613"/>
      <c r="DGB710" s="613"/>
      <c r="DGC710" s="613"/>
      <c r="DGD710" s="613"/>
      <c r="DGE710" s="613"/>
      <c r="DGF710" s="613"/>
      <c r="DGG710" s="613"/>
      <c r="DGH710" s="613"/>
      <c r="DGI710" s="613"/>
      <c r="DGJ710" s="613"/>
      <c r="DGK710" s="613"/>
      <c r="DGL710" s="613"/>
      <c r="DGM710" s="613"/>
      <c r="DGN710" s="613"/>
      <c r="DGO710" s="613"/>
      <c r="DGP710" s="613"/>
      <c r="DGQ710" s="613"/>
      <c r="DGR710" s="613"/>
      <c r="DGS710" s="613"/>
      <c r="DGT710" s="613"/>
      <c r="DGU710" s="613"/>
      <c r="DGV710" s="613"/>
      <c r="DGW710" s="613"/>
      <c r="DGX710" s="613"/>
      <c r="DGY710" s="613"/>
      <c r="DGZ710" s="613"/>
      <c r="DHA710" s="613"/>
      <c r="DHB710" s="613"/>
      <c r="DHC710" s="613"/>
      <c r="DHD710" s="613"/>
      <c r="DHE710" s="613"/>
      <c r="DHF710" s="613"/>
      <c r="DHG710" s="613"/>
      <c r="DHH710" s="613"/>
      <c r="DHI710" s="613"/>
      <c r="DHJ710" s="613"/>
      <c r="DHK710" s="613"/>
      <c r="DHL710" s="613"/>
      <c r="DHM710" s="613"/>
      <c r="DHN710" s="613"/>
      <c r="DHO710" s="613"/>
      <c r="DHP710" s="613"/>
      <c r="DHQ710" s="613"/>
      <c r="DHR710" s="613"/>
      <c r="DHS710" s="613"/>
      <c r="DHT710" s="613"/>
      <c r="DHU710" s="613"/>
      <c r="DHV710" s="613"/>
      <c r="DHW710" s="613"/>
      <c r="DHX710" s="613"/>
      <c r="DHY710" s="613"/>
      <c r="DHZ710" s="613"/>
      <c r="DIA710" s="613"/>
      <c r="DIB710" s="613"/>
      <c r="DIC710" s="613"/>
      <c r="DID710" s="613"/>
      <c r="DIE710" s="613"/>
      <c r="DIF710" s="613"/>
      <c r="DIG710" s="613"/>
      <c r="DIH710" s="613"/>
      <c r="DII710" s="613"/>
      <c r="DIJ710" s="613"/>
      <c r="DIK710" s="613"/>
      <c r="DIL710" s="613"/>
      <c r="DIM710" s="613"/>
      <c r="DIN710" s="613"/>
      <c r="DIO710" s="613"/>
      <c r="DIP710" s="613"/>
      <c r="DIQ710" s="613"/>
      <c r="DIR710" s="613"/>
      <c r="DIS710" s="613"/>
      <c r="DIT710" s="613"/>
      <c r="DIU710" s="613"/>
      <c r="DIV710" s="613"/>
      <c r="DIW710" s="613"/>
      <c r="DIX710" s="613"/>
      <c r="DIY710" s="613"/>
      <c r="DIZ710" s="613"/>
      <c r="DJA710" s="613"/>
      <c r="DJB710" s="613"/>
      <c r="DJC710" s="613"/>
      <c r="DJD710" s="613"/>
      <c r="DJE710" s="613"/>
      <c r="DJF710" s="613"/>
      <c r="DJG710" s="613"/>
      <c r="DJH710" s="613"/>
      <c r="DJI710" s="613"/>
      <c r="DJJ710" s="613"/>
      <c r="DJK710" s="613"/>
      <c r="DJL710" s="613"/>
      <c r="DJM710" s="613"/>
      <c r="DJN710" s="613"/>
      <c r="DJO710" s="613"/>
      <c r="DJP710" s="613"/>
      <c r="DJQ710" s="613"/>
      <c r="DJR710" s="613"/>
      <c r="DJS710" s="613"/>
      <c r="DJT710" s="613"/>
      <c r="DJU710" s="613"/>
      <c r="DJV710" s="613"/>
      <c r="DJW710" s="613"/>
      <c r="DJX710" s="613"/>
      <c r="DJY710" s="613"/>
      <c r="DJZ710" s="613"/>
      <c r="DKA710" s="613"/>
      <c r="DKB710" s="613"/>
      <c r="DKC710" s="613"/>
      <c r="DKD710" s="613"/>
      <c r="DKE710" s="613"/>
      <c r="DKF710" s="613"/>
      <c r="DKG710" s="613"/>
      <c r="DKH710" s="613"/>
      <c r="DKI710" s="613"/>
      <c r="DKJ710" s="613"/>
      <c r="DKK710" s="613"/>
      <c r="DKL710" s="613"/>
      <c r="DKM710" s="613"/>
      <c r="DKN710" s="613"/>
      <c r="DKO710" s="613"/>
      <c r="DKP710" s="613"/>
      <c r="DKQ710" s="613"/>
      <c r="DKR710" s="613"/>
      <c r="DKS710" s="613"/>
      <c r="DKT710" s="613"/>
      <c r="DKU710" s="613"/>
      <c r="DKV710" s="613"/>
      <c r="DKW710" s="613"/>
      <c r="DKX710" s="613"/>
      <c r="DKY710" s="613"/>
      <c r="DKZ710" s="613"/>
      <c r="DLA710" s="613"/>
      <c r="DLB710" s="613"/>
      <c r="DLC710" s="613"/>
      <c r="DLD710" s="613"/>
      <c r="DLE710" s="613"/>
      <c r="DLF710" s="613"/>
      <c r="DLG710" s="613"/>
      <c r="DLH710" s="613"/>
      <c r="DLI710" s="613"/>
      <c r="DLJ710" s="613"/>
      <c r="DLK710" s="613"/>
      <c r="DLL710" s="613"/>
      <c r="DLM710" s="613"/>
      <c r="DLN710" s="613"/>
      <c r="DLO710" s="613"/>
      <c r="DLP710" s="613"/>
      <c r="DLQ710" s="613"/>
      <c r="DLR710" s="613"/>
      <c r="DLS710" s="613"/>
      <c r="DLT710" s="613"/>
      <c r="DLU710" s="613"/>
      <c r="DLV710" s="613"/>
      <c r="DLW710" s="613"/>
      <c r="DLX710" s="613"/>
      <c r="DLY710" s="613"/>
      <c r="DLZ710" s="613"/>
      <c r="DMA710" s="613"/>
      <c r="DMB710" s="613"/>
      <c r="DMC710" s="613"/>
      <c r="DMD710" s="613"/>
      <c r="DME710" s="613"/>
      <c r="DMF710" s="613"/>
      <c r="DMG710" s="613"/>
      <c r="DMH710" s="613"/>
      <c r="DMI710" s="613"/>
      <c r="DMJ710" s="613"/>
      <c r="DMK710" s="613"/>
      <c r="DML710" s="613"/>
      <c r="DMM710" s="613"/>
      <c r="DMN710" s="613"/>
      <c r="DMO710" s="613"/>
      <c r="DMP710" s="613"/>
      <c r="DMQ710" s="613"/>
      <c r="DMR710" s="613"/>
      <c r="DMS710" s="613"/>
      <c r="DMT710" s="613"/>
      <c r="DMU710" s="613"/>
      <c r="DMV710" s="613"/>
      <c r="DMW710" s="613"/>
      <c r="DMX710" s="613"/>
      <c r="DMY710" s="613"/>
      <c r="DMZ710" s="613"/>
      <c r="DNA710" s="613"/>
      <c r="DNB710" s="613"/>
      <c r="DNC710" s="613"/>
      <c r="DND710" s="613"/>
      <c r="DNE710" s="613"/>
      <c r="DNF710" s="613"/>
      <c r="DNG710" s="613"/>
      <c r="DNH710" s="613"/>
      <c r="DNI710" s="613"/>
      <c r="DNJ710" s="613"/>
      <c r="DNK710" s="613"/>
      <c r="DNL710" s="613"/>
      <c r="DNM710" s="613"/>
      <c r="DNN710" s="613"/>
      <c r="DNO710" s="613"/>
      <c r="DNP710" s="613"/>
      <c r="DNQ710" s="613"/>
      <c r="DNR710" s="613"/>
      <c r="DNS710" s="613"/>
      <c r="DNT710" s="613"/>
      <c r="DNU710" s="613"/>
      <c r="DNV710" s="613"/>
      <c r="DNW710" s="613"/>
      <c r="DNX710" s="613"/>
      <c r="DNY710" s="613"/>
      <c r="DNZ710" s="613"/>
      <c r="DOA710" s="613"/>
      <c r="DOB710" s="613"/>
      <c r="DOC710" s="613"/>
      <c r="DOD710" s="613"/>
      <c r="DOE710" s="613"/>
      <c r="DOF710" s="613"/>
      <c r="DOG710" s="613"/>
      <c r="DOH710" s="613"/>
      <c r="DOI710" s="613"/>
      <c r="DOJ710" s="613"/>
      <c r="DOK710" s="613"/>
      <c r="DOL710" s="613"/>
      <c r="DOM710" s="613"/>
      <c r="DON710" s="613"/>
      <c r="DOO710" s="613"/>
      <c r="DOP710" s="613"/>
      <c r="DOQ710" s="613"/>
      <c r="DOR710" s="613"/>
      <c r="DOS710" s="613"/>
      <c r="DOT710" s="613"/>
      <c r="DOU710" s="613"/>
      <c r="DOV710" s="613"/>
      <c r="DOW710" s="613"/>
      <c r="DOX710" s="613"/>
      <c r="DOY710" s="613"/>
      <c r="DOZ710" s="613"/>
      <c r="DPA710" s="613"/>
      <c r="DPB710" s="613"/>
      <c r="DPC710" s="613"/>
      <c r="DPD710" s="613"/>
      <c r="DPE710" s="613"/>
      <c r="DPF710" s="613"/>
      <c r="DPG710" s="613"/>
      <c r="DPH710" s="613"/>
      <c r="DPI710" s="613"/>
      <c r="DPJ710" s="613"/>
      <c r="DPK710" s="613"/>
      <c r="DPL710" s="613"/>
      <c r="DPM710" s="613"/>
      <c r="DPN710" s="613"/>
      <c r="DPO710" s="613"/>
      <c r="DPP710" s="613"/>
      <c r="DPQ710" s="613"/>
      <c r="DPR710" s="613"/>
      <c r="DPS710" s="613"/>
      <c r="DPT710" s="613"/>
      <c r="DPU710" s="613"/>
      <c r="DPV710" s="613"/>
      <c r="DPW710" s="613"/>
      <c r="DPX710" s="613"/>
      <c r="DPY710" s="613"/>
      <c r="DPZ710" s="613"/>
      <c r="DQA710" s="613"/>
      <c r="DQB710" s="613"/>
      <c r="DQC710" s="613"/>
      <c r="DQD710" s="613"/>
      <c r="DQE710" s="613"/>
      <c r="DQF710" s="613"/>
      <c r="DQG710" s="613"/>
      <c r="DQH710" s="613"/>
      <c r="DQI710" s="613"/>
      <c r="DQJ710" s="613"/>
      <c r="DQK710" s="613"/>
      <c r="DQL710" s="613"/>
      <c r="DQM710" s="613"/>
      <c r="DQN710" s="613"/>
      <c r="DQO710" s="613"/>
      <c r="DQP710" s="613"/>
      <c r="DQQ710" s="613"/>
      <c r="DQR710" s="613"/>
      <c r="DQS710" s="613"/>
      <c r="DQT710" s="613"/>
      <c r="DQU710" s="613"/>
      <c r="DQV710" s="613"/>
      <c r="DQW710" s="613"/>
      <c r="DQX710" s="613"/>
      <c r="DQY710" s="613"/>
      <c r="DQZ710" s="613"/>
      <c r="DRA710" s="613"/>
      <c r="DRB710" s="613"/>
      <c r="DRC710" s="613"/>
      <c r="DRD710" s="613"/>
      <c r="DRE710" s="613"/>
      <c r="DRF710" s="613"/>
      <c r="DRG710" s="613"/>
      <c r="DRH710" s="613"/>
      <c r="DRI710" s="613"/>
      <c r="DRJ710" s="613"/>
      <c r="DRK710" s="613"/>
      <c r="DRL710" s="613"/>
      <c r="DRM710" s="613"/>
      <c r="DRN710" s="613"/>
      <c r="DRO710" s="613"/>
      <c r="DRP710" s="613"/>
      <c r="DRQ710" s="613"/>
      <c r="DRR710" s="613"/>
      <c r="DRS710" s="613"/>
      <c r="DRT710" s="613"/>
      <c r="DRU710" s="613"/>
      <c r="DRV710" s="613"/>
      <c r="DRW710" s="613"/>
      <c r="DRX710" s="613"/>
      <c r="DRY710" s="613"/>
      <c r="DRZ710" s="613"/>
      <c r="DSA710" s="613"/>
      <c r="DSB710" s="613"/>
      <c r="DSC710" s="613"/>
      <c r="DSD710" s="613"/>
      <c r="DSE710" s="613"/>
      <c r="DSF710" s="613"/>
      <c r="DSG710" s="613"/>
      <c r="DSH710" s="613"/>
      <c r="DSI710" s="613"/>
      <c r="DSJ710" s="613"/>
      <c r="DSK710" s="613"/>
      <c r="DSL710" s="613"/>
      <c r="DSM710" s="613"/>
      <c r="DSN710" s="613"/>
      <c r="DSO710" s="613"/>
      <c r="DSP710" s="613"/>
      <c r="DSQ710" s="613"/>
      <c r="DSR710" s="613"/>
      <c r="DSS710" s="613"/>
      <c r="DST710" s="613"/>
      <c r="DSU710" s="613"/>
      <c r="DSV710" s="613"/>
      <c r="DSW710" s="613"/>
      <c r="DSX710" s="613"/>
      <c r="DSY710" s="613"/>
      <c r="DSZ710" s="613"/>
      <c r="DTA710" s="613"/>
      <c r="DTB710" s="613"/>
      <c r="DTC710" s="613"/>
      <c r="DTD710" s="613"/>
      <c r="DTE710" s="613"/>
      <c r="DTF710" s="613"/>
      <c r="DTG710" s="613"/>
      <c r="DTH710" s="613"/>
      <c r="DTI710" s="613"/>
      <c r="DTJ710" s="613"/>
      <c r="DTK710" s="613"/>
      <c r="DTL710" s="613"/>
      <c r="DTM710" s="613"/>
      <c r="DTN710" s="613"/>
      <c r="DTO710" s="613"/>
      <c r="DTP710" s="613"/>
      <c r="DTQ710" s="613"/>
      <c r="DTR710" s="613"/>
      <c r="DTS710" s="613"/>
      <c r="DTT710" s="613"/>
      <c r="DTU710" s="613"/>
      <c r="DTV710" s="613"/>
      <c r="DTW710" s="613"/>
      <c r="DTX710" s="613"/>
      <c r="DTY710" s="613"/>
      <c r="DTZ710" s="613"/>
      <c r="DUA710" s="613"/>
      <c r="DUB710" s="613"/>
      <c r="DUC710" s="613"/>
      <c r="DUD710" s="613"/>
      <c r="DUE710" s="613"/>
      <c r="DUF710" s="613"/>
      <c r="DUG710" s="613"/>
      <c r="DUH710" s="613"/>
      <c r="DUI710" s="613"/>
      <c r="DUJ710" s="613"/>
      <c r="DUK710" s="613"/>
      <c r="DUL710" s="613"/>
      <c r="DUM710" s="613"/>
      <c r="DUN710" s="613"/>
      <c r="DUO710" s="613"/>
      <c r="DUP710" s="613"/>
      <c r="DUQ710" s="613"/>
      <c r="DUR710" s="613"/>
      <c r="DUS710" s="613"/>
      <c r="DUT710" s="613"/>
      <c r="DUU710" s="613"/>
      <c r="DUV710" s="613"/>
      <c r="DUW710" s="613"/>
      <c r="DUX710" s="613"/>
      <c r="DUY710" s="613"/>
      <c r="DUZ710" s="613"/>
      <c r="DVA710" s="613"/>
      <c r="DVB710" s="613"/>
      <c r="DVC710" s="613"/>
      <c r="DVD710" s="613"/>
      <c r="DVE710" s="613"/>
      <c r="DVF710" s="613"/>
      <c r="DVG710" s="613"/>
      <c r="DVH710" s="613"/>
      <c r="DVI710" s="613"/>
      <c r="DVJ710" s="613"/>
      <c r="DVK710" s="613"/>
      <c r="DVL710" s="613"/>
      <c r="DVM710" s="613"/>
      <c r="DVN710" s="613"/>
      <c r="DVO710" s="613"/>
      <c r="DVP710" s="613"/>
      <c r="DVQ710" s="613"/>
      <c r="DVR710" s="613"/>
      <c r="DVS710" s="613"/>
      <c r="DVT710" s="613"/>
      <c r="DVU710" s="613"/>
      <c r="DVV710" s="613"/>
      <c r="DVW710" s="613"/>
      <c r="DVX710" s="613"/>
      <c r="DVY710" s="613"/>
      <c r="DVZ710" s="613"/>
      <c r="DWA710" s="613"/>
      <c r="DWB710" s="613"/>
      <c r="DWC710" s="613"/>
      <c r="DWD710" s="613"/>
      <c r="DWE710" s="613"/>
      <c r="DWF710" s="613"/>
      <c r="DWG710" s="613"/>
      <c r="DWH710" s="613"/>
      <c r="DWI710" s="613"/>
      <c r="DWJ710" s="613"/>
      <c r="DWK710" s="613"/>
      <c r="DWL710" s="613"/>
      <c r="DWM710" s="613"/>
      <c r="DWN710" s="613"/>
      <c r="DWO710" s="613"/>
      <c r="DWP710" s="613"/>
      <c r="DWQ710" s="613"/>
      <c r="DWR710" s="613"/>
      <c r="DWS710" s="613"/>
      <c r="DWT710" s="613"/>
      <c r="DWU710" s="613"/>
      <c r="DWV710" s="613"/>
      <c r="DWW710" s="613"/>
      <c r="DWX710" s="613"/>
      <c r="DWY710" s="613"/>
      <c r="DWZ710" s="613"/>
      <c r="DXA710" s="613"/>
      <c r="DXB710" s="613"/>
      <c r="DXC710" s="613"/>
      <c r="DXD710" s="613"/>
      <c r="DXE710" s="613"/>
      <c r="DXF710" s="613"/>
      <c r="DXG710" s="613"/>
      <c r="DXH710" s="613"/>
      <c r="DXI710" s="613"/>
      <c r="DXJ710" s="613"/>
      <c r="DXK710" s="613"/>
      <c r="DXL710" s="613"/>
      <c r="DXM710" s="613"/>
      <c r="DXN710" s="613"/>
      <c r="DXO710" s="613"/>
      <c r="DXP710" s="613"/>
      <c r="DXQ710" s="613"/>
      <c r="DXR710" s="613"/>
      <c r="DXS710" s="613"/>
      <c r="DXT710" s="613"/>
      <c r="DXU710" s="613"/>
      <c r="DXV710" s="613"/>
      <c r="DXW710" s="613"/>
      <c r="DXX710" s="613"/>
      <c r="DXY710" s="613"/>
      <c r="DXZ710" s="613"/>
      <c r="DYA710" s="613"/>
      <c r="DYB710" s="613"/>
      <c r="DYC710" s="613"/>
      <c r="DYD710" s="613"/>
      <c r="DYE710" s="613"/>
      <c r="DYF710" s="613"/>
      <c r="DYG710" s="613"/>
      <c r="DYH710" s="613"/>
      <c r="DYI710" s="613"/>
      <c r="DYJ710" s="613"/>
      <c r="DYK710" s="613"/>
      <c r="DYL710" s="613"/>
      <c r="DYM710" s="613"/>
      <c r="DYN710" s="613"/>
      <c r="DYO710" s="613"/>
      <c r="DYP710" s="613"/>
      <c r="DYQ710" s="613"/>
      <c r="DYR710" s="613"/>
      <c r="DYS710" s="613"/>
      <c r="DYT710" s="613"/>
      <c r="DYU710" s="613"/>
      <c r="DYV710" s="613"/>
      <c r="DYW710" s="613"/>
      <c r="DYX710" s="613"/>
      <c r="DYY710" s="613"/>
      <c r="DYZ710" s="613"/>
      <c r="DZA710" s="613"/>
      <c r="DZB710" s="613"/>
      <c r="DZC710" s="613"/>
      <c r="DZD710" s="613"/>
      <c r="DZE710" s="613"/>
      <c r="DZF710" s="613"/>
      <c r="DZG710" s="613"/>
      <c r="DZH710" s="613"/>
      <c r="DZI710" s="613"/>
      <c r="DZJ710" s="613"/>
      <c r="DZK710" s="613"/>
      <c r="DZL710" s="613"/>
      <c r="DZM710" s="613"/>
      <c r="DZN710" s="613"/>
      <c r="DZO710" s="613"/>
      <c r="DZP710" s="613"/>
      <c r="DZQ710" s="613"/>
      <c r="DZR710" s="613"/>
      <c r="DZS710" s="613"/>
      <c r="DZT710" s="613"/>
      <c r="DZU710" s="613"/>
      <c r="DZV710" s="613"/>
      <c r="DZW710" s="613"/>
      <c r="DZX710" s="613"/>
      <c r="DZY710" s="613"/>
      <c r="DZZ710" s="613"/>
      <c r="EAA710" s="613"/>
      <c r="EAB710" s="613"/>
      <c r="EAC710" s="613"/>
      <c r="EAD710" s="613"/>
      <c r="EAE710" s="613"/>
      <c r="EAF710" s="613"/>
      <c r="EAG710" s="613"/>
      <c r="EAH710" s="613"/>
      <c r="EAI710" s="613"/>
      <c r="EAJ710" s="613"/>
      <c r="EAK710" s="613"/>
      <c r="EAL710" s="613"/>
      <c r="EAM710" s="613"/>
      <c r="EAN710" s="613"/>
      <c r="EAO710" s="613"/>
      <c r="EAP710" s="613"/>
      <c r="EAQ710" s="613"/>
      <c r="EAR710" s="613"/>
      <c r="EAS710" s="613"/>
      <c r="EAT710" s="613"/>
      <c r="EAU710" s="613"/>
      <c r="EAV710" s="613"/>
      <c r="EAW710" s="613"/>
      <c r="EAX710" s="613"/>
      <c r="EAY710" s="613"/>
      <c r="EAZ710" s="613"/>
      <c r="EBA710" s="613"/>
      <c r="EBB710" s="613"/>
      <c r="EBC710" s="613"/>
      <c r="EBD710" s="613"/>
      <c r="EBE710" s="613"/>
      <c r="EBF710" s="613"/>
      <c r="EBG710" s="613"/>
      <c r="EBH710" s="613"/>
      <c r="EBI710" s="613"/>
      <c r="EBJ710" s="613"/>
      <c r="EBK710" s="613"/>
      <c r="EBL710" s="613"/>
      <c r="EBM710" s="613"/>
      <c r="EBN710" s="613"/>
      <c r="EBO710" s="613"/>
      <c r="EBP710" s="613"/>
      <c r="EBQ710" s="613"/>
      <c r="EBR710" s="613"/>
      <c r="EBS710" s="613"/>
      <c r="EBT710" s="613"/>
      <c r="EBU710" s="613"/>
      <c r="EBV710" s="613"/>
      <c r="EBW710" s="613"/>
      <c r="EBX710" s="613"/>
      <c r="EBY710" s="613"/>
      <c r="EBZ710" s="613"/>
      <c r="ECA710" s="613"/>
      <c r="ECB710" s="613"/>
      <c r="ECC710" s="613"/>
      <c r="ECD710" s="613"/>
      <c r="ECE710" s="613"/>
      <c r="ECF710" s="613"/>
      <c r="ECG710" s="613"/>
      <c r="ECH710" s="613"/>
      <c r="ECI710" s="613"/>
      <c r="ECJ710" s="613"/>
      <c r="ECK710" s="613"/>
      <c r="ECL710" s="613"/>
      <c r="ECM710" s="613"/>
      <c r="ECN710" s="613"/>
      <c r="ECO710" s="613"/>
      <c r="ECP710" s="613"/>
      <c r="ECQ710" s="613"/>
      <c r="ECR710" s="613"/>
      <c r="ECS710" s="613"/>
      <c r="ECT710" s="613"/>
      <c r="ECU710" s="613"/>
      <c r="ECV710" s="613"/>
      <c r="ECW710" s="613"/>
      <c r="ECX710" s="613"/>
      <c r="ECY710" s="613"/>
      <c r="ECZ710" s="613"/>
      <c r="EDA710" s="613"/>
      <c r="EDB710" s="613"/>
      <c r="EDC710" s="613"/>
      <c r="EDD710" s="613"/>
      <c r="EDE710" s="613"/>
      <c r="EDF710" s="613"/>
      <c r="EDG710" s="613"/>
      <c r="EDH710" s="613"/>
      <c r="EDI710" s="613"/>
      <c r="EDJ710" s="613"/>
      <c r="EDK710" s="613"/>
      <c r="EDL710" s="613"/>
      <c r="EDM710" s="613"/>
      <c r="EDN710" s="613"/>
      <c r="EDO710" s="613"/>
      <c r="EDP710" s="613"/>
      <c r="EDQ710" s="613"/>
      <c r="EDR710" s="613"/>
      <c r="EDS710" s="613"/>
      <c r="EDT710" s="613"/>
      <c r="EDU710" s="613"/>
      <c r="EDV710" s="613"/>
      <c r="EDW710" s="613"/>
      <c r="EDX710" s="613"/>
      <c r="EDY710" s="613"/>
      <c r="EDZ710" s="613"/>
      <c r="EEA710" s="613"/>
      <c r="EEB710" s="613"/>
      <c r="EEC710" s="613"/>
      <c r="EED710" s="613"/>
      <c r="EEE710" s="613"/>
      <c r="EEF710" s="613"/>
      <c r="EEG710" s="613"/>
      <c r="EEH710" s="613"/>
      <c r="EEI710" s="613"/>
      <c r="EEJ710" s="613"/>
      <c r="EEK710" s="613"/>
      <c r="EEL710" s="613"/>
      <c r="EEM710" s="613"/>
      <c r="EEN710" s="613"/>
      <c r="EEO710" s="613"/>
      <c r="EEP710" s="613"/>
      <c r="EEQ710" s="613"/>
      <c r="EER710" s="613"/>
      <c r="EES710" s="613"/>
      <c r="EET710" s="613"/>
      <c r="EEU710" s="613"/>
      <c r="EEV710" s="613"/>
      <c r="EEW710" s="613"/>
      <c r="EEX710" s="613"/>
      <c r="EEY710" s="613"/>
      <c r="EEZ710" s="613"/>
      <c r="EFA710" s="613"/>
      <c r="EFB710" s="613"/>
      <c r="EFC710" s="613"/>
      <c r="EFD710" s="613"/>
      <c r="EFE710" s="613"/>
      <c r="EFF710" s="613"/>
      <c r="EFG710" s="613"/>
      <c r="EFH710" s="613"/>
      <c r="EFI710" s="613"/>
      <c r="EFJ710" s="613"/>
      <c r="EFK710" s="613"/>
      <c r="EFL710" s="613"/>
      <c r="EFM710" s="613"/>
      <c r="EFN710" s="613"/>
      <c r="EFO710" s="613"/>
      <c r="EFP710" s="613"/>
      <c r="EFQ710" s="613"/>
      <c r="EFR710" s="613"/>
      <c r="EFS710" s="613"/>
      <c r="EFT710" s="613"/>
      <c r="EFU710" s="613"/>
      <c r="EFV710" s="613"/>
      <c r="EFW710" s="613"/>
      <c r="EFX710" s="613"/>
      <c r="EFY710" s="613"/>
      <c r="EFZ710" s="613"/>
      <c r="EGA710" s="613"/>
      <c r="EGB710" s="613"/>
      <c r="EGC710" s="613"/>
      <c r="EGD710" s="613"/>
      <c r="EGE710" s="613"/>
      <c r="EGF710" s="613"/>
      <c r="EGG710" s="613"/>
      <c r="EGH710" s="613"/>
      <c r="EGI710" s="613"/>
      <c r="EGJ710" s="613"/>
      <c r="EGK710" s="613"/>
      <c r="EGL710" s="613"/>
      <c r="EGM710" s="613"/>
      <c r="EGN710" s="613"/>
      <c r="EGO710" s="613"/>
      <c r="EGP710" s="613"/>
      <c r="EGQ710" s="613"/>
      <c r="EGR710" s="613"/>
      <c r="EGS710" s="613"/>
      <c r="EGT710" s="613"/>
      <c r="EGU710" s="613"/>
      <c r="EGV710" s="613"/>
      <c r="EGW710" s="613"/>
      <c r="EGX710" s="613"/>
      <c r="EGY710" s="613"/>
      <c r="EGZ710" s="613"/>
      <c r="EHA710" s="613"/>
      <c r="EHB710" s="613"/>
      <c r="EHC710" s="613"/>
      <c r="EHD710" s="613"/>
      <c r="EHE710" s="613"/>
      <c r="EHF710" s="613"/>
      <c r="EHG710" s="613"/>
      <c r="EHH710" s="613"/>
      <c r="EHI710" s="613"/>
      <c r="EHJ710" s="613"/>
      <c r="EHK710" s="613"/>
      <c r="EHL710" s="613"/>
      <c r="EHM710" s="613"/>
      <c r="EHN710" s="613"/>
      <c r="EHO710" s="613"/>
      <c r="EHP710" s="613"/>
      <c r="EHQ710" s="613"/>
      <c r="EHR710" s="613"/>
      <c r="EHS710" s="613"/>
      <c r="EHT710" s="613"/>
      <c r="EHU710" s="613"/>
      <c r="EHV710" s="613"/>
      <c r="EHW710" s="613"/>
      <c r="EHX710" s="613"/>
      <c r="EHY710" s="613"/>
      <c r="EHZ710" s="613"/>
      <c r="EIA710" s="613"/>
      <c r="EIB710" s="613"/>
      <c r="EIC710" s="613"/>
      <c r="EID710" s="613"/>
      <c r="EIE710" s="613"/>
      <c r="EIF710" s="613"/>
      <c r="EIG710" s="613"/>
      <c r="EIH710" s="613"/>
      <c r="EII710" s="613"/>
      <c r="EIJ710" s="613"/>
      <c r="EIK710" s="613"/>
      <c r="EIL710" s="613"/>
      <c r="EIM710" s="613"/>
      <c r="EIN710" s="613"/>
      <c r="EIO710" s="613"/>
      <c r="EIP710" s="613"/>
      <c r="EIQ710" s="613"/>
      <c r="EIR710" s="613"/>
      <c r="EIS710" s="613"/>
      <c r="EIT710" s="613"/>
      <c r="EIU710" s="613"/>
      <c r="EIV710" s="613"/>
      <c r="EIW710" s="613"/>
      <c r="EIX710" s="613"/>
      <c r="EIY710" s="613"/>
      <c r="EIZ710" s="613"/>
      <c r="EJA710" s="613"/>
      <c r="EJB710" s="613"/>
      <c r="EJC710" s="613"/>
      <c r="EJD710" s="613"/>
      <c r="EJE710" s="613"/>
      <c r="EJF710" s="613"/>
      <c r="EJG710" s="613"/>
      <c r="EJH710" s="613"/>
      <c r="EJI710" s="613"/>
      <c r="EJJ710" s="613"/>
      <c r="EJK710" s="613"/>
      <c r="EJL710" s="613"/>
      <c r="EJM710" s="613"/>
      <c r="EJN710" s="613"/>
      <c r="EJO710" s="613"/>
      <c r="EJP710" s="613"/>
      <c r="EJQ710" s="613"/>
      <c r="EJR710" s="613"/>
      <c r="EJS710" s="613"/>
      <c r="EJT710" s="613"/>
      <c r="EJU710" s="613"/>
      <c r="EJV710" s="613"/>
      <c r="EJW710" s="613"/>
      <c r="EJX710" s="613"/>
      <c r="EJY710" s="613"/>
      <c r="EJZ710" s="613"/>
      <c r="EKA710" s="613"/>
      <c r="EKB710" s="613"/>
      <c r="EKC710" s="613"/>
      <c r="EKD710" s="613"/>
      <c r="EKE710" s="613"/>
      <c r="EKF710" s="613"/>
      <c r="EKG710" s="613"/>
      <c r="EKH710" s="613"/>
      <c r="EKI710" s="613"/>
      <c r="EKJ710" s="613"/>
      <c r="EKK710" s="613"/>
      <c r="EKL710" s="613"/>
      <c r="EKM710" s="613"/>
      <c r="EKN710" s="613"/>
      <c r="EKO710" s="613"/>
      <c r="EKP710" s="613"/>
      <c r="EKQ710" s="613"/>
      <c r="EKR710" s="613"/>
      <c r="EKS710" s="613"/>
      <c r="EKT710" s="613"/>
      <c r="EKU710" s="613"/>
      <c r="EKV710" s="613"/>
      <c r="EKW710" s="613"/>
      <c r="EKX710" s="613"/>
      <c r="EKY710" s="613"/>
      <c r="EKZ710" s="613"/>
      <c r="ELA710" s="613"/>
      <c r="ELB710" s="613"/>
      <c r="ELC710" s="613"/>
      <c r="ELD710" s="613"/>
      <c r="ELE710" s="613"/>
      <c r="ELF710" s="613"/>
      <c r="ELG710" s="613"/>
      <c r="ELH710" s="613"/>
      <c r="ELI710" s="613"/>
      <c r="ELJ710" s="613"/>
      <c r="ELK710" s="613"/>
      <c r="ELL710" s="613"/>
      <c r="ELM710" s="613"/>
      <c r="ELN710" s="613"/>
      <c r="ELO710" s="613"/>
      <c r="ELP710" s="613"/>
      <c r="ELQ710" s="613"/>
      <c r="ELR710" s="613"/>
      <c r="ELS710" s="613"/>
      <c r="ELT710" s="613"/>
      <c r="ELU710" s="613"/>
      <c r="ELV710" s="613"/>
      <c r="ELW710" s="613"/>
      <c r="ELX710" s="613"/>
      <c r="ELY710" s="613"/>
      <c r="ELZ710" s="613"/>
      <c r="EMA710" s="613"/>
      <c r="EMB710" s="613"/>
      <c r="EMC710" s="613"/>
      <c r="EMD710" s="613"/>
      <c r="EME710" s="613"/>
      <c r="EMF710" s="613"/>
      <c r="EMG710" s="613"/>
      <c r="EMH710" s="613"/>
      <c r="EMI710" s="613"/>
      <c r="EMJ710" s="613"/>
      <c r="EMK710" s="613"/>
      <c r="EML710" s="613"/>
      <c r="EMM710" s="613"/>
      <c r="EMN710" s="613"/>
      <c r="EMO710" s="613"/>
      <c r="EMP710" s="613"/>
      <c r="EMQ710" s="613"/>
      <c r="EMR710" s="613"/>
      <c r="EMS710" s="613"/>
      <c r="EMT710" s="613"/>
      <c r="EMU710" s="613"/>
      <c r="EMV710" s="613"/>
      <c r="EMW710" s="613"/>
      <c r="EMX710" s="613"/>
      <c r="EMY710" s="613"/>
      <c r="EMZ710" s="613"/>
      <c r="ENA710" s="613"/>
      <c r="ENB710" s="613"/>
      <c r="ENC710" s="613"/>
      <c r="END710" s="613"/>
      <c r="ENE710" s="613"/>
      <c r="ENF710" s="613"/>
      <c r="ENG710" s="613"/>
      <c r="ENH710" s="613"/>
      <c r="ENI710" s="613"/>
      <c r="ENJ710" s="613"/>
      <c r="ENK710" s="613"/>
      <c r="ENL710" s="613"/>
      <c r="ENM710" s="613"/>
      <c r="ENN710" s="613"/>
      <c r="ENO710" s="613"/>
      <c r="ENP710" s="613"/>
      <c r="ENQ710" s="613"/>
      <c r="ENR710" s="613"/>
      <c r="ENS710" s="613"/>
      <c r="ENT710" s="613"/>
      <c r="ENU710" s="613"/>
      <c r="ENV710" s="613"/>
      <c r="ENW710" s="613"/>
      <c r="ENX710" s="613"/>
      <c r="ENY710" s="613"/>
      <c r="ENZ710" s="613"/>
      <c r="EOA710" s="613"/>
      <c r="EOB710" s="613"/>
      <c r="EOC710" s="613"/>
      <c r="EOD710" s="613"/>
      <c r="EOE710" s="613"/>
      <c r="EOF710" s="613"/>
      <c r="EOG710" s="613"/>
      <c r="EOH710" s="613"/>
      <c r="EOI710" s="613"/>
      <c r="EOJ710" s="613"/>
      <c r="EOK710" s="613"/>
      <c r="EOL710" s="613"/>
      <c r="EOM710" s="613"/>
      <c r="EON710" s="613"/>
      <c r="EOO710" s="613"/>
      <c r="EOP710" s="613"/>
      <c r="EOQ710" s="613"/>
      <c r="EOR710" s="613"/>
      <c r="EOS710" s="613"/>
      <c r="EOT710" s="613"/>
      <c r="EOU710" s="613"/>
      <c r="EOV710" s="613"/>
      <c r="EOW710" s="613"/>
      <c r="EOX710" s="613"/>
      <c r="EOY710" s="613"/>
      <c r="EOZ710" s="613"/>
      <c r="EPA710" s="613"/>
      <c r="EPB710" s="613"/>
      <c r="EPC710" s="613"/>
      <c r="EPD710" s="613"/>
      <c r="EPE710" s="613"/>
      <c r="EPF710" s="613"/>
      <c r="EPG710" s="613"/>
      <c r="EPH710" s="613"/>
      <c r="EPI710" s="613"/>
      <c r="EPJ710" s="613"/>
      <c r="EPK710" s="613"/>
      <c r="EPL710" s="613"/>
      <c r="EPM710" s="613"/>
      <c r="EPN710" s="613"/>
      <c r="EPO710" s="613"/>
      <c r="EPP710" s="613"/>
      <c r="EPQ710" s="613"/>
      <c r="EPR710" s="613"/>
      <c r="EPS710" s="613"/>
      <c r="EPT710" s="613"/>
      <c r="EPU710" s="613"/>
      <c r="EPV710" s="613"/>
      <c r="EPW710" s="613"/>
      <c r="EPX710" s="613"/>
      <c r="EPY710" s="613"/>
      <c r="EPZ710" s="613"/>
      <c r="EQA710" s="613"/>
      <c r="EQB710" s="613"/>
      <c r="EQC710" s="613"/>
      <c r="EQD710" s="613"/>
      <c r="EQE710" s="613"/>
      <c r="EQF710" s="613"/>
      <c r="EQG710" s="613"/>
      <c r="EQH710" s="613"/>
      <c r="EQI710" s="613"/>
      <c r="EQJ710" s="613"/>
      <c r="EQK710" s="613"/>
      <c r="EQL710" s="613"/>
      <c r="EQM710" s="613"/>
      <c r="EQN710" s="613"/>
      <c r="EQO710" s="613"/>
      <c r="EQP710" s="613"/>
      <c r="EQQ710" s="613"/>
      <c r="EQR710" s="613"/>
      <c r="EQS710" s="613"/>
      <c r="EQT710" s="613"/>
      <c r="EQU710" s="613"/>
      <c r="EQV710" s="613"/>
      <c r="EQW710" s="613"/>
      <c r="EQX710" s="613"/>
      <c r="EQY710" s="613"/>
      <c r="EQZ710" s="613"/>
      <c r="ERA710" s="613"/>
      <c r="ERB710" s="613"/>
      <c r="ERC710" s="613"/>
      <c r="ERD710" s="613"/>
      <c r="ERE710" s="613"/>
      <c r="ERF710" s="613"/>
      <c r="ERG710" s="613"/>
      <c r="ERH710" s="613"/>
      <c r="ERI710" s="613"/>
      <c r="ERJ710" s="613"/>
      <c r="ERK710" s="613"/>
      <c r="ERL710" s="613"/>
      <c r="ERM710" s="613"/>
      <c r="ERN710" s="613"/>
      <c r="ERO710" s="613"/>
      <c r="ERP710" s="613"/>
      <c r="ERQ710" s="613"/>
      <c r="ERR710" s="613"/>
      <c r="ERS710" s="613"/>
      <c r="ERT710" s="613"/>
      <c r="ERU710" s="613"/>
      <c r="ERV710" s="613"/>
      <c r="ERW710" s="613"/>
      <c r="ERX710" s="613"/>
      <c r="ERY710" s="613"/>
      <c r="ERZ710" s="613"/>
      <c r="ESA710" s="613"/>
      <c r="ESB710" s="613"/>
      <c r="ESC710" s="613"/>
      <c r="ESD710" s="613"/>
      <c r="ESE710" s="613"/>
      <c r="ESF710" s="613"/>
      <c r="ESG710" s="613"/>
      <c r="ESH710" s="613"/>
      <c r="ESI710" s="613"/>
      <c r="ESJ710" s="613"/>
      <c r="ESK710" s="613"/>
      <c r="ESL710" s="613"/>
      <c r="ESM710" s="613"/>
      <c r="ESN710" s="613"/>
      <c r="ESO710" s="613"/>
      <c r="ESP710" s="613"/>
      <c r="ESQ710" s="613"/>
      <c r="ESR710" s="613"/>
      <c r="ESS710" s="613"/>
      <c r="EST710" s="613"/>
      <c r="ESU710" s="613"/>
      <c r="ESV710" s="613"/>
      <c r="ESW710" s="613"/>
      <c r="ESX710" s="613"/>
      <c r="ESY710" s="613"/>
      <c r="ESZ710" s="613"/>
      <c r="ETA710" s="613"/>
      <c r="ETB710" s="613"/>
      <c r="ETC710" s="613"/>
      <c r="ETD710" s="613"/>
      <c r="ETE710" s="613"/>
      <c r="ETF710" s="613"/>
      <c r="ETG710" s="613"/>
      <c r="ETH710" s="613"/>
      <c r="ETI710" s="613"/>
      <c r="ETJ710" s="613"/>
      <c r="ETK710" s="613"/>
      <c r="ETL710" s="613"/>
      <c r="ETM710" s="613"/>
      <c r="ETN710" s="613"/>
      <c r="ETO710" s="613"/>
      <c r="ETP710" s="613"/>
      <c r="ETQ710" s="613"/>
      <c r="ETR710" s="613"/>
      <c r="ETS710" s="613"/>
      <c r="ETT710" s="613"/>
      <c r="ETU710" s="613"/>
      <c r="ETV710" s="613"/>
      <c r="ETW710" s="613"/>
      <c r="ETX710" s="613"/>
      <c r="ETY710" s="613"/>
      <c r="ETZ710" s="613"/>
      <c r="EUA710" s="613"/>
      <c r="EUB710" s="613"/>
      <c r="EUC710" s="613"/>
      <c r="EUD710" s="613"/>
      <c r="EUE710" s="613"/>
      <c r="EUF710" s="613"/>
      <c r="EUG710" s="613"/>
      <c r="EUH710" s="613"/>
      <c r="EUI710" s="613"/>
      <c r="EUJ710" s="613"/>
      <c r="EUK710" s="613"/>
      <c r="EUL710" s="613"/>
      <c r="EUM710" s="613"/>
      <c r="EUN710" s="613"/>
      <c r="EUO710" s="613"/>
      <c r="EUP710" s="613"/>
      <c r="EUQ710" s="613"/>
      <c r="EUR710" s="613"/>
      <c r="EUS710" s="613"/>
      <c r="EUT710" s="613"/>
      <c r="EUU710" s="613"/>
      <c r="EUV710" s="613"/>
      <c r="EUW710" s="613"/>
      <c r="EUX710" s="613"/>
      <c r="EUY710" s="613"/>
      <c r="EUZ710" s="613"/>
      <c r="EVA710" s="613"/>
      <c r="EVB710" s="613"/>
      <c r="EVC710" s="613"/>
      <c r="EVD710" s="613"/>
      <c r="EVE710" s="613"/>
      <c r="EVF710" s="613"/>
      <c r="EVG710" s="613"/>
      <c r="EVH710" s="613"/>
      <c r="EVI710" s="613"/>
      <c r="EVJ710" s="613"/>
      <c r="EVK710" s="613"/>
      <c r="EVL710" s="613"/>
      <c r="EVM710" s="613"/>
      <c r="EVN710" s="613"/>
      <c r="EVO710" s="613"/>
      <c r="EVP710" s="613"/>
      <c r="EVQ710" s="613"/>
      <c r="EVR710" s="613"/>
      <c r="EVS710" s="613"/>
      <c r="EVT710" s="613"/>
      <c r="EVU710" s="613"/>
      <c r="EVV710" s="613"/>
      <c r="EVW710" s="613"/>
      <c r="EVX710" s="613"/>
      <c r="EVY710" s="613"/>
      <c r="EVZ710" s="613"/>
      <c r="EWA710" s="613"/>
      <c r="EWB710" s="613"/>
      <c r="EWC710" s="613"/>
      <c r="EWD710" s="613"/>
      <c r="EWE710" s="613"/>
      <c r="EWF710" s="613"/>
      <c r="EWG710" s="613"/>
      <c r="EWH710" s="613"/>
      <c r="EWI710" s="613"/>
      <c r="EWJ710" s="613"/>
      <c r="EWK710" s="613"/>
      <c r="EWL710" s="613"/>
      <c r="EWM710" s="613"/>
      <c r="EWN710" s="613"/>
      <c r="EWO710" s="613"/>
      <c r="EWP710" s="613"/>
      <c r="EWQ710" s="613"/>
      <c r="EWR710" s="613"/>
      <c r="EWS710" s="613"/>
      <c r="EWT710" s="613"/>
      <c r="EWU710" s="613"/>
      <c r="EWV710" s="613"/>
      <c r="EWW710" s="613"/>
      <c r="EWX710" s="613"/>
      <c r="EWY710" s="613"/>
      <c r="EWZ710" s="613"/>
      <c r="EXA710" s="613"/>
      <c r="EXB710" s="613"/>
      <c r="EXC710" s="613"/>
      <c r="EXD710" s="613"/>
      <c r="EXE710" s="613"/>
      <c r="EXF710" s="613"/>
      <c r="EXG710" s="613"/>
      <c r="EXH710" s="613"/>
      <c r="EXI710" s="613"/>
      <c r="EXJ710" s="613"/>
      <c r="EXK710" s="613"/>
      <c r="EXL710" s="613"/>
      <c r="EXM710" s="613"/>
      <c r="EXN710" s="613"/>
      <c r="EXO710" s="613"/>
      <c r="EXP710" s="613"/>
      <c r="EXQ710" s="613"/>
      <c r="EXR710" s="613"/>
      <c r="EXS710" s="613"/>
      <c r="EXT710" s="613"/>
      <c r="EXU710" s="613"/>
      <c r="EXV710" s="613"/>
      <c r="EXW710" s="613"/>
      <c r="EXX710" s="613"/>
      <c r="EXY710" s="613"/>
      <c r="EXZ710" s="613"/>
      <c r="EYA710" s="613"/>
      <c r="EYB710" s="613"/>
      <c r="EYC710" s="613"/>
      <c r="EYD710" s="613"/>
      <c r="EYE710" s="613"/>
      <c r="EYF710" s="613"/>
      <c r="EYG710" s="613"/>
      <c r="EYH710" s="613"/>
      <c r="EYI710" s="613"/>
      <c r="EYJ710" s="613"/>
      <c r="EYK710" s="613"/>
      <c r="EYL710" s="613"/>
      <c r="EYM710" s="613"/>
      <c r="EYN710" s="613"/>
      <c r="EYO710" s="613"/>
      <c r="EYP710" s="613"/>
      <c r="EYQ710" s="613"/>
      <c r="EYR710" s="613"/>
      <c r="EYS710" s="613"/>
      <c r="EYT710" s="613"/>
      <c r="EYU710" s="613"/>
      <c r="EYV710" s="613"/>
      <c r="EYW710" s="613"/>
      <c r="EYX710" s="613"/>
      <c r="EYY710" s="613"/>
      <c r="EYZ710" s="613"/>
      <c r="EZA710" s="613"/>
      <c r="EZB710" s="613"/>
      <c r="EZC710" s="613"/>
      <c r="EZD710" s="613"/>
      <c r="EZE710" s="613"/>
      <c r="EZF710" s="613"/>
      <c r="EZG710" s="613"/>
      <c r="EZH710" s="613"/>
      <c r="EZI710" s="613"/>
      <c r="EZJ710" s="613"/>
      <c r="EZK710" s="613"/>
      <c r="EZL710" s="613"/>
      <c r="EZM710" s="613"/>
      <c r="EZN710" s="613"/>
      <c r="EZO710" s="613"/>
      <c r="EZP710" s="613"/>
      <c r="EZQ710" s="613"/>
      <c r="EZR710" s="613"/>
      <c r="EZS710" s="613"/>
      <c r="EZT710" s="613"/>
      <c r="EZU710" s="613"/>
      <c r="EZV710" s="613"/>
      <c r="EZW710" s="613"/>
      <c r="EZX710" s="613"/>
      <c r="EZY710" s="613"/>
      <c r="EZZ710" s="613"/>
      <c r="FAA710" s="613"/>
      <c r="FAB710" s="613"/>
      <c r="FAC710" s="613"/>
      <c r="FAD710" s="613"/>
      <c r="FAE710" s="613"/>
      <c r="FAF710" s="613"/>
      <c r="FAG710" s="613"/>
      <c r="FAH710" s="613"/>
      <c r="FAI710" s="613"/>
      <c r="FAJ710" s="613"/>
      <c r="FAK710" s="613"/>
      <c r="FAL710" s="613"/>
      <c r="FAM710" s="613"/>
      <c r="FAN710" s="613"/>
      <c r="FAO710" s="613"/>
      <c r="FAP710" s="613"/>
      <c r="FAQ710" s="613"/>
      <c r="FAR710" s="613"/>
      <c r="FAS710" s="613"/>
      <c r="FAT710" s="613"/>
      <c r="FAU710" s="613"/>
      <c r="FAV710" s="613"/>
      <c r="FAW710" s="613"/>
      <c r="FAX710" s="613"/>
      <c r="FAY710" s="613"/>
      <c r="FAZ710" s="613"/>
      <c r="FBA710" s="613"/>
      <c r="FBB710" s="613"/>
      <c r="FBC710" s="613"/>
      <c r="FBD710" s="613"/>
      <c r="FBE710" s="613"/>
      <c r="FBF710" s="613"/>
      <c r="FBG710" s="613"/>
      <c r="FBH710" s="613"/>
      <c r="FBI710" s="613"/>
      <c r="FBJ710" s="613"/>
      <c r="FBK710" s="613"/>
      <c r="FBL710" s="613"/>
      <c r="FBM710" s="613"/>
      <c r="FBN710" s="613"/>
      <c r="FBO710" s="613"/>
      <c r="FBP710" s="613"/>
      <c r="FBQ710" s="613"/>
      <c r="FBR710" s="613"/>
      <c r="FBS710" s="613"/>
      <c r="FBT710" s="613"/>
      <c r="FBU710" s="613"/>
      <c r="FBV710" s="613"/>
      <c r="FBW710" s="613"/>
      <c r="FBX710" s="613"/>
      <c r="FBY710" s="613"/>
      <c r="FBZ710" s="613"/>
      <c r="FCA710" s="613"/>
      <c r="FCB710" s="613"/>
      <c r="FCC710" s="613"/>
      <c r="FCD710" s="613"/>
      <c r="FCE710" s="613"/>
      <c r="FCF710" s="613"/>
      <c r="FCG710" s="613"/>
      <c r="FCH710" s="613"/>
      <c r="FCI710" s="613"/>
      <c r="FCJ710" s="613"/>
      <c r="FCK710" s="613"/>
      <c r="FCL710" s="613"/>
      <c r="FCM710" s="613"/>
      <c r="FCN710" s="613"/>
      <c r="FCO710" s="613"/>
      <c r="FCP710" s="613"/>
      <c r="FCQ710" s="613"/>
      <c r="FCR710" s="613"/>
      <c r="FCS710" s="613"/>
      <c r="FCT710" s="613"/>
      <c r="FCU710" s="613"/>
      <c r="FCV710" s="613"/>
      <c r="FCW710" s="613"/>
      <c r="FCX710" s="613"/>
      <c r="FCY710" s="613"/>
      <c r="FCZ710" s="613"/>
      <c r="FDA710" s="613"/>
      <c r="FDB710" s="613"/>
      <c r="FDC710" s="613"/>
      <c r="FDD710" s="613"/>
      <c r="FDE710" s="613"/>
      <c r="FDF710" s="613"/>
      <c r="FDG710" s="613"/>
      <c r="FDH710" s="613"/>
      <c r="FDI710" s="613"/>
      <c r="FDJ710" s="613"/>
      <c r="FDK710" s="613"/>
      <c r="FDL710" s="613"/>
      <c r="FDM710" s="613"/>
      <c r="FDN710" s="613"/>
      <c r="FDO710" s="613"/>
      <c r="FDP710" s="613"/>
      <c r="FDQ710" s="613"/>
      <c r="FDR710" s="613"/>
      <c r="FDS710" s="613"/>
      <c r="FDT710" s="613"/>
      <c r="FDU710" s="613"/>
      <c r="FDV710" s="613"/>
      <c r="FDW710" s="613"/>
      <c r="FDX710" s="613"/>
      <c r="FDY710" s="613"/>
      <c r="FDZ710" s="613"/>
      <c r="FEA710" s="613"/>
      <c r="FEB710" s="613"/>
      <c r="FEC710" s="613"/>
      <c r="FED710" s="613"/>
      <c r="FEE710" s="613"/>
      <c r="FEF710" s="613"/>
      <c r="FEG710" s="613"/>
      <c r="FEH710" s="613"/>
      <c r="FEI710" s="613"/>
      <c r="FEJ710" s="613"/>
      <c r="FEK710" s="613"/>
      <c r="FEL710" s="613"/>
      <c r="FEM710" s="613"/>
      <c r="FEN710" s="613"/>
      <c r="FEO710" s="613"/>
      <c r="FEP710" s="613"/>
      <c r="FEQ710" s="613"/>
      <c r="FER710" s="613"/>
      <c r="FES710" s="613"/>
      <c r="FET710" s="613"/>
      <c r="FEU710" s="613"/>
      <c r="FEV710" s="613"/>
      <c r="FEW710" s="613"/>
      <c r="FEX710" s="613"/>
      <c r="FEY710" s="613"/>
      <c r="FEZ710" s="613"/>
      <c r="FFA710" s="613"/>
      <c r="FFB710" s="613"/>
      <c r="FFC710" s="613"/>
      <c r="FFD710" s="613"/>
      <c r="FFE710" s="613"/>
      <c r="FFF710" s="613"/>
      <c r="FFG710" s="613"/>
      <c r="FFH710" s="613"/>
      <c r="FFI710" s="613"/>
      <c r="FFJ710" s="613"/>
      <c r="FFK710" s="613"/>
      <c r="FFL710" s="613"/>
      <c r="FFM710" s="613"/>
      <c r="FFN710" s="613"/>
      <c r="FFO710" s="613"/>
      <c r="FFP710" s="613"/>
      <c r="FFQ710" s="613"/>
      <c r="FFR710" s="613"/>
      <c r="FFS710" s="613"/>
      <c r="FFT710" s="613"/>
      <c r="FFU710" s="613"/>
      <c r="FFV710" s="613"/>
      <c r="FFW710" s="613"/>
      <c r="FFX710" s="613"/>
      <c r="FFY710" s="613"/>
      <c r="FFZ710" s="613"/>
      <c r="FGA710" s="613"/>
      <c r="FGB710" s="613"/>
      <c r="FGC710" s="613"/>
      <c r="FGD710" s="613"/>
      <c r="FGE710" s="613"/>
      <c r="FGF710" s="613"/>
      <c r="FGG710" s="613"/>
      <c r="FGH710" s="613"/>
      <c r="FGI710" s="613"/>
      <c r="FGJ710" s="613"/>
      <c r="FGK710" s="613"/>
      <c r="FGL710" s="613"/>
      <c r="FGM710" s="613"/>
      <c r="FGN710" s="613"/>
      <c r="FGO710" s="613"/>
      <c r="FGP710" s="613"/>
      <c r="FGQ710" s="613"/>
      <c r="FGR710" s="613"/>
      <c r="FGS710" s="613"/>
      <c r="FGT710" s="613"/>
      <c r="FGU710" s="613"/>
      <c r="FGV710" s="613"/>
      <c r="FGW710" s="613"/>
      <c r="FGX710" s="613"/>
      <c r="FGY710" s="613"/>
      <c r="FGZ710" s="613"/>
      <c r="FHA710" s="613"/>
      <c r="FHB710" s="613"/>
      <c r="FHC710" s="613"/>
      <c r="FHD710" s="613"/>
      <c r="FHE710" s="613"/>
      <c r="FHF710" s="613"/>
      <c r="FHG710" s="613"/>
      <c r="FHH710" s="613"/>
      <c r="FHI710" s="613"/>
      <c r="FHJ710" s="613"/>
      <c r="FHK710" s="613"/>
      <c r="FHL710" s="613"/>
      <c r="FHM710" s="613"/>
      <c r="FHN710" s="613"/>
      <c r="FHO710" s="613"/>
      <c r="FHP710" s="613"/>
      <c r="FHQ710" s="613"/>
      <c r="FHR710" s="613"/>
      <c r="FHS710" s="613"/>
      <c r="FHT710" s="613"/>
      <c r="FHU710" s="613"/>
      <c r="FHV710" s="613"/>
      <c r="FHW710" s="613"/>
      <c r="FHX710" s="613"/>
      <c r="FHY710" s="613"/>
      <c r="FHZ710" s="613"/>
      <c r="FIA710" s="613"/>
      <c r="FIB710" s="613"/>
      <c r="FIC710" s="613"/>
      <c r="FID710" s="613"/>
      <c r="FIE710" s="613"/>
      <c r="FIF710" s="613"/>
      <c r="FIG710" s="613"/>
      <c r="FIH710" s="613"/>
      <c r="FII710" s="613"/>
      <c r="FIJ710" s="613"/>
      <c r="FIK710" s="613"/>
      <c r="FIL710" s="613"/>
      <c r="FIM710" s="613"/>
      <c r="FIN710" s="613"/>
      <c r="FIO710" s="613"/>
      <c r="FIP710" s="613"/>
      <c r="FIQ710" s="613"/>
      <c r="FIR710" s="613"/>
      <c r="FIS710" s="613"/>
      <c r="FIT710" s="613"/>
      <c r="FIU710" s="613"/>
      <c r="FIV710" s="613"/>
      <c r="FIW710" s="613"/>
      <c r="FIX710" s="613"/>
      <c r="FIY710" s="613"/>
      <c r="FIZ710" s="613"/>
      <c r="FJA710" s="613"/>
      <c r="FJB710" s="613"/>
      <c r="FJC710" s="613"/>
      <c r="FJD710" s="613"/>
      <c r="FJE710" s="613"/>
      <c r="FJF710" s="613"/>
      <c r="FJG710" s="613"/>
      <c r="FJH710" s="613"/>
      <c r="FJI710" s="613"/>
      <c r="FJJ710" s="613"/>
      <c r="FJK710" s="613"/>
      <c r="FJL710" s="613"/>
      <c r="FJM710" s="613"/>
      <c r="FJN710" s="613"/>
      <c r="FJO710" s="613"/>
      <c r="FJP710" s="613"/>
      <c r="FJQ710" s="613"/>
      <c r="FJR710" s="613"/>
      <c r="FJS710" s="613"/>
      <c r="FJT710" s="613"/>
      <c r="FJU710" s="613"/>
      <c r="FJV710" s="613"/>
      <c r="FJW710" s="613"/>
      <c r="FJX710" s="613"/>
      <c r="FJY710" s="613"/>
      <c r="FJZ710" s="613"/>
      <c r="FKA710" s="613"/>
      <c r="FKB710" s="613"/>
      <c r="FKC710" s="613"/>
      <c r="FKD710" s="613"/>
      <c r="FKE710" s="613"/>
      <c r="FKF710" s="613"/>
      <c r="FKG710" s="613"/>
      <c r="FKH710" s="613"/>
      <c r="FKI710" s="613"/>
      <c r="FKJ710" s="613"/>
      <c r="FKK710" s="613"/>
      <c r="FKL710" s="613"/>
      <c r="FKM710" s="613"/>
      <c r="FKN710" s="613"/>
      <c r="FKO710" s="613"/>
      <c r="FKP710" s="613"/>
      <c r="FKQ710" s="613"/>
      <c r="FKR710" s="613"/>
      <c r="FKS710" s="613"/>
      <c r="FKT710" s="613"/>
      <c r="FKU710" s="613"/>
      <c r="FKV710" s="613"/>
      <c r="FKW710" s="613"/>
      <c r="FKX710" s="613"/>
      <c r="FKY710" s="613"/>
      <c r="FKZ710" s="613"/>
      <c r="FLA710" s="613"/>
      <c r="FLB710" s="613"/>
      <c r="FLC710" s="613"/>
      <c r="FLD710" s="613"/>
      <c r="FLE710" s="613"/>
      <c r="FLF710" s="613"/>
      <c r="FLG710" s="613"/>
      <c r="FLH710" s="613"/>
      <c r="FLI710" s="613"/>
      <c r="FLJ710" s="613"/>
      <c r="FLK710" s="613"/>
      <c r="FLL710" s="613"/>
      <c r="FLM710" s="613"/>
      <c r="FLN710" s="613"/>
      <c r="FLO710" s="613"/>
      <c r="FLP710" s="613"/>
      <c r="FLQ710" s="613"/>
      <c r="FLR710" s="613"/>
      <c r="FLS710" s="613"/>
      <c r="FLT710" s="613"/>
      <c r="FLU710" s="613"/>
      <c r="FLV710" s="613"/>
      <c r="FLW710" s="613"/>
      <c r="FLX710" s="613"/>
      <c r="FLY710" s="613"/>
      <c r="FLZ710" s="613"/>
      <c r="FMA710" s="613"/>
      <c r="FMB710" s="613"/>
      <c r="FMC710" s="613"/>
      <c r="FMD710" s="613"/>
      <c r="FME710" s="613"/>
      <c r="FMF710" s="613"/>
      <c r="FMG710" s="613"/>
      <c r="FMH710" s="613"/>
      <c r="FMI710" s="613"/>
      <c r="FMJ710" s="613"/>
      <c r="FMK710" s="613"/>
      <c r="FML710" s="613"/>
      <c r="FMM710" s="613"/>
      <c r="FMN710" s="613"/>
      <c r="FMO710" s="613"/>
      <c r="FMP710" s="613"/>
      <c r="FMQ710" s="613"/>
      <c r="FMR710" s="613"/>
      <c r="FMS710" s="613"/>
      <c r="FMT710" s="613"/>
      <c r="FMU710" s="613"/>
      <c r="FMV710" s="613"/>
      <c r="FMW710" s="613"/>
      <c r="FMX710" s="613"/>
      <c r="FMY710" s="613"/>
      <c r="FMZ710" s="613"/>
      <c r="FNA710" s="613"/>
      <c r="FNB710" s="613"/>
      <c r="FNC710" s="613"/>
      <c r="FND710" s="613"/>
      <c r="FNE710" s="613"/>
      <c r="FNF710" s="613"/>
      <c r="FNG710" s="613"/>
      <c r="FNH710" s="613"/>
      <c r="FNI710" s="613"/>
      <c r="FNJ710" s="613"/>
      <c r="FNK710" s="613"/>
      <c r="FNL710" s="613"/>
      <c r="FNM710" s="613"/>
      <c r="FNN710" s="613"/>
      <c r="FNO710" s="613"/>
      <c r="FNP710" s="613"/>
      <c r="FNQ710" s="613"/>
      <c r="FNR710" s="613"/>
      <c r="FNS710" s="613"/>
      <c r="FNT710" s="613"/>
      <c r="FNU710" s="613"/>
      <c r="FNV710" s="613"/>
      <c r="FNW710" s="613"/>
      <c r="FNX710" s="613"/>
      <c r="FNY710" s="613"/>
      <c r="FNZ710" s="613"/>
      <c r="FOA710" s="613"/>
      <c r="FOB710" s="613"/>
      <c r="FOC710" s="613"/>
      <c r="FOD710" s="613"/>
      <c r="FOE710" s="613"/>
      <c r="FOF710" s="613"/>
      <c r="FOG710" s="613"/>
      <c r="FOH710" s="613"/>
      <c r="FOI710" s="613"/>
      <c r="FOJ710" s="613"/>
      <c r="FOK710" s="613"/>
      <c r="FOL710" s="613"/>
      <c r="FOM710" s="613"/>
      <c r="FON710" s="613"/>
      <c r="FOO710" s="613"/>
      <c r="FOP710" s="613"/>
      <c r="FOQ710" s="613"/>
      <c r="FOR710" s="613"/>
      <c r="FOS710" s="613"/>
      <c r="FOT710" s="613"/>
      <c r="FOU710" s="613"/>
      <c r="FOV710" s="613"/>
      <c r="FOW710" s="613"/>
      <c r="FOX710" s="613"/>
      <c r="FOY710" s="613"/>
      <c r="FOZ710" s="613"/>
      <c r="FPA710" s="613"/>
      <c r="FPB710" s="613"/>
      <c r="FPC710" s="613"/>
      <c r="FPD710" s="613"/>
      <c r="FPE710" s="613"/>
      <c r="FPF710" s="613"/>
      <c r="FPG710" s="613"/>
      <c r="FPH710" s="613"/>
      <c r="FPI710" s="613"/>
      <c r="FPJ710" s="613"/>
      <c r="FPK710" s="613"/>
      <c r="FPL710" s="613"/>
      <c r="FPM710" s="613"/>
      <c r="FPN710" s="613"/>
      <c r="FPO710" s="613"/>
      <c r="FPP710" s="613"/>
      <c r="FPQ710" s="613"/>
      <c r="FPR710" s="613"/>
      <c r="FPS710" s="613"/>
      <c r="FPT710" s="613"/>
      <c r="FPU710" s="613"/>
      <c r="FPV710" s="613"/>
      <c r="FPW710" s="613"/>
      <c r="FPX710" s="613"/>
      <c r="FPY710" s="613"/>
      <c r="FPZ710" s="613"/>
      <c r="FQA710" s="613"/>
      <c r="FQB710" s="613"/>
      <c r="FQC710" s="613"/>
      <c r="FQD710" s="613"/>
      <c r="FQE710" s="613"/>
      <c r="FQF710" s="613"/>
      <c r="FQG710" s="613"/>
      <c r="FQH710" s="613"/>
      <c r="FQI710" s="613"/>
      <c r="FQJ710" s="613"/>
      <c r="FQK710" s="613"/>
      <c r="FQL710" s="613"/>
      <c r="FQM710" s="613"/>
      <c r="FQN710" s="613"/>
      <c r="FQO710" s="613"/>
      <c r="FQP710" s="613"/>
      <c r="FQQ710" s="613"/>
      <c r="FQR710" s="613"/>
      <c r="FQS710" s="613"/>
      <c r="FQT710" s="613"/>
      <c r="FQU710" s="613"/>
      <c r="FQV710" s="613"/>
      <c r="FQW710" s="613"/>
      <c r="FQX710" s="613"/>
      <c r="FQY710" s="613"/>
      <c r="FQZ710" s="613"/>
      <c r="FRA710" s="613"/>
      <c r="FRB710" s="613"/>
      <c r="FRC710" s="613"/>
      <c r="FRD710" s="613"/>
      <c r="FRE710" s="613"/>
      <c r="FRF710" s="613"/>
      <c r="FRG710" s="613"/>
      <c r="FRH710" s="613"/>
      <c r="FRI710" s="613"/>
      <c r="FRJ710" s="613"/>
      <c r="FRK710" s="613"/>
      <c r="FRL710" s="613"/>
      <c r="FRM710" s="613"/>
      <c r="FRN710" s="613"/>
      <c r="FRO710" s="613"/>
      <c r="FRP710" s="613"/>
      <c r="FRQ710" s="613"/>
      <c r="FRR710" s="613"/>
      <c r="FRS710" s="613"/>
      <c r="FRT710" s="613"/>
      <c r="FRU710" s="613"/>
      <c r="FRV710" s="613"/>
      <c r="FRW710" s="613"/>
      <c r="FRX710" s="613"/>
      <c r="FRY710" s="613"/>
      <c r="FRZ710" s="613"/>
      <c r="FSA710" s="613"/>
      <c r="FSB710" s="613"/>
      <c r="FSC710" s="613"/>
      <c r="FSD710" s="613"/>
      <c r="FSE710" s="613"/>
      <c r="FSF710" s="613"/>
      <c r="FSG710" s="613"/>
      <c r="FSH710" s="613"/>
      <c r="FSI710" s="613"/>
      <c r="FSJ710" s="613"/>
      <c r="FSK710" s="613"/>
      <c r="FSL710" s="613"/>
      <c r="FSM710" s="613"/>
      <c r="FSN710" s="613"/>
      <c r="FSO710" s="613"/>
      <c r="FSP710" s="613"/>
      <c r="FSQ710" s="613"/>
      <c r="FSR710" s="613"/>
      <c r="FSS710" s="613"/>
      <c r="FST710" s="613"/>
      <c r="FSU710" s="613"/>
      <c r="FSV710" s="613"/>
      <c r="FSW710" s="613"/>
      <c r="FSX710" s="613"/>
      <c r="FSY710" s="613"/>
      <c r="FSZ710" s="613"/>
      <c r="FTA710" s="613"/>
      <c r="FTB710" s="613"/>
      <c r="FTC710" s="613"/>
      <c r="FTD710" s="613"/>
      <c r="FTE710" s="613"/>
      <c r="FTF710" s="613"/>
      <c r="FTG710" s="613"/>
      <c r="FTH710" s="613"/>
      <c r="FTI710" s="613"/>
      <c r="FTJ710" s="613"/>
      <c r="FTK710" s="613"/>
      <c r="FTL710" s="613"/>
      <c r="FTM710" s="613"/>
      <c r="FTN710" s="613"/>
      <c r="FTO710" s="613"/>
      <c r="FTP710" s="613"/>
      <c r="FTQ710" s="613"/>
      <c r="FTR710" s="613"/>
      <c r="FTS710" s="613"/>
      <c r="FTT710" s="613"/>
      <c r="FTU710" s="613"/>
      <c r="FTV710" s="613"/>
      <c r="FTW710" s="613"/>
      <c r="FTX710" s="613"/>
      <c r="FTY710" s="613"/>
      <c r="FTZ710" s="613"/>
      <c r="FUA710" s="613"/>
      <c r="FUB710" s="613"/>
      <c r="FUC710" s="613"/>
      <c r="FUD710" s="613"/>
      <c r="FUE710" s="613"/>
      <c r="FUF710" s="613"/>
      <c r="FUG710" s="613"/>
      <c r="FUH710" s="613"/>
      <c r="FUI710" s="613"/>
      <c r="FUJ710" s="613"/>
      <c r="FUK710" s="613"/>
      <c r="FUL710" s="613"/>
      <c r="FUM710" s="613"/>
      <c r="FUN710" s="613"/>
      <c r="FUO710" s="613"/>
      <c r="FUP710" s="613"/>
      <c r="FUQ710" s="613"/>
      <c r="FUR710" s="613"/>
      <c r="FUS710" s="613"/>
      <c r="FUT710" s="613"/>
      <c r="FUU710" s="613"/>
      <c r="FUV710" s="613"/>
      <c r="FUW710" s="613"/>
      <c r="FUX710" s="613"/>
      <c r="FUY710" s="613"/>
      <c r="FUZ710" s="613"/>
      <c r="FVA710" s="613"/>
      <c r="FVB710" s="613"/>
      <c r="FVC710" s="613"/>
      <c r="FVD710" s="613"/>
      <c r="FVE710" s="613"/>
      <c r="FVF710" s="613"/>
      <c r="FVG710" s="613"/>
      <c r="FVH710" s="613"/>
      <c r="FVI710" s="613"/>
      <c r="FVJ710" s="613"/>
      <c r="FVK710" s="613"/>
      <c r="FVL710" s="613"/>
      <c r="FVM710" s="613"/>
      <c r="FVN710" s="613"/>
      <c r="FVO710" s="613"/>
      <c r="FVP710" s="613"/>
      <c r="FVQ710" s="613"/>
      <c r="FVR710" s="613"/>
      <c r="FVS710" s="613"/>
      <c r="FVT710" s="613"/>
      <c r="FVU710" s="613"/>
      <c r="FVV710" s="613"/>
      <c r="FVW710" s="613"/>
      <c r="FVX710" s="613"/>
      <c r="FVY710" s="613"/>
      <c r="FVZ710" s="613"/>
      <c r="FWA710" s="613"/>
      <c r="FWB710" s="613"/>
      <c r="FWC710" s="613"/>
      <c r="FWD710" s="613"/>
      <c r="FWE710" s="613"/>
      <c r="FWF710" s="613"/>
      <c r="FWG710" s="613"/>
      <c r="FWH710" s="613"/>
      <c r="FWI710" s="613"/>
      <c r="FWJ710" s="613"/>
      <c r="FWK710" s="613"/>
      <c r="FWL710" s="613"/>
      <c r="FWM710" s="613"/>
      <c r="FWN710" s="613"/>
      <c r="FWO710" s="613"/>
      <c r="FWP710" s="613"/>
      <c r="FWQ710" s="613"/>
      <c r="FWR710" s="613"/>
      <c r="FWS710" s="613"/>
      <c r="FWT710" s="613"/>
      <c r="FWU710" s="613"/>
      <c r="FWV710" s="613"/>
      <c r="FWW710" s="613"/>
      <c r="FWX710" s="613"/>
      <c r="FWY710" s="613"/>
      <c r="FWZ710" s="613"/>
      <c r="FXA710" s="613"/>
      <c r="FXB710" s="613"/>
      <c r="FXC710" s="613"/>
      <c r="FXD710" s="613"/>
      <c r="FXE710" s="613"/>
      <c r="FXF710" s="613"/>
      <c r="FXG710" s="613"/>
      <c r="FXH710" s="613"/>
      <c r="FXI710" s="613"/>
      <c r="FXJ710" s="613"/>
      <c r="FXK710" s="613"/>
      <c r="FXL710" s="613"/>
      <c r="FXM710" s="613"/>
      <c r="FXN710" s="613"/>
      <c r="FXO710" s="613"/>
      <c r="FXP710" s="613"/>
      <c r="FXQ710" s="613"/>
      <c r="FXR710" s="613"/>
      <c r="FXS710" s="613"/>
      <c r="FXT710" s="613"/>
      <c r="FXU710" s="613"/>
      <c r="FXV710" s="613"/>
      <c r="FXW710" s="613"/>
      <c r="FXX710" s="613"/>
      <c r="FXY710" s="613"/>
      <c r="FXZ710" s="613"/>
      <c r="FYA710" s="613"/>
      <c r="FYB710" s="613"/>
      <c r="FYC710" s="613"/>
      <c r="FYD710" s="613"/>
      <c r="FYE710" s="613"/>
      <c r="FYF710" s="613"/>
      <c r="FYG710" s="613"/>
      <c r="FYH710" s="613"/>
      <c r="FYI710" s="613"/>
      <c r="FYJ710" s="613"/>
      <c r="FYK710" s="613"/>
      <c r="FYL710" s="613"/>
      <c r="FYM710" s="613"/>
      <c r="FYN710" s="613"/>
      <c r="FYO710" s="613"/>
      <c r="FYP710" s="613"/>
      <c r="FYQ710" s="613"/>
      <c r="FYR710" s="613"/>
      <c r="FYS710" s="613"/>
      <c r="FYT710" s="613"/>
      <c r="FYU710" s="613"/>
      <c r="FYV710" s="613"/>
      <c r="FYW710" s="613"/>
      <c r="FYX710" s="613"/>
      <c r="FYY710" s="613"/>
      <c r="FYZ710" s="613"/>
      <c r="FZA710" s="613"/>
      <c r="FZB710" s="613"/>
      <c r="FZC710" s="613"/>
      <c r="FZD710" s="613"/>
      <c r="FZE710" s="613"/>
      <c r="FZF710" s="613"/>
      <c r="FZG710" s="613"/>
      <c r="FZH710" s="613"/>
      <c r="FZI710" s="613"/>
      <c r="FZJ710" s="613"/>
      <c r="FZK710" s="613"/>
      <c r="FZL710" s="613"/>
      <c r="FZM710" s="613"/>
      <c r="FZN710" s="613"/>
      <c r="FZO710" s="613"/>
      <c r="FZP710" s="613"/>
      <c r="FZQ710" s="613"/>
      <c r="FZR710" s="613"/>
      <c r="FZS710" s="613"/>
      <c r="FZT710" s="613"/>
      <c r="FZU710" s="613"/>
      <c r="FZV710" s="613"/>
      <c r="FZW710" s="613"/>
      <c r="FZX710" s="613"/>
      <c r="FZY710" s="613"/>
      <c r="FZZ710" s="613"/>
      <c r="GAA710" s="613"/>
      <c r="GAB710" s="613"/>
      <c r="GAC710" s="613"/>
      <c r="GAD710" s="613"/>
      <c r="GAE710" s="613"/>
      <c r="GAF710" s="613"/>
      <c r="GAG710" s="613"/>
      <c r="GAH710" s="613"/>
      <c r="GAI710" s="613"/>
      <c r="GAJ710" s="613"/>
      <c r="GAK710" s="613"/>
      <c r="GAL710" s="613"/>
      <c r="GAM710" s="613"/>
      <c r="GAN710" s="613"/>
      <c r="GAO710" s="613"/>
      <c r="GAP710" s="613"/>
      <c r="GAQ710" s="613"/>
      <c r="GAR710" s="613"/>
      <c r="GAS710" s="613"/>
      <c r="GAT710" s="613"/>
      <c r="GAU710" s="613"/>
      <c r="GAV710" s="613"/>
      <c r="GAW710" s="613"/>
      <c r="GAX710" s="613"/>
      <c r="GAY710" s="613"/>
      <c r="GAZ710" s="613"/>
      <c r="GBA710" s="613"/>
      <c r="GBB710" s="613"/>
      <c r="GBC710" s="613"/>
      <c r="GBD710" s="613"/>
      <c r="GBE710" s="613"/>
      <c r="GBF710" s="613"/>
      <c r="GBG710" s="613"/>
      <c r="GBH710" s="613"/>
      <c r="GBI710" s="613"/>
      <c r="GBJ710" s="613"/>
      <c r="GBK710" s="613"/>
      <c r="GBL710" s="613"/>
      <c r="GBM710" s="613"/>
      <c r="GBN710" s="613"/>
      <c r="GBO710" s="613"/>
      <c r="GBP710" s="613"/>
      <c r="GBQ710" s="613"/>
      <c r="GBR710" s="613"/>
      <c r="GBS710" s="613"/>
      <c r="GBT710" s="613"/>
      <c r="GBU710" s="613"/>
      <c r="GBV710" s="613"/>
      <c r="GBW710" s="613"/>
      <c r="GBX710" s="613"/>
      <c r="GBY710" s="613"/>
      <c r="GBZ710" s="613"/>
      <c r="GCA710" s="613"/>
      <c r="GCB710" s="613"/>
      <c r="GCC710" s="613"/>
      <c r="GCD710" s="613"/>
      <c r="GCE710" s="613"/>
      <c r="GCF710" s="613"/>
      <c r="GCG710" s="613"/>
      <c r="GCH710" s="613"/>
      <c r="GCI710" s="613"/>
      <c r="GCJ710" s="613"/>
      <c r="GCK710" s="613"/>
      <c r="GCL710" s="613"/>
      <c r="GCM710" s="613"/>
      <c r="GCN710" s="613"/>
      <c r="GCO710" s="613"/>
      <c r="GCP710" s="613"/>
      <c r="GCQ710" s="613"/>
      <c r="GCR710" s="613"/>
      <c r="GCS710" s="613"/>
      <c r="GCT710" s="613"/>
      <c r="GCU710" s="613"/>
      <c r="GCV710" s="613"/>
      <c r="GCW710" s="613"/>
      <c r="GCX710" s="613"/>
      <c r="GCY710" s="613"/>
      <c r="GCZ710" s="613"/>
      <c r="GDA710" s="613"/>
      <c r="GDB710" s="613"/>
      <c r="GDC710" s="613"/>
      <c r="GDD710" s="613"/>
      <c r="GDE710" s="613"/>
      <c r="GDF710" s="613"/>
      <c r="GDG710" s="613"/>
      <c r="GDH710" s="613"/>
      <c r="GDI710" s="613"/>
      <c r="GDJ710" s="613"/>
      <c r="GDK710" s="613"/>
      <c r="GDL710" s="613"/>
      <c r="GDM710" s="613"/>
      <c r="GDN710" s="613"/>
      <c r="GDO710" s="613"/>
      <c r="GDP710" s="613"/>
      <c r="GDQ710" s="613"/>
      <c r="GDR710" s="613"/>
      <c r="GDS710" s="613"/>
      <c r="GDT710" s="613"/>
      <c r="GDU710" s="613"/>
      <c r="GDV710" s="613"/>
      <c r="GDW710" s="613"/>
      <c r="GDX710" s="613"/>
      <c r="GDY710" s="613"/>
      <c r="GDZ710" s="613"/>
      <c r="GEA710" s="613"/>
      <c r="GEB710" s="613"/>
      <c r="GEC710" s="613"/>
      <c r="GED710" s="613"/>
      <c r="GEE710" s="613"/>
      <c r="GEF710" s="613"/>
      <c r="GEG710" s="613"/>
      <c r="GEH710" s="613"/>
      <c r="GEI710" s="613"/>
      <c r="GEJ710" s="613"/>
      <c r="GEK710" s="613"/>
      <c r="GEL710" s="613"/>
      <c r="GEM710" s="613"/>
      <c r="GEN710" s="613"/>
      <c r="GEO710" s="613"/>
      <c r="GEP710" s="613"/>
      <c r="GEQ710" s="613"/>
      <c r="GER710" s="613"/>
      <c r="GES710" s="613"/>
      <c r="GET710" s="613"/>
      <c r="GEU710" s="613"/>
      <c r="GEV710" s="613"/>
      <c r="GEW710" s="613"/>
      <c r="GEX710" s="613"/>
      <c r="GEY710" s="613"/>
      <c r="GEZ710" s="613"/>
      <c r="GFA710" s="613"/>
      <c r="GFB710" s="613"/>
      <c r="GFC710" s="613"/>
      <c r="GFD710" s="613"/>
      <c r="GFE710" s="613"/>
      <c r="GFF710" s="613"/>
      <c r="GFG710" s="613"/>
      <c r="GFH710" s="613"/>
      <c r="GFI710" s="613"/>
      <c r="GFJ710" s="613"/>
      <c r="GFK710" s="613"/>
      <c r="GFL710" s="613"/>
      <c r="GFM710" s="613"/>
      <c r="GFN710" s="613"/>
      <c r="GFO710" s="613"/>
      <c r="GFP710" s="613"/>
      <c r="GFQ710" s="613"/>
      <c r="GFR710" s="613"/>
      <c r="GFS710" s="613"/>
      <c r="GFT710" s="613"/>
      <c r="GFU710" s="613"/>
      <c r="GFV710" s="613"/>
      <c r="GFW710" s="613"/>
      <c r="GFX710" s="613"/>
      <c r="GFY710" s="613"/>
      <c r="GFZ710" s="613"/>
      <c r="GGA710" s="613"/>
      <c r="GGB710" s="613"/>
      <c r="GGC710" s="613"/>
      <c r="GGD710" s="613"/>
      <c r="GGE710" s="613"/>
      <c r="GGF710" s="613"/>
      <c r="GGG710" s="613"/>
      <c r="GGH710" s="613"/>
      <c r="GGI710" s="613"/>
      <c r="GGJ710" s="613"/>
      <c r="GGK710" s="613"/>
      <c r="GGL710" s="613"/>
      <c r="GGM710" s="613"/>
      <c r="GGN710" s="613"/>
      <c r="GGO710" s="613"/>
      <c r="GGP710" s="613"/>
      <c r="GGQ710" s="613"/>
      <c r="GGR710" s="613"/>
      <c r="GGS710" s="613"/>
      <c r="GGT710" s="613"/>
      <c r="GGU710" s="613"/>
      <c r="GGV710" s="613"/>
      <c r="GGW710" s="613"/>
      <c r="GGX710" s="613"/>
      <c r="GGY710" s="613"/>
      <c r="GGZ710" s="613"/>
      <c r="GHA710" s="613"/>
      <c r="GHB710" s="613"/>
      <c r="GHC710" s="613"/>
      <c r="GHD710" s="613"/>
      <c r="GHE710" s="613"/>
      <c r="GHF710" s="613"/>
      <c r="GHG710" s="613"/>
      <c r="GHH710" s="613"/>
      <c r="GHI710" s="613"/>
      <c r="GHJ710" s="613"/>
      <c r="GHK710" s="613"/>
      <c r="GHL710" s="613"/>
      <c r="GHM710" s="613"/>
      <c r="GHN710" s="613"/>
      <c r="GHO710" s="613"/>
      <c r="GHP710" s="613"/>
      <c r="GHQ710" s="613"/>
      <c r="GHR710" s="613"/>
      <c r="GHS710" s="613"/>
      <c r="GHT710" s="613"/>
      <c r="GHU710" s="613"/>
      <c r="GHV710" s="613"/>
      <c r="GHW710" s="613"/>
      <c r="GHX710" s="613"/>
      <c r="GHY710" s="613"/>
      <c r="GHZ710" s="613"/>
      <c r="GIA710" s="613"/>
      <c r="GIB710" s="613"/>
      <c r="GIC710" s="613"/>
      <c r="GID710" s="613"/>
      <c r="GIE710" s="613"/>
      <c r="GIF710" s="613"/>
      <c r="GIG710" s="613"/>
      <c r="GIH710" s="613"/>
      <c r="GII710" s="613"/>
      <c r="GIJ710" s="613"/>
      <c r="GIK710" s="613"/>
      <c r="GIL710" s="613"/>
      <c r="GIM710" s="613"/>
      <c r="GIN710" s="613"/>
      <c r="GIO710" s="613"/>
      <c r="GIP710" s="613"/>
      <c r="GIQ710" s="613"/>
      <c r="GIR710" s="613"/>
      <c r="GIS710" s="613"/>
      <c r="GIT710" s="613"/>
      <c r="GIU710" s="613"/>
      <c r="GIV710" s="613"/>
      <c r="GIW710" s="613"/>
      <c r="GIX710" s="613"/>
      <c r="GIY710" s="613"/>
      <c r="GIZ710" s="613"/>
      <c r="GJA710" s="613"/>
      <c r="GJB710" s="613"/>
      <c r="GJC710" s="613"/>
      <c r="GJD710" s="613"/>
      <c r="GJE710" s="613"/>
      <c r="GJF710" s="613"/>
      <c r="GJG710" s="613"/>
      <c r="GJH710" s="613"/>
      <c r="GJI710" s="613"/>
      <c r="GJJ710" s="613"/>
      <c r="GJK710" s="613"/>
      <c r="GJL710" s="613"/>
      <c r="GJM710" s="613"/>
      <c r="GJN710" s="613"/>
      <c r="GJO710" s="613"/>
      <c r="GJP710" s="613"/>
      <c r="GJQ710" s="613"/>
      <c r="GJR710" s="613"/>
      <c r="GJS710" s="613"/>
      <c r="GJT710" s="613"/>
      <c r="GJU710" s="613"/>
      <c r="GJV710" s="613"/>
      <c r="GJW710" s="613"/>
      <c r="GJX710" s="613"/>
      <c r="GJY710" s="613"/>
      <c r="GJZ710" s="613"/>
      <c r="GKA710" s="613"/>
      <c r="GKB710" s="613"/>
      <c r="GKC710" s="613"/>
      <c r="GKD710" s="613"/>
      <c r="GKE710" s="613"/>
      <c r="GKF710" s="613"/>
      <c r="GKG710" s="613"/>
      <c r="GKH710" s="613"/>
      <c r="GKI710" s="613"/>
      <c r="GKJ710" s="613"/>
      <c r="GKK710" s="613"/>
      <c r="GKL710" s="613"/>
      <c r="GKM710" s="613"/>
      <c r="GKN710" s="613"/>
      <c r="GKO710" s="613"/>
      <c r="GKP710" s="613"/>
      <c r="GKQ710" s="613"/>
      <c r="GKR710" s="613"/>
      <c r="GKS710" s="613"/>
      <c r="GKT710" s="613"/>
      <c r="GKU710" s="613"/>
      <c r="GKV710" s="613"/>
      <c r="GKW710" s="613"/>
      <c r="GKX710" s="613"/>
      <c r="GKY710" s="613"/>
      <c r="GKZ710" s="613"/>
      <c r="GLA710" s="613"/>
      <c r="GLB710" s="613"/>
      <c r="GLC710" s="613"/>
      <c r="GLD710" s="613"/>
      <c r="GLE710" s="613"/>
      <c r="GLF710" s="613"/>
      <c r="GLG710" s="613"/>
      <c r="GLH710" s="613"/>
      <c r="GLI710" s="613"/>
      <c r="GLJ710" s="613"/>
      <c r="GLK710" s="613"/>
      <c r="GLL710" s="613"/>
      <c r="GLM710" s="613"/>
      <c r="GLN710" s="613"/>
      <c r="GLO710" s="613"/>
      <c r="GLP710" s="613"/>
      <c r="GLQ710" s="613"/>
      <c r="GLR710" s="613"/>
      <c r="GLS710" s="613"/>
      <c r="GLT710" s="613"/>
      <c r="GLU710" s="613"/>
      <c r="GLV710" s="613"/>
      <c r="GLW710" s="613"/>
      <c r="GLX710" s="613"/>
      <c r="GLY710" s="613"/>
      <c r="GLZ710" s="613"/>
      <c r="GMA710" s="613"/>
      <c r="GMB710" s="613"/>
      <c r="GMC710" s="613"/>
      <c r="GMD710" s="613"/>
      <c r="GME710" s="613"/>
      <c r="GMF710" s="613"/>
      <c r="GMG710" s="613"/>
      <c r="GMH710" s="613"/>
      <c r="GMI710" s="613"/>
      <c r="GMJ710" s="613"/>
      <c r="GMK710" s="613"/>
      <c r="GML710" s="613"/>
      <c r="GMM710" s="613"/>
      <c r="GMN710" s="613"/>
      <c r="GMO710" s="613"/>
      <c r="GMP710" s="613"/>
      <c r="GMQ710" s="613"/>
      <c r="GMR710" s="613"/>
      <c r="GMS710" s="613"/>
      <c r="GMT710" s="613"/>
      <c r="GMU710" s="613"/>
      <c r="GMV710" s="613"/>
      <c r="GMW710" s="613"/>
      <c r="GMX710" s="613"/>
      <c r="GMY710" s="613"/>
      <c r="GMZ710" s="613"/>
      <c r="GNA710" s="613"/>
      <c r="GNB710" s="613"/>
      <c r="GNC710" s="613"/>
      <c r="GND710" s="613"/>
      <c r="GNE710" s="613"/>
      <c r="GNF710" s="613"/>
      <c r="GNG710" s="613"/>
      <c r="GNH710" s="613"/>
      <c r="GNI710" s="613"/>
      <c r="GNJ710" s="613"/>
      <c r="GNK710" s="613"/>
      <c r="GNL710" s="613"/>
      <c r="GNM710" s="613"/>
      <c r="GNN710" s="613"/>
      <c r="GNO710" s="613"/>
      <c r="GNP710" s="613"/>
      <c r="GNQ710" s="613"/>
      <c r="GNR710" s="613"/>
      <c r="GNS710" s="613"/>
      <c r="GNT710" s="613"/>
      <c r="GNU710" s="613"/>
      <c r="GNV710" s="613"/>
      <c r="GNW710" s="613"/>
      <c r="GNX710" s="613"/>
      <c r="GNY710" s="613"/>
      <c r="GNZ710" s="613"/>
      <c r="GOA710" s="613"/>
      <c r="GOB710" s="613"/>
      <c r="GOC710" s="613"/>
      <c r="GOD710" s="613"/>
      <c r="GOE710" s="613"/>
      <c r="GOF710" s="613"/>
      <c r="GOG710" s="613"/>
      <c r="GOH710" s="613"/>
      <c r="GOI710" s="613"/>
      <c r="GOJ710" s="613"/>
      <c r="GOK710" s="613"/>
      <c r="GOL710" s="613"/>
      <c r="GOM710" s="613"/>
      <c r="GON710" s="613"/>
      <c r="GOO710" s="613"/>
      <c r="GOP710" s="613"/>
      <c r="GOQ710" s="613"/>
      <c r="GOR710" s="613"/>
      <c r="GOS710" s="613"/>
      <c r="GOT710" s="613"/>
      <c r="GOU710" s="613"/>
      <c r="GOV710" s="613"/>
      <c r="GOW710" s="613"/>
      <c r="GOX710" s="613"/>
      <c r="GOY710" s="613"/>
      <c r="GOZ710" s="613"/>
      <c r="GPA710" s="613"/>
      <c r="GPB710" s="613"/>
      <c r="GPC710" s="613"/>
      <c r="GPD710" s="613"/>
      <c r="GPE710" s="613"/>
      <c r="GPF710" s="613"/>
      <c r="GPG710" s="613"/>
      <c r="GPH710" s="613"/>
      <c r="GPI710" s="613"/>
      <c r="GPJ710" s="613"/>
      <c r="GPK710" s="613"/>
      <c r="GPL710" s="613"/>
      <c r="GPM710" s="613"/>
      <c r="GPN710" s="613"/>
      <c r="GPO710" s="613"/>
      <c r="GPP710" s="613"/>
      <c r="GPQ710" s="613"/>
      <c r="GPR710" s="613"/>
      <c r="GPS710" s="613"/>
      <c r="GPT710" s="613"/>
      <c r="GPU710" s="613"/>
      <c r="GPV710" s="613"/>
      <c r="GPW710" s="613"/>
      <c r="GPX710" s="613"/>
      <c r="GPY710" s="613"/>
      <c r="GPZ710" s="613"/>
      <c r="GQA710" s="613"/>
      <c r="GQB710" s="613"/>
      <c r="GQC710" s="613"/>
      <c r="GQD710" s="613"/>
      <c r="GQE710" s="613"/>
      <c r="GQF710" s="613"/>
      <c r="GQG710" s="613"/>
      <c r="GQH710" s="613"/>
      <c r="GQI710" s="613"/>
      <c r="GQJ710" s="613"/>
      <c r="GQK710" s="613"/>
      <c r="GQL710" s="613"/>
      <c r="GQM710" s="613"/>
      <c r="GQN710" s="613"/>
      <c r="GQO710" s="613"/>
      <c r="GQP710" s="613"/>
      <c r="GQQ710" s="613"/>
      <c r="GQR710" s="613"/>
      <c r="GQS710" s="613"/>
      <c r="GQT710" s="613"/>
      <c r="GQU710" s="613"/>
      <c r="GQV710" s="613"/>
      <c r="GQW710" s="613"/>
      <c r="GQX710" s="613"/>
      <c r="GQY710" s="613"/>
      <c r="GQZ710" s="613"/>
      <c r="GRA710" s="613"/>
      <c r="GRB710" s="613"/>
      <c r="GRC710" s="613"/>
      <c r="GRD710" s="613"/>
      <c r="GRE710" s="613"/>
      <c r="GRF710" s="613"/>
      <c r="GRG710" s="613"/>
      <c r="GRH710" s="613"/>
      <c r="GRI710" s="613"/>
      <c r="GRJ710" s="613"/>
      <c r="GRK710" s="613"/>
      <c r="GRL710" s="613"/>
      <c r="GRM710" s="613"/>
      <c r="GRN710" s="613"/>
      <c r="GRO710" s="613"/>
      <c r="GRP710" s="613"/>
      <c r="GRQ710" s="613"/>
      <c r="GRR710" s="613"/>
      <c r="GRS710" s="613"/>
      <c r="GRT710" s="613"/>
      <c r="GRU710" s="613"/>
      <c r="GRV710" s="613"/>
      <c r="GRW710" s="613"/>
      <c r="GRX710" s="613"/>
      <c r="GRY710" s="613"/>
      <c r="GRZ710" s="613"/>
      <c r="GSA710" s="613"/>
      <c r="GSB710" s="613"/>
      <c r="GSC710" s="613"/>
      <c r="GSD710" s="613"/>
      <c r="GSE710" s="613"/>
      <c r="GSF710" s="613"/>
      <c r="GSG710" s="613"/>
      <c r="GSH710" s="613"/>
      <c r="GSI710" s="613"/>
      <c r="GSJ710" s="613"/>
      <c r="GSK710" s="613"/>
      <c r="GSL710" s="613"/>
      <c r="GSM710" s="613"/>
      <c r="GSN710" s="613"/>
      <c r="GSO710" s="613"/>
      <c r="GSP710" s="613"/>
      <c r="GSQ710" s="613"/>
      <c r="GSR710" s="613"/>
      <c r="GSS710" s="613"/>
      <c r="GST710" s="613"/>
      <c r="GSU710" s="613"/>
      <c r="GSV710" s="613"/>
      <c r="GSW710" s="613"/>
      <c r="GSX710" s="613"/>
      <c r="GSY710" s="613"/>
      <c r="GSZ710" s="613"/>
      <c r="GTA710" s="613"/>
      <c r="GTB710" s="613"/>
      <c r="GTC710" s="613"/>
      <c r="GTD710" s="613"/>
      <c r="GTE710" s="613"/>
      <c r="GTF710" s="613"/>
      <c r="GTG710" s="613"/>
      <c r="GTH710" s="613"/>
      <c r="GTI710" s="613"/>
      <c r="GTJ710" s="613"/>
      <c r="GTK710" s="613"/>
      <c r="GTL710" s="613"/>
      <c r="GTM710" s="613"/>
      <c r="GTN710" s="613"/>
      <c r="GTO710" s="613"/>
      <c r="GTP710" s="613"/>
      <c r="GTQ710" s="613"/>
      <c r="GTR710" s="613"/>
      <c r="GTS710" s="613"/>
      <c r="GTT710" s="613"/>
      <c r="GTU710" s="613"/>
      <c r="GTV710" s="613"/>
      <c r="GTW710" s="613"/>
      <c r="GTX710" s="613"/>
      <c r="GTY710" s="613"/>
      <c r="GTZ710" s="613"/>
      <c r="GUA710" s="613"/>
      <c r="GUB710" s="613"/>
      <c r="GUC710" s="613"/>
      <c r="GUD710" s="613"/>
      <c r="GUE710" s="613"/>
      <c r="GUF710" s="613"/>
      <c r="GUG710" s="613"/>
      <c r="GUH710" s="613"/>
      <c r="GUI710" s="613"/>
      <c r="GUJ710" s="613"/>
      <c r="GUK710" s="613"/>
      <c r="GUL710" s="613"/>
      <c r="GUM710" s="613"/>
      <c r="GUN710" s="613"/>
      <c r="GUO710" s="613"/>
      <c r="GUP710" s="613"/>
      <c r="GUQ710" s="613"/>
      <c r="GUR710" s="613"/>
      <c r="GUS710" s="613"/>
      <c r="GUT710" s="613"/>
      <c r="GUU710" s="613"/>
      <c r="GUV710" s="613"/>
      <c r="GUW710" s="613"/>
      <c r="GUX710" s="613"/>
      <c r="GUY710" s="613"/>
      <c r="GUZ710" s="613"/>
      <c r="GVA710" s="613"/>
      <c r="GVB710" s="613"/>
      <c r="GVC710" s="613"/>
      <c r="GVD710" s="613"/>
      <c r="GVE710" s="613"/>
      <c r="GVF710" s="613"/>
      <c r="GVG710" s="613"/>
      <c r="GVH710" s="613"/>
      <c r="GVI710" s="613"/>
      <c r="GVJ710" s="613"/>
      <c r="GVK710" s="613"/>
      <c r="GVL710" s="613"/>
      <c r="GVM710" s="613"/>
      <c r="GVN710" s="613"/>
      <c r="GVO710" s="613"/>
      <c r="GVP710" s="613"/>
      <c r="GVQ710" s="613"/>
      <c r="GVR710" s="613"/>
      <c r="GVS710" s="613"/>
      <c r="GVT710" s="613"/>
      <c r="GVU710" s="613"/>
      <c r="GVV710" s="613"/>
      <c r="GVW710" s="613"/>
      <c r="GVX710" s="613"/>
      <c r="GVY710" s="613"/>
      <c r="GVZ710" s="613"/>
      <c r="GWA710" s="613"/>
      <c r="GWB710" s="613"/>
      <c r="GWC710" s="613"/>
      <c r="GWD710" s="613"/>
      <c r="GWE710" s="613"/>
      <c r="GWF710" s="613"/>
      <c r="GWG710" s="613"/>
      <c r="GWH710" s="613"/>
      <c r="GWI710" s="613"/>
      <c r="GWJ710" s="613"/>
      <c r="GWK710" s="613"/>
      <c r="GWL710" s="613"/>
      <c r="GWM710" s="613"/>
      <c r="GWN710" s="613"/>
      <c r="GWO710" s="613"/>
      <c r="GWP710" s="613"/>
      <c r="GWQ710" s="613"/>
      <c r="GWR710" s="613"/>
      <c r="GWS710" s="613"/>
      <c r="GWT710" s="613"/>
      <c r="GWU710" s="613"/>
      <c r="GWV710" s="613"/>
      <c r="GWW710" s="613"/>
      <c r="GWX710" s="613"/>
      <c r="GWY710" s="613"/>
      <c r="GWZ710" s="613"/>
      <c r="GXA710" s="613"/>
      <c r="GXB710" s="613"/>
      <c r="GXC710" s="613"/>
      <c r="GXD710" s="613"/>
      <c r="GXE710" s="613"/>
      <c r="GXF710" s="613"/>
      <c r="GXG710" s="613"/>
      <c r="GXH710" s="613"/>
      <c r="GXI710" s="613"/>
      <c r="GXJ710" s="613"/>
      <c r="GXK710" s="613"/>
      <c r="GXL710" s="613"/>
      <c r="GXM710" s="613"/>
      <c r="GXN710" s="613"/>
      <c r="GXO710" s="613"/>
      <c r="GXP710" s="613"/>
      <c r="GXQ710" s="613"/>
      <c r="GXR710" s="613"/>
      <c r="GXS710" s="613"/>
      <c r="GXT710" s="613"/>
      <c r="GXU710" s="613"/>
      <c r="GXV710" s="613"/>
      <c r="GXW710" s="613"/>
      <c r="GXX710" s="613"/>
      <c r="GXY710" s="613"/>
      <c r="GXZ710" s="613"/>
      <c r="GYA710" s="613"/>
      <c r="GYB710" s="613"/>
      <c r="GYC710" s="613"/>
      <c r="GYD710" s="613"/>
      <c r="GYE710" s="613"/>
      <c r="GYF710" s="613"/>
      <c r="GYG710" s="613"/>
      <c r="GYH710" s="613"/>
      <c r="GYI710" s="613"/>
      <c r="GYJ710" s="613"/>
      <c r="GYK710" s="613"/>
      <c r="GYL710" s="613"/>
      <c r="GYM710" s="613"/>
      <c r="GYN710" s="613"/>
      <c r="GYO710" s="613"/>
      <c r="GYP710" s="613"/>
      <c r="GYQ710" s="613"/>
      <c r="GYR710" s="613"/>
      <c r="GYS710" s="613"/>
      <c r="GYT710" s="613"/>
      <c r="GYU710" s="613"/>
      <c r="GYV710" s="613"/>
      <c r="GYW710" s="613"/>
      <c r="GYX710" s="613"/>
      <c r="GYY710" s="613"/>
      <c r="GYZ710" s="613"/>
      <c r="GZA710" s="613"/>
      <c r="GZB710" s="613"/>
      <c r="GZC710" s="613"/>
      <c r="GZD710" s="613"/>
      <c r="GZE710" s="613"/>
      <c r="GZF710" s="613"/>
      <c r="GZG710" s="613"/>
      <c r="GZH710" s="613"/>
      <c r="GZI710" s="613"/>
      <c r="GZJ710" s="613"/>
      <c r="GZK710" s="613"/>
      <c r="GZL710" s="613"/>
      <c r="GZM710" s="613"/>
      <c r="GZN710" s="613"/>
      <c r="GZO710" s="613"/>
      <c r="GZP710" s="613"/>
      <c r="GZQ710" s="613"/>
      <c r="GZR710" s="613"/>
      <c r="GZS710" s="613"/>
      <c r="GZT710" s="613"/>
      <c r="GZU710" s="613"/>
      <c r="GZV710" s="613"/>
      <c r="GZW710" s="613"/>
      <c r="GZX710" s="613"/>
      <c r="GZY710" s="613"/>
      <c r="GZZ710" s="613"/>
      <c r="HAA710" s="613"/>
      <c r="HAB710" s="613"/>
      <c r="HAC710" s="613"/>
      <c r="HAD710" s="613"/>
      <c r="HAE710" s="613"/>
      <c r="HAF710" s="613"/>
      <c r="HAG710" s="613"/>
      <c r="HAH710" s="613"/>
      <c r="HAI710" s="613"/>
      <c r="HAJ710" s="613"/>
      <c r="HAK710" s="613"/>
      <c r="HAL710" s="613"/>
      <c r="HAM710" s="613"/>
      <c r="HAN710" s="613"/>
      <c r="HAO710" s="613"/>
      <c r="HAP710" s="613"/>
      <c r="HAQ710" s="613"/>
      <c r="HAR710" s="613"/>
      <c r="HAS710" s="613"/>
      <c r="HAT710" s="613"/>
      <c r="HAU710" s="613"/>
      <c r="HAV710" s="613"/>
      <c r="HAW710" s="613"/>
      <c r="HAX710" s="613"/>
      <c r="HAY710" s="613"/>
      <c r="HAZ710" s="613"/>
      <c r="HBA710" s="613"/>
      <c r="HBB710" s="613"/>
      <c r="HBC710" s="613"/>
      <c r="HBD710" s="613"/>
      <c r="HBE710" s="613"/>
      <c r="HBF710" s="613"/>
      <c r="HBG710" s="613"/>
      <c r="HBH710" s="613"/>
      <c r="HBI710" s="613"/>
      <c r="HBJ710" s="613"/>
      <c r="HBK710" s="613"/>
      <c r="HBL710" s="613"/>
      <c r="HBM710" s="613"/>
      <c r="HBN710" s="613"/>
      <c r="HBO710" s="613"/>
      <c r="HBP710" s="613"/>
      <c r="HBQ710" s="613"/>
      <c r="HBR710" s="613"/>
      <c r="HBS710" s="613"/>
      <c r="HBT710" s="613"/>
      <c r="HBU710" s="613"/>
      <c r="HBV710" s="613"/>
      <c r="HBW710" s="613"/>
      <c r="HBX710" s="613"/>
      <c r="HBY710" s="613"/>
      <c r="HBZ710" s="613"/>
      <c r="HCA710" s="613"/>
      <c r="HCB710" s="613"/>
      <c r="HCC710" s="613"/>
      <c r="HCD710" s="613"/>
      <c r="HCE710" s="613"/>
      <c r="HCF710" s="613"/>
      <c r="HCG710" s="613"/>
      <c r="HCH710" s="613"/>
      <c r="HCI710" s="613"/>
      <c r="HCJ710" s="613"/>
      <c r="HCK710" s="613"/>
      <c r="HCL710" s="613"/>
      <c r="HCM710" s="613"/>
      <c r="HCN710" s="613"/>
      <c r="HCO710" s="613"/>
      <c r="HCP710" s="613"/>
      <c r="HCQ710" s="613"/>
      <c r="HCR710" s="613"/>
      <c r="HCS710" s="613"/>
      <c r="HCT710" s="613"/>
      <c r="HCU710" s="613"/>
      <c r="HCV710" s="613"/>
      <c r="HCW710" s="613"/>
      <c r="HCX710" s="613"/>
      <c r="HCY710" s="613"/>
      <c r="HCZ710" s="613"/>
      <c r="HDA710" s="613"/>
      <c r="HDB710" s="613"/>
      <c r="HDC710" s="613"/>
      <c r="HDD710" s="613"/>
      <c r="HDE710" s="613"/>
      <c r="HDF710" s="613"/>
      <c r="HDG710" s="613"/>
      <c r="HDH710" s="613"/>
      <c r="HDI710" s="613"/>
      <c r="HDJ710" s="613"/>
      <c r="HDK710" s="613"/>
      <c r="HDL710" s="613"/>
      <c r="HDM710" s="613"/>
      <c r="HDN710" s="613"/>
      <c r="HDO710" s="613"/>
      <c r="HDP710" s="613"/>
      <c r="HDQ710" s="613"/>
      <c r="HDR710" s="613"/>
      <c r="HDS710" s="613"/>
      <c r="HDT710" s="613"/>
      <c r="HDU710" s="613"/>
      <c r="HDV710" s="613"/>
      <c r="HDW710" s="613"/>
      <c r="HDX710" s="613"/>
      <c r="HDY710" s="613"/>
      <c r="HDZ710" s="613"/>
      <c r="HEA710" s="613"/>
      <c r="HEB710" s="613"/>
      <c r="HEC710" s="613"/>
      <c r="HED710" s="613"/>
      <c r="HEE710" s="613"/>
      <c r="HEF710" s="613"/>
      <c r="HEG710" s="613"/>
      <c r="HEH710" s="613"/>
      <c r="HEI710" s="613"/>
      <c r="HEJ710" s="613"/>
      <c r="HEK710" s="613"/>
      <c r="HEL710" s="613"/>
      <c r="HEM710" s="613"/>
      <c r="HEN710" s="613"/>
      <c r="HEO710" s="613"/>
      <c r="HEP710" s="613"/>
      <c r="HEQ710" s="613"/>
      <c r="HER710" s="613"/>
      <c r="HES710" s="613"/>
      <c r="HET710" s="613"/>
      <c r="HEU710" s="613"/>
      <c r="HEV710" s="613"/>
      <c r="HEW710" s="613"/>
      <c r="HEX710" s="613"/>
      <c r="HEY710" s="613"/>
      <c r="HEZ710" s="613"/>
      <c r="HFA710" s="613"/>
      <c r="HFB710" s="613"/>
      <c r="HFC710" s="613"/>
      <c r="HFD710" s="613"/>
      <c r="HFE710" s="613"/>
      <c r="HFF710" s="613"/>
      <c r="HFG710" s="613"/>
      <c r="HFH710" s="613"/>
      <c r="HFI710" s="613"/>
      <c r="HFJ710" s="613"/>
      <c r="HFK710" s="613"/>
      <c r="HFL710" s="613"/>
      <c r="HFM710" s="613"/>
      <c r="HFN710" s="613"/>
      <c r="HFO710" s="613"/>
      <c r="HFP710" s="613"/>
      <c r="HFQ710" s="613"/>
      <c r="HFR710" s="613"/>
      <c r="HFS710" s="613"/>
      <c r="HFT710" s="613"/>
      <c r="HFU710" s="613"/>
      <c r="HFV710" s="613"/>
      <c r="HFW710" s="613"/>
      <c r="HFX710" s="613"/>
      <c r="HFY710" s="613"/>
      <c r="HFZ710" s="613"/>
      <c r="HGA710" s="613"/>
      <c r="HGB710" s="613"/>
      <c r="HGC710" s="613"/>
      <c r="HGD710" s="613"/>
      <c r="HGE710" s="613"/>
      <c r="HGF710" s="613"/>
      <c r="HGG710" s="613"/>
      <c r="HGH710" s="613"/>
      <c r="HGI710" s="613"/>
      <c r="HGJ710" s="613"/>
      <c r="HGK710" s="613"/>
      <c r="HGL710" s="613"/>
      <c r="HGM710" s="613"/>
      <c r="HGN710" s="613"/>
      <c r="HGO710" s="613"/>
      <c r="HGP710" s="613"/>
      <c r="HGQ710" s="613"/>
      <c r="HGR710" s="613"/>
      <c r="HGS710" s="613"/>
      <c r="HGT710" s="613"/>
      <c r="HGU710" s="613"/>
      <c r="HGV710" s="613"/>
      <c r="HGW710" s="613"/>
      <c r="HGX710" s="613"/>
      <c r="HGY710" s="613"/>
      <c r="HGZ710" s="613"/>
      <c r="HHA710" s="613"/>
      <c r="HHB710" s="613"/>
      <c r="HHC710" s="613"/>
      <c r="HHD710" s="613"/>
      <c r="HHE710" s="613"/>
      <c r="HHF710" s="613"/>
      <c r="HHG710" s="613"/>
      <c r="HHH710" s="613"/>
      <c r="HHI710" s="613"/>
      <c r="HHJ710" s="613"/>
      <c r="HHK710" s="613"/>
      <c r="HHL710" s="613"/>
      <c r="HHM710" s="613"/>
      <c r="HHN710" s="613"/>
      <c r="HHO710" s="613"/>
      <c r="HHP710" s="613"/>
      <c r="HHQ710" s="613"/>
      <c r="HHR710" s="613"/>
      <c r="HHS710" s="613"/>
      <c r="HHT710" s="613"/>
      <c r="HHU710" s="613"/>
      <c r="HHV710" s="613"/>
      <c r="HHW710" s="613"/>
      <c r="HHX710" s="613"/>
      <c r="HHY710" s="613"/>
      <c r="HHZ710" s="613"/>
      <c r="HIA710" s="613"/>
      <c r="HIB710" s="613"/>
      <c r="HIC710" s="613"/>
      <c r="HID710" s="613"/>
      <c r="HIE710" s="613"/>
      <c r="HIF710" s="613"/>
      <c r="HIG710" s="613"/>
      <c r="HIH710" s="613"/>
      <c r="HII710" s="613"/>
      <c r="HIJ710" s="613"/>
      <c r="HIK710" s="613"/>
      <c r="HIL710" s="613"/>
      <c r="HIM710" s="613"/>
      <c r="HIN710" s="613"/>
      <c r="HIO710" s="613"/>
      <c r="HIP710" s="613"/>
      <c r="HIQ710" s="613"/>
      <c r="HIR710" s="613"/>
      <c r="HIS710" s="613"/>
      <c r="HIT710" s="613"/>
      <c r="HIU710" s="613"/>
      <c r="HIV710" s="613"/>
      <c r="HIW710" s="613"/>
      <c r="HIX710" s="613"/>
      <c r="HIY710" s="613"/>
      <c r="HIZ710" s="613"/>
      <c r="HJA710" s="613"/>
      <c r="HJB710" s="613"/>
      <c r="HJC710" s="613"/>
      <c r="HJD710" s="613"/>
      <c r="HJE710" s="613"/>
      <c r="HJF710" s="613"/>
      <c r="HJG710" s="613"/>
      <c r="HJH710" s="613"/>
      <c r="HJI710" s="613"/>
      <c r="HJJ710" s="613"/>
      <c r="HJK710" s="613"/>
      <c r="HJL710" s="613"/>
      <c r="HJM710" s="613"/>
      <c r="HJN710" s="613"/>
      <c r="HJO710" s="613"/>
      <c r="HJP710" s="613"/>
      <c r="HJQ710" s="613"/>
      <c r="HJR710" s="613"/>
      <c r="HJS710" s="613"/>
      <c r="HJT710" s="613"/>
      <c r="HJU710" s="613"/>
      <c r="HJV710" s="613"/>
      <c r="HJW710" s="613"/>
      <c r="HJX710" s="613"/>
      <c r="HJY710" s="613"/>
      <c r="HJZ710" s="613"/>
      <c r="HKA710" s="613"/>
      <c r="HKB710" s="613"/>
      <c r="HKC710" s="613"/>
      <c r="HKD710" s="613"/>
      <c r="HKE710" s="613"/>
      <c r="HKF710" s="613"/>
      <c r="HKG710" s="613"/>
      <c r="HKH710" s="613"/>
      <c r="HKI710" s="613"/>
      <c r="HKJ710" s="613"/>
      <c r="HKK710" s="613"/>
      <c r="HKL710" s="613"/>
      <c r="HKM710" s="613"/>
      <c r="HKN710" s="613"/>
      <c r="HKO710" s="613"/>
      <c r="HKP710" s="613"/>
      <c r="HKQ710" s="613"/>
      <c r="HKR710" s="613"/>
      <c r="HKS710" s="613"/>
      <c r="HKT710" s="613"/>
      <c r="HKU710" s="613"/>
      <c r="HKV710" s="613"/>
      <c r="HKW710" s="613"/>
      <c r="HKX710" s="613"/>
      <c r="HKY710" s="613"/>
      <c r="HKZ710" s="613"/>
      <c r="HLA710" s="613"/>
      <c r="HLB710" s="613"/>
      <c r="HLC710" s="613"/>
      <c r="HLD710" s="613"/>
      <c r="HLE710" s="613"/>
      <c r="HLF710" s="613"/>
      <c r="HLG710" s="613"/>
      <c r="HLH710" s="613"/>
      <c r="HLI710" s="613"/>
      <c r="HLJ710" s="613"/>
      <c r="HLK710" s="613"/>
      <c r="HLL710" s="613"/>
      <c r="HLM710" s="613"/>
      <c r="HLN710" s="613"/>
      <c r="HLO710" s="613"/>
      <c r="HLP710" s="613"/>
      <c r="HLQ710" s="613"/>
      <c r="HLR710" s="613"/>
      <c r="HLS710" s="613"/>
      <c r="HLT710" s="613"/>
      <c r="HLU710" s="613"/>
      <c r="HLV710" s="613"/>
      <c r="HLW710" s="613"/>
      <c r="HLX710" s="613"/>
      <c r="HLY710" s="613"/>
      <c r="HLZ710" s="613"/>
      <c r="HMA710" s="613"/>
      <c r="HMB710" s="613"/>
      <c r="HMC710" s="613"/>
      <c r="HMD710" s="613"/>
      <c r="HME710" s="613"/>
      <c r="HMF710" s="613"/>
      <c r="HMG710" s="613"/>
      <c r="HMH710" s="613"/>
      <c r="HMI710" s="613"/>
      <c r="HMJ710" s="613"/>
      <c r="HMK710" s="613"/>
      <c r="HML710" s="613"/>
      <c r="HMM710" s="613"/>
      <c r="HMN710" s="613"/>
      <c r="HMO710" s="613"/>
      <c r="HMP710" s="613"/>
      <c r="HMQ710" s="613"/>
      <c r="HMR710" s="613"/>
      <c r="HMS710" s="613"/>
      <c r="HMT710" s="613"/>
      <c r="HMU710" s="613"/>
      <c r="HMV710" s="613"/>
      <c r="HMW710" s="613"/>
      <c r="HMX710" s="613"/>
      <c r="HMY710" s="613"/>
      <c r="HMZ710" s="613"/>
      <c r="HNA710" s="613"/>
      <c r="HNB710" s="613"/>
      <c r="HNC710" s="613"/>
      <c r="HND710" s="613"/>
      <c r="HNE710" s="613"/>
      <c r="HNF710" s="613"/>
      <c r="HNG710" s="613"/>
      <c r="HNH710" s="613"/>
      <c r="HNI710" s="613"/>
      <c r="HNJ710" s="613"/>
      <c r="HNK710" s="613"/>
      <c r="HNL710" s="613"/>
      <c r="HNM710" s="613"/>
      <c r="HNN710" s="613"/>
      <c r="HNO710" s="613"/>
      <c r="HNP710" s="613"/>
      <c r="HNQ710" s="613"/>
      <c r="HNR710" s="613"/>
      <c r="HNS710" s="613"/>
      <c r="HNT710" s="613"/>
      <c r="HNU710" s="613"/>
      <c r="HNV710" s="613"/>
      <c r="HNW710" s="613"/>
      <c r="HNX710" s="613"/>
      <c r="HNY710" s="613"/>
      <c r="HNZ710" s="613"/>
      <c r="HOA710" s="613"/>
      <c r="HOB710" s="613"/>
      <c r="HOC710" s="613"/>
      <c r="HOD710" s="613"/>
      <c r="HOE710" s="613"/>
      <c r="HOF710" s="613"/>
      <c r="HOG710" s="613"/>
      <c r="HOH710" s="613"/>
      <c r="HOI710" s="613"/>
      <c r="HOJ710" s="613"/>
      <c r="HOK710" s="613"/>
      <c r="HOL710" s="613"/>
      <c r="HOM710" s="613"/>
      <c r="HON710" s="613"/>
      <c r="HOO710" s="613"/>
      <c r="HOP710" s="613"/>
      <c r="HOQ710" s="613"/>
      <c r="HOR710" s="613"/>
      <c r="HOS710" s="613"/>
      <c r="HOT710" s="613"/>
      <c r="HOU710" s="613"/>
      <c r="HOV710" s="613"/>
      <c r="HOW710" s="613"/>
      <c r="HOX710" s="613"/>
      <c r="HOY710" s="613"/>
      <c r="HOZ710" s="613"/>
      <c r="HPA710" s="613"/>
      <c r="HPB710" s="613"/>
      <c r="HPC710" s="613"/>
      <c r="HPD710" s="613"/>
      <c r="HPE710" s="613"/>
      <c r="HPF710" s="613"/>
      <c r="HPG710" s="613"/>
      <c r="HPH710" s="613"/>
      <c r="HPI710" s="613"/>
      <c r="HPJ710" s="613"/>
      <c r="HPK710" s="613"/>
      <c r="HPL710" s="613"/>
      <c r="HPM710" s="613"/>
      <c r="HPN710" s="613"/>
      <c r="HPO710" s="613"/>
      <c r="HPP710" s="613"/>
      <c r="HPQ710" s="613"/>
      <c r="HPR710" s="613"/>
      <c r="HPS710" s="613"/>
      <c r="HPT710" s="613"/>
      <c r="HPU710" s="613"/>
      <c r="HPV710" s="613"/>
      <c r="HPW710" s="613"/>
      <c r="HPX710" s="613"/>
      <c r="HPY710" s="613"/>
      <c r="HPZ710" s="613"/>
      <c r="HQA710" s="613"/>
      <c r="HQB710" s="613"/>
      <c r="HQC710" s="613"/>
      <c r="HQD710" s="613"/>
      <c r="HQE710" s="613"/>
      <c r="HQF710" s="613"/>
      <c r="HQG710" s="613"/>
      <c r="HQH710" s="613"/>
      <c r="HQI710" s="613"/>
      <c r="HQJ710" s="613"/>
      <c r="HQK710" s="613"/>
      <c r="HQL710" s="613"/>
      <c r="HQM710" s="613"/>
      <c r="HQN710" s="613"/>
      <c r="HQO710" s="613"/>
      <c r="HQP710" s="613"/>
      <c r="HQQ710" s="613"/>
      <c r="HQR710" s="613"/>
      <c r="HQS710" s="613"/>
      <c r="HQT710" s="613"/>
      <c r="HQU710" s="613"/>
      <c r="HQV710" s="613"/>
      <c r="HQW710" s="613"/>
      <c r="HQX710" s="613"/>
      <c r="HQY710" s="613"/>
      <c r="HQZ710" s="613"/>
      <c r="HRA710" s="613"/>
      <c r="HRB710" s="613"/>
      <c r="HRC710" s="613"/>
      <c r="HRD710" s="613"/>
      <c r="HRE710" s="613"/>
      <c r="HRF710" s="613"/>
      <c r="HRG710" s="613"/>
      <c r="HRH710" s="613"/>
      <c r="HRI710" s="613"/>
      <c r="HRJ710" s="613"/>
      <c r="HRK710" s="613"/>
      <c r="HRL710" s="613"/>
      <c r="HRM710" s="613"/>
      <c r="HRN710" s="613"/>
      <c r="HRO710" s="613"/>
      <c r="HRP710" s="613"/>
      <c r="HRQ710" s="613"/>
      <c r="HRR710" s="613"/>
      <c r="HRS710" s="613"/>
      <c r="HRT710" s="613"/>
      <c r="HRU710" s="613"/>
      <c r="HRV710" s="613"/>
      <c r="HRW710" s="613"/>
      <c r="HRX710" s="613"/>
      <c r="HRY710" s="613"/>
      <c r="HRZ710" s="613"/>
      <c r="HSA710" s="613"/>
      <c r="HSB710" s="613"/>
      <c r="HSC710" s="613"/>
      <c r="HSD710" s="613"/>
      <c r="HSE710" s="613"/>
      <c r="HSF710" s="613"/>
      <c r="HSG710" s="613"/>
      <c r="HSH710" s="613"/>
      <c r="HSI710" s="613"/>
      <c r="HSJ710" s="613"/>
      <c r="HSK710" s="613"/>
      <c r="HSL710" s="613"/>
      <c r="HSM710" s="613"/>
      <c r="HSN710" s="613"/>
      <c r="HSO710" s="613"/>
      <c r="HSP710" s="613"/>
      <c r="HSQ710" s="613"/>
      <c r="HSR710" s="613"/>
      <c r="HSS710" s="613"/>
      <c r="HST710" s="613"/>
      <c r="HSU710" s="613"/>
      <c r="HSV710" s="613"/>
      <c r="HSW710" s="613"/>
      <c r="HSX710" s="613"/>
      <c r="HSY710" s="613"/>
      <c r="HSZ710" s="613"/>
      <c r="HTA710" s="613"/>
      <c r="HTB710" s="613"/>
      <c r="HTC710" s="613"/>
      <c r="HTD710" s="613"/>
      <c r="HTE710" s="613"/>
      <c r="HTF710" s="613"/>
      <c r="HTG710" s="613"/>
      <c r="HTH710" s="613"/>
      <c r="HTI710" s="613"/>
      <c r="HTJ710" s="613"/>
      <c r="HTK710" s="613"/>
      <c r="HTL710" s="613"/>
      <c r="HTM710" s="613"/>
      <c r="HTN710" s="613"/>
      <c r="HTO710" s="613"/>
      <c r="HTP710" s="613"/>
      <c r="HTQ710" s="613"/>
      <c r="HTR710" s="613"/>
      <c r="HTS710" s="613"/>
      <c r="HTT710" s="613"/>
      <c r="HTU710" s="613"/>
      <c r="HTV710" s="613"/>
      <c r="HTW710" s="613"/>
      <c r="HTX710" s="613"/>
      <c r="HTY710" s="613"/>
      <c r="HTZ710" s="613"/>
      <c r="HUA710" s="613"/>
      <c r="HUB710" s="613"/>
      <c r="HUC710" s="613"/>
      <c r="HUD710" s="613"/>
      <c r="HUE710" s="613"/>
      <c r="HUF710" s="613"/>
      <c r="HUG710" s="613"/>
      <c r="HUH710" s="613"/>
      <c r="HUI710" s="613"/>
      <c r="HUJ710" s="613"/>
      <c r="HUK710" s="613"/>
      <c r="HUL710" s="613"/>
      <c r="HUM710" s="613"/>
      <c r="HUN710" s="613"/>
      <c r="HUO710" s="613"/>
      <c r="HUP710" s="613"/>
      <c r="HUQ710" s="613"/>
      <c r="HUR710" s="613"/>
      <c r="HUS710" s="613"/>
      <c r="HUT710" s="613"/>
      <c r="HUU710" s="613"/>
      <c r="HUV710" s="613"/>
      <c r="HUW710" s="613"/>
      <c r="HUX710" s="613"/>
      <c r="HUY710" s="613"/>
      <c r="HUZ710" s="613"/>
      <c r="HVA710" s="613"/>
      <c r="HVB710" s="613"/>
      <c r="HVC710" s="613"/>
      <c r="HVD710" s="613"/>
      <c r="HVE710" s="613"/>
      <c r="HVF710" s="613"/>
      <c r="HVG710" s="613"/>
      <c r="HVH710" s="613"/>
      <c r="HVI710" s="613"/>
      <c r="HVJ710" s="613"/>
      <c r="HVK710" s="613"/>
      <c r="HVL710" s="613"/>
      <c r="HVM710" s="613"/>
      <c r="HVN710" s="613"/>
      <c r="HVO710" s="613"/>
      <c r="HVP710" s="613"/>
      <c r="HVQ710" s="613"/>
      <c r="HVR710" s="613"/>
      <c r="HVS710" s="613"/>
      <c r="HVT710" s="613"/>
      <c r="HVU710" s="613"/>
      <c r="HVV710" s="613"/>
      <c r="HVW710" s="613"/>
      <c r="HVX710" s="613"/>
      <c r="HVY710" s="613"/>
      <c r="HVZ710" s="613"/>
      <c r="HWA710" s="613"/>
      <c r="HWB710" s="613"/>
      <c r="HWC710" s="613"/>
      <c r="HWD710" s="613"/>
      <c r="HWE710" s="613"/>
      <c r="HWF710" s="613"/>
      <c r="HWG710" s="613"/>
      <c r="HWH710" s="613"/>
      <c r="HWI710" s="613"/>
      <c r="HWJ710" s="613"/>
      <c r="HWK710" s="613"/>
      <c r="HWL710" s="613"/>
      <c r="HWM710" s="613"/>
      <c r="HWN710" s="613"/>
      <c r="HWO710" s="613"/>
      <c r="HWP710" s="613"/>
      <c r="HWQ710" s="613"/>
      <c r="HWR710" s="613"/>
      <c r="HWS710" s="613"/>
      <c r="HWT710" s="613"/>
      <c r="HWU710" s="613"/>
      <c r="HWV710" s="613"/>
      <c r="HWW710" s="613"/>
      <c r="HWX710" s="613"/>
      <c r="HWY710" s="613"/>
      <c r="HWZ710" s="613"/>
      <c r="HXA710" s="613"/>
      <c r="HXB710" s="613"/>
      <c r="HXC710" s="613"/>
      <c r="HXD710" s="613"/>
      <c r="HXE710" s="613"/>
      <c r="HXF710" s="613"/>
      <c r="HXG710" s="613"/>
      <c r="HXH710" s="613"/>
      <c r="HXI710" s="613"/>
      <c r="HXJ710" s="613"/>
      <c r="HXK710" s="613"/>
      <c r="HXL710" s="613"/>
      <c r="HXM710" s="613"/>
      <c r="HXN710" s="613"/>
      <c r="HXO710" s="613"/>
      <c r="HXP710" s="613"/>
      <c r="HXQ710" s="613"/>
      <c r="HXR710" s="613"/>
      <c r="HXS710" s="613"/>
      <c r="HXT710" s="613"/>
      <c r="HXU710" s="613"/>
      <c r="HXV710" s="613"/>
      <c r="HXW710" s="613"/>
      <c r="HXX710" s="613"/>
      <c r="HXY710" s="613"/>
      <c r="HXZ710" s="613"/>
      <c r="HYA710" s="613"/>
      <c r="HYB710" s="613"/>
      <c r="HYC710" s="613"/>
      <c r="HYD710" s="613"/>
      <c r="HYE710" s="613"/>
      <c r="HYF710" s="613"/>
      <c r="HYG710" s="613"/>
      <c r="HYH710" s="613"/>
      <c r="HYI710" s="613"/>
      <c r="HYJ710" s="613"/>
      <c r="HYK710" s="613"/>
      <c r="HYL710" s="613"/>
      <c r="HYM710" s="613"/>
      <c r="HYN710" s="613"/>
      <c r="HYO710" s="613"/>
      <c r="HYP710" s="613"/>
      <c r="HYQ710" s="613"/>
      <c r="HYR710" s="613"/>
      <c r="HYS710" s="613"/>
      <c r="HYT710" s="613"/>
      <c r="HYU710" s="613"/>
      <c r="HYV710" s="613"/>
      <c r="HYW710" s="613"/>
      <c r="HYX710" s="613"/>
      <c r="HYY710" s="613"/>
      <c r="HYZ710" s="613"/>
      <c r="HZA710" s="613"/>
      <c r="HZB710" s="613"/>
      <c r="HZC710" s="613"/>
      <c r="HZD710" s="613"/>
      <c r="HZE710" s="613"/>
      <c r="HZF710" s="613"/>
      <c r="HZG710" s="613"/>
      <c r="HZH710" s="613"/>
      <c r="HZI710" s="613"/>
      <c r="HZJ710" s="613"/>
      <c r="HZK710" s="613"/>
      <c r="HZL710" s="613"/>
      <c r="HZM710" s="613"/>
      <c r="HZN710" s="613"/>
      <c r="HZO710" s="613"/>
      <c r="HZP710" s="613"/>
      <c r="HZQ710" s="613"/>
      <c r="HZR710" s="613"/>
      <c r="HZS710" s="613"/>
      <c r="HZT710" s="613"/>
      <c r="HZU710" s="613"/>
      <c r="HZV710" s="613"/>
      <c r="HZW710" s="613"/>
      <c r="HZX710" s="613"/>
      <c r="HZY710" s="613"/>
      <c r="HZZ710" s="613"/>
      <c r="IAA710" s="613"/>
      <c r="IAB710" s="613"/>
      <c r="IAC710" s="613"/>
      <c r="IAD710" s="613"/>
      <c r="IAE710" s="613"/>
      <c r="IAF710" s="613"/>
      <c r="IAG710" s="613"/>
      <c r="IAH710" s="613"/>
      <c r="IAI710" s="613"/>
      <c r="IAJ710" s="613"/>
      <c r="IAK710" s="613"/>
      <c r="IAL710" s="613"/>
      <c r="IAM710" s="613"/>
      <c r="IAN710" s="613"/>
      <c r="IAO710" s="613"/>
      <c r="IAP710" s="613"/>
      <c r="IAQ710" s="613"/>
      <c r="IAR710" s="613"/>
      <c r="IAS710" s="613"/>
      <c r="IAT710" s="613"/>
      <c r="IAU710" s="613"/>
      <c r="IAV710" s="613"/>
      <c r="IAW710" s="613"/>
      <c r="IAX710" s="613"/>
      <c r="IAY710" s="613"/>
      <c r="IAZ710" s="613"/>
      <c r="IBA710" s="613"/>
      <c r="IBB710" s="613"/>
      <c r="IBC710" s="613"/>
      <c r="IBD710" s="613"/>
      <c r="IBE710" s="613"/>
      <c r="IBF710" s="613"/>
      <c r="IBG710" s="613"/>
      <c r="IBH710" s="613"/>
      <c r="IBI710" s="613"/>
      <c r="IBJ710" s="613"/>
      <c r="IBK710" s="613"/>
      <c r="IBL710" s="613"/>
      <c r="IBM710" s="613"/>
      <c r="IBN710" s="613"/>
      <c r="IBO710" s="613"/>
      <c r="IBP710" s="613"/>
      <c r="IBQ710" s="613"/>
      <c r="IBR710" s="613"/>
      <c r="IBS710" s="613"/>
      <c r="IBT710" s="613"/>
      <c r="IBU710" s="613"/>
      <c r="IBV710" s="613"/>
      <c r="IBW710" s="613"/>
      <c r="IBX710" s="613"/>
      <c r="IBY710" s="613"/>
      <c r="IBZ710" s="613"/>
      <c r="ICA710" s="613"/>
      <c r="ICB710" s="613"/>
      <c r="ICC710" s="613"/>
      <c r="ICD710" s="613"/>
      <c r="ICE710" s="613"/>
      <c r="ICF710" s="613"/>
      <c r="ICG710" s="613"/>
      <c r="ICH710" s="613"/>
      <c r="ICI710" s="613"/>
      <c r="ICJ710" s="613"/>
      <c r="ICK710" s="613"/>
      <c r="ICL710" s="613"/>
      <c r="ICM710" s="613"/>
      <c r="ICN710" s="613"/>
      <c r="ICO710" s="613"/>
      <c r="ICP710" s="613"/>
      <c r="ICQ710" s="613"/>
      <c r="ICR710" s="613"/>
      <c r="ICS710" s="613"/>
      <c r="ICT710" s="613"/>
      <c r="ICU710" s="613"/>
      <c r="ICV710" s="613"/>
      <c r="ICW710" s="613"/>
      <c r="ICX710" s="613"/>
      <c r="ICY710" s="613"/>
      <c r="ICZ710" s="613"/>
      <c r="IDA710" s="613"/>
      <c r="IDB710" s="613"/>
      <c r="IDC710" s="613"/>
      <c r="IDD710" s="613"/>
      <c r="IDE710" s="613"/>
      <c r="IDF710" s="613"/>
      <c r="IDG710" s="613"/>
      <c r="IDH710" s="613"/>
      <c r="IDI710" s="613"/>
      <c r="IDJ710" s="613"/>
      <c r="IDK710" s="613"/>
      <c r="IDL710" s="613"/>
      <c r="IDM710" s="613"/>
      <c r="IDN710" s="613"/>
      <c r="IDO710" s="613"/>
      <c r="IDP710" s="613"/>
      <c r="IDQ710" s="613"/>
      <c r="IDR710" s="613"/>
      <c r="IDS710" s="613"/>
      <c r="IDT710" s="613"/>
      <c r="IDU710" s="613"/>
      <c r="IDV710" s="613"/>
      <c r="IDW710" s="613"/>
      <c r="IDX710" s="613"/>
      <c r="IDY710" s="613"/>
      <c r="IDZ710" s="613"/>
      <c r="IEA710" s="613"/>
      <c r="IEB710" s="613"/>
      <c r="IEC710" s="613"/>
      <c r="IED710" s="613"/>
      <c r="IEE710" s="613"/>
      <c r="IEF710" s="613"/>
      <c r="IEG710" s="613"/>
      <c r="IEH710" s="613"/>
      <c r="IEI710" s="613"/>
      <c r="IEJ710" s="613"/>
      <c r="IEK710" s="613"/>
      <c r="IEL710" s="613"/>
      <c r="IEM710" s="613"/>
      <c r="IEN710" s="613"/>
      <c r="IEO710" s="613"/>
      <c r="IEP710" s="613"/>
      <c r="IEQ710" s="613"/>
      <c r="IER710" s="613"/>
      <c r="IES710" s="613"/>
      <c r="IET710" s="613"/>
      <c r="IEU710" s="613"/>
      <c r="IEV710" s="613"/>
      <c r="IEW710" s="613"/>
      <c r="IEX710" s="613"/>
      <c r="IEY710" s="613"/>
      <c r="IEZ710" s="613"/>
      <c r="IFA710" s="613"/>
      <c r="IFB710" s="613"/>
      <c r="IFC710" s="613"/>
      <c r="IFD710" s="613"/>
      <c r="IFE710" s="613"/>
      <c r="IFF710" s="613"/>
      <c r="IFG710" s="613"/>
      <c r="IFH710" s="613"/>
      <c r="IFI710" s="613"/>
      <c r="IFJ710" s="613"/>
      <c r="IFK710" s="613"/>
      <c r="IFL710" s="613"/>
      <c r="IFM710" s="613"/>
      <c r="IFN710" s="613"/>
      <c r="IFO710" s="613"/>
      <c r="IFP710" s="613"/>
      <c r="IFQ710" s="613"/>
      <c r="IFR710" s="613"/>
      <c r="IFS710" s="613"/>
      <c r="IFT710" s="613"/>
      <c r="IFU710" s="613"/>
      <c r="IFV710" s="613"/>
      <c r="IFW710" s="613"/>
      <c r="IFX710" s="613"/>
      <c r="IFY710" s="613"/>
      <c r="IFZ710" s="613"/>
      <c r="IGA710" s="613"/>
      <c r="IGB710" s="613"/>
      <c r="IGC710" s="613"/>
      <c r="IGD710" s="613"/>
      <c r="IGE710" s="613"/>
      <c r="IGF710" s="613"/>
      <c r="IGG710" s="613"/>
      <c r="IGH710" s="613"/>
      <c r="IGI710" s="613"/>
      <c r="IGJ710" s="613"/>
      <c r="IGK710" s="613"/>
      <c r="IGL710" s="613"/>
      <c r="IGM710" s="613"/>
      <c r="IGN710" s="613"/>
      <c r="IGO710" s="613"/>
      <c r="IGP710" s="613"/>
      <c r="IGQ710" s="613"/>
      <c r="IGR710" s="613"/>
      <c r="IGS710" s="613"/>
      <c r="IGT710" s="613"/>
      <c r="IGU710" s="613"/>
      <c r="IGV710" s="613"/>
      <c r="IGW710" s="613"/>
      <c r="IGX710" s="613"/>
      <c r="IGY710" s="613"/>
      <c r="IGZ710" s="613"/>
      <c r="IHA710" s="613"/>
      <c r="IHB710" s="613"/>
      <c r="IHC710" s="613"/>
      <c r="IHD710" s="613"/>
      <c r="IHE710" s="613"/>
      <c r="IHF710" s="613"/>
      <c r="IHG710" s="613"/>
      <c r="IHH710" s="613"/>
      <c r="IHI710" s="613"/>
      <c r="IHJ710" s="613"/>
      <c r="IHK710" s="613"/>
      <c r="IHL710" s="613"/>
      <c r="IHM710" s="613"/>
      <c r="IHN710" s="613"/>
      <c r="IHO710" s="613"/>
      <c r="IHP710" s="613"/>
      <c r="IHQ710" s="613"/>
      <c r="IHR710" s="613"/>
      <c r="IHS710" s="613"/>
      <c r="IHT710" s="613"/>
      <c r="IHU710" s="613"/>
      <c r="IHV710" s="613"/>
      <c r="IHW710" s="613"/>
      <c r="IHX710" s="613"/>
      <c r="IHY710" s="613"/>
      <c r="IHZ710" s="613"/>
      <c r="IIA710" s="613"/>
      <c r="IIB710" s="613"/>
      <c r="IIC710" s="613"/>
      <c r="IID710" s="613"/>
      <c r="IIE710" s="613"/>
      <c r="IIF710" s="613"/>
      <c r="IIG710" s="613"/>
      <c r="IIH710" s="613"/>
      <c r="III710" s="613"/>
      <c r="IIJ710" s="613"/>
      <c r="IIK710" s="613"/>
      <c r="IIL710" s="613"/>
      <c r="IIM710" s="613"/>
      <c r="IIN710" s="613"/>
      <c r="IIO710" s="613"/>
      <c r="IIP710" s="613"/>
      <c r="IIQ710" s="613"/>
      <c r="IIR710" s="613"/>
      <c r="IIS710" s="613"/>
      <c r="IIT710" s="613"/>
      <c r="IIU710" s="613"/>
      <c r="IIV710" s="613"/>
      <c r="IIW710" s="613"/>
      <c r="IIX710" s="613"/>
      <c r="IIY710" s="613"/>
      <c r="IIZ710" s="613"/>
      <c r="IJA710" s="613"/>
      <c r="IJB710" s="613"/>
      <c r="IJC710" s="613"/>
      <c r="IJD710" s="613"/>
      <c r="IJE710" s="613"/>
      <c r="IJF710" s="613"/>
      <c r="IJG710" s="613"/>
      <c r="IJH710" s="613"/>
      <c r="IJI710" s="613"/>
      <c r="IJJ710" s="613"/>
      <c r="IJK710" s="613"/>
      <c r="IJL710" s="613"/>
      <c r="IJM710" s="613"/>
      <c r="IJN710" s="613"/>
      <c r="IJO710" s="613"/>
      <c r="IJP710" s="613"/>
      <c r="IJQ710" s="613"/>
      <c r="IJR710" s="613"/>
      <c r="IJS710" s="613"/>
      <c r="IJT710" s="613"/>
      <c r="IJU710" s="613"/>
      <c r="IJV710" s="613"/>
      <c r="IJW710" s="613"/>
      <c r="IJX710" s="613"/>
      <c r="IJY710" s="613"/>
      <c r="IJZ710" s="613"/>
      <c r="IKA710" s="613"/>
      <c r="IKB710" s="613"/>
      <c r="IKC710" s="613"/>
      <c r="IKD710" s="613"/>
      <c r="IKE710" s="613"/>
      <c r="IKF710" s="613"/>
      <c r="IKG710" s="613"/>
      <c r="IKH710" s="613"/>
      <c r="IKI710" s="613"/>
      <c r="IKJ710" s="613"/>
      <c r="IKK710" s="613"/>
      <c r="IKL710" s="613"/>
      <c r="IKM710" s="613"/>
      <c r="IKN710" s="613"/>
      <c r="IKO710" s="613"/>
      <c r="IKP710" s="613"/>
      <c r="IKQ710" s="613"/>
      <c r="IKR710" s="613"/>
      <c r="IKS710" s="613"/>
      <c r="IKT710" s="613"/>
      <c r="IKU710" s="613"/>
      <c r="IKV710" s="613"/>
      <c r="IKW710" s="613"/>
      <c r="IKX710" s="613"/>
      <c r="IKY710" s="613"/>
      <c r="IKZ710" s="613"/>
      <c r="ILA710" s="613"/>
      <c r="ILB710" s="613"/>
      <c r="ILC710" s="613"/>
      <c r="ILD710" s="613"/>
      <c r="ILE710" s="613"/>
      <c r="ILF710" s="613"/>
      <c r="ILG710" s="613"/>
      <c r="ILH710" s="613"/>
      <c r="ILI710" s="613"/>
      <c r="ILJ710" s="613"/>
      <c r="ILK710" s="613"/>
      <c r="ILL710" s="613"/>
      <c r="ILM710" s="613"/>
      <c r="ILN710" s="613"/>
      <c r="ILO710" s="613"/>
      <c r="ILP710" s="613"/>
      <c r="ILQ710" s="613"/>
      <c r="ILR710" s="613"/>
      <c r="ILS710" s="613"/>
      <c r="ILT710" s="613"/>
      <c r="ILU710" s="613"/>
      <c r="ILV710" s="613"/>
      <c r="ILW710" s="613"/>
      <c r="ILX710" s="613"/>
      <c r="ILY710" s="613"/>
      <c r="ILZ710" s="613"/>
      <c r="IMA710" s="613"/>
      <c r="IMB710" s="613"/>
      <c r="IMC710" s="613"/>
      <c r="IMD710" s="613"/>
      <c r="IME710" s="613"/>
      <c r="IMF710" s="613"/>
      <c r="IMG710" s="613"/>
      <c r="IMH710" s="613"/>
      <c r="IMI710" s="613"/>
      <c r="IMJ710" s="613"/>
      <c r="IMK710" s="613"/>
      <c r="IML710" s="613"/>
      <c r="IMM710" s="613"/>
      <c r="IMN710" s="613"/>
      <c r="IMO710" s="613"/>
      <c r="IMP710" s="613"/>
      <c r="IMQ710" s="613"/>
      <c r="IMR710" s="613"/>
      <c r="IMS710" s="613"/>
      <c r="IMT710" s="613"/>
      <c r="IMU710" s="613"/>
      <c r="IMV710" s="613"/>
      <c r="IMW710" s="613"/>
      <c r="IMX710" s="613"/>
      <c r="IMY710" s="613"/>
      <c r="IMZ710" s="613"/>
      <c r="INA710" s="613"/>
      <c r="INB710" s="613"/>
      <c r="INC710" s="613"/>
      <c r="IND710" s="613"/>
      <c r="INE710" s="613"/>
      <c r="INF710" s="613"/>
      <c r="ING710" s="613"/>
      <c r="INH710" s="613"/>
      <c r="INI710" s="613"/>
      <c r="INJ710" s="613"/>
      <c r="INK710" s="613"/>
      <c r="INL710" s="613"/>
      <c r="INM710" s="613"/>
      <c r="INN710" s="613"/>
      <c r="INO710" s="613"/>
      <c r="INP710" s="613"/>
      <c r="INQ710" s="613"/>
      <c r="INR710" s="613"/>
      <c r="INS710" s="613"/>
      <c r="INT710" s="613"/>
      <c r="INU710" s="613"/>
      <c r="INV710" s="613"/>
      <c r="INW710" s="613"/>
      <c r="INX710" s="613"/>
      <c r="INY710" s="613"/>
      <c r="INZ710" s="613"/>
      <c r="IOA710" s="613"/>
      <c r="IOB710" s="613"/>
      <c r="IOC710" s="613"/>
      <c r="IOD710" s="613"/>
      <c r="IOE710" s="613"/>
      <c r="IOF710" s="613"/>
      <c r="IOG710" s="613"/>
      <c r="IOH710" s="613"/>
      <c r="IOI710" s="613"/>
      <c r="IOJ710" s="613"/>
      <c r="IOK710" s="613"/>
      <c r="IOL710" s="613"/>
      <c r="IOM710" s="613"/>
      <c r="ION710" s="613"/>
      <c r="IOO710" s="613"/>
      <c r="IOP710" s="613"/>
      <c r="IOQ710" s="613"/>
      <c r="IOR710" s="613"/>
      <c r="IOS710" s="613"/>
      <c r="IOT710" s="613"/>
      <c r="IOU710" s="613"/>
      <c r="IOV710" s="613"/>
      <c r="IOW710" s="613"/>
      <c r="IOX710" s="613"/>
      <c r="IOY710" s="613"/>
      <c r="IOZ710" s="613"/>
      <c r="IPA710" s="613"/>
      <c r="IPB710" s="613"/>
      <c r="IPC710" s="613"/>
      <c r="IPD710" s="613"/>
      <c r="IPE710" s="613"/>
      <c r="IPF710" s="613"/>
      <c r="IPG710" s="613"/>
      <c r="IPH710" s="613"/>
      <c r="IPI710" s="613"/>
      <c r="IPJ710" s="613"/>
      <c r="IPK710" s="613"/>
      <c r="IPL710" s="613"/>
      <c r="IPM710" s="613"/>
      <c r="IPN710" s="613"/>
      <c r="IPO710" s="613"/>
      <c r="IPP710" s="613"/>
      <c r="IPQ710" s="613"/>
      <c r="IPR710" s="613"/>
      <c r="IPS710" s="613"/>
      <c r="IPT710" s="613"/>
      <c r="IPU710" s="613"/>
      <c r="IPV710" s="613"/>
      <c r="IPW710" s="613"/>
      <c r="IPX710" s="613"/>
      <c r="IPY710" s="613"/>
      <c r="IPZ710" s="613"/>
      <c r="IQA710" s="613"/>
      <c r="IQB710" s="613"/>
      <c r="IQC710" s="613"/>
      <c r="IQD710" s="613"/>
      <c r="IQE710" s="613"/>
      <c r="IQF710" s="613"/>
      <c r="IQG710" s="613"/>
      <c r="IQH710" s="613"/>
      <c r="IQI710" s="613"/>
      <c r="IQJ710" s="613"/>
      <c r="IQK710" s="613"/>
      <c r="IQL710" s="613"/>
      <c r="IQM710" s="613"/>
      <c r="IQN710" s="613"/>
      <c r="IQO710" s="613"/>
      <c r="IQP710" s="613"/>
      <c r="IQQ710" s="613"/>
      <c r="IQR710" s="613"/>
      <c r="IQS710" s="613"/>
      <c r="IQT710" s="613"/>
      <c r="IQU710" s="613"/>
      <c r="IQV710" s="613"/>
      <c r="IQW710" s="613"/>
      <c r="IQX710" s="613"/>
      <c r="IQY710" s="613"/>
      <c r="IQZ710" s="613"/>
      <c r="IRA710" s="613"/>
      <c r="IRB710" s="613"/>
      <c r="IRC710" s="613"/>
      <c r="IRD710" s="613"/>
      <c r="IRE710" s="613"/>
      <c r="IRF710" s="613"/>
      <c r="IRG710" s="613"/>
      <c r="IRH710" s="613"/>
      <c r="IRI710" s="613"/>
      <c r="IRJ710" s="613"/>
      <c r="IRK710" s="613"/>
      <c r="IRL710" s="613"/>
      <c r="IRM710" s="613"/>
      <c r="IRN710" s="613"/>
      <c r="IRO710" s="613"/>
      <c r="IRP710" s="613"/>
      <c r="IRQ710" s="613"/>
      <c r="IRR710" s="613"/>
      <c r="IRS710" s="613"/>
      <c r="IRT710" s="613"/>
      <c r="IRU710" s="613"/>
      <c r="IRV710" s="613"/>
      <c r="IRW710" s="613"/>
      <c r="IRX710" s="613"/>
      <c r="IRY710" s="613"/>
      <c r="IRZ710" s="613"/>
      <c r="ISA710" s="613"/>
      <c r="ISB710" s="613"/>
      <c r="ISC710" s="613"/>
      <c r="ISD710" s="613"/>
      <c r="ISE710" s="613"/>
      <c r="ISF710" s="613"/>
      <c r="ISG710" s="613"/>
      <c r="ISH710" s="613"/>
      <c r="ISI710" s="613"/>
      <c r="ISJ710" s="613"/>
      <c r="ISK710" s="613"/>
      <c r="ISL710" s="613"/>
      <c r="ISM710" s="613"/>
      <c r="ISN710" s="613"/>
      <c r="ISO710" s="613"/>
      <c r="ISP710" s="613"/>
      <c r="ISQ710" s="613"/>
      <c r="ISR710" s="613"/>
      <c r="ISS710" s="613"/>
      <c r="IST710" s="613"/>
      <c r="ISU710" s="613"/>
      <c r="ISV710" s="613"/>
      <c r="ISW710" s="613"/>
      <c r="ISX710" s="613"/>
      <c r="ISY710" s="613"/>
      <c r="ISZ710" s="613"/>
      <c r="ITA710" s="613"/>
      <c r="ITB710" s="613"/>
      <c r="ITC710" s="613"/>
      <c r="ITD710" s="613"/>
      <c r="ITE710" s="613"/>
      <c r="ITF710" s="613"/>
      <c r="ITG710" s="613"/>
      <c r="ITH710" s="613"/>
      <c r="ITI710" s="613"/>
      <c r="ITJ710" s="613"/>
      <c r="ITK710" s="613"/>
      <c r="ITL710" s="613"/>
      <c r="ITM710" s="613"/>
      <c r="ITN710" s="613"/>
      <c r="ITO710" s="613"/>
      <c r="ITP710" s="613"/>
      <c r="ITQ710" s="613"/>
      <c r="ITR710" s="613"/>
      <c r="ITS710" s="613"/>
      <c r="ITT710" s="613"/>
      <c r="ITU710" s="613"/>
      <c r="ITV710" s="613"/>
      <c r="ITW710" s="613"/>
      <c r="ITX710" s="613"/>
      <c r="ITY710" s="613"/>
      <c r="ITZ710" s="613"/>
      <c r="IUA710" s="613"/>
      <c r="IUB710" s="613"/>
      <c r="IUC710" s="613"/>
      <c r="IUD710" s="613"/>
      <c r="IUE710" s="613"/>
      <c r="IUF710" s="613"/>
      <c r="IUG710" s="613"/>
      <c r="IUH710" s="613"/>
      <c r="IUI710" s="613"/>
      <c r="IUJ710" s="613"/>
      <c r="IUK710" s="613"/>
      <c r="IUL710" s="613"/>
      <c r="IUM710" s="613"/>
      <c r="IUN710" s="613"/>
      <c r="IUO710" s="613"/>
      <c r="IUP710" s="613"/>
      <c r="IUQ710" s="613"/>
      <c r="IUR710" s="613"/>
      <c r="IUS710" s="613"/>
      <c r="IUT710" s="613"/>
      <c r="IUU710" s="613"/>
      <c r="IUV710" s="613"/>
      <c r="IUW710" s="613"/>
      <c r="IUX710" s="613"/>
      <c r="IUY710" s="613"/>
      <c r="IUZ710" s="613"/>
      <c r="IVA710" s="613"/>
      <c r="IVB710" s="613"/>
      <c r="IVC710" s="613"/>
      <c r="IVD710" s="613"/>
      <c r="IVE710" s="613"/>
      <c r="IVF710" s="613"/>
      <c r="IVG710" s="613"/>
      <c r="IVH710" s="613"/>
      <c r="IVI710" s="613"/>
      <c r="IVJ710" s="613"/>
      <c r="IVK710" s="613"/>
      <c r="IVL710" s="613"/>
      <c r="IVM710" s="613"/>
      <c r="IVN710" s="613"/>
      <c r="IVO710" s="613"/>
      <c r="IVP710" s="613"/>
      <c r="IVQ710" s="613"/>
      <c r="IVR710" s="613"/>
      <c r="IVS710" s="613"/>
      <c r="IVT710" s="613"/>
      <c r="IVU710" s="613"/>
      <c r="IVV710" s="613"/>
      <c r="IVW710" s="613"/>
      <c r="IVX710" s="613"/>
      <c r="IVY710" s="613"/>
      <c r="IVZ710" s="613"/>
      <c r="IWA710" s="613"/>
      <c r="IWB710" s="613"/>
      <c r="IWC710" s="613"/>
      <c r="IWD710" s="613"/>
      <c r="IWE710" s="613"/>
      <c r="IWF710" s="613"/>
      <c r="IWG710" s="613"/>
      <c r="IWH710" s="613"/>
      <c r="IWI710" s="613"/>
      <c r="IWJ710" s="613"/>
      <c r="IWK710" s="613"/>
      <c r="IWL710" s="613"/>
      <c r="IWM710" s="613"/>
      <c r="IWN710" s="613"/>
      <c r="IWO710" s="613"/>
      <c r="IWP710" s="613"/>
      <c r="IWQ710" s="613"/>
      <c r="IWR710" s="613"/>
      <c r="IWS710" s="613"/>
      <c r="IWT710" s="613"/>
      <c r="IWU710" s="613"/>
      <c r="IWV710" s="613"/>
      <c r="IWW710" s="613"/>
      <c r="IWX710" s="613"/>
      <c r="IWY710" s="613"/>
      <c r="IWZ710" s="613"/>
      <c r="IXA710" s="613"/>
      <c r="IXB710" s="613"/>
      <c r="IXC710" s="613"/>
      <c r="IXD710" s="613"/>
      <c r="IXE710" s="613"/>
      <c r="IXF710" s="613"/>
      <c r="IXG710" s="613"/>
      <c r="IXH710" s="613"/>
      <c r="IXI710" s="613"/>
      <c r="IXJ710" s="613"/>
      <c r="IXK710" s="613"/>
      <c r="IXL710" s="613"/>
      <c r="IXM710" s="613"/>
      <c r="IXN710" s="613"/>
      <c r="IXO710" s="613"/>
      <c r="IXP710" s="613"/>
      <c r="IXQ710" s="613"/>
      <c r="IXR710" s="613"/>
      <c r="IXS710" s="613"/>
      <c r="IXT710" s="613"/>
      <c r="IXU710" s="613"/>
      <c r="IXV710" s="613"/>
      <c r="IXW710" s="613"/>
      <c r="IXX710" s="613"/>
      <c r="IXY710" s="613"/>
      <c r="IXZ710" s="613"/>
      <c r="IYA710" s="613"/>
      <c r="IYB710" s="613"/>
      <c r="IYC710" s="613"/>
      <c r="IYD710" s="613"/>
      <c r="IYE710" s="613"/>
      <c r="IYF710" s="613"/>
      <c r="IYG710" s="613"/>
      <c r="IYH710" s="613"/>
      <c r="IYI710" s="613"/>
      <c r="IYJ710" s="613"/>
      <c r="IYK710" s="613"/>
      <c r="IYL710" s="613"/>
      <c r="IYM710" s="613"/>
      <c r="IYN710" s="613"/>
      <c r="IYO710" s="613"/>
      <c r="IYP710" s="613"/>
      <c r="IYQ710" s="613"/>
      <c r="IYR710" s="613"/>
      <c r="IYS710" s="613"/>
      <c r="IYT710" s="613"/>
      <c r="IYU710" s="613"/>
      <c r="IYV710" s="613"/>
      <c r="IYW710" s="613"/>
      <c r="IYX710" s="613"/>
      <c r="IYY710" s="613"/>
      <c r="IYZ710" s="613"/>
      <c r="IZA710" s="613"/>
      <c r="IZB710" s="613"/>
      <c r="IZC710" s="613"/>
      <c r="IZD710" s="613"/>
      <c r="IZE710" s="613"/>
      <c r="IZF710" s="613"/>
      <c r="IZG710" s="613"/>
      <c r="IZH710" s="613"/>
      <c r="IZI710" s="613"/>
      <c r="IZJ710" s="613"/>
      <c r="IZK710" s="613"/>
      <c r="IZL710" s="613"/>
      <c r="IZM710" s="613"/>
      <c r="IZN710" s="613"/>
      <c r="IZO710" s="613"/>
      <c r="IZP710" s="613"/>
      <c r="IZQ710" s="613"/>
      <c r="IZR710" s="613"/>
      <c r="IZS710" s="613"/>
      <c r="IZT710" s="613"/>
      <c r="IZU710" s="613"/>
      <c r="IZV710" s="613"/>
      <c r="IZW710" s="613"/>
      <c r="IZX710" s="613"/>
      <c r="IZY710" s="613"/>
      <c r="IZZ710" s="613"/>
      <c r="JAA710" s="613"/>
      <c r="JAB710" s="613"/>
      <c r="JAC710" s="613"/>
      <c r="JAD710" s="613"/>
      <c r="JAE710" s="613"/>
      <c r="JAF710" s="613"/>
      <c r="JAG710" s="613"/>
      <c r="JAH710" s="613"/>
      <c r="JAI710" s="613"/>
      <c r="JAJ710" s="613"/>
      <c r="JAK710" s="613"/>
      <c r="JAL710" s="613"/>
      <c r="JAM710" s="613"/>
      <c r="JAN710" s="613"/>
      <c r="JAO710" s="613"/>
      <c r="JAP710" s="613"/>
      <c r="JAQ710" s="613"/>
      <c r="JAR710" s="613"/>
      <c r="JAS710" s="613"/>
      <c r="JAT710" s="613"/>
      <c r="JAU710" s="613"/>
      <c r="JAV710" s="613"/>
      <c r="JAW710" s="613"/>
      <c r="JAX710" s="613"/>
      <c r="JAY710" s="613"/>
      <c r="JAZ710" s="613"/>
      <c r="JBA710" s="613"/>
      <c r="JBB710" s="613"/>
      <c r="JBC710" s="613"/>
      <c r="JBD710" s="613"/>
      <c r="JBE710" s="613"/>
      <c r="JBF710" s="613"/>
      <c r="JBG710" s="613"/>
      <c r="JBH710" s="613"/>
      <c r="JBI710" s="613"/>
      <c r="JBJ710" s="613"/>
      <c r="JBK710" s="613"/>
      <c r="JBL710" s="613"/>
      <c r="JBM710" s="613"/>
      <c r="JBN710" s="613"/>
      <c r="JBO710" s="613"/>
      <c r="JBP710" s="613"/>
      <c r="JBQ710" s="613"/>
      <c r="JBR710" s="613"/>
      <c r="JBS710" s="613"/>
      <c r="JBT710" s="613"/>
      <c r="JBU710" s="613"/>
      <c r="JBV710" s="613"/>
      <c r="JBW710" s="613"/>
      <c r="JBX710" s="613"/>
      <c r="JBY710" s="613"/>
      <c r="JBZ710" s="613"/>
      <c r="JCA710" s="613"/>
      <c r="JCB710" s="613"/>
      <c r="JCC710" s="613"/>
      <c r="JCD710" s="613"/>
      <c r="JCE710" s="613"/>
      <c r="JCF710" s="613"/>
      <c r="JCG710" s="613"/>
      <c r="JCH710" s="613"/>
      <c r="JCI710" s="613"/>
      <c r="JCJ710" s="613"/>
      <c r="JCK710" s="613"/>
      <c r="JCL710" s="613"/>
      <c r="JCM710" s="613"/>
      <c r="JCN710" s="613"/>
      <c r="JCO710" s="613"/>
      <c r="JCP710" s="613"/>
      <c r="JCQ710" s="613"/>
      <c r="JCR710" s="613"/>
      <c r="JCS710" s="613"/>
      <c r="JCT710" s="613"/>
      <c r="JCU710" s="613"/>
      <c r="JCV710" s="613"/>
      <c r="JCW710" s="613"/>
      <c r="JCX710" s="613"/>
      <c r="JCY710" s="613"/>
      <c r="JCZ710" s="613"/>
      <c r="JDA710" s="613"/>
      <c r="JDB710" s="613"/>
      <c r="JDC710" s="613"/>
      <c r="JDD710" s="613"/>
      <c r="JDE710" s="613"/>
      <c r="JDF710" s="613"/>
      <c r="JDG710" s="613"/>
      <c r="JDH710" s="613"/>
      <c r="JDI710" s="613"/>
      <c r="JDJ710" s="613"/>
      <c r="JDK710" s="613"/>
      <c r="JDL710" s="613"/>
      <c r="JDM710" s="613"/>
      <c r="JDN710" s="613"/>
      <c r="JDO710" s="613"/>
      <c r="JDP710" s="613"/>
      <c r="JDQ710" s="613"/>
      <c r="JDR710" s="613"/>
      <c r="JDS710" s="613"/>
      <c r="JDT710" s="613"/>
      <c r="JDU710" s="613"/>
      <c r="JDV710" s="613"/>
      <c r="JDW710" s="613"/>
      <c r="JDX710" s="613"/>
      <c r="JDY710" s="613"/>
      <c r="JDZ710" s="613"/>
      <c r="JEA710" s="613"/>
      <c r="JEB710" s="613"/>
      <c r="JEC710" s="613"/>
      <c r="JED710" s="613"/>
      <c r="JEE710" s="613"/>
      <c r="JEF710" s="613"/>
      <c r="JEG710" s="613"/>
      <c r="JEH710" s="613"/>
      <c r="JEI710" s="613"/>
      <c r="JEJ710" s="613"/>
      <c r="JEK710" s="613"/>
      <c r="JEL710" s="613"/>
      <c r="JEM710" s="613"/>
      <c r="JEN710" s="613"/>
      <c r="JEO710" s="613"/>
      <c r="JEP710" s="613"/>
      <c r="JEQ710" s="613"/>
      <c r="JER710" s="613"/>
      <c r="JES710" s="613"/>
      <c r="JET710" s="613"/>
      <c r="JEU710" s="613"/>
      <c r="JEV710" s="613"/>
      <c r="JEW710" s="613"/>
      <c r="JEX710" s="613"/>
      <c r="JEY710" s="613"/>
      <c r="JEZ710" s="613"/>
      <c r="JFA710" s="613"/>
      <c r="JFB710" s="613"/>
      <c r="JFC710" s="613"/>
      <c r="JFD710" s="613"/>
      <c r="JFE710" s="613"/>
      <c r="JFF710" s="613"/>
      <c r="JFG710" s="613"/>
      <c r="JFH710" s="613"/>
      <c r="JFI710" s="613"/>
      <c r="JFJ710" s="613"/>
      <c r="JFK710" s="613"/>
      <c r="JFL710" s="613"/>
      <c r="JFM710" s="613"/>
      <c r="JFN710" s="613"/>
      <c r="JFO710" s="613"/>
      <c r="JFP710" s="613"/>
      <c r="JFQ710" s="613"/>
      <c r="JFR710" s="613"/>
      <c r="JFS710" s="613"/>
      <c r="JFT710" s="613"/>
      <c r="JFU710" s="613"/>
      <c r="JFV710" s="613"/>
      <c r="JFW710" s="613"/>
      <c r="JFX710" s="613"/>
      <c r="JFY710" s="613"/>
      <c r="JFZ710" s="613"/>
      <c r="JGA710" s="613"/>
      <c r="JGB710" s="613"/>
      <c r="JGC710" s="613"/>
      <c r="JGD710" s="613"/>
      <c r="JGE710" s="613"/>
      <c r="JGF710" s="613"/>
      <c r="JGG710" s="613"/>
      <c r="JGH710" s="613"/>
      <c r="JGI710" s="613"/>
      <c r="JGJ710" s="613"/>
      <c r="JGK710" s="613"/>
      <c r="JGL710" s="613"/>
      <c r="JGM710" s="613"/>
      <c r="JGN710" s="613"/>
      <c r="JGO710" s="613"/>
      <c r="JGP710" s="613"/>
      <c r="JGQ710" s="613"/>
      <c r="JGR710" s="613"/>
      <c r="JGS710" s="613"/>
      <c r="JGT710" s="613"/>
      <c r="JGU710" s="613"/>
      <c r="JGV710" s="613"/>
      <c r="JGW710" s="613"/>
      <c r="JGX710" s="613"/>
      <c r="JGY710" s="613"/>
      <c r="JGZ710" s="613"/>
      <c r="JHA710" s="613"/>
      <c r="JHB710" s="613"/>
      <c r="JHC710" s="613"/>
      <c r="JHD710" s="613"/>
      <c r="JHE710" s="613"/>
      <c r="JHF710" s="613"/>
      <c r="JHG710" s="613"/>
      <c r="JHH710" s="613"/>
      <c r="JHI710" s="613"/>
      <c r="JHJ710" s="613"/>
      <c r="JHK710" s="613"/>
      <c r="JHL710" s="613"/>
      <c r="JHM710" s="613"/>
      <c r="JHN710" s="613"/>
      <c r="JHO710" s="613"/>
      <c r="JHP710" s="613"/>
      <c r="JHQ710" s="613"/>
      <c r="JHR710" s="613"/>
      <c r="JHS710" s="613"/>
      <c r="JHT710" s="613"/>
      <c r="JHU710" s="613"/>
      <c r="JHV710" s="613"/>
      <c r="JHW710" s="613"/>
      <c r="JHX710" s="613"/>
      <c r="JHY710" s="613"/>
      <c r="JHZ710" s="613"/>
      <c r="JIA710" s="613"/>
      <c r="JIB710" s="613"/>
      <c r="JIC710" s="613"/>
      <c r="JID710" s="613"/>
      <c r="JIE710" s="613"/>
      <c r="JIF710" s="613"/>
      <c r="JIG710" s="613"/>
      <c r="JIH710" s="613"/>
      <c r="JII710" s="613"/>
      <c r="JIJ710" s="613"/>
      <c r="JIK710" s="613"/>
      <c r="JIL710" s="613"/>
      <c r="JIM710" s="613"/>
      <c r="JIN710" s="613"/>
      <c r="JIO710" s="613"/>
      <c r="JIP710" s="613"/>
      <c r="JIQ710" s="613"/>
      <c r="JIR710" s="613"/>
      <c r="JIS710" s="613"/>
      <c r="JIT710" s="613"/>
      <c r="JIU710" s="613"/>
      <c r="JIV710" s="613"/>
      <c r="JIW710" s="613"/>
      <c r="JIX710" s="613"/>
      <c r="JIY710" s="613"/>
      <c r="JIZ710" s="613"/>
      <c r="JJA710" s="613"/>
      <c r="JJB710" s="613"/>
      <c r="JJC710" s="613"/>
      <c r="JJD710" s="613"/>
      <c r="JJE710" s="613"/>
      <c r="JJF710" s="613"/>
      <c r="JJG710" s="613"/>
      <c r="JJH710" s="613"/>
      <c r="JJI710" s="613"/>
      <c r="JJJ710" s="613"/>
      <c r="JJK710" s="613"/>
      <c r="JJL710" s="613"/>
      <c r="JJM710" s="613"/>
      <c r="JJN710" s="613"/>
      <c r="JJO710" s="613"/>
      <c r="JJP710" s="613"/>
      <c r="JJQ710" s="613"/>
      <c r="JJR710" s="613"/>
      <c r="JJS710" s="613"/>
      <c r="JJT710" s="613"/>
      <c r="JJU710" s="613"/>
      <c r="JJV710" s="613"/>
      <c r="JJW710" s="613"/>
      <c r="JJX710" s="613"/>
      <c r="JJY710" s="613"/>
      <c r="JJZ710" s="613"/>
      <c r="JKA710" s="613"/>
      <c r="JKB710" s="613"/>
      <c r="JKC710" s="613"/>
      <c r="JKD710" s="613"/>
      <c r="JKE710" s="613"/>
      <c r="JKF710" s="613"/>
      <c r="JKG710" s="613"/>
      <c r="JKH710" s="613"/>
      <c r="JKI710" s="613"/>
      <c r="JKJ710" s="613"/>
      <c r="JKK710" s="613"/>
      <c r="JKL710" s="613"/>
      <c r="JKM710" s="613"/>
      <c r="JKN710" s="613"/>
      <c r="JKO710" s="613"/>
      <c r="JKP710" s="613"/>
      <c r="JKQ710" s="613"/>
      <c r="JKR710" s="613"/>
      <c r="JKS710" s="613"/>
      <c r="JKT710" s="613"/>
      <c r="JKU710" s="613"/>
      <c r="JKV710" s="613"/>
      <c r="JKW710" s="613"/>
      <c r="JKX710" s="613"/>
      <c r="JKY710" s="613"/>
      <c r="JKZ710" s="613"/>
      <c r="JLA710" s="613"/>
      <c r="JLB710" s="613"/>
      <c r="JLC710" s="613"/>
      <c r="JLD710" s="613"/>
      <c r="JLE710" s="613"/>
      <c r="JLF710" s="613"/>
      <c r="JLG710" s="613"/>
      <c r="JLH710" s="613"/>
      <c r="JLI710" s="613"/>
      <c r="JLJ710" s="613"/>
      <c r="JLK710" s="613"/>
      <c r="JLL710" s="613"/>
      <c r="JLM710" s="613"/>
      <c r="JLN710" s="613"/>
      <c r="JLO710" s="613"/>
      <c r="JLP710" s="613"/>
      <c r="JLQ710" s="613"/>
      <c r="JLR710" s="613"/>
      <c r="JLS710" s="613"/>
      <c r="JLT710" s="613"/>
      <c r="JLU710" s="613"/>
      <c r="JLV710" s="613"/>
      <c r="JLW710" s="613"/>
      <c r="JLX710" s="613"/>
      <c r="JLY710" s="613"/>
      <c r="JLZ710" s="613"/>
      <c r="JMA710" s="613"/>
      <c r="JMB710" s="613"/>
      <c r="JMC710" s="613"/>
      <c r="JMD710" s="613"/>
      <c r="JME710" s="613"/>
      <c r="JMF710" s="613"/>
      <c r="JMG710" s="613"/>
      <c r="JMH710" s="613"/>
      <c r="JMI710" s="613"/>
      <c r="JMJ710" s="613"/>
      <c r="JMK710" s="613"/>
      <c r="JML710" s="613"/>
      <c r="JMM710" s="613"/>
      <c r="JMN710" s="613"/>
      <c r="JMO710" s="613"/>
      <c r="JMP710" s="613"/>
      <c r="JMQ710" s="613"/>
      <c r="JMR710" s="613"/>
      <c r="JMS710" s="613"/>
      <c r="JMT710" s="613"/>
      <c r="JMU710" s="613"/>
      <c r="JMV710" s="613"/>
      <c r="JMW710" s="613"/>
      <c r="JMX710" s="613"/>
      <c r="JMY710" s="613"/>
      <c r="JMZ710" s="613"/>
      <c r="JNA710" s="613"/>
      <c r="JNB710" s="613"/>
      <c r="JNC710" s="613"/>
      <c r="JND710" s="613"/>
      <c r="JNE710" s="613"/>
      <c r="JNF710" s="613"/>
      <c r="JNG710" s="613"/>
      <c r="JNH710" s="613"/>
      <c r="JNI710" s="613"/>
      <c r="JNJ710" s="613"/>
      <c r="JNK710" s="613"/>
      <c r="JNL710" s="613"/>
      <c r="JNM710" s="613"/>
      <c r="JNN710" s="613"/>
      <c r="JNO710" s="613"/>
      <c r="JNP710" s="613"/>
      <c r="JNQ710" s="613"/>
      <c r="JNR710" s="613"/>
      <c r="JNS710" s="613"/>
      <c r="JNT710" s="613"/>
      <c r="JNU710" s="613"/>
      <c r="JNV710" s="613"/>
      <c r="JNW710" s="613"/>
      <c r="JNX710" s="613"/>
      <c r="JNY710" s="613"/>
      <c r="JNZ710" s="613"/>
      <c r="JOA710" s="613"/>
      <c r="JOB710" s="613"/>
      <c r="JOC710" s="613"/>
      <c r="JOD710" s="613"/>
      <c r="JOE710" s="613"/>
      <c r="JOF710" s="613"/>
      <c r="JOG710" s="613"/>
      <c r="JOH710" s="613"/>
      <c r="JOI710" s="613"/>
      <c r="JOJ710" s="613"/>
      <c r="JOK710" s="613"/>
      <c r="JOL710" s="613"/>
      <c r="JOM710" s="613"/>
      <c r="JON710" s="613"/>
      <c r="JOO710" s="613"/>
      <c r="JOP710" s="613"/>
      <c r="JOQ710" s="613"/>
      <c r="JOR710" s="613"/>
      <c r="JOS710" s="613"/>
      <c r="JOT710" s="613"/>
      <c r="JOU710" s="613"/>
      <c r="JOV710" s="613"/>
      <c r="JOW710" s="613"/>
      <c r="JOX710" s="613"/>
      <c r="JOY710" s="613"/>
      <c r="JOZ710" s="613"/>
      <c r="JPA710" s="613"/>
      <c r="JPB710" s="613"/>
      <c r="JPC710" s="613"/>
      <c r="JPD710" s="613"/>
      <c r="JPE710" s="613"/>
      <c r="JPF710" s="613"/>
      <c r="JPG710" s="613"/>
      <c r="JPH710" s="613"/>
      <c r="JPI710" s="613"/>
      <c r="JPJ710" s="613"/>
      <c r="JPK710" s="613"/>
      <c r="JPL710" s="613"/>
      <c r="JPM710" s="613"/>
      <c r="JPN710" s="613"/>
      <c r="JPO710" s="613"/>
      <c r="JPP710" s="613"/>
      <c r="JPQ710" s="613"/>
      <c r="JPR710" s="613"/>
      <c r="JPS710" s="613"/>
      <c r="JPT710" s="613"/>
      <c r="JPU710" s="613"/>
      <c r="JPV710" s="613"/>
      <c r="JPW710" s="613"/>
      <c r="JPX710" s="613"/>
      <c r="JPY710" s="613"/>
      <c r="JPZ710" s="613"/>
      <c r="JQA710" s="613"/>
      <c r="JQB710" s="613"/>
      <c r="JQC710" s="613"/>
      <c r="JQD710" s="613"/>
      <c r="JQE710" s="613"/>
      <c r="JQF710" s="613"/>
      <c r="JQG710" s="613"/>
      <c r="JQH710" s="613"/>
      <c r="JQI710" s="613"/>
      <c r="JQJ710" s="613"/>
      <c r="JQK710" s="613"/>
      <c r="JQL710" s="613"/>
      <c r="JQM710" s="613"/>
      <c r="JQN710" s="613"/>
      <c r="JQO710" s="613"/>
      <c r="JQP710" s="613"/>
      <c r="JQQ710" s="613"/>
      <c r="JQR710" s="613"/>
      <c r="JQS710" s="613"/>
      <c r="JQT710" s="613"/>
      <c r="JQU710" s="613"/>
      <c r="JQV710" s="613"/>
      <c r="JQW710" s="613"/>
      <c r="JQX710" s="613"/>
      <c r="JQY710" s="613"/>
      <c r="JQZ710" s="613"/>
      <c r="JRA710" s="613"/>
      <c r="JRB710" s="613"/>
      <c r="JRC710" s="613"/>
      <c r="JRD710" s="613"/>
      <c r="JRE710" s="613"/>
      <c r="JRF710" s="613"/>
      <c r="JRG710" s="613"/>
      <c r="JRH710" s="613"/>
      <c r="JRI710" s="613"/>
      <c r="JRJ710" s="613"/>
      <c r="JRK710" s="613"/>
      <c r="JRL710" s="613"/>
      <c r="JRM710" s="613"/>
      <c r="JRN710" s="613"/>
      <c r="JRO710" s="613"/>
      <c r="JRP710" s="613"/>
      <c r="JRQ710" s="613"/>
      <c r="JRR710" s="613"/>
      <c r="JRS710" s="613"/>
      <c r="JRT710" s="613"/>
      <c r="JRU710" s="613"/>
      <c r="JRV710" s="613"/>
      <c r="JRW710" s="613"/>
      <c r="JRX710" s="613"/>
      <c r="JRY710" s="613"/>
      <c r="JRZ710" s="613"/>
      <c r="JSA710" s="613"/>
      <c r="JSB710" s="613"/>
      <c r="JSC710" s="613"/>
      <c r="JSD710" s="613"/>
      <c r="JSE710" s="613"/>
      <c r="JSF710" s="613"/>
      <c r="JSG710" s="613"/>
      <c r="JSH710" s="613"/>
      <c r="JSI710" s="613"/>
      <c r="JSJ710" s="613"/>
      <c r="JSK710" s="613"/>
      <c r="JSL710" s="613"/>
      <c r="JSM710" s="613"/>
      <c r="JSN710" s="613"/>
      <c r="JSO710" s="613"/>
      <c r="JSP710" s="613"/>
      <c r="JSQ710" s="613"/>
      <c r="JSR710" s="613"/>
      <c r="JSS710" s="613"/>
      <c r="JST710" s="613"/>
      <c r="JSU710" s="613"/>
      <c r="JSV710" s="613"/>
      <c r="JSW710" s="613"/>
      <c r="JSX710" s="613"/>
      <c r="JSY710" s="613"/>
      <c r="JSZ710" s="613"/>
      <c r="JTA710" s="613"/>
      <c r="JTB710" s="613"/>
      <c r="JTC710" s="613"/>
      <c r="JTD710" s="613"/>
      <c r="JTE710" s="613"/>
      <c r="JTF710" s="613"/>
      <c r="JTG710" s="613"/>
      <c r="JTH710" s="613"/>
      <c r="JTI710" s="613"/>
      <c r="JTJ710" s="613"/>
      <c r="JTK710" s="613"/>
      <c r="JTL710" s="613"/>
      <c r="JTM710" s="613"/>
      <c r="JTN710" s="613"/>
      <c r="JTO710" s="613"/>
      <c r="JTP710" s="613"/>
      <c r="JTQ710" s="613"/>
      <c r="JTR710" s="613"/>
      <c r="JTS710" s="613"/>
      <c r="JTT710" s="613"/>
      <c r="JTU710" s="613"/>
      <c r="JTV710" s="613"/>
      <c r="JTW710" s="613"/>
      <c r="JTX710" s="613"/>
      <c r="JTY710" s="613"/>
      <c r="JTZ710" s="613"/>
      <c r="JUA710" s="613"/>
      <c r="JUB710" s="613"/>
      <c r="JUC710" s="613"/>
      <c r="JUD710" s="613"/>
      <c r="JUE710" s="613"/>
      <c r="JUF710" s="613"/>
      <c r="JUG710" s="613"/>
      <c r="JUH710" s="613"/>
      <c r="JUI710" s="613"/>
      <c r="JUJ710" s="613"/>
      <c r="JUK710" s="613"/>
      <c r="JUL710" s="613"/>
      <c r="JUM710" s="613"/>
      <c r="JUN710" s="613"/>
      <c r="JUO710" s="613"/>
      <c r="JUP710" s="613"/>
      <c r="JUQ710" s="613"/>
      <c r="JUR710" s="613"/>
      <c r="JUS710" s="613"/>
      <c r="JUT710" s="613"/>
      <c r="JUU710" s="613"/>
      <c r="JUV710" s="613"/>
      <c r="JUW710" s="613"/>
      <c r="JUX710" s="613"/>
      <c r="JUY710" s="613"/>
      <c r="JUZ710" s="613"/>
      <c r="JVA710" s="613"/>
      <c r="JVB710" s="613"/>
      <c r="JVC710" s="613"/>
      <c r="JVD710" s="613"/>
      <c r="JVE710" s="613"/>
      <c r="JVF710" s="613"/>
      <c r="JVG710" s="613"/>
      <c r="JVH710" s="613"/>
      <c r="JVI710" s="613"/>
      <c r="JVJ710" s="613"/>
      <c r="JVK710" s="613"/>
      <c r="JVL710" s="613"/>
      <c r="JVM710" s="613"/>
      <c r="JVN710" s="613"/>
      <c r="JVO710" s="613"/>
      <c r="JVP710" s="613"/>
      <c r="JVQ710" s="613"/>
      <c r="JVR710" s="613"/>
      <c r="JVS710" s="613"/>
      <c r="JVT710" s="613"/>
      <c r="JVU710" s="613"/>
      <c r="JVV710" s="613"/>
      <c r="JVW710" s="613"/>
      <c r="JVX710" s="613"/>
      <c r="JVY710" s="613"/>
      <c r="JVZ710" s="613"/>
      <c r="JWA710" s="613"/>
      <c r="JWB710" s="613"/>
      <c r="JWC710" s="613"/>
      <c r="JWD710" s="613"/>
      <c r="JWE710" s="613"/>
      <c r="JWF710" s="613"/>
      <c r="JWG710" s="613"/>
      <c r="JWH710" s="613"/>
      <c r="JWI710" s="613"/>
      <c r="JWJ710" s="613"/>
      <c r="JWK710" s="613"/>
      <c r="JWL710" s="613"/>
      <c r="JWM710" s="613"/>
      <c r="JWN710" s="613"/>
      <c r="JWO710" s="613"/>
      <c r="JWP710" s="613"/>
      <c r="JWQ710" s="613"/>
      <c r="JWR710" s="613"/>
      <c r="JWS710" s="613"/>
      <c r="JWT710" s="613"/>
      <c r="JWU710" s="613"/>
      <c r="JWV710" s="613"/>
      <c r="JWW710" s="613"/>
      <c r="JWX710" s="613"/>
      <c r="JWY710" s="613"/>
      <c r="JWZ710" s="613"/>
      <c r="JXA710" s="613"/>
      <c r="JXB710" s="613"/>
      <c r="JXC710" s="613"/>
      <c r="JXD710" s="613"/>
      <c r="JXE710" s="613"/>
      <c r="JXF710" s="613"/>
      <c r="JXG710" s="613"/>
      <c r="JXH710" s="613"/>
      <c r="JXI710" s="613"/>
      <c r="JXJ710" s="613"/>
      <c r="JXK710" s="613"/>
      <c r="JXL710" s="613"/>
      <c r="JXM710" s="613"/>
      <c r="JXN710" s="613"/>
      <c r="JXO710" s="613"/>
      <c r="JXP710" s="613"/>
      <c r="JXQ710" s="613"/>
      <c r="JXR710" s="613"/>
      <c r="JXS710" s="613"/>
      <c r="JXT710" s="613"/>
      <c r="JXU710" s="613"/>
      <c r="JXV710" s="613"/>
      <c r="JXW710" s="613"/>
      <c r="JXX710" s="613"/>
      <c r="JXY710" s="613"/>
      <c r="JXZ710" s="613"/>
      <c r="JYA710" s="613"/>
      <c r="JYB710" s="613"/>
      <c r="JYC710" s="613"/>
      <c r="JYD710" s="613"/>
      <c r="JYE710" s="613"/>
      <c r="JYF710" s="613"/>
      <c r="JYG710" s="613"/>
      <c r="JYH710" s="613"/>
      <c r="JYI710" s="613"/>
      <c r="JYJ710" s="613"/>
      <c r="JYK710" s="613"/>
      <c r="JYL710" s="613"/>
      <c r="JYM710" s="613"/>
      <c r="JYN710" s="613"/>
      <c r="JYO710" s="613"/>
      <c r="JYP710" s="613"/>
      <c r="JYQ710" s="613"/>
      <c r="JYR710" s="613"/>
      <c r="JYS710" s="613"/>
      <c r="JYT710" s="613"/>
      <c r="JYU710" s="613"/>
      <c r="JYV710" s="613"/>
      <c r="JYW710" s="613"/>
      <c r="JYX710" s="613"/>
      <c r="JYY710" s="613"/>
      <c r="JYZ710" s="613"/>
      <c r="JZA710" s="613"/>
      <c r="JZB710" s="613"/>
      <c r="JZC710" s="613"/>
      <c r="JZD710" s="613"/>
      <c r="JZE710" s="613"/>
      <c r="JZF710" s="613"/>
      <c r="JZG710" s="613"/>
      <c r="JZH710" s="613"/>
      <c r="JZI710" s="613"/>
      <c r="JZJ710" s="613"/>
      <c r="JZK710" s="613"/>
      <c r="JZL710" s="613"/>
      <c r="JZM710" s="613"/>
      <c r="JZN710" s="613"/>
      <c r="JZO710" s="613"/>
      <c r="JZP710" s="613"/>
      <c r="JZQ710" s="613"/>
      <c r="JZR710" s="613"/>
      <c r="JZS710" s="613"/>
      <c r="JZT710" s="613"/>
      <c r="JZU710" s="613"/>
      <c r="JZV710" s="613"/>
      <c r="JZW710" s="613"/>
      <c r="JZX710" s="613"/>
      <c r="JZY710" s="613"/>
      <c r="JZZ710" s="613"/>
      <c r="KAA710" s="613"/>
      <c r="KAB710" s="613"/>
      <c r="KAC710" s="613"/>
      <c r="KAD710" s="613"/>
      <c r="KAE710" s="613"/>
      <c r="KAF710" s="613"/>
      <c r="KAG710" s="613"/>
      <c r="KAH710" s="613"/>
      <c r="KAI710" s="613"/>
      <c r="KAJ710" s="613"/>
      <c r="KAK710" s="613"/>
      <c r="KAL710" s="613"/>
      <c r="KAM710" s="613"/>
      <c r="KAN710" s="613"/>
      <c r="KAO710" s="613"/>
      <c r="KAP710" s="613"/>
      <c r="KAQ710" s="613"/>
      <c r="KAR710" s="613"/>
      <c r="KAS710" s="613"/>
      <c r="KAT710" s="613"/>
      <c r="KAU710" s="613"/>
      <c r="KAV710" s="613"/>
      <c r="KAW710" s="613"/>
      <c r="KAX710" s="613"/>
      <c r="KAY710" s="613"/>
      <c r="KAZ710" s="613"/>
      <c r="KBA710" s="613"/>
      <c r="KBB710" s="613"/>
      <c r="KBC710" s="613"/>
      <c r="KBD710" s="613"/>
      <c r="KBE710" s="613"/>
      <c r="KBF710" s="613"/>
      <c r="KBG710" s="613"/>
      <c r="KBH710" s="613"/>
      <c r="KBI710" s="613"/>
      <c r="KBJ710" s="613"/>
      <c r="KBK710" s="613"/>
      <c r="KBL710" s="613"/>
      <c r="KBM710" s="613"/>
      <c r="KBN710" s="613"/>
      <c r="KBO710" s="613"/>
      <c r="KBP710" s="613"/>
      <c r="KBQ710" s="613"/>
      <c r="KBR710" s="613"/>
      <c r="KBS710" s="613"/>
      <c r="KBT710" s="613"/>
      <c r="KBU710" s="613"/>
      <c r="KBV710" s="613"/>
      <c r="KBW710" s="613"/>
      <c r="KBX710" s="613"/>
      <c r="KBY710" s="613"/>
      <c r="KBZ710" s="613"/>
      <c r="KCA710" s="613"/>
      <c r="KCB710" s="613"/>
      <c r="KCC710" s="613"/>
      <c r="KCD710" s="613"/>
      <c r="KCE710" s="613"/>
      <c r="KCF710" s="613"/>
      <c r="KCG710" s="613"/>
      <c r="KCH710" s="613"/>
      <c r="KCI710" s="613"/>
      <c r="KCJ710" s="613"/>
      <c r="KCK710" s="613"/>
      <c r="KCL710" s="613"/>
      <c r="KCM710" s="613"/>
      <c r="KCN710" s="613"/>
      <c r="KCO710" s="613"/>
      <c r="KCP710" s="613"/>
      <c r="KCQ710" s="613"/>
      <c r="KCR710" s="613"/>
      <c r="KCS710" s="613"/>
      <c r="KCT710" s="613"/>
      <c r="KCU710" s="613"/>
      <c r="KCV710" s="613"/>
      <c r="KCW710" s="613"/>
      <c r="KCX710" s="613"/>
      <c r="KCY710" s="613"/>
      <c r="KCZ710" s="613"/>
      <c r="KDA710" s="613"/>
      <c r="KDB710" s="613"/>
      <c r="KDC710" s="613"/>
      <c r="KDD710" s="613"/>
      <c r="KDE710" s="613"/>
      <c r="KDF710" s="613"/>
      <c r="KDG710" s="613"/>
      <c r="KDH710" s="613"/>
      <c r="KDI710" s="613"/>
      <c r="KDJ710" s="613"/>
      <c r="KDK710" s="613"/>
      <c r="KDL710" s="613"/>
      <c r="KDM710" s="613"/>
      <c r="KDN710" s="613"/>
      <c r="KDO710" s="613"/>
      <c r="KDP710" s="613"/>
      <c r="KDQ710" s="613"/>
      <c r="KDR710" s="613"/>
      <c r="KDS710" s="613"/>
      <c r="KDT710" s="613"/>
      <c r="KDU710" s="613"/>
      <c r="KDV710" s="613"/>
      <c r="KDW710" s="613"/>
      <c r="KDX710" s="613"/>
      <c r="KDY710" s="613"/>
      <c r="KDZ710" s="613"/>
      <c r="KEA710" s="613"/>
      <c r="KEB710" s="613"/>
      <c r="KEC710" s="613"/>
      <c r="KED710" s="613"/>
      <c r="KEE710" s="613"/>
      <c r="KEF710" s="613"/>
      <c r="KEG710" s="613"/>
      <c r="KEH710" s="613"/>
      <c r="KEI710" s="613"/>
      <c r="KEJ710" s="613"/>
      <c r="KEK710" s="613"/>
      <c r="KEL710" s="613"/>
      <c r="KEM710" s="613"/>
      <c r="KEN710" s="613"/>
      <c r="KEO710" s="613"/>
      <c r="KEP710" s="613"/>
      <c r="KEQ710" s="613"/>
      <c r="KER710" s="613"/>
      <c r="KES710" s="613"/>
      <c r="KET710" s="613"/>
      <c r="KEU710" s="613"/>
      <c r="KEV710" s="613"/>
      <c r="KEW710" s="613"/>
      <c r="KEX710" s="613"/>
      <c r="KEY710" s="613"/>
      <c r="KEZ710" s="613"/>
      <c r="KFA710" s="613"/>
      <c r="KFB710" s="613"/>
      <c r="KFC710" s="613"/>
      <c r="KFD710" s="613"/>
      <c r="KFE710" s="613"/>
      <c r="KFF710" s="613"/>
      <c r="KFG710" s="613"/>
      <c r="KFH710" s="613"/>
      <c r="KFI710" s="613"/>
      <c r="KFJ710" s="613"/>
      <c r="KFK710" s="613"/>
      <c r="KFL710" s="613"/>
      <c r="KFM710" s="613"/>
      <c r="KFN710" s="613"/>
      <c r="KFO710" s="613"/>
      <c r="KFP710" s="613"/>
      <c r="KFQ710" s="613"/>
      <c r="KFR710" s="613"/>
      <c r="KFS710" s="613"/>
      <c r="KFT710" s="613"/>
      <c r="KFU710" s="613"/>
      <c r="KFV710" s="613"/>
      <c r="KFW710" s="613"/>
      <c r="KFX710" s="613"/>
      <c r="KFY710" s="613"/>
      <c r="KFZ710" s="613"/>
      <c r="KGA710" s="613"/>
      <c r="KGB710" s="613"/>
      <c r="KGC710" s="613"/>
      <c r="KGD710" s="613"/>
      <c r="KGE710" s="613"/>
      <c r="KGF710" s="613"/>
      <c r="KGG710" s="613"/>
      <c r="KGH710" s="613"/>
      <c r="KGI710" s="613"/>
      <c r="KGJ710" s="613"/>
      <c r="KGK710" s="613"/>
      <c r="KGL710" s="613"/>
      <c r="KGM710" s="613"/>
      <c r="KGN710" s="613"/>
      <c r="KGO710" s="613"/>
      <c r="KGP710" s="613"/>
      <c r="KGQ710" s="613"/>
      <c r="KGR710" s="613"/>
      <c r="KGS710" s="613"/>
      <c r="KGT710" s="613"/>
      <c r="KGU710" s="613"/>
      <c r="KGV710" s="613"/>
      <c r="KGW710" s="613"/>
      <c r="KGX710" s="613"/>
      <c r="KGY710" s="613"/>
      <c r="KGZ710" s="613"/>
      <c r="KHA710" s="613"/>
      <c r="KHB710" s="613"/>
      <c r="KHC710" s="613"/>
      <c r="KHD710" s="613"/>
      <c r="KHE710" s="613"/>
      <c r="KHF710" s="613"/>
      <c r="KHG710" s="613"/>
      <c r="KHH710" s="613"/>
      <c r="KHI710" s="613"/>
      <c r="KHJ710" s="613"/>
      <c r="KHK710" s="613"/>
      <c r="KHL710" s="613"/>
      <c r="KHM710" s="613"/>
      <c r="KHN710" s="613"/>
      <c r="KHO710" s="613"/>
      <c r="KHP710" s="613"/>
      <c r="KHQ710" s="613"/>
      <c r="KHR710" s="613"/>
      <c r="KHS710" s="613"/>
      <c r="KHT710" s="613"/>
      <c r="KHU710" s="613"/>
      <c r="KHV710" s="613"/>
      <c r="KHW710" s="613"/>
      <c r="KHX710" s="613"/>
      <c r="KHY710" s="613"/>
      <c r="KHZ710" s="613"/>
      <c r="KIA710" s="613"/>
      <c r="KIB710" s="613"/>
      <c r="KIC710" s="613"/>
      <c r="KID710" s="613"/>
      <c r="KIE710" s="613"/>
      <c r="KIF710" s="613"/>
      <c r="KIG710" s="613"/>
      <c r="KIH710" s="613"/>
      <c r="KII710" s="613"/>
      <c r="KIJ710" s="613"/>
      <c r="KIK710" s="613"/>
      <c r="KIL710" s="613"/>
      <c r="KIM710" s="613"/>
      <c r="KIN710" s="613"/>
      <c r="KIO710" s="613"/>
      <c r="KIP710" s="613"/>
      <c r="KIQ710" s="613"/>
      <c r="KIR710" s="613"/>
      <c r="KIS710" s="613"/>
      <c r="KIT710" s="613"/>
      <c r="KIU710" s="613"/>
      <c r="KIV710" s="613"/>
      <c r="KIW710" s="613"/>
      <c r="KIX710" s="613"/>
      <c r="KIY710" s="613"/>
      <c r="KIZ710" s="613"/>
      <c r="KJA710" s="613"/>
      <c r="KJB710" s="613"/>
      <c r="KJC710" s="613"/>
      <c r="KJD710" s="613"/>
      <c r="KJE710" s="613"/>
      <c r="KJF710" s="613"/>
      <c r="KJG710" s="613"/>
      <c r="KJH710" s="613"/>
      <c r="KJI710" s="613"/>
      <c r="KJJ710" s="613"/>
      <c r="KJK710" s="613"/>
      <c r="KJL710" s="613"/>
      <c r="KJM710" s="613"/>
      <c r="KJN710" s="613"/>
      <c r="KJO710" s="613"/>
      <c r="KJP710" s="613"/>
      <c r="KJQ710" s="613"/>
      <c r="KJR710" s="613"/>
      <c r="KJS710" s="613"/>
      <c r="KJT710" s="613"/>
      <c r="KJU710" s="613"/>
      <c r="KJV710" s="613"/>
      <c r="KJW710" s="613"/>
      <c r="KJX710" s="613"/>
      <c r="KJY710" s="613"/>
      <c r="KJZ710" s="613"/>
      <c r="KKA710" s="613"/>
      <c r="KKB710" s="613"/>
      <c r="KKC710" s="613"/>
      <c r="KKD710" s="613"/>
      <c r="KKE710" s="613"/>
      <c r="KKF710" s="613"/>
      <c r="KKG710" s="613"/>
      <c r="KKH710" s="613"/>
      <c r="KKI710" s="613"/>
      <c r="KKJ710" s="613"/>
      <c r="KKK710" s="613"/>
      <c r="KKL710" s="613"/>
      <c r="KKM710" s="613"/>
      <c r="KKN710" s="613"/>
      <c r="KKO710" s="613"/>
      <c r="KKP710" s="613"/>
      <c r="KKQ710" s="613"/>
      <c r="KKR710" s="613"/>
      <c r="KKS710" s="613"/>
      <c r="KKT710" s="613"/>
      <c r="KKU710" s="613"/>
      <c r="KKV710" s="613"/>
      <c r="KKW710" s="613"/>
      <c r="KKX710" s="613"/>
      <c r="KKY710" s="613"/>
      <c r="KKZ710" s="613"/>
      <c r="KLA710" s="613"/>
      <c r="KLB710" s="613"/>
      <c r="KLC710" s="613"/>
      <c r="KLD710" s="613"/>
      <c r="KLE710" s="613"/>
      <c r="KLF710" s="613"/>
      <c r="KLG710" s="613"/>
      <c r="KLH710" s="613"/>
      <c r="KLI710" s="613"/>
      <c r="KLJ710" s="613"/>
      <c r="KLK710" s="613"/>
      <c r="KLL710" s="613"/>
      <c r="KLM710" s="613"/>
      <c r="KLN710" s="613"/>
      <c r="KLO710" s="613"/>
      <c r="KLP710" s="613"/>
      <c r="KLQ710" s="613"/>
      <c r="KLR710" s="613"/>
      <c r="KLS710" s="613"/>
      <c r="KLT710" s="613"/>
      <c r="KLU710" s="613"/>
      <c r="KLV710" s="613"/>
      <c r="KLW710" s="613"/>
      <c r="KLX710" s="613"/>
      <c r="KLY710" s="613"/>
      <c r="KLZ710" s="613"/>
      <c r="KMA710" s="613"/>
      <c r="KMB710" s="613"/>
      <c r="KMC710" s="613"/>
      <c r="KMD710" s="613"/>
      <c r="KME710" s="613"/>
      <c r="KMF710" s="613"/>
      <c r="KMG710" s="613"/>
      <c r="KMH710" s="613"/>
      <c r="KMI710" s="613"/>
      <c r="KMJ710" s="613"/>
      <c r="KMK710" s="613"/>
      <c r="KML710" s="613"/>
      <c r="KMM710" s="613"/>
      <c r="KMN710" s="613"/>
      <c r="KMO710" s="613"/>
      <c r="KMP710" s="613"/>
      <c r="KMQ710" s="613"/>
      <c r="KMR710" s="613"/>
      <c r="KMS710" s="613"/>
      <c r="KMT710" s="613"/>
      <c r="KMU710" s="613"/>
      <c r="KMV710" s="613"/>
      <c r="KMW710" s="613"/>
      <c r="KMX710" s="613"/>
      <c r="KMY710" s="613"/>
      <c r="KMZ710" s="613"/>
      <c r="KNA710" s="613"/>
      <c r="KNB710" s="613"/>
      <c r="KNC710" s="613"/>
      <c r="KND710" s="613"/>
      <c r="KNE710" s="613"/>
      <c r="KNF710" s="613"/>
      <c r="KNG710" s="613"/>
      <c r="KNH710" s="613"/>
      <c r="KNI710" s="613"/>
      <c r="KNJ710" s="613"/>
      <c r="KNK710" s="613"/>
      <c r="KNL710" s="613"/>
      <c r="KNM710" s="613"/>
      <c r="KNN710" s="613"/>
      <c r="KNO710" s="613"/>
      <c r="KNP710" s="613"/>
      <c r="KNQ710" s="613"/>
      <c r="KNR710" s="613"/>
      <c r="KNS710" s="613"/>
      <c r="KNT710" s="613"/>
      <c r="KNU710" s="613"/>
      <c r="KNV710" s="613"/>
      <c r="KNW710" s="613"/>
      <c r="KNX710" s="613"/>
      <c r="KNY710" s="613"/>
      <c r="KNZ710" s="613"/>
      <c r="KOA710" s="613"/>
      <c r="KOB710" s="613"/>
      <c r="KOC710" s="613"/>
      <c r="KOD710" s="613"/>
      <c r="KOE710" s="613"/>
      <c r="KOF710" s="613"/>
      <c r="KOG710" s="613"/>
      <c r="KOH710" s="613"/>
      <c r="KOI710" s="613"/>
      <c r="KOJ710" s="613"/>
      <c r="KOK710" s="613"/>
      <c r="KOL710" s="613"/>
      <c r="KOM710" s="613"/>
      <c r="KON710" s="613"/>
      <c r="KOO710" s="613"/>
      <c r="KOP710" s="613"/>
      <c r="KOQ710" s="613"/>
      <c r="KOR710" s="613"/>
      <c r="KOS710" s="613"/>
      <c r="KOT710" s="613"/>
      <c r="KOU710" s="613"/>
      <c r="KOV710" s="613"/>
      <c r="KOW710" s="613"/>
      <c r="KOX710" s="613"/>
      <c r="KOY710" s="613"/>
      <c r="KOZ710" s="613"/>
      <c r="KPA710" s="613"/>
      <c r="KPB710" s="613"/>
      <c r="KPC710" s="613"/>
      <c r="KPD710" s="613"/>
      <c r="KPE710" s="613"/>
      <c r="KPF710" s="613"/>
      <c r="KPG710" s="613"/>
      <c r="KPH710" s="613"/>
      <c r="KPI710" s="613"/>
      <c r="KPJ710" s="613"/>
      <c r="KPK710" s="613"/>
      <c r="KPL710" s="613"/>
      <c r="KPM710" s="613"/>
      <c r="KPN710" s="613"/>
      <c r="KPO710" s="613"/>
      <c r="KPP710" s="613"/>
      <c r="KPQ710" s="613"/>
      <c r="KPR710" s="613"/>
      <c r="KPS710" s="613"/>
      <c r="KPT710" s="613"/>
      <c r="KPU710" s="613"/>
      <c r="KPV710" s="613"/>
      <c r="KPW710" s="613"/>
      <c r="KPX710" s="613"/>
      <c r="KPY710" s="613"/>
      <c r="KPZ710" s="613"/>
      <c r="KQA710" s="613"/>
      <c r="KQB710" s="613"/>
      <c r="KQC710" s="613"/>
      <c r="KQD710" s="613"/>
      <c r="KQE710" s="613"/>
      <c r="KQF710" s="613"/>
      <c r="KQG710" s="613"/>
      <c r="KQH710" s="613"/>
      <c r="KQI710" s="613"/>
      <c r="KQJ710" s="613"/>
      <c r="KQK710" s="613"/>
      <c r="KQL710" s="613"/>
      <c r="KQM710" s="613"/>
      <c r="KQN710" s="613"/>
      <c r="KQO710" s="613"/>
      <c r="KQP710" s="613"/>
      <c r="KQQ710" s="613"/>
      <c r="KQR710" s="613"/>
      <c r="KQS710" s="613"/>
      <c r="KQT710" s="613"/>
      <c r="KQU710" s="613"/>
      <c r="KQV710" s="613"/>
      <c r="KQW710" s="613"/>
      <c r="KQX710" s="613"/>
      <c r="KQY710" s="613"/>
      <c r="KQZ710" s="613"/>
      <c r="KRA710" s="613"/>
      <c r="KRB710" s="613"/>
      <c r="KRC710" s="613"/>
      <c r="KRD710" s="613"/>
      <c r="KRE710" s="613"/>
      <c r="KRF710" s="613"/>
      <c r="KRG710" s="613"/>
      <c r="KRH710" s="613"/>
      <c r="KRI710" s="613"/>
      <c r="KRJ710" s="613"/>
      <c r="KRK710" s="613"/>
      <c r="KRL710" s="613"/>
      <c r="KRM710" s="613"/>
      <c r="KRN710" s="613"/>
      <c r="KRO710" s="613"/>
      <c r="KRP710" s="613"/>
      <c r="KRQ710" s="613"/>
      <c r="KRR710" s="613"/>
      <c r="KRS710" s="613"/>
      <c r="KRT710" s="613"/>
      <c r="KRU710" s="613"/>
      <c r="KRV710" s="613"/>
      <c r="KRW710" s="613"/>
      <c r="KRX710" s="613"/>
      <c r="KRY710" s="613"/>
      <c r="KRZ710" s="613"/>
      <c r="KSA710" s="613"/>
      <c r="KSB710" s="613"/>
      <c r="KSC710" s="613"/>
      <c r="KSD710" s="613"/>
      <c r="KSE710" s="613"/>
      <c r="KSF710" s="613"/>
      <c r="KSG710" s="613"/>
      <c r="KSH710" s="613"/>
      <c r="KSI710" s="613"/>
      <c r="KSJ710" s="613"/>
      <c r="KSK710" s="613"/>
      <c r="KSL710" s="613"/>
      <c r="KSM710" s="613"/>
      <c r="KSN710" s="613"/>
      <c r="KSO710" s="613"/>
      <c r="KSP710" s="613"/>
      <c r="KSQ710" s="613"/>
      <c r="KSR710" s="613"/>
      <c r="KSS710" s="613"/>
      <c r="KST710" s="613"/>
      <c r="KSU710" s="613"/>
      <c r="KSV710" s="613"/>
      <c r="KSW710" s="613"/>
      <c r="KSX710" s="613"/>
      <c r="KSY710" s="613"/>
      <c r="KSZ710" s="613"/>
      <c r="KTA710" s="613"/>
      <c r="KTB710" s="613"/>
      <c r="KTC710" s="613"/>
      <c r="KTD710" s="613"/>
      <c r="KTE710" s="613"/>
      <c r="KTF710" s="613"/>
      <c r="KTG710" s="613"/>
      <c r="KTH710" s="613"/>
      <c r="KTI710" s="613"/>
      <c r="KTJ710" s="613"/>
      <c r="KTK710" s="613"/>
      <c r="KTL710" s="613"/>
      <c r="KTM710" s="613"/>
      <c r="KTN710" s="613"/>
      <c r="KTO710" s="613"/>
      <c r="KTP710" s="613"/>
      <c r="KTQ710" s="613"/>
      <c r="KTR710" s="613"/>
      <c r="KTS710" s="613"/>
      <c r="KTT710" s="613"/>
      <c r="KTU710" s="613"/>
      <c r="KTV710" s="613"/>
      <c r="KTW710" s="613"/>
      <c r="KTX710" s="613"/>
      <c r="KTY710" s="613"/>
      <c r="KTZ710" s="613"/>
      <c r="KUA710" s="613"/>
      <c r="KUB710" s="613"/>
      <c r="KUC710" s="613"/>
      <c r="KUD710" s="613"/>
      <c r="KUE710" s="613"/>
      <c r="KUF710" s="613"/>
      <c r="KUG710" s="613"/>
      <c r="KUH710" s="613"/>
      <c r="KUI710" s="613"/>
      <c r="KUJ710" s="613"/>
      <c r="KUK710" s="613"/>
      <c r="KUL710" s="613"/>
      <c r="KUM710" s="613"/>
      <c r="KUN710" s="613"/>
      <c r="KUO710" s="613"/>
      <c r="KUP710" s="613"/>
      <c r="KUQ710" s="613"/>
      <c r="KUR710" s="613"/>
      <c r="KUS710" s="613"/>
      <c r="KUT710" s="613"/>
      <c r="KUU710" s="613"/>
      <c r="KUV710" s="613"/>
      <c r="KUW710" s="613"/>
      <c r="KUX710" s="613"/>
      <c r="KUY710" s="613"/>
      <c r="KUZ710" s="613"/>
      <c r="KVA710" s="613"/>
      <c r="KVB710" s="613"/>
      <c r="KVC710" s="613"/>
      <c r="KVD710" s="613"/>
      <c r="KVE710" s="613"/>
      <c r="KVF710" s="613"/>
      <c r="KVG710" s="613"/>
      <c r="KVH710" s="613"/>
      <c r="KVI710" s="613"/>
      <c r="KVJ710" s="613"/>
      <c r="KVK710" s="613"/>
      <c r="KVL710" s="613"/>
      <c r="KVM710" s="613"/>
      <c r="KVN710" s="613"/>
      <c r="KVO710" s="613"/>
      <c r="KVP710" s="613"/>
      <c r="KVQ710" s="613"/>
      <c r="KVR710" s="613"/>
      <c r="KVS710" s="613"/>
      <c r="KVT710" s="613"/>
      <c r="KVU710" s="613"/>
      <c r="KVV710" s="613"/>
      <c r="KVW710" s="613"/>
      <c r="KVX710" s="613"/>
      <c r="KVY710" s="613"/>
      <c r="KVZ710" s="613"/>
      <c r="KWA710" s="613"/>
      <c r="KWB710" s="613"/>
      <c r="KWC710" s="613"/>
      <c r="KWD710" s="613"/>
      <c r="KWE710" s="613"/>
      <c r="KWF710" s="613"/>
      <c r="KWG710" s="613"/>
      <c r="KWH710" s="613"/>
      <c r="KWI710" s="613"/>
      <c r="KWJ710" s="613"/>
      <c r="KWK710" s="613"/>
      <c r="KWL710" s="613"/>
      <c r="KWM710" s="613"/>
      <c r="KWN710" s="613"/>
      <c r="KWO710" s="613"/>
      <c r="KWP710" s="613"/>
      <c r="KWQ710" s="613"/>
      <c r="KWR710" s="613"/>
      <c r="KWS710" s="613"/>
      <c r="KWT710" s="613"/>
      <c r="KWU710" s="613"/>
      <c r="KWV710" s="613"/>
      <c r="KWW710" s="613"/>
      <c r="KWX710" s="613"/>
      <c r="KWY710" s="613"/>
      <c r="KWZ710" s="613"/>
      <c r="KXA710" s="613"/>
      <c r="KXB710" s="613"/>
      <c r="KXC710" s="613"/>
      <c r="KXD710" s="613"/>
      <c r="KXE710" s="613"/>
      <c r="KXF710" s="613"/>
      <c r="KXG710" s="613"/>
      <c r="KXH710" s="613"/>
      <c r="KXI710" s="613"/>
      <c r="KXJ710" s="613"/>
      <c r="KXK710" s="613"/>
      <c r="KXL710" s="613"/>
      <c r="KXM710" s="613"/>
      <c r="KXN710" s="613"/>
      <c r="KXO710" s="613"/>
      <c r="KXP710" s="613"/>
      <c r="KXQ710" s="613"/>
      <c r="KXR710" s="613"/>
      <c r="KXS710" s="613"/>
      <c r="KXT710" s="613"/>
      <c r="KXU710" s="613"/>
      <c r="KXV710" s="613"/>
      <c r="KXW710" s="613"/>
      <c r="KXX710" s="613"/>
      <c r="KXY710" s="613"/>
      <c r="KXZ710" s="613"/>
      <c r="KYA710" s="613"/>
      <c r="KYB710" s="613"/>
      <c r="KYC710" s="613"/>
      <c r="KYD710" s="613"/>
      <c r="KYE710" s="613"/>
      <c r="KYF710" s="613"/>
      <c r="KYG710" s="613"/>
      <c r="KYH710" s="613"/>
      <c r="KYI710" s="613"/>
      <c r="KYJ710" s="613"/>
      <c r="KYK710" s="613"/>
      <c r="KYL710" s="613"/>
      <c r="KYM710" s="613"/>
      <c r="KYN710" s="613"/>
      <c r="KYO710" s="613"/>
      <c r="KYP710" s="613"/>
      <c r="KYQ710" s="613"/>
      <c r="KYR710" s="613"/>
      <c r="KYS710" s="613"/>
      <c r="KYT710" s="613"/>
      <c r="KYU710" s="613"/>
      <c r="KYV710" s="613"/>
      <c r="KYW710" s="613"/>
      <c r="KYX710" s="613"/>
      <c r="KYY710" s="613"/>
      <c r="KYZ710" s="613"/>
      <c r="KZA710" s="613"/>
      <c r="KZB710" s="613"/>
      <c r="KZC710" s="613"/>
      <c r="KZD710" s="613"/>
      <c r="KZE710" s="613"/>
      <c r="KZF710" s="613"/>
      <c r="KZG710" s="613"/>
      <c r="KZH710" s="613"/>
      <c r="KZI710" s="613"/>
      <c r="KZJ710" s="613"/>
      <c r="KZK710" s="613"/>
      <c r="KZL710" s="613"/>
      <c r="KZM710" s="613"/>
      <c r="KZN710" s="613"/>
      <c r="KZO710" s="613"/>
      <c r="KZP710" s="613"/>
      <c r="KZQ710" s="613"/>
      <c r="KZR710" s="613"/>
      <c r="KZS710" s="613"/>
      <c r="KZT710" s="613"/>
      <c r="KZU710" s="613"/>
      <c r="KZV710" s="613"/>
      <c r="KZW710" s="613"/>
      <c r="KZX710" s="613"/>
      <c r="KZY710" s="613"/>
      <c r="KZZ710" s="613"/>
      <c r="LAA710" s="613"/>
      <c r="LAB710" s="613"/>
      <c r="LAC710" s="613"/>
      <c r="LAD710" s="613"/>
      <c r="LAE710" s="613"/>
      <c r="LAF710" s="613"/>
      <c r="LAG710" s="613"/>
      <c r="LAH710" s="613"/>
      <c r="LAI710" s="613"/>
      <c r="LAJ710" s="613"/>
      <c r="LAK710" s="613"/>
      <c r="LAL710" s="613"/>
      <c r="LAM710" s="613"/>
      <c r="LAN710" s="613"/>
      <c r="LAO710" s="613"/>
      <c r="LAP710" s="613"/>
      <c r="LAQ710" s="613"/>
      <c r="LAR710" s="613"/>
      <c r="LAS710" s="613"/>
      <c r="LAT710" s="613"/>
      <c r="LAU710" s="613"/>
      <c r="LAV710" s="613"/>
      <c r="LAW710" s="613"/>
      <c r="LAX710" s="613"/>
      <c r="LAY710" s="613"/>
      <c r="LAZ710" s="613"/>
      <c r="LBA710" s="613"/>
      <c r="LBB710" s="613"/>
      <c r="LBC710" s="613"/>
      <c r="LBD710" s="613"/>
      <c r="LBE710" s="613"/>
      <c r="LBF710" s="613"/>
      <c r="LBG710" s="613"/>
      <c r="LBH710" s="613"/>
      <c r="LBI710" s="613"/>
      <c r="LBJ710" s="613"/>
      <c r="LBK710" s="613"/>
      <c r="LBL710" s="613"/>
      <c r="LBM710" s="613"/>
      <c r="LBN710" s="613"/>
      <c r="LBO710" s="613"/>
      <c r="LBP710" s="613"/>
      <c r="LBQ710" s="613"/>
      <c r="LBR710" s="613"/>
      <c r="LBS710" s="613"/>
      <c r="LBT710" s="613"/>
      <c r="LBU710" s="613"/>
      <c r="LBV710" s="613"/>
      <c r="LBW710" s="613"/>
      <c r="LBX710" s="613"/>
      <c r="LBY710" s="613"/>
      <c r="LBZ710" s="613"/>
      <c r="LCA710" s="613"/>
      <c r="LCB710" s="613"/>
      <c r="LCC710" s="613"/>
      <c r="LCD710" s="613"/>
      <c r="LCE710" s="613"/>
      <c r="LCF710" s="613"/>
      <c r="LCG710" s="613"/>
      <c r="LCH710" s="613"/>
      <c r="LCI710" s="613"/>
      <c r="LCJ710" s="613"/>
      <c r="LCK710" s="613"/>
      <c r="LCL710" s="613"/>
      <c r="LCM710" s="613"/>
      <c r="LCN710" s="613"/>
      <c r="LCO710" s="613"/>
      <c r="LCP710" s="613"/>
      <c r="LCQ710" s="613"/>
      <c r="LCR710" s="613"/>
      <c r="LCS710" s="613"/>
      <c r="LCT710" s="613"/>
      <c r="LCU710" s="613"/>
      <c r="LCV710" s="613"/>
      <c r="LCW710" s="613"/>
      <c r="LCX710" s="613"/>
      <c r="LCY710" s="613"/>
      <c r="LCZ710" s="613"/>
      <c r="LDA710" s="613"/>
      <c r="LDB710" s="613"/>
      <c r="LDC710" s="613"/>
      <c r="LDD710" s="613"/>
      <c r="LDE710" s="613"/>
      <c r="LDF710" s="613"/>
      <c r="LDG710" s="613"/>
      <c r="LDH710" s="613"/>
      <c r="LDI710" s="613"/>
      <c r="LDJ710" s="613"/>
      <c r="LDK710" s="613"/>
      <c r="LDL710" s="613"/>
      <c r="LDM710" s="613"/>
      <c r="LDN710" s="613"/>
      <c r="LDO710" s="613"/>
      <c r="LDP710" s="613"/>
      <c r="LDQ710" s="613"/>
      <c r="LDR710" s="613"/>
      <c r="LDS710" s="613"/>
      <c r="LDT710" s="613"/>
      <c r="LDU710" s="613"/>
      <c r="LDV710" s="613"/>
      <c r="LDW710" s="613"/>
      <c r="LDX710" s="613"/>
      <c r="LDY710" s="613"/>
      <c r="LDZ710" s="613"/>
      <c r="LEA710" s="613"/>
      <c r="LEB710" s="613"/>
      <c r="LEC710" s="613"/>
      <c r="LED710" s="613"/>
      <c r="LEE710" s="613"/>
      <c r="LEF710" s="613"/>
      <c r="LEG710" s="613"/>
      <c r="LEH710" s="613"/>
      <c r="LEI710" s="613"/>
      <c r="LEJ710" s="613"/>
      <c r="LEK710" s="613"/>
      <c r="LEL710" s="613"/>
      <c r="LEM710" s="613"/>
      <c r="LEN710" s="613"/>
      <c r="LEO710" s="613"/>
      <c r="LEP710" s="613"/>
      <c r="LEQ710" s="613"/>
      <c r="LER710" s="613"/>
      <c r="LES710" s="613"/>
      <c r="LET710" s="613"/>
      <c r="LEU710" s="613"/>
      <c r="LEV710" s="613"/>
      <c r="LEW710" s="613"/>
      <c r="LEX710" s="613"/>
      <c r="LEY710" s="613"/>
      <c r="LEZ710" s="613"/>
      <c r="LFA710" s="613"/>
      <c r="LFB710" s="613"/>
      <c r="LFC710" s="613"/>
      <c r="LFD710" s="613"/>
      <c r="LFE710" s="613"/>
      <c r="LFF710" s="613"/>
      <c r="LFG710" s="613"/>
      <c r="LFH710" s="613"/>
      <c r="LFI710" s="613"/>
      <c r="LFJ710" s="613"/>
      <c r="LFK710" s="613"/>
      <c r="LFL710" s="613"/>
      <c r="LFM710" s="613"/>
      <c r="LFN710" s="613"/>
      <c r="LFO710" s="613"/>
      <c r="LFP710" s="613"/>
      <c r="LFQ710" s="613"/>
      <c r="LFR710" s="613"/>
      <c r="LFS710" s="613"/>
      <c r="LFT710" s="613"/>
      <c r="LFU710" s="613"/>
      <c r="LFV710" s="613"/>
      <c r="LFW710" s="613"/>
      <c r="LFX710" s="613"/>
      <c r="LFY710" s="613"/>
      <c r="LFZ710" s="613"/>
      <c r="LGA710" s="613"/>
      <c r="LGB710" s="613"/>
      <c r="LGC710" s="613"/>
      <c r="LGD710" s="613"/>
      <c r="LGE710" s="613"/>
      <c r="LGF710" s="613"/>
      <c r="LGG710" s="613"/>
      <c r="LGH710" s="613"/>
      <c r="LGI710" s="613"/>
      <c r="LGJ710" s="613"/>
      <c r="LGK710" s="613"/>
      <c r="LGL710" s="613"/>
      <c r="LGM710" s="613"/>
      <c r="LGN710" s="613"/>
      <c r="LGO710" s="613"/>
      <c r="LGP710" s="613"/>
      <c r="LGQ710" s="613"/>
      <c r="LGR710" s="613"/>
      <c r="LGS710" s="613"/>
      <c r="LGT710" s="613"/>
      <c r="LGU710" s="613"/>
      <c r="LGV710" s="613"/>
      <c r="LGW710" s="613"/>
      <c r="LGX710" s="613"/>
      <c r="LGY710" s="613"/>
      <c r="LGZ710" s="613"/>
      <c r="LHA710" s="613"/>
      <c r="LHB710" s="613"/>
      <c r="LHC710" s="613"/>
      <c r="LHD710" s="613"/>
      <c r="LHE710" s="613"/>
      <c r="LHF710" s="613"/>
      <c r="LHG710" s="613"/>
      <c r="LHH710" s="613"/>
      <c r="LHI710" s="613"/>
      <c r="LHJ710" s="613"/>
      <c r="LHK710" s="613"/>
      <c r="LHL710" s="613"/>
      <c r="LHM710" s="613"/>
      <c r="LHN710" s="613"/>
      <c r="LHO710" s="613"/>
      <c r="LHP710" s="613"/>
      <c r="LHQ710" s="613"/>
      <c r="LHR710" s="613"/>
      <c r="LHS710" s="613"/>
      <c r="LHT710" s="613"/>
      <c r="LHU710" s="613"/>
      <c r="LHV710" s="613"/>
      <c r="LHW710" s="613"/>
      <c r="LHX710" s="613"/>
      <c r="LHY710" s="613"/>
      <c r="LHZ710" s="613"/>
      <c r="LIA710" s="613"/>
      <c r="LIB710" s="613"/>
      <c r="LIC710" s="613"/>
      <c r="LID710" s="613"/>
      <c r="LIE710" s="613"/>
      <c r="LIF710" s="613"/>
      <c r="LIG710" s="613"/>
      <c r="LIH710" s="613"/>
      <c r="LII710" s="613"/>
      <c r="LIJ710" s="613"/>
      <c r="LIK710" s="613"/>
      <c r="LIL710" s="613"/>
      <c r="LIM710" s="613"/>
      <c r="LIN710" s="613"/>
      <c r="LIO710" s="613"/>
      <c r="LIP710" s="613"/>
      <c r="LIQ710" s="613"/>
      <c r="LIR710" s="613"/>
      <c r="LIS710" s="613"/>
      <c r="LIT710" s="613"/>
      <c r="LIU710" s="613"/>
      <c r="LIV710" s="613"/>
      <c r="LIW710" s="613"/>
      <c r="LIX710" s="613"/>
      <c r="LIY710" s="613"/>
      <c r="LIZ710" s="613"/>
      <c r="LJA710" s="613"/>
      <c r="LJB710" s="613"/>
      <c r="LJC710" s="613"/>
      <c r="LJD710" s="613"/>
      <c r="LJE710" s="613"/>
      <c r="LJF710" s="613"/>
      <c r="LJG710" s="613"/>
      <c r="LJH710" s="613"/>
      <c r="LJI710" s="613"/>
      <c r="LJJ710" s="613"/>
      <c r="LJK710" s="613"/>
      <c r="LJL710" s="613"/>
      <c r="LJM710" s="613"/>
      <c r="LJN710" s="613"/>
      <c r="LJO710" s="613"/>
      <c r="LJP710" s="613"/>
      <c r="LJQ710" s="613"/>
      <c r="LJR710" s="613"/>
      <c r="LJS710" s="613"/>
      <c r="LJT710" s="613"/>
      <c r="LJU710" s="613"/>
      <c r="LJV710" s="613"/>
      <c r="LJW710" s="613"/>
      <c r="LJX710" s="613"/>
      <c r="LJY710" s="613"/>
      <c r="LJZ710" s="613"/>
      <c r="LKA710" s="613"/>
      <c r="LKB710" s="613"/>
      <c r="LKC710" s="613"/>
      <c r="LKD710" s="613"/>
      <c r="LKE710" s="613"/>
      <c r="LKF710" s="613"/>
      <c r="LKG710" s="613"/>
      <c r="LKH710" s="613"/>
      <c r="LKI710" s="613"/>
      <c r="LKJ710" s="613"/>
      <c r="LKK710" s="613"/>
      <c r="LKL710" s="613"/>
      <c r="LKM710" s="613"/>
      <c r="LKN710" s="613"/>
      <c r="LKO710" s="613"/>
      <c r="LKP710" s="613"/>
      <c r="LKQ710" s="613"/>
      <c r="LKR710" s="613"/>
      <c r="LKS710" s="613"/>
      <c r="LKT710" s="613"/>
      <c r="LKU710" s="613"/>
      <c r="LKV710" s="613"/>
      <c r="LKW710" s="613"/>
      <c r="LKX710" s="613"/>
      <c r="LKY710" s="613"/>
      <c r="LKZ710" s="613"/>
      <c r="LLA710" s="613"/>
      <c r="LLB710" s="613"/>
      <c r="LLC710" s="613"/>
      <c r="LLD710" s="613"/>
      <c r="LLE710" s="613"/>
      <c r="LLF710" s="613"/>
      <c r="LLG710" s="613"/>
      <c r="LLH710" s="613"/>
      <c r="LLI710" s="613"/>
      <c r="LLJ710" s="613"/>
      <c r="LLK710" s="613"/>
      <c r="LLL710" s="613"/>
      <c r="LLM710" s="613"/>
      <c r="LLN710" s="613"/>
      <c r="LLO710" s="613"/>
      <c r="LLP710" s="613"/>
      <c r="LLQ710" s="613"/>
      <c r="LLR710" s="613"/>
      <c r="LLS710" s="613"/>
      <c r="LLT710" s="613"/>
      <c r="LLU710" s="613"/>
      <c r="LLV710" s="613"/>
      <c r="LLW710" s="613"/>
      <c r="LLX710" s="613"/>
      <c r="LLY710" s="613"/>
      <c r="LLZ710" s="613"/>
      <c r="LMA710" s="613"/>
      <c r="LMB710" s="613"/>
      <c r="LMC710" s="613"/>
      <c r="LMD710" s="613"/>
      <c r="LME710" s="613"/>
      <c r="LMF710" s="613"/>
      <c r="LMG710" s="613"/>
      <c r="LMH710" s="613"/>
      <c r="LMI710" s="613"/>
      <c r="LMJ710" s="613"/>
      <c r="LMK710" s="613"/>
      <c r="LML710" s="613"/>
      <c r="LMM710" s="613"/>
      <c r="LMN710" s="613"/>
      <c r="LMO710" s="613"/>
      <c r="LMP710" s="613"/>
      <c r="LMQ710" s="613"/>
      <c r="LMR710" s="613"/>
      <c r="LMS710" s="613"/>
      <c r="LMT710" s="613"/>
      <c r="LMU710" s="613"/>
      <c r="LMV710" s="613"/>
      <c r="LMW710" s="613"/>
      <c r="LMX710" s="613"/>
      <c r="LMY710" s="613"/>
      <c r="LMZ710" s="613"/>
      <c r="LNA710" s="613"/>
      <c r="LNB710" s="613"/>
      <c r="LNC710" s="613"/>
      <c r="LND710" s="613"/>
      <c r="LNE710" s="613"/>
      <c r="LNF710" s="613"/>
      <c r="LNG710" s="613"/>
      <c r="LNH710" s="613"/>
      <c r="LNI710" s="613"/>
      <c r="LNJ710" s="613"/>
      <c r="LNK710" s="613"/>
      <c r="LNL710" s="613"/>
      <c r="LNM710" s="613"/>
      <c r="LNN710" s="613"/>
      <c r="LNO710" s="613"/>
      <c r="LNP710" s="613"/>
      <c r="LNQ710" s="613"/>
      <c r="LNR710" s="613"/>
      <c r="LNS710" s="613"/>
      <c r="LNT710" s="613"/>
      <c r="LNU710" s="613"/>
      <c r="LNV710" s="613"/>
      <c r="LNW710" s="613"/>
      <c r="LNX710" s="613"/>
      <c r="LNY710" s="613"/>
      <c r="LNZ710" s="613"/>
      <c r="LOA710" s="613"/>
      <c r="LOB710" s="613"/>
      <c r="LOC710" s="613"/>
      <c r="LOD710" s="613"/>
      <c r="LOE710" s="613"/>
      <c r="LOF710" s="613"/>
      <c r="LOG710" s="613"/>
      <c r="LOH710" s="613"/>
      <c r="LOI710" s="613"/>
      <c r="LOJ710" s="613"/>
      <c r="LOK710" s="613"/>
      <c r="LOL710" s="613"/>
      <c r="LOM710" s="613"/>
      <c r="LON710" s="613"/>
      <c r="LOO710" s="613"/>
      <c r="LOP710" s="613"/>
      <c r="LOQ710" s="613"/>
      <c r="LOR710" s="613"/>
      <c r="LOS710" s="613"/>
      <c r="LOT710" s="613"/>
      <c r="LOU710" s="613"/>
      <c r="LOV710" s="613"/>
      <c r="LOW710" s="613"/>
      <c r="LOX710" s="613"/>
      <c r="LOY710" s="613"/>
      <c r="LOZ710" s="613"/>
      <c r="LPA710" s="613"/>
      <c r="LPB710" s="613"/>
      <c r="LPC710" s="613"/>
      <c r="LPD710" s="613"/>
      <c r="LPE710" s="613"/>
      <c r="LPF710" s="613"/>
      <c r="LPG710" s="613"/>
      <c r="LPH710" s="613"/>
      <c r="LPI710" s="613"/>
      <c r="LPJ710" s="613"/>
      <c r="LPK710" s="613"/>
      <c r="LPL710" s="613"/>
      <c r="LPM710" s="613"/>
      <c r="LPN710" s="613"/>
      <c r="LPO710" s="613"/>
      <c r="LPP710" s="613"/>
      <c r="LPQ710" s="613"/>
      <c r="LPR710" s="613"/>
      <c r="LPS710" s="613"/>
      <c r="LPT710" s="613"/>
      <c r="LPU710" s="613"/>
      <c r="LPV710" s="613"/>
      <c r="LPW710" s="613"/>
      <c r="LPX710" s="613"/>
      <c r="LPY710" s="613"/>
      <c r="LPZ710" s="613"/>
      <c r="LQA710" s="613"/>
      <c r="LQB710" s="613"/>
      <c r="LQC710" s="613"/>
      <c r="LQD710" s="613"/>
      <c r="LQE710" s="613"/>
      <c r="LQF710" s="613"/>
      <c r="LQG710" s="613"/>
      <c r="LQH710" s="613"/>
      <c r="LQI710" s="613"/>
      <c r="LQJ710" s="613"/>
      <c r="LQK710" s="613"/>
      <c r="LQL710" s="613"/>
      <c r="LQM710" s="613"/>
      <c r="LQN710" s="613"/>
      <c r="LQO710" s="613"/>
      <c r="LQP710" s="613"/>
      <c r="LQQ710" s="613"/>
      <c r="LQR710" s="613"/>
      <c r="LQS710" s="613"/>
      <c r="LQT710" s="613"/>
      <c r="LQU710" s="613"/>
      <c r="LQV710" s="613"/>
      <c r="LQW710" s="613"/>
      <c r="LQX710" s="613"/>
      <c r="LQY710" s="613"/>
      <c r="LQZ710" s="613"/>
      <c r="LRA710" s="613"/>
      <c r="LRB710" s="613"/>
      <c r="LRC710" s="613"/>
      <c r="LRD710" s="613"/>
      <c r="LRE710" s="613"/>
      <c r="LRF710" s="613"/>
      <c r="LRG710" s="613"/>
      <c r="LRH710" s="613"/>
      <c r="LRI710" s="613"/>
      <c r="LRJ710" s="613"/>
      <c r="LRK710" s="613"/>
      <c r="LRL710" s="613"/>
      <c r="LRM710" s="613"/>
      <c r="LRN710" s="613"/>
      <c r="LRO710" s="613"/>
      <c r="LRP710" s="613"/>
      <c r="LRQ710" s="613"/>
      <c r="LRR710" s="613"/>
      <c r="LRS710" s="613"/>
      <c r="LRT710" s="613"/>
      <c r="LRU710" s="613"/>
      <c r="LRV710" s="613"/>
      <c r="LRW710" s="613"/>
      <c r="LRX710" s="613"/>
      <c r="LRY710" s="613"/>
      <c r="LRZ710" s="613"/>
      <c r="LSA710" s="613"/>
      <c r="LSB710" s="613"/>
      <c r="LSC710" s="613"/>
      <c r="LSD710" s="613"/>
      <c r="LSE710" s="613"/>
      <c r="LSF710" s="613"/>
      <c r="LSG710" s="613"/>
      <c r="LSH710" s="613"/>
      <c r="LSI710" s="613"/>
      <c r="LSJ710" s="613"/>
      <c r="LSK710" s="613"/>
      <c r="LSL710" s="613"/>
      <c r="LSM710" s="613"/>
      <c r="LSN710" s="613"/>
      <c r="LSO710" s="613"/>
      <c r="LSP710" s="613"/>
      <c r="LSQ710" s="613"/>
      <c r="LSR710" s="613"/>
      <c r="LSS710" s="613"/>
      <c r="LST710" s="613"/>
      <c r="LSU710" s="613"/>
      <c r="LSV710" s="613"/>
      <c r="LSW710" s="613"/>
      <c r="LSX710" s="613"/>
      <c r="LSY710" s="613"/>
      <c r="LSZ710" s="613"/>
      <c r="LTA710" s="613"/>
      <c r="LTB710" s="613"/>
      <c r="LTC710" s="613"/>
      <c r="LTD710" s="613"/>
      <c r="LTE710" s="613"/>
      <c r="LTF710" s="613"/>
      <c r="LTG710" s="613"/>
      <c r="LTH710" s="613"/>
      <c r="LTI710" s="613"/>
      <c r="LTJ710" s="613"/>
      <c r="LTK710" s="613"/>
      <c r="LTL710" s="613"/>
      <c r="LTM710" s="613"/>
      <c r="LTN710" s="613"/>
      <c r="LTO710" s="613"/>
      <c r="LTP710" s="613"/>
      <c r="LTQ710" s="613"/>
      <c r="LTR710" s="613"/>
      <c r="LTS710" s="613"/>
      <c r="LTT710" s="613"/>
      <c r="LTU710" s="613"/>
      <c r="LTV710" s="613"/>
      <c r="LTW710" s="613"/>
      <c r="LTX710" s="613"/>
      <c r="LTY710" s="613"/>
      <c r="LTZ710" s="613"/>
      <c r="LUA710" s="613"/>
      <c r="LUB710" s="613"/>
      <c r="LUC710" s="613"/>
      <c r="LUD710" s="613"/>
      <c r="LUE710" s="613"/>
      <c r="LUF710" s="613"/>
      <c r="LUG710" s="613"/>
      <c r="LUH710" s="613"/>
      <c r="LUI710" s="613"/>
      <c r="LUJ710" s="613"/>
      <c r="LUK710" s="613"/>
      <c r="LUL710" s="613"/>
      <c r="LUM710" s="613"/>
      <c r="LUN710" s="613"/>
      <c r="LUO710" s="613"/>
      <c r="LUP710" s="613"/>
      <c r="LUQ710" s="613"/>
      <c r="LUR710" s="613"/>
      <c r="LUS710" s="613"/>
      <c r="LUT710" s="613"/>
      <c r="LUU710" s="613"/>
      <c r="LUV710" s="613"/>
      <c r="LUW710" s="613"/>
      <c r="LUX710" s="613"/>
      <c r="LUY710" s="613"/>
      <c r="LUZ710" s="613"/>
      <c r="LVA710" s="613"/>
      <c r="LVB710" s="613"/>
      <c r="LVC710" s="613"/>
      <c r="LVD710" s="613"/>
      <c r="LVE710" s="613"/>
      <c r="LVF710" s="613"/>
      <c r="LVG710" s="613"/>
      <c r="LVH710" s="613"/>
      <c r="LVI710" s="613"/>
      <c r="LVJ710" s="613"/>
      <c r="LVK710" s="613"/>
      <c r="LVL710" s="613"/>
      <c r="LVM710" s="613"/>
      <c r="LVN710" s="613"/>
      <c r="LVO710" s="613"/>
      <c r="LVP710" s="613"/>
      <c r="LVQ710" s="613"/>
      <c r="LVR710" s="613"/>
      <c r="LVS710" s="613"/>
      <c r="LVT710" s="613"/>
      <c r="LVU710" s="613"/>
      <c r="LVV710" s="613"/>
      <c r="LVW710" s="613"/>
      <c r="LVX710" s="613"/>
      <c r="LVY710" s="613"/>
      <c r="LVZ710" s="613"/>
      <c r="LWA710" s="613"/>
      <c r="LWB710" s="613"/>
      <c r="LWC710" s="613"/>
      <c r="LWD710" s="613"/>
      <c r="LWE710" s="613"/>
      <c r="LWF710" s="613"/>
      <c r="LWG710" s="613"/>
      <c r="LWH710" s="613"/>
      <c r="LWI710" s="613"/>
      <c r="LWJ710" s="613"/>
      <c r="LWK710" s="613"/>
      <c r="LWL710" s="613"/>
      <c r="LWM710" s="613"/>
      <c r="LWN710" s="613"/>
      <c r="LWO710" s="613"/>
      <c r="LWP710" s="613"/>
      <c r="LWQ710" s="613"/>
      <c r="LWR710" s="613"/>
      <c r="LWS710" s="613"/>
      <c r="LWT710" s="613"/>
      <c r="LWU710" s="613"/>
      <c r="LWV710" s="613"/>
      <c r="LWW710" s="613"/>
      <c r="LWX710" s="613"/>
      <c r="LWY710" s="613"/>
      <c r="LWZ710" s="613"/>
      <c r="LXA710" s="613"/>
      <c r="LXB710" s="613"/>
      <c r="LXC710" s="613"/>
      <c r="LXD710" s="613"/>
      <c r="LXE710" s="613"/>
      <c r="LXF710" s="613"/>
      <c r="LXG710" s="613"/>
      <c r="LXH710" s="613"/>
      <c r="LXI710" s="613"/>
      <c r="LXJ710" s="613"/>
      <c r="LXK710" s="613"/>
      <c r="LXL710" s="613"/>
      <c r="LXM710" s="613"/>
      <c r="LXN710" s="613"/>
      <c r="LXO710" s="613"/>
      <c r="LXP710" s="613"/>
      <c r="LXQ710" s="613"/>
      <c r="LXR710" s="613"/>
      <c r="LXS710" s="613"/>
      <c r="LXT710" s="613"/>
      <c r="LXU710" s="613"/>
      <c r="LXV710" s="613"/>
      <c r="LXW710" s="613"/>
      <c r="LXX710" s="613"/>
      <c r="LXY710" s="613"/>
      <c r="LXZ710" s="613"/>
      <c r="LYA710" s="613"/>
      <c r="LYB710" s="613"/>
      <c r="LYC710" s="613"/>
      <c r="LYD710" s="613"/>
      <c r="LYE710" s="613"/>
      <c r="LYF710" s="613"/>
      <c r="LYG710" s="613"/>
      <c r="LYH710" s="613"/>
      <c r="LYI710" s="613"/>
      <c r="LYJ710" s="613"/>
      <c r="LYK710" s="613"/>
      <c r="LYL710" s="613"/>
      <c r="LYM710" s="613"/>
      <c r="LYN710" s="613"/>
      <c r="LYO710" s="613"/>
      <c r="LYP710" s="613"/>
      <c r="LYQ710" s="613"/>
      <c r="LYR710" s="613"/>
      <c r="LYS710" s="613"/>
      <c r="LYT710" s="613"/>
      <c r="LYU710" s="613"/>
      <c r="LYV710" s="613"/>
      <c r="LYW710" s="613"/>
      <c r="LYX710" s="613"/>
      <c r="LYY710" s="613"/>
      <c r="LYZ710" s="613"/>
      <c r="LZA710" s="613"/>
      <c r="LZB710" s="613"/>
      <c r="LZC710" s="613"/>
      <c r="LZD710" s="613"/>
      <c r="LZE710" s="613"/>
      <c r="LZF710" s="613"/>
      <c r="LZG710" s="613"/>
      <c r="LZH710" s="613"/>
      <c r="LZI710" s="613"/>
      <c r="LZJ710" s="613"/>
      <c r="LZK710" s="613"/>
      <c r="LZL710" s="613"/>
      <c r="LZM710" s="613"/>
      <c r="LZN710" s="613"/>
      <c r="LZO710" s="613"/>
      <c r="LZP710" s="613"/>
      <c r="LZQ710" s="613"/>
      <c r="LZR710" s="613"/>
      <c r="LZS710" s="613"/>
      <c r="LZT710" s="613"/>
      <c r="LZU710" s="613"/>
      <c r="LZV710" s="613"/>
      <c r="LZW710" s="613"/>
      <c r="LZX710" s="613"/>
      <c r="LZY710" s="613"/>
      <c r="LZZ710" s="613"/>
      <c r="MAA710" s="613"/>
      <c r="MAB710" s="613"/>
      <c r="MAC710" s="613"/>
      <c r="MAD710" s="613"/>
      <c r="MAE710" s="613"/>
      <c r="MAF710" s="613"/>
      <c r="MAG710" s="613"/>
      <c r="MAH710" s="613"/>
      <c r="MAI710" s="613"/>
      <c r="MAJ710" s="613"/>
      <c r="MAK710" s="613"/>
      <c r="MAL710" s="613"/>
      <c r="MAM710" s="613"/>
      <c r="MAN710" s="613"/>
      <c r="MAO710" s="613"/>
      <c r="MAP710" s="613"/>
      <c r="MAQ710" s="613"/>
      <c r="MAR710" s="613"/>
      <c r="MAS710" s="613"/>
      <c r="MAT710" s="613"/>
      <c r="MAU710" s="613"/>
      <c r="MAV710" s="613"/>
      <c r="MAW710" s="613"/>
      <c r="MAX710" s="613"/>
      <c r="MAY710" s="613"/>
      <c r="MAZ710" s="613"/>
      <c r="MBA710" s="613"/>
      <c r="MBB710" s="613"/>
      <c r="MBC710" s="613"/>
      <c r="MBD710" s="613"/>
      <c r="MBE710" s="613"/>
      <c r="MBF710" s="613"/>
      <c r="MBG710" s="613"/>
      <c r="MBH710" s="613"/>
      <c r="MBI710" s="613"/>
      <c r="MBJ710" s="613"/>
      <c r="MBK710" s="613"/>
      <c r="MBL710" s="613"/>
      <c r="MBM710" s="613"/>
      <c r="MBN710" s="613"/>
      <c r="MBO710" s="613"/>
      <c r="MBP710" s="613"/>
      <c r="MBQ710" s="613"/>
      <c r="MBR710" s="613"/>
      <c r="MBS710" s="613"/>
      <c r="MBT710" s="613"/>
      <c r="MBU710" s="613"/>
      <c r="MBV710" s="613"/>
      <c r="MBW710" s="613"/>
      <c r="MBX710" s="613"/>
      <c r="MBY710" s="613"/>
      <c r="MBZ710" s="613"/>
      <c r="MCA710" s="613"/>
      <c r="MCB710" s="613"/>
      <c r="MCC710" s="613"/>
      <c r="MCD710" s="613"/>
      <c r="MCE710" s="613"/>
      <c r="MCF710" s="613"/>
      <c r="MCG710" s="613"/>
      <c r="MCH710" s="613"/>
      <c r="MCI710" s="613"/>
      <c r="MCJ710" s="613"/>
      <c r="MCK710" s="613"/>
      <c r="MCL710" s="613"/>
      <c r="MCM710" s="613"/>
      <c r="MCN710" s="613"/>
      <c r="MCO710" s="613"/>
      <c r="MCP710" s="613"/>
      <c r="MCQ710" s="613"/>
      <c r="MCR710" s="613"/>
      <c r="MCS710" s="613"/>
      <c r="MCT710" s="613"/>
      <c r="MCU710" s="613"/>
      <c r="MCV710" s="613"/>
      <c r="MCW710" s="613"/>
      <c r="MCX710" s="613"/>
      <c r="MCY710" s="613"/>
      <c r="MCZ710" s="613"/>
      <c r="MDA710" s="613"/>
      <c r="MDB710" s="613"/>
      <c r="MDC710" s="613"/>
      <c r="MDD710" s="613"/>
      <c r="MDE710" s="613"/>
      <c r="MDF710" s="613"/>
      <c r="MDG710" s="613"/>
      <c r="MDH710" s="613"/>
      <c r="MDI710" s="613"/>
      <c r="MDJ710" s="613"/>
      <c r="MDK710" s="613"/>
      <c r="MDL710" s="613"/>
      <c r="MDM710" s="613"/>
      <c r="MDN710" s="613"/>
      <c r="MDO710" s="613"/>
      <c r="MDP710" s="613"/>
      <c r="MDQ710" s="613"/>
      <c r="MDR710" s="613"/>
      <c r="MDS710" s="613"/>
      <c r="MDT710" s="613"/>
      <c r="MDU710" s="613"/>
      <c r="MDV710" s="613"/>
      <c r="MDW710" s="613"/>
      <c r="MDX710" s="613"/>
      <c r="MDY710" s="613"/>
      <c r="MDZ710" s="613"/>
      <c r="MEA710" s="613"/>
      <c r="MEB710" s="613"/>
      <c r="MEC710" s="613"/>
      <c r="MED710" s="613"/>
      <c r="MEE710" s="613"/>
      <c r="MEF710" s="613"/>
      <c r="MEG710" s="613"/>
      <c r="MEH710" s="613"/>
      <c r="MEI710" s="613"/>
      <c r="MEJ710" s="613"/>
      <c r="MEK710" s="613"/>
      <c r="MEL710" s="613"/>
      <c r="MEM710" s="613"/>
      <c r="MEN710" s="613"/>
      <c r="MEO710" s="613"/>
      <c r="MEP710" s="613"/>
      <c r="MEQ710" s="613"/>
      <c r="MER710" s="613"/>
      <c r="MES710" s="613"/>
      <c r="MET710" s="613"/>
      <c r="MEU710" s="613"/>
      <c r="MEV710" s="613"/>
      <c r="MEW710" s="613"/>
      <c r="MEX710" s="613"/>
      <c r="MEY710" s="613"/>
      <c r="MEZ710" s="613"/>
      <c r="MFA710" s="613"/>
      <c r="MFB710" s="613"/>
      <c r="MFC710" s="613"/>
      <c r="MFD710" s="613"/>
      <c r="MFE710" s="613"/>
      <c r="MFF710" s="613"/>
      <c r="MFG710" s="613"/>
      <c r="MFH710" s="613"/>
      <c r="MFI710" s="613"/>
      <c r="MFJ710" s="613"/>
      <c r="MFK710" s="613"/>
      <c r="MFL710" s="613"/>
      <c r="MFM710" s="613"/>
      <c r="MFN710" s="613"/>
      <c r="MFO710" s="613"/>
      <c r="MFP710" s="613"/>
      <c r="MFQ710" s="613"/>
      <c r="MFR710" s="613"/>
      <c r="MFS710" s="613"/>
      <c r="MFT710" s="613"/>
      <c r="MFU710" s="613"/>
      <c r="MFV710" s="613"/>
      <c r="MFW710" s="613"/>
      <c r="MFX710" s="613"/>
      <c r="MFY710" s="613"/>
      <c r="MFZ710" s="613"/>
      <c r="MGA710" s="613"/>
      <c r="MGB710" s="613"/>
      <c r="MGC710" s="613"/>
      <c r="MGD710" s="613"/>
      <c r="MGE710" s="613"/>
      <c r="MGF710" s="613"/>
      <c r="MGG710" s="613"/>
      <c r="MGH710" s="613"/>
      <c r="MGI710" s="613"/>
      <c r="MGJ710" s="613"/>
      <c r="MGK710" s="613"/>
      <c r="MGL710" s="613"/>
      <c r="MGM710" s="613"/>
      <c r="MGN710" s="613"/>
      <c r="MGO710" s="613"/>
      <c r="MGP710" s="613"/>
      <c r="MGQ710" s="613"/>
      <c r="MGR710" s="613"/>
      <c r="MGS710" s="613"/>
      <c r="MGT710" s="613"/>
      <c r="MGU710" s="613"/>
      <c r="MGV710" s="613"/>
      <c r="MGW710" s="613"/>
      <c r="MGX710" s="613"/>
      <c r="MGY710" s="613"/>
      <c r="MGZ710" s="613"/>
      <c r="MHA710" s="613"/>
      <c r="MHB710" s="613"/>
      <c r="MHC710" s="613"/>
      <c r="MHD710" s="613"/>
      <c r="MHE710" s="613"/>
      <c r="MHF710" s="613"/>
      <c r="MHG710" s="613"/>
      <c r="MHH710" s="613"/>
      <c r="MHI710" s="613"/>
      <c r="MHJ710" s="613"/>
      <c r="MHK710" s="613"/>
      <c r="MHL710" s="613"/>
      <c r="MHM710" s="613"/>
      <c r="MHN710" s="613"/>
      <c r="MHO710" s="613"/>
      <c r="MHP710" s="613"/>
      <c r="MHQ710" s="613"/>
      <c r="MHR710" s="613"/>
      <c r="MHS710" s="613"/>
      <c r="MHT710" s="613"/>
      <c r="MHU710" s="613"/>
      <c r="MHV710" s="613"/>
      <c r="MHW710" s="613"/>
      <c r="MHX710" s="613"/>
      <c r="MHY710" s="613"/>
      <c r="MHZ710" s="613"/>
      <c r="MIA710" s="613"/>
      <c r="MIB710" s="613"/>
      <c r="MIC710" s="613"/>
      <c r="MID710" s="613"/>
      <c r="MIE710" s="613"/>
      <c r="MIF710" s="613"/>
      <c r="MIG710" s="613"/>
      <c r="MIH710" s="613"/>
      <c r="MII710" s="613"/>
      <c r="MIJ710" s="613"/>
      <c r="MIK710" s="613"/>
      <c r="MIL710" s="613"/>
      <c r="MIM710" s="613"/>
      <c r="MIN710" s="613"/>
      <c r="MIO710" s="613"/>
      <c r="MIP710" s="613"/>
      <c r="MIQ710" s="613"/>
      <c r="MIR710" s="613"/>
      <c r="MIS710" s="613"/>
      <c r="MIT710" s="613"/>
      <c r="MIU710" s="613"/>
      <c r="MIV710" s="613"/>
      <c r="MIW710" s="613"/>
      <c r="MIX710" s="613"/>
      <c r="MIY710" s="613"/>
      <c r="MIZ710" s="613"/>
      <c r="MJA710" s="613"/>
      <c r="MJB710" s="613"/>
      <c r="MJC710" s="613"/>
      <c r="MJD710" s="613"/>
      <c r="MJE710" s="613"/>
      <c r="MJF710" s="613"/>
      <c r="MJG710" s="613"/>
      <c r="MJH710" s="613"/>
      <c r="MJI710" s="613"/>
      <c r="MJJ710" s="613"/>
      <c r="MJK710" s="613"/>
      <c r="MJL710" s="613"/>
      <c r="MJM710" s="613"/>
      <c r="MJN710" s="613"/>
      <c r="MJO710" s="613"/>
      <c r="MJP710" s="613"/>
      <c r="MJQ710" s="613"/>
      <c r="MJR710" s="613"/>
      <c r="MJS710" s="613"/>
      <c r="MJT710" s="613"/>
      <c r="MJU710" s="613"/>
      <c r="MJV710" s="613"/>
      <c r="MJW710" s="613"/>
      <c r="MJX710" s="613"/>
      <c r="MJY710" s="613"/>
      <c r="MJZ710" s="613"/>
      <c r="MKA710" s="613"/>
      <c r="MKB710" s="613"/>
      <c r="MKC710" s="613"/>
      <c r="MKD710" s="613"/>
      <c r="MKE710" s="613"/>
      <c r="MKF710" s="613"/>
      <c r="MKG710" s="613"/>
      <c r="MKH710" s="613"/>
      <c r="MKI710" s="613"/>
      <c r="MKJ710" s="613"/>
      <c r="MKK710" s="613"/>
      <c r="MKL710" s="613"/>
      <c r="MKM710" s="613"/>
      <c r="MKN710" s="613"/>
      <c r="MKO710" s="613"/>
      <c r="MKP710" s="613"/>
      <c r="MKQ710" s="613"/>
      <c r="MKR710" s="613"/>
      <c r="MKS710" s="613"/>
      <c r="MKT710" s="613"/>
      <c r="MKU710" s="613"/>
      <c r="MKV710" s="613"/>
      <c r="MKW710" s="613"/>
      <c r="MKX710" s="613"/>
      <c r="MKY710" s="613"/>
      <c r="MKZ710" s="613"/>
      <c r="MLA710" s="613"/>
      <c r="MLB710" s="613"/>
      <c r="MLC710" s="613"/>
      <c r="MLD710" s="613"/>
      <c r="MLE710" s="613"/>
      <c r="MLF710" s="613"/>
      <c r="MLG710" s="613"/>
      <c r="MLH710" s="613"/>
      <c r="MLI710" s="613"/>
      <c r="MLJ710" s="613"/>
      <c r="MLK710" s="613"/>
      <c r="MLL710" s="613"/>
      <c r="MLM710" s="613"/>
      <c r="MLN710" s="613"/>
      <c r="MLO710" s="613"/>
      <c r="MLP710" s="613"/>
      <c r="MLQ710" s="613"/>
      <c r="MLR710" s="613"/>
      <c r="MLS710" s="613"/>
      <c r="MLT710" s="613"/>
      <c r="MLU710" s="613"/>
      <c r="MLV710" s="613"/>
      <c r="MLW710" s="613"/>
      <c r="MLX710" s="613"/>
      <c r="MLY710" s="613"/>
      <c r="MLZ710" s="613"/>
      <c r="MMA710" s="613"/>
      <c r="MMB710" s="613"/>
      <c r="MMC710" s="613"/>
      <c r="MMD710" s="613"/>
      <c r="MME710" s="613"/>
      <c r="MMF710" s="613"/>
      <c r="MMG710" s="613"/>
      <c r="MMH710" s="613"/>
      <c r="MMI710" s="613"/>
      <c r="MMJ710" s="613"/>
      <c r="MMK710" s="613"/>
      <c r="MML710" s="613"/>
      <c r="MMM710" s="613"/>
      <c r="MMN710" s="613"/>
      <c r="MMO710" s="613"/>
      <c r="MMP710" s="613"/>
      <c r="MMQ710" s="613"/>
      <c r="MMR710" s="613"/>
      <c r="MMS710" s="613"/>
      <c r="MMT710" s="613"/>
      <c r="MMU710" s="613"/>
      <c r="MMV710" s="613"/>
      <c r="MMW710" s="613"/>
      <c r="MMX710" s="613"/>
      <c r="MMY710" s="613"/>
      <c r="MMZ710" s="613"/>
      <c r="MNA710" s="613"/>
      <c r="MNB710" s="613"/>
      <c r="MNC710" s="613"/>
      <c r="MND710" s="613"/>
      <c r="MNE710" s="613"/>
      <c r="MNF710" s="613"/>
      <c r="MNG710" s="613"/>
      <c r="MNH710" s="613"/>
      <c r="MNI710" s="613"/>
      <c r="MNJ710" s="613"/>
      <c r="MNK710" s="613"/>
      <c r="MNL710" s="613"/>
      <c r="MNM710" s="613"/>
      <c r="MNN710" s="613"/>
      <c r="MNO710" s="613"/>
      <c r="MNP710" s="613"/>
      <c r="MNQ710" s="613"/>
      <c r="MNR710" s="613"/>
      <c r="MNS710" s="613"/>
      <c r="MNT710" s="613"/>
      <c r="MNU710" s="613"/>
      <c r="MNV710" s="613"/>
      <c r="MNW710" s="613"/>
      <c r="MNX710" s="613"/>
      <c r="MNY710" s="613"/>
      <c r="MNZ710" s="613"/>
      <c r="MOA710" s="613"/>
      <c r="MOB710" s="613"/>
      <c r="MOC710" s="613"/>
      <c r="MOD710" s="613"/>
      <c r="MOE710" s="613"/>
      <c r="MOF710" s="613"/>
      <c r="MOG710" s="613"/>
      <c r="MOH710" s="613"/>
      <c r="MOI710" s="613"/>
      <c r="MOJ710" s="613"/>
      <c r="MOK710" s="613"/>
      <c r="MOL710" s="613"/>
      <c r="MOM710" s="613"/>
      <c r="MON710" s="613"/>
      <c r="MOO710" s="613"/>
      <c r="MOP710" s="613"/>
      <c r="MOQ710" s="613"/>
      <c r="MOR710" s="613"/>
      <c r="MOS710" s="613"/>
      <c r="MOT710" s="613"/>
      <c r="MOU710" s="613"/>
      <c r="MOV710" s="613"/>
      <c r="MOW710" s="613"/>
      <c r="MOX710" s="613"/>
      <c r="MOY710" s="613"/>
      <c r="MOZ710" s="613"/>
      <c r="MPA710" s="613"/>
      <c r="MPB710" s="613"/>
      <c r="MPC710" s="613"/>
      <c r="MPD710" s="613"/>
      <c r="MPE710" s="613"/>
      <c r="MPF710" s="613"/>
      <c r="MPG710" s="613"/>
      <c r="MPH710" s="613"/>
      <c r="MPI710" s="613"/>
      <c r="MPJ710" s="613"/>
      <c r="MPK710" s="613"/>
      <c r="MPL710" s="613"/>
      <c r="MPM710" s="613"/>
      <c r="MPN710" s="613"/>
      <c r="MPO710" s="613"/>
      <c r="MPP710" s="613"/>
      <c r="MPQ710" s="613"/>
      <c r="MPR710" s="613"/>
      <c r="MPS710" s="613"/>
      <c r="MPT710" s="613"/>
      <c r="MPU710" s="613"/>
      <c r="MPV710" s="613"/>
      <c r="MPW710" s="613"/>
      <c r="MPX710" s="613"/>
      <c r="MPY710" s="613"/>
      <c r="MPZ710" s="613"/>
      <c r="MQA710" s="613"/>
      <c r="MQB710" s="613"/>
      <c r="MQC710" s="613"/>
      <c r="MQD710" s="613"/>
      <c r="MQE710" s="613"/>
      <c r="MQF710" s="613"/>
      <c r="MQG710" s="613"/>
      <c r="MQH710" s="613"/>
      <c r="MQI710" s="613"/>
      <c r="MQJ710" s="613"/>
      <c r="MQK710" s="613"/>
      <c r="MQL710" s="613"/>
      <c r="MQM710" s="613"/>
      <c r="MQN710" s="613"/>
      <c r="MQO710" s="613"/>
      <c r="MQP710" s="613"/>
      <c r="MQQ710" s="613"/>
      <c r="MQR710" s="613"/>
      <c r="MQS710" s="613"/>
      <c r="MQT710" s="613"/>
      <c r="MQU710" s="613"/>
      <c r="MQV710" s="613"/>
      <c r="MQW710" s="613"/>
      <c r="MQX710" s="613"/>
      <c r="MQY710" s="613"/>
      <c r="MQZ710" s="613"/>
      <c r="MRA710" s="613"/>
      <c r="MRB710" s="613"/>
      <c r="MRC710" s="613"/>
      <c r="MRD710" s="613"/>
      <c r="MRE710" s="613"/>
      <c r="MRF710" s="613"/>
      <c r="MRG710" s="613"/>
      <c r="MRH710" s="613"/>
      <c r="MRI710" s="613"/>
      <c r="MRJ710" s="613"/>
      <c r="MRK710" s="613"/>
      <c r="MRL710" s="613"/>
      <c r="MRM710" s="613"/>
      <c r="MRN710" s="613"/>
      <c r="MRO710" s="613"/>
      <c r="MRP710" s="613"/>
      <c r="MRQ710" s="613"/>
      <c r="MRR710" s="613"/>
      <c r="MRS710" s="613"/>
      <c r="MRT710" s="613"/>
      <c r="MRU710" s="613"/>
      <c r="MRV710" s="613"/>
      <c r="MRW710" s="613"/>
      <c r="MRX710" s="613"/>
      <c r="MRY710" s="613"/>
      <c r="MRZ710" s="613"/>
      <c r="MSA710" s="613"/>
      <c r="MSB710" s="613"/>
      <c r="MSC710" s="613"/>
      <c r="MSD710" s="613"/>
      <c r="MSE710" s="613"/>
      <c r="MSF710" s="613"/>
      <c r="MSG710" s="613"/>
      <c r="MSH710" s="613"/>
      <c r="MSI710" s="613"/>
      <c r="MSJ710" s="613"/>
      <c r="MSK710" s="613"/>
      <c r="MSL710" s="613"/>
      <c r="MSM710" s="613"/>
      <c r="MSN710" s="613"/>
      <c r="MSO710" s="613"/>
      <c r="MSP710" s="613"/>
      <c r="MSQ710" s="613"/>
      <c r="MSR710" s="613"/>
      <c r="MSS710" s="613"/>
      <c r="MST710" s="613"/>
      <c r="MSU710" s="613"/>
      <c r="MSV710" s="613"/>
      <c r="MSW710" s="613"/>
      <c r="MSX710" s="613"/>
      <c r="MSY710" s="613"/>
      <c r="MSZ710" s="613"/>
      <c r="MTA710" s="613"/>
      <c r="MTB710" s="613"/>
      <c r="MTC710" s="613"/>
      <c r="MTD710" s="613"/>
      <c r="MTE710" s="613"/>
      <c r="MTF710" s="613"/>
      <c r="MTG710" s="613"/>
      <c r="MTH710" s="613"/>
      <c r="MTI710" s="613"/>
      <c r="MTJ710" s="613"/>
      <c r="MTK710" s="613"/>
      <c r="MTL710" s="613"/>
      <c r="MTM710" s="613"/>
      <c r="MTN710" s="613"/>
      <c r="MTO710" s="613"/>
      <c r="MTP710" s="613"/>
      <c r="MTQ710" s="613"/>
      <c r="MTR710" s="613"/>
      <c r="MTS710" s="613"/>
      <c r="MTT710" s="613"/>
      <c r="MTU710" s="613"/>
      <c r="MTV710" s="613"/>
      <c r="MTW710" s="613"/>
      <c r="MTX710" s="613"/>
      <c r="MTY710" s="613"/>
      <c r="MTZ710" s="613"/>
      <c r="MUA710" s="613"/>
      <c r="MUB710" s="613"/>
      <c r="MUC710" s="613"/>
      <c r="MUD710" s="613"/>
      <c r="MUE710" s="613"/>
      <c r="MUF710" s="613"/>
      <c r="MUG710" s="613"/>
      <c r="MUH710" s="613"/>
      <c r="MUI710" s="613"/>
      <c r="MUJ710" s="613"/>
      <c r="MUK710" s="613"/>
      <c r="MUL710" s="613"/>
      <c r="MUM710" s="613"/>
      <c r="MUN710" s="613"/>
      <c r="MUO710" s="613"/>
      <c r="MUP710" s="613"/>
      <c r="MUQ710" s="613"/>
      <c r="MUR710" s="613"/>
      <c r="MUS710" s="613"/>
      <c r="MUT710" s="613"/>
      <c r="MUU710" s="613"/>
      <c r="MUV710" s="613"/>
      <c r="MUW710" s="613"/>
      <c r="MUX710" s="613"/>
      <c r="MUY710" s="613"/>
      <c r="MUZ710" s="613"/>
      <c r="MVA710" s="613"/>
      <c r="MVB710" s="613"/>
      <c r="MVC710" s="613"/>
      <c r="MVD710" s="613"/>
      <c r="MVE710" s="613"/>
      <c r="MVF710" s="613"/>
      <c r="MVG710" s="613"/>
      <c r="MVH710" s="613"/>
      <c r="MVI710" s="613"/>
      <c r="MVJ710" s="613"/>
      <c r="MVK710" s="613"/>
      <c r="MVL710" s="613"/>
      <c r="MVM710" s="613"/>
      <c r="MVN710" s="613"/>
      <c r="MVO710" s="613"/>
      <c r="MVP710" s="613"/>
      <c r="MVQ710" s="613"/>
      <c r="MVR710" s="613"/>
      <c r="MVS710" s="613"/>
      <c r="MVT710" s="613"/>
      <c r="MVU710" s="613"/>
      <c r="MVV710" s="613"/>
      <c r="MVW710" s="613"/>
      <c r="MVX710" s="613"/>
      <c r="MVY710" s="613"/>
      <c r="MVZ710" s="613"/>
      <c r="MWA710" s="613"/>
      <c r="MWB710" s="613"/>
      <c r="MWC710" s="613"/>
      <c r="MWD710" s="613"/>
      <c r="MWE710" s="613"/>
      <c r="MWF710" s="613"/>
      <c r="MWG710" s="613"/>
      <c r="MWH710" s="613"/>
      <c r="MWI710" s="613"/>
      <c r="MWJ710" s="613"/>
      <c r="MWK710" s="613"/>
      <c r="MWL710" s="613"/>
      <c r="MWM710" s="613"/>
      <c r="MWN710" s="613"/>
      <c r="MWO710" s="613"/>
      <c r="MWP710" s="613"/>
      <c r="MWQ710" s="613"/>
      <c r="MWR710" s="613"/>
      <c r="MWS710" s="613"/>
      <c r="MWT710" s="613"/>
      <c r="MWU710" s="613"/>
      <c r="MWV710" s="613"/>
      <c r="MWW710" s="613"/>
      <c r="MWX710" s="613"/>
      <c r="MWY710" s="613"/>
      <c r="MWZ710" s="613"/>
      <c r="MXA710" s="613"/>
      <c r="MXB710" s="613"/>
      <c r="MXC710" s="613"/>
      <c r="MXD710" s="613"/>
      <c r="MXE710" s="613"/>
      <c r="MXF710" s="613"/>
      <c r="MXG710" s="613"/>
      <c r="MXH710" s="613"/>
      <c r="MXI710" s="613"/>
      <c r="MXJ710" s="613"/>
      <c r="MXK710" s="613"/>
      <c r="MXL710" s="613"/>
      <c r="MXM710" s="613"/>
      <c r="MXN710" s="613"/>
      <c r="MXO710" s="613"/>
      <c r="MXP710" s="613"/>
      <c r="MXQ710" s="613"/>
      <c r="MXR710" s="613"/>
      <c r="MXS710" s="613"/>
      <c r="MXT710" s="613"/>
      <c r="MXU710" s="613"/>
      <c r="MXV710" s="613"/>
      <c r="MXW710" s="613"/>
      <c r="MXX710" s="613"/>
      <c r="MXY710" s="613"/>
      <c r="MXZ710" s="613"/>
      <c r="MYA710" s="613"/>
      <c r="MYB710" s="613"/>
      <c r="MYC710" s="613"/>
      <c r="MYD710" s="613"/>
      <c r="MYE710" s="613"/>
      <c r="MYF710" s="613"/>
      <c r="MYG710" s="613"/>
      <c r="MYH710" s="613"/>
      <c r="MYI710" s="613"/>
      <c r="MYJ710" s="613"/>
      <c r="MYK710" s="613"/>
      <c r="MYL710" s="613"/>
      <c r="MYM710" s="613"/>
      <c r="MYN710" s="613"/>
      <c r="MYO710" s="613"/>
      <c r="MYP710" s="613"/>
      <c r="MYQ710" s="613"/>
      <c r="MYR710" s="613"/>
      <c r="MYS710" s="613"/>
      <c r="MYT710" s="613"/>
      <c r="MYU710" s="613"/>
      <c r="MYV710" s="613"/>
      <c r="MYW710" s="613"/>
      <c r="MYX710" s="613"/>
      <c r="MYY710" s="613"/>
      <c r="MYZ710" s="613"/>
      <c r="MZA710" s="613"/>
      <c r="MZB710" s="613"/>
      <c r="MZC710" s="613"/>
      <c r="MZD710" s="613"/>
      <c r="MZE710" s="613"/>
      <c r="MZF710" s="613"/>
      <c r="MZG710" s="613"/>
      <c r="MZH710" s="613"/>
      <c r="MZI710" s="613"/>
      <c r="MZJ710" s="613"/>
      <c r="MZK710" s="613"/>
      <c r="MZL710" s="613"/>
      <c r="MZM710" s="613"/>
      <c r="MZN710" s="613"/>
      <c r="MZO710" s="613"/>
      <c r="MZP710" s="613"/>
      <c r="MZQ710" s="613"/>
      <c r="MZR710" s="613"/>
      <c r="MZS710" s="613"/>
      <c r="MZT710" s="613"/>
      <c r="MZU710" s="613"/>
      <c r="MZV710" s="613"/>
      <c r="MZW710" s="613"/>
      <c r="MZX710" s="613"/>
      <c r="MZY710" s="613"/>
      <c r="MZZ710" s="613"/>
      <c r="NAA710" s="613"/>
      <c r="NAB710" s="613"/>
      <c r="NAC710" s="613"/>
      <c r="NAD710" s="613"/>
      <c r="NAE710" s="613"/>
      <c r="NAF710" s="613"/>
      <c r="NAG710" s="613"/>
      <c r="NAH710" s="613"/>
      <c r="NAI710" s="613"/>
      <c r="NAJ710" s="613"/>
      <c r="NAK710" s="613"/>
      <c r="NAL710" s="613"/>
      <c r="NAM710" s="613"/>
      <c r="NAN710" s="613"/>
      <c r="NAO710" s="613"/>
      <c r="NAP710" s="613"/>
      <c r="NAQ710" s="613"/>
      <c r="NAR710" s="613"/>
      <c r="NAS710" s="613"/>
      <c r="NAT710" s="613"/>
      <c r="NAU710" s="613"/>
      <c r="NAV710" s="613"/>
      <c r="NAW710" s="613"/>
      <c r="NAX710" s="613"/>
      <c r="NAY710" s="613"/>
      <c r="NAZ710" s="613"/>
      <c r="NBA710" s="613"/>
      <c r="NBB710" s="613"/>
      <c r="NBC710" s="613"/>
      <c r="NBD710" s="613"/>
      <c r="NBE710" s="613"/>
      <c r="NBF710" s="613"/>
      <c r="NBG710" s="613"/>
      <c r="NBH710" s="613"/>
      <c r="NBI710" s="613"/>
      <c r="NBJ710" s="613"/>
      <c r="NBK710" s="613"/>
      <c r="NBL710" s="613"/>
      <c r="NBM710" s="613"/>
      <c r="NBN710" s="613"/>
      <c r="NBO710" s="613"/>
      <c r="NBP710" s="613"/>
      <c r="NBQ710" s="613"/>
      <c r="NBR710" s="613"/>
      <c r="NBS710" s="613"/>
      <c r="NBT710" s="613"/>
      <c r="NBU710" s="613"/>
      <c r="NBV710" s="613"/>
      <c r="NBW710" s="613"/>
      <c r="NBX710" s="613"/>
      <c r="NBY710" s="613"/>
      <c r="NBZ710" s="613"/>
      <c r="NCA710" s="613"/>
      <c r="NCB710" s="613"/>
      <c r="NCC710" s="613"/>
      <c r="NCD710" s="613"/>
      <c r="NCE710" s="613"/>
      <c r="NCF710" s="613"/>
      <c r="NCG710" s="613"/>
      <c r="NCH710" s="613"/>
      <c r="NCI710" s="613"/>
      <c r="NCJ710" s="613"/>
      <c r="NCK710" s="613"/>
      <c r="NCL710" s="613"/>
      <c r="NCM710" s="613"/>
      <c r="NCN710" s="613"/>
      <c r="NCO710" s="613"/>
      <c r="NCP710" s="613"/>
      <c r="NCQ710" s="613"/>
      <c r="NCR710" s="613"/>
      <c r="NCS710" s="613"/>
      <c r="NCT710" s="613"/>
      <c r="NCU710" s="613"/>
      <c r="NCV710" s="613"/>
      <c r="NCW710" s="613"/>
      <c r="NCX710" s="613"/>
      <c r="NCY710" s="613"/>
      <c r="NCZ710" s="613"/>
      <c r="NDA710" s="613"/>
      <c r="NDB710" s="613"/>
      <c r="NDC710" s="613"/>
      <c r="NDD710" s="613"/>
      <c r="NDE710" s="613"/>
      <c r="NDF710" s="613"/>
      <c r="NDG710" s="613"/>
      <c r="NDH710" s="613"/>
      <c r="NDI710" s="613"/>
      <c r="NDJ710" s="613"/>
      <c r="NDK710" s="613"/>
      <c r="NDL710" s="613"/>
      <c r="NDM710" s="613"/>
      <c r="NDN710" s="613"/>
      <c r="NDO710" s="613"/>
      <c r="NDP710" s="613"/>
      <c r="NDQ710" s="613"/>
      <c r="NDR710" s="613"/>
      <c r="NDS710" s="613"/>
      <c r="NDT710" s="613"/>
      <c r="NDU710" s="613"/>
      <c r="NDV710" s="613"/>
      <c r="NDW710" s="613"/>
      <c r="NDX710" s="613"/>
      <c r="NDY710" s="613"/>
      <c r="NDZ710" s="613"/>
      <c r="NEA710" s="613"/>
      <c r="NEB710" s="613"/>
      <c r="NEC710" s="613"/>
      <c r="NED710" s="613"/>
      <c r="NEE710" s="613"/>
      <c r="NEF710" s="613"/>
      <c r="NEG710" s="613"/>
      <c r="NEH710" s="613"/>
      <c r="NEI710" s="613"/>
      <c r="NEJ710" s="613"/>
      <c r="NEK710" s="613"/>
      <c r="NEL710" s="613"/>
      <c r="NEM710" s="613"/>
      <c r="NEN710" s="613"/>
      <c r="NEO710" s="613"/>
      <c r="NEP710" s="613"/>
      <c r="NEQ710" s="613"/>
      <c r="NER710" s="613"/>
      <c r="NES710" s="613"/>
      <c r="NET710" s="613"/>
      <c r="NEU710" s="613"/>
      <c r="NEV710" s="613"/>
      <c r="NEW710" s="613"/>
      <c r="NEX710" s="613"/>
      <c r="NEY710" s="613"/>
      <c r="NEZ710" s="613"/>
      <c r="NFA710" s="613"/>
      <c r="NFB710" s="613"/>
      <c r="NFC710" s="613"/>
      <c r="NFD710" s="613"/>
      <c r="NFE710" s="613"/>
      <c r="NFF710" s="613"/>
      <c r="NFG710" s="613"/>
      <c r="NFH710" s="613"/>
      <c r="NFI710" s="613"/>
      <c r="NFJ710" s="613"/>
      <c r="NFK710" s="613"/>
      <c r="NFL710" s="613"/>
      <c r="NFM710" s="613"/>
      <c r="NFN710" s="613"/>
      <c r="NFO710" s="613"/>
      <c r="NFP710" s="613"/>
      <c r="NFQ710" s="613"/>
      <c r="NFR710" s="613"/>
      <c r="NFS710" s="613"/>
      <c r="NFT710" s="613"/>
      <c r="NFU710" s="613"/>
      <c r="NFV710" s="613"/>
      <c r="NFW710" s="613"/>
      <c r="NFX710" s="613"/>
      <c r="NFY710" s="613"/>
      <c r="NFZ710" s="613"/>
      <c r="NGA710" s="613"/>
      <c r="NGB710" s="613"/>
      <c r="NGC710" s="613"/>
      <c r="NGD710" s="613"/>
      <c r="NGE710" s="613"/>
      <c r="NGF710" s="613"/>
      <c r="NGG710" s="613"/>
      <c r="NGH710" s="613"/>
      <c r="NGI710" s="613"/>
      <c r="NGJ710" s="613"/>
      <c r="NGK710" s="613"/>
      <c r="NGL710" s="613"/>
      <c r="NGM710" s="613"/>
      <c r="NGN710" s="613"/>
      <c r="NGO710" s="613"/>
      <c r="NGP710" s="613"/>
      <c r="NGQ710" s="613"/>
      <c r="NGR710" s="613"/>
      <c r="NGS710" s="613"/>
      <c r="NGT710" s="613"/>
      <c r="NGU710" s="613"/>
      <c r="NGV710" s="613"/>
      <c r="NGW710" s="613"/>
      <c r="NGX710" s="613"/>
      <c r="NGY710" s="613"/>
      <c r="NGZ710" s="613"/>
      <c r="NHA710" s="613"/>
      <c r="NHB710" s="613"/>
      <c r="NHC710" s="613"/>
      <c r="NHD710" s="613"/>
      <c r="NHE710" s="613"/>
      <c r="NHF710" s="613"/>
      <c r="NHG710" s="613"/>
      <c r="NHH710" s="613"/>
      <c r="NHI710" s="613"/>
      <c r="NHJ710" s="613"/>
      <c r="NHK710" s="613"/>
      <c r="NHL710" s="613"/>
      <c r="NHM710" s="613"/>
      <c r="NHN710" s="613"/>
      <c r="NHO710" s="613"/>
      <c r="NHP710" s="613"/>
      <c r="NHQ710" s="613"/>
      <c r="NHR710" s="613"/>
      <c r="NHS710" s="613"/>
      <c r="NHT710" s="613"/>
      <c r="NHU710" s="613"/>
      <c r="NHV710" s="613"/>
      <c r="NHW710" s="613"/>
      <c r="NHX710" s="613"/>
      <c r="NHY710" s="613"/>
      <c r="NHZ710" s="613"/>
      <c r="NIA710" s="613"/>
      <c r="NIB710" s="613"/>
      <c r="NIC710" s="613"/>
      <c r="NID710" s="613"/>
      <c r="NIE710" s="613"/>
      <c r="NIF710" s="613"/>
      <c r="NIG710" s="613"/>
      <c r="NIH710" s="613"/>
      <c r="NII710" s="613"/>
      <c r="NIJ710" s="613"/>
      <c r="NIK710" s="613"/>
      <c r="NIL710" s="613"/>
      <c r="NIM710" s="613"/>
      <c r="NIN710" s="613"/>
      <c r="NIO710" s="613"/>
      <c r="NIP710" s="613"/>
      <c r="NIQ710" s="613"/>
      <c r="NIR710" s="613"/>
      <c r="NIS710" s="613"/>
      <c r="NIT710" s="613"/>
      <c r="NIU710" s="613"/>
      <c r="NIV710" s="613"/>
      <c r="NIW710" s="613"/>
      <c r="NIX710" s="613"/>
      <c r="NIY710" s="613"/>
      <c r="NIZ710" s="613"/>
      <c r="NJA710" s="613"/>
      <c r="NJB710" s="613"/>
      <c r="NJC710" s="613"/>
      <c r="NJD710" s="613"/>
      <c r="NJE710" s="613"/>
      <c r="NJF710" s="613"/>
      <c r="NJG710" s="613"/>
      <c r="NJH710" s="613"/>
      <c r="NJI710" s="613"/>
      <c r="NJJ710" s="613"/>
      <c r="NJK710" s="613"/>
      <c r="NJL710" s="613"/>
      <c r="NJM710" s="613"/>
      <c r="NJN710" s="613"/>
      <c r="NJO710" s="613"/>
      <c r="NJP710" s="613"/>
      <c r="NJQ710" s="613"/>
      <c r="NJR710" s="613"/>
      <c r="NJS710" s="613"/>
      <c r="NJT710" s="613"/>
      <c r="NJU710" s="613"/>
      <c r="NJV710" s="613"/>
      <c r="NJW710" s="613"/>
      <c r="NJX710" s="613"/>
      <c r="NJY710" s="613"/>
      <c r="NJZ710" s="613"/>
      <c r="NKA710" s="613"/>
      <c r="NKB710" s="613"/>
      <c r="NKC710" s="613"/>
      <c r="NKD710" s="613"/>
      <c r="NKE710" s="613"/>
      <c r="NKF710" s="613"/>
      <c r="NKG710" s="613"/>
      <c r="NKH710" s="613"/>
      <c r="NKI710" s="613"/>
      <c r="NKJ710" s="613"/>
      <c r="NKK710" s="613"/>
      <c r="NKL710" s="613"/>
      <c r="NKM710" s="613"/>
      <c r="NKN710" s="613"/>
      <c r="NKO710" s="613"/>
      <c r="NKP710" s="613"/>
      <c r="NKQ710" s="613"/>
      <c r="NKR710" s="613"/>
      <c r="NKS710" s="613"/>
      <c r="NKT710" s="613"/>
      <c r="NKU710" s="613"/>
      <c r="NKV710" s="613"/>
      <c r="NKW710" s="613"/>
      <c r="NKX710" s="613"/>
      <c r="NKY710" s="613"/>
      <c r="NKZ710" s="613"/>
      <c r="NLA710" s="613"/>
      <c r="NLB710" s="613"/>
      <c r="NLC710" s="613"/>
      <c r="NLD710" s="613"/>
      <c r="NLE710" s="613"/>
      <c r="NLF710" s="613"/>
      <c r="NLG710" s="613"/>
      <c r="NLH710" s="613"/>
      <c r="NLI710" s="613"/>
      <c r="NLJ710" s="613"/>
      <c r="NLK710" s="613"/>
      <c r="NLL710" s="613"/>
      <c r="NLM710" s="613"/>
      <c r="NLN710" s="613"/>
      <c r="NLO710" s="613"/>
      <c r="NLP710" s="613"/>
      <c r="NLQ710" s="613"/>
      <c r="NLR710" s="613"/>
      <c r="NLS710" s="613"/>
      <c r="NLT710" s="613"/>
      <c r="NLU710" s="613"/>
      <c r="NLV710" s="613"/>
      <c r="NLW710" s="613"/>
      <c r="NLX710" s="613"/>
      <c r="NLY710" s="613"/>
      <c r="NLZ710" s="613"/>
      <c r="NMA710" s="613"/>
      <c r="NMB710" s="613"/>
      <c r="NMC710" s="613"/>
      <c r="NMD710" s="613"/>
      <c r="NME710" s="613"/>
      <c r="NMF710" s="613"/>
      <c r="NMG710" s="613"/>
      <c r="NMH710" s="613"/>
      <c r="NMI710" s="613"/>
      <c r="NMJ710" s="613"/>
      <c r="NMK710" s="613"/>
      <c r="NML710" s="613"/>
      <c r="NMM710" s="613"/>
      <c r="NMN710" s="613"/>
      <c r="NMO710" s="613"/>
      <c r="NMP710" s="613"/>
      <c r="NMQ710" s="613"/>
      <c r="NMR710" s="613"/>
      <c r="NMS710" s="613"/>
      <c r="NMT710" s="613"/>
      <c r="NMU710" s="613"/>
      <c r="NMV710" s="613"/>
      <c r="NMW710" s="613"/>
      <c r="NMX710" s="613"/>
      <c r="NMY710" s="613"/>
      <c r="NMZ710" s="613"/>
      <c r="NNA710" s="613"/>
      <c r="NNB710" s="613"/>
      <c r="NNC710" s="613"/>
      <c r="NND710" s="613"/>
      <c r="NNE710" s="613"/>
      <c r="NNF710" s="613"/>
      <c r="NNG710" s="613"/>
      <c r="NNH710" s="613"/>
      <c r="NNI710" s="613"/>
      <c r="NNJ710" s="613"/>
      <c r="NNK710" s="613"/>
      <c r="NNL710" s="613"/>
      <c r="NNM710" s="613"/>
      <c r="NNN710" s="613"/>
      <c r="NNO710" s="613"/>
      <c r="NNP710" s="613"/>
      <c r="NNQ710" s="613"/>
      <c r="NNR710" s="613"/>
      <c r="NNS710" s="613"/>
      <c r="NNT710" s="613"/>
      <c r="NNU710" s="613"/>
      <c r="NNV710" s="613"/>
      <c r="NNW710" s="613"/>
      <c r="NNX710" s="613"/>
      <c r="NNY710" s="613"/>
      <c r="NNZ710" s="613"/>
      <c r="NOA710" s="613"/>
      <c r="NOB710" s="613"/>
      <c r="NOC710" s="613"/>
      <c r="NOD710" s="613"/>
      <c r="NOE710" s="613"/>
      <c r="NOF710" s="613"/>
      <c r="NOG710" s="613"/>
      <c r="NOH710" s="613"/>
      <c r="NOI710" s="613"/>
      <c r="NOJ710" s="613"/>
      <c r="NOK710" s="613"/>
      <c r="NOL710" s="613"/>
      <c r="NOM710" s="613"/>
      <c r="NON710" s="613"/>
      <c r="NOO710" s="613"/>
      <c r="NOP710" s="613"/>
      <c r="NOQ710" s="613"/>
      <c r="NOR710" s="613"/>
      <c r="NOS710" s="613"/>
      <c r="NOT710" s="613"/>
      <c r="NOU710" s="613"/>
      <c r="NOV710" s="613"/>
      <c r="NOW710" s="613"/>
      <c r="NOX710" s="613"/>
      <c r="NOY710" s="613"/>
      <c r="NOZ710" s="613"/>
      <c r="NPA710" s="613"/>
      <c r="NPB710" s="613"/>
      <c r="NPC710" s="613"/>
      <c r="NPD710" s="613"/>
      <c r="NPE710" s="613"/>
      <c r="NPF710" s="613"/>
      <c r="NPG710" s="613"/>
      <c r="NPH710" s="613"/>
      <c r="NPI710" s="613"/>
      <c r="NPJ710" s="613"/>
      <c r="NPK710" s="613"/>
      <c r="NPL710" s="613"/>
      <c r="NPM710" s="613"/>
      <c r="NPN710" s="613"/>
      <c r="NPO710" s="613"/>
      <c r="NPP710" s="613"/>
      <c r="NPQ710" s="613"/>
      <c r="NPR710" s="613"/>
      <c r="NPS710" s="613"/>
      <c r="NPT710" s="613"/>
      <c r="NPU710" s="613"/>
      <c r="NPV710" s="613"/>
      <c r="NPW710" s="613"/>
      <c r="NPX710" s="613"/>
      <c r="NPY710" s="613"/>
      <c r="NPZ710" s="613"/>
      <c r="NQA710" s="613"/>
      <c r="NQB710" s="613"/>
      <c r="NQC710" s="613"/>
      <c r="NQD710" s="613"/>
      <c r="NQE710" s="613"/>
      <c r="NQF710" s="613"/>
      <c r="NQG710" s="613"/>
      <c r="NQH710" s="613"/>
      <c r="NQI710" s="613"/>
      <c r="NQJ710" s="613"/>
      <c r="NQK710" s="613"/>
      <c r="NQL710" s="613"/>
      <c r="NQM710" s="613"/>
      <c r="NQN710" s="613"/>
      <c r="NQO710" s="613"/>
      <c r="NQP710" s="613"/>
      <c r="NQQ710" s="613"/>
      <c r="NQR710" s="613"/>
      <c r="NQS710" s="613"/>
      <c r="NQT710" s="613"/>
      <c r="NQU710" s="613"/>
      <c r="NQV710" s="613"/>
      <c r="NQW710" s="613"/>
      <c r="NQX710" s="613"/>
      <c r="NQY710" s="613"/>
      <c r="NQZ710" s="613"/>
      <c r="NRA710" s="613"/>
      <c r="NRB710" s="613"/>
      <c r="NRC710" s="613"/>
      <c r="NRD710" s="613"/>
      <c r="NRE710" s="613"/>
      <c r="NRF710" s="613"/>
      <c r="NRG710" s="613"/>
      <c r="NRH710" s="613"/>
      <c r="NRI710" s="613"/>
      <c r="NRJ710" s="613"/>
      <c r="NRK710" s="613"/>
      <c r="NRL710" s="613"/>
      <c r="NRM710" s="613"/>
      <c r="NRN710" s="613"/>
      <c r="NRO710" s="613"/>
      <c r="NRP710" s="613"/>
      <c r="NRQ710" s="613"/>
      <c r="NRR710" s="613"/>
      <c r="NRS710" s="613"/>
      <c r="NRT710" s="613"/>
      <c r="NRU710" s="613"/>
      <c r="NRV710" s="613"/>
      <c r="NRW710" s="613"/>
      <c r="NRX710" s="613"/>
      <c r="NRY710" s="613"/>
      <c r="NRZ710" s="613"/>
      <c r="NSA710" s="613"/>
      <c r="NSB710" s="613"/>
      <c r="NSC710" s="613"/>
      <c r="NSD710" s="613"/>
      <c r="NSE710" s="613"/>
      <c r="NSF710" s="613"/>
      <c r="NSG710" s="613"/>
      <c r="NSH710" s="613"/>
      <c r="NSI710" s="613"/>
      <c r="NSJ710" s="613"/>
      <c r="NSK710" s="613"/>
      <c r="NSL710" s="613"/>
      <c r="NSM710" s="613"/>
      <c r="NSN710" s="613"/>
      <c r="NSO710" s="613"/>
      <c r="NSP710" s="613"/>
      <c r="NSQ710" s="613"/>
      <c r="NSR710" s="613"/>
      <c r="NSS710" s="613"/>
      <c r="NST710" s="613"/>
      <c r="NSU710" s="613"/>
      <c r="NSV710" s="613"/>
      <c r="NSW710" s="613"/>
      <c r="NSX710" s="613"/>
      <c r="NSY710" s="613"/>
      <c r="NSZ710" s="613"/>
      <c r="NTA710" s="613"/>
      <c r="NTB710" s="613"/>
      <c r="NTC710" s="613"/>
      <c r="NTD710" s="613"/>
      <c r="NTE710" s="613"/>
      <c r="NTF710" s="613"/>
      <c r="NTG710" s="613"/>
      <c r="NTH710" s="613"/>
      <c r="NTI710" s="613"/>
      <c r="NTJ710" s="613"/>
      <c r="NTK710" s="613"/>
      <c r="NTL710" s="613"/>
      <c r="NTM710" s="613"/>
      <c r="NTN710" s="613"/>
      <c r="NTO710" s="613"/>
      <c r="NTP710" s="613"/>
      <c r="NTQ710" s="613"/>
      <c r="NTR710" s="613"/>
      <c r="NTS710" s="613"/>
      <c r="NTT710" s="613"/>
      <c r="NTU710" s="613"/>
      <c r="NTV710" s="613"/>
      <c r="NTW710" s="613"/>
      <c r="NTX710" s="613"/>
      <c r="NTY710" s="613"/>
      <c r="NTZ710" s="613"/>
      <c r="NUA710" s="613"/>
      <c r="NUB710" s="613"/>
      <c r="NUC710" s="613"/>
      <c r="NUD710" s="613"/>
      <c r="NUE710" s="613"/>
      <c r="NUF710" s="613"/>
      <c r="NUG710" s="613"/>
      <c r="NUH710" s="613"/>
      <c r="NUI710" s="613"/>
      <c r="NUJ710" s="613"/>
      <c r="NUK710" s="613"/>
      <c r="NUL710" s="613"/>
      <c r="NUM710" s="613"/>
      <c r="NUN710" s="613"/>
      <c r="NUO710" s="613"/>
      <c r="NUP710" s="613"/>
      <c r="NUQ710" s="613"/>
      <c r="NUR710" s="613"/>
      <c r="NUS710" s="613"/>
      <c r="NUT710" s="613"/>
      <c r="NUU710" s="613"/>
      <c r="NUV710" s="613"/>
      <c r="NUW710" s="613"/>
      <c r="NUX710" s="613"/>
      <c r="NUY710" s="613"/>
      <c r="NUZ710" s="613"/>
      <c r="NVA710" s="613"/>
      <c r="NVB710" s="613"/>
      <c r="NVC710" s="613"/>
      <c r="NVD710" s="613"/>
      <c r="NVE710" s="613"/>
      <c r="NVF710" s="613"/>
      <c r="NVG710" s="613"/>
      <c r="NVH710" s="613"/>
      <c r="NVI710" s="613"/>
      <c r="NVJ710" s="613"/>
      <c r="NVK710" s="613"/>
      <c r="NVL710" s="613"/>
      <c r="NVM710" s="613"/>
      <c r="NVN710" s="613"/>
      <c r="NVO710" s="613"/>
      <c r="NVP710" s="613"/>
      <c r="NVQ710" s="613"/>
      <c r="NVR710" s="613"/>
      <c r="NVS710" s="613"/>
      <c r="NVT710" s="613"/>
      <c r="NVU710" s="613"/>
      <c r="NVV710" s="613"/>
      <c r="NVW710" s="613"/>
      <c r="NVX710" s="613"/>
      <c r="NVY710" s="613"/>
      <c r="NVZ710" s="613"/>
      <c r="NWA710" s="613"/>
      <c r="NWB710" s="613"/>
      <c r="NWC710" s="613"/>
      <c r="NWD710" s="613"/>
      <c r="NWE710" s="613"/>
      <c r="NWF710" s="613"/>
      <c r="NWG710" s="613"/>
      <c r="NWH710" s="613"/>
      <c r="NWI710" s="613"/>
      <c r="NWJ710" s="613"/>
      <c r="NWK710" s="613"/>
      <c r="NWL710" s="613"/>
      <c r="NWM710" s="613"/>
      <c r="NWN710" s="613"/>
      <c r="NWO710" s="613"/>
      <c r="NWP710" s="613"/>
      <c r="NWQ710" s="613"/>
      <c r="NWR710" s="613"/>
      <c r="NWS710" s="613"/>
      <c r="NWT710" s="613"/>
      <c r="NWU710" s="613"/>
      <c r="NWV710" s="613"/>
      <c r="NWW710" s="613"/>
      <c r="NWX710" s="613"/>
      <c r="NWY710" s="613"/>
      <c r="NWZ710" s="613"/>
      <c r="NXA710" s="613"/>
      <c r="NXB710" s="613"/>
      <c r="NXC710" s="613"/>
      <c r="NXD710" s="613"/>
      <c r="NXE710" s="613"/>
      <c r="NXF710" s="613"/>
      <c r="NXG710" s="613"/>
      <c r="NXH710" s="613"/>
      <c r="NXI710" s="613"/>
      <c r="NXJ710" s="613"/>
      <c r="NXK710" s="613"/>
      <c r="NXL710" s="613"/>
      <c r="NXM710" s="613"/>
      <c r="NXN710" s="613"/>
      <c r="NXO710" s="613"/>
      <c r="NXP710" s="613"/>
      <c r="NXQ710" s="613"/>
      <c r="NXR710" s="613"/>
      <c r="NXS710" s="613"/>
      <c r="NXT710" s="613"/>
      <c r="NXU710" s="613"/>
      <c r="NXV710" s="613"/>
      <c r="NXW710" s="613"/>
      <c r="NXX710" s="613"/>
      <c r="NXY710" s="613"/>
      <c r="NXZ710" s="613"/>
      <c r="NYA710" s="613"/>
      <c r="NYB710" s="613"/>
      <c r="NYC710" s="613"/>
      <c r="NYD710" s="613"/>
      <c r="NYE710" s="613"/>
      <c r="NYF710" s="613"/>
      <c r="NYG710" s="613"/>
      <c r="NYH710" s="613"/>
      <c r="NYI710" s="613"/>
      <c r="NYJ710" s="613"/>
      <c r="NYK710" s="613"/>
      <c r="NYL710" s="613"/>
      <c r="NYM710" s="613"/>
      <c r="NYN710" s="613"/>
      <c r="NYO710" s="613"/>
      <c r="NYP710" s="613"/>
      <c r="NYQ710" s="613"/>
      <c r="NYR710" s="613"/>
      <c r="NYS710" s="613"/>
      <c r="NYT710" s="613"/>
      <c r="NYU710" s="613"/>
      <c r="NYV710" s="613"/>
      <c r="NYW710" s="613"/>
      <c r="NYX710" s="613"/>
      <c r="NYY710" s="613"/>
      <c r="NYZ710" s="613"/>
      <c r="NZA710" s="613"/>
      <c r="NZB710" s="613"/>
      <c r="NZC710" s="613"/>
      <c r="NZD710" s="613"/>
      <c r="NZE710" s="613"/>
      <c r="NZF710" s="613"/>
      <c r="NZG710" s="613"/>
      <c r="NZH710" s="613"/>
      <c r="NZI710" s="613"/>
      <c r="NZJ710" s="613"/>
      <c r="NZK710" s="613"/>
      <c r="NZL710" s="613"/>
      <c r="NZM710" s="613"/>
      <c r="NZN710" s="613"/>
      <c r="NZO710" s="613"/>
      <c r="NZP710" s="613"/>
      <c r="NZQ710" s="613"/>
      <c r="NZR710" s="613"/>
      <c r="NZS710" s="613"/>
      <c r="NZT710" s="613"/>
      <c r="NZU710" s="613"/>
      <c r="NZV710" s="613"/>
      <c r="NZW710" s="613"/>
      <c r="NZX710" s="613"/>
      <c r="NZY710" s="613"/>
      <c r="NZZ710" s="613"/>
      <c r="OAA710" s="613"/>
      <c r="OAB710" s="613"/>
      <c r="OAC710" s="613"/>
      <c r="OAD710" s="613"/>
      <c r="OAE710" s="613"/>
      <c r="OAF710" s="613"/>
      <c r="OAG710" s="613"/>
      <c r="OAH710" s="613"/>
      <c r="OAI710" s="613"/>
      <c r="OAJ710" s="613"/>
      <c r="OAK710" s="613"/>
      <c r="OAL710" s="613"/>
      <c r="OAM710" s="613"/>
      <c r="OAN710" s="613"/>
      <c r="OAO710" s="613"/>
      <c r="OAP710" s="613"/>
      <c r="OAQ710" s="613"/>
      <c r="OAR710" s="613"/>
      <c r="OAS710" s="613"/>
      <c r="OAT710" s="613"/>
      <c r="OAU710" s="613"/>
      <c r="OAV710" s="613"/>
      <c r="OAW710" s="613"/>
      <c r="OAX710" s="613"/>
      <c r="OAY710" s="613"/>
      <c r="OAZ710" s="613"/>
      <c r="OBA710" s="613"/>
      <c r="OBB710" s="613"/>
      <c r="OBC710" s="613"/>
      <c r="OBD710" s="613"/>
      <c r="OBE710" s="613"/>
      <c r="OBF710" s="613"/>
      <c r="OBG710" s="613"/>
      <c r="OBH710" s="613"/>
      <c r="OBI710" s="613"/>
      <c r="OBJ710" s="613"/>
      <c r="OBK710" s="613"/>
      <c r="OBL710" s="613"/>
      <c r="OBM710" s="613"/>
      <c r="OBN710" s="613"/>
      <c r="OBO710" s="613"/>
      <c r="OBP710" s="613"/>
      <c r="OBQ710" s="613"/>
      <c r="OBR710" s="613"/>
      <c r="OBS710" s="613"/>
      <c r="OBT710" s="613"/>
      <c r="OBU710" s="613"/>
      <c r="OBV710" s="613"/>
      <c r="OBW710" s="613"/>
      <c r="OBX710" s="613"/>
      <c r="OBY710" s="613"/>
      <c r="OBZ710" s="613"/>
      <c r="OCA710" s="613"/>
      <c r="OCB710" s="613"/>
      <c r="OCC710" s="613"/>
      <c r="OCD710" s="613"/>
      <c r="OCE710" s="613"/>
      <c r="OCF710" s="613"/>
      <c r="OCG710" s="613"/>
      <c r="OCH710" s="613"/>
      <c r="OCI710" s="613"/>
      <c r="OCJ710" s="613"/>
      <c r="OCK710" s="613"/>
      <c r="OCL710" s="613"/>
      <c r="OCM710" s="613"/>
      <c r="OCN710" s="613"/>
      <c r="OCO710" s="613"/>
      <c r="OCP710" s="613"/>
      <c r="OCQ710" s="613"/>
      <c r="OCR710" s="613"/>
      <c r="OCS710" s="613"/>
      <c r="OCT710" s="613"/>
      <c r="OCU710" s="613"/>
      <c r="OCV710" s="613"/>
      <c r="OCW710" s="613"/>
      <c r="OCX710" s="613"/>
      <c r="OCY710" s="613"/>
      <c r="OCZ710" s="613"/>
      <c r="ODA710" s="613"/>
      <c r="ODB710" s="613"/>
      <c r="ODC710" s="613"/>
      <c r="ODD710" s="613"/>
      <c r="ODE710" s="613"/>
      <c r="ODF710" s="613"/>
      <c r="ODG710" s="613"/>
      <c r="ODH710" s="613"/>
      <c r="ODI710" s="613"/>
      <c r="ODJ710" s="613"/>
      <c r="ODK710" s="613"/>
      <c r="ODL710" s="613"/>
      <c r="ODM710" s="613"/>
      <c r="ODN710" s="613"/>
      <c r="ODO710" s="613"/>
      <c r="ODP710" s="613"/>
      <c r="ODQ710" s="613"/>
      <c r="ODR710" s="613"/>
      <c r="ODS710" s="613"/>
      <c r="ODT710" s="613"/>
      <c r="ODU710" s="613"/>
      <c r="ODV710" s="613"/>
      <c r="ODW710" s="613"/>
      <c r="ODX710" s="613"/>
      <c r="ODY710" s="613"/>
      <c r="ODZ710" s="613"/>
      <c r="OEA710" s="613"/>
      <c r="OEB710" s="613"/>
      <c r="OEC710" s="613"/>
      <c r="OED710" s="613"/>
      <c r="OEE710" s="613"/>
      <c r="OEF710" s="613"/>
      <c r="OEG710" s="613"/>
      <c r="OEH710" s="613"/>
      <c r="OEI710" s="613"/>
      <c r="OEJ710" s="613"/>
      <c r="OEK710" s="613"/>
      <c r="OEL710" s="613"/>
      <c r="OEM710" s="613"/>
      <c r="OEN710" s="613"/>
      <c r="OEO710" s="613"/>
      <c r="OEP710" s="613"/>
      <c r="OEQ710" s="613"/>
      <c r="OER710" s="613"/>
      <c r="OES710" s="613"/>
      <c r="OET710" s="613"/>
      <c r="OEU710" s="613"/>
      <c r="OEV710" s="613"/>
      <c r="OEW710" s="613"/>
      <c r="OEX710" s="613"/>
      <c r="OEY710" s="613"/>
      <c r="OEZ710" s="613"/>
      <c r="OFA710" s="613"/>
      <c r="OFB710" s="613"/>
      <c r="OFC710" s="613"/>
      <c r="OFD710" s="613"/>
      <c r="OFE710" s="613"/>
      <c r="OFF710" s="613"/>
      <c r="OFG710" s="613"/>
      <c r="OFH710" s="613"/>
      <c r="OFI710" s="613"/>
      <c r="OFJ710" s="613"/>
      <c r="OFK710" s="613"/>
      <c r="OFL710" s="613"/>
      <c r="OFM710" s="613"/>
      <c r="OFN710" s="613"/>
      <c r="OFO710" s="613"/>
      <c r="OFP710" s="613"/>
      <c r="OFQ710" s="613"/>
      <c r="OFR710" s="613"/>
      <c r="OFS710" s="613"/>
      <c r="OFT710" s="613"/>
      <c r="OFU710" s="613"/>
      <c r="OFV710" s="613"/>
      <c r="OFW710" s="613"/>
      <c r="OFX710" s="613"/>
      <c r="OFY710" s="613"/>
      <c r="OFZ710" s="613"/>
      <c r="OGA710" s="613"/>
      <c r="OGB710" s="613"/>
      <c r="OGC710" s="613"/>
      <c r="OGD710" s="613"/>
      <c r="OGE710" s="613"/>
      <c r="OGF710" s="613"/>
      <c r="OGG710" s="613"/>
      <c r="OGH710" s="613"/>
      <c r="OGI710" s="613"/>
      <c r="OGJ710" s="613"/>
      <c r="OGK710" s="613"/>
      <c r="OGL710" s="613"/>
      <c r="OGM710" s="613"/>
      <c r="OGN710" s="613"/>
      <c r="OGO710" s="613"/>
      <c r="OGP710" s="613"/>
      <c r="OGQ710" s="613"/>
      <c r="OGR710" s="613"/>
      <c r="OGS710" s="613"/>
      <c r="OGT710" s="613"/>
      <c r="OGU710" s="613"/>
      <c r="OGV710" s="613"/>
      <c r="OGW710" s="613"/>
      <c r="OGX710" s="613"/>
      <c r="OGY710" s="613"/>
      <c r="OGZ710" s="613"/>
      <c r="OHA710" s="613"/>
      <c r="OHB710" s="613"/>
      <c r="OHC710" s="613"/>
      <c r="OHD710" s="613"/>
      <c r="OHE710" s="613"/>
      <c r="OHF710" s="613"/>
      <c r="OHG710" s="613"/>
      <c r="OHH710" s="613"/>
      <c r="OHI710" s="613"/>
      <c r="OHJ710" s="613"/>
      <c r="OHK710" s="613"/>
      <c r="OHL710" s="613"/>
      <c r="OHM710" s="613"/>
      <c r="OHN710" s="613"/>
      <c r="OHO710" s="613"/>
      <c r="OHP710" s="613"/>
      <c r="OHQ710" s="613"/>
      <c r="OHR710" s="613"/>
      <c r="OHS710" s="613"/>
      <c r="OHT710" s="613"/>
      <c r="OHU710" s="613"/>
      <c r="OHV710" s="613"/>
      <c r="OHW710" s="613"/>
      <c r="OHX710" s="613"/>
      <c r="OHY710" s="613"/>
      <c r="OHZ710" s="613"/>
      <c r="OIA710" s="613"/>
      <c r="OIB710" s="613"/>
      <c r="OIC710" s="613"/>
      <c r="OID710" s="613"/>
      <c r="OIE710" s="613"/>
      <c r="OIF710" s="613"/>
      <c r="OIG710" s="613"/>
      <c r="OIH710" s="613"/>
      <c r="OII710" s="613"/>
      <c r="OIJ710" s="613"/>
      <c r="OIK710" s="613"/>
      <c r="OIL710" s="613"/>
      <c r="OIM710" s="613"/>
      <c r="OIN710" s="613"/>
      <c r="OIO710" s="613"/>
      <c r="OIP710" s="613"/>
      <c r="OIQ710" s="613"/>
      <c r="OIR710" s="613"/>
      <c r="OIS710" s="613"/>
      <c r="OIT710" s="613"/>
      <c r="OIU710" s="613"/>
      <c r="OIV710" s="613"/>
      <c r="OIW710" s="613"/>
      <c r="OIX710" s="613"/>
      <c r="OIY710" s="613"/>
      <c r="OIZ710" s="613"/>
      <c r="OJA710" s="613"/>
      <c r="OJB710" s="613"/>
      <c r="OJC710" s="613"/>
      <c r="OJD710" s="613"/>
      <c r="OJE710" s="613"/>
      <c r="OJF710" s="613"/>
      <c r="OJG710" s="613"/>
      <c r="OJH710" s="613"/>
      <c r="OJI710" s="613"/>
      <c r="OJJ710" s="613"/>
      <c r="OJK710" s="613"/>
      <c r="OJL710" s="613"/>
      <c r="OJM710" s="613"/>
      <c r="OJN710" s="613"/>
      <c r="OJO710" s="613"/>
      <c r="OJP710" s="613"/>
      <c r="OJQ710" s="613"/>
      <c r="OJR710" s="613"/>
      <c r="OJS710" s="613"/>
      <c r="OJT710" s="613"/>
      <c r="OJU710" s="613"/>
      <c r="OJV710" s="613"/>
      <c r="OJW710" s="613"/>
      <c r="OJX710" s="613"/>
      <c r="OJY710" s="613"/>
      <c r="OJZ710" s="613"/>
      <c r="OKA710" s="613"/>
      <c r="OKB710" s="613"/>
      <c r="OKC710" s="613"/>
      <c r="OKD710" s="613"/>
      <c r="OKE710" s="613"/>
      <c r="OKF710" s="613"/>
      <c r="OKG710" s="613"/>
      <c r="OKH710" s="613"/>
      <c r="OKI710" s="613"/>
      <c r="OKJ710" s="613"/>
      <c r="OKK710" s="613"/>
      <c r="OKL710" s="613"/>
      <c r="OKM710" s="613"/>
      <c r="OKN710" s="613"/>
      <c r="OKO710" s="613"/>
      <c r="OKP710" s="613"/>
      <c r="OKQ710" s="613"/>
      <c r="OKR710" s="613"/>
      <c r="OKS710" s="613"/>
      <c r="OKT710" s="613"/>
      <c r="OKU710" s="613"/>
      <c r="OKV710" s="613"/>
      <c r="OKW710" s="613"/>
      <c r="OKX710" s="613"/>
      <c r="OKY710" s="613"/>
      <c r="OKZ710" s="613"/>
      <c r="OLA710" s="613"/>
      <c r="OLB710" s="613"/>
      <c r="OLC710" s="613"/>
      <c r="OLD710" s="613"/>
      <c r="OLE710" s="613"/>
      <c r="OLF710" s="613"/>
      <c r="OLG710" s="613"/>
      <c r="OLH710" s="613"/>
      <c r="OLI710" s="613"/>
      <c r="OLJ710" s="613"/>
      <c r="OLK710" s="613"/>
      <c r="OLL710" s="613"/>
      <c r="OLM710" s="613"/>
      <c r="OLN710" s="613"/>
      <c r="OLO710" s="613"/>
      <c r="OLP710" s="613"/>
      <c r="OLQ710" s="613"/>
      <c r="OLR710" s="613"/>
      <c r="OLS710" s="613"/>
      <c r="OLT710" s="613"/>
      <c r="OLU710" s="613"/>
      <c r="OLV710" s="613"/>
      <c r="OLW710" s="613"/>
      <c r="OLX710" s="613"/>
      <c r="OLY710" s="613"/>
      <c r="OLZ710" s="613"/>
      <c r="OMA710" s="613"/>
      <c r="OMB710" s="613"/>
      <c r="OMC710" s="613"/>
      <c r="OMD710" s="613"/>
      <c r="OME710" s="613"/>
      <c r="OMF710" s="613"/>
      <c r="OMG710" s="613"/>
      <c r="OMH710" s="613"/>
      <c r="OMI710" s="613"/>
      <c r="OMJ710" s="613"/>
      <c r="OMK710" s="613"/>
      <c r="OML710" s="613"/>
      <c r="OMM710" s="613"/>
      <c r="OMN710" s="613"/>
      <c r="OMO710" s="613"/>
      <c r="OMP710" s="613"/>
      <c r="OMQ710" s="613"/>
      <c r="OMR710" s="613"/>
      <c r="OMS710" s="613"/>
      <c r="OMT710" s="613"/>
      <c r="OMU710" s="613"/>
      <c r="OMV710" s="613"/>
      <c r="OMW710" s="613"/>
      <c r="OMX710" s="613"/>
      <c r="OMY710" s="613"/>
      <c r="OMZ710" s="613"/>
      <c r="ONA710" s="613"/>
      <c r="ONB710" s="613"/>
      <c r="ONC710" s="613"/>
      <c r="OND710" s="613"/>
      <c r="ONE710" s="613"/>
      <c r="ONF710" s="613"/>
      <c r="ONG710" s="613"/>
      <c r="ONH710" s="613"/>
      <c r="ONI710" s="613"/>
      <c r="ONJ710" s="613"/>
      <c r="ONK710" s="613"/>
      <c r="ONL710" s="613"/>
      <c r="ONM710" s="613"/>
      <c r="ONN710" s="613"/>
      <c r="ONO710" s="613"/>
      <c r="ONP710" s="613"/>
      <c r="ONQ710" s="613"/>
      <c r="ONR710" s="613"/>
      <c r="ONS710" s="613"/>
      <c r="ONT710" s="613"/>
      <c r="ONU710" s="613"/>
      <c r="ONV710" s="613"/>
      <c r="ONW710" s="613"/>
      <c r="ONX710" s="613"/>
      <c r="ONY710" s="613"/>
      <c r="ONZ710" s="613"/>
      <c r="OOA710" s="613"/>
      <c r="OOB710" s="613"/>
      <c r="OOC710" s="613"/>
      <c r="OOD710" s="613"/>
      <c r="OOE710" s="613"/>
      <c r="OOF710" s="613"/>
      <c r="OOG710" s="613"/>
      <c r="OOH710" s="613"/>
      <c r="OOI710" s="613"/>
      <c r="OOJ710" s="613"/>
      <c r="OOK710" s="613"/>
      <c r="OOL710" s="613"/>
      <c r="OOM710" s="613"/>
      <c r="OON710" s="613"/>
      <c r="OOO710" s="613"/>
      <c r="OOP710" s="613"/>
      <c r="OOQ710" s="613"/>
      <c r="OOR710" s="613"/>
      <c r="OOS710" s="613"/>
      <c r="OOT710" s="613"/>
      <c r="OOU710" s="613"/>
      <c r="OOV710" s="613"/>
      <c r="OOW710" s="613"/>
      <c r="OOX710" s="613"/>
      <c r="OOY710" s="613"/>
      <c r="OOZ710" s="613"/>
      <c r="OPA710" s="613"/>
      <c r="OPB710" s="613"/>
      <c r="OPC710" s="613"/>
      <c r="OPD710" s="613"/>
      <c r="OPE710" s="613"/>
      <c r="OPF710" s="613"/>
      <c r="OPG710" s="613"/>
      <c r="OPH710" s="613"/>
      <c r="OPI710" s="613"/>
      <c r="OPJ710" s="613"/>
      <c r="OPK710" s="613"/>
      <c r="OPL710" s="613"/>
      <c r="OPM710" s="613"/>
      <c r="OPN710" s="613"/>
      <c r="OPO710" s="613"/>
      <c r="OPP710" s="613"/>
      <c r="OPQ710" s="613"/>
      <c r="OPR710" s="613"/>
      <c r="OPS710" s="613"/>
      <c r="OPT710" s="613"/>
      <c r="OPU710" s="613"/>
      <c r="OPV710" s="613"/>
      <c r="OPW710" s="613"/>
      <c r="OPX710" s="613"/>
      <c r="OPY710" s="613"/>
      <c r="OPZ710" s="613"/>
      <c r="OQA710" s="613"/>
      <c r="OQB710" s="613"/>
      <c r="OQC710" s="613"/>
      <c r="OQD710" s="613"/>
      <c r="OQE710" s="613"/>
      <c r="OQF710" s="613"/>
      <c r="OQG710" s="613"/>
      <c r="OQH710" s="613"/>
      <c r="OQI710" s="613"/>
      <c r="OQJ710" s="613"/>
      <c r="OQK710" s="613"/>
      <c r="OQL710" s="613"/>
      <c r="OQM710" s="613"/>
      <c r="OQN710" s="613"/>
      <c r="OQO710" s="613"/>
      <c r="OQP710" s="613"/>
      <c r="OQQ710" s="613"/>
      <c r="OQR710" s="613"/>
      <c r="OQS710" s="613"/>
      <c r="OQT710" s="613"/>
      <c r="OQU710" s="613"/>
      <c r="OQV710" s="613"/>
      <c r="OQW710" s="613"/>
      <c r="OQX710" s="613"/>
      <c r="OQY710" s="613"/>
      <c r="OQZ710" s="613"/>
      <c r="ORA710" s="613"/>
      <c r="ORB710" s="613"/>
      <c r="ORC710" s="613"/>
      <c r="ORD710" s="613"/>
      <c r="ORE710" s="613"/>
      <c r="ORF710" s="613"/>
      <c r="ORG710" s="613"/>
      <c r="ORH710" s="613"/>
      <c r="ORI710" s="613"/>
      <c r="ORJ710" s="613"/>
      <c r="ORK710" s="613"/>
      <c r="ORL710" s="613"/>
      <c r="ORM710" s="613"/>
      <c r="ORN710" s="613"/>
      <c r="ORO710" s="613"/>
      <c r="ORP710" s="613"/>
      <c r="ORQ710" s="613"/>
      <c r="ORR710" s="613"/>
      <c r="ORS710" s="613"/>
      <c r="ORT710" s="613"/>
      <c r="ORU710" s="613"/>
      <c r="ORV710" s="613"/>
      <c r="ORW710" s="613"/>
      <c r="ORX710" s="613"/>
      <c r="ORY710" s="613"/>
      <c r="ORZ710" s="613"/>
      <c r="OSA710" s="613"/>
      <c r="OSB710" s="613"/>
      <c r="OSC710" s="613"/>
      <c r="OSD710" s="613"/>
      <c r="OSE710" s="613"/>
      <c r="OSF710" s="613"/>
      <c r="OSG710" s="613"/>
      <c r="OSH710" s="613"/>
      <c r="OSI710" s="613"/>
      <c r="OSJ710" s="613"/>
      <c r="OSK710" s="613"/>
      <c r="OSL710" s="613"/>
      <c r="OSM710" s="613"/>
      <c r="OSN710" s="613"/>
      <c r="OSO710" s="613"/>
      <c r="OSP710" s="613"/>
      <c r="OSQ710" s="613"/>
      <c r="OSR710" s="613"/>
      <c r="OSS710" s="613"/>
      <c r="OST710" s="613"/>
      <c r="OSU710" s="613"/>
      <c r="OSV710" s="613"/>
      <c r="OSW710" s="613"/>
      <c r="OSX710" s="613"/>
      <c r="OSY710" s="613"/>
      <c r="OSZ710" s="613"/>
      <c r="OTA710" s="613"/>
      <c r="OTB710" s="613"/>
      <c r="OTC710" s="613"/>
      <c r="OTD710" s="613"/>
      <c r="OTE710" s="613"/>
      <c r="OTF710" s="613"/>
      <c r="OTG710" s="613"/>
      <c r="OTH710" s="613"/>
      <c r="OTI710" s="613"/>
      <c r="OTJ710" s="613"/>
      <c r="OTK710" s="613"/>
      <c r="OTL710" s="613"/>
      <c r="OTM710" s="613"/>
      <c r="OTN710" s="613"/>
      <c r="OTO710" s="613"/>
      <c r="OTP710" s="613"/>
      <c r="OTQ710" s="613"/>
      <c r="OTR710" s="613"/>
      <c r="OTS710" s="613"/>
      <c r="OTT710" s="613"/>
      <c r="OTU710" s="613"/>
      <c r="OTV710" s="613"/>
      <c r="OTW710" s="613"/>
      <c r="OTX710" s="613"/>
      <c r="OTY710" s="613"/>
      <c r="OTZ710" s="613"/>
      <c r="OUA710" s="613"/>
      <c r="OUB710" s="613"/>
      <c r="OUC710" s="613"/>
      <c r="OUD710" s="613"/>
      <c r="OUE710" s="613"/>
      <c r="OUF710" s="613"/>
      <c r="OUG710" s="613"/>
      <c r="OUH710" s="613"/>
      <c r="OUI710" s="613"/>
      <c r="OUJ710" s="613"/>
      <c r="OUK710" s="613"/>
      <c r="OUL710" s="613"/>
      <c r="OUM710" s="613"/>
      <c r="OUN710" s="613"/>
      <c r="OUO710" s="613"/>
      <c r="OUP710" s="613"/>
      <c r="OUQ710" s="613"/>
      <c r="OUR710" s="613"/>
      <c r="OUS710" s="613"/>
      <c r="OUT710" s="613"/>
      <c r="OUU710" s="613"/>
      <c r="OUV710" s="613"/>
      <c r="OUW710" s="613"/>
      <c r="OUX710" s="613"/>
      <c r="OUY710" s="613"/>
      <c r="OUZ710" s="613"/>
      <c r="OVA710" s="613"/>
      <c r="OVB710" s="613"/>
      <c r="OVC710" s="613"/>
      <c r="OVD710" s="613"/>
      <c r="OVE710" s="613"/>
      <c r="OVF710" s="613"/>
      <c r="OVG710" s="613"/>
      <c r="OVH710" s="613"/>
      <c r="OVI710" s="613"/>
      <c r="OVJ710" s="613"/>
      <c r="OVK710" s="613"/>
      <c r="OVL710" s="613"/>
      <c r="OVM710" s="613"/>
      <c r="OVN710" s="613"/>
      <c r="OVO710" s="613"/>
      <c r="OVP710" s="613"/>
      <c r="OVQ710" s="613"/>
      <c r="OVR710" s="613"/>
      <c r="OVS710" s="613"/>
      <c r="OVT710" s="613"/>
      <c r="OVU710" s="613"/>
      <c r="OVV710" s="613"/>
      <c r="OVW710" s="613"/>
      <c r="OVX710" s="613"/>
      <c r="OVY710" s="613"/>
      <c r="OVZ710" s="613"/>
      <c r="OWA710" s="613"/>
      <c r="OWB710" s="613"/>
      <c r="OWC710" s="613"/>
      <c r="OWD710" s="613"/>
      <c r="OWE710" s="613"/>
      <c r="OWF710" s="613"/>
      <c r="OWG710" s="613"/>
      <c r="OWH710" s="613"/>
      <c r="OWI710" s="613"/>
      <c r="OWJ710" s="613"/>
      <c r="OWK710" s="613"/>
      <c r="OWL710" s="613"/>
      <c r="OWM710" s="613"/>
      <c r="OWN710" s="613"/>
      <c r="OWO710" s="613"/>
      <c r="OWP710" s="613"/>
      <c r="OWQ710" s="613"/>
      <c r="OWR710" s="613"/>
      <c r="OWS710" s="613"/>
      <c r="OWT710" s="613"/>
      <c r="OWU710" s="613"/>
      <c r="OWV710" s="613"/>
      <c r="OWW710" s="613"/>
      <c r="OWX710" s="613"/>
      <c r="OWY710" s="613"/>
      <c r="OWZ710" s="613"/>
      <c r="OXA710" s="613"/>
      <c r="OXB710" s="613"/>
      <c r="OXC710" s="613"/>
      <c r="OXD710" s="613"/>
      <c r="OXE710" s="613"/>
      <c r="OXF710" s="613"/>
      <c r="OXG710" s="613"/>
      <c r="OXH710" s="613"/>
      <c r="OXI710" s="613"/>
      <c r="OXJ710" s="613"/>
      <c r="OXK710" s="613"/>
      <c r="OXL710" s="613"/>
      <c r="OXM710" s="613"/>
      <c r="OXN710" s="613"/>
      <c r="OXO710" s="613"/>
      <c r="OXP710" s="613"/>
      <c r="OXQ710" s="613"/>
      <c r="OXR710" s="613"/>
      <c r="OXS710" s="613"/>
      <c r="OXT710" s="613"/>
      <c r="OXU710" s="613"/>
      <c r="OXV710" s="613"/>
      <c r="OXW710" s="613"/>
      <c r="OXX710" s="613"/>
      <c r="OXY710" s="613"/>
      <c r="OXZ710" s="613"/>
      <c r="OYA710" s="613"/>
      <c r="OYB710" s="613"/>
      <c r="OYC710" s="613"/>
      <c r="OYD710" s="613"/>
      <c r="OYE710" s="613"/>
      <c r="OYF710" s="613"/>
      <c r="OYG710" s="613"/>
      <c r="OYH710" s="613"/>
      <c r="OYI710" s="613"/>
      <c r="OYJ710" s="613"/>
      <c r="OYK710" s="613"/>
      <c r="OYL710" s="613"/>
      <c r="OYM710" s="613"/>
      <c r="OYN710" s="613"/>
      <c r="OYO710" s="613"/>
      <c r="OYP710" s="613"/>
      <c r="OYQ710" s="613"/>
      <c r="OYR710" s="613"/>
      <c r="OYS710" s="613"/>
      <c r="OYT710" s="613"/>
      <c r="OYU710" s="613"/>
      <c r="OYV710" s="613"/>
      <c r="OYW710" s="613"/>
      <c r="OYX710" s="613"/>
      <c r="OYY710" s="613"/>
      <c r="OYZ710" s="613"/>
      <c r="OZA710" s="613"/>
      <c r="OZB710" s="613"/>
      <c r="OZC710" s="613"/>
      <c r="OZD710" s="613"/>
      <c r="OZE710" s="613"/>
      <c r="OZF710" s="613"/>
      <c r="OZG710" s="613"/>
      <c r="OZH710" s="613"/>
      <c r="OZI710" s="613"/>
      <c r="OZJ710" s="613"/>
      <c r="OZK710" s="613"/>
      <c r="OZL710" s="613"/>
      <c r="OZM710" s="613"/>
      <c r="OZN710" s="613"/>
      <c r="OZO710" s="613"/>
      <c r="OZP710" s="613"/>
      <c r="OZQ710" s="613"/>
      <c r="OZR710" s="613"/>
      <c r="OZS710" s="613"/>
      <c r="OZT710" s="613"/>
      <c r="OZU710" s="613"/>
      <c r="OZV710" s="613"/>
      <c r="OZW710" s="613"/>
      <c r="OZX710" s="613"/>
      <c r="OZY710" s="613"/>
      <c r="OZZ710" s="613"/>
      <c r="PAA710" s="613"/>
      <c r="PAB710" s="613"/>
      <c r="PAC710" s="613"/>
      <c r="PAD710" s="613"/>
      <c r="PAE710" s="613"/>
      <c r="PAF710" s="613"/>
      <c r="PAG710" s="613"/>
      <c r="PAH710" s="613"/>
      <c r="PAI710" s="613"/>
      <c r="PAJ710" s="613"/>
      <c r="PAK710" s="613"/>
      <c r="PAL710" s="613"/>
      <c r="PAM710" s="613"/>
      <c r="PAN710" s="613"/>
      <c r="PAO710" s="613"/>
      <c r="PAP710" s="613"/>
      <c r="PAQ710" s="613"/>
      <c r="PAR710" s="613"/>
      <c r="PAS710" s="613"/>
      <c r="PAT710" s="613"/>
      <c r="PAU710" s="613"/>
      <c r="PAV710" s="613"/>
      <c r="PAW710" s="613"/>
      <c r="PAX710" s="613"/>
      <c r="PAY710" s="613"/>
      <c r="PAZ710" s="613"/>
      <c r="PBA710" s="613"/>
      <c r="PBB710" s="613"/>
      <c r="PBC710" s="613"/>
      <c r="PBD710" s="613"/>
      <c r="PBE710" s="613"/>
      <c r="PBF710" s="613"/>
      <c r="PBG710" s="613"/>
      <c r="PBH710" s="613"/>
      <c r="PBI710" s="613"/>
      <c r="PBJ710" s="613"/>
      <c r="PBK710" s="613"/>
      <c r="PBL710" s="613"/>
      <c r="PBM710" s="613"/>
      <c r="PBN710" s="613"/>
      <c r="PBO710" s="613"/>
      <c r="PBP710" s="613"/>
      <c r="PBQ710" s="613"/>
      <c r="PBR710" s="613"/>
      <c r="PBS710" s="613"/>
      <c r="PBT710" s="613"/>
      <c r="PBU710" s="613"/>
      <c r="PBV710" s="613"/>
      <c r="PBW710" s="613"/>
      <c r="PBX710" s="613"/>
      <c r="PBY710" s="613"/>
      <c r="PBZ710" s="613"/>
      <c r="PCA710" s="613"/>
      <c r="PCB710" s="613"/>
      <c r="PCC710" s="613"/>
      <c r="PCD710" s="613"/>
      <c r="PCE710" s="613"/>
      <c r="PCF710" s="613"/>
      <c r="PCG710" s="613"/>
      <c r="PCH710" s="613"/>
      <c r="PCI710" s="613"/>
      <c r="PCJ710" s="613"/>
      <c r="PCK710" s="613"/>
      <c r="PCL710" s="613"/>
      <c r="PCM710" s="613"/>
      <c r="PCN710" s="613"/>
      <c r="PCO710" s="613"/>
      <c r="PCP710" s="613"/>
      <c r="PCQ710" s="613"/>
      <c r="PCR710" s="613"/>
      <c r="PCS710" s="613"/>
      <c r="PCT710" s="613"/>
      <c r="PCU710" s="613"/>
      <c r="PCV710" s="613"/>
      <c r="PCW710" s="613"/>
      <c r="PCX710" s="613"/>
      <c r="PCY710" s="613"/>
      <c r="PCZ710" s="613"/>
      <c r="PDA710" s="613"/>
      <c r="PDB710" s="613"/>
      <c r="PDC710" s="613"/>
      <c r="PDD710" s="613"/>
      <c r="PDE710" s="613"/>
      <c r="PDF710" s="613"/>
      <c r="PDG710" s="613"/>
      <c r="PDH710" s="613"/>
      <c r="PDI710" s="613"/>
      <c r="PDJ710" s="613"/>
      <c r="PDK710" s="613"/>
      <c r="PDL710" s="613"/>
      <c r="PDM710" s="613"/>
      <c r="PDN710" s="613"/>
      <c r="PDO710" s="613"/>
      <c r="PDP710" s="613"/>
      <c r="PDQ710" s="613"/>
      <c r="PDR710" s="613"/>
      <c r="PDS710" s="613"/>
      <c r="PDT710" s="613"/>
      <c r="PDU710" s="613"/>
      <c r="PDV710" s="613"/>
      <c r="PDW710" s="613"/>
      <c r="PDX710" s="613"/>
      <c r="PDY710" s="613"/>
      <c r="PDZ710" s="613"/>
      <c r="PEA710" s="613"/>
      <c r="PEB710" s="613"/>
      <c r="PEC710" s="613"/>
      <c r="PED710" s="613"/>
      <c r="PEE710" s="613"/>
      <c r="PEF710" s="613"/>
      <c r="PEG710" s="613"/>
      <c r="PEH710" s="613"/>
      <c r="PEI710" s="613"/>
      <c r="PEJ710" s="613"/>
      <c r="PEK710" s="613"/>
      <c r="PEL710" s="613"/>
      <c r="PEM710" s="613"/>
      <c r="PEN710" s="613"/>
      <c r="PEO710" s="613"/>
      <c r="PEP710" s="613"/>
      <c r="PEQ710" s="613"/>
      <c r="PER710" s="613"/>
      <c r="PES710" s="613"/>
      <c r="PET710" s="613"/>
      <c r="PEU710" s="613"/>
      <c r="PEV710" s="613"/>
      <c r="PEW710" s="613"/>
      <c r="PEX710" s="613"/>
      <c r="PEY710" s="613"/>
      <c r="PEZ710" s="613"/>
      <c r="PFA710" s="613"/>
      <c r="PFB710" s="613"/>
      <c r="PFC710" s="613"/>
      <c r="PFD710" s="613"/>
      <c r="PFE710" s="613"/>
      <c r="PFF710" s="613"/>
      <c r="PFG710" s="613"/>
      <c r="PFH710" s="613"/>
      <c r="PFI710" s="613"/>
      <c r="PFJ710" s="613"/>
      <c r="PFK710" s="613"/>
      <c r="PFL710" s="613"/>
      <c r="PFM710" s="613"/>
      <c r="PFN710" s="613"/>
      <c r="PFO710" s="613"/>
      <c r="PFP710" s="613"/>
      <c r="PFQ710" s="613"/>
      <c r="PFR710" s="613"/>
      <c r="PFS710" s="613"/>
      <c r="PFT710" s="613"/>
      <c r="PFU710" s="613"/>
      <c r="PFV710" s="613"/>
      <c r="PFW710" s="613"/>
      <c r="PFX710" s="613"/>
      <c r="PFY710" s="613"/>
      <c r="PFZ710" s="613"/>
      <c r="PGA710" s="613"/>
      <c r="PGB710" s="613"/>
      <c r="PGC710" s="613"/>
      <c r="PGD710" s="613"/>
      <c r="PGE710" s="613"/>
      <c r="PGF710" s="613"/>
      <c r="PGG710" s="613"/>
      <c r="PGH710" s="613"/>
      <c r="PGI710" s="613"/>
      <c r="PGJ710" s="613"/>
      <c r="PGK710" s="613"/>
      <c r="PGL710" s="613"/>
      <c r="PGM710" s="613"/>
      <c r="PGN710" s="613"/>
      <c r="PGO710" s="613"/>
      <c r="PGP710" s="613"/>
      <c r="PGQ710" s="613"/>
      <c r="PGR710" s="613"/>
      <c r="PGS710" s="613"/>
      <c r="PGT710" s="613"/>
      <c r="PGU710" s="613"/>
      <c r="PGV710" s="613"/>
      <c r="PGW710" s="613"/>
      <c r="PGX710" s="613"/>
      <c r="PGY710" s="613"/>
      <c r="PGZ710" s="613"/>
      <c r="PHA710" s="613"/>
      <c r="PHB710" s="613"/>
      <c r="PHC710" s="613"/>
      <c r="PHD710" s="613"/>
      <c r="PHE710" s="613"/>
      <c r="PHF710" s="613"/>
      <c r="PHG710" s="613"/>
      <c r="PHH710" s="613"/>
      <c r="PHI710" s="613"/>
      <c r="PHJ710" s="613"/>
      <c r="PHK710" s="613"/>
      <c r="PHL710" s="613"/>
      <c r="PHM710" s="613"/>
      <c r="PHN710" s="613"/>
      <c r="PHO710" s="613"/>
      <c r="PHP710" s="613"/>
      <c r="PHQ710" s="613"/>
      <c r="PHR710" s="613"/>
      <c r="PHS710" s="613"/>
      <c r="PHT710" s="613"/>
      <c r="PHU710" s="613"/>
      <c r="PHV710" s="613"/>
      <c r="PHW710" s="613"/>
      <c r="PHX710" s="613"/>
      <c r="PHY710" s="613"/>
      <c r="PHZ710" s="613"/>
      <c r="PIA710" s="613"/>
      <c r="PIB710" s="613"/>
      <c r="PIC710" s="613"/>
      <c r="PID710" s="613"/>
      <c r="PIE710" s="613"/>
      <c r="PIF710" s="613"/>
      <c r="PIG710" s="613"/>
      <c r="PIH710" s="613"/>
      <c r="PII710" s="613"/>
      <c r="PIJ710" s="613"/>
      <c r="PIK710" s="613"/>
      <c r="PIL710" s="613"/>
      <c r="PIM710" s="613"/>
      <c r="PIN710" s="613"/>
      <c r="PIO710" s="613"/>
      <c r="PIP710" s="613"/>
      <c r="PIQ710" s="613"/>
      <c r="PIR710" s="613"/>
      <c r="PIS710" s="613"/>
      <c r="PIT710" s="613"/>
      <c r="PIU710" s="613"/>
      <c r="PIV710" s="613"/>
      <c r="PIW710" s="613"/>
      <c r="PIX710" s="613"/>
      <c r="PIY710" s="613"/>
      <c r="PIZ710" s="613"/>
      <c r="PJA710" s="613"/>
      <c r="PJB710" s="613"/>
      <c r="PJC710" s="613"/>
      <c r="PJD710" s="613"/>
      <c r="PJE710" s="613"/>
      <c r="PJF710" s="613"/>
      <c r="PJG710" s="613"/>
      <c r="PJH710" s="613"/>
      <c r="PJI710" s="613"/>
      <c r="PJJ710" s="613"/>
      <c r="PJK710" s="613"/>
      <c r="PJL710" s="613"/>
      <c r="PJM710" s="613"/>
      <c r="PJN710" s="613"/>
      <c r="PJO710" s="613"/>
      <c r="PJP710" s="613"/>
      <c r="PJQ710" s="613"/>
      <c r="PJR710" s="613"/>
      <c r="PJS710" s="613"/>
      <c r="PJT710" s="613"/>
      <c r="PJU710" s="613"/>
      <c r="PJV710" s="613"/>
      <c r="PJW710" s="613"/>
      <c r="PJX710" s="613"/>
      <c r="PJY710" s="613"/>
      <c r="PJZ710" s="613"/>
      <c r="PKA710" s="613"/>
      <c r="PKB710" s="613"/>
      <c r="PKC710" s="613"/>
      <c r="PKD710" s="613"/>
      <c r="PKE710" s="613"/>
      <c r="PKF710" s="613"/>
      <c r="PKG710" s="613"/>
      <c r="PKH710" s="613"/>
      <c r="PKI710" s="613"/>
      <c r="PKJ710" s="613"/>
      <c r="PKK710" s="613"/>
      <c r="PKL710" s="613"/>
      <c r="PKM710" s="613"/>
      <c r="PKN710" s="613"/>
      <c r="PKO710" s="613"/>
      <c r="PKP710" s="613"/>
      <c r="PKQ710" s="613"/>
      <c r="PKR710" s="613"/>
      <c r="PKS710" s="613"/>
      <c r="PKT710" s="613"/>
      <c r="PKU710" s="613"/>
      <c r="PKV710" s="613"/>
      <c r="PKW710" s="613"/>
      <c r="PKX710" s="613"/>
      <c r="PKY710" s="613"/>
      <c r="PKZ710" s="613"/>
      <c r="PLA710" s="613"/>
      <c r="PLB710" s="613"/>
      <c r="PLC710" s="613"/>
      <c r="PLD710" s="613"/>
      <c r="PLE710" s="613"/>
      <c r="PLF710" s="613"/>
      <c r="PLG710" s="613"/>
      <c r="PLH710" s="613"/>
      <c r="PLI710" s="613"/>
      <c r="PLJ710" s="613"/>
      <c r="PLK710" s="613"/>
      <c r="PLL710" s="613"/>
      <c r="PLM710" s="613"/>
      <c r="PLN710" s="613"/>
      <c r="PLO710" s="613"/>
      <c r="PLP710" s="613"/>
      <c r="PLQ710" s="613"/>
      <c r="PLR710" s="613"/>
      <c r="PLS710" s="613"/>
      <c r="PLT710" s="613"/>
      <c r="PLU710" s="613"/>
      <c r="PLV710" s="613"/>
      <c r="PLW710" s="613"/>
      <c r="PLX710" s="613"/>
      <c r="PLY710" s="613"/>
      <c r="PLZ710" s="613"/>
      <c r="PMA710" s="613"/>
      <c r="PMB710" s="613"/>
      <c r="PMC710" s="613"/>
      <c r="PMD710" s="613"/>
      <c r="PME710" s="613"/>
      <c r="PMF710" s="613"/>
      <c r="PMG710" s="613"/>
      <c r="PMH710" s="613"/>
      <c r="PMI710" s="613"/>
      <c r="PMJ710" s="613"/>
      <c r="PMK710" s="613"/>
      <c r="PML710" s="613"/>
      <c r="PMM710" s="613"/>
      <c r="PMN710" s="613"/>
      <c r="PMO710" s="613"/>
      <c r="PMP710" s="613"/>
      <c r="PMQ710" s="613"/>
      <c r="PMR710" s="613"/>
      <c r="PMS710" s="613"/>
      <c r="PMT710" s="613"/>
      <c r="PMU710" s="613"/>
      <c r="PMV710" s="613"/>
      <c r="PMW710" s="613"/>
      <c r="PMX710" s="613"/>
      <c r="PMY710" s="613"/>
      <c r="PMZ710" s="613"/>
      <c r="PNA710" s="613"/>
      <c r="PNB710" s="613"/>
      <c r="PNC710" s="613"/>
      <c r="PND710" s="613"/>
      <c r="PNE710" s="613"/>
      <c r="PNF710" s="613"/>
      <c r="PNG710" s="613"/>
      <c r="PNH710" s="613"/>
      <c r="PNI710" s="613"/>
      <c r="PNJ710" s="613"/>
      <c r="PNK710" s="613"/>
      <c r="PNL710" s="613"/>
      <c r="PNM710" s="613"/>
      <c r="PNN710" s="613"/>
      <c r="PNO710" s="613"/>
      <c r="PNP710" s="613"/>
      <c r="PNQ710" s="613"/>
      <c r="PNR710" s="613"/>
      <c r="PNS710" s="613"/>
      <c r="PNT710" s="613"/>
      <c r="PNU710" s="613"/>
      <c r="PNV710" s="613"/>
      <c r="PNW710" s="613"/>
      <c r="PNX710" s="613"/>
      <c r="PNY710" s="613"/>
      <c r="PNZ710" s="613"/>
      <c r="POA710" s="613"/>
      <c r="POB710" s="613"/>
      <c r="POC710" s="613"/>
      <c r="POD710" s="613"/>
      <c r="POE710" s="613"/>
      <c r="POF710" s="613"/>
      <c r="POG710" s="613"/>
      <c r="POH710" s="613"/>
      <c r="POI710" s="613"/>
      <c r="POJ710" s="613"/>
      <c r="POK710" s="613"/>
      <c r="POL710" s="613"/>
      <c r="POM710" s="613"/>
      <c r="PON710" s="613"/>
      <c r="POO710" s="613"/>
      <c r="POP710" s="613"/>
      <c r="POQ710" s="613"/>
      <c r="POR710" s="613"/>
      <c r="POS710" s="613"/>
      <c r="POT710" s="613"/>
      <c r="POU710" s="613"/>
      <c r="POV710" s="613"/>
      <c r="POW710" s="613"/>
      <c r="POX710" s="613"/>
      <c r="POY710" s="613"/>
      <c r="POZ710" s="613"/>
      <c r="PPA710" s="613"/>
      <c r="PPB710" s="613"/>
      <c r="PPC710" s="613"/>
      <c r="PPD710" s="613"/>
      <c r="PPE710" s="613"/>
      <c r="PPF710" s="613"/>
      <c r="PPG710" s="613"/>
      <c r="PPH710" s="613"/>
      <c r="PPI710" s="613"/>
      <c r="PPJ710" s="613"/>
      <c r="PPK710" s="613"/>
      <c r="PPL710" s="613"/>
      <c r="PPM710" s="613"/>
      <c r="PPN710" s="613"/>
      <c r="PPO710" s="613"/>
      <c r="PPP710" s="613"/>
      <c r="PPQ710" s="613"/>
      <c r="PPR710" s="613"/>
      <c r="PPS710" s="613"/>
      <c r="PPT710" s="613"/>
      <c r="PPU710" s="613"/>
      <c r="PPV710" s="613"/>
      <c r="PPW710" s="613"/>
      <c r="PPX710" s="613"/>
      <c r="PPY710" s="613"/>
      <c r="PPZ710" s="613"/>
      <c r="PQA710" s="613"/>
      <c r="PQB710" s="613"/>
      <c r="PQC710" s="613"/>
      <c r="PQD710" s="613"/>
      <c r="PQE710" s="613"/>
      <c r="PQF710" s="613"/>
      <c r="PQG710" s="613"/>
      <c r="PQH710" s="613"/>
      <c r="PQI710" s="613"/>
      <c r="PQJ710" s="613"/>
      <c r="PQK710" s="613"/>
      <c r="PQL710" s="613"/>
      <c r="PQM710" s="613"/>
      <c r="PQN710" s="613"/>
      <c r="PQO710" s="613"/>
      <c r="PQP710" s="613"/>
      <c r="PQQ710" s="613"/>
      <c r="PQR710" s="613"/>
      <c r="PQS710" s="613"/>
      <c r="PQT710" s="613"/>
      <c r="PQU710" s="613"/>
      <c r="PQV710" s="613"/>
      <c r="PQW710" s="613"/>
      <c r="PQX710" s="613"/>
      <c r="PQY710" s="613"/>
      <c r="PQZ710" s="613"/>
      <c r="PRA710" s="613"/>
      <c r="PRB710" s="613"/>
      <c r="PRC710" s="613"/>
      <c r="PRD710" s="613"/>
      <c r="PRE710" s="613"/>
      <c r="PRF710" s="613"/>
      <c r="PRG710" s="613"/>
      <c r="PRH710" s="613"/>
      <c r="PRI710" s="613"/>
      <c r="PRJ710" s="613"/>
      <c r="PRK710" s="613"/>
      <c r="PRL710" s="613"/>
      <c r="PRM710" s="613"/>
      <c r="PRN710" s="613"/>
      <c r="PRO710" s="613"/>
      <c r="PRP710" s="613"/>
      <c r="PRQ710" s="613"/>
      <c r="PRR710" s="613"/>
      <c r="PRS710" s="613"/>
      <c r="PRT710" s="613"/>
      <c r="PRU710" s="613"/>
      <c r="PRV710" s="613"/>
      <c r="PRW710" s="613"/>
      <c r="PRX710" s="613"/>
      <c r="PRY710" s="613"/>
      <c r="PRZ710" s="613"/>
      <c r="PSA710" s="613"/>
      <c r="PSB710" s="613"/>
      <c r="PSC710" s="613"/>
      <c r="PSD710" s="613"/>
      <c r="PSE710" s="613"/>
      <c r="PSF710" s="613"/>
      <c r="PSG710" s="613"/>
      <c r="PSH710" s="613"/>
      <c r="PSI710" s="613"/>
      <c r="PSJ710" s="613"/>
      <c r="PSK710" s="613"/>
      <c r="PSL710" s="613"/>
      <c r="PSM710" s="613"/>
      <c r="PSN710" s="613"/>
      <c r="PSO710" s="613"/>
      <c r="PSP710" s="613"/>
      <c r="PSQ710" s="613"/>
      <c r="PSR710" s="613"/>
      <c r="PSS710" s="613"/>
      <c r="PST710" s="613"/>
      <c r="PSU710" s="613"/>
      <c r="PSV710" s="613"/>
      <c r="PSW710" s="613"/>
      <c r="PSX710" s="613"/>
      <c r="PSY710" s="613"/>
      <c r="PSZ710" s="613"/>
      <c r="PTA710" s="613"/>
      <c r="PTB710" s="613"/>
      <c r="PTC710" s="613"/>
      <c r="PTD710" s="613"/>
      <c r="PTE710" s="613"/>
      <c r="PTF710" s="613"/>
      <c r="PTG710" s="613"/>
      <c r="PTH710" s="613"/>
      <c r="PTI710" s="613"/>
      <c r="PTJ710" s="613"/>
      <c r="PTK710" s="613"/>
      <c r="PTL710" s="613"/>
      <c r="PTM710" s="613"/>
      <c r="PTN710" s="613"/>
      <c r="PTO710" s="613"/>
      <c r="PTP710" s="613"/>
      <c r="PTQ710" s="613"/>
      <c r="PTR710" s="613"/>
      <c r="PTS710" s="613"/>
      <c r="PTT710" s="613"/>
      <c r="PTU710" s="613"/>
      <c r="PTV710" s="613"/>
      <c r="PTW710" s="613"/>
      <c r="PTX710" s="613"/>
      <c r="PTY710" s="613"/>
      <c r="PTZ710" s="613"/>
      <c r="PUA710" s="613"/>
      <c r="PUB710" s="613"/>
      <c r="PUC710" s="613"/>
      <c r="PUD710" s="613"/>
      <c r="PUE710" s="613"/>
      <c r="PUF710" s="613"/>
      <c r="PUG710" s="613"/>
      <c r="PUH710" s="613"/>
      <c r="PUI710" s="613"/>
      <c r="PUJ710" s="613"/>
      <c r="PUK710" s="613"/>
      <c r="PUL710" s="613"/>
      <c r="PUM710" s="613"/>
      <c r="PUN710" s="613"/>
      <c r="PUO710" s="613"/>
      <c r="PUP710" s="613"/>
      <c r="PUQ710" s="613"/>
      <c r="PUR710" s="613"/>
      <c r="PUS710" s="613"/>
      <c r="PUT710" s="613"/>
      <c r="PUU710" s="613"/>
      <c r="PUV710" s="613"/>
      <c r="PUW710" s="613"/>
      <c r="PUX710" s="613"/>
      <c r="PUY710" s="613"/>
      <c r="PUZ710" s="613"/>
      <c r="PVA710" s="613"/>
      <c r="PVB710" s="613"/>
      <c r="PVC710" s="613"/>
      <c r="PVD710" s="613"/>
      <c r="PVE710" s="613"/>
      <c r="PVF710" s="613"/>
      <c r="PVG710" s="613"/>
      <c r="PVH710" s="613"/>
      <c r="PVI710" s="613"/>
      <c r="PVJ710" s="613"/>
      <c r="PVK710" s="613"/>
      <c r="PVL710" s="613"/>
      <c r="PVM710" s="613"/>
      <c r="PVN710" s="613"/>
      <c r="PVO710" s="613"/>
      <c r="PVP710" s="613"/>
      <c r="PVQ710" s="613"/>
      <c r="PVR710" s="613"/>
      <c r="PVS710" s="613"/>
      <c r="PVT710" s="613"/>
      <c r="PVU710" s="613"/>
      <c r="PVV710" s="613"/>
      <c r="PVW710" s="613"/>
      <c r="PVX710" s="613"/>
      <c r="PVY710" s="613"/>
      <c r="PVZ710" s="613"/>
      <c r="PWA710" s="613"/>
      <c r="PWB710" s="613"/>
      <c r="PWC710" s="613"/>
      <c r="PWD710" s="613"/>
      <c r="PWE710" s="613"/>
      <c r="PWF710" s="613"/>
      <c r="PWG710" s="613"/>
      <c r="PWH710" s="613"/>
      <c r="PWI710" s="613"/>
      <c r="PWJ710" s="613"/>
      <c r="PWK710" s="613"/>
      <c r="PWL710" s="613"/>
      <c r="PWM710" s="613"/>
      <c r="PWN710" s="613"/>
      <c r="PWO710" s="613"/>
      <c r="PWP710" s="613"/>
      <c r="PWQ710" s="613"/>
      <c r="PWR710" s="613"/>
      <c r="PWS710" s="613"/>
      <c r="PWT710" s="613"/>
      <c r="PWU710" s="613"/>
      <c r="PWV710" s="613"/>
      <c r="PWW710" s="613"/>
      <c r="PWX710" s="613"/>
      <c r="PWY710" s="613"/>
      <c r="PWZ710" s="613"/>
      <c r="PXA710" s="613"/>
      <c r="PXB710" s="613"/>
      <c r="PXC710" s="613"/>
      <c r="PXD710" s="613"/>
      <c r="PXE710" s="613"/>
      <c r="PXF710" s="613"/>
      <c r="PXG710" s="613"/>
      <c r="PXH710" s="613"/>
      <c r="PXI710" s="613"/>
      <c r="PXJ710" s="613"/>
      <c r="PXK710" s="613"/>
      <c r="PXL710" s="613"/>
      <c r="PXM710" s="613"/>
      <c r="PXN710" s="613"/>
      <c r="PXO710" s="613"/>
      <c r="PXP710" s="613"/>
      <c r="PXQ710" s="613"/>
      <c r="PXR710" s="613"/>
      <c r="PXS710" s="613"/>
      <c r="PXT710" s="613"/>
      <c r="PXU710" s="613"/>
      <c r="PXV710" s="613"/>
      <c r="PXW710" s="613"/>
      <c r="PXX710" s="613"/>
      <c r="PXY710" s="613"/>
      <c r="PXZ710" s="613"/>
      <c r="PYA710" s="613"/>
      <c r="PYB710" s="613"/>
      <c r="PYC710" s="613"/>
      <c r="PYD710" s="613"/>
      <c r="PYE710" s="613"/>
      <c r="PYF710" s="613"/>
      <c r="PYG710" s="613"/>
      <c r="PYH710" s="613"/>
      <c r="PYI710" s="613"/>
      <c r="PYJ710" s="613"/>
      <c r="PYK710" s="613"/>
      <c r="PYL710" s="613"/>
      <c r="PYM710" s="613"/>
      <c r="PYN710" s="613"/>
      <c r="PYO710" s="613"/>
      <c r="PYP710" s="613"/>
      <c r="PYQ710" s="613"/>
      <c r="PYR710" s="613"/>
      <c r="PYS710" s="613"/>
      <c r="PYT710" s="613"/>
      <c r="PYU710" s="613"/>
      <c r="PYV710" s="613"/>
      <c r="PYW710" s="613"/>
      <c r="PYX710" s="613"/>
      <c r="PYY710" s="613"/>
      <c r="PYZ710" s="613"/>
      <c r="PZA710" s="613"/>
      <c r="PZB710" s="613"/>
      <c r="PZC710" s="613"/>
      <c r="PZD710" s="613"/>
      <c r="PZE710" s="613"/>
      <c r="PZF710" s="613"/>
      <c r="PZG710" s="613"/>
      <c r="PZH710" s="613"/>
      <c r="PZI710" s="613"/>
      <c r="PZJ710" s="613"/>
      <c r="PZK710" s="613"/>
      <c r="PZL710" s="613"/>
      <c r="PZM710" s="613"/>
      <c r="PZN710" s="613"/>
      <c r="PZO710" s="613"/>
      <c r="PZP710" s="613"/>
      <c r="PZQ710" s="613"/>
      <c r="PZR710" s="613"/>
      <c r="PZS710" s="613"/>
      <c r="PZT710" s="613"/>
      <c r="PZU710" s="613"/>
      <c r="PZV710" s="613"/>
      <c r="PZW710" s="613"/>
      <c r="PZX710" s="613"/>
      <c r="PZY710" s="613"/>
      <c r="PZZ710" s="613"/>
      <c r="QAA710" s="613"/>
      <c r="QAB710" s="613"/>
      <c r="QAC710" s="613"/>
      <c r="QAD710" s="613"/>
      <c r="QAE710" s="613"/>
      <c r="QAF710" s="613"/>
      <c r="QAG710" s="613"/>
      <c r="QAH710" s="613"/>
      <c r="QAI710" s="613"/>
      <c r="QAJ710" s="613"/>
      <c r="QAK710" s="613"/>
      <c r="QAL710" s="613"/>
      <c r="QAM710" s="613"/>
      <c r="QAN710" s="613"/>
      <c r="QAO710" s="613"/>
      <c r="QAP710" s="613"/>
      <c r="QAQ710" s="613"/>
      <c r="QAR710" s="613"/>
      <c r="QAS710" s="613"/>
      <c r="QAT710" s="613"/>
      <c r="QAU710" s="613"/>
      <c r="QAV710" s="613"/>
      <c r="QAW710" s="613"/>
      <c r="QAX710" s="613"/>
      <c r="QAY710" s="613"/>
      <c r="QAZ710" s="613"/>
      <c r="QBA710" s="613"/>
      <c r="QBB710" s="613"/>
      <c r="QBC710" s="613"/>
      <c r="QBD710" s="613"/>
      <c r="QBE710" s="613"/>
      <c r="QBF710" s="613"/>
      <c r="QBG710" s="613"/>
      <c r="QBH710" s="613"/>
      <c r="QBI710" s="613"/>
      <c r="QBJ710" s="613"/>
      <c r="QBK710" s="613"/>
      <c r="QBL710" s="613"/>
      <c r="QBM710" s="613"/>
      <c r="QBN710" s="613"/>
      <c r="QBO710" s="613"/>
      <c r="QBP710" s="613"/>
      <c r="QBQ710" s="613"/>
      <c r="QBR710" s="613"/>
      <c r="QBS710" s="613"/>
      <c r="QBT710" s="613"/>
      <c r="QBU710" s="613"/>
      <c r="QBV710" s="613"/>
      <c r="QBW710" s="613"/>
      <c r="QBX710" s="613"/>
      <c r="QBY710" s="613"/>
      <c r="QBZ710" s="613"/>
      <c r="QCA710" s="613"/>
      <c r="QCB710" s="613"/>
      <c r="QCC710" s="613"/>
      <c r="QCD710" s="613"/>
      <c r="QCE710" s="613"/>
      <c r="QCF710" s="613"/>
      <c r="QCG710" s="613"/>
      <c r="QCH710" s="613"/>
      <c r="QCI710" s="613"/>
      <c r="QCJ710" s="613"/>
      <c r="QCK710" s="613"/>
      <c r="QCL710" s="613"/>
      <c r="QCM710" s="613"/>
      <c r="QCN710" s="613"/>
      <c r="QCO710" s="613"/>
      <c r="QCP710" s="613"/>
      <c r="QCQ710" s="613"/>
      <c r="QCR710" s="613"/>
      <c r="QCS710" s="613"/>
      <c r="QCT710" s="613"/>
      <c r="QCU710" s="613"/>
      <c r="QCV710" s="613"/>
      <c r="QCW710" s="613"/>
      <c r="QCX710" s="613"/>
      <c r="QCY710" s="613"/>
      <c r="QCZ710" s="613"/>
      <c r="QDA710" s="613"/>
      <c r="QDB710" s="613"/>
      <c r="QDC710" s="613"/>
      <c r="QDD710" s="613"/>
      <c r="QDE710" s="613"/>
      <c r="QDF710" s="613"/>
      <c r="QDG710" s="613"/>
      <c r="QDH710" s="613"/>
      <c r="QDI710" s="613"/>
      <c r="QDJ710" s="613"/>
      <c r="QDK710" s="613"/>
      <c r="QDL710" s="613"/>
      <c r="QDM710" s="613"/>
      <c r="QDN710" s="613"/>
      <c r="QDO710" s="613"/>
      <c r="QDP710" s="613"/>
      <c r="QDQ710" s="613"/>
      <c r="QDR710" s="613"/>
      <c r="QDS710" s="613"/>
      <c r="QDT710" s="613"/>
      <c r="QDU710" s="613"/>
      <c r="QDV710" s="613"/>
      <c r="QDW710" s="613"/>
      <c r="QDX710" s="613"/>
      <c r="QDY710" s="613"/>
      <c r="QDZ710" s="613"/>
      <c r="QEA710" s="613"/>
      <c r="QEB710" s="613"/>
      <c r="QEC710" s="613"/>
      <c r="QED710" s="613"/>
      <c r="QEE710" s="613"/>
      <c r="QEF710" s="613"/>
      <c r="QEG710" s="613"/>
      <c r="QEH710" s="613"/>
      <c r="QEI710" s="613"/>
      <c r="QEJ710" s="613"/>
      <c r="QEK710" s="613"/>
      <c r="QEL710" s="613"/>
      <c r="QEM710" s="613"/>
      <c r="QEN710" s="613"/>
      <c r="QEO710" s="613"/>
      <c r="QEP710" s="613"/>
      <c r="QEQ710" s="613"/>
      <c r="QER710" s="613"/>
      <c r="QES710" s="613"/>
      <c r="QET710" s="613"/>
      <c r="QEU710" s="613"/>
      <c r="QEV710" s="613"/>
      <c r="QEW710" s="613"/>
      <c r="QEX710" s="613"/>
      <c r="QEY710" s="613"/>
      <c r="QEZ710" s="613"/>
      <c r="QFA710" s="613"/>
      <c r="QFB710" s="613"/>
      <c r="QFC710" s="613"/>
      <c r="QFD710" s="613"/>
      <c r="QFE710" s="613"/>
      <c r="QFF710" s="613"/>
      <c r="QFG710" s="613"/>
      <c r="QFH710" s="613"/>
      <c r="QFI710" s="613"/>
      <c r="QFJ710" s="613"/>
      <c r="QFK710" s="613"/>
      <c r="QFL710" s="613"/>
      <c r="QFM710" s="613"/>
      <c r="QFN710" s="613"/>
      <c r="QFO710" s="613"/>
      <c r="QFP710" s="613"/>
      <c r="QFQ710" s="613"/>
      <c r="QFR710" s="613"/>
      <c r="QFS710" s="613"/>
      <c r="QFT710" s="613"/>
      <c r="QFU710" s="613"/>
      <c r="QFV710" s="613"/>
      <c r="QFW710" s="613"/>
      <c r="QFX710" s="613"/>
      <c r="QFY710" s="613"/>
      <c r="QFZ710" s="613"/>
      <c r="QGA710" s="613"/>
      <c r="QGB710" s="613"/>
      <c r="QGC710" s="613"/>
      <c r="QGD710" s="613"/>
      <c r="QGE710" s="613"/>
      <c r="QGF710" s="613"/>
      <c r="QGG710" s="613"/>
      <c r="QGH710" s="613"/>
      <c r="QGI710" s="613"/>
      <c r="QGJ710" s="613"/>
      <c r="QGK710" s="613"/>
      <c r="QGL710" s="613"/>
      <c r="QGM710" s="613"/>
      <c r="QGN710" s="613"/>
      <c r="QGO710" s="613"/>
      <c r="QGP710" s="613"/>
      <c r="QGQ710" s="613"/>
      <c r="QGR710" s="613"/>
      <c r="QGS710" s="613"/>
      <c r="QGT710" s="613"/>
      <c r="QGU710" s="613"/>
      <c r="QGV710" s="613"/>
      <c r="QGW710" s="613"/>
      <c r="QGX710" s="613"/>
      <c r="QGY710" s="613"/>
      <c r="QGZ710" s="613"/>
      <c r="QHA710" s="613"/>
      <c r="QHB710" s="613"/>
      <c r="QHC710" s="613"/>
      <c r="QHD710" s="613"/>
      <c r="QHE710" s="613"/>
      <c r="QHF710" s="613"/>
      <c r="QHG710" s="613"/>
      <c r="QHH710" s="613"/>
      <c r="QHI710" s="613"/>
      <c r="QHJ710" s="613"/>
      <c r="QHK710" s="613"/>
      <c r="QHL710" s="613"/>
      <c r="QHM710" s="613"/>
      <c r="QHN710" s="613"/>
      <c r="QHO710" s="613"/>
      <c r="QHP710" s="613"/>
      <c r="QHQ710" s="613"/>
      <c r="QHR710" s="613"/>
      <c r="QHS710" s="613"/>
      <c r="QHT710" s="613"/>
      <c r="QHU710" s="613"/>
      <c r="QHV710" s="613"/>
      <c r="QHW710" s="613"/>
      <c r="QHX710" s="613"/>
      <c r="QHY710" s="613"/>
      <c r="QHZ710" s="613"/>
      <c r="QIA710" s="613"/>
      <c r="QIB710" s="613"/>
      <c r="QIC710" s="613"/>
      <c r="QID710" s="613"/>
      <c r="QIE710" s="613"/>
      <c r="QIF710" s="613"/>
      <c r="QIG710" s="613"/>
      <c r="QIH710" s="613"/>
      <c r="QII710" s="613"/>
      <c r="QIJ710" s="613"/>
      <c r="QIK710" s="613"/>
      <c r="QIL710" s="613"/>
      <c r="QIM710" s="613"/>
      <c r="QIN710" s="613"/>
      <c r="QIO710" s="613"/>
      <c r="QIP710" s="613"/>
      <c r="QIQ710" s="613"/>
      <c r="QIR710" s="613"/>
      <c r="QIS710" s="613"/>
      <c r="QIT710" s="613"/>
      <c r="QIU710" s="613"/>
      <c r="QIV710" s="613"/>
      <c r="QIW710" s="613"/>
      <c r="QIX710" s="613"/>
      <c r="QIY710" s="613"/>
      <c r="QIZ710" s="613"/>
      <c r="QJA710" s="613"/>
      <c r="QJB710" s="613"/>
      <c r="QJC710" s="613"/>
      <c r="QJD710" s="613"/>
      <c r="QJE710" s="613"/>
      <c r="QJF710" s="613"/>
      <c r="QJG710" s="613"/>
      <c r="QJH710" s="613"/>
      <c r="QJI710" s="613"/>
      <c r="QJJ710" s="613"/>
      <c r="QJK710" s="613"/>
      <c r="QJL710" s="613"/>
      <c r="QJM710" s="613"/>
      <c r="QJN710" s="613"/>
      <c r="QJO710" s="613"/>
      <c r="QJP710" s="613"/>
      <c r="QJQ710" s="613"/>
      <c r="QJR710" s="613"/>
      <c r="QJS710" s="613"/>
      <c r="QJT710" s="613"/>
      <c r="QJU710" s="613"/>
      <c r="QJV710" s="613"/>
      <c r="QJW710" s="613"/>
      <c r="QJX710" s="613"/>
      <c r="QJY710" s="613"/>
      <c r="QJZ710" s="613"/>
      <c r="QKA710" s="613"/>
      <c r="QKB710" s="613"/>
      <c r="QKC710" s="613"/>
      <c r="QKD710" s="613"/>
      <c r="QKE710" s="613"/>
      <c r="QKF710" s="613"/>
      <c r="QKG710" s="613"/>
      <c r="QKH710" s="613"/>
      <c r="QKI710" s="613"/>
      <c r="QKJ710" s="613"/>
      <c r="QKK710" s="613"/>
      <c r="QKL710" s="613"/>
      <c r="QKM710" s="613"/>
      <c r="QKN710" s="613"/>
      <c r="QKO710" s="613"/>
      <c r="QKP710" s="613"/>
      <c r="QKQ710" s="613"/>
      <c r="QKR710" s="613"/>
      <c r="QKS710" s="613"/>
      <c r="QKT710" s="613"/>
      <c r="QKU710" s="613"/>
      <c r="QKV710" s="613"/>
      <c r="QKW710" s="613"/>
      <c r="QKX710" s="613"/>
      <c r="QKY710" s="613"/>
      <c r="QKZ710" s="613"/>
      <c r="QLA710" s="613"/>
      <c r="QLB710" s="613"/>
      <c r="QLC710" s="613"/>
      <c r="QLD710" s="613"/>
      <c r="QLE710" s="613"/>
      <c r="QLF710" s="613"/>
      <c r="QLG710" s="613"/>
      <c r="QLH710" s="613"/>
      <c r="QLI710" s="613"/>
      <c r="QLJ710" s="613"/>
      <c r="QLK710" s="613"/>
      <c r="QLL710" s="613"/>
      <c r="QLM710" s="613"/>
      <c r="QLN710" s="613"/>
      <c r="QLO710" s="613"/>
      <c r="QLP710" s="613"/>
      <c r="QLQ710" s="613"/>
      <c r="QLR710" s="613"/>
      <c r="QLS710" s="613"/>
      <c r="QLT710" s="613"/>
      <c r="QLU710" s="613"/>
      <c r="QLV710" s="613"/>
      <c r="QLW710" s="613"/>
      <c r="QLX710" s="613"/>
      <c r="QLY710" s="613"/>
      <c r="QLZ710" s="613"/>
      <c r="QMA710" s="613"/>
      <c r="QMB710" s="613"/>
      <c r="QMC710" s="613"/>
      <c r="QMD710" s="613"/>
      <c r="QME710" s="613"/>
      <c r="QMF710" s="613"/>
      <c r="QMG710" s="613"/>
      <c r="QMH710" s="613"/>
      <c r="QMI710" s="613"/>
      <c r="QMJ710" s="613"/>
      <c r="QMK710" s="613"/>
      <c r="QML710" s="613"/>
      <c r="QMM710" s="613"/>
      <c r="QMN710" s="613"/>
      <c r="QMO710" s="613"/>
      <c r="QMP710" s="613"/>
      <c r="QMQ710" s="613"/>
      <c r="QMR710" s="613"/>
      <c r="QMS710" s="613"/>
      <c r="QMT710" s="613"/>
      <c r="QMU710" s="613"/>
      <c r="QMV710" s="613"/>
      <c r="QMW710" s="613"/>
      <c r="QMX710" s="613"/>
      <c r="QMY710" s="613"/>
      <c r="QMZ710" s="613"/>
      <c r="QNA710" s="613"/>
      <c r="QNB710" s="613"/>
      <c r="QNC710" s="613"/>
      <c r="QND710" s="613"/>
      <c r="QNE710" s="613"/>
      <c r="QNF710" s="613"/>
      <c r="QNG710" s="613"/>
      <c r="QNH710" s="613"/>
      <c r="QNI710" s="613"/>
      <c r="QNJ710" s="613"/>
      <c r="QNK710" s="613"/>
      <c r="QNL710" s="613"/>
      <c r="QNM710" s="613"/>
      <c r="QNN710" s="613"/>
      <c r="QNO710" s="613"/>
      <c r="QNP710" s="613"/>
      <c r="QNQ710" s="613"/>
      <c r="QNR710" s="613"/>
      <c r="QNS710" s="613"/>
      <c r="QNT710" s="613"/>
      <c r="QNU710" s="613"/>
      <c r="QNV710" s="613"/>
      <c r="QNW710" s="613"/>
      <c r="QNX710" s="613"/>
      <c r="QNY710" s="613"/>
      <c r="QNZ710" s="613"/>
      <c r="QOA710" s="613"/>
      <c r="QOB710" s="613"/>
      <c r="QOC710" s="613"/>
      <c r="QOD710" s="613"/>
      <c r="QOE710" s="613"/>
      <c r="QOF710" s="613"/>
      <c r="QOG710" s="613"/>
      <c r="QOH710" s="613"/>
      <c r="QOI710" s="613"/>
      <c r="QOJ710" s="613"/>
      <c r="QOK710" s="613"/>
      <c r="QOL710" s="613"/>
      <c r="QOM710" s="613"/>
      <c r="QON710" s="613"/>
      <c r="QOO710" s="613"/>
      <c r="QOP710" s="613"/>
      <c r="QOQ710" s="613"/>
      <c r="QOR710" s="613"/>
      <c r="QOS710" s="613"/>
      <c r="QOT710" s="613"/>
      <c r="QOU710" s="613"/>
      <c r="QOV710" s="613"/>
      <c r="QOW710" s="613"/>
      <c r="QOX710" s="613"/>
      <c r="QOY710" s="613"/>
      <c r="QOZ710" s="613"/>
      <c r="QPA710" s="613"/>
      <c r="QPB710" s="613"/>
      <c r="QPC710" s="613"/>
      <c r="QPD710" s="613"/>
      <c r="QPE710" s="613"/>
      <c r="QPF710" s="613"/>
      <c r="QPG710" s="613"/>
      <c r="QPH710" s="613"/>
      <c r="QPI710" s="613"/>
      <c r="QPJ710" s="613"/>
      <c r="QPK710" s="613"/>
      <c r="QPL710" s="613"/>
      <c r="QPM710" s="613"/>
      <c r="QPN710" s="613"/>
      <c r="QPO710" s="613"/>
      <c r="QPP710" s="613"/>
      <c r="QPQ710" s="613"/>
      <c r="QPR710" s="613"/>
      <c r="QPS710" s="613"/>
      <c r="QPT710" s="613"/>
      <c r="QPU710" s="613"/>
      <c r="QPV710" s="613"/>
      <c r="QPW710" s="613"/>
      <c r="QPX710" s="613"/>
      <c r="QPY710" s="613"/>
      <c r="QPZ710" s="613"/>
      <c r="QQA710" s="613"/>
      <c r="QQB710" s="613"/>
      <c r="QQC710" s="613"/>
      <c r="QQD710" s="613"/>
      <c r="QQE710" s="613"/>
      <c r="QQF710" s="613"/>
      <c r="QQG710" s="613"/>
      <c r="QQH710" s="613"/>
      <c r="QQI710" s="613"/>
      <c r="QQJ710" s="613"/>
      <c r="QQK710" s="613"/>
      <c r="QQL710" s="613"/>
      <c r="QQM710" s="613"/>
      <c r="QQN710" s="613"/>
      <c r="QQO710" s="613"/>
      <c r="QQP710" s="613"/>
      <c r="QQQ710" s="613"/>
      <c r="QQR710" s="613"/>
      <c r="QQS710" s="613"/>
      <c r="QQT710" s="613"/>
      <c r="QQU710" s="613"/>
      <c r="QQV710" s="613"/>
      <c r="QQW710" s="613"/>
      <c r="QQX710" s="613"/>
      <c r="QQY710" s="613"/>
      <c r="QQZ710" s="613"/>
      <c r="QRA710" s="613"/>
      <c r="QRB710" s="613"/>
      <c r="QRC710" s="613"/>
      <c r="QRD710" s="613"/>
      <c r="QRE710" s="613"/>
      <c r="QRF710" s="613"/>
      <c r="QRG710" s="613"/>
      <c r="QRH710" s="613"/>
      <c r="QRI710" s="613"/>
      <c r="QRJ710" s="613"/>
      <c r="QRK710" s="613"/>
      <c r="QRL710" s="613"/>
      <c r="QRM710" s="613"/>
      <c r="QRN710" s="613"/>
      <c r="QRO710" s="613"/>
      <c r="QRP710" s="613"/>
      <c r="QRQ710" s="613"/>
      <c r="QRR710" s="613"/>
      <c r="QRS710" s="613"/>
      <c r="QRT710" s="613"/>
      <c r="QRU710" s="613"/>
      <c r="QRV710" s="613"/>
      <c r="QRW710" s="613"/>
      <c r="QRX710" s="613"/>
      <c r="QRY710" s="613"/>
      <c r="QRZ710" s="613"/>
      <c r="QSA710" s="613"/>
      <c r="QSB710" s="613"/>
      <c r="QSC710" s="613"/>
      <c r="QSD710" s="613"/>
      <c r="QSE710" s="613"/>
      <c r="QSF710" s="613"/>
      <c r="QSG710" s="613"/>
      <c r="QSH710" s="613"/>
      <c r="QSI710" s="613"/>
      <c r="QSJ710" s="613"/>
      <c r="QSK710" s="613"/>
      <c r="QSL710" s="613"/>
      <c r="QSM710" s="613"/>
      <c r="QSN710" s="613"/>
      <c r="QSO710" s="613"/>
      <c r="QSP710" s="613"/>
      <c r="QSQ710" s="613"/>
      <c r="QSR710" s="613"/>
      <c r="QSS710" s="613"/>
      <c r="QST710" s="613"/>
      <c r="QSU710" s="613"/>
      <c r="QSV710" s="613"/>
      <c r="QSW710" s="613"/>
      <c r="QSX710" s="613"/>
      <c r="QSY710" s="613"/>
      <c r="QSZ710" s="613"/>
      <c r="QTA710" s="613"/>
      <c r="QTB710" s="613"/>
      <c r="QTC710" s="613"/>
      <c r="QTD710" s="613"/>
      <c r="QTE710" s="613"/>
      <c r="QTF710" s="613"/>
      <c r="QTG710" s="613"/>
      <c r="QTH710" s="613"/>
      <c r="QTI710" s="613"/>
      <c r="QTJ710" s="613"/>
      <c r="QTK710" s="613"/>
      <c r="QTL710" s="613"/>
      <c r="QTM710" s="613"/>
      <c r="QTN710" s="613"/>
      <c r="QTO710" s="613"/>
      <c r="QTP710" s="613"/>
      <c r="QTQ710" s="613"/>
      <c r="QTR710" s="613"/>
      <c r="QTS710" s="613"/>
      <c r="QTT710" s="613"/>
      <c r="QTU710" s="613"/>
      <c r="QTV710" s="613"/>
      <c r="QTW710" s="613"/>
      <c r="QTX710" s="613"/>
      <c r="QTY710" s="613"/>
      <c r="QTZ710" s="613"/>
      <c r="QUA710" s="613"/>
      <c r="QUB710" s="613"/>
      <c r="QUC710" s="613"/>
      <c r="QUD710" s="613"/>
      <c r="QUE710" s="613"/>
      <c r="QUF710" s="613"/>
      <c r="QUG710" s="613"/>
      <c r="QUH710" s="613"/>
      <c r="QUI710" s="613"/>
      <c r="QUJ710" s="613"/>
      <c r="QUK710" s="613"/>
      <c r="QUL710" s="613"/>
      <c r="QUM710" s="613"/>
      <c r="QUN710" s="613"/>
      <c r="QUO710" s="613"/>
      <c r="QUP710" s="613"/>
      <c r="QUQ710" s="613"/>
      <c r="QUR710" s="613"/>
      <c r="QUS710" s="613"/>
      <c r="QUT710" s="613"/>
      <c r="QUU710" s="613"/>
      <c r="QUV710" s="613"/>
      <c r="QUW710" s="613"/>
      <c r="QUX710" s="613"/>
      <c r="QUY710" s="613"/>
      <c r="QUZ710" s="613"/>
      <c r="QVA710" s="613"/>
      <c r="QVB710" s="613"/>
      <c r="QVC710" s="613"/>
      <c r="QVD710" s="613"/>
      <c r="QVE710" s="613"/>
      <c r="QVF710" s="613"/>
      <c r="QVG710" s="613"/>
      <c r="QVH710" s="613"/>
      <c r="QVI710" s="613"/>
      <c r="QVJ710" s="613"/>
      <c r="QVK710" s="613"/>
      <c r="QVL710" s="613"/>
      <c r="QVM710" s="613"/>
      <c r="QVN710" s="613"/>
      <c r="QVO710" s="613"/>
      <c r="QVP710" s="613"/>
      <c r="QVQ710" s="613"/>
      <c r="QVR710" s="613"/>
      <c r="QVS710" s="613"/>
      <c r="QVT710" s="613"/>
      <c r="QVU710" s="613"/>
      <c r="QVV710" s="613"/>
      <c r="QVW710" s="613"/>
      <c r="QVX710" s="613"/>
      <c r="QVY710" s="613"/>
      <c r="QVZ710" s="613"/>
      <c r="QWA710" s="613"/>
      <c r="QWB710" s="613"/>
      <c r="QWC710" s="613"/>
      <c r="QWD710" s="613"/>
      <c r="QWE710" s="613"/>
      <c r="QWF710" s="613"/>
      <c r="QWG710" s="613"/>
      <c r="QWH710" s="613"/>
      <c r="QWI710" s="613"/>
      <c r="QWJ710" s="613"/>
      <c r="QWK710" s="613"/>
      <c r="QWL710" s="613"/>
      <c r="QWM710" s="613"/>
      <c r="QWN710" s="613"/>
      <c r="QWO710" s="613"/>
      <c r="QWP710" s="613"/>
      <c r="QWQ710" s="613"/>
      <c r="QWR710" s="613"/>
      <c r="QWS710" s="613"/>
      <c r="QWT710" s="613"/>
      <c r="QWU710" s="613"/>
      <c r="QWV710" s="613"/>
      <c r="QWW710" s="613"/>
      <c r="QWX710" s="613"/>
      <c r="QWY710" s="613"/>
      <c r="QWZ710" s="613"/>
      <c r="QXA710" s="613"/>
      <c r="QXB710" s="613"/>
      <c r="QXC710" s="613"/>
      <c r="QXD710" s="613"/>
      <c r="QXE710" s="613"/>
      <c r="QXF710" s="613"/>
      <c r="QXG710" s="613"/>
      <c r="QXH710" s="613"/>
      <c r="QXI710" s="613"/>
      <c r="QXJ710" s="613"/>
      <c r="QXK710" s="613"/>
      <c r="QXL710" s="613"/>
      <c r="QXM710" s="613"/>
      <c r="QXN710" s="613"/>
      <c r="QXO710" s="613"/>
      <c r="QXP710" s="613"/>
      <c r="QXQ710" s="613"/>
      <c r="QXR710" s="613"/>
      <c r="QXS710" s="613"/>
      <c r="QXT710" s="613"/>
      <c r="QXU710" s="613"/>
      <c r="QXV710" s="613"/>
      <c r="QXW710" s="613"/>
      <c r="QXX710" s="613"/>
      <c r="QXY710" s="613"/>
      <c r="QXZ710" s="613"/>
      <c r="QYA710" s="613"/>
      <c r="QYB710" s="613"/>
      <c r="QYC710" s="613"/>
      <c r="QYD710" s="613"/>
      <c r="QYE710" s="613"/>
      <c r="QYF710" s="613"/>
      <c r="QYG710" s="613"/>
      <c r="QYH710" s="613"/>
      <c r="QYI710" s="613"/>
      <c r="QYJ710" s="613"/>
      <c r="QYK710" s="613"/>
      <c r="QYL710" s="613"/>
      <c r="QYM710" s="613"/>
      <c r="QYN710" s="613"/>
      <c r="QYO710" s="613"/>
      <c r="QYP710" s="613"/>
      <c r="QYQ710" s="613"/>
      <c r="QYR710" s="613"/>
      <c r="QYS710" s="613"/>
      <c r="QYT710" s="613"/>
      <c r="QYU710" s="613"/>
      <c r="QYV710" s="613"/>
      <c r="QYW710" s="613"/>
      <c r="QYX710" s="613"/>
      <c r="QYY710" s="613"/>
      <c r="QYZ710" s="613"/>
      <c r="QZA710" s="613"/>
      <c r="QZB710" s="613"/>
      <c r="QZC710" s="613"/>
      <c r="QZD710" s="613"/>
      <c r="QZE710" s="613"/>
      <c r="QZF710" s="613"/>
      <c r="QZG710" s="613"/>
      <c r="QZH710" s="613"/>
      <c r="QZI710" s="613"/>
      <c r="QZJ710" s="613"/>
      <c r="QZK710" s="613"/>
      <c r="QZL710" s="613"/>
      <c r="QZM710" s="613"/>
      <c r="QZN710" s="613"/>
      <c r="QZO710" s="613"/>
      <c r="QZP710" s="613"/>
      <c r="QZQ710" s="613"/>
      <c r="QZR710" s="613"/>
      <c r="QZS710" s="613"/>
      <c r="QZT710" s="613"/>
      <c r="QZU710" s="613"/>
      <c r="QZV710" s="613"/>
      <c r="QZW710" s="613"/>
      <c r="QZX710" s="613"/>
      <c r="QZY710" s="613"/>
      <c r="QZZ710" s="613"/>
      <c r="RAA710" s="613"/>
      <c r="RAB710" s="613"/>
      <c r="RAC710" s="613"/>
      <c r="RAD710" s="613"/>
      <c r="RAE710" s="613"/>
      <c r="RAF710" s="613"/>
      <c r="RAG710" s="613"/>
      <c r="RAH710" s="613"/>
      <c r="RAI710" s="613"/>
      <c r="RAJ710" s="613"/>
      <c r="RAK710" s="613"/>
      <c r="RAL710" s="613"/>
      <c r="RAM710" s="613"/>
      <c r="RAN710" s="613"/>
      <c r="RAO710" s="613"/>
      <c r="RAP710" s="613"/>
      <c r="RAQ710" s="613"/>
      <c r="RAR710" s="613"/>
      <c r="RAS710" s="613"/>
      <c r="RAT710" s="613"/>
      <c r="RAU710" s="613"/>
      <c r="RAV710" s="613"/>
      <c r="RAW710" s="613"/>
      <c r="RAX710" s="613"/>
      <c r="RAY710" s="613"/>
      <c r="RAZ710" s="613"/>
      <c r="RBA710" s="613"/>
      <c r="RBB710" s="613"/>
      <c r="RBC710" s="613"/>
      <c r="RBD710" s="613"/>
      <c r="RBE710" s="613"/>
      <c r="RBF710" s="613"/>
      <c r="RBG710" s="613"/>
      <c r="RBH710" s="613"/>
      <c r="RBI710" s="613"/>
      <c r="RBJ710" s="613"/>
      <c r="RBK710" s="613"/>
      <c r="RBL710" s="613"/>
      <c r="RBM710" s="613"/>
      <c r="RBN710" s="613"/>
      <c r="RBO710" s="613"/>
      <c r="RBP710" s="613"/>
      <c r="RBQ710" s="613"/>
      <c r="RBR710" s="613"/>
      <c r="RBS710" s="613"/>
      <c r="RBT710" s="613"/>
      <c r="RBU710" s="613"/>
      <c r="RBV710" s="613"/>
      <c r="RBW710" s="613"/>
      <c r="RBX710" s="613"/>
      <c r="RBY710" s="613"/>
      <c r="RBZ710" s="613"/>
      <c r="RCA710" s="613"/>
      <c r="RCB710" s="613"/>
      <c r="RCC710" s="613"/>
      <c r="RCD710" s="613"/>
      <c r="RCE710" s="613"/>
      <c r="RCF710" s="613"/>
      <c r="RCG710" s="613"/>
      <c r="RCH710" s="613"/>
      <c r="RCI710" s="613"/>
      <c r="RCJ710" s="613"/>
      <c r="RCK710" s="613"/>
      <c r="RCL710" s="613"/>
      <c r="RCM710" s="613"/>
      <c r="RCN710" s="613"/>
      <c r="RCO710" s="613"/>
      <c r="RCP710" s="613"/>
      <c r="RCQ710" s="613"/>
      <c r="RCR710" s="613"/>
      <c r="RCS710" s="613"/>
      <c r="RCT710" s="613"/>
      <c r="RCU710" s="613"/>
      <c r="RCV710" s="613"/>
      <c r="RCW710" s="613"/>
      <c r="RCX710" s="613"/>
      <c r="RCY710" s="613"/>
      <c r="RCZ710" s="613"/>
      <c r="RDA710" s="613"/>
      <c r="RDB710" s="613"/>
      <c r="RDC710" s="613"/>
      <c r="RDD710" s="613"/>
      <c r="RDE710" s="613"/>
      <c r="RDF710" s="613"/>
      <c r="RDG710" s="613"/>
      <c r="RDH710" s="613"/>
      <c r="RDI710" s="613"/>
      <c r="RDJ710" s="613"/>
      <c r="RDK710" s="613"/>
      <c r="RDL710" s="613"/>
      <c r="RDM710" s="613"/>
      <c r="RDN710" s="613"/>
      <c r="RDO710" s="613"/>
      <c r="RDP710" s="613"/>
      <c r="RDQ710" s="613"/>
      <c r="RDR710" s="613"/>
      <c r="RDS710" s="613"/>
      <c r="RDT710" s="613"/>
      <c r="RDU710" s="613"/>
      <c r="RDV710" s="613"/>
      <c r="RDW710" s="613"/>
      <c r="RDX710" s="613"/>
      <c r="RDY710" s="613"/>
      <c r="RDZ710" s="613"/>
      <c r="REA710" s="613"/>
      <c r="REB710" s="613"/>
      <c r="REC710" s="613"/>
      <c r="RED710" s="613"/>
      <c r="REE710" s="613"/>
      <c r="REF710" s="613"/>
      <c r="REG710" s="613"/>
      <c r="REH710" s="613"/>
      <c r="REI710" s="613"/>
      <c r="REJ710" s="613"/>
      <c r="REK710" s="613"/>
      <c r="REL710" s="613"/>
      <c r="REM710" s="613"/>
      <c r="REN710" s="613"/>
      <c r="REO710" s="613"/>
      <c r="REP710" s="613"/>
      <c r="REQ710" s="613"/>
      <c r="RER710" s="613"/>
      <c r="RES710" s="613"/>
      <c r="RET710" s="613"/>
      <c r="REU710" s="613"/>
      <c r="REV710" s="613"/>
      <c r="REW710" s="613"/>
      <c r="REX710" s="613"/>
      <c r="REY710" s="613"/>
      <c r="REZ710" s="613"/>
      <c r="RFA710" s="613"/>
      <c r="RFB710" s="613"/>
      <c r="RFC710" s="613"/>
      <c r="RFD710" s="613"/>
      <c r="RFE710" s="613"/>
      <c r="RFF710" s="613"/>
      <c r="RFG710" s="613"/>
      <c r="RFH710" s="613"/>
      <c r="RFI710" s="613"/>
      <c r="RFJ710" s="613"/>
      <c r="RFK710" s="613"/>
      <c r="RFL710" s="613"/>
      <c r="RFM710" s="613"/>
      <c r="RFN710" s="613"/>
      <c r="RFO710" s="613"/>
      <c r="RFP710" s="613"/>
      <c r="RFQ710" s="613"/>
      <c r="RFR710" s="613"/>
      <c r="RFS710" s="613"/>
      <c r="RFT710" s="613"/>
      <c r="RFU710" s="613"/>
      <c r="RFV710" s="613"/>
      <c r="RFW710" s="613"/>
      <c r="RFX710" s="613"/>
      <c r="RFY710" s="613"/>
      <c r="RFZ710" s="613"/>
      <c r="RGA710" s="613"/>
      <c r="RGB710" s="613"/>
      <c r="RGC710" s="613"/>
      <c r="RGD710" s="613"/>
      <c r="RGE710" s="613"/>
      <c r="RGF710" s="613"/>
      <c r="RGG710" s="613"/>
      <c r="RGH710" s="613"/>
      <c r="RGI710" s="613"/>
      <c r="RGJ710" s="613"/>
      <c r="RGK710" s="613"/>
      <c r="RGL710" s="613"/>
      <c r="RGM710" s="613"/>
      <c r="RGN710" s="613"/>
      <c r="RGO710" s="613"/>
      <c r="RGP710" s="613"/>
      <c r="RGQ710" s="613"/>
      <c r="RGR710" s="613"/>
      <c r="RGS710" s="613"/>
      <c r="RGT710" s="613"/>
      <c r="RGU710" s="613"/>
      <c r="RGV710" s="613"/>
      <c r="RGW710" s="613"/>
      <c r="RGX710" s="613"/>
      <c r="RGY710" s="613"/>
      <c r="RGZ710" s="613"/>
      <c r="RHA710" s="613"/>
      <c r="RHB710" s="613"/>
      <c r="RHC710" s="613"/>
      <c r="RHD710" s="613"/>
      <c r="RHE710" s="613"/>
      <c r="RHF710" s="613"/>
      <c r="RHG710" s="613"/>
      <c r="RHH710" s="613"/>
      <c r="RHI710" s="613"/>
      <c r="RHJ710" s="613"/>
      <c r="RHK710" s="613"/>
      <c r="RHL710" s="613"/>
      <c r="RHM710" s="613"/>
      <c r="RHN710" s="613"/>
      <c r="RHO710" s="613"/>
      <c r="RHP710" s="613"/>
      <c r="RHQ710" s="613"/>
      <c r="RHR710" s="613"/>
      <c r="RHS710" s="613"/>
      <c r="RHT710" s="613"/>
      <c r="RHU710" s="613"/>
      <c r="RHV710" s="613"/>
      <c r="RHW710" s="613"/>
      <c r="RHX710" s="613"/>
      <c r="RHY710" s="613"/>
      <c r="RHZ710" s="613"/>
      <c r="RIA710" s="613"/>
      <c r="RIB710" s="613"/>
      <c r="RIC710" s="613"/>
      <c r="RID710" s="613"/>
      <c r="RIE710" s="613"/>
      <c r="RIF710" s="613"/>
      <c r="RIG710" s="613"/>
      <c r="RIH710" s="613"/>
      <c r="RII710" s="613"/>
      <c r="RIJ710" s="613"/>
      <c r="RIK710" s="613"/>
      <c r="RIL710" s="613"/>
      <c r="RIM710" s="613"/>
      <c r="RIN710" s="613"/>
      <c r="RIO710" s="613"/>
      <c r="RIP710" s="613"/>
      <c r="RIQ710" s="613"/>
      <c r="RIR710" s="613"/>
      <c r="RIS710" s="613"/>
      <c r="RIT710" s="613"/>
      <c r="RIU710" s="613"/>
      <c r="RIV710" s="613"/>
      <c r="RIW710" s="613"/>
      <c r="RIX710" s="613"/>
      <c r="RIY710" s="613"/>
      <c r="RIZ710" s="613"/>
      <c r="RJA710" s="613"/>
      <c r="RJB710" s="613"/>
      <c r="RJC710" s="613"/>
      <c r="RJD710" s="613"/>
      <c r="RJE710" s="613"/>
      <c r="RJF710" s="613"/>
      <c r="RJG710" s="613"/>
      <c r="RJH710" s="613"/>
      <c r="RJI710" s="613"/>
      <c r="RJJ710" s="613"/>
      <c r="RJK710" s="613"/>
      <c r="RJL710" s="613"/>
      <c r="RJM710" s="613"/>
      <c r="RJN710" s="613"/>
      <c r="RJO710" s="613"/>
      <c r="RJP710" s="613"/>
      <c r="RJQ710" s="613"/>
      <c r="RJR710" s="613"/>
      <c r="RJS710" s="613"/>
      <c r="RJT710" s="613"/>
      <c r="RJU710" s="613"/>
      <c r="RJV710" s="613"/>
      <c r="RJW710" s="613"/>
      <c r="RJX710" s="613"/>
      <c r="RJY710" s="613"/>
      <c r="RJZ710" s="613"/>
      <c r="RKA710" s="613"/>
      <c r="RKB710" s="613"/>
      <c r="RKC710" s="613"/>
      <c r="RKD710" s="613"/>
      <c r="RKE710" s="613"/>
      <c r="RKF710" s="613"/>
      <c r="RKG710" s="613"/>
      <c r="RKH710" s="613"/>
      <c r="RKI710" s="613"/>
      <c r="RKJ710" s="613"/>
      <c r="RKK710" s="613"/>
      <c r="RKL710" s="613"/>
      <c r="RKM710" s="613"/>
      <c r="RKN710" s="613"/>
      <c r="RKO710" s="613"/>
      <c r="RKP710" s="613"/>
      <c r="RKQ710" s="613"/>
      <c r="RKR710" s="613"/>
      <c r="RKS710" s="613"/>
      <c r="RKT710" s="613"/>
      <c r="RKU710" s="613"/>
      <c r="RKV710" s="613"/>
      <c r="RKW710" s="613"/>
      <c r="RKX710" s="613"/>
      <c r="RKY710" s="613"/>
      <c r="RKZ710" s="613"/>
      <c r="RLA710" s="613"/>
      <c r="RLB710" s="613"/>
      <c r="RLC710" s="613"/>
      <c r="RLD710" s="613"/>
      <c r="RLE710" s="613"/>
      <c r="RLF710" s="613"/>
      <c r="RLG710" s="613"/>
      <c r="RLH710" s="613"/>
      <c r="RLI710" s="613"/>
      <c r="RLJ710" s="613"/>
      <c r="RLK710" s="613"/>
      <c r="RLL710" s="613"/>
      <c r="RLM710" s="613"/>
      <c r="RLN710" s="613"/>
      <c r="RLO710" s="613"/>
      <c r="RLP710" s="613"/>
      <c r="RLQ710" s="613"/>
      <c r="RLR710" s="613"/>
      <c r="RLS710" s="613"/>
      <c r="RLT710" s="613"/>
      <c r="RLU710" s="613"/>
      <c r="RLV710" s="613"/>
      <c r="RLW710" s="613"/>
      <c r="RLX710" s="613"/>
      <c r="RLY710" s="613"/>
      <c r="RLZ710" s="613"/>
      <c r="RMA710" s="613"/>
      <c r="RMB710" s="613"/>
      <c r="RMC710" s="613"/>
      <c r="RMD710" s="613"/>
      <c r="RME710" s="613"/>
      <c r="RMF710" s="613"/>
      <c r="RMG710" s="613"/>
      <c r="RMH710" s="613"/>
      <c r="RMI710" s="613"/>
      <c r="RMJ710" s="613"/>
      <c r="RMK710" s="613"/>
      <c r="RML710" s="613"/>
      <c r="RMM710" s="613"/>
      <c r="RMN710" s="613"/>
      <c r="RMO710" s="613"/>
      <c r="RMP710" s="613"/>
      <c r="RMQ710" s="613"/>
      <c r="RMR710" s="613"/>
      <c r="RMS710" s="613"/>
      <c r="RMT710" s="613"/>
      <c r="RMU710" s="613"/>
      <c r="RMV710" s="613"/>
      <c r="RMW710" s="613"/>
      <c r="RMX710" s="613"/>
      <c r="RMY710" s="613"/>
      <c r="RMZ710" s="613"/>
      <c r="RNA710" s="613"/>
      <c r="RNB710" s="613"/>
      <c r="RNC710" s="613"/>
      <c r="RND710" s="613"/>
      <c r="RNE710" s="613"/>
      <c r="RNF710" s="613"/>
      <c r="RNG710" s="613"/>
      <c r="RNH710" s="613"/>
      <c r="RNI710" s="613"/>
      <c r="RNJ710" s="613"/>
      <c r="RNK710" s="613"/>
      <c r="RNL710" s="613"/>
      <c r="RNM710" s="613"/>
      <c r="RNN710" s="613"/>
      <c r="RNO710" s="613"/>
      <c r="RNP710" s="613"/>
      <c r="RNQ710" s="613"/>
      <c r="RNR710" s="613"/>
      <c r="RNS710" s="613"/>
      <c r="RNT710" s="613"/>
      <c r="RNU710" s="613"/>
      <c r="RNV710" s="613"/>
      <c r="RNW710" s="613"/>
      <c r="RNX710" s="613"/>
      <c r="RNY710" s="613"/>
      <c r="RNZ710" s="613"/>
      <c r="ROA710" s="613"/>
      <c r="ROB710" s="613"/>
      <c r="ROC710" s="613"/>
      <c r="ROD710" s="613"/>
      <c r="ROE710" s="613"/>
      <c r="ROF710" s="613"/>
      <c r="ROG710" s="613"/>
      <c r="ROH710" s="613"/>
      <c r="ROI710" s="613"/>
      <c r="ROJ710" s="613"/>
      <c r="ROK710" s="613"/>
      <c r="ROL710" s="613"/>
      <c r="ROM710" s="613"/>
      <c r="RON710" s="613"/>
      <c r="ROO710" s="613"/>
      <c r="ROP710" s="613"/>
      <c r="ROQ710" s="613"/>
      <c r="ROR710" s="613"/>
      <c r="ROS710" s="613"/>
      <c r="ROT710" s="613"/>
      <c r="ROU710" s="613"/>
      <c r="ROV710" s="613"/>
      <c r="ROW710" s="613"/>
      <c r="ROX710" s="613"/>
      <c r="ROY710" s="613"/>
      <c r="ROZ710" s="613"/>
      <c r="RPA710" s="613"/>
      <c r="RPB710" s="613"/>
      <c r="RPC710" s="613"/>
      <c r="RPD710" s="613"/>
      <c r="RPE710" s="613"/>
      <c r="RPF710" s="613"/>
      <c r="RPG710" s="613"/>
      <c r="RPH710" s="613"/>
      <c r="RPI710" s="613"/>
      <c r="RPJ710" s="613"/>
      <c r="RPK710" s="613"/>
      <c r="RPL710" s="613"/>
      <c r="RPM710" s="613"/>
      <c r="RPN710" s="613"/>
      <c r="RPO710" s="613"/>
      <c r="RPP710" s="613"/>
      <c r="RPQ710" s="613"/>
      <c r="RPR710" s="613"/>
      <c r="RPS710" s="613"/>
      <c r="RPT710" s="613"/>
      <c r="RPU710" s="613"/>
      <c r="RPV710" s="613"/>
      <c r="RPW710" s="613"/>
      <c r="RPX710" s="613"/>
      <c r="RPY710" s="613"/>
      <c r="RPZ710" s="613"/>
      <c r="RQA710" s="613"/>
      <c r="RQB710" s="613"/>
      <c r="RQC710" s="613"/>
      <c r="RQD710" s="613"/>
      <c r="RQE710" s="613"/>
      <c r="RQF710" s="613"/>
      <c r="RQG710" s="613"/>
      <c r="RQH710" s="613"/>
      <c r="RQI710" s="613"/>
      <c r="RQJ710" s="613"/>
      <c r="RQK710" s="613"/>
      <c r="RQL710" s="613"/>
      <c r="RQM710" s="613"/>
      <c r="RQN710" s="613"/>
      <c r="RQO710" s="613"/>
      <c r="RQP710" s="613"/>
      <c r="RQQ710" s="613"/>
      <c r="RQR710" s="613"/>
      <c r="RQS710" s="613"/>
      <c r="RQT710" s="613"/>
      <c r="RQU710" s="613"/>
      <c r="RQV710" s="613"/>
      <c r="RQW710" s="613"/>
      <c r="RQX710" s="613"/>
      <c r="RQY710" s="613"/>
      <c r="RQZ710" s="613"/>
      <c r="RRA710" s="613"/>
      <c r="RRB710" s="613"/>
      <c r="RRC710" s="613"/>
      <c r="RRD710" s="613"/>
      <c r="RRE710" s="613"/>
      <c r="RRF710" s="613"/>
      <c r="RRG710" s="613"/>
      <c r="RRH710" s="613"/>
      <c r="RRI710" s="613"/>
      <c r="RRJ710" s="613"/>
      <c r="RRK710" s="613"/>
      <c r="RRL710" s="613"/>
      <c r="RRM710" s="613"/>
      <c r="RRN710" s="613"/>
      <c r="RRO710" s="613"/>
      <c r="RRP710" s="613"/>
      <c r="RRQ710" s="613"/>
      <c r="RRR710" s="613"/>
      <c r="RRS710" s="613"/>
      <c r="RRT710" s="613"/>
      <c r="RRU710" s="613"/>
      <c r="RRV710" s="613"/>
      <c r="RRW710" s="613"/>
      <c r="RRX710" s="613"/>
      <c r="RRY710" s="613"/>
      <c r="RRZ710" s="613"/>
      <c r="RSA710" s="613"/>
      <c r="RSB710" s="613"/>
      <c r="RSC710" s="613"/>
      <c r="RSD710" s="613"/>
      <c r="RSE710" s="613"/>
      <c r="RSF710" s="613"/>
      <c r="RSG710" s="613"/>
      <c r="RSH710" s="613"/>
      <c r="RSI710" s="613"/>
      <c r="RSJ710" s="613"/>
      <c r="RSK710" s="613"/>
      <c r="RSL710" s="613"/>
      <c r="RSM710" s="613"/>
      <c r="RSN710" s="613"/>
      <c r="RSO710" s="613"/>
      <c r="RSP710" s="613"/>
      <c r="RSQ710" s="613"/>
      <c r="RSR710" s="613"/>
      <c r="RSS710" s="613"/>
      <c r="RST710" s="613"/>
      <c r="RSU710" s="613"/>
      <c r="RSV710" s="613"/>
      <c r="RSW710" s="613"/>
      <c r="RSX710" s="613"/>
      <c r="RSY710" s="613"/>
      <c r="RSZ710" s="613"/>
      <c r="RTA710" s="613"/>
      <c r="RTB710" s="613"/>
      <c r="RTC710" s="613"/>
      <c r="RTD710" s="613"/>
      <c r="RTE710" s="613"/>
      <c r="RTF710" s="613"/>
      <c r="RTG710" s="613"/>
      <c r="RTH710" s="613"/>
      <c r="RTI710" s="613"/>
      <c r="RTJ710" s="613"/>
      <c r="RTK710" s="613"/>
      <c r="RTL710" s="613"/>
      <c r="RTM710" s="613"/>
      <c r="RTN710" s="613"/>
      <c r="RTO710" s="613"/>
      <c r="RTP710" s="613"/>
      <c r="RTQ710" s="613"/>
      <c r="RTR710" s="613"/>
      <c r="RTS710" s="613"/>
      <c r="RTT710" s="613"/>
      <c r="RTU710" s="613"/>
      <c r="RTV710" s="613"/>
      <c r="RTW710" s="613"/>
      <c r="RTX710" s="613"/>
      <c r="RTY710" s="613"/>
      <c r="RTZ710" s="613"/>
      <c r="RUA710" s="613"/>
      <c r="RUB710" s="613"/>
      <c r="RUC710" s="613"/>
      <c r="RUD710" s="613"/>
      <c r="RUE710" s="613"/>
      <c r="RUF710" s="613"/>
      <c r="RUG710" s="613"/>
      <c r="RUH710" s="613"/>
      <c r="RUI710" s="613"/>
      <c r="RUJ710" s="613"/>
      <c r="RUK710" s="613"/>
      <c r="RUL710" s="613"/>
      <c r="RUM710" s="613"/>
      <c r="RUN710" s="613"/>
      <c r="RUO710" s="613"/>
      <c r="RUP710" s="613"/>
      <c r="RUQ710" s="613"/>
      <c r="RUR710" s="613"/>
      <c r="RUS710" s="613"/>
      <c r="RUT710" s="613"/>
      <c r="RUU710" s="613"/>
      <c r="RUV710" s="613"/>
      <c r="RUW710" s="613"/>
      <c r="RUX710" s="613"/>
      <c r="RUY710" s="613"/>
      <c r="RUZ710" s="613"/>
      <c r="RVA710" s="613"/>
      <c r="RVB710" s="613"/>
      <c r="RVC710" s="613"/>
      <c r="RVD710" s="613"/>
      <c r="RVE710" s="613"/>
      <c r="RVF710" s="613"/>
      <c r="RVG710" s="613"/>
      <c r="RVH710" s="613"/>
      <c r="RVI710" s="613"/>
      <c r="RVJ710" s="613"/>
      <c r="RVK710" s="613"/>
      <c r="RVL710" s="613"/>
      <c r="RVM710" s="613"/>
      <c r="RVN710" s="613"/>
      <c r="RVO710" s="613"/>
      <c r="RVP710" s="613"/>
      <c r="RVQ710" s="613"/>
      <c r="RVR710" s="613"/>
      <c r="RVS710" s="613"/>
      <c r="RVT710" s="613"/>
      <c r="RVU710" s="613"/>
      <c r="RVV710" s="613"/>
      <c r="RVW710" s="613"/>
      <c r="RVX710" s="613"/>
      <c r="RVY710" s="613"/>
      <c r="RVZ710" s="613"/>
      <c r="RWA710" s="613"/>
      <c r="RWB710" s="613"/>
      <c r="RWC710" s="613"/>
      <c r="RWD710" s="613"/>
      <c r="RWE710" s="613"/>
      <c r="RWF710" s="613"/>
      <c r="RWG710" s="613"/>
      <c r="RWH710" s="613"/>
      <c r="RWI710" s="613"/>
      <c r="RWJ710" s="613"/>
      <c r="RWK710" s="613"/>
      <c r="RWL710" s="613"/>
      <c r="RWM710" s="613"/>
      <c r="RWN710" s="613"/>
      <c r="RWO710" s="613"/>
      <c r="RWP710" s="613"/>
      <c r="RWQ710" s="613"/>
      <c r="RWR710" s="613"/>
      <c r="RWS710" s="613"/>
      <c r="RWT710" s="613"/>
      <c r="RWU710" s="613"/>
      <c r="RWV710" s="613"/>
      <c r="RWW710" s="613"/>
      <c r="RWX710" s="613"/>
      <c r="RWY710" s="613"/>
      <c r="RWZ710" s="613"/>
      <c r="RXA710" s="613"/>
      <c r="RXB710" s="613"/>
      <c r="RXC710" s="613"/>
      <c r="RXD710" s="613"/>
      <c r="RXE710" s="613"/>
      <c r="RXF710" s="613"/>
      <c r="RXG710" s="613"/>
      <c r="RXH710" s="613"/>
      <c r="RXI710" s="613"/>
      <c r="RXJ710" s="613"/>
      <c r="RXK710" s="613"/>
      <c r="RXL710" s="613"/>
      <c r="RXM710" s="613"/>
      <c r="RXN710" s="613"/>
      <c r="RXO710" s="613"/>
      <c r="RXP710" s="613"/>
      <c r="RXQ710" s="613"/>
      <c r="RXR710" s="613"/>
      <c r="RXS710" s="613"/>
      <c r="RXT710" s="613"/>
      <c r="RXU710" s="613"/>
      <c r="RXV710" s="613"/>
      <c r="RXW710" s="613"/>
      <c r="RXX710" s="613"/>
      <c r="RXY710" s="613"/>
      <c r="RXZ710" s="613"/>
      <c r="RYA710" s="613"/>
      <c r="RYB710" s="613"/>
      <c r="RYC710" s="613"/>
      <c r="RYD710" s="613"/>
      <c r="RYE710" s="613"/>
      <c r="RYF710" s="613"/>
      <c r="RYG710" s="613"/>
      <c r="RYH710" s="613"/>
      <c r="RYI710" s="613"/>
      <c r="RYJ710" s="613"/>
      <c r="RYK710" s="613"/>
      <c r="RYL710" s="613"/>
      <c r="RYM710" s="613"/>
      <c r="RYN710" s="613"/>
      <c r="RYO710" s="613"/>
      <c r="RYP710" s="613"/>
      <c r="RYQ710" s="613"/>
      <c r="RYR710" s="613"/>
      <c r="RYS710" s="613"/>
      <c r="RYT710" s="613"/>
      <c r="RYU710" s="613"/>
      <c r="RYV710" s="613"/>
      <c r="RYW710" s="613"/>
      <c r="RYX710" s="613"/>
      <c r="RYY710" s="613"/>
      <c r="RYZ710" s="613"/>
      <c r="RZA710" s="613"/>
      <c r="RZB710" s="613"/>
      <c r="RZC710" s="613"/>
      <c r="RZD710" s="613"/>
      <c r="RZE710" s="613"/>
      <c r="RZF710" s="613"/>
      <c r="RZG710" s="613"/>
      <c r="RZH710" s="613"/>
      <c r="RZI710" s="613"/>
      <c r="RZJ710" s="613"/>
      <c r="RZK710" s="613"/>
      <c r="RZL710" s="613"/>
      <c r="RZM710" s="613"/>
      <c r="RZN710" s="613"/>
      <c r="RZO710" s="613"/>
      <c r="RZP710" s="613"/>
      <c r="RZQ710" s="613"/>
      <c r="RZR710" s="613"/>
      <c r="RZS710" s="613"/>
      <c r="RZT710" s="613"/>
      <c r="RZU710" s="613"/>
      <c r="RZV710" s="613"/>
      <c r="RZW710" s="613"/>
      <c r="RZX710" s="613"/>
      <c r="RZY710" s="613"/>
      <c r="RZZ710" s="613"/>
      <c r="SAA710" s="613"/>
      <c r="SAB710" s="613"/>
      <c r="SAC710" s="613"/>
      <c r="SAD710" s="613"/>
      <c r="SAE710" s="613"/>
      <c r="SAF710" s="613"/>
      <c r="SAG710" s="613"/>
      <c r="SAH710" s="613"/>
      <c r="SAI710" s="613"/>
      <c r="SAJ710" s="613"/>
      <c r="SAK710" s="613"/>
      <c r="SAL710" s="613"/>
      <c r="SAM710" s="613"/>
      <c r="SAN710" s="613"/>
      <c r="SAO710" s="613"/>
      <c r="SAP710" s="613"/>
      <c r="SAQ710" s="613"/>
      <c r="SAR710" s="613"/>
      <c r="SAS710" s="613"/>
      <c r="SAT710" s="613"/>
      <c r="SAU710" s="613"/>
      <c r="SAV710" s="613"/>
      <c r="SAW710" s="613"/>
      <c r="SAX710" s="613"/>
      <c r="SAY710" s="613"/>
      <c r="SAZ710" s="613"/>
      <c r="SBA710" s="613"/>
      <c r="SBB710" s="613"/>
      <c r="SBC710" s="613"/>
      <c r="SBD710" s="613"/>
      <c r="SBE710" s="613"/>
      <c r="SBF710" s="613"/>
      <c r="SBG710" s="613"/>
      <c r="SBH710" s="613"/>
      <c r="SBI710" s="613"/>
      <c r="SBJ710" s="613"/>
      <c r="SBK710" s="613"/>
      <c r="SBL710" s="613"/>
      <c r="SBM710" s="613"/>
      <c r="SBN710" s="613"/>
      <c r="SBO710" s="613"/>
      <c r="SBP710" s="613"/>
      <c r="SBQ710" s="613"/>
      <c r="SBR710" s="613"/>
      <c r="SBS710" s="613"/>
      <c r="SBT710" s="613"/>
      <c r="SBU710" s="613"/>
      <c r="SBV710" s="613"/>
      <c r="SBW710" s="613"/>
      <c r="SBX710" s="613"/>
      <c r="SBY710" s="613"/>
      <c r="SBZ710" s="613"/>
      <c r="SCA710" s="613"/>
      <c r="SCB710" s="613"/>
      <c r="SCC710" s="613"/>
      <c r="SCD710" s="613"/>
      <c r="SCE710" s="613"/>
      <c r="SCF710" s="613"/>
      <c r="SCG710" s="613"/>
      <c r="SCH710" s="613"/>
      <c r="SCI710" s="613"/>
      <c r="SCJ710" s="613"/>
      <c r="SCK710" s="613"/>
      <c r="SCL710" s="613"/>
      <c r="SCM710" s="613"/>
      <c r="SCN710" s="613"/>
      <c r="SCO710" s="613"/>
      <c r="SCP710" s="613"/>
      <c r="SCQ710" s="613"/>
      <c r="SCR710" s="613"/>
      <c r="SCS710" s="613"/>
      <c r="SCT710" s="613"/>
      <c r="SCU710" s="613"/>
      <c r="SCV710" s="613"/>
      <c r="SCW710" s="613"/>
      <c r="SCX710" s="613"/>
      <c r="SCY710" s="613"/>
      <c r="SCZ710" s="613"/>
      <c r="SDA710" s="613"/>
      <c r="SDB710" s="613"/>
      <c r="SDC710" s="613"/>
      <c r="SDD710" s="613"/>
      <c r="SDE710" s="613"/>
      <c r="SDF710" s="613"/>
      <c r="SDG710" s="613"/>
      <c r="SDH710" s="613"/>
      <c r="SDI710" s="613"/>
      <c r="SDJ710" s="613"/>
      <c r="SDK710" s="613"/>
      <c r="SDL710" s="613"/>
      <c r="SDM710" s="613"/>
      <c r="SDN710" s="613"/>
      <c r="SDO710" s="613"/>
      <c r="SDP710" s="613"/>
      <c r="SDQ710" s="613"/>
      <c r="SDR710" s="613"/>
      <c r="SDS710" s="613"/>
      <c r="SDT710" s="613"/>
      <c r="SDU710" s="613"/>
      <c r="SDV710" s="613"/>
      <c r="SDW710" s="613"/>
      <c r="SDX710" s="613"/>
      <c r="SDY710" s="613"/>
      <c r="SDZ710" s="613"/>
      <c r="SEA710" s="613"/>
      <c r="SEB710" s="613"/>
      <c r="SEC710" s="613"/>
      <c r="SED710" s="613"/>
      <c r="SEE710" s="613"/>
      <c r="SEF710" s="613"/>
      <c r="SEG710" s="613"/>
      <c r="SEH710" s="613"/>
      <c r="SEI710" s="613"/>
      <c r="SEJ710" s="613"/>
      <c r="SEK710" s="613"/>
      <c r="SEL710" s="613"/>
      <c r="SEM710" s="613"/>
      <c r="SEN710" s="613"/>
      <c r="SEO710" s="613"/>
      <c r="SEP710" s="613"/>
      <c r="SEQ710" s="613"/>
      <c r="SER710" s="613"/>
      <c r="SES710" s="613"/>
      <c r="SET710" s="613"/>
      <c r="SEU710" s="613"/>
      <c r="SEV710" s="613"/>
      <c r="SEW710" s="613"/>
      <c r="SEX710" s="613"/>
      <c r="SEY710" s="613"/>
      <c r="SEZ710" s="613"/>
      <c r="SFA710" s="613"/>
      <c r="SFB710" s="613"/>
      <c r="SFC710" s="613"/>
      <c r="SFD710" s="613"/>
      <c r="SFE710" s="613"/>
      <c r="SFF710" s="613"/>
      <c r="SFG710" s="613"/>
      <c r="SFH710" s="613"/>
      <c r="SFI710" s="613"/>
      <c r="SFJ710" s="613"/>
      <c r="SFK710" s="613"/>
      <c r="SFL710" s="613"/>
      <c r="SFM710" s="613"/>
      <c r="SFN710" s="613"/>
      <c r="SFO710" s="613"/>
      <c r="SFP710" s="613"/>
      <c r="SFQ710" s="613"/>
      <c r="SFR710" s="613"/>
      <c r="SFS710" s="613"/>
      <c r="SFT710" s="613"/>
      <c r="SFU710" s="613"/>
      <c r="SFV710" s="613"/>
      <c r="SFW710" s="613"/>
      <c r="SFX710" s="613"/>
      <c r="SFY710" s="613"/>
      <c r="SFZ710" s="613"/>
      <c r="SGA710" s="613"/>
      <c r="SGB710" s="613"/>
      <c r="SGC710" s="613"/>
      <c r="SGD710" s="613"/>
      <c r="SGE710" s="613"/>
      <c r="SGF710" s="613"/>
      <c r="SGG710" s="613"/>
      <c r="SGH710" s="613"/>
      <c r="SGI710" s="613"/>
      <c r="SGJ710" s="613"/>
      <c r="SGK710" s="613"/>
      <c r="SGL710" s="613"/>
      <c r="SGM710" s="613"/>
      <c r="SGN710" s="613"/>
      <c r="SGO710" s="613"/>
      <c r="SGP710" s="613"/>
      <c r="SGQ710" s="613"/>
      <c r="SGR710" s="613"/>
      <c r="SGS710" s="613"/>
      <c r="SGT710" s="613"/>
      <c r="SGU710" s="613"/>
      <c r="SGV710" s="613"/>
      <c r="SGW710" s="613"/>
      <c r="SGX710" s="613"/>
      <c r="SGY710" s="613"/>
      <c r="SGZ710" s="613"/>
      <c r="SHA710" s="613"/>
      <c r="SHB710" s="613"/>
      <c r="SHC710" s="613"/>
      <c r="SHD710" s="613"/>
      <c r="SHE710" s="613"/>
      <c r="SHF710" s="613"/>
      <c r="SHG710" s="613"/>
      <c r="SHH710" s="613"/>
      <c r="SHI710" s="613"/>
      <c r="SHJ710" s="613"/>
      <c r="SHK710" s="613"/>
      <c r="SHL710" s="613"/>
      <c r="SHM710" s="613"/>
      <c r="SHN710" s="613"/>
      <c r="SHO710" s="613"/>
      <c r="SHP710" s="613"/>
      <c r="SHQ710" s="613"/>
      <c r="SHR710" s="613"/>
      <c r="SHS710" s="613"/>
      <c r="SHT710" s="613"/>
      <c r="SHU710" s="613"/>
      <c r="SHV710" s="613"/>
      <c r="SHW710" s="613"/>
      <c r="SHX710" s="613"/>
      <c r="SHY710" s="613"/>
      <c r="SHZ710" s="613"/>
      <c r="SIA710" s="613"/>
      <c r="SIB710" s="613"/>
      <c r="SIC710" s="613"/>
      <c r="SID710" s="613"/>
      <c r="SIE710" s="613"/>
      <c r="SIF710" s="613"/>
      <c r="SIG710" s="613"/>
      <c r="SIH710" s="613"/>
      <c r="SII710" s="613"/>
      <c r="SIJ710" s="613"/>
      <c r="SIK710" s="613"/>
      <c r="SIL710" s="613"/>
      <c r="SIM710" s="613"/>
      <c r="SIN710" s="613"/>
      <c r="SIO710" s="613"/>
      <c r="SIP710" s="613"/>
      <c r="SIQ710" s="613"/>
      <c r="SIR710" s="613"/>
      <c r="SIS710" s="613"/>
      <c r="SIT710" s="613"/>
      <c r="SIU710" s="613"/>
      <c r="SIV710" s="613"/>
      <c r="SIW710" s="613"/>
      <c r="SIX710" s="613"/>
      <c r="SIY710" s="613"/>
      <c r="SIZ710" s="613"/>
      <c r="SJA710" s="613"/>
      <c r="SJB710" s="613"/>
      <c r="SJC710" s="613"/>
      <c r="SJD710" s="613"/>
      <c r="SJE710" s="613"/>
      <c r="SJF710" s="613"/>
      <c r="SJG710" s="613"/>
      <c r="SJH710" s="613"/>
      <c r="SJI710" s="613"/>
      <c r="SJJ710" s="613"/>
      <c r="SJK710" s="613"/>
      <c r="SJL710" s="613"/>
      <c r="SJM710" s="613"/>
      <c r="SJN710" s="613"/>
      <c r="SJO710" s="613"/>
      <c r="SJP710" s="613"/>
      <c r="SJQ710" s="613"/>
      <c r="SJR710" s="613"/>
      <c r="SJS710" s="613"/>
      <c r="SJT710" s="613"/>
      <c r="SJU710" s="613"/>
      <c r="SJV710" s="613"/>
      <c r="SJW710" s="613"/>
      <c r="SJX710" s="613"/>
      <c r="SJY710" s="613"/>
      <c r="SJZ710" s="613"/>
      <c r="SKA710" s="613"/>
      <c r="SKB710" s="613"/>
      <c r="SKC710" s="613"/>
      <c r="SKD710" s="613"/>
      <c r="SKE710" s="613"/>
      <c r="SKF710" s="613"/>
      <c r="SKG710" s="613"/>
      <c r="SKH710" s="613"/>
      <c r="SKI710" s="613"/>
      <c r="SKJ710" s="613"/>
      <c r="SKK710" s="613"/>
      <c r="SKL710" s="613"/>
      <c r="SKM710" s="613"/>
      <c r="SKN710" s="613"/>
      <c r="SKO710" s="613"/>
      <c r="SKP710" s="613"/>
      <c r="SKQ710" s="613"/>
      <c r="SKR710" s="613"/>
      <c r="SKS710" s="613"/>
      <c r="SKT710" s="613"/>
      <c r="SKU710" s="613"/>
      <c r="SKV710" s="613"/>
      <c r="SKW710" s="613"/>
      <c r="SKX710" s="613"/>
      <c r="SKY710" s="613"/>
      <c r="SKZ710" s="613"/>
      <c r="SLA710" s="613"/>
      <c r="SLB710" s="613"/>
      <c r="SLC710" s="613"/>
      <c r="SLD710" s="613"/>
      <c r="SLE710" s="613"/>
      <c r="SLF710" s="613"/>
      <c r="SLG710" s="613"/>
      <c r="SLH710" s="613"/>
      <c r="SLI710" s="613"/>
      <c r="SLJ710" s="613"/>
      <c r="SLK710" s="613"/>
      <c r="SLL710" s="613"/>
      <c r="SLM710" s="613"/>
      <c r="SLN710" s="613"/>
      <c r="SLO710" s="613"/>
      <c r="SLP710" s="613"/>
      <c r="SLQ710" s="613"/>
      <c r="SLR710" s="613"/>
      <c r="SLS710" s="613"/>
      <c r="SLT710" s="613"/>
      <c r="SLU710" s="613"/>
      <c r="SLV710" s="613"/>
      <c r="SLW710" s="613"/>
      <c r="SLX710" s="613"/>
      <c r="SLY710" s="613"/>
      <c r="SLZ710" s="613"/>
      <c r="SMA710" s="613"/>
      <c r="SMB710" s="613"/>
      <c r="SMC710" s="613"/>
      <c r="SMD710" s="613"/>
      <c r="SME710" s="613"/>
      <c r="SMF710" s="613"/>
      <c r="SMG710" s="613"/>
      <c r="SMH710" s="613"/>
      <c r="SMI710" s="613"/>
      <c r="SMJ710" s="613"/>
      <c r="SMK710" s="613"/>
      <c r="SML710" s="613"/>
      <c r="SMM710" s="613"/>
      <c r="SMN710" s="613"/>
      <c r="SMO710" s="613"/>
      <c r="SMP710" s="613"/>
      <c r="SMQ710" s="613"/>
      <c r="SMR710" s="613"/>
      <c r="SMS710" s="613"/>
      <c r="SMT710" s="613"/>
      <c r="SMU710" s="613"/>
      <c r="SMV710" s="613"/>
      <c r="SMW710" s="613"/>
      <c r="SMX710" s="613"/>
      <c r="SMY710" s="613"/>
      <c r="SMZ710" s="613"/>
      <c r="SNA710" s="613"/>
      <c r="SNB710" s="613"/>
      <c r="SNC710" s="613"/>
      <c r="SND710" s="613"/>
      <c r="SNE710" s="613"/>
      <c r="SNF710" s="613"/>
      <c r="SNG710" s="613"/>
      <c r="SNH710" s="613"/>
      <c r="SNI710" s="613"/>
      <c r="SNJ710" s="613"/>
      <c r="SNK710" s="613"/>
      <c r="SNL710" s="613"/>
      <c r="SNM710" s="613"/>
      <c r="SNN710" s="613"/>
      <c r="SNO710" s="613"/>
      <c r="SNP710" s="613"/>
      <c r="SNQ710" s="613"/>
      <c r="SNR710" s="613"/>
      <c r="SNS710" s="613"/>
      <c r="SNT710" s="613"/>
      <c r="SNU710" s="613"/>
      <c r="SNV710" s="613"/>
      <c r="SNW710" s="613"/>
      <c r="SNX710" s="613"/>
      <c r="SNY710" s="613"/>
      <c r="SNZ710" s="613"/>
      <c r="SOA710" s="613"/>
      <c r="SOB710" s="613"/>
      <c r="SOC710" s="613"/>
      <c r="SOD710" s="613"/>
      <c r="SOE710" s="613"/>
      <c r="SOF710" s="613"/>
      <c r="SOG710" s="613"/>
      <c r="SOH710" s="613"/>
      <c r="SOI710" s="613"/>
      <c r="SOJ710" s="613"/>
      <c r="SOK710" s="613"/>
      <c r="SOL710" s="613"/>
      <c r="SOM710" s="613"/>
      <c r="SON710" s="613"/>
      <c r="SOO710" s="613"/>
      <c r="SOP710" s="613"/>
      <c r="SOQ710" s="613"/>
      <c r="SOR710" s="613"/>
      <c r="SOS710" s="613"/>
      <c r="SOT710" s="613"/>
      <c r="SOU710" s="613"/>
      <c r="SOV710" s="613"/>
      <c r="SOW710" s="613"/>
      <c r="SOX710" s="613"/>
      <c r="SOY710" s="613"/>
      <c r="SOZ710" s="613"/>
      <c r="SPA710" s="613"/>
      <c r="SPB710" s="613"/>
      <c r="SPC710" s="613"/>
      <c r="SPD710" s="613"/>
      <c r="SPE710" s="613"/>
      <c r="SPF710" s="613"/>
      <c r="SPG710" s="613"/>
      <c r="SPH710" s="613"/>
      <c r="SPI710" s="613"/>
      <c r="SPJ710" s="613"/>
      <c r="SPK710" s="613"/>
      <c r="SPL710" s="613"/>
      <c r="SPM710" s="613"/>
      <c r="SPN710" s="613"/>
      <c r="SPO710" s="613"/>
      <c r="SPP710" s="613"/>
      <c r="SPQ710" s="613"/>
      <c r="SPR710" s="613"/>
      <c r="SPS710" s="613"/>
      <c r="SPT710" s="613"/>
      <c r="SPU710" s="613"/>
      <c r="SPV710" s="613"/>
      <c r="SPW710" s="613"/>
      <c r="SPX710" s="613"/>
      <c r="SPY710" s="613"/>
      <c r="SPZ710" s="613"/>
      <c r="SQA710" s="613"/>
      <c r="SQB710" s="613"/>
      <c r="SQC710" s="613"/>
      <c r="SQD710" s="613"/>
      <c r="SQE710" s="613"/>
      <c r="SQF710" s="613"/>
      <c r="SQG710" s="613"/>
      <c r="SQH710" s="613"/>
      <c r="SQI710" s="613"/>
      <c r="SQJ710" s="613"/>
      <c r="SQK710" s="613"/>
      <c r="SQL710" s="613"/>
      <c r="SQM710" s="613"/>
      <c r="SQN710" s="613"/>
      <c r="SQO710" s="613"/>
      <c r="SQP710" s="613"/>
      <c r="SQQ710" s="613"/>
      <c r="SQR710" s="613"/>
      <c r="SQS710" s="613"/>
      <c r="SQT710" s="613"/>
      <c r="SQU710" s="613"/>
      <c r="SQV710" s="613"/>
      <c r="SQW710" s="613"/>
      <c r="SQX710" s="613"/>
      <c r="SQY710" s="613"/>
      <c r="SQZ710" s="613"/>
      <c r="SRA710" s="613"/>
      <c r="SRB710" s="613"/>
      <c r="SRC710" s="613"/>
      <c r="SRD710" s="613"/>
      <c r="SRE710" s="613"/>
      <c r="SRF710" s="613"/>
      <c r="SRG710" s="613"/>
      <c r="SRH710" s="613"/>
      <c r="SRI710" s="613"/>
      <c r="SRJ710" s="613"/>
      <c r="SRK710" s="613"/>
      <c r="SRL710" s="613"/>
      <c r="SRM710" s="613"/>
      <c r="SRN710" s="613"/>
      <c r="SRO710" s="613"/>
      <c r="SRP710" s="613"/>
      <c r="SRQ710" s="613"/>
      <c r="SRR710" s="613"/>
      <c r="SRS710" s="613"/>
      <c r="SRT710" s="613"/>
      <c r="SRU710" s="613"/>
      <c r="SRV710" s="613"/>
      <c r="SRW710" s="613"/>
      <c r="SRX710" s="613"/>
      <c r="SRY710" s="613"/>
      <c r="SRZ710" s="613"/>
      <c r="SSA710" s="613"/>
      <c r="SSB710" s="613"/>
      <c r="SSC710" s="613"/>
      <c r="SSD710" s="613"/>
      <c r="SSE710" s="613"/>
      <c r="SSF710" s="613"/>
      <c r="SSG710" s="613"/>
      <c r="SSH710" s="613"/>
      <c r="SSI710" s="613"/>
      <c r="SSJ710" s="613"/>
      <c r="SSK710" s="613"/>
      <c r="SSL710" s="613"/>
      <c r="SSM710" s="613"/>
      <c r="SSN710" s="613"/>
      <c r="SSO710" s="613"/>
      <c r="SSP710" s="613"/>
      <c r="SSQ710" s="613"/>
      <c r="SSR710" s="613"/>
      <c r="SSS710" s="613"/>
      <c r="SST710" s="613"/>
      <c r="SSU710" s="613"/>
      <c r="SSV710" s="613"/>
      <c r="SSW710" s="613"/>
      <c r="SSX710" s="613"/>
      <c r="SSY710" s="613"/>
      <c r="SSZ710" s="613"/>
      <c r="STA710" s="613"/>
      <c r="STB710" s="613"/>
      <c r="STC710" s="613"/>
      <c r="STD710" s="613"/>
      <c r="STE710" s="613"/>
      <c r="STF710" s="613"/>
      <c r="STG710" s="613"/>
      <c r="STH710" s="613"/>
      <c r="STI710" s="613"/>
      <c r="STJ710" s="613"/>
      <c r="STK710" s="613"/>
      <c r="STL710" s="613"/>
      <c r="STM710" s="613"/>
      <c r="STN710" s="613"/>
      <c r="STO710" s="613"/>
      <c r="STP710" s="613"/>
      <c r="STQ710" s="613"/>
      <c r="STR710" s="613"/>
      <c r="STS710" s="613"/>
      <c r="STT710" s="613"/>
      <c r="STU710" s="613"/>
      <c r="STV710" s="613"/>
      <c r="STW710" s="613"/>
      <c r="STX710" s="613"/>
      <c r="STY710" s="613"/>
      <c r="STZ710" s="613"/>
      <c r="SUA710" s="613"/>
      <c r="SUB710" s="613"/>
      <c r="SUC710" s="613"/>
      <c r="SUD710" s="613"/>
      <c r="SUE710" s="613"/>
      <c r="SUF710" s="613"/>
      <c r="SUG710" s="613"/>
      <c r="SUH710" s="613"/>
      <c r="SUI710" s="613"/>
      <c r="SUJ710" s="613"/>
      <c r="SUK710" s="613"/>
      <c r="SUL710" s="613"/>
      <c r="SUM710" s="613"/>
      <c r="SUN710" s="613"/>
      <c r="SUO710" s="613"/>
      <c r="SUP710" s="613"/>
      <c r="SUQ710" s="613"/>
      <c r="SUR710" s="613"/>
      <c r="SUS710" s="613"/>
      <c r="SUT710" s="613"/>
      <c r="SUU710" s="613"/>
      <c r="SUV710" s="613"/>
      <c r="SUW710" s="613"/>
      <c r="SUX710" s="613"/>
      <c r="SUY710" s="613"/>
      <c r="SUZ710" s="613"/>
      <c r="SVA710" s="613"/>
      <c r="SVB710" s="613"/>
      <c r="SVC710" s="613"/>
      <c r="SVD710" s="613"/>
      <c r="SVE710" s="613"/>
      <c r="SVF710" s="613"/>
      <c r="SVG710" s="613"/>
      <c r="SVH710" s="613"/>
      <c r="SVI710" s="613"/>
      <c r="SVJ710" s="613"/>
      <c r="SVK710" s="613"/>
      <c r="SVL710" s="613"/>
      <c r="SVM710" s="613"/>
      <c r="SVN710" s="613"/>
      <c r="SVO710" s="613"/>
      <c r="SVP710" s="613"/>
      <c r="SVQ710" s="613"/>
      <c r="SVR710" s="613"/>
      <c r="SVS710" s="613"/>
      <c r="SVT710" s="613"/>
      <c r="SVU710" s="613"/>
      <c r="SVV710" s="613"/>
      <c r="SVW710" s="613"/>
      <c r="SVX710" s="613"/>
      <c r="SVY710" s="613"/>
      <c r="SVZ710" s="613"/>
      <c r="SWA710" s="613"/>
      <c r="SWB710" s="613"/>
      <c r="SWC710" s="613"/>
      <c r="SWD710" s="613"/>
      <c r="SWE710" s="613"/>
      <c r="SWF710" s="613"/>
      <c r="SWG710" s="613"/>
      <c r="SWH710" s="613"/>
      <c r="SWI710" s="613"/>
      <c r="SWJ710" s="613"/>
      <c r="SWK710" s="613"/>
      <c r="SWL710" s="613"/>
      <c r="SWM710" s="613"/>
      <c r="SWN710" s="613"/>
      <c r="SWO710" s="613"/>
      <c r="SWP710" s="613"/>
      <c r="SWQ710" s="613"/>
      <c r="SWR710" s="613"/>
      <c r="SWS710" s="613"/>
      <c r="SWT710" s="613"/>
      <c r="SWU710" s="613"/>
      <c r="SWV710" s="613"/>
      <c r="SWW710" s="613"/>
      <c r="SWX710" s="613"/>
      <c r="SWY710" s="613"/>
      <c r="SWZ710" s="613"/>
      <c r="SXA710" s="613"/>
      <c r="SXB710" s="613"/>
      <c r="SXC710" s="613"/>
      <c r="SXD710" s="613"/>
      <c r="SXE710" s="613"/>
      <c r="SXF710" s="613"/>
      <c r="SXG710" s="613"/>
      <c r="SXH710" s="613"/>
      <c r="SXI710" s="613"/>
      <c r="SXJ710" s="613"/>
      <c r="SXK710" s="613"/>
      <c r="SXL710" s="613"/>
      <c r="SXM710" s="613"/>
      <c r="SXN710" s="613"/>
      <c r="SXO710" s="613"/>
      <c r="SXP710" s="613"/>
      <c r="SXQ710" s="613"/>
      <c r="SXR710" s="613"/>
      <c r="SXS710" s="613"/>
      <c r="SXT710" s="613"/>
      <c r="SXU710" s="613"/>
      <c r="SXV710" s="613"/>
      <c r="SXW710" s="613"/>
      <c r="SXX710" s="613"/>
      <c r="SXY710" s="613"/>
      <c r="SXZ710" s="613"/>
      <c r="SYA710" s="613"/>
      <c r="SYB710" s="613"/>
      <c r="SYC710" s="613"/>
      <c r="SYD710" s="613"/>
      <c r="SYE710" s="613"/>
      <c r="SYF710" s="613"/>
      <c r="SYG710" s="613"/>
      <c r="SYH710" s="613"/>
      <c r="SYI710" s="613"/>
      <c r="SYJ710" s="613"/>
      <c r="SYK710" s="613"/>
      <c r="SYL710" s="613"/>
      <c r="SYM710" s="613"/>
      <c r="SYN710" s="613"/>
      <c r="SYO710" s="613"/>
      <c r="SYP710" s="613"/>
      <c r="SYQ710" s="613"/>
      <c r="SYR710" s="613"/>
      <c r="SYS710" s="613"/>
      <c r="SYT710" s="613"/>
      <c r="SYU710" s="613"/>
      <c r="SYV710" s="613"/>
      <c r="SYW710" s="613"/>
      <c r="SYX710" s="613"/>
      <c r="SYY710" s="613"/>
      <c r="SYZ710" s="613"/>
      <c r="SZA710" s="613"/>
      <c r="SZB710" s="613"/>
      <c r="SZC710" s="613"/>
      <c r="SZD710" s="613"/>
      <c r="SZE710" s="613"/>
      <c r="SZF710" s="613"/>
      <c r="SZG710" s="613"/>
      <c r="SZH710" s="613"/>
      <c r="SZI710" s="613"/>
      <c r="SZJ710" s="613"/>
      <c r="SZK710" s="613"/>
      <c r="SZL710" s="613"/>
      <c r="SZM710" s="613"/>
      <c r="SZN710" s="613"/>
      <c r="SZO710" s="613"/>
      <c r="SZP710" s="613"/>
      <c r="SZQ710" s="613"/>
      <c r="SZR710" s="613"/>
      <c r="SZS710" s="613"/>
      <c r="SZT710" s="613"/>
      <c r="SZU710" s="613"/>
      <c r="SZV710" s="613"/>
      <c r="SZW710" s="613"/>
      <c r="SZX710" s="613"/>
      <c r="SZY710" s="613"/>
      <c r="SZZ710" s="613"/>
      <c r="TAA710" s="613"/>
      <c r="TAB710" s="613"/>
      <c r="TAC710" s="613"/>
      <c r="TAD710" s="613"/>
      <c r="TAE710" s="613"/>
      <c r="TAF710" s="613"/>
      <c r="TAG710" s="613"/>
      <c r="TAH710" s="613"/>
      <c r="TAI710" s="613"/>
      <c r="TAJ710" s="613"/>
      <c r="TAK710" s="613"/>
      <c r="TAL710" s="613"/>
      <c r="TAM710" s="613"/>
      <c r="TAN710" s="613"/>
      <c r="TAO710" s="613"/>
      <c r="TAP710" s="613"/>
      <c r="TAQ710" s="613"/>
      <c r="TAR710" s="613"/>
      <c r="TAS710" s="613"/>
      <c r="TAT710" s="613"/>
      <c r="TAU710" s="613"/>
      <c r="TAV710" s="613"/>
      <c r="TAW710" s="613"/>
      <c r="TAX710" s="613"/>
      <c r="TAY710" s="613"/>
      <c r="TAZ710" s="613"/>
      <c r="TBA710" s="613"/>
      <c r="TBB710" s="613"/>
      <c r="TBC710" s="613"/>
      <c r="TBD710" s="613"/>
      <c r="TBE710" s="613"/>
      <c r="TBF710" s="613"/>
      <c r="TBG710" s="613"/>
      <c r="TBH710" s="613"/>
      <c r="TBI710" s="613"/>
      <c r="TBJ710" s="613"/>
      <c r="TBK710" s="613"/>
      <c r="TBL710" s="613"/>
      <c r="TBM710" s="613"/>
      <c r="TBN710" s="613"/>
      <c r="TBO710" s="613"/>
      <c r="TBP710" s="613"/>
      <c r="TBQ710" s="613"/>
      <c r="TBR710" s="613"/>
      <c r="TBS710" s="613"/>
      <c r="TBT710" s="613"/>
      <c r="TBU710" s="613"/>
      <c r="TBV710" s="613"/>
      <c r="TBW710" s="613"/>
      <c r="TBX710" s="613"/>
      <c r="TBY710" s="613"/>
      <c r="TBZ710" s="613"/>
      <c r="TCA710" s="613"/>
      <c r="TCB710" s="613"/>
      <c r="TCC710" s="613"/>
      <c r="TCD710" s="613"/>
      <c r="TCE710" s="613"/>
      <c r="TCF710" s="613"/>
      <c r="TCG710" s="613"/>
      <c r="TCH710" s="613"/>
      <c r="TCI710" s="613"/>
      <c r="TCJ710" s="613"/>
      <c r="TCK710" s="613"/>
      <c r="TCL710" s="613"/>
      <c r="TCM710" s="613"/>
      <c r="TCN710" s="613"/>
      <c r="TCO710" s="613"/>
      <c r="TCP710" s="613"/>
      <c r="TCQ710" s="613"/>
      <c r="TCR710" s="613"/>
      <c r="TCS710" s="613"/>
      <c r="TCT710" s="613"/>
      <c r="TCU710" s="613"/>
      <c r="TCV710" s="613"/>
      <c r="TCW710" s="613"/>
      <c r="TCX710" s="613"/>
      <c r="TCY710" s="613"/>
      <c r="TCZ710" s="613"/>
      <c r="TDA710" s="613"/>
      <c r="TDB710" s="613"/>
      <c r="TDC710" s="613"/>
      <c r="TDD710" s="613"/>
      <c r="TDE710" s="613"/>
      <c r="TDF710" s="613"/>
      <c r="TDG710" s="613"/>
      <c r="TDH710" s="613"/>
      <c r="TDI710" s="613"/>
      <c r="TDJ710" s="613"/>
      <c r="TDK710" s="613"/>
      <c r="TDL710" s="613"/>
      <c r="TDM710" s="613"/>
      <c r="TDN710" s="613"/>
      <c r="TDO710" s="613"/>
      <c r="TDP710" s="613"/>
      <c r="TDQ710" s="613"/>
      <c r="TDR710" s="613"/>
      <c r="TDS710" s="613"/>
      <c r="TDT710" s="613"/>
      <c r="TDU710" s="613"/>
      <c r="TDV710" s="613"/>
      <c r="TDW710" s="613"/>
      <c r="TDX710" s="613"/>
      <c r="TDY710" s="613"/>
      <c r="TDZ710" s="613"/>
      <c r="TEA710" s="613"/>
      <c r="TEB710" s="613"/>
      <c r="TEC710" s="613"/>
      <c r="TED710" s="613"/>
      <c r="TEE710" s="613"/>
      <c r="TEF710" s="613"/>
      <c r="TEG710" s="613"/>
      <c r="TEH710" s="613"/>
      <c r="TEI710" s="613"/>
      <c r="TEJ710" s="613"/>
      <c r="TEK710" s="613"/>
      <c r="TEL710" s="613"/>
      <c r="TEM710" s="613"/>
      <c r="TEN710" s="613"/>
      <c r="TEO710" s="613"/>
      <c r="TEP710" s="613"/>
      <c r="TEQ710" s="613"/>
      <c r="TER710" s="613"/>
      <c r="TES710" s="613"/>
      <c r="TET710" s="613"/>
      <c r="TEU710" s="613"/>
      <c r="TEV710" s="613"/>
      <c r="TEW710" s="613"/>
      <c r="TEX710" s="613"/>
      <c r="TEY710" s="613"/>
      <c r="TEZ710" s="613"/>
      <c r="TFA710" s="613"/>
      <c r="TFB710" s="613"/>
      <c r="TFC710" s="613"/>
      <c r="TFD710" s="613"/>
      <c r="TFE710" s="613"/>
      <c r="TFF710" s="613"/>
      <c r="TFG710" s="613"/>
      <c r="TFH710" s="613"/>
      <c r="TFI710" s="613"/>
      <c r="TFJ710" s="613"/>
      <c r="TFK710" s="613"/>
      <c r="TFL710" s="613"/>
      <c r="TFM710" s="613"/>
      <c r="TFN710" s="613"/>
      <c r="TFO710" s="613"/>
      <c r="TFP710" s="613"/>
      <c r="TFQ710" s="613"/>
      <c r="TFR710" s="613"/>
      <c r="TFS710" s="613"/>
      <c r="TFT710" s="613"/>
      <c r="TFU710" s="613"/>
      <c r="TFV710" s="613"/>
      <c r="TFW710" s="613"/>
      <c r="TFX710" s="613"/>
      <c r="TFY710" s="613"/>
      <c r="TFZ710" s="613"/>
      <c r="TGA710" s="613"/>
      <c r="TGB710" s="613"/>
      <c r="TGC710" s="613"/>
      <c r="TGD710" s="613"/>
      <c r="TGE710" s="613"/>
      <c r="TGF710" s="613"/>
      <c r="TGG710" s="613"/>
      <c r="TGH710" s="613"/>
      <c r="TGI710" s="613"/>
      <c r="TGJ710" s="613"/>
      <c r="TGK710" s="613"/>
      <c r="TGL710" s="613"/>
      <c r="TGM710" s="613"/>
      <c r="TGN710" s="613"/>
      <c r="TGO710" s="613"/>
      <c r="TGP710" s="613"/>
      <c r="TGQ710" s="613"/>
      <c r="TGR710" s="613"/>
      <c r="TGS710" s="613"/>
      <c r="TGT710" s="613"/>
      <c r="TGU710" s="613"/>
      <c r="TGV710" s="613"/>
      <c r="TGW710" s="613"/>
      <c r="TGX710" s="613"/>
      <c r="TGY710" s="613"/>
      <c r="TGZ710" s="613"/>
      <c r="THA710" s="613"/>
      <c r="THB710" s="613"/>
      <c r="THC710" s="613"/>
      <c r="THD710" s="613"/>
      <c r="THE710" s="613"/>
      <c r="THF710" s="613"/>
      <c r="THG710" s="613"/>
      <c r="THH710" s="613"/>
      <c r="THI710" s="613"/>
      <c r="THJ710" s="613"/>
      <c r="THK710" s="613"/>
      <c r="THL710" s="613"/>
      <c r="THM710" s="613"/>
      <c r="THN710" s="613"/>
      <c r="THO710" s="613"/>
      <c r="THP710" s="613"/>
      <c r="THQ710" s="613"/>
      <c r="THR710" s="613"/>
      <c r="THS710" s="613"/>
      <c r="THT710" s="613"/>
      <c r="THU710" s="613"/>
      <c r="THV710" s="613"/>
      <c r="THW710" s="613"/>
      <c r="THX710" s="613"/>
      <c r="THY710" s="613"/>
      <c r="THZ710" s="613"/>
      <c r="TIA710" s="613"/>
      <c r="TIB710" s="613"/>
      <c r="TIC710" s="613"/>
      <c r="TID710" s="613"/>
      <c r="TIE710" s="613"/>
      <c r="TIF710" s="613"/>
      <c r="TIG710" s="613"/>
      <c r="TIH710" s="613"/>
      <c r="TII710" s="613"/>
      <c r="TIJ710" s="613"/>
      <c r="TIK710" s="613"/>
      <c r="TIL710" s="613"/>
      <c r="TIM710" s="613"/>
      <c r="TIN710" s="613"/>
      <c r="TIO710" s="613"/>
      <c r="TIP710" s="613"/>
      <c r="TIQ710" s="613"/>
      <c r="TIR710" s="613"/>
      <c r="TIS710" s="613"/>
      <c r="TIT710" s="613"/>
      <c r="TIU710" s="613"/>
      <c r="TIV710" s="613"/>
      <c r="TIW710" s="613"/>
      <c r="TIX710" s="613"/>
      <c r="TIY710" s="613"/>
      <c r="TIZ710" s="613"/>
      <c r="TJA710" s="613"/>
      <c r="TJB710" s="613"/>
      <c r="TJC710" s="613"/>
      <c r="TJD710" s="613"/>
      <c r="TJE710" s="613"/>
      <c r="TJF710" s="613"/>
      <c r="TJG710" s="613"/>
      <c r="TJH710" s="613"/>
      <c r="TJI710" s="613"/>
      <c r="TJJ710" s="613"/>
      <c r="TJK710" s="613"/>
      <c r="TJL710" s="613"/>
      <c r="TJM710" s="613"/>
      <c r="TJN710" s="613"/>
      <c r="TJO710" s="613"/>
      <c r="TJP710" s="613"/>
      <c r="TJQ710" s="613"/>
      <c r="TJR710" s="613"/>
      <c r="TJS710" s="613"/>
      <c r="TJT710" s="613"/>
      <c r="TJU710" s="613"/>
      <c r="TJV710" s="613"/>
      <c r="TJW710" s="613"/>
      <c r="TJX710" s="613"/>
      <c r="TJY710" s="613"/>
      <c r="TJZ710" s="613"/>
      <c r="TKA710" s="613"/>
      <c r="TKB710" s="613"/>
      <c r="TKC710" s="613"/>
      <c r="TKD710" s="613"/>
      <c r="TKE710" s="613"/>
      <c r="TKF710" s="613"/>
      <c r="TKG710" s="613"/>
      <c r="TKH710" s="613"/>
      <c r="TKI710" s="613"/>
      <c r="TKJ710" s="613"/>
      <c r="TKK710" s="613"/>
      <c r="TKL710" s="613"/>
      <c r="TKM710" s="613"/>
      <c r="TKN710" s="613"/>
      <c r="TKO710" s="613"/>
      <c r="TKP710" s="613"/>
      <c r="TKQ710" s="613"/>
      <c r="TKR710" s="613"/>
      <c r="TKS710" s="613"/>
      <c r="TKT710" s="613"/>
      <c r="TKU710" s="613"/>
      <c r="TKV710" s="613"/>
      <c r="TKW710" s="613"/>
      <c r="TKX710" s="613"/>
      <c r="TKY710" s="613"/>
      <c r="TKZ710" s="613"/>
      <c r="TLA710" s="613"/>
      <c r="TLB710" s="613"/>
      <c r="TLC710" s="613"/>
      <c r="TLD710" s="613"/>
      <c r="TLE710" s="613"/>
      <c r="TLF710" s="613"/>
      <c r="TLG710" s="613"/>
      <c r="TLH710" s="613"/>
      <c r="TLI710" s="613"/>
      <c r="TLJ710" s="613"/>
      <c r="TLK710" s="613"/>
      <c r="TLL710" s="613"/>
      <c r="TLM710" s="613"/>
      <c r="TLN710" s="613"/>
      <c r="TLO710" s="613"/>
      <c r="TLP710" s="613"/>
      <c r="TLQ710" s="613"/>
      <c r="TLR710" s="613"/>
      <c r="TLS710" s="613"/>
      <c r="TLT710" s="613"/>
      <c r="TLU710" s="613"/>
      <c r="TLV710" s="613"/>
      <c r="TLW710" s="613"/>
      <c r="TLX710" s="613"/>
      <c r="TLY710" s="613"/>
      <c r="TLZ710" s="613"/>
      <c r="TMA710" s="613"/>
      <c r="TMB710" s="613"/>
      <c r="TMC710" s="613"/>
      <c r="TMD710" s="613"/>
      <c r="TME710" s="613"/>
      <c r="TMF710" s="613"/>
      <c r="TMG710" s="613"/>
      <c r="TMH710" s="613"/>
      <c r="TMI710" s="613"/>
      <c r="TMJ710" s="613"/>
      <c r="TMK710" s="613"/>
      <c r="TML710" s="613"/>
      <c r="TMM710" s="613"/>
      <c r="TMN710" s="613"/>
      <c r="TMO710" s="613"/>
      <c r="TMP710" s="613"/>
      <c r="TMQ710" s="613"/>
      <c r="TMR710" s="613"/>
      <c r="TMS710" s="613"/>
      <c r="TMT710" s="613"/>
      <c r="TMU710" s="613"/>
      <c r="TMV710" s="613"/>
      <c r="TMW710" s="613"/>
      <c r="TMX710" s="613"/>
      <c r="TMY710" s="613"/>
      <c r="TMZ710" s="613"/>
      <c r="TNA710" s="613"/>
      <c r="TNB710" s="613"/>
      <c r="TNC710" s="613"/>
      <c r="TND710" s="613"/>
      <c r="TNE710" s="613"/>
      <c r="TNF710" s="613"/>
      <c r="TNG710" s="613"/>
      <c r="TNH710" s="613"/>
      <c r="TNI710" s="613"/>
      <c r="TNJ710" s="613"/>
      <c r="TNK710" s="613"/>
      <c r="TNL710" s="613"/>
      <c r="TNM710" s="613"/>
      <c r="TNN710" s="613"/>
      <c r="TNO710" s="613"/>
      <c r="TNP710" s="613"/>
      <c r="TNQ710" s="613"/>
      <c r="TNR710" s="613"/>
      <c r="TNS710" s="613"/>
      <c r="TNT710" s="613"/>
      <c r="TNU710" s="613"/>
      <c r="TNV710" s="613"/>
      <c r="TNW710" s="613"/>
      <c r="TNX710" s="613"/>
      <c r="TNY710" s="613"/>
      <c r="TNZ710" s="613"/>
      <c r="TOA710" s="613"/>
      <c r="TOB710" s="613"/>
      <c r="TOC710" s="613"/>
      <c r="TOD710" s="613"/>
      <c r="TOE710" s="613"/>
      <c r="TOF710" s="613"/>
      <c r="TOG710" s="613"/>
      <c r="TOH710" s="613"/>
      <c r="TOI710" s="613"/>
      <c r="TOJ710" s="613"/>
      <c r="TOK710" s="613"/>
      <c r="TOL710" s="613"/>
      <c r="TOM710" s="613"/>
      <c r="TON710" s="613"/>
      <c r="TOO710" s="613"/>
      <c r="TOP710" s="613"/>
      <c r="TOQ710" s="613"/>
      <c r="TOR710" s="613"/>
      <c r="TOS710" s="613"/>
      <c r="TOT710" s="613"/>
      <c r="TOU710" s="613"/>
      <c r="TOV710" s="613"/>
      <c r="TOW710" s="613"/>
      <c r="TOX710" s="613"/>
      <c r="TOY710" s="613"/>
      <c r="TOZ710" s="613"/>
      <c r="TPA710" s="613"/>
      <c r="TPB710" s="613"/>
      <c r="TPC710" s="613"/>
      <c r="TPD710" s="613"/>
      <c r="TPE710" s="613"/>
      <c r="TPF710" s="613"/>
      <c r="TPG710" s="613"/>
      <c r="TPH710" s="613"/>
      <c r="TPI710" s="613"/>
      <c r="TPJ710" s="613"/>
      <c r="TPK710" s="613"/>
      <c r="TPL710" s="613"/>
      <c r="TPM710" s="613"/>
      <c r="TPN710" s="613"/>
      <c r="TPO710" s="613"/>
      <c r="TPP710" s="613"/>
      <c r="TPQ710" s="613"/>
      <c r="TPR710" s="613"/>
      <c r="TPS710" s="613"/>
      <c r="TPT710" s="613"/>
      <c r="TPU710" s="613"/>
      <c r="TPV710" s="613"/>
      <c r="TPW710" s="613"/>
      <c r="TPX710" s="613"/>
      <c r="TPY710" s="613"/>
      <c r="TPZ710" s="613"/>
      <c r="TQA710" s="613"/>
      <c r="TQB710" s="613"/>
      <c r="TQC710" s="613"/>
      <c r="TQD710" s="613"/>
      <c r="TQE710" s="613"/>
      <c r="TQF710" s="613"/>
      <c r="TQG710" s="613"/>
      <c r="TQH710" s="613"/>
      <c r="TQI710" s="613"/>
      <c r="TQJ710" s="613"/>
      <c r="TQK710" s="613"/>
      <c r="TQL710" s="613"/>
      <c r="TQM710" s="613"/>
      <c r="TQN710" s="613"/>
      <c r="TQO710" s="613"/>
      <c r="TQP710" s="613"/>
      <c r="TQQ710" s="613"/>
      <c r="TQR710" s="613"/>
      <c r="TQS710" s="613"/>
      <c r="TQT710" s="613"/>
      <c r="TQU710" s="613"/>
      <c r="TQV710" s="613"/>
      <c r="TQW710" s="613"/>
      <c r="TQX710" s="613"/>
      <c r="TQY710" s="613"/>
      <c r="TQZ710" s="613"/>
      <c r="TRA710" s="613"/>
      <c r="TRB710" s="613"/>
      <c r="TRC710" s="613"/>
      <c r="TRD710" s="613"/>
      <c r="TRE710" s="613"/>
      <c r="TRF710" s="613"/>
      <c r="TRG710" s="613"/>
      <c r="TRH710" s="613"/>
      <c r="TRI710" s="613"/>
      <c r="TRJ710" s="613"/>
      <c r="TRK710" s="613"/>
      <c r="TRL710" s="613"/>
      <c r="TRM710" s="613"/>
      <c r="TRN710" s="613"/>
      <c r="TRO710" s="613"/>
      <c r="TRP710" s="613"/>
      <c r="TRQ710" s="613"/>
      <c r="TRR710" s="613"/>
      <c r="TRS710" s="613"/>
      <c r="TRT710" s="613"/>
      <c r="TRU710" s="613"/>
      <c r="TRV710" s="613"/>
      <c r="TRW710" s="613"/>
      <c r="TRX710" s="613"/>
      <c r="TRY710" s="613"/>
      <c r="TRZ710" s="613"/>
      <c r="TSA710" s="613"/>
      <c r="TSB710" s="613"/>
      <c r="TSC710" s="613"/>
      <c r="TSD710" s="613"/>
      <c r="TSE710" s="613"/>
      <c r="TSF710" s="613"/>
      <c r="TSG710" s="613"/>
      <c r="TSH710" s="613"/>
      <c r="TSI710" s="613"/>
      <c r="TSJ710" s="613"/>
      <c r="TSK710" s="613"/>
      <c r="TSL710" s="613"/>
      <c r="TSM710" s="613"/>
      <c r="TSN710" s="613"/>
      <c r="TSO710" s="613"/>
      <c r="TSP710" s="613"/>
      <c r="TSQ710" s="613"/>
      <c r="TSR710" s="613"/>
      <c r="TSS710" s="613"/>
      <c r="TST710" s="613"/>
      <c r="TSU710" s="613"/>
      <c r="TSV710" s="613"/>
      <c r="TSW710" s="613"/>
      <c r="TSX710" s="613"/>
      <c r="TSY710" s="613"/>
      <c r="TSZ710" s="613"/>
      <c r="TTA710" s="613"/>
      <c r="TTB710" s="613"/>
      <c r="TTC710" s="613"/>
      <c r="TTD710" s="613"/>
      <c r="TTE710" s="613"/>
      <c r="TTF710" s="613"/>
      <c r="TTG710" s="613"/>
      <c r="TTH710" s="613"/>
      <c r="TTI710" s="613"/>
      <c r="TTJ710" s="613"/>
      <c r="TTK710" s="613"/>
      <c r="TTL710" s="613"/>
      <c r="TTM710" s="613"/>
      <c r="TTN710" s="613"/>
      <c r="TTO710" s="613"/>
      <c r="TTP710" s="613"/>
      <c r="TTQ710" s="613"/>
      <c r="TTR710" s="613"/>
      <c r="TTS710" s="613"/>
      <c r="TTT710" s="613"/>
      <c r="TTU710" s="613"/>
      <c r="TTV710" s="613"/>
      <c r="TTW710" s="613"/>
      <c r="TTX710" s="613"/>
      <c r="TTY710" s="613"/>
      <c r="TTZ710" s="613"/>
      <c r="TUA710" s="613"/>
      <c r="TUB710" s="613"/>
      <c r="TUC710" s="613"/>
      <c r="TUD710" s="613"/>
      <c r="TUE710" s="613"/>
      <c r="TUF710" s="613"/>
      <c r="TUG710" s="613"/>
      <c r="TUH710" s="613"/>
      <c r="TUI710" s="613"/>
      <c r="TUJ710" s="613"/>
      <c r="TUK710" s="613"/>
      <c r="TUL710" s="613"/>
      <c r="TUM710" s="613"/>
      <c r="TUN710" s="613"/>
      <c r="TUO710" s="613"/>
      <c r="TUP710" s="613"/>
      <c r="TUQ710" s="613"/>
      <c r="TUR710" s="613"/>
      <c r="TUS710" s="613"/>
      <c r="TUT710" s="613"/>
      <c r="TUU710" s="613"/>
      <c r="TUV710" s="613"/>
      <c r="TUW710" s="613"/>
      <c r="TUX710" s="613"/>
      <c r="TUY710" s="613"/>
      <c r="TUZ710" s="613"/>
      <c r="TVA710" s="613"/>
      <c r="TVB710" s="613"/>
      <c r="TVC710" s="613"/>
      <c r="TVD710" s="613"/>
      <c r="TVE710" s="613"/>
      <c r="TVF710" s="613"/>
      <c r="TVG710" s="613"/>
      <c r="TVH710" s="613"/>
      <c r="TVI710" s="613"/>
      <c r="TVJ710" s="613"/>
      <c r="TVK710" s="613"/>
      <c r="TVL710" s="613"/>
      <c r="TVM710" s="613"/>
      <c r="TVN710" s="613"/>
      <c r="TVO710" s="613"/>
      <c r="TVP710" s="613"/>
      <c r="TVQ710" s="613"/>
      <c r="TVR710" s="613"/>
      <c r="TVS710" s="613"/>
      <c r="TVT710" s="613"/>
      <c r="TVU710" s="613"/>
      <c r="TVV710" s="613"/>
      <c r="TVW710" s="613"/>
      <c r="TVX710" s="613"/>
      <c r="TVY710" s="613"/>
      <c r="TVZ710" s="613"/>
      <c r="TWA710" s="613"/>
      <c r="TWB710" s="613"/>
      <c r="TWC710" s="613"/>
      <c r="TWD710" s="613"/>
      <c r="TWE710" s="613"/>
      <c r="TWF710" s="613"/>
      <c r="TWG710" s="613"/>
      <c r="TWH710" s="613"/>
      <c r="TWI710" s="613"/>
      <c r="TWJ710" s="613"/>
      <c r="TWK710" s="613"/>
      <c r="TWL710" s="613"/>
      <c r="TWM710" s="613"/>
      <c r="TWN710" s="613"/>
      <c r="TWO710" s="613"/>
      <c r="TWP710" s="613"/>
      <c r="TWQ710" s="613"/>
      <c r="TWR710" s="613"/>
      <c r="TWS710" s="613"/>
      <c r="TWT710" s="613"/>
      <c r="TWU710" s="613"/>
      <c r="TWV710" s="613"/>
      <c r="TWW710" s="613"/>
      <c r="TWX710" s="613"/>
      <c r="TWY710" s="613"/>
      <c r="TWZ710" s="613"/>
      <c r="TXA710" s="613"/>
      <c r="TXB710" s="613"/>
      <c r="TXC710" s="613"/>
      <c r="TXD710" s="613"/>
      <c r="TXE710" s="613"/>
      <c r="TXF710" s="613"/>
      <c r="TXG710" s="613"/>
      <c r="TXH710" s="613"/>
      <c r="TXI710" s="613"/>
      <c r="TXJ710" s="613"/>
      <c r="TXK710" s="613"/>
      <c r="TXL710" s="613"/>
      <c r="TXM710" s="613"/>
      <c r="TXN710" s="613"/>
      <c r="TXO710" s="613"/>
      <c r="TXP710" s="613"/>
      <c r="TXQ710" s="613"/>
      <c r="TXR710" s="613"/>
      <c r="TXS710" s="613"/>
      <c r="TXT710" s="613"/>
      <c r="TXU710" s="613"/>
      <c r="TXV710" s="613"/>
      <c r="TXW710" s="613"/>
      <c r="TXX710" s="613"/>
      <c r="TXY710" s="613"/>
      <c r="TXZ710" s="613"/>
      <c r="TYA710" s="613"/>
      <c r="TYB710" s="613"/>
      <c r="TYC710" s="613"/>
      <c r="TYD710" s="613"/>
      <c r="TYE710" s="613"/>
      <c r="TYF710" s="613"/>
      <c r="TYG710" s="613"/>
      <c r="TYH710" s="613"/>
      <c r="TYI710" s="613"/>
      <c r="TYJ710" s="613"/>
      <c r="TYK710" s="613"/>
      <c r="TYL710" s="613"/>
      <c r="TYM710" s="613"/>
      <c r="TYN710" s="613"/>
      <c r="TYO710" s="613"/>
      <c r="TYP710" s="613"/>
      <c r="TYQ710" s="613"/>
      <c r="TYR710" s="613"/>
      <c r="TYS710" s="613"/>
      <c r="TYT710" s="613"/>
      <c r="TYU710" s="613"/>
      <c r="TYV710" s="613"/>
      <c r="TYW710" s="613"/>
      <c r="TYX710" s="613"/>
      <c r="TYY710" s="613"/>
      <c r="TYZ710" s="613"/>
      <c r="TZA710" s="613"/>
      <c r="TZB710" s="613"/>
      <c r="TZC710" s="613"/>
      <c r="TZD710" s="613"/>
      <c r="TZE710" s="613"/>
      <c r="TZF710" s="613"/>
      <c r="TZG710" s="613"/>
      <c r="TZH710" s="613"/>
      <c r="TZI710" s="613"/>
      <c r="TZJ710" s="613"/>
      <c r="TZK710" s="613"/>
      <c r="TZL710" s="613"/>
      <c r="TZM710" s="613"/>
      <c r="TZN710" s="613"/>
      <c r="TZO710" s="613"/>
      <c r="TZP710" s="613"/>
      <c r="TZQ710" s="613"/>
      <c r="TZR710" s="613"/>
      <c r="TZS710" s="613"/>
      <c r="TZT710" s="613"/>
      <c r="TZU710" s="613"/>
      <c r="TZV710" s="613"/>
      <c r="TZW710" s="613"/>
      <c r="TZX710" s="613"/>
      <c r="TZY710" s="613"/>
      <c r="TZZ710" s="613"/>
      <c r="UAA710" s="613"/>
      <c r="UAB710" s="613"/>
      <c r="UAC710" s="613"/>
      <c r="UAD710" s="613"/>
      <c r="UAE710" s="613"/>
      <c r="UAF710" s="613"/>
      <c r="UAG710" s="613"/>
      <c r="UAH710" s="613"/>
      <c r="UAI710" s="613"/>
      <c r="UAJ710" s="613"/>
      <c r="UAK710" s="613"/>
      <c r="UAL710" s="613"/>
      <c r="UAM710" s="613"/>
      <c r="UAN710" s="613"/>
      <c r="UAO710" s="613"/>
      <c r="UAP710" s="613"/>
      <c r="UAQ710" s="613"/>
      <c r="UAR710" s="613"/>
      <c r="UAS710" s="613"/>
      <c r="UAT710" s="613"/>
      <c r="UAU710" s="613"/>
      <c r="UAV710" s="613"/>
      <c r="UAW710" s="613"/>
      <c r="UAX710" s="613"/>
      <c r="UAY710" s="613"/>
      <c r="UAZ710" s="613"/>
      <c r="UBA710" s="613"/>
      <c r="UBB710" s="613"/>
      <c r="UBC710" s="613"/>
      <c r="UBD710" s="613"/>
      <c r="UBE710" s="613"/>
      <c r="UBF710" s="613"/>
      <c r="UBG710" s="613"/>
      <c r="UBH710" s="613"/>
      <c r="UBI710" s="613"/>
      <c r="UBJ710" s="613"/>
      <c r="UBK710" s="613"/>
      <c r="UBL710" s="613"/>
      <c r="UBM710" s="613"/>
      <c r="UBN710" s="613"/>
      <c r="UBO710" s="613"/>
      <c r="UBP710" s="613"/>
      <c r="UBQ710" s="613"/>
      <c r="UBR710" s="613"/>
      <c r="UBS710" s="613"/>
      <c r="UBT710" s="613"/>
      <c r="UBU710" s="613"/>
      <c r="UBV710" s="613"/>
      <c r="UBW710" s="613"/>
      <c r="UBX710" s="613"/>
      <c r="UBY710" s="613"/>
      <c r="UBZ710" s="613"/>
      <c r="UCA710" s="613"/>
      <c r="UCB710" s="613"/>
      <c r="UCC710" s="613"/>
      <c r="UCD710" s="613"/>
      <c r="UCE710" s="613"/>
      <c r="UCF710" s="613"/>
      <c r="UCG710" s="613"/>
      <c r="UCH710" s="613"/>
      <c r="UCI710" s="613"/>
      <c r="UCJ710" s="613"/>
      <c r="UCK710" s="613"/>
      <c r="UCL710" s="613"/>
      <c r="UCM710" s="613"/>
      <c r="UCN710" s="613"/>
      <c r="UCO710" s="613"/>
      <c r="UCP710" s="613"/>
      <c r="UCQ710" s="613"/>
      <c r="UCR710" s="613"/>
      <c r="UCS710" s="613"/>
      <c r="UCT710" s="613"/>
      <c r="UCU710" s="613"/>
      <c r="UCV710" s="613"/>
      <c r="UCW710" s="613"/>
      <c r="UCX710" s="613"/>
      <c r="UCY710" s="613"/>
      <c r="UCZ710" s="613"/>
      <c r="UDA710" s="613"/>
      <c r="UDB710" s="613"/>
      <c r="UDC710" s="613"/>
      <c r="UDD710" s="613"/>
      <c r="UDE710" s="613"/>
      <c r="UDF710" s="613"/>
      <c r="UDG710" s="613"/>
      <c r="UDH710" s="613"/>
      <c r="UDI710" s="613"/>
      <c r="UDJ710" s="613"/>
      <c r="UDK710" s="613"/>
      <c r="UDL710" s="613"/>
      <c r="UDM710" s="613"/>
      <c r="UDN710" s="613"/>
      <c r="UDO710" s="613"/>
      <c r="UDP710" s="613"/>
      <c r="UDQ710" s="613"/>
      <c r="UDR710" s="613"/>
      <c r="UDS710" s="613"/>
      <c r="UDT710" s="613"/>
      <c r="UDU710" s="613"/>
      <c r="UDV710" s="613"/>
      <c r="UDW710" s="613"/>
      <c r="UDX710" s="613"/>
      <c r="UDY710" s="613"/>
      <c r="UDZ710" s="613"/>
      <c r="UEA710" s="613"/>
      <c r="UEB710" s="613"/>
      <c r="UEC710" s="613"/>
      <c r="UED710" s="613"/>
      <c r="UEE710" s="613"/>
      <c r="UEF710" s="613"/>
      <c r="UEG710" s="613"/>
      <c r="UEH710" s="613"/>
      <c r="UEI710" s="613"/>
      <c r="UEJ710" s="613"/>
      <c r="UEK710" s="613"/>
      <c r="UEL710" s="613"/>
      <c r="UEM710" s="613"/>
      <c r="UEN710" s="613"/>
      <c r="UEO710" s="613"/>
      <c r="UEP710" s="613"/>
      <c r="UEQ710" s="613"/>
      <c r="UER710" s="613"/>
      <c r="UES710" s="613"/>
      <c r="UET710" s="613"/>
      <c r="UEU710" s="613"/>
      <c r="UEV710" s="613"/>
      <c r="UEW710" s="613"/>
      <c r="UEX710" s="613"/>
      <c r="UEY710" s="613"/>
      <c r="UEZ710" s="613"/>
      <c r="UFA710" s="613"/>
      <c r="UFB710" s="613"/>
      <c r="UFC710" s="613"/>
      <c r="UFD710" s="613"/>
      <c r="UFE710" s="613"/>
      <c r="UFF710" s="613"/>
      <c r="UFG710" s="613"/>
      <c r="UFH710" s="613"/>
      <c r="UFI710" s="613"/>
      <c r="UFJ710" s="613"/>
      <c r="UFK710" s="613"/>
      <c r="UFL710" s="613"/>
      <c r="UFM710" s="613"/>
      <c r="UFN710" s="613"/>
      <c r="UFO710" s="613"/>
      <c r="UFP710" s="613"/>
      <c r="UFQ710" s="613"/>
      <c r="UFR710" s="613"/>
      <c r="UFS710" s="613"/>
      <c r="UFT710" s="613"/>
      <c r="UFU710" s="613"/>
      <c r="UFV710" s="613"/>
      <c r="UFW710" s="613"/>
      <c r="UFX710" s="613"/>
      <c r="UFY710" s="613"/>
      <c r="UFZ710" s="613"/>
      <c r="UGA710" s="613"/>
      <c r="UGB710" s="613"/>
      <c r="UGC710" s="613"/>
      <c r="UGD710" s="613"/>
      <c r="UGE710" s="613"/>
      <c r="UGF710" s="613"/>
      <c r="UGG710" s="613"/>
      <c r="UGH710" s="613"/>
      <c r="UGI710" s="613"/>
      <c r="UGJ710" s="613"/>
      <c r="UGK710" s="613"/>
      <c r="UGL710" s="613"/>
      <c r="UGM710" s="613"/>
      <c r="UGN710" s="613"/>
      <c r="UGO710" s="613"/>
      <c r="UGP710" s="613"/>
      <c r="UGQ710" s="613"/>
      <c r="UGR710" s="613"/>
      <c r="UGS710" s="613"/>
      <c r="UGT710" s="613"/>
      <c r="UGU710" s="613"/>
      <c r="UGV710" s="613"/>
      <c r="UGW710" s="613"/>
      <c r="UGX710" s="613"/>
      <c r="UGY710" s="613"/>
      <c r="UGZ710" s="613"/>
      <c r="UHA710" s="613"/>
      <c r="UHB710" s="613"/>
      <c r="UHC710" s="613"/>
      <c r="UHD710" s="613"/>
      <c r="UHE710" s="613"/>
      <c r="UHF710" s="613"/>
      <c r="UHG710" s="613"/>
      <c r="UHH710" s="613"/>
      <c r="UHI710" s="613"/>
      <c r="UHJ710" s="613"/>
      <c r="UHK710" s="613"/>
      <c r="UHL710" s="613"/>
      <c r="UHM710" s="613"/>
      <c r="UHN710" s="613"/>
      <c r="UHO710" s="613"/>
      <c r="UHP710" s="613"/>
      <c r="UHQ710" s="613"/>
      <c r="UHR710" s="613"/>
      <c r="UHS710" s="613"/>
      <c r="UHT710" s="613"/>
      <c r="UHU710" s="613"/>
      <c r="UHV710" s="613"/>
      <c r="UHW710" s="613"/>
      <c r="UHX710" s="613"/>
      <c r="UHY710" s="613"/>
      <c r="UHZ710" s="613"/>
      <c r="UIA710" s="613"/>
      <c r="UIB710" s="613"/>
      <c r="UIC710" s="613"/>
      <c r="UID710" s="613"/>
      <c r="UIE710" s="613"/>
      <c r="UIF710" s="613"/>
      <c r="UIG710" s="613"/>
      <c r="UIH710" s="613"/>
      <c r="UII710" s="613"/>
      <c r="UIJ710" s="613"/>
      <c r="UIK710" s="613"/>
      <c r="UIL710" s="613"/>
      <c r="UIM710" s="613"/>
      <c r="UIN710" s="613"/>
      <c r="UIO710" s="613"/>
      <c r="UIP710" s="613"/>
      <c r="UIQ710" s="613"/>
      <c r="UIR710" s="613"/>
      <c r="UIS710" s="613"/>
      <c r="UIT710" s="613"/>
      <c r="UIU710" s="613"/>
      <c r="UIV710" s="613"/>
      <c r="UIW710" s="613"/>
      <c r="UIX710" s="613"/>
      <c r="UIY710" s="613"/>
      <c r="UIZ710" s="613"/>
      <c r="UJA710" s="613"/>
      <c r="UJB710" s="613"/>
      <c r="UJC710" s="613"/>
      <c r="UJD710" s="613"/>
      <c r="UJE710" s="613"/>
      <c r="UJF710" s="613"/>
      <c r="UJG710" s="613"/>
      <c r="UJH710" s="613"/>
      <c r="UJI710" s="613"/>
      <c r="UJJ710" s="613"/>
      <c r="UJK710" s="613"/>
      <c r="UJL710" s="613"/>
      <c r="UJM710" s="613"/>
      <c r="UJN710" s="613"/>
      <c r="UJO710" s="613"/>
      <c r="UJP710" s="613"/>
      <c r="UJQ710" s="613"/>
      <c r="UJR710" s="613"/>
      <c r="UJS710" s="613"/>
      <c r="UJT710" s="613"/>
      <c r="UJU710" s="613"/>
      <c r="UJV710" s="613"/>
      <c r="UJW710" s="613"/>
      <c r="UJX710" s="613"/>
      <c r="UJY710" s="613"/>
      <c r="UJZ710" s="613"/>
      <c r="UKA710" s="613"/>
      <c r="UKB710" s="613"/>
      <c r="UKC710" s="613"/>
      <c r="UKD710" s="613"/>
      <c r="UKE710" s="613"/>
      <c r="UKF710" s="613"/>
      <c r="UKG710" s="613"/>
      <c r="UKH710" s="613"/>
      <c r="UKI710" s="613"/>
      <c r="UKJ710" s="613"/>
      <c r="UKK710" s="613"/>
      <c r="UKL710" s="613"/>
      <c r="UKM710" s="613"/>
      <c r="UKN710" s="613"/>
      <c r="UKO710" s="613"/>
      <c r="UKP710" s="613"/>
      <c r="UKQ710" s="613"/>
      <c r="UKR710" s="613"/>
      <c r="UKS710" s="613"/>
      <c r="UKT710" s="613"/>
      <c r="UKU710" s="613"/>
      <c r="UKV710" s="613"/>
      <c r="UKW710" s="613"/>
      <c r="UKX710" s="613"/>
      <c r="UKY710" s="613"/>
      <c r="UKZ710" s="613"/>
      <c r="ULA710" s="613"/>
      <c r="ULB710" s="613"/>
      <c r="ULC710" s="613"/>
      <c r="ULD710" s="613"/>
      <c r="ULE710" s="613"/>
      <c r="ULF710" s="613"/>
      <c r="ULG710" s="613"/>
      <c r="ULH710" s="613"/>
      <c r="ULI710" s="613"/>
      <c r="ULJ710" s="613"/>
      <c r="ULK710" s="613"/>
      <c r="ULL710" s="613"/>
      <c r="ULM710" s="613"/>
      <c r="ULN710" s="613"/>
      <c r="ULO710" s="613"/>
      <c r="ULP710" s="613"/>
      <c r="ULQ710" s="613"/>
      <c r="ULR710" s="613"/>
      <c r="ULS710" s="613"/>
      <c r="ULT710" s="613"/>
      <c r="ULU710" s="613"/>
      <c r="ULV710" s="613"/>
      <c r="ULW710" s="613"/>
      <c r="ULX710" s="613"/>
      <c r="ULY710" s="613"/>
      <c r="ULZ710" s="613"/>
      <c r="UMA710" s="613"/>
      <c r="UMB710" s="613"/>
      <c r="UMC710" s="613"/>
      <c r="UMD710" s="613"/>
      <c r="UME710" s="613"/>
      <c r="UMF710" s="613"/>
      <c r="UMG710" s="613"/>
      <c r="UMH710" s="613"/>
      <c r="UMI710" s="613"/>
      <c r="UMJ710" s="613"/>
      <c r="UMK710" s="613"/>
      <c r="UML710" s="613"/>
      <c r="UMM710" s="613"/>
      <c r="UMN710" s="613"/>
      <c r="UMO710" s="613"/>
      <c r="UMP710" s="613"/>
      <c r="UMQ710" s="613"/>
      <c r="UMR710" s="613"/>
      <c r="UMS710" s="613"/>
      <c r="UMT710" s="613"/>
      <c r="UMU710" s="613"/>
      <c r="UMV710" s="613"/>
      <c r="UMW710" s="613"/>
      <c r="UMX710" s="613"/>
      <c r="UMY710" s="613"/>
      <c r="UMZ710" s="613"/>
      <c r="UNA710" s="613"/>
      <c r="UNB710" s="613"/>
      <c r="UNC710" s="613"/>
      <c r="UND710" s="613"/>
      <c r="UNE710" s="613"/>
      <c r="UNF710" s="613"/>
      <c r="UNG710" s="613"/>
      <c r="UNH710" s="613"/>
      <c r="UNI710" s="613"/>
      <c r="UNJ710" s="613"/>
      <c r="UNK710" s="613"/>
      <c r="UNL710" s="613"/>
      <c r="UNM710" s="613"/>
      <c r="UNN710" s="613"/>
      <c r="UNO710" s="613"/>
      <c r="UNP710" s="613"/>
      <c r="UNQ710" s="613"/>
      <c r="UNR710" s="613"/>
      <c r="UNS710" s="613"/>
      <c r="UNT710" s="613"/>
      <c r="UNU710" s="613"/>
      <c r="UNV710" s="613"/>
      <c r="UNW710" s="613"/>
      <c r="UNX710" s="613"/>
      <c r="UNY710" s="613"/>
      <c r="UNZ710" s="613"/>
      <c r="UOA710" s="613"/>
      <c r="UOB710" s="613"/>
      <c r="UOC710" s="613"/>
      <c r="UOD710" s="613"/>
      <c r="UOE710" s="613"/>
      <c r="UOF710" s="613"/>
      <c r="UOG710" s="613"/>
      <c r="UOH710" s="613"/>
      <c r="UOI710" s="613"/>
      <c r="UOJ710" s="613"/>
      <c r="UOK710" s="613"/>
      <c r="UOL710" s="613"/>
      <c r="UOM710" s="613"/>
      <c r="UON710" s="613"/>
      <c r="UOO710" s="613"/>
      <c r="UOP710" s="613"/>
      <c r="UOQ710" s="613"/>
      <c r="UOR710" s="613"/>
      <c r="UOS710" s="613"/>
      <c r="UOT710" s="613"/>
      <c r="UOU710" s="613"/>
      <c r="UOV710" s="613"/>
      <c r="UOW710" s="613"/>
      <c r="UOX710" s="613"/>
      <c r="UOY710" s="613"/>
      <c r="UOZ710" s="613"/>
      <c r="UPA710" s="613"/>
      <c r="UPB710" s="613"/>
      <c r="UPC710" s="613"/>
      <c r="UPD710" s="613"/>
      <c r="UPE710" s="613"/>
      <c r="UPF710" s="613"/>
      <c r="UPG710" s="613"/>
      <c r="UPH710" s="613"/>
      <c r="UPI710" s="613"/>
      <c r="UPJ710" s="613"/>
      <c r="UPK710" s="613"/>
      <c r="UPL710" s="613"/>
      <c r="UPM710" s="613"/>
      <c r="UPN710" s="613"/>
      <c r="UPO710" s="613"/>
      <c r="UPP710" s="613"/>
      <c r="UPQ710" s="613"/>
      <c r="UPR710" s="613"/>
      <c r="UPS710" s="613"/>
      <c r="UPT710" s="613"/>
      <c r="UPU710" s="613"/>
      <c r="UPV710" s="613"/>
      <c r="UPW710" s="613"/>
      <c r="UPX710" s="613"/>
      <c r="UPY710" s="613"/>
      <c r="UPZ710" s="613"/>
      <c r="UQA710" s="613"/>
      <c r="UQB710" s="613"/>
      <c r="UQC710" s="613"/>
      <c r="UQD710" s="613"/>
      <c r="UQE710" s="613"/>
      <c r="UQF710" s="613"/>
      <c r="UQG710" s="613"/>
      <c r="UQH710" s="613"/>
      <c r="UQI710" s="613"/>
      <c r="UQJ710" s="613"/>
      <c r="UQK710" s="613"/>
      <c r="UQL710" s="613"/>
      <c r="UQM710" s="613"/>
      <c r="UQN710" s="613"/>
      <c r="UQO710" s="613"/>
      <c r="UQP710" s="613"/>
      <c r="UQQ710" s="613"/>
      <c r="UQR710" s="613"/>
      <c r="UQS710" s="613"/>
      <c r="UQT710" s="613"/>
      <c r="UQU710" s="613"/>
      <c r="UQV710" s="613"/>
      <c r="UQW710" s="613"/>
      <c r="UQX710" s="613"/>
      <c r="UQY710" s="613"/>
      <c r="UQZ710" s="613"/>
      <c r="URA710" s="613"/>
      <c r="URB710" s="613"/>
      <c r="URC710" s="613"/>
      <c r="URD710" s="613"/>
      <c r="URE710" s="613"/>
      <c r="URF710" s="613"/>
      <c r="URG710" s="613"/>
      <c r="URH710" s="613"/>
      <c r="URI710" s="613"/>
      <c r="URJ710" s="613"/>
      <c r="URK710" s="613"/>
      <c r="URL710" s="613"/>
      <c r="URM710" s="613"/>
      <c r="URN710" s="613"/>
      <c r="URO710" s="613"/>
      <c r="URP710" s="613"/>
      <c r="URQ710" s="613"/>
      <c r="URR710" s="613"/>
      <c r="URS710" s="613"/>
      <c r="URT710" s="613"/>
      <c r="URU710" s="613"/>
      <c r="URV710" s="613"/>
      <c r="URW710" s="613"/>
      <c r="URX710" s="613"/>
      <c r="URY710" s="613"/>
      <c r="URZ710" s="613"/>
      <c r="USA710" s="613"/>
      <c r="USB710" s="613"/>
      <c r="USC710" s="613"/>
      <c r="USD710" s="613"/>
      <c r="USE710" s="613"/>
      <c r="USF710" s="613"/>
      <c r="USG710" s="613"/>
      <c r="USH710" s="613"/>
      <c r="USI710" s="613"/>
      <c r="USJ710" s="613"/>
      <c r="USK710" s="613"/>
      <c r="USL710" s="613"/>
      <c r="USM710" s="613"/>
      <c r="USN710" s="613"/>
      <c r="USO710" s="613"/>
      <c r="USP710" s="613"/>
      <c r="USQ710" s="613"/>
      <c r="USR710" s="613"/>
      <c r="USS710" s="613"/>
      <c r="UST710" s="613"/>
      <c r="USU710" s="613"/>
      <c r="USV710" s="613"/>
      <c r="USW710" s="613"/>
      <c r="USX710" s="613"/>
      <c r="USY710" s="613"/>
      <c r="USZ710" s="613"/>
      <c r="UTA710" s="613"/>
      <c r="UTB710" s="613"/>
      <c r="UTC710" s="613"/>
      <c r="UTD710" s="613"/>
      <c r="UTE710" s="613"/>
      <c r="UTF710" s="613"/>
      <c r="UTG710" s="613"/>
      <c r="UTH710" s="613"/>
      <c r="UTI710" s="613"/>
      <c r="UTJ710" s="613"/>
      <c r="UTK710" s="613"/>
      <c r="UTL710" s="613"/>
      <c r="UTM710" s="613"/>
      <c r="UTN710" s="613"/>
      <c r="UTO710" s="613"/>
      <c r="UTP710" s="613"/>
      <c r="UTQ710" s="613"/>
      <c r="UTR710" s="613"/>
      <c r="UTS710" s="613"/>
      <c r="UTT710" s="613"/>
      <c r="UTU710" s="613"/>
      <c r="UTV710" s="613"/>
      <c r="UTW710" s="613"/>
      <c r="UTX710" s="613"/>
      <c r="UTY710" s="613"/>
      <c r="UTZ710" s="613"/>
      <c r="UUA710" s="613"/>
      <c r="UUB710" s="613"/>
      <c r="UUC710" s="613"/>
      <c r="UUD710" s="613"/>
      <c r="UUE710" s="613"/>
      <c r="UUF710" s="613"/>
      <c r="UUG710" s="613"/>
      <c r="UUH710" s="613"/>
      <c r="UUI710" s="613"/>
      <c r="UUJ710" s="613"/>
      <c r="UUK710" s="613"/>
      <c r="UUL710" s="613"/>
      <c r="UUM710" s="613"/>
      <c r="UUN710" s="613"/>
      <c r="UUO710" s="613"/>
      <c r="UUP710" s="613"/>
      <c r="UUQ710" s="613"/>
      <c r="UUR710" s="613"/>
      <c r="UUS710" s="613"/>
      <c r="UUT710" s="613"/>
      <c r="UUU710" s="613"/>
      <c r="UUV710" s="613"/>
      <c r="UUW710" s="613"/>
      <c r="UUX710" s="613"/>
      <c r="UUY710" s="613"/>
      <c r="UUZ710" s="613"/>
      <c r="UVA710" s="613"/>
      <c r="UVB710" s="613"/>
      <c r="UVC710" s="613"/>
      <c r="UVD710" s="613"/>
      <c r="UVE710" s="613"/>
      <c r="UVF710" s="613"/>
      <c r="UVG710" s="613"/>
      <c r="UVH710" s="613"/>
      <c r="UVI710" s="613"/>
      <c r="UVJ710" s="613"/>
      <c r="UVK710" s="613"/>
      <c r="UVL710" s="613"/>
      <c r="UVM710" s="613"/>
      <c r="UVN710" s="613"/>
      <c r="UVO710" s="613"/>
      <c r="UVP710" s="613"/>
      <c r="UVQ710" s="613"/>
      <c r="UVR710" s="613"/>
      <c r="UVS710" s="613"/>
      <c r="UVT710" s="613"/>
      <c r="UVU710" s="613"/>
      <c r="UVV710" s="613"/>
      <c r="UVW710" s="613"/>
      <c r="UVX710" s="613"/>
      <c r="UVY710" s="613"/>
      <c r="UVZ710" s="613"/>
      <c r="UWA710" s="613"/>
      <c r="UWB710" s="613"/>
      <c r="UWC710" s="613"/>
      <c r="UWD710" s="613"/>
      <c r="UWE710" s="613"/>
      <c r="UWF710" s="613"/>
      <c r="UWG710" s="613"/>
      <c r="UWH710" s="613"/>
      <c r="UWI710" s="613"/>
      <c r="UWJ710" s="613"/>
      <c r="UWK710" s="613"/>
      <c r="UWL710" s="613"/>
      <c r="UWM710" s="613"/>
      <c r="UWN710" s="613"/>
      <c r="UWO710" s="613"/>
      <c r="UWP710" s="613"/>
      <c r="UWQ710" s="613"/>
      <c r="UWR710" s="613"/>
      <c r="UWS710" s="613"/>
      <c r="UWT710" s="613"/>
      <c r="UWU710" s="613"/>
      <c r="UWV710" s="613"/>
      <c r="UWW710" s="613"/>
      <c r="UWX710" s="613"/>
      <c r="UWY710" s="613"/>
      <c r="UWZ710" s="613"/>
      <c r="UXA710" s="613"/>
      <c r="UXB710" s="613"/>
      <c r="UXC710" s="613"/>
      <c r="UXD710" s="613"/>
      <c r="UXE710" s="613"/>
      <c r="UXF710" s="613"/>
      <c r="UXG710" s="613"/>
      <c r="UXH710" s="613"/>
      <c r="UXI710" s="613"/>
      <c r="UXJ710" s="613"/>
      <c r="UXK710" s="613"/>
      <c r="UXL710" s="613"/>
      <c r="UXM710" s="613"/>
      <c r="UXN710" s="613"/>
      <c r="UXO710" s="613"/>
      <c r="UXP710" s="613"/>
      <c r="UXQ710" s="613"/>
      <c r="UXR710" s="613"/>
      <c r="UXS710" s="613"/>
      <c r="UXT710" s="613"/>
      <c r="UXU710" s="613"/>
      <c r="UXV710" s="613"/>
      <c r="UXW710" s="613"/>
      <c r="UXX710" s="613"/>
      <c r="UXY710" s="613"/>
      <c r="UXZ710" s="613"/>
      <c r="UYA710" s="613"/>
      <c r="UYB710" s="613"/>
      <c r="UYC710" s="613"/>
      <c r="UYD710" s="613"/>
      <c r="UYE710" s="613"/>
      <c r="UYF710" s="613"/>
      <c r="UYG710" s="613"/>
      <c r="UYH710" s="613"/>
      <c r="UYI710" s="613"/>
      <c r="UYJ710" s="613"/>
      <c r="UYK710" s="613"/>
      <c r="UYL710" s="613"/>
      <c r="UYM710" s="613"/>
      <c r="UYN710" s="613"/>
      <c r="UYO710" s="613"/>
      <c r="UYP710" s="613"/>
      <c r="UYQ710" s="613"/>
      <c r="UYR710" s="613"/>
      <c r="UYS710" s="613"/>
      <c r="UYT710" s="613"/>
      <c r="UYU710" s="613"/>
      <c r="UYV710" s="613"/>
      <c r="UYW710" s="613"/>
      <c r="UYX710" s="613"/>
      <c r="UYY710" s="613"/>
      <c r="UYZ710" s="613"/>
      <c r="UZA710" s="613"/>
      <c r="UZB710" s="613"/>
      <c r="UZC710" s="613"/>
      <c r="UZD710" s="613"/>
      <c r="UZE710" s="613"/>
      <c r="UZF710" s="613"/>
      <c r="UZG710" s="613"/>
      <c r="UZH710" s="613"/>
      <c r="UZI710" s="613"/>
      <c r="UZJ710" s="613"/>
      <c r="UZK710" s="613"/>
      <c r="UZL710" s="613"/>
      <c r="UZM710" s="613"/>
      <c r="UZN710" s="613"/>
      <c r="UZO710" s="613"/>
      <c r="UZP710" s="613"/>
      <c r="UZQ710" s="613"/>
      <c r="UZR710" s="613"/>
      <c r="UZS710" s="613"/>
      <c r="UZT710" s="613"/>
      <c r="UZU710" s="613"/>
      <c r="UZV710" s="613"/>
      <c r="UZW710" s="613"/>
      <c r="UZX710" s="613"/>
      <c r="UZY710" s="613"/>
      <c r="UZZ710" s="613"/>
      <c r="VAA710" s="613"/>
      <c r="VAB710" s="613"/>
      <c r="VAC710" s="613"/>
      <c r="VAD710" s="613"/>
      <c r="VAE710" s="613"/>
      <c r="VAF710" s="613"/>
      <c r="VAG710" s="613"/>
      <c r="VAH710" s="613"/>
      <c r="VAI710" s="613"/>
      <c r="VAJ710" s="613"/>
      <c r="VAK710" s="613"/>
      <c r="VAL710" s="613"/>
      <c r="VAM710" s="613"/>
      <c r="VAN710" s="613"/>
      <c r="VAO710" s="613"/>
      <c r="VAP710" s="613"/>
      <c r="VAQ710" s="613"/>
      <c r="VAR710" s="613"/>
      <c r="VAS710" s="613"/>
      <c r="VAT710" s="613"/>
      <c r="VAU710" s="613"/>
      <c r="VAV710" s="613"/>
      <c r="VAW710" s="613"/>
      <c r="VAX710" s="613"/>
      <c r="VAY710" s="613"/>
      <c r="VAZ710" s="613"/>
      <c r="VBA710" s="613"/>
      <c r="VBB710" s="613"/>
      <c r="VBC710" s="613"/>
      <c r="VBD710" s="613"/>
      <c r="VBE710" s="613"/>
      <c r="VBF710" s="613"/>
      <c r="VBG710" s="613"/>
      <c r="VBH710" s="613"/>
      <c r="VBI710" s="613"/>
      <c r="VBJ710" s="613"/>
      <c r="VBK710" s="613"/>
      <c r="VBL710" s="613"/>
      <c r="VBM710" s="613"/>
      <c r="VBN710" s="613"/>
      <c r="VBO710" s="613"/>
      <c r="VBP710" s="613"/>
      <c r="VBQ710" s="613"/>
      <c r="VBR710" s="613"/>
      <c r="VBS710" s="613"/>
      <c r="VBT710" s="613"/>
      <c r="VBU710" s="613"/>
      <c r="VBV710" s="613"/>
      <c r="VBW710" s="613"/>
      <c r="VBX710" s="613"/>
      <c r="VBY710" s="613"/>
      <c r="VBZ710" s="613"/>
      <c r="VCA710" s="613"/>
      <c r="VCB710" s="613"/>
      <c r="VCC710" s="613"/>
      <c r="VCD710" s="613"/>
      <c r="VCE710" s="613"/>
      <c r="VCF710" s="613"/>
      <c r="VCG710" s="613"/>
      <c r="VCH710" s="613"/>
      <c r="VCI710" s="613"/>
      <c r="VCJ710" s="613"/>
      <c r="VCK710" s="613"/>
      <c r="VCL710" s="613"/>
      <c r="VCM710" s="613"/>
      <c r="VCN710" s="613"/>
      <c r="VCO710" s="613"/>
      <c r="VCP710" s="613"/>
      <c r="VCQ710" s="613"/>
      <c r="VCR710" s="613"/>
      <c r="VCS710" s="613"/>
      <c r="VCT710" s="613"/>
      <c r="VCU710" s="613"/>
      <c r="VCV710" s="613"/>
      <c r="VCW710" s="613"/>
      <c r="VCX710" s="613"/>
      <c r="VCY710" s="613"/>
      <c r="VCZ710" s="613"/>
      <c r="VDA710" s="613"/>
      <c r="VDB710" s="613"/>
      <c r="VDC710" s="613"/>
      <c r="VDD710" s="613"/>
      <c r="VDE710" s="613"/>
      <c r="VDF710" s="613"/>
      <c r="VDG710" s="613"/>
      <c r="VDH710" s="613"/>
      <c r="VDI710" s="613"/>
      <c r="VDJ710" s="613"/>
      <c r="VDK710" s="613"/>
      <c r="VDL710" s="613"/>
      <c r="VDM710" s="613"/>
      <c r="VDN710" s="613"/>
      <c r="VDO710" s="613"/>
      <c r="VDP710" s="613"/>
      <c r="VDQ710" s="613"/>
      <c r="VDR710" s="613"/>
      <c r="VDS710" s="613"/>
      <c r="VDT710" s="613"/>
      <c r="VDU710" s="613"/>
      <c r="VDV710" s="613"/>
      <c r="VDW710" s="613"/>
      <c r="VDX710" s="613"/>
      <c r="VDY710" s="613"/>
      <c r="VDZ710" s="613"/>
      <c r="VEA710" s="613"/>
      <c r="VEB710" s="613"/>
      <c r="VEC710" s="613"/>
      <c r="VED710" s="613"/>
      <c r="VEE710" s="613"/>
      <c r="VEF710" s="613"/>
      <c r="VEG710" s="613"/>
      <c r="VEH710" s="613"/>
      <c r="VEI710" s="613"/>
      <c r="VEJ710" s="613"/>
      <c r="VEK710" s="613"/>
      <c r="VEL710" s="613"/>
      <c r="VEM710" s="613"/>
      <c r="VEN710" s="613"/>
      <c r="VEO710" s="613"/>
      <c r="VEP710" s="613"/>
      <c r="VEQ710" s="613"/>
      <c r="VER710" s="613"/>
      <c r="VES710" s="613"/>
      <c r="VET710" s="613"/>
      <c r="VEU710" s="613"/>
      <c r="VEV710" s="613"/>
      <c r="VEW710" s="613"/>
      <c r="VEX710" s="613"/>
      <c r="VEY710" s="613"/>
      <c r="VEZ710" s="613"/>
      <c r="VFA710" s="613"/>
      <c r="VFB710" s="613"/>
      <c r="VFC710" s="613"/>
      <c r="VFD710" s="613"/>
      <c r="VFE710" s="613"/>
      <c r="VFF710" s="613"/>
      <c r="VFG710" s="613"/>
      <c r="VFH710" s="613"/>
      <c r="VFI710" s="613"/>
      <c r="VFJ710" s="613"/>
      <c r="VFK710" s="613"/>
      <c r="VFL710" s="613"/>
      <c r="VFM710" s="613"/>
      <c r="VFN710" s="613"/>
      <c r="VFO710" s="613"/>
      <c r="VFP710" s="613"/>
      <c r="VFQ710" s="613"/>
      <c r="VFR710" s="613"/>
      <c r="VFS710" s="613"/>
      <c r="VFT710" s="613"/>
      <c r="VFU710" s="613"/>
      <c r="VFV710" s="613"/>
      <c r="VFW710" s="613"/>
      <c r="VFX710" s="613"/>
      <c r="VFY710" s="613"/>
      <c r="VFZ710" s="613"/>
      <c r="VGA710" s="613"/>
      <c r="VGB710" s="613"/>
      <c r="VGC710" s="613"/>
      <c r="VGD710" s="613"/>
      <c r="VGE710" s="613"/>
      <c r="VGF710" s="613"/>
      <c r="VGG710" s="613"/>
      <c r="VGH710" s="613"/>
      <c r="VGI710" s="613"/>
      <c r="VGJ710" s="613"/>
      <c r="VGK710" s="613"/>
      <c r="VGL710" s="613"/>
      <c r="VGM710" s="613"/>
      <c r="VGN710" s="613"/>
      <c r="VGO710" s="613"/>
      <c r="VGP710" s="613"/>
      <c r="VGQ710" s="613"/>
      <c r="VGR710" s="613"/>
      <c r="VGS710" s="613"/>
      <c r="VGT710" s="613"/>
      <c r="VGU710" s="613"/>
      <c r="VGV710" s="613"/>
      <c r="VGW710" s="613"/>
      <c r="VGX710" s="613"/>
      <c r="VGY710" s="613"/>
      <c r="VGZ710" s="613"/>
      <c r="VHA710" s="613"/>
      <c r="VHB710" s="613"/>
      <c r="VHC710" s="613"/>
      <c r="VHD710" s="613"/>
      <c r="VHE710" s="613"/>
      <c r="VHF710" s="613"/>
      <c r="VHG710" s="613"/>
      <c r="VHH710" s="613"/>
      <c r="VHI710" s="613"/>
      <c r="VHJ710" s="613"/>
      <c r="VHK710" s="613"/>
      <c r="VHL710" s="613"/>
      <c r="VHM710" s="613"/>
      <c r="VHN710" s="613"/>
      <c r="VHO710" s="613"/>
      <c r="VHP710" s="613"/>
      <c r="VHQ710" s="613"/>
      <c r="VHR710" s="613"/>
      <c r="VHS710" s="613"/>
      <c r="VHT710" s="613"/>
      <c r="VHU710" s="613"/>
      <c r="VHV710" s="613"/>
      <c r="VHW710" s="613"/>
      <c r="VHX710" s="613"/>
      <c r="VHY710" s="613"/>
      <c r="VHZ710" s="613"/>
      <c r="VIA710" s="613"/>
      <c r="VIB710" s="613"/>
      <c r="VIC710" s="613"/>
      <c r="VID710" s="613"/>
      <c r="VIE710" s="613"/>
      <c r="VIF710" s="613"/>
      <c r="VIG710" s="613"/>
      <c r="VIH710" s="613"/>
      <c r="VII710" s="613"/>
      <c r="VIJ710" s="613"/>
      <c r="VIK710" s="613"/>
      <c r="VIL710" s="613"/>
      <c r="VIM710" s="613"/>
      <c r="VIN710" s="613"/>
      <c r="VIO710" s="613"/>
      <c r="VIP710" s="613"/>
      <c r="VIQ710" s="613"/>
      <c r="VIR710" s="613"/>
      <c r="VIS710" s="613"/>
      <c r="VIT710" s="613"/>
      <c r="VIU710" s="613"/>
      <c r="VIV710" s="613"/>
      <c r="VIW710" s="613"/>
      <c r="VIX710" s="613"/>
      <c r="VIY710" s="613"/>
      <c r="VIZ710" s="613"/>
      <c r="VJA710" s="613"/>
      <c r="VJB710" s="613"/>
      <c r="VJC710" s="613"/>
      <c r="VJD710" s="613"/>
      <c r="VJE710" s="613"/>
      <c r="VJF710" s="613"/>
      <c r="VJG710" s="613"/>
      <c r="VJH710" s="613"/>
      <c r="VJI710" s="613"/>
      <c r="VJJ710" s="613"/>
      <c r="VJK710" s="613"/>
      <c r="VJL710" s="613"/>
      <c r="VJM710" s="613"/>
      <c r="VJN710" s="613"/>
      <c r="VJO710" s="613"/>
      <c r="VJP710" s="613"/>
      <c r="VJQ710" s="613"/>
      <c r="VJR710" s="613"/>
      <c r="VJS710" s="613"/>
      <c r="VJT710" s="613"/>
      <c r="VJU710" s="613"/>
      <c r="VJV710" s="613"/>
      <c r="VJW710" s="613"/>
      <c r="VJX710" s="613"/>
      <c r="VJY710" s="613"/>
      <c r="VJZ710" s="613"/>
      <c r="VKA710" s="613"/>
      <c r="VKB710" s="613"/>
      <c r="VKC710" s="613"/>
      <c r="VKD710" s="613"/>
      <c r="VKE710" s="613"/>
      <c r="VKF710" s="613"/>
      <c r="VKG710" s="613"/>
      <c r="VKH710" s="613"/>
      <c r="VKI710" s="613"/>
      <c r="VKJ710" s="613"/>
      <c r="VKK710" s="613"/>
      <c r="VKL710" s="613"/>
      <c r="VKM710" s="613"/>
      <c r="VKN710" s="613"/>
      <c r="VKO710" s="613"/>
      <c r="VKP710" s="613"/>
      <c r="VKQ710" s="613"/>
      <c r="VKR710" s="613"/>
      <c r="VKS710" s="613"/>
      <c r="VKT710" s="613"/>
      <c r="VKU710" s="613"/>
      <c r="VKV710" s="613"/>
      <c r="VKW710" s="613"/>
      <c r="VKX710" s="613"/>
      <c r="VKY710" s="613"/>
      <c r="VKZ710" s="613"/>
      <c r="VLA710" s="613"/>
      <c r="VLB710" s="613"/>
      <c r="VLC710" s="613"/>
      <c r="VLD710" s="613"/>
      <c r="VLE710" s="613"/>
      <c r="VLF710" s="613"/>
      <c r="VLG710" s="613"/>
      <c r="VLH710" s="613"/>
      <c r="VLI710" s="613"/>
      <c r="VLJ710" s="613"/>
      <c r="VLK710" s="613"/>
      <c r="VLL710" s="613"/>
      <c r="VLM710" s="613"/>
      <c r="VLN710" s="613"/>
      <c r="VLO710" s="613"/>
      <c r="VLP710" s="613"/>
      <c r="VLQ710" s="613"/>
      <c r="VLR710" s="613"/>
      <c r="VLS710" s="613"/>
      <c r="VLT710" s="613"/>
      <c r="VLU710" s="613"/>
      <c r="VLV710" s="613"/>
      <c r="VLW710" s="613"/>
      <c r="VLX710" s="613"/>
      <c r="VLY710" s="613"/>
      <c r="VLZ710" s="613"/>
      <c r="VMA710" s="613"/>
      <c r="VMB710" s="613"/>
      <c r="VMC710" s="613"/>
      <c r="VMD710" s="613"/>
      <c r="VME710" s="613"/>
      <c r="VMF710" s="613"/>
      <c r="VMG710" s="613"/>
      <c r="VMH710" s="613"/>
      <c r="VMI710" s="613"/>
      <c r="VMJ710" s="613"/>
      <c r="VMK710" s="613"/>
      <c r="VML710" s="613"/>
      <c r="VMM710" s="613"/>
      <c r="VMN710" s="613"/>
      <c r="VMO710" s="613"/>
      <c r="VMP710" s="613"/>
      <c r="VMQ710" s="613"/>
      <c r="VMR710" s="613"/>
      <c r="VMS710" s="613"/>
      <c r="VMT710" s="613"/>
      <c r="VMU710" s="613"/>
      <c r="VMV710" s="613"/>
      <c r="VMW710" s="613"/>
      <c r="VMX710" s="613"/>
      <c r="VMY710" s="613"/>
      <c r="VMZ710" s="613"/>
      <c r="VNA710" s="613"/>
      <c r="VNB710" s="613"/>
      <c r="VNC710" s="613"/>
      <c r="VND710" s="613"/>
      <c r="VNE710" s="613"/>
      <c r="VNF710" s="613"/>
      <c r="VNG710" s="613"/>
      <c r="VNH710" s="613"/>
      <c r="VNI710" s="613"/>
      <c r="VNJ710" s="613"/>
      <c r="VNK710" s="613"/>
      <c r="VNL710" s="613"/>
      <c r="VNM710" s="613"/>
      <c r="VNN710" s="613"/>
      <c r="VNO710" s="613"/>
      <c r="VNP710" s="613"/>
      <c r="VNQ710" s="613"/>
      <c r="VNR710" s="613"/>
      <c r="VNS710" s="613"/>
      <c r="VNT710" s="613"/>
      <c r="VNU710" s="613"/>
      <c r="VNV710" s="613"/>
      <c r="VNW710" s="613"/>
      <c r="VNX710" s="613"/>
      <c r="VNY710" s="613"/>
      <c r="VNZ710" s="613"/>
      <c r="VOA710" s="613"/>
      <c r="VOB710" s="613"/>
      <c r="VOC710" s="613"/>
      <c r="VOD710" s="613"/>
      <c r="VOE710" s="613"/>
      <c r="VOF710" s="613"/>
      <c r="VOG710" s="613"/>
      <c r="VOH710" s="613"/>
      <c r="VOI710" s="613"/>
      <c r="VOJ710" s="613"/>
      <c r="VOK710" s="613"/>
      <c r="VOL710" s="613"/>
      <c r="VOM710" s="613"/>
      <c r="VON710" s="613"/>
      <c r="VOO710" s="613"/>
      <c r="VOP710" s="613"/>
      <c r="VOQ710" s="613"/>
      <c r="VOR710" s="613"/>
      <c r="VOS710" s="613"/>
      <c r="VOT710" s="613"/>
      <c r="VOU710" s="613"/>
      <c r="VOV710" s="613"/>
      <c r="VOW710" s="613"/>
      <c r="VOX710" s="613"/>
      <c r="VOY710" s="613"/>
      <c r="VOZ710" s="613"/>
      <c r="VPA710" s="613"/>
      <c r="VPB710" s="613"/>
      <c r="VPC710" s="613"/>
      <c r="VPD710" s="613"/>
      <c r="VPE710" s="613"/>
      <c r="VPF710" s="613"/>
      <c r="VPG710" s="613"/>
      <c r="VPH710" s="613"/>
      <c r="VPI710" s="613"/>
      <c r="VPJ710" s="613"/>
      <c r="VPK710" s="613"/>
      <c r="VPL710" s="613"/>
      <c r="VPM710" s="613"/>
      <c r="VPN710" s="613"/>
      <c r="VPO710" s="613"/>
      <c r="VPP710" s="613"/>
      <c r="VPQ710" s="613"/>
      <c r="VPR710" s="613"/>
      <c r="VPS710" s="613"/>
      <c r="VPT710" s="613"/>
      <c r="VPU710" s="613"/>
      <c r="VPV710" s="613"/>
      <c r="VPW710" s="613"/>
      <c r="VPX710" s="613"/>
      <c r="VPY710" s="613"/>
      <c r="VPZ710" s="613"/>
      <c r="VQA710" s="613"/>
      <c r="VQB710" s="613"/>
      <c r="VQC710" s="613"/>
      <c r="VQD710" s="613"/>
      <c r="VQE710" s="613"/>
      <c r="VQF710" s="613"/>
      <c r="VQG710" s="613"/>
      <c r="VQH710" s="613"/>
      <c r="VQI710" s="613"/>
      <c r="VQJ710" s="613"/>
      <c r="VQK710" s="613"/>
      <c r="VQL710" s="613"/>
      <c r="VQM710" s="613"/>
      <c r="VQN710" s="613"/>
      <c r="VQO710" s="613"/>
      <c r="VQP710" s="613"/>
      <c r="VQQ710" s="613"/>
      <c r="VQR710" s="613"/>
      <c r="VQS710" s="613"/>
      <c r="VQT710" s="613"/>
      <c r="VQU710" s="613"/>
      <c r="VQV710" s="613"/>
      <c r="VQW710" s="613"/>
      <c r="VQX710" s="613"/>
      <c r="VQY710" s="613"/>
      <c r="VQZ710" s="613"/>
      <c r="VRA710" s="613"/>
      <c r="VRB710" s="613"/>
      <c r="VRC710" s="613"/>
      <c r="VRD710" s="613"/>
      <c r="VRE710" s="613"/>
      <c r="VRF710" s="613"/>
      <c r="VRG710" s="613"/>
      <c r="VRH710" s="613"/>
      <c r="VRI710" s="613"/>
      <c r="VRJ710" s="613"/>
      <c r="VRK710" s="613"/>
      <c r="VRL710" s="613"/>
      <c r="VRM710" s="613"/>
      <c r="VRN710" s="613"/>
      <c r="VRO710" s="613"/>
      <c r="VRP710" s="613"/>
      <c r="VRQ710" s="613"/>
      <c r="VRR710" s="613"/>
      <c r="VRS710" s="613"/>
      <c r="VRT710" s="613"/>
      <c r="VRU710" s="613"/>
      <c r="VRV710" s="613"/>
      <c r="VRW710" s="613"/>
      <c r="VRX710" s="613"/>
      <c r="VRY710" s="613"/>
      <c r="VRZ710" s="613"/>
      <c r="VSA710" s="613"/>
      <c r="VSB710" s="613"/>
      <c r="VSC710" s="613"/>
      <c r="VSD710" s="613"/>
      <c r="VSE710" s="613"/>
      <c r="VSF710" s="613"/>
      <c r="VSG710" s="613"/>
      <c r="VSH710" s="613"/>
      <c r="VSI710" s="613"/>
      <c r="VSJ710" s="613"/>
      <c r="VSK710" s="613"/>
      <c r="VSL710" s="613"/>
      <c r="VSM710" s="613"/>
      <c r="VSN710" s="613"/>
      <c r="VSO710" s="613"/>
      <c r="VSP710" s="613"/>
      <c r="VSQ710" s="613"/>
      <c r="VSR710" s="613"/>
      <c r="VSS710" s="613"/>
      <c r="VST710" s="613"/>
      <c r="VSU710" s="613"/>
      <c r="VSV710" s="613"/>
      <c r="VSW710" s="613"/>
      <c r="VSX710" s="613"/>
      <c r="VSY710" s="613"/>
      <c r="VSZ710" s="613"/>
      <c r="VTA710" s="613"/>
      <c r="VTB710" s="613"/>
      <c r="VTC710" s="613"/>
      <c r="VTD710" s="613"/>
      <c r="VTE710" s="613"/>
      <c r="VTF710" s="613"/>
      <c r="VTG710" s="613"/>
      <c r="VTH710" s="613"/>
      <c r="VTI710" s="613"/>
      <c r="VTJ710" s="613"/>
      <c r="VTK710" s="613"/>
      <c r="VTL710" s="613"/>
      <c r="VTM710" s="613"/>
      <c r="VTN710" s="613"/>
      <c r="VTO710" s="613"/>
      <c r="VTP710" s="613"/>
      <c r="VTQ710" s="613"/>
      <c r="VTR710" s="613"/>
      <c r="VTS710" s="613"/>
      <c r="VTT710" s="613"/>
      <c r="VTU710" s="613"/>
      <c r="VTV710" s="613"/>
      <c r="VTW710" s="613"/>
      <c r="VTX710" s="613"/>
      <c r="VTY710" s="613"/>
      <c r="VTZ710" s="613"/>
      <c r="VUA710" s="613"/>
      <c r="VUB710" s="613"/>
      <c r="VUC710" s="613"/>
      <c r="VUD710" s="613"/>
      <c r="VUE710" s="613"/>
      <c r="VUF710" s="613"/>
      <c r="VUG710" s="613"/>
      <c r="VUH710" s="613"/>
      <c r="VUI710" s="613"/>
      <c r="VUJ710" s="613"/>
      <c r="VUK710" s="613"/>
      <c r="VUL710" s="613"/>
      <c r="VUM710" s="613"/>
      <c r="VUN710" s="613"/>
      <c r="VUO710" s="613"/>
      <c r="VUP710" s="613"/>
      <c r="VUQ710" s="613"/>
      <c r="VUR710" s="613"/>
      <c r="VUS710" s="613"/>
      <c r="VUT710" s="613"/>
      <c r="VUU710" s="613"/>
      <c r="VUV710" s="613"/>
      <c r="VUW710" s="613"/>
      <c r="VUX710" s="613"/>
      <c r="VUY710" s="613"/>
      <c r="VUZ710" s="613"/>
      <c r="VVA710" s="613"/>
      <c r="VVB710" s="613"/>
      <c r="VVC710" s="613"/>
      <c r="VVD710" s="613"/>
      <c r="VVE710" s="613"/>
      <c r="VVF710" s="613"/>
      <c r="VVG710" s="613"/>
      <c r="VVH710" s="613"/>
      <c r="VVI710" s="613"/>
      <c r="VVJ710" s="613"/>
      <c r="VVK710" s="613"/>
      <c r="VVL710" s="613"/>
      <c r="VVM710" s="613"/>
      <c r="VVN710" s="613"/>
      <c r="VVO710" s="613"/>
      <c r="VVP710" s="613"/>
      <c r="VVQ710" s="613"/>
      <c r="VVR710" s="613"/>
      <c r="VVS710" s="613"/>
      <c r="VVT710" s="613"/>
      <c r="VVU710" s="613"/>
      <c r="VVV710" s="613"/>
      <c r="VVW710" s="613"/>
      <c r="VVX710" s="613"/>
      <c r="VVY710" s="613"/>
      <c r="VVZ710" s="613"/>
      <c r="VWA710" s="613"/>
      <c r="VWB710" s="613"/>
      <c r="VWC710" s="613"/>
      <c r="VWD710" s="613"/>
      <c r="VWE710" s="613"/>
      <c r="VWF710" s="613"/>
      <c r="VWG710" s="613"/>
      <c r="VWH710" s="613"/>
      <c r="VWI710" s="613"/>
      <c r="VWJ710" s="613"/>
      <c r="VWK710" s="613"/>
      <c r="VWL710" s="613"/>
      <c r="VWM710" s="613"/>
      <c r="VWN710" s="613"/>
      <c r="VWO710" s="613"/>
      <c r="VWP710" s="613"/>
      <c r="VWQ710" s="613"/>
      <c r="VWR710" s="613"/>
      <c r="VWS710" s="613"/>
      <c r="VWT710" s="613"/>
      <c r="VWU710" s="613"/>
      <c r="VWV710" s="613"/>
      <c r="VWW710" s="613"/>
      <c r="VWX710" s="613"/>
      <c r="VWY710" s="613"/>
      <c r="VWZ710" s="613"/>
      <c r="VXA710" s="613"/>
      <c r="VXB710" s="613"/>
      <c r="VXC710" s="613"/>
      <c r="VXD710" s="613"/>
      <c r="VXE710" s="613"/>
      <c r="VXF710" s="613"/>
      <c r="VXG710" s="613"/>
      <c r="VXH710" s="613"/>
      <c r="VXI710" s="613"/>
      <c r="VXJ710" s="613"/>
      <c r="VXK710" s="613"/>
      <c r="VXL710" s="613"/>
      <c r="VXM710" s="613"/>
      <c r="VXN710" s="613"/>
      <c r="VXO710" s="613"/>
      <c r="VXP710" s="613"/>
      <c r="VXQ710" s="613"/>
      <c r="VXR710" s="613"/>
      <c r="VXS710" s="613"/>
      <c r="VXT710" s="613"/>
      <c r="VXU710" s="613"/>
      <c r="VXV710" s="613"/>
      <c r="VXW710" s="613"/>
      <c r="VXX710" s="613"/>
      <c r="VXY710" s="613"/>
      <c r="VXZ710" s="613"/>
      <c r="VYA710" s="613"/>
      <c r="VYB710" s="613"/>
      <c r="VYC710" s="613"/>
      <c r="VYD710" s="613"/>
      <c r="VYE710" s="613"/>
      <c r="VYF710" s="613"/>
      <c r="VYG710" s="613"/>
      <c r="VYH710" s="613"/>
      <c r="VYI710" s="613"/>
      <c r="VYJ710" s="613"/>
      <c r="VYK710" s="613"/>
      <c r="VYL710" s="613"/>
      <c r="VYM710" s="613"/>
      <c r="VYN710" s="613"/>
      <c r="VYO710" s="613"/>
      <c r="VYP710" s="613"/>
      <c r="VYQ710" s="613"/>
      <c r="VYR710" s="613"/>
      <c r="VYS710" s="613"/>
      <c r="VYT710" s="613"/>
      <c r="VYU710" s="613"/>
      <c r="VYV710" s="613"/>
      <c r="VYW710" s="613"/>
      <c r="VYX710" s="613"/>
      <c r="VYY710" s="613"/>
      <c r="VYZ710" s="613"/>
      <c r="VZA710" s="613"/>
      <c r="VZB710" s="613"/>
      <c r="VZC710" s="613"/>
      <c r="VZD710" s="613"/>
      <c r="VZE710" s="613"/>
      <c r="VZF710" s="613"/>
      <c r="VZG710" s="613"/>
      <c r="VZH710" s="613"/>
      <c r="VZI710" s="613"/>
      <c r="VZJ710" s="613"/>
      <c r="VZK710" s="613"/>
      <c r="VZL710" s="613"/>
      <c r="VZM710" s="613"/>
      <c r="VZN710" s="613"/>
      <c r="VZO710" s="613"/>
      <c r="VZP710" s="613"/>
      <c r="VZQ710" s="613"/>
      <c r="VZR710" s="613"/>
      <c r="VZS710" s="613"/>
      <c r="VZT710" s="613"/>
      <c r="VZU710" s="613"/>
      <c r="VZV710" s="613"/>
      <c r="VZW710" s="613"/>
      <c r="VZX710" s="613"/>
      <c r="VZY710" s="613"/>
      <c r="VZZ710" s="613"/>
      <c r="WAA710" s="613"/>
      <c r="WAB710" s="613"/>
      <c r="WAC710" s="613"/>
      <c r="WAD710" s="613"/>
      <c r="WAE710" s="613"/>
      <c r="WAF710" s="613"/>
      <c r="WAG710" s="613"/>
      <c r="WAH710" s="613"/>
      <c r="WAI710" s="613"/>
      <c r="WAJ710" s="613"/>
      <c r="WAK710" s="613"/>
      <c r="WAL710" s="613"/>
      <c r="WAM710" s="613"/>
      <c r="WAN710" s="613"/>
      <c r="WAO710" s="613"/>
      <c r="WAP710" s="613"/>
      <c r="WAQ710" s="613"/>
      <c r="WAR710" s="613"/>
      <c r="WAS710" s="613"/>
      <c r="WAT710" s="613"/>
      <c r="WAU710" s="613"/>
      <c r="WAV710" s="613"/>
      <c r="WAW710" s="613"/>
      <c r="WAX710" s="613"/>
      <c r="WAY710" s="613"/>
      <c r="WAZ710" s="613"/>
      <c r="WBA710" s="613"/>
      <c r="WBB710" s="613"/>
      <c r="WBC710" s="613"/>
      <c r="WBD710" s="613"/>
      <c r="WBE710" s="613"/>
      <c r="WBF710" s="613"/>
      <c r="WBG710" s="613"/>
      <c r="WBH710" s="613"/>
      <c r="WBI710" s="613"/>
      <c r="WBJ710" s="613"/>
      <c r="WBK710" s="613"/>
      <c r="WBL710" s="613"/>
      <c r="WBM710" s="613"/>
      <c r="WBN710" s="613"/>
      <c r="WBO710" s="613"/>
      <c r="WBP710" s="613"/>
      <c r="WBQ710" s="613"/>
      <c r="WBR710" s="613"/>
      <c r="WBS710" s="613"/>
      <c r="WBT710" s="613"/>
      <c r="WBU710" s="613"/>
      <c r="WBV710" s="613"/>
      <c r="WBW710" s="613"/>
      <c r="WBX710" s="613"/>
      <c r="WBY710" s="613"/>
      <c r="WBZ710" s="613"/>
      <c r="WCA710" s="613"/>
      <c r="WCB710" s="613"/>
      <c r="WCC710" s="613"/>
      <c r="WCD710" s="613"/>
      <c r="WCE710" s="613"/>
      <c r="WCF710" s="613"/>
      <c r="WCG710" s="613"/>
      <c r="WCH710" s="613"/>
      <c r="WCI710" s="613"/>
      <c r="WCJ710" s="613"/>
      <c r="WCK710" s="613"/>
      <c r="WCL710" s="613"/>
      <c r="WCM710" s="613"/>
      <c r="WCN710" s="613"/>
      <c r="WCO710" s="613"/>
      <c r="WCP710" s="613"/>
      <c r="WCQ710" s="613"/>
      <c r="WCR710" s="613"/>
      <c r="WCS710" s="613"/>
      <c r="WCT710" s="613"/>
      <c r="WCU710" s="613"/>
      <c r="WCV710" s="613"/>
      <c r="WCW710" s="613"/>
      <c r="WCX710" s="613"/>
      <c r="WCY710" s="613"/>
      <c r="WCZ710" s="613"/>
      <c r="WDA710" s="613"/>
      <c r="WDB710" s="613"/>
      <c r="WDC710" s="613"/>
      <c r="WDD710" s="613"/>
      <c r="WDE710" s="613"/>
      <c r="WDF710" s="613"/>
      <c r="WDG710" s="613"/>
      <c r="WDH710" s="613"/>
      <c r="WDI710" s="613"/>
      <c r="WDJ710" s="613"/>
      <c r="WDK710" s="613"/>
      <c r="WDL710" s="613"/>
      <c r="WDM710" s="613"/>
      <c r="WDN710" s="613"/>
      <c r="WDO710" s="613"/>
      <c r="WDP710" s="613"/>
      <c r="WDQ710" s="613"/>
      <c r="WDR710" s="613"/>
      <c r="WDS710" s="613"/>
      <c r="WDT710" s="613"/>
      <c r="WDU710" s="613"/>
      <c r="WDV710" s="613"/>
      <c r="WDW710" s="613"/>
      <c r="WDX710" s="613"/>
      <c r="WDY710" s="613"/>
      <c r="WDZ710" s="613"/>
      <c r="WEA710" s="613"/>
      <c r="WEB710" s="613"/>
      <c r="WEC710" s="613"/>
      <c r="WED710" s="613"/>
      <c r="WEE710" s="613"/>
      <c r="WEF710" s="613"/>
      <c r="WEG710" s="613"/>
      <c r="WEH710" s="613"/>
      <c r="WEI710" s="613"/>
      <c r="WEJ710" s="613"/>
      <c r="WEK710" s="613"/>
      <c r="WEL710" s="613"/>
      <c r="WEM710" s="613"/>
      <c r="WEN710" s="613"/>
      <c r="WEO710" s="613"/>
      <c r="WEP710" s="613"/>
      <c r="WEQ710" s="613"/>
      <c r="WER710" s="613"/>
      <c r="WES710" s="613"/>
      <c r="WET710" s="613"/>
      <c r="WEU710" s="613"/>
      <c r="WEV710" s="613"/>
      <c r="WEW710" s="613"/>
      <c r="WEX710" s="613"/>
      <c r="WEY710" s="613"/>
      <c r="WEZ710" s="613"/>
      <c r="WFA710" s="613"/>
      <c r="WFB710" s="613"/>
      <c r="WFC710" s="613"/>
      <c r="WFD710" s="613"/>
      <c r="WFE710" s="613"/>
      <c r="WFF710" s="613"/>
      <c r="WFG710" s="613"/>
      <c r="WFH710" s="613"/>
      <c r="WFI710" s="613"/>
      <c r="WFJ710" s="613"/>
      <c r="WFK710" s="613"/>
      <c r="WFL710" s="613"/>
      <c r="WFM710" s="613"/>
      <c r="WFN710" s="613"/>
      <c r="WFO710" s="613"/>
      <c r="WFP710" s="613"/>
      <c r="WFQ710" s="613"/>
      <c r="WFR710" s="613"/>
      <c r="WFS710" s="613"/>
      <c r="WFT710" s="613"/>
      <c r="WFU710" s="613"/>
      <c r="WFV710" s="613"/>
      <c r="WFW710" s="613"/>
      <c r="WFX710" s="613"/>
      <c r="WFY710" s="613"/>
      <c r="WFZ710" s="613"/>
      <c r="WGA710" s="613"/>
      <c r="WGB710" s="613"/>
      <c r="WGC710" s="613"/>
      <c r="WGD710" s="613"/>
      <c r="WGE710" s="613"/>
      <c r="WGF710" s="613"/>
      <c r="WGG710" s="613"/>
      <c r="WGH710" s="613"/>
      <c r="WGI710" s="613"/>
      <c r="WGJ710" s="613"/>
      <c r="WGK710" s="613"/>
      <c r="WGL710" s="613"/>
      <c r="WGM710" s="613"/>
      <c r="WGN710" s="613"/>
      <c r="WGO710" s="613"/>
      <c r="WGP710" s="613"/>
      <c r="WGQ710" s="613"/>
      <c r="WGR710" s="613"/>
      <c r="WGS710" s="613"/>
      <c r="WGT710" s="613"/>
      <c r="WGU710" s="613"/>
      <c r="WGV710" s="613"/>
      <c r="WGW710" s="613"/>
      <c r="WGX710" s="613"/>
      <c r="WGY710" s="613"/>
      <c r="WGZ710" s="613"/>
      <c r="WHA710" s="613"/>
      <c r="WHB710" s="613"/>
      <c r="WHC710" s="613"/>
      <c r="WHD710" s="613"/>
      <c r="WHE710" s="613"/>
      <c r="WHF710" s="613"/>
      <c r="WHG710" s="613"/>
      <c r="WHH710" s="613"/>
      <c r="WHI710" s="613"/>
      <c r="WHJ710" s="613"/>
      <c r="WHK710" s="613"/>
      <c r="WHL710" s="613"/>
      <c r="WHM710" s="613"/>
      <c r="WHN710" s="613"/>
      <c r="WHO710" s="613"/>
      <c r="WHP710" s="613"/>
      <c r="WHQ710" s="613"/>
      <c r="WHR710" s="613"/>
      <c r="WHS710" s="613"/>
      <c r="WHT710" s="613"/>
      <c r="WHU710" s="613"/>
      <c r="WHV710" s="613"/>
      <c r="WHW710" s="613"/>
      <c r="WHX710" s="613"/>
      <c r="WHY710" s="613"/>
      <c r="WHZ710" s="613"/>
      <c r="WIA710" s="613"/>
      <c r="WIB710" s="613"/>
      <c r="WIC710" s="613"/>
      <c r="WID710" s="613"/>
      <c r="WIE710" s="613"/>
      <c r="WIF710" s="613"/>
      <c r="WIG710" s="613"/>
      <c r="WIH710" s="613"/>
      <c r="WII710" s="613"/>
      <c r="WIJ710" s="613"/>
      <c r="WIK710" s="613"/>
      <c r="WIL710" s="613"/>
      <c r="WIM710" s="613"/>
      <c r="WIN710" s="613"/>
      <c r="WIO710" s="613"/>
      <c r="WIP710" s="613"/>
      <c r="WIQ710" s="613"/>
      <c r="WIR710" s="613"/>
      <c r="WIS710" s="613"/>
      <c r="WIT710" s="613"/>
      <c r="WIU710" s="613"/>
      <c r="WIV710" s="613"/>
      <c r="WIW710" s="613"/>
      <c r="WIX710" s="613"/>
      <c r="WIY710" s="613"/>
      <c r="WIZ710" s="613"/>
      <c r="WJA710" s="613"/>
      <c r="WJB710" s="613"/>
      <c r="WJC710" s="613"/>
      <c r="WJD710" s="613"/>
      <c r="WJE710" s="613"/>
      <c r="WJF710" s="613"/>
      <c r="WJG710" s="613"/>
      <c r="WJH710" s="613"/>
      <c r="WJI710" s="613"/>
      <c r="WJJ710" s="613"/>
      <c r="WJK710" s="613"/>
      <c r="WJL710" s="613"/>
      <c r="WJM710" s="613"/>
      <c r="WJN710" s="613"/>
      <c r="WJO710" s="613"/>
      <c r="WJP710" s="613"/>
      <c r="WJQ710" s="613"/>
      <c r="WJR710" s="613"/>
      <c r="WJS710" s="613"/>
      <c r="WJT710" s="613"/>
      <c r="WJU710" s="613"/>
      <c r="WJV710" s="613"/>
      <c r="WJW710" s="613"/>
      <c r="WJX710" s="613"/>
      <c r="WJY710" s="613"/>
      <c r="WJZ710" s="613"/>
      <c r="WKA710" s="613"/>
      <c r="WKB710" s="613"/>
      <c r="WKC710" s="613"/>
      <c r="WKD710" s="613"/>
      <c r="WKE710" s="613"/>
      <c r="WKF710" s="613"/>
      <c r="WKG710" s="613"/>
      <c r="WKH710" s="613"/>
      <c r="WKI710" s="613"/>
      <c r="WKJ710" s="613"/>
      <c r="WKK710" s="613"/>
      <c r="WKL710" s="613"/>
      <c r="WKM710" s="613"/>
      <c r="WKN710" s="613"/>
      <c r="WKO710" s="613"/>
      <c r="WKP710" s="613"/>
      <c r="WKQ710" s="613"/>
      <c r="WKR710" s="613"/>
      <c r="WKS710" s="613"/>
      <c r="WKT710" s="613"/>
      <c r="WKU710" s="613"/>
      <c r="WKV710" s="613"/>
      <c r="WKW710" s="613"/>
      <c r="WKX710" s="613"/>
      <c r="WKY710" s="613"/>
      <c r="WKZ710" s="613"/>
      <c r="WLA710" s="613"/>
      <c r="WLB710" s="613"/>
      <c r="WLC710" s="613"/>
      <c r="WLD710" s="613"/>
      <c r="WLE710" s="613"/>
      <c r="WLF710" s="613"/>
      <c r="WLG710" s="613"/>
      <c r="WLH710" s="613"/>
      <c r="WLI710" s="613"/>
      <c r="WLJ710" s="613"/>
      <c r="WLK710" s="613"/>
      <c r="WLL710" s="613"/>
      <c r="WLM710" s="613"/>
      <c r="WLN710" s="613"/>
      <c r="WLO710" s="613"/>
      <c r="WLP710" s="613"/>
      <c r="WLQ710" s="613"/>
      <c r="WLR710" s="613"/>
      <c r="WLS710" s="613"/>
      <c r="WLT710" s="613"/>
      <c r="WLU710" s="613"/>
      <c r="WLV710" s="613"/>
      <c r="WLW710" s="613"/>
      <c r="WLX710" s="613"/>
      <c r="WLY710" s="613"/>
      <c r="WLZ710" s="613"/>
      <c r="WMA710" s="613"/>
      <c r="WMB710" s="613"/>
      <c r="WMC710" s="613"/>
      <c r="WMD710" s="613"/>
      <c r="WME710" s="613"/>
      <c r="WMF710" s="613"/>
      <c r="WMG710" s="613"/>
      <c r="WMH710" s="613"/>
      <c r="WMI710" s="613"/>
      <c r="WMJ710" s="613"/>
      <c r="WMK710" s="613"/>
      <c r="WML710" s="613"/>
      <c r="WMM710" s="613"/>
      <c r="WMN710" s="613"/>
      <c r="WMO710" s="613"/>
      <c r="WMP710" s="613"/>
      <c r="WMQ710" s="613"/>
      <c r="WMR710" s="613"/>
      <c r="WMS710" s="613"/>
      <c r="WMT710" s="613"/>
      <c r="WMU710" s="613"/>
      <c r="WMV710" s="613"/>
      <c r="WMW710" s="613"/>
      <c r="WMX710" s="613"/>
      <c r="WMY710" s="613"/>
      <c r="WMZ710" s="613"/>
      <c r="WNA710" s="613"/>
      <c r="WNB710" s="613"/>
      <c r="WNC710" s="613"/>
      <c r="WND710" s="613"/>
      <c r="WNE710" s="613"/>
      <c r="WNF710" s="613"/>
      <c r="WNG710" s="613"/>
      <c r="WNH710" s="613"/>
      <c r="WNI710" s="613"/>
      <c r="WNJ710" s="613"/>
      <c r="WNK710" s="613"/>
      <c r="WNL710" s="613"/>
      <c r="WNM710" s="613"/>
      <c r="WNN710" s="613"/>
      <c r="WNO710" s="613"/>
      <c r="WNP710" s="613"/>
      <c r="WNQ710" s="613"/>
      <c r="WNR710" s="613"/>
      <c r="WNS710" s="613"/>
      <c r="WNT710" s="613"/>
      <c r="WNU710" s="613"/>
      <c r="WNV710" s="613"/>
      <c r="WNW710" s="613"/>
      <c r="WNX710" s="613"/>
      <c r="WNY710" s="613"/>
      <c r="WNZ710" s="613"/>
      <c r="WOA710" s="613"/>
      <c r="WOB710" s="613"/>
      <c r="WOC710" s="613"/>
      <c r="WOD710" s="613"/>
      <c r="WOE710" s="613"/>
      <c r="WOF710" s="613"/>
      <c r="WOG710" s="613"/>
      <c r="WOH710" s="613"/>
      <c r="WOI710" s="613"/>
      <c r="WOJ710" s="613"/>
      <c r="WOK710" s="613"/>
      <c r="WOL710" s="613"/>
      <c r="WOM710" s="613"/>
      <c r="WON710" s="613"/>
      <c r="WOO710" s="613"/>
      <c r="WOP710" s="613"/>
      <c r="WOQ710" s="613"/>
      <c r="WOR710" s="613"/>
      <c r="WOS710" s="613"/>
      <c r="WOT710" s="613"/>
      <c r="WOU710" s="613"/>
      <c r="WOV710" s="613"/>
      <c r="WOW710" s="613"/>
      <c r="WOX710" s="613"/>
      <c r="WOY710" s="613"/>
      <c r="WOZ710" s="613"/>
      <c r="WPA710" s="613"/>
      <c r="WPB710" s="613"/>
      <c r="WPC710" s="613"/>
      <c r="WPD710" s="613"/>
      <c r="WPE710" s="613"/>
      <c r="WPF710" s="613"/>
      <c r="WPG710" s="613"/>
      <c r="WPH710" s="613"/>
      <c r="WPI710" s="613"/>
      <c r="WPJ710" s="613"/>
      <c r="WPK710" s="613"/>
      <c r="WPL710" s="613"/>
      <c r="WPM710" s="613"/>
      <c r="WPN710" s="613"/>
      <c r="WPO710" s="613"/>
      <c r="WPP710" s="613"/>
      <c r="WPQ710" s="613"/>
      <c r="WPR710" s="613"/>
      <c r="WPS710" s="613"/>
      <c r="WPT710" s="613"/>
      <c r="WPU710" s="613"/>
      <c r="WPV710" s="613"/>
      <c r="WPW710" s="613"/>
      <c r="WPX710" s="613"/>
      <c r="WPY710" s="613"/>
      <c r="WPZ710" s="613"/>
      <c r="WQA710" s="613"/>
      <c r="WQB710" s="613"/>
      <c r="WQC710" s="613"/>
      <c r="WQD710" s="613"/>
      <c r="WQE710" s="613"/>
      <c r="WQF710" s="613"/>
      <c r="WQG710" s="613"/>
      <c r="WQH710" s="613"/>
      <c r="WQI710" s="613"/>
      <c r="WQJ710" s="613"/>
      <c r="WQK710" s="613"/>
      <c r="WQL710" s="613"/>
      <c r="WQM710" s="613"/>
      <c r="WQN710" s="613"/>
      <c r="WQO710" s="613"/>
      <c r="WQP710" s="613"/>
      <c r="WQQ710" s="613"/>
      <c r="WQR710" s="613"/>
      <c r="WQS710" s="613"/>
      <c r="WQT710" s="613"/>
      <c r="WQU710" s="613"/>
      <c r="WQV710" s="613"/>
      <c r="WQW710" s="613"/>
      <c r="WQX710" s="613"/>
      <c r="WQY710" s="613"/>
      <c r="WQZ710" s="613"/>
      <c r="WRA710" s="613"/>
      <c r="WRB710" s="613"/>
      <c r="WRC710" s="613"/>
      <c r="WRD710" s="613"/>
      <c r="WRE710" s="613"/>
      <c r="WRF710" s="613"/>
      <c r="WRG710" s="613"/>
      <c r="WRH710" s="613"/>
      <c r="WRI710" s="613"/>
      <c r="WRJ710" s="613"/>
      <c r="WRK710" s="613"/>
      <c r="WRL710" s="613"/>
      <c r="WRM710" s="613"/>
      <c r="WRN710" s="613"/>
      <c r="WRO710" s="613"/>
      <c r="WRP710" s="613"/>
      <c r="WRQ710" s="613"/>
      <c r="WRR710" s="613"/>
      <c r="WRS710" s="613"/>
      <c r="WRT710" s="613"/>
      <c r="WRU710" s="613"/>
      <c r="WRV710" s="613"/>
      <c r="WRW710" s="613"/>
      <c r="WRX710" s="613"/>
      <c r="WRY710" s="613"/>
      <c r="WRZ710" s="613"/>
      <c r="WSA710" s="613"/>
      <c r="WSB710" s="613"/>
      <c r="WSC710" s="613"/>
      <c r="WSD710" s="613"/>
      <c r="WSE710" s="613"/>
      <c r="WSF710" s="613"/>
      <c r="WSG710" s="613"/>
      <c r="WSH710" s="613"/>
      <c r="WSI710" s="613"/>
      <c r="WSJ710" s="613"/>
      <c r="WSK710" s="613"/>
      <c r="WSL710" s="613"/>
      <c r="WSM710" s="613"/>
      <c r="WSN710" s="613"/>
      <c r="WSO710" s="613"/>
      <c r="WSP710" s="613"/>
      <c r="WSQ710" s="613"/>
      <c r="WSR710" s="613"/>
      <c r="WSS710" s="613"/>
      <c r="WST710" s="613"/>
      <c r="WSU710" s="613"/>
      <c r="WSV710" s="613"/>
      <c r="WSW710" s="613"/>
      <c r="WSX710" s="613"/>
      <c r="WSY710" s="613"/>
      <c r="WSZ710" s="613"/>
      <c r="WTA710" s="613"/>
      <c r="WTB710" s="613"/>
      <c r="WTC710" s="613"/>
      <c r="WTD710" s="613"/>
      <c r="WTE710" s="613"/>
      <c r="WTF710" s="613"/>
      <c r="WTG710" s="613"/>
      <c r="WTH710" s="613"/>
      <c r="WTI710" s="613"/>
      <c r="WTJ710" s="613"/>
      <c r="WTK710" s="613"/>
      <c r="WTL710" s="613"/>
      <c r="WTM710" s="613"/>
      <c r="WTN710" s="613"/>
      <c r="WTO710" s="613"/>
      <c r="WTP710" s="613"/>
      <c r="WTQ710" s="613"/>
      <c r="WTR710" s="613"/>
      <c r="WTS710" s="613"/>
      <c r="WTT710" s="613"/>
      <c r="WTU710" s="613"/>
      <c r="WTV710" s="613"/>
      <c r="WTW710" s="613"/>
      <c r="WTX710" s="613"/>
      <c r="WTY710" s="613"/>
      <c r="WTZ710" s="613"/>
      <c r="WUA710" s="613"/>
      <c r="WUB710" s="613"/>
      <c r="WUC710" s="613"/>
      <c r="WUD710" s="613"/>
      <c r="WUE710" s="613"/>
      <c r="WUF710" s="613"/>
      <c r="WUG710" s="613"/>
      <c r="WUH710" s="613"/>
      <c r="WUI710" s="613"/>
      <c r="WUJ710" s="613"/>
      <c r="WUK710" s="613"/>
      <c r="WUL710" s="613"/>
      <c r="WUM710" s="613"/>
      <c r="WUN710" s="613"/>
      <c r="WUO710" s="613"/>
      <c r="WUP710" s="613"/>
      <c r="WUQ710" s="613"/>
      <c r="WUR710" s="613"/>
      <c r="WUS710" s="613"/>
      <c r="WUT710" s="613"/>
      <c r="WUU710" s="613"/>
      <c r="WUV710" s="613"/>
      <c r="WUW710" s="613"/>
      <c r="WUX710" s="613"/>
      <c r="WUY710" s="613"/>
      <c r="WUZ710" s="613"/>
      <c r="WVA710" s="613"/>
      <c r="WVB710" s="613"/>
      <c r="WVC710" s="613"/>
      <c r="WVD710" s="613"/>
      <c r="WVE710" s="613"/>
      <c r="WVF710" s="613"/>
      <c r="WVG710" s="613"/>
      <c r="WVH710" s="613"/>
      <c r="WVI710" s="613"/>
      <c r="WVJ710" s="613"/>
      <c r="WVK710" s="613"/>
      <c r="WVL710" s="613"/>
      <c r="WVM710" s="613"/>
      <c r="WVN710" s="613"/>
      <c r="WVO710" s="613"/>
      <c r="WVP710" s="613"/>
      <c r="WVQ710" s="613"/>
      <c r="WVR710" s="613"/>
      <c r="WVS710" s="613"/>
      <c r="WVT710" s="613"/>
      <c r="WVU710" s="613"/>
      <c r="WVV710" s="613"/>
      <c r="WVW710" s="613"/>
      <c r="WVX710" s="613"/>
      <c r="WVY710" s="613"/>
      <c r="WVZ710" s="613"/>
      <c r="WWA710" s="613"/>
      <c r="WWB710" s="613"/>
      <c r="WWC710" s="613"/>
      <c r="WWD710" s="613"/>
      <c r="WWE710" s="613"/>
      <c r="WWF710" s="613"/>
      <c r="WWG710" s="613"/>
      <c r="WWH710" s="613"/>
      <c r="WWI710" s="613"/>
      <c r="WWJ710" s="613"/>
      <c r="WWK710" s="613"/>
      <c r="WWL710" s="613"/>
      <c r="WWM710" s="613"/>
      <c r="WWN710" s="613"/>
      <c r="WWO710" s="613"/>
      <c r="WWP710" s="613"/>
      <c r="WWQ710" s="613"/>
      <c r="WWR710" s="613"/>
      <c r="WWS710" s="613"/>
      <c r="WWT710" s="613"/>
      <c r="WWU710" s="613"/>
      <c r="WWV710" s="613"/>
      <c r="WWW710" s="613"/>
      <c r="WWX710" s="613"/>
      <c r="WWY710" s="613"/>
      <c r="WWZ710" s="613"/>
      <c r="WXA710" s="613"/>
      <c r="WXB710" s="613"/>
      <c r="WXC710" s="613"/>
      <c r="WXD710" s="613"/>
      <c r="WXE710" s="613"/>
      <c r="WXF710" s="613"/>
      <c r="WXG710" s="613"/>
      <c r="WXH710" s="613"/>
      <c r="WXI710" s="613"/>
      <c r="WXJ710" s="613"/>
      <c r="WXK710" s="613"/>
      <c r="WXL710" s="613"/>
      <c r="WXM710" s="613"/>
      <c r="WXN710" s="613"/>
      <c r="WXO710" s="613"/>
      <c r="WXP710" s="613"/>
      <c r="WXQ710" s="613"/>
      <c r="WXR710" s="613"/>
      <c r="WXS710" s="613"/>
      <c r="WXT710" s="613"/>
      <c r="WXU710" s="613"/>
      <c r="WXV710" s="613"/>
      <c r="WXW710" s="613"/>
      <c r="WXX710" s="613"/>
      <c r="WXY710" s="613"/>
      <c r="WXZ710" s="613"/>
      <c r="WYA710" s="613"/>
      <c r="WYB710" s="613"/>
      <c r="WYC710" s="613"/>
      <c r="WYD710" s="613"/>
      <c r="WYE710" s="613"/>
      <c r="WYF710" s="613"/>
      <c r="WYG710" s="613"/>
      <c r="WYH710" s="613"/>
      <c r="WYI710" s="613"/>
      <c r="WYJ710" s="613"/>
      <c r="WYK710" s="613"/>
      <c r="WYL710" s="613"/>
      <c r="WYM710" s="613"/>
      <c r="WYN710" s="613"/>
      <c r="WYO710" s="613"/>
      <c r="WYP710" s="613"/>
      <c r="WYQ710" s="613"/>
      <c r="WYR710" s="613"/>
      <c r="WYS710" s="613"/>
      <c r="WYT710" s="613"/>
      <c r="WYU710" s="613"/>
      <c r="WYV710" s="613"/>
      <c r="WYW710" s="613"/>
      <c r="WYX710" s="613"/>
      <c r="WYY710" s="613"/>
      <c r="WYZ710" s="613"/>
      <c r="WZA710" s="613"/>
      <c r="WZB710" s="613"/>
      <c r="WZC710" s="613"/>
      <c r="WZD710" s="613"/>
      <c r="WZE710" s="613"/>
      <c r="WZF710" s="613"/>
      <c r="WZG710" s="613"/>
      <c r="WZH710" s="613"/>
      <c r="WZI710" s="613"/>
      <c r="WZJ710" s="613"/>
      <c r="WZK710" s="613"/>
      <c r="WZL710" s="613"/>
      <c r="WZM710" s="613"/>
      <c r="WZN710" s="613"/>
      <c r="WZO710" s="613"/>
      <c r="WZP710" s="613"/>
      <c r="WZQ710" s="613"/>
      <c r="WZR710" s="613"/>
      <c r="WZS710" s="613"/>
      <c r="WZT710" s="613"/>
      <c r="WZU710" s="613"/>
      <c r="WZV710" s="613"/>
      <c r="WZW710" s="613"/>
      <c r="WZX710" s="613"/>
      <c r="WZY710" s="613"/>
      <c r="WZZ710" s="613"/>
      <c r="XAA710" s="613"/>
      <c r="XAB710" s="613"/>
      <c r="XAC710" s="613"/>
      <c r="XAD710" s="613"/>
      <c r="XAE710" s="613"/>
      <c r="XAF710" s="613"/>
      <c r="XAG710" s="613"/>
      <c r="XAH710" s="613"/>
      <c r="XAI710" s="613"/>
      <c r="XAJ710" s="613"/>
      <c r="XAK710" s="613"/>
      <c r="XAL710" s="613"/>
      <c r="XAM710" s="613"/>
      <c r="XAN710" s="613"/>
      <c r="XAO710" s="613"/>
      <c r="XAP710" s="613"/>
      <c r="XAQ710" s="613"/>
      <c r="XAR710" s="613"/>
      <c r="XAS710" s="613"/>
      <c r="XAT710" s="613"/>
      <c r="XAU710" s="613"/>
      <c r="XAV710" s="613"/>
      <c r="XAW710" s="613"/>
      <c r="XAX710" s="613"/>
      <c r="XAY710" s="613"/>
      <c r="XAZ710" s="613"/>
      <c r="XBA710" s="613"/>
      <c r="XBB710" s="613"/>
      <c r="XBC710" s="613"/>
      <c r="XBD710" s="613"/>
      <c r="XBE710" s="613"/>
      <c r="XBF710" s="613"/>
      <c r="XBG710" s="613"/>
      <c r="XBH710" s="613"/>
      <c r="XBI710" s="613"/>
      <c r="XBJ710" s="613"/>
      <c r="XBK710" s="613"/>
      <c r="XBL710" s="613"/>
      <c r="XBM710" s="613"/>
      <c r="XBN710" s="613"/>
      <c r="XBO710" s="613"/>
      <c r="XBP710" s="613"/>
      <c r="XBQ710" s="613"/>
      <c r="XBR710" s="613"/>
      <c r="XBS710" s="613"/>
      <c r="XBT710" s="613"/>
      <c r="XBU710" s="613"/>
      <c r="XBV710" s="613"/>
      <c r="XBW710" s="613"/>
      <c r="XBX710" s="613"/>
      <c r="XBY710" s="613"/>
      <c r="XBZ710" s="613"/>
      <c r="XCA710" s="613"/>
      <c r="XCB710" s="613"/>
      <c r="XCC710" s="613"/>
      <c r="XCD710" s="613"/>
      <c r="XCE710" s="613"/>
      <c r="XCF710" s="613"/>
      <c r="XCG710" s="613"/>
      <c r="XCH710" s="613"/>
      <c r="XCI710" s="613"/>
      <c r="XCJ710" s="613"/>
      <c r="XCK710" s="613"/>
      <c r="XCL710" s="613"/>
      <c r="XCM710" s="613"/>
      <c r="XCN710" s="613"/>
      <c r="XCO710" s="613"/>
      <c r="XCP710" s="613"/>
      <c r="XCQ710" s="613"/>
    </row>
    <row r="711" spans="1:16319" ht="56.1" customHeight="1" x14ac:dyDescent="0.2">
      <c r="A711" s="494"/>
      <c r="B711" s="610"/>
      <c r="C711" s="494"/>
      <c r="D711" s="481">
        <v>124</v>
      </c>
      <c r="E711" s="481"/>
      <c r="F711" s="481" t="s">
        <v>2481</v>
      </c>
      <c r="G711" s="482" t="s">
        <v>53</v>
      </c>
      <c r="H711" s="481" t="s">
        <v>329</v>
      </c>
      <c r="I711" s="654" t="s">
        <v>330</v>
      </c>
      <c r="J711" s="654" t="s">
        <v>369</v>
      </c>
      <c r="K711" s="495" t="s">
        <v>379</v>
      </c>
      <c r="L711" s="621"/>
      <c r="M711" s="484" t="s">
        <v>58</v>
      </c>
      <c r="N711" s="327" t="s">
        <v>1366</v>
      </c>
      <c r="O711" s="484" t="s">
        <v>2996</v>
      </c>
      <c r="P711" s="484" t="s">
        <v>81</v>
      </c>
      <c r="Q711" s="667" t="s">
        <v>334</v>
      </c>
      <c r="R711" s="484" t="s">
        <v>334</v>
      </c>
      <c r="S711" s="484" t="s">
        <v>380</v>
      </c>
      <c r="T711" s="484"/>
      <c r="U711" s="620" t="s">
        <v>63</v>
      </c>
      <c r="V711" s="620" t="s">
        <v>63</v>
      </c>
      <c r="W711" s="723">
        <v>43229</v>
      </c>
      <c r="X711" s="723"/>
      <c r="Y711" s="654" t="s">
        <v>226</v>
      </c>
      <c r="Z711" s="654"/>
      <c r="AA711" s="723">
        <v>43229</v>
      </c>
      <c r="AB711" s="652" t="s">
        <v>82</v>
      </c>
      <c r="AC711" s="652"/>
      <c r="AD711" s="496"/>
      <c r="AE711" s="496"/>
      <c r="AF711" s="496"/>
      <c r="AG711" s="496"/>
      <c r="AH711" s="496"/>
      <c r="AI711" s="496"/>
      <c r="AJ711" s="487" t="s">
        <v>66</v>
      </c>
      <c r="AK711" s="496"/>
      <c r="AL711" s="496"/>
      <c r="AM711" s="496"/>
      <c r="AN711" s="496"/>
      <c r="AO711" s="496"/>
      <c r="AP711" s="496"/>
      <c r="AQ711" s="496"/>
      <c r="AR711" s="496"/>
      <c r="AS711" s="496"/>
      <c r="AT711" s="496"/>
      <c r="AU711" s="487"/>
      <c r="AV711" s="487"/>
      <c r="AW711" s="487"/>
      <c r="AX711" s="487"/>
      <c r="AY711" s="487"/>
      <c r="AZ711" s="487"/>
      <c r="BA711" s="484"/>
      <c r="BB711" s="484" t="s">
        <v>340</v>
      </c>
      <c r="BC711" s="484" t="s">
        <v>3041</v>
      </c>
      <c r="BD711" s="494"/>
      <c r="BE711" s="494"/>
      <c r="BF711" s="613"/>
      <c r="BG711" s="613"/>
      <c r="BH711" s="613"/>
      <c r="BI711" s="613"/>
      <c r="BJ711" s="613"/>
      <c r="BK711" s="613"/>
      <c r="BL711" s="613"/>
      <c r="BM711" s="613"/>
      <c r="BN711" s="613"/>
      <c r="BO711" s="613"/>
      <c r="BP711" s="613"/>
      <c r="BQ711" s="613"/>
      <c r="BR711" s="613"/>
      <c r="BS711" s="613"/>
      <c r="BT711" s="613"/>
      <c r="BU711" s="613"/>
      <c r="BV711" s="613"/>
      <c r="BW711" s="613"/>
      <c r="BX711" s="613"/>
      <c r="BY711" s="613"/>
      <c r="BZ711" s="613"/>
      <c r="CA711" s="613"/>
      <c r="CB711" s="613"/>
      <c r="CC711" s="613"/>
      <c r="CD711" s="613"/>
      <c r="CE711" s="613"/>
      <c r="CF711" s="613"/>
      <c r="CG711" s="613"/>
      <c r="CH711" s="613"/>
      <c r="CI711" s="613"/>
      <c r="CJ711" s="613"/>
      <c r="CK711" s="613"/>
      <c r="CL711" s="613"/>
      <c r="CM711" s="613"/>
      <c r="CN711" s="613"/>
      <c r="CO711" s="613"/>
      <c r="CP711" s="613"/>
      <c r="CQ711" s="613"/>
      <c r="CR711" s="613"/>
      <c r="CS711" s="613"/>
      <c r="CT711" s="613"/>
      <c r="CU711" s="613"/>
      <c r="CV711" s="613"/>
      <c r="CW711" s="613"/>
      <c r="CX711" s="613"/>
      <c r="CY711" s="613"/>
      <c r="CZ711" s="613"/>
      <c r="DA711" s="613"/>
      <c r="DB711" s="613"/>
      <c r="DC711" s="613"/>
      <c r="DD711" s="613"/>
      <c r="DE711" s="613"/>
      <c r="DF711" s="613"/>
      <c r="DG711" s="613"/>
      <c r="DH711" s="613"/>
      <c r="DI711" s="613"/>
      <c r="DJ711" s="613"/>
      <c r="DK711" s="613"/>
      <c r="DL711" s="613"/>
      <c r="DM711" s="613"/>
      <c r="DN711" s="613"/>
      <c r="DO711" s="613"/>
      <c r="DP711" s="613"/>
      <c r="DQ711" s="613"/>
      <c r="DR711" s="613"/>
      <c r="DS711" s="613"/>
      <c r="DT711" s="613"/>
      <c r="DU711" s="613"/>
      <c r="DV711" s="613"/>
      <c r="DW711" s="613"/>
      <c r="DX711" s="613"/>
      <c r="DY711" s="613"/>
      <c r="DZ711" s="613"/>
      <c r="EA711" s="613"/>
      <c r="EB711" s="613"/>
      <c r="EC711" s="613"/>
      <c r="ED711" s="613"/>
      <c r="EE711" s="613"/>
      <c r="EF711" s="613"/>
      <c r="EG711" s="613"/>
      <c r="EH711" s="613"/>
      <c r="EI711" s="613"/>
      <c r="EJ711" s="613"/>
      <c r="EK711" s="613"/>
      <c r="EL711" s="613"/>
      <c r="EM711" s="613"/>
      <c r="EN711" s="613"/>
      <c r="EO711" s="613"/>
      <c r="EP711" s="613"/>
      <c r="EQ711" s="613"/>
      <c r="ER711" s="613"/>
      <c r="ES711" s="613"/>
      <c r="ET711" s="613"/>
      <c r="EU711" s="613"/>
      <c r="EV711" s="613"/>
      <c r="EW711" s="613"/>
      <c r="EX711" s="613"/>
      <c r="EY711" s="613"/>
      <c r="EZ711" s="613"/>
      <c r="FA711" s="613"/>
      <c r="FB711" s="613"/>
      <c r="FC711" s="613"/>
      <c r="FD711" s="613"/>
      <c r="FE711" s="613"/>
      <c r="FF711" s="613"/>
      <c r="FG711" s="613"/>
      <c r="FH711" s="613"/>
      <c r="FI711" s="613"/>
      <c r="FJ711" s="613"/>
      <c r="FK711" s="613"/>
      <c r="FL711" s="613"/>
      <c r="FM711" s="613"/>
      <c r="FN711" s="613"/>
      <c r="FO711" s="613"/>
      <c r="FP711" s="613"/>
      <c r="FQ711" s="613"/>
      <c r="FR711" s="613"/>
      <c r="FS711" s="613"/>
      <c r="FT711" s="613"/>
      <c r="FU711" s="613"/>
      <c r="FV711" s="613"/>
      <c r="FW711" s="613"/>
      <c r="FX711" s="613"/>
      <c r="FY711" s="613"/>
      <c r="FZ711" s="613"/>
      <c r="GA711" s="613"/>
      <c r="GB711" s="613"/>
      <c r="GC711" s="613"/>
      <c r="GD711" s="613"/>
      <c r="GE711" s="613"/>
      <c r="GF711" s="613"/>
      <c r="GG711" s="613"/>
      <c r="GH711" s="613"/>
      <c r="GI711" s="613"/>
      <c r="GJ711" s="613"/>
      <c r="GK711" s="613"/>
      <c r="GL711" s="613"/>
      <c r="GM711" s="613"/>
      <c r="GN711" s="613"/>
      <c r="GO711" s="613"/>
      <c r="GP711" s="613"/>
      <c r="GQ711" s="613"/>
      <c r="GR711" s="613"/>
      <c r="GS711" s="613"/>
      <c r="GT711" s="613"/>
      <c r="GU711" s="613"/>
      <c r="GV711" s="613"/>
      <c r="GW711" s="613"/>
      <c r="GX711" s="613"/>
      <c r="GY711" s="613"/>
      <c r="GZ711" s="613"/>
      <c r="HA711" s="613"/>
      <c r="HB711" s="613"/>
      <c r="HC711" s="613"/>
      <c r="HD711" s="613"/>
      <c r="HE711" s="613"/>
      <c r="HF711" s="613"/>
      <c r="HG711" s="613"/>
      <c r="HH711" s="613"/>
      <c r="HI711" s="613"/>
      <c r="HJ711" s="613"/>
      <c r="HK711" s="613"/>
      <c r="HL711" s="613"/>
      <c r="HM711" s="613"/>
      <c r="HN711" s="613"/>
      <c r="HO711" s="613"/>
      <c r="HP711" s="613"/>
      <c r="HQ711" s="613"/>
      <c r="HR711" s="613"/>
      <c r="HS711" s="613"/>
      <c r="HT711" s="613"/>
      <c r="HU711" s="613"/>
      <c r="HV711" s="613"/>
      <c r="HW711" s="613"/>
      <c r="HX711" s="613"/>
      <c r="HY711" s="613"/>
      <c r="HZ711" s="613"/>
      <c r="IA711" s="613"/>
      <c r="IB711" s="613"/>
      <c r="IC711" s="613"/>
      <c r="ID711" s="613"/>
      <c r="IE711" s="613"/>
      <c r="IF711" s="613"/>
      <c r="IG711" s="613"/>
      <c r="IH711" s="613"/>
      <c r="II711" s="613"/>
      <c r="IJ711" s="613"/>
      <c r="IK711" s="613"/>
      <c r="IL711" s="613"/>
      <c r="IM711" s="613"/>
      <c r="IN711" s="613"/>
      <c r="IO711" s="613"/>
      <c r="IP711" s="613"/>
      <c r="IQ711" s="613"/>
      <c r="IR711" s="613"/>
      <c r="IS711" s="613"/>
      <c r="IT711" s="613"/>
      <c r="IU711" s="613"/>
      <c r="IV711" s="613"/>
      <c r="IW711" s="613"/>
      <c r="IX711" s="613"/>
      <c r="IY711" s="613"/>
      <c r="IZ711" s="613"/>
      <c r="JA711" s="613"/>
      <c r="JB711" s="613"/>
      <c r="JC711" s="613"/>
      <c r="JD711" s="613"/>
      <c r="JE711" s="613"/>
      <c r="JF711" s="613"/>
      <c r="JG711" s="613"/>
      <c r="JH711" s="613"/>
      <c r="JI711" s="613"/>
      <c r="JJ711" s="613"/>
      <c r="JK711" s="613"/>
      <c r="JL711" s="613"/>
      <c r="JM711" s="613"/>
      <c r="JN711" s="613"/>
      <c r="JO711" s="613"/>
      <c r="JP711" s="613"/>
      <c r="JQ711" s="613"/>
      <c r="JR711" s="613"/>
      <c r="JS711" s="613"/>
      <c r="JT711" s="613"/>
      <c r="JU711" s="613"/>
      <c r="JV711" s="613"/>
      <c r="JW711" s="613"/>
      <c r="JX711" s="613"/>
      <c r="JY711" s="613"/>
      <c r="JZ711" s="613"/>
      <c r="KA711" s="613"/>
      <c r="KB711" s="613"/>
      <c r="KC711" s="613"/>
      <c r="KD711" s="613"/>
      <c r="KE711" s="613"/>
      <c r="KF711" s="613"/>
      <c r="KG711" s="613"/>
      <c r="KH711" s="613"/>
      <c r="KI711" s="613"/>
      <c r="KJ711" s="613"/>
      <c r="KK711" s="613"/>
      <c r="KL711" s="613"/>
      <c r="KM711" s="613"/>
      <c r="KN711" s="613"/>
      <c r="KO711" s="613"/>
      <c r="KP711" s="613"/>
      <c r="KQ711" s="613"/>
      <c r="KR711" s="613"/>
      <c r="KS711" s="613"/>
      <c r="KT711" s="613"/>
      <c r="KU711" s="613"/>
      <c r="KV711" s="613"/>
      <c r="KW711" s="613"/>
      <c r="KX711" s="613"/>
      <c r="KY711" s="613"/>
      <c r="KZ711" s="613"/>
      <c r="LA711" s="613"/>
      <c r="LB711" s="613"/>
      <c r="LC711" s="613"/>
      <c r="LD711" s="613"/>
      <c r="LE711" s="613"/>
      <c r="LF711" s="613"/>
      <c r="LG711" s="613"/>
      <c r="LH711" s="613"/>
      <c r="LI711" s="613"/>
      <c r="LJ711" s="613"/>
      <c r="LK711" s="613"/>
      <c r="LL711" s="613"/>
      <c r="LM711" s="613"/>
      <c r="LN711" s="613"/>
      <c r="LO711" s="613"/>
      <c r="LP711" s="613"/>
      <c r="LQ711" s="613"/>
      <c r="LR711" s="613"/>
      <c r="LS711" s="613"/>
      <c r="LT711" s="613"/>
      <c r="LU711" s="613"/>
      <c r="LV711" s="613"/>
      <c r="LW711" s="613"/>
      <c r="LX711" s="613"/>
      <c r="LY711" s="613"/>
      <c r="LZ711" s="613"/>
      <c r="MA711" s="613"/>
      <c r="MB711" s="613"/>
      <c r="MC711" s="613"/>
      <c r="MD711" s="613"/>
      <c r="ME711" s="613"/>
      <c r="MF711" s="613"/>
      <c r="MG711" s="613"/>
      <c r="MH711" s="613"/>
      <c r="MI711" s="613"/>
      <c r="MJ711" s="613"/>
      <c r="MK711" s="613"/>
      <c r="ML711" s="613"/>
      <c r="MM711" s="613"/>
      <c r="MN711" s="613"/>
      <c r="MO711" s="613"/>
      <c r="MP711" s="613"/>
      <c r="MQ711" s="613"/>
      <c r="MR711" s="613"/>
      <c r="MS711" s="613"/>
      <c r="MT711" s="613"/>
      <c r="MU711" s="613"/>
      <c r="MV711" s="613"/>
      <c r="MW711" s="613"/>
      <c r="MX711" s="613"/>
      <c r="MY711" s="613"/>
      <c r="MZ711" s="613"/>
      <c r="NA711" s="613"/>
      <c r="NB711" s="613"/>
      <c r="NC711" s="613"/>
      <c r="ND711" s="613"/>
      <c r="NE711" s="613"/>
      <c r="NF711" s="613"/>
      <c r="NG711" s="613"/>
      <c r="NH711" s="613"/>
      <c r="NI711" s="613"/>
      <c r="NJ711" s="613"/>
      <c r="NK711" s="613"/>
      <c r="NL711" s="613"/>
      <c r="NM711" s="613"/>
      <c r="NN711" s="613"/>
      <c r="NO711" s="613"/>
      <c r="NP711" s="613"/>
      <c r="NQ711" s="613"/>
      <c r="NR711" s="613"/>
      <c r="NS711" s="613"/>
      <c r="NT711" s="613"/>
      <c r="NU711" s="613"/>
      <c r="NV711" s="613"/>
      <c r="NW711" s="613"/>
      <c r="NX711" s="613"/>
      <c r="NY711" s="613"/>
      <c r="NZ711" s="613"/>
      <c r="OA711" s="613"/>
      <c r="OB711" s="613"/>
      <c r="OC711" s="613"/>
      <c r="OD711" s="613"/>
      <c r="OE711" s="613"/>
      <c r="OF711" s="613"/>
      <c r="OG711" s="613"/>
      <c r="OH711" s="613"/>
      <c r="OI711" s="613"/>
      <c r="OJ711" s="613"/>
      <c r="OK711" s="613"/>
      <c r="OL711" s="613"/>
      <c r="OM711" s="613"/>
      <c r="ON711" s="613"/>
      <c r="OO711" s="613"/>
      <c r="OP711" s="613"/>
      <c r="OQ711" s="613"/>
      <c r="OR711" s="613"/>
      <c r="OS711" s="613"/>
      <c r="OT711" s="613"/>
      <c r="OU711" s="613"/>
      <c r="OV711" s="613"/>
      <c r="OW711" s="613"/>
      <c r="OX711" s="613"/>
      <c r="OY711" s="613"/>
      <c r="OZ711" s="613"/>
      <c r="PA711" s="613"/>
      <c r="PB711" s="613"/>
      <c r="PC711" s="613"/>
      <c r="PD711" s="613"/>
      <c r="PE711" s="613"/>
      <c r="PF711" s="613"/>
      <c r="PG711" s="613"/>
      <c r="PH711" s="613"/>
      <c r="PI711" s="613"/>
      <c r="PJ711" s="613"/>
      <c r="PK711" s="613"/>
      <c r="PL711" s="613"/>
      <c r="PM711" s="613"/>
      <c r="PN711" s="613"/>
      <c r="PO711" s="613"/>
      <c r="PP711" s="613"/>
      <c r="PQ711" s="613"/>
      <c r="PR711" s="613"/>
      <c r="PS711" s="613"/>
      <c r="PT711" s="613"/>
      <c r="PU711" s="613"/>
      <c r="PV711" s="613"/>
      <c r="PW711" s="613"/>
      <c r="PX711" s="613"/>
      <c r="PY711" s="613"/>
      <c r="PZ711" s="613"/>
      <c r="QA711" s="613"/>
      <c r="QB711" s="613"/>
      <c r="QC711" s="613"/>
      <c r="QD711" s="613"/>
      <c r="QE711" s="613"/>
      <c r="QF711" s="613"/>
      <c r="QG711" s="613"/>
      <c r="QH711" s="613"/>
      <c r="QI711" s="613"/>
      <c r="QJ711" s="613"/>
      <c r="QK711" s="613"/>
      <c r="QL711" s="613"/>
      <c r="QM711" s="613"/>
      <c r="QN711" s="613"/>
      <c r="QO711" s="613"/>
      <c r="QP711" s="613"/>
      <c r="QQ711" s="613"/>
      <c r="QR711" s="613"/>
      <c r="QS711" s="613"/>
      <c r="QT711" s="613"/>
      <c r="QU711" s="613"/>
      <c r="QV711" s="613"/>
      <c r="QW711" s="613"/>
      <c r="QX711" s="613"/>
      <c r="QY711" s="613"/>
      <c r="QZ711" s="613"/>
      <c r="RA711" s="613"/>
      <c r="RB711" s="613"/>
      <c r="RC711" s="613"/>
      <c r="RD711" s="613"/>
      <c r="RE711" s="613"/>
      <c r="RF711" s="613"/>
      <c r="RG711" s="613"/>
      <c r="RH711" s="613"/>
      <c r="RI711" s="613"/>
      <c r="RJ711" s="613"/>
      <c r="RK711" s="613"/>
      <c r="RL711" s="613"/>
      <c r="RM711" s="613"/>
      <c r="RN711" s="613"/>
      <c r="RO711" s="613"/>
      <c r="RP711" s="613"/>
      <c r="RQ711" s="613"/>
      <c r="RR711" s="613"/>
      <c r="RS711" s="613"/>
      <c r="RT711" s="613"/>
      <c r="RU711" s="613"/>
      <c r="RV711" s="613"/>
      <c r="RW711" s="613"/>
      <c r="RX711" s="613"/>
      <c r="RY711" s="613"/>
      <c r="RZ711" s="613"/>
      <c r="SA711" s="613"/>
      <c r="SB711" s="613"/>
      <c r="SC711" s="613"/>
      <c r="SD711" s="613"/>
      <c r="SE711" s="613"/>
      <c r="SF711" s="613"/>
      <c r="SG711" s="613"/>
      <c r="SH711" s="613"/>
      <c r="SI711" s="613"/>
      <c r="SJ711" s="613"/>
      <c r="SK711" s="613"/>
      <c r="SL711" s="613"/>
      <c r="SM711" s="613"/>
      <c r="SN711" s="613"/>
      <c r="SO711" s="613"/>
      <c r="SP711" s="613"/>
      <c r="SQ711" s="613"/>
      <c r="SR711" s="613"/>
      <c r="SS711" s="613"/>
      <c r="ST711" s="613"/>
      <c r="SU711" s="613"/>
      <c r="SV711" s="613"/>
      <c r="SW711" s="613"/>
      <c r="SX711" s="613"/>
      <c r="SY711" s="613"/>
      <c r="SZ711" s="613"/>
      <c r="TA711" s="613"/>
      <c r="TB711" s="613"/>
      <c r="TC711" s="613"/>
      <c r="TD711" s="613"/>
      <c r="TE711" s="613"/>
      <c r="TF711" s="613"/>
      <c r="TG711" s="613"/>
      <c r="TH711" s="613"/>
      <c r="TI711" s="613"/>
      <c r="TJ711" s="613"/>
      <c r="TK711" s="613"/>
      <c r="TL711" s="613"/>
      <c r="TM711" s="613"/>
      <c r="TN711" s="613"/>
      <c r="TO711" s="613"/>
      <c r="TP711" s="613"/>
      <c r="TQ711" s="613"/>
      <c r="TR711" s="613"/>
      <c r="TS711" s="613"/>
      <c r="TT711" s="613"/>
      <c r="TU711" s="613"/>
      <c r="TV711" s="613"/>
      <c r="TW711" s="613"/>
      <c r="TX711" s="613"/>
      <c r="TY711" s="613"/>
      <c r="TZ711" s="613"/>
      <c r="UA711" s="613"/>
      <c r="UB711" s="613"/>
      <c r="UC711" s="613"/>
      <c r="UD711" s="613"/>
      <c r="UE711" s="613"/>
      <c r="UF711" s="613"/>
      <c r="UG711" s="613"/>
      <c r="UH711" s="613"/>
      <c r="UI711" s="613"/>
      <c r="UJ711" s="613"/>
      <c r="UK711" s="613"/>
      <c r="UL711" s="613"/>
      <c r="UM711" s="613"/>
      <c r="UN711" s="613"/>
      <c r="UO711" s="613"/>
      <c r="UP711" s="613"/>
      <c r="UQ711" s="613"/>
      <c r="UR711" s="613"/>
      <c r="US711" s="613"/>
      <c r="UT711" s="613"/>
      <c r="UU711" s="613"/>
      <c r="UV711" s="613"/>
      <c r="UW711" s="613"/>
      <c r="UX711" s="613"/>
      <c r="UY711" s="613"/>
      <c r="UZ711" s="613"/>
      <c r="VA711" s="613"/>
      <c r="VB711" s="613"/>
      <c r="VC711" s="613"/>
      <c r="VD711" s="613"/>
      <c r="VE711" s="613"/>
      <c r="VF711" s="613"/>
      <c r="VG711" s="613"/>
      <c r="VH711" s="613"/>
      <c r="VI711" s="613"/>
      <c r="VJ711" s="613"/>
      <c r="VK711" s="613"/>
      <c r="VL711" s="613"/>
      <c r="VM711" s="613"/>
      <c r="VN711" s="613"/>
      <c r="VO711" s="613"/>
      <c r="VP711" s="613"/>
      <c r="VQ711" s="613"/>
      <c r="VR711" s="613"/>
      <c r="VS711" s="613"/>
      <c r="VT711" s="613"/>
      <c r="VU711" s="613"/>
      <c r="VV711" s="613"/>
      <c r="VW711" s="613"/>
      <c r="VX711" s="613"/>
      <c r="VY711" s="613"/>
      <c r="VZ711" s="613"/>
      <c r="WA711" s="613"/>
      <c r="WB711" s="613"/>
      <c r="WC711" s="613"/>
      <c r="WD711" s="613"/>
      <c r="WE711" s="613"/>
      <c r="WF711" s="613"/>
      <c r="WG711" s="613"/>
      <c r="WH711" s="613"/>
      <c r="WI711" s="613"/>
      <c r="WJ711" s="613"/>
      <c r="WK711" s="613"/>
      <c r="WL711" s="613"/>
      <c r="WM711" s="613"/>
      <c r="WN711" s="613"/>
      <c r="WO711" s="613"/>
      <c r="WP711" s="613"/>
      <c r="WQ711" s="613"/>
      <c r="WR711" s="613"/>
      <c r="WS711" s="613"/>
      <c r="WT711" s="613"/>
      <c r="WU711" s="613"/>
      <c r="WV711" s="613"/>
      <c r="WW711" s="613"/>
      <c r="WX711" s="613"/>
      <c r="WY711" s="613"/>
      <c r="WZ711" s="613"/>
      <c r="XA711" s="613"/>
      <c r="XB711" s="613"/>
      <c r="XC711" s="613"/>
      <c r="XD711" s="613"/>
      <c r="XE711" s="613"/>
      <c r="XF711" s="613"/>
      <c r="XG711" s="613"/>
      <c r="XH711" s="613"/>
      <c r="XI711" s="613"/>
      <c r="XJ711" s="613"/>
      <c r="XK711" s="613"/>
      <c r="XL711" s="613"/>
      <c r="XM711" s="613"/>
      <c r="XN711" s="613"/>
      <c r="XO711" s="613"/>
      <c r="XP711" s="613"/>
      <c r="XQ711" s="613"/>
      <c r="XR711" s="613"/>
      <c r="XS711" s="613"/>
      <c r="XT711" s="613"/>
      <c r="XU711" s="613"/>
      <c r="XV711" s="613"/>
      <c r="XW711" s="613"/>
      <c r="XX711" s="613"/>
      <c r="XY711" s="613"/>
      <c r="XZ711" s="613"/>
      <c r="YA711" s="613"/>
      <c r="YB711" s="613"/>
      <c r="YC711" s="613"/>
      <c r="YD711" s="613"/>
      <c r="YE711" s="613"/>
      <c r="YF711" s="613"/>
      <c r="YG711" s="613"/>
      <c r="YH711" s="613"/>
      <c r="YI711" s="613"/>
      <c r="YJ711" s="613"/>
      <c r="YK711" s="613"/>
      <c r="YL711" s="613"/>
      <c r="YM711" s="613"/>
      <c r="YN711" s="613"/>
      <c r="YO711" s="613"/>
      <c r="YP711" s="613"/>
      <c r="YQ711" s="613"/>
      <c r="YR711" s="613"/>
      <c r="YS711" s="613"/>
      <c r="YT711" s="613"/>
      <c r="YU711" s="613"/>
      <c r="YV711" s="613"/>
      <c r="YW711" s="613"/>
      <c r="YX711" s="613"/>
      <c r="YY711" s="613"/>
      <c r="YZ711" s="613"/>
      <c r="ZA711" s="613"/>
      <c r="ZB711" s="613"/>
      <c r="ZC711" s="613"/>
      <c r="ZD711" s="613"/>
      <c r="ZE711" s="613"/>
      <c r="ZF711" s="613"/>
      <c r="ZG711" s="613"/>
      <c r="ZH711" s="613"/>
      <c r="ZI711" s="613"/>
      <c r="ZJ711" s="613"/>
      <c r="ZK711" s="613"/>
      <c r="ZL711" s="613"/>
      <c r="ZM711" s="613"/>
      <c r="ZN711" s="613"/>
      <c r="ZO711" s="613"/>
      <c r="ZP711" s="613"/>
      <c r="ZQ711" s="613"/>
      <c r="ZR711" s="613"/>
      <c r="ZS711" s="613"/>
      <c r="ZT711" s="613"/>
      <c r="ZU711" s="613"/>
      <c r="ZV711" s="613"/>
      <c r="ZW711" s="613"/>
      <c r="ZX711" s="613"/>
      <c r="ZY711" s="613"/>
      <c r="ZZ711" s="613"/>
      <c r="AAA711" s="613"/>
      <c r="AAB711" s="613"/>
      <c r="AAC711" s="613"/>
      <c r="AAD711" s="613"/>
      <c r="AAE711" s="613"/>
      <c r="AAF711" s="613"/>
      <c r="AAG711" s="613"/>
      <c r="AAH711" s="613"/>
      <c r="AAI711" s="613"/>
      <c r="AAJ711" s="613"/>
      <c r="AAK711" s="613"/>
      <c r="AAL711" s="613"/>
      <c r="AAM711" s="613"/>
      <c r="AAN711" s="613"/>
      <c r="AAO711" s="613"/>
      <c r="AAP711" s="613"/>
      <c r="AAQ711" s="613"/>
      <c r="AAR711" s="613"/>
      <c r="AAS711" s="613"/>
      <c r="AAT711" s="613"/>
      <c r="AAU711" s="613"/>
      <c r="AAV711" s="613"/>
      <c r="AAW711" s="613"/>
      <c r="AAX711" s="613"/>
      <c r="AAY711" s="613"/>
      <c r="AAZ711" s="613"/>
      <c r="ABA711" s="613"/>
      <c r="ABB711" s="613"/>
      <c r="ABC711" s="613"/>
      <c r="ABD711" s="613"/>
      <c r="ABE711" s="613"/>
      <c r="ABF711" s="613"/>
      <c r="ABG711" s="613"/>
      <c r="ABH711" s="613"/>
      <c r="ABI711" s="613"/>
      <c r="ABJ711" s="613"/>
      <c r="ABK711" s="613"/>
      <c r="ABL711" s="613"/>
      <c r="ABM711" s="613"/>
      <c r="ABN711" s="613"/>
      <c r="ABO711" s="613"/>
      <c r="ABP711" s="613"/>
      <c r="ABQ711" s="613"/>
      <c r="ABR711" s="613"/>
      <c r="ABS711" s="613"/>
      <c r="ABT711" s="613"/>
      <c r="ABU711" s="613"/>
      <c r="ABV711" s="613"/>
      <c r="ABW711" s="613"/>
      <c r="ABX711" s="613"/>
      <c r="ABY711" s="613"/>
      <c r="ABZ711" s="613"/>
      <c r="ACA711" s="613"/>
      <c r="ACB711" s="613"/>
      <c r="ACC711" s="613"/>
      <c r="ACD711" s="613"/>
      <c r="ACE711" s="613"/>
      <c r="ACF711" s="613"/>
      <c r="ACG711" s="613"/>
      <c r="ACH711" s="613"/>
      <c r="ACI711" s="613"/>
      <c r="ACJ711" s="613"/>
      <c r="ACK711" s="613"/>
      <c r="ACL711" s="613"/>
      <c r="ACM711" s="613"/>
      <c r="ACN711" s="613"/>
      <c r="ACO711" s="613"/>
      <c r="ACP711" s="613"/>
      <c r="ACQ711" s="613"/>
      <c r="ACR711" s="613"/>
      <c r="ACS711" s="613"/>
      <c r="ACT711" s="613"/>
      <c r="ACU711" s="613"/>
      <c r="ACV711" s="613"/>
      <c r="ACW711" s="613"/>
      <c r="ACX711" s="613"/>
      <c r="ACY711" s="613"/>
      <c r="ACZ711" s="613"/>
      <c r="ADA711" s="613"/>
      <c r="ADB711" s="613"/>
      <c r="ADC711" s="613"/>
      <c r="ADD711" s="613"/>
      <c r="ADE711" s="613"/>
      <c r="ADF711" s="613"/>
      <c r="ADG711" s="613"/>
      <c r="ADH711" s="613"/>
      <c r="ADI711" s="613"/>
      <c r="ADJ711" s="613"/>
      <c r="ADK711" s="613"/>
      <c r="ADL711" s="613"/>
      <c r="ADM711" s="613"/>
      <c r="ADN711" s="613"/>
      <c r="ADO711" s="613"/>
      <c r="ADP711" s="613"/>
      <c r="ADQ711" s="613"/>
      <c r="ADR711" s="613"/>
      <c r="ADS711" s="613"/>
      <c r="ADT711" s="613"/>
      <c r="ADU711" s="613"/>
      <c r="ADV711" s="613"/>
      <c r="ADW711" s="613"/>
      <c r="ADX711" s="613"/>
      <c r="ADY711" s="613"/>
      <c r="ADZ711" s="613"/>
      <c r="AEA711" s="613"/>
      <c r="AEB711" s="613"/>
      <c r="AEC711" s="613"/>
      <c r="AED711" s="613"/>
      <c r="AEE711" s="613"/>
      <c r="AEF711" s="613"/>
      <c r="AEG711" s="613"/>
      <c r="AEH711" s="613"/>
      <c r="AEI711" s="613"/>
      <c r="AEJ711" s="613"/>
      <c r="AEK711" s="613"/>
      <c r="AEL711" s="613"/>
      <c r="AEM711" s="613"/>
      <c r="AEN711" s="613"/>
      <c r="AEO711" s="613"/>
      <c r="AEP711" s="613"/>
      <c r="AEQ711" s="613"/>
      <c r="AER711" s="613"/>
      <c r="AES711" s="613"/>
      <c r="AET711" s="613"/>
      <c r="AEU711" s="613"/>
      <c r="AEV711" s="613"/>
      <c r="AEW711" s="613"/>
      <c r="AEX711" s="613"/>
      <c r="AEY711" s="613"/>
      <c r="AEZ711" s="613"/>
      <c r="AFA711" s="613"/>
      <c r="AFB711" s="613"/>
      <c r="AFC711" s="613"/>
      <c r="AFD711" s="613"/>
      <c r="AFE711" s="613"/>
      <c r="AFF711" s="613"/>
      <c r="AFG711" s="613"/>
      <c r="AFH711" s="613"/>
      <c r="AFI711" s="613"/>
      <c r="AFJ711" s="613"/>
      <c r="AFK711" s="613"/>
      <c r="AFL711" s="613"/>
      <c r="AFM711" s="613"/>
      <c r="AFN711" s="613"/>
      <c r="AFO711" s="613"/>
      <c r="AFP711" s="613"/>
      <c r="AFQ711" s="613"/>
      <c r="AFR711" s="613"/>
      <c r="AFS711" s="613"/>
      <c r="AFT711" s="613"/>
      <c r="AFU711" s="613"/>
      <c r="AFV711" s="613"/>
      <c r="AFW711" s="613"/>
      <c r="AFX711" s="613"/>
      <c r="AFY711" s="613"/>
      <c r="AFZ711" s="613"/>
      <c r="AGA711" s="613"/>
      <c r="AGB711" s="613"/>
      <c r="AGC711" s="613"/>
      <c r="AGD711" s="613"/>
      <c r="AGE711" s="613"/>
      <c r="AGF711" s="613"/>
      <c r="AGG711" s="613"/>
      <c r="AGH711" s="613"/>
      <c r="AGI711" s="613"/>
      <c r="AGJ711" s="613"/>
      <c r="AGK711" s="613"/>
      <c r="AGL711" s="613"/>
      <c r="AGM711" s="613"/>
      <c r="AGN711" s="613"/>
      <c r="AGO711" s="613"/>
      <c r="AGP711" s="613"/>
      <c r="AGQ711" s="613"/>
      <c r="AGR711" s="613"/>
      <c r="AGS711" s="613"/>
      <c r="AGT711" s="613"/>
      <c r="AGU711" s="613"/>
      <c r="AGV711" s="613"/>
      <c r="AGW711" s="613"/>
      <c r="AGX711" s="613"/>
      <c r="AGY711" s="613"/>
      <c r="AGZ711" s="613"/>
      <c r="AHA711" s="613"/>
      <c r="AHB711" s="613"/>
      <c r="AHC711" s="613"/>
      <c r="AHD711" s="613"/>
      <c r="AHE711" s="613"/>
      <c r="AHF711" s="613"/>
      <c r="AHG711" s="613"/>
      <c r="AHH711" s="613"/>
      <c r="AHI711" s="613"/>
      <c r="AHJ711" s="613"/>
      <c r="AHK711" s="613"/>
      <c r="AHL711" s="613"/>
      <c r="AHM711" s="613"/>
      <c r="AHN711" s="613"/>
      <c r="AHO711" s="613"/>
      <c r="AHP711" s="613"/>
      <c r="AHQ711" s="613"/>
      <c r="AHR711" s="613"/>
      <c r="AHS711" s="613"/>
      <c r="AHT711" s="613"/>
      <c r="AHU711" s="613"/>
      <c r="AHV711" s="613"/>
      <c r="AHW711" s="613"/>
      <c r="AHX711" s="613"/>
      <c r="AHY711" s="613"/>
      <c r="AHZ711" s="613"/>
      <c r="AIA711" s="613"/>
      <c r="AIB711" s="613"/>
      <c r="AIC711" s="613"/>
      <c r="AID711" s="613"/>
      <c r="AIE711" s="613"/>
      <c r="AIF711" s="613"/>
      <c r="AIG711" s="613"/>
      <c r="AIH711" s="613"/>
      <c r="AII711" s="613"/>
      <c r="AIJ711" s="613"/>
      <c r="AIK711" s="613"/>
      <c r="AIL711" s="613"/>
      <c r="AIM711" s="613"/>
      <c r="AIN711" s="613"/>
      <c r="AIO711" s="613"/>
      <c r="AIP711" s="613"/>
      <c r="AIQ711" s="613"/>
      <c r="AIR711" s="613"/>
      <c r="AIS711" s="613"/>
      <c r="AIT711" s="613"/>
      <c r="AIU711" s="613"/>
      <c r="AIV711" s="613"/>
      <c r="AIW711" s="613"/>
      <c r="AIX711" s="613"/>
      <c r="AIY711" s="613"/>
      <c r="AIZ711" s="613"/>
      <c r="AJA711" s="613"/>
      <c r="AJB711" s="613"/>
      <c r="AJC711" s="613"/>
      <c r="AJD711" s="613"/>
      <c r="AJE711" s="613"/>
      <c r="AJF711" s="613"/>
      <c r="AJG711" s="613"/>
      <c r="AJH711" s="613"/>
      <c r="AJI711" s="613"/>
      <c r="AJJ711" s="613"/>
      <c r="AJK711" s="613"/>
      <c r="AJL711" s="613"/>
      <c r="AJM711" s="613"/>
      <c r="AJN711" s="613"/>
      <c r="AJO711" s="613"/>
      <c r="AJP711" s="613"/>
      <c r="AJQ711" s="613"/>
      <c r="AJR711" s="613"/>
      <c r="AJS711" s="613"/>
      <c r="AJT711" s="613"/>
      <c r="AJU711" s="613"/>
      <c r="AJV711" s="613"/>
      <c r="AJW711" s="613"/>
      <c r="AJX711" s="613"/>
      <c r="AJY711" s="613"/>
      <c r="AJZ711" s="613"/>
      <c r="AKA711" s="613"/>
      <c r="AKB711" s="613"/>
      <c r="AKC711" s="613"/>
      <c r="AKD711" s="613"/>
      <c r="AKE711" s="613"/>
      <c r="AKF711" s="613"/>
      <c r="AKG711" s="613"/>
      <c r="AKH711" s="613"/>
      <c r="AKI711" s="613"/>
      <c r="AKJ711" s="613"/>
      <c r="AKK711" s="613"/>
      <c r="AKL711" s="613"/>
      <c r="AKM711" s="613"/>
      <c r="AKN711" s="613"/>
      <c r="AKO711" s="613"/>
      <c r="AKP711" s="613"/>
      <c r="AKQ711" s="613"/>
      <c r="AKR711" s="613"/>
      <c r="AKS711" s="613"/>
      <c r="AKT711" s="613"/>
      <c r="AKU711" s="613"/>
      <c r="AKV711" s="613"/>
      <c r="AKW711" s="613"/>
      <c r="AKX711" s="613"/>
      <c r="AKY711" s="613"/>
      <c r="AKZ711" s="613"/>
      <c r="ALA711" s="613"/>
      <c r="ALB711" s="613"/>
      <c r="ALC711" s="613"/>
      <c r="ALD711" s="613"/>
      <c r="ALE711" s="613"/>
      <c r="ALF711" s="613"/>
      <c r="ALG711" s="613"/>
      <c r="ALH711" s="613"/>
      <c r="ALI711" s="613"/>
      <c r="ALJ711" s="613"/>
      <c r="ALK711" s="613"/>
      <c r="ALL711" s="613"/>
      <c r="ALM711" s="613"/>
      <c r="ALN711" s="613"/>
      <c r="ALO711" s="613"/>
      <c r="ALP711" s="613"/>
      <c r="ALQ711" s="613"/>
      <c r="ALR711" s="613"/>
      <c r="ALS711" s="613"/>
      <c r="ALT711" s="613"/>
      <c r="ALU711" s="613"/>
      <c r="ALV711" s="613"/>
      <c r="ALW711" s="613"/>
      <c r="ALX711" s="613"/>
      <c r="ALY711" s="613"/>
      <c r="ALZ711" s="613"/>
      <c r="AMA711" s="613"/>
      <c r="AMB711" s="613"/>
      <c r="AMC711" s="613"/>
      <c r="AMD711" s="613"/>
      <c r="AME711" s="613"/>
      <c r="AMF711" s="613"/>
      <c r="AMG711" s="613"/>
      <c r="AMH711" s="613"/>
      <c r="AMI711" s="613"/>
      <c r="AMJ711" s="613"/>
      <c r="AMK711" s="613"/>
      <c r="AML711" s="613"/>
      <c r="AMM711" s="613"/>
      <c r="AMN711" s="613"/>
      <c r="AMO711" s="613"/>
      <c r="AMP711" s="613"/>
      <c r="AMQ711" s="613"/>
      <c r="AMR711" s="613"/>
      <c r="AMS711" s="613"/>
      <c r="AMT711" s="613"/>
      <c r="AMU711" s="613"/>
      <c r="AMV711" s="613"/>
      <c r="AMW711" s="613"/>
      <c r="AMX711" s="613"/>
      <c r="AMY711" s="613"/>
      <c r="AMZ711" s="613"/>
      <c r="ANA711" s="613"/>
      <c r="ANB711" s="613"/>
      <c r="ANC711" s="613"/>
      <c r="AND711" s="613"/>
      <c r="ANE711" s="613"/>
      <c r="ANF711" s="613"/>
      <c r="ANG711" s="613"/>
      <c r="ANH711" s="613"/>
      <c r="ANI711" s="613"/>
      <c r="ANJ711" s="613"/>
      <c r="ANK711" s="613"/>
      <c r="ANL711" s="613"/>
      <c r="ANM711" s="613"/>
      <c r="ANN711" s="613"/>
      <c r="ANO711" s="613"/>
      <c r="ANP711" s="613"/>
      <c r="ANQ711" s="613"/>
      <c r="ANR711" s="613"/>
      <c r="ANS711" s="613"/>
      <c r="ANT711" s="613"/>
      <c r="ANU711" s="613"/>
      <c r="ANV711" s="613"/>
      <c r="ANW711" s="613"/>
      <c r="ANX711" s="613"/>
      <c r="ANY711" s="613"/>
      <c r="ANZ711" s="613"/>
      <c r="AOA711" s="613"/>
      <c r="AOB711" s="613"/>
      <c r="AOC711" s="613"/>
      <c r="AOD711" s="613"/>
      <c r="AOE711" s="613"/>
      <c r="AOF711" s="613"/>
      <c r="AOG711" s="613"/>
      <c r="AOH711" s="613"/>
      <c r="AOI711" s="613"/>
      <c r="AOJ711" s="613"/>
      <c r="AOK711" s="613"/>
      <c r="AOL711" s="613"/>
      <c r="AOM711" s="613"/>
      <c r="AON711" s="613"/>
      <c r="AOO711" s="613"/>
      <c r="AOP711" s="613"/>
      <c r="AOQ711" s="613"/>
      <c r="AOR711" s="613"/>
      <c r="AOS711" s="613"/>
      <c r="AOT711" s="613"/>
      <c r="AOU711" s="613"/>
      <c r="AOV711" s="613"/>
      <c r="AOW711" s="613"/>
      <c r="AOX711" s="613"/>
      <c r="AOY711" s="613"/>
      <c r="AOZ711" s="613"/>
      <c r="APA711" s="613"/>
      <c r="APB711" s="613"/>
      <c r="APC711" s="613"/>
      <c r="APD711" s="613"/>
      <c r="APE711" s="613"/>
      <c r="APF711" s="613"/>
      <c r="APG711" s="613"/>
      <c r="APH711" s="613"/>
      <c r="API711" s="613"/>
      <c r="APJ711" s="613"/>
      <c r="APK711" s="613"/>
      <c r="APL711" s="613"/>
      <c r="APM711" s="613"/>
      <c r="APN711" s="613"/>
      <c r="APO711" s="613"/>
      <c r="APP711" s="613"/>
      <c r="APQ711" s="613"/>
      <c r="APR711" s="613"/>
      <c r="APS711" s="613"/>
      <c r="APT711" s="613"/>
      <c r="APU711" s="613"/>
      <c r="APV711" s="613"/>
      <c r="APW711" s="613"/>
      <c r="APX711" s="613"/>
      <c r="APY711" s="613"/>
      <c r="APZ711" s="613"/>
      <c r="AQA711" s="613"/>
      <c r="AQB711" s="613"/>
      <c r="AQC711" s="613"/>
      <c r="AQD711" s="613"/>
      <c r="AQE711" s="613"/>
      <c r="AQF711" s="613"/>
      <c r="AQG711" s="613"/>
      <c r="AQH711" s="613"/>
      <c r="AQI711" s="613"/>
      <c r="AQJ711" s="613"/>
      <c r="AQK711" s="613"/>
      <c r="AQL711" s="613"/>
      <c r="AQM711" s="613"/>
      <c r="AQN711" s="613"/>
      <c r="AQO711" s="613"/>
      <c r="AQP711" s="613"/>
      <c r="AQQ711" s="613"/>
      <c r="AQR711" s="613"/>
      <c r="AQS711" s="613"/>
      <c r="AQT711" s="613"/>
      <c r="AQU711" s="613"/>
      <c r="AQV711" s="613"/>
      <c r="AQW711" s="613"/>
      <c r="AQX711" s="613"/>
      <c r="AQY711" s="613"/>
      <c r="AQZ711" s="613"/>
      <c r="ARA711" s="613"/>
      <c r="ARB711" s="613"/>
      <c r="ARC711" s="613"/>
      <c r="ARD711" s="613"/>
      <c r="ARE711" s="613"/>
      <c r="ARF711" s="613"/>
      <c r="ARG711" s="613"/>
      <c r="ARH711" s="613"/>
      <c r="ARI711" s="613"/>
      <c r="ARJ711" s="613"/>
      <c r="ARK711" s="613"/>
      <c r="ARL711" s="613"/>
      <c r="ARM711" s="613"/>
      <c r="ARN711" s="613"/>
      <c r="ARO711" s="613"/>
      <c r="ARP711" s="613"/>
      <c r="ARQ711" s="613"/>
      <c r="ARR711" s="613"/>
      <c r="ARS711" s="613"/>
      <c r="ART711" s="613"/>
      <c r="ARU711" s="613"/>
      <c r="ARV711" s="613"/>
      <c r="ARW711" s="613"/>
      <c r="ARX711" s="613"/>
      <c r="ARY711" s="613"/>
      <c r="ARZ711" s="613"/>
      <c r="ASA711" s="613"/>
      <c r="ASB711" s="613"/>
      <c r="ASC711" s="613"/>
      <c r="ASD711" s="613"/>
      <c r="ASE711" s="613"/>
      <c r="ASF711" s="613"/>
      <c r="ASG711" s="613"/>
      <c r="ASH711" s="613"/>
      <c r="ASI711" s="613"/>
      <c r="ASJ711" s="613"/>
      <c r="ASK711" s="613"/>
      <c r="ASL711" s="613"/>
      <c r="ASM711" s="613"/>
      <c r="ASN711" s="613"/>
      <c r="ASO711" s="613"/>
      <c r="ASP711" s="613"/>
      <c r="ASQ711" s="613"/>
      <c r="ASR711" s="613"/>
      <c r="ASS711" s="613"/>
      <c r="AST711" s="613"/>
      <c r="ASU711" s="613"/>
      <c r="ASV711" s="613"/>
      <c r="ASW711" s="613"/>
      <c r="ASX711" s="613"/>
      <c r="ASY711" s="613"/>
      <c r="ASZ711" s="613"/>
      <c r="ATA711" s="613"/>
      <c r="ATB711" s="613"/>
      <c r="ATC711" s="613"/>
      <c r="ATD711" s="613"/>
      <c r="ATE711" s="613"/>
      <c r="ATF711" s="613"/>
      <c r="ATG711" s="613"/>
      <c r="ATH711" s="613"/>
      <c r="ATI711" s="613"/>
      <c r="ATJ711" s="613"/>
      <c r="ATK711" s="613"/>
      <c r="ATL711" s="613"/>
      <c r="ATM711" s="613"/>
      <c r="ATN711" s="613"/>
      <c r="ATO711" s="613"/>
      <c r="ATP711" s="613"/>
      <c r="ATQ711" s="613"/>
      <c r="ATR711" s="613"/>
      <c r="ATS711" s="613"/>
      <c r="ATT711" s="613"/>
      <c r="ATU711" s="613"/>
      <c r="ATV711" s="613"/>
      <c r="ATW711" s="613"/>
      <c r="ATX711" s="613"/>
      <c r="ATY711" s="613"/>
      <c r="ATZ711" s="613"/>
      <c r="AUA711" s="613"/>
      <c r="AUB711" s="613"/>
      <c r="AUC711" s="613"/>
      <c r="AUD711" s="613"/>
      <c r="AUE711" s="613"/>
      <c r="AUF711" s="613"/>
      <c r="AUG711" s="613"/>
      <c r="AUH711" s="613"/>
      <c r="AUI711" s="613"/>
      <c r="AUJ711" s="613"/>
      <c r="AUK711" s="613"/>
      <c r="AUL711" s="613"/>
      <c r="AUM711" s="613"/>
      <c r="AUN711" s="613"/>
      <c r="AUO711" s="613"/>
      <c r="AUP711" s="613"/>
      <c r="AUQ711" s="613"/>
      <c r="AUR711" s="613"/>
      <c r="AUS711" s="613"/>
      <c r="AUT711" s="613"/>
      <c r="AUU711" s="613"/>
      <c r="AUV711" s="613"/>
      <c r="AUW711" s="613"/>
      <c r="AUX711" s="613"/>
      <c r="AUY711" s="613"/>
      <c r="AUZ711" s="613"/>
      <c r="AVA711" s="613"/>
      <c r="AVB711" s="613"/>
      <c r="AVC711" s="613"/>
      <c r="AVD711" s="613"/>
      <c r="AVE711" s="613"/>
      <c r="AVF711" s="613"/>
      <c r="AVG711" s="613"/>
      <c r="AVH711" s="613"/>
      <c r="AVI711" s="613"/>
      <c r="AVJ711" s="613"/>
      <c r="AVK711" s="613"/>
      <c r="AVL711" s="613"/>
      <c r="AVM711" s="613"/>
      <c r="AVN711" s="613"/>
      <c r="AVO711" s="613"/>
      <c r="AVP711" s="613"/>
      <c r="AVQ711" s="613"/>
      <c r="AVR711" s="613"/>
      <c r="AVS711" s="613"/>
      <c r="AVT711" s="613"/>
      <c r="AVU711" s="613"/>
      <c r="AVV711" s="613"/>
      <c r="AVW711" s="613"/>
      <c r="AVX711" s="613"/>
      <c r="AVY711" s="613"/>
      <c r="AVZ711" s="613"/>
      <c r="AWA711" s="613"/>
      <c r="AWB711" s="613"/>
      <c r="AWC711" s="613"/>
      <c r="AWD711" s="613"/>
      <c r="AWE711" s="613"/>
      <c r="AWF711" s="613"/>
      <c r="AWG711" s="613"/>
      <c r="AWH711" s="613"/>
      <c r="AWI711" s="613"/>
      <c r="AWJ711" s="613"/>
      <c r="AWK711" s="613"/>
      <c r="AWL711" s="613"/>
      <c r="AWM711" s="613"/>
      <c r="AWN711" s="613"/>
      <c r="AWO711" s="613"/>
      <c r="AWP711" s="613"/>
      <c r="AWQ711" s="613"/>
      <c r="AWR711" s="613"/>
      <c r="AWS711" s="613"/>
      <c r="AWT711" s="613"/>
      <c r="AWU711" s="613"/>
      <c r="AWV711" s="613"/>
      <c r="AWW711" s="613"/>
      <c r="AWX711" s="613"/>
      <c r="AWY711" s="613"/>
      <c r="AWZ711" s="613"/>
      <c r="AXA711" s="613"/>
      <c r="AXB711" s="613"/>
      <c r="AXC711" s="613"/>
      <c r="AXD711" s="613"/>
      <c r="AXE711" s="613"/>
      <c r="AXF711" s="613"/>
      <c r="AXG711" s="613"/>
      <c r="AXH711" s="613"/>
      <c r="AXI711" s="613"/>
      <c r="AXJ711" s="613"/>
      <c r="AXK711" s="613"/>
      <c r="AXL711" s="613"/>
      <c r="AXM711" s="613"/>
      <c r="AXN711" s="613"/>
      <c r="AXO711" s="613"/>
      <c r="AXP711" s="613"/>
      <c r="AXQ711" s="613"/>
      <c r="AXR711" s="613"/>
      <c r="AXS711" s="613"/>
      <c r="AXT711" s="613"/>
      <c r="AXU711" s="613"/>
      <c r="AXV711" s="613"/>
      <c r="AXW711" s="613"/>
      <c r="AXX711" s="613"/>
      <c r="AXY711" s="613"/>
      <c r="AXZ711" s="613"/>
      <c r="AYA711" s="613"/>
      <c r="AYB711" s="613"/>
      <c r="AYC711" s="613"/>
      <c r="AYD711" s="613"/>
      <c r="AYE711" s="613"/>
      <c r="AYF711" s="613"/>
      <c r="AYG711" s="613"/>
      <c r="AYH711" s="613"/>
      <c r="AYI711" s="613"/>
      <c r="AYJ711" s="613"/>
      <c r="AYK711" s="613"/>
      <c r="AYL711" s="613"/>
      <c r="AYM711" s="613"/>
      <c r="AYN711" s="613"/>
      <c r="AYO711" s="613"/>
      <c r="AYP711" s="613"/>
      <c r="AYQ711" s="613"/>
      <c r="AYR711" s="613"/>
      <c r="AYS711" s="613"/>
      <c r="AYT711" s="613"/>
      <c r="AYU711" s="613"/>
      <c r="AYV711" s="613"/>
      <c r="AYW711" s="613"/>
      <c r="AYX711" s="613"/>
      <c r="AYY711" s="613"/>
      <c r="AYZ711" s="613"/>
      <c r="AZA711" s="613"/>
      <c r="AZB711" s="613"/>
      <c r="AZC711" s="613"/>
      <c r="AZD711" s="613"/>
      <c r="AZE711" s="613"/>
      <c r="AZF711" s="613"/>
      <c r="AZG711" s="613"/>
      <c r="AZH711" s="613"/>
      <c r="AZI711" s="613"/>
      <c r="AZJ711" s="613"/>
      <c r="AZK711" s="613"/>
      <c r="AZL711" s="613"/>
      <c r="AZM711" s="613"/>
      <c r="AZN711" s="613"/>
      <c r="AZO711" s="613"/>
      <c r="AZP711" s="613"/>
      <c r="AZQ711" s="613"/>
      <c r="AZR711" s="613"/>
      <c r="AZS711" s="613"/>
      <c r="AZT711" s="613"/>
      <c r="AZU711" s="613"/>
      <c r="AZV711" s="613"/>
      <c r="AZW711" s="613"/>
      <c r="AZX711" s="613"/>
      <c r="AZY711" s="613"/>
      <c r="AZZ711" s="613"/>
      <c r="BAA711" s="613"/>
      <c r="BAB711" s="613"/>
      <c r="BAC711" s="613"/>
      <c r="BAD711" s="613"/>
      <c r="BAE711" s="613"/>
      <c r="BAF711" s="613"/>
      <c r="BAG711" s="613"/>
      <c r="BAH711" s="613"/>
      <c r="BAI711" s="613"/>
      <c r="BAJ711" s="613"/>
      <c r="BAK711" s="613"/>
      <c r="BAL711" s="613"/>
      <c r="BAM711" s="613"/>
      <c r="BAN711" s="613"/>
      <c r="BAO711" s="613"/>
      <c r="BAP711" s="613"/>
      <c r="BAQ711" s="613"/>
      <c r="BAR711" s="613"/>
      <c r="BAS711" s="613"/>
      <c r="BAT711" s="613"/>
      <c r="BAU711" s="613"/>
      <c r="BAV711" s="613"/>
      <c r="BAW711" s="613"/>
      <c r="BAX711" s="613"/>
      <c r="BAY711" s="613"/>
      <c r="BAZ711" s="613"/>
      <c r="BBA711" s="613"/>
      <c r="BBB711" s="613"/>
      <c r="BBC711" s="613"/>
      <c r="BBD711" s="613"/>
      <c r="BBE711" s="613"/>
      <c r="BBF711" s="613"/>
      <c r="BBG711" s="613"/>
      <c r="BBH711" s="613"/>
      <c r="BBI711" s="613"/>
      <c r="BBJ711" s="613"/>
      <c r="BBK711" s="613"/>
      <c r="BBL711" s="613"/>
      <c r="BBM711" s="613"/>
      <c r="BBN711" s="613"/>
      <c r="BBO711" s="613"/>
      <c r="BBP711" s="613"/>
      <c r="BBQ711" s="613"/>
      <c r="BBR711" s="613"/>
      <c r="BBS711" s="613"/>
      <c r="BBT711" s="613"/>
      <c r="BBU711" s="613"/>
      <c r="BBV711" s="613"/>
      <c r="BBW711" s="613"/>
      <c r="BBX711" s="613"/>
      <c r="BBY711" s="613"/>
      <c r="BBZ711" s="613"/>
      <c r="BCA711" s="613"/>
      <c r="BCB711" s="613"/>
      <c r="BCC711" s="613"/>
      <c r="BCD711" s="613"/>
      <c r="BCE711" s="613"/>
      <c r="BCF711" s="613"/>
      <c r="BCG711" s="613"/>
      <c r="BCH711" s="613"/>
      <c r="BCI711" s="613"/>
      <c r="BCJ711" s="613"/>
      <c r="BCK711" s="613"/>
      <c r="BCL711" s="613"/>
      <c r="BCM711" s="613"/>
      <c r="BCN711" s="613"/>
      <c r="BCO711" s="613"/>
      <c r="BCP711" s="613"/>
      <c r="BCQ711" s="613"/>
      <c r="BCR711" s="613"/>
      <c r="BCS711" s="613"/>
      <c r="BCT711" s="613"/>
      <c r="BCU711" s="613"/>
      <c r="BCV711" s="613"/>
      <c r="BCW711" s="613"/>
      <c r="BCX711" s="613"/>
      <c r="BCY711" s="613"/>
      <c r="BCZ711" s="613"/>
      <c r="BDA711" s="613"/>
      <c r="BDB711" s="613"/>
      <c r="BDC711" s="613"/>
      <c r="BDD711" s="613"/>
      <c r="BDE711" s="613"/>
      <c r="BDF711" s="613"/>
      <c r="BDG711" s="613"/>
      <c r="BDH711" s="613"/>
      <c r="BDI711" s="613"/>
      <c r="BDJ711" s="613"/>
      <c r="BDK711" s="613"/>
      <c r="BDL711" s="613"/>
      <c r="BDM711" s="613"/>
      <c r="BDN711" s="613"/>
      <c r="BDO711" s="613"/>
      <c r="BDP711" s="613"/>
      <c r="BDQ711" s="613"/>
      <c r="BDR711" s="613"/>
      <c r="BDS711" s="613"/>
      <c r="BDT711" s="613"/>
      <c r="BDU711" s="613"/>
      <c r="BDV711" s="613"/>
      <c r="BDW711" s="613"/>
      <c r="BDX711" s="613"/>
      <c r="BDY711" s="613"/>
      <c r="BDZ711" s="613"/>
      <c r="BEA711" s="613"/>
      <c r="BEB711" s="613"/>
      <c r="BEC711" s="613"/>
      <c r="BED711" s="613"/>
      <c r="BEE711" s="613"/>
      <c r="BEF711" s="613"/>
      <c r="BEG711" s="613"/>
      <c r="BEH711" s="613"/>
      <c r="BEI711" s="613"/>
      <c r="BEJ711" s="613"/>
      <c r="BEK711" s="613"/>
      <c r="BEL711" s="613"/>
      <c r="BEM711" s="613"/>
      <c r="BEN711" s="613"/>
      <c r="BEO711" s="613"/>
      <c r="BEP711" s="613"/>
      <c r="BEQ711" s="613"/>
      <c r="BER711" s="613"/>
      <c r="BES711" s="613"/>
      <c r="BET711" s="613"/>
      <c r="BEU711" s="613"/>
      <c r="BEV711" s="613"/>
      <c r="BEW711" s="613"/>
      <c r="BEX711" s="613"/>
      <c r="BEY711" s="613"/>
      <c r="BEZ711" s="613"/>
      <c r="BFA711" s="613"/>
      <c r="BFB711" s="613"/>
      <c r="BFC711" s="613"/>
      <c r="BFD711" s="613"/>
      <c r="BFE711" s="613"/>
      <c r="BFF711" s="613"/>
      <c r="BFG711" s="613"/>
      <c r="BFH711" s="613"/>
      <c r="BFI711" s="613"/>
      <c r="BFJ711" s="613"/>
      <c r="BFK711" s="613"/>
      <c r="BFL711" s="613"/>
      <c r="BFM711" s="613"/>
      <c r="BFN711" s="613"/>
      <c r="BFO711" s="613"/>
      <c r="BFP711" s="613"/>
      <c r="BFQ711" s="613"/>
      <c r="BFR711" s="613"/>
      <c r="BFS711" s="613"/>
      <c r="BFT711" s="613"/>
      <c r="BFU711" s="613"/>
      <c r="BFV711" s="613"/>
      <c r="BFW711" s="613"/>
      <c r="BFX711" s="613"/>
      <c r="BFY711" s="613"/>
      <c r="BFZ711" s="613"/>
      <c r="BGA711" s="613"/>
      <c r="BGB711" s="613"/>
      <c r="BGC711" s="613"/>
      <c r="BGD711" s="613"/>
      <c r="BGE711" s="613"/>
      <c r="BGF711" s="613"/>
      <c r="BGG711" s="613"/>
      <c r="BGH711" s="613"/>
      <c r="BGI711" s="613"/>
      <c r="BGJ711" s="613"/>
      <c r="BGK711" s="613"/>
      <c r="BGL711" s="613"/>
      <c r="BGM711" s="613"/>
      <c r="BGN711" s="613"/>
      <c r="BGO711" s="613"/>
      <c r="BGP711" s="613"/>
      <c r="BGQ711" s="613"/>
      <c r="BGR711" s="613"/>
      <c r="BGS711" s="613"/>
      <c r="BGT711" s="613"/>
      <c r="BGU711" s="613"/>
      <c r="BGV711" s="613"/>
      <c r="BGW711" s="613"/>
      <c r="BGX711" s="613"/>
      <c r="BGY711" s="613"/>
      <c r="BGZ711" s="613"/>
      <c r="BHA711" s="613"/>
      <c r="BHB711" s="613"/>
      <c r="BHC711" s="613"/>
      <c r="BHD711" s="613"/>
      <c r="BHE711" s="613"/>
      <c r="BHF711" s="613"/>
      <c r="BHG711" s="613"/>
      <c r="BHH711" s="613"/>
      <c r="BHI711" s="613"/>
      <c r="BHJ711" s="613"/>
      <c r="BHK711" s="613"/>
      <c r="BHL711" s="613"/>
      <c r="BHM711" s="613"/>
      <c r="BHN711" s="613"/>
      <c r="BHO711" s="613"/>
      <c r="BHP711" s="613"/>
      <c r="BHQ711" s="613"/>
      <c r="BHR711" s="613"/>
      <c r="BHS711" s="613"/>
      <c r="BHT711" s="613"/>
      <c r="BHU711" s="613"/>
      <c r="BHV711" s="613"/>
      <c r="BHW711" s="613"/>
      <c r="BHX711" s="613"/>
      <c r="BHY711" s="613"/>
      <c r="BHZ711" s="613"/>
      <c r="BIA711" s="613"/>
      <c r="BIB711" s="613"/>
      <c r="BIC711" s="613"/>
      <c r="BID711" s="613"/>
      <c r="BIE711" s="613"/>
      <c r="BIF711" s="613"/>
      <c r="BIG711" s="613"/>
      <c r="BIH711" s="613"/>
      <c r="BII711" s="613"/>
      <c r="BIJ711" s="613"/>
      <c r="BIK711" s="613"/>
      <c r="BIL711" s="613"/>
      <c r="BIM711" s="613"/>
      <c r="BIN711" s="613"/>
      <c r="BIO711" s="613"/>
      <c r="BIP711" s="613"/>
      <c r="BIQ711" s="613"/>
      <c r="BIR711" s="613"/>
      <c r="BIS711" s="613"/>
      <c r="BIT711" s="613"/>
      <c r="BIU711" s="613"/>
      <c r="BIV711" s="613"/>
      <c r="BIW711" s="613"/>
      <c r="BIX711" s="613"/>
      <c r="BIY711" s="613"/>
      <c r="BIZ711" s="613"/>
      <c r="BJA711" s="613"/>
      <c r="BJB711" s="613"/>
      <c r="BJC711" s="613"/>
      <c r="BJD711" s="613"/>
      <c r="BJE711" s="613"/>
      <c r="BJF711" s="613"/>
      <c r="BJG711" s="613"/>
      <c r="BJH711" s="613"/>
      <c r="BJI711" s="613"/>
      <c r="BJJ711" s="613"/>
      <c r="BJK711" s="613"/>
      <c r="BJL711" s="613"/>
      <c r="BJM711" s="613"/>
      <c r="BJN711" s="613"/>
      <c r="BJO711" s="613"/>
      <c r="BJP711" s="613"/>
      <c r="BJQ711" s="613"/>
      <c r="BJR711" s="613"/>
      <c r="BJS711" s="613"/>
      <c r="BJT711" s="613"/>
      <c r="BJU711" s="613"/>
      <c r="BJV711" s="613"/>
      <c r="BJW711" s="613"/>
      <c r="BJX711" s="613"/>
      <c r="BJY711" s="613"/>
      <c r="BJZ711" s="613"/>
      <c r="BKA711" s="613"/>
      <c r="BKB711" s="613"/>
      <c r="BKC711" s="613"/>
      <c r="BKD711" s="613"/>
      <c r="BKE711" s="613"/>
      <c r="BKF711" s="613"/>
      <c r="BKG711" s="613"/>
      <c r="BKH711" s="613"/>
      <c r="BKI711" s="613"/>
      <c r="BKJ711" s="613"/>
      <c r="BKK711" s="613"/>
      <c r="BKL711" s="613"/>
      <c r="BKM711" s="613"/>
      <c r="BKN711" s="613"/>
      <c r="BKO711" s="613"/>
      <c r="BKP711" s="613"/>
      <c r="BKQ711" s="613"/>
      <c r="BKR711" s="613"/>
      <c r="BKS711" s="613"/>
      <c r="BKT711" s="613"/>
      <c r="BKU711" s="613"/>
      <c r="BKV711" s="613"/>
      <c r="BKW711" s="613"/>
      <c r="BKX711" s="613"/>
      <c r="BKY711" s="613"/>
      <c r="BKZ711" s="613"/>
      <c r="BLA711" s="613"/>
      <c r="BLB711" s="613"/>
      <c r="BLC711" s="613"/>
      <c r="BLD711" s="613"/>
      <c r="BLE711" s="613"/>
      <c r="BLF711" s="613"/>
      <c r="BLG711" s="613"/>
      <c r="BLH711" s="613"/>
      <c r="BLI711" s="613"/>
      <c r="BLJ711" s="613"/>
      <c r="BLK711" s="613"/>
      <c r="BLL711" s="613"/>
      <c r="BLM711" s="613"/>
      <c r="BLN711" s="613"/>
      <c r="BLO711" s="613"/>
      <c r="BLP711" s="613"/>
      <c r="BLQ711" s="613"/>
      <c r="BLR711" s="613"/>
      <c r="BLS711" s="613"/>
      <c r="BLT711" s="613"/>
      <c r="BLU711" s="613"/>
      <c r="BLV711" s="613"/>
      <c r="BLW711" s="613"/>
      <c r="BLX711" s="613"/>
      <c r="BLY711" s="613"/>
      <c r="BLZ711" s="613"/>
      <c r="BMA711" s="613"/>
      <c r="BMB711" s="613"/>
      <c r="BMC711" s="613"/>
      <c r="BMD711" s="613"/>
      <c r="BME711" s="613"/>
      <c r="BMF711" s="613"/>
      <c r="BMG711" s="613"/>
      <c r="BMH711" s="613"/>
      <c r="BMI711" s="613"/>
      <c r="BMJ711" s="613"/>
      <c r="BMK711" s="613"/>
      <c r="BML711" s="613"/>
      <c r="BMM711" s="613"/>
      <c r="BMN711" s="613"/>
      <c r="BMO711" s="613"/>
      <c r="BMP711" s="613"/>
      <c r="BMQ711" s="613"/>
      <c r="BMR711" s="613"/>
      <c r="BMS711" s="613"/>
      <c r="BMT711" s="613"/>
      <c r="BMU711" s="613"/>
      <c r="BMV711" s="613"/>
      <c r="BMW711" s="613"/>
      <c r="BMX711" s="613"/>
      <c r="BMY711" s="613"/>
      <c r="BMZ711" s="613"/>
      <c r="BNA711" s="613"/>
      <c r="BNB711" s="613"/>
      <c r="BNC711" s="613"/>
      <c r="BND711" s="613"/>
      <c r="BNE711" s="613"/>
      <c r="BNF711" s="613"/>
      <c r="BNG711" s="613"/>
      <c r="BNH711" s="613"/>
      <c r="BNI711" s="613"/>
      <c r="BNJ711" s="613"/>
      <c r="BNK711" s="613"/>
      <c r="BNL711" s="613"/>
      <c r="BNM711" s="613"/>
      <c r="BNN711" s="613"/>
      <c r="BNO711" s="613"/>
      <c r="BNP711" s="613"/>
      <c r="BNQ711" s="613"/>
      <c r="BNR711" s="613"/>
      <c r="BNS711" s="613"/>
      <c r="BNT711" s="613"/>
      <c r="BNU711" s="613"/>
      <c r="BNV711" s="613"/>
      <c r="BNW711" s="613"/>
      <c r="BNX711" s="613"/>
      <c r="BNY711" s="613"/>
      <c r="BNZ711" s="613"/>
      <c r="BOA711" s="613"/>
      <c r="BOB711" s="613"/>
      <c r="BOC711" s="613"/>
      <c r="BOD711" s="613"/>
      <c r="BOE711" s="613"/>
      <c r="BOF711" s="613"/>
      <c r="BOG711" s="613"/>
      <c r="BOH711" s="613"/>
      <c r="BOI711" s="613"/>
      <c r="BOJ711" s="613"/>
      <c r="BOK711" s="613"/>
      <c r="BOL711" s="613"/>
      <c r="BOM711" s="613"/>
      <c r="BON711" s="613"/>
      <c r="BOO711" s="613"/>
      <c r="BOP711" s="613"/>
      <c r="BOQ711" s="613"/>
      <c r="BOR711" s="613"/>
      <c r="BOS711" s="613"/>
      <c r="BOT711" s="613"/>
      <c r="BOU711" s="613"/>
      <c r="BOV711" s="613"/>
      <c r="BOW711" s="613"/>
      <c r="BOX711" s="613"/>
      <c r="BOY711" s="613"/>
      <c r="BOZ711" s="613"/>
      <c r="BPA711" s="613"/>
      <c r="BPB711" s="613"/>
      <c r="BPC711" s="613"/>
      <c r="BPD711" s="613"/>
      <c r="BPE711" s="613"/>
      <c r="BPF711" s="613"/>
      <c r="BPG711" s="613"/>
      <c r="BPH711" s="613"/>
      <c r="BPI711" s="613"/>
      <c r="BPJ711" s="613"/>
      <c r="BPK711" s="613"/>
      <c r="BPL711" s="613"/>
      <c r="BPM711" s="613"/>
      <c r="BPN711" s="613"/>
      <c r="BPO711" s="613"/>
      <c r="BPP711" s="613"/>
      <c r="BPQ711" s="613"/>
      <c r="BPR711" s="613"/>
      <c r="BPS711" s="613"/>
      <c r="BPT711" s="613"/>
      <c r="BPU711" s="613"/>
      <c r="BPV711" s="613"/>
      <c r="BPW711" s="613"/>
      <c r="BPX711" s="613"/>
      <c r="BPY711" s="613"/>
      <c r="BPZ711" s="613"/>
      <c r="BQA711" s="613"/>
      <c r="BQB711" s="613"/>
      <c r="BQC711" s="613"/>
      <c r="BQD711" s="613"/>
      <c r="BQE711" s="613"/>
      <c r="BQF711" s="613"/>
      <c r="BQG711" s="613"/>
      <c r="BQH711" s="613"/>
      <c r="BQI711" s="613"/>
      <c r="BQJ711" s="613"/>
      <c r="BQK711" s="613"/>
      <c r="BQL711" s="613"/>
      <c r="BQM711" s="613"/>
      <c r="BQN711" s="613"/>
      <c r="BQO711" s="613"/>
      <c r="BQP711" s="613"/>
      <c r="BQQ711" s="613"/>
      <c r="BQR711" s="613"/>
      <c r="BQS711" s="613"/>
      <c r="BQT711" s="613"/>
      <c r="BQU711" s="613"/>
      <c r="BQV711" s="613"/>
      <c r="BQW711" s="613"/>
      <c r="BQX711" s="613"/>
      <c r="BQY711" s="613"/>
      <c r="BQZ711" s="613"/>
      <c r="BRA711" s="613"/>
      <c r="BRB711" s="613"/>
      <c r="BRC711" s="613"/>
      <c r="BRD711" s="613"/>
      <c r="BRE711" s="613"/>
      <c r="BRF711" s="613"/>
      <c r="BRG711" s="613"/>
      <c r="BRH711" s="613"/>
      <c r="BRI711" s="613"/>
      <c r="BRJ711" s="613"/>
      <c r="BRK711" s="613"/>
      <c r="BRL711" s="613"/>
      <c r="BRM711" s="613"/>
      <c r="BRN711" s="613"/>
      <c r="BRO711" s="613"/>
      <c r="BRP711" s="613"/>
      <c r="BRQ711" s="613"/>
      <c r="BRR711" s="613"/>
      <c r="BRS711" s="613"/>
      <c r="BRT711" s="613"/>
      <c r="BRU711" s="613"/>
      <c r="BRV711" s="613"/>
      <c r="BRW711" s="613"/>
      <c r="BRX711" s="613"/>
      <c r="BRY711" s="613"/>
      <c r="BRZ711" s="613"/>
      <c r="BSA711" s="613"/>
      <c r="BSB711" s="613"/>
      <c r="BSC711" s="613"/>
      <c r="BSD711" s="613"/>
      <c r="BSE711" s="613"/>
      <c r="BSF711" s="613"/>
      <c r="BSG711" s="613"/>
      <c r="BSH711" s="613"/>
      <c r="BSI711" s="613"/>
      <c r="BSJ711" s="613"/>
      <c r="BSK711" s="613"/>
      <c r="BSL711" s="613"/>
      <c r="BSM711" s="613"/>
      <c r="BSN711" s="613"/>
      <c r="BSO711" s="613"/>
      <c r="BSP711" s="613"/>
      <c r="BSQ711" s="613"/>
      <c r="BSR711" s="613"/>
      <c r="BSS711" s="613"/>
      <c r="BST711" s="613"/>
      <c r="BSU711" s="613"/>
      <c r="BSV711" s="613"/>
      <c r="BSW711" s="613"/>
      <c r="BSX711" s="613"/>
      <c r="BSY711" s="613"/>
      <c r="BSZ711" s="613"/>
      <c r="BTA711" s="613"/>
      <c r="BTB711" s="613"/>
      <c r="BTC711" s="613"/>
      <c r="BTD711" s="613"/>
      <c r="BTE711" s="613"/>
      <c r="BTF711" s="613"/>
      <c r="BTG711" s="613"/>
      <c r="BTH711" s="613"/>
      <c r="BTI711" s="613"/>
      <c r="BTJ711" s="613"/>
      <c r="BTK711" s="613"/>
      <c r="BTL711" s="613"/>
      <c r="BTM711" s="613"/>
      <c r="BTN711" s="613"/>
      <c r="BTO711" s="613"/>
      <c r="BTP711" s="613"/>
      <c r="BTQ711" s="613"/>
      <c r="BTR711" s="613"/>
      <c r="BTS711" s="613"/>
      <c r="BTT711" s="613"/>
      <c r="BTU711" s="613"/>
      <c r="BTV711" s="613"/>
      <c r="BTW711" s="613"/>
      <c r="BTX711" s="613"/>
      <c r="BTY711" s="613"/>
      <c r="BTZ711" s="613"/>
      <c r="BUA711" s="613"/>
      <c r="BUB711" s="613"/>
      <c r="BUC711" s="613"/>
      <c r="BUD711" s="613"/>
      <c r="BUE711" s="613"/>
      <c r="BUF711" s="613"/>
      <c r="BUG711" s="613"/>
      <c r="BUH711" s="613"/>
      <c r="BUI711" s="613"/>
      <c r="BUJ711" s="613"/>
      <c r="BUK711" s="613"/>
      <c r="BUL711" s="613"/>
      <c r="BUM711" s="613"/>
      <c r="BUN711" s="613"/>
      <c r="BUO711" s="613"/>
      <c r="BUP711" s="613"/>
      <c r="BUQ711" s="613"/>
      <c r="BUR711" s="613"/>
      <c r="BUS711" s="613"/>
      <c r="BUT711" s="613"/>
      <c r="BUU711" s="613"/>
      <c r="BUV711" s="613"/>
      <c r="BUW711" s="613"/>
      <c r="BUX711" s="613"/>
      <c r="BUY711" s="613"/>
      <c r="BUZ711" s="613"/>
      <c r="BVA711" s="613"/>
      <c r="BVB711" s="613"/>
      <c r="BVC711" s="613"/>
      <c r="BVD711" s="613"/>
      <c r="BVE711" s="613"/>
      <c r="BVF711" s="613"/>
      <c r="BVG711" s="613"/>
      <c r="BVH711" s="613"/>
      <c r="BVI711" s="613"/>
      <c r="BVJ711" s="613"/>
      <c r="BVK711" s="613"/>
      <c r="BVL711" s="613"/>
      <c r="BVM711" s="613"/>
      <c r="BVN711" s="613"/>
      <c r="BVO711" s="613"/>
      <c r="BVP711" s="613"/>
      <c r="BVQ711" s="613"/>
      <c r="BVR711" s="613"/>
      <c r="BVS711" s="613"/>
      <c r="BVT711" s="613"/>
      <c r="BVU711" s="613"/>
      <c r="BVV711" s="613"/>
      <c r="BVW711" s="613"/>
      <c r="BVX711" s="613"/>
      <c r="BVY711" s="613"/>
      <c r="BVZ711" s="613"/>
      <c r="BWA711" s="613"/>
      <c r="BWB711" s="613"/>
      <c r="BWC711" s="613"/>
      <c r="BWD711" s="613"/>
      <c r="BWE711" s="613"/>
      <c r="BWF711" s="613"/>
      <c r="BWG711" s="613"/>
      <c r="BWH711" s="613"/>
      <c r="BWI711" s="613"/>
      <c r="BWJ711" s="613"/>
      <c r="BWK711" s="613"/>
      <c r="BWL711" s="613"/>
      <c r="BWM711" s="613"/>
      <c r="BWN711" s="613"/>
      <c r="BWO711" s="613"/>
      <c r="BWP711" s="613"/>
      <c r="BWQ711" s="613"/>
      <c r="BWR711" s="613"/>
      <c r="BWS711" s="613"/>
      <c r="BWT711" s="613"/>
      <c r="BWU711" s="613"/>
      <c r="BWV711" s="613"/>
      <c r="BWW711" s="613"/>
      <c r="BWX711" s="613"/>
      <c r="BWY711" s="613"/>
      <c r="BWZ711" s="613"/>
      <c r="BXA711" s="613"/>
      <c r="BXB711" s="613"/>
      <c r="BXC711" s="613"/>
      <c r="BXD711" s="613"/>
      <c r="BXE711" s="613"/>
      <c r="BXF711" s="613"/>
      <c r="BXG711" s="613"/>
      <c r="BXH711" s="613"/>
      <c r="BXI711" s="613"/>
      <c r="BXJ711" s="613"/>
      <c r="BXK711" s="613"/>
      <c r="BXL711" s="613"/>
      <c r="BXM711" s="613"/>
      <c r="BXN711" s="613"/>
      <c r="BXO711" s="613"/>
      <c r="BXP711" s="613"/>
      <c r="BXQ711" s="613"/>
      <c r="BXR711" s="613"/>
      <c r="BXS711" s="613"/>
      <c r="BXT711" s="613"/>
      <c r="BXU711" s="613"/>
      <c r="BXV711" s="613"/>
      <c r="BXW711" s="613"/>
      <c r="BXX711" s="613"/>
      <c r="BXY711" s="613"/>
      <c r="BXZ711" s="613"/>
      <c r="BYA711" s="613"/>
      <c r="BYB711" s="613"/>
      <c r="BYC711" s="613"/>
      <c r="BYD711" s="613"/>
      <c r="BYE711" s="613"/>
      <c r="BYF711" s="613"/>
      <c r="BYG711" s="613"/>
      <c r="BYH711" s="613"/>
      <c r="BYI711" s="613"/>
      <c r="BYJ711" s="613"/>
      <c r="BYK711" s="613"/>
      <c r="BYL711" s="613"/>
      <c r="BYM711" s="613"/>
      <c r="BYN711" s="613"/>
      <c r="BYO711" s="613"/>
      <c r="BYP711" s="613"/>
      <c r="BYQ711" s="613"/>
      <c r="BYR711" s="613"/>
      <c r="BYS711" s="613"/>
      <c r="BYT711" s="613"/>
      <c r="BYU711" s="613"/>
      <c r="BYV711" s="613"/>
      <c r="BYW711" s="613"/>
      <c r="BYX711" s="613"/>
      <c r="BYY711" s="613"/>
      <c r="BYZ711" s="613"/>
      <c r="BZA711" s="613"/>
      <c r="BZB711" s="613"/>
      <c r="BZC711" s="613"/>
      <c r="BZD711" s="613"/>
      <c r="BZE711" s="613"/>
      <c r="BZF711" s="613"/>
      <c r="BZG711" s="613"/>
      <c r="BZH711" s="613"/>
      <c r="BZI711" s="613"/>
      <c r="BZJ711" s="613"/>
      <c r="BZK711" s="613"/>
      <c r="BZL711" s="613"/>
      <c r="BZM711" s="613"/>
      <c r="BZN711" s="613"/>
      <c r="BZO711" s="613"/>
      <c r="BZP711" s="613"/>
      <c r="BZQ711" s="613"/>
      <c r="BZR711" s="613"/>
      <c r="BZS711" s="613"/>
      <c r="BZT711" s="613"/>
      <c r="BZU711" s="613"/>
      <c r="BZV711" s="613"/>
      <c r="BZW711" s="613"/>
      <c r="BZX711" s="613"/>
      <c r="BZY711" s="613"/>
      <c r="BZZ711" s="613"/>
      <c r="CAA711" s="613"/>
      <c r="CAB711" s="613"/>
      <c r="CAC711" s="613"/>
      <c r="CAD711" s="613"/>
      <c r="CAE711" s="613"/>
      <c r="CAF711" s="613"/>
      <c r="CAG711" s="613"/>
      <c r="CAH711" s="613"/>
      <c r="CAI711" s="613"/>
      <c r="CAJ711" s="613"/>
      <c r="CAK711" s="613"/>
      <c r="CAL711" s="613"/>
      <c r="CAM711" s="613"/>
      <c r="CAN711" s="613"/>
      <c r="CAO711" s="613"/>
      <c r="CAP711" s="613"/>
      <c r="CAQ711" s="613"/>
      <c r="CAR711" s="613"/>
      <c r="CAS711" s="613"/>
      <c r="CAT711" s="613"/>
      <c r="CAU711" s="613"/>
      <c r="CAV711" s="613"/>
      <c r="CAW711" s="613"/>
      <c r="CAX711" s="613"/>
      <c r="CAY711" s="613"/>
      <c r="CAZ711" s="613"/>
      <c r="CBA711" s="613"/>
      <c r="CBB711" s="613"/>
      <c r="CBC711" s="613"/>
      <c r="CBD711" s="613"/>
      <c r="CBE711" s="613"/>
      <c r="CBF711" s="613"/>
      <c r="CBG711" s="613"/>
      <c r="CBH711" s="613"/>
      <c r="CBI711" s="613"/>
      <c r="CBJ711" s="613"/>
      <c r="CBK711" s="613"/>
      <c r="CBL711" s="613"/>
      <c r="CBM711" s="613"/>
      <c r="CBN711" s="613"/>
      <c r="CBO711" s="613"/>
      <c r="CBP711" s="613"/>
      <c r="CBQ711" s="613"/>
      <c r="CBR711" s="613"/>
      <c r="CBS711" s="613"/>
      <c r="CBT711" s="613"/>
      <c r="CBU711" s="613"/>
      <c r="CBV711" s="613"/>
      <c r="CBW711" s="613"/>
      <c r="CBX711" s="613"/>
      <c r="CBY711" s="613"/>
      <c r="CBZ711" s="613"/>
      <c r="CCA711" s="613"/>
      <c r="CCB711" s="613"/>
      <c r="CCC711" s="613"/>
      <c r="CCD711" s="613"/>
      <c r="CCE711" s="613"/>
      <c r="CCF711" s="613"/>
      <c r="CCG711" s="613"/>
      <c r="CCH711" s="613"/>
      <c r="CCI711" s="613"/>
      <c r="CCJ711" s="613"/>
      <c r="CCK711" s="613"/>
      <c r="CCL711" s="613"/>
      <c r="CCM711" s="613"/>
      <c r="CCN711" s="613"/>
      <c r="CCO711" s="613"/>
      <c r="CCP711" s="613"/>
      <c r="CCQ711" s="613"/>
      <c r="CCR711" s="613"/>
      <c r="CCS711" s="613"/>
      <c r="CCT711" s="613"/>
      <c r="CCU711" s="613"/>
      <c r="CCV711" s="613"/>
      <c r="CCW711" s="613"/>
      <c r="CCX711" s="613"/>
      <c r="CCY711" s="613"/>
      <c r="CCZ711" s="613"/>
      <c r="CDA711" s="613"/>
      <c r="CDB711" s="613"/>
      <c r="CDC711" s="613"/>
      <c r="CDD711" s="613"/>
      <c r="CDE711" s="613"/>
      <c r="CDF711" s="613"/>
      <c r="CDG711" s="613"/>
      <c r="CDH711" s="613"/>
      <c r="CDI711" s="613"/>
      <c r="CDJ711" s="613"/>
      <c r="CDK711" s="613"/>
      <c r="CDL711" s="613"/>
      <c r="CDM711" s="613"/>
      <c r="CDN711" s="613"/>
      <c r="CDO711" s="613"/>
      <c r="CDP711" s="613"/>
      <c r="CDQ711" s="613"/>
      <c r="CDR711" s="613"/>
      <c r="CDS711" s="613"/>
      <c r="CDT711" s="613"/>
      <c r="CDU711" s="613"/>
      <c r="CDV711" s="613"/>
      <c r="CDW711" s="613"/>
      <c r="CDX711" s="613"/>
      <c r="CDY711" s="613"/>
      <c r="CDZ711" s="613"/>
      <c r="CEA711" s="613"/>
      <c r="CEB711" s="613"/>
      <c r="CEC711" s="613"/>
      <c r="CED711" s="613"/>
      <c r="CEE711" s="613"/>
      <c r="CEF711" s="613"/>
      <c r="CEG711" s="613"/>
      <c r="CEH711" s="613"/>
      <c r="CEI711" s="613"/>
      <c r="CEJ711" s="613"/>
      <c r="CEK711" s="613"/>
      <c r="CEL711" s="613"/>
      <c r="CEM711" s="613"/>
      <c r="CEN711" s="613"/>
      <c r="CEO711" s="613"/>
      <c r="CEP711" s="613"/>
      <c r="CEQ711" s="613"/>
      <c r="CER711" s="613"/>
      <c r="CES711" s="613"/>
      <c r="CET711" s="613"/>
      <c r="CEU711" s="613"/>
      <c r="CEV711" s="613"/>
      <c r="CEW711" s="613"/>
      <c r="CEX711" s="613"/>
      <c r="CEY711" s="613"/>
      <c r="CEZ711" s="613"/>
      <c r="CFA711" s="613"/>
      <c r="CFB711" s="613"/>
      <c r="CFC711" s="613"/>
      <c r="CFD711" s="613"/>
      <c r="CFE711" s="613"/>
      <c r="CFF711" s="613"/>
      <c r="CFG711" s="613"/>
      <c r="CFH711" s="613"/>
      <c r="CFI711" s="613"/>
      <c r="CFJ711" s="613"/>
      <c r="CFK711" s="613"/>
      <c r="CFL711" s="613"/>
      <c r="CFM711" s="613"/>
      <c r="CFN711" s="613"/>
      <c r="CFO711" s="613"/>
      <c r="CFP711" s="613"/>
      <c r="CFQ711" s="613"/>
      <c r="CFR711" s="613"/>
      <c r="CFS711" s="613"/>
      <c r="CFT711" s="613"/>
      <c r="CFU711" s="613"/>
      <c r="CFV711" s="613"/>
      <c r="CFW711" s="613"/>
      <c r="CFX711" s="613"/>
      <c r="CFY711" s="613"/>
      <c r="CFZ711" s="613"/>
      <c r="CGA711" s="613"/>
      <c r="CGB711" s="613"/>
      <c r="CGC711" s="613"/>
      <c r="CGD711" s="613"/>
      <c r="CGE711" s="613"/>
      <c r="CGF711" s="613"/>
      <c r="CGG711" s="613"/>
      <c r="CGH711" s="613"/>
      <c r="CGI711" s="613"/>
      <c r="CGJ711" s="613"/>
      <c r="CGK711" s="613"/>
      <c r="CGL711" s="613"/>
      <c r="CGM711" s="613"/>
      <c r="CGN711" s="613"/>
      <c r="CGO711" s="613"/>
      <c r="CGP711" s="613"/>
      <c r="CGQ711" s="613"/>
      <c r="CGR711" s="613"/>
      <c r="CGS711" s="613"/>
      <c r="CGT711" s="613"/>
      <c r="CGU711" s="613"/>
      <c r="CGV711" s="613"/>
      <c r="CGW711" s="613"/>
      <c r="CGX711" s="613"/>
      <c r="CGY711" s="613"/>
      <c r="CGZ711" s="613"/>
      <c r="CHA711" s="613"/>
      <c r="CHB711" s="613"/>
      <c r="CHC711" s="613"/>
      <c r="CHD711" s="613"/>
      <c r="CHE711" s="613"/>
      <c r="CHF711" s="613"/>
      <c r="CHG711" s="613"/>
      <c r="CHH711" s="613"/>
      <c r="CHI711" s="613"/>
      <c r="CHJ711" s="613"/>
      <c r="CHK711" s="613"/>
      <c r="CHL711" s="613"/>
      <c r="CHM711" s="613"/>
      <c r="CHN711" s="613"/>
      <c r="CHO711" s="613"/>
      <c r="CHP711" s="613"/>
      <c r="CHQ711" s="613"/>
      <c r="CHR711" s="613"/>
      <c r="CHS711" s="613"/>
      <c r="CHT711" s="613"/>
      <c r="CHU711" s="613"/>
      <c r="CHV711" s="613"/>
      <c r="CHW711" s="613"/>
      <c r="CHX711" s="613"/>
      <c r="CHY711" s="613"/>
      <c r="CHZ711" s="613"/>
      <c r="CIA711" s="613"/>
      <c r="CIB711" s="613"/>
      <c r="CIC711" s="613"/>
      <c r="CID711" s="613"/>
      <c r="CIE711" s="613"/>
      <c r="CIF711" s="613"/>
      <c r="CIG711" s="613"/>
      <c r="CIH711" s="613"/>
      <c r="CII711" s="613"/>
      <c r="CIJ711" s="613"/>
      <c r="CIK711" s="613"/>
      <c r="CIL711" s="613"/>
      <c r="CIM711" s="613"/>
      <c r="CIN711" s="613"/>
      <c r="CIO711" s="613"/>
      <c r="CIP711" s="613"/>
      <c r="CIQ711" s="613"/>
      <c r="CIR711" s="613"/>
      <c r="CIS711" s="613"/>
      <c r="CIT711" s="613"/>
      <c r="CIU711" s="613"/>
      <c r="CIV711" s="613"/>
      <c r="CIW711" s="613"/>
      <c r="CIX711" s="613"/>
      <c r="CIY711" s="613"/>
      <c r="CIZ711" s="613"/>
      <c r="CJA711" s="613"/>
      <c r="CJB711" s="613"/>
      <c r="CJC711" s="613"/>
      <c r="CJD711" s="613"/>
      <c r="CJE711" s="613"/>
      <c r="CJF711" s="613"/>
      <c r="CJG711" s="613"/>
      <c r="CJH711" s="613"/>
      <c r="CJI711" s="613"/>
      <c r="CJJ711" s="613"/>
      <c r="CJK711" s="613"/>
      <c r="CJL711" s="613"/>
      <c r="CJM711" s="613"/>
      <c r="CJN711" s="613"/>
      <c r="CJO711" s="613"/>
      <c r="CJP711" s="613"/>
      <c r="CJQ711" s="613"/>
      <c r="CJR711" s="613"/>
      <c r="CJS711" s="613"/>
      <c r="CJT711" s="613"/>
      <c r="CJU711" s="613"/>
      <c r="CJV711" s="613"/>
      <c r="CJW711" s="613"/>
      <c r="CJX711" s="613"/>
      <c r="CJY711" s="613"/>
      <c r="CJZ711" s="613"/>
      <c r="CKA711" s="613"/>
      <c r="CKB711" s="613"/>
      <c r="CKC711" s="613"/>
      <c r="CKD711" s="613"/>
      <c r="CKE711" s="613"/>
      <c r="CKF711" s="613"/>
      <c r="CKG711" s="613"/>
      <c r="CKH711" s="613"/>
      <c r="CKI711" s="613"/>
      <c r="CKJ711" s="613"/>
      <c r="CKK711" s="613"/>
      <c r="CKL711" s="613"/>
      <c r="CKM711" s="613"/>
      <c r="CKN711" s="613"/>
      <c r="CKO711" s="613"/>
      <c r="CKP711" s="613"/>
      <c r="CKQ711" s="613"/>
      <c r="CKR711" s="613"/>
      <c r="CKS711" s="613"/>
      <c r="CKT711" s="613"/>
      <c r="CKU711" s="613"/>
      <c r="CKV711" s="613"/>
      <c r="CKW711" s="613"/>
      <c r="CKX711" s="613"/>
      <c r="CKY711" s="613"/>
      <c r="CKZ711" s="613"/>
      <c r="CLA711" s="613"/>
      <c r="CLB711" s="613"/>
      <c r="CLC711" s="613"/>
      <c r="CLD711" s="613"/>
      <c r="CLE711" s="613"/>
      <c r="CLF711" s="613"/>
      <c r="CLG711" s="613"/>
      <c r="CLH711" s="613"/>
      <c r="CLI711" s="613"/>
      <c r="CLJ711" s="613"/>
      <c r="CLK711" s="613"/>
      <c r="CLL711" s="613"/>
      <c r="CLM711" s="613"/>
      <c r="CLN711" s="613"/>
      <c r="CLO711" s="613"/>
      <c r="CLP711" s="613"/>
      <c r="CLQ711" s="613"/>
      <c r="CLR711" s="613"/>
      <c r="CLS711" s="613"/>
      <c r="CLT711" s="613"/>
      <c r="CLU711" s="613"/>
      <c r="CLV711" s="613"/>
      <c r="CLW711" s="613"/>
      <c r="CLX711" s="613"/>
      <c r="CLY711" s="613"/>
      <c r="CLZ711" s="613"/>
      <c r="CMA711" s="613"/>
      <c r="CMB711" s="613"/>
      <c r="CMC711" s="613"/>
      <c r="CMD711" s="613"/>
      <c r="CME711" s="613"/>
      <c r="CMF711" s="613"/>
      <c r="CMG711" s="613"/>
      <c r="CMH711" s="613"/>
      <c r="CMI711" s="613"/>
      <c r="CMJ711" s="613"/>
      <c r="CMK711" s="613"/>
      <c r="CML711" s="613"/>
      <c r="CMM711" s="613"/>
      <c r="CMN711" s="613"/>
      <c r="CMO711" s="613"/>
      <c r="CMP711" s="613"/>
      <c r="CMQ711" s="613"/>
      <c r="CMR711" s="613"/>
      <c r="CMS711" s="613"/>
      <c r="CMT711" s="613"/>
      <c r="CMU711" s="613"/>
      <c r="CMV711" s="613"/>
      <c r="CMW711" s="613"/>
      <c r="CMX711" s="613"/>
      <c r="CMY711" s="613"/>
      <c r="CMZ711" s="613"/>
      <c r="CNA711" s="613"/>
      <c r="CNB711" s="613"/>
      <c r="CNC711" s="613"/>
      <c r="CND711" s="613"/>
      <c r="CNE711" s="613"/>
      <c r="CNF711" s="613"/>
      <c r="CNG711" s="613"/>
      <c r="CNH711" s="613"/>
      <c r="CNI711" s="613"/>
      <c r="CNJ711" s="613"/>
      <c r="CNK711" s="613"/>
      <c r="CNL711" s="613"/>
      <c r="CNM711" s="613"/>
      <c r="CNN711" s="613"/>
      <c r="CNO711" s="613"/>
      <c r="CNP711" s="613"/>
      <c r="CNQ711" s="613"/>
      <c r="CNR711" s="613"/>
      <c r="CNS711" s="613"/>
      <c r="CNT711" s="613"/>
      <c r="CNU711" s="613"/>
      <c r="CNV711" s="613"/>
      <c r="CNW711" s="613"/>
      <c r="CNX711" s="613"/>
      <c r="CNY711" s="613"/>
      <c r="CNZ711" s="613"/>
      <c r="COA711" s="613"/>
      <c r="COB711" s="613"/>
      <c r="COC711" s="613"/>
      <c r="COD711" s="613"/>
      <c r="COE711" s="613"/>
      <c r="COF711" s="613"/>
      <c r="COG711" s="613"/>
      <c r="COH711" s="613"/>
      <c r="COI711" s="613"/>
      <c r="COJ711" s="613"/>
      <c r="COK711" s="613"/>
      <c r="COL711" s="613"/>
      <c r="COM711" s="613"/>
      <c r="CON711" s="613"/>
      <c r="COO711" s="613"/>
      <c r="COP711" s="613"/>
      <c r="COQ711" s="613"/>
      <c r="COR711" s="613"/>
      <c r="COS711" s="613"/>
      <c r="COT711" s="613"/>
      <c r="COU711" s="613"/>
      <c r="COV711" s="613"/>
      <c r="COW711" s="613"/>
      <c r="COX711" s="613"/>
      <c r="COY711" s="613"/>
      <c r="COZ711" s="613"/>
      <c r="CPA711" s="613"/>
      <c r="CPB711" s="613"/>
      <c r="CPC711" s="613"/>
      <c r="CPD711" s="613"/>
      <c r="CPE711" s="613"/>
      <c r="CPF711" s="613"/>
      <c r="CPG711" s="613"/>
      <c r="CPH711" s="613"/>
      <c r="CPI711" s="613"/>
      <c r="CPJ711" s="613"/>
      <c r="CPK711" s="613"/>
      <c r="CPL711" s="613"/>
      <c r="CPM711" s="613"/>
      <c r="CPN711" s="613"/>
      <c r="CPO711" s="613"/>
      <c r="CPP711" s="613"/>
      <c r="CPQ711" s="613"/>
      <c r="CPR711" s="613"/>
      <c r="CPS711" s="613"/>
      <c r="CPT711" s="613"/>
      <c r="CPU711" s="613"/>
      <c r="CPV711" s="613"/>
      <c r="CPW711" s="613"/>
      <c r="CPX711" s="613"/>
      <c r="CPY711" s="613"/>
      <c r="CPZ711" s="613"/>
      <c r="CQA711" s="613"/>
      <c r="CQB711" s="613"/>
      <c r="CQC711" s="613"/>
      <c r="CQD711" s="613"/>
      <c r="CQE711" s="613"/>
      <c r="CQF711" s="613"/>
      <c r="CQG711" s="613"/>
      <c r="CQH711" s="613"/>
      <c r="CQI711" s="613"/>
      <c r="CQJ711" s="613"/>
      <c r="CQK711" s="613"/>
      <c r="CQL711" s="613"/>
      <c r="CQM711" s="613"/>
      <c r="CQN711" s="613"/>
      <c r="CQO711" s="613"/>
      <c r="CQP711" s="613"/>
      <c r="CQQ711" s="613"/>
      <c r="CQR711" s="613"/>
      <c r="CQS711" s="613"/>
      <c r="CQT711" s="613"/>
      <c r="CQU711" s="613"/>
      <c r="CQV711" s="613"/>
      <c r="CQW711" s="613"/>
      <c r="CQX711" s="613"/>
      <c r="CQY711" s="613"/>
      <c r="CQZ711" s="613"/>
      <c r="CRA711" s="613"/>
      <c r="CRB711" s="613"/>
      <c r="CRC711" s="613"/>
      <c r="CRD711" s="613"/>
      <c r="CRE711" s="613"/>
      <c r="CRF711" s="613"/>
      <c r="CRG711" s="613"/>
      <c r="CRH711" s="613"/>
      <c r="CRI711" s="613"/>
      <c r="CRJ711" s="613"/>
      <c r="CRK711" s="613"/>
      <c r="CRL711" s="613"/>
      <c r="CRM711" s="613"/>
      <c r="CRN711" s="613"/>
      <c r="CRO711" s="613"/>
      <c r="CRP711" s="613"/>
      <c r="CRQ711" s="613"/>
      <c r="CRR711" s="613"/>
      <c r="CRS711" s="613"/>
      <c r="CRT711" s="613"/>
      <c r="CRU711" s="613"/>
      <c r="CRV711" s="613"/>
      <c r="CRW711" s="613"/>
      <c r="CRX711" s="613"/>
      <c r="CRY711" s="613"/>
      <c r="CRZ711" s="613"/>
      <c r="CSA711" s="613"/>
      <c r="CSB711" s="613"/>
      <c r="CSC711" s="613"/>
      <c r="CSD711" s="613"/>
      <c r="CSE711" s="613"/>
      <c r="CSF711" s="613"/>
      <c r="CSG711" s="613"/>
      <c r="CSH711" s="613"/>
      <c r="CSI711" s="613"/>
      <c r="CSJ711" s="613"/>
      <c r="CSK711" s="613"/>
      <c r="CSL711" s="613"/>
      <c r="CSM711" s="613"/>
      <c r="CSN711" s="613"/>
      <c r="CSO711" s="613"/>
      <c r="CSP711" s="613"/>
      <c r="CSQ711" s="613"/>
      <c r="CSR711" s="613"/>
      <c r="CSS711" s="613"/>
      <c r="CST711" s="613"/>
      <c r="CSU711" s="613"/>
      <c r="CSV711" s="613"/>
      <c r="CSW711" s="613"/>
      <c r="CSX711" s="613"/>
      <c r="CSY711" s="613"/>
      <c r="CSZ711" s="613"/>
      <c r="CTA711" s="613"/>
      <c r="CTB711" s="613"/>
      <c r="CTC711" s="613"/>
      <c r="CTD711" s="613"/>
      <c r="CTE711" s="613"/>
      <c r="CTF711" s="613"/>
      <c r="CTG711" s="613"/>
      <c r="CTH711" s="613"/>
      <c r="CTI711" s="613"/>
      <c r="CTJ711" s="613"/>
      <c r="CTK711" s="613"/>
      <c r="CTL711" s="613"/>
      <c r="CTM711" s="613"/>
      <c r="CTN711" s="613"/>
      <c r="CTO711" s="613"/>
      <c r="CTP711" s="613"/>
      <c r="CTQ711" s="613"/>
      <c r="CTR711" s="613"/>
      <c r="CTS711" s="613"/>
      <c r="CTT711" s="613"/>
      <c r="CTU711" s="613"/>
      <c r="CTV711" s="613"/>
      <c r="CTW711" s="613"/>
      <c r="CTX711" s="613"/>
      <c r="CTY711" s="613"/>
      <c r="CTZ711" s="613"/>
      <c r="CUA711" s="613"/>
      <c r="CUB711" s="613"/>
      <c r="CUC711" s="613"/>
      <c r="CUD711" s="613"/>
      <c r="CUE711" s="613"/>
      <c r="CUF711" s="613"/>
      <c r="CUG711" s="613"/>
      <c r="CUH711" s="613"/>
      <c r="CUI711" s="613"/>
      <c r="CUJ711" s="613"/>
      <c r="CUK711" s="613"/>
      <c r="CUL711" s="613"/>
      <c r="CUM711" s="613"/>
      <c r="CUN711" s="613"/>
      <c r="CUO711" s="613"/>
      <c r="CUP711" s="613"/>
      <c r="CUQ711" s="613"/>
      <c r="CUR711" s="613"/>
      <c r="CUS711" s="613"/>
      <c r="CUT711" s="613"/>
      <c r="CUU711" s="613"/>
      <c r="CUV711" s="613"/>
      <c r="CUW711" s="613"/>
      <c r="CUX711" s="613"/>
      <c r="CUY711" s="613"/>
      <c r="CUZ711" s="613"/>
      <c r="CVA711" s="613"/>
      <c r="CVB711" s="613"/>
      <c r="CVC711" s="613"/>
      <c r="CVD711" s="613"/>
      <c r="CVE711" s="613"/>
      <c r="CVF711" s="613"/>
      <c r="CVG711" s="613"/>
      <c r="CVH711" s="613"/>
      <c r="CVI711" s="613"/>
      <c r="CVJ711" s="613"/>
      <c r="CVK711" s="613"/>
      <c r="CVL711" s="613"/>
      <c r="CVM711" s="613"/>
      <c r="CVN711" s="613"/>
      <c r="CVO711" s="613"/>
      <c r="CVP711" s="613"/>
      <c r="CVQ711" s="613"/>
      <c r="CVR711" s="613"/>
      <c r="CVS711" s="613"/>
      <c r="CVT711" s="613"/>
      <c r="CVU711" s="613"/>
      <c r="CVV711" s="613"/>
      <c r="CVW711" s="613"/>
      <c r="CVX711" s="613"/>
      <c r="CVY711" s="613"/>
      <c r="CVZ711" s="613"/>
      <c r="CWA711" s="613"/>
      <c r="CWB711" s="613"/>
      <c r="CWC711" s="613"/>
      <c r="CWD711" s="613"/>
      <c r="CWE711" s="613"/>
      <c r="CWF711" s="613"/>
      <c r="CWG711" s="613"/>
      <c r="CWH711" s="613"/>
      <c r="CWI711" s="613"/>
      <c r="CWJ711" s="613"/>
      <c r="CWK711" s="613"/>
      <c r="CWL711" s="613"/>
      <c r="CWM711" s="613"/>
      <c r="CWN711" s="613"/>
      <c r="CWO711" s="613"/>
      <c r="CWP711" s="613"/>
      <c r="CWQ711" s="613"/>
      <c r="CWR711" s="613"/>
      <c r="CWS711" s="613"/>
      <c r="CWT711" s="613"/>
      <c r="CWU711" s="613"/>
      <c r="CWV711" s="613"/>
      <c r="CWW711" s="613"/>
      <c r="CWX711" s="613"/>
      <c r="CWY711" s="613"/>
      <c r="CWZ711" s="613"/>
      <c r="CXA711" s="613"/>
      <c r="CXB711" s="613"/>
      <c r="CXC711" s="613"/>
      <c r="CXD711" s="613"/>
      <c r="CXE711" s="613"/>
      <c r="CXF711" s="613"/>
      <c r="CXG711" s="613"/>
      <c r="CXH711" s="613"/>
      <c r="CXI711" s="613"/>
      <c r="CXJ711" s="613"/>
      <c r="CXK711" s="613"/>
      <c r="CXL711" s="613"/>
      <c r="CXM711" s="613"/>
      <c r="CXN711" s="613"/>
      <c r="CXO711" s="613"/>
      <c r="CXP711" s="613"/>
      <c r="CXQ711" s="613"/>
      <c r="CXR711" s="613"/>
      <c r="CXS711" s="613"/>
      <c r="CXT711" s="613"/>
      <c r="CXU711" s="613"/>
      <c r="CXV711" s="613"/>
      <c r="CXW711" s="613"/>
      <c r="CXX711" s="613"/>
      <c r="CXY711" s="613"/>
      <c r="CXZ711" s="613"/>
      <c r="CYA711" s="613"/>
      <c r="CYB711" s="613"/>
      <c r="CYC711" s="613"/>
      <c r="CYD711" s="613"/>
      <c r="CYE711" s="613"/>
      <c r="CYF711" s="613"/>
      <c r="CYG711" s="613"/>
      <c r="CYH711" s="613"/>
      <c r="CYI711" s="613"/>
      <c r="CYJ711" s="613"/>
      <c r="CYK711" s="613"/>
      <c r="CYL711" s="613"/>
      <c r="CYM711" s="613"/>
      <c r="CYN711" s="613"/>
      <c r="CYO711" s="613"/>
      <c r="CYP711" s="613"/>
      <c r="CYQ711" s="613"/>
      <c r="CYR711" s="613"/>
      <c r="CYS711" s="613"/>
      <c r="CYT711" s="613"/>
      <c r="CYU711" s="613"/>
      <c r="CYV711" s="613"/>
      <c r="CYW711" s="613"/>
      <c r="CYX711" s="613"/>
      <c r="CYY711" s="613"/>
      <c r="CYZ711" s="613"/>
      <c r="CZA711" s="613"/>
      <c r="CZB711" s="613"/>
      <c r="CZC711" s="613"/>
      <c r="CZD711" s="613"/>
      <c r="CZE711" s="613"/>
      <c r="CZF711" s="613"/>
      <c r="CZG711" s="613"/>
      <c r="CZH711" s="613"/>
      <c r="CZI711" s="613"/>
      <c r="CZJ711" s="613"/>
      <c r="CZK711" s="613"/>
      <c r="CZL711" s="613"/>
      <c r="CZM711" s="613"/>
      <c r="CZN711" s="613"/>
      <c r="CZO711" s="613"/>
      <c r="CZP711" s="613"/>
      <c r="CZQ711" s="613"/>
      <c r="CZR711" s="613"/>
      <c r="CZS711" s="613"/>
      <c r="CZT711" s="613"/>
      <c r="CZU711" s="613"/>
      <c r="CZV711" s="613"/>
      <c r="CZW711" s="613"/>
      <c r="CZX711" s="613"/>
      <c r="CZY711" s="613"/>
      <c r="CZZ711" s="613"/>
      <c r="DAA711" s="613"/>
      <c r="DAB711" s="613"/>
      <c r="DAC711" s="613"/>
      <c r="DAD711" s="613"/>
      <c r="DAE711" s="613"/>
      <c r="DAF711" s="613"/>
      <c r="DAG711" s="613"/>
      <c r="DAH711" s="613"/>
      <c r="DAI711" s="613"/>
      <c r="DAJ711" s="613"/>
      <c r="DAK711" s="613"/>
      <c r="DAL711" s="613"/>
      <c r="DAM711" s="613"/>
      <c r="DAN711" s="613"/>
      <c r="DAO711" s="613"/>
      <c r="DAP711" s="613"/>
      <c r="DAQ711" s="613"/>
      <c r="DAR711" s="613"/>
      <c r="DAS711" s="613"/>
      <c r="DAT711" s="613"/>
      <c r="DAU711" s="613"/>
      <c r="DAV711" s="613"/>
      <c r="DAW711" s="613"/>
      <c r="DAX711" s="613"/>
      <c r="DAY711" s="613"/>
      <c r="DAZ711" s="613"/>
      <c r="DBA711" s="613"/>
      <c r="DBB711" s="613"/>
      <c r="DBC711" s="613"/>
      <c r="DBD711" s="613"/>
      <c r="DBE711" s="613"/>
      <c r="DBF711" s="613"/>
      <c r="DBG711" s="613"/>
      <c r="DBH711" s="613"/>
      <c r="DBI711" s="613"/>
      <c r="DBJ711" s="613"/>
      <c r="DBK711" s="613"/>
      <c r="DBL711" s="613"/>
      <c r="DBM711" s="613"/>
      <c r="DBN711" s="613"/>
      <c r="DBO711" s="613"/>
      <c r="DBP711" s="613"/>
      <c r="DBQ711" s="613"/>
      <c r="DBR711" s="613"/>
      <c r="DBS711" s="613"/>
      <c r="DBT711" s="613"/>
      <c r="DBU711" s="613"/>
      <c r="DBV711" s="613"/>
      <c r="DBW711" s="613"/>
      <c r="DBX711" s="613"/>
      <c r="DBY711" s="613"/>
      <c r="DBZ711" s="613"/>
      <c r="DCA711" s="613"/>
      <c r="DCB711" s="613"/>
      <c r="DCC711" s="613"/>
      <c r="DCD711" s="613"/>
      <c r="DCE711" s="613"/>
      <c r="DCF711" s="613"/>
      <c r="DCG711" s="613"/>
      <c r="DCH711" s="613"/>
      <c r="DCI711" s="613"/>
      <c r="DCJ711" s="613"/>
      <c r="DCK711" s="613"/>
      <c r="DCL711" s="613"/>
      <c r="DCM711" s="613"/>
      <c r="DCN711" s="613"/>
      <c r="DCO711" s="613"/>
      <c r="DCP711" s="613"/>
      <c r="DCQ711" s="613"/>
      <c r="DCR711" s="613"/>
      <c r="DCS711" s="613"/>
      <c r="DCT711" s="613"/>
      <c r="DCU711" s="613"/>
      <c r="DCV711" s="613"/>
      <c r="DCW711" s="613"/>
      <c r="DCX711" s="613"/>
      <c r="DCY711" s="613"/>
      <c r="DCZ711" s="613"/>
      <c r="DDA711" s="613"/>
      <c r="DDB711" s="613"/>
      <c r="DDC711" s="613"/>
      <c r="DDD711" s="613"/>
      <c r="DDE711" s="613"/>
      <c r="DDF711" s="613"/>
      <c r="DDG711" s="613"/>
      <c r="DDH711" s="613"/>
      <c r="DDI711" s="613"/>
      <c r="DDJ711" s="613"/>
      <c r="DDK711" s="613"/>
      <c r="DDL711" s="613"/>
      <c r="DDM711" s="613"/>
      <c r="DDN711" s="613"/>
      <c r="DDO711" s="613"/>
      <c r="DDP711" s="613"/>
      <c r="DDQ711" s="613"/>
      <c r="DDR711" s="613"/>
      <c r="DDS711" s="613"/>
      <c r="DDT711" s="613"/>
      <c r="DDU711" s="613"/>
      <c r="DDV711" s="613"/>
      <c r="DDW711" s="613"/>
      <c r="DDX711" s="613"/>
      <c r="DDY711" s="613"/>
      <c r="DDZ711" s="613"/>
      <c r="DEA711" s="613"/>
      <c r="DEB711" s="613"/>
      <c r="DEC711" s="613"/>
      <c r="DED711" s="613"/>
      <c r="DEE711" s="613"/>
      <c r="DEF711" s="613"/>
      <c r="DEG711" s="613"/>
      <c r="DEH711" s="613"/>
      <c r="DEI711" s="613"/>
      <c r="DEJ711" s="613"/>
      <c r="DEK711" s="613"/>
      <c r="DEL711" s="613"/>
      <c r="DEM711" s="613"/>
      <c r="DEN711" s="613"/>
      <c r="DEO711" s="613"/>
      <c r="DEP711" s="613"/>
      <c r="DEQ711" s="613"/>
      <c r="DER711" s="613"/>
      <c r="DES711" s="613"/>
      <c r="DET711" s="613"/>
      <c r="DEU711" s="613"/>
      <c r="DEV711" s="613"/>
      <c r="DEW711" s="613"/>
      <c r="DEX711" s="613"/>
      <c r="DEY711" s="613"/>
      <c r="DEZ711" s="613"/>
      <c r="DFA711" s="613"/>
      <c r="DFB711" s="613"/>
      <c r="DFC711" s="613"/>
      <c r="DFD711" s="613"/>
      <c r="DFE711" s="613"/>
      <c r="DFF711" s="613"/>
      <c r="DFG711" s="613"/>
      <c r="DFH711" s="613"/>
      <c r="DFI711" s="613"/>
      <c r="DFJ711" s="613"/>
      <c r="DFK711" s="613"/>
      <c r="DFL711" s="613"/>
      <c r="DFM711" s="613"/>
      <c r="DFN711" s="613"/>
      <c r="DFO711" s="613"/>
      <c r="DFP711" s="613"/>
      <c r="DFQ711" s="613"/>
      <c r="DFR711" s="613"/>
      <c r="DFS711" s="613"/>
      <c r="DFT711" s="613"/>
      <c r="DFU711" s="613"/>
      <c r="DFV711" s="613"/>
      <c r="DFW711" s="613"/>
      <c r="DFX711" s="613"/>
      <c r="DFY711" s="613"/>
      <c r="DFZ711" s="613"/>
      <c r="DGA711" s="613"/>
      <c r="DGB711" s="613"/>
      <c r="DGC711" s="613"/>
      <c r="DGD711" s="613"/>
      <c r="DGE711" s="613"/>
      <c r="DGF711" s="613"/>
      <c r="DGG711" s="613"/>
      <c r="DGH711" s="613"/>
      <c r="DGI711" s="613"/>
      <c r="DGJ711" s="613"/>
      <c r="DGK711" s="613"/>
      <c r="DGL711" s="613"/>
      <c r="DGM711" s="613"/>
      <c r="DGN711" s="613"/>
      <c r="DGO711" s="613"/>
      <c r="DGP711" s="613"/>
      <c r="DGQ711" s="613"/>
      <c r="DGR711" s="613"/>
      <c r="DGS711" s="613"/>
      <c r="DGT711" s="613"/>
      <c r="DGU711" s="613"/>
      <c r="DGV711" s="613"/>
      <c r="DGW711" s="613"/>
      <c r="DGX711" s="613"/>
      <c r="DGY711" s="613"/>
      <c r="DGZ711" s="613"/>
      <c r="DHA711" s="613"/>
      <c r="DHB711" s="613"/>
      <c r="DHC711" s="613"/>
      <c r="DHD711" s="613"/>
      <c r="DHE711" s="613"/>
      <c r="DHF711" s="613"/>
      <c r="DHG711" s="613"/>
      <c r="DHH711" s="613"/>
      <c r="DHI711" s="613"/>
      <c r="DHJ711" s="613"/>
      <c r="DHK711" s="613"/>
      <c r="DHL711" s="613"/>
      <c r="DHM711" s="613"/>
      <c r="DHN711" s="613"/>
      <c r="DHO711" s="613"/>
      <c r="DHP711" s="613"/>
      <c r="DHQ711" s="613"/>
      <c r="DHR711" s="613"/>
      <c r="DHS711" s="613"/>
      <c r="DHT711" s="613"/>
      <c r="DHU711" s="613"/>
      <c r="DHV711" s="613"/>
      <c r="DHW711" s="613"/>
      <c r="DHX711" s="613"/>
      <c r="DHY711" s="613"/>
      <c r="DHZ711" s="613"/>
      <c r="DIA711" s="613"/>
      <c r="DIB711" s="613"/>
      <c r="DIC711" s="613"/>
      <c r="DID711" s="613"/>
      <c r="DIE711" s="613"/>
      <c r="DIF711" s="613"/>
      <c r="DIG711" s="613"/>
      <c r="DIH711" s="613"/>
      <c r="DII711" s="613"/>
      <c r="DIJ711" s="613"/>
      <c r="DIK711" s="613"/>
      <c r="DIL711" s="613"/>
      <c r="DIM711" s="613"/>
      <c r="DIN711" s="613"/>
      <c r="DIO711" s="613"/>
      <c r="DIP711" s="613"/>
      <c r="DIQ711" s="613"/>
      <c r="DIR711" s="613"/>
      <c r="DIS711" s="613"/>
      <c r="DIT711" s="613"/>
      <c r="DIU711" s="613"/>
      <c r="DIV711" s="613"/>
      <c r="DIW711" s="613"/>
      <c r="DIX711" s="613"/>
      <c r="DIY711" s="613"/>
      <c r="DIZ711" s="613"/>
      <c r="DJA711" s="613"/>
      <c r="DJB711" s="613"/>
      <c r="DJC711" s="613"/>
      <c r="DJD711" s="613"/>
      <c r="DJE711" s="613"/>
      <c r="DJF711" s="613"/>
      <c r="DJG711" s="613"/>
      <c r="DJH711" s="613"/>
      <c r="DJI711" s="613"/>
      <c r="DJJ711" s="613"/>
      <c r="DJK711" s="613"/>
      <c r="DJL711" s="613"/>
      <c r="DJM711" s="613"/>
      <c r="DJN711" s="613"/>
      <c r="DJO711" s="613"/>
      <c r="DJP711" s="613"/>
      <c r="DJQ711" s="613"/>
      <c r="DJR711" s="613"/>
      <c r="DJS711" s="613"/>
      <c r="DJT711" s="613"/>
      <c r="DJU711" s="613"/>
      <c r="DJV711" s="613"/>
      <c r="DJW711" s="613"/>
      <c r="DJX711" s="613"/>
      <c r="DJY711" s="613"/>
      <c r="DJZ711" s="613"/>
      <c r="DKA711" s="613"/>
      <c r="DKB711" s="613"/>
      <c r="DKC711" s="613"/>
      <c r="DKD711" s="613"/>
      <c r="DKE711" s="613"/>
      <c r="DKF711" s="613"/>
      <c r="DKG711" s="613"/>
      <c r="DKH711" s="613"/>
      <c r="DKI711" s="613"/>
      <c r="DKJ711" s="613"/>
      <c r="DKK711" s="613"/>
      <c r="DKL711" s="613"/>
      <c r="DKM711" s="613"/>
      <c r="DKN711" s="613"/>
      <c r="DKO711" s="613"/>
      <c r="DKP711" s="613"/>
      <c r="DKQ711" s="613"/>
      <c r="DKR711" s="613"/>
      <c r="DKS711" s="613"/>
      <c r="DKT711" s="613"/>
      <c r="DKU711" s="613"/>
      <c r="DKV711" s="613"/>
      <c r="DKW711" s="613"/>
      <c r="DKX711" s="613"/>
      <c r="DKY711" s="613"/>
      <c r="DKZ711" s="613"/>
      <c r="DLA711" s="613"/>
      <c r="DLB711" s="613"/>
      <c r="DLC711" s="613"/>
      <c r="DLD711" s="613"/>
      <c r="DLE711" s="613"/>
      <c r="DLF711" s="613"/>
      <c r="DLG711" s="613"/>
      <c r="DLH711" s="613"/>
      <c r="DLI711" s="613"/>
      <c r="DLJ711" s="613"/>
      <c r="DLK711" s="613"/>
      <c r="DLL711" s="613"/>
      <c r="DLM711" s="613"/>
      <c r="DLN711" s="613"/>
      <c r="DLO711" s="613"/>
      <c r="DLP711" s="613"/>
      <c r="DLQ711" s="613"/>
      <c r="DLR711" s="613"/>
      <c r="DLS711" s="613"/>
      <c r="DLT711" s="613"/>
      <c r="DLU711" s="613"/>
      <c r="DLV711" s="613"/>
      <c r="DLW711" s="613"/>
      <c r="DLX711" s="613"/>
      <c r="DLY711" s="613"/>
      <c r="DLZ711" s="613"/>
      <c r="DMA711" s="613"/>
      <c r="DMB711" s="613"/>
      <c r="DMC711" s="613"/>
      <c r="DMD711" s="613"/>
      <c r="DME711" s="613"/>
      <c r="DMF711" s="613"/>
      <c r="DMG711" s="613"/>
      <c r="DMH711" s="613"/>
      <c r="DMI711" s="613"/>
      <c r="DMJ711" s="613"/>
      <c r="DMK711" s="613"/>
      <c r="DML711" s="613"/>
      <c r="DMM711" s="613"/>
      <c r="DMN711" s="613"/>
      <c r="DMO711" s="613"/>
      <c r="DMP711" s="613"/>
      <c r="DMQ711" s="613"/>
      <c r="DMR711" s="613"/>
      <c r="DMS711" s="613"/>
      <c r="DMT711" s="613"/>
      <c r="DMU711" s="613"/>
      <c r="DMV711" s="613"/>
      <c r="DMW711" s="613"/>
      <c r="DMX711" s="613"/>
      <c r="DMY711" s="613"/>
      <c r="DMZ711" s="613"/>
      <c r="DNA711" s="613"/>
      <c r="DNB711" s="613"/>
      <c r="DNC711" s="613"/>
      <c r="DND711" s="613"/>
      <c r="DNE711" s="613"/>
      <c r="DNF711" s="613"/>
      <c r="DNG711" s="613"/>
      <c r="DNH711" s="613"/>
      <c r="DNI711" s="613"/>
      <c r="DNJ711" s="613"/>
      <c r="DNK711" s="613"/>
      <c r="DNL711" s="613"/>
      <c r="DNM711" s="613"/>
      <c r="DNN711" s="613"/>
      <c r="DNO711" s="613"/>
      <c r="DNP711" s="613"/>
      <c r="DNQ711" s="613"/>
      <c r="DNR711" s="613"/>
      <c r="DNS711" s="613"/>
      <c r="DNT711" s="613"/>
      <c r="DNU711" s="613"/>
      <c r="DNV711" s="613"/>
      <c r="DNW711" s="613"/>
      <c r="DNX711" s="613"/>
      <c r="DNY711" s="613"/>
      <c r="DNZ711" s="613"/>
      <c r="DOA711" s="613"/>
      <c r="DOB711" s="613"/>
      <c r="DOC711" s="613"/>
      <c r="DOD711" s="613"/>
      <c r="DOE711" s="613"/>
      <c r="DOF711" s="613"/>
      <c r="DOG711" s="613"/>
      <c r="DOH711" s="613"/>
      <c r="DOI711" s="613"/>
      <c r="DOJ711" s="613"/>
      <c r="DOK711" s="613"/>
      <c r="DOL711" s="613"/>
      <c r="DOM711" s="613"/>
      <c r="DON711" s="613"/>
      <c r="DOO711" s="613"/>
      <c r="DOP711" s="613"/>
      <c r="DOQ711" s="613"/>
      <c r="DOR711" s="613"/>
      <c r="DOS711" s="613"/>
      <c r="DOT711" s="613"/>
      <c r="DOU711" s="613"/>
      <c r="DOV711" s="613"/>
      <c r="DOW711" s="613"/>
      <c r="DOX711" s="613"/>
      <c r="DOY711" s="613"/>
      <c r="DOZ711" s="613"/>
      <c r="DPA711" s="613"/>
      <c r="DPB711" s="613"/>
      <c r="DPC711" s="613"/>
      <c r="DPD711" s="613"/>
      <c r="DPE711" s="613"/>
      <c r="DPF711" s="613"/>
      <c r="DPG711" s="613"/>
      <c r="DPH711" s="613"/>
      <c r="DPI711" s="613"/>
      <c r="DPJ711" s="613"/>
      <c r="DPK711" s="613"/>
      <c r="DPL711" s="613"/>
      <c r="DPM711" s="613"/>
      <c r="DPN711" s="613"/>
      <c r="DPO711" s="613"/>
      <c r="DPP711" s="613"/>
      <c r="DPQ711" s="613"/>
      <c r="DPR711" s="613"/>
      <c r="DPS711" s="613"/>
      <c r="DPT711" s="613"/>
      <c r="DPU711" s="613"/>
      <c r="DPV711" s="613"/>
      <c r="DPW711" s="613"/>
      <c r="DPX711" s="613"/>
      <c r="DPY711" s="613"/>
      <c r="DPZ711" s="613"/>
      <c r="DQA711" s="613"/>
      <c r="DQB711" s="613"/>
      <c r="DQC711" s="613"/>
      <c r="DQD711" s="613"/>
      <c r="DQE711" s="613"/>
      <c r="DQF711" s="613"/>
      <c r="DQG711" s="613"/>
      <c r="DQH711" s="613"/>
      <c r="DQI711" s="613"/>
      <c r="DQJ711" s="613"/>
      <c r="DQK711" s="613"/>
      <c r="DQL711" s="613"/>
      <c r="DQM711" s="613"/>
      <c r="DQN711" s="613"/>
      <c r="DQO711" s="613"/>
      <c r="DQP711" s="613"/>
      <c r="DQQ711" s="613"/>
      <c r="DQR711" s="613"/>
      <c r="DQS711" s="613"/>
      <c r="DQT711" s="613"/>
      <c r="DQU711" s="613"/>
      <c r="DQV711" s="613"/>
      <c r="DQW711" s="613"/>
      <c r="DQX711" s="613"/>
      <c r="DQY711" s="613"/>
      <c r="DQZ711" s="613"/>
      <c r="DRA711" s="613"/>
      <c r="DRB711" s="613"/>
      <c r="DRC711" s="613"/>
      <c r="DRD711" s="613"/>
      <c r="DRE711" s="613"/>
      <c r="DRF711" s="613"/>
      <c r="DRG711" s="613"/>
      <c r="DRH711" s="613"/>
      <c r="DRI711" s="613"/>
      <c r="DRJ711" s="613"/>
      <c r="DRK711" s="613"/>
      <c r="DRL711" s="613"/>
      <c r="DRM711" s="613"/>
      <c r="DRN711" s="613"/>
      <c r="DRO711" s="613"/>
      <c r="DRP711" s="613"/>
      <c r="DRQ711" s="613"/>
      <c r="DRR711" s="613"/>
      <c r="DRS711" s="613"/>
      <c r="DRT711" s="613"/>
      <c r="DRU711" s="613"/>
      <c r="DRV711" s="613"/>
      <c r="DRW711" s="613"/>
      <c r="DRX711" s="613"/>
      <c r="DRY711" s="613"/>
      <c r="DRZ711" s="613"/>
      <c r="DSA711" s="613"/>
      <c r="DSB711" s="613"/>
      <c r="DSC711" s="613"/>
      <c r="DSD711" s="613"/>
      <c r="DSE711" s="613"/>
      <c r="DSF711" s="613"/>
      <c r="DSG711" s="613"/>
      <c r="DSH711" s="613"/>
      <c r="DSI711" s="613"/>
      <c r="DSJ711" s="613"/>
      <c r="DSK711" s="613"/>
      <c r="DSL711" s="613"/>
      <c r="DSM711" s="613"/>
      <c r="DSN711" s="613"/>
      <c r="DSO711" s="613"/>
      <c r="DSP711" s="613"/>
      <c r="DSQ711" s="613"/>
      <c r="DSR711" s="613"/>
      <c r="DSS711" s="613"/>
      <c r="DST711" s="613"/>
      <c r="DSU711" s="613"/>
      <c r="DSV711" s="613"/>
      <c r="DSW711" s="613"/>
      <c r="DSX711" s="613"/>
      <c r="DSY711" s="613"/>
      <c r="DSZ711" s="613"/>
      <c r="DTA711" s="613"/>
      <c r="DTB711" s="613"/>
      <c r="DTC711" s="613"/>
      <c r="DTD711" s="613"/>
      <c r="DTE711" s="613"/>
      <c r="DTF711" s="613"/>
      <c r="DTG711" s="613"/>
      <c r="DTH711" s="613"/>
      <c r="DTI711" s="613"/>
      <c r="DTJ711" s="613"/>
      <c r="DTK711" s="613"/>
      <c r="DTL711" s="613"/>
      <c r="DTM711" s="613"/>
      <c r="DTN711" s="613"/>
      <c r="DTO711" s="613"/>
      <c r="DTP711" s="613"/>
      <c r="DTQ711" s="613"/>
      <c r="DTR711" s="613"/>
      <c r="DTS711" s="613"/>
      <c r="DTT711" s="613"/>
      <c r="DTU711" s="613"/>
      <c r="DTV711" s="613"/>
      <c r="DTW711" s="613"/>
      <c r="DTX711" s="613"/>
      <c r="DTY711" s="613"/>
      <c r="DTZ711" s="613"/>
      <c r="DUA711" s="613"/>
      <c r="DUB711" s="613"/>
      <c r="DUC711" s="613"/>
      <c r="DUD711" s="613"/>
      <c r="DUE711" s="613"/>
      <c r="DUF711" s="613"/>
      <c r="DUG711" s="613"/>
      <c r="DUH711" s="613"/>
      <c r="DUI711" s="613"/>
      <c r="DUJ711" s="613"/>
      <c r="DUK711" s="613"/>
      <c r="DUL711" s="613"/>
      <c r="DUM711" s="613"/>
      <c r="DUN711" s="613"/>
      <c r="DUO711" s="613"/>
      <c r="DUP711" s="613"/>
      <c r="DUQ711" s="613"/>
      <c r="DUR711" s="613"/>
      <c r="DUS711" s="613"/>
      <c r="DUT711" s="613"/>
      <c r="DUU711" s="613"/>
      <c r="DUV711" s="613"/>
      <c r="DUW711" s="613"/>
      <c r="DUX711" s="613"/>
      <c r="DUY711" s="613"/>
      <c r="DUZ711" s="613"/>
      <c r="DVA711" s="613"/>
      <c r="DVB711" s="613"/>
      <c r="DVC711" s="613"/>
      <c r="DVD711" s="613"/>
      <c r="DVE711" s="613"/>
      <c r="DVF711" s="613"/>
      <c r="DVG711" s="613"/>
      <c r="DVH711" s="613"/>
      <c r="DVI711" s="613"/>
      <c r="DVJ711" s="613"/>
      <c r="DVK711" s="613"/>
      <c r="DVL711" s="613"/>
      <c r="DVM711" s="613"/>
      <c r="DVN711" s="613"/>
      <c r="DVO711" s="613"/>
      <c r="DVP711" s="613"/>
      <c r="DVQ711" s="613"/>
      <c r="DVR711" s="613"/>
      <c r="DVS711" s="613"/>
      <c r="DVT711" s="613"/>
      <c r="DVU711" s="613"/>
      <c r="DVV711" s="613"/>
      <c r="DVW711" s="613"/>
      <c r="DVX711" s="613"/>
      <c r="DVY711" s="613"/>
      <c r="DVZ711" s="613"/>
      <c r="DWA711" s="613"/>
      <c r="DWB711" s="613"/>
      <c r="DWC711" s="613"/>
      <c r="DWD711" s="613"/>
      <c r="DWE711" s="613"/>
      <c r="DWF711" s="613"/>
      <c r="DWG711" s="613"/>
      <c r="DWH711" s="613"/>
      <c r="DWI711" s="613"/>
      <c r="DWJ711" s="613"/>
      <c r="DWK711" s="613"/>
      <c r="DWL711" s="613"/>
      <c r="DWM711" s="613"/>
      <c r="DWN711" s="613"/>
      <c r="DWO711" s="613"/>
      <c r="DWP711" s="613"/>
      <c r="DWQ711" s="613"/>
      <c r="DWR711" s="613"/>
      <c r="DWS711" s="613"/>
      <c r="DWT711" s="613"/>
      <c r="DWU711" s="613"/>
      <c r="DWV711" s="613"/>
      <c r="DWW711" s="613"/>
      <c r="DWX711" s="613"/>
      <c r="DWY711" s="613"/>
      <c r="DWZ711" s="613"/>
      <c r="DXA711" s="613"/>
      <c r="DXB711" s="613"/>
      <c r="DXC711" s="613"/>
      <c r="DXD711" s="613"/>
      <c r="DXE711" s="613"/>
      <c r="DXF711" s="613"/>
      <c r="DXG711" s="613"/>
      <c r="DXH711" s="613"/>
      <c r="DXI711" s="613"/>
      <c r="DXJ711" s="613"/>
      <c r="DXK711" s="613"/>
      <c r="DXL711" s="613"/>
      <c r="DXM711" s="613"/>
      <c r="DXN711" s="613"/>
      <c r="DXO711" s="613"/>
      <c r="DXP711" s="613"/>
      <c r="DXQ711" s="613"/>
      <c r="DXR711" s="613"/>
      <c r="DXS711" s="613"/>
      <c r="DXT711" s="613"/>
      <c r="DXU711" s="613"/>
      <c r="DXV711" s="613"/>
      <c r="DXW711" s="613"/>
      <c r="DXX711" s="613"/>
      <c r="DXY711" s="613"/>
      <c r="DXZ711" s="613"/>
      <c r="DYA711" s="613"/>
      <c r="DYB711" s="613"/>
      <c r="DYC711" s="613"/>
      <c r="DYD711" s="613"/>
      <c r="DYE711" s="613"/>
      <c r="DYF711" s="613"/>
      <c r="DYG711" s="613"/>
      <c r="DYH711" s="613"/>
      <c r="DYI711" s="613"/>
      <c r="DYJ711" s="613"/>
      <c r="DYK711" s="613"/>
      <c r="DYL711" s="613"/>
      <c r="DYM711" s="613"/>
      <c r="DYN711" s="613"/>
      <c r="DYO711" s="613"/>
      <c r="DYP711" s="613"/>
      <c r="DYQ711" s="613"/>
      <c r="DYR711" s="613"/>
      <c r="DYS711" s="613"/>
      <c r="DYT711" s="613"/>
      <c r="DYU711" s="613"/>
      <c r="DYV711" s="613"/>
      <c r="DYW711" s="613"/>
      <c r="DYX711" s="613"/>
      <c r="DYY711" s="613"/>
      <c r="DYZ711" s="613"/>
      <c r="DZA711" s="613"/>
      <c r="DZB711" s="613"/>
      <c r="DZC711" s="613"/>
      <c r="DZD711" s="613"/>
      <c r="DZE711" s="613"/>
      <c r="DZF711" s="613"/>
      <c r="DZG711" s="613"/>
      <c r="DZH711" s="613"/>
      <c r="DZI711" s="613"/>
      <c r="DZJ711" s="613"/>
      <c r="DZK711" s="613"/>
      <c r="DZL711" s="613"/>
      <c r="DZM711" s="613"/>
      <c r="DZN711" s="613"/>
      <c r="DZO711" s="613"/>
      <c r="DZP711" s="613"/>
      <c r="DZQ711" s="613"/>
      <c r="DZR711" s="613"/>
      <c r="DZS711" s="613"/>
      <c r="DZT711" s="613"/>
      <c r="DZU711" s="613"/>
      <c r="DZV711" s="613"/>
      <c r="DZW711" s="613"/>
      <c r="DZX711" s="613"/>
      <c r="DZY711" s="613"/>
      <c r="DZZ711" s="613"/>
      <c r="EAA711" s="613"/>
      <c r="EAB711" s="613"/>
      <c r="EAC711" s="613"/>
      <c r="EAD711" s="613"/>
      <c r="EAE711" s="613"/>
      <c r="EAF711" s="613"/>
      <c r="EAG711" s="613"/>
      <c r="EAH711" s="613"/>
      <c r="EAI711" s="613"/>
      <c r="EAJ711" s="613"/>
      <c r="EAK711" s="613"/>
      <c r="EAL711" s="613"/>
      <c r="EAM711" s="613"/>
      <c r="EAN711" s="613"/>
      <c r="EAO711" s="613"/>
      <c r="EAP711" s="613"/>
      <c r="EAQ711" s="613"/>
      <c r="EAR711" s="613"/>
      <c r="EAS711" s="613"/>
      <c r="EAT711" s="613"/>
      <c r="EAU711" s="613"/>
      <c r="EAV711" s="613"/>
      <c r="EAW711" s="613"/>
      <c r="EAX711" s="613"/>
      <c r="EAY711" s="613"/>
      <c r="EAZ711" s="613"/>
      <c r="EBA711" s="613"/>
      <c r="EBB711" s="613"/>
      <c r="EBC711" s="613"/>
      <c r="EBD711" s="613"/>
      <c r="EBE711" s="613"/>
      <c r="EBF711" s="613"/>
      <c r="EBG711" s="613"/>
      <c r="EBH711" s="613"/>
      <c r="EBI711" s="613"/>
      <c r="EBJ711" s="613"/>
      <c r="EBK711" s="613"/>
      <c r="EBL711" s="613"/>
      <c r="EBM711" s="613"/>
      <c r="EBN711" s="613"/>
      <c r="EBO711" s="613"/>
      <c r="EBP711" s="613"/>
      <c r="EBQ711" s="613"/>
      <c r="EBR711" s="613"/>
      <c r="EBS711" s="613"/>
      <c r="EBT711" s="613"/>
      <c r="EBU711" s="613"/>
      <c r="EBV711" s="613"/>
      <c r="EBW711" s="613"/>
      <c r="EBX711" s="613"/>
      <c r="EBY711" s="613"/>
      <c r="EBZ711" s="613"/>
      <c r="ECA711" s="613"/>
      <c r="ECB711" s="613"/>
      <c r="ECC711" s="613"/>
      <c r="ECD711" s="613"/>
      <c r="ECE711" s="613"/>
      <c r="ECF711" s="613"/>
      <c r="ECG711" s="613"/>
      <c r="ECH711" s="613"/>
      <c r="ECI711" s="613"/>
      <c r="ECJ711" s="613"/>
      <c r="ECK711" s="613"/>
      <c r="ECL711" s="613"/>
      <c r="ECM711" s="613"/>
      <c r="ECN711" s="613"/>
      <c r="ECO711" s="613"/>
      <c r="ECP711" s="613"/>
      <c r="ECQ711" s="613"/>
      <c r="ECR711" s="613"/>
      <c r="ECS711" s="613"/>
      <c r="ECT711" s="613"/>
      <c r="ECU711" s="613"/>
      <c r="ECV711" s="613"/>
      <c r="ECW711" s="613"/>
      <c r="ECX711" s="613"/>
      <c r="ECY711" s="613"/>
      <c r="ECZ711" s="613"/>
      <c r="EDA711" s="613"/>
      <c r="EDB711" s="613"/>
      <c r="EDC711" s="613"/>
      <c r="EDD711" s="613"/>
      <c r="EDE711" s="613"/>
      <c r="EDF711" s="613"/>
      <c r="EDG711" s="613"/>
      <c r="EDH711" s="613"/>
      <c r="EDI711" s="613"/>
      <c r="EDJ711" s="613"/>
      <c r="EDK711" s="613"/>
      <c r="EDL711" s="613"/>
      <c r="EDM711" s="613"/>
      <c r="EDN711" s="613"/>
      <c r="EDO711" s="613"/>
      <c r="EDP711" s="613"/>
      <c r="EDQ711" s="613"/>
      <c r="EDR711" s="613"/>
      <c r="EDS711" s="613"/>
      <c r="EDT711" s="613"/>
      <c r="EDU711" s="613"/>
      <c r="EDV711" s="613"/>
      <c r="EDW711" s="613"/>
      <c r="EDX711" s="613"/>
      <c r="EDY711" s="613"/>
      <c r="EDZ711" s="613"/>
      <c r="EEA711" s="613"/>
      <c r="EEB711" s="613"/>
      <c r="EEC711" s="613"/>
      <c r="EED711" s="613"/>
      <c r="EEE711" s="613"/>
      <c r="EEF711" s="613"/>
      <c r="EEG711" s="613"/>
      <c r="EEH711" s="613"/>
      <c r="EEI711" s="613"/>
      <c r="EEJ711" s="613"/>
      <c r="EEK711" s="613"/>
      <c r="EEL711" s="613"/>
      <c r="EEM711" s="613"/>
      <c r="EEN711" s="613"/>
      <c r="EEO711" s="613"/>
      <c r="EEP711" s="613"/>
      <c r="EEQ711" s="613"/>
      <c r="EER711" s="613"/>
      <c r="EES711" s="613"/>
      <c r="EET711" s="613"/>
      <c r="EEU711" s="613"/>
      <c r="EEV711" s="613"/>
      <c r="EEW711" s="613"/>
      <c r="EEX711" s="613"/>
      <c r="EEY711" s="613"/>
      <c r="EEZ711" s="613"/>
      <c r="EFA711" s="613"/>
      <c r="EFB711" s="613"/>
      <c r="EFC711" s="613"/>
      <c r="EFD711" s="613"/>
      <c r="EFE711" s="613"/>
      <c r="EFF711" s="613"/>
      <c r="EFG711" s="613"/>
      <c r="EFH711" s="613"/>
      <c r="EFI711" s="613"/>
      <c r="EFJ711" s="613"/>
      <c r="EFK711" s="613"/>
      <c r="EFL711" s="613"/>
      <c r="EFM711" s="613"/>
      <c r="EFN711" s="613"/>
      <c r="EFO711" s="613"/>
      <c r="EFP711" s="613"/>
      <c r="EFQ711" s="613"/>
      <c r="EFR711" s="613"/>
      <c r="EFS711" s="613"/>
      <c r="EFT711" s="613"/>
      <c r="EFU711" s="613"/>
      <c r="EFV711" s="613"/>
      <c r="EFW711" s="613"/>
      <c r="EFX711" s="613"/>
      <c r="EFY711" s="613"/>
      <c r="EFZ711" s="613"/>
      <c r="EGA711" s="613"/>
      <c r="EGB711" s="613"/>
      <c r="EGC711" s="613"/>
      <c r="EGD711" s="613"/>
      <c r="EGE711" s="613"/>
      <c r="EGF711" s="613"/>
      <c r="EGG711" s="613"/>
      <c r="EGH711" s="613"/>
      <c r="EGI711" s="613"/>
      <c r="EGJ711" s="613"/>
      <c r="EGK711" s="613"/>
      <c r="EGL711" s="613"/>
      <c r="EGM711" s="613"/>
      <c r="EGN711" s="613"/>
      <c r="EGO711" s="613"/>
      <c r="EGP711" s="613"/>
      <c r="EGQ711" s="613"/>
      <c r="EGR711" s="613"/>
      <c r="EGS711" s="613"/>
      <c r="EGT711" s="613"/>
      <c r="EGU711" s="613"/>
      <c r="EGV711" s="613"/>
      <c r="EGW711" s="613"/>
      <c r="EGX711" s="613"/>
      <c r="EGY711" s="613"/>
      <c r="EGZ711" s="613"/>
      <c r="EHA711" s="613"/>
      <c r="EHB711" s="613"/>
      <c r="EHC711" s="613"/>
      <c r="EHD711" s="613"/>
      <c r="EHE711" s="613"/>
      <c r="EHF711" s="613"/>
      <c r="EHG711" s="613"/>
      <c r="EHH711" s="613"/>
      <c r="EHI711" s="613"/>
      <c r="EHJ711" s="613"/>
      <c r="EHK711" s="613"/>
      <c r="EHL711" s="613"/>
      <c r="EHM711" s="613"/>
      <c r="EHN711" s="613"/>
      <c r="EHO711" s="613"/>
      <c r="EHP711" s="613"/>
      <c r="EHQ711" s="613"/>
      <c r="EHR711" s="613"/>
      <c r="EHS711" s="613"/>
      <c r="EHT711" s="613"/>
      <c r="EHU711" s="613"/>
      <c r="EHV711" s="613"/>
      <c r="EHW711" s="613"/>
      <c r="EHX711" s="613"/>
      <c r="EHY711" s="613"/>
      <c r="EHZ711" s="613"/>
      <c r="EIA711" s="613"/>
      <c r="EIB711" s="613"/>
      <c r="EIC711" s="613"/>
      <c r="EID711" s="613"/>
      <c r="EIE711" s="613"/>
      <c r="EIF711" s="613"/>
      <c r="EIG711" s="613"/>
      <c r="EIH711" s="613"/>
      <c r="EII711" s="613"/>
      <c r="EIJ711" s="613"/>
      <c r="EIK711" s="613"/>
      <c r="EIL711" s="613"/>
      <c r="EIM711" s="613"/>
      <c r="EIN711" s="613"/>
      <c r="EIO711" s="613"/>
      <c r="EIP711" s="613"/>
      <c r="EIQ711" s="613"/>
      <c r="EIR711" s="613"/>
      <c r="EIS711" s="613"/>
      <c r="EIT711" s="613"/>
      <c r="EIU711" s="613"/>
      <c r="EIV711" s="613"/>
      <c r="EIW711" s="613"/>
      <c r="EIX711" s="613"/>
      <c r="EIY711" s="613"/>
      <c r="EIZ711" s="613"/>
      <c r="EJA711" s="613"/>
      <c r="EJB711" s="613"/>
      <c r="EJC711" s="613"/>
      <c r="EJD711" s="613"/>
      <c r="EJE711" s="613"/>
      <c r="EJF711" s="613"/>
      <c r="EJG711" s="613"/>
      <c r="EJH711" s="613"/>
      <c r="EJI711" s="613"/>
      <c r="EJJ711" s="613"/>
      <c r="EJK711" s="613"/>
      <c r="EJL711" s="613"/>
      <c r="EJM711" s="613"/>
      <c r="EJN711" s="613"/>
      <c r="EJO711" s="613"/>
      <c r="EJP711" s="613"/>
      <c r="EJQ711" s="613"/>
      <c r="EJR711" s="613"/>
      <c r="EJS711" s="613"/>
      <c r="EJT711" s="613"/>
      <c r="EJU711" s="613"/>
      <c r="EJV711" s="613"/>
      <c r="EJW711" s="613"/>
      <c r="EJX711" s="613"/>
      <c r="EJY711" s="613"/>
      <c r="EJZ711" s="613"/>
      <c r="EKA711" s="613"/>
      <c r="EKB711" s="613"/>
      <c r="EKC711" s="613"/>
      <c r="EKD711" s="613"/>
      <c r="EKE711" s="613"/>
      <c r="EKF711" s="613"/>
      <c r="EKG711" s="613"/>
      <c r="EKH711" s="613"/>
      <c r="EKI711" s="613"/>
      <c r="EKJ711" s="613"/>
      <c r="EKK711" s="613"/>
      <c r="EKL711" s="613"/>
      <c r="EKM711" s="613"/>
      <c r="EKN711" s="613"/>
      <c r="EKO711" s="613"/>
      <c r="EKP711" s="613"/>
      <c r="EKQ711" s="613"/>
      <c r="EKR711" s="613"/>
      <c r="EKS711" s="613"/>
      <c r="EKT711" s="613"/>
      <c r="EKU711" s="613"/>
      <c r="EKV711" s="613"/>
      <c r="EKW711" s="613"/>
      <c r="EKX711" s="613"/>
      <c r="EKY711" s="613"/>
      <c r="EKZ711" s="613"/>
      <c r="ELA711" s="613"/>
      <c r="ELB711" s="613"/>
      <c r="ELC711" s="613"/>
      <c r="ELD711" s="613"/>
      <c r="ELE711" s="613"/>
      <c r="ELF711" s="613"/>
      <c r="ELG711" s="613"/>
      <c r="ELH711" s="613"/>
      <c r="ELI711" s="613"/>
      <c r="ELJ711" s="613"/>
      <c r="ELK711" s="613"/>
      <c r="ELL711" s="613"/>
      <c r="ELM711" s="613"/>
      <c r="ELN711" s="613"/>
      <c r="ELO711" s="613"/>
      <c r="ELP711" s="613"/>
      <c r="ELQ711" s="613"/>
      <c r="ELR711" s="613"/>
      <c r="ELS711" s="613"/>
      <c r="ELT711" s="613"/>
      <c r="ELU711" s="613"/>
      <c r="ELV711" s="613"/>
      <c r="ELW711" s="613"/>
      <c r="ELX711" s="613"/>
      <c r="ELY711" s="613"/>
      <c r="ELZ711" s="613"/>
      <c r="EMA711" s="613"/>
      <c r="EMB711" s="613"/>
      <c r="EMC711" s="613"/>
      <c r="EMD711" s="613"/>
      <c r="EME711" s="613"/>
      <c r="EMF711" s="613"/>
      <c r="EMG711" s="613"/>
      <c r="EMH711" s="613"/>
      <c r="EMI711" s="613"/>
      <c r="EMJ711" s="613"/>
      <c r="EMK711" s="613"/>
      <c r="EML711" s="613"/>
      <c r="EMM711" s="613"/>
      <c r="EMN711" s="613"/>
      <c r="EMO711" s="613"/>
      <c r="EMP711" s="613"/>
      <c r="EMQ711" s="613"/>
      <c r="EMR711" s="613"/>
      <c r="EMS711" s="613"/>
      <c r="EMT711" s="613"/>
      <c r="EMU711" s="613"/>
      <c r="EMV711" s="613"/>
      <c r="EMW711" s="613"/>
      <c r="EMX711" s="613"/>
      <c r="EMY711" s="613"/>
      <c r="EMZ711" s="613"/>
      <c r="ENA711" s="613"/>
      <c r="ENB711" s="613"/>
      <c r="ENC711" s="613"/>
      <c r="END711" s="613"/>
      <c r="ENE711" s="613"/>
      <c r="ENF711" s="613"/>
      <c r="ENG711" s="613"/>
      <c r="ENH711" s="613"/>
      <c r="ENI711" s="613"/>
      <c r="ENJ711" s="613"/>
      <c r="ENK711" s="613"/>
      <c r="ENL711" s="613"/>
      <c r="ENM711" s="613"/>
      <c r="ENN711" s="613"/>
      <c r="ENO711" s="613"/>
      <c r="ENP711" s="613"/>
      <c r="ENQ711" s="613"/>
      <c r="ENR711" s="613"/>
      <c r="ENS711" s="613"/>
      <c r="ENT711" s="613"/>
      <c r="ENU711" s="613"/>
      <c r="ENV711" s="613"/>
      <c r="ENW711" s="613"/>
      <c r="ENX711" s="613"/>
      <c r="ENY711" s="613"/>
      <c r="ENZ711" s="613"/>
      <c r="EOA711" s="613"/>
      <c r="EOB711" s="613"/>
      <c r="EOC711" s="613"/>
      <c r="EOD711" s="613"/>
      <c r="EOE711" s="613"/>
      <c r="EOF711" s="613"/>
      <c r="EOG711" s="613"/>
      <c r="EOH711" s="613"/>
      <c r="EOI711" s="613"/>
      <c r="EOJ711" s="613"/>
      <c r="EOK711" s="613"/>
      <c r="EOL711" s="613"/>
      <c r="EOM711" s="613"/>
      <c r="EON711" s="613"/>
      <c r="EOO711" s="613"/>
      <c r="EOP711" s="613"/>
      <c r="EOQ711" s="613"/>
      <c r="EOR711" s="613"/>
      <c r="EOS711" s="613"/>
      <c r="EOT711" s="613"/>
      <c r="EOU711" s="613"/>
      <c r="EOV711" s="613"/>
      <c r="EOW711" s="613"/>
      <c r="EOX711" s="613"/>
      <c r="EOY711" s="613"/>
      <c r="EOZ711" s="613"/>
      <c r="EPA711" s="613"/>
      <c r="EPB711" s="613"/>
      <c r="EPC711" s="613"/>
      <c r="EPD711" s="613"/>
      <c r="EPE711" s="613"/>
      <c r="EPF711" s="613"/>
      <c r="EPG711" s="613"/>
      <c r="EPH711" s="613"/>
      <c r="EPI711" s="613"/>
      <c r="EPJ711" s="613"/>
      <c r="EPK711" s="613"/>
      <c r="EPL711" s="613"/>
      <c r="EPM711" s="613"/>
      <c r="EPN711" s="613"/>
      <c r="EPO711" s="613"/>
      <c r="EPP711" s="613"/>
      <c r="EPQ711" s="613"/>
      <c r="EPR711" s="613"/>
      <c r="EPS711" s="613"/>
      <c r="EPT711" s="613"/>
      <c r="EPU711" s="613"/>
      <c r="EPV711" s="613"/>
      <c r="EPW711" s="613"/>
      <c r="EPX711" s="613"/>
      <c r="EPY711" s="613"/>
      <c r="EPZ711" s="613"/>
      <c r="EQA711" s="613"/>
      <c r="EQB711" s="613"/>
      <c r="EQC711" s="613"/>
      <c r="EQD711" s="613"/>
      <c r="EQE711" s="613"/>
      <c r="EQF711" s="613"/>
      <c r="EQG711" s="613"/>
      <c r="EQH711" s="613"/>
      <c r="EQI711" s="613"/>
      <c r="EQJ711" s="613"/>
      <c r="EQK711" s="613"/>
      <c r="EQL711" s="613"/>
      <c r="EQM711" s="613"/>
      <c r="EQN711" s="613"/>
      <c r="EQO711" s="613"/>
      <c r="EQP711" s="613"/>
      <c r="EQQ711" s="613"/>
      <c r="EQR711" s="613"/>
      <c r="EQS711" s="613"/>
      <c r="EQT711" s="613"/>
      <c r="EQU711" s="613"/>
      <c r="EQV711" s="613"/>
      <c r="EQW711" s="613"/>
      <c r="EQX711" s="613"/>
      <c r="EQY711" s="613"/>
      <c r="EQZ711" s="613"/>
      <c r="ERA711" s="613"/>
      <c r="ERB711" s="613"/>
      <c r="ERC711" s="613"/>
      <c r="ERD711" s="613"/>
      <c r="ERE711" s="613"/>
      <c r="ERF711" s="613"/>
      <c r="ERG711" s="613"/>
      <c r="ERH711" s="613"/>
      <c r="ERI711" s="613"/>
      <c r="ERJ711" s="613"/>
      <c r="ERK711" s="613"/>
      <c r="ERL711" s="613"/>
      <c r="ERM711" s="613"/>
      <c r="ERN711" s="613"/>
      <c r="ERO711" s="613"/>
      <c r="ERP711" s="613"/>
      <c r="ERQ711" s="613"/>
      <c r="ERR711" s="613"/>
      <c r="ERS711" s="613"/>
      <c r="ERT711" s="613"/>
      <c r="ERU711" s="613"/>
      <c r="ERV711" s="613"/>
      <c r="ERW711" s="613"/>
      <c r="ERX711" s="613"/>
      <c r="ERY711" s="613"/>
      <c r="ERZ711" s="613"/>
      <c r="ESA711" s="613"/>
      <c r="ESB711" s="613"/>
      <c r="ESC711" s="613"/>
      <c r="ESD711" s="613"/>
      <c r="ESE711" s="613"/>
      <c r="ESF711" s="613"/>
      <c r="ESG711" s="613"/>
      <c r="ESH711" s="613"/>
      <c r="ESI711" s="613"/>
      <c r="ESJ711" s="613"/>
      <c r="ESK711" s="613"/>
      <c r="ESL711" s="613"/>
      <c r="ESM711" s="613"/>
      <c r="ESN711" s="613"/>
      <c r="ESO711" s="613"/>
      <c r="ESP711" s="613"/>
      <c r="ESQ711" s="613"/>
      <c r="ESR711" s="613"/>
      <c r="ESS711" s="613"/>
      <c r="EST711" s="613"/>
      <c r="ESU711" s="613"/>
      <c r="ESV711" s="613"/>
      <c r="ESW711" s="613"/>
      <c r="ESX711" s="613"/>
      <c r="ESY711" s="613"/>
      <c r="ESZ711" s="613"/>
      <c r="ETA711" s="613"/>
      <c r="ETB711" s="613"/>
      <c r="ETC711" s="613"/>
      <c r="ETD711" s="613"/>
      <c r="ETE711" s="613"/>
      <c r="ETF711" s="613"/>
      <c r="ETG711" s="613"/>
      <c r="ETH711" s="613"/>
      <c r="ETI711" s="613"/>
      <c r="ETJ711" s="613"/>
      <c r="ETK711" s="613"/>
      <c r="ETL711" s="613"/>
      <c r="ETM711" s="613"/>
      <c r="ETN711" s="613"/>
      <c r="ETO711" s="613"/>
      <c r="ETP711" s="613"/>
      <c r="ETQ711" s="613"/>
      <c r="ETR711" s="613"/>
      <c r="ETS711" s="613"/>
      <c r="ETT711" s="613"/>
      <c r="ETU711" s="613"/>
      <c r="ETV711" s="613"/>
      <c r="ETW711" s="613"/>
      <c r="ETX711" s="613"/>
      <c r="ETY711" s="613"/>
      <c r="ETZ711" s="613"/>
      <c r="EUA711" s="613"/>
      <c r="EUB711" s="613"/>
      <c r="EUC711" s="613"/>
      <c r="EUD711" s="613"/>
      <c r="EUE711" s="613"/>
      <c r="EUF711" s="613"/>
      <c r="EUG711" s="613"/>
      <c r="EUH711" s="613"/>
      <c r="EUI711" s="613"/>
      <c r="EUJ711" s="613"/>
      <c r="EUK711" s="613"/>
      <c r="EUL711" s="613"/>
      <c r="EUM711" s="613"/>
      <c r="EUN711" s="613"/>
      <c r="EUO711" s="613"/>
      <c r="EUP711" s="613"/>
      <c r="EUQ711" s="613"/>
      <c r="EUR711" s="613"/>
      <c r="EUS711" s="613"/>
      <c r="EUT711" s="613"/>
      <c r="EUU711" s="613"/>
      <c r="EUV711" s="613"/>
      <c r="EUW711" s="613"/>
      <c r="EUX711" s="613"/>
      <c r="EUY711" s="613"/>
      <c r="EUZ711" s="613"/>
      <c r="EVA711" s="613"/>
      <c r="EVB711" s="613"/>
      <c r="EVC711" s="613"/>
      <c r="EVD711" s="613"/>
      <c r="EVE711" s="613"/>
      <c r="EVF711" s="613"/>
      <c r="EVG711" s="613"/>
      <c r="EVH711" s="613"/>
      <c r="EVI711" s="613"/>
      <c r="EVJ711" s="613"/>
      <c r="EVK711" s="613"/>
      <c r="EVL711" s="613"/>
      <c r="EVM711" s="613"/>
      <c r="EVN711" s="613"/>
      <c r="EVO711" s="613"/>
      <c r="EVP711" s="613"/>
      <c r="EVQ711" s="613"/>
      <c r="EVR711" s="613"/>
      <c r="EVS711" s="613"/>
      <c r="EVT711" s="613"/>
      <c r="EVU711" s="613"/>
      <c r="EVV711" s="613"/>
      <c r="EVW711" s="613"/>
      <c r="EVX711" s="613"/>
      <c r="EVY711" s="613"/>
      <c r="EVZ711" s="613"/>
      <c r="EWA711" s="613"/>
      <c r="EWB711" s="613"/>
      <c r="EWC711" s="613"/>
      <c r="EWD711" s="613"/>
      <c r="EWE711" s="613"/>
      <c r="EWF711" s="613"/>
      <c r="EWG711" s="613"/>
      <c r="EWH711" s="613"/>
      <c r="EWI711" s="613"/>
      <c r="EWJ711" s="613"/>
      <c r="EWK711" s="613"/>
      <c r="EWL711" s="613"/>
      <c r="EWM711" s="613"/>
      <c r="EWN711" s="613"/>
      <c r="EWO711" s="613"/>
      <c r="EWP711" s="613"/>
      <c r="EWQ711" s="613"/>
      <c r="EWR711" s="613"/>
      <c r="EWS711" s="613"/>
      <c r="EWT711" s="613"/>
      <c r="EWU711" s="613"/>
      <c r="EWV711" s="613"/>
      <c r="EWW711" s="613"/>
      <c r="EWX711" s="613"/>
      <c r="EWY711" s="613"/>
      <c r="EWZ711" s="613"/>
      <c r="EXA711" s="613"/>
      <c r="EXB711" s="613"/>
      <c r="EXC711" s="613"/>
      <c r="EXD711" s="613"/>
      <c r="EXE711" s="613"/>
      <c r="EXF711" s="613"/>
      <c r="EXG711" s="613"/>
      <c r="EXH711" s="613"/>
      <c r="EXI711" s="613"/>
      <c r="EXJ711" s="613"/>
      <c r="EXK711" s="613"/>
      <c r="EXL711" s="613"/>
      <c r="EXM711" s="613"/>
      <c r="EXN711" s="613"/>
      <c r="EXO711" s="613"/>
      <c r="EXP711" s="613"/>
      <c r="EXQ711" s="613"/>
      <c r="EXR711" s="613"/>
      <c r="EXS711" s="613"/>
      <c r="EXT711" s="613"/>
      <c r="EXU711" s="613"/>
      <c r="EXV711" s="613"/>
      <c r="EXW711" s="613"/>
      <c r="EXX711" s="613"/>
      <c r="EXY711" s="613"/>
      <c r="EXZ711" s="613"/>
      <c r="EYA711" s="613"/>
      <c r="EYB711" s="613"/>
      <c r="EYC711" s="613"/>
      <c r="EYD711" s="613"/>
      <c r="EYE711" s="613"/>
      <c r="EYF711" s="613"/>
      <c r="EYG711" s="613"/>
      <c r="EYH711" s="613"/>
      <c r="EYI711" s="613"/>
      <c r="EYJ711" s="613"/>
      <c r="EYK711" s="613"/>
      <c r="EYL711" s="613"/>
      <c r="EYM711" s="613"/>
      <c r="EYN711" s="613"/>
      <c r="EYO711" s="613"/>
      <c r="EYP711" s="613"/>
      <c r="EYQ711" s="613"/>
      <c r="EYR711" s="613"/>
      <c r="EYS711" s="613"/>
      <c r="EYT711" s="613"/>
      <c r="EYU711" s="613"/>
      <c r="EYV711" s="613"/>
      <c r="EYW711" s="613"/>
      <c r="EYX711" s="613"/>
      <c r="EYY711" s="613"/>
      <c r="EYZ711" s="613"/>
      <c r="EZA711" s="613"/>
      <c r="EZB711" s="613"/>
      <c r="EZC711" s="613"/>
      <c r="EZD711" s="613"/>
      <c r="EZE711" s="613"/>
      <c r="EZF711" s="613"/>
      <c r="EZG711" s="613"/>
      <c r="EZH711" s="613"/>
      <c r="EZI711" s="613"/>
      <c r="EZJ711" s="613"/>
      <c r="EZK711" s="613"/>
      <c r="EZL711" s="613"/>
      <c r="EZM711" s="613"/>
      <c r="EZN711" s="613"/>
      <c r="EZO711" s="613"/>
      <c r="EZP711" s="613"/>
      <c r="EZQ711" s="613"/>
      <c r="EZR711" s="613"/>
      <c r="EZS711" s="613"/>
      <c r="EZT711" s="613"/>
      <c r="EZU711" s="613"/>
      <c r="EZV711" s="613"/>
      <c r="EZW711" s="613"/>
      <c r="EZX711" s="613"/>
      <c r="EZY711" s="613"/>
      <c r="EZZ711" s="613"/>
      <c r="FAA711" s="613"/>
      <c r="FAB711" s="613"/>
      <c r="FAC711" s="613"/>
      <c r="FAD711" s="613"/>
      <c r="FAE711" s="613"/>
      <c r="FAF711" s="613"/>
      <c r="FAG711" s="613"/>
      <c r="FAH711" s="613"/>
      <c r="FAI711" s="613"/>
      <c r="FAJ711" s="613"/>
      <c r="FAK711" s="613"/>
      <c r="FAL711" s="613"/>
      <c r="FAM711" s="613"/>
      <c r="FAN711" s="613"/>
      <c r="FAO711" s="613"/>
      <c r="FAP711" s="613"/>
      <c r="FAQ711" s="613"/>
      <c r="FAR711" s="613"/>
      <c r="FAS711" s="613"/>
      <c r="FAT711" s="613"/>
      <c r="FAU711" s="613"/>
      <c r="FAV711" s="613"/>
      <c r="FAW711" s="613"/>
      <c r="FAX711" s="613"/>
      <c r="FAY711" s="613"/>
      <c r="FAZ711" s="613"/>
      <c r="FBA711" s="613"/>
      <c r="FBB711" s="613"/>
      <c r="FBC711" s="613"/>
      <c r="FBD711" s="613"/>
      <c r="FBE711" s="613"/>
      <c r="FBF711" s="613"/>
      <c r="FBG711" s="613"/>
      <c r="FBH711" s="613"/>
      <c r="FBI711" s="613"/>
      <c r="FBJ711" s="613"/>
      <c r="FBK711" s="613"/>
      <c r="FBL711" s="613"/>
      <c r="FBM711" s="613"/>
      <c r="FBN711" s="613"/>
      <c r="FBO711" s="613"/>
      <c r="FBP711" s="613"/>
      <c r="FBQ711" s="613"/>
      <c r="FBR711" s="613"/>
      <c r="FBS711" s="613"/>
      <c r="FBT711" s="613"/>
      <c r="FBU711" s="613"/>
      <c r="FBV711" s="613"/>
      <c r="FBW711" s="613"/>
      <c r="FBX711" s="613"/>
      <c r="FBY711" s="613"/>
      <c r="FBZ711" s="613"/>
      <c r="FCA711" s="613"/>
      <c r="FCB711" s="613"/>
      <c r="FCC711" s="613"/>
      <c r="FCD711" s="613"/>
      <c r="FCE711" s="613"/>
      <c r="FCF711" s="613"/>
      <c r="FCG711" s="613"/>
      <c r="FCH711" s="613"/>
      <c r="FCI711" s="613"/>
      <c r="FCJ711" s="613"/>
      <c r="FCK711" s="613"/>
      <c r="FCL711" s="613"/>
      <c r="FCM711" s="613"/>
      <c r="FCN711" s="613"/>
      <c r="FCO711" s="613"/>
      <c r="FCP711" s="613"/>
      <c r="FCQ711" s="613"/>
      <c r="FCR711" s="613"/>
      <c r="FCS711" s="613"/>
      <c r="FCT711" s="613"/>
      <c r="FCU711" s="613"/>
      <c r="FCV711" s="613"/>
      <c r="FCW711" s="613"/>
      <c r="FCX711" s="613"/>
      <c r="FCY711" s="613"/>
      <c r="FCZ711" s="613"/>
      <c r="FDA711" s="613"/>
      <c r="FDB711" s="613"/>
      <c r="FDC711" s="613"/>
      <c r="FDD711" s="613"/>
      <c r="FDE711" s="613"/>
      <c r="FDF711" s="613"/>
      <c r="FDG711" s="613"/>
      <c r="FDH711" s="613"/>
      <c r="FDI711" s="613"/>
      <c r="FDJ711" s="613"/>
      <c r="FDK711" s="613"/>
      <c r="FDL711" s="613"/>
      <c r="FDM711" s="613"/>
      <c r="FDN711" s="613"/>
      <c r="FDO711" s="613"/>
      <c r="FDP711" s="613"/>
      <c r="FDQ711" s="613"/>
      <c r="FDR711" s="613"/>
      <c r="FDS711" s="613"/>
      <c r="FDT711" s="613"/>
      <c r="FDU711" s="613"/>
      <c r="FDV711" s="613"/>
      <c r="FDW711" s="613"/>
      <c r="FDX711" s="613"/>
      <c r="FDY711" s="613"/>
      <c r="FDZ711" s="613"/>
      <c r="FEA711" s="613"/>
      <c r="FEB711" s="613"/>
      <c r="FEC711" s="613"/>
      <c r="FED711" s="613"/>
      <c r="FEE711" s="613"/>
      <c r="FEF711" s="613"/>
      <c r="FEG711" s="613"/>
      <c r="FEH711" s="613"/>
      <c r="FEI711" s="613"/>
      <c r="FEJ711" s="613"/>
      <c r="FEK711" s="613"/>
      <c r="FEL711" s="613"/>
      <c r="FEM711" s="613"/>
      <c r="FEN711" s="613"/>
      <c r="FEO711" s="613"/>
      <c r="FEP711" s="613"/>
      <c r="FEQ711" s="613"/>
      <c r="FER711" s="613"/>
      <c r="FES711" s="613"/>
      <c r="FET711" s="613"/>
      <c r="FEU711" s="613"/>
      <c r="FEV711" s="613"/>
      <c r="FEW711" s="613"/>
      <c r="FEX711" s="613"/>
      <c r="FEY711" s="613"/>
      <c r="FEZ711" s="613"/>
      <c r="FFA711" s="613"/>
      <c r="FFB711" s="613"/>
      <c r="FFC711" s="613"/>
      <c r="FFD711" s="613"/>
      <c r="FFE711" s="613"/>
      <c r="FFF711" s="613"/>
      <c r="FFG711" s="613"/>
      <c r="FFH711" s="613"/>
      <c r="FFI711" s="613"/>
      <c r="FFJ711" s="613"/>
      <c r="FFK711" s="613"/>
      <c r="FFL711" s="613"/>
      <c r="FFM711" s="613"/>
      <c r="FFN711" s="613"/>
      <c r="FFO711" s="613"/>
      <c r="FFP711" s="613"/>
      <c r="FFQ711" s="613"/>
      <c r="FFR711" s="613"/>
      <c r="FFS711" s="613"/>
      <c r="FFT711" s="613"/>
      <c r="FFU711" s="613"/>
      <c r="FFV711" s="613"/>
      <c r="FFW711" s="613"/>
      <c r="FFX711" s="613"/>
      <c r="FFY711" s="613"/>
      <c r="FFZ711" s="613"/>
      <c r="FGA711" s="613"/>
      <c r="FGB711" s="613"/>
      <c r="FGC711" s="613"/>
      <c r="FGD711" s="613"/>
      <c r="FGE711" s="613"/>
      <c r="FGF711" s="613"/>
      <c r="FGG711" s="613"/>
      <c r="FGH711" s="613"/>
      <c r="FGI711" s="613"/>
      <c r="FGJ711" s="613"/>
      <c r="FGK711" s="613"/>
      <c r="FGL711" s="613"/>
      <c r="FGM711" s="613"/>
      <c r="FGN711" s="613"/>
      <c r="FGO711" s="613"/>
      <c r="FGP711" s="613"/>
      <c r="FGQ711" s="613"/>
      <c r="FGR711" s="613"/>
      <c r="FGS711" s="613"/>
      <c r="FGT711" s="613"/>
      <c r="FGU711" s="613"/>
      <c r="FGV711" s="613"/>
      <c r="FGW711" s="613"/>
      <c r="FGX711" s="613"/>
      <c r="FGY711" s="613"/>
      <c r="FGZ711" s="613"/>
      <c r="FHA711" s="613"/>
      <c r="FHB711" s="613"/>
      <c r="FHC711" s="613"/>
      <c r="FHD711" s="613"/>
      <c r="FHE711" s="613"/>
      <c r="FHF711" s="613"/>
      <c r="FHG711" s="613"/>
      <c r="FHH711" s="613"/>
      <c r="FHI711" s="613"/>
      <c r="FHJ711" s="613"/>
      <c r="FHK711" s="613"/>
      <c r="FHL711" s="613"/>
      <c r="FHM711" s="613"/>
      <c r="FHN711" s="613"/>
      <c r="FHO711" s="613"/>
      <c r="FHP711" s="613"/>
      <c r="FHQ711" s="613"/>
      <c r="FHR711" s="613"/>
      <c r="FHS711" s="613"/>
      <c r="FHT711" s="613"/>
      <c r="FHU711" s="613"/>
      <c r="FHV711" s="613"/>
      <c r="FHW711" s="613"/>
      <c r="FHX711" s="613"/>
      <c r="FHY711" s="613"/>
      <c r="FHZ711" s="613"/>
      <c r="FIA711" s="613"/>
      <c r="FIB711" s="613"/>
      <c r="FIC711" s="613"/>
      <c r="FID711" s="613"/>
      <c r="FIE711" s="613"/>
      <c r="FIF711" s="613"/>
      <c r="FIG711" s="613"/>
      <c r="FIH711" s="613"/>
      <c r="FII711" s="613"/>
      <c r="FIJ711" s="613"/>
      <c r="FIK711" s="613"/>
      <c r="FIL711" s="613"/>
      <c r="FIM711" s="613"/>
      <c r="FIN711" s="613"/>
      <c r="FIO711" s="613"/>
      <c r="FIP711" s="613"/>
      <c r="FIQ711" s="613"/>
      <c r="FIR711" s="613"/>
      <c r="FIS711" s="613"/>
      <c r="FIT711" s="613"/>
      <c r="FIU711" s="613"/>
      <c r="FIV711" s="613"/>
      <c r="FIW711" s="613"/>
      <c r="FIX711" s="613"/>
      <c r="FIY711" s="613"/>
      <c r="FIZ711" s="613"/>
      <c r="FJA711" s="613"/>
      <c r="FJB711" s="613"/>
      <c r="FJC711" s="613"/>
      <c r="FJD711" s="613"/>
      <c r="FJE711" s="613"/>
      <c r="FJF711" s="613"/>
      <c r="FJG711" s="613"/>
      <c r="FJH711" s="613"/>
      <c r="FJI711" s="613"/>
      <c r="FJJ711" s="613"/>
      <c r="FJK711" s="613"/>
      <c r="FJL711" s="613"/>
      <c r="FJM711" s="613"/>
      <c r="FJN711" s="613"/>
      <c r="FJO711" s="613"/>
      <c r="FJP711" s="613"/>
      <c r="FJQ711" s="613"/>
      <c r="FJR711" s="613"/>
      <c r="FJS711" s="613"/>
      <c r="FJT711" s="613"/>
      <c r="FJU711" s="613"/>
      <c r="FJV711" s="613"/>
      <c r="FJW711" s="613"/>
      <c r="FJX711" s="613"/>
      <c r="FJY711" s="613"/>
      <c r="FJZ711" s="613"/>
      <c r="FKA711" s="613"/>
      <c r="FKB711" s="613"/>
      <c r="FKC711" s="613"/>
      <c r="FKD711" s="613"/>
      <c r="FKE711" s="613"/>
      <c r="FKF711" s="613"/>
      <c r="FKG711" s="613"/>
      <c r="FKH711" s="613"/>
      <c r="FKI711" s="613"/>
      <c r="FKJ711" s="613"/>
      <c r="FKK711" s="613"/>
      <c r="FKL711" s="613"/>
      <c r="FKM711" s="613"/>
      <c r="FKN711" s="613"/>
      <c r="FKO711" s="613"/>
      <c r="FKP711" s="613"/>
      <c r="FKQ711" s="613"/>
      <c r="FKR711" s="613"/>
      <c r="FKS711" s="613"/>
      <c r="FKT711" s="613"/>
      <c r="FKU711" s="613"/>
      <c r="FKV711" s="613"/>
      <c r="FKW711" s="613"/>
      <c r="FKX711" s="613"/>
      <c r="FKY711" s="613"/>
      <c r="FKZ711" s="613"/>
      <c r="FLA711" s="613"/>
      <c r="FLB711" s="613"/>
      <c r="FLC711" s="613"/>
      <c r="FLD711" s="613"/>
      <c r="FLE711" s="613"/>
      <c r="FLF711" s="613"/>
      <c r="FLG711" s="613"/>
      <c r="FLH711" s="613"/>
      <c r="FLI711" s="613"/>
      <c r="FLJ711" s="613"/>
      <c r="FLK711" s="613"/>
      <c r="FLL711" s="613"/>
      <c r="FLM711" s="613"/>
      <c r="FLN711" s="613"/>
      <c r="FLO711" s="613"/>
      <c r="FLP711" s="613"/>
      <c r="FLQ711" s="613"/>
      <c r="FLR711" s="613"/>
      <c r="FLS711" s="613"/>
      <c r="FLT711" s="613"/>
      <c r="FLU711" s="613"/>
      <c r="FLV711" s="613"/>
      <c r="FLW711" s="613"/>
      <c r="FLX711" s="613"/>
      <c r="FLY711" s="613"/>
      <c r="FLZ711" s="613"/>
      <c r="FMA711" s="613"/>
      <c r="FMB711" s="613"/>
      <c r="FMC711" s="613"/>
      <c r="FMD711" s="613"/>
      <c r="FME711" s="613"/>
      <c r="FMF711" s="613"/>
      <c r="FMG711" s="613"/>
      <c r="FMH711" s="613"/>
      <c r="FMI711" s="613"/>
      <c r="FMJ711" s="613"/>
      <c r="FMK711" s="613"/>
      <c r="FML711" s="613"/>
      <c r="FMM711" s="613"/>
      <c r="FMN711" s="613"/>
      <c r="FMO711" s="613"/>
      <c r="FMP711" s="613"/>
      <c r="FMQ711" s="613"/>
      <c r="FMR711" s="613"/>
      <c r="FMS711" s="613"/>
      <c r="FMT711" s="613"/>
      <c r="FMU711" s="613"/>
      <c r="FMV711" s="613"/>
      <c r="FMW711" s="613"/>
      <c r="FMX711" s="613"/>
      <c r="FMY711" s="613"/>
      <c r="FMZ711" s="613"/>
      <c r="FNA711" s="613"/>
      <c r="FNB711" s="613"/>
      <c r="FNC711" s="613"/>
      <c r="FND711" s="613"/>
      <c r="FNE711" s="613"/>
      <c r="FNF711" s="613"/>
      <c r="FNG711" s="613"/>
      <c r="FNH711" s="613"/>
      <c r="FNI711" s="613"/>
      <c r="FNJ711" s="613"/>
      <c r="FNK711" s="613"/>
      <c r="FNL711" s="613"/>
      <c r="FNM711" s="613"/>
      <c r="FNN711" s="613"/>
      <c r="FNO711" s="613"/>
      <c r="FNP711" s="613"/>
      <c r="FNQ711" s="613"/>
      <c r="FNR711" s="613"/>
      <c r="FNS711" s="613"/>
      <c r="FNT711" s="613"/>
      <c r="FNU711" s="613"/>
      <c r="FNV711" s="613"/>
      <c r="FNW711" s="613"/>
      <c r="FNX711" s="613"/>
      <c r="FNY711" s="613"/>
      <c r="FNZ711" s="613"/>
      <c r="FOA711" s="613"/>
      <c r="FOB711" s="613"/>
      <c r="FOC711" s="613"/>
      <c r="FOD711" s="613"/>
      <c r="FOE711" s="613"/>
      <c r="FOF711" s="613"/>
      <c r="FOG711" s="613"/>
      <c r="FOH711" s="613"/>
      <c r="FOI711" s="613"/>
      <c r="FOJ711" s="613"/>
      <c r="FOK711" s="613"/>
      <c r="FOL711" s="613"/>
      <c r="FOM711" s="613"/>
      <c r="FON711" s="613"/>
      <c r="FOO711" s="613"/>
      <c r="FOP711" s="613"/>
      <c r="FOQ711" s="613"/>
      <c r="FOR711" s="613"/>
      <c r="FOS711" s="613"/>
      <c r="FOT711" s="613"/>
      <c r="FOU711" s="613"/>
      <c r="FOV711" s="613"/>
      <c r="FOW711" s="613"/>
      <c r="FOX711" s="613"/>
      <c r="FOY711" s="613"/>
      <c r="FOZ711" s="613"/>
      <c r="FPA711" s="613"/>
      <c r="FPB711" s="613"/>
      <c r="FPC711" s="613"/>
      <c r="FPD711" s="613"/>
      <c r="FPE711" s="613"/>
      <c r="FPF711" s="613"/>
      <c r="FPG711" s="613"/>
      <c r="FPH711" s="613"/>
      <c r="FPI711" s="613"/>
      <c r="FPJ711" s="613"/>
      <c r="FPK711" s="613"/>
      <c r="FPL711" s="613"/>
      <c r="FPM711" s="613"/>
      <c r="FPN711" s="613"/>
      <c r="FPO711" s="613"/>
      <c r="FPP711" s="613"/>
      <c r="FPQ711" s="613"/>
      <c r="FPR711" s="613"/>
      <c r="FPS711" s="613"/>
      <c r="FPT711" s="613"/>
      <c r="FPU711" s="613"/>
      <c r="FPV711" s="613"/>
      <c r="FPW711" s="613"/>
      <c r="FPX711" s="613"/>
      <c r="FPY711" s="613"/>
      <c r="FPZ711" s="613"/>
      <c r="FQA711" s="613"/>
      <c r="FQB711" s="613"/>
      <c r="FQC711" s="613"/>
      <c r="FQD711" s="613"/>
      <c r="FQE711" s="613"/>
      <c r="FQF711" s="613"/>
      <c r="FQG711" s="613"/>
      <c r="FQH711" s="613"/>
      <c r="FQI711" s="613"/>
      <c r="FQJ711" s="613"/>
      <c r="FQK711" s="613"/>
      <c r="FQL711" s="613"/>
      <c r="FQM711" s="613"/>
      <c r="FQN711" s="613"/>
      <c r="FQO711" s="613"/>
      <c r="FQP711" s="613"/>
      <c r="FQQ711" s="613"/>
      <c r="FQR711" s="613"/>
      <c r="FQS711" s="613"/>
      <c r="FQT711" s="613"/>
      <c r="FQU711" s="613"/>
      <c r="FQV711" s="613"/>
      <c r="FQW711" s="613"/>
      <c r="FQX711" s="613"/>
      <c r="FQY711" s="613"/>
      <c r="FQZ711" s="613"/>
      <c r="FRA711" s="613"/>
      <c r="FRB711" s="613"/>
      <c r="FRC711" s="613"/>
      <c r="FRD711" s="613"/>
      <c r="FRE711" s="613"/>
      <c r="FRF711" s="613"/>
      <c r="FRG711" s="613"/>
      <c r="FRH711" s="613"/>
      <c r="FRI711" s="613"/>
      <c r="FRJ711" s="613"/>
      <c r="FRK711" s="613"/>
      <c r="FRL711" s="613"/>
      <c r="FRM711" s="613"/>
      <c r="FRN711" s="613"/>
      <c r="FRO711" s="613"/>
      <c r="FRP711" s="613"/>
      <c r="FRQ711" s="613"/>
      <c r="FRR711" s="613"/>
      <c r="FRS711" s="613"/>
      <c r="FRT711" s="613"/>
      <c r="FRU711" s="613"/>
      <c r="FRV711" s="613"/>
      <c r="FRW711" s="613"/>
      <c r="FRX711" s="613"/>
      <c r="FRY711" s="613"/>
      <c r="FRZ711" s="613"/>
      <c r="FSA711" s="613"/>
      <c r="FSB711" s="613"/>
      <c r="FSC711" s="613"/>
      <c r="FSD711" s="613"/>
      <c r="FSE711" s="613"/>
      <c r="FSF711" s="613"/>
      <c r="FSG711" s="613"/>
      <c r="FSH711" s="613"/>
      <c r="FSI711" s="613"/>
      <c r="FSJ711" s="613"/>
      <c r="FSK711" s="613"/>
      <c r="FSL711" s="613"/>
      <c r="FSM711" s="613"/>
      <c r="FSN711" s="613"/>
      <c r="FSO711" s="613"/>
      <c r="FSP711" s="613"/>
      <c r="FSQ711" s="613"/>
      <c r="FSR711" s="613"/>
      <c r="FSS711" s="613"/>
      <c r="FST711" s="613"/>
      <c r="FSU711" s="613"/>
      <c r="FSV711" s="613"/>
      <c r="FSW711" s="613"/>
      <c r="FSX711" s="613"/>
      <c r="FSY711" s="613"/>
      <c r="FSZ711" s="613"/>
      <c r="FTA711" s="613"/>
      <c r="FTB711" s="613"/>
      <c r="FTC711" s="613"/>
      <c r="FTD711" s="613"/>
      <c r="FTE711" s="613"/>
      <c r="FTF711" s="613"/>
      <c r="FTG711" s="613"/>
      <c r="FTH711" s="613"/>
      <c r="FTI711" s="613"/>
      <c r="FTJ711" s="613"/>
      <c r="FTK711" s="613"/>
      <c r="FTL711" s="613"/>
      <c r="FTM711" s="613"/>
      <c r="FTN711" s="613"/>
      <c r="FTO711" s="613"/>
      <c r="FTP711" s="613"/>
      <c r="FTQ711" s="613"/>
      <c r="FTR711" s="613"/>
      <c r="FTS711" s="613"/>
      <c r="FTT711" s="613"/>
      <c r="FTU711" s="613"/>
      <c r="FTV711" s="613"/>
      <c r="FTW711" s="613"/>
      <c r="FTX711" s="613"/>
      <c r="FTY711" s="613"/>
      <c r="FTZ711" s="613"/>
      <c r="FUA711" s="613"/>
      <c r="FUB711" s="613"/>
      <c r="FUC711" s="613"/>
      <c r="FUD711" s="613"/>
      <c r="FUE711" s="613"/>
      <c r="FUF711" s="613"/>
      <c r="FUG711" s="613"/>
      <c r="FUH711" s="613"/>
      <c r="FUI711" s="613"/>
      <c r="FUJ711" s="613"/>
      <c r="FUK711" s="613"/>
      <c r="FUL711" s="613"/>
      <c r="FUM711" s="613"/>
      <c r="FUN711" s="613"/>
      <c r="FUO711" s="613"/>
      <c r="FUP711" s="613"/>
      <c r="FUQ711" s="613"/>
      <c r="FUR711" s="613"/>
      <c r="FUS711" s="613"/>
      <c r="FUT711" s="613"/>
      <c r="FUU711" s="613"/>
      <c r="FUV711" s="613"/>
      <c r="FUW711" s="613"/>
      <c r="FUX711" s="613"/>
      <c r="FUY711" s="613"/>
      <c r="FUZ711" s="613"/>
      <c r="FVA711" s="613"/>
      <c r="FVB711" s="613"/>
      <c r="FVC711" s="613"/>
      <c r="FVD711" s="613"/>
      <c r="FVE711" s="613"/>
      <c r="FVF711" s="613"/>
      <c r="FVG711" s="613"/>
      <c r="FVH711" s="613"/>
      <c r="FVI711" s="613"/>
      <c r="FVJ711" s="613"/>
      <c r="FVK711" s="613"/>
      <c r="FVL711" s="613"/>
      <c r="FVM711" s="613"/>
      <c r="FVN711" s="613"/>
      <c r="FVO711" s="613"/>
      <c r="FVP711" s="613"/>
      <c r="FVQ711" s="613"/>
      <c r="FVR711" s="613"/>
      <c r="FVS711" s="613"/>
      <c r="FVT711" s="613"/>
      <c r="FVU711" s="613"/>
      <c r="FVV711" s="613"/>
      <c r="FVW711" s="613"/>
      <c r="FVX711" s="613"/>
      <c r="FVY711" s="613"/>
      <c r="FVZ711" s="613"/>
      <c r="FWA711" s="613"/>
      <c r="FWB711" s="613"/>
      <c r="FWC711" s="613"/>
      <c r="FWD711" s="613"/>
      <c r="FWE711" s="613"/>
      <c r="FWF711" s="613"/>
      <c r="FWG711" s="613"/>
      <c r="FWH711" s="613"/>
      <c r="FWI711" s="613"/>
      <c r="FWJ711" s="613"/>
      <c r="FWK711" s="613"/>
      <c r="FWL711" s="613"/>
      <c r="FWM711" s="613"/>
      <c r="FWN711" s="613"/>
      <c r="FWO711" s="613"/>
      <c r="FWP711" s="613"/>
      <c r="FWQ711" s="613"/>
      <c r="FWR711" s="613"/>
      <c r="FWS711" s="613"/>
      <c r="FWT711" s="613"/>
      <c r="FWU711" s="613"/>
      <c r="FWV711" s="613"/>
      <c r="FWW711" s="613"/>
      <c r="FWX711" s="613"/>
      <c r="FWY711" s="613"/>
      <c r="FWZ711" s="613"/>
      <c r="FXA711" s="613"/>
      <c r="FXB711" s="613"/>
      <c r="FXC711" s="613"/>
      <c r="FXD711" s="613"/>
      <c r="FXE711" s="613"/>
      <c r="FXF711" s="613"/>
      <c r="FXG711" s="613"/>
      <c r="FXH711" s="613"/>
      <c r="FXI711" s="613"/>
      <c r="FXJ711" s="613"/>
      <c r="FXK711" s="613"/>
      <c r="FXL711" s="613"/>
      <c r="FXM711" s="613"/>
      <c r="FXN711" s="613"/>
      <c r="FXO711" s="613"/>
      <c r="FXP711" s="613"/>
      <c r="FXQ711" s="613"/>
      <c r="FXR711" s="613"/>
      <c r="FXS711" s="613"/>
      <c r="FXT711" s="613"/>
      <c r="FXU711" s="613"/>
      <c r="FXV711" s="613"/>
      <c r="FXW711" s="613"/>
      <c r="FXX711" s="613"/>
      <c r="FXY711" s="613"/>
      <c r="FXZ711" s="613"/>
      <c r="FYA711" s="613"/>
      <c r="FYB711" s="613"/>
      <c r="FYC711" s="613"/>
      <c r="FYD711" s="613"/>
      <c r="FYE711" s="613"/>
      <c r="FYF711" s="613"/>
      <c r="FYG711" s="613"/>
      <c r="FYH711" s="613"/>
      <c r="FYI711" s="613"/>
      <c r="FYJ711" s="613"/>
      <c r="FYK711" s="613"/>
      <c r="FYL711" s="613"/>
      <c r="FYM711" s="613"/>
      <c r="FYN711" s="613"/>
      <c r="FYO711" s="613"/>
      <c r="FYP711" s="613"/>
      <c r="FYQ711" s="613"/>
      <c r="FYR711" s="613"/>
      <c r="FYS711" s="613"/>
      <c r="FYT711" s="613"/>
      <c r="FYU711" s="613"/>
      <c r="FYV711" s="613"/>
      <c r="FYW711" s="613"/>
      <c r="FYX711" s="613"/>
      <c r="FYY711" s="613"/>
      <c r="FYZ711" s="613"/>
      <c r="FZA711" s="613"/>
      <c r="FZB711" s="613"/>
      <c r="FZC711" s="613"/>
      <c r="FZD711" s="613"/>
      <c r="FZE711" s="613"/>
      <c r="FZF711" s="613"/>
      <c r="FZG711" s="613"/>
      <c r="FZH711" s="613"/>
      <c r="FZI711" s="613"/>
      <c r="FZJ711" s="613"/>
      <c r="FZK711" s="613"/>
      <c r="FZL711" s="613"/>
      <c r="FZM711" s="613"/>
      <c r="FZN711" s="613"/>
      <c r="FZO711" s="613"/>
      <c r="FZP711" s="613"/>
      <c r="FZQ711" s="613"/>
      <c r="FZR711" s="613"/>
      <c r="FZS711" s="613"/>
      <c r="FZT711" s="613"/>
      <c r="FZU711" s="613"/>
      <c r="FZV711" s="613"/>
      <c r="FZW711" s="613"/>
      <c r="FZX711" s="613"/>
      <c r="FZY711" s="613"/>
      <c r="FZZ711" s="613"/>
      <c r="GAA711" s="613"/>
      <c r="GAB711" s="613"/>
      <c r="GAC711" s="613"/>
      <c r="GAD711" s="613"/>
      <c r="GAE711" s="613"/>
      <c r="GAF711" s="613"/>
      <c r="GAG711" s="613"/>
      <c r="GAH711" s="613"/>
      <c r="GAI711" s="613"/>
      <c r="GAJ711" s="613"/>
      <c r="GAK711" s="613"/>
      <c r="GAL711" s="613"/>
      <c r="GAM711" s="613"/>
      <c r="GAN711" s="613"/>
      <c r="GAO711" s="613"/>
      <c r="GAP711" s="613"/>
      <c r="GAQ711" s="613"/>
      <c r="GAR711" s="613"/>
      <c r="GAS711" s="613"/>
      <c r="GAT711" s="613"/>
      <c r="GAU711" s="613"/>
      <c r="GAV711" s="613"/>
      <c r="GAW711" s="613"/>
      <c r="GAX711" s="613"/>
      <c r="GAY711" s="613"/>
      <c r="GAZ711" s="613"/>
      <c r="GBA711" s="613"/>
      <c r="GBB711" s="613"/>
      <c r="GBC711" s="613"/>
      <c r="GBD711" s="613"/>
      <c r="GBE711" s="613"/>
      <c r="GBF711" s="613"/>
      <c r="GBG711" s="613"/>
      <c r="GBH711" s="613"/>
      <c r="GBI711" s="613"/>
      <c r="GBJ711" s="613"/>
      <c r="GBK711" s="613"/>
      <c r="GBL711" s="613"/>
      <c r="GBM711" s="613"/>
      <c r="GBN711" s="613"/>
      <c r="GBO711" s="613"/>
      <c r="GBP711" s="613"/>
      <c r="GBQ711" s="613"/>
      <c r="GBR711" s="613"/>
      <c r="GBS711" s="613"/>
      <c r="GBT711" s="613"/>
      <c r="GBU711" s="613"/>
      <c r="GBV711" s="613"/>
      <c r="GBW711" s="613"/>
      <c r="GBX711" s="613"/>
      <c r="GBY711" s="613"/>
      <c r="GBZ711" s="613"/>
      <c r="GCA711" s="613"/>
      <c r="GCB711" s="613"/>
      <c r="GCC711" s="613"/>
      <c r="GCD711" s="613"/>
      <c r="GCE711" s="613"/>
      <c r="GCF711" s="613"/>
      <c r="GCG711" s="613"/>
      <c r="GCH711" s="613"/>
      <c r="GCI711" s="613"/>
      <c r="GCJ711" s="613"/>
      <c r="GCK711" s="613"/>
      <c r="GCL711" s="613"/>
      <c r="GCM711" s="613"/>
      <c r="GCN711" s="613"/>
      <c r="GCO711" s="613"/>
      <c r="GCP711" s="613"/>
      <c r="GCQ711" s="613"/>
      <c r="GCR711" s="613"/>
      <c r="GCS711" s="613"/>
      <c r="GCT711" s="613"/>
      <c r="GCU711" s="613"/>
      <c r="GCV711" s="613"/>
      <c r="GCW711" s="613"/>
      <c r="GCX711" s="613"/>
      <c r="GCY711" s="613"/>
      <c r="GCZ711" s="613"/>
      <c r="GDA711" s="613"/>
      <c r="GDB711" s="613"/>
      <c r="GDC711" s="613"/>
      <c r="GDD711" s="613"/>
      <c r="GDE711" s="613"/>
      <c r="GDF711" s="613"/>
      <c r="GDG711" s="613"/>
      <c r="GDH711" s="613"/>
      <c r="GDI711" s="613"/>
      <c r="GDJ711" s="613"/>
      <c r="GDK711" s="613"/>
      <c r="GDL711" s="613"/>
      <c r="GDM711" s="613"/>
      <c r="GDN711" s="613"/>
      <c r="GDO711" s="613"/>
      <c r="GDP711" s="613"/>
      <c r="GDQ711" s="613"/>
      <c r="GDR711" s="613"/>
      <c r="GDS711" s="613"/>
      <c r="GDT711" s="613"/>
      <c r="GDU711" s="613"/>
      <c r="GDV711" s="613"/>
      <c r="GDW711" s="613"/>
      <c r="GDX711" s="613"/>
      <c r="GDY711" s="613"/>
      <c r="GDZ711" s="613"/>
      <c r="GEA711" s="613"/>
      <c r="GEB711" s="613"/>
      <c r="GEC711" s="613"/>
      <c r="GED711" s="613"/>
      <c r="GEE711" s="613"/>
      <c r="GEF711" s="613"/>
      <c r="GEG711" s="613"/>
      <c r="GEH711" s="613"/>
      <c r="GEI711" s="613"/>
      <c r="GEJ711" s="613"/>
      <c r="GEK711" s="613"/>
      <c r="GEL711" s="613"/>
      <c r="GEM711" s="613"/>
      <c r="GEN711" s="613"/>
      <c r="GEO711" s="613"/>
      <c r="GEP711" s="613"/>
      <c r="GEQ711" s="613"/>
      <c r="GER711" s="613"/>
      <c r="GES711" s="613"/>
      <c r="GET711" s="613"/>
      <c r="GEU711" s="613"/>
      <c r="GEV711" s="613"/>
      <c r="GEW711" s="613"/>
      <c r="GEX711" s="613"/>
      <c r="GEY711" s="613"/>
      <c r="GEZ711" s="613"/>
      <c r="GFA711" s="613"/>
      <c r="GFB711" s="613"/>
      <c r="GFC711" s="613"/>
      <c r="GFD711" s="613"/>
      <c r="GFE711" s="613"/>
      <c r="GFF711" s="613"/>
      <c r="GFG711" s="613"/>
      <c r="GFH711" s="613"/>
      <c r="GFI711" s="613"/>
      <c r="GFJ711" s="613"/>
      <c r="GFK711" s="613"/>
      <c r="GFL711" s="613"/>
      <c r="GFM711" s="613"/>
      <c r="GFN711" s="613"/>
      <c r="GFO711" s="613"/>
      <c r="GFP711" s="613"/>
      <c r="GFQ711" s="613"/>
      <c r="GFR711" s="613"/>
      <c r="GFS711" s="613"/>
      <c r="GFT711" s="613"/>
      <c r="GFU711" s="613"/>
      <c r="GFV711" s="613"/>
      <c r="GFW711" s="613"/>
      <c r="GFX711" s="613"/>
      <c r="GFY711" s="613"/>
      <c r="GFZ711" s="613"/>
      <c r="GGA711" s="613"/>
      <c r="GGB711" s="613"/>
      <c r="GGC711" s="613"/>
      <c r="GGD711" s="613"/>
      <c r="GGE711" s="613"/>
      <c r="GGF711" s="613"/>
      <c r="GGG711" s="613"/>
      <c r="GGH711" s="613"/>
      <c r="GGI711" s="613"/>
      <c r="GGJ711" s="613"/>
      <c r="GGK711" s="613"/>
      <c r="GGL711" s="613"/>
      <c r="GGM711" s="613"/>
      <c r="GGN711" s="613"/>
      <c r="GGO711" s="613"/>
      <c r="GGP711" s="613"/>
      <c r="GGQ711" s="613"/>
      <c r="GGR711" s="613"/>
      <c r="GGS711" s="613"/>
      <c r="GGT711" s="613"/>
      <c r="GGU711" s="613"/>
      <c r="GGV711" s="613"/>
      <c r="GGW711" s="613"/>
      <c r="GGX711" s="613"/>
      <c r="GGY711" s="613"/>
      <c r="GGZ711" s="613"/>
      <c r="GHA711" s="613"/>
      <c r="GHB711" s="613"/>
      <c r="GHC711" s="613"/>
      <c r="GHD711" s="613"/>
      <c r="GHE711" s="613"/>
      <c r="GHF711" s="613"/>
      <c r="GHG711" s="613"/>
      <c r="GHH711" s="613"/>
      <c r="GHI711" s="613"/>
      <c r="GHJ711" s="613"/>
      <c r="GHK711" s="613"/>
      <c r="GHL711" s="613"/>
      <c r="GHM711" s="613"/>
      <c r="GHN711" s="613"/>
      <c r="GHO711" s="613"/>
      <c r="GHP711" s="613"/>
      <c r="GHQ711" s="613"/>
      <c r="GHR711" s="613"/>
      <c r="GHS711" s="613"/>
      <c r="GHT711" s="613"/>
      <c r="GHU711" s="613"/>
      <c r="GHV711" s="613"/>
      <c r="GHW711" s="613"/>
      <c r="GHX711" s="613"/>
      <c r="GHY711" s="613"/>
      <c r="GHZ711" s="613"/>
      <c r="GIA711" s="613"/>
      <c r="GIB711" s="613"/>
      <c r="GIC711" s="613"/>
      <c r="GID711" s="613"/>
      <c r="GIE711" s="613"/>
      <c r="GIF711" s="613"/>
      <c r="GIG711" s="613"/>
      <c r="GIH711" s="613"/>
      <c r="GII711" s="613"/>
      <c r="GIJ711" s="613"/>
      <c r="GIK711" s="613"/>
      <c r="GIL711" s="613"/>
      <c r="GIM711" s="613"/>
      <c r="GIN711" s="613"/>
      <c r="GIO711" s="613"/>
      <c r="GIP711" s="613"/>
      <c r="GIQ711" s="613"/>
      <c r="GIR711" s="613"/>
      <c r="GIS711" s="613"/>
      <c r="GIT711" s="613"/>
      <c r="GIU711" s="613"/>
      <c r="GIV711" s="613"/>
      <c r="GIW711" s="613"/>
      <c r="GIX711" s="613"/>
      <c r="GIY711" s="613"/>
      <c r="GIZ711" s="613"/>
      <c r="GJA711" s="613"/>
      <c r="GJB711" s="613"/>
      <c r="GJC711" s="613"/>
      <c r="GJD711" s="613"/>
      <c r="GJE711" s="613"/>
      <c r="GJF711" s="613"/>
      <c r="GJG711" s="613"/>
      <c r="GJH711" s="613"/>
      <c r="GJI711" s="613"/>
      <c r="GJJ711" s="613"/>
      <c r="GJK711" s="613"/>
      <c r="GJL711" s="613"/>
      <c r="GJM711" s="613"/>
      <c r="GJN711" s="613"/>
      <c r="GJO711" s="613"/>
      <c r="GJP711" s="613"/>
      <c r="GJQ711" s="613"/>
      <c r="GJR711" s="613"/>
      <c r="GJS711" s="613"/>
      <c r="GJT711" s="613"/>
      <c r="GJU711" s="613"/>
      <c r="GJV711" s="613"/>
      <c r="GJW711" s="613"/>
      <c r="GJX711" s="613"/>
      <c r="GJY711" s="613"/>
      <c r="GJZ711" s="613"/>
      <c r="GKA711" s="613"/>
      <c r="GKB711" s="613"/>
      <c r="GKC711" s="613"/>
      <c r="GKD711" s="613"/>
      <c r="GKE711" s="613"/>
      <c r="GKF711" s="613"/>
      <c r="GKG711" s="613"/>
      <c r="GKH711" s="613"/>
      <c r="GKI711" s="613"/>
      <c r="GKJ711" s="613"/>
      <c r="GKK711" s="613"/>
      <c r="GKL711" s="613"/>
      <c r="GKM711" s="613"/>
      <c r="GKN711" s="613"/>
      <c r="GKO711" s="613"/>
      <c r="GKP711" s="613"/>
      <c r="GKQ711" s="613"/>
      <c r="GKR711" s="613"/>
      <c r="GKS711" s="613"/>
      <c r="GKT711" s="613"/>
      <c r="GKU711" s="613"/>
      <c r="GKV711" s="613"/>
      <c r="GKW711" s="613"/>
      <c r="GKX711" s="613"/>
      <c r="GKY711" s="613"/>
      <c r="GKZ711" s="613"/>
      <c r="GLA711" s="613"/>
      <c r="GLB711" s="613"/>
      <c r="GLC711" s="613"/>
      <c r="GLD711" s="613"/>
      <c r="GLE711" s="613"/>
      <c r="GLF711" s="613"/>
      <c r="GLG711" s="613"/>
      <c r="GLH711" s="613"/>
      <c r="GLI711" s="613"/>
      <c r="GLJ711" s="613"/>
      <c r="GLK711" s="613"/>
      <c r="GLL711" s="613"/>
      <c r="GLM711" s="613"/>
      <c r="GLN711" s="613"/>
      <c r="GLO711" s="613"/>
      <c r="GLP711" s="613"/>
      <c r="GLQ711" s="613"/>
      <c r="GLR711" s="613"/>
      <c r="GLS711" s="613"/>
      <c r="GLT711" s="613"/>
      <c r="GLU711" s="613"/>
      <c r="GLV711" s="613"/>
      <c r="GLW711" s="613"/>
      <c r="GLX711" s="613"/>
      <c r="GLY711" s="613"/>
      <c r="GLZ711" s="613"/>
      <c r="GMA711" s="613"/>
      <c r="GMB711" s="613"/>
      <c r="GMC711" s="613"/>
      <c r="GMD711" s="613"/>
      <c r="GME711" s="613"/>
      <c r="GMF711" s="613"/>
      <c r="GMG711" s="613"/>
      <c r="GMH711" s="613"/>
      <c r="GMI711" s="613"/>
      <c r="GMJ711" s="613"/>
      <c r="GMK711" s="613"/>
      <c r="GML711" s="613"/>
      <c r="GMM711" s="613"/>
      <c r="GMN711" s="613"/>
      <c r="GMO711" s="613"/>
      <c r="GMP711" s="613"/>
      <c r="GMQ711" s="613"/>
      <c r="GMR711" s="613"/>
      <c r="GMS711" s="613"/>
      <c r="GMT711" s="613"/>
      <c r="GMU711" s="613"/>
      <c r="GMV711" s="613"/>
      <c r="GMW711" s="613"/>
      <c r="GMX711" s="613"/>
      <c r="GMY711" s="613"/>
      <c r="GMZ711" s="613"/>
      <c r="GNA711" s="613"/>
      <c r="GNB711" s="613"/>
      <c r="GNC711" s="613"/>
      <c r="GND711" s="613"/>
      <c r="GNE711" s="613"/>
      <c r="GNF711" s="613"/>
      <c r="GNG711" s="613"/>
      <c r="GNH711" s="613"/>
      <c r="GNI711" s="613"/>
      <c r="GNJ711" s="613"/>
      <c r="GNK711" s="613"/>
      <c r="GNL711" s="613"/>
      <c r="GNM711" s="613"/>
      <c r="GNN711" s="613"/>
      <c r="GNO711" s="613"/>
      <c r="GNP711" s="613"/>
      <c r="GNQ711" s="613"/>
      <c r="GNR711" s="613"/>
      <c r="GNS711" s="613"/>
      <c r="GNT711" s="613"/>
      <c r="GNU711" s="613"/>
      <c r="GNV711" s="613"/>
      <c r="GNW711" s="613"/>
      <c r="GNX711" s="613"/>
      <c r="GNY711" s="613"/>
      <c r="GNZ711" s="613"/>
      <c r="GOA711" s="613"/>
      <c r="GOB711" s="613"/>
      <c r="GOC711" s="613"/>
      <c r="GOD711" s="613"/>
      <c r="GOE711" s="613"/>
      <c r="GOF711" s="613"/>
      <c r="GOG711" s="613"/>
      <c r="GOH711" s="613"/>
      <c r="GOI711" s="613"/>
      <c r="GOJ711" s="613"/>
      <c r="GOK711" s="613"/>
      <c r="GOL711" s="613"/>
      <c r="GOM711" s="613"/>
      <c r="GON711" s="613"/>
      <c r="GOO711" s="613"/>
      <c r="GOP711" s="613"/>
      <c r="GOQ711" s="613"/>
      <c r="GOR711" s="613"/>
      <c r="GOS711" s="613"/>
      <c r="GOT711" s="613"/>
      <c r="GOU711" s="613"/>
      <c r="GOV711" s="613"/>
      <c r="GOW711" s="613"/>
      <c r="GOX711" s="613"/>
      <c r="GOY711" s="613"/>
      <c r="GOZ711" s="613"/>
      <c r="GPA711" s="613"/>
      <c r="GPB711" s="613"/>
      <c r="GPC711" s="613"/>
      <c r="GPD711" s="613"/>
      <c r="GPE711" s="613"/>
      <c r="GPF711" s="613"/>
      <c r="GPG711" s="613"/>
      <c r="GPH711" s="613"/>
      <c r="GPI711" s="613"/>
      <c r="GPJ711" s="613"/>
      <c r="GPK711" s="613"/>
      <c r="GPL711" s="613"/>
      <c r="GPM711" s="613"/>
      <c r="GPN711" s="613"/>
      <c r="GPO711" s="613"/>
      <c r="GPP711" s="613"/>
      <c r="GPQ711" s="613"/>
      <c r="GPR711" s="613"/>
      <c r="GPS711" s="613"/>
      <c r="GPT711" s="613"/>
      <c r="GPU711" s="613"/>
      <c r="GPV711" s="613"/>
      <c r="GPW711" s="613"/>
      <c r="GPX711" s="613"/>
      <c r="GPY711" s="613"/>
      <c r="GPZ711" s="613"/>
      <c r="GQA711" s="613"/>
      <c r="GQB711" s="613"/>
      <c r="GQC711" s="613"/>
      <c r="GQD711" s="613"/>
      <c r="GQE711" s="613"/>
      <c r="GQF711" s="613"/>
      <c r="GQG711" s="613"/>
      <c r="GQH711" s="613"/>
      <c r="GQI711" s="613"/>
      <c r="GQJ711" s="613"/>
      <c r="GQK711" s="613"/>
      <c r="GQL711" s="613"/>
      <c r="GQM711" s="613"/>
      <c r="GQN711" s="613"/>
      <c r="GQO711" s="613"/>
      <c r="GQP711" s="613"/>
      <c r="GQQ711" s="613"/>
      <c r="GQR711" s="613"/>
      <c r="GQS711" s="613"/>
      <c r="GQT711" s="613"/>
      <c r="GQU711" s="613"/>
      <c r="GQV711" s="613"/>
      <c r="GQW711" s="613"/>
      <c r="GQX711" s="613"/>
      <c r="GQY711" s="613"/>
      <c r="GQZ711" s="613"/>
      <c r="GRA711" s="613"/>
      <c r="GRB711" s="613"/>
      <c r="GRC711" s="613"/>
      <c r="GRD711" s="613"/>
      <c r="GRE711" s="613"/>
      <c r="GRF711" s="613"/>
      <c r="GRG711" s="613"/>
      <c r="GRH711" s="613"/>
      <c r="GRI711" s="613"/>
      <c r="GRJ711" s="613"/>
      <c r="GRK711" s="613"/>
      <c r="GRL711" s="613"/>
      <c r="GRM711" s="613"/>
      <c r="GRN711" s="613"/>
      <c r="GRO711" s="613"/>
      <c r="GRP711" s="613"/>
      <c r="GRQ711" s="613"/>
      <c r="GRR711" s="613"/>
      <c r="GRS711" s="613"/>
      <c r="GRT711" s="613"/>
      <c r="GRU711" s="613"/>
      <c r="GRV711" s="613"/>
      <c r="GRW711" s="613"/>
      <c r="GRX711" s="613"/>
      <c r="GRY711" s="613"/>
      <c r="GRZ711" s="613"/>
      <c r="GSA711" s="613"/>
      <c r="GSB711" s="613"/>
      <c r="GSC711" s="613"/>
      <c r="GSD711" s="613"/>
      <c r="GSE711" s="613"/>
      <c r="GSF711" s="613"/>
      <c r="GSG711" s="613"/>
      <c r="GSH711" s="613"/>
      <c r="GSI711" s="613"/>
      <c r="GSJ711" s="613"/>
      <c r="GSK711" s="613"/>
      <c r="GSL711" s="613"/>
      <c r="GSM711" s="613"/>
      <c r="GSN711" s="613"/>
      <c r="GSO711" s="613"/>
      <c r="GSP711" s="613"/>
      <c r="GSQ711" s="613"/>
      <c r="GSR711" s="613"/>
      <c r="GSS711" s="613"/>
      <c r="GST711" s="613"/>
      <c r="GSU711" s="613"/>
      <c r="GSV711" s="613"/>
      <c r="GSW711" s="613"/>
      <c r="GSX711" s="613"/>
      <c r="GSY711" s="613"/>
      <c r="GSZ711" s="613"/>
      <c r="GTA711" s="613"/>
      <c r="GTB711" s="613"/>
      <c r="GTC711" s="613"/>
      <c r="GTD711" s="613"/>
      <c r="GTE711" s="613"/>
      <c r="GTF711" s="613"/>
      <c r="GTG711" s="613"/>
      <c r="GTH711" s="613"/>
      <c r="GTI711" s="613"/>
      <c r="GTJ711" s="613"/>
      <c r="GTK711" s="613"/>
      <c r="GTL711" s="613"/>
      <c r="GTM711" s="613"/>
      <c r="GTN711" s="613"/>
      <c r="GTO711" s="613"/>
      <c r="GTP711" s="613"/>
      <c r="GTQ711" s="613"/>
      <c r="GTR711" s="613"/>
      <c r="GTS711" s="613"/>
      <c r="GTT711" s="613"/>
      <c r="GTU711" s="613"/>
      <c r="GTV711" s="613"/>
      <c r="GTW711" s="613"/>
      <c r="GTX711" s="613"/>
      <c r="GTY711" s="613"/>
      <c r="GTZ711" s="613"/>
      <c r="GUA711" s="613"/>
      <c r="GUB711" s="613"/>
      <c r="GUC711" s="613"/>
      <c r="GUD711" s="613"/>
      <c r="GUE711" s="613"/>
      <c r="GUF711" s="613"/>
      <c r="GUG711" s="613"/>
      <c r="GUH711" s="613"/>
      <c r="GUI711" s="613"/>
      <c r="GUJ711" s="613"/>
      <c r="GUK711" s="613"/>
      <c r="GUL711" s="613"/>
      <c r="GUM711" s="613"/>
      <c r="GUN711" s="613"/>
      <c r="GUO711" s="613"/>
      <c r="GUP711" s="613"/>
      <c r="GUQ711" s="613"/>
      <c r="GUR711" s="613"/>
      <c r="GUS711" s="613"/>
      <c r="GUT711" s="613"/>
      <c r="GUU711" s="613"/>
      <c r="GUV711" s="613"/>
      <c r="GUW711" s="613"/>
      <c r="GUX711" s="613"/>
      <c r="GUY711" s="613"/>
      <c r="GUZ711" s="613"/>
      <c r="GVA711" s="613"/>
      <c r="GVB711" s="613"/>
      <c r="GVC711" s="613"/>
      <c r="GVD711" s="613"/>
      <c r="GVE711" s="613"/>
      <c r="GVF711" s="613"/>
      <c r="GVG711" s="613"/>
      <c r="GVH711" s="613"/>
      <c r="GVI711" s="613"/>
      <c r="GVJ711" s="613"/>
      <c r="GVK711" s="613"/>
      <c r="GVL711" s="613"/>
      <c r="GVM711" s="613"/>
      <c r="GVN711" s="613"/>
      <c r="GVO711" s="613"/>
      <c r="GVP711" s="613"/>
      <c r="GVQ711" s="613"/>
      <c r="GVR711" s="613"/>
      <c r="GVS711" s="613"/>
      <c r="GVT711" s="613"/>
      <c r="GVU711" s="613"/>
      <c r="GVV711" s="613"/>
      <c r="GVW711" s="613"/>
      <c r="GVX711" s="613"/>
      <c r="GVY711" s="613"/>
      <c r="GVZ711" s="613"/>
      <c r="GWA711" s="613"/>
      <c r="GWB711" s="613"/>
      <c r="GWC711" s="613"/>
      <c r="GWD711" s="613"/>
      <c r="GWE711" s="613"/>
      <c r="GWF711" s="613"/>
      <c r="GWG711" s="613"/>
      <c r="GWH711" s="613"/>
      <c r="GWI711" s="613"/>
      <c r="GWJ711" s="613"/>
      <c r="GWK711" s="613"/>
      <c r="GWL711" s="613"/>
      <c r="GWM711" s="613"/>
      <c r="GWN711" s="613"/>
      <c r="GWO711" s="613"/>
      <c r="GWP711" s="613"/>
      <c r="GWQ711" s="613"/>
      <c r="GWR711" s="613"/>
      <c r="GWS711" s="613"/>
      <c r="GWT711" s="613"/>
      <c r="GWU711" s="613"/>
      <c r="GWV711" s="613"/>
      <c r="GWW711" s="613"/>
      <c r="GWX711" s="613"/>
      <c r="GWY711" s="613"/>
      <c r="GWZ711" s="613"/>
      <c r="GXA711" s="613"/>
      <c r="GXB711" s="613"/>
      <c r="GXC711" s="613"/>
      <c r="GXD711" s="613"/>
      <c r="GXE711" s="613"/>
      <c r="GXF711" s="613"/>
      <c r="GXG711" s="613"/>
      <c r="GXH711" s="613"/>
      <c r="GXI711" s="613"/>
      <c r="GXJ711" s="613"/>
      <c r="GXK711" s="613"/>
      <c r="GXL711" s="613"/>
      <c r="GXM711" s="613"/>
      <c r="GXN711" s="613"/>
      <c r="GXO711" s="613"/>
      <c r="GXP711" s="613"/>
      <c r="GXQ711" s="613"/>
      <c r="GXR711" s="613"/>
      <c r="GXS711" s="613"/>
      <c r="GXT711" s="613"/>
      <c r="GXU711" s="613"/>
      <c r="GXV711" s="613"/>
      <c r="GXW711" s="613"/>
      <c r="GXX711" s="613"/>
      <c r="GXY711" s="613"/>
      <c r="GXZ711" s="613"/>
      <c r="GYA711" s="613"/>
      <c r="GYB711" s="613"/>
      <c r="GYC711" s="613"/>
      <c r="GYD711" s="613"/>
      <c r="GYE711" s="613"/>
      <c r="GYF711" s="613"/>
      <c r="GYG711" s="613"/>
      <c r="GYH711" s="613"/>
      <c r="GYI711" s="613"/>
      <c r="GYJ711" s="613"/>
      <c r="GYK711" s="613"/>
      <c r="GYL711" s="613"/>
      <c r="GYM711" s="613"/>
      <c r="GYN711" s="613"/>
      <c r="GYO711" s="613"/>
      <c r="GYP711" s="613"/>
      <c r="GYQ711" s="613"/>
      <c r="GYR711" s="613"/>
      <c r="GYS711" s="613"/>
      <c r="GYT711" s="613"/>
      <c r="GYU711" s="613"/>
      <c r="GYV711" s="613"/>
      <c r="GYW711" s="613"/>
      <c r="GYX711" s="613"/>
      <c r="GYY711" s="613"/>
      <c r="GYZ711" s="613"/>
      <c r="GZA711" s="613"/>
      <c r="GZB711" s="613"/>
      <c r="GZC711" s="613"/>
      <c r="GZD711" s="613"/>
      <c r="GZE711" s="613"/>
      <c r="GZF711" s="613"/>
      <c r="GZG711" s="613"/>
      <c r="GZH711" s="613"/>
      <c r="GZI711" s="613"/>
      <c r="GZJ711" s="613"/>
      <c r="GZK711" s="613"/>
      <c r="GZL711" s="613"/>
      <c r="GZM711" s="613"/>
      <c r="GZN711" s="613"/>
      <c r="GZO711" s="613"/>
      <c r="GZP711" s="613"/>
      <c r="GZQ711" s="613"/>
      <c r="GZR711" s="613"/>
      <c r="GZS711" s="613"/>
      <c r="GZT711" s="613"/>
      <c r="GZU711" s="613"/>
      <c r="GZV711" s="613"/>
      <c r="GZW711" s="613"/>
      <c r="GZX711" s="613"/>
      <c r="GZY711" s="613"/>
      <c r="GZZ711" s="613"/>
      <c r="HAA711" s="613"/>
      <c r="HAB711" s="613"/>
      <c r="HAC711" s="613"/>
      <c r="HAD711" s="613"/>
      <c r="HAE711" s="613"/>
      <c r="HAF711" s="613"/>
      <c r="HAG711" s="613"/>
      <c r="HAH711" s="613"/>
      <c r="HAI711" s="613"/>
      <c r="HAJ711" s="613"/>
      <c r="HAK711" s="613"/>
      <c r="HAL711" s="613"/>
      <c r="HAM711" s="613"/>
      <c r="HAN711" s="613"/>
      <c r="HAO711" s="613"/>
      <c r="HAP711" s="613"/>
      <c r="HAQ711" s="613"/>
      <c r="HAR711" s="613"/>
      <c r="HAS711" s="613"/>
      <c r="HAT711" s="613"/>
      <c r="HAU711" s="613"/>
      <c r="HAV711" s="613"/>
      <c r="HAW711" s="613"/>
      <c r="HAX711" s="613"/>
      <c r="HAY711" s="613"/>
      <c r="HAZ711" s="613"/>
      <c r="HBA711" s="613"/>
      <c r="HBB711" s="613"/>
      <c r="HBC711" s="613"/>
      <c r="HBD711" s="613"/>
      <c r="HBE711" s="613"/>
      <c r="HBF711" s="613"/>
      <c r="HBG711" s="613"/>
      <c r="HBH711" s="613"/>
      <c r="HBI711" s="613"/>
      <c r="HBJ711" s="613"/>
      <c r="HBK711" s="613"/>
      <c r="HBL711" s="613"/>
      <c r="HBM711" s="613"/>
      <c r="HBN711" s="613"/>
      <c r="HBO711" s="613"/>
      <c r="HBP711" s="613"/>
      <c r="HBQ711" s="613"/>
      <c r="HBR711" s="613"/>
      <c r="HBS711" s="613"/>
      <c r="HBT711" s="613"/>
      <c r="HBU711" s="613"/>
      <c r="HBV711" s="613"/>
      <c r="HBW711" s="613"/>
      <c r="HBX711" s="613"/>
      <c r="HBY711" s="613"/>
      <c r="HBZ711" s="613"/>
      <c r="HCA711" s="613"/>
      <c r="HCB711" s="613"/>
      <c r="HCC711" s="613"/>
      <c r="HCD711" s="613"/>
      <c r="HCE711" s="613"/>
      <c r="HCF711" s="613"/>
      <c r="HCG711" s="613"/>
      <c r="HCH711" s="613"/>
      <c r="HCI711" s="613"/>
      <c r="HCJ711" s="613"/>
      <c r="HCK711" s="613"/>
      <c r="HCL711" s="613"/>
      <c r="HCM711" s="613"/>
      <c r="HCN711" s="613"/>
      <c r="HCO711" s="613"/>
      <c r="HCP711" s="613"/>
      <c r="HCQ711" s="613"/>
      <c r="HCR711" s="613"/>
      <c r="HCS711" s="613"/>
      <c r="HCT711" s="613"/>
      <c r="HCU711" s="613"/>
      <c r="HCV711" s="613"/>
      <c r="HCW711" s="613"/>
      <c r="HCX711" s="613"/>
      <c r="HCY711" s="613"/>
      <c r="HCZ711" s="613"/>
      <c r="HDA711" s="613"/>
      <c r="HDB711" s="613"/>
      <c r="HDC711" s="613"/>
      <c r="HDD711" s="613"/>
      <c r="HDE711" s="613"/>
      <c r="HDF711" s="613"/>
      <c r="HDG711" s="613"/>
      <c r="HDH711" s="613"/>
      <c r="HDI711" s="613"/>
      <c r="HDJ711" s="613"/>
      <c r="HDK711" s="613"/>
      <c r="HDL711" s="613"/>
      <c r="HDM711" s="613"/>
      <c r="HDN711" s="613"/>
      <c r="HDO711" s="613"/>
      <c r="HDP711" s="613"/>
      <c r="HDQ711" s="613"/>
      <c r="HDR711" s="613"/>
      <c r="HDS711" s="613"/>
      <c r="HDT711" s="613"/>
      <c r="HDU711" s="613"/>
      <c r="HDV711" s="613"/>
      <c r="HDW711" s="613"/>
      <c r="HDX711" s="613"/>
      <c r="HDY711" s="613"/>
      <c r="HDZ711" s="613"/>
      <c r="HEA711" s="613"/>
      <c r="HEB711" s="613"/>
      <c r="HEC711" s="613"/>
      <c r="HED711" s="613"/>
      <c r="HEE711" s="613"/>
      <c r="HEF711" s="613"/>
      <c r="HEG711" s="613"/>
      <c r="HEH711" s="613"/>
      <c r="HEI711" s="613"/>
      <c r="HEJ711" s="613"/>
      <c r="HEK711" s="613"/>
      <c r="HEL711" s="613"/>
      <c r="HEM711" s="613"/>
      <c r="HEN711" s="613"/>
      <c r="HEO711" s="613"/>
      <c r="HEP711" s="613"/>
      <c r="HEQ711" s="613"/>
      <c r="HER711" s="613"/>
      <c r="HES711" s="613"/>
      <c r="HET711" s="613"/>
      <c r="HEU711" s="613"/>
      <c r="HEV711" s="613"/>
      <c r="HEW711" s="613"/>
      <c r="HEX711" s="613"/>
      <c r="HEY711" s="613"/>
      <c r="HEZ711" s="613"/>
      <c r="HFA711" s="613"/>
      <c r="HFB711" s="613"/>
      <c r="HFC711" s="613"/>
      <c r="HFD711" s="613"/>
      <c r="HFE711" s="613"/>
      <c r="HFF711" s="613"/>
      <c r="HFG711" s="613"/>
      <c r="HFH711" s="613"/>
      <c r="HFI711" s="613"/>
      <c r="HFJ711" s="613"/>
      <c r="HFK711" s="613"/>
      <c r="HFL711" s="613"/>
      <c r="HFM711" s="613"/>
      <c r="HFN711" s="613"/>
      <c r="HFO711" s="613"/>
      <c r="HFP711" s="613"/>
      <c r="HFQ711" s="613"/>
      <c r="HFR711" s="613"/>
      <c r="HFS711" s="613"/>
      <c r="HFT711" s="613"/>
      <c r="HFU711" s="613"/>
      <c r="HFV711" s="613"/>
      <c r="HFW711" s="613"/>
      <c r="HFX711" s="613"/>
      <c r="HFY711" s="613"/>
      <c r="HFZ711" s="613"/>
      <c r="HGA711" s="613"/>
      <c r="HGB711" s="613"/>
      <c r="HGC711" s="613"/>
      <c r="HGD711" s="613"/>
      <c r="HGE711" s="613"/>
      <c r="HGF711" s="613"/>
      <c r="HGG711" s="613"/>
      <c r="HGH711" s="613"/>
      <c r="HGI711" s="613"/>
      <c r="HGJ711" s="613"/>
      <c r="HGK711" s="613"/>
      <c r="HGL711" s="613"/>
      <c r="HGM711" s="613"/>
      <c r="HGN711" s="613"/>
      <c r="HGO711" s="613"/>
      <c r="HGP711" s="613"/>
      <c r="HGQ711" s="613"/>
      <c r="HGR711" s="613"/>
      <c r="HGS711" s="613"/>
      <c r="HGT711" s="613"/>
      <c r="HGU711" s="613"/>
      <c r="HGV711" s="613"/>
      <c r="HGW711" s="613"/>
      <c r="HGX711" s="613"/>
      <c r="HGY711" s="613"/>
      <c r="HGZ711" s="613"/>
      <c r="HHA711" s="613"/>
      <c r="HHB711" s="613"/>
      <c r="HHC711" s="613"/>
      <c r="HHD711" s="613"/>
      <c r="HHE711" s="613"/>
      <c r="HHF711" s="613"/>
      <c r="HHG711" s="613"/>
      <c r="HHH711" s="613"/>
      <c r="HHI711" s="613"/>
      <c r="HHJ711" s="613"/>
      <c r="HHK711" s="613"/>
      <c r="HHL711" s="613"/>
      <c r="HHM711" s="613"/>
      <c r="HHN711" s="613"/>
      <c r="HHO711" s="613"/>
      <c r="HHP711" s="613"/>
      <c r="HHQ711" s="613"/>
      <c r="HHR711" s="613"/>
      <c r="HHS711" s="613"/>
      <c r="HHT711" s="613"/>
      <c r="HHU711" s="613"/>
      <c r="HHV711" s="613"/>
      <c r="HHW711" s="613"/>
      <c r="HHX711" s="613"/>
      <c r="HHY711" s="613"/>
      <c r="HHZ711" s="613"/>
      <c r="HIA711" s="613"/>
      <c r="HIB711" s="613"/>
      <c r="HIC711" s="613"/>
      <c r="HID711" s="613"/>
      <c r="HIE711" s="613"/>
      <c r="HIF711" s="613"/>
      <c r="HIG711" s="613"/>
      <c r="HIH711" s="613"/>
      <c r="HII711" s="613"/>
      <c r="HIJ711" s="613"/>
      <c r="HIK711" s="613"/>
      <c r="HIL711" s="613"/>
      <c r="HIM711" s="613"/>
      <c r="HIN711" s="613"/>
      <c r="HIO711" s="613"/>
      <c r="HIP711" s="613"/>
      <c r="HIQ711" s="613"/>
      <c r="HIR711" s="613"/>
      <c r="HIS711" s="613"/>
      <c r="HIT711" s="613"/>
      <c r="HIU711" s="613"/>
      <c r="HIV711" s="613"/>
      <c r="HIW711" s="613"/>
      <c r="HIX711" s="613"/>
      <c r="HIY711" s="613"/>
      <c r="HIZ711" s="613"/>
      <c r="HJA711" s="613"/>
      <c r="HJB711" s="613"/>
      <c r="HJC711" s="613"/>
      <c r="HJD711" s="613"/>
      <c r="HJE711" s="613"/>
      <c r="HJF711" s="613"/>
      <c r="HJG711" s="613"/>
      <c r="HJH711" s="613"/>
      <c r="HJI711" s="613"/>
      <c r="HJJ711" s="613"/>
      <c r="HJK711" s="613"/>
      <c r="HJL711" s="613"/>
      <c r="HJM711" s="613"/>
      <c r="HJN711" s="613"/>
      <c r="HJO711" s="613"/>
      <c r="HJP711" s="613"/>
      <c r="HJQ711" s="613"/>
      <c r="HJR711" s="613"/>
      <c r="HJS711" s="613"/>
      <c r="HJT711" s="613"/>
      <c r="HJU711" s="613"/>
      <c r="HJV711" s="613"/>
      <c r="HJW711" s="613"/>
      <c r="HJX711" s="613"/>
      <c r="HJY711" s="613"/>
      <c r="HJZ711" s="613"/>
      <c r="HKA711" s="613"/>
      <c r="HKB711" s="613"/>
      <c r="HKC711" s="613"/>
      <c r="HKD711" s="613"/>
      <c r="HKE711" s="613"/>
      <c r="HKF711" s="613"/>
      <c r="HKG711" s="613"/>
      <c r="HKH711" s="613"/>
      <c r="HKI711" s="613"/>
      <c r="HKJ711" s="613"/>
      <c r="HKK711" s="613"/>
      <c r="HKL711" s="613"/>
      <c r="HKM711" s="613"/>
      <c r="HKN711" s="613"/>
      <c r="HKO711" s="613"/>
      <c r="HKP711" s="613"/>
      <c r="HKQ711" s="613"/>
      <c r="HKR711" s="613"/>
      <c r="HKS711" s="613"/>
      <c r="HKT711" s="613"/>
      <c r="HKU711" s="613"/>
      <c r="HKV711" s="613"/>
      <c r="HKW711" s="613"/>
      <c r="HKX711" s="613"/>
      <c r="HKY711" s="613"/>
      <c r="HKZ711" s="613"/>
      <c r="HLA711" s="613"/>
      <c r="HLB711" s="613"/>
      <c r="HLC711" s="613"/>
      <c r="HLD711" s="613"/>
      <c r="HLE711" s="613"/>
      <c r="HLF711" s="613"/>
      <c r="HLG711" s="613"/>
      <c r="HLH711" s="613"/>
      <c r="HLI711" s="613"/>
      <c r="HLJ711" s="613"/>
      <c r="HLK711" s="613"/>
      <c r="HLL711" s="613"/>
      <c r="HLM711" s="613"/>
      <c r="HLN711" s="613"/>
      <c r="HLO711" s="613"/>
      <c r="HLP711" s="613"/>
      <c r="HLQ711" s="613"/>
      <c r="HLR711" s="613"/>
      <c r="HLS711" s="613"/>
      <c r="HLT711" s="613"/>
      <c r="HLU711" s="613"/>
      <c r="HLV711" s="613"/>
      <c r="HLW711" s="613"/>
      <c r="HLX711" s="613"/>
      <c r="HLY711" s="613"/>
      <c r="HLZ711" s="613"/>
      <c r="HMA711" s="613"/>
      <c r="HMB711" s="613"/>
      <c r="HMC711" s="613"/>
      <c r="HMD711" s="613"/>
      <c r="HME711" s="613"/>
      <c r="HMF711" s="613"/>
      <c r="HMG711" s="613"/>
      <c r="HMH711" s="613"/>
      <c r="HMI711" s="613"/>
      <c r="HMJ711" s="613"/>
      <c r="HMK711" s="613"/>
      <c r="HML711" s="613"/>
      <c r="HMM711" s="613"/>
      <c r="HMN711" s="613"/>
      <c r="HMO711" s="613"/>
      <c r="HMP711" s="613"/>
      <c r="HMQ711" s="613"/>
      <c r="HMR711" s="613"/>
      <c r="HMS711" s="613"/>
      <c r="HMT711" s="613"/>
      <c r="HMU711" s="613"/>
      <c r="HMV711" s="613"/>
      <c r="HMW711" s="613"/>
      <c r="HMX711" s="613"/>
      <c r="HMY711" s="613"/>
      <c r="HMZ711" s="613"/>
      <c r="HNA711" s="613"/>
      <c r="HNB711" s="613"/>
      <c r="HNC711" s="613"/>
      <c r="HND711" s="613"/>
      <c r="HNE711" s="613"/>
      <c r="HNF711" s="613"/>
      <c r="HNG711" s="613"/>
      <c r="HNH711" s="613"/>
      <c r="HNI711" s="613"/>
      <c r="HNJ711" s="613"/>
      <c r="HNK711" s="613"/>
      <c r="HNL711" s="613"/>
      <c r="HNM711" s="613"/>
      <c r="HNN711" s="613"/>
      <c r="HNO711" s="613"/>
      <c r="HNP711" s="613"/>
      <c r="HNQ711" s="613"/>
      <c r="HNR711" s="613"/>
      <c r="HNS711" s="613"/>
      <c r="HNT711" s="613"/>
      <c r="HNU711" s="613"/>
      <c r="HNV711" s="613"/>
      <c r="HNW711" s="613"/>
      <c r="HNX711" s="613"/>
      <c r="HNY711" s="613"/>
      <c r="HNZ711" s="613"/>
      <c r="HOA711" s="613"/>
      <c r="HOB711" s="613"/>
      <c r="HOC711" s="613"/>
      <c r="HOD711" s="613"/>
      <c r="HOE711" s="613"/>
      <c r="HOF711" s="613"/>
      <c r="HOG711" s="613"/>
      <c r="HOH711" s="613"/>
      <c r="HOI711" s="613"/>
      <c r="HOJ711" s="613"/>
      <c r="HOK711" s="613"/>
      <c r="HOL711" s="613"/>
      <c r="HOM711" s="613"/>
      <c r="HON711" s="613"/>
      <c r="HOO711" s="613"/>
      <c r="HOP711" s="613"/>
      <c r="HOQ711" s="613"/>
      <c r="HOR711" s="613"/>
      <c r="HOS711" s="613"/>
      <c r="HOT711" s="613"/>
      <c r="HOU711" s="613"/>
      <c r="HOV711" s="613"/>
      <c r="HOW711" s="613"/>
      <c r="HOX711" s="613"/>
      <c r="HOY711" s="613"/>
      <c r="HOZ711" s="613"/>
      <c r="HPA711" s="613"/>
      <c r="HPB711" s="613"/>
      <c r="HPC711" s="613"/>
      <c r="HPD711" s="613"/>
      <c r="HPE711" s="613"/>
      <c r="HPF711" s="613"/>
      <c r="HPG711" s="613"/>
      <c r="HPH711" s="613"/>
      <c r="HPI711" s="613"/>
      <c r="HPJ711" s="613"/>
      <c r="HPK711" s="613"/>
      <c r="HPL711" s="613"/>
      <c r="HPM711" s="613"/>
      <c r="HPN711" s="613"/>
      <c r="HPO711" s="613"/>
      <c r="HPP711" s="613"/>
      <c r="HPQ711" s="613"/>
      <c r="HPR711" s="613"/>
      <c r="HPS711" s="613"/>
      <c r="HPT711" s="613"/>
      <c r="HPU711" s="613"/>
      <c r="HPV711" s="613"/>
      <c r="HPW711" s="613"/>
      <c r="HPX711" s="613"/>
      <c r="HPY711" s="613"/>
      <c r="HPZ711" s="613"/>
      <c r="HQA711" s="613"/>
      <c r="HQB711" s="613"/>
      <c r="HQC711" s="613"/>
      <c r="HQD711" s="613"/>
      <c r="HQE711" s="613"/>
      <c r="HQF711" s="613"/>
      <c r="HQG711" s="613"/>
      <c r="HQH711" s="613"/>
      <c r="HQI711" s="613"/>
      <c r="HQJ711" s="613"/>
      <c r="HQK711" s="613"/>
      <c r="HQL711" s="613"/>
      <c r="HQM711" s="613"/>
      <c r="HQN711" s="613"/>
      <c r="HQO711" s="613"/>
      <c r="HQP711" s="613"/>
      <c r="HQQ711" s="613"/>
      <c r="HQR711" s="613"/>
      <c r="HQS711" s="613"/>
      <c r="HQT711" s="613"/>
      <c r="HQU711" s="613"/>
      <c r="HQV711" s="613"/>
      <c r="HQW711" s="613"/>
      <c r="HQX711" s="613"/>
      <c r="HQY711" s="613"/>
      <c r="HQZ711" s="613"/>
      <c r="HRA711" s="613"/>
      <c r="HRB711" s="613"/>
      <c r="HRC711" s="613"/>
      <c r="HRD711" s="613"/>
      <c r="HRE711" s="613"/>
      <c r="HRF711" s="613"/>
      <c r="HRG711" s="613"/>
      <c r="HRH711" s="613"/>
      <c r="HRI711" s="613"/>
      <c r="HRJ711" s="613"/>
      <c r="HRK711" s="613"/>
      <c r="HRL711" s="613"/>
      <c r="HRM711" s="613"/>
      <c r="HRN711" s="613"/>
      <c r="HRO711" s="613"/>
      <c r="HRP711" s="613"/>
      <c r="HRQ711" s="613"/>
      <c r="HRR711" s="613"/>
      <c r="HRS711" s="613"/>
      <c r="HRT711" s="613"/>
      <c r="HRU711" s="613"/>
      <c r="HRV711" s="613"/>
      <c r="HRW711" s="613"/>
      <c r="HRX711" s="613"/>
      <c r="HRY711" s="613"/>
      <c r="HRZ711" s="613"/>
      <c r="HSA711" s="613"/>
      <c r="HSB711" s="613"/>
      <c r="HSC711" s="613"/>
      <c r="HSD711" s="613"/>
      <c r="HSE711" s="613"/>
      <c r="HSF711" s="613"/>
      <c r="HSG711" s="613"/>
      <c r="HSH711" s="613"/>
      <c r="HSI711" s="613"/>
      <c r="HSJ711" s="613"/>
      <c r="HSK711" s="613"/>
      <c r="HSL711" s="613"/>
      <c r="HSM711" s="613"/>
      <c r="HSN711" s="613"/>
      <c r="HSO711" s="613"/>
      <c r="HSP711" s="613"/>
      <c r="HSQ711" s="613"/>
      <c r="HSR711" s="613"/>
      <c r="HSS711" s="613"/>
      <c r="HST711" s="613"/>
      <c r="HSU711" s="613"/>
      <c r="HSV711" s="613"/>
      <c r="HSW711" s="613"/>
      <c r="HSX711" s="613"/>
      <c r="HSY711" s="613"/>
      <c r="HSZ711" s="613"/>
      <c r="HTA711" s="613"/>
      <c r="HTB711" s="613"/>
      <c r="HTC711" s="613"/>
      <c r="HTD711" s="613"/>
      <c r="HTE711" s="613"/>
      <c r="HTF711" s="613"/>
      <c r="HTG711" s="613"/>
      <c r="HTH711" s="613"/>
      <c r="HTI711" s="613"/>
      <c r="HTJ711" s="613"/>
      <c r="HTK711" s="613"/>
      <c r="HTL711" s="613"/>
      <c r="HTM711" s="613"/>
      <c r="HTN711" s="613"/>
      <c r="HTO711" s="613"/>
      <c r="HTP711" s="613"/>
      <c r="HTQ711" s="613"/>
      <c r="HTR711" s="613"/>
      <c r="HTS711" s="613"/>
      <c r="HTT711" s="613"/>
      <c r="HTU711" s="613"/>
      <c r="HTV711" s="613"/>
      <c r="HTW711" s="613"/>
      <c r="HTX711" s="613"/>
      <c r="HTY711" s="613"/>
      <c r="HTZ711" s="613"/>
      <c r="HUA711" s="613"/>
      <c r="HUB711" s="613"/>
      <c r="HUC711" s="613"/>
      <c r="HUD711" s="613"/>
      <c r="HUE711" s="613"/>
      <c r="HUF711" s="613"/>
      <c r="HUG711" s="613"/>
      <c r="HUH711" s="613"/>
      <c r="HUI711" s="613"/>
      <c r="HUJ711" s="613"/>
      <c r="HUK711" s="613"/>
      <c r="HUL711" s="613"/>
      <c r="HUM711" s="613"/>
      <c r="HUN711" s="613"/>
      <c r="HUO711" s="613"/>
      <c r="HUP711" s="613"/>
      <c r="HUQ711" s="613"/>
      <c r="HUR711" s="613"/>
      <c r="HUS711" s="613"/>
      <c r="HUT711" s="613"/>
      <c r="HUU711" s="613"/>
      <c r="HUV711" s="613"/>
      <c r="HUW711" s="613"/>
      <c r="HUX711" s="613"/>
      <c r="HUY711" s="613"/>
      <c r="HUZ711" s="613"/>
      <c r="HVA711" s="613"/>
      <c r="HVB711" s="613"/>
      <c r="HVC711" s="613"/>
      <c r="HVD711" s="613"/>
      <c r="HVE711" s="613"/>
      <c r="HVF711" s="613"/>
      <c r="HVG711" s="613"/>
      <c r="HVH711" s="613"/>
      <c r="HVI711" s="613"/>
      <c r="HVJ711" s="613"/>
      <c r="HVK711" s="613"/>
      <c r="HVL711" s="613"/>
      <c r="HVM711" s="613"/>
      <c r="HVN711" s="613"/>
      <c r="HVO711" s="613"/>
      <c r="HVP711" s="613"/>
      <c r="HVQ711" s="613"/>
      <c r="HVR711" s="613"/>
      <c r="HVS711" s="613"/>
      <c r="HVT711" s="613"/>
      <c r="HVU711" s="613"/>
      <c r="HVV711" s="613"/>
      <c r="HVW711" s="613"/>
      <c r="HVX711" s="613"/>
      <c r="HVY711" s="613"/>
      <c r="HVZ711" s="613"/>
      <c r="HWA711" s="613"/>
      <c r="HWB711" s="613"/>
      <c r="HWC711" s="613"/>
      <c r="HWD711" s="613"/>
      <c r="HWE711" s="613"/>
      <c r="HWF711" s="613"/>
      <c r="HWG711" s="613"/>
      <c r="HWH711" s="613"/>
      <c r="HWI711" s="613"/>
      <c r="HWJ711" s="613"/>
      <c r="HWK711" s="613"/>
      <c r="HWL711" s="613"/>
      <c r="HWM711" s="613"/>
      <c r="HWN711" s="613"/>
      <c r="HWO711" s="613"/>
      <c r="HWP711" s="613"/>
      <c r="HWQ711" s="613"/>
      <c r="HWR711" s="613"/>
      <c r="HWS711" s="613"/>
      <c r="HWT711" s="613"/>
      <c r="HWU711" s="613"/>
      <c r="HWV711" s="613"/>
      <c r="HWW711" s="613"/>
      <c r="HWX711" s="613"/>
      <c r="HWY711" s="613"/>
      <c r="HWZ711" s="613"/>
      <c r="HXA711" s="613"/>
      <c r="HXB711" s="613"/>
      <c r="HXC711" s="613"/>
      <c r="HXD711" s="613"/>
      <c r="HXE711" s="613"/>
      <c r="HXF711" s="613"/>
      <c r="HXG711" s="613"/>
      <c r="HXH711" s="613"/>
      <c r="HXI711" s="613"/>
      <c r="HXJ711" s="613"/>
      <c r="HXK711" s="613"/>
      <c r="HXL711" s="613"/>
      <c r="HXM711" s="613"/>
      <c r="HXN711" s="613"/>
      <c r="HXO711" s="613"/>
      <c r="HXP711" s="613"/>
      <c r="HXQ711" s="613"/>
      <c r="HXR711" s="613"/>
      <c r="HXS711" s="613"/>
      <c r="HXT711" s="613"/>
      <c r="HXU711" s="613"/>
      <c r="HXV711" s="613"/>
      <c r="HXW711" s="613"/>
      <c r="HXX711" s="613"/>
      <c r="HXY711" s="613"/>
      <c r="HXZ711" s="613"/>
      <c r="HYA711" s="613"/>
      <c r="HYB711" s="613"/>
      <c r="HYC711" s="613"/>
      <c r="HYD711" s="613"/>
      <c r="HYE711" s="613"/>
      <c r="HYF711" s="613"/>
      <c r="HYG711" s="613"/>
      <c r="HYH711" s="613"/>
      <c r="HYI711" s="613"/>
      <c r="HYJ711" s="613"/>
      <c r="HYK711" s="613"/>
      <c r="HYL711" s="613"/>
      <c r="HYM711" s="613"/>
      <c r="HYN711" s="613"/>
      <c r="HYO711" s="613"/>
      <c r="HYP711" s="613"/>
      <c r="HYQ711" s="613"/>
      <c r="HYR711" s="613"/>
      <c r="HYS711" s="613"/>
      <c r="HYT711" s="613"/>
      <c r="HYU711" s="613"/>
      <c r="HYV711" s="613"/>
      <c r="HYW711" s="613"/>
      <c r="HYX711" s="613"/>
      <c r="HYY711" s="613"/>
      <c r="HYZ711" s="613"/>
      <c r="HZA711" s="613"/>
      <c r="HZB711" s="613"/>
      <c r="HZC711" s="613"/>
      <c r="HZD711" s="613"/>
      <c r="HZE711" s="613"/>
      <c r="HZF711" s="613"/>
      <c r="HZG711" s="613"/>
      <c r="HZH711" s="613"/>
      <c r="HZI711" s="613"/>
      <c r="HZJ711" s="613"/>
      <c r="HZK711" s="613"/>
      <c r="HZL711" s="613"/>
      <c r="HZM711" s="613"/>
      <c r="HZN711" s="613"/>
      <c r="HZO711" s="613"/>
      <c r="HZP711" s="613"/>
      <c r="HZQ711" s="613"/>
      <c r="HZR711" s="613"/>
      <c r="HZS711" s="613"/>
      <c r="HZT711" s="613"/>
      <c r="HZU711" s="613"/>
      <c r="HZV711" s="613"/>
      <c r="HZW711" s="613"/>
      <c r="HZX711" s="613"/>
      <c r="HZY711" s="613"/>
      <c r="HZZ711" s="613"/>
      <c r="IAA711" s="613"/>
      <c r="IAB711" s="613"/>
      <c r="IAC711" s="613"/>
      <c r="IAD711" s="613"/>
      <c r="IAE711" s="613"/>
      <c r="IAF711" s="613"/>
      <c r="IAG711" s="613"/>
      <c r="IAH711" s="613"/>
      <c r="IAI711" s="613"/>
      <c r="IAJ711" s="613"/>
      <c r="IAK711" s="613"/>
      <c r="IAL711" s="613"/>
      <c r="IAM711" s="613"/>
      <c r="IAN711" s="613"/>
      <c r="IAO711" s="613"/>
      <c r="IAP711" s="613"/>
      <c r="IAQ711" s="613"/>
      <c r="IAR711" s="613"/>
      <c r="IAS711" s="613"/>
      <c r="IAT711" s="613"/>
      <c r="IAU711" s="613"/>
      <c r="IAV711" s="613"/>
      <c r="IAW711" s="613"/>
      <c r="IAX711" s="613"/>
      <c r="IAY711" s="613"/>
      <c r="IAZ711" s="613"/>
      <c r="IBA711" s="613"/>
      <c r="IBB711" s="613"/>
      <c r="IBC711" s="613"/>
      <c r="IBD711" s="613"/>
      <c r="IBE711" s="613"/>
      <c r="IBF711" s="613"/>
      <c r="IBG711" s="613"/>
      <c r="IBH711" s="613"/>
      <c r="IBI711" s="613"/>
      <c r="IBJ711" s="613"/>
      <c r="IBK711" s="613"/>
      <c r="IBL711" s="613"/>
      <c r="IBM711" s="613"/>
      <c r="IBN711" s="613"/>
      <c r="IBO711" s="613"/>
      <c r="IBP711" s="613"/>
      <c r="IBQ711" s="613"/>
      <c r="IBR711" s="613"/>
      <c r="IBS711" s="613"/>
      <c r="IBT711" s="613"/>
      <c r="IBU711" s="613"/>
      <c r="IBV711" s="613"/>
      <c r="IBW711" s="613"/>
      <c r="IBX711" s="613"/>
      <c r="IBY711" s="613"/>
      <c r="IBZ711" s="613"/>
      <c r="ICA711" s="613"/>
      <c r="ICB711" s="613"/>
      <c r="ICC711" s="613"/>
      <c r="ICD711" s="613"/>
      <c r="ICE711" s="613"/>
      <c r="ICF711" s="613"/>
      <c r="ICG711" s="613"/>
      <c r="ICH711" s="613"/>
      <c r="ICI711" s="613"/>
      <c r="ICJ711" s="613"/>
      <c r="ICK711" s="613"/>
      <c r="ICL711" s="613"/>
      <c r="ICM711" s="613"/>
      <c r="ICN711" s="613"/>
      <c r="ICO711" s="613"/>
      <c r="ICP711" s="613"/>
      <c r="ICQ711" s="613"/>
      <c r="ICR711" s="613"/>
      <c r="ICS711" s="613"/>
      <c r="ICT711" s="613"/>
      <c r="ICU711" s="613"/>
      <c r="ICV711" s="613"/>
      <c r="ICW711" s="613"/>
      <c r="ICX711" s="613"/>
      <c r="ICY711" s="613"/>
      <c r="ICZ711" s="613"/>
      <c r="IDA711" s="613"/>
      <c r="IDB711" s="613"/>
      <c r="IDC711" s="613"/>
      <c r="IDD711" s="613"/>
      <c r="IDE711" s="613"/>
      <c r="IDF711" s="613"/>
      <c r="IDG711" s="613"/>
      <c r="IDH711" s="613"/>
      <c r="IDI711" s="613"/>
      <c r="IDJ711" s="613"/>
      <c r="IDK711" s="613"/>
      <c r="IDL711" s="613"/>
      <c r="IDM711" s="613"/>
      <c r="IDN711" s="613"/>
      <c r="IDO711" s="613"/>
      <c r="IDP711" s="613"/>
      <c r="IDQ711" s="613"/>
      <c r="IDR711" s="613"/>
      <c r="IDS711" s="613"/>
      <c r="IDT711" s="613"/>
      <c r="IDU711" s="613"/>
      <c r="IDV711" s="613"/>
      <c r="IDW711" s="613"/>
      <c r="IDX711" s="613"/>
      <c r="IDY711" s="613"/>
      <c r="IDZ711" s="613"/>
      <c r="IEA711" s="613"/>
      <c r="IEB711" s="613"/>
      <c r="IEC711" s="613"/>
      <c r="IED711" s="613"/>
      <c r="IEE711" s="613"/>
      <c r="IEF711" s="613"/>
      <c r="IEG711" s="613"/>
      <c r="IEH711" s="613"/>
      <c r="IEI711" s="613"/>
      <c r="IEJ711" s="613"/>
      <c r="IEK711" s="613"/>
      <c r="IEL711" s="613"/>
      <c r="IEM711" s="613"/>
      <c r="IEN711" s="613"/>
      <c r="IEO711" s="613"/>
      <c r="IEP711" s="613"/>
      <c r="IEQ711" s="613"/>
      <c r="IER711" s="613"/>
      <c r="IES711" s="613"/>
      <c r="IET711" s="613"/>
      <c r="IEU711" s="613"/>
      <c r="IEV711" s="613"/>
      <c r="IEW711" s="613"/>
      <c r="IEX711" s="613"/>
      <c r="IEY711" s="613"/>
      <c r="IEZ711" s="613"/>
      <c r="IFA711" s="613"/>
      <c r="IFB711" s="613"/>
      <c r="IFC711" s="613"/>
      <c r="IFD711" s="613"/>
      <c r="IFE711" s="613"/>
      <c r="IFF711" s="613"/>
      <c r="IFG711" s="613"/>
      <c r="IFH711" s="613"/>
      <c r="IFI711" s="613"/>
      <c r="IFJ711" s="613"/>
      <c r="IFK711" s="613"/>
      <c r="IFL711" s="613"/>
      <c r="IFM711" s="613"/>
      <c r="IFN711" s="613"/>
      <c r="IFO711" s="613"/>
      <c r="IFP711" s="613"/>
      <c r="IFQ711" s="613"/>
      <c r="IFR711" s="613"/>
      <c r="IFS711" s="613"/>
      <c r="IFT711" s="613"/>
      <c r="IFU711" s="613"/>
      <c r="IFV711" s="613"/>
      <c r="IFW711" s="613"/>
      <c r="IFX711" s="613"/>
      <c r="IFY711" s="613"/>
      <c r="IFZ711" s="613"/>
      <c r="IGA711" s="613"/>
      <c r="IGB711" s="613"/>
      <c r="IGC711" s="613"/>
      <c r="IGD711" s="613"/>
      <c r="IGE711" s="613"/>
      <c r="IGF711" s="613"/>
      <c r="IGG711" s="613"/>
      <c r="IGH711" s="613"/>
      <c r="IGI711" s="613"/>
      <c r="IGJ711" s="613"/>
      <c r="IGK711" s="613"/>
      <c r="IGL711" s="613"/>
      <c r="IGM711" s="613"/>
      <c r="IGN711" s="613"/>
      <c r="IGO711" s="613"/>
      <c r="IGP711" s="613"/>
      <c r="IGQ711" s="613"/>
      <c r="IGR711" s="613"/>
      <c r="IGS711" s="613"/>
      <c r="IGT711" s="613"/>
      <c r="IGU711" s="613"/>
      <c r="IGV711" s="613"/>
      <c r="IGW711" s="613"/>
      <c r="IGX711" s="613"/>
      <c r="IGY711" s="613"/>
      <c r="IGZ711" s="613"/>
      <c r="IHA711" s="613"/>
      <c r="IHB711" s="613"/>
      <c r="IHC711" s="613"/>
      <c r="IHD711" s="613"/>
      <c r="IHE711" s="613"/>
      <c r="IHF711" s="613"/>
      <c r="IHG711" s="613"/>
      <c r="IHH711" s="613"/>
      <c r="IHI711" s="613"/>
      <c r="IHJ711" s="613"/>
      <c r="IHK711" s="613"/>
      <c r="IHL711" s="613"/>
      <c r="IHM711" s="613"/>
      <c r="IHN711" s="613"/>
      <c r="IHO711" s="613"/>
      <c r="IHP711" s="613"/>
      <c r="IHQ711" s="613"/>
      <c r="IHR711" s="613"/>
      <c r="IHS711" s="613"/>
      <c r="IHT711" s="613"/>
      <c r="IHU711" s="613"/>
      <c r="IHV711" s="613"/>
      <c r="IHW711" s="613"/>
      <c r="IHX711" s="613"/>
      <c r="IHY711" s="613"/>
      <c r="IHZ711" s="613"/>
      <c r="IIA711" s="613"/>
      <c r="IIB711" s="613"/>
      <c r="IIC711" s="613"/>
      <c r="IID711" s="613"/>
      <c r="IIE711" s="613"/>
      <c r="IIF711" s="613"/>
      <c r="IIG711" s="613"/>
      <c r="IIH711" s="613"/>
      <c r="III711" s="613"/>
      <c r="IIJ711" s="613"/>
      <c r="IIK711" s="613"/>
      <c r="IIL711" s="613"/>
      <c r="IIM711" s="613"/>
      <c r="IIN711" s="613"/>
      <c r="IIO711" s="613"/>
      <c r="IIP711" s="613"/>
      <c r="IIQ711" s="613"/>
      <c r="IIR711" s="613"/>
      <c r="IIS711" s="613"/>
      <c r="IIT711" s="613"/>
      <c r="IIU711" s="613"/>
      <c r="IIV711" s="613"/>
      <c r="IIW711" s="613"/>
      <c r="IIX711" s="613"/>
      <c r="IIY711" s="613"/>
      <c r="IIZ711" s="613"/>
      <c r="IJA711" s="613"/>
      <c r="IJB711" s="613"/>
      <c r="IJC711" s="613"/>
      <c r="IJD711" s="613"/>
      <c r="IJE711" s="613"/>
      <c r="IJF711" s="613"/>
      <c r="IJG711" s="613"/>
      <c r="IJH711" s="613"/>
      <c r="IJI711" s="613"/>
      <c r="IJJ711" s="613"/>
      <c r="IJK711" s="613"/>
      <c r="IJL711" s="613"/>
      <c r="IJM711" s="613"/>
      <c r="IJN711" s="613"/>
      <c r="IJO711" s="613"/>
      <c r="IJP711" s="613"/>
      <c r="IJQ711" s="613"/>
      <c r="IJR711" s="613"/>
      <c r="IJS711" s="613"/>
      <c r="IJT711" s="613"/>
      <c r="IJU711" s="613"/>
      <c r="IJV711" s="613"/>
      <c r="IJW711" s="613"/>
      <c r="IJX711" s="613"/>
      <c r="IJY711" s="613"/>
      <c r="IJZ711" s="613"/>
      <c r="IKA711" s="613"/>
      <c r="IKB711" s="613"/>
      <c r="IKC711" s="613"/>
      <c r="IKD711" s="613"/>
      <c r="IKE711" s="613"/>
      <c r="IKF711" s="613"/>
      <c r="IKG711" s="613"/>
      <c r="IKH711" s="613"/>
      <c r="IKI711" s="613"/>
      <c r="IKJ711" s="613"/>
      <c r="IKK711" s="613"/>
      <c r="IKL711" s="613"/>
      <c r="IKM711" s="613"/>
      <c r="IKN711" s="613"/>
      <c r="IKO711" s="613"/>
      <c r="IKP711" s="613"/>
      <c r="IKQ711" s="613"/>
      <c r="IKR711" s="613"/>
      <c r="IKS711" s="613"/>
      <c r="IKT711" s="613"/>
      <c r="IKU711" s="613"/>
      <c r="IKV711" s="613"/>
      <c r="IKW711" s="613"/>
      <c r="IKX711" s="613"/>
      <c r="IKY711" s="613"/>
      <c r="IKZ711" s="613"/>
      <c r="ILA711" s="613"/>
      <c r="ILB711" s="613"/>
      <c r="ILC711" s="613"/>
      <c r="ILD711" s="613"/>
      <c r="ILE711" s="613"/>
      <c r="ILF711" s="613"/>
      <c r="ILG711" s="613"/>
      <c r="ILH711" s="613"/>
      <c r="ILI711" s="613"/>
      <c r="ILJ711" s="613"/>
      <c r="ILK711" s="613"/>
      <c r="ILL711" s="613"/>
      <c r="ILM711" s="613"/>
      <c r="ILN711" s="613"/>
      <c r="ILO711" s="613"/>
      <c r="ILP711" s="613"/>
      <c r="ILQ711" s="613"/>
      <c r="ILR711" s="613"/>
      <c r="ILS711" s="613"/>
      <c r="ILT711" s="613"/>
      <c r="ILU711" s="613"/>
      <c r="ILV711" s="613"/>
      <c r="ILW711" s="613"/>
      <c r="ILX711" s="613"/>
      <c r="ILY711" s="613"/>
      <c r="ILZ711" s="613"/>
      <c r="IMA711" s="613"/>
      <c r="IMB711" s="613"/>
      <c r="IMC711" s="613"/>
      <c r="IMD711" s="613"/>
      <c r="IME711" s="613"/>
      <c r="IMF711" s="613"/>
      <c r="IMG711" s="613"/>
      <c r="IMH711" s="613"/>
      <c r="IMI711" s="613"/>
      <c r="IMJ711" s="613"/>
      <c r="IMK711" s="613"/>
      <c r="IML711" s="613"/>
      <c r="IMM711" s="613"/>
      <c r="IMN711" s="613"/>
      <c r="IMO711" s="613"/>
      <c r="IMP711" s="613"/>
      <c r="IMQ711" s="613"/>
      <c r="IMR711" s="613"/>
      <c r="IMS711" s="613"/>
      <c r="IMT711" s="613"/>
      <c r="IMU711" s="613"/>
      <c r="IMV711" s="613"/>
      <c r="IMW711" s="613"/>
      <c r="IMX711" s="613"/>
      <c r="IMY711" s="613"/>
      <c r="IMZ711" s="613"/>
      <c r="INA711" s="613"/>
      <c r="INB711" s="613"/>
      <c r="INC711" s="613"/>
      <c r="IND711" s="613"/>
      <c r="INE711" s="613"/>
      <c r="INF711" s="613"/>
      <c r="ING711" s="613"/>
      <c r="INH711" s="613"/>
      <c r="INI711" s="613"/>
      <c r="INJ711" s="613"/>
      <c r="INK711" s="613"/>
      <c r="INL711" s="613"/>
      <c r="INM711" s="613"/>
      <c r="INN711" s="613"/>
      <c r="INO711" s="613"/>
      <c r="INP711" s="613"/>
      <c r="INQ711" s="613"/>
      <c r="INR711" s="613"/>
      <c r="INS711" s="613"/>
      <c r="INT711" s="613"/>
      <c r="INU711" s="613"/>
      <c r="INV711" s="613"/>
      <c r="INW711" s="613"/>
      <c r="INX711" s="613"/>
      <c r="INY711" s="613"/>
      <c r="INZ711" s="613"/>
      <c r="IOA711" s="613"/>
      <c r="IOB711" s="613"/>
      <c r="IOC711" s="613"/>
      <c r="IOD711" s="613"/>
      <c r="IOE711" s="613"/>
      <c r="IOF711" s="613"/>
      <c r="IOG711" s="613"/>
      <c r="IOH711" s="613"/>
      <c r="IOI711" s="613"/>
      <c r="IOJ711" s="613"/>
      <c r="IOK711" s="613"/>
      <c r="IOL711" s="613"/>
      <c r="IOM711" s="613"/>
      <c r="ION711" s="613"/>
      <c r="IOO711" s="613"/>
      <c r="IOP711" s="613"/>
      <c r="IOQ711" s="613"/>
      <c r="IOR711" s="613"/>
      <c r="IOS711" s="613"/>
      <c r="IOT711" s="613"/>
      <c r="IOU711" s="613"/>
      <c r="IOV711" s="613"/>
      <c r="IOW711" s="613"/>
      <c r="IOX711" s="613"/>
      <c r="IOY711" s="613"/>
      <c r="IOZ711" s="613"/>
      <c r="IPA711" s="613"/>
      <c r="IPB711" s="613"/>
      <c r="IPC711" s="613"/>
      <c r="IPD711" s="613"/>
      <c r="IPE711" s="613"/>
      <c r="IPF711" s="613"/>
      <c r="IPG711" s="613"/>
      <c r="IPH711" s="613"/>
      <c r="IPI711" s="613"/>
      <c r="IPJ711" s="613"/>
      <c r="IPK711" s="613"/>
      <c r="IPL711" s="613"/>
      <c r="IPM711" s="613"/>
      <c r="IPN711" s="613"/>
      <c r="IPO711" s="613"/>
      <c r="IPP711" s="613"/>
      <c r="IPQ711" s="613"/>
      <c r="IPR711" s="613"/>
      <c r="IPS711" s="613"/>
      <c r="IPT711" s="613"/>
      <c r="IPU711" s="613"/>
      <c r="IPV711" s="613"/>
      <c r="IPW711" s="613"/>
      <c r="IPX711" s="613"/>
      <c r="IPY711" s="613"/>
      <c r="IPZ711" s="613"/>
      <c r="IQA711" s="613"/>
      <c r="IQB711" s="613"/>
      <c r="IQC711" s="613"/>
      <c r="IQD711" s="613"/>
      <c r="IQE711" s="613"/>
      <c r="IQF711" s="613"/>
      <c r="IQG711" s="613"/>
      <c r="IQH711" s="613"/>
      <c r="IQI711" s="613"/>
      <c r="IQJ711" s="613"/>
      <c r="IQK711" s="613"/>
      <c r="IQL711" s="613"/>
      <c r="IQM711" s="613"/>
      <c r="IQN711" s="613"/>
      <c r="IQO711" s="613"/>
      <c r="IQP711" s="613"/>
      <c r="IQQ711" s="613"/>
      <c r="IQR711" s="613"/>
      <c r="IQS711" s="613"/>
      <c r="IQT711" s="613"/>
      <c r="IQU711" s="613"/>
      <c r="IQV711" s="613"/>
      <c r="IQW711" s="613"/>
      <c r="IQX711" s="613"/>
      <c r="IQY711" s="613"/>
      <c r="IQZ711" s="613"/>
      <c r="IRA711" s="613"/>
      <c r="IRB711" s="613"/>
      <c r="IRC711" s="613"/>
      <c r="IRD711" s="613"/>
      <c r="IRE711" s="613"/>
      <c r="IRF711" s="613"/>
      <c r="IRG711" s="613"/>
      <c r="IRH711" s="613"/>
      <c r="IRI711" s="613"/>
      <c r="IRJ711" s="613"/>
      <c r="IRK711" s="613"/>
      <c r="IRL711" s="613"/>
      <c r="IRM711" s="613"/>
      <c r="IRN711" s="613"/>
      <c r="IRO711" s="613"/>
      <c r="IRP711" s="613"/>
      <c r="IRQ711" s="613"/>
      <c r="IRR711" s="613"/>
      <c r="IRS711" s="613"/>
      <c r="IRT711" s="613"/>
      <c r="IRU711" s="613"/>
      <c r="IRV711" s="613"/>
      <c r="IRW711" s="613"/>
      <c r="IRX711" s="613"/>
      <c r="IRY711" s="613"/>
      <c r="IRZ711" s="613"/>
      <c r="ISA711" s="613"/>
      <c r="ISB711" s="613"/>
      <c r="ISC711" s="613"/>
      <c r="ISD711" s="613"/>
      <c r="ISE711" s="613"/>
      <c r="ISF711" s="613"/>
      <c r="ISG711" s="613"/>
      <c r="ISH711" s="613"/>
      <c r="ISI711" s="613"/>
      <c r="ISJ711" s="613"/>
      <c r="ISK711" s="613"/>
      <c r="ISL711" s="613"/>
      <c r="ISM711" s="613"/>
      <c r="ISN711" s="613"/>
      <c r="ISO711" s="613"/>
      <c r="ISP711" s="613"/>
      <c r="ISQ711" s="613"/>
      <c r="ISR711" s="613"/>
      <c r="ISS711" s="613"/>
      <c r="IST711" s="613"/>
      <c r="ISU711" s="613"/>
      <c r="ISV711" s="613"/>
      <c r="ISW711" s="613"/>
      <c r="ISX711" s="613"/>
      <c r="ISY711" s="613"/>
      <c r="ISZ711" s="613"/>
      <c r="ITA711" s="613"/>
      <c r="ITB711" s="613"/>
      <c r="ITC711" s="613"/>
      <c r="ITD711" s="613"/>
      <c r="ITE711" s="613"/>
      <c r="ITF711" s="613"/>
      <c r="ITG711" s="613"/>
      <c r="ITH711" s="613"/>
      <c r="ITI711" s="613"/>
      <c r="ITJ711" s="613"/>
      <c r="ITK711" s="613"/>
      <c r="ITL711" s="613"/>
      <c r="ITM711" s="613"/>
      <c r="ITN711" s="613"/>
      <c r="ITO711" s="613"/>
      <c r="ITP711" s="613"/>
      <c r="ITQ711" s="613"/>
      <c r="ITR711" s="613"/>
      <c r="ITS711" s="613"/>
      <c r="ITT711" s="613"/>
      <c r="ITU711" s="613"/>
      <c r="ITV711" s="613"/>
      <c r="ITW711" s="613"/>
      <c r="ITX711" s="613"/>
      <c r="ITY711" s="613"/>
      <c r="ITZ711" s="613"/>
      <c r="IUA711" s="613"/>
      <c r="IUB711" s="613"/>
      <c r="IUC711" s="613"/>
      <c r="IUD711" s="613"/>
      <c r="IUE711" s="613"/>
      <c r="IUF711" s="613"/>
      <c r="IUG711" s="613"/>
      <c r="IUH711" s="613"/>
      <c r="IUI711" s="613"/>
      <c r="IUJ711" s="613"/>
      <c r="IUK711" s="613"/>
      <c r="IUL711" s="613"/>
      <c r="IUM711" s="613"/>
      <c r="IUN711" s="613"/>
      <c r="IUO711" s="613"/>
      <c r="IUP711" s="613"/>
      <c r="IUQ711" s="613"/>
      <c r="IUR711" s="613"/>
      <c r="IUS711" s="613"/>
      <c r="IUT711" s="613"/>
      <c r="IUU711" s="613"/>
      <c r="IUV711" s="613"/>
      <c r="IUW711" s="613"/>
      <c r="IUX711" s="613"/>
      <c r="IUY711" s="613"/>
      <c r="IUZ711" s="613"/>
      <c r="IVA711" s="613"/>
      <c r="IVB711" s="613"/>
      <c r="IVC711" s="613"/>
      <c r="IVD711" s="613"/>
      <c r="IVE711" s="613"/>
      <c r="IVF711" s="613"/>
      <c r="IVG711" s="613"/>
      <c r="IVH711" s="613"/>
      <c r="IVI711" s="613"/>
      <c r="IVJ711" s="613"/>
      <c r="IVK711" s="613"/>
      <c r="IVL711" s="613"/>
      <c r="IVM711" s="613"/>
      <c r="IVN711" s="613"/>
      <c r="IVO711" s="613"/>
      <c r="IVP711" s="613"/>
      <c r="IVQ711" s="613"/>
      <c r="IVR711" s="613"/>
      <c r="IVS711" s="613"/>
      <c r="IVT711" s="613"/>
      <c r="IVU711" s="613"/>
      <c r="IVV711" s="613"/>
      <c r="IVW711" s="613"/>
      <c r="IVX711" s="613"/>
      <c r="IVY711" s="613"/>
      <c r="IVZ711" s="613"/>
      <c r="IWA711" s="613"/>
      <c r="IWB711" s="613"/>
      <c r="IWC711" s="613"/>
      <c r="IWD711" s="613"/>
      <c r="IWE711" s="613"/>
      <c r="IWF711" s="613"/>
      <c r="IWG711" s="613"/>
      <c r="IWH711" s="613"/>
      <c r="IWI711" s="613"/>
      <c r="IWJ711" s="613"/>
      <c r="IWK711" s="613"/>
      <c r="IWL711" s="613"/>
      <c r="IWM711" s="613"/>
      <c r="IWN711" s="613"/>
      <c r="IWO711" s="613"/>
      <c r="IWP711" s="613"/>
      <c r="IWQ711" s="613"/>
      <c r="IWR711" s="613"/>
      <c r="IWS711" s="613"/>
      <c r="IWT711" s="613"/>
      <c r="IWU711" s="613"/>
      <c r="IWV711" s="613"/>
      <c r="IWW711" s="613"/>
      <c r="IWX711" s="613"/>
      <c r="IWY711" s="613"/>
      <c r="IWZ711" s="613"/>
      <c r="IXA711" s="613"/>
      <c r="IXB711" s="613"/>
      <c r="IXC711" s="613"/>
      <c r="IXD711" s="613"/>
      <c r="IXE711" s="613"/>
      <c r="IXF711" s="613"/>
      <c r="IXG711" s="613"/>
      <c r="IXH711" s="613"/>
      <c r="IXI711" s="613"/>
      <c r="IXJ711" s="613"/>
      <c r="IXK711" s="613"/>
      <c r="IXL711" s="613"/>
      <c r="IXM711" s="613"/>
      <c r="IXN711" s="613"/>
      <c r="IXO711" s="613"/>
      <c r="IXP711" s="613"/>
      <c r="IXQ711" s="613"/>
      <c r="IXR711" s="613"/>
      <c r="IXS711" s="613"/>
      <c r="IXT711" s="613"/>
      <c r="IXU711" s="613"/>
      <c r="IXV711" s="613"/>
      <c r="IXW711" s="613"/>
      <c r="IXX711" s="613"/>
      <c r="IXY711" s="613"/>
      <c r="IXZ711" s="613"/>
      <c r="IYA711" s="613"/>
      <c r="IYB711" s="613"/>
      <c r="IYC711" s="613"/>
      <c r="IYD711" s="613"/>
      <c r="IYE711" s="613"/>
      <c r="IYF711" s="613"/>
      <c r="IYG711" s="613"/>
      <c r="IYH711" s="613"/>
      <c r="IYI711" s="613"/>
      <c r="IYJ711" s="613"/>
      <c r="IYK711" s="613"/>
      <c r="IYL711" s="613"/>
      <c r="IYM711" s="613"/>
      <c r="IYN711" s="613"/>
      <c r="IYO711" s="613"/>
      <c r="IYP711" s="613"/>
      <c r="IYQ711" s="613"/>
      <c r="IYR711" s="613"/>
      <c r="IYS711" s="613"/>
      <c r="IYT711" s="613"/>
      <c r="IYU711" s="613"/>
      <c r="IYV711" s="613"/>
      <c r="IYW711" s="613"/>
      <c r="IYX711" s="613"/>
      <c r="IYY711" s="613"/>
      <c r="IYZ711" s="613"/>
      <c r="IZA711" s="613"/>
      <c r="IZB711" s="613"/>
      <c r="IZC711" s="613"/>
      <c r="IZD711" s="613"/>
      <c r="IZE711" s="613"/>
      <c r="IZF711" s="613"/>
      <c r="IZG711" s="613"/>
      <c r="IZH711" s="613"/>
      <c r="IZI711" s="613"/>
      <c r="IZJ711" s="613"/>
      <c r="IZK711" s="613"/>
      <c r="IZL711" s="613"/>
      <c r="IZM711" s="613"/>
      <c r="IZN711" s="613"/>
      <c r="IZO711" s="613"/>
      <c r="IZP711" s="613"/>
      <c r="IZQ711" s="613"/>
      <c r="IZR711" s="613"/>
      <c r="IZS711" s="613"/>
      <c r="IZT711" s="613"/>
      <c r="IZU711" s="613"/>
      <c r="IZV711" s="613"/>
      <c r="IZW711" s="613"/>
      <c r="IZX711" s="613"/>
      <c r="IZY711" s="613"/>
      <c r="IZZ711" s="613"/>
      <c r="JAA711" s="613"/>
      <c r="JAB711" s="613"/>
      <c r="JAC711" s="613"/>
      <c r="JAD711" s="613"/>
      <c r="JAE711" s="613"/>
      <c r="JAF711" s="613"/>
      <c r="JAG711" s="613"/>
      <c r="JAH711" s="613"/>
      <c r="JAI711" s="613"/>
      <c r="JAJ711" s="613"/>
      <c r="JAK711" s="613"/>
      <c r="JAL711" s="613"/>
      <c r="JAM711" s="613"/>
      <c r="JAN711" s="613"/>
      <c r="JAO711" s="613"/>
      <c r="JAP711" s="613"/>
      <c r="JAQ711" s="613"/>
      <c r="JAR711" s="613"/>
      <c r="JAS711" s="613"/>
      <c r="JAT711" s="613"/>
      <c r="JAU711" s="613"/>
      <c r="JAV711" s="613"/>
      <c r="JAW711" s="613"/>
      <c r="JAX711" s="613"/>
      <c r="JAY711" s="613"/>
      <c r="JAZ711" s="613"/>
      <c r="JBA711" s="613"/>
      <c r="JBB711" s="613"/>
      <c r="JBC711" s="613"/>
      <c r="JBD711" s="613"/>
      <c r="JBE711" s="613"/>
      <c r="JBF711" s="613"/>
      <c r="JBG711" s="613"/>
      <c r="JBH711" s="613"/>
      <c r="JBI711" s="613"/>
      <c r="JBJ711" s="613"/>
      <c r="JBK711" s="613"/>
      <c r="JBL711" s="613"/>
      <c r="JBM711" s="613"/>
      <c r="JBN711" s="613"/>
      <c r="JBO711" s="613"/>
      <c r="JBP711" s="613"/>
      <c r="JBQ711" s="613"/>
      <c r="JBR711" s="613"/>
      <c r="JBS711" s="613"/>
      <c r="JBT711" s="613"/>
      <c r="JBU711" s="613"/>
      <c r="JBV711" s="613"/>
      <c r="JBW711" s="613"/>
      <c r="JBX711" s="613"/>
      <c r="JBY711" s="613"/>
      <c r="JBZ711" s="613"/>
      <c r="JCA711" s="613"/>
      <c r="JCB711" s="613"/>
      <c r="JCC711" s="613"/>
      <c r="JCD711" s="613"/>
      <c r="JCE711" s="613"/>
      <c r="JCF711" s="613"/>
      <c r="JCG711" s="613"/>
      <c r="JCH711" s="613"/>
      <c r="JCI711" s="613"/>
      <c r="JCJ711" s="613"/>
      <c r="JCK711" s="613"/>
      <c r="JCL711" s="613"/>
      <c r="JCM711" s="613"/>
      <c r="JCN711" s="613"/>
      <c r="JCO711" s="613"/>
      <c r="JCP711" s="613"/>
      <c r="JCQ711" s="613"/>
      <c r="JCR711" s="613"/>
      <c r="JCS711" s="613"/>
      <c r="JCT711" s="613"/>
      <c r="JCU711" s="613"/>
      <c r="JCV711" s="613"/>
      <c r="JCW711" s="613"/>
      <c r="JCX711" s="613"/>
      <c r="JCY711" s="613"/>
      <c r="JCZ711" s="613"/>
      <c r="JDA711" s="613"/>
      <c r="JDB711" s="613"/>
      <c r="JDC711" s="613"/>
      <c r="JDD711" s="613"/>
      <c r="JDE711" s="613"/>
      <c r="JDF711" s="613"/>
      <c r="JDG711" s="613"/>
      <c r="JDH711" s="613"/>
      <c r="JDI711" s="613"/>
      <c r="JDJ711" s="613"/>
      <c r="JDK711" s="613"/>
      <c r="JDL711" s="613"/>
      <c r="JDM711" s="613"/>
      <c r="JDN711" s="613"/>
      <c r="JDO711" s="613"/>
      <c r="JDP711" s="613"/>
      <c r="JDQ711" s="613"/>
      <c r="JDR711" s="613"/>
      <c r="JDS711" s="613"/>
      <c r="JDT711" s="613"/>
      <c r="JDU711" s="613"/>
      <c r="JDV711" s="613"/>
      <c r="JDW711" s="613"/>
      <c r="JDX711" s="613"/>
      <c r="JDY711" s="613"/>
      <c r="JDZ711" s="613"/>
      <c r="JEA711" s="613"/>
      <c r="JEB711" s="613"/>
      <c r="JEC711" s="613"/>
      <c r="JED711" s="613"/>
      <c r="JEE711" s="613"/>
      <c r="JEF711" s="613"/>
      <c r="JEG711" s="613"/>
      <c r="JEH711" s="613"/>
      <c r="JEI711" s="613"/>
      <c r="JEJ711" s="613"/>
      <c r="JEK711" s="613"/>
      <c r="JEL711" s="613"/>
      <c r="JEM711" s="613"/>
      <c r="JEN711" s="613"/>
      <c r="JEO711" s="613"/>
      <c r="JEP711" s="613"/>
      <c r="JEQ711" s="613"/>
      <c r="JER711" s="613"/>
      <c r="JES711" s="613"/>
      <c r="JET711" s="613"/>
      <c r="JEU711" s="613"/>
      <c r="JEV711" s="613"/>
      <c r="JEW711" s="613"/>
      <c r="JEX711" s="613"/>
      <c r="JEY711" s="613"/>
      <c r="JEZ711" s="613"/>
      <c r="JFA711" s="613"/>
      <c r="JFB711" s="613"/>
      <c r="JFC711" s="613"/>
      <c r="JFD711" s="613"/>
      <c r="JFE711" s="613"/>
      <c r="JFF711" s="613"/>
      <c r="JFG711" s="613"/>
      <c r="JFH711" s="613"/>
      <c r="JFI711" s="613"/>
      <c r="JFJ711" s="613"/>
      <c r="JFK711" s="613"/>
      <c r="JFL711" s="613"/>
      <c r="JFM711" s="613"/>
      <c r="JFN711" s="613"/>
      <c r="JFO711" s="613"/>
      <c r="JFP711" s="613"/>
      <c r="JFQ711" s="613"/>
      <c r="JFR711" s="613"/>
      <c r="JFS711" s="613"/>
      <c r="JFT711" s="613"/>
      <c r="JFU711" s="613"/>
      <c r="JFV711" s="613"/>
      <c r="JFW711" s="613"/>
      <c r="JFX711" s="613"/>
      <c r="JFY711" s="613"/>
      <c r="JFZ711" s="613"/>
      <c r="JGA711" s="613"/>
      <c r="JGB711" s="613"/>
      <c r="JGC711" s="613"/>
      <c r="JGD711" s="613"/>
      <c r="JGE711" s="613"/>
      <c r="JGF711" s="613"/>
      <c r="JGG711" s="613"/>
      <c r="JGH711" s="613"/>
      <c r="JGI711" s="613"/>
      <c r="JGJ711" s="613"/>
      <c r="JGK711" s="613"/>
      <c r="JGL711" s="613"/>
      <c r="JGM711" s="613"/>
      <c r="JGN711" s="613"/>
      <c r="JGO711" s="613"/>
      <c r="JGP711" s="613"/>
      <c r="JGQ711" s="613"/>
      <c r="JGR711" s="613"/>
      <c r="JGS711" s="613"/>
      <c r="JGT711" s="613"/>
      <c r="JGU711" s="613"/>
      <c r="JGV711" s="613"/>
      <c r="JGW711" s="613"/>
      <c r="JGX711" s="613"/>
      <c r="JGY711" s="613"/>
      <c r="JGZ711" s="613"/>
      <c r="JHA711" s="613"/>
      <c r="JHB711" s="613"/>
      <c r="JHC711" s="613"/>
      <c r="JHD711" s="613"/>
      <c r="JHE711" s="613"/>
      <c r="JHF711" s="613"/>
      <c r="JHG711" s="613"/>
      <c r="JHH711" s="613"/>
      <c r="JHI711" s="613"/>
      <c r="JHJ711" s="613"/>
      <c r="JHK711" s="613"/>
      <c r="JHL711" s="613"/>
      <c r="JHM711" s="613"/>
      <c r="JHN711" s="613"/>
      <c r="JHO711" s="613"/>
      <c r="JHP711" s="613"/>
      <c r="JHQ711" s="613"/>
      <c r="JHR711" s="613"/>
      <c r="JHS711" s="613"/>
      <c r="JHT711" s="613"/>
      <c r="JHU711" s="613"/>
      <c r="JHV711" s="613"/>
      <c r="JHW711" s="613"/>
      <c r="JHX711" s="613"/>
      <c r="JHY711" s="613"/>
      <c r="JHZ711" s="613"/>
      <c r="JIA711" s="613"/>
      <c r="JIB711" s="613"/>
      <c r="JIC711" s="613"/>
      <c r="JID711" s="613"/>
      <c r="JIE711" s="613"/>
      <c r="JIF711" s="613"/>
      <c r="JIG711" s="613"/>
      <c r="JIH711" s="613"/>
      <c r="JII711" s="613"/>
      <c r="JIJ711" s="613"/>
      <c r="JIK711" s="613"/>
      <c r="JIL711" s="613"/>
      <c r="JIM711" s="613"/>
      <c r="JIN711" s="613"/>
      <c r="JIO711" s="613"/>
      <c r="JIP711" s="613"/>
      <c r="JIQ711" s="613"/>
      <c r="JIR711" s="613"/>
      <c r="JIS711" s="613"/>
      <c r="JIT711" s="613"/>
      <c r="JIU711" s="613"/>
      <c r="JIV711" s="613"/>
      <c r="JIW711" s="613"/>
      <c r="JIX711" s="613"/>
      <c r="JIY711" s="613"/>
      <c r="JIZ711" s="613"/>
      <c r="JJA711" s="613"/>
      <c r="JJB711" s="613"/>
      <c r="JJC711" s="613"/>
      <c r="JJD711" s="613"/>
      <c r="JJE711" s="613"/>
      <c r="JJF711" s="613"/>
      <c r="JJG711" s="613"/>
      <c r="JJH711" s="613"/>
      <c r="JJI711" s="613"/>
      <c r="JJJ711" s="613"/>
      <c r="JJK711" s="613"/>
      <c r="JJL711" s="613"/>
      <c r="JJM711" s="613"/>
      <c r="JJN711" s="613"/>
      <c r="JJO711" s="613"/>
      <c r="JJP711" s="613"/>
      <c r="JJQ711" s="613"/>
      <c r="JJR711" s="613"/>
      <c r="JJS711" s="613"/>
      <c r="JJT711" s="613"/>
      <c r="JJU711" s="613"/>
      <c r="JJV711" s="613"/>
      <c r="JJW711" s="613"/>
      <c r="JJX711" s="613"/>
      <c r="JJY711" s="613"/>
      <c r="JJZ711" s="613"/>
      <c r="JKA711" s="613"/>
      <c r="JKB711" s="613"/>
      <c r="JKC711" s="613"/>
      <c r="JKD711" s="613"/>
      <c r="JKE711" s="613"/>
      <c r="JKF711" s="613"/>
      <c r="JKG711" s="613"/>
      <c r="JKH711" s="613"/>
      <c r="JKI711" s="613"/>
      <c r="JKJ711" s="613"/>
      <c r="JKK711" s="613"/>
      <c r="JKL711" s="613"/>
      <c r="JKM711" s="613"/>
      <c r="JKN711" s="613"/>
      <c r="JKO711" s="613"/>
      <c r="JKP711" s="613"/>
      <c r="JKQ711" s="613"/>
      <c r="JKR711" s="613"/>
      <c r="JKS711" s="613"/>
      <c r="JKT711" s="613"/>
      <c r="JKU711" s="613"/>
      <c r="JKV711" s="613"/>
      <c r="JKW711" s="613"/>
      <c r="JKX711" s="613"/>
      <c r="JKY711" s="613"/>
      <c r="JKZ711" s="613"/>
      <c r="JLA711" s="613"/>
      <c r="JLB711" s="613"/>
      <c r="JLC711" s="613"/>
      <c r="JLD711" s="613"/>
      <c r="JLE711" s="613"/>
      <c r="JLF711" s="613"/>
      <c r="JLG711" s="613"/>
      <c r="JLH711" s="613"/>
      <c r="JLI711" s="613"/>
      <c r="JLJ711" s="613"/>
      <c r="JLK711" s="613"/>
      <c r="JLL711" s="613"/>
      <c r="JLM711" s="613"/>
      <c r="JLN711" s="613"/>
      <c r="JLO711" s="613"/>
      <c r="JLP711" s="613"/>
      <c r="JLQ711" s="613"/>
      <c r="JLR711" s="613"/>
      <c r="JLS711" s="613"/>
      <c r="JLT711" s="613"/>
      <c r="JLU711" s="613"/>
      <c r="JLV711" s="613"/>
      <c r="JLW711" s="613"/>
      <c r="JLX711" s="613"/>
      <c r="JLY711" s="613"/>
      <c r="JLZ711" s="613"/>
      <c r="JMA711" s="613"/>
      <c r="JMB711" s="613"/>
      <c r="JMC711" s="613"/>
      <c r="JMD711" s="613"/>
      <c r="JME711" s="613"/>
      <c r="JMF711" s="613"/>
      <c r="JMG711" s="613"/>
      <c r="JMH711" s="613"/>
      <c r="JMI711" s="613"/>
      <c r="JMJ711" s="613"/>
      <c r="JMK711" s="613"/>
      <c r="JML711" s="613"/>
      <c r="JMM711" s="613"/>
      <c r="JMN711" s="613"/>
      <c r="JMO711" s="613"/>
      <c r="JMP711" s="613"/>
      <c r="JMQ711" s="613"/>
      <c r="JMR711" s="613"/>
      <c r="JMS711" s="613"/>
      <c r="JMT711" s="613"/>
      <c r="JMU711" s="613"/>
      <c r="JMV711" s="613"/>
      <c r="JMW711" s="613"/>
      <c r="JMX711" s="613"/>
      <c r="JMY711" s="613"/>
      <c r="JMZ711" s="613"/>
      <c r="JNA711" s="613"/>
      <c r="JNB711" s="613"/>
      <c r="JNC711" s="613"/>
      <c r="JND711" s="613"/>
      <c r="JNE711" s="613"/>
      <c r="JNF711" s="613"/>
      <c r="JNG711" s="613"/>
      <c r="JNH711" s="613"/>
      <c r="JNI711" s="613"/>
      <c r="JNJ711" s="613"/>
      <c r="JNK711" s="613"/>
      <c r="JNL711" s="613"/>
      <c r="JNM711" s="613"/>
      <c r="JNN711" s="613"/>
      <c r="JNO711" s="613"/>
      <c r="JNP711" s="613"/>
      <c r="JNQ711" s="613"/>
      <c r="JNR711" s="613"/>
      <c r="JNS711" s="613"/>
      <c r="JNT711" s="613"/>
      <c r="JNU711" s="613"/>
      <c r="JNV711" s="613"/>
      <c r="JNW711" s="613"/>
      <c r="JNX711" s="613"/>
      <c r="JNY711" s="613"/>
      <c r="JNZ711" s="613"/>
      <c r="JOA711" s="613"/>
      <c r="JOB711" s="613"/>
      <c r="JOC711" s="613"/>
      <c r="JOD711" s="613"/>
      <c r="JOE711" s="613"/>
      <c r="JOF711" s="613"/>
      <c r="JOG711" s="613"/>
      <c r="JOH711" s="613"/>
      <c r="JOI711" s="613"/>
      <c r="JOJ711" s="613"/>
      <c r="JOK711" s="613"/>
      <c r="JOL711" s="613"/>
      <c r="JOM711" s="613"/>
      <c r="JON711" s="613"/>
      <c r="JOO711" s="613"/>
      <c r="JOP711" s="613"/>
      <c r="JOQ711" s="613"/>
      <c r="JOR711" s="613"/>
      <c r="JOS711" s="613"/>
      <c r="JOT711" s="613"/>
      <c r="JOU711" s="613"/>
      <c r="JOV711" s="613"/>
      <c r="JOW711" s="613"/>
      <c r="JOX711" s="613"/>
      <c r="JOY711" s="613"/>
      <c r="JOZ711" s="613"/>
      <c r="JPA711" s="613"/>
      <c r="JPB711" s="613"/>
      <c r="JPC711" s="613"/>
      <c r="JPD711" s="613"/>
      <c r="JPE711" s="613"/>
      <c r="JPF711" s="613"/>
      <c r="JPG711" s="613"/>
      <c r="JPH711" s="613"/>
      <c r="JPI711" s="613"/>
      <c r="JPJ711" s="613"/>
      <c r="JPK711" s="613"/>
      <c r="JPL711" s="613"/>
      <c r="JPM711" s="613"/>
      <c r="JPN711" s="613"/>
      <c r="JPO711" s="613"/>
      <c r="JPP711" s="613"/>
      <c r="JPQ711" s="613"/>
      <c r="JPR711" s="613"/>
      <c r="JPS711" s="613"/>
      <c r="JPT711" s="613"/>
      <c r="JPU711" s="613"/>
      <c r="JPV711" s="613"/>
      <c r="JPW711" s="613"/>
      <c r="JPX711" s="613"/>
      <c r="JPY711" s="613"/>
      <c r="JPZ711" s="613"/>
      <c r="JQA711" s="613"/>
      <c r="JQB711" s="613"/>
      <c r="JQC711" s="613"/>
      <c r="JQD711" s="613"/>
      <c r="JQE711" s="613"/>
      <c r="JQF711" s="613"/>
      <c r="JQG711" s="613"/>
      <c r="JQH711" s="613"/>
      <c r="JQI711" s="613"/>
      <c r="JQJ711" s="613"/>
      <c r="JQK711" s="613"/>
      <c r="JQL711" s="613"/>
      <c r="JQM711" s="613"/>
      <c r="JQN711" s="613"/>
      <c r="JQO711" s="613"/>
      <c r="JQP711" s="613"/>
      <c r="JQQ711" s="613"/>
      <c r="JQR711" s="613"/>
      <c r="JQS711" s="613"/>
      <c r="JQT711" s="613"/>
      <c r="JQU711" s="613"/>
      <c r="JQV711" s="613"/>
      <c r="JQW711" s="613"/>
      <c r="JQX711" s="613"/>
      <c r="JQY711" s="613"/>
      <c r="JQZ711" s="613"/>
      <c r="JRA711" s="613"/>
      <c r="JRB711" s="613"/>
      <c r="JRC711" s="613"/>
      <c r="JRD711" s="613"/>
      <c r="JRE711" s="613"/>
      <c r="JRF711" s="613"/>
      <c r="JRG711" s="613"/>
      <c r="JRH711" s="613"/>
      <c r="JRI711" s="613"/>
      <c r="JRJ711" s="613"/>
      <c r="JRK711" s="613"/>
      <c r="JRL711" s="613"/>
      <c r="JRM711" s="613"/>
      <c r="JRN711" s="613"/>
      <c r="JRO711" s="613"/>
      <c r="JRP711" s="613"/>
      <c r="JRQ711" s="613"/>
      <c r="JRR711" s="613"/>
      <c r="JRS711" s="613"/>
      <c r="JRT711" s="613"/>
      <c r="JRU711" s="613"/>
      <c r="JRV711" s="613"/>
      <c r="JRW711" s="613"/>
      <c r="JRX711" s="613"/>
      <c r="JRY711" s="613"/>
      <c r="JRZ711" s="613"/>
      <c r="JSA711" s="613"/>
      <c r="JSB711" s="613"/>
      <c r="JSC711" s="613"/>
      <c r="JSD711" s="613"/>
      <c r="JSE711" s="613"/>
      <c r="JSF711" s="613"/>
      <c r="JSG711" s="613"/>
      <c r="JSH711" s="613"/>
      <c r="JSI711" s="613"/>
      <c r="JSJ711" s="613"/>
      <c r="JSK711" s="613"/>
      <c r="JSL711" s="613"/>
      <c r="JSM711" s="613"/>
      <c r="JSN711" s="613"/>
      <c r="JSO711" s="613"/>
      <c r="JSP711" s="613"/>
      <c r="JSQ711" s="613"/>
      <c r="JSR711" s="613"/>
      <c r="JSS711" s="613"/>
      <c r="JST711" s="613"/>
      <c r="JSU711" s="613"/>
      <c r="JSV711" s="613"/>
      <c r="JSW711" s="613"/>
      <c r="JSX711" s="613"/>
      <c r="JSY711" s="613"/>
      <c r="JSZ711" s="613"/>
      <c r="JTA711" s="613"/>
      <c r="JTB711" s="613"/>
      <c r="JTC711" s="613"/>
      <c r="JTD711" s="613"/>
      <c r="JTE711" s="613"/>
      <c r="JTF711" s="613"/>
      <c r="JTG711" s="613"/>
      <c r="JTH711" s="613"/>
      <c r="JTI711" s="613"/>
      <c r="JTJ711" s="613"/>
      <c r="JTK711" s="613"/>
      <c r="JTL711" s="613"/>
      <c r="JTM711" s="613"/>
      <c r="JTN711" s="613"/>
      <c r="JTO711" s="613"/>
      <c r="JTP711" s="613"/>
      <c r="JTQ711" s="613"/>
      <c r="JTR711" s="613"/>
      <c r="JTS711" s="613"/>
      <c r="JTT711" s="613"/>
      <c r="JTU711" s="613"/>
      <c r="JTV711" s="613"/>
      <c r="JTW711" s="613"/>
      <c r="JTX711" s="613"/>
      <c r="JTY711" s="613"/>
      <c r="JTZ711" s="613"/>
      <c r="JUA711" s="613"/>
      <c r="JUB711" s="613"/>
      <c r="JUC711" s="613"/>
      <c r="JUD711" s="613"/>
      <c r="JUE711" s="613"/>
      <c r="JUF711" s="613"/>
      <c r="JUG711" s="613"/>
      <c r="JUH711" s="613"/>
      <c r="JUI711" s="613"/>
      <c r="JUJ711" s="613"/>
      <c r="JUK711" s="613"/>
      <c r="JUL711" s="613"/>
      <c r="JUM711" s="613"/>
      <c r="JUN711" s="613"/>
      <c r="JUO711" s="613"/>
      <c r="JUP711" s="613"/>
      <c r="JUQ711" s="613"/>
      <c r="JUR711" s="613"/>
      <c r="JUS711" s="613"/>
      <c r="JUT711" s="613"/>
      <c r="JUU711" s="613"/>
      <c r="JUV711" s="613"/>
      <c r="JUW711" s="613"/>
      <c r="JUX711" s="613"/>
      <c r="JUY711" s="613"/>
      <c r="JUZ711" s="613"/>
      <c r="JVA711" s="613"/>
      <c r="JVB711" s="613"/>
      <c r="JVC711" s="613"/>
      <c r="JVD711" s="613"/>
      <c r="JVE711" s="613"/>
      <c r="JVF711" s="613"/>
      <c r="JVG711" s="613"/>
      <c r="JVH711" s="613"/>
      <c r="JVI711" s="613"/>
      <c r="JVJ711" s="613"/>
      <c r="JVK711" s="613"/>
      <c r="JVL711" s="613"/>
      <c r="JVM711" s="613"/>
      <c r="JVN711" s="613"/>
      <c r="JVO711" s="613"/>
      <c r="JVP711" s="613"/>
      <c r="JVQ711" s="613"/>
      <c r="JVR711" s="613"/>
      <c r="JVS711" s="613"/>
      <c r="JVT711" s="613"/>
      <c r="JVU711" s="613"/>
      <c r="JVV711" s="613"/>
      <c r="JVW711" s="613"/>
      <c r="JVX711" s="613"/>
      <c r="JVY711" s="613"/>
      <c r="JVZ711" s="613"/>
      <c r="JWA711" s="613"/>
      <c r="JWB711" s="613"/>
      <c r="JWC711" s="613"/>
      <c r="JWD711" s="613"/>
      <c r="JWE711" s="613"/>
      <c r="JWF711" s="613"/>
      <c r="JWG711" s="613"/>
      <c r="JWH711" s="613"/>
      <c r="JWI711" s="613"/>
      <c r="JWJ711" s="613"/>
      <c r="JWK711" s="613"/>
      <c r="JWL711" s="613"/>
      <c r="JWM711" s="613"/>
      <c r="JWN711" s="613"/>
      <c r="JWO711" s="613"/>
      <c r="JWP711" s="613"/>
      <c r="JWQ711" s="613"/>
      <c r="JWR711" s="613"/>
      <c r="JWS711" s="613"/>
      <c r="JWT711" s="613"/>
      <c r="JWU711" s="613"/>
      <c r="JWV711" s="613"/>
      <c r="JWW711" s="613"/>
      <c r="JWX711" s="613"/>
      <c r="JWY711" s="613"/>
      <c r="JWZ711" s="613"/>
      <c r="JXA711" s="613"/>
      <c r="JXB711" s="613"/>
      <c r="JXC711" s="613"/>
      <c r="JXD711" s="613"/>
      <c r="JXE711" s="613"/>
      <c r="JXF711" s="613"/>
      <c r="JXG711" s="613"/>
      <c r="JXH711" s="613"/>
      <c r="JXI711" s="613"/>
      <c r="JXJ711" s="613"/>
      <c r="JXK711" s="613"/>
      <c r="JXL711" s="613"/>
      <c r="JXM711" s="613"/>
      <c r="JXN711" s="613"/>
      <c r="JXO711" s="613"/>
      <c r="JXP711" s="613"/>
      <c r="JXQ711" s="613"/>
      <c r="JXR711" s="613"/>
      <c r="JXS711" s="613"/>
      <c r="JXT711" s="613"/>
      <c r="JXU711" s="613"/>
      <c r="JXV711" s="613"/>
      <c r="JXW711" s="613"/>
      <c r="JXX711" s="613"/>
      <c r="JXY711" s="613"/>
      <c r="JXZ711" s="613"/>
      <c r="JYA711" s="613"/>
      <c r="JYB711" s="613"/>
      <c r="JYC711" s="613"/>
      <c r="JYD711" s="613"/>
      <c r="JYE711" s="613"/>
      <c r="JYF711" s="613"/>
      <c r="JYG711" s="613"/>
      <c r="JYH711" s="613"/>
      <c r="JYI711" s="613"/>
      <c r="JYJ711" s="613"/>
      <c r="JYK711" s="613"/>
      <c r="JYL711" s="613"/>
      <c r="JYM711" s="613"/>
      <c r="JYN711" s="613"/>
      <c r="JYO711" s="613"/>
      <c r="JYP711" s="613"/>
      <c r="JYQ711" s="613"/>
      <c r="JYR711" s="613"/>
      <c r="JYS711" s="613"/>
      <c r="JYT711" s="613"/>
      <c r="JYU711" s="613"/>
      <c r="JYV711" s="613"/>
      <c r="JYW711" s="613"/>
      <c r="JYX711" s="613"/>
      <c r="JYY711" s="613"/>
      <c r="JYZ711" s="613"/>
      <c r="JZA711" s="613"/>
      <c r="JZB711" s="613"/>
      <c r="JZC711" s="613"/>
      <c r="JZD711" s="613"/>
      <c r="JZE711" s="613"/>
      <c r="JZF711" s="613"/>
      <c r="JZG711" s="613"/>
      <c r="JZH711" s="613"/>
      <c r="JZI711" s="613"/>
      <c r="JZJ711" s="613"/>
      <c r="JZK711" s="613"/>
      <c r="JZL711" s="613"/>
      <c r="JZM711" s="613"/>
      <c r="JZN711" s="613"/>
      <c r="JZO711" s="613"/>
      <c r="JZP711" s="613"/>
      <c r="JZQ711" s="613"/>
      <c r="JZR711" s="613"/>
      <c r="JZS711" s="613"/>
      <c r="JZT711" s="613"/>
      <c r="JZU711" s="613"/>
      <c r="JZV711" s="613"/>
      <c r="JZW711" s="613"/>
      <c r="JZX711" s="613"/>
      <c r="JZY711" s="613"/>
      <c r="JZZ711" s="613"/>
      <c r="KAA711" s="613"/>
      <c r="KAB711" s="613"/>
      <c r="KAC711" s="613"/>
      <c r="KAD711" s="613"/>
      <c r="KAE711" s="613"/>
      <c r="KAF711" s="613"/>
      <c r="KAG711" s="613"/>
      <c r="KAH711" s="613"/>
      <c r="KAI711" s="613"/>
      <c r="KAJ711" s="613"/>
      <c r="KAK711" s="613"/>
      <c r="KAL711" s="613"/>
      <c r="KAM711" s="613"/>
      <c r="KAN711" s="613"/>
      <c r="KAO711" s="613"/>
      <c r="KAP711" s="613"/>
      <c r="KAQ711" s="613"/>
      <c r="KAR711" s="613"/>
      <c r="KAS711" s="613"/>
      <c r="KAT711" s="613"/>
      <c r="KAU711" s="613"/>
      <c r="KAV711" s="613"/>
      <c r="KAW711" s="613"/>
      <c r="KAX711" s="613"/>
      <c r="KAY711" s="613"/>
      <c r="KAZ711" s="613"/>
      <c r="KBA711" s="613"/>
      <c r="KBB711" s="613"/>
      <c r="KBC711" s="613"/>
      <c r="KBD711" s="613"/>
      <c r="KBE711" s="613"/>
      <c r="KBF711" s="613"/>
      <c r="KBG711" s="613"/>
      <c r="KBH711" s="613"/>
      <c r="KBI711" s="613"/>
      <c r="KBJ711" s="613"/>
      <c r="KBK711" s="613"/>
      <c r="KBL711" s="613"/>
      <c r="KBM711" s="613"/>
      <c r="KBN711" s="613"/>
      <c r="KBO711" s="613"/>
      <c r="KBP711" s="613"/>
      <c r="KBQ711" s="613"/>
      <c r="KBR711" s="613"/>
      <c r="KBS711" s="613"/>
      <c r="KBT711" s="613"/>
      <c r="KBU711" s="613"/>
      <c r="KBV711" s="613"/>
      <c r="KBW711" s="613"/>
      <c r="KBX711" s="613"/>
      <c r="KBY711" s="613"/>
      <c r="KBZ711" s="613"/>
      <c r="KCA711" s="613"/>
      <c r="KCB711" s="613"/>
      <c r="KCC711" s="613"/>
      <c r="KCD711" s="613"/>
      <c r="KCE711" s="613"/>
      <c r="KCF711" s="613"/>
      <c r="KCG711" s="613"/>
      <c r="KCH711" s="613"/>
      <c r="KCI711" s="613"/>
      <c r="KCJ711" s="613"/>
      <c r="KCK711" s="613"/>
      <c r="KCL711" s="613"/>
      <c r="KCM711" s="613"/>
      <c r="KCN711" s="613"/>
      <c r="KCO711" s="613"/>
      <c r="KCP711" s="613"/>
      <c r="KCQ711" s="613"/>
      <c r="KCR711" s="613"/>
      <c r="KCS711" s="613"/>
      <c r="KCT711" s="613"/>
      <c r="KCU711" s="613"/>
      <c r="KCV711" s="613"/>
      <c r="KCW711" s="613"/>
      <c r="KCX711" s="613"/>
      <c r="KCY711" s="613"/>
      <c r="KCZ711" s="613"/>
      <c r="KDA711" s="613"/>
      <c r="KDB711" s="613"/>
      <c r="KDC711" s="613"/>
      <c r="KDD711" s="613"/>
      <c r="KDE711" s="613"/>
      <c r="KDF711" s="613"/>
      <c r="KDG711" s="613"/>
      <c r="KDH711" s="613"/>
      <c r="KDI711" s="613"/>
      <c r="KDJ711" s="613"/>
      <c r="KDK711" s="613"/>
      <c r="KDL711" s="613"/>
      <c r="KDM711" s="613"/>
      <c r="KDN711" s="613"/>
      <c r="KDO711" s="613"/>
      <c r="KDP711" s="613"/>
      <c r="KDQ711" s="613"/>
      <c r="KDR711" s="613"/>
      <c r="KDS711" s="613"/>
      <c r="KDT711" s="613"/>
      <c r="KDU711" s="613"/>
      <c r="KDV711" s="613"/>
      <c r="KDW711" s="613"/>
      <c r="KDX711" s="613"/>
      <c r="KDY711" s="613"/>
      <c r="KDZ711" s="613"/>
      <c r="KEA711" s="613"/>
      <c r="KEB711" s="613"/>
      <c r="KEC711" s="613"/>
      <c r="KED711" s="613"/>
      <c r="KEE711" s="613"/>
      <c r="KEF711" s="613"/>
      <c r="KEG711" s="613"/>
      <c r="KEH711" s="613"/>
      <c r="KEI711" s="613"/>
      <c r="KEJ711" s="613"/>
      <c r="KEK711" s="613"/>
      <c r="KEL711" s="613"/>
      <c r="KEM711" s="613"/>
      <c r="KEN711" s="613"/>
      <c r="KEO711" s="613"/>
      <c r="KEP711" s="613"/>
      <c r="KEQ711" s="613"/>
      <c r="KER711" s="613"/>
      <c r="KES711" s="613"/>
      <c r="KET711" s="613"/>
      <c r="KEU711" s="613"/>
      <c r="KEV711" s="613"/>
      <c r="KEW711" s="613"/>
      <c r="KEX711" s="613"/>
      <c r="KEY711" s="613"/>
      <c r="KEZ711" s="613"/>
      <c r="KFA711" s="613"/>
      <c r="KFB711" s="613"/>
      <c r="KFC711" s="613"/>
      <c r="KFD711" s="613"/>
      <c r="KFE711" s="613"/>
      <c r="KFF711" s="613"/>
      <c r="KFG711" s="613"/>
      <c r="KFH711" s="613"/>
      <c r="KFI711" s="613"/>
      <c r="KFJ711" s="613"/>
      <c r="KFK711" s="613"/>
      <c r="KFL711" s="613"/>
      <c r="KFM711" s="613"/>
      <c r="KFN711" s="613"/>
      <c r="KFO711" s="613"/>
      <c r="KFP711" s="613"/>
      <c r="KFQ711" s="613"/>
      <c r="KFR711" s="613"/>
      <c r="KFS711" s="613"/>
      <c r="KFT711" s="613"/>
      <c r="KFU711" s="613"/>
      <c r="KFV711" s="613"/>
      <c r="KFW711" s="613"/>
      <c r="KFX711" s="613"/>
      <c r="KFY711" s="613"/>
      <c r="KFZ711" s="613"/>
      <c r="KGA711" s="613"/>
      <c r="KGB711" s="613"/>
      <c r="KGC711" s="613"/>
      <c r="KGD711" s="613"/>
      <c r="KGE711" s="613"/>
      <c r="KGF711" s="613"/>
      <c r="KGG711" s="613"/>
      <c r="KGH711" s="613"/>
      <c r="KGI711" s="613"/>
      <c r="KGJ711" s="613"/>
      <c r="KGK711" s="613"/>
      <c r="KGL711" s="613"/>
      <c r="KGM711" s="613"/>
      <c r="KGN711" s="613"/>
      <c r="KGO711" s="613"/>
      <c r="KGP711" s="613"/>
      <c r="KGQ711" s="613"/>
      <c r="KGR711" s="613"/>
      <c r="KGS711" s="613"/>
      <c r="KGT711" s="613"/>
      <c r="KGU711" s="613"/>
      <c r="KGV711" s="613"/>
      <c r="KGW711" s="613"/>
      <c r="KGX711" s="613"/>
      <c r="KGY711" s="613"/>
      <c r="KGZ711" s="613"/>
      <c r="KHA711" s="613"/>
      <c r="KHB711" s="613"/>
      <c r="KHC711" s="613"/>
      <c r="KHD711" s="613"/>
      <c r="KHE711" s="613"/>
      <c r="KHF711" s="613"/>
      <c r="KHG711" s="613"/>
      <c r="KHH711" s="613"/>
      <c r="KHI711" s="613"/>
      <c r="KHJ711" s="613"/>
      <c r="KHK711" s="613"/>
      <c r="KHL711" s="613"/>
      <c r="KHM711" s="613"/>
      <c r="KHN711" s="613"/>
      <c r="KHO711" s="613"/>
      <c r="KHP711" s="613"/>
      <c r="KHQ711" s="613"/>
      <c r="KHR711" s="613"/>
      <c r="KHS711" s="613"/>
      <c r="KHT711" s="613"/>
      <c r="KHU711" s="613"/>
      <c r="KHV711" s="613"/>
      <c r="KHW711" s="613"/>
      <c r="KHX711" s="613"/>
      <c r="KHY711" s="613"/>
      <c r="KHZ711" s="613"/>
      <c r="KIA711" s="613"/>
      <c r="KIB711" s="613"/>
      <c r="KIC711" s="613"/>
      <c r="KID711" s="613"/>
      <c r="KIE711" s="613"/>
      <c r="KIF711" s="613"/>
      <c r="KIG711" s="613"/>
      <c r="KIH711" s="613"/>
      <c r="KII711" s="613"/>
      <c r="KIJ711" s="613"/>
      <c r="KIK711" s="613"/>
      <c r="KIL711" s="613"/>
      <c r="KIM711" s="613"/>
      <c r="KIN711" s="613"/>
      <c r="KIO711" s="613"/>
      <c r="KIP711" s="613"/>
      <c r="KIQ711" s="613"/>
      <c r="KIR711" s="613"/>
      <c r="KIS711" s="613"/>
      <c r="KIT711" s="613"/>
      <c r="KIU711" s="613"/>
      <c r="KIV711" s="613"/>
      <c r="KIW711" s="613"/>
      <c r="KIX711" s="613"/>
      <c r="KIY711" s="613"/>
      <c r="KIZ711" s="613"/>
      <c r="KJA711" s="613"/>
      <c r="KJB711" s="613"/>
      <c r="KJC711" s="613"/>
      <c r="KJD711" s="613"/>
      <c r="KJE711" s="613"/>
      <c r="KJF711" s="613"/>
      <c r="KJG711" s="613"/>
      <c r="KJH711" s="613"/>
      <c r="KJI711" s="613"/>
      <c r="KJJ711" s="613"/>
      <c r="KJK711" s="613"/>
      <c r="KJL711" s="613"/>
      <c r="KJM711" s="613"/>
      <c r="KJN711" s="613"/>
      <c r="KJO711" s="613"/>
      <c r="KJP711" s="613"/>
      <c r="KJQ711" s="613"/>
      <c r="KJR711" s="613"/>
      <c r="KJS711" s="613"/>
      <c r="KJT711" s="613"/>
      <c r="KJU711" s="613"/>
      <c r="KJV711" s="613"/>
      <c r="KJW711" s="613"/>
      <c r="KJX711" s="613"/>
      <c r="KJY711" s="613"/>
      <c r="KJZ711" s="613"/>
      <c r="KKA711" s="613"/>
      <c r="KKB711" s="613"/>
      <c r="KKC711" s="613"/>
      <c r="KKD711" s="613"/>
      <c r="KKE711" s="613"/>
      <c r="KKF711" s="613"/>
      <c r="KKG711" s="613"/>
      <c r="KKH711" s="613"/>
      <c r="KKI711" s="613"/>
      <c r="KKJ711" s="613"/>
      <c r="KKK711" s="613"/>
      <c r="KKL711" s="613"/>
      <c r="KKM711" s="613"/>
      <c r="KKN711" s="613"/>
      <c r="KKO711" s="613"/>
      <c r="KKP711" s="613"/>
      <c r="KKQ711" s="613"/>
      <c r="KKR711" s="613"/>
      <c r="KKS711" s="613"/>
      <c r="KKT711" s="613"/>
      <c r="KKU711" s="613"/>
      <c r="KKV711" s="613"/>
      <c r="KKW711" s="613"/>
      <c r="KKX711" s="613"/>
      <c r="KKY711" s="613"/>
      <c r="KKZ711" s="613"/>
      <c r="KLA711" s="613"/>
      <c r="KLB711" s="613"/>
      <c r="KLC711" s="613"/>
      <c r="KLD711" s="613"/>
      <c r="KLE711" s="613"/>
      <c r="KLF711" s="613"/>
      <c r="KLG711" s="613"/>
      <c r="KLH711" s="613"/>
      <c r="KLI711" s="613"/>
      <c r="KLJ711" s="613"/>
      <c r="KLK711" s="613"/>
      <c r="KLL711" s="613"/>
      <c r="KLM711" s="613"/>
      <c r="KLN711" s="613"/>
      <c r="KLO711" s="613"/>
      <c r="KLP711" s="613"/>
      <c r="KLQ711" s="613"/>
      <c r="KLR711" s="613"/>
      <c r="KLS711" s="613"/>
      <c r="KLT711" s="613"/>
      <c r="KLU711" s="613"/>
      <c r="KLV711" s="613"/>
      <c r="KLW711" s="613"/>
      <c r="KLX711" s="613"/>
      <c r="KLY711" s="613"/>
      <c r="KLZ711" s="613"/>
      <c r="KMA711" s="613"/>
      <c r="KMB711" s="613"/>
      <c r="KMC711" s="613"/>
      <c r="KMD711" s="613"/>
      <c r="KME711" s="613"/>
      <c r="KMF711" s="613"/>
      <c r="KMG711" s="613"/>
      <c r="KMH711" s="613"/>
      <c r="KMI711" s="613"/>
      <c r="KMJ711" s="613"/>
      <c r="KMK711" s="613"/>
      <c r="KML711" s="613"/>
      <c r="KMM711" s="613"/>
      <c r="KMN711" s="613"/>
      <c r="KMO711" s="613"/>
      <c r="KMP711" s="613"/>
      <c r="KMQ711" s="613"/>
      <c r="KMR711" s="613"/>
      <c r="KMS711" s="613"/>
      <c r="KMT711" s="613"/>
      <c r="KMU711" s="613"/>
      <c r="KMV711" s="613"/>
      <c r="KMW711" s="613"/>
      <c r="KMX711" s="613"/>
      <c r="KMY711" s="613"/>
      <c r="KMZ711" s="613"/>
      <c r="KNA711" s="613"/>
      <c r="KNB711" s="613"/>
      <c r="KNC711" s="613"/>
      <c r="KND711" s="613"/>
      <c r="KNE711" s="613"/>
      <c r="KNF711" s="613"/>
      <c r="KNG711" s="613"/>
      <c r="KNH711" s="613"/>
      <c r="KNI711" s="613"/>
      <c r="KNJ711" s="613"/>
      <c r="KNK711" s="613"/>
      <c r="KNL711" s="613"/>
      <c r="KNM711" s="613"/>
      <c r="KNN711" s="613"/>
      <c r="KNO711" s="613"/>
      <c r="KNP711" s="613"/>
      <c r="KNQ711" s="613"/>
      <c r="KNR711" s="613"/>
      <c r="KNS711" s="613"/>
      <c r="KNT711" s="613"/>
      <c r="KNU711" s="613"/>
      <c r="KNV711" s="613"/>
      <c r="KNW711" s="613"/>
      <c r="KNX711" s="613"/>
      <c r="KNY711" s="613"/>
      <c r="KNZ711" s="613"/>
      <c r="KOA711" s="613"/>
      <c r="KOB711" s="613"/>
      <c r="KOC711" s="613"/>
      <c r="KOD711" s="613"/>
      <c r="KOE711" s="613"/>
      <c r="KOF711" s="613"/>
      <c r="KOG711" s="613"/>
      <c r="KOH711" s="613"/>
      <c r="KOI711" s="613"/>
      <c r="KOJ711" s="613"/>
      <c r="KOK711" s="613"/>
      <c r="KOL711" s="613"/>
      <c r="KOM711" s="613"/>
      <c r="KON711" s="613"/>
      <c r="KOO711" s="613"/>
      <c r="KOP711" s="613"/>
      <c r="KOQ711" s="613"/>
      <c r="KOR711" s="613"/>
      <c r="KOS711" s="613"/>
      <c r="KOT711" s="613"/>
      <c r="KOU711" s="613"/>
      <c r="KOV711" s="613"/>
      <c r="KOW711" s="613"/>
      <c r="KOX711" s="613"/>
      <c r="KOY711" s="613"/>
      <c r="KOZ711" s="613"/>
      <c r="KPA711" s="613"/>
      <c r="KPB711" s="613"/>
      <c r="KPC711" s="613"/>
      <c r="KPD711" s="613"/>
      <c r="KPE711" s="613"/>
      <c r="KPF711" s="613"/>
      <c r="KPG711" s="613"/>
      <c r="KPH711" s="613"/>
      <c r="KPI711" s="613"/>
      <c r="KPJ711" s="613"/>
      <c r="KPK711" s="613"/>
      <c r="KPL711" s="613"/>
      <c r="KPM711" s="613"/>
      <c r="KPN711" s="613"/>
      <c r="KPO711" s="613"/>
      <c r="KPP711" s="613"/>
      <c r="KPQ711" s="613"/>
      <c r="KPR711" s="613"/>
      <c r="KPS711" s="613"/>
      <c r="KPT711" s="613"/>
      <c r="KPU711" s="613"/>
      <c r="KPV711" s="613"/>
      <c r="KPW711" s="613"/>
      <c r="KPX711" s="613"/>
      <c r="KPY711" s="613"/>
      <c r="KPZ711" s="613"/>
      <c r="KQA711" s="613"/>
      <c r="KQB711" s="613"/>
      <c r="KQC711" s="613"/>
      <c r="KQD711" s="613"/>
      <c r="KQE711" s="613"/>
      <c r="KQF711" s="613"/>
      <c r="KQG711" s="613"/>
      <c r="KQH711" s="613"/>
      <c r="KQI711" s="613"/>
      <c r="KQJ711" s="613"/>
      <c r="KQK711" s="613"/>
      <c r="KQL711" s="613"/>
      <c r="KQM711" s="613"/>
      <c r="KQN711" s="613"/>
      <c r="KQO711" s="613"/>
      <c r="KQP711" s="613"/>
      <c r="KQQ711" s="613"/>
      <c r="KQR711" s="613"/>
      <c r="KQS711" s="613"/>
      <c r="KQT711" s="613"/>
      <c r="KQU711" s="613"/>
      <c r="KQV711" s="613"/>
      <c r="KQW711" s="613"/>
      <c r="KQX711" s="613"/>
      <c r="KQY711" s="613"/>
      <c r="KQZ711" s="613"/>
      <c r="KRA711" s="613"/>
      <c r="KRB711" s="613"/>
      <c r="KRC711" s="613"/>
      <c r="KRD711" s="613"/>
      <c r="KRE711" s="613"/>
      <c r="KRF711" s="613"/>
      <c r="KRG711" s="613"/>
      <c r="KRH711" s="613"/>
      <c r="KRI711" s="613"/>
      <c r="KRJ711" s="613"/>
      <c r="KRK711" s="613"/>
      <c r="KRL711" s="613"/>
      <c r="KRM711" s="613"/>
      <c r="KRN711" s="613"/>
      <c r="KRO711" s="613"/>
      <c r="KRP711" s="613"/>
      <c r="KRQ711" s="613"/>
      <c r="KRR711" s="613"/>
      <c r="KRS711" s="613"/>
      <c r="KRT711" s="613"/>
      <c r="KRU711" s="613"/>
      <c r="KRV711" s="613"/>
      <c r="KRW711" s="613"/>
      <c r="KRX711" s="613"/>
      <c r="KRY711" s="613"/>
      <c r="KRZ711" s="613"/>
      <c r="KSA711" s="613"/>
      <c r="KSB711" s="613"/>
      <c r="KSC711" s="613"/>
      <c r="KSD711" s="613"/>
      <c r="KSE711" s="613"/>
      <c r="KSF711" s="613"/>
      <c r="KSG711" s="613"/>
      <c r="KSH711" s="613"/>
      <c r="KSI711" s="613"/>
      <c r="KSJ711" s="613"/>
      <c r="KSK711" s="613"/>
      <c r="KSL711" s="613"/>
      <c r="KSM711" s="613"/>
      <c r="KSN711" s="613"/>
      <c r="KSO711" s="613"/>
      <c r="KSP711" s="613"/>
      <c r="KSQ711" s="613"/>
      <c r="KSR711" s="613"/>
      <c r="KSS711" s="613"/>
      <c r="KST711" s="613"/>
      <c r="KSU711" s="613"/>
      <c r="KSV711" s="613"/>
      <c r="KSW711" s="613"/>
      <c r="KSX711" s="613"/>
      <c r="KSY711" s="613"/>
      <c r="KSZ711" s="613"/>
      <c r="KTA711" s="613"/>
      <c r="KTB711" s="613"/>
      <c r="KTC711" s="613"/>
      <c r="KTD711" s="613"/>
      <c r="KTE711" s="613"/>
      <c r="KTF711" s="613"/>
      <c r="KTG711" s="613"/>
      <c r="KTH711" s="613"/>
      <c r="KTI711" s="613"/>
      <c r="KTJ711" s="613"/>
      <c r="KTK711" s="613"/>
      <c r="KTL711" s="613"/>
      <c r="KTM711" s="613"/>
      <c r="KTN711" s="613"/>
      <c r="KTO711" s="613"/>
      <c r="KTP711" s="613"/>
      <c r="KTQ711" s="613"/>
      <c r="KTR711" s="613"/>
      <c r="KTS711" s="613"/>
      <c r="KTT711" s="613"/>
      <c r="KTU711" s="613"/>
      <c r="KTV711" s="613"/>
      <c r="KTW711" s="613"/>
      <c r="KTX711" s="613"/>
      <c r="KTY711" s="613"/>
      <c r="KTZ711" s="613"/>
      <c r="KUA711" s="613"/>
      <c r="KUB711" s="613"/>
      <c r="KUC711" s="613"/>
      <c r="KUD711" s="613"/>
      <c r="KUE711" s="613"/>
      <c r="KUF711" s="613"/>
      <c r="KUG711" s="613"/>
      <c r="KUH711" s="613"/>
      <c r="KUI711" s="613"/>
      <c r="KUJ711" s="613"/>
      <c r="KUK711" s="613"/>
      <c r="KUL711" s="613"/>
      <c r="KUM711" s="613"/>
      <c r="KUN711" s="613"/>
      <c r="KUO711" s="613"/>
      <c r="KUP711" s="613"/>
      <c r="KUQ711" s="613"/>
      <c r="KUR711" s="613"/>
      <c r="KUS711" s="613"/>
      <c r="KUT711" s="613"/>
      <c r="KUU711" s="613"/>
      <c r="KUV711" s="613"/>
      <c r="KUW711" s="613"/>
      <c r="KUX711" s="613"/>
      <c r="KUY711" s="613"/>
      <c r="KUZ711" s="613"/>
      <c r="KVA711" s="613"/>
      <c r="KVB711" s="613"/>
      <c r="KVC711" s="613"/>
      <c r="KVD711" s="613"/>
      <c r="KVE711" s="613"/>
      <c r="KVF711" s="613"/>
      <c r="KVG711" s="613"/>
      <c r="KVH711" s="613"/>
      <c r="KVI711" s="613"/>
      <c r="KVJ711" s="613"/>
      <c r="KVK711" s="613"/>
      <c r="KVL711" s="613"/>
      <c r="KVM711" s="613"/>
      <c r="KVN711" s="613"/>
      <c r="KVO711" s="613"/>
      <c r="KVP711" s="613"/>
      <c r="KVQ711" s="613"/>
      <c r="KVR711" s="613"/>
      <c r="KVS711" s="613"/>
      <c r="KVT711" s="613"/>
      <c r="KVU711" s="613"/>
      <c r="KVV711" s="613"/>
      <c r="KVW711" s="613"/>
      <c r="KVX711" s="613"/>
      <c r="KVY711" s="613"/>
      <c r="KVZ711" s="613"/>
      <c r="KWA711" s="613"/>
      <c r="KWB711" s="613"/>
      <c r="KWC711" s="613"/>
      <c r="KWD711" s="613"/>
      <c r="KWE711" s="613"/>
      <c r="KWF711" s="613"/>
      <c r="KWG711" s="613"/>
      <c r="KWH711" s="613"/>
      <c r="KWI711" s="613"/>
      <c r="KWJ711" s="613"/>
      <c r="KWK711" s="613"/>
      <c r="KWL711" s="613"/>
      <c r="KWM711" s="613"/>
      <c r="KWN711" s="613"/>
      <c r="KWO711" s="613"/>
      <c r="KWP711" s="613"/>
      <c r="KWQ711" s="613"/>
      <c r="KWR711" s="613"/>
      <c r="KWS711" s="613"/>
      <c r="KWT711" s="613"/>
      <c r="KWU711" s="613"/>
      <c r="KWV711" s="613"/>
      <c r="KWW711" s="613"/>
      <c r="KWX711" s="613"/>
      <c r="KWY711" s="613"/>
      <c r="KWZ711" s="613"/>
      <c r="KXA711" s="613"/>
      <c r="KXB711" s="613"/>
      <c r="KXC711" s="613"/>
      <c r="KXD711" s="613"/>
      <c r="KXE711" s="613"/>
      <c r="KXF711" s="613"/>
      <c r="KXG711" s="613"/>
      <c r="KXH711" s="613"/>
      <c r="KXI711" s="613"/>
      <c r="KXJ711" s="613"/>
      <c r="KXK711" s="613"/>
      <c r="KXL711" s="613"/>
      <c r="KXM711" s="613"/>
      <c r="KXN711" s="613"/>
      <c r="KXO711" s="613"/>
      <c r="KXP711" s="613"/>
      <c r="KXQ711" s="613"/>
      <c r="KXR711" s="613"/>
      <c r="KXS711" s="613"/>
      <c r="KXT711" s="613"/>
      <c r="KXU711" s="613"/>
      <c r="KXV711" s="613"/>
      <c r="KXW711" s="613"/>
      <c r="KXX711" s="613"/>
      <c r="KXY711" s="613"/>
      <c r="KXZ711" s="613"/>
      <c r="KYA711" s="613"/>
      <c r="KYB711" s="613"/>
      <c r="KYC711" s="613"/>
      <c r="KYD711" s="613"/>
      <c r="KYE711" s="613"/>
      <c r="KYF711" s="613"/>
      <c r="KYG711" s="613"/>
      <c r="KYH711" s="613"/>
      <c r="KYI711" s="613"/>
      <c r="KYJ711" s="613"/>
      <c r="KYK711" s="613"/>
      <c r="KYL711" s="613"/>
      <c r="KYM711" s="613"/>
      <c r="KYN711" s="613"/>
      <c r="KYO711" s="613"/>
      <c r="KYP711" s="613"/>
      <c r="KYQ711" s="613"/>
      <c r="KYR711" s="613"/>
      <c r="KYS711" s="613"/>
      <c r="KYT711" s="613"/>
      <c r="KYU711" s="613"/>
      <c r="KYV711" s="613"/>
      <c r="KYW711" s="613"/>
      <c r="KYX711" s="613"/>
      <c r="KYY711" s="613"/>
      <c r="KYZ711" s="613"/>
      <c r="KZA711" s="613"/>
      <c r="KZB711" s="613"/>
      <c r="KZC711" s="613"/>
      <c r="KZD711" s="613"/>
      <c r="KZE711" s="613"/>
      <c r="KZF711" s="613"/>
      <c r="KZG711" s="613"/>
      <c r="KZH711" s="613"/>
      <c r="KZI711" s="613"/>
      <c r="KZJ711" s="613"/>
      <c r="KZK711" s="613"/>
      <c r="KZL711" s="613"/>
      <c r="KZM711" s="613"/>
      <c r="KZN711" s="613"/>
      <c r="KZO711" s="613"/>
      <c r="KZP711" s="613"/>
      <c r="KZQ711" s="613"/>
      <c r="KZR711" s="613"/>
      <c r="KZS711" s="613"/>
      <c r="KZT711" s="613"/>
      <c r="KZU711" s="613"/>
      <c r="KZV711" s="613"/>
      <c r="KZW711" s="613"/>
      <c r="KZX711" s="613"/>
      <c r="KZY711" s="613"/>
      <c r="KZZ711" s="613"/>
      <c r="LAA711" s="613"/>
      <c r="LAB711" s="613"/>
      <c r="LAC711" s="613"/>
      <c r="LAD711" s="613"/>
      <c r="LAE711" s="613"/>
      <c r="LAF711" s="613"/>
      <c r="LAG711" s="613"/>
      <c r="LAH711" s="613"/>
      <c r="LAI711" s="613"/>
      <c r="LAJ711" s="613"/>
      <c r="LAK711" s="613"/>
      <c r="LAL711" s="613"/>
      <c r="LAM711" s="613"/>
      <c r="LAN711" s="613"/>
      <c r="LAO711" s="613"/>
      <c r="LAP711" s="613"/>
      <c r="LAQ711" s="613"/>
      <c r="LAR711" s="613"/>
      <c r="LAS711" s="613"/>
      <c r="LAT711" s="613"/>
      <c r="LAU711" s="613"/>
      <c r="LAV711" s="613"/>
      <c r="LAW711" s="613"/>
      <c r="LAX711" s="613"/>
      <c r="LAY711" s="613"/>
      <c r="LAZ711" s="613"/>
      <c r="LBA711" s="613"/>
      <c r="LBB711" s="613"/>
      <c r="LBC711" s="613"/>
      <c r="LBD711" s="613"/>
      <c r="LBE711" s="613"/>
      <c r="LBF711" s="613"/>
      <c r="LBG711" s="613"/>
      <c r="LBH711" s="613"/>
      <c r="LBI711" s="613"/>
      <c r="LBJ711" s="613"/>
      <c r="LBK711" s="613"/>
      <c r="LBL711" s="613"/>
      <c r="LBM711" s="613"/>
      <c r="LBN711" s="613"/>
      <c r="LBO711" s="613"/>
      <c r="LBP711" s="613"/>
      <c r="LBQ711" s="613"/>
      <c r="LBR711" s="613"/>
      <c r="LBS711" s="613"/>
      <c r="LBT711" s="613"/>
      <c r="LBU711" s="613"/>
      <c r="LBV711" s="613"/>
      <c r="LBW711" s="613"/>
      <c r="LBX711" s="613"/>
      <c r="LBY711" s="613"/>
      <c r="LBZ711" s="613"/>
      <c r="LCA711" s="613"/>
      <c r="LCB711" s="613"/>
      <c r="LCC711" s="613"/>
      <c r="LCD711" s="613"/>
      <c r="LCE711" s="613"/>
      <c r="LCF711" s="613"/>
      <c r="LCG711" s="613"/>
      <c r="LCH711" s="613"/>
      <c r="LCI711" s="613"/>
      <c r="LCJ711" s="613"/>
      <c r="LCK711" s="613"/>
      <c r="LCL711" s="613"/>
      <c r="LCM711" s="613"/>
      <c r="LCN711" s="613"/>
      <c r="LCO711" s="613"/>
      <c r="LCP711" s="613"/>
      <c r="LCQ711" s="613"/>
      <c r="LCR711" s="613"/>
      <c r="LCS711" s="613"/>
      <c r="LCT711" s="613"/>
      <c r="LCU711" s="613"/>
      <c r="LCV711" s="613"/>
      <c r="LCW711" s="613"/>
      <c r="LCX711" s="613"/>
      <c r="LCY711" s="613"/>
      <c r="LCZ711" s="613"/>
      <c r="LDA711" s="613"/>
      <c r="LDB711" s="613"/>
      <c r="LDC711" s="613"/>
      <c r="LDD711" s="613"/>
      <c r="LDE711" s="613"/>
      <c r="LDF711" s="613"/>
      <c r="LDG711" s="613"/>
      <c r="LDH711" s="613"/>
      <c r="LDI711" s="613"/>
      <c r="LDJ711" s="613"/>
      <c r="LDK711" s="613"/>
      <c r="LDL711" s="613"/>
      <c r="LDM711" s="613"/>
      <c r="LDN711" s="613"/>
      <c r="LDO711" s="613"/>
      <c r="LDP711" s="613"/>
      <c r="LDQ711" s="613"/>
      <c r="LDR711" s="613"/>
      <c r="LDS711" s="613"/>
      <c r="LDT711" s="613"/>
      <c r="LDU711" s="613"/>
      <c r="LDV711" s="613"/>
      <c r="LDW711" s="613"/>
      <c r="LDX711" s="613"/>
      <c r="LDY711" s="613"/>
      <c r="LDZ711" s="613"/>
      <c r="LEA711" s="613"/>
      <c r="LEB711" s="613"/>
      <c r="LEC711" s="613"/>
      <c r="LED711" s="613"/>
      <c r="LEE711" s="613"/>
      <c r="LEF711" s="613"/>
      <c r="LEG711" s="613"/>
      <c r="LEH711" s="613"/>
      <c r="LEI711" s="613"/>
      <c r="LEJ711" s="613"/>
      <c r="LEK711" s="613"/>
      <c r="LEL711" s="613"/>
      <c r="LEM711" s="613"/>
      <c r="LEN711" s="613"/>
      <c r="LEO711" s="613"/>
      <c r="LEP711" s="613"/>
      <c r="LEQ711" s="613"/>
      <c r="LER711" s="613"/>
      <c r="LES711" s="613"/>
      <c r="LET711" s="613"/>
      <c r="LEU711" s="613"/>
      <c r="LEV711" s="613"/>
      <c r="LEW711" s="613"/>
      <c r="LEX711" s="613"/>
      <c r="LEY711" s="613"/>
      <c r="LEZ711" s="613"/>
      <c r="LFA711" s="613"/>
      <c r="LFB711" s="613"/>
      <c r="LFC711" s="613"/>
      <c r="LFD711" s="613"/>
      <c r="LFE711" s="613"/>
      <c r="LFF711" s="613"/>
      <c r="LFG711" s="613"/>
      <c r="LFH711" s="613"/>
      <c r="LFI711" s="613"/>
      <c r="LFJ711" s="613"/>
      <c r="LFK711" s="613"/>
      <c r="LFL711" s="613"/>
      <c r="LFM711" s="613"/>
      <c r="LFN711" s="613"/>
      <c r="LFO711" s="613"/>
      <c r="LFP711" s="613"/>
      <c r="LFQ711" s="613"/>
      <c r="LFR711" s="613"/>
      <c r="LFS711" s="613"/>
      <c r="LFT711" s="613"/>
      <c r="LFU711" s="613"/>
      <c r="LFV711" s="613"/>
      <c r="LFW711" s="613"/>
      <c r="LFX711" s="613"/>
      <c r="LFY711" s="613"/>
      <c r="LFZ711" s="613"/>
      <c r="LGA711" s="613"/>
      <c r="LGB711" s="613"/>
      <c r="LGC711" s="613"/>
      <c r="LGD711" s="613"/>
      <c r="LGE711" s="613"/>
      <c r="LGF711" s="613"/>
      <c r="LGG711" s="613"/>
      <c r="LGH711" s="613"/>
      <c r="LGI711" s="613"/>
      <c r="LGJ711" s="613"/>
      <c r="LGK711" s="613"/>
      <c r="LGL711" s="613"/>
      <c r="LGM711" s="613"/>
      <c r="LGN711" s="613"/>
      <c r="LGO711" s="613"/>
      <c r="LGP711" s="613"/>
      <c r="LGQ711" s="613"/>
      <c r="LGR711" s="613"/>
      <c r="LGS711" s="613"/>
      <c r="LGT711" s="613"/>
      <c r="LGU711" s="613"/>
      <c r="LGV711" s="613"/>
      <c r="LGW711" s="613"/>
      <c r="LGX711" s="613"/>
      <c r="LGY711" s="613"/>
      <c r="LGZ711" s="613"/>
      <c r="LHA711" s="613"/>
      <c r="LHB711" s="613"/>
      <c r="LHC711" s="613"/>
      <c r="LHD711" s="613"/>
      <c r="LHE711" s="613"/>
      <c r="LHF711" s="613"/>
      <c r="LHG711" s="613"/>
      <c r="LHH711" s="613"/>
      <c r="LHI711" s="613"/>
      <c r="LHJ711" s="613"/>
      <c r="LHK711" s="613"/>
      <c r="LHL711" s="613"/>
      <c r="LHM711" s="613"/>
      <c r="LHN711" s="613"/>
      <c r="LHO711" s="613"/>
      <c r="LHP711" s="613"/>
      <c r="LHQ711" s="613"/>
      <c r="LHR711" s="613"/>
      <c r="LHS711" s="613"/>
      <c r="LHT711" s="613"/>
      <c r="LHU711" s="613"/>
      <c r="LHV711" s="613"/>
      <c r="LHW711" s="613"/>
      <c r="LHX711" s="613"/>
      <c r="LHY711" s="613"/>
      <c r="LHZ711" s="613"/>
      <c r="LIA711" s="613"/>
      <c r="LIB711" s="613"/>
      <c r="LIC711" s="613"/>
      <c r="LID711" s="613"/>
      <c r="LIE711" s="613"/>
      <c r="LIF711" s="613"/>
      <c r="LIG711" s="613"/>
      <c r="LIH711" s="613"/>
      <c r="LII711" s="613"/>
      <c r="LIJ711" s="613"/>
      <c r="LIK711" s="613"/>
      <c r="LIL711" s="613"/>
      <c r="LIM711" s="613"/>
      <c r="LIN711" s="613"/>
      <c r="LIO711" s="613"/>
      <c r="LIP711" s="613"/>
      <c r="LIQ711" s="613"/>
      <c r="LIR711" s="613"/>
      <c r="LIS711" s="613"/>
      <c r="LIT711" s="613"/>
      <c r="LIU711" s="613"/>
      <c r="LIV711" s="613"/>
      <c r="LIW711" s="613"/>
      <c r="LIX711" s="613"/>
      <c r="LIY711" s="613"/>
      <c r="LIZ711" s="613"/>
      <c r="LJA711" s="613"/>
      <c r="LJB711" s="613"/>
      <c r="LJC711" s="613"/>
      <c r="LJD711" s="613"/>
      <c r="LJE711" s="613"/>
      <c r="LJF711" s="613"/>
      <c r="LJG711" s="613"/>
      <c r="LJH711" s="613"/>
      <c r="LJI711" s="613"/>
      <c r="LJJ711" s="613"/>
      <c r="LJK711" s="613"/>
      <c r="LJL711" s="613"/>
      <c r="LJM711" s="613"/>
      <c r="LJN711" s="613"/>
      <c r="LJO711" s="613"/>
      <c r="LJP711" s="613"/>
      <c r="LJQ711" s="613"/>
      <c r="LJR711" s="613"/>
      <c r="LJS711" s="613"/>
      <c r="LJT711" s="613"/>
      <c r="LJU711" s="613"/>
      <c r="LJV711" s="613"/>
      <c r="LJW711" s="613"/>
      <c r="LJX711" s="613"/>
      <c r="LJY711" s="613"/>
      <c r="LJZ711" s="613"/>
      <c r="LKA711" s="613"/>
      <c r="LKB711" s="613"/>
      <c r="LKC711" s="613"/>
      <c r="LKD711" s="613"/>
      <c r="LKE711" s="613"/>
      <c r="LKF711" s="613"/>
      <c r="LKG711" s="613"/>
      <c r="LKH711" s="613"/>
      <c r="LKI711" s="613"/>
      <c r="LKJ711" s="613"/>
      <c r="LKK711" s="613"/>
      <c r="LKL711" s="613"/>
      <c r="LKM711" s="613"/>
      <c r="LKN711" s="613"/>
      <c r="LKO711" s="613"/>
      <c r="LKP711" s="613"/>
      <c r="LKQ711" s="613"/>
      <c r="LKR711" s="613"/>
      <c r="LKS711" s="613"/>
      <c r="LKT711" s="613"/>
      <c r="LKU711" s="613"/>
      <c r="LKV711" s="613"/>
      <c r="LKW711" s="613"/>
      <c r="LKX711" s="613"/>
      <c r="LKY711" s="613"/>
      <c r="LKZ711" s="613"/>
      <c r="LLA711" s="613"/>
      <c r="LLB711" s="613"/>
      <c r="LLC711" s="613"/>
      <c r="LLD711" s="613"/>
      <c r="LLE711" s="613"/>
      <c r="LLF711" s="613"/>
      <c r="LLG711" s="613"/>
      <c r="LLH711" s="613"/>
      <c r="LLI711" s="613"/>
      <c r="LLJ711" s="613"/>
      <c r="LLK711" s="613"/>
      <c r="LLL711" s="613"/>
      <c r="LLM711" s="613"/>
      <c r="LLN711" s="613"/>
      <c r="LLO711" s="613"/>
      <c r="LLP711" s="613"/>
      <c r="LLQ711" s="613"/>
      <c r="LLR711" s="613"/>
      <c r="LLS711" s="613"/>
      <c r="LLT711" s="613"/>
      <c r="LLU711" s="613"/>
      <c r="LLV711" s="613"/>
      <c r="LLW711" s="613"/>
      <c r="LLX711" s="613"/>
      <c r="LLY711" s="613"/>
      <c r="LLZ711" s="613"/>
      <c r="LMA711" s="613"/>
      <c r="LMB711" s="613"/>
      <c r="LMC711" s="613"/>
      <c r="LMD711" s="613"/>
      <c r="LME711" s="613"/>
      <c r="LMF711" s="613"/>
      <c r="LMG711" s="613"/>
      <c r="LMH711" s="613"/>
      <c r="LMI711" s="613"/>
      <c r="LMJ711" s="613"/>
      <c r="LMK711" s="613"/>
      <c r="LML711" s="613"/>
      <c r="LMM711" s="613"/>
      <c r="LMN711" s="613"/>
      <c r="LMO711" s="613"/>
      <c r="LMP711" s="613"/>
      <c r="LMQ711" s="613"/>
      <c r="LMR711" s="613"/>
      <c r="LMS711" s="613"/>
      <c r="LMT711" s="613"/>
      <c r="LMU711" s="613"/>
      <c r="LMV711" s="613"/>
      <c r="LMW711" s="613"/>
      <c r="LMX711" s="613"/>
      <c r="LMY711" s="613"/>
      <c r="LMZ711" s="613"/>
      <c r="LNA711" s="613"/>
      <c r="LNB711" s="613"/>
      <c r="LNC711" s="613"/>
      <c r="LND711" s="613"/>
      <c r="LNE711" s="613"/>
      <c r="LNF711" s="613"/>
      <c r="LNG711" s="613"/>
      <c r="LNH711" s="613"/>
      <c r="LNI711" s="613"/>
      <c r="LNJ711" s="613"/>
      <c r="LNK711" s="613"/>
      <c r="LNL711" s="613"/>
      <c r="LNM711" s="613"/>
      <c r="LNN711" s="613"/>
      <c r="LNO711" s="613"/>
      <c r="LNP711" s="613"/>
      <c r="LNQ711" s="613"/>
      <c r="LNR711" s="613"/>
      <c r="LNS711" s="613"/>
      <c r="LNT711" s="613"/>
      <c r="LNU711" s="613"/>
      <c r="LNV711" s="613"/>
      <c r="LNW711" s="613"/>
      <c r="LNX711" s="613"/>
      <c r="LNY711" s="613"/>
      <c r="LNZ711" s="613"/>
      <c r="LOA711" s="613"/>
      <c r="LOB711" s="613"/>
      <c r="LOC711" s="613"/>
      <c r="LOD711" s="613"/>
      <c r="LOE711" s="613"/>
      <c r="LOF711" s="613"/>
      <c r="LOG711" s="613"/>
      <c r="LOH711" s="613"/>
      <c r="LOI711" s="613"/>
      <c r="LOJ711" s="613"/>
      <c r="LOK711" s="613"/>
      <c r="LOL711" s="613"/>
      <c r="LOM711" s="613"/>
      <c r="LON711" s="613"/>
      <c r="LOO711" s="613"/>
      <c r="LOP711" s="613"/>
      <c r="LOQ711" s="613"/>
      <c r="LOR711" s="613"/>
      <c r="LOS711" s="613"/>
      <c r="LOT711" s="613"/>
      <c r="LOU711" s="613"/>
      <c r="LOV711" s="613"/>
      <c r="LOW711" s="613"/>
      <c r="LOX711" s="613"/>
      <c r="LOY711" s="613"/>
      <c r="LOZ711" s="613"/>
      <c r="LPA711" s="613"/>
      <c r="LPB711" s="613"/>
      <c r="LPC711" s="613"/>
      <c r="LPD711" s="613"/>
      <c r="LPE711" s="613"/>
      <c r="LPF711" s="613"/>
      <c r="LPG711" s="613"/>
      <c r="LPH711" s="613"/>
      <c r="LPI711" s="613"/>
      <c r="LPJ711" s="613"/>
      <c r="LPK711" s="613"/>
      <c r="LPL711" s="613"/>
      <c r="LPM711" s="613"/>
      <c r="LPN711" s="613"/>
      <c r="LPO711" s="613"/>
      <c r="LPP711" s="613"/>
      <c r="LPQ711" s="613"/>
      <c r="LPR711" s="613"/>
      <c r="LPS711" s="613"/>
      <c r="LPT711" s="613"/>
      <c r="LPU711" s="613"/>
      <c r="LPV711" s="613"/>
      <c r="LPW711" s="613"/>
      <c r="LPX711" s="613"/>
      <c r="LPY711" s="613"/>
      <c r="LPZ711" s="613"/>
      <c r="LQA711" s="613"/>
      <c r="LQB711" s="613"/>
      <c r="LQC711" s="613"/>
      <c r="LQD711" s="613"/>
      <c r="LQE711" s="613"/>
      <c r="LQF711" s="613"/>
      <c r="LQG711" s="613"/>
      <c r="LQH711" s="613"/>
      <c r="LQI711" s="613"/>
      <c r="LQJ711" s="613"/>
      <c r="LQK711" s="613"/>
      <c r="LQL711" s="613"/>
      <c r="LQM711" s="613"/>
      <c r="LQN711" s="613"/>
      <c r="LQO711" s="613"/>
      <c r="LQP711" s="613"/>
      <c r="LQQ711" s="613"/>
      <c r="LQR711" s="613"/>
      <c r="LQS711" s="613"/>
      <c r="LQT711" s="613"/>
      <c r="LQU711" s="613"/>
      <c r="LQV711" s="613"/>
      <c r="LQW711" s="613"/>
      <c r="LQX711" s="613"/>
      <c r="LQY711" s="613"/>
      <c r="LQZ711" s="613"/>
      <c r="LRA711" s="613"/>
      <c r="LRB711" s="613"/>
      <c r="LRC711" s="613"/>
      <c r="LRD711" s="613"/>
      <c r="LRE711" s="613"/>
      <c r="LRF711" s="613"/>
      <c r="LRG711" s="613"/>
      <c r="LRH711" s="613"/>
      <c r="LRI711" s="613"/>
      <c r="LRJ711" s="613"/>
      <c r="LRK711" s="613"/>
      <c r="LRL711" s="613"/>
      <c r="LRM711" s="613"/>
      <c r="LRN711" s="613"/>
      <c r="LRO711" s="613"/>
      <c r="LRP711" s="613"/>
      <c r="LRQ711" s="613"/>
      <c r="LRR711" s="613"/>
      <c r="LRS711" s="613"/>
      <c r="LRT711" s="613"/>
      <c r="LRU711" s="613"/>
      <c r="LRV711" s="613"/>
      <c r="LRW711" s="613"/>
      <c r="LRX711" s="613"/>
      <c r="LRY711" s="613"/>
      <c r="LRZ711" s="613"/>
      <c r="LSA711" s="613"/>
      <c r="LSB711" s="613"/>
      <c r="LSC711" s="613"/>
      <c r="LSD711" s="613"/>
      <c r="LSE711" s="613"/>
      <c r="LSF711" s="613"/>
      <c r="LSG711" s="613"/>
      <c r="LSH711" s="613"/>
      <c r="LSI711" s="613"/>
      <c r="LSJ711" s="613"/>
      <c r="LSK711" s="613"/>
      <c r="LSL711" s="613"/>
      <c r="LSM711" s="613"/>
      <c r="LSN711" s="613"/>
      <c r="LSO711" s="613"/>
      <c r="LSP711" s="613"/>
      <c r="LSQ711" s="613"/>
      <c r="LSR711" s="613"/>
      <c r="LSS711" s="613"/>
      <c r="LST711" s="613"/>
      <c r="LSU711" s="613"/>
      <c r="LSV711" s="613"/>
      <c r="LSW711" s="613"/>
      <c r="LSX711" s="613"/>
      <c r="LSY711" s="613"/>
      <c r="LSZ711" s="613"/>
      <c r="LTA711" s="613"/>
      <c r="LTB711" s="613"/>
      <c r="LTC711" s="613"/>
      <c r="LTD711" s="613"/>
      <c r="LTE711" s="613"/>
      <c r="LTF711" s="613"/>
      <c r="LTG711" s="613"/>
      <c r="LTH711" s="613"/>
      <c r="LTI711" s="613"/>
      <c r="LTJ711" s="613"/>
      <c r="LTK711" s="613"/>
      <c r="LTL711" s="613"/>
      <c r="LTM711" s="613"/>
      <c r="LTN711" s="613"/>
      <c r="LTO711" s="613"/>
      <c r="LTP711" s="613"/>
      <c r="LTQ711" s="613"/>
      <c r="LTR711" s="613"/>
      <c r="LTS711" s="613"/>
      <c r="LTT711" s="613"/>
      <c r="LTU711" s="613"/>
      <c r="LTV711" s="613"/>
      <c r="LTW711" s="613"/>
      <c r="LTX711" s="613"/>
      <c r="LTY711" s="613"/>
      <c r="LTZ711" s="613"/>
      <c r="LUA711" s="613"/>
      <c r="LUB711" s="613"/>
      <c r="LUC711" s="613"/>
      <c r="LUD711" s="613"/>
      <c r="LUE711" s="613"/>
      <c r="LUF711" s="613"/>
      <c r="LUG711" s="613"/>
      <c r="LUH711" s="613"/>
      <c r="LUI711" s="613"/>
      <c r="LUJ711" s="613"/>
      <c r="LUK711" s="613"/>
      <c r="LUL711" s="613"/>
      <c r="LUM711" s="613"/>
      <c r="LUN711" s="613"/>
      <c r="LUO711" s="613"/>
      <c r="LUP711" s="613"/>
      <c r="LUQ711" s="613"/>
      <c r="LUR711" s="613"/>
      <c r="LUS711" s="613"/>
      <c r="LUT711" s="613"/>
      <c r="LUU711" s="613"/>
      <c r="LUV711" s="613"/>
      <c r="LUW711" s="613"/>
      <c r="LUX711" s="613"/>
      <c r="LUY711" s="613"/>
      <c r="LUZ711" s="613"/>
      <c r="LVA711" s="613"/>
      <c r="LVB711" s="613"/>
      <c r="LVC711" s="613"/>
      <c r="LVD711" s="613"/>
      <c r="LVE711" s="613"/>
      <c r="LVF711" s="613"/>
      <c r="LVG711" s="613"/>
      <c r="LVH711" s="613"/>
      <c r="LVI711" s="613"/>
      <c r="LVJ711" s="613"/>
      <c r="LVK711" s="613"/>
      <c r="LVL711" s="613"/>
      <c r="LVM711" s="613"/>
      <c r="LVN711" s="613"/>
      <c r="LVO711" s="613"/>
      <c r="LVP711" s="613"/>
      <c r="LVQ711" s="613"/>
      <c r="LVR711" s="613"/>
      <c r="LVS711" s="613"/>
      <c r="LVT711" s="613"/>
      <c r="LVU711" s="613"/>
      <c r="LVV711" s="613"/>
      <c r="LVW711" s="613"/>
      <c r="LVX711" s="613"/>
      <c r="LVY711" s="613"/>
      <c r="LVZ711" s="613"/>
      <c r="LWA711" s="613"/>
      <c r="LWB711" s="613"/>
      <c r="LWC711" s="613"/>
      <c r="LWD711" s="613"/>
      <c r="LWE711" s="613"/>
      <c r="LWF711" s="613"/>
      <c r="LWG711" s="613"/>
      <c r="LWH711" s="613"/>
      <c r="LWI711" s="613"/>
      <c r="LWJ711" s="613"/>
      <c r="LWK711" s="613"/>
      <c r="LWL711" s="613"/>
      <c r="LWM711" s="613"/>
      <c r="LWN711" s="613"/>
      <c r="LWO711" s="613"/>
      <c r="LWP711" s="613"/>
      <c r="LWQ711" s="613"/>
      <c r="LWR711" s="613"/>
      <c r="LWS711" s="613"/>
      <c r="LWT711" s="613"/>
      <c r="LWU711" s="613"/>
      <c r="LWV711" s="613"/>
      <c r="LWW711" s="613"/>
      <c r="LWX711" s="613"/>
      <c r="LWY711" s="613"/>
      <c r="LWZ711" s="613"/>
      <c r="LXA711" s="613"/>
      <c r="LXB711" s="613"/>
      <c r="LXC711" s="613"/>
      <c r="LXD711" s="613"/>
      <c r="LXE711" s="613"/>
      <c r="LXF711" s="613"/>
      <c r="LXG711" s="613"/>
      <c r="LXH711" s="613"/>
      <c r="LXI711" s="613"/>
      <c r="LXJ711" s="613"/>
      <c r="LXK711" s="613"/>
      <c r="LXL711" s="613"/>
      <c r="LXM711" s="613"/>
      <c r="LXN711" s="613"/>
      <c r="LXO711" s="613"/>
      <c r="LXP711" s="613"/>
      <c r="LXQ711" s="613"/>
      <c r="LXR711" s="613"/>
      <c r="LXS711" s="613"/>
      <c r="LXT711" s="613"/>
      <c r="LXU711" s="613"/>
      <c r="LXV711" s="613"/>
      <c r="LXW711" s="613"/>
      <c r="LXX711" s="613"/>
      <c r="LXY711" s="613"/>
      <c r="LXZ711" s="613"/>
      <c r="LYA711" s="613"/>
      <c r="LYB711" s="613"/>
      <c r="LYC711" s="613"/>
      <c r="LYD711" s="613"/>
      <c r="LYE711" s="613"/>
      <c r="LYF711" s="613"/>
      <c r="LYG711" s="613"/>
      <c r="LYH711" s="613"/>
      <c r="LYI711" s="613"/>
      <c r="LYJ711" s="613"/>
      <c r="LYK711" s="613"/>
      <c r="LYL711" s="613"/>
      <c r="LYM711" s="613"/>
      <c r="LYN711" s="613"/>
      <c r="LYO711" s="613"/>
      <c r="LYP711" s="613"/>
      <c r="LYQ711" s="613"/>
      <c r="LYR711" s="613"/>
      <c r="LYS711" s="613"/>
      <c r="LYT711" s="613"/>
      <c r="LYU711" s="613"/>
      <c r="LYV711" s="613"/>
      <c r="LYW711" s="613"/>
      <c r="LYX711" s="613"/>
      <c r="LYY711" s="613"/>
      <c r="LYZ711" s="613"/>
      <c r="LZA711" s="613"/>
      <c r="LZB711" s="613"/>
      <c r="LZC711" s="613"/>
      <c r="LZD711" s="613"/>
      <c r="LZE711" s="613"/>
      <c r="LZF711" s="613"/>
      <c r="LZG711" s="613"/>
      <c r="LZH711" s="613"/>
      <c r="LZI711" s="613"/>
      <c r="LZJ711" s="613"/>
      <c r="LZK711" s="613"/>
      <c r="LZL711" s="613"/>
      <c r="LZM711" s="613"/>
      <c r="LZN711" s="613"/>
      <c r="LZO711" s="613"/>
      <c r="LZP711" s="613"/>
      <c r="LZQ711" s="613"/>
      <c r="LZR711" s="613"/>
      <c r="LZS711" s="613"/>
      <c r="LZT711" s="613"/>
      <c r="LZU711" s="613"/>
      <c r="LZV711" s="613"/>
      <c r="LZW711" s="613"/>
      <c r="LZX711" s="613"/>
      <c r="LZY711" s="613"/>
      <c r="LZZ711" s="613"/>
      <c r="MAA711" s="613"/>
      <c r="MAB711" s="613"/>
      <c r="MAC711" s="613"/>
      <c r="MAD711" s="613"/>
      <c r="MAE711" s="613"/>
      <c r="MAF711" s="613"/>
      <c r="MAG711" s="613"/>
      <c r="MAH711" s="613"/>
      <c r="MAI711" s="613"/>
      <c r="MAJ711" s="613"/>
      <c r="MAK711" s="613"/>
      <c r="MAL711" s="613"/>
      <c r="MAM711" s="613"/>
      <c r="MAN711" s="613"/>
      <c r="MAO711" s="613"/>
      <c r="MAP711" s="613"/>
      <c r="MAQ711" s="613"/>
      <c r="MAR711" s="613"/>
      <c r="MAS711" s="613"/>
      <c r="MAT711" s="613"/>
      <c r="MAU711" s="613"/>
      <c r="MAV711" s="613"/>
      <c r="MAW711" s="613"/>
      <c r="MAX711" s="613"/>
      <c r="MAY711" s="613"/>
      <c r="MAZ711" s="613"/>
      <c r="MBA711" s="613"/>
      <c r="MBB711" s="613"/>
      <c r="MBC711" s="613"/>
      <c r="MBD711" s="613"/>
      <c r="MBE711" s="613"/>
      <c r="MBF711" s="613"/>
      <c r="MBG711" s="613"/>
      <c r="MBH711" s="613"/>
      <c r="MBI711" s="613"/>
      <c r="MBJ711" s="613"/>
      <c r="MBK711" s="613"/>
      <c r="MBL711" s="613"/>
      <c r="MBM711" s="613"/>
      <c r="MBN711" s="613"/>
      <c r="MBO711" s="613"/>
      <c r="MBP711" s="613"/>
      <c r="MBQ711" s="613"/>
      <c r="MBR711" s="613"/>
      <c r="MBS711" s="613"/>
      <c r="MBT711" s="613"/>
      <c r="MBU711" s="613"/>
      <c r="MBV711" s="613"/>
      <c r="MBW711" s="613"/>
      <c r="MBX711" s="613"/>
      <c r="MBY711" s="613"/>
      <c r="MBZ711" s="613"/>
      <c r="MCA711" s="613"/>
      <c r="MCB711" s="613"/>
      <c r="MCC711" s="613"/>
      <c r="MCD711" s="613"/>
      <c r="MCE711" s="613"/>
      <c r="MCF711" s="613"/>
      <c r="MCG711" s="613"/>
      <c r="MCH711" s="613"/>
      <c r="MCI711" s="613"/>
      <c r="MCJ711" s="613"/>
      <c r="MCK711" s="613"/>
      <c r="MCL711" s="613"/>
      <c r="MCM711" s="613"/>
      <c r="MCN711" s="613"/>
      <c r="MCO711" s="613"/>
      <c r="MCP711" s="613"/>
      <c r="MCQ711" s="613"/>
      <c r="MCR711" s="613"/>
      <c r="MCS711" s="613"/>
      <c r="MCT711" s="613"/>
      <c r="MCU711" s="613"/>
      <c r="MCV711" s="613"/>
      <c r="MCW711" s="613"/>
      <c r="MCX711" s="613"/>
      <c r="MCY711" s="613"/>
      <c r="MCZ711" s="613"/>
      <c r="MDA711" s="613"/>
      <c r="MDB711" s="613"/>
      <c r="MDC711" s="613"/>
      <c r="MDD711" s="613"/>
      <c r="MDE711" s="613"/>
      <c r="MDF711" s="613"/>
      <c r="MDG711" s="613"/>
      <c r="MDH711" s="613"/>
      <c r="MDI711" s="613"/>
      <c r="MDJ711" s="613"/>
      <c r="MDK711" s="613"/>
      <c r="MDL711" s="613"/>
      <c r="MDM711" s="613"/>
      <c r="MDN711" s="613"/>
      <c r="MDO711" s="613"/>
      <c r="MDP711" s="613"/>
      <c r="MDQ711" s="613"/>
      <c r="MDR711" s="613"/>
      <c r="MDS711" s="613"/>
      <c r="MDT711" s="613"/>
      <c r="MDU711" s="613"/>
      <c r="MDV711" s="613"/>
      <c r="MDW711" s="613"/>
      <c r="MDX711" s="613"/>
      <c r="MDY711" s="613"/>
      <c r="MDZ711" s="613"/>
      <c r="MEA711" s="613"/>
      <c r="MEB711" s="613"/>
      <c r="MEC711" s="613"/>
      <c r="MED711" s="613"/>
      <c r="MEE711" s="613"/>
      <c r="MEF711" s="613"/>
      <c r="MEG711" s="613"/>
      <c r="MEH711" s="613"/>
      <c r="MEI711" s="613"/>
      <c r="MEJ711" s="613"/>
      <c r="MEK711" s="613"/>
      <c r="MEL711" s="613"/>
      <c r="MEM711" s="613"/>
      <c r="MEN711" s="613"/>
      <c r="MEO711" s="613"/>
      <c r="MEP711" s="613"/>
      <c r="MEQ711" s="613"/>
      <c r="MER711" s="613"/>
      <c r="MES711" s="613"/>
      <c r="MET711" s="613"/>
      <c r="MEU711" s="613"/>
      <c r="MEV711" s="613"/>
      <c r="MEW711" s="613"/>
      <c r="MEX711" s="613"/>
      <c r="MEY711" s="613"/>
      <c r="MEZ711" s="613"/>
      <c r="MFA711" s="613"/>
      <c r="MFB711" s="613"/>
      <c r="MFC711" s="613"/>
      <c r="MFD711" s="613"/>
      <c r="MFE711" s="613"/>
      <c r="MFF711" s="613"/>
      <c r="MFG711" s="613"/>
      <c r="MFH711" s="613"/>
      <c r="MFI711" s="613"/>
      <c r="MFJ711" s="613"/>
      <c r="MFK711" s="613"/>
      <c r="MFL711" s="613"/>
      <c r="MFM711" s="613"/>
      <c r="MFN711" s="613"/>
      <c r="MFO711" s="613"/>
      <c r="MFP711" s="613"/>
      <c r="MFQ711" s="613"/>
      <c r="MFR711" s="613"/>
      <c r="MFS711" s="613"/>
      <c r="MFT711" s="613"/>
      <c r="MFU711" s="613"/>
      <c r="MFV711" s="613"/>
      <c r="MFW711" s="613"/>
      <c r="MFX711" s="613"/>
      <c r="MFY711" s="613"/>
      <c r="MFZ711" s="613"/>
      <c r="MGA711" s="613"/>
      <c r="MGB711" s="613"/>
      <c r="MGC711" s="613"/>
      <c r="MGD711" s="613"/>
      <c r="MGE711" s="613"/>
      <c r="MGF711" s="613"/>
      <c r="MGG711" s="613"/>
      <c r="MGH711" s="613"/>
      <c r="MGI711" s="613"/>
      <c r="MGJ711" s="613"/>
      <c r="MGK711" s="613"/>
      <c r="MGL711" s="613"/>
      <c r="MGM711" s="613"/>
      <c r="MGN711" s="613"/>
      <c r="MGO711" s="613"/>
      <c r="MGP711" s="613"/>
      <c r="MGQ711" s="613"/>
      <c r="MGR711" s="613"/>
      <c r="MGS711" s="613"/>
      <c r="MGT711" s="613"/>
      <c r="MGU711" s="613"/>
      <c r="MGV711" s="613"/>
      <c r="MGW711" s="613"/>
      <c r="MGX711" s="613"/>
      <c r="MGY711" s="613"/>
      <c r="MGZ711" s="613"/>
      <c r="MHA711" s="613"/>
      <c r="MHB711" s="613"/>
      <c r="MHC711" s="613"/>
      <c r="MHD711" s="613"/>
      <c r="MHE711" s="613"/>
      <c r="MHF711" s="613"/>
      <c r="MHG711" s="613"/>
      <c r="MHH711" s="613"/>
      <c r="MHI711" s="613"/>
      <c r="MHJ711" s="613"/>
      <c r="MHK711" s="613"/>
      <c r="MHL711" s="613"/>
      <c r="MHM711" s="613"/>
      <c r="MHN711" s="613"/>
      <c r="MHO711" s="613"/>
      <c r="MHP711" s="613"/>
      <c r="MHQ711" s="613"/>
      <c r="MHR711" s="613"/>
      <c r="MHS711" s="613"/>
      <c r="MHT711" s="613"/>
      <c r="MHU711" s="613"/>
      <c r="MHV711" s="613"/>
      <c r="MHW711" s="613"/>
      <c r="MHX711" s="613"/>
      <c r="MHY711" s="613"/>
      <c r="MHZ711" s="613"/>
      <c r="MIA711" s="613"/>
      <c r="MIB711" s="613"/>
      <c r="MIC711" s="613"/>
      <c r="MID711" s="613"/>
      <c r="MIE711" s="613"/>
      <c r="MIF711" s="613"/>
      <c r="MIG711" s="613"/>
      <c r="MIH711" s="613"/>
      <c r="MII711" s="613"/>
      <c r="MIJ711" s="613"/>
      <c r="MIK711" s="613"/>
      <c r="MIL711" s="613"/>
      <c r="MIM711" s="613"/>
      <c r="MIN711" s="613"/>
      <c r="MIO711" s="613"/>
      <c r="MIP711" s="613"/>
      <c r="MIQ711" s="613"/>
      <c r="MIR711" s="613"/>
      <c r="MIS711" s="613"/>
      <c r="MIT711" s="613"/>
      <c r="MIU711" s="613"/>
      <c r="MIV711" s="613"/>
      <c r="MIW711" s="613"/>
      <c r="MIX711" s="613"/>
      <c r="MIY711" s="613"/>
      <c r="MIZ711" s="613"/>
      <c r="MJA711" s="613"/>
      <c r="MJB711" s="613"/>
      <c r="MJC711" s="613"/>
      <c r="MJD711" s="613"/>
      <c r="MJE711" s="613"/>
      <c r="MJF711" s="613"/>
      <c r="MJG711" s="613"/>
      <c r="MJH711" s="613"/>
      <c r="MJI711" s="613"/>
      <c r="MJJ711" s="613"/>
      <c r="MJK711" s="613"/>
      <c r="MJL711" s="613"/>
      <c r="MJM711" s="613"/>
      <c r="MJN711" s="613"/>
      <c r="MJO711" s="613"/>
      <c r="MJP711" s="613"/>
      <c r="MJQ711" s="613"/>
      <c r="MJR711" s="613"/>
      <c r="MJS711" s="613"/>
      <c r="MJT711" s="613"/>
      <c r="MJU711" s="613"/>
      <c r="MJV711" s="613"/>
      <c r="MJW711" s="613"/>
      <c r="MJX711" s="613"/>
      <c r="MJY711" s="613"/>
      <c r="MJZ711" s="613"/>
      <c r="MKA711" s="613"/>
      <c r="MKB711" s="613"/>
      <c r="MKC711" s="613"/>
      <c r="MKD711" s="613"/>
      <c r="MKE711" s="613"/>
      <c r="MKF711" s="613"/>
      <c r="MKG711" s="613"/>
      <c r="MKH711" s="613"/>
      <c r="MKI711" s="613"/>
      <c r="MKJ711" s="613"/>
      <c r="MKK711" s="613"/>
      <c r="MKL711" s="613"/>
      <c r="MKM711" s="613"/>
      <c r="MKN711" s="613"/>
      <c r="MKO711" s="613"/>
      <c r="MKP711" s="613"/>
      <c r="MKQ711" s="613"/>
      <c r="MKR711" s="613"/>
      <c r="MKS711" s="613"/>
      <c r="MKT711" s="613"/>
      <c r="MKU711" s="613"/>
      <c r="MKV711" s="613"/>
      <c r="MKW711" s="613"/>
      <c r="MKX711" s="613"/>
      <c r="MKY711" s="613"/>
      <c r="MKZ711" s="613"/>
      <c r="MLA711" s="613"/>
      <c r="MLB711" s="613"/>
      <c r="MLC711" s="613"/>
      <c r="MLD711" s="613"/>
      <c r="MLE711" s="613"/>
      <c r="MLF711" s="613"/>
      <c r="MLG711" s="613"/>
      <c r="MLH711" s="613"/>
      <c r="MLI711" s="613"/>
      <c r="MLJ711" s="613"/>
      <c r="MLK711" s="613"/>
      <c r="MLL711" s="613"/>
      <c r="MLM711" s="613"/>
      <c r="MLN711" s="613"/>
      <c r="MLO711" s="613"/>
      <c r="MLP711" s="613"/>
      <c r="MLQ711" s="613"/>
      <c r="MLR711" s="613"/>
      <c r="MLS711" s="613"/>
      <c r="MLT711" s="613"/>
      <c r="MLU711" s="613"/>
      <c r="MLV711" s="613"/>
      <c r="MLW711" s="613"/>
      <c r="MLX711" s="613"/>
      <c r="MLY711" s="613"/>
      <c r="MLZ711" s="613"/>
      <c r="MMA711" s="613"/>
      <c r="MMB711" s="613"/>
      <c r="MMC711" s="613"/>
      <c r="MMD711" s="613"/>
      <c r="MME711" s="613"/>
      <c r="MMF711" s="613"/>
      <c r="MMG711" s="613"/>
      <c r="MMH711" s="613"/>
      <c r="MMI711" s="613"/>
      <c r="MMJ711" s="613"/>
      <c r="MMK711" s="613"/>
      <c r="MML711" s="613"/>
      <c r="MMM711" s="613"/>
      <c r="MMN711" s="613"/>
      <c r="MMO711" s="613"/>
      <c r="MMP711" s="613"/>
      <c r="MMQ711" s="613"/>
      <c r="MMR711" s="613"/>
      <c r="MMS711" s="613"/>
      <c r="MMT711" s="613"/>
      <c r="MMU711" s="613"/>
      <c r="MMV711" s="613"/>
      <c r="MMW711" s="613"/>
      <c r="MMX711" s="613"/>
      <c r="MMY711" s="613"/>
      <c r="MMZ711" s="613"/>
      <c r="MNA711" s="613"/>
      <c r="MNB711" s="613"/>
      <c r="MNC711" s="613"/>
      <c r="MND711" s="613"/>
      <c r="MNE711" s="613"/>
      <c r="MNF711" s="613"/>
      <c r="MNG711" s="613"/>
      <c r="MNH711" s="613"/>
      <c r="MNI711" s="613"/>
      <c r="MNJ711" s="613"/>
      <c r="MNK711" s="613"/>
      <c r="MNL711" s="613"/>
      <c r="MNM711" s="613"/>
      <c r="MNN711" s="613"/>
      <c r="MNO711" s="613"/>
      <c r="MNP711" s="613"/>
      <c r="MNQ711" s="613"/>
      <c r="MNR711" s="613"/>
      <c r="MNS711" s="613"/>
      <c r="MNT711" s="613"/>
      <c r="MNU711" s="613"/>
      <c r="MNV711" s="613"/>
      <c r="MNW711" s="613"/>
      <c r="MNX711" s="613"/>
      <c r="MNY711" s="613"/>
      <c r="MNZ711" s="613"/>
      <c r="MOA711" s="613"/>
      <c r="MOB711" s="613"/>
      <c r="MOC711" s="613"/>
      <c r="MOD711" s="613"/>
      <c r="MOE711" s="613"/>
      <c r="MOF711" s="613"/>
      <c r="MOG711" s="613"/>
      <c r="MOH711" s="613"/>
      <c r="MOI711" s="613"/>
      <c r="MOJ711" s="613"/>
      <c r="MOK711" s="613"/>
      <c r="MOL711" s="613"/>
      <c r="MOM711" s="613"/>
      <c r="MON711" s="613"/>
      <c r="MOO711" s="613"/>
      <c r="MOP711" s="613"/>
      <c r="MOQ711" s="613"/>
      <c r="MOR711" s="613"/>
      <c r="MOS711" s="613"/>
      <c r="MOT711" s="613"/>
      <c r="MOU711" s="613"/>
      <c r="MOV711" s="613"/>
      <c r="MOW711" s="613"/>
      <c r="MOX711" s="613"/>
      <c r="MOY711" s="613"/>
      <c r="MOZ711" s="613"/>
      <c r="MPA711" s="613"/>
      <c r="MPB711" s="613"/>
      <c r="MPC711" s="613"/>
      <c r="MPD711" s="613"/>
      <c r="MPE711" s="613"/>
      <c r="MPF711" s="613"/>
      <c r="MPG711" s="613"/>
      <c r="MPH711" s="613"/>
      <c r="MPI711" s="613"/>
      <c r="MPJ711" s="613"/>
      <c r="MPK711" s="613"/>
      <c r="MPL711" s="613"/>
      <c r="MPM711" s="613"/>
      <c r="MPN711" s="613"/>
      <c r="MPO711" s="613"/>
      <c r="MPP711" s="613"/>
      <c r="MPQ711" s="613"/>
      <c r="MPR711" s="613"/>
      <c r="MPS711" s="613"/>
      <c r="MPT711" s="613"/>
      <c r="MPU711" s="613"/>
      <c r="MPV711" s="613"/>
      <c r="MPW711" s="613"/>
      <c r="MPX711" s="613"/>
      <c r="MPY711" s="613"/>
      <c r="MPZ711" s="613"/>
      <c r="MQA711" s="613"/>
      <c r="MQB711" s="613"/>
      <c r="MQC711" s="613"/>
      <c r="MQD711" s="613"/>
      <c r="MQE711" s="613"/>
      <c r="MQF711" s="613"/>
      <c r="MQG711" s="613"/>
      <c r="MQH711" s="613"/>
      <c r="MQI711" s="613"/>
      <c r="MQJ711" s="613"/>
      <c r="MQK711" s="613"/>
      <c r="MQL711" s="613"/>
      <c r="MQM711" s="613"/>
      <c r="MQN711" s="613"/>
      <c r="MQO711" s="613"/>
      <c r="MQP711" s="613"/>
      <c r="MQQ711" s="613"/>
      <c r="MQR711" s="613"/>
      <c r="MQS711" s="613"/>
      <c r="MQT711" s="613"/>
      <c r="MQU711" s="613"/>
      <c r="MQV711" s="613"/>
      <c r="MQW711" s="613"/>
      <c r="MQX711" s="613"/>
      <c r="MQY711" s="613"/>
      <c r="MQZ711" s="613"/>
      <c r="MRA711" s="613"/>
      <c r="MRB711" s="613"/>
      <c r="MRC711" s="613"/>
      <c r="MRD711" s="613"/>
      <c r="MRE711" s="613"/>
      <c r="MRF711" s="613"/>
      <c r="MRG711" s="613"/>
      <c r="MRH711" s="613"/>
      <c r="MRI711" s="613"/>
      <c r="MRJ711" s="613"/>
      <c r="MRK711" s="613"/>
      <c r="MRL711" s="613"/>
      <c r="MRM711" s="613"/>
      <c r="MRN711" s="613"/>
      <c r="MRO711" s="613"/>
      <c r="MRP711" s="613"/>
      <c r="MRQ711" s="613"/>
      <c r="MRR711" s="613"/>
      <c r="MRS711" s="613"/>
      <c r="MRT711" s="613"/>
      <c r="MRU711" s="613"/>
      <c r="MRV711" s="613"/>
      <c r="MRW711" s="613"/>
      <c r="MRX711" s="613"/>
      <c r="MRY711" s="613"/>
      <c r="MRZ711" s="613"/>
      <c r="MSA711" s="613"/>
      <c r="MSB711" s="613"/>
      <c r="MSC711" s="613"/>
      <c r="MSD711" s="613"/>
      <c r="MSE711" s="613"/>
      <c r="MSF711" s="613"/>
      <c r="MSG711" s="613"/>
      <c r="MSH711" s="613"/>
      <c r="MSI711" s="613"/>
      <c r="MSJ711" s="613"/>
      <c r="MSK711" s="613"/>
      <c r="MSL711" s="613"/>
      <c r="MSM711" s="613"/>
      <c r="MSN711" s="613"/>
      <c r="MSO711" s="613"/>
      <c r="MSP711" s="613"/>
      <c r="MSQ711" s="613"/>
      <c r="MSR711" s="613"/>
      <c r="MSS711" s="613"/>
      <c r="MST711" s="613"/>
      <c r="MSU711" s="613"/>
      <c r="MSV711" s="613"/>
      <c r="MSW711" s="613"/>
      <c r="MSX711" s="613"/>
      <c r="MSY711" s="613"/>
      <c r="MSZ711" s="613"/>
      <c r="MTA711" s="613"/>
      <c r="MTB711" s="613"/>
      <c r="MTC711" s="613"/>
      <c r="MTD711" s="613"/>
      <c r="MTE711" s="613"/>
      <c r="MTF711" s="613"/>
      <c r="MTG711" s="613"/>
      <c r="MTH711" s="613"/>
      <c r="MTI711" s="613"/>
      <c r="MTJ711" s="613"/>
      <c r="MTK711" s="613"/>
      <c r="MTL711" s="613"/>
      <c r="MTM711" s="613"/>
      <c r="MTN711" s="613"/>
      <c r="MTO711" s="613"/>
      <c r="MTP711" s="613"/>
      <c r="MTQ711" s="613"/>
      <c r="MTR711" s="613"/>
      <c r="MTS711" s="613"/>
      <c r="MTT711" s="613"/>
      <c r="MTU711" s="613"/>
      <c r="MTV711" s="613"/>
      <c r="MTW711" s="613"/>
      <c r="MTX711" s="613"/>
      <c r="MTY711" s="613"/>
      <c r="MTZ711" s="613"/>
      <c r="MUA711" s="613"/>
      <c r="MUB711" s="613"/>
      <c r="MUC711" s="613"/>
      <c r="MUD711" s="613"/>
      <c r="MUE711" s="613"/>
      <c r="MUF711" s="613"/>
      <c r="MUG711" s="613"/>
      <c r="MUH711" s="613"/>
      <c r="MUI711" s="613"/>
      <c r="MUJ711" s="613"/>
      <c r="MUK711" s="613"/>
      <c r="MUL711" s="613"/>
      <c r="MUM711" s="613"/>
      <c r="MUN711" s="613"/>
      <c r="MUO711" s="613"/>
      <c r="MUP711" s="613"/>
      <c r="MUQ711" s="613"/>
      <c r="MUR711" s="613"/>
      <c r="MUS711" s="613"/>
      <c r="MUT711" s="613"/>
      <c r="MUU711" s="613"/>
      <c r="MUV711" s="613"/>
      <c r="MUW711" s="613"/>
      <c r="MUX711" s="613"/>
      <c r="MUY711" s="613"/>
      <c r="MUZ711" s="613"/>
      <c r="MVA711" s="613"/>
      <c r="MVB711" s="613"/>
      <c r="MVC711" s="613"/>
      <c r="MVD711" s="613"/>
      <c r="MVE711" s="613"/>
      <c r="MVF711" s="613"/>
      <c r="MVG711" s="613"/>
      <c r="MVH711" s="613"/>
      <c r="MVI711" s="613"/>
      <c r="MVJ711" s="613"/>
      <c r="MVK711" s="613"/>
      <c r="MVL711" s="613"/>
      <c r="MVM711" s="613"/>
      <c r="MVN711" s="613"/>
      <c r="MVO711" s="613"/>
      <c r="MVP711" s="613"/>
      <c r="MVQ711" s="613"/>
      <c r="MVR711" s="613"/>
      <c r="MVS711" s="613"/>
      <c r="MVT711" s="613"/>
      <c r="MVU711" s="613"/>
      <c r="MVV711" s="613"/>
      <c r="MVW711" s="613"/>
      <c r="MVX711" s="613"/>
      <c r="MVY711" s="613"/>
      <c r="MVZ711" s="613"/>
      <c r="MWA711" s="613"/>
      <c r="MWB711" s="613"/>
      <c r="MWC711" s="613"/>
      <c r="MWD711" s="613"/>
      <c r="MWE711" s="613"/>
      <c r="MWF711" s="613"/>
      <c r="MWG711" s="613"/>
      <c r="MWH711" s="613"/>
      <c r="MWI711" s="613"/>
      <c r="MWJ711" s="613"/>
      <c r="MWK711" s="613"/>
      <c r="MWL711" s="613"/>
      <c r="MWM711" s="613"/>
      <c r="MWN711" s="613"/>
      <c r="MWO711" s="613"/>
      <c r="MWP711" s="613"/>
      <c r="MWQ711" s="613"/>
      <c r="MWR711" s="613"/>
      <c r="MWS711" s="613"/>
      <c r="MWT711" s="613"/>
      <c r="MWU711" s="613"/>
      <c r="MWV711" s="613"/>
      <c r="MWW711" s="613"/>
      <c r="MWX711" s="613"/>
      <c r="MWY711" s="613"/>
      <c r="MWZ711" s="613"/>
      <c r="MXA711" s="613"/>
      <c r="MXB711" s="613"/>
      <c r="MXC711" s="613"/>
      <c r="MXD711" s="613"/>
      <c r="MXE711" s="613"/>
      <c r="MXF711" s="613"/>
      <c r="MXG711" s="613"/>
      <c r="MXH711" s="613"/>
      <c r="MXI711" s="613"/>
      <c r="MXJ711" s="613"/>
      <c r="MXK711" s="613"/>
      <c r="MXL711" s="613"/>
      <c r="MXM711" s="613"/>
      <c r="MXN711" s="613"/>
      <c r="MXO711" s="613"/>
      <c r="MXP711" s="613"/>
      <c r="MXQ711" s="613"/>
      <c r="MXR711" s="613"/>
      <c r="MXS711" s="613"/>
      <c r="MXT711" s="613"/>
      <c r="MXU711" s="613"/>
      <c r="MXV711" s="613"/>
      <c r="MXW711" s="613"/>
      <c r="MXX711" s="613"/>
      <c r="MXY711" s="613"/>
      <c r="MXZ711" s="613"/>
      <c r="MYA711" s="613"/>
      <c r="MYB711" s="613"/>
      <c r="MYC711" s="613"/>
      <c r="MYD711" s="613"/>
      <c r="MYE711" s="613"/>
      <c r="MYF711" s="613"/>
      <c r="MYG711" s="613"/>
      <c r="MYH711" s="613"/>
      <c r="MYI711" s="613"/>
      <c r="MYJ711" s="613"/>
      <c r="MYK711" s="613"/>
      <c r="MYL711" s="613"/>
      <c r="MYM711" s="613"/>
      <c r="MYN711" s="613"/>
      <c r="MYO711" s="613"/>
      <c r="MYP711" s="613"/>
      <c r="MYQ711" s="613"/>
      <c r="MYR711" s="613"/>
      <c r="MYS711" s="613"/>
      <c r="MYT711" s="613"/>
      <c r="MYU711" s="613"/>
      <c r="MYV711" s="613"/>
      <c r="MYW711" s="613"/>
      <c r="MYX711" s="613"/>
      <c r="MYY711" s="613"/>
      <c r="MYZ711" s="613"/>
      <c r="MZA711" s="613"/>
      <c r="MZB711" s="613"/>
      <c r="MZC711" s="613"/>
      <c r="MZD711" s="613"/>
      <c r="MZE711" s="613"/>
      <c r="MZF711" s="613"/>
      <c r="MZG711" s="613"/>
      <c r="MZH711" s="613"/>
      <c r="MZI711" s="613"/>
      <c r="MZJ711" s="613"/>
      <c r="MZK711" s="613"/>
      <c r="MZL711" s="613"/>
      <c r="MZM711" s="613"/>
      <c r="MZN711" s="613"/>
      <c r="MZO711" s="613"/>
      <c r="MZP711" s="613"/>
      <c r="MZQ711" s="613"/>
      <c r="MZR711" s="613"/>
      <c r="MZS711" s="613"/>
      <c r="MZT711" s="613"/>
      <c r="MZU711" s="613"/>
      <c r="MZV711" s="613"/>
      <c r="MZW711" s="613"/>
      <c r="MZX711" s="613"/>
      <c r="MZY711" s="613"/>
      <c r="MZZ711" s="613"/>
      <c r="NAA711" s="613"/>
      <c r="NAB711" s="613"/>
      <c r="NAC711" s="613"/>
      <c r="NAD711" s="613"/>
      <c r="NAE711" s="613"/>
      <c r="NAF711" s="613"/>
      <c r="NAG711" s="613"/>
      <c r="NAH711" s="613"/>
      <c r="NAI711" s="613"/>
      <c r="NAJ711" s="613"/>
      <c r="NAK711" s="613"/>
      <c r="NAL711" s="613"/>
      <c r="NAM711" s="613"/>
      <c r="NAN711" s="613"/>
      <c r="NAO711" s="613"/>
      <c r="NAP711" s="613"/>
      <c r="NAQ711" s="613"/>
      <c r="NAR711" s="613"/>
      <c r="NAS711" s="613"/>
      <c r="NAT711" s="613"/>
      <c r="NAU711" s="613"/>
      <c r="NAV711" s="613"/>
      <c r="NAW711" s="613"/>
      <c r="NAX711" s="613"/>
      <c r="NAY711" s="613"/>
      <c r="NAZ711" s="613"/>
      <c r="NBA711" s="613"/>
      <c r="NBB711" s="613"/>
      <c r="NBC711" s="613"/>
      <c r="NBD711" s="613"/>
      <c r="NBE711" s="613"/>
      <c r="NBF711" s="613"/>
      <c r="NBG711" s="613"/>
      <c r="NBH711" s="613"/>
      <c r="NBI711" s="613"/>
      <c r="NBJ711" s="613"/>
      <c r="NBK711" s="613"/>
      <c r="NBL711" s="613"/>
      <c r="NBM711" s="613"/>
      <c r="NBN711" s="613"/>
      <c r="NBO711" s="613"/>
      <c r="NBP711" s="613"/>
      <c r="NBQ711" s="613"/>
      <c r="NBR711" s="613"/>
      <c r="NBS711" s="613"/>
      <c r="NBT711" s="613"/>
      <c r="NBU711" s="613"/>
      <c r="NBV711" s="613"/>
      <c r="NBW711" s="613"/>
      <c r="NBX711" s="613"/>
      <c r="NBY711" s="613"/>
      <c r="NBZ711" s="613"/>
      <c r="NCA711" s="613"/>
      <c r="NCB711" s="613"/>
      <c r="NCC711" s="613"/>
      <c r="NCD711" s="613"/>
      <c r="NCE711" s="613"/>
      <c r="NCF711" s="613"/>
      <c r="NCG711" s="613"/>
      <c r="NCH711" s="613"/>
      <c r="NCI711" s="613"/>
      <c r="NCJ711" s="613"/>
      <c r="NCK711" s="613"/>
      <c r="NCL711" s="613"/>
      <c r="NCM711" s="613"/>
      <c r="NCN711" s="613"/>
      <c r="NCO711" s="613"/>
      <c r="NCP711" s="613"/>
      <c r="NCQ711" s="613"/>
      <c r="NCR711" s="613"/>
      <c r="NCS711" s="613"/>
      <c r="NCT711" s="613"/>
      <c r="NCU711" s="613"/>
      <c r="NCV711" s="613"/>
      <c r="NCW711" s="613"/>
      <c r="NCX711" s="613"/>
      <c r="NCY711" s="613"/>
      <c r="NCZ711" s="613"/>
      <c r="NDA711" s="613"/>
      <c r="NDB711" s="613"/>
      <c r="NDC711" s="613"/>
      <c r="NDD711" s="613"/>
      <c r="NDE711" s="613"/>
      <c r="NDF711" s="613"/>
      <c r="NDG711" s="613"/>
      <c r="NDH711" s="613"/>
      <c r="NDI711" s="613"/>
      <c r="NDJ711" s="613"/>
      <c r="NDK711" s="613"/>
      <c r="NDL711" s="613"/>
      <c r="NDM711" s="613"/>
      <c r="NDN711" s="613"/>
      <c r="NDO711" s="613"/>
      <c r="NDP711" s="613"/>
      <c r="NDQ711" s="613"/>
      <c r="NDR711" s="613"/>
      <c r="NDS711" s="613"/>
      <c r="NDT711" s="613"/>
      <c r="NDU711" s="613"/>
      <c r="NDV711" s="613"/>
      <c r="NDW711" s="613"/>
      <c r="NDX711" s="613"/>
      <c r="NDY711" s="613"/>
      <c r="NDZ711" s="613"/>
      <c r="NEA711" s="613"/>
      <c r="NEB711" s="613"/>
      <c r="NEC711" s="613"/>
      <c r="NED711" s="613"/>
      <c r="NEE711" s="613"/>
      <c r="NEF711" s="613"/>
      <c r="NEG711" s="613"/>
      <c r="NEH711" s="613"/>
      <c r="NEI711" s="613"/>
      <c r="NEJ711" s="613"/>
      <c r="NEK711" s="613"/>
      <c r="NEL711" s="613"/>
      <c r="NEM711" s="613"/>
      <c r="NEN711" s="613"/>
      <c r="NEO711" s="613"/>
      <c r="NEP711" s="613"/>
      <c r="NEQ711" s="613"/>
      <c r="NER711" s="613"/>
      <c r="NES711" s="613"/>
      <c r="NET711" s="613"/>
      <c r="NEU711" s="613"/>
      <c r="NEV711" s="613"/>
      <c r="NEW711" s="613"/>
      <c r="NEX711" s="613"/>
      <c r="NEY711" s="613"/>
      <c r="NEZ711" s="613"/>
      <c r="NFA711" s="613"/>
      <c r="NFB711" s="613"/>
      <c r="NFC711" s="613"/>
      <c r="NFD711" s="613"/>
      <c r="NFE711" s="613"/>
      <c r="NFF711" s="613"/>
      <c r="NFG711" s="613"/>
      <c r="NFH711" s="613"/>
      <c r="NFI711" s="613"/>
      <c r="NFJ711" s="613"/>
      <c r="NFK711" s="613"/>
      <c r="NFL711" s="613"/>
      <c r="NFM711" s="613"/>
      <c r="NFN711" s="613"/>
      <c r="NFO711" s="613"/>
      <c r="NFP711" s="613"/>
      <c r="NFQ711" s="613"/>
      <c r="NFR711" s="613"/>
      <c r="NFS711" s="613"/>
      <c r="NFT711" s="613"/>
      <c r="NFU711" s="613"/>
      <c r="NFV711" s="613"/>
      <c r="NFW711" s="613"/>
      <c r="NFX711" s="613"/>
      <c r="NFY711" s="613"/>
      <c r="NFZ711" s="613"/>
      <c r="NGA711" s="613"/>
      <c r="NGB711" s="613"/>
      <c r="NGC711" s="613"/>
      <c r="NGD711" s="613"/>
      <c r="NGE711" s="613"/>
      <c r="NGF711" s="613"/>
      <c r="NGG711" s="613"/>
      <c r="NGH711" s="613"/>
      <c r="NGI711" s="613"/>
      <c r="NGJ711" s="613"/>
      <c r="NGK711" s="613"/>
      <c r="NGL711" s="613"/>
      <c r="NGM711" s="613"/>
      <c r="NGN711" s="613"/>
      <c r="NGO711" s="613"/>
      <c r="NGP711" s="613"/>
      <c r="NGQ711" s="613"/>
      <c r="NGR711" s="613"/>
      <c r="NGS711" s="613"/>
      <c r="NGT711" s="613"/>
      <c r="NGU711" s="613"/>
      <c r="NGV711" s="613"/>
      <c r="NGW711" s="613"/>
      <c r="NGX711" s="613"/>
      <c r="NGY711" s="613"/>
      <c r="NGZ711" s="613"/>
      <c r="NHA711" s="613"/>
      <c r="NHB711" s="613"/>
      <c r="NHC711" s="613"/>
      <c r="NHD711" s="613"/>
      <c r="NHE711" s="613"/>
      <c r="NHF711" s="613"/>
      <c r="NHG711" s="613"/>
      <c r="NHH711" s="613"/>
      <c r="NHI711" s="613"/>
      <c r="NHJ711" s="613"/>
      <c r="NHK711" s="613"/>
      <c r="NHL711" s="613"/>
      <c r="NHM711" s="613"/>
      <c r="NHN711" s="613"/>
      <c r="NHO711" s="613"/>
      <c r="NHP711" s="613"/>
      <c r="NHQ711" s="613"/>
      <c r="NHR711" s="613"/>
      <c r="NHS711" s="613"/>
      <c r="NHT711" s="613"/>
      <c r="NHU711" s="613"/>
      <c r="NHV711" s="613"/>
      <c r="NHW711" s="613"/>
      <c r="NHX711" s="613"/>
      <c r="NHY711" s="613"/>
      <c r="NHZ711" s="613"/>
      <c r="NIA711" s="613"/>
      <c r="NIB711" s="613"/>
      <c r="NIC711" s="613"/>
      <c r="NID711" s="613"/>
      <c r="NIE711" s="613"/>
      <c r="NIF711" s="613"/>
      <c r="NIG711" s="613"/>
      <c r="NIH711" s="613"/>
      <c r="NII711" s="613"/>
      <c r="NIJ711" s="613"/>
      <c r="NIK711" s="613"/>
      <c r="NIL711" s="613"/>
      <c r="NIM711" s="613"/>
      <c r="NIN711" s="613"/>
      <c r="NIO711" s="613"/>
      <c r="NIP711" s="613"/>
      <c r="NIQ711" s="613"/>
      <c r="NIR711" s="613"/>
      <c r="NIS711" s="613"/>
      <c r="NIT711" s="613"/>
      <c r="NIU711" s="613"/>
      <c r="NIV711" s="613"/>
      <c r="NIW711" s="613"/>
      <c r="NIX711" s="613"/>
      <c r="NIY711" s="613"/>
      <c r="NIZ711" s="613"/>
      <c r="NJA711" s="613"/>
      <c r="NJB711" s="613"/>
      <c r="NJC711" s="613"/>
      <c r="NJD711" s="613"/>
      <c r="NJE711" s="613"/>
      <c r="NJF711" s="613"/>
      <c r="NJG711" s="613"/>
      <c r="NJH711" s="613"/>
      <c r="NJI711" s="613"/>
      <c r="NJJ711" s="613"/>
      <c r="NJK711" s="613"/>
      <c r="NJL711" s="613"/>
      <c r="NJM711" s="613"/>
      <c r="NJN711" s="613"/>
      <c r="NJO711" s="613"/>
      <c r="NJP711" s="613"/>
      <c r="NJQ711" s="613"/>
      <c r="NJR711" s="613"/>
      <c r="NJS711" s="613"/>
      <c r="NJT711" s="613"/>
      <c r="NJU711" s="613"/>
      <c r="NJV711" s="613"/>
      <c r="NJW711" s="613"/>
      <c r="NJX711" s="613"/>
      <c r="NJY711" s="613"/>
      <c r="NJZ711" s="613"/>
      <c r="NKA711" s="613"/>
      <c r="NKB711" s="613"/>
      <c r="NKC711" s="613"/>
      <c r="NKD711" s="613"/>
      <c r="NKE711" s="613"/>
      <c r="NKF711" s="613"/>
      <c r="NKG711" s="613"/>
      <c r="NKH711" s="613"/>
      <c r="NKI711" s="613"/>
      <c r="NKJ711" s="613"/>
      <c r="NKK711" s="613"/>
      <c r="NKL711" s="613"/>
      <c r="NKM711" s="613"/>
      <c r="NKN711" s="613"/>
      <c r="NKO711" s="613"/>
      <c r="NKP711" s="613"/>
      <c r="NKQ711" s="613"/>
      <c r="NKR711" s="613"/>
      <c r="NKS711" s="613"/>
      <c r="NKT711" s="613"/>
      <c r="NKU711" s="613"/>
      <c r="NKV711" s="613"/>
      <c r="NKW711" s="613"/>
      <c r="NKX711" s="613"/>
      <c r="NKY711" s="613"/>
      <c r="NKZ711" s="613"/>
      <c r="NLA711" s="613"/>
      <c r="NLB711" s="613"/>
      <c r="NLC711" s="613"/>
      <c r="NLD711" s="613"/>
      <c r="NLE711" s="613"/>
      <c r="NLF711" s="613"/>
      <c r="NLG711" s="613"/>
      <c r="NLH711" s="613"/>
      <c r="NLI711" s="613"/>
      <c r="NLJ711" s="613"/>
      <c r="NLK711" s="613"/>
      <c r="NLL711" s="613"/>
      <c r="NLM711" s="613"/>
      <c r="NLN711" s="613"/>
      <c r="NLO711" s="613"/>
      <c r="NLP711" s="613"/>
      <c r="NLQ711" s="613"/>
      <c r="NLR711" s="613"/>
      <c r="NLS711" s="613"/>
      <c r="NLT711" s="613"/>
      <c r="NLU711" s="613"/>
      <c r="NLV711" s="613"/>
      <c r="NLW711" s="613"/>
      <c r="NLX711" s="613"/>
      <c r="NLY711" s="613"/>
      <c r="NLZ711" s="613"/>
      <c r="NMA711" s="613"/>
      <c r="NMB711" s="613"/>
      <c r="NMC711" s="613"/>
      <c r="NMD711" s="613"/>
      <c r="NME711" s="613"/>
      <c r="NMF711" s="613"/>
      <c r="NMG711" s="613"/>
      <c r="NMH711" s="613"/>
      <c r="NMI711" s="613"/>
      <c r="NMJ711" s="613"/>
      <c r="NMK711" s="613"/>
      <c r="NML711" s="613"/>
      <c r="NMM711" s="613"/>
      <c r="NMN711" s="613"/>
      <c r="NMO711" s="613"/>
      <c r="NMP711" s="613"/>
      <c r="NMQ711" s="613"/>
      <c r="NMR711" s="613"/>
      <c r="NMS711" s="613"/>
      <c r="NMT711" s="613"/>
      <c r="NMU711" s="613"/>
      <c r="NMV711" s="613"/>
      <c r="NMW711" s="613"/>
      <c r="NMX711" s="613"/>
      <c r="NMY711" s="613"/>
      <c r="NMZ711" s="613"/>
      <c r="NNA711" s="613"/>
      <c r="NNB711" s="613"/>
      <c r="NNC711" s="613"/>
      <c r="NND711" s="613"/>
      <c r="NNE711" s="613"/>
      <c r="NNF711" s="613"/>
      <c r="NNG711" s="613"/>
      <c r="NNH711" s="613"/>
      <c r="NNI711" s="613"/>
      <c r="NNJ711" s="613"/>
      <c r="NNK711" s="613"/>
      <c r="NNL711" s="613"/>
      <c r="NNM711" s="613"/>
      <c r="NNN711" s="613"/>
      <c r="NNO711" s="613"/>
      <c r="NNP711" s="613"/>
      <c r="NNQ711" s="613"/>
      <c r="NNR711" s="613"/>
      <c r="NNS711" s="613"/>
      <c r="NNT711" s="613"/>
      <c r="NNU711" s="613"/>
      <c r="NNV711" s="613"/>
      <c r="NNW711" s="613"/>
      <c r="NNX711" s="613"/>
      <c r="NNY711" s="613"/>
      <c r="NNZ711" s="613"/>
      <c r="NOA711" s="613"/>
      <c r="NOB711" s="613"/>
      <c r="NOC711" s="613"/>
      <c r="NOD711" s="613"/>
      <c r="NOE711" s="613"/>
      <c r="NOF711" s="613"/>
      <c r="NOG711" s="613"/>
      <c r="NOH711" s="613"/>
      <c r="NOI711" s="613"/>
      <c r="NOJ711" s="613"/>
      <c r="NOK711" s="613"/>
      <c r="NOL711" s="613"/>
      <c r="NOM711" s="613"/>
      <c r="NON711" s="613"/>
      <c r="NOO711" s="613"/>
      <c r="NOP711" s="613"/>
      <c r="NOQ711" s="613"/>
      <c r="NOR711" s="613"/>
      <c r="NOS711" s="613"/>
      <c r="NOT711" s="613"/>
      <c r="NOU711" s="613"/>
      <c r="NOV711" s="613"/>
      <c r="NOW711" s="613"/>
      <c r="NOX711" s="613"/>
      <c r="NOY711" s="613"/>
      <c r="NOZ711" s="613"/>
      <c r="NPA711" s="613"/>
      <c r="NPB711" s="613"/>
      <c r="NPC711" s="613"/>
      <c r="NPD711" s="613"/>
      <c r="NPE711" s="613"/>
      <c r="NPF711" s="613"/>
      <c r="NPG711" s="613"/>
      <c r="NPH711" s="613"/>
      <c r="NPI711" s="613"/>
      <c r="NPJ711" s="613"/>
      <c r="NPK711" s="613"/>
      <c r="NPL711" s="613"/>
      <c r="NPM711" s="613"/>
      <c r="NPN711" s="613"/>
      <c r="NPO711" s="613"/>
      <c r="NPP711" s="613"/>
      <c r="NPQ711" s="613"/>
      <c r="NPR711" s="613"/>
      <c r="NPS711" s="613"/>
      <c r="NPT711" s="613"/>
      <c r="NPU711" s="613"/>
      <c r="NPV711" s="613"/>
      <c r="NPW711" s="613"/>
      <c r="NPX711" s="613"/>
      <c r="NPY711" s="613"/>
      <c r="NPZ711" s="613"/>
      <c r="NQA711" s="613"/>
      <c r="NQB711" s="613"/>
      <c r="NQC711" s="613"/>
      <c r="NQD711" s="613"/>
      <c r="NQE711" s="613"/>
      <c r="NQF711" s="613"/>
      <c r="NQG711" s="613"/>
      <c r="NQH711" s="613"/>
      <c r="NQI711" s="613"/>
      <c r="NQJ711" s="613"/>
      <c r="NQK711" s="613"/>
      <c r="NQL711" s="613"/>
      <c r="NQM711" s="613"/>
      <c r="NQN711" s="613"/>
      <c r="NQO711" s="613"/>
      <c r="NQP711" s="613"/>
      <c r="NQQ711" s="613"/>
      <c r="NQR711" s="613"/>
      <c r="NQS711" s="613"/>
      <c r="NQT711" s="613"/>
      <c r="NQU711" s="613"/>
      <c r="NQV711" s="613"/>
      <c r="NQW711" s="613"/>
      <c r="NQX711" s="613"/>
      <c r="NQY711" s="613"/>
      <c r="NQZ711" s="613"/>
      <c r="NRA711" s="613"/>
      <c r="NRB711" s="613"/>
      <c r="NRC711" s="613"/>
      <c r="NRD711" s="613"/>
      <c r="NRE711" s="613"/>
      <c r="NRF711" s="613"/>
      <c r="NRG711" s="613"/>
      <c r="NRH711" s="613"/>
      <c r="NRI711" s="613"/>
      <c r="NRJ711" s="613"/>
      <c r="NRK711" s="613"/>
      <c r="NRL711" s="613"/>
      <c r="NRM711" s="613"/>
      <c r="NRN711" s="613"/>
      <c r="NRO711" s="613"/>
      <c r="NRP711" s="613"/>
      <c r="NRQ711" s="613"/>
      <c r="NRR711" s="613"/>
      <c r="NRS711" s="613"/>
      <c r="NRT711" s="613"/>
      <c r="NRU711" s="613"/>
      <c r="NRV711" s="613"/>
      <c r="NRW711" s="613"/>
      <c r="NRX711" s="613"/>
      <c r="NRY711" s="613"/>
      <c r="NRZ711" s="613"/>
      <c r="NSA711" s="613"/>
      <c r="NSB711" s="613"/>
      <c r="NSC711" s="613"/>
      <c r="NSD711" s="613"/>
      <c r="NSE711" s="613"/>
      <c r="NSF711" s="613"/>
      <c r="NSG711" s="613"/>
      <c r="NSH711" s="613"/>
      <c r="NSI711" s="613"/>
      <c r="NSJ711" s="613"/>
      <c r="NSK711" s="613"/>
      <c r="NSL711" s="613"/>
      <c r="NSM711" s="613"/>
      <c r="NSN711" s="613"/>
      <c r="NSO711" s="613"/>
      <c r="NSP711" s="613"/>
      <c r="NSQ711" s="613"/>
      <c r="NSR711" s="613"/>
      <c r="NSS711" s="613"/>
      <c r="NST711" s="613"/>
      <c r="NSU711" s="613"/>
      <c r="NSV711" s="613"/>
      <c r="NSW711" s="613"/>
      <c r="NSX711" s="613"/>
      <c r="NSY711" s="613"/>
      <c r="NSZ711" s="613"/>
      <c r="NTA711" s="613"/>
      <c r="NTB711" s="613"/>
      <c r="NTC711" s="613"/>
      <c r="NTD711" s="613"/>
      <c r="NTE711" s="613"/>
      <c r="NTF711" s="613"/>
      <c r="NTG711" s="613"/>
      <c r="NTH711" s="613"/>
      <c r="NTI711" s="613"/>
      <c r="NTJ711" s="613"/>
      <c r="NTK711" s="613"/>
      <c r="NTL711" s="613"/>
      <c r="NTM711" s="613"/>
      <c r="NTN711" s="613"/>
      <c r="NTO711" s="613"/>
      <c r="NTP711" s="613"/>
      <c r="NTQ711" s="613"/>
      <c r="NTR711" s="613"/>
      <c r="NTS711" s="613"/>
      <c r="NTT711" s="613"/>
      <c r="NTU711" s="613"/>
      <c r="NTV711" s="613"/>
      <c r="NTW711" s="613"/>
      <c r="NTX711" s="613"/>
      <c r="NTY711" s="613"/>
      <c r="NTZ711" s="613"/>
      <c r="NUA711" s="613"/>
      <c r="NUB711" s="613"/>
      <c r="NUC711" s="613"/>
      <c r="NUD711" s="613"/>
      <c r="NUE711" s="613"/>
      <c r="NUF711" s="613"/>
      <c r="NUG711" s="613"/>
      <c r="NUH711" s="613"/>
      <c r="NUI711" s="613"/>
      <c r="NUJ711" s="613"/>
      <c r="NUK711" s="613"/>
      <c r="NUL711" s="613"/>
      <c r="NUM711" s="613"/>
      <c r="NUN711" s="613"/>
      <c r="NUO711" s="613"/>
      <c r="NUP711" s="613"/>
      <c r="NUQ711" s="613"/>
      <c r="NUR711" s="613"/>
      <c r="NUS711" s="613"/>
      <c r="NUT711" s="613"/>
      <c r="NUU711" s="613"/>
      <c r="NUV711" s="613"/>
      <c r="NUW711" s="613"/>
      <c r="NUX711" s="613"/>
      <c r="NUY711" s="613"/>
      <c r="NUZ711" s="613"/>
      <c r="NVA711" s="613"/>
      <c r="NVB711" s="613"/>
      <c r="NVC711" s="613"/>
      <c r="NVD711" s="613"/>
      <c r="NVE711" s="613"/>
      <c r="NVF711" s="613"/>
      <c r="NVG711" s="613"/>
      <c r="NVH711" s="613"/>
      <c r="NVI711" s="613"/>
      <c r="NVJ711" s="613"/>
      <c r="NVK711" s="613"/>
      <c r="NVL711" s="613"/>
      <c r="NVM711" s="613"/>
      <c r="NVN711" s="613"/>
      <c r="NVO711" s="613"/>
      <c r="NVP711" s="613"/>
      <c r="NVQ711" s="613"/>
      <c r="NVR711" s="613"/>
      <c r="NVS711" s="613"/>
      <c r="NVT711" s="613"/>
      <c r="NVU711" s="613"/>
      <c r="NVV711" s="613"/>
      <c r="NVW711" s="613"/>
      <c r="NVX711" s="613"/>
      <c r="NVY711" s="613"/>
      <c r="NVZ711" s="613"/>
      <c r="NWA711" s="613"/>
      <c r="NWB711" s="613"/>
      <c r="NWC711" s="613"/>
      <c r="NWD711" s="613"/>
      <c r="NWE711" s="613"/>
      <c r="NWF711" s="613"/>
      <c r="NWG711" s="613"/>
      <c r="NWH711" s="613"/>
      <c r="NWI711" s="613"/>
      <c r="NWJ711" s="613"/>
      <c r="NWK711" s="613"/>
      <c r="NWL711" s="613"/>
      <c r="NWM711" s="613"/>
      <c r="NWN711" s="613"/>
      <c r="NWO711" s="613"/>
      <c r="NWP711" s="613"/>
      <c r="NWQ711" s="613"/>
      <c r="NWR711" s="613"/>
      <c r="NWS711" s="613"/>
      <c r="NWT711" s="613"/>
      <c r="NWU711" s="613"/>
      <c r="NWV711" s="613"/>
      <c r="NWW711" s="613"/>
      <c r="NWX711" s="613"/>
      <c r="NWY711" s="613"/>
      <c r="NWZ711" s="613"/>
      <c r="NXA711" s="613"/>
      <c r="NXB711" s="613"/>
      <c r="NXC711" s="613"/>
      <c r="NXD711" s="613"/>
      <c r="NXE711" s="613"/>
      <c r="NXF711" s="613"/>
      <c r="NXG711" s="613"/>
      <c r="NXH711" s="613"/>
      <c r="NXI711" s="613"/>
      <c r="NXJ711" s="613"/>
      <c r="NXK711" s="613"/>
      <c r="NXL711" s="613"/>
      <c r="NXM711" s="613"/>
      <c r="NXN711" s="613"/>
      <c r="NXO711" s="613"/>
      <c r="NXP711" s="613"/>
      <c r="NXQ711" s="613"/>
      <c r="NXR711" s="613"/>
      <c r="NXS711" s="613"/>
      <c r="NXT711" s="613"/>
      <c r="NXU711" s="613"/>
      <c r="NXV711" s="613"/>
      <c r="NXW711" s="613"/>
      <c r="NXX711" s="613"/>
      <c r="NXY711" s="613"/>
      <c r="NXZ711" s="613"/>
      <c r="NYA711" s="613"/>
      <c r="NYB711" s="613"/>
      <c r="NYC711" s="613"/>
      <c r="NYD711" s="613"/>
      <c r="NYE711" s="613"/>
      <c r="NYF711" s="613"/>
      <c r="NYG711" s="613"/>
      <c r="NYH711" s="613"/>
      <c r="NYI711" s="613"/>
      <c r="NYJ711" s="613"/>
      <c r="NYK711" s="613"/>
      <c r="NYL711" s="613"/>
      <c r="NYM711" s="613"/>
      <c r="NYN711" s="613"/>
      <c r="NYO711" s="613"/>
      <c r="NYP711" s="613"/>
      <c r="NYQ711" s="613"/>
      <c r="NYR711" s="613"/>
      <c r="NYS711" s="613"/>
      <c r="NYT711" s="613"/>
      <c r="NYU711" s="613"/>
      <c r="NYV711" s="613"/>
      <c r="NYW711" s="613"/>
      <c r="NYX711" s="613"/>
      <c r="NYY711" s="613"/>
      <c r="NYZ711" s="613"/>
      <c r="NZA711" s="613"/>
      <c r="NZB711" s="613"/>
      <c r="NZC711" s="613"/>
      <c r="NZD711" s="613"/>
      <c r="NZE711" s="613"/>
      <c r="NZF711" s="613"/>
      <c r="NZG711" s="613"/>
      <c r="NZH711" s="613"/>
      <c r="NZI711" s="613"/>
      <c r="NZJ711" s="613"/>
      <c r="NZK711" s="613"/>
      <c r="NZL711" s="613"/>
      <c r="NZM711" s="613"/>
      <c r="NZN711" s="613"/>
      <c r="NZO711" s="613"/>
      <c r="NZP711" s="613"/>
      <c r="NZQ711" s="613"/>
      <c r="NZR711" s="613"/>
      <c r="NZS711" s="613"/>
      <c r="NZT711" s="613"/>
      <c r="NZU711" s="613"/>
      <c r="NZV711" s="613"/>
      <c r="NZW711" s="613"/>
      <c r="NZX711" s="613"/>
      <c r="NZY711" s="613"/>
      <c r="NZZ711" s="613"/>
      <c r="OAA711" s="613"/>
      <c r="OAB711" s="613"/>
      <c r="OAC711" s="613"/>
      <c r="OAD711" s="613"/>
      <c r="OAE711" s="613"/>
      <c r="OAF711" s="613"/>
      <c r="OAG711" s="613"/>
      <c r="OAH711" s="613"/>
      <c r="OAI711" s="613"/>
      <c r="OAJ711" s="613"/>
      <c r="OAK711" s="613"/>
      <c r="OAL711" s="613"/>
      <c r="OAM711" s="613"/>
      <c r="OAN711" s="613"/>
      <c r="OAO711" s="613"/>
      <c r="OAP711" s="613"/>
      <c r="OAQ711" s="613"/>
      <c r="OAR711" s="613"/>
      <c r="OAS711" s="613"/>
      <c r="OAT711" s="613"/>
      <c r="OAU711" s="613"/>
      <c r="OAV711" s="613"/>
      <c r="OAW711" s="613"/>
      <c r="OAX711" s="613"/>
      <c r="OAY711" s="613"/>
      <c r="OAZ711" s="613"/>
      <c r="OBA711" s="613"/>
      <c r="OBB711" s="613"/>
      <c r="OBC711" s="613"/>
      <c r="OBD711" s="613"/>
      <c r="OBE711" s="613"/>
      <c r="OBF711" s="613"/>
      <c r="OBG711" s="613"/>
      <c r="OBH711" s="613"/>
      <c r="OBI711" s="613"/>
      <c r="OBJ711" s="613"/>
      <c r="OBK711" s="613"/>
      <c r="OBL711" s="613"/>
      <c r="OBM711" s="613"/>
      <c r="OBN711" s="613"/>
      <c r="OBO711" s="613"/>
      <c r="OBP711" s="613"/>
      <c r="OBQ711" s="613"/>
      <c r="OBR711" s="613"/>
      <c r="OBS711" s="613"/>
      <c r="OBT711" s="613"/>
      <c r="OBU711" s="613"/>
      <c r="OBV711" s="613"/>
      <c r="OBW711" s="613"/>
      <c r="OBX711" s="613"/>
      <c r="OBY711" s="613"/>
      <c r="OBZ711" s="613"/>
      <c r="OCA711" s="613"/>
      <c r="OCB711" s="613"/>
      <c r="OCC711" s="613"/>
      <c r="OCD711" s="613"/>
      <c r="OCE711" s="613"/>
      <c r="OCF711" s="613"/>
      <c r="OCG711" s="613"/>
      <c r="OCH711" s="613"/>
      <c r="OCI711" s="613"/>
      <c r="OCJ711" s="613"/>
      <c r="OCK711" s="613"/>
      <c r="OCL711" s="613"/>
      <c r="OCM711" s="613"/>
      <c r="OCN711" s="613"/>
      <c r="OCO711" s="613"/>
      <c r="OCP711" s="613"/>
      <c r="OCQ711" s="613"/>
      <c r="OCR711" s="613"/>
      <c r="OCS711" s="613"/>
      <c r="OCT711" s="613"/>
      <c r="OCU711" s="613"/>
      <c r="OCV711" s="613"/>
      <c r="OCW711" s="613"/>
      <c r="OCX711" s="613"/>
      <c r="OCY711" s="613"/>
      <c r="OCZ711" s="613"/>
      <c r="ODA711" s="613"/>
      <c r="ODB711" s="613"/>
      <c r="ODC711" s="613"/>
      <c r="ODD711" s="613"/>
      <c r="ODE711" s="613"/>
      <c r="ODF711" s="613"/>
      <c r="ODG711" s="613"/>
      <c r="ODH711" s="613"/>
      <c r="ODI711" s="613"/>
      <c r="ODJ711" s="613"/>
      <c r="ODK711" s="613"/>
      <c r="ODL711" s="613"/>
      <c r="ODM711" s="613"/>
      <c r="ODN711" s="613"/>
      <c r="ODO711" s="613"/>
      <c r="ODP711" s="613"/>
      <c r="ODQ711" s="613"/>
      <c r="ODR711" s="613"/>
      <c r="ODS711" s="613"/>
      <c r="ODT711" s="613"/>
      <c r="ODU711" s="613"/>
      <c r="ODV711" s="613"/>
      <c r="ODW711" s="613"/>
      <c r="ODX711" s="613"/>
      <c r="ODY711" s="613"/>
      <c r="ODZ711" s="613"/>
      <c r="OEA711" s="613"/>
      <c r="OEB711" s="613"/>
      <c r="OEC711" s="613"/>
      <c r="OED711" s="613"/>
      <c r="OEE711" s="613"/>
      <c r="OEF711" s="613"/>
      <c r="OEG711" s="613"/>
      <c r="OEH711" s="613"/>
      <c r="OEI711" s="613"/>
      <c r="OEJ711" s="613"/>
      <c r="OEK711" s="613"/>
      <c r="OEL711" s="613"/>
      <c r="OEM711" s="613"/>
      <c r="OEN711" s="613"/>
      <c r="OEO711" s="613"/>
      <c r="OEP711" s="613"/>
      <c r="OEQ711" s="613"/>
      <c r="OER711" s="613"/>
      <c r="OES711" s="613"/>
      <c r="OET711" s="613"/>
      <c r="OEU711" s="613"/>
      <c r="OEV711" s="613"/>
      <c r="OEW711" s="613"/>
      <c r="OEX711" s="613"/>
      <c r="OEY711" s="613"/>
      <c r="OEZ711" s="613"/>
      <c r="OFA711" s="613"/>
      <c r="OFB711" s="613"/>
      <c r="OFC711" s="613"/>
      <c r="OFD711" s="613"/>
      <c r="OFE711" s="613"/>
      <c r="OFF711" s="613"/>
      <c r="OFG711" s="613"/>
      <c r="OFH711" s="613"/>
      <c r="OFI711" s="613"/>
      <c r="OFJ711" s="613"/>
      <c r="OFK711" s="613"/>
      <c r="OFL711" s="613"/>
      <c r="OFM711" s="613"/>
      <c r="OFN711" s="613"/>
      <c r="OFO711" s="613"/>
      <c r="OFP711" s="613"/>
      <c r="OFQ711" s="613"/>
      <c r="OFR711" s="613"/>
      <c r="OFS711" s="613"/>
      <c r="OFT711" s="613"/>
      <c r="OFU711" s="613"/>
      <c r="OFV711" s="613"/>
      <c r="OFW711" s="613"/>
      <c r="OFX711" s="613"/>
      <c r="OFY711" s="613"/>
      <c r="OFZ711" s="613"/>
      <c r="OGA711" s="613"/>
      <c r="OGB711" s="613"/>
      <c r="OGC711" s="613"/>
      <c r="OGD711" s="613"/>
      <c r="OGE711" s="613"/>
      <c r="OGF711" s="613"/>
      <c r="OGG711" s="613"/>
      <c r="OGH711" s="613"/>
      <c r="OGI711" s="613"/>
      <c r="OGJ711" s="613"/>
      <c r="OGK711" s="613"/>
      <c r="OGL711" s="613"/>
      <c r="OGM711" s="613"/>
      <c r="OGN711" s="613"/>
      <c r="OGO711" s="613"/>
      <c r="OGP711" s="613"/>
      <c r="OGQ711" s="613"/>
      <c r="OGR711" s="613"/>
      <c r="OGS711" s="613"/>
      <c r="OGT711" s="613"/>
      <c r="OGU711" s="613"/>
      <c r="OGV711" s="613"/>
      <c r="OGW711" s="613"/>
      <c r="OGX711" s="613"/>
      <c r="OGY711" s="613"/>
      <c r="OGZ711" s="613"/>
      <c r="OHA711" s="613"/>
      <c r="OHB711" s="613"/>
      <c r="OHC711" s="613"/>
      <c r="OHD711" s="613"/>
      <c r="OHE711" s="613"/>
      <c r="OHF711" s="613"/>
      <c r="OHG711" s="613"/>
      <c r="OHH711" s="613"/>
      <c r="OHI711" s="613"/>
      <c r="OHJ711" s="613"/>
      <c r="OHK711" s="613"/>
      <c r="OHL711" s="613"/>
      <c r="OHM711" s="613"/>
      <c r="OHN711" s="613"/>
      <c r="OHO711" s="613"/>
      <c r="OHP711" s="613"/>
      <c r="OHQ711" s="613"/>
      <c r="OHR711" s="613"/>
      <c r="OHS711" s="613"/>
      <c r="OHT711" s="613"/>
      <c r="OHU711" s="613"/>
      <c r="OHV711" s="613"/>
      <c r="OHW711" s="613"/>
      <c r="OHX711" s="613"/>
      <c r="OHY711" s="613"/>
      <c r="OHZ711" s="613"/>
      <c r="OIA711" s="613"/>
      <c r="OIB711" s="613"/>
      <c r="OIC711" s="613"/>
      <c r="OID711" s="613"/>
      <c r="OIE711" s="613"/>
      <c r="OIF711" s="613"/>
      <c r="OIG711" s="613"/>
      <c r="OIH711" s="613"/>
      <c r="OII711" s="613"/>
      <c r="OIJ711" s="613"/>
      <c r="OIK711" s="613"/>
      <c r="OIL711" s="613"/>
      <c r="OIM711" s="613"/>
      <c r="OIN711" s="613"/>
      <c r="OIO711" s="613"/>
      <c r="OIP711" s="613"/>
      <c r="OIQ711" s="613"/>
      <c r="OIR711" s="613"/>
      <c r="OIS711" s="613"/>
      <c r="OIT711" s="613"/>
      <c r="OIU711" s="613"/>
      <c r="OIV711" s="613"/>
      <c r="OIW711" s="613"/>
      <c r="OIX711" s="613"/>
      <c r="OIY711" s="613"/>
      <c r="OIZ711" s="613"/>
      <c r="OJA711" s="613"/>
      <c r="OJB711" s="613"/>
      <c r="OJC711" s="613"/>
      <c r="OJD711" s="613"/>
      <c r="OJE711" s="613"/>
      <c r="OJF711" s="613"/>
      <c r="OJG711" s="613"/>
      <c r="OJH711" s="613"/>
      <c r="OJI711" s="613"/>
      <c r="OJJ711" s="613"/>
      <c r="OJK711" s="613"/>
      <c r="OJL711" s="613"/>
      <c r="OJM711" s="613"/>
      <c r="OJN711" s="613"/>
      <c r="OJO711" s="613"/>
      <c r="OJP711" s="613"/>
      <c r="OJQ711" s="613"/>
      <c r="OJR711" s="613"/>
      <c r="OJS711" s="613"/>
      <c r="OJT711" s="613"/>
      <c r="OJU711" s="613"/>
      <c r="OJV711" s="613"/>
      <c r="OJW711" s="613"/>
      <c r="OJX711" s="613"/>
      <c r="OJY711" s="613"/>
      <c r="OJZ711" s="613"/>
      <c r="OKA711" s="613"/>
      <c r="OKB711" s="613"/>
      <c r="OKC711" s="613"/>
      <c r="OKD711" s="613"/>
      <c r="OKE711" s="613"/>
      <c r="OKF711" s="613"/>
      <c r="OKG711" s="613"/>
      <c r="OKH711" s="613"/>
      <c r="OKI711" s="613"/>
      <c r="OKJ711" s="613"/>
      <c r="OKK711" s="613"/>
      <c r="OKL711" s="613"/>
      <c r="OKM711" s="613"/>
      <c r="OKN711" s="613"/>
      <c r="OKO711" s="613"/>
      <c r="OKP711" s="613"/>
      <c r="OKQ711" s="613"/>
      <c r="OKR711" s="613"/>
      <c r="OKS711" s="613"/>
      <c r="OKT711" s="613"/>
      <c r="OKU711" s="613"/>
      <c r="OKV711" s="613"/>
      <c r="OKW711" s="613"/>
      <c r="OKX711" s="613"/>
      <c r="OKY711" s="613"/>
      <c r="OKZ711" s="613"/>
      <c r="OLA711" s="613"/>
      <c r="OLB711" s="613"/>
      <c r="OLC711" s="613"/>
      <c r="OLD711" s="613"/>
      <c r="OLE711" s="613"/>
      <c r="OLF711" s="613"/>
      <c r="OLG711" s="613"/>
      <c r="OLH711" s="613"/>
      <c r="OLI711" s="613"/>
      <c r="OLJ711" s="613"/>
      <c r="OLK711" s="613"/>
      <c r="OLL711" s="613"/>
      <c r="OLM711" s="613"/>
      <c r="OLN711" s="613"/>
      <c r="OLO711" s="613"/>
      <c r="OLP711" s="613"/>
      <c r="OLQ711" s="613"/>
      <c r="OLR711" s="613"/>
      <c r="OLS711" s="613"/>
      <c r="OLT711" s="613"/>
      <c r="OLU711" s="613"/>
      <c r="OLV711" s="613"/>
      <c r="OLW711" s="613"/>
      <c r="OLX711" s="613"/>
      <c r="OLY711" s="613"/>
      <c r="OLZ711" s="613"/>
      <c r="OMA711" s="613"/>
      <c r="OMB711" s="613"/>
      <c r="OMC711" s="613"/>
      <c r="OMD711" s="613"/>
      <c r="OME711" s="613"/>
      <c r="OMF711" s="613"/>
      <c r="OMG711" s="613"/>
      <c r="OMH711" s="613"/>
      <c r="OMI711" s="613"/>
      <c r="OMJ711" s="613"/>
      <c r="OMK711" s="613"/>
      <c r="OML711" s="613"/>
      <c r="OMM711" s="613"/>
      <c r="OMN711" s="613"/>
      <c r="OMO711" s="613"/>
      <c r="OMP711" s="613"/>
      <c r="OMQ711" s="613"/>
      <c r="OMR711" s="613"/>
      <c r="OMS711" s="613"/>
      <c r="OMT711" s="613"/>
      <c r="OMU711" s="613"/>
      <c r="OMV711" s="613"/>
      <c r="OMW711" s="613"/>
      <c r="OMX711" s="613"/>
      <c r="OMY711" s="613"/>
      <c r="OMZ711" s="613"/>
      <c r="ONA711" s="613"/>
      <c r="ONB711" s="613"/>
      <c r="ONC711" s="613"/>
      <c r="OND711" s="613"/>
      <c r="ONE711" s="613"/>
      <c r="ONF711" s="613"/>
      <c r="ONG711" s="613"/>
      <c r="ONH711" s="613"/>
      <c r="ONI711" s="613"/>
      <c r="ONJ711" s="613"/>
      <c r="ONK711" s="613"/>
      <c r="ONL711" s="613"/>
      <c r="ONM711" s="613"/>
      <c r="ONN711" s="613"/>
      <c r="ONO711" s="613"/>
      <c r="ONP711" s="613"/>
      <c r="ONQ711" s="613"/>
      <c r="ONR711" s="613"/>
      <c r="ONS711" s="613"/>
      <c r="ONT711" s="613"/>
      <c r="ONU711" s="613"/>
      <c r="ONV711" s="613"/>
      <c r="ONW711" s="613"/>
      <c r="ONX711" s="613"/>
      <c r="ONY711" s="613"/>
      <c r="ONZ711" s="613"/>
      <c r="OOA711" s="613"/>
      <c r="OOB711" s="613"/>
      <c r="OOC711" s="613"/>
      <c r="OOD711" s="613"/>
      <c r="OOE711" s="613"/>
      <c r="OOF711" s="613"/>
      <c r="OOG711" s="613"/>
      <c r="OOH711" s="613"/>
      <c r="OOI711" s="613"/>
      <c r="OOJ711" s="613"/>
      <c r="OOK711" s="613"/>
      <c r="OOL711" s="613"/>
      <c r="OOM711" s="613"/>
      <c r="OON711" s="613"/>
      <c r="OOO711" s="613"/>
      <c r="OOP711" s="613"/>
      <c r="OOQ711" s="613"/>
      <c r="OOR711" s="613"/>
      <c r="OOS711" s="613"/>
      <c r="OOT711" s="613"/>
      <c r="OOU711" s="613"/>
      <c r="OOV711" s="613"/>
      <c r="OOW711" s="613"/>
      <c r="OOX711" s="613"/>
      <c r="OOY711" s="613"/>
      <c r="OOZ711" s="613"/>
      <c r="OPA711" s="613"/>
      <c r="OPB711" s="613"/>
      <c r="OPC711" s="613"/>
      <c r="OPD711" s="613"/>
      <c r="OPE711" s="613"/>
      <c r="OPF711" s="613"/>
      <c r="OPG711" s="613"/>
      <c r="OPH711" s="613"/>
      <c r="OPI711" s="613"/>
      <c r="OPJ711" s="613"/>
      <c r="OPK711" s="613"/>
      <c r="OPL711" s="613"/>
      <c r="OPM711" s="613"/>
      <c r="OPN711" s="613"/>
      <c r="OPO711" s="613"/>
      <c r="OPP711" s="613"/>
      <c r="OPQ711" s="613"/>
      <c r="OPR711" s="613"/>
      <c r="OPS711" s="613"/>
      <c r="OPT711" s="613"/>
      <c r="OPU711" s="613"/>
      <c r="OPV711" s="613"/>
      <c r="OPW711" s="613"/>
      <c r="OPX711" s="613"/>
      <c r="OPY711" s="613"/>
      <c r="OPZ711" s="613"/>
      <c r="OQA711" s="613"/>
      <c r="OQB711" s="613"/>
      <c r="OQC711" s="613"/>
      <c r="OQD711" s="613"/>
      <c r="OQE711" s="613"/>
      <c r="OQF711" s="613"/>
      <c r="OQG711" s="613"/>
      <c r="OQH711" s="613"/>
      <c r="OQI711" s="613"/>
      <c r="OQJ711" s="613"/>
      <c r="OQK711" s="613"/>
      <c r="OQL711" s="613"/>
      <c r="OQM711" s="613"/>
      <c r="OQN711" s="613"/>
      <c r="OQO711" s="613"/>
      <c r="OQP711" s="613"/>
      <c r="OQQ711" s="613"/>
      <c r="OQR711" s="613"/>
      <c r="OQS711" s="613"/>
      <c r="OQT711" s="613"/>
      <c r="OQU711" s="613"/>
      <c r="OQV711" s="613"/>
      <c r="OQW711" s="613"/>
      <c r="OQX711" s="613"/>
      <c r="OQY711" s="613"/>
      <c r="OQZ711" s="613"/>
      <c r="ORA711" s="613"/>
      <c r="ORB711" s="613"/>
      <c r="ORC711" s="613"/>
      <c r="ORD711" s="613"/>
      <c r="ORE711" s="613"/>
      <c r="ORF711" s="613"/>
      <c r="ORG711" s="613"/>
      <c r="ORH711" s="613"/>
      <c r="ORI711" s="613"/>
      <c r="ORJ711" s="613"/>
      <c r="ORK711" s="613"/>
      <c r="ORL711" s="613"/>
      <c r="ORM711" s="613"/>
      <c r="ORN711" s="613"/>
      <c r="ORO711" s="613"/>
      <c r="ORP711" s="613"/>
      <c r="ORQ711" s="613"/>
      <c r="ORR711" s="613"/>
      <c r="ORS711" s="613"/>
      <c r="ORT711" s="613"/>
      <c r="ORU711" s="613"/>
      <c r="ORV711" s="613"/>
      <c r="ORW711" s="613"/>
      <c r="ORX711" s="613"/>
      <c r="ORY711" s="613"/>
      <c r="ORZ711" s="613"/>
      <c r="OSA711" s="613"/>
      <c r="OSB711" s="613"/>
      <c r="OSC711" s="613"/>
      <c r="OSD711" s="613"/>
      <c r="OSE711" s="613"/>
      <c r="OSF711" s="613"/>
      <c r="OSG711" s="613"/>
      <c r="OSH711" s="613"/>
      <c r="OSI711" s="613"/>
      <c r="OSJ711" s="613"/>
      <c r="OSK711" s="613"/>
      <c r="OSL711" s="613"/>
      <c r="OSM711" s="613"/>
      <c r="OSN711" s="613"/>
      <c r="OSO711" s="613"/>
      <c r="OSP711" s="613"/>
      <c r="OSQ711" s="613"/>
      <c r="OSR711" s="613"/>
      <c r="OSS711" s="613"/>
      <c r="OST711" s="613"/>
      <c r="OSU711" s="613"/>
      <c r="OSV711" s="613"/>
      <c r="OSW711" s="613"/>
      <c r="OSX711" s="613"/>
      <c r="OSY711" s="613"/>
      <c r="OSZ711" s="613"/>
      <c r="OTA711" s="613"/>
      <c r="OTB711" s="613"/>
      <c r="OTC711" s="613"/>
      <c r="OTD711" s="613"/>
      <c r="OTE711" s="613"/>
      <c r="OTF711" s="613"/>
      <c r="OTG711" s="613"/>
      <c r="OTH711" s="613"/>
      <c r="OTI711" s="613"/>
      <c r="OTJ711" s="613"/>
      <c r="OTK711" s="613"/>
      <c r="OTL711" s="613"/>
      <c r="OTM711" s="613"/>
      <c r="OTN711" s="613"/>
      <c r="OTO711" s="613"/>
      <c r="OTP711" s="613"/>
      <c r="OTQ711" s="613"/>
      <c r="OTR711" s="613"/>
      <c r="OTS711" s="613"/>
      <c r="OTT711" s="613"/>
      <c r="OTU711" s="613"/>
      <c r="OTV711" s="613"/>
      <c r="OTW711" s="613"/>
      <c r="OTX711" s="613"/>
      <c r="OTY711" s="613"/>
      <c r="OTZ711" s="613"/>
      <c r="OUA711" s="613"/>
      <c r="OUB711" s="613"/>
      <c r="OUC711" s="613"/>
      <c r="OUD711" s="613"/>
      <c r="OUE711" s="613"/>
      <c r="OUF711" s="613"/>
      <c r="OUG711" s="613"/>
      <c r="OUH711" s="613"/>
      <c r="OUI711" s="613"/>
      <c r="OUJ711" s="613"/>
      <c r="OUK711" s="613"/>
      <c r="OUL711" s="613"/>
      <c r="OUM711" s="613"/>
      <c r="OUN711" s="613"/>
      <c r="OUO711" s="613"/>
      <c r="OUP711" s="613"/>
      <c r="OUQ711" s="613"/>
      <c r="OUR711" s="613"/>
      <c r="OUS711" s="613"/>
      <c r="OUT711" s="613"/>
      <c r="OUU711" s="613"/>
      <c r="OUV711" s="613"/>
      <c r="OUW711" s="613"/>
      <c r="OUX711" s="613"/>
      <c r="OUY711" s="613"/>
      <c r="OUZ711" s="613"/>
      <c r="OVA711" s="613"/>
      <c r="OVB711" s="613"/>
      <c r="OVC711" s="613"/>
      <c r="OVD711" s="613"/>
      <c r="OVE711" s="613"/>
      <c r="OVF711" s="613"/>
      <c r="OVG711" s="613"/>
      <c r="OVH711" s="613"/>
      <c r="OVI711" s="613"/>
      <c r="OVJ711" s="613"/>
      <c r="OVK711" s="613"/>
      <c r="OVL711" s="613"/>
      <c r="OVM711" s="613"/>
      <c r="OVN711" s="613"/>
      <c r="OVO711" s="613"/>
      <c r="OVP711" s="613"/>
      <c r="OVQ711" s="613"/>
      <c r="OVR711" s="613"/>
      <c r="OVS711" s="613"/>
      <c r="OVT711" s="613"/>
      <c r="OVU711" s="613"/>
      <c r="OVV711" s="613"/>
      <c r="OVW711" s="613"/>
      <c r="OVX711" s="613"/>
      <c r="OVY711" s="613"/>
      <c r="OVZ711" s="613"/>
      <c r="OWA711" s="613"/>
      <c r="OWB711" s="613"/>
      <c r="OWC711" s="613"/>
      <c r="OWD711" s="613"/>
      <c r="OWE711" s="613"/>
      <c r="OWF711" s="613"/>
      <c r="OWG711" s="613"/>
      <c r="OWH711" s="613"/>
      <c r="OWI711" s="613"/>
      <c r="OWJ711" s="613"/>
      <c r="OWK711" s="613"/>
      <c r="OWL711" s="613"/>
      <c r="OWM711" s="613"/>
      <c r="OWN711" s="613"/>
      <c r="OWO711" s="613"/>
      <c r="OWP711" s="613"/>
      <c r="OWQ711" s="613"/>
      <c r="OWR711" s="613"/>
      <c r="OWS711" s="613"/>
      <c r="OWT711" s="613"/>
      <c r="OWU711" s="613"/>
      <c r="OWV711" s="613"/>
      <c r="OWW711" s="613"/>
      <c r="OWX711" s="613"/>
      <c r="OWY711" s="613"/>
      <c r="OWZ711" s="613"/>
      <c r="OXA711" s="613"/>
      <c r="OXB711" s="613"/>
      <c r="OXC711" s="613"/>
      <c r="OXD711" s="613"/>
      <c r="OXE711" s="613"/>
      <c r="OXF711" s="613"/>
      <c r="OXG711" s="613"/>
      <c r="OXH711" s="613"/>
      <c r="OXI711" s="613"/>
      <c r="OXJ711" s="613"/>
      <c r="OXK711" s="613"/>
      <c r="OXL711" s="613"/>
      <c r="OXM711" s="613"/>
      <c r="OXN711" s="613"/>
      <c r="OXO711" s="613"/>
      <c r="OXP711" s="613"/>
      <c r="OXQ711" s="613"/>
      <c r="OXR711" s="613"/>
      <c r="OXS711" s="613"/>
      <c r="OXT711" s="613"/>
      <c r="OXU711" s="613"/>
      <c r="OXV711" s="613"/>
      <c r="OXW711" s="613"/>
      <c r="OXX711" s="613"/>
      <c r="OXY711" s="613"/>
      <c r="OXZ711" s="613"/>
      <c r="OYA711" s="613"/>
      <c r="OYB711" s="613"/>
      <c r="OYC711" s="613"/>
      <c r="OYD711" s="613"/>
      <c r="OYE711" s="613"/>
      <c r="OYF711" s="613"/>
      <c r="OYG711" s="613"/>
      <c r="OYH711" s="613"/>
      <c r="OYI711" s="613"/>
      <c r="OYJ711" s="613"/>
      <c r="OYK711" s="613"/>
      <c r="OYL711" s="613"/>
      <c r="OYM711" s="613"/>
      <c r="OYN711" s="613"/>
      <c r="OYO711" s="613"/>
      <c r="OYP711" s="613"/>
      <c r="OYQ711" s="613"/>
      <c r="OYR711" s="613"/>
      <c r="OYS711" s="613"/>
      <c r="OYT711" s="613"/>
      <c r="OYU711" s="613"/>
      <c r="OYV711" s="613"/>
      <c r="OYW711" s="613"/>
      <c r="OYX711" s="613"/>
      <c r="OYY711" s="613"/>
      <c r="OYZ711" s="613"/>
      <c r="OZA711" s="613"/>
      <c r="OZB711" s="613"/>
      <c r="OZC711" s="613"/>
      <c r="OZD711" s="613"/>
      <c r="OZE711" s="613"/>
      <c r="OZF711" s="613"/>
      <c r="OZG711" s="613"/>
      <c r="OZH711" s="613"/>
      <c r="OZI711" s="613"/>
      <c r="OZJ711" s="613"/>
      <c r="OZK711" s="613"/>
      <c r="OZL711" s="613"/>
      <c r="OZM711" s="613"/>
      <c r="OZN711" s="613"/>
      <c r="OZO711" s="613"/>
      <c r="OZP711" s="613"/>
      <c r="OZQ711" s="613"/>
      <c r="OZR711" s="613"/>
      <c r="OZS711" s="613"/>
      <c r="OZT711" s="613"/>
      <c r="OZU711" s="613"/>
      <c r="OZV711" s="613"/>
      <c r="OZW711" s="613"/>
      <c r="OZX711" s="613"/>
      <c r="OZY711" s="613"/>
      <c r="OZZ711" s="613"/>
      <c r="PAA711" s="613"/>
      <c r="PAB711" s="613"/>
      <c r="PAC711" s="613"/>
      <c r="PAD711" s="613"/>
      <c r="PAE711" s="613"/>
      <c r="PAF711" s="613"/>
      <c r="PAG711" s="613"/>
      <c r="PAH711" s="613"/>
      <c r="PAI711" s="613"/>
      <c r="PAJ711" s="613"/>
      <c r="PAK711" s="613"/>
      <c r="PAL711" s="613"/>
      <c r="PAM711" s="613"/>
      <c r="PAN711" s="613"/>
      <c r="PAO711" s="613"/>
      <c r="PAP711" s="613"/>
      <c r="PAQ711" s="613"/>
      <c r="PAR711" s="613"/>
      <c r="PAS711" s="613"/>
      <c r="PAT711" s="613"/>
      <c r="PAU711" s="613"/>
      <c r="PAV711" s="613"/>
      <c r="PAW711" s="613"/>
      <c r="PAX711" s="613"/>
      <c r="PAY711" s="613"/>
      <c r="PAZ711" s="613"/>
      <c r="PBA711" s="613"/>
      <c r="PBB711" s="613"/>
      <c r="PBC711" s="613"/>
      <c r="PBD711" s="613"/>
      <c r="PBE711" s="613"/>
      <c r="PBF711" s="613"/>
      <c r="PBG711" s="613"/>
      <c r="PBH711" s="613"/>
      <c r="PBI711" s="613"/>
      <c r="PBJ711" s="613"/>
      <c r="PBK711" s="613"/>
      <c r="PBL711" s="613"/>
      <c r="PBM711" s="613"/>
      <c r="PBN711" s="613"/>
      <c r="PBO711" s="613"/>
      <c r="PBP711" s="613"/>
      <c r="PBQ711" s="613"/>
      <c r="PBR711" s="613"/>
      <c r="PBS711" s="613"/>
      <c r="PBT711" s="613"/>
      <c r="PBU711" s="613"/>
      <c r="PBV711" s="613"/>
      <c r="PBW711" s="613"/>
      <c r="PBX711" s="613"/>
      <c r="PBY711" s="613"/>
      <c r="PBZ711" s="613"/>
      <c r="PCA711" s="613"/>
      <c r="PCB711" s="613"/>
      <c r="PCC711" s="613"/>
      <c r="PCD711" s="613"/>
      <c r="PCE711" s="613"/>
      <c r="PCF711" s="613"/>
      <c r="PCG711" s="613"/>
      <c r="PCH711" s="613"/>
      <c r="PCI711" s="613"/>
      <c r="PCJ711" s="613"/>
      <c r="PCK711" s="613"/>
      <c r="PCL711" s="613"/>
      <c r="PCM711" s="613"/>
      <c r="PCN711" s="613"/>
      <c r="PCO711" s="613"/>
      <c r="PCP711" s="613"/>
      <c r="PCQ711" s="613"/>
      <c r="PCR711" s="613"/>
      <c r="PCS711" s="613"/>
      <c r="PCT711" s="613"/>
      <c r="PCU711" s="613"/>
      <c r="PCV711" s="613"/>
      <c r="PCW711" s="613"/>
      <c r="PCX711" s="613"/>
      <c r="PCY711" s="613"/>
      <c r="PCZ711" s="613"/>
      <c r="PDA711" s="613"/>
      <c r="PDB711" s="613"/>
      <c r="PDC711" s="613"/>
      <c r="PDD711" s="613"/>
      <c r="PDE711" s="613"/>
      <c r="PDF711" s="613"/>
      <c r="PDG711" s="613"/>
      <c r="PDH711" s="613"/>
      <c r="PDI711" s="613"/>
      <c r="PDJ711" s="613"/>
      <c r="PDK711" s="613"/>
      <c r="PDL711" s="613"/>
      <c r="PDM711" s="613"/>
      <c r="PDN711" s="613"/>
      <c r="PDO711" s="613"/>
      <c r="PDP711" s="613"/>
      <c r="PDQ711" s="613"/>
      <c r="PDR711" s="613"/>
      <c r="PDS711" s="613"/>
      <c r="PDT711" s="613"/>
      <c r="PDU711" s="613"/>
      <c r="PDV711" s="613"/>
      <c r="PDW711" s="613"/>
      <c r="PDX711" s="613"/>
      <c r="PDY711" s="613"/>
      <c r="PDZ711" s="613"/>
      <c r="PEA711" s="613"/>
      <c r="PEB711" s="613"/>
      <c r="PEC711" s="613"/>
      <c r="PED711" s="613"/>
      <c r="PEE711" s="613"/>
      <c r="PEF711" s="613"/>
      <c r="PEG711" s="613"/>
      <c r="PEH711" s="613"/>
      <c r="PEI711" s="613"/>
      <c r="PEJ711" s="613"/>
      <c r="PEK711" s="613"/>
      <c r="PEL711" s="613"/>
      <c r="PEM711" s="613"/>
      <c r="PEN711" s="613"/>
      <c r="PEO711" s="613"/>
      <c r="PEP711" s="613"/>
      <c r="PEQ711" s="613"/>
      <c r="PER711" s="613"/>
      <c r="PES711" s="613"/>
      <c r="PET711" s="613"/>
      <c r="PEU711" s="613"/>
      <c r="PEV711" s="613"/>
      <c r="PEW711" s="613"/>
      <c r="PEX711" s="613"/>
      <c r="PEY711" s="613"/>
      <c r="PEZ711" s="613"/>
      <c r="PFA711" s="613"/>
      <c r="PFB711" s="613"/>
      <c r="PFC711" s="613"/>
      <c r="PFD711" s="613"/>
      <c r="PFE711" s="613"/>
      <c r="PFF711" s="613"/>
      <c r="PFG711" s="613"/>
      <c r="PFH711" s="613"/>
      <c r="PFI711" s="613"/>
      <c r="PFJ711" s="613"/>
      <c r="PFK711" s="613"/>
      <c r="PFL711" s="613"/>
      <c r="PFM711" s="613"/>
      <c r="PFN711" s="613"/>
      <c r="PFO711" s="613"/>
      <c r="PFP711" s="613"/>
      <c r="PFQ711" s="613"/>
      <c r="PFR711" s="613"/>
      <c r="PFS711" s="613"/>
      <c r="PFT711" s="613"/>
      <c r="PFU711" s="613"/>
      <c r="PFV711" s="613"/>
      <c r="PFW711" s="613"/>
      <c r="PFX711" s="613"/>
      <c r="PFY711" s="613"/>
      <c r="PFZ711" s="613"/>
      <c r="PGA711" s="613"/>
      <c r="PGB711" s="613"/>
      <c r="PGC711" s="613"/>
      <c r="PGD711" s="613"/>
      <c r="PGE711" s="613"/>
      <c r="PGF711" s="613"/>
      <c r="PGG711" s="613"/>
      <c r="PGH711" s="613"/>
      <c r="PGI711" s="613"/>
      <c r="PGJ711" s="613"/>
      <c r="PGK711" s="613"/>
      <c r="PGL711" s="613"/>
      <c r="PGM711" s="613"/>
      <c r="PGN711" s="613"/>
      <c r="PGO711" s="613"/>
      <c r="PGP711" s="613"/>
      <c r="PGQ711" s="613"/>
      <c r="PGR711" s="613"/>
      <c r="PGS711" s="613"/>
      <c r="PGT711" s="613"/>
      <c r="PGU711" s="613"/>
      <c r="PGV711" s="613"/>
      <c r="PGW711" s="613"/>
      <c r="PGX711" s="613"/>
      <c r="PGY711" s="613"/>
      <c r="PGZ711" s="613"/>
      <c r="PHA711" s="613"/>
      <c r="PHB711" s="613"/>
      <c r="PHC711" s="613"/>
      <c r="PHD711" s="613"/>
      <c r="PHE711" s="613"/>
      <c r="PHF711" s="613"/>
      <c r="PHG711" s="613"/>
      <c r="PHH711" s="613"/>
      <c r="PHI711" s="613"/>
      <c r="PHJ711" s="613"/>
      <c r="PHK711" s="613"/>
      <c r="PHL711" s="613"/>
      <c r="PHM711" s="613"/>
      <c r="PHN711" s="613"/>
      <c r="PHO711" s="613"/>
      <c r="PHP711" s="613"/>
      <c r="PHQ711" s="613"/>
      <c r="PHR711" s="613"/>
      <c r="PHS711" s="613"/>
      <c r="PHT711" s="613"/>
      <c r="PHU711" s="613"/>
      <c r="PHV711" s="613"/>
      <c r="PHW711" s="613"/>
      <c r="PHX711" s="613"/>
      <c r="PHY711" s="613"/>
      <c r="PHZ711" s="613"/>
      <c r="PIA711" s="613"/>
      <c r="PIB711" s="613"/>
      <c r="PIC711" s="613"/>
      <c r="PID711" s="613"/>
      <c r="PIE711" s="613"/>
      <c r="PIF711" s="613"/>
      <c r="PIG711" s="613"/>
      <c r="PIH711" s="613"/>
      <c r="PII711" s="613"/>
      <c r="PIJ711" s="613"/>
      <c r="PIK711" s="613"/>
      <c r="PIL711" s="613"/>
      <c r="PIM711" s="613"/>
      <c r="PIN711" s="613"/>
      <c r="PIO711" s="613"/>
      <c r="PIP711" s="613"/>
      <c r="PIQ711" s="613"/>
      <c r="PIR711" s="613"/>
      <c r="PIS711" s="613"/>
      <c r="PIT711" s="613"/>
      <c r="PIU711" s="613"/>
      <c r="PIV711" s="613"/>
      <c r="PIW711" s="613"/>
      <c r="PIX711" s="613"/>
      <c r="PIY711" s="613"/>
      <c r="PIZ711" s="613"/>
      <c r="PJA711" s="613"/>
      <c r="PJB711" s="613"/>
      <c r="PJC711" s="613"/>
      <c r="PJD711" s="613"/>
      <c r="PJE711" s="613"/>
      <c r="PJF711" s="613"/>
      <c r="PJG711" s="613"/>
      <c r="PJH711" s="613"/>
      <c r="PJI711" s="613"/>
      <c r="PJJ711" s="613"/>
      <c r="PJK711" s="613"/>
      <c r="PJL711" s="613"/>
      <c r="PJM711" s="613"/>
      <c r="PJN711" s="613"/>
      <c r="PJO711" s="613"/>
      <c r="PJP711" s="613"/>
      <c r="PJQ711" s="613"/>
      <c r="PJR711" s="613"/>
      <c r="PJS711" s="613"/>
      <c r="PJT711" s="613"/>
      <c r="PJU711" s="613"/>
      <c r="PJV711" s="613"/>
      <c r="PJW711" s="613"/>
      <c r="PJX711" s="613"/>
      <c r="PJY711" s="613"/>
      <c r="PJZ711" s="613"/>
      <c r="PKA711" s="613"/>
      <c r="PKB711" s="613"/>
      <c r="PKC711" s="613"/>
      <c r="PKD711" s="613"/>
      <c r="PKE711" s="613"/>
      <c r="PKF711" s="613"/>
      <c r="PKG711" s="613"/>
      <c r="PKH711" s="613"/>
      <c r="PKI711" s="613"/>
      <c r="PKJ711" s="613"/>
      <c r="PKK711" s="613"/>
      <c r="PKL711" s="613"/>
      <c r="PKM711" s="613"/>
      <c r="PKN711" s="613"/>
      <c r="PKO711" s="613"/>
      <c r="PKP711" s="613"/>
      <c r="PKQ711" s="613"/>
      <c r="PKR711" s="613"/>
      <c r="PKS711" s="613"/>
      <c r="PKT711" s="613"/>
      <c r="PKU711" s="613"/>
      <c r="PKV711" s="613"/>
      <c r="PKW711" s="613"/>
      <c r="PKX711" s="613"/>
      <c r="PKY711" s="613"/>
      <c r="PKZ711" s="613"/>
      <c r="PLA711" s="613"/>
      <c r="PLB711" s="613"/>
      <c r="PLC711" s="613"/>
      <c r="PLD711" s="613"/>
      <c r="PLE711" s="613"/>
      <c r="PLF711" s="613"/>
      <c r="PLG711" s="613"/>
      <c r="PLH711" s="613"/>
      <c r="PLI711" s="613"/>
      <c r="PLJ711" s="613"/>
      <c r="PLK711" s="613"/>
      <c r="PLL711" s="613"/>
      <c r="PLM711" s="613"/>
      <c r="PLN711" s="613"/>
      <c r="PLO711" s="613"/>
      <c r="PLP711" s="613"/>
      <c r="PLQ711" s="613"/>
      <c r="PLR711" s="613"/>
      <c r="PLS711" s="613"/>
      <c r="PLT711" s="613"/>
      <c r="PLU711" s="613"/>
      <c r="PLV711" s="613"/>
      <c r="PLW711" s="613"/>
      <c r="PLX711" s="613"/>
      <c r="PLY711" s="613"/>
      <c r="PLZ711" s="613"/>
      <c r="PMA711" s="613"/>
      <c r="PMB711" s="613"/>
      <c r="PMC711" s="613"/>
      <c r="PMD711" s="613"/>
      <c r="PME711" s="613"/>
      <c r="PMF711" s="613"/>
      <c r="PMG711" s="613"/>
      <c r="PMH711" s="613"/>
      <c r="PMI711" s="613"/>
      <c r="PMJ711" s="613"/>
      <c r="PMK711" s="613"/>
      <c r="PML711" s="613"/>
      <c r="PMM711" s="613"/>
      <c r="PMN711" s="613"/>
      <c r="PMO711" s="613"/>
      <c r="PMP711" s="613"/>
      <c r="PMQ711" s="613"/>
      <c r="PMR711" s="613"/>
      <c r="PMS711" s="613"/>
      <c r="PMT711" s="613"/>
      <c r="PMU711" s="613"/>
      <c r="PMV711" s="613"/>
      <c r="PMW711" s="613"/>
      <c r="PMX711" s="613"/>
      <c r="PMY711" s="613"/>
      <c r="PMZ711" s="613"/>
      <c r="PNA711" s="613"/>
      <c r="PNB711" s="613"/>
      <c r="PNC711" s="613"/>
      <c r="PND711" s="613"/>
      <c r="PNE711" s="613"/>
      <c r="PNF711" s="613"/>
      <c r="PNG711" s="613"/>
      <c r="PNH711" s="613"/>
      <c r="PNI711" s="613"/>
      <c r="PNJ711" s="613"/>
      <c r="PNK711" s="613"/>
      <c r="PNL711" s="613"/>
      <c r="PNM711" s="613"/>
      <c r="PNN711" s="613"/>
      <c r="PNO711" s="613"/>
      <c r="PNP711" s="613"/>
      <c r="PNQ711" s="613"/>
      <c r="PNR711" s="613"/>
      <c r="PNS711" s="613"/>
      <c r="PNT711" s="613"/>
      <c r="PNU711" s="613"/>
      <c r="PNV711" s="613"/>
      <c r="PNW711" s="613"/>
      <c r="PNX711" s="613"/>
      <c r="PNY711" s="613"/>
      <c r="PNZ711" s="613"/>
      <c r="POA711" s="613"/>
      <c r="POB711" s="613"/>
      <c r="POC711" s="613"/>
      <c r="POD711" s="613"/>
      <c r="POE711" s="613"/>
      <c r="POF711" s="613"/>
      <c r="POG711" s="613"/>
      <c r="POH711" s="613"/>
      <c r="POI711" s="613"/>
      <c r="POJ711" s="613"/>
      <c r="POK711" s="613"/>
      <c r="POL711" s="613"/>
      <c r="POM711" s="613"/>
      <c r="PON711" s="613"/>
      <c r="POO711" s="613"/>
      <c r="POP711" s="613"/>
      <c r="POQ711" s="613"/>
      <c r="POR711" s="613"/>
      <c r="POS711" s="613"/>
      <c r="POT711" s="613"/>
      <c r="POU711" s="613"/>
      <c r="POV711" s="613"/>
      <c r="POW711" s="613"/>
      <c r="POX711" s="613"/>
      <c r="POY711" s="613"/>
      <c r="POZ711" s="613"/>
      <c r="PPA711" s="613"/>
      <c r="PPB711" s="613"/>
      <c r="PPC711" s="613"/>
      <c r="PPD711" s="613"/>
      <c r="PPE711" s="613"/>
      <c r="PPF711" s="613"/>
      <c r="PPG711" s="613"/>
      <c r="PPH711" s="613"/>
      <c r="PPI711" s="613"/>
      <c r="PPJ711" s="613"/>
      <c r="PPK711" s="613"/>
      <c r="PPL711" s="613"/>
      <c r="PPM711" s="613"/>
      <c r="PPN711" s="613"/>
      <c r="PPO711" s="613"/>
      <c r="PPP711" s="613"/>
      <c r="PPQ711" s="613"/>
      <c r="PPR711" s="613"/>
      <c r="PPS711" s="613"/>
      <c r="PPT711" s="613"/>
      <c r="PPU711" s="613"/>
      <c r="PPV711" s="613"/>
      <c r="PPW711" s="613"/>
      <c r="PPX711" s="613"/>
      <c r="PPY711" s="613"/>
      <c r="PPZ711" s="613"/>
      <c r="PQA711" s="613"/>
      <c r="PQB711" s="613"/>
      <c r="PQC711" s="613"/>
      <c r="PQD711" s="613"/>
      <c r="PQE711" s="613"/>
      <c r="PQF711" s="613"/>
      <c r="PQG711" s="613"/>
      <c r="PQH711" s="613"/>
      <c r="PQI711" s="613"/>
      <c r="PQJ711" s="613"/>
      <c r="PQK711" s="613"/>
      <c r="PQL711" s="613"/>
      <c r="PQM711" s="613"/>
      <c r="PQN711" s="613"/>
      <c r="PQO711" s="613"/>
      <c r="PQP711" s="613"/>
      <c r="PQQ711" s="613"/>
      <c r="PQR711" s="613"/>
      <c r="PQS711" s="613"/>
      <c r="PQT711" s="613"/>
      <c r="PQU711" s="613"/>
      <c r="PQV711" s="613"/>
      <c r="PQW711" s="613"/>
      <c r="PQX711" s="613"/>
      <c r="PQY711" s="613"/>
      <c r="PQZ711" s="613"/>
      <c r="PRA711" s="613"/>
      <c r="PRB711" s="613"/>
      <c r="PRC711" s="613"/>
      <c r="PRD711" s="613"/>
      <c r="PRE711" s="613"/>
      <c r="PRF711" s="613"/>
      <c r="PRG711" s="613"/>
      <c r="PRH711" s="613"/>
      <c r="PRI711" s="613"/>
      <c r="PRJ711" s="613"/>
      <c r="PRK711" s="613"/>
      <c r="PRL711" s="613"/>
      <c r="PRM711" s="613"/>
      <c r="PRN711" s="613"/>
      <c r="PRO711" s="613"/>
      <c r="PRP711" s="613"/>
      <c r="PRQ711" s="613"/>
      <c r="PRR711" s="613"/>
      <c r="PRS711" s="613"/>
      <c r="PRT711" s="613"/>
      <c r="PRU711" s="613"/>
      <c r="PRV711" s="613"/>
      <c r="PRW711" s="613"/>
      <c r="PRX711" s="613"/>
      <c r="PRY711" s="613"/>
      <c r="PRZ711" s="613"/>
      <c r="PSA711" s="613"/>
      <c r="PSB711" s="613"/>
      <c r="PSC711" s="613"/>
      <c r="PSD711" s="613"/>
      <c r="PSE711" s="613"/>
      <c r="PSF711" s="613"/>
      <c r="PSG711" s="613"/>
      <c r="PSH711" s="613"/>
      <c r="PSI711" s="613"/>
      <c r="PSJ711" s="613"/>
      <c r="PSK711" s="613"/>
      <c r="PSL711" s="613"/>
      <c r="PSM711" s="613"/>
      <c r="PSN711" s="613"/>
      <c r="PSO711" s="613"/>
      <c r="PSP711" s="613"/>
      <c r="PSQ711" s="613"/>
      <c r="PSR711" s="613"/>
      <c r="PSS711" s="613"/>
      <c r="PST711" s="613"/>
      <c r="PSU711" s="613"/>
      <c r="PSV711" s="613"/>
      <c r="PSW711" s="613"/>
      <c r="PSX711" s="613"/>
      <c r="PSY711" s="613"/>
      <c r="PSZ711" s="613"/>
      <c r="PTA711" s="613"/>
      <c r="PTB711" s="613"/>
      <c r="PTC711" s="613"/>
      <c r="PTD711" s="613"/>
      <c r="PTE711" s="613"/>
      <c r="PTF711" s="613"/>
      <c r="PTG711" s="613"/>
      <c r="PTH711" s="613"/>
      <c r="PTI711" s="613"/>
      <c r="PTJ711" s="613"/>
      <c r="PTK711" s="613"/>
      <c r="PTL711" s="613"/>
      <c r="PTM711" s="613"/>
      <c r="PTN711" s="613"/>
      <c r="PTO711" s="613"/>
      <c r="PTP711" s="613"/>
      <c r="PTQ711" s="613"/>
      <c r="PTR711" s="613"/>
      <c r="PTS711" s="613"/>
      <c r="PTT711" s="613"/>
      <c r="PTU711" s="613"/>
      <c r="PTV711" s="613"/>
      <c r="PTW711" s="613"/>
      <c r="PTX711" s="613"/>
      <c r="PTY711" s="613"/>
      <c r="PTZ711" s="613"/>
      <c r="PUA711" s="613"/>
      <c r="PUB711" s="613"/>
      <c r="PUC711" s="613"/>
      <c r="PUD711" s="613"/>
      <c r="PUE711" s="613"/>
      <c r="PUF711" s="613"/>
      <c r="PUG711" s="613"/>
      <c r="PUH711" s="613"/>
      <c r="PUI711" s="613"/>
      <c r="PUJ711" s="613"/>
      <c r="PUK711" s="613"/>
      <c r="PUL711" s="613"/>
      <c r="PUM711" s="613"/>
      <c r="PUN711" s="613"/>
      <c r="PUO711" s="613"/>
      <c r="PUP711" s="613"/>
      <c r="PUQ711" s="613"/>
      <c r="PUR711" s="613"/>
      <c r="PUS711" s="613"/>
      <c r="PUT711" s="613"/>
      <c r="PUU711" s="613"/>
      <c r="PUV711" s="613"/>
      <c r="PUW711" s="613"/>
      <c r="PUX711" s="613"/>
      <c r="PUY711" s="613"/>
      <c r="PUZ711" s="613"/>
      <c r="PVA711" s="613"/>
      <c r="PVB711" s="613"/>
      <c r="PVC711" s="613"/>
      <c r="PVD711" s="613"/>
      <c r="PVE711" s="613"/>
      <c r="PVF711" s="613"/>
      <c r="PVG711" s="613"/>
      <c r="PVH711" s="613"/>
      <c r="PVI711" s="613"/>
      <c r="PVJ711" s="613"/>
      <c r="PVK711" s="613"/>
      <c r="PVL711" s="613"/>
      <c r="PVM711" s="613"/>
      <c r="PVN711" s="613"/>
      <c r="PVO711" s="613"/>
      <c r="PVP711" s="613"/>
      <c r="PVQ711" s="613"/>
      <c r="PVR711" s="613"/>
      <c r="PVS711" s="613"/>
      <c r="PVT711" s="613"/>
      <c r="PVU711" s="613"/>
      <c r="PVV711" s="613"/>
      <c r="PVW711" s="613"/>
      <c r="PVX711" s="613"/>
      <c r="PVY711" s="613"/>
      <c r="PVZ711" s="613"/>
      <c r="PWA711" s="613"/>
      <c r="PWB711" s="613"/>
      <c r="PWC711" s="613"/>
      <c r="PWD711" s="613"/>
      <c r="PWE711" s="613"/>
      <c r="PWF711" s="613"/>
      <c r="PWG711" s="613"/>
      <c r="PWH711" s="613"/>
      <c r="PWI711" s="613"/>
      <c r="PWJ711" s="613"/>
      <c r="PWK711" s="613"/>
      <c r="PWL711" s="613"/>
      <c r="PWM711" s="613"/>
      <c r="PWN711" s="613"/>
      <c r="PWO711" s="613"/>
      <c r="PWP711" s="613"/>
      <c r="PWQ711" s="613"/>
      <c r="PWR711" s="613"/>
      <c r="PWS711" s="613"/>
      <c r="PWT711" s="613"/>
      <c r="PWU711" s="613"/>
      <c r="PWV711" s="613"/>
      <c r="PWW711" s="613"/>
      <c r="PWX711" s="613"/>
      <c r="PWY711" s="613"/>
      <c r="PWZ711" s="613"/>
      <c r="PXA711" s="613"/>
      <c r="PXB711" s="613"/>
      <c r="PXC711" s="613"/>
      <c r="PXD711" s="613"/>
      <c r="PXE711" s="613"/>
      <c r="PXF711" s="613"/>
      <c r="PXG711" s="613"/>
      <c r="PXH711" s="613"/>
      <c r="PXI711" s="613"/>
      <c r="PXJ711" s="613"/>
      <c r="PXK711" s="613"/>
      <c r="PXL711" s="613"/>
      <c r="PXM711" s="613"/>
      <c r="PXN711" s="613"/>
      <c r="PXO711" s="613"/>
      <c r="PXP711" s="613"/>
      <c r="PXQ711" s="613"/>
      <c r="PXR711" s="613"/>
      <c r="PXS711" s="613"/>
      <c r="PXT711" s="613"/>
      <c r="PXU711" s="613"/>
      <c r="PXV711" s="613"/>
      <c r="PXW711" s="613"/>
      <c r="PXX711" s="613"/>
      <c r="PXY711" s="613"/>
      <c r="PXZ711" s="613"/>
      <c r="PYA711" s="613"/>
      <c r="PYB711" s="613"/>
      <c r="PYC711" s="613"/>
      <c r="PYD711" s="613"/>
      <c r="PYE711" s="613"/>
      <c r="PYF711" s="613"/>
      <c r="PYG711" s="613"/>
      <c r="PYH711" s="613"/>
      <c r="PYI711" s="613"/>
      <c r="PYJ711" s="613"/>
      <c r="PYK711" s="613"/>
      <c r="PYL711" s="613"/>
      <c r="PYM711" s="613"/>
      <c r="PYN711" s="613"/>
      <c r="PYO711" s="613"/>
      <c r="PYP711" s="613"/>
      <c r="PYQ711" s="613"/>
      <c r="PYR711" s="613"/>
      <c r="PYS711" s="613"/>
      <c r="PYT711" s="613"/>
      <c r="PYU711" s="613"/>
      <c r="PYV711" s="613"/>
      <c r="PYW711" s="613"/>
      <c r="PYX711" s="613"/>
      <c r="PYY711" s="613"/>
      <c r="PYZ711" s="613"/>
      <c r="PZA711" s="613"/>
      <c r="PZB711" s="613"/>
      <c r="PZC711" s="613"/>
      <c r="PZD711" s="613"/>
      <c r="PZE711" s="613"/>
      <c r="PZF711" s="613"/>
      <c r="PZG711" s="613"/>
      <c r="PZH711" s="613"/>
      <c r="PZI711" s="613"/>
      <c r="PZJ711" s="613"/>
      <c r="PZK711" s="613"/>
      <c r="PZL711" s="613"/>
      <c r="PZM711" s="613"/>
      <c r="PZN711" s="613"/>
      <c r="PZO711" s="613"/>
      <c r="PZP711" s="613"/>
      <c r="PZQ711" s="613"/>
      <c r="PZR711" s="613"/>
      <c r="PZS711" s="613"/>
      <c r="PZT711" s="613"/>
      <c r="PZU711" s="613"/>
      <c r="PZV711" s="613"/>
      <c r="PZW711" s="613"/>
      <c r="PZX711" s="613"/>
      <c r="PZY711" s="613"/>
      <c r="PZZ711" s="613"/>
      <c r="QAA711" s="613"/>
      <c r="QAB711" s="613"/>
      <c r="QAC711" s="613"/>
      <c r="QAD711" s="613"/>
      <c r="QAE711" s="613"/>
      <c r="QAF711" s="613"/>
      <c r="QAG711" s="613"/>
      <c r="QAH711" s="613"/>
      <c r="QAI711" s="613"/>
      <c r="QAJ711" s="613"/>
      <c r="QAK711" s="613"/>
      <c r="QAL711" s="613"/>
      <c r="QAM711" s="613"/>
      <c r="QAN711" s="613"/>
      <c r="QAO711" s="613"/>
      <c r="QAP711" s="613"/>
      <c r="QAQ711" s="613"/>
      <c r="QAR711" s="613"/>
      <c r="QAS711" s="613"/>
      <c r="QAT711" s="613"/>
      <c r="QAU711" s="613"/>
      <c r="QAV711" s="613"/>
      <c r="QAW711" s="613"/>
      <c r="QAX711" s="613"/>
      <c r="QAY711" s="613"/>
      <c r="QAZ711" s="613"/>
      <c r="QBA711" s="613"/>
      <c r="QBB711" s="613"/>
      <c r="QBC711" s="613"/>
      <c r="QBD711" s="613"/>
      <c r="QBE711" s="613"/>
      <c r="QBF711" s="613"/>
      <c r="QBG711" s="613"/>
      <c r="QBH711" s="613"/>
      <c r="QBI711" s="613"/>
      <c r="QBJ711" s="613"/>
      <c r="QBK711" s="613"/>
      <c r="QBL711" s="613"/>
      <c r="QBM711" s="613"/>
      <c r="QBN711" s="613"/>
      <c r="QBO711" s="613"/>
      <c r="QBP711" s="613"/>
      <c r="QBQ711" s="613"/>
      <c r="QBR711" s="613"/>
      <c r="QBS711" s="613"/>
      <c r="QBT711" s="613"/>
      <c r="QBU711" s="613"/>
      <c r="QBV711" s="613"/>
      <c r="QBW711" s="613"/>
      <c r="QBX711" s="613"/>
      <c r="QBY711" s="613"/>
      <c r="QBZ711" s="613"/>
      <c r="QCA711" s="613"/>
      <c r="QCB711" s="613"/>
      <c r="QCC711" s="613"/>
      <c r="QCD711" s="613"/>
      <c r="QCE711" s="613"/>
      <c r="QCF711" s="613"/>
      <c r="QCG711" s="613"/>
      <c r="QCH711" s="613"/>
      <c r="QCI711" s="613"/>
      <c r="QCJ711" s="613"/>
      <c r="QCK711" s="613"/>
      <c r="QCL711" s="613"/>
      <c r="QCM711" s="613"/>
      <c r="QCN711" s="613"/>
      <c r="QCO711" s="613"/>
      <c r="QCP711" s="613"/>
      <c r="QCQ711" s="613"/>
      <c r="QCR711" s="613"/>
      <c r="QCS711" s="613"/>
      <c r="QCT711" s="613"/>
      <c r="QCU711" s="613"/>
      <c r="QCV711" s="613"/>
      <c r="QCW711" s="613"/>
      <c r="QCX711" s="613"/>
      <c r="QCY711" s="613"/>
      <c r="QCZ711" s="613"/>
      <c r="QDA711" s="613"/>
      <c r="QDB711" s="613"/>
      <c r="QDC711" s="613"/>
      <c r="QDD711" s="613"/>
      <c r="QDE711" s="613"/>
      <c r="QDF711" s="613"/>
      <c r="QDG711" s="613"/>
      <c r="QDH711" s="613"/>
      <c r="QDI711" s="613"/>
      <c r="QDJ711" s="613"/>
      <c r="QDK711" s="613"/>
      <c r="QDL711" s="613"/>
      <c r="QDM711" s="613"/>
      <c r="QDN711" s="613"/>
      <c r="QDO711" s="613"/>
      <c r="QDP711" s="613"/>
      <c r="QDQ711" s="613"/>
      <c r="QDR711" s="613"/>
      <c r="QDS711" s="613"/>
      <c r="QDT711" s="613"/>
      <c r="QDU711" s="613"/>
      <c r="QDV711" s="613"/>
      <c r="QDW711" s="613"/>
      <c r="QDX711" s="613"/>
      <c r="QDY711" s="613"/>
      <c r="QDZ711" s="613"/>
      <c r="QEA711" s="613"/>
      <c r="QEB711" s="613"/>
      <c r="QEC711" s="613"/>
      <c r="QED711" s="613"/>
      <c r="QEE711" s="613"/>
      <c r="QEF711" s="613"/>
      <c r="QEG711" s="613"/>
      <c r="QEH711" s="613"/>
      <c r="QEI711" s="613"/>
      <c r="QEJ711" s="613"/>
      <c r="QEK711" s="613"/>
      <c r="QEL711" s="613"/>
      <c r="QEM711" s="613"/>
      <c r="QEN711" s="613"/>
      <c r="QEO711" s="613"/>
      <c r="QEP711" s="613"/>
      <c r="QEQ711" s="613"/>
      <c r="QER711" s="613"/>
      <c r="QES711" s="613"/>
      <c r="QET711" s="613"/>
      <c r="QEU711" s="613"/>
      <c r="QEV711" s="613"/>
      <c r="QEW711" s="613"/>
      <c r="QEX711" s="613"/>
      <c r="QEY711" s="613"/>
      <c r="QEZ711" s="613"/>
      <c r="QFA711" s="613"/>
      <c r="QFB711" s="613"/>
      <c r="QFC711" s="613"/>
      <c r="QFD711" s="613"/>
      <c r="QFE711" s="613"/>
      <c r="QFF711" s="613"/>
      <c r="QFG711" s="613"/>
      <c r="QFH711" s="613"/>
      <c r="QFI711" s="613"/>
      <c r="QFJ711" s="613"/>
      <c r="QFK711" s="613"/>
      <c r="QFL711" s="613"/>
      <c r="QFM711" s="613"/>
      <c r="QFN711" s="613"/>
      <c r="QFO711" s="613"/>
      <c r="QFP711" s="613"/>
      <c r="QFQ711" s="613"/>
      <c r="QFR711" s="613"/>
      <c r="QFS711" s="613"/>
      <c r="QFT711" s="613"/>
      <c r="QFU711" s="613"/>
      <c r="QFV711" s="613"/>
      <c r="QFW711" s="613"/>
      <c r="QFX711" s="613"/>
      <c r="QFY711" s="613"/>
      <c r="QFZ711" s="613"/>
      <c r="QGA711" s="613"/>
      <c r="QGB711" s="613"/>
      <c r="QGC711" s="613"/>
      <c r="QGD711" s="613"/>
      <c r="QGE711" s="613"/>
      <c r="QGF711" s="613"/>
      <c r="QGG711" s="613"/>
      <c r="QGH711" s="613"/>
      <c r="QGI711" s="613"/>
      <c r="QGJ711" s="613"/>
      <c r="QGK711" s="613"/>
      <c r="QGL711" s="613"/>
      <c r="QGM711" s="613"/>
      <c r="QGN711" s="613"/>
      <c r="QGO711" s="613"/>
      <c r="QGP711" s="613"/>
      <c r="QGQ711" s="613"/>
      <c r="QGR711" s="613"/>
      <c r="QGS711" s="613"/>
      <c r="QGT711" s="613"/>
      <c r="QGU711" s="613"/>
      <c r="QGV711" s="613"/>
      <c r="QGW711" s="613"/>
      <c r="QGX711" s="613"/>
      <c r="QGY711" s="613"/>
      <c r="QGZ711" s="613"/>
      <c r="QHA711" s="613"/>
      <c r="QHB711" s="613"/>
      <c r="QHC711" s="613"/>
      <c r="QHD711" s="613"/>
      <c r="QHE711" s="613"/>
      <c r="QHF711" s="613"/>
      <c r="QHG711" s="613"/>
      <c r="QHH711" s="613"/>
      <c r="QHI711" s="613"/>
      <c r="QHJ711" s="613"/>
      <c r="QHK711" s="613"/>
      <c r="QHL711" s="613"/>
      <c r="QHM711" s="613"/>
      <c r="QHN711" s="613"/>
      <c r="QHO711" s="613"/>
      <c r="QHP711" s="613"/>
      <c r="QHQ711" s="613"/>
      <c r="QHR711" s="613"/>
      <c r="QHS711" s="613"/>
      <c r="QHT711" s="613"/>
      <c r="QHU711" s="613"/>
      <c r="QHV711" s="613"/>
      <c r="QHW711" s="613"/>
      <c r="QHX711" s="613"/>
      <c r="QHY711" s="613"/>
      <c r="QHZ711" s="613"/>
      <c r="QIA711" s="613"/>
      <c r="QIB711" s="613"/>
      <c r="QIC711" s="613"/>
      <c r="QID711" s="613"/>
      <c r="QIE711" s="613"/>
      <c r="QIF711" s="613"/>
      <c r="QIG711" s="613"/>
      <c r="QIH711" s="613"/>
      <c r="QII711" s="613"/>
      <c r="QIJ711" s="613"/>
      <c r="QIK711" s="613"/>
      <c r="QIL711" s="613"/>
      <c r="QIM711" s="613"/>
      <c r="QIN711" s="613"/>
      <c r="QIO711" s="613"/>
      <c r="QIP711" s="613"/>
      <c r="QIQ711" s="613"/>
      <c r="QIR711" s="613"/>
      <c r="QIS711" s="613"/>
      <c r="QIT711" s="613"/>
      <c r="QIU711" s="613"/>
      <c r="QIV711" s="613"/>
      <c r="QIW711" s="613"/>
      <c r="QIX711" s="613"/>
      <c r="QIY711" s="613"/>
      <c r="QIZ711" s="613"/>
      <c r="QJA711" s="613"/>
      <c r="QJB711" s="613"/>
      <c r="QJC711" s="613"/>
      <c r="QJD711" s="613"/>
      <c r="QJE711" s="613"/>
      <c r="QJF711" s="613"/>
      <c r="QJG711" s="613"/>
      <c r="QJH711" s="613"/>
      <c r="QJI711" s="613"/>
      <c r="QJJ711" s="613"/>
      <c r="QJK711" s="613"/>
      <c r="QJL711" s="613"/>
      <c r="QJM711" s="613"/>
      <c r="QJN711" s="613"/>
      <c r="QJO711" s="613"/>
      <c r="QJP711" s="613"/>
      <c r="QJQ711" s="613"/>
      <c r="QJR711" s="613"/>
      <c r="QJS711" s="613"/>
      <c r="QJT711" s="613"/>
      <c r="QJU711" s="613"/>
      <c r="QJV711" s="613"/>
      <c r="QJW711" s="613"/>
      <c r="QJX711" s="613"/>
      <c r="QJY711" s="613"/>
      <c r="QJZ711" s="613"/>
      <c r="QKA711" s="613"/>
      <c r="QKB711" s="613"/>
      <c r="QKC711" s="613"/>
      <c r="QKD711" s="613"/>
      <c r="QKE711" s="613"/>
      <c r="QKF711" s="613"/>
      <c r="QKG711" s="613"/>
      <c r="QKH711" s="613"/>
      <c r="QKI711" s="613"/>
      <c r="QKJ711" s="613"/>
      <c r="QKK711" s="613"/>
      <c r="QKL711" s="613"/>
      <c r="QKM711" s="613"/>
      <c r="QKN711" s="613"/>
      <c r="QKO711" s="613"/>
      <c r="QKP711" s="613"/>
      <c r="QKQ711" s="613"/>
      <c r="QKR711" s="613"/>
      <c r="QKS711" s="613"/>
      <c r="QKT711" s="613"/>
      <c r="QKU711" s="613"/>
      <c r="QKV711" s="613"/>
      <c r="QKW711" s="613"/>
      <c r="QKX711" s="613"/>
      <c r="QKY711" s="613"/>
      <c r="QKZ711" s="613"/>
      <c r="QLA711" s="613"/>
      <c r="QLB711" s="613"/>
      <c r="QLC711" s="613"/>
      <c r="QLD711" s="613"/>
      <c r="QLE711" s="613"/>
      <c r="QLF711" s="613"/>
      <c r="QLG711" s="613"/>
      <c r="QLH711" s="613"/>
      <c r="QLI711" s="613"/>
      <c r="QLJ711" s="613"/>
      <c r="QLK711" s="613"/>
      <c r="QLL711" s="613"/>
      <c r="QLM711" s="613"/>
      <c r="QLN711" s="613"/>
      <c r="QLO711" s="613"/>
      <c r="QLP711" s="613"/>
      <c r="QLQ711" s="613"/>
      <c r="QLR711" s="613"/>
      <c r="QLS711" s="613"/>
      <c r="QLT711" s="613"/>
      <c r="QLU711" s="613"/>
      <c r="QLV711" s="613"/>
      <c r="QLW711" s="613"/>
      <c r="QLX711" s="613"/>
      <c r="QLY711" s="613"/>
      <c r="QLZ711" s="613"/>
      <c r="QMA711" s="613"/>
      <c r="QMB711" s="613"/>
      <c r="QMC711" s="613"/>
      <c r="QMD711" s="613"/>
      <c r="QME711" s="613"/>
      <c r="QMF711" s="613"/>
      <c r="QMG711" s="613"/>
      <c r="QMH711" s="613"/>
      <c r="QMI711" s="613"/>
      <c r="QMJ711" s="613"/>
      <c r="QMK711" s="613"/>
      <c r="QML711" s="613"/>
      <c r="QMM711" s="613"/>
      <c r="QMN711" s="613"/>
      <c r="QMO711" s="613"/>
      <c r="QMP711" s="613"/>
      <c r="QMQ711" s="613"/>
      <c r="QMR711" s="613"/>
      <c r="QMS711" s="613"/>
      <c r="QMT711" s="613"/>
      <c r="QMU711" s="613"/>
      <c r="QMV711" s="613"/>
      <c r="QMW711" s="613"/>
      <c r="QMX711" s="613"/>
      <c r="QMY711" s="613"/>
      <c r="QMZ711" s="613"/>
      <c r="QNA711" s="613"/>
      <c r="QNB711" s="613"/>
      <c r="QNC711" s="613"/>
      <c r="QND711" s="613"/>
      <c r="QNE711" s="613"/>
      <c r="QNF711" s="613"/>
      <c r="QNG711" s="613"/>
      <c r="QNH711" s="613"/>
      <c r="QNI711" s="613"/>
      <c r="QNJ711" s="613"/>
      <c r="QNK711" s="613"/>
      <c r="QNL711" s="613"/>
      <c r="QNM711" s="613"/>
      <c r="QNN711" s="613"/>
      <c r="QNO711" s="613"/>
      <c r="QNP711" s="613"/>
      <c r="QNQ711" s="613"/>
      <c r="QNR711" s="613"/>
      <c r="QNS711" s="613"/>
      <c r="QNT711" s="613"/>
      <c r="QNU711" s="613"/>
      <c r="QNV711" s="613"/>
      <c r="QNW711" s="613"/>
      <c r="QNX711" s="613"/>
      <c r="QNY711" s="613"/>
      <c r="QNZ711" s="613"/>
      <c r="QOA711" s="613"/>
      <c r="QOB711" s="613"/>
      <c r="QOC711" s="613"/>
      <c r="QOD711" s="613"/>
      <c r="QOE711" s="613"/>
      <c r="QOF711" s="613"/>
      <c r="QOG711" s="613"/>
      <c r="QOH711" s="613"/>
      <c r="QOI711" s="613"/>
      <c r="QOJ711" s="613"/>
      <c r="QOK711" s="613"/>
      <c r="QOL711" s="613"/>
      <c r="QOM711" s="613"/>
      <c r="QON711" s="613"/>
      <c r="QOO711" s="613"/>
      <c r="QOP711" s="613"/>
      <c r="QOQ711" s="613"/>
      <c r="QOR711" s="613"/>
      <c r="QOS711" s="613"/>
      <c r="QOT711" s="613"/>
      <c r="QOU711" s="613"/>
      <c r="QOV711" s="613"/>
      <c r="QOW711" s="613"/>
      <c r="QOX711" s="613"/>
      <c r="QOY711" s="613"/>
      <c r="QOZ711" s="613"/>
      <c r="QPA711" s="613"/>
      <c r="QPB711" s="613"/>
      <c r="QPC711" s="613"/>
      <c r="QPD711" s="613"/>
      <c r="QPE711" s="613"/>
      <c r="QPF711" s="613"/>
      <c r="QPG711" s="613"/>
      <c r="QPH711" s="613"/>
      <c r="QPI711" s="613"/>
      <c r="QPJ711" s="613"/>
      <c r="QPK711" s="613"/>
      <c r="QPL711" s="613"/>
      <c r="QPM711" s="613"/>
      <c r="QPN711" s="613"/>
      <c r="QPO711" s="613"/>
      <c r="QPP711" s="613"/>
      <c r="QPQ711" s="613"/>
      <c r="QPR711" s="613"/>
      <c r="QPS711" s="613"/>
      <c r="QPT711" s="613"/>
      <c r="QPU711" s="613"/>
      <c r="QPV711" s="613"/>
      <c r="QPW711" s="613"/>
      <c r="QPX711" s="613"/>
      <c r="QPY711" s="613"/>
      <c r="QPZ711" s="613"/>
      <c r="QQA711" s="613"/>
      <c r="QQB711" s="613"/>
      <c r="QQC711" s="613"/>
      <c r="QQD711" s="613"/>
      <c r="QQE711" s="613"/>
      <c r="QQF711" s="613"/>
      <c r="QQG711" s="613"/>
      <c r="QQH711" s="613"/>
      <c r="QQI711" s="613"/>
      <c r="QQJ711" s="613"/>
      <c r="QQK711" s="613"/>
      <c r="QQL711" s="613"/>
      <c r="QQM711" s="613"/>
      <c r="QQN711" s="613"/>
      <c r="QQO711" s="613"/>
      <c r="QQP711" s="613"/>
      <c r="QQQ711" s="613"/>
      <c r="QQR711" s="613"/>
      <c r="QQS711" s="613"/>
      <c r="QQT711" s="613"/>
      <c r="QQU711" s="613"/>
      <c r="QQV711" s="613"/>
      <c r="QQW711" s="613"/>
      <c r="QQX711" s="613"/>
      <c r="QQY711" s="613"/>
      <c r="QQZ711" s="613"/>
      <c r="QRA711" s="613"/>
      <c r="QRB711" s="613"/>
      <c r="QRC711" s="613"/>
      <c r="QRD711" s="613"/>
      <c r="QRE711" s="613"/>
      <c r="QRF711" s="613"/>
      <c r="QRG711" s="613"/>
      <c r="QRH711" s="613"/>
      <c r="QRI711" s="613"/>
      <c r="QRJ711" s="613"/>
      <c r="QRK711" s="613"/>
      <c r="QRL711" s="613"/>
      <c r="QRM711" s="613"/>
      <c r="QRN711" s="613"/>
      <c r="QRO711" s="613"/>
      <c r="QRP711" s="613"/>
      <c r="QRQ711" s="613"/>
      <c r="QRR711" s="613"/>
      <c r="QRS711" s="613"/>
      <c r="QRT711" s="613"/>
      <c r="QRU711" s="613"/>
      <c r="QRV711" s="613"/>
      <c r="QRW711" s="613"/>
      <c r="QRX711" s="613"/>
      <c r="QRY711" s="613"/>
      <c r="QRZ711" s="613"/>
      <c r="QSA711" s="613"/>
      <c r="QSB711" s="613"/>
      <c r="QSC711" s="613"/>
      <c r="QSD711" s="613"/>
      <c r="QSE711" s="613"/>
      <c r="QSF711" s="613"/>
      <c r="QSG711" s="613"/>
      <c r="QSH711" s="613"/>
      <c r="QSI711" s="613"/>
      <c r="QSJ711" s="613"/>
      <c r="QSK711" s="613"/>
      <c r="QSL711" s="613"/>
      <c r="QSM711" s="613"/>
      <c r="QSN711" s="613"/>
      <c r="QSO711" s="613"/>
      <c r="QSP711" s="613"/>
      <c r="QSQ711" s="613"/>
      <c r="QSR711" s="613"/>
      <c r="QSS711" s="613"/>
      <c r="QST711" s="613"/>
      <c r="QSU711" s="613"/>
      <c r="QSV711" s="613"/>
      <c r="QSW711" s="613"/>
      <c r="QSX711" s="613"/>
      <c r="QSY711" s="613"/>
      <c r="QSZ711" s="613"/>
      <c r="QTA711" s="613"/>
      <c r="QTB711" s="613"/>
      <c r="QTC711" s="613"/>
      <c r="QTD711" s="613"/>
      <c r="QTE711" s="613"/>
      <c r="QTF711" s="613"/>
      <c r="QTG711" s="613"/>
      <c r="QTH711" s="613"/>
      <c r="QTI711" s="613"/>
      <c r="QTJ711" s="613"/>
      <c r="QTK711" s="613"/>
      <c r="QTL711" s="613"/>
      <c r="QTM711" s="613"/>
      <c r="QTN711" s="613"/>
      <c r="QTO711" s="613"/>
      <c r="QTP711" s="613"/>
      <c r="QTQ711" s="613"/>
      <c r="QTR711" s="613"/>
      <c r="QTS711" s="613"/>
      <c r="QTT711" s="613"/>
      <c r="QTU711" s="613"/>
      <c r="QTV711" s="613"/>
      <c r="QTW711" s="613"/>
      <c r="QTX711" s="613"/>
      <c r="QTY711" s="613"/>
      <c r="QTZ711" s="613"/>
      <c r="QUA711" s="613"/>
      <c r="QUB711" s="613"/>
      <c r="QUC711" s="613"/>
      <c r="QUD711" s="613"/>
      <c r="QUE711" s="613"/>
      <c r="QUF711" s="613"/>
      <c r="QUG711" s="613"/>
      <c r="QUH711" s="613"/>
      <c r="QUI711" s="613"/>
      <c r="QUJ711" s="613"/>
      <c r="QUK711" s="613"/>
      <c r="QUL711" s="613"/>
      <c r="QUM711" s="613"/>
      <c r="QUN711" s="613"/>
      <c r="QUO711" s="613"/>
      <c r="QUP711" s="613"/>
      <c r="QUQ711" s="613"/>
      <c r="QUR711" s="613"/>
      <c r="QUS711" s="613"/>
      <c r="QUT711" s="613"/>
      <c r="QUU711" s="613"/>
      <c r="QUV711" s="613"/>
      <c r="QUW711" s="613"/>
      <c r="QUX711" s="613"/>
      <c r="QUY711" s="613"/>
      <c r="QUZ711" s="613"/>
      <c r="QVA711" s="613"/>
      <c r="QVB711" s="613"/>
      <c r="QVC711" s="613"/>
      <c r="QVD711" s="613"/>
      <c r="QVE711" s="613"/>
      <c r="QVF711" s="613"/>
      <c r="QVG711" s="613"/>
      <c r="QVH711" s="613"/>
      <c r="QVI711" s="613"/>
      <c r="QVJ711" s="613"/>
      <c r="QVK711" s="613"/>
      <c r="QVL711" s="613"/>
      <c r="QVM711" s="613"/>
      <c r="QVN711" s="613"/>
      <c r="QVO711" s="613"/>
      <c r="QVP711" s="613"/>
      <c r="QVQ711" s="613"/>
      <c r="QVR711" s="613"/>
      <c r="QVS711" s="613"/>
      <c r="QVT711" s="613"/>
      <c r="QVU711" s="613"/>
      <c r="QVV711" s="613"/>
      <c r="QVW711" s="613"/>
      <c r="QVX711" s="613"/>
      <c r="QVY711" s="613"/>
      <c r="QVZ711" s="613"/>
      <c r="QWA711" s="613"/>
      <c r="QWB711" s="613"/>
      <c r="QWC711" s="613"/>
      <c r="QWD711" s="613"/>
      <c r="QWE711" s="613"/>
      <c r="QWF711" s="613"/>
      <c r="QWG711" s="613"/>
      <c r="QWH711" s="613"/>
      <c r="QWI711" s="613"/>
      <c r="QWJ711" s="613"/>
      <c r="QWK711" s="613"/>
      <c r="QWL711" s="613"/>
      <c r="QWM711" s="613"/>
      <c r="QWN711" s="613"/>
      <c r="QWO711" s="613"/>
      <c r="QWP711" s="613"/>
      <c r="QWQ711" s="613"/>
      <c r="QWR711" s="613"/>
      <c r="QWS711" s="613"/>
      <c r="QWT711" s="613"/>
      <c r="QWU711" s="613"/>
      <c r="QWV711" s="613"/>
      <c r="QWW711" s="613"/>
      <c r="QWX711" s="613"/>
      <c r="QWY711" s="613"/>
      <c r="QWZ711" s="613"/>
      <c r="QXA711" s="613"/>
      <c r="QXB711" s="613"/>
      <c r="QXC711" s="613"/>
      <c r="QXD711" s="613"/>
      <c r="QXE711" s="613"/>
      <c r="QXF711" s="613"/>
      <c r="QXG711" s="613"/>
      <c r="QXH711" s="613"/>
      <c r="QXI711" s="613"/>
      <c r="QXJ711" s="613"/>
      <c r="QXK711" s="613"/>
      <c r="QXL711" s="613"/>
      <c r="QXM711" s="613"/>
      <c r="QXN711" s="613"/>
      <c r="QXO711" s="613"/>
      <c r="QXP711" s="613"/>
      <c r="QXQ711" s="613"/>
      <c r="QXR711" s="613"/>
      <c r="QXS711" s="613"/>
      <c r="QXT711" s="613"/>
      <c r="QXU711" s="613"/>
      <c r="QXV711" s="613"/>
      <c r="QXW711" s="613"/>
      <c r="QXX711" s="613"/>
      <c r="QXY711" s="613"/>
      <c r="QXZ711" s="613"/>
      <c r="QYA711" s="613"/>
      <c r="QYB711" s="613"/>
      <c r="QYC711" s="613"/>
      <c r="QYD711" s="613"/>
      <c r="QYE711" s="613"/>
      <c r="QYF711" s="613"/>
      <c r="QYG711" s="613"/>
      <c r="QYH711" s="613"/>
      <c r="QYI711" s="613"/>
      <c r="QYJ711" s="613"/>
      <c r="QYK711" s="613"/>
      <c r="QYL711" s="613"/>
      <c r="QYM711" s="613"/>
      <c r="QYN711" s="613"/>
      <c r="QYO711" s="613"/>
      <c r="QYP711" s="613"/>
      <c r="QYQ711" s="613"/>
      <c r="QYR711" s="613"/>
      <c r="QYS711" s="613"/>
      <c r="QYT711" s="613"/>
      <c r="QYU711" s="613"/>
      <c r="QYV711" s="613"/>
      <c r="QYW711" s="613"/>
      <c r="QYX711" s="613"/>
      <c r="QYY711" s="613"/>
      <c r="QYZ711" s="613"/>
      <c r="QZA711" s="613"/>
      <c r="QZB711" s="613"/>
      <c r="QZC711" s="613"/>
      <c r="QZD711" s="613"/>
      <c r="QZE711" s="613"/>
      <c r="QZF711" s="613"/>
      <c r="QZG711" s="613"/>
      <c r="QZH711" s="613"/>
      <c r="QZI711" s="613"/>
      <c r="QZJ711" s="613"/>
      <c r="QZK711" s="613"/>
      <c r="QZL711" s="613"/>
      <c r="QZM711" s="613"/>
      <c r="QZN711" s="613"/>
      <c r="QZO711" s="613"/>
      <c r="QZP711" s="613"/>
      <c r="QZQ711" s="613"/>
      <c r="QZR711" s="613"/>
      <c r="QZS711" s="613"/>
      <c r="QZT711" s="613"/>
      <c r="QZU711" s="613"/>
      <c r="QZV711" s="613"/>
      <c r="QZW711" s="613"/>
      <c r="QZX711" s="613"/>
      <c r="QZY711" s="613"/>
      <c r="QZZ711" s="613"/>
      <c r="RAA711" s="613"/>
      <c r="RAB711" s="613"/>
      <c r="RAC711" s="613"/>
      <c r="RAD711" s="613"/>
      <c r="RAE711" s="613"/>
      <c r="RAF711" s="613"/>
      <c r="RAG711" s="613"/>
      <c r="RAH711" s="613"/>
      <c r="RAI711" s="613"/>
      <c r="RAJ711" s="613"/>
      <c r="RAK711" s="613"/>
      <c r="RAL711" s="613"/>
      <c r="RAM711" s="613"/>
      <c r="RAN711" s="613"/>
      <c r="RAO711" s="613"/>
      <c r="RAP711" s="613"/>
      <c r="RAQ711" s="613"/>
      <c r="RAR711" s="613"/>
      <c r="RAS711" s="613"/>
      <c r="RAT711" s="613"/>
      <c r="RAU711" s="613"/>
      <c r="RAV711" s="613"/>
      <c r="RAW711" s="613"/>
      <c r="RAX711" s="613"/>
      <c r="RAY711" s="613"/>
      <c r="RAZ711" s="613"/>
      <c r="RBA711" s="613"/>
      <c r="RBB711" s="613"/>
      <c r="RBC711" s="613"/>
      <c r="RBD711" s="613"/>
      <c r="RBE711" s="613"/>
      <c r="RBF711" s="613"/>
      <c r="RBG711" s="613"/>
      <c r="RBH711" s="613"/>
      <c r="RBI711" s="613"/>
      <c r="RBJ711" s="613"/>
      <c r="RBK711" s="613"/>
      <c r="RBL711" s="613"/>
      <c r="RBM711" s="613"/>
      <c r="RBN711" s="613"/>
      <c r="RBO711" s="613"/>
      <c r="RBP711" s="613"/>
      <c r="RBQ711" s="613"/>
      <c r="RBR711" s="613"/>
      <c r="RBS711" s="613"/>
      <c r="RBT711" s="613"/>
      <c r="RBU711" s="613"/>
      <c r="RBV711" s="613"/>
      <c r="RBW711" s="613"/>
      <c r="RBX711" s="613"/>
      <c r="RBY711" s="613"/>
      <c r="RBZ711" s="613"/>
      <c r="RCA711" s="613"/>
      <c r="RCB711" s="613"/>
      <c r="RCC711" s="613"/>
      <c r="RCD711" s="613"/>
      <c r="RCE711" s="613"/>
      <c r="RCF711" s="613"/>
      <c r="RCG711" s="613"/>
      <c r="RCH711" s="613"/>
      <c r="RCI711" s="613"/>
      <c r="RCJ711" s="613"/>
      <c r="RCK711" s="613"/>
      <c r="RCL711" s="613"/>
      <c r="RCM711" s="613"/>
      <c r="RCN711" s="613"/>
      <c r="RCO711" s="613"/>
      <c r="RCP711" s="613"/>
      <c r="RCQ711" s="613"/>
      <c r="RCR711" s="613"/>
      <c r="RCS711" s="613"/>
      <c r="RCT711" s="613"/>
      <c r="RCU711" s="613"/>
      <c r="RCV711" s="613"/>
      <c r="RCW711" s="613"/>
      <c r="RCX711" s="613"/>
      <c r="RCY711" s="613"/>
      <c r="RCZ711" s="613"/>
      <c r="RDA711" s="613"/>
      <c r="RDB711" s="613"/>
      <c r="RDC711" s="613"/>
      <c r="RDD711" s="613"/>
      <c r="RDE711" s="613"/>
      <c r="RDF711" s="613"/>
      <c r="RDG711" s="613"/>
      <c r="RDH711" s="613"/>
      <c r="RDI711" s="613"/>
      <c r="RDJ711" s="613"/>
      <c r="RDK711" s="613"/>
      <c r="RDL711" s="613"/>
      <c r="RDM711" s="613"/>
      <c r="RDN711" s="613"/>
      <c r="RDO711" s="613"/>
      <c r="RDP711" s="613"/>
      <c r="RDQ711" s="613"/>
      <c r="RDR711" s="613"/>
      <c r="RDS711" s="613"/>
      <c r="RDT711" s="613"/>
      <c r="RDU711" s="613"/>
      <c r="RDV711" s="613"/>
      <c r="RDW711" s="613"/>
      <c r="RDX711" s="613"/>
      <c r="RDY711" s="613"/>
      <c r="RDZ711" s="613"/>
      <c r="REA711" s="613"/>
      <c r="REB711" s="613"/>
      <c r="REC711" s="613"/>
      <c r="RED711" s="613"/>
      <c r="REE711" s="613"/>
      <c r="REF711" s="613"/>
      <c r="REG711" s="613"/>
      <c r="REH711" s="613"/>
      <c r="REI711" s="613"/>
      <c r="REJ711" s="613"/>
      <c r="REK711" s="613"/>
      <c r="REL711" s="613"/>
      <c r="REM711" s="613"/>
      <c r="REN711" s="613"/>
      <c r="REO711" s="613"/>
      <c r="REP711" s="613"/>
      <c r="REQ711" s="613"/>
      <c r="RER711" s="613"/>
      <c r="RES711" s="613"/>
      <c r="RET711" s="613"/>
      <c r="REU711" s="613"/>
      <c r="REV711" s="613"/>
      <c r="REW711" s="613"/>
      <c r="REX711" s="613"/>
      <c r="REY711" s="613"/>
      <c r="REZ711" s="613"/>
      <c r="RFA711" s="613"/>
      <c r="RFB711" s="613"/>
      <c r="RFC711" s="613"/>
      <c r="RFD711" s="613"/>
      <c r="RFE711" s="613"/>
      <c r="RFF711" s="613"/>
      <c r="RFG711" s="613"/>
      <c r="RFH711" s="613"/>
      <c r="RFI711" s="613"/>
      <c r="RFJ711" s="613"/>
      <c r="RFK711" s="613"/>
      <c r="RFL711" s="613"/>
      <c r="RFM711" s="613"/>
      <c r="RFN711" s="613"/>
      <c r="RFO711" s="613"/>
      <c r="RFP711" s="613"/>
      <c r="RFQ711" s="613"/>
      <c r="RFR711" s="613"/>
      <c r="RFS711" s="613"/>
      <c r="RFT711" s="613"/>
      <c r="RFU711" s="613"/>
      <c r="RFV711" s="613"/>
      <c r="RFW711" s="613"/>
      <c r="RFX711" s="613"/>
      <c r="RFY711" s="613"/>
      <c r="RFZ711" s="613"/>
      <c r="RGA711" s="613"/>
      <c r="RGB711" s="613"/>
      <c r="RGC711" s="613"/>
      <c r="RGD711" s="613"/>
      <c r="RGE711" s="613"/>
      <c r="RGF711" s="613"/>
      <c r="RGG711" s="613"/>
      <c r="RGH711" s="613"/>
      <c r="RGI711" s="613"/>
      <c r="RGJ711" s="613"/>
      <c r="RGK711" s="613"/>
      <c r="RGL711" s="613"/>
      <c r="RGM711" s="613"/>
      <c r="RGN711" s="613"/>
      <c r="RGO711" s="613"/>
      <c r="RGP711" s="613"/>
      <c r="RGQ711" s="613"/>
      <c r="RGR711" s="613"/>
      <c r="RGS711" s="613"/>
      <c r="RGT711" s="613"/>
      <c r="RGU711" s="613"/>
      <c r="RGV711" s="613"/>
      <c r="RGW711" s="613"/>
      <c r="RGX711" s="613"/>
      <c r="RGY711" s="613"/>
      <c r="RGZ711" s="613"/>
      <c r="RHA711" s="613"/>
      <c r="RHB711" s="613"/>
      <c r="RHC711" s="613"/>
      <c r="RHD711" s="613"/>
      <c r="RHE711" s="613"/>
      <c r="RHF711" s="613"/>
      <c r="RHG711" s="613"/>
      <c r="RHH711" s="613"/>
      <c r="RHI711" s="613"/>
      <c r="RHJ711" s="613"/>
      <c r="RHK711" s="613"/>
      <c r="RHL711" s="613"/>
      <c r="RHM711" s="613"/>
      <c r="RHN711" s="613"/>
      <c r="RHO711" s="613"/>
      <c r="RHP711" s="613"/>
      <c r="RHQ711" s="613"/>
      <c r="RHR711" s="613"/>
      <c r="RHS711" s="613"/>
      <c r="RHT711" s="613"/>
      <c r="RHU711" s="613"/>
      <c r="RHV711" s="613"/>
      <c r="RHW711" s="613"/>
      <c r="RHX711" s="613"/>
      <c r="RHY711" s="613"/>
      <c r="RHZ711" s="613"/>
      <c r="RIA711" s="613"/>
      <c r="RIB711" s="613"/>
      <c r="RIC711" s="613"/>
      <c r="RID711" s="613"/>
      <c r="RIE711" s="613"/>
      <c r="RIF711" s="613"/>
      <c r="RIG711" s="613"/>
      <c r="RIH711" s="613"/>
      <c r="RII711" s="613"/>
      <c r="RIJ711" s="613"/>
      <c r="RIK711" s="613"/>
      <c r="RIL711" s="613"/>
      <c r="RIM711" s="613"/>
      <c r="RIN711" s="613"/>
      <c r="RIO711" s="613"/>
      <c r="RIP711" s="613"/>
      <c r="RIQ711" s="613"/>
      <c r="RIR711" s="613"/>
      <c r="RIS711" s="613"/>
      <c r="RIT711" s="613"/>
      <c r="RIU711" s="613"/>
      <c r="RIV711" s="613"/>
      <c r="RIW711" s="613"/>
      <c r="RIX711" s="613"/>
      <c r="RIY711" s="613"/>
      <c r="RIZ711" s="613"/>
      <c r="RJA711" s="613"/>
      <c r="RJB711" s="613"/>
      <c r="RJC711" s="613"/>
      <c r="RJD711" s="613"/>
      <c r="RJE711" s="613"/>
      <c r="RJF711" s="613"/>
      <c r="RJG711" s="613"/>
      <c r="RJH711" s="613"/>
      <c r="RJI711" s="613"/>
      <c r="RJJ711" s="613"/>
      <c r="RJK711" s="613"/>
      <c r="RJL711" s="613"/>
      <c r="RJM711" s="613"/>
      <c r="RJN711" s="613"/>
      <c r="RJO711" s="613"/>
      <c r="RJP711" s="613"/>
      <c r="RJQ711" s="613"/>
      <c r="RJR711" s="613"/>
      <c r="RJS711" s="613"/>
      <c r="RJT711" s="613"/>
      <c r="RJU711" s="613"/>
      <c r="RJV711" s="613"/>
      <c r="RJW711" s="613"/>
      <c r="RJX711" s="613"/>
      <c r="RJY711" s="613"/>
      <c r="RJZ711" s="613"/>
      <c r="RKA711" s="613"/>
      <c r="RKB711" s="613"/>
      <c r="RKC711" s="613"/>
      <c r="RKD711" s="613"/>
      <c r="RKE711" s="613"/>
      <c r="RKF711" s="613"/>
      <c r="RKG711" s="613"/>
      <c r="RKH711" s="613"/>
      <c r="RKI711" s="613"/>
      <c r="RKJ711" s="613"/>
      <c r="RKK711" s="613"/>
      <c r="RKL711" s="613"/>
      <c r="RKM711" s="613"/>
      <c r="RKN711" s="613"/>
      <c r="RKO711" s="613"/>
      <c r="RKP711" s="613"/>
      <c r="RKQ711" s="613"/>
      <c r="RKR711" s="613"/>
      <c r="RKS711" s="613"/>
      <c r="RKT711" s="613"/>
      <c r="RKU711" s="613"/>
      <c r="RKV711" s="613"/>
      <c r="RKW711" s="613"/>
      <c r="RKX711" s="613"/>
      <c r="RKY711" s="613"/>
      <c r="RKZ711" s="613"/>
      <c r="RLA711" s="613"/>
      <c r="RLB711" s="613"/>
      <c r="RLC711" s="613"/>
      <c r="RLD711" s="613"/>
      <c r="RLE711" s="613"/>
      <c r="RLF711" s="613"/>
      <c r="RLG711" s="613"/>
      <c r="RLH711" s="613"/>
      <c r="RLI711" s="613"/>
      <c r="RLJ711" s="613"/>
      <c r="RLK711" s="613"/>
      <c r="RLL711" s="613"/>
      <c r="RLM711" s="613"/>
      <c r="RLN711" s="613"/>
      <c r="RLO711" s="613"/>
      <c r="RLP711" s="613"/>
      <c r="RLQ711" s="613"/>
      <c r="RLR711" s="613"/>
      <c r="RLS711" s="613"/>
      <c r="RLT711" s="613"/>
      <c r="RLU711" s="613"/>
      <c r="RLV711" s="613"/>
      <c r="RLW711" s="613"/>
      <c r="RLX711" s="613"/>
      <c r="RLY711" s="613"/>
      <c r="RLZ711" s="613"/>
      <c r="RMA711" s="613"/>
      <c r="RMB711" s="613"/>
      <c r="RMC711" s="613"/>
      <c r="RMD711" s="613"/>
      <c r="RME711" s="613"/>
      <c r="RMF711" s="613"/>
      <c r="RMG711" s="613"/>
      <c r="RMH711" s="613"/>
      <c r="RMI711" s="613"/>
      <c r="RMJ711" s="613"/>
      <c r="RMK711" s="613"/>
      <c r="RML711" s="613"/>
      <c r="RMM711" s="613"/>
      <c r="RMN711" s="613"/>
      <c r="RMO711" s="613"/>
      <c r="RMP711" s="613"/>
      <c r="RMQ711" s="613"/>
      <c r="RMR711" s="613"/>
      <c r="RMS711" s="613"/>
      <c r="RMT711" s="613"/>
      <c r="RMU711" s="613"/>
      <c r="RMV711" s="613"/>
      <c r="RMW711" s="613"/>
      <c r="RMX711" s="613"/>
      <c r="RMY711" s="613"/>
      <c r="RMZ711" s="613"/>
      <c r="RNA711" s="613"/>
      <c r="RNB711" s="613"/>
      <c r="RNC711" s="613"/>
      <c r="RND711" s="613"/>
      <c r="RNE711" s="613"/>
      <c r="RNF711" s="613"/>
      <c r="RNG711" s="613"/>
      <c r="RNH711" s="613"/>
      <c r="RNI711" s="613"/>
      <c r="RNJ711" s="613"/>
      <c r="RNK711" s="613"/>
      <c r="RNL711" s="613"/>
      <c r="RNM711" s="613"/>
      <c r="RNN711" s="613"/>
      <c r="RNO711" s="613"/>
      <c r="RNP711" s="613"/>
      <c r="RNQ711" s="613"/>
      <c r="RNR711" s="613"/>
      <c r="RNS711" s="613"/>
      <c r="RNT711" s="613"/>
      <c r="RNU711" s="613"/>
      <c r="RNV711" s="613"/>
      <c r="RNW711" s="613"/>
      <c r="RNX711" s="613"/>
      <c r="RNY711" s="613"/>
      <c r="RNZ711" s="613"/>
      <c r="ROA711" s="613"/>
      <c r="ROB711" s="613"/>
      <c r="ROC711" s="613"/>
      <c r="ROD711" s="613"/>
      <c r="ROE711" s="613"/>
      <c r="ROF711" s="613"/>
      <c r="ROG711" s="613"/>
      <c r="ROH711" s="613"/>
      <c r="ROI711" s="613"/>
      <c r="ROJ711" s="613"/>
      <c r="ROK711" s="613"/>
      <c r="ROL711" s="613"/>
      <c r="ROM711" s="613"/>
      <c r="RON711" s="613"/>
      <c r="ROO711" s="613"/>
      <c r="ROP711" s="613"/>
      <c r="ROQ711" s="613"/>
      <c r="ROR711" s="613"/>
      <c r="ROS711" s="613"/>
      <c r="ROT711" s="613"/>
      <c r="ROU711" s="613"/>
      <c r="ROV711" s="613"/>
      <c r="ROW711" s="613"/>
      <c r="ROX711" s="613"/>
      <c r="ROY711" s="613"/>
      <c r="ROZ711" s="613"/>
      <c r="RPA711" s="613"/>
      <c r="RPB711" s="613"/>
      <c r="RPC711" s="613"/>
      <c r="RPD711" s="613"/>
      <c r="RPE711" s="613"/>
      <c r="RPF711" s="613"/>
      <c r="RPG711" s="613"/>
      <c r="RPH711" s="613"/>
      <c r="RPI711" s="613"/>
      <c r="RPJ711" s="613"/>
      <c r="RPK711" s="613"/>
      <c r="RPL711" s="613"/>
      <c r="RPM711" s="613"/>
      <c r="RPN711" s="613"/>
      <c r="RPO711" s="613"/>
      <c r="RPP711" s="613"/>
      <c r="RPQ711" s="613"/>
      <c r="RPR711" s="613"/>
      <c r="RPS711" s="613"/>
      <c r="RPT711" s="613"/>
      <c r="RPU711" s="613"/>
      <c r="RPV711" s="613"/>
      <c r="RPW711" s="613"/>
      <c r="RPX711" s="613"/>
      <c r="RPY711" s="613"/>
      <c r="RPZ711" s="613"/>
      <c r="RQA711" s="613"/>
      <c r="RQB711" s="613"/>
      <c r="RQC711" s="613"/>
      <c r="RQD711" s="613"/>
      <c r="RQE711" s="613"/>
      <c r="RQF711" s="613"/>
      <c r="RQG711" s="613"/>
      <c r="RQH711" s="613"/>
      <c r="RQI711" s="613"/>
      <c r="RQJ711" s="613"/>
      <c r="RQK711" s="613"/>
      <c r="RQL711" s="613"/>
      <c r="RQM711" s="613"/>
      <c r="RQN711" s="613"/>
      <c r="RQO711" s="613"/>
      <c r="RQP711" s="613"/>
      <c r="RQQ711" s="613"/>
      <c r="RQR711" s="613"/>
      <c r="RQS711" s="613"/>
      <c r="RQT711" s="613"/>
      <c r="RQU711" s="613"/>
      <c r="RQV711" s="613"/>
      <c r="RQW711" s="613"/>
      <c r="RQX711" s="613"/>
      <c r="RQY711" s="613"/>
      <c r="RQZ711" s="613"/>
      <c r="RRA711" s="613"/>
      <c r="RRB711" s="613"/>
      <c r="RRC711" s="613"/>
      <c r="RRD711" s="613"/>
      <c r="RRE711" s="613"/>
      <c r="RRF711" s="613"/>
      <c r="RRG711" s="613"/>
      <c r="RRH711" s="613"/>
      <c r="RRI711" s="613"/>
      <c r="RRJ711" s="613"/>
      <c r="RRK711" s="613"/>
      <c r="RRL711" s="613"/>
      <c r="RRM711" s="613"/>
      <c r="RRN711" s="613"/>
      <c r="RRO711" s="613"/>
      <c r="RRP711" s="613"/>
      <c r="RRQ711" s="613"/>
      <c r="RRR711" s="613"/>
      <c r="RRS711" s="613"/>
      <c r="RRT711" s="613"/>
      <c r="RRU711" s="613"/>
      <c r="RRV711" s="613"/>
      <c r="RRW711" s="613"/>
      <c r="RRX711" s="613"/>
      <c r="RRY711" s="613"/>
      <c r="RRZ711" s="613"/>
      <c r="RSA711" s="613"/>
      <c r="RSB711" s="613"/>
      <c r="RSC711" s="613"/>
      <c r="RSD711" s="613"/>
      <c r="RSE711" s="613"/>
      <c r="RSF711" s="613"/>
      <c r="RSG711" s="613"/>
      <c r="RSH711" s="613"/>
      <c r="RSI711" s="613"/>
      <c r="RSJ711" s="613"/>
      <c r="RSK711" s="613"/>
      <c r="RSL711" s="613"/>
      <c r="RSM711" s="613"/>
      <c r="RSN711" s="613"/>
      <c r="RSO711" s="613"/>
      <c r="RSP711" s="613"/>
      <c r="RSQ711" s="613"/>
      <c r="RSR711" s="613"/>
      <c r="RSS711" s="613"/>
      <c r="RST711" s="613"/>
      <c r="RSU711" s="613"/>
      <c r="RSV711" s="613"/>
      <c r="RSW711" s="613"/>
      <c r="RSX711" s="613"/>
      <c r="RSY711" s="613"/>
      <c r="RSZ711" s="613"/>
      <c r="RTA711" s="613"/>
      <c r="RTB711" s="613"/>
      <c r="RTC711" s="613"/>
      <c r="RTD711" s="613"/>
      <c r="RTE711" s="613"/>
      <c r="RTF711" s="613"/>
      <c r="RTG711" s="613"/>
      <c r="RTH711" s="613"/>
      <c r="RTI711" s="613"/>
      <c r="RTJ711" s="613"/>
      <c r="RTK711" s="613"/>
      <c r="RTL711" s="613"/>
      <c r="RTM711" s="613"/>
      <c r="RTN711" s="613"/>
      <c r="RTO711" s="613"/>
      <c r="RTP711" s="613"/>
      <c r="RTQ711" s="613"/>
      <c r="RTR711" s="613"/>
      <c r="RTS711" s="613"/>
      <c r="RTT711" s="613"/>
      <c r="RTU711" s="613"/>
      <c r="RTV711" s="613"/>
      <c r="RTW711" s="613"/>
      <c r="RTX711" s="613"/>
      <c r="RTY711" s="613"/>
      <c r="RTZ711" s="613"/>
      <c r="RUA711" s="613"/>
      <c r="RUB711" s="613"/>
      <c r="RUC711" s="613"/>
      <c r="RUD711" s="613"/>
      <c r="RUE711" s="613"/>
      <c r="RUF711" s="613"/>
      <c r="RUG711" s="613"/>
      <c r="RUH711" s="613"/>
      <c r="RUI711" s="613"/>
      <c r="RUJ711" s="613"/>
      <c r="RUK711" s="613"/>
      <c r="RUL711" s="613"/>
      <c r="RUM711" s="613"/>
      <c r="RUN711" s="613"/>
      <c r="RUO711" s="613"/>
      <c r="RUP711" s="613"/>
      <c r="RUQ711" s="613"/>
      <c r="RUR711" s="613"/>
      <c r="RUS711" s="613"/>
      <c r="RUT711" s="613"/>
      <c r="RUU711" s="613"/>
      <c r="RUV711" s="613"/>
      <c r="RUW711" s="613"/>
      <c r="RUX711" s="613"/>
      <c r="RUY711" s="613"/>
      <c r="RUZ711" s="613"/>
      <c r="RVA711" s="613"/>
      <c r="RVB711" s="613"/>
      <c r="RVC711" s="613"/>
      <c r="RVD711" s="613"/>
      <c r="RVE711" s="613"/>
      <c r="RVF711" s="613"/>
      <c r="RVG711" s="613"/>
      <c r="RVH711" s="613"/>
      <c r="RVI711" s="613"/>
      <c r="RVJ711" s="613"/>
      <c r="RVK711" s="613"/>
      <c r="RVL711" s="613"/>
      <c r="RVM711" s="613"/>
      <c r="RVN711" s="613"/>
      <c r="RVO711" s="613"/>
      <c r="RVP711" s="613"/>
      <c r="RVQ711" s="613"/>
      <c r="RVR711" s="613"/>
      <c r="RVS711" s="613"/>
      <c r="RVT711" s="613"/>
      <c r="RVU711" s="613"/>
      <c r="RVV711" s="613"/>
      <c r="RVW711" s="613"/>
      <c r="RVX711" s="613"/>
      <c r="RVY711" s="613"/>
      <c r="RVZ711" s="613"/>
      <c r="RWA711" s="613"/>
      <c r="RWB711" s="613"/>
      <c r="RWC711" s="613"/>
      <c r="RWD711" s="613"/>
      <c r="RWE711" s="613"/>
      <c r="RWF711" s="613"/>
      <c r="RWG711" s="613"/>
      <c r="RWH711" s="613"/>
      <c r="RWI711" s="613"/>
      <c r="RWJ711" s="613"/>
      <c r="RWK711" s="613"/>
      <c r="RWL711" s="613"/>
      <c r="RWM711" s="613"/>
      <c r="RWN711" s="613"/>
      <c r="RWO711" s="613"/>
      <c r="RWP711" s="613"/>
      <c r="RWQ711" s="613"/>
      <c r="RWR711" s="613"/>
      <c r="RWS711" s="613"/>
      <c r="RWT711" s="613"/>
      <c r="RWU711" s="613"/>
      <c r="RWV711" s="613"/>
      <c r="RWW711" s="613"/>
      <c r="RWX711" s="613"/>
      <c r="RWY711" s="613"/>
      <c r="RWZ711" s="613"/>
      <c r="RXA711" s="613"/>
      <c r="RXB711" s="613"/>
      <c r="RXC711" s="613"/>
      <c r="RXD711" s="613"/>
      <c r="RXE711" s="613"/>
      <c r="RXF711" s="613"/>
      <c r="RXG711" s="613"/>
      <c r="RXH711" s="613"/>
      <c r="RXI711" s="613"/>
      <c r="RXJ711" s="613"/>
      <c r="RXK711" s="613"/>
      <c r="RXL711" s="613"/>
      <c r="RXM711" s="613"/>
      <c r="RXN711" s="613"/>
      <c r="RXO711" s="613"/>
      <c r="RXP711" s="613"/>
      <c r="RXQ711" s="613"/>
      <c r="RXR711" s="613"/>
      <c r="RXS711" s="613"/>
      <c r="RXT711" s="613"/>
      <c r="RXU711" s="613"/>
      <c r="RXV711" s="613"/>
      <c r="RXW711" s="613"/>
      <c r="RXX711" s="613"/>
      <c r="RXY711" s="613"/>
      <c r="RXZ711" s="613"/>
      <c r="RYA711" s="613"/>
      <c r="RYB711" s="613"/>
      <c r="RYC711" s="613"/>
      <c r="RYD711" s="613"/>
      <c r="RYE711" s="613"/>
      <c r="RYF711" s="613"/>
      <c r="RYG711" s="613"/>
      <c r="RYH711" s="613"/>
      <c r="RYI711" s="613"/>
      <c r="RYJ711" s="613"/>
      <c r="RYK711" s="613"/>
      <c r="RYL711" s="613"/>
      <c r="RYM711" s="613"/>
      <c r="RYN711" s="613"/>
      <c r="RYO711" s="613"/>
      <c r="RYP711" s="613"/>
      <c r="RYQ711" s="613"/>
      <c r="RYR711" s="613"/>
      <c r="RYS711" s="613"/>
      <c r="RYT711" s="613"/>
      <c r="RYU711" s="613"/>
      <c r="RYV711" s="613"/>
      <c r="RYW711" s="613"/>
      <c r="RYX711" s="613"/>
      <c r="RYY711" s="613"/>
      <c r="RYZ711" s="613"/>
      <c r="RZA711" s="613"/>
      <c r="RZB711" s="613"/>
      <c r="RZC711" s="613"/>
      <c r="RZD711" s="613"/>
      <c r="RZE711" s="613"/>
      <c r="RZF711" s="613"/>
      <c r="RZG711" s="613"/>
      <c r="RZH711" s="613"/>
      <c r="RZI711" s="613"/>
      <c r="RZJ711" s="613"/>
      <c r="RZK711" s="613"/>
      <c r="RZL711" s="613"/>
      <c r="RZM711" s="613"/>
      <c r="RZN711" s="613"/>
      <c r="RZO711" s="613"/>
      <c r="RZP711" s="613"/>
      <c r="RZQ711" s="613"/>
      <c r="RZR711" s="613"/>
      <c r="RZS711" s="613"/>
      <c r="RZT711" s="613"/>
      <c r="RZU711" s="613"/>
      <c r="RZV711" s="613"/>
      <c r="RZW711" s="613"/>
      <c r="RZX711" s="613"/>
      <c r="RZY711" s="613"/>
      <c r="RZZ711" s="613"/>
      <c r="SAA711" s="613"/>
      <c r="SAB711" s="613"/>
      <c r="SAC711" s="613"/>
      <c r="SAD711" s="613"/>
      <c r="SAE711" s="613"/>
      <c r="SAF711" s="613"/>
      <c r="SAG711" s="613"/>
      <c r="SAH711" s="613"/>
      <c r="SAI711" s="613"/>
      <c r="SAJ711" s="613"/>
      <c r="SAK711" s="613"/>
      <c r="SAL711" s="613"/>
      <c r="SAM711" s="613"/>
      <c r="SAN711" s="613"/>
      <c r="SAO711" s="613"/>
      <c r="SAP711" s="613"/>
      <c r="SAQ711" s="613"/>
      <c r="SAR711" s="613"/>
      <c r="SAS711" s="613"/>
      <c r="SAT711" s="613"/>
      <c r="SAU711" s="613"/>
      <c r="SAV711" s="613"/>
      <c r="SAW711" s="613"/>
      <c r="SAX711" s="613"/>
      <c r="SAY711" s="613"/>
      <c r="SAZ711" s="613"/>
      <c r="SBA711" s="613"/>
      <c r="SBB711" s="613"/>
      <c r="SBC711" s="613"/>
      <c r="SBD711" s="613"/>
      <c r="SBE711" s="613"/>
      <c r="SBF711" s="613"/>
      <c r="SBG711" s="613"/>
      <c r="SBH711" s="613"/>
      <c r="SBI711" s="613"/>
      <c r="SBJ711" s="613"/>
      <c r="SBK711" s="613"/>
      <c r="SBL711" s="613"/>
      <c r="SBM711" s="613"/>
      <c r="SBN711" s="613"/>
      <c r="SBO711" s="613"/>
      <c r="SBP711" s="613"/>
      <c r="SBQ711" s="613"/>
      <c r="SBR711" s="613"/>
      <c r="SBS711" s="613"/>
      <c r="SBT711" s="613"/>
      <c r="SBU711" s="613"/>
      <c r="SBV711" s="613"/>
      <c r="SBW711" s="613"/>
      <c r="SBX711" s="613"/>
      <c r="SBY711" s="613"/>
      <c r="SBZ711" s="613"/>
      <c r="SCA711" s="613"/>
      <c r="SCB711" s="613"/>
      <c r="SCC711" s="613"/>
      <c r="SCD711" s="613"/>
      <c r="SCE711" s="613"/>
      <c r="SCF711" s="613"/>
      <c r="SCG711" s="613"/>
      <c r="SCH711" s="613"/>
      <c r="SCI711" s="613"/>
      <c r="SCJ711" s="613"/>
      <c r="SCK711" s="613"/>
      <c r="SCL711" s="613"/>
      <c r="SCM711" s="613"/>
      <c r="SCN711" s="613"/>
      <c r="SCO711" s="613"/>
      <c r="SCP711" s="613"/>
      <c r="SCQ711" s="613"/>
      <c r="SCR711" s="613"/>
      <c r="SCS711" s="613"/>
      <c r="SCT711" s="613"/>
      <c r="SCU711" s="613"/>
      <c r="SCV711" s="613"/>
      <c r="SCW711" s="613"/>
      <c r="SCX711" s="613"/>
      <c r="SCY711" s="613"/>
      <c r="SCZ711" s="613"/>
      <c r="SDA711" s="613"/>
      <c r="SDB711" s="613"/>
      <c r="SDC711" s="613"/>
      <c r="SDD711" s="613"/>
      <c r="SDE711" s="613"/>
      <c r="SDF711" s="613"/>
      <c r="SDG711" s="613"/>
      <c r="SDH711" s="613"/>
      <c r="SDI711" s="613"/>
      <c r="SDJ711" s="613"/>
      <c r="SDK711" s="613"/>
      <c r="SDL711" s="613"/>
      <c r="SDM711" s="613"/>
      <c r="SDN711" s="613"/>
      <c r="SDO711" s="613"/>
      <c r="SDP711" s="613"/>
      <c r="SDQ711" s="613"/>
      <c r="SDR711" s="613"/>
      <c r="SDS711" s="613"/>
      <c r="SDT711" s="613"/>
      <c r="SDU711" s="613"/>
      <c r="SDV711" s="613"/>
      <c r="SDW711" s="613"/>
      <c r="SDX711" s="613"/>
      <c r="SDY711" s="613"/>
      <c r="SDZ711" s="613"/>
      <c r="SEA711" s="613"/>
      <c r="SEB711" s="613"/>
      <c r="SEC711" s="613"/>
      <c r="SED711" s="613"/>
      <c r="SEE711" s="613"/>
      <c r="SEF711" s="613"/>
      <c r="SEG711" s="613"/>
      <c r="SEH711" s="613"/>
      <c r="SEI711" s="613"/>
      <c r="SEJ711" s="613"/>
      <c r="SEK711" s="613"/>
      <c r="SEL711" s="613"/>
      <c r="SEM711" s="613"/>
      <c r="SEN711" s="613"/>
      <c r="SEO711" s="613"/>
      <c r="SEP711" s="613"/>
      <c r="SEQ711" s="613"/>
      <c r="SER711" s="613"/>
      <c r="SES711" s="613"/>
      <c r="SET711" s="613"/>
      <c r="SEU711" s="613"/>
      <c r="SEV711" s="613"/>
      <c r="SEW711" s="613"/>
      <c r="SEX711" s="613"/>
      <c r="SEY711" s="613"/>
      <c r="SEZ711" s="613"/>
      <c r="SFA711" s="613"/>
      <c r="SFB711" s="613"/>
      <c r="SFC711" s="613"/>
      <c r="SFD711" s="613"/>
      <c r="SFE711" s="613"/>
      <c r="SFF711" s="613"/>
      <c r="SFG711" s="613"/>
      <c r="SFH711" s="613"/>
      <c r="SFI711" s="613"/>
      <c r="SFJ711" s="613"/>
      <c r="SFK711" s="613"/>
      <c r="SFL711" s="613"/>
      <c r="SFM711" s="613"/>
      <c r="SFN711" s="613"/>
      <c r="SFO711" s="613"/>
      <c r="SFP711" s="613"/>
      <c r="SFQ711" s="613"/>
      <c r="SFR711" s="613"/>
      <c r="SFS711" s="613"/>
      <c r="SFT711" s="613"/>
      <c r="SFU711" s="613"/>
      <c r="SFV711" s="613"/>
      <c r="SFW711" s="613"/>
      <c r="SFX711" s="613"/>
      <c r="SFY711" s="613"/>
      <c r="SFZ711" s="613"/>
      <c r="SGA711" s="613"/>
      <c r="SGB711" s="613"/>
      <c r="SGC711" s="613"/>
      <c r="SGD711" s="613"/>
      <c r="SGE711" s="613"/>
      <c r="SGF711" s="613"/>
      <c r="SGG711" s="613"/>
      <c r="SGH711" s="613"/>
      <c r="SGI711" s="613"/>
      <c r="SGJ711" s="613"/>
      <c r="SGK711" s="613"/>
      <c r="SGL711" s="613"/>
      <c r="SGM711" s="613"/>
      <c r="SGN711" s="613"/>
      <c r="SGO711" s="613"/>
      <c r="SGP711" s="613"/>
      <c r="SGQ711" s="613"/>
      <c r="SGR711" s="613"/>
      <c r="SGS711" s="613"/>
      <c r="SGT711" s="613"/>
      <c r="SGU711" s="613"/>
      <c r="SGV711" s="613"/>
      <c r="SGW711" s="613"/>
      <c r="SGX711" s="613"/>
      <c r="SGY711" s="613"/>
      <c r="SGZ711" s="613"/>
      <c r="SHA711" s="613"/>
      <c r="SHB711" s="613"/>
      <c r="SHC711" s="613"/>
      <c r="SHD711" s="613"/>
      <c r="SHE711" s="613"/>
      <c r="SHF711" s="613"/>
      <c r="SHG711" s="613"/>
      <c r="SHH711" s="613"/>
      <c r="SHI711" s="613"/>
      <c r="SHJ711" s="613"/>
      <c r="SHK711" s="613"/>
      <c r="SHL711" s="613"/>
      <c r="SHM711" s="613"/>
      <c r="SHN711" s="613"/>
      <c r="SHO711" s="613"/>
      <c r="SHP711" s="613"/>
      <c r="SHQ711" s="613"/>
      <c r="SHR711" s="613"/>
      <c r="SHS711" s="613"/>
      <c r="SHT711" s="613"/>
      <c r="SHU711" s="613"/>
      <c r="SHV711" s="613"/>
      <c r="SHW711" s="613"/>
      <c r="SHX711" s="613"/>
      <c r="SHY711" s="613"/>
      <c r="SHZ711" s="613"/>
      <c r="SIA711" s="613"/>
      <c r="SIB711" s="613"/>
      <c r="SIC711" s="613"/>
      <c r="SID711" s="613"/>
      <c r="SIE711" s="613"/>
      <c r="SIF711" s="613"/>
      <c r="SIG711" s="613"/>
      <c r="SIH711" s="613"/>
      <c r="SII711" s="613"/>
      <c r="SIJ711" s="613"/>
      <c r="SIK711" s="613"/>
      <c r="SIL711" s="613"/>
      <c r="SIM711" s="613"/>
      <c r="SIN711" s="613"/>
      <c r="SIO711" s="613"/>
      <c r="SIP711" s="613"/>
      <c r="SIQ711" s="613"/>
      <c r="SIR711" s="613"/>
      <c r="SIS711" s="613"/>
      <c r="SIT711" s="613"/>
      <c r="SIU711" s="613"/>
      <c r="SIV711" s="613"/>
      <c r="SIW711" s="613"/>
      <c r="SIX711" s="613"/>
      <c r="SIY711" s="613"/>
      <c r="SIZ711" s="613"/>
      <c r="SJA711" s="613"/>
      <c r="SJB711" s="613"/>
      <c r="SJC711" s="613"/>
      <c r="SJD711" s="613"/>
      <c r="SJE711" s="613"/>
      <c r="SJF711" s="613"/>
      <c r="SJG711" s="613"/>
      <c r="SJH711" s="613"/>
      <c r="SJI711" s="613"/>
      <c r="SJJ711" s="613"/>
      <c r="SJK711" s="613"/>
      <c r="SJL711" s="613"/>
      <c r="SJM711" s="613"/>
      <c r="SJN711" s="613"/>
      <c r="SJO711" s="613"/>
      <c r="SJP711" s="613"/>
      <c r="SJQ711" s="613"/>
      <c r="SJR711" s="613"/>
      <c r="SJS711" s="613"/>
      <c r="SJT711" s="613"/>
      <c r="SJU711" s="613"/>
      <c r="SJV711" s="613"/>
      <c r="SJW711" s="613"/>
      <c r="SJX711" s="613"/>
      <c r="SJY711" s="613"/>
      <c r="SJZ711" s="613"/>
      <c r="SKA711" s="613"/>
      <c r="SKB711" s="613"/>
      <c r="SKC711" s="613"/>
      <c r="SKD711" s="613"/>
      <c r="SKE711" s="613"/>
      <c r="SKF711" s="613"/>
      <c r="SKG711" s="613"/>
      <c r="SKH711" s="613"/>
      <c r="SKI711" s="613"/>
      <c r="SKJ711" s="613"/>
      <c r="SKK711" s="613"/>
      <c r="SKL711" s="613"/>
      <c r="SKM711" s="613"/>
      <c r="SKN711" s="613"/>
      <c r="SKO711" s="613"/>
      <c r="SKP711" s="613"/>
      <c r="SKQ711" s="613"/>
      <c r="SKR711" s="613"/>
      <c r="SKS711" s="613"/>
      <c r="SKT711" s="613"/>
      <c r="SKU711" s="613"/>
      <c r="SKV711" s="613"/>
      <c r="SKW711" s="613"/>
      <c r="SKX711" s="613"/>
      <c r="SKY711" s="613"/>
      <c r="SKZ711" s="613"/>
      <c r="SLA711" s="613"/>
      <c r="SLB711" s="613"/>
      <c r="SLC711" s="613"/>
      <c r="SLD711" s="613"/>
      <c r="SLE711" s="613"/>
      <c r="SLF711" s="613"/>
      <c r="SLG711" s="613"/>
      <c r="SLH711" s="613"/>
      <c r="SLI711" s="613"/>
      <c r="SLJ711" s="613"/>
      <c r="SLK711" s="613"/>
      <c r="SLL711" s="613"/>
      <c r="SLM711" s="613"/>
      <c r="SLN711" s="613"/>
      <c r="SLO711" s="613"/>
      <c r="SLP711" s="613"/>
      <c r="SLQ711" s="613"/>
      <c r="SLR711" s="613"/>
      <c r="SLS711" s="613"/>
      <c r="SLT711" s="613"/>
      <c r="SLU711" s="613"/>
      <c r="SLV711" s="613"/>
      <c r="SLW711" s="613"/>
      <c r="SLX711" s="613"/>
      <c r="SLY711" s="613"/>
      <c r="SLZ711" s="613"/>
      <c r="SMA711" s="613"/>
      <c r="SMB711" s="613"/>
      <c r="SMC711" s="613"/>
      <c r="SMD711" s="613"/>
      <c r="SME711" s="613"/>
      <c r="SMF711" s="613"/>
      <c r="SMG711" s="613"/>
      <c r="SMH711" s="613"/>
      <c r="SMI711" s="613"/>
      <c r="SMJ711" s="613"/>
      <c r="SMK711" s="613"/>
      <c r="SML711" s="613"/>
      <c r="SMM711" s="613"/>
      <c r="SMN711" s="613"/>
      <c r="SMO711" s="613"/>
      <c r="SMP711" s="613"/>
      <c r="SMQ711" s="613"/>
      <c r="SMR711" s="613"/>
      <c r="SMS711" s="613"/>
      <c r="SMT711" s="613"/>
      <c r="SMU711" s="613"/>
      <c r="SMV711" s="613"/>
      <c r="SMW711" s="613"/>
      <c r="SMX711" s="613"/>
      <c r="SMY711" s="613"/>
      <c r="SMZ711" s="613"/>
      <c r="SNA711" s="613"/>
      <c r="SNB711" s="613"/>
      <c r="SNC711" s="613"/>
      <c r="SND711" s="613"/>
      <c r="SNE711" s="613"/>
      <c r="SNF711" s="613"/>
      <c r="SNG711" s="613"/>
      <c r="SNH711" s="613"/>
      <c r="SNI711" s="613"/>
      <c r="SNJ711" s="613"/>
      <c r="SNK711" s="613"/>
      <c r="SNL711" s="613"/>
      <c r="SNM711" s="613"/>
      <c r="SNN711" s="613"/>
      <c r="SNO711" s="613"/>
      <c r="SNP711" s="613"/>
      <c r="SNQ711" s="613"/>
      <c r="SNR711" s="613"/>
      <c r="SNS711" s="613"/>
      <c r="SNT711" s="613"/>
      <c r="SNU711" s="613"/>
      <c r="SNV711" s="613"/>
      <c r="SNW711" s="613"/>
      <c r="SNX711" s="613"/>
      <c r="SNY711" s="613"/>
      <c r="SNZ711" s="613"/>
      <c r="SOA711" s="613"/>
      <c r="SOB711" s="613"/>
      <c r="SOC711" s="613"/>
      <c r="SOD711" s="613"/>
      <c r="SOE711" s="613"/>
      <c r="SOF711" s="613"/>
      <c r="SOG711" s="613"/>
      <c r="SOH711" s="613"/>
      <c r="SOI711" s="613"/>
      <c r="SOJ711" s="613"/>
      <c r="SOK711" s="613"/>
      <c r="SOL711" s="613"/>
      <c r="SOM711" s="613"/>
      <c r="SON711" s="613"/>
      <c r="SOO711" s="613"/>
      <c r="SOP711" s="613"/>
      <c r="SOQ711" s="613"/>
      <c r="SOR711" s="613"/>
      <c r="SOS711" s="613"/>
      <c r="SOT711" s="613"/>
      <c r="SOU711" s="613"/>
      <c r="SOV711" s="613"/>
      <c r="SOW711" s="613"/>
      <c r="SOX711" s="613"/>
      <c r="SOY711" s="613"/>
      <c r="SOZ711" s="613"/>
      <c r="SPA711" s="613"/>
      <c r="SPB711" s="613"/>
      <c r="SPC711" s="613"/>
      <c r="SPD711" s="613"/>
      <c r="SPE711" s="613"/>
      <c r="SPF711" s="613"/>
      <c r="SPG711" s="613"/>
      <c r="SPH711" s="613"/>
      <c r="SPI711" s="613"/>
      <c r="SPJ711" s="613"/>
      <c r="SPK711" s="613"/>
      <c r="SPL711" s="613"/>
      <c r="SPM711" s="613"/>
      <c r="SPN711" s="613"/>
      <c r="SPO711" s="613"/>
      <c r="SPP711" s="613"/>
      <c r="SPQ711" s="613"/>
      <c r="SPR711" s="613"/>
      <c r="SPS711" s="613"/>
      <c r="SPT711" s="613"/>
      <c r="SPU711" s="613"/>
      <c r="SPV711" s="613"/>
      <c r="SPW711" s="613"/>
      <c r="SPX711" s="613"/>
      <c r="SPY711" s="613"/>
      <c r="SPZ711" s="613"/>
      <c r="SQA711" s="613"/>
      <c r="SQB711" s="613"/>
      <c r="SQC711" s="613"/>
      <c r="SQD711" s="613"/>
      <c r="SQE711" s="613"/>
      <c r="SQF711" s="613"/>
      <c r="SQG711" s="613"/>
      <c r="SQH711" s="613"/>
      <c r="SQI711" s="613"/>
      <c r="SQJ711" s="613"/>
      <c r="SQK711" s="613"/>
      <c r="SQL711" s="613"/>
      <c r="SQM711" s="613"/>
      <c r="SQN711" s="613"/>
      <c r="SQO711" s="613"/>
      <c r="SQP711" s="613"/>
      <c r="SQQ711" s="613"/>
      <c r="SQR711" s="613"/>
      <c r="SQS711" s="613"/>
      <c r="SQT711" s="613"/>
      <c r="SQU711" s="613"/>
      <c r="SQV711" s="613"/>
      <c r="SQW711" s="613"/>
      <c r="SQX711" s="613"/>
      <c r="SQY711" s="613"/>
      <c r="SQZ711" s="613"/>
      <c r="SRA711" s="613"/>
      <c r="SRB711" s="613"/>
      <c r="SRC711" s="613"/>
      <c r="SRD711" s="613"/>
      <c r="SRE711" s="613"/>
      <c r="SRF711" s="613"/>
      <c r="SRG711" s="613"/>
      <c r="SRH711" s="613"/>
      <c r="SRI711" s="613"/>
      <c r="SRJ711" s="613"/>
      <c r="SRK711" s="613"/>
      <c r="SRL711" s="613"/>
      <c r="SRM711" s="613"/>
      <c r="SRN711" s="613"/>
      <c r="SRO711" s="613"/>
      <c r="SRP711" s="613"/>
      <c r="SRQ711" s="613"/>
      <c r="SRR711" s="613"/>
      <c r="SRS711" s="613"/>
      <c r="SRT711" s="613"/>
      <c r="SRU711" s="613"/>
      <c r="SRV711" s="613"/>
      <c r="SRW711" s="613"/>
      <c r="SRX711" s="613"/>
      <c r="SRY711" s="613"/>
      <c r="SRZ711" s="613"/>
      <c r="SSA711" s="613"/>
      <c r="SSB711" s="613"/>
      <c r="SSC711" s="613"/>
      <c r="SSD711" s="613"/>
      <c r="SSE711" s="613"/>
      <c r="SSF711" s="613"/>
      <c r="SSG711" s="613"/>
      <c r="SSH711" s="613"/>
      <c r="SSI711" s="613"/>
      <c r="SSJ711" s="613"/>
      <c r="SSK711" s="613"/>
      <c r="SSL711" s="613"/>
      <c r="SSM711" s="613"/>
      <c r="SSN711" s="613"/>
      <c r="SSO711" s="613"/>
      <c r="SSP711" s="613"/>
      <c r="SSQ711" s="613"/>
      <c r="SSR711" s="613"/>
      <c r="SSS711" s="613"/>
      <c r="SST711" s="613"/>
      <c r="SSU711" s="613"/>
      <c r="SSV711" s="613"/>
      <c r="SSW711" s="613"/>
      <c r="SSX711" s="613"/>
      <c r="SSY711" s="613"/>
      <c r="SSZ711" s="613"/>
      <c r="STA711" s="613"/>
      <c r="STB711" s="613"/>
      <c r="STC711" s="613"/>
      <c r="STD711" s="613"/>
      <c r="STE711" s="613"/>
      <c r="STF711" s="613"/>
      <c r="STG711" s="613"/>
      <c r="STH711" s="613"/>
      <c r="STI711" s="613"/>
      <c r="STJ711" s="613"/>
      <c r="STK711" s="613"/>
      <c r="STL711" s="613"/>
      <c r="STM711" s="613"/>
      <c r="STN711" s="613"/>
      <c r="STO711" s="613"/>
      <c r="STP711" s="613"/>
      <c r="STQ711" s="613"/>
      <c r="STR711" s="613"/>
      <c r="STS711" s="613"/>
      <c r="STT711" s="613"/>
      <c r="STU711" s="613"/>
      <c r="STV711" s="613"/>
      <c r="STW711" s="613"/>
      <c r="STX711" s="613"/>
      <c r="STY711" s="613"/>
      <c r="STZ711" s="613"/>
      <c r="SUA711" s="613"/>
      <c r="SUB711" s="613"/>
      <c r="SUC711" s="613"/>
      <c r="SUD711" s="613"/>
      <c r="SUE711" s="613"/>
      <c r="SUF711" s="613"/>
      <c r="SUG711" s="613"/>
      <c r="SUH711" s="613"/>
      <c r="SUI711" s="613"/>
      <c r="SUJ711" s="613"/>
      <c r="SUK711" s="613"/>
      <c r="SUL711" s="613"/>
      <c r="SUM711" s="613"/>
      <c r="SUN711" s="613"/>
      <c r="SUO711" s="613"/>
      <c r="SUP711" s="613"/>
      <c r="SUQ711" s="613"/>
      <c r="SUR711" s="613"/>
      <c r="SUS711" s="613"/>
      <c r="SUT711" s="613"/>
      <c r="SUU711" s="613"/>
      <c r="SUV711" s="613"/>
      <c r="SUW711" s="613"/>
      <c r="SUX711" s="613"/>
      <c r="SUY711" s="613"/>
      <c r="SUZ711" s="613"/>
      <c r="SVA711" s="613"/>
      <c r="SVB711" s="613"/>
      <c r="SVC711" s="613"/>
      <c r="SVD711" s="613"/>
      <c r="SVE711" s="613"/>
      <c r="SVF711" s="613"/>
      <c r="SVG711" s="613"/>
      <c r="SVH711" s="613"/>
      <c r="SVI711" s="613"/>
      <c r="SVJ711" s="613"/>
      <c r="SVK711" s="613"/>
      <c r="SVL711" s="613"/>
      <c r="SVM711" s="613"/>
      <c r="SVN711" s="613"/>
      <c r="SVO711" s="613"/>
      <c r="SVP711" s="613"/>
      <c r="SVQ711" s="613"/>
      <c r="SVR711" s="613"/>
      <c r="SVS711" s="613"/>
      <c r="SVT711" s="613"/>
      <c r="SVU711" s="613"/>
      <c r="SVV711" s="613"/>
      <c r="SVW711" s="613"/>
      <c r="SVX711" s="613"/>
      <c r="SVY711" s="613"/>
      <c r="SVZ711" s="613"/>
      <c r="SWA711" s="613"/>
      <c r="SWB711" s="613"/>
      <c r="SWC711" s="613"/>
      <c r="SWD711" s="613"/>
      <c r="SWE711" s="613"/>
      <c r="SWF711" s="613"/>
      <c r="SWG711" s="613"/>
      <c r="SWH711" s="613"/>
      <c r="SWI711" s="613"/>
      <c r="SWJ711" s="613"/>
      <c r="SWK711" s="613"/>
      <c r="SWL711" s="613"/>
      <c r="SWM711" s="613"/>
      <c r="SWN711" s="613"/>
      <c r="SWO711" s="613"/>
      <c r="SWP711" s="613"/>
      <c r="SWQ711" s="613"/>
      <c r="SWR711" s="613"/>
      <c r="SWS711" s="613"/>
      <c r="SWT711" s="613"/>
      <c r="SWU711" s="613"/>
      <c r="SWV711" s="613"/>
      <c r="SWW711" s="613"/>
      <c r="SWX711" s="613"/>
      <c r="SWY711" s="613"/>
      <c r="SWZ711" s="613"/>
      <c r="SXA711" s="613"/>
      <c r="SXB711" s="613"/>
      <c r="SXC711" s="613"/>
      <c r="SXD711" s="613"/>
      <c r="SXE711" s="613"/>
      <c r="SXF711" s="613"/>
      <c r="SXG711" s="613"/>
      <c r="SXH711" s="613"/>
      <c r="SXI711" s="613"/>
      <c r="SXJ711" s="613"/>
      <c r="SXK711" s="613"/>
      <c r="SXL711" s="613"/>
      <c r="SXM711" s="613"/>
      <c r="SXN711" s="613"/>
      <c r="SXO711" s="613"/>
      <c r="SXP711" s="613"/>
      <c r="SXQ711" s="613"/>
      <c r="SXR711" s="613"/>
      <c r="SXS711" s="613"/>
      <c r="SXT711" s="613"/>
      <c r="SXU711" s="613"/>
      <c r="SXV711" s="613"/>
      <c r="SXW711" s="613"/>
      <c r="SXX711" s="613"/>
      <c r="SXY711" s="613"/>
      <c r="SXZ711" s="613"/>
      <c r="SYA711" s="613"/>
      <c r="SYB711" s="613"/>
      <c r="SYC711" s="613"/>
      <c r="SYD711" s="613"/>
      <c r="SYE711" s="613"/>
      <c r="SYF711" s="613"/>
      <c r="SYG711" s="613"/>
      <c r="SYH711" s="613"/>
      <c r="SYI711" s="613"/>
      <c r="SYJ711" s="613"/>
      <c r="SYK711" s="613"/>
      <c r="SYL711" s="613"/>
      <c r="SYM711" s="613"/>
      <c r="SYN711" s="613"/>
      <c r="SYO711" s="613"/>
      <c r="SYP711" s="613"/>
      <c r="SYQ711" s="613"/>
      <c r="SYR711" s="613"/>
      <c r="SYS711" s="613"/>
      <c r="SYT711" s="613"/>
      <c r="SYU711" s="613"/>
      <c r="SYV711" s="613"/>
      <c r="SYW711" s="613"/>
      <c r="SYX711" s="613"/>
      <c r="SYY711" s="613"/>
      <c r="SYZ711" s="613"/>
      <c r="SZA711" s="613"/>
      <c r="SZB711" s="613"/>
      <c r="SZC711" s="613"/>
      <c r="SZD711" s="613"/>
      <c r="SZE711" s="613"/>
      <c r="SZF711" s="613"/>
      <c r="SZG711" s="613"/>
      <c r="SZH711" s="613"/>
      <c r="SZI711" s="613"/>
      <c r="SZJ711" s="613"/>
      <c r="SZK711" s="613"/>
      <c r="SZL711" s="613"/>
      <c r="SZM711" s="613"/>
      <c r="SZN711" s="613"/>
      <c r="SZO711" s="613"/>
      <c r="SZP711" s="613"/>
      <c r="SZQ711" s="613"/>
      <c r="SZR711" s="613"/>
      <c r="SZS711" s="613"/>
      <c r="SZT711" s="613"/>
      <c r="SZU711" s="613"/>
      <c r="SZV711" s="613"/>
      <c r="SZW711" s="613"/>
      <c r="SZX711" s="613"/>
      <c r="SZY711" s="613"/>
      <c r="SZZ711" s="613"/>
      <c r="TAA711" s="613"/>
      <c r="TAB711" s="613"/>
      <c r="TAC711" s="613"/>
      <c r="TAD711" s="613"/>
      <c r="TAE711" s="613"/>
      <c r="TAF711" s="613"/>
      <c r="TAG711" s="613"/>
      <c r="TAH711" s="613"/>
      <c r="TAI711" s="613"/>
      <c r="TAJ711" s="613"/>
      <c r="TAK711" s="613"/>
      <c r="TAL711" s="613"/>
      <c r="TAM711" s="613"/>
      <c r="TAN711" s="613"/>
      <c r="TAO711" s="613"/>
      <c r="TAP711" s="613"/>
      <c r="TAQ711" s="613"/>
      <c r="TAR711" s="613"/>
      <c r="TAS711" s="613"/>
      <c r="TAT711" s="613"/>
      <c r="TAU711" s="613"/>
      <c r="TAV711" s="613"/>
      <c r="TAW711" s="613"/>
      <c r="TAX711" s="613"/>
      <c r="TAY711" s="613"/>
      <c r="TAZ711" s="613"/>
      <c r="TBA711" s="613"/>
      <c r="TBB711" s="613"/>
      <c r="TBC711" s="613"/>
      <c r="TBD711" s="613"/>
      <c r="TBE711" s="613"/>
      <c r="TBF711" s="613"/>
      <c r="TBG711" s="613"/>
      <c r="TBH711" s="613"/>
      <c r="TBI711" s="613"/>
      <c r="TBJ711" s="613"/>
      <c r="TBK711" s="613"/>
      <c r="TBL711" s="613"/>
      <c r="TBM711" s="613"/>
      <c r="TBN711" s="613"/>
      <c r="TBO711" s="613"/>
      <c r="TBP711" s="613"/>
      <c r="TBQ711" s="613"/>
      <c r="TBR711" s="613"/>
      <c r="TBS711" s="613"/>
      <c r="TBT711" s="613"/>
      <c r="TBU711" s="613"/>
      <c r="TBV711" s="613"/>
      <c r="TBW711" s="613"/>
      <c r="TBX711" s="613"/>
      <c r="TBY711" s="613"/>
      <c r="TBZ711" s="613"/>
      <c r="TCA711" s="613"/>
      <c r="TCB711" s="613"/>
      <c r="TCC711" s="613"/>
      <c r="TCD711" s="613"/>
      <c r="TCE711" s="613"/>
      <c r="TCF711" s="613"/>
      <c r="TCG711" s="613"/>
      <c r="TCH711" s="613"/>
      <c r="TCI711" s="613"/>
      <c r="TCJ711" s="613"/>
      <c r="TCK711" s="613"/>
      <c r="TCL711" s="613"/>
      <c r="TCM711" s="613"/>
      <c r="TCN711" s="613"/>
      <c r="TCO711" s="613"/>
      <c r="TCP711" s="613"/>
      <c r="TCQ711" s="613"/>
      <c r="TCR711" s="613"/>
      <c r="TCS711" s="613"/>
      <c r="TCT711" s="613"/>
      <c r="TCU711" s="613"/>
      <c r="TCV711" s="613"/>
      <c r="TCW711" s="613"/>
      <c r="TCX711" s="613"/>
      <c r="TCY711" s="613"/>
      <c r="TCZ711" s="613"/>
      <c r="TDA711" s="613"/>
      <c r="TDB711" s="613"/>
      <c r="TDC711" s="613"/>
      <c r="TDD711" s="613"/>
      <c r="TDE711" s="613"/>
      <c r="TDF711" s="613"/>
      <c r="TDG711" s="613"/>
      <c r="TDH711" s="613"/>
      <c r="TDI711" s="613"/>
      <c r="TDJ711" s="613"/>
      <c r="TDK711" s="613"/>
      <c r="TDL711" s="613"/>
      <c r="TDM711" s="613"/>
      <c r="TDN711" s="613"/>
      <c r="TDO711" s="613"/>
      <c r="TDP711" s="613"/>
      <c r="TDQ711" s="613"/>
      <c r="TDR711" s="613"/>
      <c r="TDS711" s="613"/>
      <c r="TDT711" s="613"/>
      <c r="TDU711" s="613"/>
      <c r="TDV711" s="613"/>
      <c r="TDW711" s="613"/>
      <c r="TDX711" s="613"/>
      <c r="TDY711" s="613"/>
      <c r="TDZ711" s="613"/>
      <c r="TEA711" s="613"/>
      <c r="TEB711" s="613"/>
      <c r="TEC711" s="613"/>
      <c r="TED711" s="613"/>
      <c r="TEE711" s="613"/>
      <c r="TEF711" s="613"/>
      <c r="TEG711" s="613"/>
      <c r="TEH711" s="613"/>
      <c r="TEI711" s="613"/>
      <c r="TEJ711" s="613"/>
      <c r="TEK711" s="613"/>
      <c r="TEL711" s="613"/>
      <c r="TEM711" s="613"/>
      <c r="TEN711" s="613"/>
      <c r="TEO711" s="613"/>
      <c r="TEP711" s="613"/>
      <c r="TEQ711" s="613"/>
      <c r="TER711" s="613"/>
      <c r="TES711" s="613"/>
      <c r="TET711" s="613"/>
      <c r="TEU711" s="613"/>
      <c r="TEV711" s="613"/>
      <c r="TEW711" s="613"/>
      <c r="TEX711" s="613"/>
      <c r="TEY711" s="613"/>
      <c r="TEZ711" s="613"/>
      <c r="TFA711" s="613"/>
      <c r="TFB711" s="613"/>
      <c r="TFC711" s="613"/>
      <c r="TFD711" s="613"/>
      <c r="TFE711" s="613"/>
      <c r="TFF711" s="613"/>
      <c r="TFG711" s="613"/>
      <c r="TFH711" s="613"/>
      <c r="TFI711" s="613"/>
      <c r="TFJ711" s="613"/>
      <c r="TFK711" s="613"/>
      <c r="TFL711" s="613"/>
      <c r="TFM711" s="613"/>
      <c r="TFN711" s="613"/>
      <c r="TFO711" s="613"/>
      <c r="TFP711" s="613"/>
      <c r="TFQ711" s="613"/>
      <c r="TFR711" s="613"/>
      <c r="TFS711" s="613"/>
      <c r="TFT711" s="613"/>
      <c r="TFU711" s="613"/>
      <c r="TFV711" s="613"/>
      <c r="TFW711" s="613"/>
      <c r="TFX711" s="613"/>
      <c r="TFY711" s="613"/>
      <c r="TFZ711" s="613"/>
      <c r="TGA711" s="613"/>
      <c r="TGB711" s="613"/>
      <c r="TGC711" s="613"/>
      <c r="TGD711" s="613"/>
      <c r="TGE711" s="613"/>
      <c r="TGF711" s="613"/>
      <c r="TGG711" s="613"/>
      <c r="TGH711" s="613"/>
      <c r="TGI711" s="613"/>
      <c r="TGJ711" s="613"/>
      <c r="TGK711" s="613"/>
      <c r="TGL711" s="613"/>
      <c r="TGM711" s="613"/>
      <c r="TGN711" s="613"/>
      <c r="TGO711" s="613"/>
      <c r="TGP711" s="613"/>
      <c r="TGQ711" s="613"/>
      <c r="TGR711" s="613"/>
      <c r="TGS711" s="613"/>
      <c r="TGT711" s="613"/>
      <c r="TGU711" s="613"/>
      <c r="TGV711" s="613"/>
      <c r="TGW711" s="613"/>
      <c r="TGX711" s="613"/>
      <c r="TGY711" s="613"/>
      <c r="TGZ711" s="613"/>
      <c r="THA711" s="613"/>
      <c r="THB711" s="613"/>
      <c r="THC711" s="613"/>
      <c r="THD711" s="613"/>
      <c r="THE711" s="613"/>
      <c r="THF711" s="613"/>
      <c r="THG711" s="613"/>
      <c r="THH711" s="613"/>
      <c r="THI711" s="613"/>
      <c r="THJ711" s="613"/>
      <c r="THK711" s="613"/>
      <c r="THL711" s="613"/>
      <c r="THM711" s="613"/>
      <c r="THN711" s="613"/>
      <c r="THO711" s="613"/>
      <c r="THP711" s="613"/>
      <c r="THQ711" s="613"/>
      <c r="THR711" s="613"/>
      <c r="THS711" s="613"/>
      <c r="THT711" s="613"/>
      <c r="THU711" s="613"/>
      <c r="THV711" s="613"/>
      <c r="THW711" s="613"/>
      <c r="THX711" s="613"/>
      <c r="THY711" s="613"/>
      <c r="THZ711" s="613"/>
      <c r="TIA711" s="613"/>
      <c r="TIB711" s="613"/>
      <c r="TIC711" s="613"/>
      <c r="TID711" s="613"/>
      <c r="TIE711" s="613"/>
      <c r="TIF711" s="613"/>
      <c r="TIG711" s="613"/>
      <c r="TIH711" s="613"/>
      <c r="TII711" s="613"/>
      <c r="TIJ711" s="613"/>
      <c r="TIK711" s="613"/>
      <c r="TIL711" s="613"/>
      <c r="TIM711" s="613"/>
      <c r="TIN711" s="613"/>
      <c r="TIO711" s="613"/>
      <c r="TIP711" s="613"/>
      <c r="TIQ711" s="613"/>
      <c r="TIR711" s="613"/>
      <c r="TIS711" s="613"/>
      <c r="TIT711" s="613"/>
      <c r="TIU711" s="613"/>
      <c r="TIV711" s="613"/>
      <c r="TIW711" s="613"/>
      <c r="TIX711" s="613"/>
      <c r="TIY711" s="613"/>
      <c r="TIZ711" s="613"/>
      <c r="TJA711" s="613"/>
      <c r="TJB711" s="613"/>
      <c r="TJC711" s="613"/>
      <c r="TJD711" s="613"/>
      <c r="TJE711" s="613"/>
      <c r="TJF711" s="613"/>
      <c r="TJG711" s="613"/>
      <c r="TJH711" s="613"/>
      <c r="TJI711" s="613"/>
      <c r="TJJ711" s="613"/>
      <c r="TJK711" s="613"/>
      <c r="TJL711" s="613"/>
      <c r="TJM711" s="613"/>
      <c r="TJN711" s="613"/>
      <c r="TJO711" s="613"/>
      <c r="TJP711" s="613"/>
      <c r="TJQ711" s="613"/>
      <c r="TJR711" s="613"/>
      <c r="TJS711" s="613"/>
      <c r="TJT711" s="613"/>
      <c r="TJU711" s="613"/>
      <c r="TJV711" s="613"/>
      <c r="TJW711" s="613"/>
      <c r="TJX711" s="613"/>
      <c r="TJY711" s="613"/>
      <c r="TJZ711" s="613"/>
      <c r="TKA711" s="613"/>
      <c r="TKB711" s="613"/>
      <c r="TKC711" s="613"/>
      <c r="TKD711" s="613"/>
      <c r="TKE711" s="613"/>
      <c r="TKF711" s="613"/>
      <c r="TKG711" s="613"/>
      <c r="TKH711" s="613"/>
      <c r="TKI711" s="613"/>
      <c r="TKJ711" s="613"/>
      <c r="TKK711" s="613"/>
      <c r="TKL711" s="613"/>
      <c r="TKM711" s="613"/>
      <c r="TKN711" s="613"/>
      <c r="TKO711" s="613"/>
      <c r="TKP711" s="613"/>
      <c r="TKQ711" s="613"/>
      <c r="TKR711" s="613"/>
      <c r="TKS711" s="613"/>
      <c r="TKT711" s="613"/>
      <c r="TKU711" s="613"/>
      <c r="TKV711" s="613"/>
      <c r="TKW711" s="613"/>
      <c r="TKX711" s="613"/>
      <c r="TKY711" s="613"/>
      <c r="TKZ711" s="613"/>
      <c r="TLA711" s="613"/>
      <c r="TLB711" s="613"/>
      <c r="TLC711" s="613"/>
      <c r="TLD711" s="613"/>
      <c r="TLE711" s="613"/>
      <c r="TLF711" s="613"/>
      <c r="TLG711" s="613"/>
      <c r="TLH711" s="613"/>
      <c r="TLI711" s="613"/>
      <c r="TLJ711" s="613"/>
      <c r="TLK711" s="613"/>
      <c r="TLL711" s="613"/>
      <c r="TLM711" s="613"/>
      <c r="TLN711" s="613"/>
      <c r="TLO711" s="613"/>
      <c r="TLP711" s="613"/>
      <c r="TLQ711" s="613"/>
      <c r="TLR711" s="613"/>
      <c r="TLS711" s="613"/>
      <c r="TLT711" s="613"/>
      <c r="TLU711" s="613"/>
      <c r="TLV711" s="613"/>
      <c r="TLW711" s="613"/>
      <c r="TLX711" s="613"/>
      <c r="TLY711" s="613"/>
      <c r="TLZ711" s="613"/>
      <c r="TMA711" s="613"/>
      <c r="TMB711" s="613"/>
      <c r="TMC711" s="613"/>
      <c r="TMD711" s="613"/>
      <c r="TME711" s="613"/>
      <c r="TMF711" s="613"/>
      <c r="TMG711" s="613"/>
      <c r="TMH711" s="613"/>
      <c r="TMI711" s="613"/>
      <c r="TMJ711" s="613"/>
      <c r="TMK711" s="613"/>
      <c r="TML711" s="613"/>
      <c r="TMM711" s="613"/>
      <c r="TMN711" s="613"/>
      <c r="TMO711" s="613"/>
      <c r="TMP711" s="613"/>
      <c r="TMQ711" s="613"/>
      <c r="TMR711" s="613"/>
      <c r="TMS711" s="613"/>
      <c r="TMT711" s="613"/>
      <c r="TMU711" s="613"/>
      <c r="TMV711" s="613"/>
      <c r="TMW711" s="613"/>
      <c r="TMX711" s="613"/>
      <c r="TMY711" s="613"/>
      <c r="TMZ711" s="613"/>
      <c r="TNA711" s="613"/>
      <c r="TNB711" s="613"/>
      <c r="TNC711" s="613"/>
      <c r="TND711" s="613"/>
      <c r="TNE711" s="613"/>
      <c r="TNF711" s="613"/>
      <c r="TNG711" s="613"/>
      <c r="TNH711" s="613"/>
      <c r="TNI711" s="613"/>
      <c r="TNJ711" s="613"/>
      <c r="TNK711" s="613"/>
      <c r="TNL711" s="613"/>
      <c r="TNM711" s="613"/>
      <c r="TNN711" s="613"/>
      <c r="TNO711" s="613"/>
      <c r="TNP711" s="613"/>
      <c r="TNQ711" s="613"/>
      <c r="TNR711" s="613"/>
      <c r="TNS711" s="613"/>
      <c r="TNT711" s="613"/>
      <c r="TNU711" s="613"/>
      <c r="TNV711" s="613"/>
      <c r="TNW711" s="613"/>
      <c r="TNX711" s="613"/>
      <c r="TNY711" s="613"/>
      <c r="TNZ711" s="613"/>
      <c r="TOA711" s="613"/>
      <c r="TOB711" s="613"/>
      <c r="TOC711" s="613"/>
      <c r="TOD711" s="613"/>
      <c r="TOE711" s="613"/>
      <c r="TOF711" s="613"/>
      <c r="TOG711" s="613"/>
      <c r="TOH711" s="613"/>
      <c r="TOI711" s="613"/>
      <c r="TOJ711" s="613"/>
      <c r="TOK711" s="613"/>
      <c r="TOL711" s="613"/>
      <c r="TOM711" s="613"/>
      <c r="TON711" s="613"/>
      <c r="TOO711" s="613"/>
      <c r="TOP711" s="613"/>
      <c r="TOQ711" s="613"/>
      <c r="TOR711" s="613"/>
      <c r="TOS711" s="613"/>
      <c r="TOT711" s="613"/>
      <c r="TOU711" s="613"/>
      <c r="TOV711" s="613"/>
      <c r="TOW711" s="613"/>
      <c r="TOX711" s="613"/>
      <c r="TOY711" s="613"/>
      <c r="TOZ711" s="613"/>
      <c r="TPA711" s="613"/>
      <c r="TPB711" s="613"/>
      <c r="TPC711" s="613"/>
      <c r="TPD711" s="613"/>
      <c r="TPE711" s="613"/>
      <c r="TPF711" s="613"/>
      <c r="TPG711" s="613"/>
      <c r="TPH711" s="613"/>
      <c r="TPI711" s="613"/>
      <c r="TPJ711" s="613"/>
      <c r="TPK711" s="613"/>
      <c r="TPL711" s="613"/>
      <c r="TPM711" s="613"/>
      <c r="TPN711" s="613"/>
      <c r="TPO711" s="613"/>
      <c r="TPP711" s="613"/>
      <c r="TPQ711" s="613"/>
      <c r="TPR711" s="613"/>
      <c r="TPS711" s="613"/>
      <c r="TPT711" s="613"/>
      <c r="TPU711" s="613"/>
      <c r="TPV711" s="613"/>
      <c r="TPW711" s="613"/>
      <c r="TPX711" s="613"/>
      <c r="TPY711" s="613"/>
      <c r="TPZ711" s="613"/>
      <c r="TQA711" s="613"/>
      <c r="TQB711" s="613"/>
      <c r="TQC711" s="613"/>
      <c r="TQD711" s="613"/>
      <c r="TQE711" s="613"/>
      <c r="TQF711" s="613"/>
      <c r="TQG711" s="613"/>
      <c r="TQH711" s="613"/>
      <c r="TQI711" s="613"/>
      <c r="TQJ711" s="613"/>
      <c r="TQK711" s="613"/>
      <c r="TQL711" s="613"/>
      <c r="TQM711" s="613"/>
      <c r="TQN711" s="613"/>
      <c r="TQO711" s="613"/>
      <c r="TQP711" s="613"/>
      <c r="TQQ711" s="613"/>
      <c r="TQR711" s="613"/>
      <c r="TQS711" s="613"/>
      <c r="TQT711" s="613"/>
      <c r="TQU711" s="613"/>
      <c r="TQV711" s="613"/>
      <c r="TQW711" s="613"/>
      <c r="TQX711" s="613"/>
      <c r="TQY711" s="613"/>
      <c r="TQZ711" s="613"/>
      <c r="TRA711" s="613"/>
      <c r="TRB711" s="613"/>
      <c r="TRC711" s="613"/>
      <c r="TRD711" s="613"/>
      <c r="TRE711" s="613"/>
      <c r="TRF711" s="613"/>
      <c r="TRG711" s="613"/>
      <c r="TRH711" s="613"/>
      <c r="TRI711" s="613"/>
      <c r="TRJ711" s="613"/>
      <c r="TRK711" s="613"/>
      <c r="TRL711" s="613"/>
      <c r="TRM711" s="613"/>
      <c r="TRN711" s="613"/>
      <c r="TRO711" s="613"/>
      <c r="TRP711" s="613"/>
      <c r="TRQ711" s="613"/>
      <c r="TRR711" s="613"/>
      <c r="TRS711" s="613"/>
      <c r="TRT711" s="613"/>
      <c r="TRU711" s="613"/>
      <c r="TRV711" s="613"/>
      <c r="TRW711" s="613"/>
      <c r="TRX711" s="613"/>
      <c r="TRY711" s="613"/>
      <c r="TRZ711" s="613"/>
      <c r="TSA711" s="613"/>
      <c r="TSB711" s="613"/>
      <c r="TSC711" s="613"/>
      <c r="TSD711" s="613"/>
      <c r="TSE711" s="613"/>
      <c r="TSF711" s="613"/>
      <c r="TSG711" s="613"/>
      <c r="TSH711" s="613"/>
      <c r="TSI711" s="613"/>
      <c r="TSJ711" s="613"/>
      <c r="TSK711" s="613"/>
      <c r="TSL711" s="613"/>
      <c r="TSM711" s="613"/>
      <c r="TSN711" s="613"/>
      <c r="TSO711" s="613"/>
      <c r="TSP711" s="613"/>
      <c r="TSQ711" s="613"/>
      <c r="TSR711" s="613"/>
      <c r="TSS711" s="613"/>
      <c r="TST711" s="613"/>
      <c r="TSU711" s="613"/>
      <c r="TSV711" s="613"/>
      <c r="TSW711" s="613"/>
      <c r="TSX711" s="613"/>
      <c r="TSY711" s="613"/>
      <c r="TSZ711" s="613"/>
      <c r="TTA711" s="613"/>
      <c r="TTB711" s="613"/>
      <c r="TTC711" s="613"/>
      <c r="TTD711" s="613"/>
      <c r="TTE711" s="613"/>
      <c r="TTF711" s="613"/>
      <c r="TTG711" s="613"/>
      <c r="TTH711" s="613"/>
      <c r="TTI711" s="613"/>
      <c r="TTJ711" s="613"/>
      <c r="TTK711" s="613"/>
      <c r="TTL711" s="613"/>
      <c r="TTM711" s="613"/>
      <c r="TTN711" s="613"/>
      <c r="TTO711" s="613"/>
      <c r="TTP711" s="613"/>
      <c r="TTQ711" s="613"/>
      <c r="TTR711" s="613"/>
      <c r="TTS711" s="613"/>
      <c r="TTT711" s="613"/>
      <c r="TTU711" s="613"/>
      <c r="TTV711" s="613"/>
      <c r="TTW711" s="613"/>
      <c r="TTX711" s="613"/>
      <c r="TTY711" s="613"/>
      <c r="TTZ711" s="613"/>
      <c r="TUA711" s="613"/>
      <c r="TUB711" s="613"/>
      <c r="TUC711" s="613"/>
      <c r="TUD711" s="613"/>
      <c r="TUE711" s="613"/>
      <c r="TUF711" s="613"/>
      <c r="TUG711" s="613"/>
      <c r="TUH711" s="613"/>
      <c r="TUI711" s="613"/>
      <c r="TUJ711" s="613"/>
      <c r="TUK711" s="613"/>
      <c r="TUL711" s="613"/>
      <c r="TUM711" s="613"/>
      <c r="TUN711" s="613"/>
      <c r="TUO711" s="613"/>
      <c r="TUP711" s="613"/>
      <c r="TUQ711" s="613"/>
      <c r="TUR711" s="613"/>
      <c r="TUS711" s="613"/>
      <c r="TUT711" s="613"/>
      <c r="TUU711" s="613"/>
      <c r="TUV711" s="613"/>
      <c r="TUW711" s="613"/>
      <c r="TUX711" s="613"/>
      <c r="TUY711" s="613"/>
      <c r="TUZ711" s="613"/>
      <c r="TVA711" s="613"/>
      <c r="TVB711" s="613"/>
      <c r="TVC711" s="613"/>
      <c r="TVD711" s="613"/>
      <c r="TVE711" s="613"/>
      <c r="TVF711" s="613"/>
      <c r="TVG711" s="613"/>
      <c r="TVH711" s="613"/>
      <c r="TVI711" s="613"/>
      <c r="TVJ711" s="613"/>
      <c r="TVK711" s="613"/>
      <c r="TVL711" s="613"/>
      <c r="TVM711" s="613"/>
      <c r="TVN711" s="613"/>
      <c r="TVO711" s="613"/>
      <c r="TVP711" s="613"/>
      <c r="TVQ711" s="613"/>
      <c r="TVR711" s="613"/>
      <c r="TVS711" s="613"/>
      <c r="TVT711" s="613"/>
      <c r="TVU711" s="613"/>
      <c r="TVV711" s="613"/>
      <c r="TVW711" s="613"/>
      <c r="TVX711" s="613"/>
      <c r="TVY711" s="613"/>
      <c r="TVZ711" s="613"/>
      <c r="TWA711" s="613"/>
      <c r="TWB711" s="613"/>
      <c r="TWC711" s="613"/>
      <c r="TWD711" s="613"/>
      <c r="TWE711" s="613"/>
      <c r="TWF711" s="613"/>
      <c r="TWG711" s="613"/>
      <c r="TWH711" s="613"/>
      <c r="TWI711" s="613"/>
      <c r="TWJ711" s="613"/>
      <c r="TWK711" s="613"/>
      <c r="TWL711" s="613"/>
      <c r="TWM711" s="613"/>
      <c r="TWN711" s="613"/>
      <c r="TWO711" s="613"/>
      <c r="TWP711" s="613"/>
      <c r="TWQ711" s="613"/>
      <c r="TWR711" s="613"/>
      <c r="TWS711" s="613"/>
      <c r="TWT711" s="613"/>
      <c r="TWU711" s="613"/>
      <c r="TWV711" s="613"/>
      <c r="TWW711" s="613"/>
      <c r="TWX711" s="613"/>
      <c r="TWY711" s="613"/>
      <c r="TWZ711" s="613"/>
      <c r="TXA711" s="613"/>
      <c r="TXB711" s="613"/>
      <c r="TXC711" s="613"/>
      <c r="TXD711" s="613"/>
      <c r="TXE711" s="613"/>
      <c r="TXF711" s="613"/>
      <c r="TXG711" s="613"/>
      <c r="TXH711" s="613"/>
      <c r="TXI711" s="613"/>
      <c r="TXJ711" s="613"/>
      <c r="TXK711" s="613"/>
      <c r="TXL711" s="613"/>
      <c r="TXM711" s="613"/>
      <c r="TXN711" s="613"/>
      <c r="TXO711" s="613"/>
      <c r="TXP711" s="613"/>
      <c r="TXQ711" s="613"/>
      <c r="TXR711" s="613"/>
      <c r="TXS711" s="613"/>
      <c r="TXT711" s="613"/>
      <c r="TXU711" s="613"/>
      <c r="TXV711" s="613"/>
      <c r="TXW711" s="613"/>
      <c r="TXX711" s="613"/>
      <c r="TXY711" s="613"/>
      <c r="TXZ711" s="613"/>
      <c r="TYA711" s="613"/>
      <c r="TYB711" s="613"/>
      <c r="TYC711" s="613"/>
      <c r="TYD711" s="613"/>
      <c r="TYE711" s="613"/>
      <c r="TYF711" s="613"/>
      <c r="TYG711" s="613"/>
      <c r="TYH711" s="613"/>
      <c r="TYI711" s="613"/>
      <c r="TYJ711" s="613"/>
      <c r="TYK711" s="613"/>
      <c r="TYL711" s="613"/>
      <c r="TYM711" s="613"/>
      <c r="TYN711" s="613"/>
      <c r="TYO711" s="613"/>
      <c r="TYP711" s="613"/>
      <c r="TYQ711" s="613"/>
      <c r="TYR711" s="613"/>
      <c r="TYS711" s="613"/>
      <c r="TYT711" s="613"/>
      <c r="TYU711" s="613"/>
      <c r="TYV711" s="613"/>
      <c r="TYW711" s="613"/>
      <c r="TYX711" s="613"/>
      <c r="TYY711" s="613"/>
      <c r="TYZ711" s="613"/>
      <c r="TZA711" s="613"/>
      <c r="TZB711" s="613"/>
      <c r="TZC711" s="613"/>
      <c r="TZD711" s="613"/>
      <c r="TZE711" s="613"/>
      <c r="TZF711" s="613"/>
      <c r="TZG711" s="613"/>
      <c r="TZH711" s="613"/>
      <c r="TZI711" s="613"/>
      <c r="TZJ711" s="613"/>
      <c r="TZK711" s="613"/>
      <c r="TZL711" s="613"/>
      <c r="TZM711" s="613"/>
      <c r="TZN711" s="613"/>
      <c r="TZO711" s="613"/>
      <c r="TZP711" s="613"/>
      <c r="TZQ711" s="613"/>
      <c r="TZR711" s="613"/>
      <c r="TZS711" s="613"/>
      <c r="TZT711" s="613"/>
      <c r="TZU711" s="613"/>
      <c r="TZV711" s="613"/>
      <c r="TZW711" s="613"/>
      <c r="TZX711" s="613"/>
      <c r="TZY711" s="613"/>
      <c r="TZZ711" s="613"/>
      <c r="UAA711" s="613"/>
      <c r="UAB711" s="613"/>
      <c r="UAC711" s="613"/>
      <c r="UAD711" s="613"/>
      <c r="UAE711" s="613"/>
      <c r="UAF711" s="613"/>
      <c r="UAG711" s="613"/>
      <c r="UAH711" s="613"/>
      <c r="UAI711" s="613"/>
      <c r="UAJ711" s="613"/>
      <c r="UAK711" s="613"/>
      <c r="UAL711" s="613"/>
      <c r="UAM711" s="613"/>
      <c r="UAN711" s="613"/>
      <c r="UAO711" s="613"/>
      <c r="UAP711" s="613"/>
      <c r="UAQ711" s="613"/>
      <c r="UAR711" s="613"/>
      <c r="UAS711" s="613"/>
      <c r="UAT711" s="613"/>
      <c r="UAU711" s="613"/>
      <c r="UAV711" s="613"/>
      <c r="UAW711" s="613"/>
      <c r="UAX711" s="613"/>
      <c r="UAY711" s="613"/>
      <c r="UAZ711" s="613"/>
      <c r="UBA711" s="613"/>
      <c r="UBB711" s="613"/>
      <c r="UBC711" s="613"/>
      <c r="UBD711" s="613"/>
      <c r="UBE711" s="613"/>
      <c r="UBF711" s="613"/>
      <c r="UBG711" s="613"/>
      <c r="UBH711" s="613"/>
      <c r="UBI711" s="613"/>
      <c r="UBJ711" s="613"/>
      <c r="UBK711" s="613"/>
      <c r="UBL711" s="613"/>
      <c r="UBM711" s="613"/>
      <c r="UBN711" s="613"/>
      <c r="UBO711" s="613"/>
      <c r="UBP711" s="613"/>
      <c r="UBQ711" s="613"/>
      <c r="UBR711" s="613"/>
      <c r="UBS711" s="613"/>
      <c r="UBT711" s="613"/>
      <c r="UBU711" s="613"/>
      <c r="UBV711" s="613"/>
      <c r="UBW711" s="613"/>
      <c r="UBX711" s="613"/>
      <c r="UBY711" s="613"/>
      <c r="UBZ711" s="613"/>
      <c r="UCA711" s="613"/>
      <c r="UCB711" s="613"/>
      <c r="UCC711" s="613"/>
      <c r="UCD711" s="613"/>
      <c r="UCE711" s="613"/>
      <c r="UCF711" s="613"/>
      <c r="UCG711" s="613"/>
      <c r="UCH711" s="613"/>
      <c r="UCI711" s="613"/>
      <c r="UCJ711" s="613"/>
      <c r="UCK711" s="613"/>
      <c r="UCL711" s="613"/>
      <c r="UCM711" s="613"/>
      <c r="UCN711" s="613"/>
      <c r="UCO711" s="613"/>
      <c r="UCP711" s="613"/>
      <c r="UCQ711" s="613"/>
      <c r="UCR711" s="613"/>
      <c r="UCS711" s="613"/>
      <c r="UCT711" s="613"/>
      <c r="UCU711" s="613"/>
      <c r="UCV711" s="613"/>
      <c r="UCW711" s="613"/>
      <c r="UCX711" s="613"/>
      <c r="UCY711" s="613"/>
      <c r="UCZ711" s="613"/>
      <c r="UDA711" s="613"/>
      <c r="UDB711" s="613"/>
      <c r="UDC711" s="613"/>
      <c r="UDD711" s="613"/>
      <c r="UDE711" s="613"/>
      <c r="UDF711" s="613"/>
      <c r="UDG711" s="613"/>
      <c r="UDH711" s="613"/>
      <c r="UDI711" s="613"/>
      <c r="UDJ711" s="613"/>
      <c r="UDK711" s="613"/>
      <c r="UDL711" s="613"/>
      <c r="UDM711" s="613"/>
      <c r="UDN711" s="613"/>
      <c r="UDO711" s="613"/>
      <c r="UDP711" s="613"/>
      <c r="UDQ711" s="613"/>
      <c r="UDR711" s="613"/>
      <c r="UDS711" s="613"/>
      <c r="UDT711" s="613"/>
      <c r="UDU711" s="613"/>
      <c r="UDV711" s="613"/>
      <c r="UDW711" s="613"/>
      <c r="UDX711" s="613"/>
      <c r="UDY711" s="613"/>
      <c r="UDZ711" s="613"/>
      <c r="UEA711" s="613"/>
      <c r="UEB711" s="613"/>
      <c r="UEC711" s="613"/>
      <c r="UED711" s="613"/>
      <c r="UEE711" s="613"/>
      <c r="UEF711" s="613"/>
      <c r="UEG711" s="613"/>
      <c r="UEH711" s="613"/>
      <c r="UEI711" s="613"/>
      <c r="UEJ711" s="613"/>
      <c r="UEK711" s="613"/>
      <c r="UEL711" s="613"/>
      <c r="UEM711" s="613"/>
      <c r="UEN711" s="613"/>
      <c r="UEO711" s="613"/>
      <c r="UEP711" s="613"/>
      <c r="UEQ711" s="613"/>
      <c r="UER711" s="613"/>
      <c r="UES711" s="613"/>
      <c r="UET711" s="613"/>
      <c r="UEU711" s="613"/>
      <c r="UEV711" s="613"/>
      <c r="UEW711" s="613"/>
      <c r="UEX711" s="613"/>
      <c r="UEY711" s="613"/>
      <c r="UEZ711" s="613"/>
      <c r="UFA711" s="613"/>
      <c r="UFB711" s="613"/>
      <c r="UFC711" s="613"/>
      <c r="UFD711" s="613"/>
      <c r="UFE711" s="613"/>
      <c r="UFF711" s="613"/>
      <c r="UFG711" s="613"/>
      <c r="UFH711" s="613"/>
      <c r="UFI711" s="613"/>
      <c r="UFJ711" s="613"/>
      <c r="UFK711" s="613"/>
      <c r="UFL711" s="613"/>
      <c r="UFM711" s="613"/>
      <c r="UFN711" s="613"/>
      <c r="UFO711" s="613"/>
      <c r="UFP711" s="613"/>
      <c r="UFQ711" s="613"/>
      <c r="UFR711" s="613"/>
      <c r="UFS711" s="613"/>
      <c r="UFT711" s="613"/>
      <c r="UFU711" s="613"/>
      <c r="UFV711" s="613"/>
      <c r="UFW711" s="613"/>
      <c r="UFX711" s="613"/>
      <c r="UFY711" s="613"/>
      <c r="UFZ711" s="613"/>
      <c r="UGA711" s="613"/>
      <c r="UGB711" s="613"/>
      <c r="UGC711" s="613"/>
      <c r="UGD711" s="613"/>
      <c r="UGE711" s="613"/>
      <c r="UGF711" s="613"/>
      <c r="UGG711" s="613"/>
      <c r="UGH711" s="613"/>
      <c r="UGI711" s="613"/>
      <c r="UGJ711" s="613"/>
      <c r="UGK711" s="613"/>
      <c r="UGL711" s="613"/>
      <c r="UGM711" s="613"/>
      <c r="UGN711" s="613"/>
      <c r="UGO711" s="613"/>
      <c r="UGP711" s="613"/>
      <c r="UGQ711" s="613"/>
      <c r="UGR711" s="613"/>
      <c r="UGS711" s="613"/>
      <c r="UGT711" s="613"/>
      <c r="UGU711" s="613"/>
      <c r="UGV711" s="613"/>
      <c r="UGW711" s="613"/>
      <c r="UGX711" s="613"/>
      <c r="UGY711" s="613"/>
      <c r="UGZ711" s="613"/>
      <c r="UHA711" s="613"/>
      <c r="UHB711" s="613"/>
      <c r="UHC711" s="613"/>
      <c r="UHD711" s="613"/>
      <c r="UHE711" s="613"/>
      <c r="UHF711" s="613"/>
      <c r="UHG711" s="613"/>
      <c r="UHH711" s="613"/>
      <c r="UHI711" s="613"/>
      <c r="UHJ711" s="613"/>
      <c r="UHK711" s="613"/>
      <c r="UHL711" s="613"/>
      <c r="UHM711" s="613"/>
      <c r="UHN711" s="613"/>
      <c r="UHO711" s="613"/>
      <c r="UHP711" s="613"/>
      <c r="UHQ711" s="613"/>
      <c r="UHR711" s="613"/>
      <c r="UHS711" s="613"/>
      <c r="UHT711" s="613"/>
      <c r="UHU711" s="613"/>
      <c r="UHV711" s="613"/>
      <c r="UHW711" s="613"/>
      <c r="UHX711" s="613"/>
      <c r="UHY711" s="613"/>
      <c r="UHZ711" s="613"/>
      <c r="UIA711" s="613"/>
      <c r="UIB711" s="613"/>
      <c r="UIC711" s="613"/>
      <c r="UID711" s="613"/>
      <c r="UIE711" s="613"/>
      <c r="UIF711" s="613"/>
      <c r="UIG711" s="613"/>
      <c r="UIH711" s="613"/>
      <c r="UII711" s="613"/>
      <c r="UIJ711" s="613"/>
      <c r="UIK711" s="613"/>
      <c r="UIL711" s="613"/>
      <c r="UIM711" s="613"/>
      <c r="UIN711" s="613"/>
      <c r="UIO711" s="613"/>
      <c r="UIP711" s="613"/>
      <c r="UIQ711" s="613"/>
      <c r="UIR711" s="613"/>
      <c r="UIS711" s="613"/>
      <c r="UIT711" s="613"/>
      <c r="UIU711" s="613"/>
      <c r="UIV711" s="613"/>
      <c r="UIW711" s="613"/>
      <c r="UIX711" s="613"/>
      <c r="UIY711" s="613"/>
      <c r="UIZ711" s="613"/>
      <c r="UJA711" s="613"/>
      <c r="UJB711" s="613"/>
      <c r="UJC711" s="613"/>
      <c r="UJD711" s="613"/>
      <c r="UJE711" s="613"/>
      <c r="UJF711" s="613"/>
      <c r="UJG711" s="613"/>
      <c r="UJH711" s="613"/>
      <c r="UJI711" s="613"/>
      <c r="UJJ711" s="613"/>
      <c r="UJK711" s="613"/>
      <c r="UJL711" s="613"/>
      <c r="UJM711" s="613"/>
      <c r="UJN711" s="613"/>
      <c r="UJO711" s="613"/>
      <c r="UJP711" s="613"/>
      <c r="UJQ711" s="613"/>
      <c r="UJR711" s="613"/>
      <c r="UJS711" s="613"/>
      <c r="UJT711" s="613"/>
      <c r="UJU711" s="613"/>
      <c r="UJV711" s="613"/>
      <c r="UJW711" s="613"/>
      <c r="UJX711" s="613"/>
      <c r="UJY711" s="613"/>
      <c r="UJZ711" s="613"/>
      <c r="UKA711" s="613"/>
      <c r="UKB711" s="613"/>
      <c r="UKC711" s="613"/>
      <c r="UKD711" s="613"/>
      <c r="UKE711" s="613"/>
      <c r="UKF711" s="613"/>
      <c r="UKG711" s="613"/>
      <c r="UKH711" s="613"/>
      <c r="UKI711" s="613"/>
      <c r="UKJ711" s="613"/>
      <c r="UKK711" s="613"/>
      <c r="UKL711" s="613"/>
      <c r="UKM711" s="613"/>
      <c r="UKN711" s="613"/>
      <c r="UKO711" s="613"/>
      <c r="UKP711" s="613"/>
      <c r="UKQ711" s="613"/>
      <c r="UKR711" s="613"/>
      <c r="UKS711" s="613"/>
      <c r="UKT711" s="613"/>
      <c r="UKU711" s="613"/>
      <c r="UKV711" s="613"/>
      <c r="UKW711" s="613"/>
      <c r="UKX711" s="613"/>
      <c r="UKY711" s="613"/>
      <c r="UKZ711" s="613"/>
      <c r="ULA711" s="613"/>
      <c r="ULB711" s="613"/>
      <c r="ULC711" s="613"/>
      <c r="ULD711" s="613"/>
      <c r="ULE711" s="613"/>
      <c r="ULF711" s="613"/>
      <c r="ULG711" s="613"/>
      <c r="ULH711" s="613"/>
      <c r="ULI711" s="613"/>
      <c r="ULJ711" s="613"/>
      <c r="ULK711" s="613"/>
      <c r="ULL711" s="613"/>
      <c r="ULM711" s="613"/>
      <c r="ULN711" s="613"/>
      <c r="ULO711" s="613"/>
      <c r="ULP711" s="613"/>
      <c r="ULQ711" s="613"/>
      <c r="ULR711" s="613"/>
      <c r="ULS711" s="613"/>
      <c r="ULT711" s="613"/>
      <c r="ULU711" s="613"/>
      <c r="ULV711" s="613"/>
      <c r="ULW711" s="613"/>
      <c r="ULX711" s="613"/>
      <c r="ULY711" s="613"/>
      <c r="ULZ711" s="613"/>
      <c r="UMA711" s="613"/>
      <c r="UMB711" s="613"/>
      <c r="UMC711" s="613"/>
      <c r="UMD711" s="613"/>
      <c r="UME711" s="613"/>
      <c r="UMF711" s="613"/>
      <c r="UMG711" s="613"/>
      <c r="UMH711" s="613"/>
      <c r="UMI711" s="613"/>
      <c r="UMJ711" s="613"/>
      <c r="UMK711" s="613"/>
      <c r="UML711" s="613"/>
      <c r="UMM711" s="613"/>
      <c r="UMN711" s="613"/>
      <c r="UMO711" s="613"/>
      <c r="UMP711" s="613"/>
      <c r="UMQ711" s="613"/>
      <c r="UMR711" s="613"/>
      <c r="UMS711" s="613"/>
      <c r="UMT711" s="613"/>
      <c r="UMU711" s="613"/>
      <c r="UMV711" s="613"/>
      <c r="UMW711" s="613"/>
      <c r="UMX711" s="613"/>
      <c r="UMY711" s="613"/>
      <c r="UMZ711" s="613"/>
      <c r="UNA711" s="613"/>
      <c r="UNB711" s="613"/>
      <c r="UNC711" s="613"/>
      <c r="UND711" s="613"/>
      <c r="UNE711" s="613"/>
      <c r="UNF711" s="613"/>
      <c r="UNG711" s="613"/>
      <c r="UNH711" s="613"/>
      <c r="UNI711" s="613"/>
      <c r="UNJ711" s="613"/>
      <c r="UNK711" s="613"/>
      <c r="UNL711" s="613"/>
      <c r="UNM711" s="613"/>
      <c r="UNN711" s="613"/>
      <c r="UNO711" s="613"/>
      <c r="UNP711" s="613"/>
      <c r="UNQ711" s="613"/>
      <c r="UNR711" s="613"/>
      <c r="UNS711" s="613"/>
      <c r="UNT711" s="613"/>
      <c r="UNU711" s="613"/>
      <c r="UNV711" s="613"/>
      <c r="UNW711" s="613"/>
      <c r="UNX711" s="613"/>
      <c r="UNY711" s="613"/>
      <c r="UNZ711" s="613"/>
      <c r="UOA711" s="613"/>
      <c r="UOB711" s="613"/>
      <c r="UOC711" s="613"/>
      <c r="UOD711" s="613"/>
      <c r="UOE711" s="613"/>
      <c r="UOF711" s="613"/>
      <c r="UOG711" s="613"/>
      <c r="UOH711" s="613"/>
      <c r="UOI711" s="613"/>
      <c r="UOJ711" s="613"/>
      <c r="UOK711" s="613"/>
      <c r="UOL711" s="613"/>
      <c r="UOM711" s="613"/>
      <c r="UON711" s="613"/>
      <c r="UOO711" s="613"/>
      <c r="UOP711" s="613"/>
      <c r="UOQ711" s="613"/>
      <c r="UOR711" s="613"/>
      <c r="UOS711" s="613"/>
      <c r="UOT711" s="613"/>
      <c r="UOU711" s="613"/>
      <c r="UOV711" s="613"/>
      <c r="UOW711" s="613"/>
      <c r="UOX711" s="613"/>
      <c r="UOY711" s="613"/>
      <c r="UOZ711" s="613"/>
      <c r="UPA711" s="613"/>
      <c r="UPB711" s="613"/>
      <c r="UPC711" s="613"/>
      <c r="UPD711" s="613"/>
      <c r="UPE711" s="613"/>
      <c r="UPF711" s="613"/>
      <c r="UPG711" s="613"/>
      <c r="UPH711" s="613"/>
      <c r="UPI711" s="613"/>
      <c r="UPJ711" s="613"/>
      <c r="UPK711" s="613"/>
      <c r="UPL711" s="613"/>
      <c r="UPM711" s="613"/>
      <c r="UPN711" s="613"/>
      <c r="UPO711" s="613"/>
      <c r="UPP711" s="613"/>
      <c r="UPQ711" s="613"/>
      <c r="UPR711" s="613"/>
      <c r="UPS711" s="613"/>
      <c r="UPT711" s="613"/>
      <c r="UPU711" s="613"/>
      <c r="UPV711" s="613"/>
      <c r="UPW711" s="613"/>
      <c r="UPX711" s="613"/>
      <c r="UPY711" s="613"/>
      <c r="UPZ711" s="613"/>
      <c r="UQA711" s="613"/>
      <c r="UQB711" s="613"/>
      <c r="UQC711" s="613"/>
      <c r="UQD711" s="613"/>
      <c r="UQE711" s="613"/>
      <c r="UQF711" s="613"/>
      <c r="UQG711" s="613"/>
      <c r="UQH711" s="613"/>
      <c r="UQI711" s="613"/>
      <c r="UQJ711" s="613"/>
      <c r="UQK711" s="613"/>
      <c r="UQL711" s="613"/>
      <c r="UQM711" s="613"/>
      <c r="UQN711" s="613"/>
      <c r="UQO711" s="613"/>
      <c r="UQP711" s="613"/>
      <c r="UQQ711" s="613"/>
      <c r="UQR711" s="613"/>
      <c r="UQS711" s="613"/>
      <c r="UQT711" s="613"/>
      <c r="UQU711" s="613"/>
      <c r="UQV711" s="613"/>
      <c r="UQW711" s="613"/>
      <c r="UQX711" s="613"/>
      <c r="UQY711" s="613"/>
      <c r="UQZ711" s="613"/>
      <c r="URA711" s="613"/>
      <c r="URB711" s="613"/>
      <c r="URC711" s="613"/>
      <c r="URD711" s="613"/>
      <c r="URE711" s="613"/>
      <c r="URF711" s="613"/>
      <c r="URG711" s="613"/>
      <c r="URH711" s="613"/>
      <c r="URI711" s="613"/>
      <c r="URJ711" s="613"/>
      <c r="URK711" s="613"/>
      <c r="URL711" s="613"/>
      <c r="URM711" s="613"/>
      <c r="URN711" s="613"/>
      <c r="URO711" s="613"/>
      <c r="URP711" s="613"/>
      <c r="URQ711" s="613"/>
      <c r="URR711" s="613"/>
      <c r="URS711" s="613"/>
      <c r="URT711" s="613"/>
      <c r="URU711" s="613"/>
      <c r="URV711" s="613"/>
      <c r="URW711" s="613"/>
      <c r="URX711" s="613"/>
      <c r="URY711" s="613"/>
      <c r="URZ711" s="613"/>
      <c r="USA711" s="613"/>
      <c r="USB711" s="613"/>
      <c r="USC711" s="613"/>
      <c r="USD711" s="613"/>
      <c r="USE711" s="613"/>
      <c r="USF711" s="613"/>
      <c r="USG711" s="613"/>
      <c r="USH711" s="613"/>
      <c r="USI711" s="613"/>
      <c r="USJ711" s="613"/>
      <c r="USK711" s="613"/>
      <c r="USL711" s="613"/>
      <c r="USM711" s="613"/>
      <c r="USN711" s="613"/>
      <c r="USO711" s="613"/>
      <c r="USP711" s="613"/>
      <c r="USQ711" s="613"/>
      <c r="USR711" s="613"/>
      <c r="USS711" s="613"/>
      <c r="UST711" s="613"/>
      <c r="USU711" s="613"/>
      <c r="USV711" s="613"/>
      <c r="USW711" s="613"/>
      <c r="USX711" s="613"/>
      <c r="USY711" s="613"/>
      <c r="USZ711" s="613"/>
      <c r="UTA711" s="613"/>
      <c r="UTB711" s="613"/>
      <c r="UTC711" s="613"/>
      <c r="UTD711" s="613"/>
      <c r="UTE711" s="613"/>
      <c r="UTF711" s="613"/>
      <c r="UTG711" s="613"/>
      <c r="UTH711" s="613"/>
      <c r="UTI711" s="613"/>
      <c r="UTJ711" s="613"/>
      <c r="UTK711" s="613"/>
      <c r="UTL711" s="613"/>
      <c r="UTM711" s="613"/>
      <c r="UTN711" s="613"/>
      <c r="UTO711" s="613"/>
      <c r="UTP711" s="613"/>
      <c r="UTQ711" s="613"/>
      <c r="UTR711" s="613"/>
      <c r="UTS711" s="613"/>
      <c r="UTT711" s="613"/>
      <c r="UTU711" s="613"/>
      <c r="UTV711" s="613"/>
      <c r="UTW711" s="613"/>
      <c r="UTX711" s="613"/>
      <c r="UTY711" s="613"/>
      <c r="UTZ711" s="613"/>
      <c r="UUA711" s="613"/>
      <c r="UUB711" s="613"/>
      <c r="UUC711" s="613"/>
      <c r="UUD711" s="613"/>
      <c r="UUE711" s="613"/>
      <c r="UUF711" s="613"/>
      <c r="UUG711" s="613"/>
      <c r="UUH711" s="613"/>
      <c r="UUI711" s="613"/>
      <c r="UUJ711" s="613"/>
      <c r="UUK711" s="613"/>
      <c r="UUL711" s="613"/>
      <c r="UUM711" s="613"/>
      <c r="UUN711" s="613"/>
      <c r="UUO711" s="613"/>
      <c r="UUP711" s="613"/>
      <c r="UUQ711" s="613"/>
      <c r="UUR711" s="613"/>
      <c r="UUS711" s="613"/>
      <c r="UUT711" s="613"/>
      <c r="UUU711" s="613"/>
      <c r="UUV711" s="613"/>
      <c r="UUW711" s="613"/>
      <c r="UUX711" s="613"/>
      <c r="UUY711" s="613"/>
      <c r="UUZ711" s="613"/>
      <c r="UVA711" s="613"/>
      <c r="UVB711" s="613"/>
      <c r="UVC711" s="613"/>
      <c r="UVD711" s="613"/>
      <c r="UVE711" s="613"/>
      <c r="UVF711" s="613"/>
      <c r="UVG711" s="613"/>
      <c r="UVH711" s="613"/>
      <c r="UVI711" s="613"/>
      <c r="UVJ711" s="613"/>
      <c r="UVK711" s="613"/>
      <c r="UVL711" s="613"/>
      <c r="UVM711" s="613"/>
      <c r="UVN711" s="613"/>
      <c r="UVO711" s="613"/>
      <c r="UVP711" s="613"/>
      <c r="UVQ711" s="613"/>
      <c r="UVR711" s="613"/>
      <c r="UVS711" s="613"/>
      <c r="UVT711" s="613"/>
      <c r="UVU711" s="613"/>
      <c r="UVV711" s="613"/>
      <c r="UVW711" s="613"/>
      <c r="UVX711" s="613"/>
      <c r="UVY711" s="613"/>
      <c r="UVZ711" s="613"/>
      <c r="UWA711" s="613"/>
      <c r="UWB711" s="613"/>
      <c r="UWC711" s="613"/>
      <c r="UWD711" s="613"/>
      <c r="UWE711" s="613"/>
      <c r="UWF711" s="613"/>
      <c r="UWG711" s="613"/>
      <c r="UWH711" s="613"/>
      <c r="UWI711" s="613"/>
      <c r="UWJ711" s="613"/>
      <c r="UWK711" s="613"/>
      <c r="UWL711" s="613"/>
      <c r="UWM711" s="613"/>
      <c r="UWN711" s="613"/>
      <c r="UWO711" s="613"/>
      <c r="UWP711" s="613"/>
      <c r="UWQ711" s="613"/>
      <c r="UWR711" s="613"/>
      <c r="UWS711" s="613"/>
      <c r="UWT711" s="613"/>
      <c r="UWU711" s="613"/>
      <c r="UWV711" s="613"/>
      <c r="UWW711" s="613"/>
      <c r="UWX711" s="613"/>
      <c r="UWY711" s="613"/>
      <c r="UWZ711" s="613"/>
      <c r="UXA711" s="613"/>
      <c r="UXB711" s="613"/>
      <c r="UXC711" s="613"/>
      <c r="UXD711" s="613"/>
      <c r="UXE711" s="613"/>
      <c r="UXF711" s="613"/>
      <c r="UXG711" s="613"/>
      <c r="UXH711" s="613"/>
      <c r="UXI711" s="613"/>
      <c r="UXJ711" s="613"/>
      <c r="UXK711" s="613"/>
      <c r="UXL711" s="613"/>
      <c r="UXM711" s="613"/>
      <c r="UXN711" s="613"/>
      <c r="UXO711" s="613"/>
      <c r="UXP711" s="613"/>
      <c r="UXQ711" s="613"/>
      <c r="UXR711" s="613"/>
      <c r="UXS711" s="613"/>
      <c r="UXT711" s="613"/>
      <c r="UXU711" s="613"/>
      <c r="UXV711" s="613"/>
      <c r="UXW711" s="613"/>
      <c r="UXX711" s="613"/>
      <c r="UXY711" s="613"/>
      <c r="UXZ711" s="613"/>
      <c r="UYA711" s="613"/>
      <c r="UYB711" s="613"/>
      <c r="UYC711" s="613"/>
      <c r="UYD711" s="613"/>
      <c r="UYE711" s="613"/>
      <c r="UYF711" s="613"/>
      <c r="UYG711" s="613"/>
      <c r="UYH711" s="613"/>
      <c r="UYI711" s="613"/>
      <c r="UYJ711" s="613"/>
      <c r="UYK711" s="613"/>
      <c r="UYL711" s="613"/>
      <c r="UYM711" s="613"/>
      <c r="UYN711" s="613"/>
      <c r="UYO711" s="613"/>
      <c r="UYP711" s="613"/>
      <c r="UYQ711" s="613"/>
      <c r="UYR711" s="613"/>
      <c r="UYS711" s="613"/>
      <c r="UYT711" s="613"/>
      <c r="UYU711" s="613"/>
      <c r="UYV711" s="613"/>
      <c r="UYW711" s="613"/>
      <c r="UYX711" s="613"/>
      <c r="UYY711" s="613"/>
      <c r="UYZ711" s="613"/>
      <c r="UZA711" s="613"/>
      <c r="UZB711" s="613"/>
      <c r="UZC711" s="613"/>
      <c r="UZD711" s="613"/>
      <c r="UZE711" s="613"/>
      <c r="UZF711" s="613"/>
      <c r="UZG711" s="613"/>
      <c r="UZH711" s="613"/>
      <c r="UZI711" s="613"/>
      <c r="UZJ711" s="613"/>
      <c r="UZK711" s="613"/>
      <c r="UZL711" s="613"/>
      <c r="UZM711" s="613"/>
      <c r="UZN711" s="613"/>
      <c r="UZO711" s="613"/>
      <c r="UZP711" s="613"/>
      <c r="UZQ711" s="613"/>
      <c r="UZR711" s="613"/>
      <c r="UZS711" s="613"/>
      <c r="UZT711" s="613"/>
      <c r="UZU711" s="613"/>
      <c r="UZV711" s="613"/>
      <c r="UZW711" s="613"/>
      <c r="UZX711" s="613"/>
      <c r="UZY711" s="613"/>
      <c r="UZZ711" s="613"/>
      <c r="VAA711" s="613"/>
      <c r="VAB711" s="613"/>
      <c r="VAC711" s="613"/>
      <c r="VAD711" s="613"/>
      <c r="VAE711" s="613"/>
      <c r="VAF711" s="613"/>
      <c r="VAG711" s="613"/>
      <c r="VAH711" s="613"/>
      <c r="VAI711" s="613"/>
      <c r="VAJ711" s="613"/>
      <c r="VAK711" s="613"/>
      <c r="VAL711" s="613"/>
      <c r="VAM711" s="613"/>
      <c r="VAN711" s="613"/>
      <c r="VAO711" s="613"/>
      <c r="VAP711" s="613"/>
      <c r="VAQ711" s="613"/>
      <c r="VAR711" s="613"/>
      <c r="VAS711" s="613"/>
      <c r="VAT711" s="613"/>
      <c r="VAU711" s="613"/>
      <c r="VAV711" s="613"/>
      <c r="VAW711" s="613"/>
      <c r="VAX711" s="613"/>
      <c r="VAY711" s="613"/>
      <c r="VAZ711" s="613"/>
      <c r="VBA711" s="613"/>
      <c r="VBB711" s="613"/>
      <c r="VBC711" s="613"/>
      <c r="VBD711" s="613"/>
      <c r="VBE711" s="613"/>
      <c r="VBF711" s="613"/>
      <c r="VBG711" s="613"/>
      <c r="VBH711" s="613"/>
      <c r="VBI711" s="613"/>
      <c r="VBJ711" s="613"/>
      <c r="VBK711" s="613"/>
      <c r="VBL711" s="613"/>
      <c r="VBM711" s="613"/>
      <c r="VBN711" s="613"/>
      <c r="VBO711" s="613"/>
      <c r="VBP711" s="613"/>
      <c r="VBQ711" s="613"/>
      <c r="VBR711" s="613"/>
      <c r="VBS711" s="613"/>
      <c r="VBT711" s="613"/>
      <c r="VBU711" s="613"/>
      <c r="VBV711" s="613"/>
      <c r="VBW711" s="613"/>
      <c r="VBX711" s="613"/>
      <c r="VBY711" s="613"/>
      <c r="VBZ711" s="613"/>
      <c r="VCA711" s="613"/>
      <c r="VCB711" s="613"/>
      <c r="VCC711" s="613"/>
      <c r="VCD711" s="613"/>
      <c r="VCE711" s="613"/>
      <c r="VCF711" s="613"/>
      <c r="VCG711" s="613"/>
      <c r="VCH711" s="613"/>
      <c r="VCI711" s="613"/>
      <c r="VCJ711" s="613"/>
      <c r="VCK711" s="613"/>
      <c r="VCL711" s="613"/>
      <c r="VCM711" s="613"/>
      <c r="VCN711" s="613"/>
      <c r="VCO711" s="613"/>
      <c r="VCP711" s="613"/>
      <c r="VCQ711" s="613"/>
      <c r="VCR711" s="613"/>
      <c r="VCS711" s="613"/>
      <c r="VCT711" s="613"/>
      <c r="VCU711" s="613"/>
      <c r="VCV711" s="613"/>
      <c r="VCW711" s="613"/>
      <c r="VCX711" s="613"/>
      <c r="VCY711" s="613"/>
      <c r="VCZ711" s="613"/>
      <c r="VDA711" s="613"/>
      <c r="VDB711" s="613"/>
      <c r="VDC711" s="613"/>
      <c r="VDD711" s="613"/>
      <c r="VDE711" s="613"/>
      <c r="VDF711" s="613"/>
      <c r="VDG711" s="613"/>
      <c r="VDH711" s="613"/>
      <c r="VDI711" s="613"/>
      <c r="VDJ711" s="613"/>
      <c r="VDK711" s="613"/>
      <c r="VDL711" s="613"/>
      <c r="VDM711" s="613"/>
      <c r="VDN711" s="613"/>
      <c r="VDO711" s="613"/>
      <c r="VDP711" s="613"/>
      <c r="VDQ711" s="613"/>
      <c r="VDR711" s="613"/>
      <c r="VDS711" s="613"/>
      <c r="VDT711" s="613"/>
      <c r="VDU711" s="613"/>
      <c r="VDV711" s="613"/>
      <c r="VDW711" s="613"/>
      <c r="VDX711" s="613"/>
      <c r="VDY711" s="613"/>
      <c r="VDZ711" s="613"/>
      <c r="VEA711" s="613"/>
      <c r="VEB711" s="613"/>
      <c r="VEC711" s="613"/>
      <c r="VED711" s="613"/>
      <c r="VEE711" s="613"/>
      <c r="VEF711" s="613"/>
      <c r="VEG711" s="613"/>
      <c r="VEH711" s="613"/>
      <c r="VEI711" s="613"/>
      <c r="VEJ711" s="613"/>
      <c r="VEK711" s="613"/>
      <c r="VEL711" s="613"/>
      <c r="VEM711" s="613"/>
      <c r="VEN711" s="613"/>
      <c r="VEO711" s="613"/>
      <c r="VEP711" s="613"/>
      <c r="VEQ711" s="613"/>
      <c r="VER711" s="613"/>
      <c r="VES711" s="613"/>
      <c r="VET711" s="613"/>
      <c r="VEU711" s="613"/>
      <c r="VEV711" s="613"/>
      <c r="VEW711" s="613"/>
      <c r="VEX711" s="613"/>
      <c r="VEY711" s="613"/>
      <c r="VEZ711" s="613"/>
      <c r="VFA711" s="613"/>
      <c r="VFB711" s="613"/>
      <c r="VFC711" s="613"/>
      <c r="VFD711" s="613"/>
      <c r="VFE711" s="613"/>
      <c r="VFF711" s="613"/>
      <c r="VFG711" s="613"/>
      <c r="VFH711" s="613"/>
      <c r="VFI711" s="613"/>
      <c r="VFJ711" s="613"/>
      <c r="VFK711" s="613"/>
      <c r="VFL711" s="613"/>
      <c r="VFM711" s="613"/>
      <c r="VFN711" s="613"/>
      <c r="VFO711" s="613"/>
      <c r="VFP711" s="613"/>
      <c r="VFQ711" s="613"/>
      <c r="VFR711" s="613"/>
      <c r="VFS711" s="613"/>
      <c r="VFT711" s="613"/>
      <c r="VFU711" s="613"/>
      <c r="VFV711" s="613"/>
      <c r="VFW711" s="613"/>
      <c r="VFX711" s="613"/>
      <c r="VFY711" s="613"/>
      <c r="VFZ711" s="613"/>
      <c r="VGA711" s="613"/>
      <c r="VGB711" s="613"/>
      <c r="VGC711" s="613"/>
      <c r="VGD711" s="613"/>
      <c r="VGE711" s="613"/>
      <c r="VGF711" s="613"/>
      <c r="VGG711" s="613"/>
      <c r="VGH711" s="613"/>
      <c r="VGI711" s="613"/>
      <c r="VGJ711" s="613"/>
      <c r="VGK711" s="613"/>
      <c r="VGL711" s="613"/>
      <c r="VGM711" s="613"/>
      <c r="VGN711" s="613"/>
      <c r="VGO711" s="613"/>
      <c r="VGP711" s="613"/>
      <c r="VGQ711" s="613"/>
      <c r="VGR711" s="613"/>
      <c r="VGS711" s="613"/>
      <c r="VGT711" s="613"/>
      <c r="VGU711" s="613"/>
      <c r="VGV711" s="613"/>
      <c r="VGW711" s="613"/>
      <c r="VGX711" s="613"/>
      <c r="VGY711" s="613"/>
      <c r="VGZ711" s="613"/>
      <c r="VHA711" s="613"/>
      <c r="VHB711" s="613"/>
      <c r="VHC711" s="613"/>
      <c r="VHD711" s="613"/>
      <c r="VHE711" s="613"/>
      <c r="VHF711" s="613"/>
      <c r="VHG711" s="613"/>
      <c r="VHH711" s="613"/>
      <c r="VHI711" s="613"/>
      <c r="VHJ711" s="613"/>
      <c r="VHK711" s="613"/>
      <c r="VHL711" s="613"/>
      <c r="VHM711" s="613"/>
      <c r="VHN711" s="613"/>
      <c r="VHO711" s="613"/>
      <c r="VHP711" s="613"/>
      <c r="VHQ711" s="613"/>
      <c r="VHR711" s="613"/>
      <c r="VHS711" s="613"/>
      <c r="VHT711" s="613"/>
      <c r="VHU711" s="613"/>
      <c r="VHV711" s="613"/>
      <c r="VHW711" s="613"/>
      <c r="VHX711" s="613"/>
      <c r="VHY711" s="613"/>
      <c r="VHZ711" s="613"/>
      <c r="VIA711" s="613"/>
      <c r="VIB711" s="613"/>
      <c r="VIC711" s="613"/>
      <c r="VID711" s="613"/>
      <c r="VIE711" s="613"/>
      <c r="VIF711" s="613"/>
      <c r="VIG711" s="613"/>
      <c r="VIH711" s="613"/>
      <c r="VII711" s="613"/>
      <c r="VIJ711" s="613"/>
      <c r="VIK711" s="613"/>
      <c r="VIL711" s="613"/>
      <c r="VIM711" s="613"/>
      <c r="VIN711" s="613"/>
      <c r="VIO711" s="613"/>
      <c r="VIP711" s="613"/>
      <c r="VIQ711" s="613"/>
      <c r="VIR711" s="613"/>
      <c r="VIS711" s="613"/>
      <c r="VIT711" s="613"/>
      <c r="VIU711" s="613"/>
      <c r="VIV711" s="613"/>
      <c r="VIW711" s="613"/>
      <c r="VIX711" s="613"/>
      <c r="VIY711" s="613"/>
      <c r="VIZ711" s="613"/>
      <c r="VJA711" s="613"/>
      <c r="VJB711" s="613"/>
      <c r="VJC711" s="613"/>
      <c r="VJD711" s="613"/>
      <c r="VJE711" s="613"/>
      <c r="VJF711" s="613"/>
      <c r="VJG711" s="613"/>
      <c r="VJH711" s="613"/>
      <c r="VJI711" s="613"/>
      <c r="VJJ711" s="613"/>
      <c r="VJK711" s="613"/>
      <c r="VJL711" s="613"/>
      <c r="VJM711" s="613"/>
      <c r="VJN711" s="613"/>
      <c r="VJO711" s="613"/>
      <c r="VJP711" s="613"/>
      <c r="VJQ711" s="613"/>
      <c r="VJR711" s="613"/>
      <c r="VJS711" s="613"/>
      <c r="VJT711" s="613"/>
      <c r="VJU711" s="613"/>
      <c r="VJV711" s="613"/>
      <c r="VJW711" s="613"/>
      <c r="VJX711" s="613"/>
      <c r="VJY711" s="613"/>
      <c r="VJZ711" s="613"/>
      <c r="VKA711" s="613"/>
      <c r="VKB711" s="613"/>
      <c r="VKC711" s="613"/>
      <c r="VKD711" s="613"/>
      <c r="VKE711" s="613"/>
      <c r="VKF711" s="613"/>
      <c r="VKG711" s="613"/>
      <c r="VKH711" s="613"/>
      <c r="VKI711" s="613"/>
      <c r="VKJ711" s="613"/>
      <c r="VKK711" s="613"/>
      <c r="VKL711" s="613"/>
      <c r="VKM711" s="613"/>
      <c r="VKN711" s="613"/>
      <c r="VKO711" s="613"/>
      <c r="VKP711" s="613"/>
      <c r="VKQ711" s="613"/>
      <c r="VKR711" s="613"/>
      <c r="VKS711" s="613"/>
      <c r="VKT711" s="613"/>
      <c r="VKU711" s="613"/>
      <c r="VKV711" s="613"/>
      <c r="VKW711" s="613"/>
      <c r="VKX711" s="613"/>
      <c r="VKY711" s="613"/>
      <c r="VKZ711" s="613"/>
      <c r="VLA711" s="613"/>
      <c r="VLB711" s="613"/>
      <c r="VLC711" s="613"/>
      <c r="VLD711" s="613"/>
      <c r="VLE711" s="613"/>
      <c r="VLF711" s="613"/>
      <c r="VLG711" s="613"/>
      <c r="VLH711" s="613"/>
      <c r="VLI711" s="613"/>
      <c r="VLJ711" s="613"/>
      <c r="VLK711" s="613"/>
      <c r="VLL711" s="613"/>
      <c r="VLM711" s="613"/>
      <c r="VLN711" s="613"/>
      <c r="VLO711" s="613"/>
      <c r="VLP711" s="613"/>
      <c r="VLQ711" s="613"/>
      <c r="VLR711" s="613"/>
      <c r="VLS711" s="613"/>
      <c r="VLT711" s="613"/>
      <c r="VLU711" s="613"/>
      <c r="VLV711" s="613"/>
      <c r="VLW711" s="613"/>
      <c r="VLX711" s="613"/>
      <c r="VLY711" s="613"/>
      <c r="VLZ711" s="613"/>
      <c r="VMA711" s="613"/>
      <c r="VMB711" s="613"/>
      <c r="VMC711" s="613"/>
      <c r="VMD711" s="613"/>
      <c r="VME711" s="613"/>
      <c r="VMF711" s="613"/>
      <c r="VMG711" s="613"/>
      <c r="VMH711" s="613"/>
      <c r="VMI711" s="613"/>
      <c r="VMJ711" s="613"/>
      <c r="VMK711" s="613"/>
      <c r="VML711" s="613"/>
      <c r="VMM711" s="613"/>
      <c r="VMN711" s="613"/>
      <c r="VMO711" s="613"/>
      <c r="VMP711" s="613"/>
      <c r="VMQ711" s="613"/>
      <c r="VMR711" s="613"/>
      <c r="VMS711" s="613"/>
      <c r="VMT711" s="613"/>
      <c r="VMU711" s="613"/>
      <c r="VMV711" s="613"/>
      <c r="VMW711" s="613"/>
      <c r="VMX711" s="613"/>
      <c r="VMY711" s="613"/>
      <c r="VMZ711" s="613"/>
      <c r="VNA711" s="613"/>
      <c r="VNB711" s="613"/>
      <c r="VNC711" s="613"/>
      <c r="VND711" s="613"/>
      <c r="VNE711" s="613"/>
      <c r="VNF711" s="613"/>
      <c r="VNG711" s="613"/>
      <c r="VNH711" s="613"/>
      <c r="VNI711" s="613"/>
      <c r="VNJ711" s="613"/>
      <c r="VNK711" s="613"/>
      <c r="VNL711" s="613"/>
      <c r="VNM711" s="613"/>
      <c r="VNN711" s="613"/>
      <c r="VNO711" s="613"/>
      <c r="VNP711" s="613"/>
      <c r="VNQ711" s="613"/>
      <c r="VNR711" s="613"/>
      <c r="VNS711" s="613"/>
      <c r="VNT711" s="613"/>
      <c r="VNU711" s="613"/>
      <c r="VNV711" s="613"/>
      <c r="VNW711" s="613"/>
      <c r="VNX711" s="613"/>
      <c r="VNY711" s="613"/>
      <c r="VNZ711" s="613"/>
      <c r="VOA711" s="613"/>
      <c r="VOB711" s="613"/>
      <c r="VOC711" s="613"/>
      <c r="VOD711" s="613"/>
      <c r="VOE711" s="613"/>
      <c r="VOF711" s="613"/>
      <c r="VOG711" s="613"/>
      <c r="VOH711" s="613"/>
      <c r="VOI711" s="613"/>
      <c r="VOJ711" s="613"/>
      <c r="VOK711" s="613"/>
      <c r="VOL711" s="613"/>
      <c r="VOM711" s="613"/>
      <c r="VON711" s="613"/>
      <c r="VOO711" s="613"/>
      <c r="VOP711" s="613"/>
      <c r="VOQ711" s="613"/>
      <c r="VOR711" s="613"/>
      <c r="VOS711" s="613"/>
      <c r="VOT711" s="613"/>
      <c r="VOU711" s="613"/>
      <c r="VOV711" s="613"/>
      <c r="VOW711" s="613"/>
      <c r="VOX711" s="613"/>
      <c r="VOY711" s="613"/>
      <c r="VOZ711" s="613"/>
      <c r="VPA711" s="613"/>
      <c r="VPB711" s="613"/>
      <c r="VPC711" s="613"/>
      <c r="VPD711" s="613"/>
      <c r="VPE711" s="613"/>
      <c r="VPF711" s="613"/>
      <c r="VPG711" s="613"/>
      <c r="VPH711" s="613"/>
      <c r="VPI711" s="613"/>
      <c r="VPJ711" s="613"/>
      <c r="VPK711" s="613"/>
      <c r="VPL711" s="613"/>
      <c r="VPM711" s="613"/>
      <c r="VPN711" s="613"/>
      <c r="VPO711" s="613"/>
      <c r="VPP711" s="613"/>
      <c r="VPQ711" s="613"/>
      <c r="VPR711" s="613"/>
      <c r="VPS711" s="613"/>
      <c r="VPT711" s="613"/>
      <c r="VPU711" s="613"/>
      <c r="VPV711" s="613"/>
      <c r="VPW711" s="613"/>
      <c r="VPX711" s="613"/>
      <c r="VPY711" s="613"/>
      <c r="VPZ711" s="613"/>
      <c r="VQA711" s="613"/>
      <c r="VQB711" s="613"/>
      <c r="VQC711" s="613"/>
      <c r="VQD711" s="613"/>
      <c r="VQE711" s="613"/>
      <c r="VQF711" s="613"/>
      <c r="VQG711" s="613"/>
      <c r="VQH711" s="613"/>
      <c r="VQI711" s="613"/>
      <c r="VQJ711" s="613"/>
      <c r="VQK711" s="613"/>
      <c r="VQL711" s="613"/>
      <c r="VQM711" s="613"/>
      <c r="VQN711" s="613"/>
      <c r="VQO711" s="613"/>
      <c r="VQP711" s="613"/>
      <c r="VQQ711" s="613"/>
      <c r="VQR711" s="613"/>
      <c r="VQS711" s="613"/>
      <c r="VQT711" s="613"/>
      <c r="VQU711" s="613"/>
      <c r="VQV711" s="613"/>
      <c r="VQW711" s="613"/>
      <c r="VQX711" s="613"/>
      <c r="VQY711" s="613"/>
      <c r="VQZ711" s="613"/>
      <c r="VRA711" s="613"/>
      <c r="VRB711" s="613"/>
      <c r="VRC711" s="613"/>
      <c r="VRD711" s="613"/>
      <c r="VRE711" s="613"/>
      <c r="VRF711" s="613"/>
      <c r="VRG711" s="613"/>
      <c r="VRH711" s="613"/>
      <c r="VRI711" s="613"/>
      <c r="VRJ711" s="613"/>
      <c r="VRK711" s="613"/>
      <c r="VRL711" s="613"/>
      <c r="VRM711" s="613"/>
      <c r="VRN711" s="613"/>
      <c r="VRO711" s="613"/>
      <c r="VRP711" s="613"/>
      <c r="VRQ711" s="613"/>
      <c r="VRR711" s="613"/>
      <c r="VRS711" s="613"/>
      <c r="VRT711" s="613"/>
      <c r="VRU711" s="613"/>
      <c r="VRV711" s="613"/>
      <c r="VRW711" s="613"/>
      <c r="VRX711" s="613"/>
      <c r="VRY711" s="613"/>
      <c r="VRZ711" s="613"/>
      <c r="VSA711" s="613"/>
      <c r="VSB711" s="613"/>
      <c r="VSC711" s="613"/>
      <c r="VSD711" s="613"/>
      <c r="VSE711" s="613"/>
      <c r="VSF711" s="613"/>
      <c r="VSG711" s="613"/>
      <c r="VSH711" s="613"/>
      <c r="VSI711" s="613"/>
      <c r="VSJ711" s="613"/>
      <c r="VSK711" s="613"/>
      <c r="VSL711" s="613"/>
      <c r="VSM711" s="613"/>
      <c r="VSN711" s="613"/>
      <c r="VSO711" s="613"/>
      <c r="VSP711" s="613"/>
      <c r="VSQ711" s="613"/>
      <c r="VSR711" s="613"/>
      <c r="VSS711" s="613"/>
      <c r="VST711" s="613"/>
      <c r="VSU711" s="613"/>
      <c r="VSV711" s="613"/>
      <c r="VSW711" s="613"/>
      <c r="VSX711" s="613"/>
      <c r="VSY711" s="613"/>
      <c r="VSZ711" s="613"/>
      <c r="VTA711" s="613"/>
      <c r="VTB711" s="613"/>
      <c r="VTC711" s="613"/>
      <c r="VTD711" s="613"/>
      <c r="VTE711" s="613"/>
      <c r="VTF711" s="613"/>
      <c r="VTG711" s="613"/>
      <c r="VTH711" s="613"/>
      <c r="VTI711" s="613"/>
      <c r="VTJ711" s="613"/>
      <c r="VTK711" s="613"/>
      <c r="VTL711" s="613"/>
      <c r="VTM711" s="613"/>
      <c r="VTN711" s="613"/>
      <c r="VTO711" s="613"/>
      <c r="VTP711" s="613"/>
      <c r="VTQ711" s="613"/>
      <c r="VTR711" s="613"/>
      <c r="VTS711" s="613"/>
      <c r="VTT711" s="613"/>
      <c r="VTU711" s="613"/>
      <c r="VTV711" s="613"/>
      <c r="VTW711" s="613"/>
      <c r="VTX711" s="613"/>
      <c r="VTY711" s="613"/>
      <c r="VTZ711" s="613"/>
      <c r="VUA711" s="613"/>
      <c r="VUB711" s="613"/>
      <c r="VUC711" s="613"/>
      <c r="VUD711" s="613"/>
      <c r="VUE711" s="613"/>
      <c r="VUF711" s="613"/>
      <c r="VUG711" s="613"/>
      <c r="VUH711" s="613"/>
      <c r="VUI711" s="613"/>
      <c r="VUJ711" s="613"/>
      <c r="VUK711" s="613"/>
      <c r="VUL711" s="613"/>
      <c r="VUM711" s="613"/>
      <c r="VUN711" s="613"/>
      <c r="VUO711" s="613"/>
      <c r="VUP711" s="613"/>
      <c r="VUQ711" s="613"/>
      <c r="VUR711" s="613"/>
      <c r="VUS711" s="613"/>
      <c r="VUT711" s="613"/>
      <c r="VUU711" s="613"/>
      <c r="VUV711" s="613"/>
      <c r="VUW711" s="613"/>
      <c r="VUX711" s="613"/>
      <c r="VUY711" s="613"/>
      <c r="VUZ711" s="613"/>
      <c r="VVA711" s="613"/>
      <c r="VVB711" s="613"/>
      <c r="VVC711" s="613"/>
      <c r="VVD711" s="613"/>
      <c r="VVE711" s="613"/>
      <c r="VVF711" s="613"/>
      <c r="VVG711" s="613"/>
      <c r="VVH711" s="613"/>
      <c r="VVI711" s="613"/>
      <c r="VVJ711" s="613"/>
      <c r="VVK711" s="613"/>
      <c r="VVL711" s="613"/>
      <c r="VVM711" s="613"/>
      <c r="VVN711" s="613"/>
      <c r="VVO711" s="613"/>
      <c r="VVP711" s="613"/>
      <c r="VVQ711" s="613"/>
      <c r="VVR711" s="613"/>
      <c r="VVS711" s="613"/>
      <c r="VVT711" s="613"/>
      <c r="VVU711" s="613"/>
      <c r="VVV711" s="613"/>
      <c r="VVW711" s="613"/>
      <c r="VVX711" s="613"/>
      <c r="VVY711" s="613"/>
      <c r="VVZ711" s="613"/>
      <c r="VWA711" s="613"/>
      <c r="VWB711" s="613"/>
      <c r="VWC711" s="613"/>
      <c r="VWD711" s="613"/>
      <c r="VWE711" s="613"/>
      <c r="VWF711" s="613"/>
      <c r="VWG711" s="613"/>
      <c r="VWH711" s="613"/>
      <c r="VWI711" s="613"/>
      <c r="VWJ711" s="613"/>
      <c r="VWK711" s="613"/>
      <c r="VWL711" s="613"/>
      <c r="VWM711" s="613"/>
      <c r="VWN711" s="613"/>
      <c r="VWO711" s="613"/>
      <c r="VWP711" s="613"/>
      <c r="VWQ711" s="613"/>
      <c r="VWR711" s="613"/>
      <c r="VWS711" s="613"/>
      <c r="VWT711" s="613"/>
      <c r="VWU711" s="613"/>
      <c r="VWV711" s="613"/>
      <c r="VWW711" s="613"/>
      <c r="VWX711" s="613"/>
      <c r="VWY711" s="613"/>
      <c r="VWZ711" s="613"/>
      <c r="VXA711" s="613"/>
      <c r="VXB711" s="613"/>
      <c r="VXC711" s="613"/>
      <c r="VXD711" s="613"/>
      <c r="VXE711" s="613"/>
      <c r="VXF711" s="613"/>
      <c r="VXG711" s="613"/>
      <c r="VXH711" s="613"/>
      <c r="VXI711" s="613"/>
      <c r="VXJ711" s="613"/>
      <c r="VXK711" s="613"/>
      <c r="VXL711" s="613"/>
      <c r="VXM711" s="613"/>
      <c r="VXN711" s="613"/>
      <c r="VXO711" s="613"/>
      <c r="VXP711" s="613"/>
      <c r="VXQ711" s="613"/>
      <c r="VXR711" s="613"/>
      <c r="VXS711" s="613"/>
      <c r="VXT711" s="613"/>
      <c r="VXU711" s="613"/>
      <c r="VXV711" s="613"/>
      <c r="VXW711" s="613"/>
      <c r="VXX711" s="613"/>
      <c r="VXY711" s="613"/>
      <c r="VXZ711" s="613"/>
      <c r="VYA711" s="613"/>
      <c r="VYB711" s="613"/>
      <c r="VYC711" s="613"/>
      <c r="VYD711" s="613"/>
      <c r="VYE711" s="613"/>
      <c r="VYF711" s="613"/>
      <c r="VYG711" s="613"/>
      <c r="VYH711" s="613"/>
      <c r="VYI711" s="613"/>
      <c r="VYJ711" s="613"/>
      <c r="VYK711" s="613"/>
      <c r="VYL711" s="613"/>
      <c r="VYM711" s="613"/>
      <c r="VYN711" s="613"/>
      <c r="VYO711" s="613"/>
      <c r="VYP711" s="613"/>
      <c r="VYQ711" s="613"/>
      <c r="VYR711" s="613"/>
      <c r="VYS711" s="613"/>
      <c r="VYT711" s="613"/>
      <c r="VYU711" s="613"/>
      <c r="VYV711" s="613"/>
      <c r="VYW711" s="613"/>
      <c r="VYX711" s="613"/>
      <c r="VYY711" s="613"/>
      <c r="VYZ711" s="613"/>
      <c r="VZA711" s="613"/>
      <c r="VZB711" s="613"/>
      <c r="VZC711" s="613"/>
      <c r="VZD711" s="613"/>
      <c r="VZE711" s="613"/>
      <c r="VZF711" s="613"/>
      <c r="VZG711" s="613"/>
      <c r="VZH711" s="613"/>
      <c r="VZI711" s="613"/>
      <c r="VZJ711" s="613"/>
      <c r="VZK711" s="613"/>
      <c r="VZL711" s="613"/>
      <c r="VZM711" s="613"/>
      <c r="VZN711" s="613"/>
      <c r="VZO711" s="613"/>
      <c r="VZP711" s="613"/>
      <c r="VZQ711" s="613"/>
      <c r="VZR711" s="613"/>
      <c r="VZS711" s="613"/>
      <c r="VZT711" s="613"/>
      <c r="VZU711" s="613"/>
      <c r="VZV711" s="613"/>
      <c r="VZW711" s="613"/>
      <c r="VZX711" s="613"/>
      <c r="VZY711" s="613"/>
      <c r="VZZ711" s="613"/>
      <c r="WAA711" s="613"/>
      <c r="WAB711" s="613"/>
      <c r="WAC711" s="613"/>
      <c r="WAD711" s="613"/>
      <c r="WAE711" s="613"/>
      <c r="WAF711" s="613"/>
      <c r="WAG711" s="613"/>
      <c r="WAH711" s="613"/>
      <c r="WAI711" s="613"/>
      <c r="WAJ711" s="613"/>
      <c r="WAK711" s="613"/>
      <c r="WAL711" s="613"/>
      <c r="WAM711" s="613"/>
      <c r="WAN711" s="613"/>
      <c r="WAO711" s="613"/>
      <c r="WAP711" s="613"/>
      <c r="WAQ711" s="613"/>
      <c r="WAR711" s="613"/>
      <c r="WAS711" s="613"/>
      <c r="WAT711" s="613"/>
      <c r="WAU711" s="613"/>
      <c r="WAV711" s="613"/>
      <c r="WAW711" s="613"/>
      <c r="WAX711" s="613"/>
      <c r="WAY711" s="613"/>
      <c r="WAZ711" s="613"/>
      <c r="WBA711" s="613"/>
      <c r="WBB711" s="613"/>
      <c r="WBC711" s="613"/>
      <c r="WBD711" s="613"/>
      <c r="WBE711" s="613"/>
      <c r="WBF711" s="613"/>
      <c r="WBG711" s="613"/>
      <c r="WBH711" s="613"/>
      <c r="WBI711" s="613"/>
      <c r="WBJ711" s="613"/>
      <c r="WBK711" s="613"/>
      <c r="WBL711" s="613"/>
      <c r="WBM711" s="613"/>
      <c r="WBN711" s="613"/>
      <c r="WBO711" s="613"/>
      <c r="WBP711" s="613"/>
      <c r="WBQ711" s="613"/>
      <c r="WBR711" s="613"/>
      <c r="WBS711" s="613"/>
      <c r="WBT711" s="613"/>
      <c r="WBU711" s="613"/>
      <c r="WBV711" s="613"/>
      <c r="WBW711" s="613"/>
      <c r="WBX711" s="613"/>
      <c r="WBY711" s="613"/>
      <c r="WBZ711" s="613"/>
      <c r="WCA711" s="613"/>
      <c r="WCB711" s="613"/>
      <c r="WCC711" s="613"/>
      <c r="WCD711" s="613"/>
      <c r="WCE711" s="613"/>
      <c r="WCF711" s="613"/>
      <c r="WCG711" s="613"/>
      <c r="WCH711" s="613"/>
      <c r="WCI711" s="613"/>
      <c r="WCJ711" s="613"/>
      <c r="WCK711" s="613"/>
      <c r="WCL711" s="613"/>
      <c r="WCM711" s="613"/>
      <c r="WCN711" s="613"/>
      <c r="WCO711" s="613"/>
      <c r="WCP711" s="613"/>
      <c r="WCQ711" s="613"/>
      <c r="WCR711" s="613"/>
      <c r="WCS711" s="613"/>
      <c r="WCT711" s="613"/>
      <c r="WCU711" s="613"/>
      <c r="WCV711" s="613"/>
      <c r="WCW711" s="613"/>
      <c r="WCX711" s="613"/>
      <c r="WCY711" s="613"/>
      <c r="WCZ711" s="613"/>
      <c r="WDA711" s="613"/>
      <c r="WDB711" s="613"/>
      <c r="WDC711" s="613"/>
      <c r="WDD711" s="613"/>
      <c r="WDE711" s="613"/>
      <c r="WDF711" s="613"/>
      <c r="WDG711" s="613"/>
      <c r="WDH711" s="613"/>
      <c r="WDI711" s="613"/>
      <c r="WDJ711" s="613"/>
      <c r="WDK711" s="613"/>
      <c r="WDL711" s="613"/>
      <c r="WDM711" s="613"/>
      <c r="WDN711" s="613"/>
      <c r="WDO711" s="613"/>
      <c r="WDP711" s="613"/>
      <c r="WDQ711" s="613"/>
      <c r="WDR711" s="613"/>
      <c r="WDS711" s="613"/>
      <c r="WDT711" s="613"/>
      <c r="WDU711" s="613"/>
      <c r="WDV711" s="613"/>
      <c r="WDW711" s="613"/>
      <c r="WDX711" s="613"/>
      <c r="WDY711" s="613"/>
      <c r="WDZ711" s="613"/>
      <c r="WEA711" s="613"/>
      <c r="WEB711" s="613"/>
      <c r="WEC711" s="613"/>
      <c r="WED711" s="613"/>
      <c r="WEE711" s="613"/>
      <c r="WEF711" s="613"/>
      <c r="WEG711" s="613"/>
      <c r="WEH711" s="613"/>
      <c r="WEI711" s="613"/>
      <c r="WEJ711" s="613"/>
      <c r="WEK711" s="613"/>
      <c r="WEL711" s="613"/>
      <c r="WEM711" s="613"/>
      <c r="WEN711" s="613"/>
      <c r="WEO711" s="613"/>
      <c r="WEP711" s="613"/>
      <c r="WEQ711" s="613"/>
      <c r="WER711" s="613"/>
      <c r="WES711" s="613"/>
      <c r="WET711" s="613"/>
      <c r="WEU711" s="613"/>
      <c r="WEV711" s="613"/>
      <c r="WEW711" s="613"/>
      <c r="WEX711" s="613"/>
      <c r="WEY711" s="613"/>
      <c r="WEZ711" s="613"/>
      <c r="WFA711" s="613"/>
      <c r="WFB711" s="613"/>
      <c r="WFC711" s="613"/>
      <c r="WFD711" s="613"/>
      <c r="WFE711" s="613"/>
      <c r="WFF711" s="613"/>
      <c r="WFG711" s="613"/>
      <c r="WFH711" s="613"/>
      <c r="WFI711" s="613"/>
      <c r="WFJ711" s="613"/>
      <c r="WFK711" s="613"/>
      <c r="WFL711" s="613"/>
      <c r="WFM711" s="613"/>
      <c r="WFN711" s="613"/>
      <c r="WFO711" s="613"/>
      <c r="WFP711" s="613"/>
      <c r="WFQ711" s="613"/>
      <c r="WFR711" s="613"/>
      <c r="WFS711" s="613"/>
      <c r="WFT711" s="613"/>
      <c r="WFU711" s="613"/>
      <c r="WFV711" s="613"/>
      <c r="WFW711" s="613"/>
      <c r="WFX711" s="613"/>
      <c r="WFY711" s="613"/>
      <c r="WFZ711" s="613"/>
      <c r="WGA711" s="613"/>
      <c r="WGB711" s="613"/>
      <c r="WGC711" s="613"/>
      <c r="WGD711" s="613"/>
      <c r="WGE711" s="613"/>
      <c r="WGF711" s="613"/>
      <c r="WGG711" s="613"/>
      <c r="WGH711" s="613"/>
      <c r="WGI711" s="613"/>
      <c r="WGJ711" s="613"/>
      <c r="WGK711" s="613"/>
      <c r="WGL711" s="613"/>
      <c r="WGM711" s="613"/>
      <c r="WGN711" s="613"/>
      <c r="WGO711" s="613"/>
      <c r="WGP711" s="613"/>
      <c r="WGQ711" s="613"/>
      <c r="WGR711" s="613"/>
      <c r="WGS711" s="613"/>
      <c r="WGT711" s="613"/>
      <c r="WGU711" s="613"/>
      <c r="WGV711" s="613"/>
      <c r="WGW711" s="613"/>
      <c r="WGX711" s="613"/>
      <c r="WGY711" s="613"/>
      <c r="WGZ711" s="613"/>
      <c r="WHA711" s="613"/>
      <c r="WHB711" s="613"/>
      <c r="WHC711" s="613"/>
      <c r="WHD711" s="613"/>
      <c r="WHE711" s="613"/>
      <c r="WHF711" s="613"/>
      <c r="WHG711" s="613"/>
      <c r="WHH711" s="613"/>
      <c r="WHI711" s="613"/>
      <c r="WHJ711" s="613"/>
      <c r="WHK711" s="613"/>
      <c r="WHL711" s="613"/>
      <c r="WHM711" s="613"/>
      <c r="WHN711" s="613"/>
      <c r="WHO711" s="613"/>
      <c r="WHP711" s="613"/>
      <c r="WHQ711" s="613"/>
      <c r="WHR711" s="613"/>
      <c r="WHS711" s="613"/>
      <c r="WHT711" s="613"/>
      <c r="WHU711" s="613"/>
      <c r="WHV711" s="613"/>
      <c r="WHW711" s="613"/>
      <c r="WHX711" s="613"/>
      <c r="WHY711" s="613"/>
      <c r="WHZ711" s="613"/>
      <c r="WIA711" s="613"/>
      <c r="WIB711" s="613"/>
      <c r="WIC711" s="613"/>
      <c r="WID711" s="613"/>
      <c r="WIE711" s="613"/>
      <c r="WIF711" s="613"/>
      <c r="WIG711" s="613"/>
      <c r="WIH711" s="613"/>
      <c r="WII711" s="613"/>
      <c r="WIJ711" s="613"/>
      <c r="WIK711" s="613"/>
      <c r="WIL711" s="613"/>
      <c r="WIM711" s="613"/>
      <c r="WIN711" s="613"/>
      <c r="WIO711" s="613"/>
      <c r="WIP711" s="613"/>
      <c r="WIQ711" s="613"/>
      <c r="WIR711" s="613"/>
      <c r="WIS711" s="613"/>
      <c r="WIT711" s="613"/>
      <c r="WIU711" s="613"/>
      <c r="WIV711" s="613"/>
      <c r="WIW711" s="613"/>
      <c r="WIX711" s="613"/>
      <c r="WIY711" s="613"/>
      <c r="WIZ711" s="613"/>
      <c r="WJA711" s="613"/>
      <c r="WJB711" s="613"/>
      <c r="WJC711" s="613"/>
      <c r="WJD711" s="613"/>
      <c r="WJE711" s="613"/>
      <c r="WJF711" s="613"/>
      <c r="WJG711" s="613"/>
      <c r="WJH711" s="613"/>
      <c r="WJI711" s="613"/>
      <c r="WJJ711" s="613"/>
      <c r="WJK711" s="613"/>
      <c r="WJL711" s="613"/>
      <c r="WJM711" s="613"/>
      <c r="WJN711" s="613"/>
      <c r="WJO711" s="613"/>
      <c r="WJP711" s="613"/>
      <c r="WJQ711" s="613"/>
      <c r="WJR711" s="613"/>
      <c r="WJS711" s="613"/>
      <c r="WJT711" s="613"/>
      <c r="WJU711" s="613"/>
      <c r="WJV711" s="613"/>
      <c r="WJW711" s="613"/>
      <c r="WJX711" s="613"/>
      <c r="WJY711" s="613"/>
      <c r="WJZ711" s="613"/>
      <c r="WKA711" s="613"/>
      <c r="WKB711" s="613"/>
      <c r="WKC711" s="613"/>
      <c r="WKD711" s="613"/>
      <c r="WKE711" s="613"/>
      <c r="WKF711" s="613"/>
      <c r="WKG711" s="613"/>
      <c r="WKH711" s="613"/>
      <c r="WKI711" s="613"/>
      <c r="WKJ711" s="613"/>
      <c r="WKK711" s="613"/>
      <c r="WKL711" s="613"/>
      <c r="WKM711" s="613"/>
      <c r="WKN711" s="613"/>
      <c r="WKO711" s="613"/>
      <c r="WKP711" s="613"/>
      <c r="WKQ711" s="613"/>
      <c r="WKR711" s="613"/>
      <c r="WKS711" s="613"/>
      <c r="WKT711" s="613"/>
      <c r="WKU711" s="613"/>
      <c r="WKV711" s="613"/>
      <c r="WKW711" s="613"/>
      <c r="WKX711" s="613"/>
      <c r="WKY711" s="613"/>
      <c r="WKZ711" s="613"/>
      <c r="WLA711" s="613"/>
      <c r="WLB711" s="613"/>
      <c r="WLC711" s="613"/>
      <c r="WLD711" s="613"/>
      <c r="WLE711" s="613"/>
      <c r="WLF711" s="613"/>
      <c r="WLG711" s="613"/>
      <c r="WLH711" s="613"/>
      <c r="WLI711" s="613"/>
      <c r="WLJ711" s="613"/>
      <c r="WLK711" s="613"/>
      <c r="WLL711" s="613"/>
      <c r="WLM711" s="613"/>
      <c r="WLN711" s="613"/>
      <c r="WLO711" s="613"/>
      <c r="WLP711" s="613"/>
      <c r="WLQ711" s="613"/>
      <c r="WLR711" s="613"/>
      <c r="WLS711" s="613"/>
      <c r="WLT711" s="613"/>
      <c r="WLU711" s="613"/>
      <c r="WLV711" s="613"/>
      <c r="WLW711" s="613"/>
      <c r="WLX711" s="613"/>
      <c r="WLY711" s="613"/>
      <c r="WLZ711" s="613"/>
      <c r="WMA711" s="613"/>
      <c r="WMB711" s="613"/>
      <c r="WMC711" s="613"/>
      <c r="WMD711" s="613"/>
      <c r="WME711" s="613"/>
      <c r="WMF711" s="613"/>
      <c r="WMG711" s="613"/>
      <c r="WMH711" s="613"/>
      <c r="WMI711" s="613"/>
      <c r="WMJ711" s="613"/>
      <c r="WMK711" s="613"/>
      <c r="WML711" s="613"/>
      <c r="WMM711" s="613"/>
      <c r="WMN711" s="613"/>
      <c r="WMO711" s="613"/>
      <c r="WMP711" s="613"/>
      <c r="WMQ711" s="613"/>
      <c r="WMR711" s="613"/>
      <c r="WMS711" s="613"/>
      <c r="WMT711" s="613"/>
      <c r="WMU711" s="613"/>
      <c r="WMV711" s="613"/>
      <c r="WMW711" s="613"/>
      <c r="WMX711" s="613"/>
      <c r="WMY711" s="613"/>
      <c r="WMZ711" s="613"/>
      <c r="WNA711" s="613"/>
      <c r="WNB711" s="613"/>
      <c r="WNC711" s="613"/>
      <c r="WND711" s="613"/>
      <c r="WNE711" s="613"/>
      <c r="WNF711" s="613"/>
      <c r="WNG711" s="613"/>
      <c r="WNH711" s="613"/>
      <c r="WNI711" s="613"/>
      <c r="WNJ711" s="613"/>
      <c r="WNK711" s="613"/>
      <c r="WNL711" s="613"/>
      <c r="WNM711" s="613"/>
      <c r="WNN711" s="613"/>
      <c r="WNO711" s="613"/>
      <c r="WNP711" s="613"/>
      <c r="WNQ711" s="613"/>
      <c r="WNR711" s="613"/>
      <c r="WNS711" s="613"/>
      <c r="WNT711" s="613"/>
      <c r="WNU711" s="613"/>
      <c r="WNV711" s="613"/>
      <c r="WNW711" s="613"/>
      <c r="WNX711" s="613"/>
      <c r="WNY711" s="613"/>
      <c r="WNZ711" s="613"/>
      <c r="WOA711" s="613"/>
      <c r="WOB711" s="613"/>
      <c r="WOC711" s="613"/>
      <c r="WOD711" s="613"/>
      <c r="WOE711" s="613"/>
      <c r="WOF711" s="613"/>
      <c r="WOG711" s="613"/>
      <c r="WOH711" s="613"/>
      <c r="WOI711" s="613"/>
      <c r="WOJ711" s="613"/>
      <c r="WOK711" s="613"/>
      <c r="WOL711" s="613"/>
      <c r="WOM711" s="613"/>
      <c r="WON711" s="613"/>
      <c r="WOO711" s="613"/>
      <c r="WOP711" s="613"/>
      <c r="WOQ711" s="613"/>
      <c r="WOR711" s="613"/>
      <c r="WOS711" s="613"/>
      <c r="WOT711" s="613"/>
      <c r="WOU711" s="613"/>
      <c r="WOV711" s="613"/>
      <c r="WOW711" s="613"/>
      <c r="WOX711" s="613"/>
      <c r="WOY711" s="613"/>
      <c r="WOZ711" s="613"/>
      <c r="WPA711" s="613"/>
      <c r="WPB711" s="613"/>
      <c r="WPC711" s="613"/>
      <c r="WPD711" s="613"/>
      <c r="WPE711" s="613"/>
      <c r="WPF711" s="613"/>
      <c r="WPG711" s="613"/>
      <c r="WPH711" s="613"/>
      <c r="WPI711" s="613"/>
      <c r="WPJ711" s="613"/>
      <c r="WPK711" s="613"/>
      <c r="WPL711" s="613"/>
      <c r="WPM711" s="613"/>
      <c r="WPN711" s="613"/>
      <c r="WPO711" s="613"/>
      <c r="WPP711" s="613"/>
      <c r="WPQ711" s="613"/>
      <c r="WPR711" s="613"/>
      <c r="WPS711" s="613"/>
      <c r="WPT711" s="613"/>
      <c r="WPU711" s="613"/>
      <c r="WPV711" s="613"/>
      <c r="WPW711" s="613"/>
      <c r="WPX711" s="613"/>
      <c r="WPY711" s="613"/>
      <c r="WPZ711" s="613"/>
      <c r="WQA711" s="613"/>
      <c r="WQB711" s="613"/>
      <c r="WQC711" s="613"/>
      <c r="WQD711" s="613"/>
      <c r="WQE711" s="613"/>
      <c r="WQF711" s="613"/>
      <c r="WQG711" s="613"/>
      <c r="WQH711" s="613"/>
      <c r="WQI711" s="613"/>
      <c r="WQJ711" s="613"/>
      <c r="WQK711" s="613"/>
      <c r="WQL711" s="613"/>
      <c r="WQM711" s="613"/>
      <c r="WQN711" s="613"/>
      <c r="WQO711" s="613"/>
      <c r="WQP711" s="613"/>
      <c r="WQQ711" s="613"/>
      <c r="WQR711" s="613"/>
      <c r="WQS711" s="613"/>
      <c r="WQT711" s="613"/>
      <c r="WQU711" s="613"/>
      <c r="WQV711" s="613"/>
      <c r="WQW711" s="613"/>
      <c r="WQX711" s="613"/>
      <c r="WQY711" s="613"/>
      <c r="WQZ711" s="613"/>
      <c r="WRA711" s="613"/>
      <c r="WRB711" s="613"/>
      <c r="WRC711" s="613"/>
      <c r="WRD711" s="613"/>
      <c r="WRE711" s="613"/>
      <c r="WRF711" s="613"/>
      <c r="WRG711" s="613"/>
      <c r="WRH711" s="613"/>
      <c r="WRI711" s="613"/>
      <c r="WRJ711" s="613"/>
      <c r="WRK711" s="613"/>
      <c r="WRL711" s="613"/>
      <c r="WRM711" s="613"/>
      <c r="WRN711" s="613"/>
      <c r="WRO711" s="613"/>
      <c r="WRP711" s="613"/>
      <c r="WRQ711" s="613"/>
      <c r="WRR711" s="613"/>
      <c r="WRS711" s="613"/>
      <c r="WRT711" s="613"/>
      <c r="WRU711" s="613"/>
      <c r="WRV711" s="613"/>
      <c r="WRW711" s="613"/>
      <c r="WRX711" s="613"/>
      <c r="WRY711" s="613"/>
      <c r="WRZ711" s="613"/>
      <c r="WSA711" s="613"/>
      <c r="WSB711" s="613"/>
      <c r="WSC711" s="613"/>
      <c r="WSD711" s="613"/>
      <c r="WSE711" s="613"/>
      <c r="WSF711" s="613"/>
      <c r="WSG711" s="613"/>
      <c r="WSH711" s="613"/>
      <c r="WSI711" s="613"/>
      <c r="WSJ711" s="613"/>
      <c r="WSK711" s="613"/>
      <c r="WSL711" s="613"/>
      <c r="WSM711" s="613"/>
      <c r="WSN711" s="613"/>
      <c r="WSO711" s="613"/>
      <c r="WSP711" s="613"/>
      <c r="WSQ711" s="613"/>
      <c r="WSR711" s="613"/>
      <c r="WSS711" s="613"/>
      <c r="WST711" s="613"/>
      <c r="WSU711" s="613"/>
      <c r="WSV711" s="613"/>
      <c r="WSW711" s="613"/>
      <c r="WSX711" s="613"/>
      <c r="WSY711" s="613"/>
      <c r="WSZ711" s="613"/>
      <c r="WTA711" s="613"/>
      <c r="WTB711" s="613"/>
      <c r="WTC711" s="613"/>
      <c r="WTD711" s="613"/>
      <c r="WTE711" s="613"/>
      <c r="WTF711" s="613"/>
      <c r="WTG711" s="613"/>
      <c r="WTH711" s="613"/>
      <c r="WTI711" s="613"/>
      <c r="WTJ711" s="613"/>
      <c r="WTK711" s="613"/>
      <c r="WTL711" s="613"/>
      <c r="WTM711" s="613"/>
      <c r="WTN711" s="613"/>
      <c r="WTO711" s="613"/>
      <c r="WTP711" s="613"/>
      <c r="WTQ711" s="613"/>
      <c r="WTR711" s="613"/>
      <c r="WTS711" s="613"/>
      <c r="WTT711" s="613"/>
      <c r="WTU711" s="613"/>
      <c r="WTV711" s="613"/>
      <c r="WTW711" s="613"/>
      <c r="WTX711" s="613"/>
      <c r="WTY711" s="613"/>
      <c r="WTZ711" s="613"/>
      <c r="WUA711" s="613"/>
      <c r="WUB711" s="613"/>
      <c r="WUC711" s="613"/>
      <c r="WUD711" s="613"/>
      <c r="WUE711" s="613"/>
      <c r="WUF711" s="613"/>
      <c r="WUG711" s="613"/>
      <c r="WUH711" s="613"/>
      <c r="WUI711" s="613"/>
      <c r="WUJ711" s="613"/>
      <c r="WUK711" s="613"/>
      <c r="WUL711" s="613"/>
      <c r="WUM711" s="613"/>
      <c r="WUN711" s="613"/>
      <c r="WUO711" s="613"/>
      <c r="WUP711" s="613"/>
      <c r="WUQ711" s="613"/>
      <c r="WUR711" s="613"/>
      <c r="WUS711" s="613"/>
      <c r="WUT711" s="613"/>
      <c r="WUU711" s="613"/>
      <c r="WUV711" s="613"/>
      <c r="WUW711" s="613"/>
      <c r="WUX711" s="613"/>
      <c r="WUY711" s="613"/>
      <c r="WUZ711" s="613"/>
      <c r="WVA711" s="613"/>
      <c r="WVB711" s="613"/>
      <c r="WVC711" s="613"/>
      <c r="WVD711" s="613"/>
      <c r="WVE711" s="613"/>
      <c r="WVF711" s="613"/>
      <c r="WVG711" s="613"/>
      <c r="WVH711" s="613"/>
      <c r="WVI711" s="613"/>
      <c r="WVJ711" s="613"/>
      <c r="WVK711" s="613"/>
      <c r="WVL711" s="613"/>
      <c r="WVM711" s="613"/>
      <c r="WVN711" s="613"/>
      <c r="WVO711" s="613"/>
      <c r="WVP711" s="613"/>
      <c r="WVQ711" s="613"/>
      <c r="WVR711" s="613"/>
      <c r="WVS711" s="613"/>
      <c r="WVT711" s="613"/>
      <c r="WVU711" s="613"/>
      <c r="WVV711" s="613"/>
      <c r="WVW711" s="613"/>
      <c r="WVX711" s="613"/>
      <c r="WVY711" s="613"/>
      <c r="WVZ711" s="613"/>
      <c r="WWA711" s="613"/>
      <c r="WWB711" s="613"/>
      <c r="WWC711" s="613"/>
      <c r="WWD711" s="613"/>
      <c r="WWE711" s="613"/>
      <c r="WWF711" s="613"/>
      <c r="WWG711" s="613"/>
      <c r="WWH711" s="613"/>
      <c r="WWI711" s="613"/>
      <c r="WWJ711" s="613"/>
      <c r="WWK711" s="613"/>
      <c r="WWL711" s="613"/>
      <c r="WWM711" s="613"/>
      <c r="WWN711" s="613"/>
      <c r="WWO711" s="613"/>
      <c r="WWP711" s="613"/>
      <c r="WWQ711" s="613"/>
      <c r="WWR711" s="613"/>
      <c r="WWS711" s="613"/>
      <c r="WWT711" s="613"/>
      <c r="WWU711" s="613"/>
      <c r="WWV711" s="613"/>
      <c r="WWW711" s="613"/>
      <c r="WWX711" s="613"/>
      <c r="WWY711" s="613"/>
      <c r="WWZ711" s="613"/>
      <c r="WXA711" s="613"/>
      <c r="WXB711" s="613"/>
      <c r="WXC711" s="613"/>
      <c r="WXD711" s="613"/>
      <c r="WXE711" s="613"/>
      <c r="WXF711" s="613"/>
      <c r="WXG711" s="613"/>
      <c r="WXH711" s="613"/>
      <c r="WXI711" s="613"/>
      <c r="WXJ711" s="613"/>
      <c r="WXK711" s="613"/>
      <c r="WXL711" s="613"/>
      <c r="WXM711" s="613"/>
      <c r="WXN711" s="613"/>
      <c r="WXO711" s="613"/>
      <c r="WXP711" s="613"/>
      <c r="WXQ711" s="613"/>
      <c r="WXR711" s="613"/>
      <c r="WXS711" s="613"/>
      <c r="WXT711" s="613"/>
      <c r="WXU711" s="613"/>
      <c r="WXV711" s="613"/>
      <c r="WXW711" s="613"/>
      <c r="WXX711" s="613"/>
      <c r="WXY711" s="613"/>
      <c r="WXZ711" s="613"/>
      <c r="WYA711" s="613"/>
      <c r="WYB711" s="613"/>
      <c r="WYC711" s="613"/>
      <c r="WYD711" s="613"/>
      <c r="WYE711" s="613"/>
      <c r="WYF711" s="613"/>
      <c r="WYG711" s="613"/>
      <c r="WYH711" s="613"/>
      <c r="WYI711" s="613"/>
      <c r="WYJ711" s="613"/>
      <c r="WYK711" s="613"/>
      <c r="WYL711" s="613"/>
      <c r="WYM711" s="613"/>
      <c r="WYN711" s="613"/>
      <c r="WYO711" s="613"/>
      <c r="WYP711" s="613"/>
      <c r="WYQ711" s="613"/>
      <c r="WYR711" s="613"/>
      <c r="WYS711" s="613"/>
      <c r="WYT711" s="613"/>
      <c r="WYU711" s="613"/>
      <c r="WYV711" s="613"/>
      <c r="WYW711" s="613"/>
      <c r="WYX711" s="613"/>
      <c r="WYY711" s="613"/>
      <c r="WYZ711" s="613"/>
      <c r="WZA711" s="613"/>
      <c r="WZB711" s="613"/>
      <c r="WZC711" s="613"/>
      <c r="WZD711" s="613"/>
      <c r="WZE711" s="613"/>
      <c r="WZF711" s="613"/>
      <c r="WZG711" s="613"/>
      <c r="WZH711" s="613"/>
      <c r="WZI711" s="613"/>
      <c r="WZJ711" s="613"/>
      <c r="WZK711" s="613"/>
      <c r="WZL711" s="613"/>
      <c r="WZM711" s="613"/>
      <c r="WZN711" s="613"/>
      <c r="WZO711" s="613"/>
      <c r="WZP711" s="613"/>
      <c r="WZQ711" s="613"/>
      <c r="WZR711" s="613"/>
      <c r="WZS711" s="613"/>
      <c r="WZT711" s="613"/>
      <c r="WZU711" s="613"/>
      <c r="WZV711" s="613"/>
      <c r="WZW711" s="613"/>
      <c r="WZX711" s="613"/>
      <c r="WZY711" s="613"/>
      <c r="WZZ711" s="613"/>
      <c r="XAA711" s="613"/>
      <c r="XAB711" s="613"/>
      <c r="XAC711" s="613"/>
      <c r="XAD711" s="613"/>
      <c r="XAE711" s="613"/>
      <c r="XAF711" s="613"/>
      <c r="XAG711" s="613"/>
      <c r="XAH711" s="613"/>
      <c r="XAI711" s="613"/>
      <c r="XAJ711" s="613"/>
      <c r="XAK711" s="613"/>
      <c r="XAL711" s="613"/>
      <c r="XAM711" s="613"/>
      <c r="XAN711" s="613"/>
      <c r="XAO711" s="613"/>
      <c r="XAP711" s="613"/>
      <c r="XAQ711" s="613"/>
      <c r="XAR711" s="613"/>
      <c r="XAS711" s="613"/>
      <c r="XAT711" s="613"/>
      <c r="XAU711" s="613"/>
      <c r="XAV711" s="613"/>
      <c r="XAW711" s="613"/>
      <c r="XAX711" s="613"/>
      <c r="XAY711" s="613"/>
      <c r="XAZ711" s="613"/>
      <c r="XBA711" s="613"/>
      <c r="XBB711" s="613"/>
      <c r="XBC711" s="613"/>
      <c r="XBD711" s="613"/>
      <c r="XBE711" s="613"/>
      <c r="XBF711" s="613"/>
      <c r="XBG711" s="613"/>
      <c r="XBH711" s="613"/>
      <c r="XBI711" s="613"/>
      <c r="XBJ711" s="613"/>
      <c r="XBK711" s="613"/>
      <c r="XBL711" s="613"/>
      <c r="XBM711" s="613"/>
      <c r="XBN711" s="613"/>
      <c r="XBO711" s="613"/>
      <c r="XBP711" s="613"/>
      <c r="XBQ711" s="613"/>
      <c r="XBR711" s="613"/>
      <c r="XBS711" s="613"/>
      <c r="XBT711" s="613"/>
      <c r="XBU711" s="613"/>
      <c r="XBV711" s="613"/>
      <c r="XBW711" s="613"/>
      <c r="XBX711" s="613"/>
      <c r="XBY711" s="613"/>
      <c r="XBZ711" s="613"/>
      <c r="XCA711" s="613"/>
      <c r="XCB711" s="613"/>
      <c r="XCC711" s="613"/>
      <c r="XCD711" s="613"/>
      <c r="XCE711" s="613"/>
      <c r="XCF711" s="613"/>
      <c r="XCG711" s="613"/>
      <c r="XCH711" s="613"/>
      <c r="XCI711" s="613"/>
      <c r="XCJ711" s="613"/>
      <c r="XCK711" s="613"/>
      <c r="XCL711" s="613"/>
      <c r="XCM711" s="613"/>
      <c r="XCN711" s="613"/>
      <c r="XCO711" s="613"/>
      <c r="XCP711" s="613"/>
      <c r="XCQ711" s="613"/>
    </row>
    <row r="712" spans="1:16319" ht="56.1" customHeight="1" x14ac:dyDescent="0.2">
      <c r="A712" s="232" t="s">
        <v>3020</v>
      </c>
      <c r="B712" s="499"/>
      <c r="C712" s="494"/>
      <c r="D712" s="481">
        <v>118</v>
      </c>
      <c r="E712" s="481"/>
      <c r="F712" s="481" t="s">
        <v>2481</v>
      </c>
      <c r="G712" s="482" t="s">
        <v>53</v>
      </c>
      <c r="H712" s="481" t="s">
        <v>329</v>
      </c>
      <c r="I712" s="654" t="s">
        <v>330</v>
      </c>
      <c r="J712" s="654" t="s">
        <v>369</v>
      </c>
      <c r="K712" s="495" t="s">
        <v>370</v>
      </c>
      <c r="L712" s="621"/>
      <c r="M712" s="484" t="s">
        <v>58</v>
      </c>
      <c r="N712" s="329" t="s">
        <v>347</v>
      </c>
      <c r="O712" s="484" t="s">
        <v>2996</v>
      </c>
      <c r="P712" s="484"/>
      <c r="Q712" s="667" t="s">
        <v>334</v>
      </c>
      <c r="R712" s="484" t="s">
        <v>334</v>
      </c>
      <c r="S712" s="484" t="s">
        <v>225</v>
      </c>
      <c r="T712" s="484"/>
      <c r="U712" s="620" t="s">
        <v>63</v>
      </c>
      <c r="V712" s="620" t="s">
        <v>63</v>
      </c>
      <c r="W712" s="723">
        <v>1030852</v>
      </c>
      <c r="X712" s="723"/>
      <c r="Y712" s="654" t="s">
        <v>226</v>
      </c>
      <c r="Z712" s="654"/>
      <c r="AA712" s="723">
        <v>1030852</v>
      </c>
      <c r="AB712" s="652" t="s">
        <v>82</v>
      </c>
      <c r="AC712" s="652"/>
      <c r="AD712" s="496"/>
      <c r="AE712" s="496"/>
      <c r="AF712" s="496"/>
      <c r="AG712" s="496"/>
      <c r="AH712" s="496"/>
      <c r="AI712" s="496"/>
      <c r="AJ712" s="496"/>
      <c r="AK712" s="496"/>
      <c r="AL712" s="496"/>
      <c r="AM712" s="496"/>
      <c r="AN712" s="496"/>
      <c r="AO712" s="496"/>
      <c r="AP712" s="496"/>
      <c r="AQ712" s="496"/>
      <c r="AR712" s="496"/>
      <c r="AS712" s="496"/>
      <c r="AT712" s="487" t="s">
        <v>66</v>
      </c>
      <c r="AU712" s="487"/>
      <c r="AV712" s="487"/>
      <c r="AW712" s="487"/>
      <c r="AX712" s="487"/>
      <c r="AY712" s="487"/>
      <c r="AZ712" s="487"/>
      <c r="BA712" s="484"/>
      <c r="BB712" s="484" t="s">
        <v>340</v>
      </c>
      <c r="BC712" s="484" t="s">
        <v>3041</v>
      </c>
      <c r="BD712" s="494"/>
      <c r="BE712" s="494"/>
      <c r="BF712" s="613"/>
      <c r="BG712" s="613"/>
      <c r="BH712" s="613"/>
      <c r="BI712" s="613"/>
      <c r="BJ712" s="613"/>
      <c r="BK712" s="613"/>
      <c r="BL712" s="613"/>
      <c r="BM712" s="613"/>
      <c r="BN712" s="613"/>
      <c r="BO712" s="613"/>
      <c r="BP712" s="613"/>
      <c r="BQ712" s="613"/>
      <c r="BR712" s="613"/>
      <c r="BS712" s="613"/>
      <c r="BT712" s="613"/>
      <c r="BU712" s="613"/>
      <c r="BV712" s="613"/>
      <c r="BW712" s="613"/>
      <c r="BX712" s="613"/>
      <c r="BY712" s="613"/>
      <c r="BZ712" s="613"/>
      <c r="CA712" s="613"/>
      <c r="CB712" s="613"/>
      <c r="CC712" s="613"/>
      <c r="CD712" s="613"/>
      <c r="CE712" s="613"/>
      <c r="CF712" s="613"/>
      <c r="CG712" s="613"/>
      <c r="CH712" s="613"/>
      <c r="CI712" s="613"/>
      <c r="CJ712" s="613"/>
      <c r="CK712" s="613"/>
      <c r="CL712" s="613"/>
      <c r="CM712" s="613"/>
      <c r="CN712" s="613"/>
      <c r="CO712" s="613"/>
      <c r="CP712" s="613"/>
      <c r="CQ712" s="613"/>
      <c r="CR712" s="613"/>
      <c r="CS712" s="613"/>
      <c r="CT712" s="613"/>
      <c r="CU712" s="613"/>
      <c r="CV712" s="613"/>
      <c r="CW712" s="613"/>
      <c r="CX712" s="613"/>
      <c r="CY712" s="613"/>
      <c r="CZ712" s="613"/>
      <c r="DA712" s="613"/>
      <c r="DB712" s="613"/>
      <c r="DC712" s="613"/>
      <c r="DD712" s="613"/>
      <c r="DE712" s="613"/>
      <c r="DF712" s="613"/>
      <c r="DG712" s="613"/>
      <c r="DH712" s="613"/>
      <c r="DI712" s="613"/>
      <c r="DJ712" s="613"/>
      <c r="DK712" s="613"/>
      <c r="DL712" s="613"/>
      <c r="DM712" s="613"/>
      <c r="DN712" s="613"/>
      <c r="DO712" s="613"/>
      <c r="DP712" s="613"/>
      <c r="DQ712" s="613"/>
      <c r="DR712" s="613"/>
      <c r="DS712" s="613"/>
      <c r="DT712" s="613"/>
      <c r="DU712" s="613"/>
      <c r="DV712" s="613"/>
      <c r="DW712" s="613"/>
      <c r="DX712" s="613"/>
      <c r="DY712" s="613"/>
      <c r="DZ712" s="613"/>
      <c r="EA712" s="613"/>
      <c r="EB712" s="613"/>
      <c r="EC712" s="613"/>
      <c r="ED712" s="613"/>
      <c r="EE712" s="613"/>
      <c r="EF712" s="613"/>
      <c r="EG712" s="613"/>
      <c r="EH712" s="613"/>
      <c r="EI712" s="613"/>
      <c r="EJ712" s="613"/>
      <c r="EK712" s="613"/>
      <c r="EL712" s="613"/>
      <c r="EM712" s="613"/>
      <c r="EN712" s="613"/>
      <c r="EO712" s="613"/>
      <c r="EP712" s="613"/>
      <c r="EQ712" s="613"/>
      <c r="ER712" s="613"/>
      <c r="ES712" s="613"/>
      <c r="ET712" s="613"/>
      <c r="EU712" s="613"/>
      <c r="EV712" s="613"/>
      <c r="EW712" s="613"/>
      <c r="EX712" s="613"/>
      <c r="EY712" s="613"/>
      <c r="EZ712" s="613"/>
      <c r="FA712" s="613"/>
      <c r="FB712" s="613"/>
      <c r="FC712" s="613"/>
      <c r="FD712" s="613"/>
      <c r="FE712" s="613"/>
      <c r="FF712" s="613"/>
      <c r="FG712" s="613"/>
      <c r="FH712" s="613"/>
      <c r="FI712" s="613"/>
      <c r="FJ712" s="613"/>
      <c r="FK712" s="613"/>
      <c r="FL712" s="613"/>
      <c r="FM712" s="613"/>
      <c r="FN712" s="613"/>
      <c r="FO712" s="613"/>
      <c r="FP712" s="613"/>
      <c r="FQ712" s="613"/>
      <c r="FR712" s="613"/>
      <c r="FS712" s="613"/>
      <c r="FT712" s="613"/>
      <c r="FU712" s="613"/>
      <c r="FV712" s="613"/>
      <c r="FW712" s="613"/>
      <c r="FX712" s="613"/>
      <c r="FY712" s="613"/>
      <c r="FZ712" s="613"/>
      <c r="GA712" s="613"/>
      <c r="GB712" s="613"/>
      <c r="GC712" s="613"/>
      <c r="GD712" s="613"/>
      <c r="GE712" s="613"/>
      <c r="GF712" s="613"/>
      <c r="GG712" s="613"/>
      <c r="GH712" s="613"/>
      <c r="GI712" s="613"/>
      <c r="GJ712" s="613"/>
      <c r="GK712" s="613"/>
      <c r="GL712" s="613"/>
      <c r="GM712" s="613"/>
      <c r="GN712" s="613"/>
      <c r="GO712" s="613"/>
      <c r="GP712" s="613"/>
      <c r="GQ712" s="613"/>
      <c r="GR712" s="613"/>
      <c r="GS712" s="613"/>
      <c r="GT712" s="613"/>
      <c r="GU712" s="613"/>
      <c r="GV712" s="613"/>
      <c r="GW712" s="613"/>
      <c r="GX712" s="613"/>
      <c r="GY712" s="613"/>
      <c r="GZ712" s="613"/>
      <c r="HA712" s="613"/>
      <c r="HB712" s="613"/>
      <c r="HC712" s="613"/>
      <c r="HD712" s="613"/>
      <c r="HE712" s="613"/>
      <c r="HF712" s="613"/>
      <c r="HG712" s="613"/>
      <c r="HH712" s="613"/>
      <c r="HI712" s="613"/>
      <c r="HJ712" s="613"/>
      <c r="HK712" s="613"/>
      <c r="HL712" s="613"/>
      <c r="HM712" s="613"/>
      <c r="HN712" s="613"/>
      <c r="HO712" s="613"/>
      <c r="HP712" s="613"/>
      <c r="HQ712" s="613"/>
      <c r="HR712" s="613"/>
      <c r="HS712" s="613"/>
      <c r="HT712" s="613"/>
      <c r="HU712" s="613"/>
      <c r="HV712" s="613"/>
      <c r="HW712" s="613"/>
      <c r="HX712" s="613"/>
      <c r="HY712" s="613"/>
      <c r="HZ712" s="613"/>
      <c r="IA712" s="613"/>
      <c r="IB712" s="613"/>
      <c r="IC712" s="613"/>
      <c r="ID712" s="613"/>
      <c r="IE712" s="613"/>
      <c r="IF712" s="613"/>
      <c r="IG712" s="613"/>
      <c r="IH712" s="613"/>
      <c r="II712" s="613"/>
      <c r="IJ712" s="613"/>
      <c r="IK712" s="613"/>
      <c r="IL712" s="613"/>
      <c r="IM712" s="613"/>
      <c r="IN712" s="613"/>
      <c r="IO712" s="613"/>
      <c r="IP712" s="613"/>
      <c r="IQ712" s="613"/>
      <c r="IR712" s="613"/>
      <c r="IS712" s="613"/>
      <c r="IT712" s="613"/>
      <c r="IU712" s="613"/>
      <c r="IV712" s="613"/>
      <c r="IW712" s="613"/>
      <c r="IX712" s="613"/>
      <c r="IY712" s="613"/>
      <c r="IZ712" s="613"/>
      <c r="JA712" s="613"/>
      <c r="JB712" s="613"/>
      <c r="JC712" s="613"/>
      <c r="JD712" s="613"/>
      <c r="JE712" s="613"/>
      <c r="JF712" s="613"/>
      <c r="JG712" s="613"/>
      <c r="JH712" s="613"/>
      <c r="JI712" s="613"/>
      <c r="JJ712" s="613"/>
      <c r="JK712" s="613"/>
      <c r="JL712" s="613"/>
      <c r="JM712" s="613"/>
      <c r="JN712" s="613"/>
      <c r="JO712" s="613"/>
      <c r="JP712" s="613"/>
      <c r="JQ712" s="613"/>
      <c r="JR712" s="613"/>
      <c r="JS712" s="613"/>
      <c r="JT712" s="613"/>
      <c r="JU712" s="613"/>
      <c r="JV712" s="613"/>
      <c r="JW712" s="613"/>
      <c r="JX712" s="613"/>
      <c r="JY712" s="613"/>
      <c r="JZ712" s="613"/>
      <c r="KA712" s="613"/>
      <c r="KB712" s="613"/>
      <c r="KC712" s="613"/>
      <c r="KD712" s="613"/>
      <c r="KE712" s="613"/>
      <c r="KF712" s="613"/>
      <c r="KG712" s="613"/>
      <c r="KH712" s="613"/>
      <c r="KI712" s="613"/>
      <c r="KJ712" s="613"/>
      <c r="KK712" s="613"/>
      <c r="KL712" s="613"/>
      <c r="KM712" s="613"/>
      <c r="KN712" s="613"/>
      <c r="KO712" s="613"/>
      <c r="KP712" s="613"/>
      <c r="KQ712" s="613"/>
      <c r="KR712" s="613"/>
      <c r="KS712" s="613"/>
      <c r="KT712" s="613"/>
      <c r="KU712" s="613"/>
      <c r="KV712" s="613"/>
      <c r="KW712" s="613"/>
      <c r="KX712" s="613"/>
      <c r="KY712" s="613"/>
      <c r="KZ712" s="613"/>
      <c r="LA712" s="613"/>
      <c r="LB712" s="613"/>
      <c r="LC712" s="613"/>
      <c r="LD712" s="613"/>
      <c r="LE712" s="613"/>
      <c r="LF712" s="613"/>
      <c r="LG712" s="613"/>
      <c r="LH712" s="613"/>
      <c r="LI712" s="613"/>
      <c r="LJ712" s="613"/>
      <c r="LK712" s="613"/>
      <c r="LL712" s="613"/>
      <c r="LM712" s="613"/>
      <c r="LN712" s="613"/>
      <c r="LO712" s="613"/>
      <c r="LP712" s="613"/>
      <c r="LQ712" s="613"/>
      <c r="LR712" s="613"/>
      <c r="LS712" s="613"/>
      <c r="LT712" s="613"/>
      <c r="LU712" s="613"/>
      <c r="LV712" s="613"/>
      <c r="LW712" s="613"/>
      <c r="LX712" s="613"/>
      <c r="LY712" s="613"/>
      <c r="LZ712" s="613"/>
      <c r="MA712" s="613"/>
      <c r="MB712" s="613"/>
      <c r="MC712" s="613"/>
      <c r="MD712" s="613"/>
      <c r="ME712" s="613"/>
      <c r="MF712" s="613"/>
      <c r="MG712" s="613"/>
      <c r="MH712" s="613"/>
      <c r="MI712" s="613"/>
      <c r="MJ712" s="613"/>
      <c r="MK712" s="613"/>
      <c r="ML712" s="613"/>
      <c r="MM712" s="613"/>
      <c r="MN712" s="613"/>
      <c r="MO712" s="613"/>
      <c r="MP712" s="613"/>
      <c r="MQ712" s="613"/>
      <c r="MR712" s="613"/>
      <c r="MS712" s="613"/>
      <c r="MT712" s="613"/>
      <c r="MU712" s="613"/>
      <c r="MV712" s="613"/>
      <c r="MW712" s="613"/>
      <c r="MX712" s="613"/>
      <c r="MY712" s="613"/>
      <c r="MZ712" s="613"/>
      <c r="NA712" s="613"/>
      <c r="NB712" s="613"/>
      <c r="NC712" s="613"/>
      <c r="ND712" s="613"/>
      <c r="NE712" s="613"/>
      <c r="NF712" s="613"/>
      <c r="NG712" s="613"/>
      <c r="NH712" s="613"/>
      <c r="NI712" s="613"/>
      <c r="NJ712" s="613"/>
      <c r="NK712" s="613"/>
      <c r="NL712" s="613"/>
      <c r="NM712" s="613"/>
      <c r="NN712" s="613"/>
      <c r="NO712" s="613"/>
      <c r="NP712" s="613"/>
      <c r="NQ712" s="613"/>
      <c r="NR712" s="613"/>
      <c r="NS712" s="613"/>
      <c r="NT712" s="613"/>
      <c r="NU712" s="613"/>
      <c r="NV712" s="613"/>
      <c r="NW712" s="613"/>
      <c r="NX712" s="613"/>
      <c r="NY712" s="613"/>
      <c r="NZ712" s="613"/>
      <c r="OA712" s="613"/>
      <c r="OB712" s="613"/>
      <c r="OC712" s="613"/>
      <c r="OD712" s="613"/>
      <c r="OE712" s="613"/>
      <c r="OF712" s="613"/>
      <c r="OG712" s="613"/>
      <c r="OH712" s="613"/>
      <c r="OI712" s="613"/>
      <c r="OJ712" s="613"/>
      <c r="OK712" s="613"/>
      <c r="OL712" s="613"/>
      <c r="OM712" s="613"/>
      <c r="ON712" s="613"/>
      <c r="OO712" s="613"/>
      <c r="OP712" s="613"/>
      <c r="OQ712" s="613"/>
      <c r="OR712" s="613"/>
      <c r="OS712" s="613"/>
      <c r="OT712" s="613"/>
      <c r="OU712" s="613"/>
      <c r="OV712" s="613"/>
      <c r="OW712" s="613"/>
      <c r="OX712" s="613"/>
      <c r="OY712" s="613"/>
      <c r="OZ712" s="613"/>
      <c r="PA712" s="613"/>
      <c r="PB712" s="613"/>
      <c r="PC712" s="613"/>
      <c r="PD712" s="613"/>
      <c r="PE712" s="613"/>
      <c r="PF712" s="613"/>
      <c r="PG712" s="613"/>
      <c r="PH712" s="613"/>
      <c r="PI712" s="613"/>
      <c r="PJ712" s="613"/>
      <c r="PK712" s="613"/>
      <c r="PL712" s="613"/>
      <c r="PM712" s="613"/>
      <c r="PN712" s="613"/>
      <c r="PO712" s="613"/>
      <c r="PP712" s="613"/>
      <c r="PQ712" s="613"/>
      <c r="PR712" s="613"/>
      <c r="PS712" s="613"/>
      <c r="PT712" s="613"/>
      <c r="PU712" s="613"/>
      <c r="PV712" s="613"/>
      <c r="PW712" s="613"/>
      <c r="PX712" s="613"/>
      <c r="PY712" s="613"/>
      <c r="PZ712" s="613"/>
      <c r="QA712" s="613"/>
      <c r="QB712" s="613"/>
      <c r="QC712" s="613"/>
      <c r="QD712" s="613"/>
      <c r="QE712" s="613"/>
      <c r="QF712" s="613"/>
      <c r="QG712" s="613"/>
      <c r="QH712" s="613"/>
      <c r="QI712" s="613"/>
      <c r="QJ712" s="613"/>
      <c r="QK712" s="613"/>
      <c r="QL712" s="613"/>
      <c r="QM712" s="613"/>
      <c r="QN712" s="613"/>
      <c r="QO712" s="613"/>
      <c r="QP712" s="613"/>
      <c r="QQ712" s="613"/>
      <c r="QR712" s="613"/>
      <c r="QS712" s="613"/>
      <c r="QT712" s="613"/>
      <c r="QU712" s="613"/>
      <c r="QV712" s="613"/>
      <c r="QW712" s="613"/>
      <c r="QX712" s="613"/>
      <c r="QY712" s="613"/>
      <c r="QZ712" s="613"/>
      <c r="RA712" s="613"/>
      <c r="RB712" s="613"/>
      <c r="RC712" s="613"/>
      <c r="RD712" s="613"/>
      <c r="RE712" s="613"/>
      <c r="RF712" s="613"/>
      <c r="RG712" s="613"/>
      <c r="RH712" s="613"/>
      <c r="RI712" s="613"/>
      <c r="RJ712" s="613"/>
      <c r="RK712" s="613"/>
      <c r="RL712" s="613"/>
      <c r="RM712" s="613"/>
      <c r="RN712" s="613"/>
      <c r="RO712" s="613"/>
      <c r="RP712" s="613"/>
      <c r="RQ712" s="613"/>
      <c r="RR712" s="613"/>
      <c r="RS712" s="613"/>
      <c r="RT712" s="613"/>
      <c r="RU712" s="613"/>
      <c r="RV712" s="613"/>
      <c r="RW712" s="613"/>
      <c r="RX712" s="613"/>
      <c r="RY712" s="613"/>
      <c r="RZ712" s="613"/>
      <c r="SA712" s="613"/>
      <c r="SB712" s="613"/>
      <c r="SC712" s="613"/>
      <c r="SD712" s="613"/>
      <c r="SE712" s="613"/>
      <c r="SF712" s="613"/>
      <c r="SG712" s="613"/>
      <c r="SH712" s="613"/>
      <c r="SI712" s="613"/>
      <c r="SJ712" s="613"/>
      <c r="SK712" s="613"/>
      <c r="SL712" s="613"/>
      <c r="SM712" s="613"/>
      <c r="SN712" s="613"/>
      <c r="SO712" s="613"/>
      <c r="SP712" s="613"/>
      <c r="SQ712" s="613"/>
      <c r="SR712" s="613"/>
      <c r="SS712" s="613"/>
      <c r="ST712" s="613"/>
      <c r="SU712" s="613"/>
      <c r="SV712" s="613"/>
      <c r="SW712" s="613"/>
      <c r="SX712" s="613"/>
      <c r="SY712" s="613"/>
      <c r="SZ712" s="613"/>
      <c r="TA712" s="613"/>
      <c r="TB712" s="613"/>
      <c r="TC712" s="613"/>
      <c r="TD712" s="613"/>
      <c r="TE712" s="613"/>
      <c r="TF712" s="613"/>
      <c r="TG712" s="613"/>
      <c r="TH712" s="613"/>
      <c r="TI712" s="613"/>
      <c r="TJ712" s="613"/>
      <c r="TK712" s="613"/>
      <c r="TL712" s="613"/>
      <c r="TM712" s="613"/>
      <c r="TN712" s="613"/>
      <c r="TO712" s="613"/>
      <c r="TP712" s="613"/>
      <c r="TQ712" s="613"/>
      <c r="TR712" s="613"/>
      <c r="TS712" s="613"/>
      <c r="TT712" s="613"/>
      <c r="TU712" s="613"/>
      <c r="TV712" s="613"/>
      <c r="TW712" s="613"/>
      <c r="TX712" s="613"/>
      <c r="TY712" s="613"/>
      <c r="TZ712" s="613"/>
      <c r="UA712" s="613"/>
      <c r="UB712" s="613"/>
      <c r="UC712" s="613"/>
      <c r="UD712" s="613"/>
      <c r="UE712" s="613"/>
      <c r="UF712" s="613"/>
      <c r="UG712" s="613"/>
      <c r="UH712" s="613"/>
      <c r="UI712" s="613"/>
      <c r="UJ712" s="613"/>
      <c r="UK712" s="613"/>
      <c r="UL712" s="613"/>
      <c r="UM712" s="613"/>
      <c r="UN712" s="613"/>
      <c r="UO712" s="613"/>
      <c r="UP712" s="613"/>
      <c r="UQ712" s="613"/>
      <c r="UR712" s="613"/>
      <c r="US712" s="613"/>
      <c r="UT712" s="613"/>
      <c r="UU712" s="613"/>
      <c r="UV712" s="613"/>
      <c r="UW712" s="613"/>
      <c r="UX712" s="613"/>
      <c r="UY712" s="613"/>
      <c r="UZ712" s="613"/>
      <c r="VA712" s="613"/>
      <c r="VB712" s="613"/>
      <c r="VC712" s="613"/>
      <c r="VD712" s="613"/>
      <c r="VE712" s="613"/>
      <c r="VF712" s="613"/>
      <c r="VG712" s="613"/>
      <c r="VH712" s="613"/>
      <c r="VI712" s="613"/>
      <c r="VJ712" s="613"/>
      <c r="VK712" s="613"/>
      <c r="VL712" s="613"/>
      <c r="VM712" s="613"/>
      <c r="VN712" s="613"/>
      <c r="VO712" s="613"/>
      <c r="VP712" s="613"/>
      <c r="VQ712" s="613"/>
      <c r="VR712" s="613"/>
      <c r="VS712" s="613"/>
      <c r="VT712" s="613"/>
      <c r="VU712" s="613"/>
      <c r="VV712" s="613"/>
      <c r="VW712" s="613"/>
      <c r="VX712" s="613"/>
      <c r="VY712" s="613"/>
      <c r="VZ712" s="613"/>
      <c r="WA712" s="613"/>
      <c r="WB712" s="613"/>
      <c r="WC712" s="613"/>
      <c r="WD712" s="613"/>
      <c r="WE712" s="613"/>
      <c r="WF712" s="613"/>
      <c r="WG712" s="613"/>
      <c r="WH712" s="613"/>
      <c r="WI712" s="613"/>
      <c r="WJ712" s="613"/>
      <c r="WK712" s="613"/>
      <c r="WL712" s="613"/>
      <c r="WM712" s="613"/>
      <c r="WN712" s="613"/>
      <c r="WO712" s="613"/>
      <c r="WP712" s="613"/>
      <c r="WQ712" s="613"/>
      <c r="WR712" s="613"/>
      <c r="WS712" s="613"/>
      <c r="WT712" s="613"/>
      <c r="WU712" s="613"/>
      <c r="WV712" s="613"/>
      <c r="WW712" s="613"/>
      <c r="WX712" s="613"/>
      <c r="WY712" s="613"/>
      <c r="WZ712" s="613"/>
      <c r="XA712" s="613"/>
      <c r="XB712" s="613"/>
      <c r="XC712" s="613"/>
      <c r="XD712" s="613"/>
      <c r="XE712" s="613"/>
      <c r="XF712" s="613"/>
      <c r="XG712" s="613"/>
      <c r="XH712" s="613"/>
      <c r="XI712" s="613"/>
      <c r="XJ712" s="613"/>
      <c r="XK712" s="613"/>
      <c r="XL712" s="613"/>
      <c r="XM712" s="613"/>
      <c r="XN712" s="613"/>
      <c r="XO712" s="613"/>
      <c r="XP712" s="613"/>
      <c r="XQ712" s="613"/>
      <c r="XR712" s="613"/>
      <c r="XS712" s="613"/>
      <c r="XT712" s="613"/>
      <c r="XU712" s="613"/>
      <c r="XV712" s="613"/>
      <c r="XW712" s="613"/>
      <c r="XX712" s="613"/>
      <c r="XY712" s="613"/>
      <c r="XZ712" s="613"/>
      <c r="YA712" s="613"/>
      <c r="YB712" s="613"/>
      <c r="YC712" s="613"/>
      <c r="YD712" s="613"/>
      <c r="YE712" s="613"/>
      <c r="YF712" s="613"/>
      <c r="YG712" s="613"/>
      <c r="YH712" s="613"/>
      <c r="YI712" s="613"/>
      <c r="YJ712" s="613"/>
      <c r="YK712" s="613"/>
      <c r="YL712" s="613"/>
      <c r="YM712" s="613"/>
      <c r="YN712" s="613"/>
      <c r="YO712" s="613"/>
      <c r="YP712" s="613"/>
      <c r="YQ712" s="613"/>
      <c r="YR712" s="613"/>
      <c r="YS712" s="613"/>
      <c r="YT712" s="613"/>
      <c r="YU712" s="613"/>
      <c r="YV712" s="613"/>
      <c r="YW712" s="613"/>
      <c r="YX712" s="613"/>
      <c r="YY712" s="613"/>
      <c r="YZ712" s="613"/>
      <c r="ZA712" s="613"/>
      <c r="ZB712" s="613"/>
      <c r="ZC712" s="613"/>
      <c r="ZD712" s="613"/>
      <c r="ZE712" s="613"/>
      <c r="ZF712" s="613"/>
      <c r="ZG712" s="613"/>
      <c r="ZH712" s="613"/>
      <c r="ZI712" s="613"/>
      <c r="ZJ712" s="613"/>
      <c r="ZK712" s="613"/>
      <c r="ZL712" s="613"/>
      <c r="ZM712" s="613"/>
      <c r="ZN712" s="613"/>
      <c r="ZO712" s="613"/>
      <c r="ZP712" s="613"/>
      <c r="ZQ712" s="613"/>
      <c r="ZR712" s="613"/>
      <c r="ZS712" s="613"/>
      <c r="ZT712" s="613"/>
      <c r="ZU712" s="613"/>
      <c r="ZV712" s="613"/>
      <c r="ZW712" s="613"/>
      <c r="ZX712" s="613"/>
      <c r="ZY712" s="613"/>
      <c r="ZZ712" s="613"/>
      <c r="AAA712" s="613"/>
      <c r="AAB712" s="613"/>
      <c r="AAC712" s="613"/>
      <c r="AAD712" s="613"/>
      <c r="AAE712" s="613"/>
      <c r="AAF712" s="613"/>
      <c r="AAG712" s="613"/>
      <c r="AAH712" s="613"/>
      <c r="AAI712" s="613"/>
      <c r="AAJ712" s="613"/>
      <c r="AAK712" s="613"/>
      <c r="AAL712" s="613"/>
      <c r="AAM712" s="613"/>
      <c r="AAN712" s="613"/>
      <c r="AAO712" s="613"/>
      <c r="AAP712" s="613"/>
      <c r="AAQ712" s="613"/>
      <c r="AAR712" s="613"/>
      <c r="AAS712" s="613"/>
      <c r="AAT712" s="613"/>
      <c r="AAU712" s="613"/>
      <c r="AAV712" s="613"/>
      <c r="AAW712" s="613"/>
      <c r="AAX712" s="613"/>
      <c r="AAY712" s="613"/>
      <c r="AAZ712" s="613"/>
      <c r="ABA712" s="613"/>
      <c r="ABB712" s="613"/>
      <c r="ABC712" s="613"/>
      <c r="ABD712" s="613"/>
      <c r="ABE712" s="613"/>
      <c r="ABF712" s="613"/>
      <c r="ABG712" s="613"/>
      <c r="ABH712" s="613"/>
      <c r="ABI712" s="613"/>
      <c r="ABJ712" s="613"/>
      <c r="ABK712" s="613"/>
      <c r="ABL712" s="613"/>
      <c r="ABM712" s="613"/>
      <c r="ABN712" s="613"/>
      <c r="ABO712" s="613"/>
      <c r="ABP712" s="613"/>
      <c r="ABQ712" s="613"/>
      <c r="ABR712" s="613"/>
      <c r="ABS712" s="613"/>
      <c r="ABT712" s="613"/>
      <c r="ABU712" s="613"/>
      <c r="ABV712" s="613"/>
      <c r="ABW712" s="613"/>
      <c r="ABX712" s="613"/>
      <c r="ABY712" s="613"/>
      <c r="ABZ712" s="613"/>
      <c r="ACA712" s="613"/>
      <c r="ACB712" s="613"/>
      <c r="ACC712" s="613"/>
      <c r="ACD712" s="613"/>
      <c r="ACE712" s="613"/>
      <c r="ACF712" s="613"/>
      <c r="ACG712" s="613"/>
      <c r="ACH712" s="613"/>
      <c r="ACI712" s="613"/>
      <c r="ACJ712" s="613"/>
      <c r="ACK712" s="613"/>
      <c r="ACL712" s="613"/>
      <c r="ACM712" s="613"/>
      <c r="ACN712" s="613"/>
      <c r="ACO712" s="613"/>
      <c r="ACP712" s="613"/>
      <c r="ACQ712" s="613"/>
      <c r="ACR712" s="613"/>
      <c r="ACS712" s="613"/>
      <c r="ACT712" s="613"/>
      <c r="ACU712" s="613"/>
      <c r="ACV712" s="613"/>
      <c r="ACW712" s="613"/>
      <c r="ACX712" s="613"/>
      <c r="ACY712" s="613"/>
      <c r="ACZ712" s="613"/>
      <c r="ADA712" s="613"/>
      <c r="ADB712" s="613"/>
      <c r="ADC712" s="613"/>
      <c r="ADD712" s="613"/>
      <c r="ADE712" s="613"/>
      <c r="ADF712" s="613"/>
      <c r="ADG712" s="613"/>
      <c r="ADH712" s="613"/>
      <c r="ADI712" s="613"/>
      <c r="ADJ712" s="613"/>
      <c r="ADK712" s="613"/>
      <c r="ADL712" s="613"/>
      <c r="ADM712" s="613"/>
      <c r="ADN712" s="613"/>
      <c r="ADO712" s="613"/>
      <c r="ADP712" s="613"/>
      <c r="ADQ712" s="613"/>
      <c r="ADR712" s="613"/>
      <c r="ADS712" s="613"/>
      <c r="ADT712" s="613"/>
      <c r="ADU712" s="613"/>
      <c r="ADV712" s="613"/>
      <c r="ADW712" s="613"/>
      <c r="ADX712" s="613"/>
      <c r="ADY712" s="613"/>
      <c r="ADZ712" s="613"/>
      <c r="AEA712" s="613"/>
      <c r="AEB712" s="613"/>
      <c r="AEC712" s="613"/>
      <c r="AED712" s="613"/>
      <c r="AEE712" s="613"/>
      <c r="AEF712" s="613"/>
      <c r="AEG712" s="613"/>
      <c r="AEH712" s="613"/>
      <c r="AEI712" s="613"/>
      <c r="AEJ712" s="613"/>
      <c r="AEK712" s="613"/>
      <c r="AEL712" s="613"/>
      <c r="AEM712" s="613"/>
      <c r="AEN712" s="613"/>
      <c r="AEO712" s="613"/>
      <c r="AEP712" s="613"/>
      <c r="AEQ712" s="613"/>
      <c r="AER712" s="613"/>
      <c r="AES712" s="613"/>
      <c r="AET712" s="613"/>
      <c r="AEU712" s="613"/>
      <c r="AEV712" s="613"/>
      <c r="AEW712" s="613"/>
      <c r="AEX712" s="613"/>
      <c r="AEY712" s="613"/>
      <c r="AEZ712" s="613"/>
      <c r="AFA712" s="613"/>
      <c r="AFB712" s="613"/>
      <c r="AFC712" s="613"/>
      <c r="AFD712" s="613"/>
      <c r="AFE712" s="613"/>
      <c r="AFF712" s="613"/>
      <c r="AFG712" s="613"/>
      <c r="AFH712" s="613"/>
      <c r="AFI712" s="613"/>
      <c r="AFJ712" s="613"/>
      <c r="AFK712" s="613"/>
      <c r="AFL712" s="613"/>
      <c r="AFM712" s="613"/>
      <c r="AFN712" s="613"/>
      <c r="AFO712" s="613"/>
      <c r="AFP712" s="613"/>
      <c r="AFQ712" s="613"/>
      <c r="AFR712" s="613"/>
      <c r="AFS712" s="613"/>
      <c r="AFT712" s="613"/>
      <c r="AFU712" s="613"/>
      <c r="AFV712" s="613"/>
      <c r="AFW712" s="613"/>
      <c r="AFX712" s="613"/>
      <c r="AFY712" s="613"/>
      <c r="AFZ712" s="613"/>
      <c r="AGA712" s="613"/>
      <c r="AGB712" s="613"/>
      <c r="AGC712" s="613"/>
      <c r="AGD712" s="613"/>
      <c r="AGE712" s="613"/>
      <c r="AGF712" s="613"/>
      <c r="AGG712" s="613"/>
      <c r="AGH712" s="613"/>
      <c r="AGI712" s="613"/>
      <c r="AGJ712" s="613"/>
      <c r="AGK712" s="613"/>
      <c r="AGL712" s="613"/>
      <c r="AGM712" s="613"/>
      <c r="AGN712" s="613"/>
      <c r="AGO712" s="613"/>
      <c r="AGP712" s="613"/>
      <c r="AGQ712" s="613"/>
      <c r="AGR712" s="613"/>
      <c r="AGS712" s="613"/>
      <c r="AGT712" s="613"/>
      <c r="AGU712" s="613"/>
      <c r="AGV712" s="613"/>
      <c r="AGW712" s="613"/>
      <c r="AGX712" s="613"/>
      <c r="AGY712" s="613"/>
      <c r="AGZ712" s="613"/>
      <c r="AHA712" s="613"/>
      <c r="AHB712" s="613"/>
      <c r="AHC712" s="613"/>
      <c r="AHD712" s="613"/>
      <c r="AHE712" s="613"/>
      <c r="AHF712" s="613"/>
      <c r="AHG712" s="613"/>
      <c r="AHH712" s="613"/>
      <c r="AHI712" s="613"/>
      <c r="AHJ712" s="613"/>
      <c r="AHK712" s="613"/>
      <c r="AHL712" s="613"/>
      <c r="AHM712" s="613"/>
      <c r="AHN712" s="613"/>
      <c r="AHO712" s="613"/>
      <c r="AHP712" s="613"/>
      <c r="AHQ712" s="613"/>
      <c r="AHR712" s="613"/>
      <c r="AHS712" s="613"/>
      <c r="AHT712" s="613"/>
      <c r="AHU712" s="613"/>
      <c r="AHV712" s="613"/>
      <c r="AHW712" s="613"/>
      <c r="AHX712" s="613"/>
      <c r="AHY712" s="613"/>
      <c r="AHZ712" s="613"/>
      <c r="AIA712" s="613"/>
      <c r="AIB712" s="613"/>
      <c r="AIC712" s="613"/>
      <c r="AID712" s="613"/>
      <c r="AIE712" s="613"/>
      <c r="AIF712" s="613"/>
      <c r="AIG712" s="613"/>
      <c r="AIH712" s="613"/>
      <c r="AII712" s="613"/>
      <c r="AIJ712" s="613"/>
      <c r="AIK712" s="613"/>
      <c r="AIL712" s="613"/>
      <c r="AIM712" s="613"/>
      <c r="AIN712" s="613"/>
      <c r="AIO712" s="613"/>
      <c r="AIP712" s="613"/>
      <c r="AIQ712" s="613"/>
      <c r="AIR712" s="613"/>
      <c r="AIS712" s="613"/>
      <c r="AIT712" s="613"/>
      <c r="AIU712" s="613"/>
      <c r="AIV712" s="613"/>
      <c r="AIW712" s="613"/>
      <c r="AIX712" s="613"/>
      <c r="AIY712" s="613"/>
      <c r="AIZ712" s="613"/>
      <c r="AJA712" s="613"/>
      <c r="AJB712" s="613"/>
      <c r="AJC712" s="613"/>
      <c r="AJD712" s="613"/>
      <c r="AJE712" s="613"/>
      <c r="AJF712" s="613"/>
      <c r="AJG712" s="613"/>
      <c r="AJH712" s="613"/>
      <c r="AJI712" s="613"/>
      <c r="AJJ712" s="613"/>
      <c r="AJK712" s="613"/>
      <c r="AJL712" s="613"/>
      <c r="AJM712" s="613"/>
      <c r="AJN712" s="613"/>
      <c r="AJO712" s="613"/>
      <c r="AJP712" s="613"/>
      <c r="AJQ712" s="613"/>
      <c r="AJR712" s="613"/>
      <c r="AJS712" s="613"/>
      <c r="AJT712" s="613"/>
      <c r="AJU712" s="613"/>
      <c r="AJV712" s="613"/>
      <c r="AJW712" s="613"/>
      <c r="AJX712" s="613"/>
      <c r="AJY712" s="613"/>
      <c r="AJZ712" s="613"/>
      <c r="AKA712" s="613"/>
      <c r="AKB712" s="613"/>
      <c r="AKC712" s="613"/>
      <c r="AKD712" s="613"/>
      <c r="AKE712" s="613"/>
      <c r="AKF712" s="613"/>
      <c r="AKG712" s="613"/>
      <c r="AKH712" s="613"/>
      <c r="AKI712" s="613"/>
      <c r="AKJ712" s="613"/>
      <c r="AKK712" s="613"/>
      <c r="AKL712" s="613"/>
      <c r="AKM712" s="613"/>
      <c r="AKN712" s="613"/>
      <c r="AKO712" s="613"/>
      <c r="AKP712" s="613"/>
      <c r="AKQ712" s="613"/>
      <c r="AKR712" s="613"/>
      <c r="AKS712" s="613"/>
      <c r="AKT712" s="613"/>
      <c r="AKU712" s="613"/>
      <c r="AKV712" s="613"/>
      <c r="AKW712" s="613"/>
      <c r="AKX712" s="613"/>
      <c r="AKY712" s="613"/>
      <c r="AKZ712" s="613"/>
      <c r="ALA712" s="613"/>
      <c r="ALB712" s="613"/>
      <c r="ALC712" s="613"/>
      <c r="ALD712" s="613"/>
      <c r="ALE712" s="613"/>
      <c r="ALF712" s="613"/>
      <c r="ALG712" s="613"/>
      <c r="ALH712" s="613"/>
      <c r="ALI712" s="613"/>
      <c r="ALJ712" s="613"/>
      <c r="ALK712" s="613"/>
      <c r="ALL712" s="613"/>
      <c r="ALM712" s="613"/>
      <c r="ALN712" s="613"/>
      <c r="ALO712" s="613"/>
      <c r="ALP712" s="613"/>
      <c r="ALQ712" s="613"/>
      <c r="ALR712" s="613"/>
      <c r="ALS712" s="613"/>
      <c r="ALT712" s="613"/>
      <c r="ALU712" s="613"/>
      <c r="ALV712" s="613"/>
      <c r="ALW712" s="613"/>
      <c r="ALX712" s="613"/>
      <c r="ALY712" s="613"/>
      <c r="ALZ712" s="613"/>
      <c r="AMA712" s="613"/>
      <c r="AMB712" s="613"/>
      <c r="AMC712" s="613"/>
      <c r="AMD712" s="613"/>
      <c r="AME712" s="613"/>
      <c r="AMF712" s="613"/>
      <c r="AMG712" s="613"/>
      <c r="AMH712" s="613"/>
      <c r="AMI712" s="613"/>
      <c r="AMJ712" s="613"/>
      <c r="AMK712" s="613"/>
      <c r="AML712" s="613"/>
      <c r="AMM712" s="613"/>
      <c r="AMN712" s="613"/>
      <c r="AMO712" s="613"/>
      <c r="AMP712" s="613"/>
      <c r="AMQ712" s="613"/>
      <c r="AMR712" s="613"/>
      <c r="AMS712" s="613"/>
      <c r="AMT712" s="613"/>
      <c r="AMU712" s="613"/>
      <c r="AMV712" s="613"/>
      <c r="AMW712" s="613"/>
      <c r="AMX712" s="613"/>
      <c r="AMY712" s="613"/>
      <c r="AMZ712" s="613"/>
      <c r="ANA712" s="613"/>
      <c r="ANB712" s="613"/>
      <c r="ANC712" s="613"/>
      <c r="AND712" s="613"/>
      <c r="ANE712" s="613"/>
      <c r="ANF712" s="613"/>
      <c r="ANG712" s="613"/>
      <c r="ANH712" s="613"/>
      <c r="ANI712" s="613"/>
      <c r="ANJ712" s="613"/>
      <c r="ANK712" s="613"/>
      <c r="ANL712" s="613"/>
      <c r="ANM712" s="613"/>
      <c r="ANN712" s="613"/>
      <c r="ANO712" s="613"/>
      <c r="ANP712" s="613"/>
      <c r="ANQ712" s="613"/>
      <c r="ANR712" s="613"/>
      <c r="ANS712" s="613"/>
      <c r="ANT712" s="613"/>
      <c r="ANU712" s="613"/>
      <c r="ANV712" s="613"/>
      <c r="ANW712" s="613"/>
      <c r="ANX712" s="613"/>
      <c r="ANY712" s="613"/>
      <c r="ANZ712" s="613"/>
      <c r="AOA712" s="613"/>
      <c r="AOB712" s="613"/>
      <c r="AOC712" s="613"/>
      <c r="AOD712" s="613"/>
      <c r="AOE712" s="613"/>
      <c r="AOF712" s="613"/>
      <c r="AOG712" s="613"/>
      <c r="AOH712" s="613"/>
      <c r="AOI712" s="613"/>
      <c r="AOJ712" s="613"/>
      <c r="AOK712" s="613"/>
      <c r="AOL712" s="613"/>
      <c r="AOM712" s="613"/>
      <c r="AON712" s="613"/>
      <c r="AOO712" s="613"/>
      <c r="AOP712" s="613"/>
      <c r="AOQ712" s="613"/>
      <c r="AOR712" s="613"/>
      <c r="AOS712" s="613"/>
      <c r="AOT712" s="613"/>
      <c r="AOU712" s="613"/>
      <c r="AOV712" s="613"/>
      <c r="AOW712" s="613"/>
      <c r="AOX712" s="613"/>
      <c r="AOY712" s="613"/>
      <c r="AOZ712" s="613"/>
      <c r="APA712" s="613"/>
      <c r="APB712" s="613"/>
      <c r="APC712" s="613"/>
      <c r="APD712" s="613"/>
      <c r="APE712" s="613"/>
      <c r="APF712" s="613"/>
      <c r="APG712" s="613"/>
      <c r="APH712" s="613"/>
      <c r="API712" s="613"/>
      <c r="APJ712" s="613"/>
      <c r="APK712" s="613"/>
      <c r="APL712" s="613"/>
      <c r="APM712" s="613"/>
      <c r="APN712" s="613"/>
      <c r="APO712" s="613"/>
      <c r="APP712" s="613"/>
      <c r="APQ712" s="613"/>
      <c r="APR712" s="613"/>
      <c r="APS712" s="613"/>
      <c r="APT712" s="613"/>
      <c r="APU712" s="613"/>
      <c r="APV712" s="613"/>
      <c r="APW712" s="613"/>
      <c r="APX712" s="613"/>
      <c r="APY712" s="613"/>
      <c r="APZ712" s="613"/>
      <c r="AQA712" s="613"/>
      <c r="AQB712" s="613"/>
      <c r="AQC712" s="613"/>
      <c r="AQD712" s="613"/>
      <c r="AQE712" s="613"/>
      <c r="AQF712" s="613"/>
      <c r="AQG712" s="613"/>
      <c r="AQH712" s="613"/>
      <c r="AQI712" s="613"/>
      <c r="AQJ712" s="613"/>
      <c r="AQK712" s="613"/>
      <c r="AQL712" s="613"/>
      <c r="AQM712" s="613"/>
      <c r="AQN712" s="613"/>
      <c r="AQO712" s="613"/>
      <c r="AQP712" s="613"/>
      <c r="AQQ712" s="613"/>
      <c r="AQR712" s="613"/>
      <c r="AQS712" s="613"/>
      <c r="AQT712" s="613"/>
      <c r="AQU712" s="613"/>
      <c r="AQV712" s="613"/>
      <c r="AQW712" s="613"/>
      <c r="AQX712" s="613"/>
      <c r="AQY712" s="613"/>
      <c r="AQZ712" s="613"/>
      <c r="ARA712" s="613"/>
      <c r="ARB712" s="613"/>
      <c r="ARC712" s="613"/>
      <c r="ARD712" s="613"/>
      <c r="ARE712" s="613"/>
      <c r="ARF712" s="613"/>
      <c r="ARG712" s="613"/>
      <c r="ARH712" s="613"/>
      <c r="ARI712" s="613"/>
      <c r="ARJ712" s="613"/>
      <c r="ARK712" s="613"/>
      <c r="ARL712" s="613"/>
      <c r="ARM712" s="613"/>
      <c r="ARN712" s="613"/>
      <c r="ARO712" s="613"/>
      <c r="ARP712" s="613"/>
      <c r="ARQ712" s="613"/>
      <c r="ARR712" s="613"/>
      <c r="ARS712" s="613"/>
      <c r="ART712" s="613"/>
      <c r="ARU712" s="613"/>
      <c r="ARV712" s="613"/>
      <c r="ARW712" s="613"/>
      <c r="ARX712" s="613"/>
      <c r="ARY712" s="613"/>
      <c r="ARZ712" s="613"/>
      <c r="ASA712" s="613"/>
      <c r="ASB712" s="613"/>
      <c r="ASC712" s="613"/>
      <c r="ASD712" s="613"/>
      <c r="ASE712" s="613"/>
      <c r="ASF712" s="613"/>
      <c r="ASG712" s="613"/>
      <c r="ASH712" s="613"/>
      <c r="ASI712" s="613"/>
      <c r="ASJ712" s="613"/>
      <c r="ASK712" s="613"/>
      <c r="ASL712" s="613"/>
      <c r="ASM712" s="613"/>
      <c r="ASN712" s="613"/>
      <c r="ASO712" s="613"/>
      <c r="ASP712" s="613"/>
      <c r="ASQ712" s="613"/>
      <c r="ASR712" s="613"/>
      <c r="ASS712" s="613"/>
      <c r="AST712" s="613"/>
      <c r="ASU712" s="613"/>
      <c r="ASV712" s="613"/>
      <c r="ASW712" s="613"/>
      <c r="ASX712" s="613"/>
      <c r="ASY712" s="613"/>
      <c r="ASZ712" s="613"/>
      <c r="ATA712" s="613"/>
      <c r="ATB712" s="613"/>
      <c r="ATC712" s="613"/>
      <c r="ATD712" s="613"/>
      <c r="ATE712" s="613"/>
      <c r="ATF712" s="613"/>
      <c r="ATG712" s="613"/>
      <c r="ATH712" s="613"/>
      <c r="ATI712" s="613"/>
      <c r="ATJ712" s="613"/>
      <c r="ATK712" s="613"/>
      <c r="ATL712" s="613"/>
      <c r="ATM712" s="613"/>
      <c r="ATN712" s="613"/>
      <c r="ATO712" s="613"/>
      <c r="ATP712" s="613"/>
      <c r="ATQ712" s="613"/>
      <c r="ATR712" s="613"/>
      <c r="ATS712" s="613"/>
      <c r="ATT712" s="613"/>
      <c r="ATU712" s="613"/>
      <c r="ATV712" s="613"/>
      <c r="ATW712" s="613"/>
      <c r="ATX712" s="613"/>
      <c r="ATY712" s="613"/>
      <c r="ATZ712" s="613"/>
      <c r="AUA712" s="613"/>
      <c r="AUB712" s="613"/>
      <c r="AUC712" s="613"/>
      <c r="AUD712" s="613"/>
      <c r="AUE712" s="613"/>
      <c r="AUF712" s="613"/>
      <c r="AUG712" s="613"/>
      <c r="AUH712" s="613"/>
      <c r="AUI712" s="613"/>
      <c r="AUJ712" s="613"/>
      <c r="AUK712" s="613"/>
      <c r="AUL712" s="613"/>
      <c r="AUM712" s="613"/>
      <c r="AUN712" s="613"/>
      <c r="AUO712" s="613"/>
      <c r="AUP712" s="613"/>
      <c r="AUQ712" s="613"/>
      <c r="AUR712" s="613"/>
      <c r="AUS712" s="613"/>
      <c r="AUT712" s="613"/>
      <c r="AUU712" s="613"/>
      <c r="AUV712" s="613"/>
      <c r="AUW712" s="613"/>
      <c r="AUX712" s="613"/>
      <c r="AUY712" s="613"/>
      <c r="AUZ712" s="613"/>
      <c r="AVA712" s="613"/>
      <c r="AVB712" s="613"/>
      <c r="AVC712" s="613"/>
      <c r="AVD712" s="613"/>
      <c r="AVE712" s="613"/>
      <c r="AVF712" s="613"/>
      <c r="AVG712" s="613"/>
      <c r="AVH712" s="613"/>
      <c r="AVI712" s="613"/>
      <c r="AVJ712" s="613"/>
      <c r="AVK712" s="613"/>
      <c r="AVL712" s="613"/>
      <c r="AVM712" s="613"/>
      <c r="AVN712" s="613"/>
      <c r="AVO712" s="613"/>
      <c r="AVP712" s="613"/>
      <c r="AVQ712" s="613"/>
      <c r="AVR712" s="613"/>
      <c r="AVS712" s="613"/>
      <c r="AVT712" s="613"/>
      <c r="AVU712" s="613"/>
      <c r="AVV712" s="613"/>
      <c r="AVW712" s="613"/>
      <c r="AVX712" s="613"/>
      <c r="AVY712" s="613"/>
      <c r="AVZ712" s="613"/>
      <c r="AWA712" s="613"/>
      <c r="AWB712" s="613"/>
      <c r="AWC712" s="613"/>
      <c r="AWD712" s="613"/>
      <c r="AWE712" s="613"/>
      <c r="AWF712" s="613"/>
      <c r="AWG712" s="613"/>
      <c r="AWH712" s="613"/>
      <c r="AWI712" s="613"/>
      <c r="AWJ712" s="613"/>
      <c r="AWK712" s="613"/>
      <c r="AWL712" s="613"/>
      <c r="AWM712" s="613"/>
      <c r="AWN712" s="613"/>
      <c r="AWO712" s="613"/>
      <c r="AWP712" s="613"/>
      <c r="AWQ712" s="613"/>
      <c r="AWR712" s="613"/>
      <c r="AWS712" s="613"/>
      <c r="AWT712" s="613"/>
      <c r="AWU712" s="613"/>
      <c r="AWV712" s="613"/>
      <c r="AWW712" s="613"/>
      <c r="AWX712" s="613"/>
      <c r="AWY712" s="613"/>
      <c r="AWZ712" s="613"/>
      <c r="AXA712" s="613"/>
      <c r="AXB712" s="613"/>
      <c r="AXC712" s="613"/>
      <c r="AXD712" s="613"/>
      <c r="AXE712" s="613"/>
      <c r="AXF712" s="613"/>
      <c r="AXG712" s="613"/>
      <c r="AXH712" s="613"/>
      <c r="AXI712" s="613"/>
      <c r="AXJ712" s="613"/>
      <c r="AXK712" s="613"/>
      <c r="AXL712" s="613"/>
      <c r="AXM712" s="613"/>
      <c r="AXN712" s="613"/>
      <c r="AXO712" s="613"/>
      <c r="AXP712" s="613"/>
      <c r="AXQ712" s="613"/>
      <c r="AXR712" s="613"/>
      <c r="AXS712" s="613"/>
      <c r="AXT712" s="613"/>
      <c r="AXU712" s="613"/>
      <c r="AXV712" s="613"/>
      <c r="AXW712" s="613"/>
      <c r="AXX712" s="613"/>
      <c r="AXY712" s="613"/>
      <c r="AXZ712" s="613"/>
      <c r="AYA712" s="613"/>
      <c r="AYB712" s="613"/>
      <c r="AYC712" s="613"/>
      <c r="AYD712" s="613"/>
      <c r="AYE712" s="613"/>
      <c r="AYF712" s="613"/>
      <c r="AYG712" s="613"/>
      <c r="AYH712" s="613"/>
      <c r="AYI712" s="613"/>
      <c r="AYJ712" s="613"/>
      <c r="AYK712" s="613"/>
      <c r="AYL712" s="613"/>
      <c r="AYM712" s="613"/>
      <c r="AYN712" s="613"/>
      <c r="AYO712" s="613"/>
      <c r="AYP712" s="613"/>
      <c r="AYQ712" s="613"/>
      <c r="AYR712" s="613"/>
      <c r="AYS712" s="613"/>
      <c r="AYT712" s="613"/>
      <c r="AYU712" s="613"/>
      <c r="AYV712" s="613"/>
      <c r="AYW712" s="613"/>
      <c r="AYX712" s="613"/>
      <c r="AYY712" s="613"/>
      <c r="AYZ712" s="613"/>
      <c r="AZA712" s="613"/>
      <c r="AZB712" s="613"/>
      <c r="AZC712" s="613"/>
      <c r="AZD712" s="613"/>
      <c r="AZE712" s="613"/>
      <c r="AZF712" s="613"/>
      <c r="AZG712" s="613"/>
      <c r="AZH712" s="613"/>
      <c r="AZI712" s="613"/>
      <c r="AZJ712" s="613"/>
      <c r="AZK712" s="613"/>
      <c r="AZL712" s="613"/>
      <c r="AZM712" s="613"/>
      <c r="AZN712" s="613"/>
      <c r="AZO712" s="613"/>
      <c r="AZP712" s="613"/>
      <c r="AZQ712" s="613"/>
      <c r="AZR712" s="613"/>
      <c r="AZS712" s="613"/>
      <c r="AZT712" s="613"/>
      <c r="AZU712" s="613"/>
      <c r="AZV712" s="613"/>
      <c r="AZW712" s="613"/>
      <c r="AZX712" s="613"/>
      <c r="AZY712" s="613"/>
      <c r="AZZ712" s="613"/>
      <c r="BAA712" s="613"/>
      <c r="BAB712" s="613"/>
      <c r="BAC712" s="613"/>
      <c r="BAD712" s="613"/>
      <c r="BAE712" s="613"/>
      <c r="BAF712" s="613"/>
      <c r="BAG712" s="613"/>
      <c r="BAH712" s="613"/>
      <c r="BAI712" s="613"/>
      <c r="BAJ712" s="613"/>
      <c r="BAK712" s="613"/>
      <c r="BAL712" s="613"/>
      <c r="BAM712" s="613"/>
      <c r="BAN712" s="613"/>
      <c r="BAO712" s="613"/>
      <c r="BAP712" s="613"/>
      <c r="BAQ712" s="613"/>
      <c r="BAR712" s="613"/>
      <c r="BAS712" s="613"/>
      <c r="BAT712" s="613"/>
      <c r="BAU712" s="613"/>
      <c r="BAV712" s="613"/>
      <c r="BAW712" s="613"/>
      <c r="BAX712" s="613"/>
      <c r="BAY712" s="613"/>
      <c r="BAZ712" s="613"/>
      <c r="BBA712" s="613"/>
      <c r="BBB712" s="613"/>
      <c r="BBC712" s="613"/>
      <c r="BBD712" s="613"/>
      <c r="BBE712" s="613"/>
      <c r="BBF712" s="613"/>
      <c r="BBG712" s="613"/>
      <c r="BBH712" s="613"/>
      <c r="BBI712" s="613"/>
      <c r="BBJ712" s="613"/>
      <c r="BBK712" s="613"/>
      <c r="BBL712" s="613"/>
      <c r="BBM712" s="613"/>
      <c r="BBN712" s="613"/>
      <c r="BBO712" s="613"/>
      <c r="BBP712" s="613"/>
      <c r="BBQ712" s="613"/>
      <c r="BBR712" s="613"/>
      <c r="BBS712" s="613"/>
      <c r="BBT712" s="613"/>
      <c r="BBU712" s="613"/>
      <c r="BBV712" s="613"/>
      <c r="BBW712" s="613"/>
      <c r="BBX712" s="613"/>
      <c r="BBY712" s="613"/>
      <c r="BBZ712" s="613"/>
      <c r="BCA712" s="613"/>
      <c r="BCB712" s="613"/>
      <c r="BCC712" s="613"/>
      <c r="BCD712" s="613"/>
      <c r="BCE712" s="613"/>
      <c r="BCF712" s="613"/>
      <c r="BCG712" s="613"/>
      <c r="BCH712" s="613"/>
      <c r="BCI712" s="613"/>
      <c r="BCJ712" s="613"/>
      <c r="BCK712" s="613"/>
      <c r="BCL712" s="613"/>
      <c r="BCM712" s="613"/>
      <c r="BCN712" s="613"/>
      <c r="BCO712" s="613"/>
      <c r="BCP712" s="613"/>
      <c r="BCQ712" s="613"/>
      <c r="BCR712" s="613"/>
      <c r="BCS712" s="613"/>
      <c r="BCT712" s="613"/>
      <c r="BCU712" s="613"/>
      <c r="BCV712" s="613"/>
      <c r="BCW712" s="613"/>
      <c r="BCX712" s="613"/>
      <c r="BCY712" s="613"/>
      <c r="BCZ712" s="613"/>
      <c r="BDA712" s="613"/>
      <c r="BDB712" s="613"/>
      <c r="BDC712" s="613"/>
      <c r="BDD712" s="613"/>
      <c r="BDE712" s="613"/>
      <c r="BDF712" s="613"/>
      <c r="BDG712" s="613"/>
      <c r="BDH712" s="613"/>
      <c r="BDI712" s="613"/>
      <c r="BDJ712" s="613"/>
      <c r="BDK712" s="613"/>
      <c r="BDL712" s="613"/>
      <c r="BDM712" s="613"/>
      <c r="BDN712" s="613"/>
      <c r="BDO712" s="613"/>
      <c r="BDP712" s="613"/>
      <c r="BDQ712" s="613"/>
      <c r="BDR712" s="613"/>
      <c r="BDS712" s="613"/>
      <c r="BDT712" s="613"/>
      <c r="BDU712" s="613"/>
      <c r="BDV712" s="613"/>
      <c r="BDW712" s="613"/>
      <c r="BDX712" s="613"/>
      <c r="BDY712" s="613"/>
      <c r="BDZ712" s="613"/>
      <c r="BEA712" s="613"/>
      <c r="BEB712" s="613"/>
      <c r="BEC712" s="613"/>
      <c r="BED712" s="613"/>
      <c r="BEE712" s="613"/>
      <c r="BEF712" s="613"/>
      <c r="BEG712" s="613"/>
      <c r="BEH712" s="613"/>
      <c r="BEI712" s="613"/>
      <c r="BEJ712" s="613"/>
      <c r="BEK712" s="613"/>
      <c r="BEL712" s="613"/>
      <c r="BEM712" s="613"/>
      <c r="BEN712" s="613"/>
      <c r="BEO712" s="613"/>
      <c r="BEP712" s="613"/>
      <c r="BEQ712" s="613"/>
      <c r="BER712" s="613"/>
      <c r="BES712" s="613"/>
      <c r="BET712" s="613"/>
      <c r="BEU712" s="613"/>
      <c r="BEV712" s="613"/>
      <c r="BEW712" s="613"/>
      <c r="BEX712" s="613"/>
      <c r="BEY712" s="613"/>
      <c r="BEZ712" s="613"/>
      <c r="BFA712" s="613"/>
      <c r="BFB712" s="613"/>
      <c r="BFC712" s="613"/>
      <c r="BFD712" s="613"/>
      <c r="BFE712" s="613"/>
      <c r="BFF712" s="613"/>
      <c r="BFG712" s="613"/>
      <c r="BFH712" s="613"/>
      <c r="BFI712" s="613"/>
      <c r="BFJ712" s="613"/>
      <c r="BFK712" s="613"/>
      <c r="BFL712" s="613"/>
      <c r="BFM712" s="613"/>
      <c r="BFN712" s="613"/>
      <c r="BFO712" s="613"/>
      <c r="BFP712" s="613"/>
      <c r="BFQ712" s="613"/>
      <c r="BFR712" s="613"/>
      <c r="BFS712" s="613"/>
      <c r="BFT712" s="613"/>
      <c r="BFU712" s="613"/>
      <c r="BFV712" s="613"/>
      <c r="BFW712" s="613"/>
      <c r="BFX712" s="613"/>
      <c r="BFY712" s="613"/>
      <c r="BFZ712" s="613"/>
      <c r="BGA712" s="613"/>
      <c r="BGB712" s="613"/>
      <c r="BGC712" s="613"/>
      <c r="BGD712" s="613"/>
      <c r="BGE712" s="613"/>
      <c r="BGF712" s="613"/>
      <c r="BGG712" s="613"/>
      <c r="BGH712" s="613"/>
      <c r="BGI712" s="613"/>
      <c r="BGJ712" s="613"/>
      <c r="BGK712" s="613"/>
      <c r="BGL712" s="613"/>
      <c r="BGM712" s="613"/>
      <c r="BGN712" s="613"/>
      <c r="BGO712" s="613"/>
      <c r="BGP712" s="613"/>
      <c r="BGQ712" s="613"/>
      <c r="BGR712" s="613"/>
      <c r="BGS712" s="613"/>
      <c r="BGT712" s="613"/>
      <c r="BGU712" s="613"/>
      <c r="BGV712" s="613"/>
      <c r="BGW712" s="613"/>
      <c r="BGX712" s="613"/>
      <c r="BGY712" s="613"/>
      <c r="BGZ712" s="613"/>
      <c r="BHA712" s="613"/>
      <c r="BHB712" s="613"/>
      <c r="BHC712" s="613"/>
      <c r="BHD712" s="613"/>
      <c r="BHE712" s="613"/>
      <c r="BHF712" s="613"/>
      <c r="BHG712" s="613"/>
      <c r="BHH712" s="613"/>
      <c r="BHI712" s="613"/>
      <c r="BHJ712" s="613"/>
      <c r="BHK712" s="613"/>
      <c r="BHL712" s="613"/>
      <c r="BHM712" s="613"/>
      <c r="BHN712" s="613"/>
      <c r="BHO712" s="613"/>
      <c r="BHP712" s="613"/>
      <c r="BHQ712" s="613"/>
      <c r="BHR712" s="613"/>
      <c r="BHS712" s="613"/>
      <c r="BHT712" s="613"/>
      <c r="BHU712" s="613"/>
      <c r="BHV712" s="613"/>
      <c r="BHW712" s="613"/>
      <c r="BHX712" s="613"/>
      <c r="BHY712" s="613"/>
      <c r="BHZ712" s="613"/>
      <c r="BIA712" s="613"/>
      <c r="BIB712" s="613"/>
      <c r="BIC712" s="613"/>
      <c r="BID712" s="613"/>
      <c r="BIE712" s="613"/>
      <c r="BIF712" s="613"/>
      <c r="BIG712" s="613"/>
      <c r="BIH712" s="613"/>
      <c r="BII712" s="613"/>
      <c r="BIJ712" s="613"/>
      <c r="BIK712" s="613"/>
      <c r="BIL712" s="613"/>
      <c r="BIM712" s="613"/>
      <c r="BIN712" s="613"/>
      <c r="BIO712" s="613"/>
      <c r="BIP712" s="613"/>
      <c r="BIQ712" s="613"/>
      <c r="BIR712" s="613"/>
      <c r="BIS712" s="613"/>
      <c r="BIT712" s="613"/>
      <c r="BIU712" s="613"/>
      <c r="BIV712" s="613"/>
      <c r="BIW712" s="613"/>
      <c r="BIX712" s="613"/>
      <c r="BIY712" s="613"/>
      <c r="BIZ712" s="613"/>
      <c r="BJA712" s="613"/>
      <c r="BJB712" s="613"/>
      <c r="BJC712" s="613"/>
      <c r="BJD712" s="613"/>
      <c r="BJE712" s="613"/>
      <c r="BJF712" s="613"/>
      <c r="BJG712" s="613"/>
      <c r="BJH712" s="613"/>
      <c r="BJI712" s="613"/>
      <c r="BJJ712" s="613"/>
      <c r="BJK712" s="613"/>
      <c r="BJL712" s="613"/>
      <c r="BJM712" s="613"/>
      <c r="BJN712" s="613"/>
      <c r="BJO712" s="613"/>
      <c r="BJP712" s="613"/>
      <c r="BJQ712" s="613"/>
      <c r="BJR712" s="613"/>
      <c r="BJS712" s="613"/>
      <c r="BJT712" s="613"/>
      <c r="BJU712" s="613"/>
      <c r="BJV712" s="613"/>
      <c r="BJW712" s="613"/>
      <c r="BJX712" s="613"/>
      <c r="BJY712" s="613"/>
      <c r="BJZ712" s="613"/>
      <c r="BKA712" s="613"/>
      <c r="BKB712" s="613"/>
      <c r="BKC712" s="613"/>
      <c r="BKD712" s="613"/>
      <c r="BKE712" s="613"/>
      <c r="BKF712" s="613"/>
      <c r="BKG712" s="613"/>
      <c r="BKH712" s="613"/>
      <c r="BKI712" s="613"/>
      <c r="BKJ712" s="613"/>
      <c r="BKK712" s="613"/>
      <c r="BKL712" s="613"/>
      <c r="BKM712" s="613"/>
      <c r="BKN712" s="613"/>
      <c r="BKO712" s="613"/>
      <c r="BKP712" s="613"/>
      <c r="BKQ712" s="613"/>
      <c r="BKR712" s="613"/>
      <c r="BKS712" s="613"/>
      <c r="BKT712" s="613"/>
      <c r="BKU712" s="613"/>
      <c r="BKV712" s="613"/>
      <c r="BKW712" s="613"/>
      <c r="BKX712" s="613"/>
      <c r="BKY712" s="613"/>
      <c r="BKZ712" s="613"/>
      <c r="BLA712" s="613"/>
      <c r="BLB712" s="613"/>
      <c r="BLC712" s="613"/>
      <c r="BLD712" s="613"/>
      <c r="BLE712" s="613"/>
      <c r="BLF712" s="613"/>
      <c r="BLG712" s="613"/>
      <c r="BLH712" s="613"/>
      <c r="BLI712" s="613"/>
      <c r="BLJ712" s="613"/>
      <c r="BLK712" s="613"/>
      <c r="BLL712" s="613"/>
      <c r="BLM712" s="613"/>
      <c r="BLN712" s="613"/>
      <c r="BLO712" s="613"/>
      <c r="BLP712" s="613"/>
      <c r="BLQ712" s="613"/>
      <c r="BLR712" s="613"/>
      <c r="BLS712" s="613"/>
      <c r="BLT712" s="613"/>
      <c r="BLU712" s="613"/>
      <c r="BLV712" s="613"/>
      <c r="BLW712" s="613"/>
      <c r="BLX712" s="613"/>
      <c r="BLY712" s="613"/>
      <c r="BLZ712" s="613"/>
      <c r="BMA712" s="613"/>
      <c r="BMB712" s="613"/>
      <c r="BMC712" s="613"/>
      <c r="BMD712" s="613"/>
      <c r="BME712" s="613"/>
      <c r="BMF712" s="613"/>
      <c r="BMG712" s="613"/>
      <c r="BMH712" s="613"/>
      <c r="BMI712" s="613"/>
      <c r="BMJ712" s="613"/>
      <c r="BMK712" s="613"/>
      <c r="BML712" s="613"/>
      <c r="BMM712" s="613"/>
      <c r="BMN712" s="613"/>
      <c r="BMO712" s="613"/>
      <c r="BMP712" s="613"/>
      <c r="BMQ712" s="613"/>
      <c r="BMR712" s="613"/>
      <c r="BMS712" s="613"/>
      <c r="BMT712" s="613"/>
      <c r="BMU712" s="613"/>
      <c r="BMV712" s="613"/>
      <c r="BMW712" s="613"/>
      <c r="BMX712" s="613"/>
      <c r="BMY712" s="613"/>
      <c r="BMZ712" s="613"/>
      <c r="BNA712" s="613"/>
      <c r="BNB712" s="613"/>
      <c r="BNC712" s="613"/>
      <c r="BND712" s="613"/>
      <c r="BNE712" s="613"/>
      <c r="BNF712" s="613"/>
      <c r="BNG712" s="613"/>
      <c r="BNH712" s="613"/>
      <c r="BNI712" s="613"/>
      <c r="BNJ712" s="613"/>
      <c r="BNK712" s="613"/>
      <c r="BNL712" s="613"/>
      <c r="BNM712" s="613"/>
      <c r="BNN712" s="613"/>
      <c r="BNO712" s="613"/>
      <c r="BNP712" s="613"/>
      <c r="BNQ712" s="613"/>
      <c r="BNR712" s="613"/>
      <c r="BNS712" s="613"/>
      <c r="BNT712" s="613"/>
      <c r="BNU712" s="613"/>
      <c r="BNV712" s="613"/>
      <c r="BNW712" s="613"/>
      <c r="BNX712" s="613"/>
      <c r="BNY712" s="613"/>
      <c r="BNZ712" s="613"/>
      <c r="BOA712" s="613"/>
      <c r="BOB712" s="613"/>
      <c r="BOC712" s="613"/>
      <c r="BOD712" s="613"/>
      <c r="BOE712" s="613"/>
      <c r="BOF712" s="613"/>
      <c r="BOG712" s="613"/>
      <c r="BOH712" s="613"/>
      <c r="BOI712" s="613"/>
      <c r="BOJ712" s="613"/>
      <c r="BOK712" s="613"/>
      <c r="BOL712" s="613"/>
      <c r="BOM712" s="613"/>
      <c r="BON712" s="613"/>
      <c r="BOO712" s="613"/>
      <c r="BOP712" s="613"/>
      <c r="BOQ712" s="613"/>
      <c r="BOR712" s="613"/>
      <c r="BOS712" s="613"/>
      <c r="BOT712" s="613"/>
      <c r="BOU712" s="613"/>
      <c r="BOV712" s="613"/>
      <c r="BOW712" s="613"/>
      <c r="BOX712" s="613"/>
      <c r="BOY712" s="613"/>
      <c r="BOZ712" s="613"/>
      <c r="BPA712" s="613"/>
      <c r="BPB712" s="613"/>
      <c r="BPC712" s="613"/>
      <c r="BPD712" s="613"/>
      <c r="BPE712" s="613"/>
      <c r="BPF712" s="613"/>
      <c r="BPG712" s="613"/>
      <c r="BPH712" s="613"/>
      <c r="BPI712" s="613"/>
      <c r="BPJ712" s="613"/>
      <c r="BPK712" s="613"/>
      <c r="BPL712" s="613"/>
      <c r="BPM712" s="613"/>
      <c r="BPN712" s="613"/>
      <c r="BPO712" s="613"/>
      <c r="BPP712" s="613"/>
      <c r="BPQ712" s="613"/>
      <c r="BPR712" s="613"/>
      <c r="BPS712" s="613"/>
      <c r="BPT712" s="613"/>
      <c r="BPU712" s="613"/>
      <c r="BPV712" s="613"/>
      <c r="BPW712" s="613"/>
      <c r="BPX712" s="613"/>
      <c r="BPY712" s="613"/>
      <c r="BPZ712" s="613"/>
      <c r="BQA712" s="613"/>
      <c r="BQB712" s="613"/>
      <c r="BQC712" s="613"/>
      <c r="BQD712" s="613"/>
      <c r="BQE712" s="613"/>
      <c r="BQF712" s="613"/>
      <c r="BQG712" s="613"/>
      <c r="BQH712" s="613"/>
      <c r="BQI712" s="613"/>
      <c r="BQJ712" s="613"/>
      <c r="BQK712" s="613"/>
      <c r="BQL712" s="613"/>
      <c r="BQM712" s="613"/>
      <c r="BQN712" s="613"/>
      <c r="BQO712" s="613"/>
      <c r="BQP712" s="613"/>
      <c r="BQQ712" s="613"/>
      <c r="BQR712" s="613"/>
      <c r="BQS712" s="613"/>
      <c r="BQT712" s="613"/>
      <c r="BQU712" s="613"/>
      <c r="BQV712" s="613"/>
      <c r="BQW712" s="613"/>
      <c r="BQX712" s="613"/>
      <c r="BQY712" s="613"/>
      <c r="BQZ712" s="613"/>
      <c r="BRA712" s="613"/>
      <c r="BRB712" s="613"/>
      <c r="BRC712" s="613"/>
      <c r="BRD712" s="613"/>
      <c r="BRE712" s="613"/>
      <c r="BRF712" s="613"/>
      <c r="BRG712" s="613"/>
      <c r="BRH712" s="613"/>
      <c r="BRI712" s="613"/>
      <c r="BRJ712" s="613"/>
      <c r="BRK712" s="613"/>
      <c r="BRL712" s="613"/>
      <c r="BRM712" s="613"/>
      <c r="BRN712" s="613"/>
      <c r="BRO712" s="613"/>
      <c r="BRP712" s="613"/>
      <c r="BRQ712" s="613"/>
      <c r="BRR712" s="613"/>
      <c r="BRS712" s="613"/>
      <c r="BRT712" s="613"/>
      <c r="BRU712" s="613"/>
      <c r="BRV712" s="613"/>
      <c r="BRW712" s="613"/>
      <c r="BRX712" s="613"/>
      <c r="BRY712" s="613"/>
      <c r="BRZ712" s="613"/>
      <c r="BSA712" s="613"/>
      <c r="BSB712" s="613"/>
      <c r="BSC712" s="613"/>
      <c r="BSD712" s="613"/>
      <c r="BSE712" s="613"/>
      <c r="BSF712" s="613"/>
      <c r="BSG712" s="613"/>
      <c r="BSH712" s="613"/>
      <c r="BSI712" s="613"/>
      <c r="BSJ712" s="613"/>
      <c r="BSK712" s="613"/>
      <c r="BSL712" s="613"/>
      <c r="BSM712" s="613"/>
      <c r="BSN712" s="613"/>
      <c r="BSO712" s="613"/>
      <c r="BSP712" s="613"/>
      <c r="BSQ712" s="613"/>
      <c r="BSR712" s="613"/>
      <c r="BSS712" s="613"/>
      <c r="BST712" s="613"/>
      <c r="BSU712" s="613"/>
      <c r="BSV712" s="613"/>
      <c r="BSW712" s="613"/>
      <c r="BSX712" s="613"/>
      <c r="BSY712" s="613"/>
      <c r="BSZ712" s="613"/>
      <c r="BTA712" s="613"/>
      <c r="BTB712" s="613"/>
      <c r="BTC712" s="613"/>
      <c r="BTD712" s="613"/>
      <c r="BTE712" s="613"/>
      <c r="BTF712" s="613"/>
      <c r="BTG712" s="613"/>
      <c r="BTH712" s="613"/>
      <c r="BTI712" s="613"/>
      <c r="BTJ712" s="613"/>
      <c r="BTK712" s="613"/>
      <c r="BTL712" s="613"/>
      <c r="BTM712" s="613"/>
      <c r="BTN712" s="613"/>
      <c r="BTO712" s="613"/>
      <c r="BTP712" s="613"/>
      <c r="BTQ712" s="613"/>
      <c r="BTR712" s="613"/>
      <c r="BTS712" s="613"/>
      <c r="BTT712" s="613"/>
      <c r="BTU712" s="613"/>
      <c r="BTV712" s="613"/>
      <c r="BTW712" s="613"/>
      <c r="BTX712" s="613"/>
      <c r="BTY712" s="613"/>
      <c r="BTZ712" s="613"/>
      <c r="BUA712" s="613"/>
      <c r="BUB712" s="613"/>
      <c r="BUC712" s="613"/>
      <c r="BUD712" s="613"/>
      <c r="BUE712" s="613"/>
      <c r="BUF712" s="613"/>
      <c r="BUG712" s="613"/>
      <c r="BUH712" s="613"/>
      <c r="BUI712" s="613"/>
      <c r="BUJ712" s="613"/>
      <c r="BUK712" s="613"/>
      <c r="BUL712" s="613"/>
      <c r="BUM712" s="613"/>
      <c r="BUN712" s="613"/>
      <c r="BUO712" s="613"/>
      <c r="BUP712" s="613"/>
      <c r="BUQ712" s="613"/>
      <c r="BUR712" s="613"/>
      <c r="BUS712" s="613"/>
      <c r="BUT712" s="613"/>
      <c r="BUU712" s="613"/>
      <c r="BUV712" s="613"/>
      <c r="BUW712" s="613"/>
      <c r="BUX712" s="613"/>
      <c r="BUY712" s="613"/>
      <c r="BUZ712" s="613"/>
      <c r="BVA712" s="613"/>
      <c r="BVB712" s="613"/>
      <c r="BVC712" s="613"/>
      <c r="BVD712" s="613"/>
      <c r="BVE712" s="613"/>
      <c r="BVF712" s="613"/>
      <c r="BVG712" s="613"/>
      <c r="BVH712" s="613"/>
      <c r="BVI712" s="613"/>
      <c r="BVJ712" s="613"/>
      <c r="BVK712" s="613"/>
      <c r="BVL712" s="613"/>
      <c r="BVM712" s="613"/>
      <c r="BVN712" s="613"/>
      <c r="BVO712" s="613"/>
      <c r="BVP712" s="613"/>
      <c r="BVQ712" s="613"/>
      <c r="BVR712" s="613"/>
      <c r="BVS712" s="613"/>
      <c r="BVT712" s="613"/>
      <c r="BVU712" s="613"/>
      <c r="BVV712" s="613"/>
      <c r="BVW712" s="613"/>
      <c r="BVX712" s="613"/>
      <c r="BVY712" s="613"/>
      <c r="BVZ712" s="613"/>
      <c r="BWA712" s="613"/>
      <c r="BWB712" s="613"/>
      <c r="BWC712" s="613"/>
      <c r="BWD712" s="613"/>
      <c r="BWE712" s="613"/>
      <c r="BWF712" s="613"/>
      <c r="BWG712" s="613"/>
      <c r="BWH712" s="613"/>
      <c r="BWI712" s="613"/>
      <c r="BWJ712" s="613"/>
      <c r="BWK712" s="613"/>
      <c r="BWL712" s="613"/>
      <c r="BWM712" s="613"/>
      <c r="BWN712" s="613"/>
      <c r="BWO712" s="613"/>
      <c r="BWP712" s="613"/>
      <c r="BWQ712" s="613"/>
      <c r="BWR712" s="613"/>
      <c r="BWS712" s="613"/>
      <c r="BWT712" s="613"/>
      <c r="BWU712" s="613"/>
      <c r="BWV712" s="613"/>
      <c r="BWW712" s="613"/>
      <c r="BWX712" s="613"/>
      <c r="BWY712" s="613"/>
      <c r="BWZ712" s="613"/>
      <c r="BXA712" s="613"/>
      <c r="BXB712" s="613"/>
      <c r="BXC712" s="613"/>
      <c r="BXD712" s="613"/>
      <c r="BXE712" s="613"/>
      <c r="BXF712" s="613"/>
      <c r="BXG712" s="613"/>
      <c r="BXH712" s="613"/>
      <c r="BXI712" s="613"/>
      <c r="BXJ712" s="613"/>
      <c r="BXK712" s="613"/>
      <c r="BXL712" s="613"/>
      <c r="BXM712" s="613"/>
      <c r="BXN712" s="613"/>
      <c r="BXO712" s="613"/>
      <c r="BXP712" s="613"/>
      <c r="BXQ712" s="613"/>
      <c r="BXR712" s="613"/>
      <c r="BXS712" s="613"/>
      <c r="BXT712" s="613"/>
      <c r="BXU712" s="613"/>
      <c r="BXV712" s="613"/>
      <c r="BXW712" s="613"/>
      <c r="BXX712" s="613"/>
      <c r="BXY712" s="613"/>
      <c r="BXZ712" s="613"/>
      <c r="BYA712" s="613"/>
      <c r="BYB712" s="613"/>
      <c r="BYC712" s="613"/>
      <c r="BYD712" s="613"/>
      <c r="BYE712" s="613"/>
      <c r="BYF712" s="613"/>
      <c r="BYG712" s="613"/>
      <c r="BYH712" s="613"/>
      <c r="BYI712" s="613"/>
      <c r="BYJ712" s="613"/>
      <c r="BYK712" s="613"/>
      <c r="BYL712" s="613"/>
      <c r="BYM712" s="613"/>
      <c r="BYN712" s="613"/>
      <c r="BYO712" s="613"/>
      <c r="BYP712" s="613"/>
      <c r="BYQ712" s="613"/>
      <c r="BYR712" s="613"/>
      <c r="BYS712" s="613"/>
      <c r="BYT712" s="613"/>
      <c r="BYU712" s="613"/>
      <c r="BYV712" s="613"/>
      <c r="BYW712" s="613"/>
      <c r="BYX712" s="613"/>
      <c r="BYY712" s="613"/>
      <c r="BYZ712" s="613"/>
      <c r="BZA712" s="613"/>
      <c r="BZB712" s="613"/>
      <c r="BZC712" s="613"/>
      <c r="BZD712" s="613"/>
      <c r="BZE712" s="613"/>
      <c r="BZF712" s="613"/>
      <c r="BZG712" s="613"/>
      <c r="BZH712" s="613"/>
      <c r="BZI712" s="613"/>
      <c r="BZJ712" s="613"/>
      <c r="BZK712" s="613"/>
      <c r="BZL712" s="613"/>
      <c r="BZM712" s="613"/>
      <c r="BZN712" s="613"/>
      <c r="BZO712" s="613"/>
      <c r="BZP712" s="613"/>
      <c r="BZQ712" s="613"/>
      <c r="BZR712" s="613"/>
      <c r="BZS712" s="613"/>
      <c r="BZT712" s="613"/>
      <c r="BZU712" s="613"/>
      <c r="BZV712" s="613"/>
      <c r="BZW712" s="613"/>
      <c r="BZX712" s="613"/>
      <c r="BZY712" s="613"/>
      <c r="BZZ712" s="613"/>
      <c r="CAA712" s="613"/>
      <c r="CAB712" s="613"/>
      <c r="CAC712" s="613"/>
      <c r="CAD712" s="613"/>
      <c r="CAE712" s="613"/>
      <c r="CAF712" s="613"/>
      <c r="CAG712" s="613"/>
      <c r="CAH712" s="613"/>
      <c r="CAI712" s="613"/>
      <c r="CAJ712" s="613"/>
      <c r="CAK712" s="613"/>
      <c r="CAL712" s="613"/>
      <c r="CAM712" s="613"/>
      <c r="CAN712" s="613"/>
      <c r="CAO712" s="613"/>
      <c r="CAP712" s="613"/>
      <c r="CAQ712" s="613"/>
      <c r="CAR712" s="613"/>
      <c r="CAS712" s="613"/>
      <c r="CAT712" s="613"/>
      <c r="CAU712" s="613"/>
      <c r="CAV712" s="613"/>
      <c r="CAW712" s="613"/>
      <c r="CAX712" s="613"/>
      <c r="CAY712" s="613"/>
      <c r="CAZ712" s="613"/>
      <c r="CBA712" s="613"/>
      <c r="CBB712" s="613"/>
      <c r="CBC712" s="613"/>
      <c r="CBD712" s="613"/>
      <c r="CBE712" s="613"/>
      <c r="CBF712" s="613"/>
      <c r="CBG712" s="613"/>
      <c r="CBH712" s="613"/>
      <c r="CBI712" s="613"/>
      <c r="CBJ712" s="613"/>
      <c r="CBK712" s="613"/>
      <c r="CBL712" s="613"/>
      <c r="CBM712" s="613"/>
      <c r="CBN712" s="613"/>
      <c r="CBO712" s="613"/>
      <c r="CBP712" s="613"/>
      <c r="CBQ712" s="613"/>
      <c r="CBR712" s="613"/>
      <c r="CBS712" s="613"/>
      <c r="CBT712" s="613"/>
      <c r="CBU712" s="613"/>
      <c r="CBV712" s="613"/>
      <c r="CBW712" s="613"/>
      <c r="CBX712" s="613"/>
      <c r="CBY712" s="613"/>
      <c r="CBZ712" s="613"/>
      <c r="CCA712" s="613"/>
      <c r="CCB712" s="613"/>
      <c r="CCC712" s="613"/>
      <c r="CCD712" s="613"/>
      <c r="CCE712" s="613"/>
      <c r="CCF712" s="613"/>
      <c r="CCG712" s="613"/>
      <c r="CCH712" s="613"/>
      <c r="CCI712" s="613"/>
      <c r="CCJ712" s="613"/>
      <c r="CCK712" s="613"/>
      <c r="CCL712" s="613"/>
      <c r="CCM712" s="613"/>
      <c r="CCN712" s="613"/>
      <c r="CCO712" s="613"/>
      <c r="CCP712" s="613"/>
      <c r="CCQ712" s="613"/>
      <c r="CCR712" s="613"/>
      <c r="CCS712" s="613"/>
      <c r="CCT712" s="613"/>
      <c r="CCU712" s="613"/>
      <c r="CCV712" s="613"/>
      <c r="CCW712" s="613"/>
      <c r="CCX712" s="613"/>
      <c r="CCY712" s="613"/>
      <c r="CCZ712" s="613"/>
      <c r="CDA712" s="613"/>
      <c r="CDB712" s="613"/>
      <c r="CDC712" s="613"/>
      <c r="CDD712" s="613"/>
      <c r="CDE712" s="613"/>
      <c r="CDF712" s="613"/>
      <c r="CDG712" s="613"/>
      <c r="CDH712" s="613"/>
      <c r="CDI712" s="613"/>
      <c r="CDJ712" s="613"/>
      <c r="CDK712" s="613"/>
      <c r="CDL712" s="613"/>
      <c r="CDM712" s="613"/>
      <c r="CDN712" s="613"/>
      <c r="CDO712" s="613"/>
      <c r="CDP712" s="613"/>
      <c r="CDQ712" s="613"/>
      <c r="CDR712" s="613"/>
      <c r="CDS712" s="613"/>
      <c r="CDT712" s="613"/>
      <c r="CDU712" s="613"/>
      <c r="CDV712" s="613"/>
      <c r="CDW712" s="613"/>
      <c r="CDX712" s="613"/>
      <c r="CDY712" s="613"/>
      <c r="CDZ712" s="613"/>
      <c r="CEA712" s="613"/>
      <c r="CEB712" s="613"/>
      <c r="CEC712" s="613"/>
      <c r="CED712" s="613"/>
      <c r="CEE712" s="613"/>
      <c r="CEF712" s="613"/>
      <c r="CEG712" s="613"/>
      <c r="CEH712" s="613"/>
      <c r="CEI712" s="613"/>
      <c r="CEJ712" s="613"/>
      <c r="CEK712" s="613"/>
      <c r="CEL712" s="613"/>
      <c r="CEM712" s="613"/>
      <c r="CEN712" s="613"/>
      <c r="CEO712" s="613"/>
      <c r="CEP712" s="613"/>
      <c r="CEQ712" s="613"/>
      <c r="CER712" s="613"/>
      <c r="CES712" s="613"/>
      <c r="CET712" s="613"/>
      <c r="CEU712" s="613"/>
      <c r="CEV712" s="613"/>
      <c r="CEW712" s="613"/>
      <c r="CEX712" s="613"/>
      <c r="CEY712" s="613"/>
      <c r="CEZ712" s="613"/>
      <c r="CFA712" s="613"/>
      <c r="CFB712" s="613"/>
      <c r="CFC712" s="613"/>
      <c r="CFD712" s="613"/>
      <c r="CFE712" s="613"/>
      <c r="CFF712" s="613"/>
      <c r="CFG712" s="613"/>
      <c r="CFH712" s="613"/>
      <c r="CFI712" s="613"/>
      <c r="CFJ712" s="613"/>
      <c r="CFK712" s="613"/>
      <c r="CFL712" s="613"/>
      <c r="CFM712" s="613"/>
      <c r="CFN712" s="613"/>
      <c r="CFO712" s="613"/>
      <c r="CFP712" s="613"/>
      <c r="CFQ712" s="613"/>
      <c r="CFR712" s="613"/>
      <c r="CFS712" s="613"/>
      <c r="CFT712" s="613"/>
      <c r="CFU712" s="613"/>
      <c r="CFV712" s="613"/>
      <c r="CFW712" s="613"/>
      <c r="CFX712" s="613"/>
      <c r="CFY712" s="613"/>
      <c r="CFZ712" s="613"/>
      <c r="CGA712" s="613"/>
      <c r="CGB712" s="613"/>
      <c r="CGC712" s="613"/>
      <c r="CGD712" s="613"/>
      <c r="CGE712" s="613"/>
      <c r="CGF712" s="613"/>
      <c r="CGG712" s="613"/>
      <c r="CGH712" s="613"/>
      <c r="CGI712" s="613"/>
      <c r="CGJ712" s="613"/>
      <c r="CGK712" s="613"/>
      <c r="CGL712" s="613"/>
      <c r="CGM712" s="613"/>
      <c r="CGN712" s="613"/>
      <c r="CGO712" s="613"/>
      <c r="CGP712" s="613"/>
      <c r="CGQ712" s="613"/>
      <c r="CGR712" s="613"/>
      <c r="CGS712" s="613"/>
      <c r="CGT712" s="613"/>
      <c r="CGU712" s="613"/>
      <c r="CGV712" s="613"/>
      <c r="CGW712" s="613"/>
      <c r="CGX712" s="613"/>
      <c r="CGY712" s="613"/>
      <c r="CGZ712" s="613"/>
      <c r="CHA712" s="613"/>
      <c r="CHB712" s="613"/>
      <c r="CHC712" s="613"/>
      <c r="CHD712" s="613"/>
      <c r="CHE712" s="613"/>
      <c r="CHF712" s="613"/>
      <c r="CHG712" s="613"/>
      <c r="CHH712" s="613"/>
      <c r="CHI712" s="613"/>
      <c r="CHJ712" s="613"/>
      <c r="CHK712" s="613"/>
      <c r="CHL712" s="613"/>
      <c r="CHM712" s="613"/>
      <c r="CHN712" s="613"/>
      <c r="CHO712" s="613"/>
      <c r="CHP712" s="613"/>
      <c r="CHQ712" s="613"/>
      <c r="CHR712" s="613"/>
      <c r="CHS712" s="613"/>
      <c r="CHT712" s="613"/>
      <c r="CHU712" s="613"/>
      <c r="CHV712" s="613"/>
      <c r="CHW712" s="613"/>
      <c r="CHX712" s="613"/>
      <c r="CHY712" s="613"/>
      <c r="CHZ712" s="613"/>
      <c r="CIA712" s="613"/>
      <c r="CIB712" s="613"/>
      <c r="CIC712" s="613"/>
      <c r="CID712" s="613"/>
      <c r="CIE712" s="613"/>
      <c r="CIF712" s="613"/>
      <c r="CIG712" s="613"/>
      <c r="CIH712" s="613"/>
      <c r="CII712" s="613"/>
      <c r="CIJ712" s="613"/>
      <c r="CIK712" s="613"/>
      <c r="CIL712" s="613"/>
      <c r="CIM712" s="613"/>
      <c r="CIN712" s="613"/>
      <c r="CIO712" s="613"/>
      <c r="CIP712" s="613"/>
      <c r="CIQ712" s="613"/>
      <c r="CIR712" s="613"/>
      <c r="CIS712" s="613"/>
      <c r="CIT712" s="613"/>
      <c r="CIU712" s="613"/>
      <c r="CIV712" s="613"/>
      <c r="CIW712" s="613"/>
      <c r="CIX712" s="613"/>
      <c r="CIY712" s="613"/>
      <c r="CIZ712" s="613"/>
      <c r="CJA712" s="613"/>
      <c r="CJB712" s="613"/>
      <c r="CJC712" s="613"/>
      <c r="CJD712" s="613"/>
      <c r="CJE712" s="613"/>
      <c r="CJF712" s="613"/>
      <c r="CJG712" s="613"/>
      <c r="CJH712" s="613"/>
      <c r="CJI712" s="613"/>
      <c r="CJJ712" s="613"/>
      <c r="CJK712" s="613"/>
      <c r="CJL712" s="613"/>
      <c r="CJM712" s="613"/>
      <c r="CJN712" s="613"/>
      <c r="CJO712" s="613"/>
      <c r="CJP712" s="613"/>
      <c r="CJQ712" s="613"/>
      <c r="CJR712" s="613"/>
      <c r="CJS712" s="613"/>
      <c r="CJT712" s="613"/>
      <c r="CJU712" s="613"/>
      <c r="CJV712" s="613"/>
      <c r="CJW712" s="613"/>
      <c r="CJX712" s="613"/>
      <c r="CJY712" s="613"/>
      <c r="CJZ712" s="613"/>
      <c r="CKA712" s="613"/>
      <c r="CKB712" s="613"/>
      <c r="CKC712" s="613"/>
      <c r="CKD712" s="613"/>
      <c r="CKE712" s="613"/>
      <c r="CKF712" s="613"/>
      <c r="CKG712" s="613"/>
      <c r="CKH712" s="613"/>
      <c r="CKI712" s="613"/>
      <c r="CKJ712" s="613"/>
      <c r="CKK712" s="613"/>
      <c r="CKL712" s="613"/>
      <c r="CKM712" s="613"/>
      <c r="CKN712" s="613"/>
      <c r="CKO712" s="613"/>
      <c r="CKP712" s="613"/>
      <c r="CKQ712" s="613"/>
      <c r="CKR712" s="613"/>
      <c r="CKS712" s="613"/>
      <c r="CKT712" s="613"/>
      <c r="CKU712" s="613"/>
      <c r="CKV712" s="613"/>
      <c r="CKW712" s="613"/>
      <c r="CKX712" s="613"/>
      <c r="CKY712" s="613"/>
      <c r="CKZ712" s="613"/>
      <c r="CLA712" s="613"/>
      <c r="CLB712" s="613"/>
      <c r="CLC712" s="613"/>
      <c r="CLD712" s="613"/>
      <c r="CLE712" s="613"/>
      <c r="CLF712" s="613"/>
      <c r="CLG712" s="613"/>
      <c r="CLH712" s="613"/>
      <c r="CLI712" s="613"/>
      <c r="CLJ712" s="613"/>
      <c r="CLK712" s="613"/>
      <c r="CLL712" s="613"/>
      <c r="CLM712" s="613"/>
      <c r="CLN712" s="613"/>
      <c r="CLO712" s="613"/>
      <c r="CLP712" s="613"/>
      <c r="CLQ712" s="613"/>
      <c r="CLR712" s="613"/>
      <c r="CLS712" s="613"/>
      <c r="CLT712" s="613"/>
      <c r="CLU712" s="613"/>
      <c r="CLV712" s="613"/>
      <c r="CLW712" s="613"/>
      <c r="CLX712" s="613"/>
      <c r="CLY712" s="613"/>
      <c r="CLZ712" s="613"/>
      <c r="CMA712" s="613"/>
      <c r="CMB712" s="613"/>
      <c r="CMC712" s="613"/>
      <c r="CMD712" s="613"/>
      <c r="CME712" s="613"/>
      <c r="CMF712" s="613"/>
      <c r="CMG712" s="613"/>
      <c r="CMH712" s="613"/>
      <c r="CMI712" s="613"/>
      <c r="CMJ712" s="613"/>
      <c r="CMK712" s="613"/>
      <c r="CML712" s="613"/>
      <c r="CMM712" s="613"/>
      <c r="CMN712" s="613"/>
      <c r="CMO712" s="613"/>
      <c r="CMP712" s="613"/>
      <c r="CMQ712" s="613"/>
      <c r="CMR712" s="613"/>
      <c r="CMS712" s="613"/>
      <c r="CMT712" s="613"/>
      <c r="CMU712" s="613"/>
      <c r="CMV712" s="613"/>
      <c r="CMW712" s="613"/>
      <c r="CMX712" s="613"/>
      <c r="CMY712" s="613"/>
      <c r="CMZ712" s="613"/>
      <c r="CNA712" s="613"/>
      <c r="CNB712" s="613"/>
      <c r="CNC712" s="613"/>
      <c r="CND712" s="613"/>
      <c r="CNE712" s="613"/>
      <c r="CNF712" s="613"/>
      <c r="CNG712" s="613"/>
      <c r="CNH712" s="613"/>
      <c r="CNI712" s="613"/>
      <c r="CNJ712" s="613"/>
      <c r="CNK712" s="613"/>
      <c r="CNL712" s="613"/>
      <c r="CNM712" s="613"/>
      <c r="CNN712" s="613"/>
      <c r="CNO712" s="613"/>
      <c r="CNP712" s="613"/>
      <c r="CNQ712" s="613"/>
      <c r="CNR712" s="613"/>
      <c r="CNS712" s="613"/>
      <c r="CNT712" s="613"/>
      <c r="CNU712" s="613"/>
      <c r="CNV712" s="613"/>
      <c r="CNW712" s="613"/>
      <c r="CNX712" s="613"/>
      <c r="CNY712" s="613"/>
      <c r="CNZ712" s="613"/>
      <c r="COA712" s="613"/>
      <c r="COB712" s="613"/>
      <c r="COC712" s="613"/>
      <c r="COD712" s="613"/>
      <c r="COE712" s="613"/>
      <c r="COF712" s="613"/>
      <c r="COG712" s="613"/>
      <c r="COH712" s="613"/>
      <c r="COI712" s="613"/>
      <c r="COJ712" s="613"/>
      <c r="COK712" s="613"/>
      <c r="COL712" s="613"/>
      <c r="COM712" s="613"/>
      <c r="CON712" s="613"/>
      <c r="COO712" s="613"/>
      <c r="COP712" s="613"/>
      <c r="COQ712" s="613"/>
      <c r="COR712" s="613"/>
      <c r="COS712" s="613"/>
      <c r="COT712" s="613"/>
      <c r="COU712" s="613"/>
      <c r="COV712" s="613"/>
      <c r="COW712" s="613"/>
      <c r="COX712" s="613"/>
      <c r="COY712" s="613"/>
      <c r="COZ712" s="613"/>
      <c r="CPA712" s="613"/>
      <c r="CPB712" s="613"/>
      <c r="CPC712" s="613"/>
      <c r="CPD712" s="613"/>
      <c r="CPE712" s="613"/>
      <c r="CPF712" s="613"/>
      <c r="CPG712" s="613"/>
      <c r="CPH712" s="613"/>
      <c r="CPI712" s="613"/>
      <c r="CPJ712" s="613"/>
      <c r="CPK712" s="613"/>
      <c r="CPL712" s="613"/>
      <c r="CPM712" s="613"/>
      <c r="CPN712" s="613"/>
      <c r="CPO712" s="613"/>
      <c r="CPP712" s="613"/>
      <c r="CPQ712" s="613"/>
      <c r="CPR712" s="613"/>
      <c r="CPS712" s="613"/>
      <c r="CPT712" s="613"/>
      <c r="CPU712" s="613"/>
      <c r="CPV712" s="613"/>
      <c r="CPW712" s="613"/>
      <c r="CPX712" s="613"/>
      <c r="CPY712" s="613"/>
      <c r="CPZ712" s="613"/>
      <c r="CQA712" s="613"/>
      <c r="CQB712" s="613"/>
      <c r="CQC712" s="613"/>
      <c r="CQD712" s="613"/>
      <c r="CQE712" s="613"/>
      <c r="CQF712" s="613"/>
      <c r="CQG712" s="613"/>
      <c r="CQH712" s="613"/>
      <c r="CQI712" s="613"/>
      <c r="CQJ712" s="613"/>
      <c r="CQK712" s="613"/>
      <c r="CQL712" s="613"/>
      <c r="CQM712" s="613"/>
      <c r="CQN712" s="613"/>
      <c r="CQO712" s="613"/>
      <c r="CQP712" s="613"/>
      <c r="CQQ712" s="613"/>
      <c r="CQR712" s="613"/>
      <c r="CQS712" s="613"/>
      <c r="CQT712" s="613"/>
      <c r="CQU712" s="613"/>
      <c r="CQV712" s="613"/>
      <c r="CQW712" s="613"/>
      <c r="CQX712" s="613"/>
      <c r="CQY712" s="613"/>
      <c r="CQZ712" s="613"/>
      <c r="CRA712" s="613"/>
      <c r="CRB712" s="613"/>
      <c r="CRC712" s="613"/>
      <c r="CRD712" s="613"/>
      <c r="CRE712" s="613"/>
      <c r="CRF712" s="613"/>
      <c r="CRG712" s="613"/>
      <c r="CRH712" s="613"/>
      <c r="CRI712" s="613"/>
      <c r="CRJ712" s="613"/>
      <c r="CRK712" s="613"/>
      <c r="CRL712" s="613"/>
      <c r="CRM712" s="613"/>
      <c r="CRN712" s="613"/>
      <c r="CRO712" s="613"/>
      <c r="CRP712" s="613"/>
      <c r="CRQ712" s="613"/>
      <c r="CRR712" s="613"/>
      <c r="CRS712" s="613"/>
      <c r="CRT712" s="613"/>
      <c r="CRU712" s="613"/>
      <c r="CRV712" s="613"/>
      <c r="CRW712" s="613"/>
      <c r="CRX712" s="613"/>
      <c r="CRY712" s="613"/>
      <c r="CRZ712" s="613"/>
      <c r="CSA712" s="613"/>
      <c r="CSB712" s="613"/>
      <c r="CSC712" s="613"/>
      <c r="CSD712" s="613"/>
      <c r="CSE712" s="613"/>
      <c r="CSF712" s="613"/>
      <c r="CSG712" s="613"/>
      <c r="CSH712" s="613"/>
      <c r="CSI712" s="613"/>
      <c r="CSJ712" s="613"/>
      <c r="CSK712" s="613"/>
      <c r="CSL712" s="613"/>
      <c r="CSM712" s="613"/>
      <c r="CSN712" s="613"/>
      <c r="CSO712" s="613"/>
      <c r="CSP712" s="613"/>
      <c r="CSQ712" s="613"/>
      <c r="CSR712" s="613"/>
      <c r="CSS712" s="613"/>
      <c r="CST712" s="613"/>
      <c r="CSU712" s="613"/>
      <c r="CSV712" s="613"/>
      <c r="CSW712" s="613"/>
      <c r="CSX712" s="613"/>
      <c r="CSY712" s="613"/>
      <c r="CSZ712" s="613"/>
      <c r="CTA712" s="613"/>
      <c r="CTB712" s="613"/>
      <c r="CTC712" s="613"/>
      <c r="CTD712" s="613"/>
      <c r="CTE712" s="613"/>
      <c r="CTF712" s="613"/>
      <c r="CTG712" s="613"/>
      <c r="CTH712" s="613"/>
      <c r="CTI712" s="613"/>
      <c r="CTJ712" s="613"/>
      <c r="CTK712" s="613"/>
      <c r="CTL712" s="613"/>
      <c r="CTM712" s="613"/>
      <c r="CTN712" s="613"/>
      <c r="CTO712" s="613"/>
      <c r="CTP712" s="613"/>
      <c r="CTQ712" s="613"/>
      <c r="CTR712" s="613"/>
      <c r="CTS712" s="613"/>
      <c r="CTT712" s="613"/>
      <c r="CTU712" s="613"/>
      <c r="CTV712" s="613"/>
      <c r="CTW712" s="613"/>
      <c r="CTX712" s="613"/>
      <c r="CTY712" s="613"/>
      <c r="CTZ712" s="613"/>
      <c r="CUA712" s="613"/>
      <c r="CUB712" s="613"/>
      <c r="CUC712" s="613"/>
      <c r="CUD712" s="613"/>
      <c r="CUE712" s="613"/>
      <c r="CUF712" s="613"/>
      <c r="CUG712" s="613"/>
      <c r="CUH712" s="613"/>
      <c r="CUI712" s="613"/>
      <c r="CUJ712" s="613"/>
      <c r="CUK712" s="613"/>
      <c r="CUL712" s="613"/>
      <c r="CUM712" s="613"/>
      <c r="CUN712" s="613"/>
      <c r="CUO712" s="613"/>
      <c r="CUP712" s="613"/>
      <c r="CUQ712" s="613"/>
      <c r="CUR712" s="613"/>
      <c r="CUS712" s="613"/>
      <c r="CUT712" s="613"/>
      <c r="CUU712" s="613"/>
      <c r="CUV712" s="613"/>
      <c r="CUW712" s="613"/>
      <c r="CUX712" s="613"/>
      <c r="CUY712" s="613"/>
      <c r="CUZ712" s="613"/>
      <c r="CVA712" s="613"/>
      <c r="CVB712" s="613"/>
      <c r="CVC712" s="613"/>
      <c r="CVD712" s="613"/>
      <c r="CVE712" s="613"/>
      <c r="CVF712" s="613"/>
      <c r="CVG712" s="613"/>
      <c r="CVH712" s="613"/>
      <c r="CVI712" s="613"/>
      <c r="CVJ712" s="613"/>
      <c r="CVK712" s="613"/>
      <c r="CVL712" s="613"/>
      <c r="CVM712" s="613"/>
      <c r="CVN712" s="613"/>
      <c r="CVO712" s="613"/>
      <c r="CVP712" s="613"/>
      <c r="CVQ712" s="613"/>
      <c r="CVR712" s="613"/>
      <c r="CVS712" s="613"/>
      <c r="CVT712" s="613"/>
      <c r="CVU712" s="613"/>
      <c r="CVV712" s="613"/>
      <c r="CVW712" s="613"/>
      <c r="CVX712" s="613"/>
      <c r="CVY712" s="613"/>
      <c r="CVZ712" s="613"/>
      <c r="CWA712" s="613"/>
      <c r="CWB712" s="613"/>
      <c r="CWC712" s="613"/>
      <c r="CWD712" s="613"/>
      <c r="CWE712" s="613"/>
      <c r="CWF712" s="613"/>
      <c r="CWG712" s="613"/>
      <c r="CWH712" s="613"/>
      <c r="CWI712" s="613"/>
      <c r="CWJ712" s="613"/>
      <c r="CWK712" s="613"/>
      <c r="CWL712" s="613"/>
      <c r="CWM712" s="613"/>
      <c r="CWN712" s="613"/>
      <c r="CWO712" s="613"/>
      <c r="CWP712" s="613"/>
      <c r="CWQ712" s="613"/>
      <c r="CWR712" s="613"/>
      <c r="CWS712" s="613"/>
      <c r="CWT712" s="613"/>
      <c r="CWU712" s="613"/>
      <c r="CWV712" s="613"/>
      <c r="CWW712" s="613"/>
      <c r="CWX712" s="613"/>
      <c r="CWY712" s="613"/>
      <c r="CWZ712" s="613"/>
      <c r="CXA712" s="613"/>
      <c r="CXB712" s="613"/>
      <c r="CXC712" s="613"/>
      <c r="CXD712" s="613"/>
      <c r="CXE712" s="613"/>
      <c r="CXF712" s="613"/>
      <c r="CXG712" s="613"/>
      <c r="CXH712" s="613"/>
      <c r="CXI712" s="613"/>
      <c r="CXJ712" s="613"/>
      <c r="CXK712" s="613"/>
      <c r="CXL712" s="613"/>
      <c r="CXM712" s="613"/>
      <c r="CXN712" s="613"/>
      <c r="CXO712" s="613"/>
      <c r="CXP712" s="613"/>
      <c r="CXQ712" s="613"/>
      <c r="CXR712" s="613"/>
      <c r="CXS712" s="613"/>
      <c r="CXT712" s="613"/>
      <c r="CXU712" s="613"/>
      <c r="CXV712" s="613"/>
      <c r="CXW712" s="613"/>
      <c r="CXX712" s="613"/>
      <c r="CXY712" s="613"/>
      <c r="CXZ712" s="613"/>
      <c r="CYA712" s="613"/>
      <c r="CYB712" s="613"/>
      <c r="CYC712" s="613"/>
      <c r="CYD712" s="613"/>
      <c r="CYE712" s="613"/>
      <c r="CYF712" s="613"/>
      <c r="CYG712" s="613"/>
      <c r="CYH712" s="613"/>
      <c r="CYI712" s="613"/>
      <c r="CYJ712" s="613"/>
      <c r="CYK712" s="613"/>
      <c r="CYL712" s="613"/>
      <c r="CYM712" s="613"/>
      <c r="CYN712" s="613"/>
      <c r="CYO712" s="613"/>
      <c r="CYP712" s="613"/>
      <c r="CYQ712" s="613"/>
      <c r="CYR712" s="613"/>
      <c r="CYS712" s="613"/>
      <c r="CYT712" s="613"/>
      <c r="CYU712" s="613"/>
      <c r="CYV712" s="613"/>
      <c r="CYW712" s="613"/>
      <c r="CYX712" s="613"/>
      <c r="CYY712" s="613"/>
      <c r="CYZ712" s="613"/>
      <c r="CZA712" s="613"/>
      <c r="CZB712" s="613"/>
      <c r="CZC712" s="613"/>
      <c r="CZD712" s="613"/>
      <c r="CZE712" s="613"/>
      <c r="CZF712" s="613"/>
      <c r="CZG712" s="613"/>
      <c r="CZH712" s="613"/>
      <c r="CZI712" s="613"/>
      <c r="CZJ712" s="613"/>
      <c r="CZK712" s="613"/>
      <c r="CZL712" s="613"/>
      <c r="CZM712" s="613"/>
      <c r="CZN712" s="613"/>
      <c r="CZO712" s="613"/>
      <c r="CZP712" s="613"/>
      <c r="CZQ712" s="613"/>
      <c r="CZR712" s="613"/>
      <c r="CZS712" s="613"/>
      <c r="CZT712" s="613"/>
      <c r="CZU712" s="613"/>
      <c r="CZV712" s="613"/>
      <c r="CZW712" s="613"/>
      <c r="CZX712" s="613"/>
      <c r="CZY712" s="613"/>
      <c r="CZZ712" s="613"/>
      <c r="DAA712" s="613"/>
      <c r="DAB712" s="613"/>
      <c r="DAC712" s="613"/>
      <c r="DAD712" s="613"/>
      <c r="DAE712" s="613"/>
      <c r="DAF712" s="613"/>
      <c r="DAG712" s="613"/>
      <c r="DAH712" s="613"/>
      <c r="DAI712" s="613"/>
      <c r="DAJ712" s="613"/>
      <c r="DAK712" s="613"/>
      <c r="DAL712" s="613"/>
      <c r="DAM712" s="613"/>
      <c r="DAN712" s="613"/>
      <c r="DAO712" s="613"/>
      <c r="DAP712" s="613"/>
      <c r="DAQ712" s="613"/>
      <c r="DAR712" s="613"/>
      <c r="DAS712" s="613"/>
      <c r="DAT712" s="613"/>
      <c r="DAU712" s="613"/>
      <c r="DAV712" s="613"/>
      <c r="DAW712" s="613"/>
      <c r="DAX712" s="613"/>
      <c r="DAY712" s="613"/>
      <c r="DAZ712" s="613"/>
      <c r="DBA712" s="613"/>
      <c r="DBB712" s="613"/>
      <c r="DBC712" s="613"/>
      <c r="DBD712" s="613"/>
      <c r="DBE712" s="613"/>
      <c r="DBF712" s="613"/>
      <c r="DBG712" s="613"/>
      <c r="DBH712" s="613"/>
      <c r="DBI712" s="613"/>
      <c r="DBJ712" s="613"/>
      <c r="DBK712" s="613"/>
      <c r="DBL712" s="613"/>
      <c r="DBM712" s="613"/>
      <c r="DBN712" s="613"/>
      <c r="DBO712" s="613"/>
      <c r="DBP712" s="613"/>
      <c r="DBQ712" s="613"/>
      <c r="DBR712" s="613"/>
      <c r="DBS712" s="613"/>
      <c r="DBT712" s="613"/>
      <c r="DBU712" s="613"/>
      <c r="DBV712" s="613"/>
      <c r="DBW712" s="613"/>
      <c r="DBX712" s="613"/>
      <c r="DBY712" s="613"/>
      <c r="DBZ712" s="613"/>
      <c r="DCA712" s="613"/>
      <c r="DCB712" s="613"/>
      <c r="DCC712" s="613"/>
      <c r="DCD712" s="613"/>
      <c r="DCE712" s="613"/>
      <c r="DCF712" s="613"/>
      <c r="DCG712" s="613"/>
      <c r="DCH712" s="613"/>
      <c r="DCI712" s="613"/>
      <c r="DCJ712" s="613"/>
      <c r="DCK712" s="613"/>
      <c r="DCL712" s="613"/>
      <c r="DCM712" s="613"/>
      <c r="DCN712" s="613"/>
      <c r="DCO712" s="613"/>
      <c r="DCP712" s="613"/>
      <c r="DCQ712" s="613"/>
      <c r="DCR712" s="613"/>
      <c r="DCS712" s="613"/>
      <c r="DCT712" s="613"/>
      <c r="DCU712" s="613"/>
      <c r="DCV712" s="613"/>
      <c r="DCW712" s="613"/>
      <c r="DCX712" s="613"/>
      <c r="DCY712" s="613"/>
      <c r="DCZ712" s="613"/>
      <c r="DDA712" s="613"/>
      <c r="DDB712" s="613"/>
      <c r="DDC712" s="613"/>
      <c r="DDD712" s="613"/>
      <c r="DDE712" s="613"/>
      <c r="DDF712" s="613"/>
      <c r="DDG712" s="613"/>
      <c r="DDH712" s="613"/>
      <c r="DDI712" s="613"/>
      <c r="DDJ712" s="613"/>
      <c r="DDK712" s="613"/>
      <c r="DDL712" s="613"/>
      <c r="DDM712" s="613"/>
      <c r="DDN712" s="613"/>
      <c r="DDO712" s="613"/>
      <c r="DDP712" s="613"/>
      <c r="DDQ712" s="613"/>
      <c r="DDR712" s="613"/>
      <c r="DDS712" s="613"/>
      <c r="DDT712" s="613"/>
      <c r="DDU712" s="613"/>
      <c r="DDV712" s="613"/>
      <c r="DDW712" s="613"/>
      <c r="DDX712" s="613"/>
      <c r="DDY712" s="613"/>
      <c r="DDZ712" s="613"/>
      <c r="DEA712" s="613"/>
      <c r="DEB712" s="613"/>
      <c r="DEC712" s="613"/>
      <c r="DED712" s="613"/>
      <c r="DEE712" s="613"/>
      <c r="DEF712" s="613"/>
      <c r="DEG712" s="613"/>
      <c r="DEH712" s="613"/>
      <c r="DEI712" s="613"/>
      <c r="DEJ712" s="613"/>
      <c r="DEK712" s="613"/>
      <c r="DEL712" s="613"/>
      <c r="DEM712" s="613"/>
      <c r="DEN712" s="613"/>
      <c r="DEO712" s="613"/>
      <c r="DEP712" s="613"/>
      <c r="DEQ712" s="613"/>
      <c r="DER712" s="613"/>
      <c r="DES712" s="613"/>
      <c r="DET712" s="613"/>
      <c r="DEU712" s="613"/>
      <c r="DEV712" s="613"/>
      <c r="DEW712" s="613"/>
      <c r="DEX712" s="613"/>
      <c r="DEY712" s="613"/>
      <c r="DEZ712" s="613"/>
      <c r="DFA712" s="613"/>
      <c r="DFB712" s="613"/>
      <c r="DFC712" s="613"/>
      <c r="DFD712" s="613"/>
      <c r="DFE712" s="613"/>
      <c r="DFF712" s="613"/>
      <c r="DFG712" s="613"/>
      <c r="DFH712" s="613"/>
      <c r="DFI712" s="613"/>
      <c r="DFJ712" s="613"/>
      <c r="DFK712" s="613"/>
      <c r="DFL712" s="613"/>
      <c r="DFM712" s="613"/>
      <c r="DFN712" s="613"/>
      <c r="DFO712" s="613"/>
      <c r="DFP712" s="613"/>
      <c r="DFQ712" s="613"/>
      <c r="DFR712" s="613"/>
      <c r="DFS712" s="613"/>
      <c r="DFT712" s="613"/>
      <c r="DFU712" s="613"/>
      <c r="DFV712" s="613"/>
      <c r="DFW712" s="613"/>
      <c r="DFX712" s="613"/>
      <c r="DFY712" s="613"/>
      <c r="DFZ712" s="613"/>
      <c r="DGA712" s="613"/>
      <c r="DGB712" s="613"/>
      <c r="DGC712" s="613"/>
      <c r="DGD712" s="613"/>
      <c r="DGE712" s="613"/>
      <c r="DGF712" s="613"/>
      <c r="DGG712" s="613"/>
      <c r="DGH712" s="613"/>
      <c r="DGI712" s="613"/>
      <c r="DGJ712" s="613"/>
      <c r="DGK712" s="613"/>
      <c r="DGL712" s="613"/>
      <c r="DGM712" s="613"/>
      <c r="DGN712" s="613"/>
      <c r="DGO712" s="613"/>
      <c r="DGP712" s="613"/>
      <c r="DGQ712" s="613"/>
      <c r="DGR712" s="613"/>
      <c r="DGS712" s="613"/>
      <c r="DGT712" s="613"/>
      <c r="DGU712" s="613"/>
      <c r="DGV712" s="613"/>
      <c r="DGW712" s="613"/>
      <c r="DGX712" s="613"/>
      <c r="DGY712" s="613"/>
      <c r="DGZ712" s="613"/>
      <c r="DHA712" s="613"/>
      <c r="DHB712" s="613"/>
      <c r="DHC712" s="613"/>
      <c r="DHD712" s="613"/>
      <c r="DHE712" s="613"/>
      <c r="DHF712" s="613"/>
      <c r="DHG712" s="613"/>
      <c r="DHH712" s="613"/>
      <c r="DHI712" s="613"/>
      <c r="DHJ712" s="613"/>
      <c r="DHK712" s="613"/>
      <c r="DHL712" s="613"/>
      <c r="DHM712" s="613"/>
      <c r="DHN712" s="613"/>
      <c r="DHO712" s="613"/>
      <c r="DHP712" s="613"/>
      <c r="DHQ712" s="613"/>
      <c r="DHR712" s="613"/>
      <c r="DHS712" s="613"/>
      <c r="DHT712" s="613"/>
      <c r="DHU712" s="613"/>
      <c r="DHV712" s="613"/>
      <c r="DHW712" s="613"/>
      <c r="DHX712" s="613"/>
      <c r="DHY712" s="613"/>
      <c r="DHZ712" s="613"/>
      <c r="DIA712" s="613"/>
      <c r="DIB712" s="613"/>
      <c r="DIC712" s="613"/>
      <c r="DID712" s="613"/>
      <c r="DIE712" s="613"/>
      <c r="DIF712" s="613"/>
      <c r="DIG712" s="613"/>
      <c r="DIH712" s="613"/>
      <c r="DII712" s="613"/>
      <c r="DIJ712" s="613"/>
      <c r="DIK712" s="613"/>
      <c r="DIL712" s="613"/>
      <c r="DIM712" s="613"/>
      <c r="DIN712" s="613"/>
      <c r="DIO712" s="613"/>
      <c r="DIP712" s="613"/>
      <c r="DIQ712" s="613"/>
      <c r="DIR712" s="613"/>
      <c r="DIS712" s="613"/>
      <c r="DIT712" s="613"/>
      <c r="DIU712" s="613"/>
      <c r="DIV712" s="613"/>
      <c r="DIW712" s="613"/>
      <c r="DIX712" s="613"/>
      <c r="DIY712" s="613"/>
      <c r="DIZ712" s="613"/>
      <c r="DJA712" s="613"/>
      <c r="DJB712" s="613"/>
      <c r="DJC712" s="613"/>
      <c r="DJD712" s="613"/>
      <c r="DJE712" s="613"/>
      <c r="DJF712" s="613"/>
      <c r="DJG712" s="613"/>
      <c r="DJH712" s="613"/>
      <c r="DJI712" s="613"/>
      <c r="DJJ712" s="613"/>
      <c r="DJK712" s="613"/>
      <c r="DJL712" s="613"/>
      <c r="DJM712" s="613"/>
      <c r="DJN712" s="613"/>
      <c r="DJO712" s="613"/>
      <c r="DJP712" s="613"/>
      <c r="DJQ712" s="613"/>
      <c r="DJR712" s="613"/>
      <c r="DJS712" s="613"/>
      <c r="DJT712" s="613"/>
      <c r="DJU712" s="613"/>
      <c r="DJV712" s="613"/>
      <c r="DJW712" s="613"/>
      <c r="DJX712" s="613"/>
      <c r="DJY712" s="613"/>
      <c r="DJZ712" s="613"/>
      <c r="DKA712" s="613"/>
      <c r="DKB712" s="613"/>
      <c r="DKC712" s="613"/>
      <c r="DKD712" s="613"/>
      <c r="DKE712" s="613"/>
      <c r="DKF712" s="613"/>
      <c r="DKG712" s="613"/>
      <c r="DKH712" s="613"/>
      <c r="DKI712" s="613"/>
      <c r="DKJ712" s="613"/>
      <c r="DKK712" s="613"/>
      <c r="DKL712" s="613"/>
      <c r="DKM712" s="613"/>
      <c r="DKN712" s="613"/>
      <c r="DKO712" s="613"/>
      <c r="DKP712" s="613"/>
      <c r="DKQ712" s="613"/>
      <c r="DKR712" s="613"/>
      <c r="DKS712" s="613"/>
      <c r="DKT712" s="613"/>
      <c r="DKU712" s="613"/>
      <c r="DKV712" s="613"/>
      <c r="DKW712" s="613"/>
      <c r="DKX712" s="613"/>
      <c r="DKY712" s="613"/>
      <c r="DKZ712" s="613"/>
      <c r="DLA712" s="613"/>
      <c r="DLB712" s="613"/>
      <c r="DLC712" s="613"/>
      <c r="DLD712" s="613"/>
      <c r="DLE712" s="613"/>
      <c r="DLF712" s="613"/>
      <c r="DLG712" s="613"/>
      <c r="DLH712" s="613"/>
      <c r="DLI712" s="613"/>
      <c r="DLJ712" s="613"/>
      <c r="DLK712" s="613"/>
      <c r="DLL712" s="613"/>
      <c r="DLM712" s="613"/>
      <c r="DLN712" s="613"/>
      <c r="DLO712" s="613"/>
      <c r="DLP712" s="613"/>
      <c r="DLQ712" s="613"/>
      <c r="DLR712" s="613"/>
      <c r="DLS712" s="613"/>
      <c r="DLT712" s="613"/>
      <c r="DLU712" s="613"/>
      <c r="DLV712" s="613"/>
      <c r="DLW712" s="613"/>
      <c r="DLX712" s="613"/>
      <c r="DLY712" s="613"/>
      <c r="DLZ712" s="613"/>
      <c r="DMA712" s="613"/>
      <c r="DMB712" s="613"/>
      <c r="DMC712" s="613"/>
      <c r="DMD712" s="613"/>
      <c r="DME712" s="613"/>
      <c r="DMF712" s="613"/>
      <c r="DMG712" s="613"/>
      <c r="DMH712" s="613"/>
      <c r="DMI712" s="613"/>
      <c r="DMJ712" s="613"/>
      <c r="DMK712" s="613"/>
      <c r="DML712" s="613"/>
      <c r="DMM712" s="613"/>
      <c r="DMN712" s="613"/>
      <c r="DMO712" s="613"/>
      <c r="DMP712" s="613"/>
      <c r="DMQ712" s="613"/>
      <c r="DMR712" s="613"/>
      <c r="DMS712" s="613"/>
      <c r="DMT712" s="613"/>
      <c r="DMU712" s="613"/>
      <c r="DMV712" s="613"/>
      <c r="DMW712" s="613"/>
      <c r="DMX712" s="613"/>
      <c r="DMY712" s="613"/>
      <c r="DMZ712" s="613"/>
      <c r="DNA712" s="613"/>
      <c r="DNB712" s="613"/>
      <c r="DNC712" s="613"/>
      <c r="DND712" s="613"/>
      <c r="DNE712" s="613"/>
      <c r="DNF712" s="613"/>
      <c r="DNG712" s="613"/>
      <c r="DNH712" s="613"/>
      <c r="DNI712" s="613"/>
      <c r="DNJ712" s="613"/>
      <c r="DNK712" s="613"/>
      <c r="DNL712" s="613"/>
      <c r="DNM712" s="613"/>
      <c r="DNN712" s="613"/>
      <c r="DNO712" s="613"/>
      <c r="DNP712" s="613"/>
      <c r="DNQ712" s="613"/>
      <c r="DNR712" s="613"/>
      <c r="DNS712" s="613"/>
      <c r="DNT712" s="613"/>
      <c r="DNU712" s="613"/>
      <c r="DNV712" s="613"/>
      <c r="DNW712" s="613"/>
      <c r="DNX712" s="613"/>
      <c r="DNY712" s="613"/>
      <c r="DNZ712" s="613"/>
      <c r="DOA712" s="613"/>
      <c r="DOB712" s="613"/>
      <c r="DOC712" s="613"/>
      <c r="DOD712" s="613"/>
      <c r="DOE712" s="613"/>
      <c r="DOF712" s="613"/>
      <c r="DOG712" s="613"/>
      <c r="DOH712" s="613"/>
      <c r="DOI712" s="613"/>
      <c r="DOJ712" s="613"/>
      <c r="DOK712" s="613"/>
      <c r="DOL712" s="613"/>
      <c r="DOM712" s="613"/>
      <c r="DON712" s="613"/>
      <c r="DOO712" s="613"/>
      <c r="DOP712" s="613"/>
      <c r="DOQ712" s="613"/>
      <c r="DOR712" s="613"/>
      <c r="DOS712" s="613"/>
      <c r="DOT712" s="613"/>
      <c r="DOU712" s="613"/>
      <c r="DOV712" s="613"/>
      <c r="DOW712" s="613"/>
      <c r="DOX712" s="613"/>
      <c r="DOY712" s="613"/>
      <c r="DOZ712" s="613"/>
      <c r="DPA712" s="613"/>
      <c r="DPB712" s="613"/>
      <c r="DPC712" s="613"/>
      <c r="DPD712" s="613"/>
      <c r="DPE712" s="613"/>
      <c r="DPF712" s="613"/>
      <c r="DPG712" s="613"/>
      <c r="DPH712" s="613"/>
      <c r="DPI712" s="613"/>
      <c r="DPJ712" s="613"/>
      <c r="DPK712" s="613"/>
      <c r="DPL712" s="613"/>
      <c r="DPM712" s="613"/>
      <c r="DPN712" s="613"/>
      <c r="DPO712" s="613"/>
      <c r="DPP712" s="613"/>
      <c r="DPQ712" s="613"/>
      <c r="DPR712" s="613"/>
      <c r="DPS712" s="613"/>
      <c r="DPT712" s="613"/>
      <c r="DPU712" s="613"/>
      <c r="DPV712" s="613"/>
      <c r="DPW712" s="613"/>
      <c r="DPX712" s="613"/>
      <c r="DPY712" s="613"/>
      <c r="DPZ712" s="613"/>
      <c r="DQA712" s="613"/>
      <c r="DQB712" s="613"/>
      <c r="DQC712" s="613"/>
      <c r="DQD712" s="613"/>
      <c r="DQE712" s="613"/>
      <c r="DQF712" s="613"/>
      <c r="DQG712" s="613"/>
      <c r="DQH712" s="613"/>
      <c r="DQI712" s="613"/>
      <c r="DQJ712" s="613"/>
      <c r="DQK712" s="613"/>
      <c r="DQL712" s="613"/>
      <c r="DQM712" s="613"/>
      <c r="DQN712" s="613"/>
      <c r="DQO712" s="613"/>
      <c r="DQP712" s="613"/>
      <c r="DQQ712" s="613"/>
      <c r="DQR712" s="613"/>
      <c r="DQS712" s="613"/>
      <c r="DQT712" s="613"/>
      <c r="DQU712" s="613"/>
      <c r="DQV712" s="613"/>
      <c r="DQW712" s="613"/>
      <c r="DQX712" s="613"/>
      <c r="DQY712" s="613"/>
      <c r="DQZ712" s="613"/>
      <c r="DRA712" s="613"/>
      <c r="DRB712" s="613"/>
      <c r="DRC712" s="613"/>
      <c r="DRD712" s="613"/>
      <c r="DRE712" s="613"/>
      <c r="DRF712" s="613"/>
      <c r="DRG712" s="613"/>
      <c r="DRH712" s="613"/>
      <c r="DRI712" s="613"/>
      <c r="DRJ712" s="613"/>
      <c r="DRK712" s="613"/>
      <c r="DRL712" s="613"/>
      <c r="DRM712" s="613"/>
      <c r="DRN712" s="613"/>
      <c r="DRO712" s="613"/>
      <c r="DRP712" s="613"/>
      <c r="DRQ712" s="613"/>
      <c r="DRR712" s="613"/>
      <c r="DRS712" s="613"/>
      <c r="DRT712" s="613"/>
      <c r="DRU712" s="613"/>
      <c r="DRV712" s="613"/>
      <c r="DRW712" s="613"/>
      <c r="DRX712" s="613"/>
      <c r="DRY712" s="613"/>
      <c r="DRZ712" s="613"/>
      <c r="DSA712" s="613"/>
      <c r="DSB712" s="613"/>
      <c r="DSC712" s="613"/>
      <c r="DSD712" s="613"/>
      <c r="DSE712" s="613"/>
      <c r="DSF712" s="613"/>
      <c r="DSG712" s="613"/>
      <c r="DSH712" s="613"/>
      <c r="DSI712" s="613"/>
      <c r="DSJ712" s="613"/>
      <c r="DSK712" s="613"/>
      <c r="DSL712" s="613"/>
      <c r="DSM712" s="613"/>
      <c r="DSN712" s="613"/>
      <c r="DSO712" s="613"/>
      <c r="DSP712" s="613"/>
      <c r="DSQ712" s="613"/>
      <c r="DSR712" s="613"/>
      <c r="DSS712" s="613"/>
      <c r="DST712" s="613"/>
      <c r="DSU712" s="613"/>
      <c r="DSV712" s="613"/>
      <c r="DSW712" s="613"/>
      <c r="DSX712" s="613"/>
      <c r="DSY712" s="613"/>
      <c r="DSZ712" s="613"/>
      <c r="DTA712" s="613"/>
      <c r="DTB712" s="613"/>
      <c r="DTC712" s="613"/>
      <c r="DTD712" s="613"/>
      <c r="DTE712" s="613"/>
      <c r="DTF712" s="613"/>
      <c r="DTG712" s="613"/>
      <c r="DTH712" s="613"/>
      <c r="DTI712" s="613"/>
      <c r="DTJ712" s="613"/>
      <c r="DTK712" s="613"/>
      <c r="DTL712" s="613"/>
      <c r="DTM712" s="613"/>
      <c r="DTN712" s="613"/>
      <c r="DTO712" s="613"/>
      <c r="DTP712" s="613"/>
      <c r="DTQ712" s="613"/>
      <c r="DTR712" s="613"/>
      <c r="DTS712" s="613"/>
      <c r="DTT712" s="613"/>
      <c r="DTU712" s="613"/>
      <c r="DTV712" s="613"/>
      <c r="DTW712" s="613"/>
      <c r="DTX712" s="613"/>
      <c r="DTY712" s="613"/>
      <c r="DTZ712" s="613"/>
      <c r="DUA712" s="613"/>
      <c r="DUB712" s="613"/>
      <c r="DUC712" s="613"/>
      <c r="DUD712" s="613"/>
      <c r="DUE712" s="613"/>
      <c r="DUF712" s="613"/>
      <c r="DUG712" s="613"/>
      <c r="DUH712" s="613"/>
      <c r="DUI712" s="613"/>
      <c r="DUJ712" s="613"/>
      <c r="DUK712" s="613"/>
      <c r="DUL712" s="613"/>
      <c r="DUM712" s="613"/>
      <c r="DUN712" s="613"/>
      <c r="DUO712" s="613"/>
      <c r="DUP712" s="613"/>
      <c r="DUQ712" s="613"/>
      <c r="DUR712" s="613"/>
      <c r="DUS712" s="613"/>
      <c r="DUT712" s="613"/>
      <c r="DUU712" s="613"/>
      <c r="DUV712" s="613"/>
      <c r="DUW712" s="613"/>
      <c r="DUX712" s="613"/>
      <c r="DUY712" s="613"/>
      <c r="DUZ712" s="613"/>
      <c r="DVA712" s="613"/>
      <c r="DVB712" s="613"/>
      <c r="DVC712" s="613"/>
      <c r="DVD712" s="613"/>
      <c r="DVE712" s="613"/>
      <c r="DVF712" s="613"/>
      <c r="DVG712" s="613"/>
      <c r="DVH712" s="613"/>
      <c r="DVI712" s="613"/>
      <c r="DVJ712" s="613"/>
      <c r="DVK712" s="613"/>
      <c r="DVL712" s="613"/>
      <c r="DVM712" s="613"/>
      <c r="DVN712" s="613"/>
      <c r="DVO712" s="613"/>
      <c r="DVP712" s="613"/>
      <c r="DVQ712" s="613"/>
      <c r="DVR712" s="613"/>
      <c r="DVS712" s="613"/>
      <c r="DVT712" s="613"/>
      <c r="DVU712" s="613"/>
      <c r="DVV712" s="613"/>
      <c r="DVW712" s="613"/>
      <c r="DVX712" s="613"/>
      <c r="DVY712" s="613"/>
      <c r="DVZ712" s="613"/>
      <c r="DWA712" s="613"/>
      <c r="DWB712" s="613"/>
      <c r="DWC712" s="613"/>
      <c r="DWD712" s="613"/>
      <c r="DWE712" s="613"/>
      <c r="DWF712" s="613"/>
      <c r="DWG712" s="613"/>
      <c r="DWH712" s="613"/>
      <c r="DWI712" s="613"/>
      <c r="DWJ712" s="613"/>
      <c r="DWK712" s="613"/>
      <c r="DWL712" s="613"/>
      <c r="DWM712" s="613"/>
      <c r="DWN712" s="613"/>
      <c r="DWO712" s="613"/>
      <c r="DWP712" s="613"/>
      <c r="DWQ712" s="613"/>
      <c r="DWR712" s="613"/>
      <c r="DWS712" s="613"/>
      <c r="DWT712" s="613"/>
      <c r="DWU712" s="613"/>
      <c r="DWV712" s="613"/>
      <c r="DWW712" s="613"/>
      <c r="DWX712" s="613"/>
      <c r="DWY712" s="613"/>
      <c r="DWZ712" s="613"/>
      <c r="DXA712" s="613"/>
      <c r="DXB712" s="613"/>
      <c r="DXC712" s="613"/>
      <c r="DXD712" s="613"/>
      <c r="DXE712" s="613"/>
      <c r="DXF712" s="613"/>
      <c r="DXG712" s="613"/>
      <c r="DXH712" s="613"/>
      <c r="DXI712" s="613"/>
      <c r="DXJ712" s="613"/>
      <c r="DXK712" s="613"/>
      <c r="DXL712" s="613"/>
      <c r="DXM712" s="613"/>
      <c r="DXN712" s="613"/>
      <c r="DXO712" s="613"/>
      <c r="DXP712" s="613"/>
      <c r="DXQ712" s="613"/>
      <c r="DXR712" s="613"/>
      <c r="DXS712" s="613"/>
      <c r="DXT712" s="613"/>
      <c r="DXU712" s="613"/>
      <c r="DXV712" s="613"/>
      <c r="DXW712" s="613"/>
      <c r="DXX712" s="613"/>
      <c r="DXY712" s="613"/>
      <c r="DXZ712" s="613"/>
      <c r="DYA712" s="613"/>
      <c r="DYB712" s="613"/>
      <c r="DYC712" s="613"/>
      <c r="DYD712" s="613"/>
      <c r="DYE712" s="613"/>
      <c r="DYF712" s="613"/>
      <c r="DYG712" s="613"/>
      <c r="DYH712" s="613"/>
      <c r="DYI712" s="613"/>
      <c r="DYJ712" s="613"/>
      <c r="DYK712" s="613"/>
      <c r="DYL712" s="613"/>
      <c r="DYM712" s="613"/>
      <c r="DYN712" s="613"/>
      <c r="DYO712" s="613"/>
      <c r="DYP712" s="613"/>
      <c r="DYQ712" s="613"/>
      <c r="DYR712" s="613"/>
      <c r="DYS712" s="613"/>
      <c r="DYT712" s="613"/>
      <c r="DYU712" s="613"/>
      <c r="DYV712" s="613"/>
      <c r="DYW712" s="613"/>
      <c r="DYX712" s="613"/>
      <c r="DYY712" s="613"/>
      <c r="DYZ712" s="613"/>
      <c r="DZA712" s="613"/>
      <c r="DZB712" s="613"/>
      <c r="DZC712" s="613"/>
      <c r="DZD712" s="613"/>
      <c r="DZE712" s="613"/>
      <c r="DZF712" s="613"/>
      <c r="DZG712" s="613"/>
      <c r="DZH712" s="613"/>
      <c r="DZI712" s="613"/>
      <c r="DZJ712" s="613"/>
      <c r="DZK712" s="613"/>
      <c r="DZL712" s="613"/>
      <c r="DZM712" s="613"/>
      <c r="DZN712" s="613"/>
      <c r="DZO712" s="613"/>
      <c r="DZP712" s="613"/>
      <c r="DZQ712" s="613"/>
      <c r="DZR712" s="613"/>
      <c r="DZS712" s="613"/>
      <c r="DZT712" s="613"/>
      <c r="DZU712" s="613"/>
      <c r="DZV712" s="613"/>
      <c r="DZW712" s="613"/>
      <c r="DZX712" s="613"/>
      <c r="DZY712" s="613"/>
      <c r="DZZ712" s="613"/>
      <c r="EAA712" s="613"/>
      <c r="EAB712" s="613"/>
      <c r="EAC712" s="613"/>
      <c r="EAD712" s="613"/>
      <c r="EAE712" s="613"/>
      <c r="EAF712" s="613"/>
      <c r="EAG712" s="613"/>
      <c r="EAH712" s="613"/>
      <c r="EAI712" s="613"/>
      <c r="EAJ712" s="613"/>
      <c r="EAK712" s="613"/>
      <c r="EAL712" s="613"/>
      <c r="EAM712" s="613"/>
      <c r="EAN712" s="613"/>
      <c r="EAO712" s="613"/>
      <c r="EAP712" s="613"/>
      <c r="EAQ712" s="613"/>
      <c r="EAR712" s="613"/>
      <c r="EAS712" s="613"/>
      <c r="EAT712" s="613"/>
      <c r="EAU712" s="613"/>
      <c r="EAV712" s="613"/>
      <c r="EAW712" s="613"/>
      <c r="EAX712" s="613"/>
      <c r="EAY712" s="613"/>
      <c r="EAZ712" s="613"/>
      <c r="EBA712" s="613"/>
      <c r="EBB712" s="613"/>
      <c r="EBC712" s="613"/>
      <c r="EBD712" s="613"/>
      <c r="EBE712" s="613"/>
      <c r="EBF712" s="613"/>
      <c r="EBG712" s="613"/>
      <c r="EBH712" s="613"/>
      <c r="EBI712" s="613"/>
      <c r="EBJ712" s="613"/>
      <c r="EBK712" s="613"/>
      <c r="EBL712" s="613"/>
      <c r="EBM712" s="613"/>
      <c r="EBN712" s="613"/>
      <c r="EBO712" s="613"/>
      <c r="EBP712" s="613"/>
      <c r="EBQ712" s="613"/>
      <c r="EBR712" s="613"/>
      <c r="EBS712" s="613"/>
      <c r="EBT712" s="613"/>
      <c r="EBU712" s="613"/>
      <c r="EBV712" s="613"/>
      <c r="EBW712" s="613"/>
      <c r="EBX712" s="613"/>
      <c r="EBY712" s="613"/>
      <c r="EBZ712" s="613"/>
      <c r="ECA712" s="613"/>
      <c r="ECB712" s="613"/>
      <c r="ECC712" s="613"/>
      <c r="ECD712" s="613"/>
      <c r="ECE712" s="613"/>
      <c r="ECF712" s="613"/>
      <c r="ECG712" s="613"/>
      <c r="ECH712" s="613"/>
      <c r="ECI712" s="613"/>
      <c r="ECJ712" s="613"/>
      <c r="ECK712" s="613"/>
      <c r="ECL712" s="613"/>
      <c r="ECM712" s="613"/>
      <c r="ECN712" s="613"/>
      <c r="ECO712" s="613"/>
      <c r="ECP712" s="613"/>
      <c r="ECQ712" s="613"/>
      <c r="ECR712" s="613"/>
      <c r="ECS712" s="613"/>
      <c r="ECT712" s="613"/>
      <c r="ECU712" s="613"/>
      <c r="ECV712" s="613"/>
      <c r="ECW712" s="613"/>
      <c r="ECX712" s="613"/>
      <c r="ECY712" s="613"/>
      <c r="ECZ712" s="613"/>
      <c r="EDA712" s="613"/>
      <c r="EDB712" s="613"/>
      <c r="EDC712" s="613"/>
      <c r="EDD712" s="613"/>
      <c r="EDE712" s="613"/>
      <c r="EDF712" s="613"/>
      <c r="EDG712" s="613"/>
      <c r="EDH712" s="613"/>
      <c r="EDI712" s="613"/>
      <c r="EDJ712" s="613"/>
      <c r="EDK712" s="613"/>
      <c r="EDL712" s="613"/>
      <c r="EDM712" s="613"/>
      <c r="EDN712" s="613"/>
      <c r="EDO712" s="613"/>
      <c r="EDP712" s="613"/>
      <c r="EDQ712" s="613"/>
      <c r="EDR712" s="613"/>
      <c r="EDS712" s="613"/>
      <c r="EDT712" s="613"/>
      <c r="EDU712" s="613"/>
      <c r="EDV712" s="613"/>
      <c r="EDW712" s="613"/>
      <c r="EDX712" s="613"/>
      <c r="EDY712" s="613"/>
      <c r="EDZ712" s="613"/>
      <c r="EEA712" s="613"/>
      <c r="EEB712" s="613"/>
      <c r="EEC712" s="613"/>
      <c r="EED712" s="613"/>
      <c r="EEE712" s="613"/>
      <c r="EEF712" s="613"/>
      <c r="EEG712" s="613"/>
      <c r="EEH712" s="613"/>
      <c r="EEI712" s="613"/>
      <c r="EEJ712" s="613"/>
      <c r="EEK712" s="613"/>
      <c r="EEL712" s="613"/>
      <c r="EEM712" s="613"/>
      <c r="EEN712" s="613"/>
      <c r="EEO712" s="613"/>
      <c r="EEP712" s="613"/>
      <c r="EEQ712" s="613"/>
      <c r="EER712" s="613"/>
      <c r="EES712" s="613"/>
      <c r="EET712" s="613"/>
      <c r="EEU712" s="613"/>
      <c r="EEV712" s="613"/>
      <c r="EEW712" s="613"/>
      <c r="EEX712" s="613"/>
      <c r="EEY712" s="613"/>
      <c r="EEZ712" s="613"/>
      <c r="EFA712" s="613"/>
      <c r="EFB712" s="613"/>
      <c r="EFC712" s="613"/>
      <c r="EFD712" s="613"/>
      <c r="EFE712" s="613"/>
      <c r="EFF712" s="613"/>
      <c r="EFG712" s="613"/>
      <c r="EFH712" s="613"/>
      <c r="EFI712" s="613"/>
      <c r="EFJ712" s="613"/>
      <c r="EFK712" s="613"/>
      <c r="EFL712" s="613"/>
      <c r="EFM712" s="613"/>
      <c r="EFN712" s="613"/>
      <c r="EFO712" s="613"/>
      <c r="EFP712" s="613"/>
      <c r="EFQ712" s="613"/>
      <c r="EFR712" s="613"/>
      <c r="EFS712" s="613"/>
      <c r="EFT712" s="613"/>
      <c r="EFU712" s="613"/>
      <c r="EFV712" s="613"/>
      <c r="EFW712" s="613"/>
      <c r="EFX712" s="613"/>
      <c r="EFY712" s="613"/>
      <c r="EFZ712" s="613"/>
      <c r="EGA712" s="613"/>
      <c r="EGB712" s="613"/>
      <c r="EGC712" s="613"/>
      <c r="EGD712" s="613"/>
      <c r="EGE712" s="613"/>
      <c r="EGF712" s="613"/>
      <c r="EGG712" s="613"/>
      <c r="EGH712" s="613"/>
      <c r="EGI712" s="613"/>
      <c r="EGJ712" s="613"/>
      <c r="EGK712" s="613"/>
      <c r="EGL712" s="613"/>
      <c r="EGM712" s="613"/>
      <c r="EGN712" s="613"/>
      <c r="EGO712" s="613"/>
      <c r="EGP712" s="613"/>
      <c r="EGQ712" s="613"/>
      <c r="EGR712" s="613"/>
      <c r="EGS712" s="613"/>
      <c r="EGT712" s="613"/>
      <c r="EGU712" s="613"/>
      <c r="EGV712" s="613"/>
      <c r="EGW712" s="613"/>
      <c r="EGX712" s="613"/>
      <c r="EGY712" s="613"/>
      <c r="EGZ712" s="613"/>
      <c r="EHA712" s="613"/>
      <c r="EHB712" s="613"/>
      <c r="EHC712" s="613"/>
      <c r="EHD712" s="613"/>
      <c r="EHE712" s="613"/>
      <c r="EHF712" s="613"/>
      <c r="EHG712" s="613"/>
      <c r="EHH712" s="613"/>
      <c r="EHI712" s="613"/>
      <c r="EHJ712" s="613"/>
      <c r="EHK712" s="613"/>
      <c r="EHL712" s="613"/>
      <c r="EHM712" s="613"/>
      <c r="EHN712" s="613"/>
      <c r="EHO712" s="613"/>
      <c r="EHP712" s="613"/>
      <c r="EHQ712" s="613"/>
      <c r="EHR712" s="613"/>
      <c r="EHS712" s="613"/>
      <c r="EHT712" s="613"/>
      <c r="EHU712" s="613"/>
      <c r="EHV712" s="613"/>
      <c r="EHW712" s="613"/>
      <c r="EHX712" s="613"/>
      <c r="EHY712" s="613"/>
      <c r="EHZ712" s="613"/>
      <c r="EIA712" s="613"/>
      <c r="EIB712" s="613"/>
      <c r="EIC712" s="613"/>
      <c r="EID712" s="613"/>
      <c r="EIE712" s="613"/>
      <c r="EIF712" s="613"/>
      <c r="EIG712" s="613"/>
      <c r="EIH712" s="613"/>
      <c r="EII712" s="613"/>
      <c r="EIJ712" s="613"/>
      <c r="EIK712" s="613"/>
      <c r="EIL712" s="613"/>
      <c r="EIM712" s="613"/>
      <c r="EIN712" s="613"/>
      <c r="EIO712" s="613"/>
      <c r="EIP712" s="613"/>
      <c r="EIQ712" s="613"/>
      <c r="EIR712" s="613"/>
      <c r="EIS712" s="613"/>
      <c r="EIT712" s="613"/>
      <c r="EIU712" s="613"/>
      <c r="EIV712" s="613"/>
      <c r="EIW712" s="613"/>
      <c r="EIX712" s="613"/>
      <c r="EIY712" s="613"/>
      <c r="EIZ712" s="613"/>
      <c r="EJA712" s="613"/>
      <c r="EJB712" s="613"/>
      <c r="EJC712" s="613"/>
      <c r="EJD712" s="613"/>
      <c r="EJE712" s="613"/>
      <c r="EJF712" s="613"/>
      <c r="EJG712" s="613"/>
      <c r="EJH712" s="613"/>
      <c r="EJI712" s="613"/>
      <c r="EJJ712" s="613"/>
      <c r="EJK712" s="613"/>
      <c r="EJL712" s="613"/>
      <c r="EJM712" s="613"/>
      <c r="EJN712" s="613"/>
      <c r="EJO712" s="613"/>
      <c r="EJP712" s="613"/>
      <c r="EJQ712" s="613"/>
      <c r="EJR712" s="613"/>
      <c r="EJS712" s="613"/>
      <c r="EJT712" s="613"/>
      <c r="EJU712" s="613"/>
      <c r="EJV712" s="613"/>
      <c r="EJW712" s="613"/>
      <c r="EJX712" s="613"/>
      <c r="EJY712" s="613"/>
      <c r="EJZ712" s="613"/>
      <c r="EKA712" s="613"/>
      <c r="EKB712" s="613"/>
      <c r="EKC712" s="613"/>
      <c r="EKD712" s="613"/>
      <c r="EKE712" s="613"/>
      <c r="EKF712" s="613"/>
      <c r="EKG712" s="613"/>
      <c r="EKH712" s="613"/>
      <c r="EKI712" s="613"/>
      <c r="EKJ712" s="613"/>
      <c r="EKK712" s="613"/>
      <c r="EKL712" s="613"/>
      <c r="EKM712" s="613"/>
      <c r="EKN712" s="613"/>
      <c r="EKO712" s="613"/>
      <c r="EKP712" s="613"/>
      <c r="EKQ712" s="613"/>
      <c r="EKR712" s="613"/>
      <c r="EKS712" s="613"/>
      <c r="EKT712" s="613"/>
      <c r="EKU712" s="613"/>
      <c r="EKV712" s="613"/>
      <c r="EKW712" s="613"/>
      <c r="EKX712" s="613"/>
      <c r="EKY712" s="613"/>
      <c r="EKZ712" s="613"/>
      <c r="ELA712" s="613"/>
      <c r="ELB712" s="613"/>
      <c r="ELC712" s="613"/>
      <c r="ELD712" s="613"/>
      <c r="ELE712" s="613"/>
      <c r="ELF712" s="613"/>
      <c r="ELG712" s="613"/>
      <c r="ELH712" s="613"/>
      <c r="ELI712" s="613"/>
      <c r="ELJ712" s="613"/>
      <c r="ELK712" s="613"/>
      <c r="ELL712" s="613"/>
      <c r="ELM712" s="613"/>
      <c r="ELN712" s="613"/>
      <c r="ELO712" s="613"/>
      <c r="ELP712" s="613"/>
      <c r="ELQ712" s="613"/>
      <c r="ELR712" s="613"/>
      <c r="ELS712" s="613"/>
      <c r="ELT712" s="613"/>
      <c r="ELU712" s="613"/>
      <c r="ELV712" s="613"/>
      <c r="ELW712" s="613"/>
      <c r="ELX712" s="613"/>
      <c r="ELY712" s="613"/>
      <c r="ELZ712" s="613"/>
      <c r="EMA712" s="613"/>
      <c r="EMB712" s="613"/>
      <c r="EMC712" s="613"/>
      <c r="EMD712" s="613"/>
      <c r="EME712" s="613"/>
      <c r="EMF712" s="613"/>
      <c r="EMG712" s="613"/>
      <c r="EMH712" s="613"/>
      <c r="EMI712" s="613"/>
      <c r="EMJ712" s="613"/>
      <c r="EMK712" s="613"/>
      <c r="EML712" s="613"/>
      <c r="EMM712" s="613"/>
      <c r="EMN712" s="613"/>
      <c r="EMO712" s="613"/>
      <c r="EMP712" s="613"/>
      <c r="EMQ712" s="613"/>
      <c r="EMR712" s="613"/>
      <c r="EMS712" s="613"/>
      <c r="EMT712" s="613"/>
      <c r="EMU712" s="613"/>
      <c r="EMV712" s="613"/>
      <c r="EMW712" s="613"/>
      <c r="EMX712" s="613"/>
      <c r="EMY712" s="613"/>
      <c r="EMZ712" s="613"/>
      <c r="ENA712" s="613"/>
      <c r="ENB712" s="613"/>
      <c r="ENC712" s="613"/>
      <c r="END712" s="613"/>
      <c r="ENE712" s="613"/>
      <c r="ENF712" s="613"/>
      <c r="ENG712" s="613"/>
      <c r="ENH712" s="613"/>
      <c r="ENI712" s="613"/>
      <c r="ENJ712" s="613"/>
      <c r="ENK712" s="613"/>
      <c r="ENL712" s="613"/>
      <c r="ENM712" s="613"/>
      <c r="ENN712" s="613"/>
      <c r="ENO712" s="613"/>
      <c r="ENP712" s="613"/>
      <c r="ENQ712" s="613"/>
      <c r="ENR712" s="613"/>
      <c r="ENS712" s="613"/>
      <c r="ENT712" s="613"/>
      <c r="ENU712" s="613"/>
      <c r="ENV712" s="613"/>
      <c r="ENW712" s="613"/>
      <c r="ENX712" s="613"/>
      <c r="ENY712" s="613"/>
      <c r="ENZ712" s="613"/>
      <c r="EOA712" s="613"/>
      <c r="EOB712" s="613"/>
      <c r="EOC712" s="613"/>
      <c r="EOD712" s="613"/>
      <c r="EOE712" s="613"/>
      <c r="EOF712" s="613"/>
      <c r="EOG712" s="613"/>
      <c r="EOH712" s="613"/>
      <c r="EOI712" s="613"/>
      <c r="EOJ712" s="613"/>
      <c r="EOK712" s="613"/>
      <c r="EOL712" s="613"/>
      <c r="EOM712" s="613"/>
      <c r="EON712" s="613"/>
      <c r="EOO712" s="613"/>
      <c r="EOP712" s="613"/>
      <c r="EOQ712" s="613"/>
      <c r="EOR712" s="613"/>
      <c r="EOS712" s="613"/>
      <c r="EOT712" s="613"/>
      <c r="EOU712" s="613"/>
      <c r="EOV712" s="613"/>
      <c r="EOW712" s="613"/>
      <c r="EOX712" s="613"/>
      <c r="EOY712" s="613"/>
      <c r="EOZ712" s="613"/>
      <c r="EPA712" s="613"/>
      <c r="EPB712" s="613"/>
      <c r="EPC712" s="613"/>
      <c r="EPD712" s="613"/>
      <c r="EPE712" s="613"/>
      <c r="EPF712" s="613"/>
      <c r="EPG712" s="613"/>
      <c r="EPH712" s="613"/>
      <c r="EPI712" s="613"/>
      <c r="EPJ712" s="613"/>
      <c r="EPK712" s="613"/>
      <c r="EPL712" s="613"/>
      <c r="EPM712" s="613"/>
      <c r="EPN712" s="613"/>
      <c r="EPO712" s="613"/>
      <c r="EPP712" s="613"/>
      <c r="EPQ712" s="613"/>
      <c r="EPR712" s="613"/>
      <c r="EPS712" s="613"/>
      <c r="EPT712" s="613"/>
      <c r="EPU712" s="613"/>
      <c r="EPV712" s="613"/>
      <c r="EPW712" s="613"/>
      <c r="EPX712" s="613"/>
      <c r="EPY712" s="613"/>
      <c r="EPZ712" s="613"/>
      <c r="EQA712" s="613"/>
      <c r="EQB712" s="613"/>
      <c r="EQC712" s="613"/>
      <c r="EQD712" s="613"/>
      <c r="EQE712" s="613"/>
      <c r="EQF712" s="613"/>
      <c r="EQG712" s="613"/>
      <c r="EQH712" s="613"/>
      <c r="EQI712" s="613"/>
      <c r="EQJ712" s="613"/>
      <c r="EQK712" s="613"/>
      <c r="EQL712" s="613"/>
      <c r="EQM712" s="613"/>
      <c r="EQN712" s="613"/>
      <c r="EQO712" s="613"/>
      <c r="EQP712" s="613"/>
      <c r="EQQ712" s="613"/>
      <c r="EQR712" s="613"/>
      <c r="EQS712" s="613"/>
      <c r="EQT712" s="613"/>
      <c r="EQU712" s="613"/>
      <c r="EQV712" s="613"/>
      <c r="EQW712" s="613"/>
      <c r="EQX712" s="613"/>
      <c r="EQY712" s="613"/>
      <c r="EQZ712" s="613"/>
      <c r="ERA712" s="613"/>
      <c r="ERB712" s="613"/>
      <c r="ERC712" s="613"/>
      <c r="ERD712" s="613"/>
      <c r="ERE712" s="613"/>
      <c r="ERF712" s="613"/>
      <c r="ERG712" s="613"/>
      <c r="ERH712" s="613"/>
      <c r="ERI712" s="613"/>
      <c r="ERJ712" s="613"/>
      <c r="ERK712" s="613"/>
      <c r="ERL712" s="613"/>
      <c r="ERM712" s="613"/>
      <c r="ERN712" s="613"/>
      <c r="ERO712" s="613"/>
      <c r="ERP712" s="613"/>
      <c r="ERQ712" s="613"/>
      <c r="ERR712" s="613"/>
      <c r="ERS712" s="613"/>
      <c r="ERT712" s="613"/>
      <c r="ERU712" s="613"/>
      <c r="ERV712" s="613"/>
      <c r="ERW712" s="613"/>
      <c r="ERX712" s="613"/>
      <c r="ERY712" s="613"/>
      <c r="ERZ712" s="613"/>
      <c r="ESA712" s="613"/>
      <c r="ESB712" s="613"/>
      <c r="ESC712" s="613"/>
      <c r="ESD712" s="613"/>
      <c r="ESE712" s="613"/>
      <c r="ESF712" s="613"/>
      <c r="ESG712" s="613"/>
      <c r="ESH712" s="613"/>
      <c r="ESI712" s="613"/>
      <c r="ESJ712" s="613"/>
      <c r="ESK712" s="613"/>
      <c r="ESL712" s="613"/>
      <c r="ESM712" s="613"/>
      <c r="ESN712" s="613"/>
      <c r="ESO712" s="613"/>
      <c r="ESP712" s="613"/>
      <c r="ESQ712" s="613"/>
      <c r="ESR712" s="613"/>
      <c r="ESS712" s="613"/>
      <c r="EST712" s="613"/>
      <c r="ESU712" s="613"/>
      <c r="ESV712" s="613"/>
      <c r="ESW712" s="613"/>
      <c r="ESX712" s="613"/>
      <c r="ESY712" s="613"/>
      <c r="ESZ712" s="613"/>
      <c r="ETA712" s="613"/>
      <c r="ETB712" s="613"/>
      <c r="ETC712" s="613"/>
      <c r="ETD712" s="613"/>
      <c r="ETE712" s="613"/>
      <c r="ETF712" s="613"/>
      <c r="ETG712" s="613"/>
      <c r="ETH712" s="613"/>
      <c r="ETI712" s="613"/>
      <c r="ETJ712" s="613"/>
      <c r="ETK712" s="613"/>
      <c r="ETL712" s="613"/>
      <c r="ETM712" s="613"/>
      <c r="ETN712" s="613"/>
      <c r="ETO712" s="613"/>
      <c r="ETP712" s="613"/>
      <c r="ETQ712" s="613"/>
      <c r="ETR712" s="613"/>
      <c r="ETS712" s="613"/>
      <c r="ETT712" s="613"/>
      <c r="ETU712" s="613"/>
      <c r="ETV712" s="613"/>
      <c r="ETW712" s="613"/>
      <c r="ETX712" s="613"/>
      <c r="ETY712" s="613"/>
      <c r="ETZ712" s="613"/>
      <c r="EUA712" s="613"/>
      <c r="EUB712" s="613"/>
      <c r="EUC712" s="613"/>
      <c r="EUD712" s="613"/>
      <c r="EUE712" s="613"/>
      <c r="EUF712" s="613"/>
      <c r="EUG712" s="613"/>
      <c r="EUH712" s="613"/>
      <c r="EUI712" s="613"/>
      <c r="EUJ712" s="613"/>
      <c r="EUK712" s="613"/>
      <c r="EUL712" s="613"/>
      <c r="EUM712" s="613"/>
      <c r="EUN712" s="613"/>
      <c r="EUO712" s="613"/>
      <c r="EUP712" s="613"/>
      <c r="EUQ712" s="613"/>
      <c r="EUR712" s="613"/>
      <c r="EUS712" s="613"/>
      <c r="EUT712" s="613"/>
      <c r="EUU712" s="613"/>
      <c r="EUV712" s="613"/>
      <c r="EUW712" s="613"/>
      <c r="EUX712" s="613"/>
      <c r="EUY712" s="613"/>
      <c r="EUZ712" s="613"/>
      <c r="EVA712" s="613"/>
      <c r="EVB712" s="613"/>
      <c r="EVC712" s="613"/>
      <c r="EVD712" s="613"/>
      <c r="EVE712" s="613"/>
      <c r="EVF712" s="613"/>
      <c r="EVG712" s="613"/>
      <c r="EVH712" s="613"/>
      <c r="EVI712" s="613"/>
      <c r="EVJ712" s="613"/>
      <c r="EVK712" s="613"/>
      <c r="EVL712" s="613"/>
      <c r="EVM712" s="613"/>
      <c r="EVN712" s="613"/>
      <c r="EVO712" s="613"/>
      <c r="EVP712" s="613"/>
      <c r="EVQ712" s="613"/>
      <c r="EVR712" s="613"/>
      <c r="EVS712" s="613"/>
      <c r="EVT712" s="613"/>
      <c r="EVU712" s="613"/>
      <c r="EVV712" s="613"/>
      <c r="EVW712" s="613"/>
      <c r="EVX712" s="613"/>
      <c r="EVY712" s="613"/>
      <c r="EVZ712" s="613"/>
      <c r="EWA712" s="613"/>
      <c r="EWB712" s="613"/>
      <c r="EWC712" s="613"/>
      <c r="EWD712" s="613"/>
      <c r="EWE712" s="613"/>
      <c r="EWF712" s="613"/>
      <c r="EWG712" s="613"/>
      <c r="EWH712" s="613"/>
      <c r="EWI712" s="613"/>
      <c r="EWJ712" s="613"/>
      <c r="EWK712" s="613"/>
      <c r="EWL712" s="613"/>
      <c r="EWM712" s="613"/>
      <c r="EWN712" s="613"/>
      <c r="EWO712" s="613"/>
      <c r="EWP712" s="613"/>
      <c r="EWQ712" s="613"/>
      <c r="EWR712" s="613"/>
      <c r="EWS712" s="613"/>
      <c r="EWT712" s="613"/>
      <c r="EWU712" s="613"/>
      <c r="EWV712" s="613"/>
      <c r="EWW712" s="613"/>
      <c r="EWX712" s="613"/>
      <c r="EWY712" s="613"/>
      <c r="EWZ712" s="613"/>
      <c r="EXA712" s="613"/>
      <c r="EXB712" s="613"/>
      <c r="EXC712" s="613"/>
      <c r="EXD712" s="613"/>
      <c r="EXE712" s="613"/>
      <c r="EXF712" s="613"/>
      <c r="EXG712" s="613"/>
      <c r="EXH712" s="613"/>
      <c r="EXI712" s="613"/>
      <c r="EXJ712" s="613"/>
      <c r="EXK712" s="613"/>
      <c r="EXL712" s="613"/>
      <c r="EXM712" s="613"/>
      <c r="EXN712" s="613"/>
      <c r="EXO712" s="613"/>
      <c r="EXP712" s="613"/>
      <c r="EXQ712" s="613"/>
      <c r="EXR712" s="613"/>
      <c r="EXS712" s="613"/>
      <c r="EXT712" s="613"/>
      <c r="EXU712" s="613"/>
      <c r="EXV712" s="613"/>
      <c r="EXW712" s="613"/>
      <c r="EXX712" s="613"/>
      <c r="EXY712" s="613"/>
      <c r="EXZ712" s="613"/>
      <c r="EYA712" s="613"/>
      <c r="EYB712" s="613"/>
      <c r="EYC712" s="613"/>
      <c r="EYD712" s="613"/>
      <c r="EYE712" s="613"/>
      <c r="EYF712" s="613"/>
      <c r="EYG712" s="613"/>
      <c r="EYH712" s="613"/>
      <c r="EYI712" s="613"/>
      <c r="EYJ712" s="613"/>
      <c r="EYK712" s="613"/>
      <c r="EYL712" s="613"/>
      <c r="EYM712" s="613"/>
      <c r="EYN712" s="613"/>
      <c r="EYO712" s="613"/>
      <c r="EYP712" s="613"/>
      <c r="EYQ712" s="613"/>
      <c r="EYR712" s="613"/>
      <c r="EYS712" s="613"/>
      <c r="EYT712" s="613"/>
      <c r="EYU712" s="613"/>
      <c r="EYV712" s="613"/>
      <c r="EYW712" s="613"/>
      <c r="EYX712" s="613"/>
      <c r="EYY712" s="613"/>
      <c r="EYZ712" s="613"/>
      <c r="EZA712" s="613"/>
      <c r="EZB712" s="613"/>
      <c r="EZC712" s="613"/>
      <c r="EZD712" s="613"/>
      <c r="EZE712" s="613"/>
      <c r="EZF712" s="613"/>
      <c r="EZG712" s="613"/>
      <c r="EZH712" s="613"/>
      <c r="EZI712" s="613"/>
      <c r="EZJ712" s="613"/>
      <c r="EZK712" s="613"/>
      <c r="EZL712" s="613"/>
      <c r="EZM712" s="613"/>
      <c r="EZN712" s="613"/>
      <c r="EZO712" s="613"/>
      <c r="EZP712" s="613"/>
      <c r="EZQ712" s="613"/>
      <c r="EZR712" s="613"/>
      <c r="EZS712" s="613"/>
      <c r="EZT712" s="613"/>
      <c r="EZU712" s="613"/>
      <c r="EZV712" s="613"/>
      <c r="EZW712" s="613"/>
      <c r="EZX712" s="613"/>
      <c r="EZY712" s="613"/>
      <c r="EZZ712" s="613"/>
      <c r="FAA712" s="613"/>
      <c r="FAB712" s="613"/>
      <c r="FAC712" s="613"/>
      <c r="FAD712" s="613"/>
      <c r="FAE712" s="613"/>
      <c r="FAF712" s="613"/>
      <c r="FAG712" s="613"/>
      <c r="FAH712" s="613"/>
      <c r="FAI712" s="613"/>
      <c r="FAJ712" s="613"/>
      <c r="FAK712" s="613"/>
      <c r="FAL712" s="613"/>
      <c r="FAM712" s="613"/>
      <c r="FAN712" s="613"/>
      <c r="FAO712" s="613"/>
      <c r="FAP712" s="613"/>
      <c r="FAQ712" s="613"/>
      <c r="FAR712" s="613"/>
      <c r="FAS712" s="613"/>
      <c r="FAT712" s="613"/>
      <c r="FAU712" s="613"/>
      <c r="FAV712" s="613"/>
      <c r="FAW712" s="613"/>
      <c r="FAX712" s="613"/>
      <c r="FAY712" s="613"/>
      <c r="FAZ712" s="613"/>
      <c r="FBA712" s="613"/>
      <c r="FBB712" s="613"/>
      <c r="FBC712" s="613"/>
      <c r="FBD712" s="613"/>
      <c r="FBE712" s="613"/>
      <c r="FBF712" s="613"/>
      <c r="FBG712" s="613"/>
      <c r="FBH712" s="613"/>
      <c r="FBI712" s="613"/>
      <c r="FBJ712" s="613"/>
      <c r="FBK712" s="613"/>
      <c r="FBL712" s="613"/>
      <c r="FBM712" s="613"/>
      <c r="FBN712" s="613"/>
      <c r="FBO712" s="613"/>
      <c r="FBP712" s="613"/>
      <c r="FBQ712" s="613"/>
      <c r="FBR712" s="613"/>
      <c r="FBS712" s="613"/>
      <c r="FBT712" s="613"/>
      <c r="FBU712" s="613"/>
      <c r="FBV712" s="613"/>
      <c r="FBW712" s="613"/>
      <c r="FBX712" s="613"/>
      <c r="FBY712" s="613"/>
      <c r="FBZ712" s="613"/>
      <c r="FCA712" s="613"/>
      <c r="FCB712" s="613"/>
      <c r="FCC712" s="613"/>
      <c r="FCD712" s="613"/>
      <c r="FCE712" s="613"/>
      <c r="FCF712" s="613"/>
      <c r="FCG712" s="613"/>
      <c r="FCH712" s="613"/>
      <c r="FCI712" s="613"/>
      <c r="FCJ712" s="613"/>
      <c r="FCK712" s="613"/>
      <c r="FCL712" s="613"/>
      <c r="FCM712" s="613"/>
      <c r="FCN712" s="613"/>
      <c r="FCO712" s="613"/>
      <c r="FCP712" s="613"/>
      <c r="FCQ712" s="613"/>
      <c r="FCR712" s="613"/>
      <c r="FCS712" s="613"/>
      <c r="FCT712" s="613"/>
      <c r="FCU712" s="613"/>
      <c r="FCV712" s="613"/>
      <c r="FCW712" s="613"/>
      <c r="FCX712" s="613"/>
      <c r="FCY712" s="613"/>
      <c r="FCZ712" s="613"/>
      <c r="FDA712" s="613"/>
      <c r="FDB712" s="613"/>
      <c r="FDC712" s="613"/>
      <c r="FDD712" s="613"/>
      <c r="FDE712" s="613"/>
      <c r="FDF712" s="613"/>
      <c r="FDG712" s="613"/>
      <c r="FDH712" s="613"/>
      <c r="FDI712" s="613"/>
      <c r="FDJ712" s="613"/>
      <c r="FDK712" s="613"/>
      <c r="FDL712" s="613"/>
      <c r="FDM712" s="613"/>
      <c r="FDN712" s="613"/>
      <c r="FDO712" s="613"/>
      <c r="FDP712" s="613"/>
      <c r="FDQ712" s="613"/>
      <c r="FDR712" s="613"/>
      <c r="FDS712" s="613"/>
      <c r="FDT712" s="613"/>
      <c r="FDU712" s="613"/>
      <c r="FDV712" s="613"/>
      <c r="FDW712" s="613"/>
      <c r="FDX712" s="613"/>
      <c r="FDY712" s="613"/>
      <c r="FDZ712" s="613"/>
      <c r="FEA712" s="613"/>
      <c r="FEB712" s="613"/>
      <c r="FEC712" s="613"/>
      <c r="FED712" s="613"/>
      <c r="FEE712" s="613"/>
      <c r="FEF712" s="613"/>
      <c r="FEG712" s="613"/>
      <c r="FEH712" s="613"/>
      <c r="FEI712" s="613"/>
      <c r="FEJ712" s="613"/>
      <c r="FEK712" s="613"/>
      <c r="FEL712" s="613"/>
      <c r="FEM712" s="613"/>
      <c r="FEN712" s="613"/>
      <c r="FEO712" s="613"/>
      <c r="FEP712" s="613"/>
      <c r="FEQ712" s="613"/>
      <c r="FER712" s="613"/>
      <c r="FES712" s="613"/>
      <c r="FET712" s="613"/>
      <c r="FEU712" s="613"/>
      <c r="FEV712" s="613"/>
      <c r="FEW712" s="613"/>
      <c r="FEX712" s="613"/>
      <c r="FEY712" s="613"/>
      <c r="FEZ712" s="613"/>
      <c r="FFA712" s="613"/>
      <c r="FFB712" s="613"/>
      <c r="FFC712" s="613"/>
      <c r="FFD712" s="613"/>
      <c r="FFE712" s="613"/>
      <c r="FFF712" s="613"/>
      <c r="FFG712" s="613"/>
      <c r="FFH712" s="613"/>
      <c r="FFI712" s="613"/>
      <c r="FFJ712" s="613"/>
      <c r="FFK712" s="613"/>
      <c r="FFL712" s="613"/>
      <c r="FFM712" s="613"/>
      <c r="FFN712" s="613"/>
      <c r="FFO712" s="613"/>
      <c r="FFP712" s="613"/>
      <c r="FFQ712" s="613"/>
      <c r="FFR712" s="613"/>
      <c r="FFS712" s="613"/>
      <c r="FFT712" s="613"/>
      <c r="FFU712" s="613"/>
      <c r="FFV712" s="613"/>
      <c r="FFW712" s="613"/>
      <c r="FFX712" s="613"/>
      <c r="FFY712" s="613"/>
      <c r="FFZ712" s="613"/>
      <c r="FGA712" s="613"/>
      <c r="FGB712" s="613"/>
      <c r="FGC712" s="613"/>
      <c r="FGD712" s="613"/>
      <c r="FGE712" s="613"/>
      <c r="FGF712" s="613"/>
      <c r="FGG712" s="613"/>
      <c r="FGH712" s="613"/>
      <c r="FGI712" s="613"/>
      <c r="FGJ712" s="613"/>
      <c r="FGK712" s="613"/>
      <c r="FGL712" s="613"/>
      <c r="FGM712" s="613"/>
      <c r="FGN712" s="613"/>
      <c r="FGO712" s="613"/>
      <c r="FGP712" s="613"/>
      <c r="FGQ712" s="613"/>
      <c r="FGR712" s="613"/>
      <c r="FGS712" s="613"/>
      <c r="FGT712" s="613"/>
      <c r="FGU712" s="613"/>
      <c r="FGV712" s="613"/>
      <c r="FGW712" s="613"/>
      <c r="FGX712" s="613"/>
      <c r="FGY712" s="613"/>
      <c r="FGZ712" s="613"/>
      <c r="FHA712" s="613"/>
      <c r="FHB712" s="613"/>
      <c r="FHC712" s="613"/>
      <c r="FHD712" s="613"/>
      <c r="FHE712" s="613"/>
      <c r="FHF712" s="613"/>
      <c r="FHG712" s="613"/>
      <c r="FHH712" s="613"/>
      <c r="FHI712" s="613"/>
      <c r="FHJ712" s="613"/>
      <c r="FHK712" s="613"/>
      <c r="FHL712" s="613"/>
      <c r="FHM712" s="613"/>
      <c r="FHN712" s="613"/>
      <c r="FHO712" s="613"/>
      <c r="FHP712" s="613"/>
      <c r="FHQ712" s="613"/>
      <c r="FHR712" s="613"/>
      <c r="FHS712" s="613"/>
      <c r="FHT712" s="613"/>
      <c r="FHU712" s="613"/>
      <c r="FHV712" s="613"/>
      <c r="FHW712" s="613"/>
      <c r="FHX712" s="613"/>
      <c r="FHY712" s="613"/>
      <c r="FHZ712" s="613"/>
      <c r="FIA712" s="613"/>
      <c r="FIB712" s="613"/>
      <c r="FIC712" s="613"/>
      <c r="FID712" s="613"/>
      <c r="FIE712" s="613"/>
      <c r="FIF712" s="613"/>
      <c r="FIG712" s="613"/>
      <c r="FIH712" s="613"/>
      <c r="FII712" s="613"/>
      <c r="FIJ712" s="613"/>
      <c r="FIK712" s="613"/>
      <c r="FIL712" s="613"/>
      <c r="FIM712" s="613"/>
      <c r="FIN712" s="613"/>
      <c r="FIO712" s="613"/>
      <c r="FIP712" s="613"/>
      <c r="FIQ712" s="613"/>
      <c r="FIR712" s="613"/>
      <c r="FIS712" s="613"/>
      <c r="FIT712" s="613"/>
      <c r="FIU712" s="613"/>
      <c r="FIV712" s="613"/>
      <c r="FIW712" s="613"/>
      <c r="FIX712" s="613"/>
      <c r="FIY712" s="613"/>
      <c r="FIZ712" s="613"/>
      <c r="FJA712" s="613"/>
      <c r="FJB712" s="613"/>
      <c r="FJC712" s="613"/>
      <c r="FJD712" s="613"/>
      <c r="FJE712" s="613"/>
      <c r="FJF712" s="613"/>
      <c r="FJG712" s="613"/>
      <c r="FJH712" s="613"/>
      <c r="FJI712" s="613"/>
      <c r="FJJ712" s="613"/>
      <c r="FJK712" s="613"/>
      <c r="FJL712" s="613"/>
      <c r="FJM712" s="613"/>
      <c r="FJN712" s="613"/>
      <c r="FJO712" s="613"/>
      <c r="FJP712" s="613"/>
      <c r="FJQ712" s="613"/>
      <c r="FJR712" s="613"/>
      <c r="FJS712" s="613"/>
      <c r="FJT712" s="613"/>
      <c r="FJU712" s="613"/>
      <c r="FJV712" s="613"/>
      <c r="FJW712" s="613"/>
      <c r="FJX712" s="613"/>
      <c r="FJY712" s="613"/>
      <c r="FJZ712" s="613"/>
      <c r="FKA712" s="613"/>
      <c r="FKB712" s="613"/>
      <c r="FKC712" s="613"/>
      <c r="FKD712" s="613"/>
      <c r="FKE712" s="613"/>
      <c r="FKF712" s="613"/>
      <c r="FKG712" s="613"/>
      <c r="FKH712" s="613"/>
      <c r="FKI712" s="613"/>
      <c r="FKJ712" s="613"/>
      <c r="FKK712" s="613"/>
      <c r="FKL712" s="613"/>
      <c r="FKM712" s="613"/>
      <c r="FKN712" s="613"/>
      <c r="FKO712" s="613"/>
      <c r="FKP712" s="613"/>
      <c r="FKQ712" s="613"/>
      <c r="FKR712" s="613"/>
      <c r="FKS712" s="613"/>
      <c r="FKT712" s="613"/>
      <c r="FKU712" s="613"/>
      <c r="FKV712" s="613"/>
      <c r="FKW712" s="613"/>
      <c r="FKX712" s="613"/>
      <c r="FKY712" s="613"/>
      <c r="FKZ712" s="613"/>
      <c r="FLA712" s="613"/>
      <c r="FLB712" s="613"/>
      <c r="FLC712" s="613"/>
      <c r="FLD712" s="613"/>
      <c r="FLE712" s="613"/>
      <c r="FLF712" s="613"/>
      <c r="FLG712" s="613"/>
      <c r="FLH712" s="613"/>
      <c r="FLI712" s="613"/>
      <c r="FLJ712" s="613"/>
      <c r="FLK712" s="613"/>
      <c r="FLL712" s="613"/>
      <c r="FLM712" s="613"/>
      <c r="FLN712" s="613"/>
      <c r="FLO712" s="613"/>
      <c r="FLP712" s="613"/>
      <c r="FLQ712" s="613"/>
      <c r="FLR712" s="613"/>
      <c r="FLS712" s="613"/>
      <c r="FLT712" s="613"/>
      <c r="FLU712" s="613"/>
      <c r="FLV712" s="613"/>
      <c r="FLW712" s="613"/>
      <c r="FLX712" s="613"/>
      <c r="FLY712" s="613"/>
      <c r="FLZ712" s="613"/>
      <c r="FMA712" s="613"/>
      <c r="FMB712" s="613"/>
      <c r="FMC712" s="613"/>
      <c r="FMD712" s="613"/>
      <c r="FME712" s="613"/>
      <c r="FMF712" s="613"/>
      <c r="FMG712" s="613"/>
      <c r="FMH712" s="613"/>
      <c r="FMI712" s="613"/>
      <c r="FMJ712" s="613"/>
      <c r="FMK712" s="613"/>
      <c r="FML712" s="613"/>
      <c r="FMM712" s="613"/>
      <c r="FMN712" s="613"/>
      <c r="FMO712" s="613"/>
      <c r="FMP712" s="613"/>
      <c r="FMQ712" s="613"/>
      <c r="FMR712" s="613"/>
      <c r="FMS712" s="613"/>
      <c r="FMT712" s="613"/>
      <c r="FMU712" s="613"/>
      <c r="FMV712" s="613"/>
      <c r="FMW712" s="613"/>
      <c r="FMX712" s="613"/>
      <c r="FMY712" s="613"/>
      <c r="FMZ712" s="613"/>
      <c r="FNA712" s="613"/>
      <c r="FNB712" s="613"/>
      <c r="FNC712" s="613"/>
      <c r="FND712" s="613"/>
      <c r="FNE712" s="613"/>
      <c r="FNF712" s="613"/>
      <c r="FNG712" s="613"/>
      <c r="FNH712" s="613"/>
      <c r="FNI712" s="613"/>
      <c r="FNJ712" s="613"/>
      <c r="FNK712" s="613"/>
      <c r="FNL712" s="613"/>
      <c r="FNM712" s="613"/>
      <c r="FNN712" s="613"/>
      <c r="FNO712" s="613"/>
      <c r="FNP712" s="613"/>
      <c r="FNQ712" s="613"/>
      <c r="FNR712" s="613"/>
      <c r="FNS712" s="613"/>
      <c r="FNT712" s="613"/>
      <c r="FNU712" s="613"/>
      <c r="FNV712" s="613"/>
      <c r="FNW712" s="613"/>
      <c r="FNX712" s="613"/>
      <c r="FNY712" s="613"/>
      <c r="FNZ712" s="613"/>
      <c r="FOA712" s="613"/>
      <c r="FOB712" s="613"/>
      <c r="FOC712" s="613"/>
      <c r="FOD712" s="613"/>
      <c r="FOE712" s="613"/>
      <c r="FOF712" s="613"/>
      <c r="FOG712" s="613"/>
      <c r="FOH712" s="613"/>
      <c r="FOI712" s="613"/>
      <c r="FOJ712" s="613"/>
      <c r="FOK712" s="613"/>
      <c r="FOL712" s="613"/>
      <c r="FOM712" s="613"/>
      <c r="FON712" s="613"/>
      <c r="FOO712" s="613"/>
      <c r="FOP712" s="613"/>
      <c r="FOQ712" s="613"/>
      <c r="FOR712" s="613"/>
      <c r="FOS712" s="613"/>
      <c r="FOT712" s="613"/>
      <c r="FOU712" s="613"/>
      <c r="FOV712" s="613"/>
      <c r="FOW712" s="613"/>
      <c r="FOX712" s="613"/>
      <c r="FOY712" s="613"/>
      <c r="FOZ712" s="613"/>
      <c r="FPA712" s="613"/>
      <c r="FPB712" s="613"/>
      <c r="FPC712" s="613"/>
      <c r="FPD712" s="613"/>
      <c r="FPE712" s="613"/>
      <c r="FPF712" s="613"/>
      <c r="FPG712" s="613"/>
      <c r="FPH712" s="613"/>
      <c r="FPI712" s="613"/>
      <c r="FPJ712" s="613"/>
      <c r="FPK712" s="613"/>
      <c r="FPL712" s="613"/>
      <c r="FPM712" s="613"/>
      <c r="FPN712" s="613"/>
      <c r="FPO712" s="613"/>
      <c r="FPP712" s="613"/>
      <c r="FPQ712" s="613"/>
      <c r="FPR712" s="613"/>
      <c r="FPS712" s="613"/>
      <c r="FPT712" s="613"/>
      <c r="FPU712" s="613"/>
      <c r="FPV712" s="613"/>
      <c r="FPW712" s="613"/>
      <c r="FPX712" s="613"/>
      <c r="FPY712" s="613"/>
      <c r="FPZ712" s="613"/>
      <c r="FQA712" s="613"/>
      <c r="FQB712" s="613"/>
      <c r="FQC712" s="613"/>
      <c r="FQD712" s="613"/>
      <c r="FQE712" s="613"/>
      <c r="FQF712" s="613"/>
      <c r="FQG712" s="613"/>
      <c r="FQH712" s="613"/>
      <c r="FQI712" s="613"/>
      <c r="FQJ712" s="613"/>
      <c r="FQK712" s="613"/>
      <c r="FQL712" s="613"/>
      <c r="FQM712" s="613"/>
      <c r="FQN712" s="613"/>
      <c r="FQO712" s="613"/>
      <c r="FQP712" s="613"/>
      <c r="FQQ712" s="613"/>
      <c r="FQR712" s="613"/>
      <c r="FQS712" s="613"/>
      <c r="FQT712" s="613"/>
      <c r="FQU712" s="613"/>
      <c r="FQV712" s="613"/>
      <c r="FQW712" s="613"/>
      <c r="FQX712" s="613"/>
      <c r="FQY712" s="613"/>
      <c r="FQZ712" s="613"/>
      <c r="FRA712" s="613"/>
      <c r="FRB712" s="613"/>
      <c r="FRC712" s="613"/>
      <c r="FRD712" s="613"/>
      <c r="FRE712" s="613"/>
      <c r="FRF712" s="613"/>
      <c r="FRG712" s="613"/>
      <c r="FRH712" s="613"/>
      <c r="FRI712" s="613"/>
      <c r="FRJ712" s="613"/>
      <c r="FRK712" s="613"/>
      <c r="FRL712" s="613"/>
      <c r="FRM712" s="613"/>
      <c r="FRN712" s="613"/>
      <c r="FRO712" s="613"/>
      <c r="FRP712" s="613"/>
      <c r="FRQ712" s="613"/>
      <c r="FRR712" s="613"/>
      <c r="FRS712" s="613"/>
      <c r="FRT712" s="613"/>
      <c r="FRU712" s="613"/>
      <c r="FRV712" s="613"/>
      <c r="FRW712" s="613"/>
      <c r="FRX712" s="613"/>
      <c r="FRY712" s="613"/>
      <c r="FRZ712" s="613"/>
      <c r="FSA712" s="613"/>
      <c r="FSB712" s="613"/>
      <c r="FSC712" s="613"/>
      <c r="FSD712" s="613"/>
      <c r="FSE712" s="613"/>
      <c r="FSF712" s="613"/>
      <c r="FSG712" s="613"/>
      <c r="FSH712" s="613"/>
      <c r="FSI712" s="613"/>
      <c r="FSJ712" s="613"/>
      <c r="FSK712" s="613"/>
      <c r="FSL712" s="613"/>
      <c r="FSM712" s="613"/>
      <c r="FSN712" s="613"/>
      <c r="FSO712" s="613"/>
      <c r="FSP712" s="613"/>
      <c r="FSQ712" s="613"/>
      <c r="FSR712" s="613"/>
      <c r="FSS712" s="613"/>
      <c r="FST712" s="613"/>
      <c r="FSU712" s="613"/>
      <c r="FSV712" s="613"/>
      <c r="FSW712" s="613"/>
      <c r="FSX712" s="613"/>
      <c r="FSY712" s="613"/>
      <c r="FSZ712" s="613"/>
      <c r="FTA712" s="613"/>
      <c r="FTB712" s="613"/>
      <c r="FTC712" s="613"/>
      <c r="FTD712" s="613"/>
      <c r="FTE712" s="613"/>
      <c r="FTF712" s="613"/>
      <c r="FTG712" s="613"/>
      <c r="FTH712" s="613"/>
      <c r="FTI712" s="613"/>
      <c r="FTJ712" s="613"/>
      <c r="FTK712" s="613"/>
      <c r="FTL712" s="613"/>
      <c r="FTM712" s="613"/>
      <c r="FTN712" s="613"/>
      <c r="FTO712" s="613"/>
      <c r="FTP712" s="613"/>
      <c r="FTQ712" s="613"/>
      <c r="FTR712" s="613"/>
      <c r="FTS712" s="613"/>
      <c r="FTT712" s="613"/>
      <c r="FTU712" s="613"/>
      <c r="FTV712" s="613"/>
      <c r="FTW712" s="613"/>
      <c r="FTX712" s="613"/>
      <c r="FTY712" s="613"/>
      <c r="FTZ712" s="613"/>
      <c r="FUA712" s="613"/>
      <c r="FUB712" s="613"/>
      <c r="FUC712" s="613"/>
      <c r="FUD712" s="613"/>
      <c r="FUE712" s="613"/>
      <c r="FUF712" s="613"/>
      <c r="FUG712" s="613"/>
      <c r="FUH712" s="613"/>
      <c r="FUI712" s="613"/>
      <c r="FUJ712" s="613"/>
      <c r="FUK712" s="613"/>
      <c r="FUL712" s="613"/>
      <c r="FUM712" s="613"/>
      <c r="FUN712" s="613"/>
      <c r="FUO712" s="613"/>
      <c r="FUP712" s="613"/>
      <c r="FUQ712" s="613"/>
      <c r="FUR712" s="613"/>
      <c r="FUS712" s="613"/>
      <c r="FUT712" s="613"/>
      <c r="FUU712" s="613"/>
      <c r="FUV712" s="613"/>
      <c r="FUW712" s="613"/>
      <c r="FUX712" s="613"/>
      <c r="FUY712" s="613"/>
      <c r="FUZ712" s="613"/>
      <c r="FVA712" s="613"/>
      <c r="FVB712" s="613"/>
      <c r="FVC712" s="613"/>
      <c r="FVD712" s="613"/>
      <c r="FVE712" s="613"/>
      <c r="FVF712" s="613"/>
      <c r="FVG712" s="613"/>
      <c r="FVH712" s="613"/>
      <c r="FVI712" s="613"/>
      <c r="FVJ712" s="613"/>
      <c r="FVK712" s="613"/>
      <c r="FVL712" s="613"/>
      <c r="FVM712" s="613"/>
      <c r="FVN712" s="613"/>
      <c r="FVO712" s="613"/>
      <c r="FVP712" s="613"/>
      <c r="FVQ712" s="613"/>
      <c r="FVR712" s="613"/>
      <c r="FVS712" s="613"/>
      <c r="FVT712" s="613"/>
      <c r="FVU712" s="613"/>
      <c r="FVV712" s="613"/>
      <c r="FVW712" s="613"/>
      <c r="FVX712" s="613"/>
      <c r="FVY712" s="613"/>
      <c r="FVZ712" s="613"/>
      <c r="FWA712" s="613"/>
      <c r="FWB712" s="613"/>
      <c r="FWC712" s="613"/>
      <c r="FWD712" s="613"/>
      <c r="FWE712" s="613"/>
      <c r="FWF712" s="613"/>
      <c r="FWG712" s="613"/>
      <c r="FWH712" s="613"/>
      <c r="FWI712" s="613"/>
      <c r="FWJ712" s="613"/>
      <c r="FWK712" s="613"/>
      <c r="FWL712" s="613"/>
      <c r="FWM712" s="613"/>
      <c r="FWN712" s="613"/>
      <c r="FWO712" s="613"/>
      <c r="FWP712" s="613"/>
      <c r="FWQ712" s="613"/>
      <c r="FWR712" s="613"/>
      <c r="FWS712" s="613"/>
      <c r="FWT712" s="613"/>
      <c r="FWU712" s="613"/>
      <c r="FWV712" s="613"/>
      <c r="FWW712" s="613"/>
      <c r="FWX712" s="613"/>
      <c r="FWY712" s="613"/>
      <c r="FWZ712" s="613"/>
      <c r="FXA712" s="613"/>
      <c r="FXB712" s="613"/>
      <c r="FXC712" s="613"/>
      <c r="FXD712" s="613"/>
      <c r="FXE712" s="613"/>
      <c r="FXF712" s="613"/>
      <c r="FXG712" s="613"/>
      <c r="FXH712" s="613"/>
      <c r="FXI712" s="613"/>
      <c r="FXJ712" s="613"/>
      <c r="FXK712" s="613"/>
      <c r="FXL712" s="613"/>
      <c r="FXM712" s="613"/>
      <c r="FXN712" s="613"/>
      <c r="FXO712" s="613"/>
      <c r="FXP712" s="613"/>
      <c r="FXQ712" s="613"/>
      <c r="FXR712" s="613"/>
      <c r="FXS712" s="613"/>
      <c r="FXT712" s="613"/>
      <c r="FXU712" s="613"/>
      <c r="FXV712" s="613"/>
      <c r="FXW712" s="613"/>
      <c r="FXX712" s="613"/>
      <c r="FXY712" s="613"/>
      <c r="FXZ712" s="613"/>
      <c r="FYA712" s="613"/>
      <c r="FYB712" s="613"/>
      <c r="FYC712" s="613"/>
      <c r="FYD712" s="613"/>
      <c r="FYE712" s="613"/>
      <c r="FYF712" s="613"/>
      <c r="FYG712" s="613"/>
      <c r="FYH712" s="613"/>
      <c r="FYI712" s="613"/>
      <c r="FYJ712" s="613"/>
      <c r="FYK712" s="613"/>
      <c r="FYL712" s="613"/>
      <c r="FYM712" s="613"/>
      <c r="FYN712" s="613"/>
      <c r="FYO712" s="613"/>
      <c r="FYP712" s="613"/>
      <c r="FYQ712" s="613"/>
      <c r="FYR712" s="613"/>
      <c r="FYS712" s="613"/>
      <c r="FYT712" s="613"/>
      <c r="FYU712" s="613"/>
      <c r="FYV712" s="613"/>
      <c r="FYW712" s="613"/>
      <c r="FYX712" s="613"/>
      <c r="FYY712" s="613"/>
      <c r="FYZ712" s="613"/>
      <c r="FZA712" s="613"/>
      <c r="FZB712" s="613"/>
      <c r="FZC712" s="613"/>
      <c r="FZD712" s="613"/>
      <c r="FZE712" s="613"/>
      <c r="FZF712" s="613"/>
      <c r="FZG712" s="613"/>
      <c r="FZH712" s="613"/>
      <c r="FZI712" s="613"/>
      <c r="FZJ712" s="613"/>
      <c r="FZK712" s="613"/>
      <c r="FZL712" s="613"/>
      <c r="FZM712" s="613"/>
      <c r="FZN712" s="613"/>
      <c r="FZO712" s="613"/>
      <c r="FZP712" s="613"/>
      <c r="FZQ712" s="613"/>
      <c r="FZR712" s="613"/>
      <c r="FZS712" s="613"/>
      <c r="FZT712" s="613"/>
      <c r="FZU712" s="613"/>
      <c r="FZV712" s="613"/>
      <c r="FZW712" s="613"/>
      <c r="FZX712" s="613"/>
      <c r="FZY712" s="613"/>
      <c r="FZZ712" s="613"/>
      <c r="GAA712" s="613"/>
      <c r="GAB712" s="613"/>
      <c r="GAC712" s="613"/>
      <c r="GAD712" s="613"/>
      <c r="GAE712" s="613"/>
      <c r="GAF712" s="613"/>
      <c r="GAG712" s="613"/>
      <c r="GAH712" s="613"/>
      <c r="GAI712" s="613"/>
      <c r="GAJ712" s="613"/>
      <c r="GAK712" s="613"/>
      <c r="GAL712" s="613"/>
      <c r="GAM712" s="613"/>
      <c r="GAN712" s="613"/>
      <c r="GAO712" s="613"/>
      <c r="GAP712" s="613"/>
      <c r="GAQ712" s="613"/>
      <c r="GAR712" s="613"/>
      <c r="GAS712" s="613"/>
      <c r="GAT712" s="613"/>
      <c r="GAU712" s="613"/>
      <c r="GAV712" s="613"/>
      <c r="GAW712" s="613"/>
      <c r="GAX712" s="613"/>
      <c r="GAY712" s="613"/>
      <c r="GAZ712" s="613"/>
      <c r="GBA712" s="613"/>
      <c r="GBB712" s="613"/>
      <c r="GBC712" s="613"/>
      <c r="GBD712" s="613"/>
      <c r="GBE712" s="613"/>
      <c r="GBF712" s="613"/>
      <c r="GBG712" s="613"/>
      <c r="GBH712" s="613"/>
      <c r="GBI712" s="613"/>
      <c r="GBJ712" s="613"/>
      <c r="GBK712" s="613"/>
      <c r="GBL712" s="613"/>
      <c r="GBM712" s="613"/>
      <c r="GBN712" s="613"/>
      <c r="GBO712" s="613"/>
      <c r="GBP712" s="613"/>
      <c r="GBQ712" s="613"/>
      <c r="GBR712" s="613"/>
      <c r="GBS712" s="613"/>
      <c r="GBT712" s="613"/>
      <c r="GBU712" s="613"/>
      <c r="GBV712" s="613"/>
      <c r="GBW712" s="613"/>
      <c r="GBX712" s="613"/>
      <c r="GBY712" s="613"/>
      <c r="GBZ712" s="613"/>
      <c r="GCA712" s="613"/>
      <c r="GCB712" s="613"/>
      <c r="GCC712" s="613"/>
      <c r="GCD712" s="613"/>
      <c r="GCE712" s="613"/>
      <c r="GCF712" s="613"/>
      <c r="GCG712" s="613"/>
      <c r="GCH712" s="613"/>
      <c r="GCI712" s="613"/>
      <c r="GCJ712" s="613"/>
      <c r="GCK712" s="613"/>
      <c r="GCL712" s="613"/>
      <c r="GCM712" s="613"/>
      <c r="GCN712" s="613"/>
      <c r="GCO712" s="613"/>
      <c r="GCP712" s="613"/>
      <c r="GCQ712" s="613"/>
      <c r="GCR712" s="613"/>
      <c r="GCS712" s="613"/>
      <c r="GCT712" s="613"/>
      <c r="GCU712" s="613"/>
      <c r="GCV712" s="613"/>
      <c r="GCW712" s="613"/>
      <c r="GCX712" s="613"/>
      <c r="GCY712" s="613"/>
      <c r="GCZ712" s="613"/>
      <c r="GDA712" s="613"/>
      <c r="GDB712" s="613"/>
      <c r="GDC712" s="613"/>
      <c r="GDD712" s="613"/>
      <c r="GDE712" s="613"/>
      <c r="GDF712" s="613"/>
      <c r="GDG712" s="613"/>
      <c r="GDH712" s="613"/>
      <c r="GDI712" s="613"/>
      <c r="GDJ712" s="613"/>
      <c r="GDK712" s="613"/>
      <c r="GDL712" s="613"/>
      <c r="GDM712" s="613"/>
      <c r="GDN712" s="613"/>
      <c r="GDO712" s="613"/>
      <c r="GDP712" s="613"/>
      <c r="GDQ712" s="613"/>
      <c r="GDR712" s="613"/>
      <c r="GDS712" s="613"/>
      <c r="GDT712" s="613"/>
      <c r="GDU712" s="613"/>
      <c r="GDV712" s="613"/>
      <c r="GDW712" s="613"/>
      <c r="GDX712" s="613"/>
      <c r="GDY712" s="613"/>
      <c r="GDZ712" s="613"/>
      <c r="GEA712" s="613"/>
      <c r="GEB712" s="613"/>
      <c r="GEC712" s="613"/>
      <c r="GED712" s="613"/>
      <c r="GEE712" s="613"/>
      <c r="GEF712" s="613"/>
      <c r="GEG712" s="613"/>
      <c r="GEH712" s="613"/>
      <c r="GEI712" s="613"/>
      <c r="GEJ712" s="613"/>
      <c r="GEK712" s="613"/>
      <c r="GEL712" s="613"/>
      <c r="GEM712" s="613"/>
      <c r="GEN712" s="613"/>
      <c r="GEO712" s="613"/>
      <c r="GEP712" s="613"/>
      <c r="GEQ712" s="613"/>
      <c r="GER712" s="613"/>
      <c r="GES712" s="613"/>
      <c r="GET712" s="613"/>
      <c r="GEU712" s="613"/>
      <c r="GEV712" s="613"/>
      <c r="GEW712" s="613"/>
      <c r="GEX712" s="613"/>
      <c r="GEY712" s="613"/>
      <c r="GEZ712" s="613"/>
      <c r="GFA712" s="613"/>
      <c r="GFB712" s="613"/>
      <c r="GFC712" s="613"/>
      <c r="GFD712" s="613"/>
      <c r="GFE712" s="613"/>
      <c r="GFF712" s="613"/>
      <c r="GFG712" s="613"/>
      <c r="GFH712" s="613"/>
      <c r="GFI712" s="613"/>
      <c r="GFJ712" s="613"/>
      <c r="GFK712" s="613"/>
      <c r="GFL712" s="613"/>
      <c r="GFM712" s="613"/>
      <c r="GFN712" s="613"/>
      <c r="GFO712" s="613"/>
      <c r="GFP712" s="613"/>
      <c r="GFQ712" s="613"/>
      <c r="GFR712" s="613"/>
      <c r="GFS712" s="613"/>
      <c r="GFT712" s="613"/>
      <c r="GFU712" s="613"/>
      <c r="GFV712" s="613"/>
      <c r="GFW712" s="613"/>
      <c r="GFX712" s="613"/>
      <c r="GFY712" s="613"/>
      <c r="GFZ712" s="613"/>
      <c r="GGA712" s="613"/>
      <c r="GGB712" s="613"/>
      <c r="GGC712" s="613"/>
      <c r="GGD712" s="613"/>
      <c r="GGE712" s="613"/>
      <c r="GGF712" s="613"/>
      <c r="GGG712" s="613"/>
      <c r="GGH712" s="613"/>
      <c r="GGI712" s="613"/>
      <c r="GGJ712" s="613"/>
      <c r="GGK712" s="613"/>
      <c r="GGL712" s="613"/>
      <c r="GGM712" s="613"/>
      <c r="GGN712" s="613"/>
      <c r="GGO712" s="613"/>
      <c r="GGP712" s="613"/>
      <c r="GGQ712" s="613"/>
      <c r="GGR712" s="613"/>
      <c r="GGS712" s="613"/>
      <c r="GGT712" s="613"/>
      <c r="GGU712" s="613"/>
      <c r="GGV712" s="613"/>
      <c r="GGW712" s="613"/>
      <c r="GGX712" s="613"/>
      <c r="GGY712" s="613"/>
      <c r="GGZ712" s="613"/>
      <c r="GHA712" s="613"/>
      <c r="GHB712" s="613"/>
      <c r="GHC712" s="613"/>
      <c r="GHD712" s="613"/>
      <c r="GHE712" s="613"/>
      <c r="GHF712" s="613"/>
      <c r="GHG712" s="613"/>
      <c r="GHH712" s="613"/>
      <c r="GHI712" s="613"/>
      <c r="GHJ712" s="613"/>
      <c r="GHK712" s="613"/>
      <c r="GHL712" s="613"/>
      <c r="GHM712" s="613"/>
      <c r="GHN712" s="613"/>
      <c r="GHO712" s="613"/>
      <c r="GHP712" s="613"/>
      <c r="GHQ712" s="613"/>
      <c r="GHR712" s="613"/>
      <c r="GHS712" s="613"/>
      <c r="GHT712" s="613"/>
      <c r="GHU712" s="613"/>
      <c r="GHV712" s="613"/>
      <c r="GHW712" s="613"/>
      <c r="GHX712" s="613"/>
      <c r="GHY712" s="613"/>
      <c r="GHZ712" s="613"/>
      <c r="GIA712" s="613"/>
      <c r="GIB712" s="613"/>
      <c r="GIC712" s="613"/>
      <c r="GID712" s="613"/>
      <c r="GIE712" s="613"/>
      <c r="GIF712" s="613"/>
      <c r="GIG712" s="613"/>
      <c r="GIH712" s="613"/>
      <c r="GII712" s="613"/>
      <c r="GIJ712" s="613"/>
      <c r="GIK712" s="613"/>
      <c r="GIL712" s="613"/>
      <c r="GIM712" s="613"/>
      <c r="GIN712" s="613"/>
      <c r="GIO712" s="613"/>
      <c r="GIP712" s="613"/>
      <c r="GIQ712" s="613"/>
      <c r="GIR712" s="613"/>
      <c r="GIS712" s="613"/>
      <c r="GIT712" s="613"/>
      <c r="GIU712" s="613"/>
      <c r="GIV712" s="613"/>
      <c r="GIW712" s="613"/>
      <c r="GIX712" s="613"/>
      <c r="GIY712" s="613"/>
      <c r="GIZ712" s="613"/>
      <c r="GJA712" s="613"/>
      <c r="GJB712" s="613"/>
      <c r="GJC712" s="613"/>
      <c r="GJD712" s="613"/>
      <c r="GJE712" s="613"/>
      <c r="GJF712" s="613"/>
      <c r="GJG712" s="613"/>
      <c r="GJH712" s="613"/>
      <c r="GJI712" s="613"/>
      <c r="GJJ712" s="613"/>
      <c r="GJK712" s="613"/>
      <c r="GJL712" s="613"/>
      <c r="GJM712" s="613"/>
      <c r="GJN712" s="613"/>
      <c r="GJO712" s="613"/>
      <c r="GJP712" s="613"/>
      <c r="GJQ712" s="613"/>
      <c r="GJR712" s="613"/>
      <c r="GJS712" s="613"/>
      <c r="GJT712" s="613"/>
      <c r="GJU712" s="613"/>
      <c r="GJV712" s="613"/>
      <c r="GJW712" s="613"/>
      <c r="GJX712" s="613"/>
      <c r="GJY712" s="613"/>
      <c r="GJZ712" s="613"/>
      <c r="GKA712" s="613"/>
      <c r="GKB712" s="613"/>
      <c r="GKC712" s="613"/>
      <c r="GKD712" s="613"/>
      <c r="GKE712" s="613"/>
      <c r="GKF712" s="613"/>
      <c r="GKG712" s="613"/>
      <c r="GKH712" s="613"/>
      <c r="GKI712" s="613"/>
      <c r="GKJ712" s="613"/>
      <c r="GKK712" s="613"/>
      <c r="GKL712" s="613"/>
      <c r="GKM712" s="613"/>
      <c r="GKN712" s="613"/>
      <c r="GKO712" s="613"/>
      <c r="GKP712" s="613"/>
      <c r="GKQ712" s="613"/>
      <c r="GKR712" s="613"/>
      <c r="GKS712" s="613"/>
      <c r="GKT712" s="613"/>
      <c r="GKU712" s="613"/>
      <c r="GKV712" s="613"/>
      <c r="GKW712" s="613"/>
      <c r="GKX712" s="613"/>
      <c r="GKY712" s="613"/>
      <c r="GKZ712" s="613"/>
      <c r="GLA712" s="613"/>
      <c r="GLB712" s="613"/>
      <c r="GLC712" s="613"/>
      <c r="GLD712" s="613"/>
      <c r="GLE712" s="613"/>
      <c r="GLF712" s="613"/>
      <c r="GLG712" s="613"/>
      <c r="GLH712" s="613"/>
      <c r="GLI712" s="613"/>
      <c r="GLJ712" s="613"/>
      <c r="GLK712" s="613"/>
      <c r="GLL712" s="613"/>
      <c r="GLM712" s="613"/>
      <c r="GLN712" s="613"/>
      <c r="GLO712" s="613"/>
      <c r="GLP712" s="613"/>
      <c r="GLQ712" s="613"/>
      <c r="GLR712" s="613"/>
      <c r="GLS712" s="613"/>
      <c r="GLT712" s="613"/>
      <c r="GLU712" s="613"/>
      <c r="GLV712" s="613"/>
      <c r="GLW712" s="613"/>
      <c r="GLX712" s="613"/>
      <c r="GLY712" s="613"/>
      <c r="GLZ712" s="613"/>
      <c r="GMA712" s="613"/>
      <c r="GMB712" s="613"/>
      <c r="GMC712" s="613"/>
      <c r="GMD712" s="613"/>
      <c r="GME712" s="613"/>
      <c r="GMF712" s="613"/>
      <c r="GMG712" s="613"/>
      <c r="GMH712" s="613"/>
      <c r="GMI712" s="613"/>
      <c r="GMJ712" s="613"/>
      <c r="GMK712" s="613"/>
      <c r="GML712" s="613"/>
      <c r="GMM712" s="613"/>
      <c r="GMN712" s="613"/>
      <c r="GMO712" s="613"/>
      <c r="GMP712" s="613"/>
      <c r="GMQ712" s="613"/>
      <c r="GMR712" s="613"/>
      <c r="GMS712" s="613"/>
      <c r="GMT712" s="613"/>
      <c r="GMU712" s="613"/>
      <c r="GMV712" s="613"/>
      <c r="GMW712" s="613"/>
      <c r="GMX712" s="613"/>
      <c r="GMY712" s="613"/>
      <c r="GMZ712" s="613"/>
      <c r="GNA712" s="613"/>
      <c r="GNB712" s="613"/>
      <c r="GNC712" s="613"/>
      <c r="GND712" s="613"/>
      <c r="GNE712" s="613"/>
      <c r="GNF712" s="613"/>
      <c r="GNG712" s="613"/>
      <c r="GNH712" s="613"/>
      <c r="GNI712" s="613"/>
      <c r="GNJ712" s="613"/>
      <c r="GNK712" s="613"/>
      <c r="GNL712" s="613"/>
      <c r="GNM712" s="613"/>
      <c r="GNN712" s="613"/>
      <c r="GNO712" s="613"/>
      <c r="GNP712" s="613"/>
      <c r="GNQ712" s="613"/>
      <c r="GNR712" s="613"/>
      <c r="GNS712" s="613"/>
      <c r="GNT712" s="613"/>
      <c r="GNU712" s="613"/>
      <c r="GNV712" s="613"/>
      <c r="GNW712" s="613"/>
      <c r="GNX712" s="613"/>
      <c r="GNY712" s="613"/>
      <c r="GNZ712" s="613"/>
      <c r="GOA712" s="613"/>
      <c r="GOB712" s="613"/>
      <c r="GOC712" s="613"/>
      <c r="GOD712" s="613"/>
      <c r="GOE712" s="613"/>
      <c r="GOF712" s="613"/>
      <c r="GOG712" s="613"/>
      <c r="GOH712" s="613"/>
      <c r="GOI712" s="613"/>
      <c r="GOJ712" s="613"/>
      <c r="GOK712" s="613"/>
      <c r="GOL712" s="613"/>
      <c r="GOM712" s="613"/>
      <c r="GON712" s="613"/>
      <c r="GOO712" s="613"/>
      <c r="GOP712" s="613"/>
      <c r="GOQ712" s="613"/>
      <c r="GOR712" s="613"/>
      <c r="GOS712" s="613"/>
      <c r="GOT712" s="613"/>
      <c r="GOU712" s="613"/>
      <c r="GOV712" s="613"/>
      <c r="GOW712" s="613"/>
      <c r="GOX712" s="613"/>
      <c r="GOY712" s="613"/>
      <c r="GOZ712" s="613"/>
      <c r="GPA712" s="613"/>
      <c r="GPB712" s="613"/>
      <c r="GPC712" s="613"/>
      <c r="GPD712" s="613"/>
      <c r="GPE712" s="613"/>
      <c r="GPF712" s="613"/>
      <c r="GPG712" s="613"/>
      <c r="GPH712" s="613"/>
      <c r="GPI712" s="613"/>
      <c r="GPJ712" s="613"/>
      <c r="GPK712" s="613"/>
      <c r="GPL712" s="613"/>
      <c r="GPM712" s="613"/>
      <c r="GPN712" s="613"/>
      <c r="GPO712" s="613"/>
      <c r="GPP712" s="613"/>
      <c r="GPQ712" s="613"/>
      <c r="GPR712" s="613"/>
      <c r="GPS712" s="613"/>
      <c r="GPT712" s="613"/>
      <c r="GPU712" s="613"/>
      <c r="GPV712" s="613"/>
      <c r="GPW712" s="613"/>
      <c r="GPX712" s="613"/>
      <c r="GPY712" s="613"/>
      <c r="GPZ712" s="613"/>
      <c r="GQA712" s="613"/>
      <c r="GQB712" s="613"/>
      <c r="GQC712" s="613"/>
      <c r="GQD712" s="613"/>
      <c r="GQE712" s="613"/>
      <c r="GQF712" s="613"/>
      <c r="GQG712" s="613"/>
      <c r="GQH712" s="613"/>
      <c r="GQI712" s="613"/>
      <c r="GQJ712" s="613"/>
      <c r="GQK712" s="613"/>
      <c r="GQL712" s="613"/>
      <c r="GQM712" s="613"/>
      <c r="GQN712" s="613"/>
      <c r="GQO712" s="613"/>
      <c r="GQP712" s="613"/>
      <c r="GQQ712" s="613"/>
      <c r="GQR712" s="613"/>
      <c r="GQS712" s="613"/>
      <c r="GQT712" s="613"/>
      <c r="GQU712" s="613"/>
      <c r="GQV712" s="613"/>
      <c r="GQW712" s="613"/>
      <c r="GQX712" s="613"/>
      <c r="GQY712" s="613"/>
      <c r="GQZ712" s="613"/>
      <c r="GRA712" s="613"/>
      <c r="GRB712" s="613"/>
      <c r="GRC712" s="613"/>
      <c r="GRD712" s="613"/>
      <c r="GRE712" s="613"/>
      <c r="GRF712" s="613"/>
      <c r="GRG712" s="613"/>
      <c r="GRH712" s="613"/>
      <c r="GRI712" s="613"/>
      <c r="GRJ712" s="613"/>
      <c r="GRK712" s="613"/>
      <c r="GRL712" s="613"/>
      <c r="GRM712" s="613"/>
      <c r="GRN712" s="613"/>
      <c r="GRO712" s="613"/>
      <c r="GRP712" s="613"/>
      <c r="GRQ712" s="613"/>
      <c r="GRR712" s="613"/>
      <c r="GRS712" s="613"/>
      <c r="GRT712" s="613"/>
      <c r="GRU712" s="613"/>
      <c r="GRV712" s="613"/>
      <c r="GRW712" s="613"/>
      <c r="GRX712" s="613"/>
      <c r="GRY712" s="613"/>
      <c r="GRZ712" s="613"/>
      <c r="GSA712" s="613"/>
      <c r="GSB712" s="613"/>
      <c r="GSC712" s="613"/>
      <c r="GSD712" s="613"/>
      <c r="GSE712" s="613"/>
      <c r="GSF712" s="613"/>
      <c r="GSG712" s="613"/>
      <c r="GSH712" s="613"/>
      <c r="GSI712" s="613"/>
      <c r="GSJ712" s="613"/>
      <c r="GSK712" s="613"/>
      <c r="GSL712" s="613"/>
      <c r="GSM712" s="613"/>
      <c r="GSN712" s="613"/>
      <c r="GSO712" s="613"/>
      <c r="GSP712" s="613"/>
      <c r="GSQ712" s="613"/>
      <c r="GSR712" s="613"/>
      <c r="GSS712" s="613"/>
      <c r="GST712" s="613"/>
      <c r="GSU712" s="613"/>
      <c r="GSV712" s="613"/>
      <c r="GSW712" s="613"/>
      <c r="GSX712" s="613"/>
      <c r="GSY712" s="613"/>
      <c r="GSZ712" s="613"/>
      <c r="GTA712" s="613"/>
      <c r="GTB712" s="613"/>
      <c r="GTC712" s="613"/>
      <c r="GTD712" s="613"/>
      <c r="GTE712" s="613"/>
      <c r="GTF712" s="613"/>
      <c r="GTG712" s="613"/>
      <c r="GTH712" s="613"/>
      <c r="GTI712" s="613"/>
      <c r="GTJ712" s="613"/>
      <c r="GTK712" s="613"/>
      <c r="GTL712" s="613"/>
      <c r="GTM712" s="613"/>
      <c r="GTN712" s="613"/>
      <c r="GTO712" s="613"/>
      <c r="GTP712" s="613"/>
      <c r="GTQ712" s="613"/>
      <c r="GTR712" s="613"/>
      <c r="GTS712" s="613"/>
      <c r="GTT712" s="613"/>
      <c r="GTU712" s="613"/>
      <c r="GTV712" s="613"/>
      <c r="GTW712" s="613"/>
      <c r="GTX712" s="613"/>
      <c r="GTY712" s="613"/>
      <c r="GTZ712" s="613"/>
      <c r="GUA712" s="613"/>
      <c r="GUB712" s="613"/>
      <c r="GUC712" s="613"/>
      <c r="GUD712" s="613"/>
      <c r="GUE712" s="613"/>
      <c r="GUF712" s="613"/>
      <c r="GUG712" s="613"/>
      <c r="GUH712" s="613"/>
      <c r="GUI712" s="613"/>
      <c r="GUJ712" s="613"/>
      <c r="GUK712" s="613"/>
      <c r="GUL712" s="613"/>
      <c r="GUM712" s="613"/>
      <c r="GUN712" s="613"/>
      <c r="GUO712" s="613"/>
      <c r="GUP712" s="613"/>
      <c r="GUQ712" s="613"/>
      <c r="GUR712" s="613"/>
      <c r="GUS712" s="613"/>
      <c r="GUT712" s="613"/>
      <c r="GUU712" s="613"/>
      <c r="GUV712" s="613"/>
      <c r="GUW712" s="613"/>
      <c r="GUX712" s="613"/>
      <c r="GUY712" s="613"/>
      <c r="GUZ712" s="613"/>
      <c r="GVA712" s="613"/>
      <c r="GVB712" s="613"/>
      <c r="GVC712" s="613"/>
      <c r="GVD712" s="613"/>
      <c r="GVE712" s="613"/>
      <c r="GVF712" s="613"/>
      <c r="GVG712" s="613"/>
      <c r="GVH712" s="613"/>
      <c r="GVI712" s="613"/>
      <c r="GVJ712" s="613"/>
      <c r="GVK712" s="613"/>
      <c r="GVL712" s="613"/>
      <c r="GVM712" s="613"/>
      <c r="GVN712" s="613"/>
      <c r="GVO712" s="613"/>
      <c r="GVP712" s="613"/>
      <c r="GVQ712" s="613"/>
      <c r="GVR712" s="613"/>
      <c r="GVS712" s="613"/>
      <c r="GVT712" s="613"/>
      <c r="GVU712" s="613"/>
      <c r="GVV712" s="613"/>
      <c r="GVW712" s="613"/>
      <c r="GVX712" s="613"/>
      <c r="GVY712" s="613"/>
      <c r="GVZ712" s="613"/>
      <c r="GWA712" s="613"/>
      <c r="GWB712" s="613"/>
      <c r="GWC712" s="613"/>
      <c r="GWD712" s="613"/>
      <c r="GWE712" s="613"/>
      <c r="GWF712" s="613"/>
      <c r="GWG712" s="613"/>
      <c r="GWH712" s="613"/>
      <c r="GWI712" s="613"/>
      <c r="GWJ712" s="613"/>
      <c r="GWK712" s="613"/>
      <c r="GWL712" s="613"/>
      <c r="GWM712" s="613"/>
      <c r="GWN712" s="613"/>
      <c r="GWO712" s="613"/>
      <c r="GWP712" s="613"/>
      <c r="GWQ712" s="613"/>
      <c r="GWR712" s="613"/>
      <c r="GWS712" s="613"/>
      <c r="GWT712" s="613"/>
      <c r="GWU712" s="613"/>
      <c r="GWV712" s="613"/>
      <c r="GWW712" s="613"/>
      <c r="GWX712" s="613"/>
      <c r="GWY712" s="613"/>
      <c r="GWZ712" s="613"/>
      <c r="GXA712" s="613"/>
      <c r="GXB712" s="613"/>
      <c r="GXC712" s="613"/>
      <c r="GXD712" s="613"/>
      <c r="GXE712" s="613"/>
      <c r="GXF712" s="613"/>
      <c r="GXG712" s="613"/>
      <c r="GXH712" s="613"/>
      <c r="GXI712" s="613"/>
      <c r="GXJ712" s="613"/>
      <c r="GXK712" s="613"/>
      <c r="GXL712" s="613"/>
      <c r="GXM712" s="613"/>
      <c r="GXN712" s="613"/>
      <c r="GXO712" s="613"/>
      <c r="GXP712" s="613"/>
      <c r="GXQ712" s="613"/>
      <c r="GXR712" s="613"/>
      <c r="GXS712" s="613"/>
      <c r="GXT712" s="613"/>
      <c r="GXU712" s="613"/>
      <c r="GXV712" s="613"/>
      <c r="GXW712" s="613"/>
      <c r="GXX712" s="613"/>
      <c r="GXY712" s="613"/>
      <c r="GXZ712" s="613"/>
      <c r="GYA712" s="613"/>
      <c r="GYB712" s="613"/>
      <c r="GYC712" s="613"/>
      <c r="GYD712" s="613"/>
      <c r="GYE712" s="613"/>
      <c r="GYF712" s="613"/>
      <c r="GYG712" s="613"/>
      <c r="GYH712" s="613"/>
      <c r="GYI712" s="613"/>
      <c r="GYJ712" s="613"/>
      <c r="GYK712" s="613"/>
      <c r="GYL712" s="613"/>
      <c r="GYM712" s="613"/>
      <c r="GYN712" s="613"/>
      <c r="GYO712" s="613"/>
      <c r="GYP712" s="613"/>
      <c r="GYQ712" s="613"/>
      <c r="GYR712" s="613"/>
      <c r="GYS712" s="613"/>
      <c r="GYT712" s="613"/>
      <c r="GYU712" s="613"/>
      <c r="GYV712" s="613"/>
      <c r="GYW712" s="613"/>
      <c r="GYX712" s="613"/>
      <c r="GYY712" s="613"/>
      <c r="GYZ712" s="613"/>
      <c r="GZA712" s="613"/>
      <c r="GZB712" s="613"/>
      <c r="GZC712" s="613"/>
      <c r="GZD712" s="613"/>
      <c r="GZE712" s="613"/>
      <c r="GZF712" s="613"/>
      <c r="GZG712" s="613"/>
      <c r="GZH712" s="613"/>
      <c r="GZI712" s="613"/>
      <c r="GZJ712" s="613"/>
      <c r="GZK712" s="613"/>
      <c r="GZL712" s="613"/>
      <c r="GZM712" s="613"/>
      <c r="GZN712" s="613"/>
      <c r="GZO712" s="613"/>
      <c r="GZP712" s="613"/>
      <c r="GZQ712" s="613"/>
      <c r="GZR712" s="613"/>
      <c r="GZS712" s="613"/>
      <c r="GZT712" s="613"/>
      <c r="GZU712" s="613"/>
      <c r="GZV712" s="613"/>
      <c r="GZW712" s="613"/>
      <c r="GZX712" s="613"/>
      <c r="GZY712" s="613"/>
      <c r="GZZ712" s="613"/>
      <c r="HAA712" s="613"/>
      <c r="HAB712" s="613"/>
      <c r="HAC712" s="613"/>
      <c r="HAD712" s="613"/>
      <c r="HAE712" s="613"/>
      <c r="HAF712" s="613"/>
      <c r="HAG712" s="613"/>
      <c r="HAH712" s="613"/>
      <c r="HAI712" s="613"/>
      <c r="HAJ712" s="613"/>
      <c r="HAK712" s="613"/>
      <c r="HAL712" s="613"/>
      <c r="HAM712" s="613"/>
      <c r="HAN712" s="613"/>
      <c r="HAO712" s="613"/>
      <c r="HAP712" s="613"/>
      <c r="HAQ712" s="613"/>
      <c r="HAR712" s="613"/>
      <c r="HAS712" s="613"/>
      <c r="HAT712" s="613"/>
      <c r="HAU712" s="613"/>
      <c r="HAV712" s="613"/>
      <c r="HAW712" s="613"/>
      <c r="HAX712" s="613"/>
      <c r="HAY712" s="613"/>
      <c r="HAZ712" s="613"/>
      <c r="HBA712" s="613"/>
      <c r="HBB712" s="613"/>
      <c r="HBC712" s="613"/>
      <c r="HBD712" s="613"/>
      <c r="HBE712" s="613"/>
      <c r="HBF712" s="613"/>
      <c r="HBG712" s="613"/>
      <c r="HBH712" s="613"/>
      <c r="HBI712" s="613"/>
      <c r="HBJ712" s="613"/>
      <c r="HBK712" s="613"/>
      <c r="HBL712" s="613"/>
      <c r="HBM712" s="613"/>
      <c r="HBN712" s="613"/>
      <c r="HBO712" s="613"/>
      <c r="HBP712" s="613"/>
      <c r="HBQ712" s="613"/>
      <c r="HBR712" s="613"/>
      <c r="HBS712" s="613"/>
      <c r="HBT712" s="613"/>
      <c r="HBU712" s="613"/>
      <c r="HBV712" s="613"/>
      <c r="HBW712" s="613"/>
      <c r="HBX712" s="613"/>
      <c r="HBY712" s="613"/>
      <c r="HBZ712" s="613"/>
      <c r="HCA712" s="613"/>
      <c r="HCB712" s="613"/>
      <c r="HCC712" s="613"/>
      <c r="HCD712" s="613"/>
      <c r="HCE712" s="613"/>
      <c r="HCF712" s="613"/>
      <c r="HCG712" s="613"/>
      <c r="HCH712" s="613"/>
      <c r="HCI712" s="613"/>
      <c r="HCJ712" s="613"/>
      <c r="HCK712" s="613"/>
      <c r="HCL712" s="613"/>
      <c r="HCM712" s="613"/>
      <c r="HCN712" s="613"/>
      <c r="HCO712" s="613"/>
      <c r="HCP712" s="613"/>
      <c r="HCQ712" s="613"/>
      <c r="HCR712" s="613"/>
      <c r="HCS712" s="613"/>
      <c r="HCT712" s="613"/>
      <c r="HCU712" s="613"/>
      <c r="HCV712" s="613"/>
      <c r="HCW712" s="613"/>
      <c r="HCX712" s="613"/>
      <c r="HCY712" s="613"/>
      <c r="HCZ712" s="613"/>
      <c r="HDA712" s="613"/>
      <c r="HDB712" s="613"/>
      <c r="HDC712" s="613"/>
      <c r="HDD712" s="613"/>
      <c r="HDE712" s="613"/>
      <c r="HDF712" s="613"/>
      <c r="HDG712" s="613"/>
      <c r="HDH712" s="613"/>
      <c r="HDI712" s="613"/>
      <c r="HDJ712" s="613"/>
      <c r="HDK712" s="613"/>
      <c r="HDL712" s="613"/>
      <c r="HDM712" s="613"/>
      <c r="HDN712" s="613"/>
      <c r="HDO712" s="613"/>
      <c r="HDP712" s="613"/>
      <c r="HDQ712" s="613"/>
      <c r="HDR712" s="613"/>
      <c r="HDS712" s="613"/>
      <c r="HDT712" s="613"/>
      <c r="HDU712" s="613"/>
      <c r="HDV712" s="613"/>
      <c r="HDW712" s="613"/>
      <c r="HDX712" s="613"/>
      <c r="HDY712" s="613"/>
      <c r="HDZ712" s="613"/>
      <c r="HEA712" s="613"/>
      <c r="HEB712" s="613"/>
      <c r="HEC712" s="613"/>
      <c r="HED712" s="613"/>
      <c r="HEE712" s="613"/>
      <c r="HEF712" s="613"/>
      <c r="HEG712" s="613"/>
      <c r="HEH712" s="613"/>
      <c r="HEI712" s="613"/>
      <c r="HEJ712" s="613"/>
      <c r="HEK712" s="613"/>
      <c r="HEL712" s="613"/>
      <c r="HEM712" s="613"/>
      <c r="HEN712" s="613"/>
      <c r="HEO712" s="613"/>
      <c r="HEP712" s="613"/>
      <c r="HEQ712" s="613"/>
      <c r="HER712" s="613"/>
      <c r="HES712" s="613"/>
      <c r="HET712" s="613"/>
      <c r="HEU712" s="613"/>
      <c r="HEV712" s="613"/>
      <c r="HEW712" s="613"/>
      <c r="HEX712" s="613"/>
      <c r="HEY712" s="613"/>
      <c r="HEZ712" s="613"/>
      <c r="HFA712" s="613"/>
      <c r="HFB712" s="613"/>
      <c r="HFC712" s="613"/>
      <c r="HFD712" s="613"/>
      <c r="HFE712" s="613"/>
      <c r="HFF712" s="613"/>
      <c r="HFG712" s="613"/>
      <c r="HFH712" s="613"/>
      <c r="HFI712" s="613"/>
      <c r="HFJ712" s="613"/>
      <c r="HFK712" s="613"/>
      <c r="HFL712" s="613"/>
      <c r="HFM712" s="613"/>
      <c r="HFN712" s="613"/>
      <c r="HFO712" s="613"/>
      <c r="HFP712" s="613"/>
      <c r="HFQ712" s="613"/>
      <c r="HFR712" s="613"/>
      <c r="HFS712" s="613"/>
      <c r="HFT712" s="613"/>
      <c r="HFU712" s="613"/>
      <c r="HFV712" s="613"/>
      <c r="HFW712" s="613"/>
      <c r="HFX712" s="613"/>
      <c r="HFY712" s="613"/>
      <c r="HFZ712" s="613"/>
      <c r="HGA712" s="613"/>
      <c r="HGB712" s="613"/>
      <c r="HGC712" s="613"/>
      <c r="HGD712" s="613"/>
      <c r="HGE712" s="613"/>
      <c r="HGF712" s="613"/>
      <c r="HGG712" s="613"/>
      <c r="HGH712" s="613"/>
      <c r="HGI712" s="613"/>
      <c r="HGJ712" s="613"/>
      <c r="HGK712" s="613"/>
      <c r="HGL712" s="613"/>
      <c r="HGM712" s="613"/>
      <c r="HGN712" s="613"/>
      <c r="HGO712" s="613"/>
      <c r="HGP712" s="613"/>
      <c r="HGQ712" s="613"/>
      <c r="HGR712" s="613"/>
      <c r="HGS712" s="613"/>
      <c r="HGT712" s="613"/>
      <c r="HGU712" s="613"/>
      <c r="HGV712" s="613"/>
      <c r="HGW712" s="613"/>
      <c r="HGX712" s="613"/>
      <c r="HGY712" s="613"/>
      <c r="HGZ712" s="613"/>
      <c r="HHA712" s="613"/>
      <c r="HHB712" s="613"/>
      <c r="HHC712" s="613"/>
      <c r="HHD712" s="613"/>
      <c r="HHE712" s="613"/>
      <c r="HHF712" s="613"/>
      <c r="HHG712" s="613"/>
      <c r="HHH712" s="613"/>
      <c r="HHI712" s="613"/>
      <c r="HHJ712" s="613"/>
      <c r="HHK712" s="613"/>
      <c r="HHL712" s="613"/>
      <c r="HHM712" s="613"/>
      <c r="HHN712" s="613"/>
      <c r="HHO712" s="613"/>
      <c r="HHP712" s="613"/>
      <c r="HHQ712" s="613"/>
      <c r="HHR712" s="613"/>
      <c r="HHS712" s="613"/>
      <c r="HHT712" s="613"/>
      <c r="HHU712" s="613"/>
      <c r="HHV712" s="613"/>
      <c r="HHW712" s="613"/>
      <c r="HHX712" s="613"/>
      <c r="HHY712" s="613"/>
      <c r="HHZ712" s="613"/>
      <c r="HIA712" s="613"/>
      <c r="HIB712" s="613"/>
      <c r="HIC712" s="613"/>
      <c r="HID712" s="613"/>
      <c r="HIE712" s="613"/>
      <c r="HIF712" s="613"/>
      <c r="HIG712" s="613"/>
      <c r="HIH712" s="613"/>
      <c r="HII712" s="613"/>
      <c r="HIJ712" s="613"/>
      <c r="HIK712" s="613"/>
      <c r="HIL712" s="613"/>
      <c r="HIM712" s="613"/>
      <c r="HIN712" s="613"/>
      <c r="HIO712" s="613"/>
      <c r="HIP712" s="613"/>
      <c r="HIQ712" s="613"/>
      <c r="HIR712" s="613"/>
      <c r="HIS712" s="613"/>
      <c r="HIT712" s="613"/>
      <c r="HIU712" s="613"/>
      <c r="HIV712" s="613"/>
      <c r="HIW712" s="613"/>
      <c r="HIX712" s="613"/>
      <c r="HIY712" s="613"/>
      <c r="HIZ712" s="613"/>
      <c r="HJA712" s="613"/>
      <c r="HJB712" s="613"/>
      <c r="HJC712" s="613"/>
      <c r="HJD712" s="613"/>
      <c r="HJE712" s="613"/>
      <c r="HJF712" s="613"/>
      <c r="HJG712" s="613"/>
      <c r="HJH712" s="613"/>
      <c r="HJI712" s="613"/>
      <c r="HJJ712" s="613"/>
      <c r="HJK712" s="613"/>
      <c r="HJL712" s="613"/>
      <c r="HJM712" s="613"/>
      <c r="HJN712" s="613"/>
      <c r="HJO712" s="613"/>
      <c r="HJP712" s="613"/>
      <c r="HJQ712" s="613"/>
      <c r="HJR712" s="613"/>
      <c r="HJS712" s="613"/>
      <c r="HJT712" s="613"/>
      <c r="HJU712" s="613"/>
      <c r="HJV712" s="613"/>
      <c r="HJW712" s="613"/>
      <c r="HJX712" s="613"/>
      <c r="HJY712" s="613"/>
      <c r="HJZ712" s="613"/>
      <c r="HKA712" s="613"/>
      <c r="HKB712" s="613"/>
      <c r="HKC712" s="613"/>
      <c r="HKD712" s="613"/>
      <c r="HKE712" s="613"/>
      <c r="HKF712" s="613"/>
      <c r="HKG712" s="613"/>
      <c r="HKH712" s="613"/>
      <c r="HKI712" s="613"/>
      <c r="HKJ712" s="613"/>
      <c r="HKK712" s="613"/>
      <c r="HKL712" s="613"/>
      <c r="HKM712" s="613"/>
      <c r="HKN712" s="613"/>
      <c r="HKO712" s="613"/>
      <c r="HKP712" s="613"/>
      <c r="HKQ712" s="613"/>
      <c r="HKR712" s="613"/>
      <c r="HKS712" s="613"/>
      <c r="HKT712" s="613"/>
      <c r="HKU712" s="613"/>
      <c r="HKV712" s="613"/>
      <c r="HKW712" s="613"/>
      <c r="HKX712" s="613"/>
      <c r="HKY712" s="613"/>
      <c r="HKZ712" s="613"/>
      <c r="HLA712" s="613"/>
      <c r="HLB712" s="613"/>
      <c r="HLC712" s="613"/>
      <c r="HLD712" s="613"/>
      <c r="HLE712" s="613"/>
      <c r="HLF712" s="613"/>
      <c r="HLG712" s="613"/>
      <c r="HLH712" s="613"/>
      <c r="HLI712" s="613"/>
      <c r="HLJ712" s="613"/>
      <c r="HLK712" s="613"/>
      <c r="HLL712" s="613"/>
      <c r="HLM712" s="613"/>
      <c r="HLN712" s="613"/>
      <c r="HLO712" s="613"/>
      <c r="HLP712" s="613"/>
      <c r="HLQ712" s="613"/>
      <c r="HLR712" s="613"/>
      <c r="HLS712" s="613"/>
      <c r="HLT712" s="613"/>
      <c r="HLU712" s="613"/>
      <c r="HLV712" s="613"/>
      <c r="HLW712" s="613"/>
      <c r="HLX712" s="613"/>
      <c r="HLY712" s="613"/>
      <c r="HLZ712" s="613"/>
      <c r="HMA712" s="613"/>
      <c r="HMB712" s="613"/>
      <c r="HMC712" s="613"/>
      <c r="HMD712" s="613"/>
      <c r="HME712" s="613"/>
      <c r="HMF712" s="613"/>
      <c r="HMG712" s="613"/>
      <c r="HMH712" s="613"/>
      <c r="HMI712" s="613"/>
      <c r="HMJ712" s="613"/>
      <c r="HMK712" s="613"/>
      <c r="HML712" s="613"/>
      <c r="HMM712" s="613"/>
      <c r="HMN712" s="613"/>
      <c r="HMO712" s="613"/>
      <c r="HMP712" s="613"/>
      <c r="HMQ712" s="613"/>
      <c r="HMR712" s="613"/>
      <c r="HMS712" s="613"/>
      <c r="HMT712" s="613"/>
      <c r="HMU712" s="613"/>
      <c r="HMV712" s="613"/>
      <c r="HMW712" s="613"/>
      <c r="HMX712" s="613"/>
      <c r="HMY712" s="613"/>
      <c r="HMZ712" s="613"/>
      <c r="HNA712" s="613"/>
      <c r="HNB712" s="613"/>
      <c r="HNC712" s="613"/>
      <c r="HND712" s="613"/>
      <c r="HNE712" s="613"/>
      <c r="HNF712" s="613"/>
      <c r="HNG712" s="613"/>
      <c r="HNH712" s="613"/>
      <c r="HNI712" s="613"/>
      <c r="HNJ712" s="613"/>
      <c r="HNK712" s="613"/>
      <c r="HNL712" s="613"/>
      <c r="HNM712" s="613"/>
      <c r="HNN712" s="613"/>
      <c r="HNO712" s="613"/>
      <c r="HNP712" s="613"/>
      <c r="HNQ712" s="613"/>
      <c r="HNR712" s="613"/>
      <c r="HNS712" s="613"/>
      <c r="HNT712" s="613"/>
      <c r="HNU712" s="613"/>
      <c r="HNV712" s="613"/>
      <c r="HNW712" s="613"/>
      <c r="HNX712" s="613"/>
      <c r="HNY712" s="613"/>
      <c r="HNZ712" s="613"/>
      <c r="HOA712" s="613"/>
      <c r="HOB712" s="613"/>
      <c r="HOC712" s="613"/>
      <c r="HOD712" s="613"/>
      <c r="HOE712" s="613"/>
      <c r="HOF712" s="613"/>
      <c r="HOG712" s="613"/>
      <c r="HOH712" s="613"/>
      <c r="HOI712" s="613"/>
      <c r="HOJ712" s="613"/>
      <c r="HOK712" s="613"/>
      <c r="HOL712" s="613"/>
      <c r="HOM712" s="613"/>
      <c r="HON712" s="613"/>
      <c r="HOO712" s="613"/>
      <c r="HOP712" s="613"/>
      <c r="HOQ712" s="613"/>
      <c r="HOR712" s="613"/>
      <c r="HOS712" s="613"/>
      <c r="HOT712" s="613"/>
      <c r="HOU712" s="613"/>
      <c r="HOV712" s="613"/>
      <c r="HOW712" s="613"/>
      <c r="HOX712" s="613"/>
      <c r="HOY712" s="613"/>
      <c r="HOZ712" s="613"/>
      <c r="HPA712" s="613"/>
      <c r="HPB712" s="613"/>
      <c r="HPC712" s="613"/>
      <c r="HPD712" s="613"/>
      <c r="HPE712" s="613"/>
      <c r="HPF712" s="613"/>
      <c r="HPG712" s="613"/>
      <c r="HPH712" s="613"/>
      <c r="HPI712" s="613"/>
      <c r="HPJ712" s="613"/>
      <c r="HPK712" s="613"/>
      <c r="HPL712" s="613"/>
      <c r="HPM712" s="613"/>
      <c r="HPN712" s="613"/>
      <c r="HPO712" s="613"/>
      <c r="HPP712" s="613"/>
      <c r="HPQ712" s="613"/>
      <c r="HPR712" s="613"/>
      <c r="HPS712" s="613"/>
      <c r="HPT712" s="613"/>
      <c r="HPU712" s="613"/>
      <c r="HPV712" s="613"/>
      <c r="HPW712" s="613"/>
      <c r="HPX712" s="613"/>
      <c r="HPY712" s="613"/>
      <c r="HPZ712" s="613"/>
      <c r="HQA712" s="613"/>
      <c r="HQB712" s="613"/>
      <c r="HQC712" s="613"/>
      <c r="HQD712" s="613"/>
      <c r="HQE712" s="613"/>
      <c r="HQF712" s="613"/>
      <c r="HQG712" s="613"/>
      <c r="HQH712" s="613"/>
      <c r="HQI712" s="613"/>
      <c r="HQJ712" s="613"/>
      <c r="HQK712" s="613"/>
      <c r="HQL712" s="613"/>
      <c r="HQM712" s="613"/>
      <c r="HQN712" s="613"/>
      <c r="HQO712" s="613"/>
      <c r="HQP712" s="613"/>
      <c r="HQQ712" s="613"/>
      <c r="HQR712" s="613"/>
      <c r="HQS712" s="613"/>
      <c r="HQT712" s="613"/>
      <c r="HQU712" s="613"/>
      <c r="HQV712" s="613"/>
      <c r="HQW712" s="613"/>
      <c r="HQX712" s="613"/>
      <c r="HQY712" s="613"/>
      <c r="HQZ712" s="613"/>
      <c r="HRA712" s="613"/>
      <c r="HRB712" s="613"/>
      <c r="HRC712" s="613"/>
      <c r="HRD712" s="613"/>
      <c r="HRE712" s="613"/>
      <c r="HRF712" s="613"/>
      <c r="HRG712" s="613"/>
      <c r="HRH712" s="613"/>
      <c r="HRI712" s="613"/>
      <c r="HRJ712" s="613"/>
      <c r="HRK712" s="613"/>
      <c r="HRL712" s="613"/>
      <c r="HRM712" s="613"/>
      <c r="HRN712" s="613"/>
      <c r="HRO712" s="613"/>
      <c r="HRP712" s="613"/>
      <c r="HRQ712" s="613"/>
      <c r="HRR712" s="613"/>
      <c r="HRS712" s="613"/>
      <c r="HRT712" s="613"/>
      <c r="HRU712" s="613"/>
      <c r="HRV712" s="613"/>
      <c r="HRW712" s="613"/>
      <c r="HRX712" s="613"/>
      <c r="HRY712" s="613"/>
      <c r="HRZ712" s="613"/>
      <c r="HSA712" s="613"/>
      <c r="HSB712" s="613"/>
      <c r="HSC712" s="613"/>
      <c r="HSD712" s="613"/>
      <c r="HSE712" s="613"/>
      <c r="HSF712" s="613"/>
      <c r="HSG712" s="613"/>
      <c r="HSH712" s="613"/>
      <c r="HSI712" s="613"/>
      <c r="HSJ712" s="613"/>
      <c r="HSK712" s="613"/>
      <c r="HSL712" s="613"/>
      <c r="HSM712" s="613"/>
      <c r="HSN712" s="613"/>
      <c r="HSO712" s="613"/>
      <c r="HSP712" s="613"/>
      <c r="HSQ712" s="613"/>
      <c r="HSR712" s="613"/>
      <c r="HSS712" s="613"/>
      <c r="HST712" s="613"/>
      <c r="HSU712" s="613"/>
      <c r="HSV712" s="613"/>
      <c r="HSW712" s="613"/>
      <c r="HSX712" s="613"/>
      <c r="HSY712" s="613"/>
      <c r="HSZ712" s="613"/>
      <c r="HTA712" s="613"/>
      <c r="HTB712" s="613"/>
      <c r="HTC712" s="613"/>
      <c r="HTD712" s="613"/>
      <c r="HTE712" s="613"/>
      <c r="HTF712" s="613"/>
      <c r="HTG712" s="613"/>
      <c r="HTH712" s="613"/>
      <c r="HTI712" s="613"/>
      <c r="HTJ712" s="613"/>
      <c r="HTK712" s="613"/>
      <c r="HTL712" s="613"/>
      <c r="HTM712" s="613"/>
      <c r="HTN712" s="613"/>
      <c r="HTO712" s="613"/>
      <c r="HTP712" s="613"/>
      <c r="HTQ712" s="613"/>
      <c r="HTR712" s="613"/>
      <c r="HTS712" s="613"/>
      <c r="HTT712" s="613"/>
      <c r="HTU712" s="613"/>
      <c r="HTV712" s="613"/>
      <c r="HTW712" s="613"/>
      <c r="HTX712" s="613"/>
      <c r="HTY712" s="613"/>
      <c r="HTZ712" s="613"/>
      <c r="HUA712" s="613"/>
      <c r="HUB712" s="613"/>
      <c r="HUC712" s="613"/>
      <c r="HUD712" s="613"/>
      <c r="HUE712" s="613"/>
      <c r="HUF712" s="613"/>
      <c r="HUG712" s="613"/>
      <c r="HUH712" s="613"/>
      <c r="HUI712" s="613"/>
      <c r="HUJ712" s="613"/>
      <c r="HUK712" s="613"/>
      <c r="HUL712" s="613"/>
      <c r="HUM712" s="613"/>
      <c r="HUN712" s="613"/>
      <c r="HUO712" s="613"/>
      <c r="HUP712" s="613"/>
      <c r="HUQ712" s="613"/>
      <c r="HUR712" s="613"/>
      <c r="HUS712" s="613"/>
      <c r="HUT712" s="613"/>
      <c r="HUU712" s="613"/>
      <c r="HUV712" s="613"/>
      <c r="HUW712" s="613"/>
      <c r="HUX712" s="613"/>
      <c r="HUY712" s="613"/>
      <c r="HUZ712" s="613"/>
      <c r="HVA712" s="613"/>
      <c r="HVB712" s="613"/>
      <c r="HVC712" s="613"/>
      <c r="HVD712" s="613"/>
      <c r="HVE712" s="613"/>
      <c r="HVF712" s="613"/>
      <c r="HVG712" s="613"/>
      <c r="HVH712" s="613"/>
      <c r="HVI712" s="613"/>
      <c r="HVJ712" s="613"/>
      <c r="HVK712" s="613"/>
      <c r="HVL712" s="613"/>
      <c r="HVM712" s="613"/>
      <c r="HVN712" s="613"/>
      <c r="HVO712" s="613"/>
      <c r="HVP712" s="613"/>
      <c r="HVQ712" s="613"/>
      <c r="HVR712" s="613"/>
      <c r="HVS712" s="613"/>
      <c r="HVT712" s="613"/>
      <c r="HVU712" s="613"/>
      <c r="HVV712" s="613"/>
      <c r="HVW712" s="613"/>
      <c r="HVX712" s="613"/>
      <c r="HVY712" s="613"/>
      <c r="HVZ712" s="613"/>
      <c r="HWA712" s="613"/>
      <c r="HWB712" s="613"/>
      <c r="HWC712" s="613"/>
      <c r="HWD712" s="613"/>
      <c r="HWE712" s="613"/>
      <c r="HWF712" s="613"/>
      <c r="HWG712" s="613"/>
      <c r="HWH712" s="613"/>
      <c r="HWI712" s="613"/>
      <c r="HWJ712" s="613"/>
      <c r="HWK712" s="613"/>
      <c r="HWL712" s="613"/>
      <c r="HWM712" s="613"/>
      <c r="HWN712" s="613"/>
      <c r="HWO712" s="613"/>
      <c r="HWP712" s="613"/>
      <c r="HWQ712" s="613"/>
      <c r="HWR712" s="613"/>
      <c r="HWS712" s="613"/>
      <c r="HWT712" s="613"/>
      <c r="HWU712" s="613"/>
      <c r="HWV712" s="613"/>
      <c r="HWW712" s="613"/>
      <c r="HWX712" s="613"/>
      <c r="HWY712" s="613"/>
      <c r="HWZ712" s="613"/>
      <c r="HXA712" s="613"/>
      <c r="HXB712" s="613"/>
      <c r="HXC712" s="613"/>
      <c r="HXD712" s="613"/>
      <c r="HXE712" s="613"/>
      <c r="HXF712" s="613"/>
      <c r="HXG712" s="613"/>
      <c r="HXH712" s="613"/>
      <c r="HXI712" s="613"/>
      <c r="HXJ712" s="613"/>
      <c r="HXK712" s="613"/>
      <c r="HXL712" s="613"/>
      <c r="HXM712" s="613"/>
      <c r="HXN712" s="613"/>
      <c r="HXO712" s="613"/>
      <c r="HXP712" s="613"/>
      <c r="HXQ712" s="613"/>
      <c r="HXR712" s="613"/>
      <c r="HXS712" s="613"/>
      <c r="HXT712" s="613"/>
      <c r="HXU712" s="613"/>
      <c r="HXV712" s="613"/>
      <c r="HXW712" s="613"/>
      <c r="HXX712" s="613"/>
      <c r="HXY712" s="613"/>
      <c r="HXZ712" s="613"/>
      <c r="HYA712" s="613"/>
      <c r="HYB712" s="613"/>
      <c r="HYC712" s="613"/>
      <c r="HYD712" s="613"/>
      <c r="HYE712" s="613"/>
      <c r="HYF712" s="613"/>
      <c r="HYG712" s="613"/>
      <c r="HYH712" s="613"/>
      <c r="HYI712" s="613"/>
      <c r="HYJ712" s="613"/>
      <c r="HYK712" s="613"/>
      <c r="HYL712" s="613"/>
      <c r="HYM712" s="613"/>
      <c r="HYN712" s="613"/>
      <c r="HYO712" s="613"/>
      <c r="HYP712" s="613"/>
      <c r="HYQ712" s="613"/>
      <c r="HYR712" s="613"/>
      <c r="HYS712" s="613"/>
      <c r="HYT712" s="613"/>
      <c r="HYU712" s="613"/>
      <c r="HYV712" s="613"/>
      <c r="HYW712" s="613"/>
      <c r="HYX712" s="613"/>
      <c r="HYY712" s="613"/>
      <c r="HYZ712" s="613"/>
      <c r="HZA712" s="613"/>
      <c r="HZB712" s="613"/>
      <c r="HZC712" s="613"/>
      <c r="HZD712" s="613"/>
      <c r="HZE712" s="613"/>
      <c r="HZF712" s="613"/>
      <c r="HZG712" s="613"/>
      <c r="HZH712" s="613"/>
      <c r="HZI712" s="613"/>
      <c r="HZJ712" s="613"/>
      <c r="HZK712" s="613"/>
      <c r="HZL712" s="613"/>
      <c r="HZM712" s="613"/>
      <c r="HZN712" s="613"/>
      <c r="HZO712" s="613"/>
      <c r="HZP712" s="613"/>
      <c r="HZQ712" s="613"/>
      <c r="HZR712" s="613"/>
      <c r="HZS712" s="613"/>
      <c r="HZT712" s="613"/>
      <c r="HZU712" s="613"/>
      <c r="HZV712" s="613"/>
      <c r="HZW712" s="613"/>
      <c r="HZX712" s="613"/>
      <c r="HZY712" s="613"/>
      <c r="HZZ712" s="613"/>
      <c r="IAA712" s="613"/>
      <c r="IAB712" s="613"/>
      <c r="IAC712" s="613"/>
      <c r="IAD712" s="613"/>
      <c r="IAE712" s="613"/>
      <c r="IAF712" s="613"/>
      <c r="IAG712" s="613"/>
      <c r="IAH712" s="613"/>
      <c r="IAI712" s="613"/>
      <c r="IAJ712" s="613"/>
      <c r="IAK712" s="613"/>
      <c r="IAL712" s="613"/>
      <c r="IAM712" s="613"/>
      <c r="IAN712" s="613"/>
      <c r="IAO712" s="613"/>
      <c r="IAP712" s="613"/>
      <c r="IAQ712" s="613"/>
      <c r="IAR712" s="613"/>
      <c r="IAS712" s="613"/>
      <c r="IAT712" s="613"/>
      <c r="IAU712" s="613"/>
      <c r="IAV712" s="613"/>
      <c r="IAW712" s="613"/>
      <c r="IAX712" s="613"/>
      <c r="IAY712" s="613"/>
      <c r="IAZ712" s="613"/>
      <c r="IBA712" s="613"/>
      <c r="IBB712" s="613"/>
      <c r="IBC712" s="613"/>
      <c r="IBD712" s="613"/>
      <c r="IBE712" s="613"/>
      <c r="IBF712" s="613"/>
      <c r="IBG712" s="613"/>
      <c r="IBH712" s="613"/>
      <c r="IBI712" s="613"/>
      <c r="IBJ712" s="613"/>
      <c r="IBK712" s="613"/>
      <c r="IBL712" s="613"/>
      <c r="IBM712" s="613"/>
      <c r="IBN712" s="613"/>
      <c r="IBO712" s="613"/>
      <c r="IBP712" s="613"/>
      <c r="IBQ712" s="613"/>
      <c r="IBR712" s="613"/>
      <c r="IBS712" s="613"/>
      <c r="IBT712" s="613"/>
      <c r="IBU712" s="613"/>
      <c r="IBV712" s="613"/>
      <c r="IBW712" s="613"/>
      <c r="IBX712" s="613"/>
      <c r="IBY712" s="613"/>
      <c r="IBZ712" s="613"/>
      <c r="ICA712" s="613"/>
      <c r="ICB712" s="613"/>
      <c r="ICC712" s="613"/>
      <c r="ICD712" s="613"/>
      <c r="ICE712" s="613"/>
      <c r="ICF712" s="613"/>
      <c r="ICG712" s="613"/>
      <c r="ICH712" s="613"/>
      <c r="ICI712" s="613"/>
      <c r="ICJ712" s="613"/>
      <c r="ICK712" s="613"/>
      <c r="ICL712" s="613"/>
      <c r="ICM712" s="613"/>
      <c r="ICN712" s="613"/>
      <c r="ICO712" s="613"/>
      <c r="ICP712" s="613"/>
      <c r="ICQ712" s="613"/>
      <c r="ICR712" s="613"/>
      <c r="ICS712" s="613"/>
      <c r="ICT712" s="613"/>
      <c r="ICU712" s="613"/>
      <c r="ICV712" s="613"/>
      <c r="ICW712" s="613"/>
      <c r="ICX712" s="613"/>
      <c r="ICY712" s="613"/>
      <c r="ICZ712" s="613"/>
      <c r="IDA712" s="613"/>
      <c r="IDB712" s="613"/>
      <c r="IDC712" s="613"/>
      <c r="IDD712" s="613"/>
      <c r="IDE712" s="613"/>
      <c r="IDF712" s="613"/>
      <c r="IDG712" s="613"/>
      <c r="IDH712" s="613"/>
      <c r="IDI712" s="613"/>
      <c r="IDJ712" s="613"/>
      <c r="IDK712" s="613"/>
      <c r="IDL712" s="613"/>
      <c r="IDM712" s="613"/>
      <c r="IDN712" s="613"/>
      <c r="IDO712" s="613"/>
      <c r="IDP712" s="613"/>
      <c r="IDQ712" s="613"/>
      <c r="IDR712" s="613"/>
      <c r="IDS712" s="613"/>
      <c r="IDT712" s="613"/>
      <c r="IDU712" s="613"/>
      <c r="IDV712" s="613"/>
      <c r="IDW712" s="613"/>
      <c r="IDX712" s="613"/>
      <c r="IDY712" s="613"/>
      <c r="IDZ712" s="613"/>
      <c r="IEA712" s="613"/>
      <c r="IEB712" s="613"/>
      <c r="IEC712" s="613"/>
      <c r="IED712" s="613"/>
      <c r="IEE712" s="613"/>
      <c r="IEF712" s="613"/>
      <c r="IEG712" s="613"/>
      <c r="IEH712" s="613"/>
      <c r="IEI712" s="613"/>
      <c r="IEJ712" s="613"/>
      <c r="IEK712" s="613"/>
      <c r="IEL712" s="613"/>
      <c r="IEM712" s="613"/>
      <c r="IEN712" s="613"/>
      <c r="IEO712" s="613"/>
      <c r="IEP712" s="613"/>
      <c r="IEQ712" s="613"/>
      <c r="IER712" s="613"/>
      <c r="IES712" s="613"/>
      <c r="IET712" s="613"/>
      <c r="IEU712" s="613"/>
      <c r="IEV712" s="613"/>
      <c r="IEW712" s="613"/>
      <c r="IEX712" s="613"/>
      <c r="IEY712" s="613"/>
      <c r="IEZ712" s="613"/>
      <c r="IFA712" s="613"/>
      <c r="IFB712" s="613"/>
      <c r="IFC712" s="613"/>
      <c r="IFD712" s="613"/>
      <c r="IFE712" s="613"/>
      <c r="IFF712" s="613"/>
      <c r="IFG712" s="613"/>
      <c r="IFH712" s="613"/>
      <c r="IFI712" s="613"/>
      <c r="IFJ712" s="613"/>
      <c r="IFK712" s="613"/>
      <c r="IFL712" s="613"/>
      <c r="IFM712" s="613"/>
      <c r="IFN712" s="613"/>
      <c r="IFO712" s="613"/>
      <c r="IFP712" s="613"/>
      <c r="IFQ712" s="613"/>
      <c r="IFR712" s="613"/>
      <c r="IFS712" s="613"/>
      <c r="IFT712" s="613"/>
      <c r="IFU712" s="613"/>
      <c r="IFV712" s="613"/>
      <c r="IFW712" s="613"/>
      <c r="IFX712" s="613"/>
      <c r="IFY712" s="613"/>
      <c r="IFZ712" s="613"/>
      <c r="IGA712" s="613"/>
      <c r="IGB712" s="613"/>
      <c r="IGC712" s="613"/>
      <c r="IGD712" s="613"/>
      <c r="IGE712" s="613"/>
      <c r="IGF712" s="613"/>
      <c r="IGG712" s="613"/>
      <c r="IGH712" s="613"/>
      <c r="IGI712" s="613"/>
      <c r="IGJ712" s="613"/>
      <c r="IGK712" s="613"/>
      <c r="IGL712" s="613"/>
      <c r="IGM712" s="613"/>
      <c r="IGN712" s="613"/>
      <c r="IGO712" s="613"/>
      <c r="IGP712" s="613"/>
      <c r="IGQ712" s="613"/>
      <c r="IGR712" s="613"/>
      <c r="IGS712" s="613"/>
      <c r="IGT712" s="613"/>
      <c r="IGU712" s="613"/>
      <c r="IGV712" s="613"/>
      <c r="IGW712" s="613"/>
      <c r="IGX712" s="613"/>
      <c r="IGY712" s="613"/>
      <c r="IGZ712" s="613"/>
      <c r="IHA712" s="613"/>
      <c r="IHB712" s="613"/>
      <c r="IHC712" s="613"/>
      <c r="IHD712" s="613"/>
      <c r="IHE712" s="613"/>
      <c r="IHF712" s="613"/>
      <c r="IHG712" s="613"/>
      <c r="IHH712" s="613"/>
      <c r="IHI712" s="613"/>
      <c r="IHJ712" s="613"/>
      <c r="IHK712" s="613"/>
      <c r="IHL712" s="613"/>
      <c r="IHM712" s="613"/>
      <c r="IHN712" s="613"/>
      <c r="IHO712" s="613"/>
      <c r="IHP712" s="613"/>
      <c r="IHQ712" s="613"/>
      <c r="IHR712" s="613"/>
      <c r="IHS712" s="613"/>
      <c r="IHT712" s="613"/>
      <c r="IHU712" s="613"/>
      <c r="IHV712" s="613"/>
      <c r="IHW712" s="613"/>
      <c r="IHX712" s="613"/>
      <c r="IHY712" s="613"/>
      <c r="IHZ712" s="613"/>
      <c r="IIA712" s="613"/>
      <c r="IIB712" s="613"/>
      <c r="IIC712" s="613"/>
      <c r="IID712" s="613"/>
      <c r="IIE712" s="613"/>
      <c r="IIF712" s="613"/>
      <c r="IIG712" s="613"/>
      <c r="IIH712" s="613"/>
      <c r="III712" s="613"/>
      <c r="IIJ712" s="613"/>
      <c r="IIK712" s="613"/>
      <c r="IIL712" s="613"/>
      <c r="IIM712" s="613"/>
      <c r="IIN712" s="613"/>
      <c r="IIO712" s="613"/>
      <c r="IIP712" s="613"/>
      <c r="IIQ712" s="613"/>
      <c r="IIR712" s="613"/>
      <c r="IIS712" s="613"/>
      <c r="IIT712" s="613"/>
      <c r="IIU712" s="613"/>
      <c r="IIV712" s="613"/>
      <c r="IIW712" s="613"/>
      <c r="IIX712" s="613"/>
      <c r="IIY712" s="613"/>
      <c r="IIZ712" s="613"/>
      <c r="IJA712" s="613"/>
      <c r="IJB712" s="613"/>
      <c r="IJC712" s="613"/>
      <c r="IJD712" s="613"/>
      <c r="IJE712" s="613"/>
      <c r="IJF712" s="613"/>
      <c r="IJG712" s="613"/>
      <c r="IJH712" s="613"/>
      <c r="IJI712" s="613"/>
      <c r="IJJ712" s="613"/>
      <c r="IJK712" s="613"/>
      <c r="IJL712" s="613"/>
      <c r="IJM712" s="613"/>
      <c r="IJN712" s="613"/>
      <c r="IJO712" s="613"/>
      <c r="IJP712" s="613"/>
      <c r="IJQ712" s="613"/>
      <c r="IJR712" s="613"/>
      <c r="IJS712" s="613"/>
      <c r="IJT712" s="613"/>
      <c r="IJU712" s="613"/>
      <c r="IJV712" s="613"/>
      <c r="IJW712" s="613"/>
      <c r="IJX712" s="613"/>
      <c r="IJY712" s="613"/>
      <c r="IJZ712" s="613"/>
      <c r="IKA712" s="613"/>
      <c r="IKB712" s="613"/>
      <c r="IKC712" s="613"/>
      <c r="IKD712" s="613"/>
      <c r="IKE712" s="613"/>
      <c r="IKF712" s="613"/>
      <c r="IKG712" s="613"/>
      <c r="IKH712" s="613"/>
      <c r="IKI712" s="613"/>
      <c r="IKJ712" s="613"/>
      <c r="IKK712" s="613"/>
      <c r="IKL712" s="613"/>
      <c r="IKM712" s="613"/>
      <c r="IKN712" s="613"/>
      <c r="IKO712" s="613"/>
      <c r="IKP712" s="613"/>
      <c r="IKQ712" s="613"/>
      <c r="IKR712" s="613"/>
      <c r="IKS712" s="613"/>
      <c r="IKT712" s="613"/>
      <c r="IKU712" s="613"/>
      <c r="IKV712" s="613"/>
      <c r="IKW712" s="613"/>
      <c r="IKX712" s="613"/>
      <c r="IKY712" s="613"/>
      <c r="IKZ712" s="613"/>
      <c r="ILA712" s="613"/>
      <c r="ILB712" s="613"/>
      <c r="ILC712" s="613"/>
      <c r="ILD712" s="613"/>
      <c r="ILE712" s="613"/>
      <c r="ILF712" s="613"/>
      <c r="ILG712" s="613"/>
      <c r="ILH712" s="613"/>
      <c r="ILI712" s="613"/>
      <c r="ILJ712" s="613"/>
      <c r="ILK712" s="613"/>
      <c r="ILL712" s="613"/>
      <c r="ILM712" s="613"/>
      <c r="ILN712" s="613"/>
      <c r="ILO712" s="613"/>
      <c r="ILP712" s="613"/>
      <c r="ILQ712" s="613"/>
      <c r="ILR712" s="613"/>
      <c r="ILS712" s="613"/>
      <c r="ILT712" s="613"/>
      <c r="ILU712" s="613"/>
      <c r="ILV712" s="613"/>
      <c r="ILW712" s="613"/>
      <c r="ILX712" s="613"/>
      <c r="ILY712" s="613"/>
      <c r="ILZ712" s="613"/>
      <c r="IMA712" s="613"/>
      <c r="IMB712" s="613"/>
      <c r="IMC712" s="613"/>
      <c r="IMD712" s="613"/>
      <c r="IME712" s="613"/>
      <c r="IMF712" s="613"/>
      <c r="IMG712" s="613"/>
      <c r="IMH712" s="613"/>
      <c r="IMI712" s="613"/>
      <c r="IMJ712" s="613"/>
      <c r="IMK712" s="613"/>
      <c r="IML712" s="613"/>
      <c r="IMM712" s="613"/>
      <c r="IMN712" s="613"/>
      <c r="IMO712" s="613"/>
      <c r="IMP712" s="613"/>
      <c r="IMQ712" s="613"/>
      <c r="IMR712" s="613"/>
      <c r="IMS712" s="613"/>
      <c r="IMT712" s="613"/>
      <c r="IMU712" s="613"/>
      <c r="IMV712" s="613"/>
      <c r="IMW712" s="613"/>
      <c r="IMX712" s="613"/>
      <c r="IMY712" s="613"/>
      <c r="IMZ712" s="613"/>
      <c r="INA712" s="613"/>
      <c r="INB712" s="613"/>
      <c r="INC712" s="613"/>
      <c r="IND712" s="613"/>
      <c r="INE712" s="613"/>
      <c r="INF712" s="613"/>
      <c r="ING712" s="613"/>
      <c r="INH712" s="613"/>
      <c r="INI712" s="613"/>
      <c r="INJ712" s="613"/>
      <c r="INK712" s="613"/>
      <c r="INL712" s="613"/>
      <c r="INM712" s="613"/>
      <c r="INN712" s="613"/>
      <c r="INO712" s="613"/>
      <c r="INP712" s="613"/>
      <c r="INQ712" s="613"/>
      <c r="INR712" s="613"/>
      <c r="INS712" s="613"/>
      <c r="INT712" s="613"/>
      <c r="INU712" s="613"/>
      <c r="INV712" s="613"/>
      <c r="INW712" s="613"/>
      <c r="INX712" s="613"/>
      <c r="INY712" s="613"/>
      <c r="INZ712" s="613"/>
      <c r="IOA712" s="613"/>
      <c r="IOB712" s="613"/>
      <c r="IOC712" s="613"/>
      <c r="IOD712" s="613"/>
      <c r="IOE712" s="613"/>
      <c r="IOF712" s="613"/>
      <c r="IOG712" s="613"/>
      <c r="IOH712" s="613"/>
      <c r="IOI712" s="613"/>
      <c r="IOJ712" s="613"/>
      <c r="IOK712" s="613"/>
      <c r="IOL712" s="613"/>
      <c r="IOM712" s="613"/>
      <c r="ION712" s="613"/>
      <c r="IOO712" s="613"/>
      <c r="IOP712" s="613"/>
      <c r="IOQ712" s="613"/>
      <c r="IOR712" s="613"/>
      <c r="IOS712" s="613"/>
      <c r="IOT712" s="613"/>
      <c r="IOU712" s="613"/>
      <c r="IOV712" s="613"/>
      <c r="IOW712" s="613"/>
      <c r="IOX712" s="613"/>
      <c r="IOY712" s="613"/>
      <c r="IOZ712" s="613"/>
      <c r="IPA712" s="613"/>
      <c r="IPB712" s="613"/>
      <c r="IPC712" s="613"/>
      <c r="IPD712" s="613"/>
      <c r="IPE712" s="613"/>
      <c r="IPF712" s="613"/>
      <c r="IPG712" s="613"/>
      <c r="IPH712" s="613"/>
      <c r="IPI712" s="613"/>
      <c r="IPJ712" s="613"/>
      <c r="IPK712" s="613"/>
      <c r="IPL712" s="613"/>
      <c r="IPM712" s="613"/>
      <c r="IPN712" s="613"/>
      <c r="IPO712" s="613"/>
      <c r="IPP712" s="613"/>
      <c r="IPQ712" s="613"/>
      <c r="IPR712" s="613"/>
      <c r="IPS712" s="613"/>
      <c r="IPT712" s="613"/>
      <c r="IPU712" s="613"/>
      <c r="IPV712" s="613"/>
      <c r="IPW712" s="613"/>
      <c r="IPX712" s="613"/>
      <c r="IPY712" s="613"/>
      <c r="IPZ712" s="613"/>
      <c r="IQA712" s="613"/>
      <c r="IQB712" s="613"/>
      <c r="IQC712" s="613"/>
      <c r="IQD712" s="613"/>
      <c r="IQE712" s="613"/>
      <c r="IQF712" s="613"/>
      <c r="IQG712" s="613"/>
      <c r="IQH712" s="613"/>
      <c r="IQI712" s="613"/>
      <c r="IQJ712" s="613"/>
      <c r="IQK712" s="613"/>
      <c r="IQL712" s="613"/>
      <c r="IQM712" s="613"/>
      <c r="IQN712" s="613"/>
      <c r="IQO712" s="613"/>
      <c r="IQP712" s="613"/>
      <c r="IQQ712" s="613"/>
      <c r="IQR712" s="613"/>
      <c r="IQS712" s="613"/>
      <c r="IQT712" s="613"/>
      <c r="IQU712" s="613"/>
      <c r="IQV712" s="613"/>
      <c r="IQW712" s="613"/>
      <c r="IQX712" s="613"/>
      <c r="IQY712" s="613"/>
      <c r="IQZ712" s="613"/>
      <c r="IRA712" s="613"/>
      <c r="IRB712" s="613"/>
      <c r="IRC712" s="613"/>
      <c r="IRD712" s="613"/>
      <c r="IRE712" s="613"/>
      <c r="IRF712" s="613"/>
      <c r="IRG712" s="613"/>
      <c r="IRH712" s="613"/>
      <c r="IRI712" s="613"/>
      <c r="IRJ712" s="613"/>
      <c r="IRK712" s="613"/>
      <c r="IRL712" s="613"/>
      <c r="IRM712" s="613"/>
      <c r="IRN712" s="613"/>
      <c r="IRO712" s="613"/>
      <c r="IRP712" s="613"/>
      <c r="IRQ712" s="613"/>
      <c r="IRR712" s="613"/>
      <c r="IRS712" s="613"/>
      <c r="IRT712" s="613"/>
      <c r="IRU712" s="613"/>
      <c r="IRV712" s="613"/>
      <c r="IRW712" s="613"/>
      <c r="IRX712" s="613"/>
      <c r="IRY712" s="613"/>
      <c r="IRZ712" s="613"/>
      <c r="ISA712" s="613"/>
      <c r="ISB712" s="613"/>
      <c r="ISC712" s="613"/>
      <c r="ISD712" s="613"/>
      <c r="ISE712" s="613"/>
      <c r="ISF712" s="613"/>
      <c r="ISG712" s="613"/>
      <c r="ISH712" s="613"/>
      <c r="ISI712" s="613"/>
      <c r="ISJ712" s="613"/>
      <c r="ISK712" s="613"/>
      <c r="ISL712" s="613"/>
      <c r="ISM712" s="613"/>
      <c r="ISN712" s="613"/>
      <c r="ISO712" s="613"/>
      <c r="ISP712" s="613"/>
      <c r="ISQ712" s="613"/>
      <c r="ISR712" s="613"/>
      <c r="ISS712" s="613"/>
      <c r="IST712" s="613"/>
      <c r="ISU712" s="613"/>
      <c r="ISV712" s="613"/>
      <c r="ISW712" s="613"/>
      <c r="ISX712" s="613"/>
      <c r="ISY712" s="613"/>
      <c r="ISZ712" s="613"/>
      <c r="ITA712" s="613"/>
      <c r="ITB712" s="613"/>
      <c r="ITC712" s="613"/>
      <c r="ITD712" s="613"/>
      <c r="ITE712" s="613"/>
      <c r="ITF712" s="613"/>
      <c r="ITG712" s="613"/>
      <c r="ITH712" s="613"/>
      <c r="ITI712" s="613"/>
      <c r="ITJ712" s="613"/>
      <c r="ITK712" s="613"/>
      <c r="ITL712" s="613"/>
      <c r="ITM712" s="613"/>
      <c r="ITN712" s="613"/>
      <c r="ITO712" s="613"/>
      <c r="ITP712" s="613"/>
      <c r="ITQ712" s="613"/>
      <c r="ITR712" s="613"/>
      <c r="ITS712" s="613"/>
      <c r="ITT712" s="613"/>
      <c r="ITU712" s="613"/>
      <c r="ITV712" s="613"/>
      <c r="ITW712" s="613"/>
      <c r="ITX712" s="613"/>
      <c r="ITY712" s="613"/>
      <c r="ITZ712" s="613"/>
      <c r="IUA712" s="613"/>
      <c r="IUB712" s="613"/>
      <c r="IUC712" s="613"/>
      <c r="IUD712" s="613"/>
      <c r="IUE712" s="613"/>
      <c r="IUF712" s="613"/>
      <c r="IUG712" s="613"/>
      <c r="IUH712" s="613"/>
      <c r="IUI712" s="613"/>
      <c r="IUJ712" s="613"/>
      <c r="IUK712" s="613"/>
      <c r="IUL712" s="613"/>
      <c r="IUM712" s="613"/>
      <c r="IUN712" s="613"/>
      <c r="IUO712" s="613"/>
      <c r="IUP712" s="613"/>
      <c r="IUQ712" s="613"/>
      <c r="IUR712" s="613"/>
      <c r="IUS712" s="613"/>
      <c r="IUT712" s="613"/>
      <c r="IUU712" s="613"/>
      <c r="IUV712" s="613"/>
      <c r="IUW712" s="613"/>
      <c r="IUX712" s="613"/>
      <c r="IUY712" s="613"/>
      <c r="IUZ712" s="613"/>
      <c r="IVA712" s="613"/>
      <c r="IVB712" s="613"/>
      <c r="IVC712" s="613"/>
      <c r="IVD712" s="613"/>
      <c r="IVE712" s="613"/>
      <c r="IVF712" s="613"/>
      <c r="IVG712" s="613"/>
      <c r="IVH712" s="613"/>
      <c r="IVI712" s="613"/>
      <c r="IVJ712" s="613"/>
      <c r="IVK712" s="613"/>
      <c r="IVL712" s="613"/>
      <c r="IVM712" s="613"/>
      <c r="IVN712" s="613"/>
      <c r="IVO712" s="613"/>
      <c r="IVP712" s="613"/>
      <c r="IVQ712" s="613"/>
      <c r="IVR712" s="613"/>
      <c r="IVS712" s="613"/>
      <c r="IVT712" s="613"/>
      <c r="IVU712" s="613"/>
      <c r="IVV712" s="613"/>
      <c r="IVW712" s="613"/>
      <c r="IVX712" s="613"/>
      <c r="IVY712" s="613"/>
      <c r="IVZ712" s="613"/>
      <c r="IWA712" s="613"/>
      <c r="IWB712" s="613"/>
      <c r="IWC712" s="613"/>
      <c r="IWD712" s="613"/>
      <c r="IWE712" s="613"/>
      <c r="IWF712" s="613"/>
      <c r="IWG712" s="613"/>
      <c r="IWH712" s="613"/>
      <c r="IWI712" s="613"/>
      <c r="IWJ712" s="613"/>
      <c r="IWK712" s="613"/>
      <c r="IWL712" s="613"/>
      <c r="IWM712" s="613"/>
      <c r="IWN712" s="613"/>
      <c r="IWO712" s="613"/>
      <c r="IWP712" s="613"/>
      <c r="IWQ712" s="613"/>
      <c r="IWR712" s="613"/>
      <c r="IWS712" s="613"/>
      <c r="IWT712" s="613"/>
      <c r="IWU712" s="613"/>
      <c r="IWV712" s="613"/>
      <c r="IWW712" s="613"/>
      <c r="IWX712" s="613"/>
      <c r="IWY712" s="613"/>
      <c r="IWZ712" s="613"/>
      <c r="IXA712" s="613"/>
      <c r="IXB712" s="613"/>
      <c r="IXC712" s="613"/>
      <c r="IXD712" s="613"/>
      <c r="IXE712" s="613"/>
      <c r="IXF712" s="613"/>
      <c r="IXG712" s="613"/>
      <c r="IXH712" s="613"/>
      <c r="IXI712" s="613"/>
      <c r="IXJ712" s="613"/>
      <c r="IXK712" s="613"/>
      <c r="IXL712" s="613"/>
      <c r="IXM712" s="613"/>
      <c r="IXN712" s="613"/>
      <c r="IXO712" s="613"/>
      <c r="IXP712" s="613"/>
      <c r="IXQ712" s="613"/>
      <c r="IXR712" s="613"/>
      <c r="IXS712" s="613"/>
      <c r="IXT712" s="613"/>
      <c r="IXU712" s="613"/>
      <c r="IXV712" s="613"/>
      <c r="IXW712" s="613"/>
      <c r="IXX712" s="613"/>
      <c r="IXY712" s="613"/>
      <c r="IXZ712" s="613"/>
      <c r="IYA712" s="613"/>
      <c r="IYB712" s="613"/>
      <c r="IYC712" s="613"/>
      <c r="IYD712" s="613"/>
      <c r="IYE712" s="613"/>
      <c r="IYF712" s="613"/>
      <c r="IYG712" s="613"/>
      <c r="IYH712" s="613"/>
      <c r="IYI712" s="613"/>
      <c r="IYJ712" s="613"/>
      <c r="IYK712" s="613"/>
      <c r="IYL712" s="613"/>
      <c r="IYM712" s="613"/>
      <c r="IYN712" s="613"/>
      <c r="IYO712" s="613"/>
      <c r="IYP712" s="613"/>
      <c r="IYQ712" s="613"/>
      <c r="IYR712" s="613"/>
      <c r="IYS712" s="613"/>
      <c r="IYT712" s="613"/>
      <c r="IYU712" s="613"/>
      <c r="IYV712" s="613"/>
      <c r="IYW712" s="613"/>
      <c r="IYX712" s="613"/>
      <c r="IYY712" s="613"/>
      <c r="IYZ712" s="613"/>
      <c r="IZA712" s="613"/>
      <c r="IZB712" s="613"/>
      <c r="IZC712" s="613"/>
      <c r="IZD712" s="613"/>
      <c r="IZE712" s="613"/>
      <c r="IZF712" s="613"/>
      <c r="IZG712" s="613"/>
      <c r="IZH712" s="613"/>
      <c r="IZI712" s="613"/>
      <c r="IZJ712" s="613"/>
      <c r="IZK712" s="613"/>
      <c r="IZL712" s="613"/>
      <c r="IZM712" s="613"/>
      <c r="IZN712" s="613"/>
      <c r="IZO712" s="613"/>
      <c r="IZP712" s="613"/>
      <c r="IZQ712" s="613"/>
      <c r="IZR712" s="613"/>
      <c r="IZS712" s="613"/>
      <c r="IZT712" s="613"/>
      <c r="IZU712" s="613"/>
      <c r="IZV712" s="613"/>
      <c r="IZW712" s="613"/>
      <c r="IZX712" s="613"/>
      <c r="IZY712" s="613"/>
      <c r="IZZ712" s="613"/>
      <c r="JAA712" s="613"/>
      <c r="JAB712" s="613"/>
      <c r="JAC712" s="613"/>
      <c r="JAD712" s="613"/>
      <c r="JAE712" s="613"/>
      <c r="JAF712" s="613"/>
      <c r="JAG712" s="613"/>
      <c r="JAH712" s="613"/>
      <c r="JAI712" s="613"/>
      <c r="JAJ712" s="613"/>
      <c r="JAK712" s="613"/>
      <c r="JAL712" s="613"/>
      <c r="JAM712" s="613"/>
      <c r="JAN712" s="613"/>
      <c r="JAO712" s="613"/>
      <c r="JAP712" s="613"/>
      <c r="JAQ712" s="613"/>
      <c r="JAR712" s="613"/>
      <c r="JAS712" s="613"/>
      <c r="JAT712" s="613"/>
      <c r="JAU712" s="613"/>
      <c r="JAV712" s="613"/>
      <c r="JAW712" s="613"/>
      <c r="JAX712" s="613"/>
      <c r="JAY712" s="613"/>
      <c r="JAZ712" s="613"/>
      <c r="JBA712" s="613"/>
      <c r="JBB712" s="613"/>
      <c r="JBC712" s="613"/>
      <c r="JBD712" s="613"/>
      <c r="JBE712" s="613"/>
      <c r="JBF712" s="613"/>
      <c r="JBG712" s="613"/>
      <c r="JBH712" s="613"/>
      <c r="JBI712" s="613"/>
      <c r="JBJ712" s="613"/>
      <c r="JBK712" s="613"/>
      <c r="JBL712" s="613"/>
      <c r="JBM712" s="613"/>
      <c r="JBN712" s="613"/>
      <c r="JBO712" s="613"/>
      <c r="JBP712" s="613"/>
      <c r="JBQ712" s="613"/>
      <c r="JBR712" s="613"/>
      <c r="JBS712" s="613"/>
      <c r="JBT712" s="613"/>
      <c r="JBU712" s="613"/>
      <c r="JBV712" s="613"/>
      <c r="JBW712" s="613"/>
      <c r="JBX712" s="613"/>
      <c r="JBY712" s="613"/>
      <c r="JBZ712" s="613"/>
      <c r="JCA712" s="613"/>
      <c r="JCB712" s="613"/>
      <c r="JCC712" s="613"/>
      <c r="JCD712" s="613"/>
      <c r="JCE712" s="613"/>
      <c r="JCF712" s="613"/>
      <c r="JCG712" s="613"/>
      <c r="JCH712" s="613"/>
      <c r="JCI712" s="613"/>
      <c r="JCJ712" s="613"/>
      <c r="JCK712" s="613"/>
      <c r="JCL712" s="613"/>
      <c r="JCM712" s="613"/>
      <c r="JCN712" s="613"/>
      <c r="JCO712" s="613"/>
      <c r="JCP712" s="613"/>
      <c r="JCQ712" s="613"/>
      <c r="JCR712" s="613"/>
      <c r="JCS712" s="613"/>
      <c r="JCT712" s="613"/>
      <c r="JCU712" s="613"/>
      <c r="JCV712" s="613"/>
      <c r="JCW712" s="613"/>
      <c r="JCX712" s="613"/>
      <c r="JCY712" s="613"/>
      <c r="JCZ712" s="613"/>
      <c r="JDA712" s="613"/>
      <c r="JDB712" s="613"/>
      <c r="JDC712" s="613"/>
      <c r="JDD712" s="613"/>
      <c r="JDE712" s="613"/>
      <c r="JDF712" s="613"/>
      <c r="JDG712" s="613"/>
      <c r="JDH712" s="613"/>
      <c r="JDI712" s="613"/>
      <c r="JDJ712" s="613"/>
      <c r="JDK712" s="613"/>
      <c r="JDL712" s="613"/>
      <c r="JDM712" s="613"/>
      <c r="JDN712" s="613"/>
      <c r="JDO712" s="613"/>
      <c r="JDP712" s="613"/>
      <c r="JDQ712" s="613"/>
      <c r="JDR712" s="613"/>
      <c r="JDS712" s="613"/>
      <c r="JDT712" s="613"/>
      <c r="JDU712" s="613"/>
      <c r="JDV712" s="613"/>
      <c r="JDW712" s="613"/>
      <c r="JDX712" s="613"/>
      <c r="JDY712" s="613"/>
      <c r="JDZ712" s="613"/>
      <c r="JEA712" s="613"/>
      <c r="JEB712" s="613"/>
      <c r="JEC712" s="613"/>
      <c r="JED712" s="613"/>
      <c r="JEE712" s="613"/>
      <c r="JEF712" s="613"/>
      <c r="JEG712" s="613"/>
      <c r="JEH712" s="613"/>
      <c r="JEI712" s="613"/>
      <c r="JEJ712" s="613"/>
      <c r="JEK712" s="613"/>
      <c r="JEL712" s="613"/>
      <c r="JEM712" s="613"/>
      <c r="JEN712" s="613"/>
      <c r="JEO712" s="613"/>
      <c r="JEP712" s="613"/>
      <c r="JEQ712" s="613"/>
      <c r="JER712" s="613"/>
      <c r="JES712" s="613"/>
      <c r="JET712" s="613"/>
      <c r="JEU712" s="613"/>
      <c r="JEV712" s="613"/>
      <c r="JEW712" s="613"/>
      <c r="JEX712" s="613"/>
      <c r="JEY712" s="613"/>
      <c r="JEZ712" s="613"/>
      <c r="JFA712" s="613"/>
      <c r="JFB712" s="613"/>
      <c r="JFC712" s="613"/>
      <c r="JFD712" s="613"/>
      <c r="JFE712" s="613"/>
      <c r="JFF712" s="613"/>
      <c r="JFG712" s="613"/>
      <c r="JFH712" s="613"/>
      <c r="JFI712" s="613"/>
      <c r="JFJ712" s="613"/>
      <c r="JFK712" s="613"/>
      <c r="JFL712" s="613"/>
      <c r="JFM712" s="613"/>
      <c r="JFN712" s="613"/>
      <c r="JFO712" s="613"/>
      <c r="JFP712" s="613"/>
      <c r="JFQ712" s="613"/>
      <c r="JFR712" s="613"/>
      <c r="JFS712" s="613"/>
      <c r="JFT712" s="613"/>
      <c r="JFU712" s="613"/>
      <c r="JFV712" s="613"/>
      <c r="JFW712" s="613"/>
      <c r="JFX712" s="613"/>
      <c r="JFY712" s="613"/>
      <c r="JFZ712" s="613"/>
      <c r="JGA712" s="613"/>
      <c r="JGB712" s="613"/>
      <c r="JGC712" s="613"/>
      <c r="JGD712" s="613"/>
      <c r="JGE712" s="613"/>
      <c r="JGF712" s="613"/>
      <c r="JGG712" s="613"/>
      <c r="JGH712" s="613"/>
      <c r="JGI712" s="613"/>
      <c r="JGJ712" s="613"/>
      <c r="JGK712" s="613"/>
      <c r="JGL712" s="613"/>
      <c r="JGM712" s="613"/>
      <c r="JGN712" s="613"/>
      <c r="JGO712" s="613"/>
      <c r="JGP712" s="613"/>
      <c r="JGQ712" s="613"/>
      <c r="JGR712" s="613"/>
      <c r="JGS712" s="613"/>
      <c r="JGT712" s="613"/>
      <c r="JGU712" s="613"/>
      <c r="JGV712" s="613"/>
      <c r="JGW712" s="613"/>
      <c r="JGX712" s="613"/>
      <c r="JGY712" s="613"/>
      <c r="JGZ712" s="613"/>
      <c r="JHA712" s="613"/>
      <c r="JHB712" s="613"/>
      <c r="JHC712" s="613"/>
      <c r="JHD712" s="613"/>
      <c r="JHE712" s="613"/>
      <c r="JHF712" s="613"/>
      <c r="JHG712" s="613"/>
      <c r="JHH712" s="613"/>
      <c r="JHI712" s="613"/>
      <c r="JHJ712" s="613"/>
      <c r="JHK712" s="613"/>
      <c r="JHL712" s="613"/>
      <c r="JHM712" s="613"/>
      <c r="JHN712" s="613"/>
      <c r="JHO712" s="613"/>
      <c r="JHP712" s="613"/>
      <c r="JHQ712" s="613"/>
      <c r="JHR712" s="613"/>
      <c r="JHS712" s="613"/>
      <c r="JHT712" s="613"/>
      <c r="JHU712" s="613"/>
      <c r="JHV712" s="613"/>
      <c r="JHW712" s="613"/>
      <c r="JHX712" s="613"/>
      <c r="JHY712" s="613"/>
      <c r="JHZ712" s="613"/>
      <c r="JIA712" s="613"/>
      <c r="JIB712" s="613"/>
      <c r="JIC712" s="613"/>
      <c r="JID712" s="613"/>
      <c r="JIE712" s="613"/>
      <c r="JIF712" s="613"/>
      <c r="JIG712" s="613"/>
      <c r="JIH712" s="613"/>
      <c r="JII712" s="613"/>
      <c r="JIJ712" s="613"/>
      <c r="JIK712" s="613"/>
      <c r="JIL712" s="613"/>
      <c r="JIM712" s="613"/>
      <c r="JIN712" s="613"/>
      <c r="JIO712" s="613"/>
      <c r="JIP712" s="613"/>
      <c r="JIQ712" s="613"/>
      <c r="JIR712" s="613"/>
      <c r="JIS712" s="613"/>
      <c r="JIT712" s="613"/>
      <c r="JIU712" s="613"/>
      <c r="JIV712" s="613"/>
      <c r="JIW712" s="613"/>
      <c r="JIX712" s="613"/>
      <c r="JIY712" s="613"/>
      <c r="JIZ712" s="613"/>
      <c r="JJA712" s="613"/>
      <c r="JJB712" s="613"/>
      <c r="JJC712" s="613"/>
      <c r="JJD712" s="613"/>
      <c r="JJE712" s="613"/>
      <c r="JJF712" s="613"/>
      <c r="JJG712" s="613"/>
      <c r="JJH712" s="613"/>
      <c r="JJI712" s="613"/>
      <c r="JJJ712" s="613"/>
      <c r="JJK712" s="613"/>
      <c r="JJL712" s="613"/>
      <c r="JJM712" s="613"/>
      <c r="JJN712" s="613"/>
      <c r="JJO712" s="613"/>
      <c r="JJP712" s="613"/>
      <c r="JJQ712" s="613"/>
      <c r="JJR712" s="613"/>
      <c r="JJS712" s="613"/>
      <c r="JJT712" s="613"/>
      <c r="JJU712" s="613"/>
      <c r="JJV712" s="613"/>
      <c r="JJW712" s="613"/>
      <c r="JJX712" s="613"/>
      <c r="JJY712" s="613"/>
      <c r="JJZ712" s="613"/>
      <c r="JKA712" s="613"/>
      <c r="JKB712" s="613"/>
      <c r="JKC712" s="613"/>
      <c r="JKD712" s="613"/>
      <c r="JKE712" s="613"/>
      <c r="JKF712" s="613"/>
      <c r="JKG712" s="613"/>
      <c r="JKH712" s="613"/>
      <c r="JKI712" s="613"/>
      <c r="JKJ712" s="613"/>
      <c r="JKK712" s="613"/>
      <c r="JKL712" s="613"/>
      <c r="JKM712" s="613"/>
      <c r="JKN712" s="613"/>
      <c r="JKO712" s="613"/>
      <c r="JKP712" s="613"/>
      <c r="JKQ712" s="613"/>
      <c r="JKR712" s="613"/>
      <c r="JKS712" s="613"/>
      <c r="JKT712" s="613"/>
      <c r="JKU712" s="613"/>
      <c r="JKV712" s="613"/>
      <c r="JKW712" s="613"/>
      <c r="JKX712" s="613"/>
      <c r="JKY712" s="613"/>
      <c r="JKZ712" s="613"/>
      <c r="JLA712" s="613"/>
      <c r="JLB712" s="613"/>
      <c r="JLC712" s="613"/>
      <c r="JLD712" s="613"/>
      <c r="JLE712" s="613"/>
      <c r="JLF712" s="613"/>
      <c r="JLG712" s="613"/>
      <c r="JLH712" s="613"/>
      <c r="JLI712" s="613"/>
      <c r="JLJ712" s="613"/>
      <c r="JLK712" s="613"/>
      <c r="JLL712" s="613"/>
      <c r="JLM712" s="613"/>
      <c r="JLN712" s="613"/>
      <c r="JLO712" s="613"/>
      <c r="JLP712" s="613"/>
      <c r="JLQ712" s="613"/>
      <c r="JLR712" s="613"/>
      <c r="JLS712" s="613"/>
      <c r="JLT712" s="613"/>
      <c r="JLU712" s="613"/>
      <c r="JLV712" s="613"/>
      <c r="JLW712" s="613"/>
      <c r="JLX712" s="613"/>
      <c r="JLY712" s="613"/>
      <c r="JLZ712" s="613"/>
      <c r="JMA712" s="613"/>
      <c r="JMB712" s="613"/>
      <c r="JMC712" s="613"/>
      <c r="JMD712" s="613"/>
      <c r="JME712" s="613"/>
      <c r="JMF712" s="613"/>
      <c r="JMG712" s="613"/>
      <c r="JMH712" s="613"/>
      <c r="JMI712" s="613"/>
      <c r="JMJ712" s="613"/>
      <c r="JMK712" s="613"/>
      <c r="JML712" s="613"/>
      <c r="JMM712" s="613"/>
      <c r="JMN712" s="613"/>
      <c r="JMO712" s="613"/>
      <c r="JMP712" s="613"/>
      <c r="JMQ712" s="613"/>
      <c r="JMR712" s="613"/>
      <c r="JMS712" s="613"/>
      <c r="JMT712" s="613"/>
      <c r="JMU712" s="613"/>
      <c r="JMV712" s="613"/>
      <c r="JMW712" s="613"/>
      <c r="JMX712" s="613"/>
      <c r="JMY712" s="613"/>
      <c r="JMZ712" s="613"/>
      <c r="JNA712" s="613"/>
      <c r="JNB712" s="613"/>
      <c r="JNC712" s="613"/>
      <c r="JND712" s="613"/>
      <c r="JNE712" s="613"/>
      <c r="JNF712" s="613"/>
      <c r="JNG712" s="613"/>
      <c r="JNH712" s="613"/>
      <c r="JNI712" s="613"/>
      <c r="JNJ712" s="613"/>
      <c r="JNK712" s="613"/>
      <c r="JNL712" s="613"/>
      <c r="JNM712" s="613"/>
      <c r="JNN712" s="613"/>
      <c r="JNO712" s="613"/>
      <c r="JNP712" s="613"/>
      <c r="JNQ712" s="613"/>
      <c r="JNR712" s="613"/>
      <c r="JNS712" s="613"/>
      <c r="JNT712" s="613"/>
      <c r="JNU712" s="613"/>
      <c r="JNV712" s="613"/>
      <c r="JNW712" s="613"/>
      <c r="JNX712" s="613"/>
      <c r="JNY712" s="613"/>
      <c r="JNZ712" s="613"/>
      <c r="JOA712" s="613"/>
      <c r="JOB712" s="613"/>
      <c r="JOC712" s="613"/>
      <c r="JOD712" s="613"/>
      <c r="JOE712" s="613"/>
      <c r="JOF712" s="613"/>
      <c r="JOG712" s="613"/>
      <c r="JOH712" s="613"/>
      <c r="JOI712" s="613"/>
      <c r="JOJ712" s="613"/>
      <c r="JOK712" s="613"/>
      <c r="JOL712" s="613"/>
      <c r="JOM712" s="613"/>
      <c r="JON712" s="613"/>
      <c r="JOO712" s="613"/>
      <c r="JOP712" s="613"/>
      <c r="JOQ712" s="613"/>
      <c r="JOR712" s="613"/>
      <c r="JOS712" s="613"/>
      <c r="JOT712" s="613"/>
      <c r="JOU712" s="613"/>
      <c r="JOV712" s="613"/>
      <c r="JOW712" s="613"/>
      <c r="JOX712" s="613"/>
      <c r="JOY712" s="613"/>
      <c r="JOZ712" s="613"/>
      <c r="JPA712" s="613"/>
      <c r="JPB712" s="613"/>
      <c r="JPC712" s="613"/>
      <c r="JPD712" s="613"/>
      <c r="JPE712" s="613"/>
      <c r="JPF712" s="613"/>
      <c r="JPG712" s="613"/>
      <c r="JPH712" s="613"/>
      <c r="JPI712" s="613"/>
      <c r="JPJ712" s="613"/>
      <c r="JPK712" s="613"/>
      <c r="JPL712" s="613"/>
      <c r="JPM712" s="613"/>
      <c r="JPN712" s="613"/>
      <c r="JPO712" s="613"/>
      <c r="JPP712" s="613"/>
      <c r="JPQ712" s="613"/>
      <c r="JPR712" s="613"/>
      <c r="JPS712" s="613"/>
      <c r="JPT712" s="613"/>
      <c r="JPU712" s="613"/>
      <c r="JPV712" s="613"/>
      <c r="JPW712" s="613"/>
      <c r="JPX712" s="613"/>
      <c r="JPY712" s="613"/>
      <c r="JPZ712" s="613"/>
      <c r="JQA712" s="613"/>
      <c r="JQB712" s="613"/>
      <c r="JQC712" s="613"/>
      <c r="JQD712" s="613"/>
      <c r="JQE712" s="613"/>
      <c r="JQF712" s="613"/>
      <c r="JQG712" s="613"/>
      <c r="JQH712" s="613"/>
      <c r="JQI712" s="613"/>
      <c r="JQJ712" s="613"/>
      <c r="JQK712" s="613"/>
      <c r="JQL712" s="613"/>
      <c r="JQM712" s="613"/>
      <c r="JQN712" s="613"/>
      <c r="JQO712" s="613"/>
      <c r="JQP712" s="613"/>
      <c r="JQQ712" s="613"/>
      <c r="JQR712" s="613"/>
      <c r="JQS712" s="613"/>
      <c r="JQT712" s="613"/>
      <c r="JQU712" s="613"/>
      <c r="JQV712" s="613"/>
      <c r="JQW712" s="613"/>
      <c r="JQX712" s="613"/>
      <c r="JQY712" s="613"/>
      <c r="JQZ712" s="613"/>
      <c r="JRA712" s="613"/>
      <c r="JRB712" s="613"/>
      <c r="JRC712" s="613"/>
      <c r="JRD712" s="613"/>
      <c r="JRE712" s="613"/>
      <c r="JRF712" s="613"/>
      <c r="JRG712" s="613"/>
      <c r="JRH712" s="613"/>
      <c r="JRI712" s="613"/>
      <c r="JRJ712" s="613"/>
      <c r="JRK712" s="613"/>
      <c r="JRL712" s="613"/>
      <c r="JRM712" s="613"/>
      <c r="JRN712" s="613"/>
      <c r="JRO712" s="613"/>
      <c r="JRP712" s="613"/>
      <c r="JRQ712" s="613"/>
      <c r="JRR712" s="613"/>
      <c r="JRS712" s="613"/>
      <c r="JRT712" s="613"/>
      <c r="JRU712" s="613"/>
      <c r="JRV712" s="613"/>
      <c r="JRW712" s="613"/>
      <c r="JRX712" s="613"/>
      <c r="JRY712" s="613"/>
      <c r="JRZ712" s="613"/>
      <c r="JSA712" s="613"/>
      <c r="JSB712" s="613"/>
      <c r="JSC712" s="613"/>
      <c r="JSD712" s="613"/>
      <c r="JSE712" s="613"/>
      <c r="JSF712" s="613"/>
      <c r="JSG712" s="613"/>
      <c r="JSH712" s="613"/>
      <c r="JSI712" s="613"/>
      <c r="JSJ712" s="613"/>
      <c r="JSK712" s="613"/>
      <c r="JSL712" s="613"/>
      <c r="JSM712" s="613"/>
      <c r="JSN712" s="613"/>
      <c r="JSO712" s="613"/>
      <c r="JSP712" s="613"/>
      <c r="JSQ712" s="613"/>
      <c r="JSR712" s="613"/>
      <c r="JSS712" s="613"/>
      <c r="JST712" s="613"/>
      <c r="JSU712" s="613"/>
      <c r="JSV712" s="613"/>
      <c r="JSW712" s="613"/>
      <c r="JSX712" s="613"/>
      <c r="JSY712" s="613"/>
      <c r="JSZ712" s="613"/>
      <c r="JTA712" s="613"/>
      <c r="JTB712" s="613"/>
      <c r="JTC712" s="613"/>
      <c r="JTD712" s="613"/>
      <c r="JTE712" s="613"/>
      <c r="JTF712" s="613"/>
      <c r="JTG712" s="613"/>
      <c r="JTH712" s="613"/>
      <c r="JTI712" s="613"/>
      <c r="JTJ712" s="613"/>
      <c r="JTK712" s="613"/>
      <c r="JTL712" s="613"/>
      <c r="JTM712" s="613"/>
      <c r="JTN712" s="613"/>
      <c r="JTO712" s="613"/>
      <c r="JTP712" s="613"/>
      <c r="JTQ712" s="613"/>
      <c r="JTR712" s="613"/>
      <c r="JTS712" s="613"/>
      <c r="JTT712" s="613"/>
      <c r="JTU712" s="613"/>
      <c r="JTV712" s="613"/>
      <c r="JTW712" s="613"/>
      <c r="JTX712" s="613"/>
      <c r="JTY712" s="613"/>
      <c r="JTZ712" s="613"/>
      <c r="JUA712" s="613"/>
      <c r="JUB712" s="613"/>
      <c r="JUC712" s="613"/>
      <c r="JUD712" s="613"/>
      <c r="JUE712" s="613"/>
      <c r="JUF712" s="613"/>
      <c r="JUG712" s="613"/>
      <c r="JUH712" s="613"/>
      <c r="JUI712" s="613"/>
      <c r="JUJ712" s="613"/>
      <c r="JUK712" s="613"/>
      <c r="JUL712" s="613"/>
      <c r="JUM712" s="613"/>
      <c r="JUN712" s="613"/>
      <c r="JUO712" s="613"/>
      <c r="JUP712" s="613"/>
      <c r="JUQ712" s="613"/>
      <c r="JUR712" s="613"/>
      <c r="JUS712" s="613"/>
      <c r="JUT712" s="613"/>
      <c r="JUU712" s="613"/>
      <c r="JUV712" s="613"/>
      <c r="JUW712" s="613"/>
      <c r="JUX712" s="613"/>
      <c r="JUY712" s="613"/>
      <c r="JUZ712" s="613"/>
      <c r="JVA712" s="613"/>
      <c r="JVB712" s="613"/>
      <c r="JVC712" s="613"/>
      <c r="JVD712" s="613"/>
      <c r="JVE712" s="613"/>
      <c r="JVF712" s="613"/>
      <c r="JVG712" s="613"/>
      <c r="JVH712" s="613"/>
      <c r="JVI712" s="613"/>
      <c r="JVJ712" s="613"/>
      <c r="JVK712" s="613"/>
      <c r="JVL712" s="613"/>
      <c r="JVM712" s="613"/>
      <c r="JVN712" s="613"/>
      <c r="JVO712" s="613"/>
      <c r="JVP712" s="613"/>
      <c r="JVQ712" s="613"/>
      <c r="JVR712" s="613"/>
      <c r="JVS712" s="613"/>
      <c r="JVT712" s="613"/>
      <c r="JVU712" s="613"/>
      <c r="JVV712" s="613"/>
      <c r="JVW712" s="613"/>
      <c r="JVX712" s="613"/>
      <c r="JVY712" s="613"/>
      <c r="JVZ712" s="613"/>
      <c r="JWA712" s="613"/>
      <c r="JWB712" s="613"/>
      <c r="JWC712" s="613"/>
      <c r="JWD712" s="613"/>
      <c r="JWE712" s="613"/>
      <c r="JWF712" s="613"/>
      <c r="JWG712" s="613"/>
      <c r="JWH712" s="613"/>
      <c r="JWI712" s="613"/>
      <c r="JWJ712" s="613"/>
      <c r="JWK712" s="613"/>
      <c r="JWL712" s="613"/>
      <c r="JWM712" s="613"/>
      <c r="JWN712" s="613"/>
      <c r="JWO712" s="613"/>
      <c r="JWP712" s="613"/>
      <c r="JWQ712" s="613"/>
      <c r="JWR712" s="613"/>
      <c r="JWS712" s="613"/>
      <c r="JWT712" s="613"/>
      <c r="JWU712" s="613"/>
      <c r="JWV712" s="613"/>
      <c r="JWW712" s="613"/>
      <c r="JWX712" s="613"/>
      <c r="JWY712" s="613"/>
      <c r="JWZ712" s="613"/>
      <c r="JXA712" s="613"/>
      <c r="JXB712" s="613"/>
      <c r="JXC712" s="613"/>
      <c r="JXD712" s="613"/>
      <c r="JXE712" s="613"/>
      <c r="JXF712" s="613"/>
      <c r="JXG712" s="613"/>
      <c r="JXH712" s="613"/>
      <c r="JXI712" s="613"/>
      <c r="JXJ712" s="613"/>
      <c r="JXK712" s="613"/>
      <c r="JXL712" s="613"/>
      <c r="JXM712" s="613"/>
      <c r="JXN712" s="613"/>
      <c r="JXO712" s="613"/>
      <c r="JXP712" s="613"/>
      <c r="JXQ712" s="613"/>
      <c r="JXR712" s="613"/>
      <c r="JXS712" s="613"/>
      <c r="JXT712" s="613"/>
      <c r="JXU712" s="613"/>
      <c r="JXV712" s="613"/>
      <c r="JXW712" s="613"/>
      <c r="JXX712" s="613"/>
      <c r="JXY712" s="613"/>
      <c r="JXZ712" s="613"/>
      <c r="JYA712" s="613"/>
      <c r="JYB712" s="613"/>
      <c r="JYC712" s="613"/>
      <c r="JYD712" s="613"/>
      <c r="JYE712" s="613"/>
      <c r="JYF712" s="613"/>
      <c r="JYG712" s="613"/>
      <c r="JYH712" s="613"/>
      <c r="JYI712" s="613"/>
      <c r="JYJ712" s="613"/>
      <c r="JYK712" s="613"/>
      <c r="JYL712" s="613"/>
      <c r="JYM712" s="613"/>
      <c r="JYN712" s="613"/>
      <c r="JYO712" s="613"/>
      <c r="JYP712" s="613"/>
      <c r="JYQ712" s="613"/>
      <c r="JYR712" s="613"/>
      <c r="JYS712" s="613"/>
      <c r="JYT712" s="613"/>
      <c r="JYU712" s="613"/>
      <c r="JYV712" s="613"/>
      <c r="JYW712" s="613"/>
      <c r="JYX712" s="613"/>
      <c r="JYY712" s="613"/>
      <c r="JYZ712" s="613"/>
      <c r="JZA712" s="613"/>
      <c r="JZB712" s="613"/>
      <c r="JZC712" s="613"/>
      <c r="JZD712" s="613"/>
      <c r="JZE712" s="613"/>
      <c r="JZF712" s="613"/>
      <c r="JZG712" s="613"/>
      <c r="JZH712" s="613"/>
      <c r="JZI712" s="613"/>
      <c r="JZJ712" s="613"/>
      <c r="JZK712" s="613"/>
      <c r="JZL712" s="613"/>
      <c r="JZM712" s="613"/>
      <c r="JZN712" s="613"/>
      <c r="JZO712" s="613"/>
      <c r="JZP712" s="613"/>
      <c r="JZQ712" s="613"/>
      <c r="JZR712" s="613"/>
      <c r="JZS712" s="613"/>
      <c r="JZT712" s="613"/>
      <c r="JZU712" s="613"/>
      <c r="JZV712" s="613"/>
      <c r="JZW712" s="613"/>
      <c r="JZX712" s="613"/>
      <c r="JZY712" s="613"/>
      <c r="JZZ712" s="613"/>
      <c r="KAA712" s="613"/>
      <c r="KAB712" s="613"/>
      <c r="KAC712" s="613"/>
      <c r="KAD712" s="613"/>
      <c r="KAE712" s="613"/>
      <c r="KAF712" s="613"/>
      <c r="KAG712" s="613"/>
      <c r="KAH712" s="613"/>
      <c r="KAI712" s="613"/>
      <c r="KAJ712" s="613"/>
      <c r="KAK712" s="613"/>
      <c r="KAL712" s="613"/>
      <c r="KAM712" s="613"/>
      <c r="KAN712" s="613"/>
      <c r="KAO712" s="613"/>
      <c r="KAP712" s="613"/>
      <c r="KAQ712" s="613"/>
      <c r="KAR712" s="613"/>
      <c r="KAS712" s="613"/>
      <c r="KAT712" s="613"/>
      <c r="KAU712" s="613"/>
      <c r="KAV712" s="613"/>
      <c r="KAW712" s="613"/>
      <c r="KAX712" s="613"/>
      <c r="KAY712" s="613"/>
      <c r="KAZ712" s="613"/>
      <c r="KBA712" s="613"/>
      <c r="KBB712" s="613"/>
      <c r="KBC712" s="613"/>
      <c r="KBD712" s="613"/>
      <c r="KBE712" s="613"/>
      <c r="KBF712" s="613"/>
      <c r="KBG712" s="613"/>
      <c r="KBH712" s="613"/>
      <c r="KBI712" s="613"/>
      <c r="KBJ712" s="613"/>
      <c r="KBK712" s="613"/>
      <c r="KBL712" s="613"/>
      <c r="KBM712" s="613"/>
      <c r="KBN712" s="613"/>
      <c r="KBO712" s="613"/>
      <c r="KBP712" s="613"/>
      <c r="KBQ712" s="613"/>
      <c r="KBR712" s="613"/>
      <c r="KBS712" s="613"/>
      <c r="KBT712" s="613"/>
      <c r="KBU712" s="613"/>
      <c r="KBV712" s="613"/>
      <c r="KBW712" s="613"/>
      <c r="KBX712" s="613"/>
      <c r="KBY712" s="613"/>
      <c r="KBZ712" s="613"/>
      <c r="KCA712" s="613"/>
      <c r="KCB712" s="613"/>
      <c r="KCC712" s="613"/>
      <c r="KCD712" s="613"/>
      <c r="KCE712" s="613"/>
      <c r="KCF712" s="613"/>
      <c r="KCG712" s="613"/>
      <c r="KCH712" s="613"/>
      <c r="KCI712" s="613"/>
      <c r="KCJ712" s="613"/>
      <c r="KCK712" s="613"/>
      <c r="KCL712" s="613"/>
      <c r="KCM712" s="613"/>
      <c r="KCN712" s="613"/>
      <c r="KCO712" s="613"/>
      <c r="KCP712" s="613"/>
      <c r="KCQ712" s="613"/>
      <c r="KCR712" s="613"/>
      <c r="KCS712" s="613"/>
      <c r="KCT712" s="613"/>
      <c r="KCU712" s="613"/>
      <c r="KCV712" s="613"/>
      <c r="KCW712" s="613"/>
      <c r="KCX712" s="613"/>
      <c r="KCY712" s="613"/>
      <c r="KCZ712" s="613"/>
      <c r="KDA712" s="613"/>
      <c r="KDB712" s="613"/>
      <c r="KDC712" s="613"/>
      <c r="KDD712" s="613"/>
      <c r="KDE712" s="613"/>
      <c r="KDF712" s="613"/>
      <c r="KDG712" s="613"/>
      <c r="KDH712" s="613"/>
      <c r="KDI712" s="613"/>
      <c r="KDJ712" s="613"/>
      <c r="KDK712" s="613"/>
      <c r="KDL712" s="613"/>
      <c r="KDM712" s="613"/>
      <c r="KDN712" s="613"/>
      <c r="KDO712" s="613"/>
      <c r="KDP712" s="613"/>
      <c r="KDQ712" s="613"/>
      <c r="KDR712" s="613"/>
      <c r="KDS712" s="613"/>
      <c r="KDT712" s="613"/>
      <c r="KDU712" s="613"/>
      <c r="KDV712" s="613"/>
      <c r="KDW712" s="613"/>
      <c r="KDX712" s="613"/>
      <c r="KDY712" s="613"/>
      <c r="KDZ712" s="613"/>
      <c r="KEA712" s="613"/>
      <c r="KEB712" s="613"/>
      <c r="KEC712" s="613"/>
      <c r="KED712" s="613"/>
      <c r="KEE712" s="613"/>
      <c r="KEF712" s="613"/>
      <c r="KEG712" s="613"/>
      <c r="KEH712" s="613"/>
      <c r="KEI712" s="613"/>
      <c r="KEJ712" s="613"/>
      <c r="KEK712" s="613"/>
      <c r="KEL712" s="613"/>
      <c r="KEM712" s="613"/>
      <c r="KEN712" s="613"/>
      <c r="KEO712" s="613"/>
      <c r="KEP712" s="613"/>
      <c r="KEQ712" s="613"/>
      <c r="KER712" s="613"/>
      <c r="KES712" s="613"/>
      <c r="KET712" s="613"/>
      <c r="KEU712" s="613"/>
      <c r="KEV712" s="613"/>
      <c r="KEW712" s="613"/>
      <c r="KEX712" s="613"/>
      <c r="KEY712" s="613"/>
      <c r="KEZ712" s="613"/>
      <c r="KFA712" s="613"/>
      <c r="KFB712" s="613"/>
      <c r="KFC712" s="613"/>
      <c r="KFD712" s="613"/>
      <c r="KFE712" s="613"/>
      <c r="KFF712" s="613"/>
      <c r="KFG712" s="613"/>
      <c r="KFH712" s="613"/>
      <c r="KFI712" s="613"/>
      <c r="KFJ712" s="613"/>
      <c r="KFK712" s="613"/>
      <c r="KFL712" s="613"/>
      <c r="KFM712" s="613"/>
      <c r="KFN712" s="613"/>
      <c r="KFO712" s="613"/>
      <c r="KFP712" s="613"/>
      <c r="KFQ712" s="613"/>
      <c r="KFR712" s="613"/>
      <c r="KFS712" s="613"/>
      <c r="KFT712" s="613"/>
      <c r="KFU712" s="613"/>
      <c r="KFV712" s="613"/>
      <c r="KFW712" s="613"/>
      <c r="KFX712" s="613"/>
      <c r="KFY712" s="613"/>
      <c r="KFZ712" s="613"/>
      <c r="KGA712" s="613"/>
      <c r="KGB712" s="613"/>
      <c r="KGC712" s="613"/>
      <c r="KGD712" s="613"/>
      <c r="KGE712" s="613"/>
      <c r="KGF712" s="613"/>
      <c r="KGG712" s="613"/>
      <c r="KGH712" s="613"/>
      <c r="KGI712" s="613"/>
      <c r="KGJ712" s="613"/>
      <c r="KGK712" s="613"/>
      <c r="KGL712" s="613"/>
      <c r="KGM712" s="613"/>
      <c r="KGN712" s="613"/>
      <c r="KGO712" s="613"/>
      <c r="KGP712" s="613"/>
      <c r="KGQ712" s="613"/>
      <c r="KGR712" s="613"/>
      <c r="KGS712" s="613"/>
      <c r="KGT712" s="613"/>
      <c r="KGU712" s="613"/>
      <c r="KGV712" s="613"/>
      <c r="KGW712" s="613"/>
      <c r="KGX712" s="613"/>
      <c r="KGY712" s="613"/>
      <c r="KGZ712" s="613"/>
      <c r="KHA712" s="613"/>
      <c r="KHB712" s="613"/>
      <c r="KHC712" s="613"/>
      <c r="KHD712" s="613"/>
      <c r="KHE712" s="613"/>
      <c r="KHF712" s="613"/>
      <c r="KHG712" s="613"/>
      <c r="KHH712" s="613"/>
      <c r="KHI712" s="613"/>
      <c r="KHJ712" s="613"/>
      <c r="KHK712" s="613"/>
      <c r="KHL712" s="613"/>
      <c r="KHM712" s="613"/>
      <c r="KHN712" s="613"/>
      <c r="KHO712" s="613"/>
      <c r="KHP712" s="613"/>
      <c r="KHQ712" s="613"/>
      <c r="KHR712" s="613"/>
      <c r="KHS712" s="613"/>
      <c r="KHT712" s="613"/>
      <c r="KHU712" s="613"/>
      <c r="KHV712" s="613"/>
      <c r="KHW712" s="613"/>
      <c r="KHX712" s="613"/>
      <c r="KHY712" s="613"/>
      <c r="KHZ712" s="613"/>
      <c r="KIA712" s="613"/>
      <c r="KIB712" s="613"/>
      <c r="KIC712" s="613"/>
      <c r="KID712" s="613"/>
      <c r="KIE712" s="613"/>
      <c r="KIF712" s="613"/>
      <c r="KIG712" s="613"/>
      <c r="KIH712" s="613"/>
      <c r="KII712" s="613"/>
      <c r="KIJ712" s="613"/>
      <c r="KIK712" s="613"/>
      <c r="KIL712" s="613"/>
      <c r="KIM712" s="613"/>
      <c r="KIN712" s="613"/>
      <c r="KIO712" s="613"/>
      <c r="KIP712" s="613"/>
      <c r="KIQ712" s="613"/>
      <c r="KIR712" s="613"/>
      <c r="KIS712" s="613"/>
      <c r="KIT712" s="613"/>
      <c r="KIU712" s="613"/>
      <c r="KIV712" s="613"/>
      <c r="KIW712" s="613"/>
      <c r="KIX712" s="613"/>
      <c r="KIY712" s="613"/>
      <c r="KIZ712" s="613"/>
      <c r="KJA712" s="613"/>
      <c r="KJB712" s="613"/>
      <c r="KJC712" s="613"/>
      <c r="KJD712" s="613"/>
      <c r="KJE712" s="613"/>
      <c r="KJF712" s="613"/>
      <c r="KJG712" s="613"/>
      <c r="KJH712" s="613"/>
      <c r="KJI712" s="613"/>
      <c r="KJJ712" s="613"/>
      <c r="KJK712" s="613"/>
      <c r="KJL712" s="613"/>
      <c r="KJM712" s="613"/>
      <c r="KJN712" s="613"/>
      <c r="KJO712" s="613"/>
      <c r="KJP712" s="613"/>
      <c r="KJQ712" s="613"/>
      <c r="KJR712" s="613"/>
      <c r="KJS712" s="613"/>
      <c r="KJT712" s="613"/>
      <c r="KJU712" s="613"/>
      <c r="KJV712" s="613"/>
      <c r="KJW712" s="613"/>
      <c r="KJX712" s="613"/>
      <c r="KJY712" s="613"/>
      <c r="KJZ712" s="613"/>
      <c r="KKA712" s="613"/>
      <c r="KKB712" s="613"/>
      <c r="KKC712" s="613"/>
      <c r="KKD712" s="613"/>
      <c r="KKE712" s="613"/>
      <c r="KKF712" s="613"/>
      <c r="KKG712" s="613"/>
      <c r="KKH712" s="613"/>
      <c r="KKI712" s="613"/>
      <c r="KKJ712" s="613"/>
      <c r="KKK712" s="613"/>
      <c r="KKL712" s="613"/>
      <c r="KKM712" s="613"/>
      <c r="KKN712" s="613"/>
      <c r="KKO712" s="613"/>
      <c r="KKP712" s="613"/>
      <c r="KKQ712" s="613"/>
      <c r="KKR712" s="613"/>
      <c r="KKS712" s="613"/>
      <c r="KKT712" s="613"/>
      <c r="KKU712" s="613"/>
      <c r="KKV712" s="613"/>
      <c r="KKW712" s="613"/>
      <c r="KKX712" s="613"/>
      <c r="KKY712" s="613"/>
      <c r="KKZ712" s="613"/>
      <c r="KLA712" s="613"/>
      <c r="KLB712" s="613"/>
      <c r="KLC712" s="613"/>
      <c r="KLD712" s="613"/>
      <c r="KLE712" s="613"/>
      <c r="KLF712" s="613"/>
      <c r="KLG712" s="613"/>
      <c r="KLH712" s="613"/>
      <c r="KLI712" s="613"/>
      <c r="KLJ712" s="613"/>
      <c r="KLK712" s="613"/>
      <c r="KLL712" s="613"/>
      <c r="KLM712" s="613"/>
      <c r="KLN712" s="613"/>
      <c r="KLO712" s="613"/>
      <c r="KLP712" s="613"/>
      <c r="KLQ712" s="613"/>
      <c r="KLR712" s="613"/>
      <c r="KLS712" s="613"/>
      <c r="KLT712" s="613"/>
      <c r="KLU712" s="613"/>
      <c r="KLV712" s="613"/>
      <c r="KLW712" s="613"/>
      <c r="KLX712" s="613"/>
      <c r="KLY712" s="613"/>
      <c r="KLZ712" s="613"/>
      <c r="KMA712" s="613"/>
      <c r="KMB712" s="613"/>
      <c r="KMC712" s="613"/>
      <c r="KMD712" s="613"/>
      <c r="KME712" s="613"/>
      <c r="KMF712" s="613"/>
      <c r="KMG712" s="613"/>
      <c r="KMH712" s="613"/>
      <c r="KMI712" s="613"/>
      <c r="KMJ712" s="613"/>
      <c r="KMK712" s="613"/>
      <c r="KML712" s="613"/>
      <c r="KMM712" s="613"/>
      <c r="KMN712" s="613"/>
      <c r="KMO712" s="613"/>
      <c r="KMP712" s="613"/>
      <c r="KMQ712" s="613"/>
      <c r="KMR712" s="613"/>
      <c r="KMS712" s="613"/>
      <c r="KMT712" s="613"/>
      <c r="KMU712" s="613"/>
      <c r="KMV712" s="613"/>
      <c r="KMW712" s="613"/>
      <c r="KMX712" s="613"/>
      <c r="KMY712" s="613"/>
      <c r="KMZ712" s="613"/>
      <c r="KNA712" s="613"/>
      <c r="KNB712" s="613"/>
      <c r="KNC712" s="613"/>
      <c r="KND712" s="613"/>
      <c r="KNE712" s="613"/>
      <c r="KNF712" s="613"/>
      <c r="KNG712" s="613"/>
      <c r="KNH712" s="613"/>
      <c r="KNI712" s="613"/>
      <c r="KNJ712" s="613"/>
      <c r="KNK712" s="613"/>
      <c r="KNL712" s="613"/>
      <c r="KNM712" s="613"/>
      <c r="KNN712" s="613"/>
      <c r="KNO712" s="613"/>
      <c r="KNP712" s="613"/>
      <c r="KNQ712" s="613"/>
      <c r="KNR712" s="613"/>
      <c r="KNS712" s="613"/>
      <c r="KNT712" s="613"/>
      <c r="KNU712" s="613"/>
      <c r="KNV712" s="613"/>
      <c r="KNW712" s="613"/>
      <c r="KNX712" s="613"/>
      <c r="KNY712" s="613"/>
      <c r="KNZ712" s="613"/>
      <c r="KOA712" s="613"/>
      <c r="KOB712" s="613"/>
      <c r="KOC712" s="613"/>
      <c r="KOD712" s="613"/>
      <c r="KOE712" s="613"/>
      <c r="KOF712" s="613"/>
      <c r="KOG712" s="613"/>
      <c r="KOH712" s="613"/>
      <c r="KOI712" s="613"/>
      <c r="KOJ712" s="613"/>
      <c r="KOK712" s="613"/>
      <c r="KOL712" s="613"/>
      <c r="KOM712" s="613"/>
      <c r="KON712" s="613"/>
      <c r="KOO712" s="613"/>
      <c r="KOP712" s="613"/>
      <c r="KOQ712" s="613"/>
      <c r="KOR712" s="613"/>
      <c r="KOS712" s="613"/>
      <c r="KOT712" s="613"/>
      <c r="KOU712" s="613"/>
      <c r="KOV712" s="613"/>
      <c r="KOW712" s="613"/>
      <c r="KOX712" s="613"/>
      <c r="KOY712" s="613"/>
      <c r="KOZ712" s="613"/>
      <c r="KPA712" s="613"/>
      <c r="KPB712" s="613"/>
      <c r="KPC712" s="613"/>
      <c r="KPD712" s="613"/>
      <c r="KPE712" s="613"/>
      <c r="KPF712" s="613"/>
      <c r="KPG712" s="613"/>
      <c r="KPH712" s="613"/>
      <c r="KPI712" s="613"/>
      <c r="KPJ712" s="613"/>
      <c r="KPK712" s="613"/>
      <c r="KPL712" s="613"/>
      <c r="KPM712" s="613"/>
      <c r="KPN712" s="613"/>
      <c r="KPO712" s="613"/>
      <c r="KPP712" s="613"/>
      <c r="KPQ712" s="613"/>
      <c r="KPR712" s="613"/>
      <c r="KPS712" s="613"/>
      <c r="KPT712" s="613"/>
      <c r="KPU712" s="613"/>
      <c r="KPV712" s="613"/>
      <c r="KPW712" s="613"/>
      <c r="KPX712" s="613"/>
      <c r="KPY712" s="613"/>
      <c r="KPZ712" s="613"/>
      <c r="KQA712" s="613"/>
      <c r="KQB712" s="613"/>
      <c r="KQC712" s="613"/>
      <c r="KQD712" s="613"/>
      <c r="KQE712" s="613"/>
      <c r="KQF712" s="613"/>
      <c r="KQG712" s="613"/>
      <c r="KQH712" s="613"/>
      <c r="KQI712" s="613"/>
      <c r="KQJ712" s="613"/>
      <c r="KQK712" s="613"/>
      <c r="KQL712" s="613"/>
      <c r="KQM712" s="613"/>
      <c r="KQN712" s="613"/>
      <c r="KQO712" s="613"/>
      <c r="KQP712" s="613"/>
      <c r="KQQ712" s="613"/>
      <c r="KQR712" s="613"/>
      <c r="KQS712" s="613"/>
      <c r="KQT712" s="613"/>
      <c r="KQU712" s="613"/>
      <c r="KQV712" s="613"/>
      <c r="KQW712" s="613"/>
      <c r="KQX712" s="613"/>
      <c r="KQY712" s="613"/>
      <c r="KQZ712" s="613"/>
      <c r="KRA712" s="613"/>
      <c r="KRB712" s="613"/>
      <c r="KRC712" s="613"/>
      <c r="KRD712" s="613"/>
      <c r="KRE712" s="613"/>
      <c r="KRF712" s="613"/>
      <c r="KRG712" s="613"/>
      <c r="KRH712" s="613"/>
      <c r="KRI712" s="613"/>
      <c r="KRJ712" s="613"/>
      <c r="KRK712" s="613"/>
      <c r="KRL712" s="613"/>
      <c r="KRM712" s="613"/>
      <c r="KRN712" s="613"/>
      <c r="KRO712" s="613"/>
      <c r="KRP712" s="613"/>
      <c r="KRQ712" s="613"/>
      <c r="KRR712" s="613"/>
      <c r="KRS712" s="613"/>
      <c r="KRT712" s="613"/>
      <c r="KRU712" s="613"/>
      <c r="KRV712" s="613"/>
      <c r="KRW712" s="613"/>
      <c r="KRX712" s="613"/>
      <c r="KRY712" s="613"/>
      <c r="KRZ712" s="613"/>
      <c r="KSA712" s="613"/>
      <c r="KSB712" s="613"/>
      <c r="KSC712" s="613"/>
      <c r="KSD712" s="613"/>
      <c r="KSE712" s="613"/>
      <c r="KSF712" s="613"/>
      <c r="KSG712" s="613"/>
      <c r="KSH712" s="613"/>
      <c r="KSI712" s="613"/>
      <c r="KSJ712" s="613"/>
      <c r="KSK712" s="613"/>
      <c r="KSL712" s="613"/>
      <c r="KSM712" s="613"/>
      <c r="KSN712" s="613"/>
      <c r="KSO712" s="613"/>
      <c r="KSP712" s="613"/>
      <c r="KSQ712" s="613"/>
      <c r="KSR712" s="613"/>
      <c r="KSS712" s="613"/>
      <c r="KST712" s="613"/>
      <c r="KSU712" s="613"/>
      <c r="KSV712" s="613"/>
      <c r="KSW712" s="613"/>
      <c r="KSX712" s="613"/>
      <c r="KSY712" s="613"/>
      <c r="KSZ712" s="613"/>
      <c r="KTA712" s="613"/>
      <c r="KTB712" s="613"/>
      <c r="KTC712" s="613"/>
      <c r="KTD712" s="613"/>
      <c r="KTE712" s="613"/>
      <c r="KTF712" s="613"/>
      <c r="KTG712" s="613"/>
      <c r="KTH712" s="613"/>
      <c r="KTI712" s="613"/>
      <c r="KTJ712" s="613"/>
      <c r="KTK712" s="613"/>
      <c r="KTL712" s="613"/>
      <c r="KTM712" s="613"/>
      <c r="KTN712" s="613"/>
      <c r="KTO712" s="613"/>
      <c r="KTP712" s="613"/>
      <c r="KTQ712" s="613"/>
      <c r="KTR712" s="613"/>
      <c r="KTS712" s="613"/>
      <c r="KTT712" s="613"/>
      <c r="KTU712" s="613"/>
      <c r="KTV712" s="613"/>
      <c r="KTW712" s="613"/>
      <c r="KTX712" s="613"/>
      <c r="KTY712" s="613"/>
      <c r="KTZ712" s="613"/>
      <c r="KUA712" s="613"/>
      <c r="KUB712" s="613"/>
      <c r="KUC712" s="613"/>
      <c r="KUD712" s="613"/>
      <c r="KUE712" s="613"/>
      <c r="KUF712" s="613"/>
      <c r="KUG712" s="613"/>
      <c r="KUH712" s="613"/>
      <c r="KUI712" s="613"/>
      <c r="KUJ712" s="613"/>
      <c r="KUK712" s="613"/>
      <c r="KUL712" s="613"/>
      <c r="KUM712" s="613"/>
      <c r="KUN712" s="613"/>
      <c r="KUO712" s="613"/>
      <c r="KUP712" s="613"/>
      <c r="KUQ712" s="613"/>
      <c r="KUR712" s="613"/>
      <c r="KUS712" s="613"/>
      <c r="KUT712" s="613"/>
      <c r="KUU712" s="613"/>
      <c r="KUV712" s="613"/>
      <c r="KUW712" s="613"/>
      <c r="KUX712" s="613"/>
      <c r="KUY712" s="613"/>
      <c r="KUZ712" s="613"/>
      <c r="KVA712" s="613"/>
      <c r="KVB712" s="613"/>
      <c r="KVC712" s="613"/>
      <c r="KVD712" s="613"/>
      <c r="KVE712" s="613"/>
      <c r="KVF712" s="613"/>
      <c r="KVG712" s="613"/>
      <c r="KVH712" s="613"/>
      <c r="KVI712" s="613"/>
      <c r="KVJ712" s="613"/>
      <c r="KVK712" s="613"/>
      <c r="KVL712" s="613"/>
      <c r="KVM712" s="613"/>
      <c r="KVN712" s="613"/>
      <c r="KVO712" s="613"/>
      <c r="KVP712" s="613"/>
      <c r="KVQ712" s="613"/>
      <c r="KVR712" s="613"/>
      <c r="KVS712" s="613"/>
      <c r="KVT712" s="613"/>
      <c r="KVU712" s="613"/>
      <c r="KVV712" s="613"/>
      <c r="KVW712" s="613"/>
      <c r="KVX712" s="613"/>
      <c r="KVY712" s="613"/>
      <c r="KVZ712" s="613"/>
      <c r="KWA712" s="613"/>
      <c r="KWB712" s="613"/>
      <c r="KWC712" s="613"/>
      <c r="KWD712" s="613"/>
      <c r="KWE712" s="613"/>
      <c r="KWF712" s="613"/>
      <c r="KWG712" s="613"/>
      <c r="KWH712" s="613"/>
      <c r="KWI712" s="613"/>
      <c r="KWJ712" s="613"/>
      <c r="KWK712" s="613"/>
      <c r="KWL712" s="613"/>
      <c r="KWM712" s="613"/>
      <c r="KWN712" s="613"/>
      <c r="KWO712" s="613"/>
      <c r="KWP712" s="613"/>
      <c r="KWQ712" s="613"/>
      <c r="KWR712" s="613"/>
      <c r="KWS712" s="613"/>
      <c r="KWT712" s="613"/>
      <c r="KWU712" s="613"/>
      <c r="KWV712" s="613"/>
      <c r="KWW712" s="613"/>
      <c r="KWX712" s="613"/>
      <c r="KWY712" s="613"/>
      <c r="KWZ712" s="613"/>
      <c r="KXA712" s="613"/>
      <c r="KXB712" s="613"/>
      <c r="KXC712" s="613"/>
      <c r="KXD712" s="613"/>
      <c r="KXE712" s="613"/>
      <c r="KXF712" s="613"/>
      <c r="KXG712" s="613"/>
      <c r="KXH712" s="613"/>
      <c r="KXI712" s="613"/>
      <c r="KXJ712" s="613"/>
      <c r="KXK712" s="613"/>
      <c r="KXL712" s="613"/>
      <c r="KXM712" s="613"/>
      <c r="KXN712" s="613"/>
      <c r="KXO712" s="613"/>
      <c r="KXP712" s="613"/>
      <c r="KXQ712" s="613"/>
      <c r="KXR712" s="613"/>
      <c r="KXS712" s="613"/>
      <c r="KXT712" s="613"/>
      <c r="KXU712" s="613"/>
      <c r="KXV712" s="613"/>
      <c r="KXW712" s="613"/>
      <c r="KXX712" s="613"/>
      <c r="KXY712" s="613"/>
      <c r="KXZ712" s="613"/>
      <c r="KYA712" s="613"/>
      <c r="KYB712" s="613"/>
      <c r="KYC712" s="613"/>
      <c r="KYD712" s="613"/>
      <c r="KYE712" s="613"/>
      <c r="KYF712" s="613"/>
      <c r="KYG712" s="613"/>
      <c r="KYH712" s="613"/>
      <c r="KYI712" s="613"/>
      <c r="KYJ712" s="613"/>
      <c r="KYK712" s="613"/>
      <c r="KYL712" s="613"/>
      <c r="KYM712" s="613"/>
      <c r="KYN712" s="613"/>
      <c r="KYO712" s="613"/>
      <c r="KYP712" s="613"/>
      <c r="KYQ712" s="613"/>
      <c r="KYR712" s="613"/>
      <c r="KYS712" s="613"/>
      <c r="KYT712" s="613"/>
      <c r="KYU712" s="613"/>
      <c r="KYV712" s="613"/>
      <c r="KYW712" s="613"/>
      <c r="KYX712" s="613"/>
      <c r="KYY712" s="613"/>
      <c r="KYZ712" s="613"/>
      <c r="KZA712" s="613"/>
      <c r="KZB712" s="613"/>
      <c r="KZC712" s="613"/>
      <c r="KZD712" s="613"/>
      <c r="KZE712" s="613"/>
      <c r="KZF712" s="613"/>
      <c r="KZG712" s="613"/>
      <c r="KZH712" s="613"/>
      <c r="KZI712" s="613"/>
      <c r="KZJ712" s="613"/>
      <c r="KZK712" s="613"/>
      <c r="KZL712" s="613"/>
      <c r="KZM712" s="613"/>
      <c r="KZN712" s="613"/>
      <c r="KZO712" s="613"/>
      <c r="KZP712" s="613"/>
      <c r="KZQ712" s="613"/>
      <c r="KZR712" s="613"/>
      <c r="KZS712" s="613"/>
      <c r="KZT712" s="613"/>
      <c r="KZU712" s="613"/>
      <c r="KZV712" s="613"/>
      <c r="KZW712" s="613"/>
      <c r="KZX712" s="613"/>
      <c r="KZY712" s="613"/>
      <c r="KZZ712" s="613"/>
      <c r="LAA712" s="613"/>
      <c r="LAB712" s="613"/>
      <c r="LAC712" s="613"/>
      <c r="LAD712" s="613"/>
      <c r="LAE712" s="613"/>
      <c r="LAF712" s="613"/>
      <c r="LAG712" s="613"/>
      <c r="LAH712" s="613"/>
      <c r="LAI712" s="613"/>
      <c r="LAJ712" s="613"/>
      <c r="LAK712" s="613"/>
      <c r="LAL712" s="613"/>
      <c r="LAM712" s="613"/>
      <c r="LAN712" s="613"/>
      <c r="LAO712" s="613"/>
      <c r="LAP712" s="613"/>
      <c r="LAQ712" s="613"/>
      <c r="LAR712" s="613"/>
      <c r="LAS712" s="613"/>
      <c r="LAT712" s="613"/>
      <c r="LAU712" s="613"/>
      <c r="LAV712" s="613"/>
      <c r="LAW712" s="613"/>
      <c r="LAX712" s="613"/>
      <c r="LAY712" s="613"/>
      <c r="LAZ712" s="613"/>
      <c r="LBA712" s="613"/>
      <c r="LBB712" s="613"/>
      <c r="LBC712" s="613"/>
      <c r="LBD712" s="613"/>
      <c r="LBE712" s="613"/>
      <c r="LBF712" s="613"/>
      <c r="LBG712" s="613"/>
      <c r="LBH712" s="613"/>
      <c r="LBI712" s="613"/>
      <c r="LBJ712" s="613"/>
      <c r="LBK712" s="613"/>
      <c r="LBL712" s="613"/>
      <c r="LBM712" s="613"/>
      <c r="LBN712" s="613"/>
      <c r="LBO712" s="613"/>
      <c r="LBP712" s="613"/>
      <c r="LBQ712" s="613"/>
      <c r="LBR712" s="613"/>
      <c r="LBS712" s="613"/>
      <c r="LBT712" s="613"/>
      <c r="LBU712" s="613"/>
      <c r="LBV712" s="613"/>
      <c r="LBW712" s="613"/>
      <c r="LBX712" s="613"/>
      <c r="LBY712" s="613"/>
      <c r="LBZ712" s="613"/>
      <c r="LCA712" s="613"/>
      <c r="LCB712" s="613"/>
      <c r="LCC712" s="613"/>
      <c r="LCD712" s="613"/>
      <c r="LCE712" s="613"/>
      <c r="LCF712" s="613"/>
      <c r="LCG712" s="613"/>
      <c r="LCH712" s="613"/>
      <c r="LCI712" s="613"/>
      <c r="LCJ712" s="613"/>
      <c r="LCK712" s="613"/>
      <c r="LCL712" s="613"/>
      <c r="LCM712" s="613"/>
      <c r="LCN712" s="613"/>
      <c r="LCO712" s="613"/>
      <c r="LCP712" s="613"/>
      <c r="LCQ712" s="613"/>
      <c r="LCR712" s="613"/>
      <c r="LCS712" s="613"/>
      <c r="LCT712" s="613"/>
      <c r="LCU712" s="613"/>
      <c r="LCV712" s="613"/>
      <c r="LCW712" s="613"/>
      <c r="LCX712" s="613"/>
      <c r="LCY712" s="613"/>
      <c r="LCZ712" s="613"/>
      <c r="LDA712" s="613"/>
      <c r="LDB712" s="613"/>
      <c r="LDC712" s="613"/>
      <c r="LDD712" s="613"/>
      <c r="LDE712" s="613"/>
      <c r="LDF712" s="613"/>
      <c r="LDG712" s="613"/>
      <c r="LDH712" s="613"/>
      <c r="LDI712" s="613"/>
      <c r="LDJ712" s="613"/>
      <c r="LDK712" s="613"/>
      <c r="LDL712" s="613"/>
      <c r="LDM712" s="613"/>
      <c r="LDN712" s="613"/>
      <c r="LDO712" s="613"/>
      <c r="LDP712" s="613"/>
      <c r="LDQ712" s="613"/>
      <c r="LDR712" s="613"/>
      <c r="LDS712" s="613"/>
      <c r="LDT712" s="613"/>
      <c r="LDU712" s="613"/>
      <c r="LDV712" s="613"/>
      <c r="LDW712" s="613"/>
      <c r="LDX712" s="613"/>
      <c r="LDY712" s="613"/>
      <c r="LDZ712" s="613"/>
      <c r="LEA712" s="613"/>
      <c r="LEB712" s="613"/>
      <c r="LEC712" s="613"/>
      <c r="LED712" s="613"/>
      <c r="LEE712" s="613"/>
      <c r="LEF712" s="613"/>
      <c r="LEG712" s="613"/>
      <c r="LEH712" s="613"/>
      <c r="LEI712" s="613"/>
      <c r="LEJ712" s="613"/>
      <c r="LEK712" s="613"/>
      <c r="LEL712" s="613"/>
      <c r="LEM712" s="613"/>
      <c r="LEN712" s="613"/>
      <c r="LEO712" s="613"/>
      <c r="LEP712" s="613"/>
      <c r="LEQ712" s="613"/>
      <c r="LER712" s="613"/>
      <c r="LES712" s="613"/>
      <c r="LET712" s="613"/>
      <c r="LEU712" s="613"/>
      <c r="LEV712" s="613"/>
      <c r="LEW712" s="613"/>
      <c r="LEX712" s="613"/>
      <c r="LEY712" s="613"/>
      <c r="LEZ712" s="613"/>
      <c r="LFA712" s="613"/>
      <c r="LFB712" s="613"/>
      <c r="LFC712" s="613"/>
      <c r="LFD712" s="613"/>
      <c r="LFE712" s="613"/>
      <c r="LFF712" s="613"/>
      <c r="LFG712" s="613"/>
      <c r="LFH712" s="613"/>
      <c r="LFI712" s="613"/>
      <c r="LFJ712" s="613"/>
      <c r="LFK712" s="613"/>
      <c r="LFL712" s="613"/>
      <c r="LFM712" s="613"/>
      <c r="LFN712" s="613"/>
      <c r="LFO712" s="613"/>
      <c r="LFP712" s="613"/>
      <c r="LFQ712" s="613"/>
      <c r="LFR712" s="613"/>
      <c r="LFS712" s="613"/>
      <c r="LFT712" s="613"/>
      <c r="LFU712" s="613"/>
      <c r="LFV712" s="613"/>
      <c r="LFW712" s="613"/>
      <c r="LFX712" s="613"/>
      <c r="LFY712" s="613"/>
      <c r="LFZ712" s="613"/>
      <c r="LGA712" s="613"/>
      <c r="LGB712" s="613"/>
      <c r="LGC712" s="613"/>
      <c r="LGD712" s="613"/>
      <c r="LGE712" s="613"/>
      <c r="LGF712" s="613"/>
      <c r="LGG712" s="613"/>
      <c r="LGH712" s="613"/>
      <c r="LGI712" s="613"/>
      <c r="LGJ712" s="613"/>
      <c r="LGK712" s="613"/>
      <c r="LGL712" s="613"/>
      <c r="LGM712" s="613"/>
      <c r="LGN712" s="613"/>
      <c r="LGO712" s="613"/>
      <c r="LGP712" s="613"/>
      <c r="LGQ712" s="613"/>
      <c r="LGR712" s="613"/>
      <c r="LGS712" s="613"/>
      <c r="LGT712" s="613"/>
      <c r="LGU712" s="613"/>
      <c r="LGV712" s="613"/>
      <c r="LGW712" s="613"/>
      <c r="LGX712" s="613"/>
      <c r="LGY712" s="613"/>
      <c r="LGZ712" s="613"/>
      <c r="LHA712" s="613"/>
      <c r="LHB712" s="613"/>
      <c r="LHC712" s="613"/>
      <c r="LHD712" s="613"/>
      <c r="LHE712" s="613"/>
      <c r="LHF712" s="613"/>
      <c r="LHG712" s="613"/>
      <c r="LHH712" s="613"/>
      <c r="LHI712" s="613"/>
      <c r="LHJ712" s="613"/>
      <c r="LHK712" s="613"/>
      <c r="LHL712" s="613"/>
      <c r="LHM712" s="613"/>
      <c r="LHN712" s="613"/>
      <c r="LHO712" s="613"/>
      <c r="LHP712" s="613"/>
      <c r="LHQ712" s="613"/>
      <c r="LHR712" s="613"/>
      <c r="LHS712" s="613"/>
      <c r="LHT712" s="613"/>
      <c r="LHU712" s="613"/>
      <c r="LHV712" s="613"/>
      <c r="LHW712" s="613"/>
      <c r="LHX712" s="613"/>
      <c r="LHY712" s="613"/>
      <c r="LHZ712" s="613"/>
      <c r="LIA712" s="613"/>
      <c r="LIB712" s="613"/>
      <c r="LIC712" s="613"/>
      <c r="LID712" s="613"/>
      <c r="LIE712" s="613"/>
      <c r="LIF712" s="613"/>
      <c r="LIG712" s="613"/>
      <c r="LIH712" s="613"/>
      <c r="LII712" s="613"/>
      <c r="LIJ712" s="613"/>
      <c r="LIK712" s="613"/>
      <c r="LIL712" s="613"/>
      <c r="LIM712" s="613"/>
      <c r="LIN712" s="613"/>
      <c r="LIO712" s="613"/>
      <c r="LIP712" s="613"/>
      <c r="LIQ712" s="613"/>
      <c r="LIR712" s="613"/>
      <c r="LIS712" s="613"/>
      <c r="LIT712" s="613"/>
      <c r="LIU712" s="613"/>
      <c r="LIV712" s="613"/>
      <c r="LIW712" s="613"/>
      <c r="LIX712" s="613"/>
      <c r="LIY712" s="613"/>
      <c r="LIZ712" s="613"/>
      <c r="LJA712" s="613"/>
      <c r="LJB712" s="613"/>
      <c r="LJC712" s="613"/>
      <c r="LJD712" s="613"/>
      <c r="LJE712" s="613"/>
      <c r="LJF712" s="613"/>
      <c r="LJG712" s="613"/>
      <c r="LJH712" s="613"/>
      <c r="LJI712" s="613"/>
      <c r="LJJ712" s="613"/>
      <c r="LJK712" s="613"/>
      <c r="LJL712" s="613"/>
      <c r="LJM712" s="613"/>
      <c r="LJN712" s="613"/>
      <c r="LJO712" s="613"/>
      <c r="LJP712" s="613"/>
      <c r="LJQ712" s="613"/>
      <c r="LJR712" s="613"/>
      <c r="LJS712" s="613"/>
      <c r="LJT712" s="613"/>
      <c r="LJU712" s="613"/>
      <c r="LJV712" s="613"/>
      <c r="LJW712" s="613"/>
      <c r="LJX712" s="613"/>
      <c r="LJY712" s="613"/>
      <c r="LJZ712" s="613"/>
      <c r="LKA712" s="613"/>
      <c r="LKB712" s="613"/>
      <c r="LKC712" s="613"/>
      <c r="LKD712" s="613"/>
      <c r="LKE712" s="613"/>
      <c r="LKF712" s="613"/>
      <c r="LKG712" s="613"/>
      <c r="LKH712" s="613"/>
      <c r="LKI712" s="613"/>
      <c r="LKJ712" s="613"/>
      <c r="LKK712" s="613"/>
      <c r="LKL712" s="613"/>
      <c r="LKM712" s="613"/>
      <c r="LKN712" s="613"/>
      <c r="LKO712" s="613"/>
      <c r="LKP712" s="613"/>
      <c r="LKQ712" s="613"/>
      <c r="LKR712" s="613"/>
      <c r="LKS712" s="613"/>
      <c r="LKT712" s="613"/>
      <c r="LKU712" s="613"/>
      <c r="LKV712" s="613"/>
      <c r="LKW712" s="613"/>
      <c r="LKX712" s="613"/>
      <c r="LKY712" s="613"/>
      <c r="LKZ712" s="613"/>
      <c r="LLA712" s="613"/>
      <c r="LLB712" s="613"/>
      <c r="LLC712" s="613"/>
      <c r="LLD712" s="613"/>
      <c r="LLE712" s="613"/>
      <c r="LLF712" s="613"/>
      <c r="LLG712" s="613"/>
      <c r="LLH712" s="613"/>
      <c r="LLI712" s="613"/>
      <c r="LLJ712" s="613"/>
      <c r="LLK712" s="613"/>
      <c r="LLL712" s="613"/>
      <c r="LLM712" s="613"/>
      <c r="LLN712" s="613"/>
      <c r="LLO712" s="613"/>
      <c r="LLP712" s="613"/>
      <c r="LLQ712" s="613"/>
      <c r="LLR712" s="613"/>
      <c r="LLS712" s="613"/>
      <c r="LLT712" s="613"/>
      <c r="LLU712" s="613"/>
      <c r="LLV712" s="613"/>
      <c r="LLW712" s="613"/>
      <c r="LLX712" s="613"/>
      <c r="LLY712" s="613"/>
      <c r="LLZ712" s="613"/>
      <c r="LMA712" s="613"/>
      <c r="LMB712" s="613"/>
      <c r="LMC712" s="613"/>
      <c r="LMD712" s="613"/>
      <c r="LME712" s="613"/>
      <c r="LMF712" s="613"/>
      <c r="LMG712" s="613"/>
      <c r="LMH712" s="613"/>
      <c r="LMI712" s="613"/>
      <c r="LMJ712" s="613"/>
      <c r="LMK712" s="613"/>
      <c r="LML712" s="613"/>
      <c r="LMM712" s="613"/>
      <c r="LMN712" s="613"/>
      <c r="LMO712" s="613"/>
      <c r="LMP712" s="613"/>
      <c r="LMQ712" s="613"/>
      <c r="LMR712" s="613"/>
      <c r="LMS712" s="613"/>
      <c r="LMT712" s="613"/>
      <c r="LMU712" s="613"/>
      <c r="LMV712" s="613"/>
      <c r="LMW712" s="613"/>
      <c r="LMX712" s="613"/>
      <c r="LMY712" s="613"/>
      <c r="LMZ712" s="613"/>
      <c r="LNA712" s="613"/>
      <c r="LNB712" s="613"/>
      <c r="LNC712" s="613"/>
      <c r="LND712" s="613"/>
      <c r="LNE712" s="613"/>
      <c r="LNF712" s="613"/>
      <c r="LNG712" s="613"/>
      <c r="LNH712" s="613"/>
      <c r="LNI712" s="613"/>
      <c r="LNJ712" s="613"/>
      <c r="LNK712" s="613"/>
      <c r="LNL712" s="613"/>
      <c r="LNM712" s="613"/>
      <c r="LNN712" s="613"/>
      <c r="LNO712" s="613"/>
      <c r="LNP712" s="613"/>
      <c r="LNQ712" s="613"/>
      <c r="LNR712" s="613"/>
      <c r="LNS712" s="613"/>
      <c r="LNT712" s="613"/>
      <c r="LNU712" s="613"/>
      <c r="LNV712" s="613"/>
      <c r="LNW712" s="613"/>
      <c r="LNX712" s="613"/>
      <c r="LNY712" s="613"/>
      <c r="LNZ712" s="613"/>
      <c r="LOA712" s="613"/>
      <c r="LOB712" s="613"/>
      <c r="LOC712" s="613"/>
      <c r="LOD712" s="613"/>
      <c r="LOE712" s="613"/>
      <c r="LOF712" s="613"/>
      <c r="LOG712" s="613"/>
      <c r="LOH712" s="613"/>
      <c r="LOI712" s="613"/>
      <c r="LOJ712" s="613"/>
      <c r="LOK712" s="613"/>
      <c r="LOL712" s="613"/>
      <c r="LOM712" s="613"/>
      <c r="LON712" s="613"/>
      <c r="LOO712" s="613"/>
      <c r="LOP712" s="613"/>
      <c r="LOQ712" s="613"/>
      <c r="LOR712" s="613"/>
      <c r="LOS712" s="613"/>
      <c r="LOT712" s="613"/>
      <c r="LOU712" s="613"/>
      <c r="LOV712" s="613"/>
      <c r="LOW712" s="613"/>
      <c r="LOX712" s="613"/>
      <c r="LOY712" s="613"/>
      <c r="LOZ712" s="613"/>
      <c r="LPA712" s="613"/>
      <c r="LPB712" s="613"/>
      <c r="LPC712" s="613"/>
      <c r="LPD712" s="613"/>
      <c r="LPE712" s="613"/>
      <c r="LPF712" s="613"/>
      <c r="LPG712" s="613"/>
      <c r="LPH712" s="613"/>
      <c r="LPI712" s="613"/>
      <c r="LPJ712" s="613"/>
      <c r="LPK712" s="613"/>
      <c r="LPL712" s="613"/>
      <c r="LPM712" s="613"/>
      <c r="LPN712" s="613"/>
      <c r="LPO712" s="613"/>
      <c r="LPP712" s="613"/>
      <c r="LPQ712" s="613"/>
      <c r="LPR712" s="613"/>
      <c r="LPS712" s="613"/>
      <c r="LPT712" s="613"/>
      <c r="LPU712" s="613"/>
      <c r="LPV712" s="613"/>
      <c r="LPW712" s="613"/>
      <c r="LPX712" s="613"/>
      <c r="LPY712" s="613"/>
      <c r="LPZ712" s="613"/>
      <c r="LQA712" s="613"/>
      <c r="LQB712" s="613"/>
      <c r="LQC712" s="613"/>
      <c r="LQD712" s="613"/>
      <c r="LQE712" s="613"/>
      <c r="LQF712" s="613"/>
      <c r="LQG712" s="613"/>
      <c r="LQH712" s="613"/>
      <c r="LQI712" s="613"/>
      <c r="LQJ712" s="613"/>
      <c r="LQK712" s="613"/>
      <c r="LQL712" s="613"/>
      <c r="LQM712" s="613"/>
      <c r="LQN712" s="613"/>
      <c r="LQO712" s="613"/>
      <c r="LQP712" s="613"/>
      <c r="LQQ712" s="613"/>
      <c r="LQR712" s="613"/>
      <c r="LQS712" s="613"/>
      <c r="LQT712" s="613"/>
      <c r="LQU712" s="613"/>
      <c r="LQV712" s="613"/>
      <c r="LQW712" s="613"/>
      <c r="LQX712" s="613"/>
      <c r="LQY712" s="613"/>
      <c r="LQZ712" s="613"/>
      <c r="LRA712" s="613"/>
      <c r="LRB712" s="613"/>
      <c r="LRC712" s="613"/>
      <c r="LRD712" s="613"/>
      <c r="LRE712" s="613"/>
      <c r="LRF712" s="613"/>
      <c r="LRG712" s="613"/>
      <c r="LRH712" s="613"/>
      <c r="LRI712" s="613"/>
      <c r="LRJ712" s="613"/>
      <c r="LRK712" s="613"/>
      <c r="LRL712" s="613"/>
      <c r="LRM712" s="613"/>
      <c r="LRN712" s="613"/>
      <c r="LRO712" s="613"/>
      <c r="LRP712" s="613"/>
      <c r="LRQ712" s="613"/>
      <c r="LRR712" s="613"/>
      <c r="LRS712" s="613"/>
      <c r="LRT712" s="613"/>
      <c r="LRU712" s="613"/>
      <c r="LRV712" s="613"/>
      <c r="LRW712" s="613"/>
      <c r="LRX712" s="613"/>
      <c r="LRY712" s="613"/>
      <c r="LRZ712" s="613"/>
      <c r="LSA712" s="613"/>
      <c r="LSB712" s="613"/>
      <c r="LSC712" s="613"/>
      <c r="LSD712" s="613"/>
      <c r="LSE712" s="613"/>
      <c r="LSF712" s="613"/>
      <c r="LSG712" s="613"/>
      <c r="LSH712" s="613"/>
      <c r="LSI712" s="613"/>
      <c r="LSJ712" s="613"/>
      <c r="LSK712" s="613"/>
      <c r="LSL712" s="613"/>
      <c r="LSM712" s="613"/>
      <c r="LSN712" s="613"/>
      <c r="LSO712" s="613"/>
      <c r="LSP712" s="613"/>
      <c r="LSQ712" s="613"/>
      <c r="LSR712" s="613"/>
      <c r="LSS712" s="613"/>
      <c r="LST712" s="613"/>
      <c r="LSU712" s="613"/>
      <c r="LSV712" s="613"/>
      <c r="LSW712" s="613"/>
      <c r="LSX712" s="613"/>
      <c r="LSY712" s="613"/>
      <c r="LSZ712" s="613"/>
      <c r="LTA712" s="613"/>
      <c r="LTB712" s="613"/>
      <c r="LTC712" s="613"/>
      <c r="LTD712" s="613"/>
      <c r="LTE712" s="613"/>
      <c r="LTF712" s="613"/>
      <c r="LTG712" s="613"/>
      <c r="LTH712" s="613"/>
      <c r="LTI712" s="613"/>
      <c r="LTJ712" s="613"/>
      <c r="LTK712" s="613"/>
      <c r="LTL712" s="613"/>
      <c r="LTM712" s="613"/>
      <c r="LTN712" s="613"/>
      <c r="LTO712" s="613"/>
      <c r="LTP712" s="613"/>
      <c r="LTQ712" s="613"/>
      <c r="LTR712" s="613"/>
      <c r="LTS712" s="613"/>
      <c r="LTT712" s="613"/>
      <c r="LTU712" s="613"/>
      <c r="LTV712" s="613"/>
      <c r="LTW712" s="613"/>
      <c r="LTX712" s="613"/>
      <c r="LTY712" s="613"/>
      <c r="LTZ712" s="613"/>
      <c r="LUA712" s="613"/>
      <c r="LUB712" s="613"/>
      <c r="LUC712" s="613"/>
      <c r="LUD712" s="613"/>
      <c r="LUE712" s="613"/>
      <c r="LUF712" s="613"/>
      <c r="LUG712" s="613"/>
      <c r="LUH712" s="613"/>
      <c r="LUI712" s="613"/>
      <c r="LUJ712" s="613"/>
      <c r="LUK712" s="613"/>
      <c r="LUL712" s="613"/>
      <c r="LUM712" s="613"/>
      <c r="LUN712" s="613"/>
      <c r="LUO712" s="613"/>
      <c r="LUP712" s="613"/>
      <c r="LUQ712" s="613"/>
      <c r="LUR712" s="613"/>
      <c r="LUS712" s="613"/>
      <c r="LUT712" s="613"/>
      <c r="LUU712" s="613"/>
      <c r="LUV712" s="613"/>
      <c r="LUW712" s="613"/>
      <c r="LUX712" s="613"/>
      <c r="LUY712" s="613"/>
      <c r="LUZ712" s="613"/>
      <c r="LVA712" s="613"/>
      <c r="LVB712" s="613"/>
      <c r="LVC712" s="613"/>
      <c r="LVD712" s="613"/>
      <c r="LVE712" s="613"/>
      <c r="LVF712" s="613"/>
      <c r="LVG712" s="613"/>
      <c r="LVH712" s="613"/>
      <c r="LVI712" s="613"/>
      <c r="LVJ712" s="613"/>
      <c r="LVK712" s="613"/>
      <c r="LVL712" s="613"/>
      <c r="LVM712" s="613"/>
      <c r="LVN712" s="613"/>
      <c r="LVO712" s="613"/>
      <c r="LVP712" s="613"/>
      <c r="LVQ712" s="613"/>
      <c r="LVR712" s="613"/>
      <c r="LVS712" s="613"/>
      <c r="LVT712" s="613"/>
      <c r="LVU712" s="613"/>
      <c r="LVV712" s="613"/>
      <c r="LVW712" s="613"/>
      <c r="LVX712" s="613"/>
      <c r="LVY712" s="613"/>
      <c r="LVZ712" s="613"/>
      <c r="LWA712" s="613"/>
      <c r="LWB712" s="613"/>
      <c r="LWC712" s="613"/>
      <c r="LWD712" s="613"/>
      <c r="LWE712" s="613"/>
      <c r="LWF712" s="613"/>
      <c r="LWG712" s="613"/>
      <c r="LWH712" s="613"/>
      <c r="LWI712" s="613"/>
      <c r="LWJ712" s="613"/>
      <c r="LWK712" s="613"/>
      <c r="LWL712" s="613"/>
      <c r="LWM712" s="613"/>
      <c r="LWN712" s="613"/>
      <c r="LWO712" s="613"/>
      <c r="LWP712" s="613"/>
      <c r="LWQ712" s="613"/>
      <c r="LWR712" s="613"/>
      <c r="LWS712" s="613"/>
      <c r="LWT712" s="613"/>
      <c r="LWU712" s="613"/>
      <c r="LWV712" s="613"/>
      <c r="LWW712" s="613"/>
      <c r="LWX712" s="613"/>
      <c r="LWY712" s="613"/>
      <c r="LWZ712" s="613"/>
      <c r="LXA712" s="613"/>
      <c r="LXB712" s="613"/>
      <c r="LXC712" s="613"/>
      <c r="LXD712" s="613"/>
      <c r="LXE712" s="613"/>
      <c r="LXF712" s="613"/>
      <c r="LXG712" s="613"/>
      <c r="LXH712" s="613"/>
      <c r="LXI712" s="613"/>
      <c r="LXJ712" s="613"/>
      <c r="LXK712" s="613"/>
      <c r="LXL712" s="613"/>
      <c r="LXM712" s="613"/>
      <c r="LXN712" s="613"/>
      <c r="LXO712" s="613"/>
      <c r="LXP712" s="613"/>
      <c r="LXQ712" s="613"/>
      <c r="LXR712" s="613"/>
      <c r="LXS712" s="613"/>
      <c r="LXT712" s="613"/>
      <c r="LXU712" s="613"/>
      <c r="LXV712" s="613"/>
      <c r="LXW712" s="613"/>
      <c r="LXX712" s="613"/>
      <c r="LXY712" s="613"/>
      <c r="LXZ712" s="613"/>
      <c r="LYA712" s="613"/>
      <c r="LYB712" s="613"/>
      <c r="LYC712" s="613"/>
      <c r="LYD712" s="613"/>
      <c r="LYE712" s="613"/>
      <c r="LYF712" s="613"/>
      <c r="LYG712" s="613"/>
      <c r="LYH712" s="613"/>
      <c r="LYI712" s="613"/>
      <c r="LYJ712" s="613"/>
      <c r="LYK712" s="613"/>
      <c r="LYL712" s="613"/>
      <c r="LYM712" s="613"/>
      <c r="LYN712" s="613"/>
      <c r="LYO712" s="613"/>
      <c r="LYP712" s="613"/>
      <c r="LYQ712" s="613"/>
      <c r="LYR712" s="613"/>
      <c r="LYS712" s="613"/>
      <c r="LYT712" s="613"/>
      <c r="LYU712" s="613"/>
      <c r="LYV712" s="613"/>
      <c r="LYW712" s="613"/>
      <c r="LYX712" s="613"/>
      <c r="LYY712" s="613"/>
      <c r="LYZ712" s="613"/>
      <c r="LZA712" s="613"/>
      <c r="LZB712" s="613"/>
      <c r="LZC712" s="613"/>
      <c r="LZD712" s="613"/>
      <c r="LZE712" s="613"/>
      <c r="LZF712" s="613"/>
      <c r="LZG712" s="613"/>
      <c r="LZH712" s="613"/>
      <c r="LZI712" s="613"/>
      <c r="LZJ712" s="613"/>
      <c r="LZK712" s="613"/>
      <c r="LZL712" s="613"/>
      <c r="LZM712" s="613"/>
      <c r="LZN712" s="613"/>
      <c r="LZO712" s="613"/>
      <c r="LZP712" s="613"/>
      <c r="LZQ712" s="613"/>
      <c r="LZR712" s="613"/>
      <c r="LZS712" s="613"/>
      <c r="LZT712" s="613"/>
      <c r="LZU712" s="613"/>
      <c r="LZV712" s="613"/>
      <c r="LZW712" s="613"/>
      <c r="LZX712" s="613"/>
      <c r="LZY712" s="613"/>
      <c r="LZZ712" s="613"/>
      <c r="MAA712" s="613"/>
      <c r="MAB712" s="613"/>
      <c r="MAC712" s="613"/>
      <c r="MAD712" s="613"/>
      <c r="MAE712" s="613"/>
      <c r="MAF712" s="613"/>
      <c r="MAG712" s="613"/>
      <c r="MAH712" s="613"/>
      <c r="MAI712" s="613"/>
      <c r="MAJ712" s="613"/>
      <c r="MAK712" s="613"/>
      <c r="MAL712" s="613"/>
      <c r="MAM712" s="613"/>
      <c r="MAN712" s="613"/>
      <c r="MAO712" s="613"/>
      <c r="MAP712" s="613"/>
      <c r="MAQ712" s="613"/>
      <c r="MAR712" s="613"/>
      <c r="MAS712" s="613"/>
      <c r="MAT712" s="613"/>
      <c r="MAU712" s="613"/>
      <c r="MAV712" s="613"/>
      <c r="MAW712" s="613"/>
      <c r="MAX712" s="613"/>
      <c r="MAY712" s="613"/>
      <c r="MAZ712" s="613"/>
      <c r="MBA712" s="613"/>
      <c r="MBB712" s="613"/>
      <c r="MBC712" s="613"/>
      <c r="MBD712" s="613"/>
      <c r="MBE712" s="613"/>
      <c r="MBF712" s="613"/>
      <c r="MBG712" s="613"/>
      <c r="MBH712" s="613"/>
      <c r="MBI712" s="613"/>
      <c r="MBJ712" s="613"/>
      <c r="MBK712" s="613"/>
      <c r="MBL712" s="613"/>
      <c r="MBM712" s="613"/>
      <c r="MBN712" s="613"/>
      <c r="MBO712" s="613"/>
      <c r="MBP712" s="613"/>
      <c r="MBQ712" s="613"/>
      <c r="MBR712" s="613"/>
      <c r="MBS712" s="613"/>
      <c r="MBT712" s="613"/>
      <c r="MBU712" s="613"/>
      <c r="MBV712" s="613"/>
      <c r="MBW712" s="613"/>
      <c r="MBX712" s="613"/>
      <c r="MBY712" s="613"/>
      <c r="MBZ712" s="613"/>
      <c r="MCA712" s="613"/>
      <c r="MCB712" s="613"/>
      <c r="MCC712" s="613"/>
      <c r="MCD712" s="613"/>
      <c r="MCE712" s="613"/>
      <c r="MCF712" s="613"/>
      <c r="MCG712" s="613"/>
      <c r="MCH712" s="613"/>
      <c r="MCI712" s="613"/>
      <c r="MCJ712" s="613"/>
      <c r="MCK712" s="613"/>
      <c r="MCL712" s="613"/>
      <c r="MCM712" s="613"/>
      <c r="MCN712" s="613"/>
      <c r="MCO712" s="613"/>
      <c r="MCP712" s="613"/>
      <c r="MCQ712" s="613"/>
      <c r="MCR712" s="613"/>
      <c r="MCS712" s="613"/>
      <c r="MCT712" s="613"/>
      <c r="MCU712" s="613"/>
      <c r="MCV712" s="613"/>
      <c r="MCW712" s="613"/>
      <c r="MCX712" s="613"/>
      <c r="MCY712" s="613"/>
      <c r="MCZ712" s="613"/>
      <c r="MDA712" s="613"/>
      <c r="MDB712" s="613"/>
      <c r="MDC712" s="613"/>
      <c r="MDD712" s="613"/>
      <c r="MDE712" s="613"/>
      <c r="MDF712" s="613"/>
      <c r="MDG712" s="613"/>
      <c r="MDH712" s="613"/>
      <c r="MDI712" s="613"/>
      <c r="MDJ712" s="613"/>
      <c r="MDK712" s="613"/>
      <c r="MDL712" s="613"/>
      <c r="MDM712" s="613"/>
      <c r="MDN712" s="613"/>
      <c r="MDO712" s="613"/>
      <c r="MDP712" s="613"/>
      <c r="MDQ712" s="613"/>
      <c r="MDR712" s="613"/>
      <c r="MDS712" s="613"/>
      <c r="MDT712" s="613"/>
      <c r="MDU712" s="613"/>
      <c r="MDV712" s="613"/>
      <c r="MDW712" s="613"/>
      <c r="MDX712" s="613"/>
      <c r="MDY712" s="613"/>
      <c r="MDZ712" s="613"/>
      <c r="MEA712" s="613"/>
      <c r="MEB712" s="613"/>
      <c r="MEC712" s="613"/>
      <c r="MED712" s="613"/>
      <c r="MEE712" s="613"/>
      <c r="MEF712" s="613"/>
      <c r="MEG712" s="613"/>
      <c r="MEH712" s="613"/>
      <c r="MEI712" s="613"/>
      <c r="MEJ712" s="613"/>
      <c r="MEK712" s="613"/>
      <c r="MEL712" s="613"/>
      <c r="MEM712" s="613"/>
      <c r="MEN712" s="613"/>
      <c r="MEO712" s="613"/>
      <c r="MEP712" s="613"/>
      <c r="MEQ712" s="613"/>
      <c r="MER712" s="613"/>
      <c r="MES712" s="613"/>
      <c r="MET712" s="613"/>
      <c r="MEU712" s="613"/>
      <c r="MEV712" s="613"/>
      <c r="MEW712" s="613"/>
      <c r="MEX712" s="613"/>
      <c r="MEY712" s="613"/>
      <c r="MEZ712" s="613"/>
      <c r="MFA712" s="613"/>
      <c r="MFB712" s="613"/>
      <c r="MFC712" s="613"/>
      <c r="MFD712" s="613"/>
      <c r="MFE712" s="613"/>
      <c r="MFF712" s="613"/>
      <c r="MFG712" s="613"/>
      <c r="MFH712" s="613"/>
      <c r="MFI712" s="613"/>
      <c r="MFJ712" s="613"/>
      <c r="MFK712" s="613"/>
      <c r="MFL712" s="613"/>
      <c r="MFM712" s="613"/>
      <c r="MFN712" s="613"/>
      <c r="MFO712" s="613"/>
      <c r="MFP712" s="613"/>
      <c r="MFQ712" s="613"/>
      <c r="MFR712" s="613"/>
      <c r="MFS712" s="613"/>
      <c r="MFT712" s="613"/>
      <c r="MFU712" s="613"/>
      <c r="MFV712" s="613"/>
      <c r="MFW712" s="613"/>
      <c r="MFX712" s="613"/>
      <c r="MFY712" s="613"/>
      <c r="MFZ712" s="613"/>
      <c r="MGA712" s="613"/>
      <c r="MGB712" s="613"/>
      <c r="MGC712" s="613"/>
      <c r="MGD712" s="613"/>
      <c r="MGE712" s="613"/>
      <c r="MGF712" s="613"/>
      <c r="MGG712" s="613"/>
      <c r="MGH712" s="613"/>
      <c r="MGI712" s="613"/>
      <c r="MGJ712" s="613"/>
      <c r="MGK712" s="613"/>
      <c r="MGL712" s="613"/>
      <c r="MGM712" s="613"/>
      <c r="MGN712" s="613"/>
      <c r="MGO712" s="613"/>
      <c r="MGP712" s="613"/>
      <c r="MGQ712" s="613"/>
      <c r="MGR712" s="613"/>
      <c r="MGS712" s="613"/>
      <c r="MGT712" s="613"/>
      <c r="MGU712" s="613"/>
      <c r="MGV712" s="613"/>
      <c r="MGW712" s="613"/>
      <c r="MGX712" s="613"/>
      <c r="MGY712" s="613"/>
      <c r="MGZ712" s="613"/>
      <c r="MHA712" s="613"/>
      <c r="MHB712" s="613"/>
      <c r="MHC712" s="613"/>
      <c r="MHD712" s="613"/>
      <c r="MHE712" s="613"/>
      <c r="MHF712" s="613"/>
      <c r="MHG712" s="613"/>
      <c r="MHH712" s="613"/>
      <c r="MHI712" s="613"/>
      <c r="MHJ712" s="613"/>
      <c r="MHK712" s="613"/>
      <c r="MHL712" s="613"/>
      <c r="MHM712" s="613"/>
      <c r="MHN712" s="613"/>
      <c r="MHO712" s="613"/>
      <c r="MHP712" s="613"/>
      <c r="MHQ712" s="613"/>
      <c r="MHR712" s="613"/>
      <c r="MHS712" s="613"/>
      <c r="MHT712" s="613"/>
      <c r="MHU712" s="613"/>
      <c r="MHV712" s="613"/>
      <c r="MHW712" s="613"/>
      <c r="MHX712" s="613"/>
      <c r="MHY712" s="613"/>
      <c r="MHZ712" s="613"/>
      <c r="MIA712" s="613"/>
      <c r="MIB712" s="613"/>
      <c r="MIC712" s="613"/>
      <c r="MID712" s="613"/>
      <c r="MIE712" s="613"/>
      <c r="MIF712" s="613"/>
      <c r="MIG712" s="613"/>
      <c r="MIH712" s="613"/>
      <c r="MII712" s="613"/>
      <c r="MIJ712" s="613"/>
      <c r="MIK712" s="613"/>
      <c r="MIL712" s="613"/>
      <c r="MIM712" s="613"/>
      <c r="MIN712" s="613"/>
      <c r="MIO712" s="613"/>
      <c r="MIP712" s="613"/>
      <c r="MIQ712" s="613"/>
      <c r="MIR712" s="613"/>
      <c r="MIS712" s="613"/>
      <c r="MIT712" s="613"/>
      <c r="MIU712" s="613"/>
      <c r="MIV712" s="613"/>
      <c r="MIW712" s="613"/>
      <c r="MIX712" s="613"/>
      <c r="MIY712" s="613"/>
      <c r="MIZ712" s="613"/>
      <c r="MJA712" s="613"/>
      <c r="MJB712" s="613"/>
      <c r="MJC712" s="613"/>
      <c r="MJD712" s="613"/>
      <c r="MJE712" s="613"/>
      <c r="MJF712" s="613"/>
      <c r="MJG712" s="613"/>
      <c r="MJH712" s="613"/>
      <c r="MJI712" s="613"/>
      <c r="MJJ712" s="613"/>
      <c r="MJK712" s="613"/>
      <c r="MJL712" s="613"/>
      <c r="MJM712" s="613"/>
      <c r="MJN712" s="613"/>
      <c r="MJO712" s="613"/>
      <c r="MJP712" s="613"/>
      <c r="MJQ712" s="613"/>
      <c r="MJR712" s="613"/>
      <c r="MJS712" s="613"/>
      <c r="MJT712" s="613"/>
      <c r="MJU712" s="613"/>
      <c r="MJV712" s="613"/>
      <c r="MJW712" s="613"/>
      <c r="MJX712" s="613"/>
      <c r="MJY712" s="613"/>
      <c r="MJZ712" s="613"/>
      <c r="MKA712" s="613"/>
      <c r="MKB712" s="613"/>
      <c r="MKC712" s="613"/>
      <c r="MKD712" s="613"/>
      <c r="MKE712" s="613"/>
      <c r="MKF712" s="613"/>
      <c r="MKG712" s="613"/>
      <c r="MKH712" s="613"/>
      <c r="MKI712" s="613"/>
      <c r="MKJ712" s="613"/>
      <c r="MKK712" s="613"/>
      <c r="MKL712" s="613"/>
      <c r="MKM712" s="613"/>
      <c r="MKN712" s="613"/>
      <c r="MKO712" s="613"/>
      <c r="MKP712" s="613"/>
      <c r="MKQ712" s="613"/>
      <c r="MKR712" s="613"/>
      <c r="MKS712" s="613"/>
      <c r="MKT712" s="613"/>
      <c r="MKU712" s="613"/>
      <c r="MKV712" s="613"/>
      <c r="MKW712" s="613"/>
      <c r="MKX712" s="613"/>
      <c r="MKY712" s="613"/>
      <c r="MKZ712" s="613"/>
      <c r="MLA712" s="613"/>
      <c r="MLB712" s="613"/>
      <c r="MLC712" s="613"/>
      <c r="MLD712" s="613"/>
      <c r="MLE712" s="613"/>
      <c r="MLF712" s="613"/>
      <c r="MLG712" s="613"/>
      <c r="MLH712" s="613"/>
      <c r="MLI712" s="613"/>
      <c r="MLJ712" s="613"/>
      <c r="MLK712" s="613"/>
      <c r="MLL712" s="613"/>
      <c r="MLM712" s="613"/>
      <c r="MLN712" s="613"/>
      <c r="MLO712" s="613"/>
      <c r="MLP712" s="613"/>
      <c r="MLQ712" s="613"/>
      <c r="MLR712" s="613"/>
      <c r="MLS712" s="613"/>
      <c r="MLT712" s="613"/>
      <c r="MLU712" s="613"/>
      <c r="MLV712" s="613"/>
      <c r="MLW712" s="613"/>
      <c r="MLX712" s="613"/>
      <c r="MLY712" s="613"/>
      <c r="MLZ712" s="613"/>
      <c r="MMA712" s="613"/>
      <c r="MMB712" s="613"/>
      <c r="MMC712" s="613"/>
      <c r="MMD712" s="613"/>
      <c r="MME712" s="613"/>
      <c r="MMF712" s="613"/>
      <c r="MMG712" s="613"/>
      <c r="MMH712" s="613"/>
      <c r="MMI712" s="613"/>
      <c r="MMJ712" s="613"/>
      <c r="MMK712" s="613"/>
      <c r="MML712" s="613"/>
      <c r="MMM712" s="613"/>
      <c r="MMN712" s="613"/>
      <c r="MMO712" s="613"/>
      <c r="MMP712" s="613"/>
      <c r="MMQ712" s="613"/>
      <c r="MMR712" s="613"/>
      <c r="MMS712" s="613"/>
      <c r="MMT712" s="613"/>
      <c r="MMU712" s="613"/>
      <c r="MMV712" s="613"/>
      <c r="MMW712" s="613"/>
      <c r="MMX712" s="613"/>
      <c r="MMY712" s="613"/>
      <c r="MMZ712" s="613"/>
      <c r="MNA712" s="613"/>
      <c r="MNB712" s="613"/>
      <c r="MNC712" s="613"/>
      <c r="MND712" s="613"/>
      <c r="MNE712" s="613"/>
      <c r="MNF712" s="613"/>
      <c r="MNG712" s="613"/>
      <c r="MNH712" s="613"/>
      <c r="MNI712" s="613"/>
      <c r="MNJ712" s="613"/>
      <c r="MNK712" s="613"/>
      <c r="MNL712" s="613"/>
      <c r="MNM712" s="613"/>
      <c r="MNN712" s="613"/>
      <c r="MNO712" s="613"/>
      <c r="MNP712" s="613"/>
      <c r="MNQ712" s="613"/>
      <c r="MNR712" s="613"/>
      <c r="MNS712" s="613"/>
      <c r="MNT712" s="613"/>
      <c r="MNU712" s="613"/>
      <c r="MNV712" s="613"/>
      <c r="MNW712" s="613"/>
      <c r="MNX712" s="613"/>
      <c r="MNY712" s="613"/>
      <c r="MNZ712" s="613"/>
      <c r="MOA712" s="613"/>
      <c r="MOB712" s="613"/>
      <c r="MOC712" s="613"/>
      <c r="MOD712" s="613"/>
      <c r="MOE712" s="613"/>
      <c r="MOF712" s="613"/>
      <c r="MOG712" s="613"/>
      <c r="MOH712" s="613"/>
      <c r="MOI712" s="613"/>
      <c r="MOJ712" s="613"/>
      <c r="MOK712" s="613"/>
      <c r="MOL712" s="613"/>
      <c r="MOM712" s="613"/>
      <c r="MON712" s="613"/>
      <c r="MOO712" s="613"/>
      <c r="MOP712" s="613"/>
      <c r="MOQ712" s="613"/>
      <c r="MOR712" s="613"/>
      <c r="MOS712" s="613"/>
      <c r="MOT712" s="613"/>
      <c r="MOU712" s="613"/>
      <c r="MOV712" s="613"/>
      <c r="MOW712" s="613"/>
      <c r="MOX712" s="613"/>
      <c r="MOY712" s="613"/>
      <c r="MOZ712" s="613"/>
      <c r="MPA712" s="613"/>
      <c r="MPB712" s="613"/>
      <c r="MPC712" s="613"/>
      <c r="MPD712" s="613"/>
      <c r="MPE712" s="613"/>
      <c r="MPF712" s="613"/>
      <c r="MPG712" s="613"/>
      <c r="MPH712" s="613"/>
      <c r="MPI712" s="613"/>
      <c r="MPJ712" s="613"/>
      <c r="MPK712" s="613"/>
      <c r="MPL712" s="613"/>
      <c r="MPM712" s="613"/>
      <c r="MPN712" s="613"/>
      <c r="MPO712" s="613"/>
      <c r="MPP712" s="613"/>
      <c r="MPQ712" s="613"/>
      <c r="MPR712" s="613"/>
      <c r="MPS712" s="613"/>
      <c r="MPT712" s="613"/>
      <c r="MPU712" s="613"/>
      <c r="MPV712" s="613"/>
      <c r="MPW712" s="613"/>
      <c r="MPX712" s="613"/>
      <c r="MPY712" s="613"/>
      <c r="MPZ712" s="613"/>
      <c r="MQA712" s="613"/>
      <c r="MQB712" s="613"/>
      <c r="MQC712" s="613"/>
      <c r="MQD712" s="613"/>
      <c r="MQE712" s="613"/>
      <c r="MQF712" s="613"/>
      <c r="MQG712" s="613"/>
      <c r="MQH712" s="613"/>
      <c r="MQI712" s="613"/>
      <c r="MQJ712" s="613"/>
      <c r="MQK712" s="613"/>
      <c r="MQL712" s="613"/>
      <c r="MQM712" s="613"/>
      <c r="MQN712" s="613"/>
      <c r="MQO712" s="613"/>
      <c r="MQP712" s="613"/>
      <c r="MQQ712" s="613"/>
      <c r="MQR712" s="613"/>
      <c r="MQS712" s="613"/>
      <c r="MQT712" s="613"/>
      <c r="MQU712" s="613"/>
      <c r="MQV712" s="613"/>
      <c r="MQW712" s="613"/>
      <c r="MQX712" s="613"/>
      <c r="MQY712" s="613"/>
      <c r="MQZ712" s="613"/>
      <c r="MRA712" s="613"/>
      <c r="MRB712" s="613"/>
      <c r="MRC712" s="613"/>
      <c r="MRD712" s="613"/>
      <c r="MRE712" s="613"/>
      <c r="MRF712" s="613"/>
      <c r="MRG712" s="613"/>
      <c r="MRH712" s="613"/>
      <c r="MRI712" s="613"/>
      <c r="MRJ712" s="613"/>
      <c r="MRK712" s="613"/>
      <c r="MRL712" s="613"/>
      <c r="MRM712" s="613"/>
      <c r="MRN712" s="613"/>
      <c r="MRO712" s="613"/>
      <c r="MRP712" s="613"/>
      <c r="MRQ712" s="613"/>
      <c r="MRR712" s="613"/>
      <c r="MRS712" s="613"/>
      <c r="MRT712" s="613"/>
      <c r="MRU712" s="613"/>
      <c r="MRV712" s="613"/>
      <c r="MRW712" s="613"/>
      <c r="MRX712" s="613"/>
      <c r="MRY712" s="613"/>
      <c r="MRZ712" s="613"/>
      <c r="MSA712" s="613"/>
      <c r="MSB712" s="613"/>
      <c r="MSC712" s="613"/>
      <c r="MSD712" s="613"/>
      <c r="MSE712" s="613"/>
      <c r="MSF712" s="613"/>
      <c r="MSG712" s="613"/>
      <c r="MSH712" s="613"/>
      <c r="MSI712" s="613"/>
      <c r="MSJ712" s="613"/>
      <c r="MSK712" s="613"/>
      <c r="MSL712" s="613"/>
      <c r="MSM712" s="613"/>
      <c r="MSN712" s="613"/>
      <c r="MSO712" s="613"/>
      <c r="MSP712" s="613"/>
      <c r="MSQ712" s="613"/>
      <c r="MSR712" s="613"/>
      <c r="MSS712" s="613"/>
      <c r="MST712" s="613"/>
      <c r="MSU712" s="613"/>
      <c r="MSV712" s="613"/>
      <c r="MSW712" s="613"/>
      <c r="MSX712" s="613"/>
      <c r="MSY712" s="613"/>
      <c r="MSZ712" s="613"/>
      <c r="MTA712" s="613"/>
      <c r="MTB712" s="613"/>
      <c r="MTC712" s="613"/>
      <c r="MTD712" s="613"/>
      <c r="MTE712" s="613"/>
      <c r="MTF712" s="613"/>
      <c r="MTG712" s="613"/>
      <c r="MTH712" s="613"/>
      <c r="MTI712" s="613"/>
      <c r="MTJ712" s="613"/>
      <c r="MTK712" s="613"/>
      <c r="MTL712" s="613"/>
      <c r="MTM712" s="613"/>
      <c r="MTN712" s="613"/>
      <c r="MTO712" s="613"/>
      <c r="MTP712" s="613"/>
      <c r="MTQ712" s="613"/>
      <c r="MTR712" s="613"/>
      <c r="MTS712" s="613"/>
      <c r="MTT712" s="613"/>
      <c r="MTU712" s="613"/>
      <c r="MTV712" s="613"/>
      <c r="MTW712" s="613"/>
      <c r="MTX712" s="613"/>
      <c r="MTY712" s="613"/>
      <c r="MTZ712" s="613"/>
      <c r="MUA712" s="613"/>
      <c r="MUB712" s="613"/>
      <c r="MUC712" s="613"/>
      <c r="MUD712" s="613"/>
      <c r="MUE712" s="613"/>
      <c r="MUF712" s="613"/>
      <c r="MUG712" s="613"/>
      <c r="MUH712" s="613"/>
      <c r="MUI712" s="613"/>
      <c r="MUJ712" s="613"/>
      <c r="MUK712" s="613"/>
      <c r="MUL712" s="613"/>
      <c r="MUM712" s="613"/>
      <c r="MUN712" s="613"/>
      <c r="MUO712" s="613"/>
      <c r="MUP712" s="613"/>
      <c r="MUQ712" s="613"/>
      <c r="MUR712" s="613"/>
      <c r="MUS712" s="613"/>
      <c r="MUT712" s="613"/>
      <c r="MUU712" s="613"/>
      <c r="MUV712" s="613"/>
      <c r="MUW712" s="613"/>
      <c r="MUX712" s="613"/>
      <c r="MUY712" s="613"/>
      <c r="MUZ712" s="613"/>
      <c r="MVA712" s="613"/>
      <c r="MVB712" s="613"/>
      <c r="MVC712" s="613"/>
      <c r="MVD712" s="613"/>
      <c r="MVE712" s="613"/>
      <c r="MVF712" s="613"/>
      <c r="MVG712" s="613"/>
      <c r="MVH712" s="613"/>
      <c r="MVI712" s="613"/>
      <c r="MVJ712" s="613"/>
      <c r="MVK712" s="613"/>
      <c r="MVL712" s="613"/>
      <c r="MVM712" s="613"/>
      <c r="MVN712" s="613"/>
      <c r="MVO712" s="613"/>
      <c r="MVP712" s="613"/>
      <c r="MVQ712" s="613"/>
      <c r="MVR712" s="613"/>
      <c r="MVS712" s="613"/>
      <c r="MVT712" s="613"/>
      <c r="MVU712" s="613"/>
      <c r="MVV712" s="613"/>
      <c r="MVW712" s="613"/>
      <c r="MVX712" s="613"/>
      <c r="MVY712" s="613"/>
      <c r="MVZ712" s="613"/>
      <c r="MWA712" s="613"/>
      <c r="MWB712" s="613"/>
      <c r="MWC712" s="613"/>
      <c r="MWD712" s="613"/>
      <c r="MWE712" s="613"/>
      <c r="MWF712" s="613"/>
      <c r="MWG712" s="613"/>
      <c r="MWH712" s="613"/>
      <c r="MWI712" s="613"/>
      <c r="MWJ712" s="613"/>
      <c r="MWK712" s="613"/>
      <c r="MWL712" s="613"/>
      <c r="MWM712" s="613"/>
      <c r="MWN712" s="613"/>
      <c r="MWO712" s="613"/>
      <c r="MWP712" s="613"/>
      <c r="MWQ712" s="613"/>
      <c r="MWR712" s="613"/>
      <c r="MWS712" s="613"/>
      <c r="MWT712" s="613"/>
      <c r="MWU712" s="613"/>
      <c r="MWV712" s="613"/>
      <c r="MWW712" s="613"/>
      <c r="MWX712" s="613"/>
      <c r="MWY712" s="613"/>
      <c r="MWZ712" s="613"/>
      <c r="MXA712" s="613"/>
      <c r="MXB712" s="613"/>
      <c r="MXC712" s="613"/>
      <c r="MXD712" s="613"/>
      <c r="MXE712" s="613"/>
      <c r="MXF712" s="613"/>
      <c r="MXG712" s="613"/>
      <c r="MXH712" s="613"/>
      <c r="MXI712" s="613"/>
      <c r="MXJ712" s="613"/>
      <c r="MXK712" s="613"/>
      <c r="MXL712" s="613"/>
      <c r="MXM712" s="613"/>
      <c r="MXN712" s="613"/>
      <c r="MXO712" s="613"/>
      <c r="MXP712" s="613"/>
      <c r="MXQ712" s="613"/>
      <c r="MXR712" s="613"/>
      <c r="MXS712" s="613"/>
      <c r="MXT712" s="613"/>
      <c r="MXU712" s="613"/>
      <c r="MXV712" s="613"/>
      <c r="MXW712" s="613"/>
      <c r="MXX712" s="613"/>
      <c r="MXY712" s="613"/>
      <c r="MXZ712" s="613"/>
      <c r="MYA712" s="613"/>
      <c r="MYB712" s="613"/>
      <c r="MYC712" s="613"/>
      <c r="MYD712" s="613"/>
      <c r="MYE712" s="613"/>
      <c r="MYF712" s="613"/>
      <c r="MYG712" s="613"/>
      <c r="MYH712" s="613"/>
      <c r="MYI712" s="613"/>
      <c r="MYJ712" s="613"/>
      <c r="MYK712" s="613"/>
      <c r="MYL712" s="613"/>
      <c r="MYM712" s="613"/>
      <c r="MYN712" s="613"/>
      <c r="MYO712" s="613"/>
      <c r="MYP712" s="613"/>
      <c r="MYQ712" s="613"/>
      <c r="MYR712" s="613"/>
      <c r="MYS712" s="613"/>
      <c r="MYT712" s="613"/>
      <c r="MYU712" s="613"/>
      <c r="MYV712" s="613"/>
      <c r="MYW712" s="613"/>
      <c r="MYX712" s="613"/>
      <c r="MYY712" s="613"/>
      <c r="MYZ712" s="613"/>
      <c r="MZA712" s="613"/>
      <c r="MZB712" s="613"/>
      <c r="MZC712" s="613"/>
      <c r="MZD712" s="613"/>
      <c r="MZE712" s="613"/>
      <c r="MZF712" s="613"/>
      <c r="MZG712" s="613"/>
      <c r="MZH712" s="613"/>
      <c r="MZI712" s="613"/>
      <c r="MZJ712" s="613"/>
      <c r="MZK712" s="613"/>
      <c r="MZL712" s="613"/>
      <c r="MZM712" s="613"/>
      <c r="MZN712" s="613"/>
      <c r="MZO712" s="613"/>
      <c r="MZP712" s="613"/>
      <c r="MZQ712" s="613"/>
      <c r="MZR712" s="613"/>
      <c r="MZS712" s="613"/>
      <c r="MZT712" s="613"/>
      <c r="MZU712" s="613"/>
      <c r="MZV712" s="613"/>
      <c r="MZW712" s="613"/>
      <c r="MZX712" s="613"/>
      <c r="MZY712" s="613"/>
      <c r="MZZ712" s="613"/>
      <c r="NAA712" s="613"/>
      <c r="NAB712" s="613"/>
      <c r="NAC712" s="613"/>
      <c r="NAD712" s="613"/>
      <c r="NAE712" s="613"/>
      <c r="NAF712" s="613"/>
      <c r="NAG712" s="613"/>
      <c r="NAH712" s="613"/>
      <c r="NAI712" s="613"/>
      <c r="NAJ712" s="613"/>
      <c r="NAK712" s="613"/>
      <c r="NAL712" s="613"/>
      <c r="NAM712" s="613"/>
      <c r="NAN712" s="613"/>
      <c r="NAO712" s="613"/>
      <c r="NAP712" s="613"/>
      <c r="NAQ712" s="613"/>
      <c r="NAR712" s="613"/>
      <c r="NAS712" s="613"/>
      <c r="NAT712" s="613"/>
      <c r="NAU712" s="613"/>
      <c r="NAV712" s="613"/>
      <c r="NAW712" s="613"/>
      <c r="NAX712" s="613"/>
      <c r="NAY712" s="613"/>
      <c r="NAZ712" s="613"/>
      <c r="NBA712" s="613"/>
      <c r="NBB712" s="613"/>
      <c r="NBC712" s="613"/>
      <c r="NBD712" s="613"/>
      <c r="NBE712" s="613"/>
      <c r="NBF712" s="613"/>
      <c r="NBG712" s="613"/>
      <c r="NBH712" s="613"/>
      <c r="NBI712" s="613"/>
      <c r="NBJ712" s="613"/>
      <c r="NBK712" s="613"/>
      <c r="NBL712" s="613"/>
      <c r="NBM712" s="613"/>
      <c r="NBN712" s="613"/>
      <c r="NBO712" s="613"/>
      <c r="NBP712" s="613"/>
      <c r="NBQ712" s="613"/>
      <c r="NBR712" s="613"/>
      <c r="NBS712" s="613"/>
      <c r="NBT712" s="613"/>
      <c r="NBU712" s="613"/>
      <c r="NBV712" s="613"/>
      <c r="NBW712" s="613"/>
      <c r="NBX712" s="613"/>
      <c r="NBY712" s="613"/>
      <c r="NBZ712" s="613"/>
      <c r="NCA712" s="613"/>
      <c r="NCB712" s="613"/>
      <c r="NCC712" s="613"/>
      <c r="NCD712" s="613"/>
      <c r="NCE712" s="613"/>
      <c r="NCF712" s="613"/>
      <c r="NCG712" s="613"/>
      <c r="NCH712" s="613"/>
      <c r="NCI712" s="613"/>
      <c r="NCJ712" s="613"/>
      <c r="NCK712" s="613"/>
      <c r="NCL712" s="613"/>
      <c r="NCM712" s="613"/>
      <c r="NCN712" s="613"/>
      <c r="NCO712" s="613"/>
      <c r="NCP712" s="613"/>
      <c r="NCQ712" s="613"/>
      <c r="NCR712" s="613"/>
      <c r="NCS712" s="613"/>
      <c r="NCT712" s="613"/>
      <c r="NCU712" s="613"/>
      <c r="NCV712" s="613"/>
      <c r="NCW712" s="613"/>
      <c r="NCX712" s="613"/>
      <c r="NCY712" s="613"/>
      <c r="NCZ712" s="613"/>
      <c r="NDA712" s="613"/>
      <c r="NDB712" s="613"/>
      <c r="NDC712" s="613"/>
      <c r="NDD712" s="613"/>
      <c r="NDE712" s="613"/>
      <c r="NDF712" s="613"/>
      <c r="NDG712" s="613"/>
      <c r="NDH712" s="613"/>
      <c r="NDI712" s="613"/>
      <c r="NDJ712" s="613"/>
      <c r="NDK712" s="613"/>
      <c r="NDL712" s="613"/>
      <c r="NDM712" s="613"/>
      <c r="NDN712" s="613"/>
      <c r="NDO712" s="613"/>
      <c r="NDP712" s="613"/>
      <c r="NDQ712" s="613"/>
      <c r="NDR712" s="613"/>
      <c r="NDS712" s="613"/>
      <c r="NDT712" s="613"/>
      <c r="NDU712" s="613"/>
      <c r="NDV712" s="613"/>
      <c r="NDW712" s="613"/>
      <c r="NDX712" s="613"/>
      <c r="NDY712" s="613"/>
      <c r="NDZ712" s="613"/>
      <c r="NEA712" s="613"/>
      <c r="NEB712" s="613"/>
      <c r="NEC712" s="613"/>
      <c r="NED712" s="613"/>
      <c r="NEE712" s="613"/>
      <c r="NEF712" s="613"/>
      <c r="NEG712" s="613"/>
      <c r="NEH712" s="613"/>
      <c r="NEI712" s="613"/>
      <c r="NEJ712" s="613"/>
      <c r="NEK712" s="613"/>
      <c r="NEL712" s="613"/>
      <c r="NEM712" s="613"/>
      <c r="NEN712" s="613"/>
      <c r="NEO712" s="613"/>
      <c r="NEP712" s="613"/>
      <c r="NEQ712" s="613"/>
      <c r="NER712" s="613"/>
      <c r="NES712" s="613"/>
      <c r="NET712" s="613"/>
      <c r="NEU712" s="613"/>
      <c r="NEV712" s="613"/>
      <c r="NEW712" s="613"/>
      <c r="NEX712" s="613"/>
      <c r="NEY712" s="613"/>
      <c r="NEZ712" s="613"/>
      <c r="NFA712" s="613"/>
      <c r="NFB712" s="613"/>
      <c r="NFC712" s="613"/>
      <c r="NFD712" s="613"/>
      <c r="NFE712" s="613"/>
      <c r="NFF712" s="613"/>
      <c r="NFG712" s="613"/>
      <c r="NFH712" s="613"/>
      <c r="NFI712" s="613"/>
      <c r="NFJ712" s="613"/>
      <c r="NFK712" s="613"/>
      <c r="NFL712" s="613"/>
      <c r="NFM712" s="613"/>
      <c r="NFN712" s="613"/>
      <c r="NFO712" s="613"/>
      <c r="NFP712" s="613"/>
      <c r="NFQ712" s="613"/>
      <c r="NFR712" s="613"/>
      <c r="NFS712" s="613"/>
      <c r="NFT712" s="613"/>
      <c r="NFU712" s="613"/>
      <c r="NFV712" s="613"/>
      <c r="NFW712" s="613"/>
      <c r="NFX712" s="613"/>
      <c r="NFY712" s="613"/>
      <c r="NFZ712" s="613"/>
      <c r="NGA712" s="613"/>
      <c r="NGB712" s="613"/>
      <c r="NGC712" s="613"/>
      <c r="NGD712" s="613"/>
      <c r="NGE712" s="613"/>
      <c r="NGF712" s="613"/>
      <c r="NGG712" s="613"/>
      <c r="NGH712" s="613"/>
      <c r="NGI712" s="613"/>
      <c r="NGJ712" s="613"/>
      <c r="NGK712" s="613"/>
      <c r="NGL712" s="613"/>
      <c r="NGM712" s="613"/>
      <c r="NGN712" s="613"/>
      <c r="NGO712" s="613"/>
      <c r="NGP712" s="613"/>
      <c r="NGQ712" s="613"/>
      <c r="NGR712" s="613"/>
      <c r="NGS712" s="613"/>
      <c r="NGT712" s="613"/>
      <c r="NGU712" s="613"/>
      <c r="NGV712" s="613"/>
      <c r="NGW712" s="613"/>
      <c r="NGX712" s="613"/>
      <c r="NGY712" s="613"/>
      <c r="NGZ712" s="613"/>
      <c r="NHA712" s="613"/>
      <c r="NHB712" s="613"/>
      <c r="NHC712" s="613"/>
      <c r="NHD712" s="613"/>
      <c r="NHE712" s="613"/>
      <c r="NHF712" s="613"/>
      <c r="NHG712" s="613"/>
      <c r="NHH712" s="613"/>
      <c r="NHI712" s="613"/>
      <c r="NHJ712" s="613"/>
      <c r="NHK712" s="613"/>
      <c r="NHL712" s="613"/>
      <c r="NHM712" s="613"/>
      <c r="NHN712" s="613"/>
      <c r="NHO712" s="613"/>
      <c r="NHP712" s="613"/>
      <c r="NHQ712" s="613"/>
      <c r="NHR712" s="613"/>
      <c r="NHS712" s="613"/>
      <c r="NHT712" s="613"/>
      <c r="NHU712" s="613"/>
      <c r="NHV712" s="613"/>
      <c r="NHW712" s="613"/>
      <c r="NHX712" s="613"/>
      <c r="NHY712" s="613"/>
      <c r="NHZ712" s="613"/>
      <c r="NIA712" s="613"/>
      <c r="NIB712" s="613"/>
      <c r="NIC712" s="613"/>
      <c r="NID712" s="613"/>
      <c r="NIE712" s="613"/>
      <c r="NIF712" s="613"/>
      <c r="NIG712" s="613"/>
      <c r="NIH712" s="613"/>
      <c r="NII712" s="613"/>
      <c r="NIJ712" s="613"/>
      <c r="NIK712" s="613"/>
      <c r="NIL712" s="613"/>
      <c r="NIM712" s="613"/>
      <c r="NIN712" s="613"/>
      <c r="NIO712" s="613"/>
      <c r="NIP712" s="613"/>
      <c r="NIQ712" s="613"/>
      <c r="NIR712" s="613"/>
      <c r="NIS712" s="613"/>
      <c r="NIT712" s="613"/>
      <c r="NIU712" s="613"/>
      <c r="NIV712" s="613"/>
      <c r="NIW712" s="613"/>
      <c r="NIX712" s="613"/>
      <c r="NIY712" s="613"/>
      <c r="NIZ712" s="613"/>
      <c r="NJA712" s="613"/>
      <c r="NJB712" s="613"/>
      <c r="NJC712" s="613"/>
      <c r="NJD712" s="613"/>
      <c r="NJE712" s="613"/>
      <c r="NJF712" s="613"/>
      <c r="NJG712" s="613"/>
      <c r="NJH712" s="613"/>
      <c r="NJI712" s="613"/>
      <c r="NJJ712" s="613"/>
      <c r="NJK712" s="613"/>
      <c r="NJL712" s="613"/>
      <c r="NJM712" s="613"/>
      <c r="NJN712" s="613"/>
      <c r="NJO712" s="613"/>
      <c r="NJP712" s="613"/>
      <c r="NJQ712" s="613"/>
      <c r="NJR712" s="613"/>
      <c r="NJS712" s="613"/>
      <c r="NJT712" s="613"/>
      <c r="NJU712" s="613"/>
      <c r="NJV712" s="613"/>
      <c r="NJW712" s="613"/>
      <c r="NJX712" s="613"/>
      <c r="NJY712" s="613"/>
      <c r="NJZ712" s="613"/>
      <c r="NKA712" s="613"/>
      <c r="NKB712" s="613"/>
      <c r="NKC712" s="613"/>
      <c r="NKD712" s="613"/>
      <c r="NKE712" s="613"/>
      <c r="NKF712" s="613"/>
      <c r="NKG712" s="613"/>
      <c r="NKH712" s="613"/>
      <c r="NKI712" s="613"/>
      <c r="NKJ712" s="613"/>
      <c r="NKK712" s="613"/>
      <c r="NKL712" s="613"/>
      <c r="NKM712" s="613"/>
      <c r="NKN712" s="613"/>
      <c r="NKO712" s="613"/>
      <c r="NKP712" s="613"/>
      <c r="NKQ712" s="613"/>
      <c r="NKR712" s="613"/>
      <c r="NKS712" s="613"/>
      <c r="NKT712" s="613"/>
      <c r="NKU712" s="613"/>
      <c r="NKV712" s="613"/>
      <c r="NKW712" s="613"/>
      <c r="NKX712" s="613"/>
      <c r="NKY712" s="613"/>
      <c r="NKZ712" s="613"/>
      <c r="NLA712" s="613"/>
      <c r="NLB712" s="613"/>
      <c r="NLC712" s="613"/>
      <c r="NLD712" s="613"/>
      <c r="NLE712" s="613"/>
      <c r="NLF712" s="613"/>
      <c r="NLG712" s="613"/>
      <c r="NLH712" s="613"/>
      <c r="NLI712" s="613"/>
      <c r="NLJ712" s="613"/>
      <c r="NLK712" s="613"/>
      <c r="NLL712" s="613"/>
      <c r="NLM712" s="613"/>
      <c r="NLN712" s="613"/>
      <c r="NLO712" s="613"/>
      <c r="NLP712" s="613"/>
      <c r="NLQ712" s="613"/>
      <c r="NLR712" s="613"/>
      <c r="NLS712" s="613"/>
      <c r="NLT712" s="613"/>
      <c r="NLU712" s="613"/>
      <c r="NLV712" s="613"/>
      <c r="NLW712" s="613"/>
      <c r="NLX712" s="613"/>
      <c r="NLY712" s="613"/>
      <c r="NLZ712" s="613"/>
      <c r="NMA712" s="613"/>
      <c r="NMB712" s="613"/>
      <c r="NMC712" s="613"/>
      <c r="NMD712" s="613"/>
      <c r="NME712" s="613"/>
      <c r="NMF712" s="613"/>
      <c r="NMG712" s="613"/>
      <c r="NMH712" s="613"/>
      <c r="NMI712" s="613"/>
      <c r="NMJ712" s="613"/>
      <c r="NMK712" s="613"/>
      <c r="NML712" s="613"/>
      <c r="NMM712" s="613"/>
      <c r="NMN712" s="613"/>
      <c r="NMO712" s="613"/>
      <c r="NMP712" s="613"/>
      <c r="NMQ712" s="613"/>
      <c r="NMR712" s="613"/>
      <c r="NMS712" s="613"/>
      <c r="NMT712" s="613"/>
      <c r="NMU712" s="613"/>
      <c r="NMV712" s="613"/>
      <c r="NMW712" s="613"/>
      <c r="NMX712" s="613"/>
      <c r="NMY712" s="613"/>
      <c r="NMZ712" s="613"/>
      <c r="NNA712" s="613"/>
      <c r="NNB712" s="613"/>
      <c r="NNC712" s="613"/>
      <c r="NND712" s="613"/>
      <c r="NNE712" s="613"/>
      <c r="NNF712" s="613"/>
      <c r="NNG712" s="613"/>
      <c r="NNH712" s="613"/>
      <c r="NNI712" s="613"/>
      <c r="NNJ712" s="613"/>
      <c r="NNK712" s="613"/>
      <c r="NNL712" s="613"/>
      <c r="NNM712" s="613"/>
      <c r="NNN712" s="613"/>
      <c r="NNO712" s="613"/>
      <c r="NNP712" s="613"/>
      <c r="NNQ712" s="613"/>
      <c r="NNR712" s="613"/>
      <c r="NNS712" s="613"/>
      <c r="NNT712" s="613"/>
      <c r="NNU712" s="613"/>
      <c r="NNV712" s="613"/>
      <c r="NNW712" s="613"/>
      <c r="NNX712" s="613"/>
      <c r="NNY712" s="613"/>
      <c r="NNZ712" s="613"/>
      <c r="NOA712" s="613"/>
      <c r="NOB712" s="613"/>
      <c r="NOC712" s="613"/>
      <c r="NOD712" s="613"/>
      <c r="NOE712" s="613"/>
      <c r="NOF712" s="613"/>
      <c r="NOG712" s="613"/>
      <c r="NOH712" s="613"/>
      <c r="NOI712" s="613"/>
      <c r="NOJ712" s="613"/>
      <c r="NOK712" s="613"/>
      <c r="NOL712" s="613"/>
      <c r="NOM712" s="613"/>
      <c r="NON712" s="613"/>
      <c r="NOO712" s="613"/>
      <c r="NOP712" s="613"/>
      <c r="NOQ712" s="613"/>
      <c r="NOR712" s="613"/>
      <c r="NOS712" s="613"/>
      <c r="NOT712" s="613"/>
      <c r="NOU712" s="613"/>
      <c r="NOV712" s="613"/>
      <c r="NOW712" s="613"/>
      <c r="NOX712" s="613"/>
      <c r="NOY712" s="613"/>
      <c r="NOZ712" s="613"/>
      <c r="NPA712" s="613"/>
      <c r="NPB712" s="613"/>
      <c r="NPC712" s="613"/>
      <c r="NPD712" s="613"/>
      <c r="NPE712" s="613"/>
      <c r="NPF712" s="613"/>
      <c r="NPG712" s="613"/>
      <c r="NPH712" s="613"/>
      <c r="NPI712" s="613"/>
      <c r="NPJ712" s="613"/>
      <c r="NPK712" s="613"/>
      <c r="NPL712" s="613"/>
      <c r="NPM712" s="613"/>
      <c r="NPN712" s="613"/>
      <c r="NPO712" s="613"/>
      <c r="NPP712" s="613"/>
      <c r="NPQ712" s="613"/>
      <c r="NPR712" s="613"/>
      <c r="NPS712" s="613"/>
      <c r="NPT712" s="613"/>
      <c r="NPU712" s="613"/>
      <c r="NPV712" s="613"/>
      <c r="NPW712" s="613"/>
      <c r="NPX712" s="613"/>
      <c r="NPY712" s="613"/>
      <c r="NPZ712" s="613"/>
      <c r="NQA712" s="613"/>
      <c r="NQB712" s="613"/>
      <c r="NQC712" s="613"/>
      <c r="NQD712" s="613"/>
      <c r="NQE712" s="613"/>
      <c r="NQF712" s="613"/>
      <c r="NQG712" s="613"/>
      <c r="NQH712" s="613"/>
      <c r="NQI712" s="613"/>
      <c r="NQJ712" s="613"/>
      <c r="NQK712" s="613"/>
      <c r="NQL712" s="613"/>
      <c r="NQM712" s="613"/>
      <c r="NQN712" s="613"/>
      <c r="NQO712" s="613"/>
      <c r="NQP712" s="613"/>
      <c r="NQQ712" s="613"/>
      <c r="NQR712" s="613"/>
      <c r="NQS712" s="613"/>
      <c r="NQT712" s="613"/>
      <c r="NQU712" s="613"/>
      <c r="NQV712" s="613"/>
      <c r="NQW712" s="613"/>
      <c r="NQX712" s="613"/>
      <c r="NQY712" s="613"/>
      <c r="NQZ712" s="613"/>
      <c r="NRA712" s="613"/>
      <c r="NRB712" s="613"/>
      <c r="NRC712" s="613"/>
      <c r="NRD712" s="613"/>
      <c r="NRE712" s="613"/>
      <c r="NRF712" s="613"/>
      <c r="NRG712" s="613"/>
      <c r="NRH712" s="613"/>
      <c r="NRI712" s="613"/>
      <c r="NRJ712" s="613"/>
      <c r="NRK712" s="613"/>
      <c r="NRL712" s="613"/>
      <c r="NRM712" s="613"/>
      <c r="NRN712" s="613"/>
      <c r="NRO712" s="613"/>
      <c r="NRP712" s="613"/>
      <c r="NRQ712" s="613"/>
      <c r="NRR712" s="613"/>
      <c r="NRS712" s="613"/>
      <c r="NRT712" s="613"/>
      <c r="NRU712" s="613"/>
      <c r="NRV712" s="613"/>
      <c r="NRW712" s="613"/>
      <c r="NRX712" s="613"/>
      <c r="NRY712" s="613"/>
      <c r="NRZ712" s="613"/>
      <c r="NSA712" s="613"/>
      <c r="NSB712" s="613"/>
      <c r="NSC712" s="613"/>
      <c r="NSD712" s="613"/>
      <c r="NSE712" s="613"/>
      <c r="NSF712" s="613"/>
      <c r="NSG712" s="613"/>
      <c r="NSH712" s="613"/>
      <c r="NSI712" s="613"/>
      <c r="NSJ712" s="613"/>
      <c r="NSK712" s="613"/>
      <c r="NSL712" s="613"/>
      <c r="NSM712" s="613"/>
      <c r="NSN712" s="613"/>
      <c r="NSO712" s="613"/>
      <c r="NSP712" s="613"/>
      <c r="NSQ712" s="613"/>
      <c r="NSR712" s="613"/>
      <c r="NSS712" s="613"/>
      <c r="NST712" s="613"/>
      <c r="NSU712" s="613"/>
      <c r="NSV712" s="613"/>
      <c r="NSW712" s="613"/>
      <c r="NSX712" s="613"/>
      <c r="NSY712" s="613"/>
      <c r="NSZ712" s="613"/>
      <c r="NTA712" s="613"/>
      <c r="NTB712" s="613"/>
      <c r="NTC712" s="613"/>
      <c r="NTD712" s="613"/>
      <c r="NTE712" s="613"/>
      <c r="NTF712" s="613"/>
      <c r="NTG712" s="613"/>
      <c r="NTH712" s="613"/>
      <c r="NTI712" s="613"/>
      <c r="NTJ712" s="613"/>
      <c r="NTK712" s="613"/>
      <c r="NTL712" s="613"/>
      <c r="NTM712" s="613"/>
      <c r="NTN712" s="613"/>
      <c r="NTO712" s="613"/>
      <c r="NTP712" s="613"/>
      <c r="NTQ712" s="613"/>
      <c r="NTR712" s="613"/>
      <c r="NTS712" s="613"/>
      <c r="NTT712" s="613"/>
      <c r="NTU712" s="613"/>
      <c r="NTV712" s="613"/>
      <c r="NTW712" s="613"/>
      <c r="NTX712" s="613"/>
      <c r="NTY712" s="613"/>
      <c r="NTZ712" s="613"/>
      <c r="NUA712" s="613"/>
      <c r="NUB712" s="613"/>
      <c r="NUC712" s="613"/>
      <c r="NUD712" s="613"/>
      <c r="NUE712" s="613"/>
      <c r="NUF712" s="613"/>
      <c r="NUG712" s="613"/>
      <c r="NUH712" s="613"/>
      <c r="NUI712" s="613"/>
      <c r="NUJ712" s="613"/>
      <c r="NUK712" s="613"/>
      <c r="NUL712" s="613"/>
      <c r="NUM712" s="613"/>
      <c r="NUN712" s="613"/>
      <c r="NUO712" s="613"/>
      <c r="NUP712" s="613"/>
      <c r="NUQ712" s="613"/>
      <c r="NUR712" s="613"/>
      <c r="NUS712" s="613"/>
      <c r="NUT712" s="613"/>
      <c r="NUU712" s="613"/>
      <c r="NUV712" s="613"/>
      <c r="NUW712" s="613"/>
      <c r="NUX712" s="613"/>
      <c r="NUY712" s="613"/>
      <c r="NUZ712" s="613"/>
      <c r="NVA712" s="613"/>
      <c r="NVB712" s="613"/>
      <c r="NVC712" s="613"/>
      <c r="NVD712" s="613"/>
      <c r="NVE712" s="613"/>
      <c r="NVF712" s="613"/>
      <c r="NVG712" s="613"/>
      <c r="NVH712" s="613"/>
      <c r="NVI712" s="613"/>
      <c r="NVJ712" s="613"/>
      <c r="NVK712" s="613"/>
      <c r="NVL712" s="613"/>
      <c r="NVM712" s="613"/>
      <c r="NVN712" s="613"/>
      <c r="NVO712" s="613"/>
      <c r="NVP712" s="613"/>
      <c r="NVQ712" s="613"/>
      <c r="NVR712" s="613"/>
      <c r="NVS712" s="613"/>
      <c r="NVT712" s="613"/>
      <c r="NVU712" s="613"/>
      <c r="NVV712" s="613"/>
      <c r="NVW712" s="613"/>
      <c r="NVX712" s="613"/>
      <c r="NVY712" s="613"/>
      <c r="NVZ712" s="613"/>
      <c r="NWA712" s="613"/>
      <c r="NWB712" s="613"/>
      <c r="NWC712" s="613"/>
      <c r="NWD712" s="613"/>
      <c r="NWE712" s="613"/>
      <c r="NWF712" s="613"/>
      <c r="NWG712" s="613"/>
      <c r="NWH712" s="613"/>
      <c r="NWI712" s="613"/>
      <c r="NWJ712" s="613"/>
      <c r="NWK712" s="613"/>
      <c r="NWL712" s="613"/>
      <c r="NWM712" s="613"/>
      <c r="NWN712" s="613"/>
      <c r="NWO712" s="613"/>
      <c r="NWP712" s="613"/>
      <c r="NWQ712" s="613"/>
      <c r="NWR712" s="613"/>
      <c r="NWS712" s="613"/>
      <c r="NWT712" s="613"/>
      <c r="NWU712" s="613"/>
      <c r="NWV712" s="613"/>
      <c r="NWW712" s="613"/>
      <c r="NWX712" s="613"/>
      <c r="NWY712" s="613"/>
      <c r="NWZ712" s="613"/>
      <c r="NXA712" s="613"/>
      <c r="NXB712" s="613"/>
      <c r="NXC712" s="613"/>
      <c r="NXD712" s="613"/>
      <c r="NXE712" s="613"/>
      <c r="NXF712" s="613"/>
      <c r="NXG712" s="613"/>
      <c r="NXH712" s="613"/>
      <c r="NXI712" s="613"/>
      <c r="NXJ712" s="613"/>
      <c r="NXK712" s="613"/>
      <c r="NXL712" s="613"/>
      <c r="NXM712" s="613"/>
      <c r="NXN712" s="613"/>
      <c r="NXO712" s="613"/>
      <c r="NXP712" s="613"/>
      <c r="NXQ712" s="613"/>
      <c r="NXR712" s="613"/>
      <c r="NXS712" s="613"/>
      <c r="NXT712" s="613"/>
      <c r="NXU712" s="613"/>
      <c r="NXV712" s="613"/>
      <c r="NXW712" s="613"/>
      <c r="NXX712" s="613"/>
      <c r="NXY712" s="613"/>
      <c r="NXZ712" s="613"/>
      <c r="NYA712" s="613"/>
      <c r="NYB712" s="613"/>
      <c r="NYC712" s="613"/>
      <c r="NYD712" s="613"/>
      <c r="NYE712" s="613"/>
      <c r="NYF712" s="613"/>
      <c r="NYG712" s="613"/>
      <c r="NYH712" s="613"/>
      <c r="NYI712" s="613"/>
      <c r="NYJ712" s="613"/>
      <c r="NYK712" s="613"/>
      <c r="NYL712" s="613"/>
      <c r="NYM712" s="613"/>
      <c r="NYN712" s="613"/>
      <c r="NYO712" s="613"/>
      <c r="NYP712" s="613"/>
      <c r="NYQ712" s="613"/>
      <c r="NYR712" s="613"/>
      <c r="NYS712" s="613"/>
      <c r="NYT712" s="613"/>
      <c r="NYU712" s="613"/>
      <c r="NYV712" s="613"/>
      <c r="NYW712" s="613"/>
      <c r="NYX712" s="613"/>
      <c r="NYY712" s="613"/>
      <c r="NYZ712" s="613"/>
      <c r="NZA712" s="613"/>
      <c r="NZB712" s="613"/>
      <c r="NZC712" s="613"/>
      <c r="NZD712" s="613"/>
      <c r="NZE712" s="613"/>
      <c r="NZF712" s="613"/>
      <c r="NZG712" s="613"/>
      <c r="NZH712" s="613"/>
      <c r="NZI712" s="613"/>
      <c r="NZJ712" s="613"/>
      <c r="NZK712" s="613"/>
      <c r="NZL712" s="613"/>
      <c r="NZM712" s="613"/>
      <c r="NZN712" s="613"/>
      <c r="NZO712" s="613"/>
      <c r="NZP712" s="613"/>
      <c r="NZQ712" s="613"/>
      <c r="NZR712" s="613"/>
      <c r="NZS712" s="613"/>
      <c r="NZT712" s="613"/>
      <c r="NZU712" s="613"/>
      <c r="NZV712" s="613"/>
      <c r="NZW712" s="613"/>
      <c r="NZX712" s="613"/>
      <c r="NZY712" s="613"/>
      <c r="NZZ712" s="613"/>
      <c r="OAA712" s="613"/>
      <c r="OAB712" s="613"/>
      <c r="OAC712" s="613"/>
      <c r="OAD712" s="613"/>
      <c r="OAE712" s="613"/>
      <c r="OAF712" s="613"/>
      <c r="OAG712" s="613"/>
      <c r="OAH712" s="613"/>
      <c r="OAI712" s="613"/>
      <c r="OAJ712" s="613"/>
      <c r="OAK712" s="613"/>
      <c r="OAL712" s="613"/>
      <c r="OAM712" s="613"/>
      <c r="OAN712" s="613"/>
      <c r="OAO712" s="613"/>
      <c r="OAP712" s="613"/>
      <c r="OAQ712" s="613"/>
      <c r="OAR712" s="613"/>
      <c r="OAS712" s="613"/>
      <c r="OAT712" s="613"/>
      <c r="OAU712" s="613"/>
      <c r="OAV712" s="613"/>
      <c r="OAW712" s="613"/>
      <c r="OAX712" s="613"/>
      <c r="OAY712" s="613"/>
      <c r="OAZ712" s="613"/>
      <c r="OBA712" s="613"/>
      <c r="OBB712" s="613"/>
      <c r="OBC712" s="613"/>
      <c r="OBD712" s="613"/>
      <c r="OBE712" s="613"/>
      <c r="OBF712" s="613"/>
      <c r="OBG712" s="613"/>
      <c r="OBH712" s="613"/>
      <c r="OBI712" s="613"/>
      <c r="OBJ712" s="613"/>
      <c r="OBK712" s="613"/>
      <c r="OBL712" s="613"/>
      <c r="OBM712" s="613"/>
      <c r="OBN712" s="613"/>
      <c r="OBO712" s="613"/>
      <c r="OBP712" s="613"/>
      <c r="OBQ712" s="613"/>
      <c r="OBR712" s="613"/>
      <c r="OBS712" s="613"/>
      <c r="OBT712" s="613"/>
      <c r="OBU712" s="613"/>
      <c r="OBV712" s="613"/>
      <c r="OBW712" s="613"/>
      <c r="OBX712" s="613"/>
      <c r="OBY712" s="613"/>
      <c r="OBZ712" s="613"/>
      <c r="OCA712" s="613"/>
      <c r="OCB712" s="613"/>
      <c r="OCC712" s="613"/>
      <c r="OCD712" s="613"/>
      <c r="OCE712" s="613"/>
      <c r="OCF712" s="613"/>
      <c r="OCG712" s="613"/>
      <c r="OCH712" s="613"/>
      <c r="OCI712" s="613"/>
      <c r="OCJ712" s="613"/>
      <c r="OCK712" s="613"/>
      <c r="OCL712" s="613"/>
      <c r="OCM712" s="613"/>
      <c r="OCN712" s="613"/>
      <c r="OCO712" s="613"/>
      <c r="OCP712" s="613"/>
      <c r="OCQ712" s="613"/>
      <c r="OCR712" s="613"/>
      <c r="OCS712" s="613"/>
      <c r="OCT712" s="613"/>
      <c r="OCU712" s="613"/>
      <c r="OCV712" s="613"/>
      <c r="OCW712" s="613"/>
      <c r="OCX712" s="613"/>
      <c r="OCY712" s="613"/>
      <c r="OCZ712" s="613"/>
      <c r="ODA712" s="613"/>
      <c r="ODB712" s="613"/>
      <c r="ODC712" s="613"/>
      <c r="ODD712" s="613"/>
      <c r="ODE712" s="613"/>
      <c r="ODF712" s="613"/>
      <c r="ODG712" s="613"/>
      <c r="ODH712" s="613"/>
      <c r="ODI712" s="613"/>
      <c r="ODJ712" s="613"/>
      <c r="ODK712" s="613"/>
      <c r="ODL712" s="613"/>
      <c r="ODM712" s="613"/>
      <c r="ODN712" s="613"/>
      <c r="ODO712" s="613"/>
      <c r="ODP712" s="613"/>
      <c r="ODQ712" s="613"/>
      <c r="ODR712" s="613"/>
      <c r="ODS712" s="613"/>
      <c r="ODT712" s="613"/>
      <c r="ODU712" s="613"/>
      <c r="ODV712" s="613"/>
      <c r="ODW712" s="613"/>
      <c r="ODX712" s="613"/>
      <c r="ODY712" s="613"/>
      <c r="ODZ712" s="613"/>
      <c r="OEA712" s="613"/>
      <c r="OEB712" s="613"/>
      <c r="OEC712" s="613"/>
      <c r="OED712" s="613"/>
      <c r="OEE712" s="613"/>
      <c r="OEF712" s="613"/>
      <c r="OEG712" s="613"/>
      <c r="OEH712" s="613"/>
      <c r="OEI712" s="613"/>
      <c r="OEJ712" s="613"/>
      <c r="OEK712" s="613"/>
      <c r="OEL712" s="613"/>
      <c r="OEM712" s="613"/>
      <c r="OEN712" s="613"/>
      <c r="OEO712" s="613"/>
      <c r="OEP712" s="613"/>
      <c r="OEQ712" s="613"/>
      <c r="OER712" s="613"/>
      <c r="OES712" s="613"/>
      <c r="OET712" s="613"/>
      <c r="OEU712" s="613"/>
      <c r="OEV712" s="613"/>
      <c r="OEW712" s="613"/>
      <c r="OEX712" s="613"/>
      <c r="OEY712" s="613"/>
      <c r="OEZ712" s="613"/>
      <c r="OFA712" s="613"/>
      <c r="OFB712" s="613"/>
      <c r="OFC712" s="613"/>
      <c r="OFD712" s="613"/>
      <c r="OFE712" s="613"/>
      <c r="OFF712" s="613"/>
      <c r="OFG712" s="613"/>
      <c r="OFH712" s="613"/>
      <c r="OFI712" s="613"/>
      <c r="OFJ712" s="613"/>
      <c r="OFK712" s="613"/>
      <c r="OFL712" s="613"/>
      <c r="OFM712" s="613"/>
      <c r="OFN712" s="613"/>
      <c r="OFO712" s="613"/>
      <c r="OFP712" s="613"/>
      <c r="OFQ712" s="613"/>
      <c r="OFR712" s="613"/>
      <c r="OFS712" s="613"/>
      <c r="OFT712" s="613"/>
      <c r="OFU712" s="613"/>
      <c r="OFV712" s="613"/>
      <c r="OFW712" s="613"/>
      <c r="OFX712" s="613"/>
      <c r="OFY712" s="613"/>
      <c r="OFZ712" s="613"/>
      <c r="OGA712" s="613"/>
      <c r="OGB712" s="613"/>
      <c r="OGC712" s="613"/>
      <c r="OGD712" s="613"/>
      <c r="OGE712" s="613"/>
      <c r="OGF712" s="613"/>
      <c r="OGG712" s="613"/>
      <c r="OGH712" s="613"/>
      <c r="OGI712" s="613"/>
      <c r="OGJ712" s="613"/>
      <c r="OGK712" s="613"/>
      <c r="OGL712" s="613"/>
      <c r="OGM712" s="613"/>
      <c r="OGN712" s="613"/>
      <c r="OGO712" s="613"/>
      <c r="OGP712" s="613"/>
      <c r="OGQ712" s="613"/>
      <c r="OGR712" s="613"/>
      <c r="OGS712" s="613"/>
      <c r="OGT712" s="613"/>
      <c r="OGU712" s="613"/>
      <c r="OGV712" s="613"/>
      <c r="OGW712" s="613"/>
      <c r="OGX712" s="613"/>
      <c r="OGY712" s="613"/>
      <c r="OGZ712" s="613"/>
      <c r="OHA712" s="613"/>
      <c r="OHB712" s="613"/>
      <c r="OHC712" s="613"/>
      <c r="OHD712" s="613"/>
      <c r="OHE712" s="613"/>
      <c r="OHF712" s="613"/>
      <c r="OHG712" s="613"/>
      <c r="OHH712" s="613"/>
      <c r="OHI712" s="613"/>
      <c r="OHJ712" s="613"/>
      <c r="OHK712" s="613"/>
      <c r="OHL712" s="613"/>
      <c r="OHM712" s="613"/>
      <c r="OHN712" s="613"/>
      <c r="OHO712" s="613"/>
      <c r="OHP712" s="613"/>
      <c r="OHQ712" s="613"/>
      <c r="OHR712" s="613"/>
      <c r="OHS712" s="613"/>
      <c r="OHT712" s="613"/>
      <c r="OHU712" s="613"/>
      <c r="OHV712" s="613"/>
      <c r="OHW712" s="613"/>
      <c r="OHX712" s="613"/>
      <c r="OHY712" s="613"/>
      <c r="OHZ712" s="613"/>
      <c r="OIA712" s="613"/>
      <c r="OIB712" s="613"/>
      <c r="OIC712" s="613"/>
      <c r="OID712" s="613"/>
      <c r="OIE712" s="613"/>
      <c r="OIF712" s="613"/>
      <c r="OIG712" s="613"/>
      <c r="OIH712" s="613"/>
      <c r="OII712" s="613"/>
      <c r="OIJ712" s="613"/>
      <c r="OIK712" s="613"/>
      <c r="OIL712" s="613"/>
      <c r="OIM712" s="613"/>
      <c r="OIN712" s="613"/>
      <c r="OIO712" s="613"/>
      <c r="OIP712" s="613"/>
      <c r="OIQ712" s="613"/>
      <c r="OIR712" s="613"/>
      <c r="OIS712" s="613"/>
      <c r="OIT712" s="613"/>
      <c r="OIU712" s="613"/>
      <c r="OIV712" s="613"/>
      <c r="OIW712" s="613"/>
      <c r="OIX712" s="613"/>
      <c r="OIY712" s="613"/>
      <c r="OIZ712" s="613"/>
      <c r="OJA712" s="613"/>
      <c r="OJB712" s="613"/>
      <c r="OJC712" s="613"/>
      <c r="OJD712" s="613"/>
      <c r="OJE712" s="613"/>
      <c r="OJF712" s="613"/>
      <c r="OJG712" s="613"/>
      <c r="OJH712" s="613"/>
      <c r="OJI712" s="613"/>
      <c r="OJJ712" s="613"/>
      <c r="OJK712" s="613"/>
      <c r="OJL712" s="613"/>
      <c r="OJM712" s="613"/>
      <c r="OJN712" s="613"/>
      <c r="OJO712" s="613"/>
      <c r="OJP712" s="613"/>
      <c r="OJQ712" s="613"/>
      <c r="OJR712" s="613"/>
      <c r="OJS712" s="613"/>
      <c r="OJT712" s="613"/>
      <c r="OJU712" s="613"/>
      <c r="OJV712" s="613"/>
      <c r="OJW712" s="613"/>
      <c r="OJX712" s="613"/>
      <c r="OJY712" s="613"/>
      <c r="OJZ712" s="613"/>
      <c r="OKA712" s="613"/>
      <c r="OKB712" s="613"/>
      <c r="OKC712" s="613"/>
      <c r="OKD712" s="613"/>
      <c r="OKE712" s="613"/>
      <c r="OKF712" s="613"/>
      <c r="OKG712" s="613"/>
      <c r="OKH712" s="613"/>
      <c r="OKI712" s="613"/>
      <c r="OKJ712" s="613"/>
      <c r="OKK712" s="613"/>
      <c r="OKL712" s="613"/>
      <c r="OKM712" s="613"/>
      <c r="OKN712" s="613"/>
      <c r="OKO712" s="613"/>
      <c r="OKP712" s="613"/>
      <c r="OKQ712" s="613"/>
      <c r="OKR712" s="613"/>
      <c r="OKS712" s="613"/>
      <c r="OKT712" s="613"/>
      <c r="OKU712" s="613"/>
      <c r="OKV712" s="613"/>
      <c r="OKW712" s="613"/>
      <c r="OKX712" s="613"/>
      <c r="OKY712" s="613"/>
      <c r="OKZ712" s="613"/>
      <c r="OLA712" s="613"/>
      <c r="OLB712" s="613"/>
      <c r="OLC712" s="613"/>
      <c r="OLD712" s="613"/>
      <c r="OLE712" s="613"/>
      <c r="OLF712" s="613"/>
      <c r="OLG712" s="613"/>
      <c r="OLH712" s="613"/>
      <c r="OLI712" s="613"/>
      <c r="OLJ712" s="613"/>
      <c r="OLK712" s="613"/>
      <c r="OLL712" s="613"/>
      <c r="OLM712" s="613"/>
      <c r="OLN712" s="613"/>
      <c r="OLO712" s="613"/>
      <c r="OLP712" s="613"/>
      <c r="OLQ712" s="613"/>
      <c r="OLR712" s="613"/>
      <c r="OLS712" s="613"/>
      <c r="OLT712" s="613"/>
      <c r="OLU712" s="613"/>
      <c r="OLV712" s="613"/>
      <c r="OLW712" s="613"/>
      <c r="OLX712" s="613"/>
      <c r="OLY712" s="613"/>
      <c r="OLZ712" s="613"/>
      <c r="OMA712" s="613"/>
      <c r="OMB712" s="613"/>
      <c r="OMC712" s="613"/>
      <c r="OMD712" s="613"/>
      <c r="OME712" s="613"/>
      <c r="OMF712" s="613"/>
      <c r="OMG712" s="613"/>
      <c r="OMH712" s="613"/>
      <c r="OMI712" s="613"/>
      <c r="OMJ712" s="613"/>
      <c r="OMK712" s="613"/>
      <c r="OML712" s="613"/>
      <c r="OMM712" s="613"/>
      <c r="OMN712" s="613"/>
      <c r="OMO712" s="613"/>
      <c r="OMP712" s="613"/>
      <c r="OMQ712" s="613"/>
      <c r="OMR712" s="613"/>
      <c r="OMS712" s="613"/>
      <c r="OMT712" s="613"/>
      <c r="OMU712" s="613"/>
      <c r="OMV712" s="613"/>
      <c r="OMW712" s="613"/>
      <c r="OMX712" s="613"/>
      <c r="OMY712" s="613"/>
      <c r="OMZ712" s="613"/>
      <c r="ONA712" s="613"/>
      <c r="ONB712" s="613"/>
      <c r="ONC712" s="613"/>
      <c r="OND712" s="613"/>
      <c r="ONE712" s="613"/>
      <c r="ONF712" s="613"/>
      <c r="ONG712" s="613"/>
      <c r="ONH712" s="613"/>
      <c r="ONI712" s="613"/>
      <c r="ONJ712" s="613"/>
      <c r="ONK712" s="613"/>
      <c r="ONL712" s="613"/>
      <c r="ONM712" s="613"/>
      <c r="ONN712" s="613"/>
      <c r="ONO712" s="613"/>
      <c r="ONP712" s="613"/>
      <c r="ONQ712" s="613"/>
      <c r="ONR712" s="613"/>
      <c r="ONS712" s="613"/>
      <c r="ONT712" s="613"/>
      <c r="ONU712" s="613"/>
      <c r="ONV712" s="613"/>
      <c r="ONW712" s="613"/>
      <c r="ONX712" s="613"/>
      <c r="ONY712" s="613"/>
      <c r="ONZ712" s="613"/>
      <c r="OOA712" s="613"/>
      <c r="OOB712" s="613"/>
      <c r="OOC712" s="613"/>
      <c r="OOD712" s="613"/>
      <c r="OOE712" s="613"/>
      <c r="OOF712" s="613"/>
      <c r="OOG712" s="613"/>
      <c r="OOH712" s="613"/>
      <c r="OOI712" s="613"/>
      <c r="OOJ712" s="613"/>
      <c r="OOK712" s="613"/>
      <c r="OOL712" s="613"/>
      <c r="OOM712" s="613"/>
      <c r="OON712" s="613"/>
      <c r="OOO712" s="613"/>
      <c r="OOP712" s="613"/>
      <c r="OOQ712" s="613"/>
      <c r="OOR712" s="613"/>
      <c r="OOS712" s="613"/>
      <c r="OOT712" s="613"/>
      <c r="OOU712" s="613"/>
      <c r="OOV712" s="613"/>
      <c r="OOW712" s="613"/>
      <c r="OOX712" s="613"/>
      <c r="OOY712" s="613"/>
      <c r="OOZ712" s="613"/>
      <c r="OPA712" s="613"/>
      <c r="OPB712" s="613"/>
      <c r="OPC712" s="613"/>
      <c r="OPD712" s="613"/>
      <c r="OPE712" s="613"/>
      <c r="OPF712" s="613"/>
      <c r="OPG712" s="613"/>
      <c r="OPH712" s="613"/>
      <c r="OPI712" s="613"/>
      <c r="OPJ712" s="613"/>
      <c r="OPK712" s="613"/>
      <c r="OPL712" s="613"/>
      <c r="OPM712" s="613"/>
      <c r="OPN712" s="613"/>
      <c r="OPO712" s="613"/>
      <c r="OPP712" s="613"/>
      <c r="OPQ712" s="613"/>
      <c r="OPR712" s="613"/>
      <c r="OPS712" s="613"/>
      <c r="OPT712" s="613"/>
      <c r="OPU712" s="613"/>
      <c r="OPV712" s="613"/>
      <c r="OPW712" s="613"/>
      <c r="OPX712" s="613"/>
      <c r="OPY712" s="613"/>
      <c r="OPZ712" s="613"/>
      <c r="OQA712" s="613"/>
      <c r="OQB712" s="613"/>
      <c r="OQC712" s="613"/>
      <c r="OQD712" s="613"/>
      <c r="OQE712" s="613"/>
      <c r="OQF712" s="613"/>
      <c r="OQG712" s="613"/>
      <c r="OQH712" s="613"/>
      <c r="OQI712" s="613"/>
      <c r="OQJ712" s="613"/>
      <c r="OQK712" s="613"/>
      <c r="OQL712" s="613"/>
      <c r="OQM712" s="613"/>
      <c r="OQN712" s="613"/>
      <c r="OQO712" s="613"/>
      <c r="OQP712" s="613"/>
      <c r="OQQ712" s="613"/>
      <c r="OQR712" s="613"/>
      <c r="OQS712" s="613"/>
      <c r="OQT712" s="613"/>
      <c r="OQU712" s="613"/>
      <c r="OQV712" s="613"/>
      <c r="OQW712" s="613"/>
      <c r="OQX712" s="613"/>
      <c r="OQY712" s="613"/>
      <c r="OQZ712" s="613"/>
      <c r="ORA712" s="613"/>
      <c r="ORB712" s="613"/>
      <c r="ORC712" s="613"/>
      <c r="ORD712" s="613"/>
      <c r="ORE712" s="613"/>
      <c r="ORF712" s="613"/>
      <c r="ORG712" s="613"/>
      <c r="ORH712" s="613"/>
      <c r="ORI712" s="613"/>
      <c r="ORJ712" s="613"/>
      <c r="ORK712" s="613"/>
      <c r="ORL712" s="613"/>
      <c r="ORM712" s="613"/>
      <c r="ORN712" s="613"/>
      <c r="ORO712" s="613"/>
      <c r="ORP712" s="613"/>
      <c r="ORQ712" s="613"/>
      <c r="ORR712" s="613"/>
      <c r="ORS712" s="613"/>
      <c r="ORT712" s="613"/>
      <c r="ORU712" s="613"/>
      <c r="ORV712" s="613"/>
      <c r="ORW712" s="613"/>
      <c r="ORX712" s="613"/>
      <c r="ORY712" s="613"/>
      <c r="ORZ712" s="613"/>
      <c r="OSA712" s="613"/>
      <c r="OSB712" s="613"/>
      <c r="OSC712" s="613"/>
      <c r="OSD712" s="613"/>
      <c r="OSE712" s="613"/>
      <c r="OSF712" s="613"/>
      <c r="OSG712" s="613"/>
      <c r="OSH712" s="613"/>
      <c r="OSI712" s="613"/>
      <c r="OSJ712" s="613"/>
      <c r="OSK712" s="613"/>
      <c r="OSL712" s="613"/>
      <c r="OSM712" s="613"/>
      <c r="OSN712" s="613"/>
      <c r="OSO712" s="613"/>
      <c r="OSP712" s="613"/>
      <c r="OSQ712" s="613"/>
      <c r="OSR712" s="613"/>
      <c r="OSS712" s="613"/>
      <c r="OST712" s="613"/>
      <c r="OSU712" s="613"/>
      <c r="OSV712" s="613"/>
      <c r="OSW712" s="613"/>
      <c r="OSX712" s="613"/>
      <c r="OSY712" s="613"/>
      <c r="OSZ712" s="613"/>
      <c r="OTA712" s="613"/>
      <c r="OTB712" s="613"/>
      <c r="OTC712" s="613"/>
      <c r="OTD712" s="613"/>
      <c r="OTE712" s="613"/>
      <c r="OTF712" s="613"/>
      <c r="OTG712" s="613"/>
      <c r="OTH712" s="613"/>
      <c r="OTI712" s="613"/>
      <c r="OTJ712" s="613"/>
      <c r="OTK712" s="613"/>
      <c r="OTL712" s="613"/>
      <c r="OTM712" s="613"/>
      <c r="OTN712" s="613"/>
      <c r="OTO712" s="613"/>
      <c r="OTP712" s="613"/>
      <c r="OTQ712" s="613"/>
      <c r="OTR712" s="613"/>
      <c r="OTS712" s="613"/>
      <c r="OTT712" s="613"/>
      <c r="OTU712" s="613"/>
      <c r="OTV712" s="613"/>
      <c r="OTW712" s="613"/>
      <c r="OTX712" s="613"/>
      <c r="OTY712" s="613"/>
      <c r="OTZ712" s="613"/>
      <c r="OUA712" s="613"/>
      <c r="OUB712" s="613"/>
      <c r="OUC712" s="613"/>
      <c r="OUD712" s="613"/>
      <c r="OUE712" s="613"/>
      <c r="OUF712" s="613"/>
      <c r="OUG712" s="613"/>
      <c r="OUH712" s="613"/>
      <c r="OUI712" s="613"/>
      <c r="OUJ712" s="613"/>
      <c r="OUK712" s="613"/>
      <c r="OUL712" s="613"/>
      <c r="OUM712" s="613"/>
      <c r="OUN712" s="613"/>
      <c r="OUO712" s="613"/>
      <c r="OUP712" s="613"/>
      <c r="OUQ712" s="613"/>
      <c r="OUR712" s="613"/>
      <c r="OUS712" s="613"/>
      <c r="OUT712" s="613"/>
      <c r="OUU712" s="613"/>
      <c r="OUV712" s="613"/>
      <c r="OUW712" s="613"/>
      <c r="OUX712" s="613"/>
      <c r="OUY712" s="613"/>
      <c r="OUZ712" s="613"/>
      <c r="OVA712" s="613"/>
      <c r="OVB712" s="613"/>
      <c r="OVC712" s="613"/>
      <c r="OVD712" s="613"/>
      <c r="OVE712" s="613"/>
      <c r="OVF712" s="613"/>
      <c r="OVG712" s="613"/>
      <c r="OVH712" s="613"/>
      <c r="OVI712" s="613"/>
      <c r="OVJ712" s="613"/>
      <c r="OVK712" s="613"/>
      <c r="OVL712" s="613"/>
      <c r="OVM712" s="613"/>
      <c r="OVN712" s="613"/>
      <c r="OVO712" s="613"/>
      <c r="OVP712" s="613"/>
      <c r="OVQ712" s="613"/>
      <c r="OVR712" s="613"/>
      <c r="OVS712" s="613"/>
      <c r="OVT712" s="613"/>
      <c r="OVU712" s="613"/>
      <c r="OVV712" s="613"/>
      <c r="OVW712" s="613"/>
      <c r="OVX712" s="613"/>
      <c r="OVY712" s="613"/>
      <c r="OVZ712" s="613"/>
      <c r="OWA712" s="613"/>
      <c r="OWB712" s="613"/>
      <c r="OWC712" s="613"/>
      <c r="OWD712" s="613"/>
      <c r="OWE712" s="613"/>
      <c r="OWF712" s="613"/>
      <c r="OWG712" s="613"/>
      <c r="OWH712" s="613"/>
      <c r="OWI712" s="613"/>
      <c r="OWJ712" s="613"/>
      <c r="OWK712" s="613"/>
      <c r="OWL712" s="613"/>
      <c r="OWM712" s="613"/>
      <c r="OWN712" s="613"/>
      <c r="OWO712" s="613"/>
      <c r="OWP712" s="613"/>
      <c r="OWQ712" s="613"/>
      <c r="OWR712" s="613"/>
      <c r="OWS712" s="613"/>
      <c r="OWT712" s="613"/>
      <c r="OWU712" s="613"/>
      <c r="OWV712" s="613"/>
      <c r="OWW712" s="613"/>
      <c r="OWX712" s="613"/>
      <c r="OWY712" s="613"/>
      <c r="OWZ712" s="613"/>
      <c r="OXA712" s="613"/>
      <c r="OXB712" s="613"/>
      <c r="OXC712" s="613"/>
      <c r="OXD712" s="613"/>
      <c r="OXE712" s="613"/>
      <c r="OXF712" s="613"/>
      <c r="OXG712" s="613"/>
      <c r="OXH712" s="613"/>
      <c r="OXI712" s="613"/>
      <c r="OXJ712" s="613"/>
      <c r="OXK712" s="613"/>
      <c r="OXL712" s="613"/>
      <c r="OXM712" s="613"/>
      <c r="OXN712" s="613"/>
      <c r="OXO712" s="613"/>
      <c r="OXP712" s="613"/>
      <c r="OXQ712" s="613"/>
      <c r="OXR712" s="613"/>
      <c r="OXS712" s="613"/>
      <c r="OXT712" s="613"/>
      <c r="OXU712" s="613"/>
      <c r="OXV712" s="613"/>
      <c r="OXW712" s="613"/>
      <c r="OXX712" s="613"/>
      <c r="OXY712" s="613"/>
      <c r="OXZ712" s="613"/>
      <c r="OYA712" s="613"/>
      <c r="OYB712" s="613"/>
      <c r="OYC712" s="613"/>
      <c r="OYD712" s="613"/>
      <c r="OYE712" s="613"/>
      <c r="OYF712" s="613"/>
      <c r="OYG712" s="613"/>
      <c r="OYH712" s="613"/>
      <c r="OYI712" s="613"/>
      <c r="OYJ712" s="613"/>
      <c r="OYK712" s="613"/>
      <c r="OYL712" s="613"/>
      <c r="OYM712" s="613"/>
      <c r="OYN712" s="613"/>
      <c r="OYO712" s="613"/>
      <c r="OYP712" s="613"/>
      <c r="OYQ712" s="613"/>
      <c r="OYR712" s="613"/>
      <c r="OYS712" s="613"/>
      <c r="OYT712" s="613"/>
      <c r="OYU712" s="613"/>
      <c r="OYV712" s="613"/>
      <c r="OYW712" s="613"/>
      <c r="OYX712" s="613"/>
      <c r="OYY712" s="613"/>
      <c r="OYZ712" s="613"/>
      <c r="OZA712" s="613"/>
      <c r="OZB712" s="613"/>
      <c r="OZC712" s="613"/>
      <c r="OZD712" s="613"/>
      <c r="OZE712" s="613"/>
      <c r="OZF712" s="613"/>
      <c r="OZG712" s="613"/>
      <c r="OZH712" s="613"/>
      <c r="OZI712" s="613"/>
      <c r="OZJ712" s="613"/>
      <c r="OZK712" s="613"/>
      <c r="OZL712" s="613"/>
      <c r="OZM712" s="613"/>
      <c r="OZN712" s="613"/>
      <c r="OZO712" s="613"/>
      <c r="OZP712" s="613"/>
      <c r="OZQ712" s="613"/>
      <c r="OZR712" s="613"/>
      <c r="OZS712" s="613"/>
      <c r="OZT712" s="613"/>
      <c r="OZU712" s="613"/>
      <c r="OZV712" s="613"/>
      <c r="OZW712" s="613"/>
      <c r="OZX712" s="613"/>
      <c r="OZY712" s="613"/>
      <c r="OZZ712" s="613"/>
      <c r="PAA712" s="613"/>
      <c r="PAB712" s="613"/>
      <c r="PAC712" s="613"/>
      <c r="PAD712" s="613"/>
      <c r="PAE712" s="613"/>
      <c r="PAF712" s="613"/>
      <c r="PAG712" s="613"/>
      <c r="PAH712" s="613"/>
      <c r="PAI712" s="613"/>
      <c r="PAJ712" s="613"/>
      <c r="PAK712" s="613"/>
      <c r="PAL712" s="613"/>
      <c r="PAM712" s="613"/>
      <c r="PAN712" s="613"/>
      <c r="PAO712" s="613"/>
      <c r="PAP712" s="613"/>
      <c r="PAQ712" s="613"/>
      <c r="PAR712" s="613"/>
      <c r="PAS712" s="613"/>
      <c r="PAT712" s="613"/>
      <c r="PAU712" s="613"/>
      <c r="PAV712" s="613"/>
      <c r="PAW712" s="613"/>
      <c r="PAX712" s="613"/>
      <c r="PAY712" s="613"/>
      <c r="PAZ712" s="613"/>
      <c r="PBA712" s="613"/>
      <c r="PBB712" s="613"/>
      <c r="PBC712" s="613"/>
      <c r="PBD712" s="613"/>
      <c r="PBE712" s="613"/>
      <c r="PBF712" s="613"/>
      <c r="PBG712" s="613"/>
      <c r="PBH712" s="613"/>
      <c r="PBI712" s="613"/>
      <c r="PBJ712" s="613"/>
      <c r="PBK712" s="613"/>
      <c r="PBL712" s="613"/>
      <c r="PBM712" s="613"/>
      <c r="PBN712" s="613"/>
      <c r="PBO712" s="613"/>
      <c r="PBP712" s="613"/>
      <c r="PBQ712" s="613"/>
      <c r="PBR712" s="613"/>
      <c r="PBS712" s="613"/>
      <c r="PBT712" s="613"/>
      <c r="PBU712" s="613"/>
      <c r="PBV712" s="613"/>
      <c r="PBW712" s="613"/>
      <c r="PBX712" s="613"/>
      <c r="PBY712" s="613"/>
      <c r="PBZ712" s="613"/>
      <c r="PCA712" s="613"/>
      <c r="PCB712" s="613"/>
      <c r="PCC712" s="613"/>
      <c r="PCD712" s="613"/>
      <c r="PCE712" s="613"/>
      <c r="PCF712" s="613"/>
      <c r="PCG712" s="613"/>
      <c r="PCH712" s="613"/>
      <c r="PCI712" s="613"/>
      <c r="PCJ712" s="613"/>
      <c r="PCK712" s="613"/>
      <c r="PCL712" s="613"/>
      <c r="PCM712" s="613"/>
      <c r="PCN712" s="613"/>
      <c r="PCO712" s="613"/>
      <c r="PCP712" s="613"/>
      <c r="PCQ712" s="613"/>
      <c r="PCR712" s="613"/>
      <c r="PCS712" s="613"/>
      <c r="PCT712" s="613"/>
      <c r="PCU712" s="613"/>
      <c r="PCV712" s="613"/>
      <c r="PCW712" s="613"/>
      <c r="PCX712" s="613"/>
      <c r="PCY712" s="613"/>
      <c r="PCZ712" s="613"/>
      <c r="PDA712" s="613"/>
      <c r="PDB712" s="613"/>
      <c r="PDC712" s="613"/>
      <c r="PDD712" s="613"/>
      <c r="PDE712" s="613"/>
      <c r="PDF712" s="613"/>
      <c r="PDG712" s="613"/>
      <c r="PDH712" s="613"/>
      <c r="PDI712" s="613"/>
      <c r="PDJ712" s="613"/>
      <c r="PDK712" s="613"/>
      <c r="PDL712" s="613"/>
      <c r="PDM712" s="613"/>
      <c r="PDN712" s="613"/>
      <c r="PDO712" s="613"/>
      <c r="PDP712" s="613"/>
      <c r="PDQ712" s="613"/>
      <c r="PDR712" s="613"/>
      <c r="PDS712" s="613"/>
      <c r="PDT712" s="613"/>
      <c r="PDU712" s="613"/>
      <c r="PDV712" s="613"/>
      <c r="PDW712" s="613"/>
      <c r="PDX712" s="613"/>
      <c r="PDY712" s="613"/>
      <c r="PDZ712" s="613"/>
      <c r="PEA712" s="613"/>
      <c r="PEB712" s="613"/>
      <c r="PEC712" s="613"/>
      <c r="PED712" s="613"/>
      <c r="PEE712" s="613"/>
      <c r="PEF712" s="613"/>
      <c r="PEG712" s="613"/>
      <c r="PEH712" s="613"/>
      <c r="PEI712" s="613"/>
      <c r="PEJ712" s="613"/>
      <c r="PEK712" s="613"/>
      <c r="PEL712" s="613"/>
      <c r="PEM712" s="613"/>
      <c r="PEN712" s="613"/>
      <c r="PEO712" s="613"/>
      <c r="PEP712" s="613"/>
      <c r="PEQ712" s="613"/>
      <c r="PER712" s="613"/>
      <c r="PES712" s="613"/>
      <c r="PET712" s="613"/>
      <c r="PEU712" s="613"/>
      <c r="PEV712" s="613"/>
      <c r="PEW712" s="613"/>
      <c r="PEX712" s="613"/>
      <c r="PEY712" s="613"/>
      <c r="PEZ712" s="613"/>
      <c r="PFA712" s="613"/>
      <c r="PFB712" s="613"/>
      <c r="PFC712" s="613"/>
      <c r="PFD712" s="613"/>
      <c r="PFE712" s="613"/>
      <c r="PFF712" s="613"/>
      <c r="PFG712" s="613"/>
      <c r="PFH712" s="613"/>
      <c r="PFI712" s="613"/>
      <c r="PFJ712" s="613"/>
      <c r="PFK712" s="613"/>
      <c r="PFL712" s="613"/>
      <c r="PFM712" s="613"/>
      <c r="PFN712" s="613"/>
      <c r="PFO712" s="613"/>
      <c r="PFP712" s="613"/>
      <c r="PFQ712" s="613"/>
      <c r="PFR712" s="613"/>
      <c r="PFS712" s="613"/>
      <c r="PFT712" s="613"/>
      <c r="PFU712" s="613"/>
      <c r="PFV712" s="613"/>
      <c r="PFW712" s="613"/>
      <c r="PFX712" s="613"/>
      <c r="PFY712" s="613"/>
      <c r="PFZ712" s="613"/>
      <c r="PGA712" s="613"/>
      <c r="PGB712" s="613"/>
      <c r="PGC712" s="613"/>
      <c r="PGD712" s="613"/>
      <c r="PGE712" s="613"/>
      <c r="PGF712" s="613"/>
      <c r="PGG712" s="613"/>
      <c r="PGH712" s="613"/>
      <c r="PGI712" s="613"/>
      <c r="PGJ712" s="613"/>
      <c r="PGK712" s="613"/>
      <c r="PGL712" s="613"/>
      <c r="PGM712" s="613"/>
      <c r="PGN712" s="613"/>
      <c r="PGO712" s="613"/>
      <c r="PGP712" s="613"/>
      <c r="PGQ712" s="613"/>
      <c r="PGR712" s="613"/>
      <c r="PGS712" s="613"/>
      <c r="PGT712" s="613"/>
      <c r="PGU712" s="613"/>
      <c r="PGV712" s="613"/>
      <c r="PGW712" s="613"/>
      <c r="PGX712" s="613"/>
      <c r="PGY712" s="613"/>
      <c r="PGZ712" s="613"/>
      <c r="PHA712" s="613"/>
      <c r="PHB712" s="613"/>
      <c r="PHC712" s="613"/>
      <c r="PHD712" s="613"/>
      <c r="PHE712" s="613"/>
      <c r="PHF712" s="613"/>
      <c r="PHG712" s="613"/>
      <c r="PHH712" s="613"/>
      <c r="PHI712" s="613"/>
      <c r="PHJ712" s="613"/>
      <c r="PHK712" s="613"/>
      <c r="PHL712" s="613"/>
      <c r="PHM712" s="613"/>
      <c r="PHN712" s="613"/>
      <c r="PHO712" s="613"/>
      <c r="PHP712" s="613"/>
      <c r="PHQ712" s="613"/>
      <c r="PHR712" s="613"/>
      <c r="PHS712" s="613"/>
      <c r="PHT712" s="613"/>
      <c r="PHU712" s="613"/>
      <c r="PHV712" s="613"/>
      <c r="PHW712" s="613"/>
      <c r="PHX712" s="613"/>
      <c r="PHY712" s="613"/>
      <c r="PHZ712" s="613"/>
      <c r="PIA712" s="613"/>
      <c r="PIB712" s="613"/>
      <c r="PIC712" s="613"/>
      <c r="PID712" s="613"/>
      <c r="PIE712" s="613"/>
      <c r="PIF712" s="613"/>
      <c r="PIG712" s="613"/>
      <c r="PIH712" s="613"/>
      <c r="PII712" s="613"/>
      <c r="PIJ712" s="613"/>
      <c r="PIK712" s="613"/>
      <c r="PIL712" s="613"/>
      <c r="PIM712" s="613"/>
      <c r="PIN712" s="613"/>
      <c r="PIO712" s="613"/>
      <c r="PIP712" s="613"/>
      <c r="PIQ712" s="613"/>
      <c r="PIR712" s="613"/>
      <c r="PIS712" s="613"/>
      <c r="PIT712" s="613"/>
      <c r="PIU712" s="613"/>
      <c r="PIV712" s="613"/>
      <c r="PIW712" s="613"/>
      <c r="PIX712" s="613"/>
      <c r="PIY712" s="613"/>
      <c r="PIZ712" s="613"/>
      <c r="PJA712" s="613"/>
      <c r="PJB712" s="613"/>
      <c r="PJC712" s="613"/>
      <c r="PJD712" s="613"/>
      <c r="PJE712" s="613"/>
      <c r="PJF712" s="613"/>
      <c r="PJG712" s="613"/>
      <c r="PJH712" s="613"/>
      <c r="PJI712" s="613"/>
      <c r="PJJ712" s="613"/>
      <c r="PJK712" s="613"/>
      <c r="PJL712" s="613"/>
      <c r="PJM712" s="613"/>
      <c r="PJN712" s="613"/>
      <c r="PJO712" s="613"/>
      <c r="PJP712" s="613"/>
      <c r="PJQ712" s="613"/>
      <c r="PJR712" s="613"/>
      <c r="PJS712" s="613"/>
      <c r="PJT712" s="613"/>
      <c r="PJU712" s="613"/>
      <c r="PJV712" s="613"/>
      <c r="PJW712" s="613"/>
      <c r="PJX712" s="613"/>
      <c r="PJY712" s="613"/>
      <c r="PJZ712" s="613"/>
      <c r="PKA712" s="613"/>
      <c r="PKB712" s="613"/>
      <c r="PKC712" s="613"/>
      <c r="PKD712" s="613"/>
      <c r="PKE712" s="613"/>
      <c r="PKF712" s="613"/>
      <c r="PKG712" s="613"/>
      <c r="PKH712" s="613"/>
      <c r="PKI712" s="613"/>
      <c r="PKJ712" s="613"/>
      <c r="PKK712" s="613"/>
      <c r="PKL712" s="613"/>
      <c r="PKM712" s="613"/>
      <c r="PKN712" s="613"/>
      <c r="PKO712" s="613"/>
      <c r="PKP712" s="613"/>
      <c r="PKQ712" s="613"/>
      <c r="PKR712" s="613"/>
      <c r="PKS712" s="613"/>
      <c r="PKT712" s="613"/>
      <c r="PKU712" s="613"/>
      <c r="PKV712" s="613"/>
      <c r="PKW712" s="613"/>
      <c r="PKX712" s="613"/>
      <c r="PKY712" s="613"/>
      <c r="PKZ712" s="613"/>
      <c r="PLA712" s="613"/>
      <c r="PLB712" s="613"/>
      <c r="PLC712" s="613"/>
      <c r="PLD712" s="613"/>
      <c r="PLE712" s="613"/>
      <c r="PLF712" s="613"/>
      <c r="PLG712" s="613"/>
      <c r="PLH712" s="613"/>
      <c r="PLI712" s="613"/>
      <c r="PLJ712" s="613"/>
      <c r="PLK712" s="613"/>
      <c r="PLL712" s="613"/>
      <c r="PLM712" s="613"/>
      <c r="PLN712" s="613"/>
      <c r="PLO712" s="613"/>
      <c r="PLP712" s="613"/>
      <c r="PLQ712" s="613"/>
      <c r="PLR712" s="613"/>
      <c r="PLS712" s="613"/>
      <c r="PLT712" s="613"/>
      <c r="PLU712" s="613"/>
      <c r="PLV712" s="613"/>
      <c r="PLW712" s="613"/>
      <c r="PLX712" s="613"/>
      <c r="PLY712" s="613"/>
      <c r="PLZ712" s="613"/>
      <c r="PMA712" s="613"/>
      <c r="PMB712" s="613"/>
      <c r="PMC712" s="613"/>
      <c r="PMD712" s="613"/>
      <c r="PME712" s="613"/>
      <c r="PMF712" s="613"/>
      <c r="PMG712" s="613"/>
      <c r="PMH712" s="613"/>
      <c r="PMI712" s="613"/>
      <c r="PMJ712" s="613"/>
      <c r="PMK712" s="613"/>
      <c r="PML712" s="613"/>
      <c r="PMM712" s="613"/>
      <c r="PMN712" s="613"/>
      <c r="PMO712" s="613"/>
      <c r="PMP712" s="613"/>
      <c r="PMQ712" s="613"/>
      <c r="PMR712" s="613"/>
      <c r="PMS712" s="613"/>
      <c r="PMT712" s="613"/>
      <c r="PMU712" s="613"/>
      <c r="PMV712" s="613"/>
      <c r="PMW712" s="613"/>
      <c r="PMX712" s="613"/>
      <c r="PMY712" s="613"/>
      <c r="PMZ712" s="613"/>
      <c r="PNA712" s="613"/>
      <c r="PNB712" s="613"/>
      <c r="PNC712" s="613"/>
      <c r="PND712" s="613"/>
      <c r="PNE712" s="613"/>
      <c r="PNF712" s="613"/>
      <c r="PNG712" s="613"/>
      <c r="PNH712" s="613"/>
      <c r="PNI712" s="613"/>
      <c r="PNJ712" s="613"/>
      <c r="PNK712" s="613"/>
      <c r="PNL712" s="613"/>
      <c r="PNM712" s="613"/>
      <c r="PNN712" s="613"/>
      <c r="PNO712" s="613"/>
      <c r="PNP712" s="613"/>
      <c r="PNQ712" s="613"/>
      <c r="PNR712" s="613"/>
      <c r="PNS712" s="613"/>
      <c r="PNT712" s="613"/>
      <c r="PNU712" s="613"/>
      <c r="PNV712" s="613"/>
      <c r="PNW712" s="613"/>
      <c r="PNX712" s="613"/>
      <c r="PNY712" s="613"/>
      <c r="PNZ712" s="613"/>
      <c r="POA712" s="613"/>
      <c r="POB712" s="613"/>
      <c r="POC712" s="613"/>
      <c r="POD712" s="613"/>
      <c r="POE712" s="613"/>
      <c r="POF712" s="613"/>
      <c r="POG712" s="613"/>
      <c r="POH712" s="613"/>
      <c r="POI712" s="613"/>
      <c r="POJ712" s="613"/>
      <c r="POK712" s="613"/>
      <c r="POL712" s="613"/>
      <c r="POM712" s="613"/>
      <c r="PON712" s="613"/>
      <c r="POO712" s="613"/>
      <c r="POP712" s="613"/>
      <c r="POQ712" s="613"/>
      <c r="POR712" s="613"/>
      <c r="POS712" s="613"/>
      <c r="POT712" s="613"/>
      <c r="POU712" s="613"/>
      <c r="POV712" s="613"/>
      <c r="POW712" s="613"/>
      <c r="POX712" s="613"/>
      <c r="POY712" s="613"/>
      <c r="POZ712" s="613"/>
      <c r="PPA712" s="613"/>
      <c r="PPB712" s="613"/>
      <c r="PPC712" s="613"/>
      <c r="PPD712" s="613"/>
      <c r="PPE712" s="613"/>
      <c r="PPF712" s="613"/>
      <c r="PPG712" s="613"/>
      <c r="PPH712" s="613"/>
      <c r="PPI712" s="613"/>
      <c r="PPJ712" s="613"/>
      <c r="PPK712" s="613"/>
      <c r="PPL712" s="613"/>
      <c r="PPM712" s="613"/>
      <c r="PPN712" s="613"/>
      <c r="PPO712" s="613"/>
      <c r="PPP712" s="613"/>
      <c r="PPQ712" s="613"/>
      <c r="PPR712" s="613"/>
      <c r="PPS712" s="613"/>
      <c r="PPT712" s="613"/>
      <c r="PPU712" s="613"/>
      <c r="PPV712" s="613"/>
      <c r="PPW712" s="613"/>
      <c r="PPX712" s="613"/>
      <c r="PPY712" s="613"/>
      <c r="PPZ712" s="613"/>
      <c r="PQA712" s="613"/>
      <c r="PQB712" s="613"/>
      <c r="PQC712" s="613"/>
      <c r="PQD712" s="613"/>
      <c r="PQE712" s="613"/>
      <c r="PQF712" s="613"/>
      <c r="PQG712" s="613"/>
      <c r="PQH712" s="613"/>
      <c r="PQI712" s="613"/>
      <c r="PQJ712" s="613"/>
      <c r="PQK712" s="613"/>
      <c r="PQL712" s="613"/>
      <c r="PQM712" s="613"/>
      <c r="PQN712" s="613"/>
      <c r="PQO712" s="613"/>
      <c r="PQP712" s="613"/>
      <c r="PQQ712" s="613"/>
      <c r="PQR712" s="613"/>
      <c r="PQS712" s="613"/>
      <c r="PQT712" s="613"/>
      <c r="PQU712" s="613"/>
      <c r="PQV712" s="613"/>
      <c r="PQW712" s="613"/>
      <c r="PQX712" s="613"/>
      <c r="PQY712" s="613"/>
      <c r="PQZ712" s="613"/>
      <c r="PRA712" s="613"/>
      <c r="PRB712" s="613"/>
      <c r="PRC712" s="613"/>
      <c r="PRD712" s="613"/>
      <c r="PRE712" s="613"/>
      <c r="PRF712" s="613"/>
      <c r="PRG712" s="613"/>
      <c r="PRH712" s="613"/>
      <c r="PRI712" s="613"/>
      <c r="PRJ712" s="613"/>
      <c r="PRK712" s="613"/>
      <c r="PRL712" s="613"/>
      <c r="PRM712" s="613"/>
      <c r="PRN712" s="613"/>
      <c r="PRO712" s="613"/>
      <c r="PRP712" s="613"/>
      <c r="PRQ712" s="613"/>
      <c r="PRR712" s="613"/>
      <c r="PRS712" s="613"/>
      <c r="PRT712" s="613"/>
      <c r="PRU712" s="613"/>
      <c r="PRV712" s="613"/>
      <c r="PRW712" s="613"/>
      <c r="PRX712" s="613"/>
      <c r="PRY712" s="613"/>
      <c r="PRZ712" s="613"/>
      <c r="PSA712" s="613"/>
      <c r="PSB712" s="613"/>
      <c r="PSC712" s="613"/>
      <c r="PSD712" s="613"/>
      <c r="PSE712" s="613"/>
      <c r="PSF712" s="613"/>
      <c r="PSG712" s="613"/>
      <c r="PSH712" s="613"/>
      <c r="PSI712" s="613"/>
      <c r="PSJ712" s="613"/>
      <c r="PSK712" s="613"/>
      <c r="PSL712" s="613"/>
      <c r="PSM712" s="613"/>
      <c r="PSN712" s="613"/>
      <c r="PSO712" s="613"/>
      <c r="PSP712" s="613"/>
      <c r="PSQ712" s="613"/>
      <c r="PSR712" s="613"/>
      <c r="PSS712" s="613"/>
      <c r="PST712" s="613"/>
      <c r="PSU712" s="613"/>
      <c r="PSV712" s="613"/>
      <c r="PSW712" s="613"/>
      <c r="PSX712" s="613"/>
      <c r="PSY712" s="613"/>
      <c r="PSZ712" s="613"/>
      <c r="PTA712" s="613"/>
      <c r="PTB712" s="613"/>
      <c r="PTC712" s="613"/>
      <c r="PTD712" s="613"/>
      <c r="PTE712" s="613"/>
      <c r="PTF712" s="613"/>
      <c r="PTG712" s="613"/>
      <c r="PTH712" s="613"/>
      <c r="PTI712" s="613"/>
      <c r="PTJ712" s="613"/>
      <c r="PTK712" s="613"/>
      <c r="PTL712" s="613"/>
      <c r="PTM712" s="613"/>
      <c r="PTN712" s="613"/>
      <c r="PTO712" s="613"/>
      <c r="PTP712" s="613"/>
      <c r="PTQ712" s="613"/>
      <c r="PTR712" s="613"/>
      <c r="PTS712" s="613"/>
      <c r="PTT712" s="613"/>
      <c r="PTU712" s="613"/>
      <c r="PTV712" s="613"/>
      <c r="PTW712" s="613"/>
      <c r="PTX712" s="613"/>
      <c r="PTY712" s="613"/>
      <c r="PTZ712" s="613"/>
      <c r="PUA712" s="613"/>
      <c r="PUB712" s="613"/>
      <c r="PUC712" s="613"/>
      <c r="PUD712" s="613"/>
      <c r="PUE712" s="613"/>
      <c r="PUF712" s="613"/>
      <c r="PUG712" s="613"/>
      <c r="PUH712" s="613"/>
      <c r="PUI712" s="613"/>
      <c r="PUJ712" s="613"/>
      <c r="PUK712" s="613"/>
      <c r="PUL712" s="613"/>
      <c r="PUM712" s="613"/>
      <c r="PUN712" s="613"/>
      <c r="PUO712" s="613"/>
      <c r="PUP712" s="613"/>
      <c r="PUQ712" s="613"/>
      <c r="PUR712" s="613"/>
      <c r="PUS712" s="613"/>
      <c r="PUT712" s="613"/>
      <c r="PUU712" s="613"/>
      <c r="PUV712" s="613"/>
      <c r="PUW712" s="613"/>
      <c r="PUX712" s="613"/>
      <c r="PUY712" s="613"/>
      <c r="PUZ712" s="613"/>
      <c r="PVA712" s="613"/>
      <c r="PVB712" s="613"/>
      <c r="PVC712" s="613"/>
      <c r="PVD712" s="613"/>
      <c r="PVE712" s="613"/>
      <c r="PVF712" s="613"/>
      <c r="PVG712" s="613"/>
      <c r="PVH712" s="613"/>
      <c r="PVI712" s="613"/>
      <c r="PVJ712" s="613"/>
      <c r="PVK712" s="613"/>
      <c r="PVL712" s="613"/>
      <c r="PVM712" s="613"/>
      <c r="PVN712" s="613"/>
      <c r="PVO712" s="613"/>
      <c r="PVP712" s="613"/>
      <c r="PVQ712" s="613"/>
      <c r="PVR712" s="613"/>
      <c r="PVS712" s="613"/>
      <c r="PVT712" s="613"/>
      <c r="PVU712" s="613"/>
      <c r="PVV712" s="613"/>
      <c r="PVW712" s="613"/>
      <c r="PVX712" s="613"/>
      <c r="PVY712" s="613"/>
      <c r="PVZ712" s="613"/>
      <c r="PWA712" s="613"/>
      <c r="PWB712" s="613"/>
      <c r="PWC712" s="613"/>
      <c r="PWD712" s="613"/>
      <c r="PWE712" s="613"/>
      <c r="PWF712" s="613"/>
      <c r="PWG712" s="613"/>
      <c r="PWH712" s="613"/>
      <c r="PWI712" s="613"/>
      <c r="PWJ712" s="613"/>
      <c r="PWK712" s="613"/>
      <c r="PWL712" s="613"/>
      <c r="PWM712" s="613"/>
      <c r="PWN712" s="613"/>
      <c r="PWO712" s="613"/>
      <c r="PWP712" s="613"/>
      <c r="PWQ712" s="613"/>
      <c r="PWR712" s="613"/>
      <c r="PWS712" s="613"/>
      <c r="PWT712" s="613"/>
      <c r="PWU712" s="613"/>
      <c r="PWV712" s="613"/>
      <c r="PWW712" s="613"/>
      <c r="PWX712" s="613"/>
      <c r="PWY712" s="613"/>
      <c r="PWZ712" s="613"/>
      <c r="PXA712" s="613"/>
      <c r="PXB712" s="613"/>
      <c r="PXC712" s="613"/>
      <c r="PXD712" s="613"/>
      <c r="PXE712" s="613"/>
      <c r="PXF712" s="613"/>
      <c r="PXG712" s="613"/>
      <c r="PXH712" s="613"/>
      <c r="PXI712" s="613"/>
      <c r="PXJ712" s="613"/>
      <c r="PXK712" s="613"/>
      <c r="PXL712" s="613"/>
      <c r="PXM712" s="613"/>
      <c r="PXN712" s="613"/>
      <c r="PXO712" s="613"/>
      <c r="PXP712" s="613"/>
      <c r="PXQ712" s="613"/>
      <c r="PXR712" s="613"/>
      <c r="PXS712" s="613"/>
      <c r="PXT712" s="613"/>
      <c r="PXU712" s="613"/>
      <c r="PXV712" s="613"/>
      <c r="PXW712" s="613"/>
      <c r="PXX712" s="613"/>
      <c r="PXY712" s="613"/>
      <c r="PXZ712" s="613"/>
      <c r="PYA712" s="613"/>
      <c r="PYB712" s="613"/>
      <c r="PYC712" s="613"/>
      <c r="PYD712" s="613"/>
      <c r="PYE712" s="613"/>
      <c r="PYF712" s="613"/>
      <c r="PYG712" s="613"/>
      <c r="PYH712" s="613"/>
      <c r="PYI712" s="613"/>
      <c r="PYJ712" s="613"/>
      <c r="PYK712" s="613"/>
      <c r="PYL712" s="613"/>
      <c r="PYM712" s="613"/>
      <c r="PYN712" s="613"/>
      <c r="PYO712" s="613"/>
      <c r="PYP712" s="613"/>
      <c r="PYQ712" s="613"/>
      <c r="PYR712" s="613"/>
      <c r="PYS712" s="613"/>
      <c r="PYT712" s="613"/>
      <c r="PYU712" s="613"/>
      <c r="PYV712" s="613"/>
      <c r="PYW712" s="613"/>
      <c r="PYX712" s="613"/>
      <c r="PYY712" s="613"/>
      <c r="PYZ712" s="613"/>
      <c r="PZA712" s="613"/>
      <c r="PZB712" s="613"/>
      <c r="PZC712" s="613"/>
      <c r="PZD712" s="613"/>
      <c r="PZE712" s="613"/>
      <c r="PZF712" s="613"/>
      <c r="PZG712" s="613"/>
      <c r="PZH712" s="613"/>
      <c r="PZI712" s="613"/>
      <c r="PZJ712" s="613"/>
      <c r="PZK712" s="613"/>
      <c r="PZL712" s="613"/>
      <c r="PZM712" s="613"/>
      <c r="PZN712" s="613"/>
      <c r="PZO712" s="613"/>
      <c r="PZP712" s="613"/>
      <c r="PZQ712" s="613"/>
      <c r="PZR712" s="613"/>
      <c r="PZS712" s="613"/>
      <c r="PZT712" s="613"/>
      <c r="PZU712" s="613"/>
      <c r="PZV712" s="613"/>
      <c r="PZW712" s="613"/>
      <c r="PZX712" s="613"/>
      <c r="PZY712" s="613"/>
      <c r="PZZ712" s="613"/>
      <c r="QAA712" s="613"/>
      <c r="QAB712" s="613"/>
      <c r="QAC712" s="613"/>
      <c r="QAD712" s="613"/>
      <c r="QAE712" s="613"/>
      <c r="QAF712" s="613"/>
      <c r="QAG712" s="613"/>
      <c r="QAH712" s="613"/>
      <c r="QAI712" s="613"/>
      <c r="QAJ712" s="613"/>
      <c r="QAK712" s="613"/>
      <c r="QAL712" s="613"/>
      <c r="QAM712" s="613"/>
      <c r="QAN712" s="613"/>
      <c r="QAO712" s="613"/>
      <c r="QAP712" s="613"/>
      <c r="QAQ712" s="613"/>
      <c r="QAR712" s="613"/>
      <c r="QAS712" s="613"/>
      <c r="QAT712" s="613"/>
      <c r="QAU712" s="613"/>
      <c r="QAV712" s="613"/>
      <c r="QAW712" s="613"/>
      <c r="QAX712" s="613"/>
      <c r="QAY712" s="613"/>
      <c r="QAZ712" s="613"/>
      <c r="QBA712" s="613"/>
      <c r="QBB712" s="613"/>
      <c r="QBC712" s="613"/>
      <c r="QBD712" s="613"/>
      <c r="QBE712" s="613"/>
      <c r="QBF712" s="613"/>
      <c r="QBG712" s="613"/>
      <c r="QBH712" s="613"/>
      <c r="QBI712" s="613"/>
      <c r="QBJ712" s="613"/>
      <c r="QBK712" s="613"/>
      <c r="QBL712" s="613"/>
      <c r="QBM712" s="613"/>
      <c r="QBN712" s="613"/>
      <c r="QBO712" s="613"/>
      <c r="QBP712" s="613"/>
      <c r="QBQ712" s="613"/>
      <c r="QBR712" s="613"/>
      <c r="QBS712" s="613"/>
      <c r="QBT712" s="613"/>
      <c r="QBU712" s="613"/>
      <c r="QBV712" s="613"/>
      <c r="QBW712" s="613"/>
      <c r="QBX712" s="613"/>
      <c r="QBY712" s="613"/>
      <c r="QBZ712" s="613"/>
      <c r="QCA712" s="613"/>
      <c r="QCB712" s="613"/>
      <c r="QCC712" s="613"/>
      <c r="QCD712" s="613"/>
      <c r="QCE712" s="613"/>
      <c r="QCF712" s="613"/>
      <c r="QCG712" s="613"/>
      <c r="QCH712" s="613"/>
      <c r="QCI712" s="613"/>
      <c r="QCJ712" s="613"/>
      <c r="QCK712" s="613"/>
      <c r="QCL712" s="613"/>
      <c r="QCM712" s="613"/>
      <c r="QCN712" s="613"/>
      <c r="QCO712" s="613"/>
      <c r="QCP712" s="613"/>
      <c r="QCQ712" s="613"/>
      <c r="QCR712" s="613"/>
      <c r="QCS712" s="613"/>
      <c r="QCT712" s="613"/>
      <c r="QCU712" s="613"/>
      <c r="QCV712" s="613"/>
      <c r="QCW712" s="613"/>
      <c r="QCX712" s="613"/>
      <c r="QCY712" s="613"/>
      <c r="QCZ712" s="613"/>
      <c r="QDA712" s="613"/>
      <c r="QDB712" s="613"/>
      <c r="QDC712" s="613"/>
      <c r="QDD712" s="613"/>
      <c r="QDE712" s="613"/>
      <c r="QDF712" s="613"/>
      <c r="QDG712" s="613"/>
      <c r="QDH712" s="613"/>
      <c r="QDI712" s="613"/>
      <c r="QDJ712" s="613"/>
      <c r="QDK712" s="613"/>
      <c r="QDL712" s="613"/>
      <c r="QDM712" s="613"/>
      <c r="QDN712" s="613"/>
      <c r="QDO712" s="613"/>
      <c r="QDP712" s="613"/>
      <c r="QDQ712" s="613"/>
      <c r="QDR712" s="613"/>
      <c r="QDS712" s="613"/>
      <c r="QDT712" s="613"/>
      <c r="QDU712" s="613"/>
      <c r="QDV712" s="613"/>
      <c r="QDW712" s="613"/>
      <c r="QDX712" s="613"/>
      <c r="QDY712" s="613"/>
      <c r="QDZ712" s="613"/>
      <c r="QEA712" s="613"/>
      <c r="QEB712" s="613"/>
      <c r="QEC712" s="613"/>
      <c r="QED712" s="613"/>
      <c r="QEE712" s="613"/>
      <c r="QEF712" s="613"/>
      <c r="QEG712" s="613"/>
      <c r="QEH712" s="613"/>
      <c r="QEI712" s="613"/>
      <c r="QEJ712" s="613"/>
      <c r="QEK712" s="613"/>
      <c r="QEL712" s="613"/>
      <c r="QEM712" s="613"/>
      <c r="QEN712" s="613"/>
      <c r="QEO712" s="613"/>
      <c r="QEP712" s="613"/>
      <c r="QEQ712" s="613"/>
      <c r="QER712" s="613"/>
      <c r="QES712" s="613"/>
      <c r="QET712" s="613"/>
      <c r="QEU712" s="613"/>
      <c r="QEV712" s="613"/>
      <c r="QEW712" s="613"/>
      <c r="QEX712" s="613"/>
      <c r="QEY712" s="613"/>
      <c r="QEZ712" s="613"/>
      <c r="QFA712" s="613"/>
      <c r="QFB712" s="613"/>
      <c r="QFC712" s="613"/>
      <c r="QFD712" s="613"/>
      <c r="QFE712" s="613"/>
      <c r="QFF712" s="613"/>
      <c r="QFG712" s="613"/>
      <c r="QFH712" s="613"/>
      <c r="QFI712" s="613"/>
      <c r="QFJ712" s="613"/>
      <c r="QFK712" s="613"/>
      <c r="QFL712" s="613"/>
      <c r="QFM712" s="613"/>
      <c r="QFN712" s="613"/>
      <c r="QFO712" s="613"/>
      <c r="QFP712" s="613"/>
      <c r="QFQ712" s="613"/>
      <c r="QFR712" s="613"/>
      <c r="QFS712" s="613"/>
      <c r="QFT712" s="613"/>
      <c r="QFU712" s="613"/>
      <c r="QFV712" s="613"/>
      <c r="QFW712" s="613"/>
      <c r="QFX712" s="613"/>
      <c r="QFY712" s="613"/>
      <c r="QFZ712" s="613"/>
      <c r="QGA712" s="613"/>
      <c r="QGB712" s="613"/>
      <c r="QGC712" s="613"/>
      <c r="QGD712" s="613"/>
      <c r="QGE712" s="613"/>
      <c r="QGF712" s="613"/>
      <c r="QGG712" s="613"/>
      <c r="QGH712" s="613"/>
      <c r="QGI712" s="613"/>
      <c r="QGJ712" s="613"/>
      <c r="QGK712" s="613"/>
      <c r="QGL712" s="613"/>
      <c r="QGM712" s="613"/>
      <c r="QGN712" s="613"/>
      <c r="QGO712" s="613"/>
      <c r="QGP712" s="613"/>
      <c r="QGQ712" s="613"/>
      <c r="QGR712" s="613"/>
      <c r="QGS712" s="613"/>
      <c r="QGT712" s="613"/>
      <c r="QGU712" s="613"/>
      <c r="QGV712" s="613"/>
      <c r="QGW712" s="613"/>
      <c r="QGX712" s="613"/>
      <c r="QGY712" s="613"/>
      <c r="QGZ712" s="613"/>
      <c r="QHA712" s="613"/>
      <c r="QHB712" s="613"/>
      <c r="QHC712" s="613"/>
      <c r="QHD712" s="613"/>
      <c r="QHE712" s="613"/>
      <c r="QHF712" s="613"/>
      <c r="QHG712" s="613"/>
      <c r="QHH712" s="613"/>
      <c r="QHI712" s="613"/>
      <c r="QHJ712" s="613"/>
      <c r="QHK712" s="613"/>
      <c r="QHL712" s="613"/>
      <c r="QHM712" s="613"/>
      <c r="QHN712" s="613"/>
      <c r="QHO712" s="613"/>
      <c r="QHP712" s="613"/>
      <c r="QHQ712" s="613"/>
      <c r="QHR712" s="613"/>
      <c r="QHS712" s="613"/>
      <c r="QHT712" s="613"/>
      <c r="QHU712" s="613"/>
      <c r="QHV712" s="613"/>
      <c r="QHW712" s="613"/>
      <c r="QHX712" s="613"/>
      <c r="QHY712" s="613"/>
      <c r="QHZ712" s="613"/>
      <c r="QIA712" s="613"/>
      <c r="QIB712" s="613"/>
      <c r="QIC712" s="613"/>
      <c r="QID712" s="613"/>
      <c r="QIE712" s="613"/>
      <c r="QIF712" s="613"/>
      <c r="QIG712" s="613"/>
      <c r="QIH712" s="613"/>
      <c r="QII712" s="613"/>
      <c r="QIJ712" s="613"/>
      <c r="QIK712" s="613"/>
      <c r="QIL712" s="613"/>
      <c r="QIM712" s="613"/>
      <c r="QIN712" s="613"/>
      <c r="QIO712" s="613"/>
      <c r="QIP712" s="613"/>
      <c r="QIQ712" s="613"/>
      <c r="QIR712" s="613"/>
      <c r="QIS712" s="613"/>
      <c r="QIT712" s="613"/>
      <c r="QIU712" s="613"/>
      <c r="QIV712" s="613"/>
      <c r="QIW712" s="613"/>
      <c r="QIX712" s="613"/>
      <c r="QIY712" s="613"/>
      <c r="QIZ712" s="613"/>
      <c r="QJA712" s="613"/>
      <c r="QJB712" s="613"/>
      <c r="QJC712" s="613"/>
      <c r="QJD712" s="613"/>
      <c r="QJE712" s="613"/>
      <c r="QJF712" s="613"/>
      <c r="QJG712" s="613"/>
      <c r="QJH712" s="613"/>
      <c r="QJI712" s="613"/>
      <c r="QJJ712" s="613"/>
      <c r="QJK712" s="613"/>
      <c r="QJL712" s="613"/>
      <c r="QJM712" s="613"/>
      <c r="QJN712" s="613"/>
      <c r="QJO712" s="613"/>
      <c r="QJP712" s="613"/>
      <c r="QJQ712" s="613"/>
      <c r="QJR712" s="613"/>
      <c r="QJS712" s="613"/>
      <c r="QJT712" s="613"/>
      <c r="QJU712" s="613"/>
      <c r="QJV712" s="613"/>
      <c r="QJW712" s="613"/>
      <c r="QJX712" s="613"/>
      <c r="QJY712" s="613"/>
      <c r="QJZ712" s="613"/>
      <c r="QKA712" s="613"/>
      <c r="QKB712" s="613"/>
      <c r="QKC712" s="613"/>
      <c r="QKD712" s="613"/>
      <c r="QKE712" s="613"/>
      <c r="QKF712" s="613"/>
      <c r="QKG712" s="613"/>
      <c r="QKH712" s="613"/>
      <c r="QKI712" s="613"/>
      <c r="QKJ712" s="613"/>
      <c r="QKK712" s="613"/>
      <c r="QKL712" s="613"/>
      <c r="QKM712" s="613"/>
      <c r="QKN712" s="613"/>
      <c r="QKO712" s="613"/>
      <c r="QKP712" s="613"/>
      <c r="QKQ712" s="613"/>
      <c r="QKR712" s="613"/>
      <c r="QKS712" s="613"/>
      <c r="QKT712" s="613"/>
      <c r="QKU712" s="613"/>
      <c r="QKV712" s="613"/>
      <c r="QKW712" s="613"/>
      <c r="QKX712" s="613"/>
      <c r="QKY712" s="613"/>
      <c r="QKZ712" s="613"/>
      <c r="QLA712" s="613"/>
      <c r="QLB712" s="613"/>
      <c r="QLC712" s="613"/>
      <c r="QLD712" s="613"/>
      <c r="QLE712" s="613"/>
      <c r="QLF712" s="613"/>
      <c r="QLG712" s="613"/>
      <c r="QLH712" s="613"/>
      <c r="QLI712" s="613"/>
      <c r="QLJ712" s="613"/>
      <c r="QLK712" s="613"/>
      <c r="QLL712" s="613"/>
      <c r="QLM712" s="613"/>
      <c r="QLN712" s="613"/>
      <c r="QLO712" s="613"/>
      <c r="QLP712" s="613"/>
      <c r="QLQ712" s="613"/>
      <c r="QLR712" s="613"/>
      <c r="QLS712" s="613"/>
      <c r="QLT712" s="613"/>
      <c r="QLU712" s="613"/>
      <c r="QLV712" s="613"/>
      <c r="QLW712" s="613"/>
      <c r="QLX712" s="613"/>
      <c r="QLY712" s="613"/>
      <c r="QLZ712" s="613"/>
      <c r="QMA712" s="613"/>
      <c r="QMB712" s="613"/>
      <c r="QMC712" s="613"/>
      <c r="QMD712" s="613"/>
      <c r="QME712" s="613"/>
      <c r="QMF712" s="613"/>
      <c r="QMG712" s="613"/>
      <c r="QMH712" s="613"/>
      <c r="QMI712" s="613"/>
      <c r="QMJ712" s="613"/>
      <c r="QMK712" s="613"/>
      <c r="QML712" s="613"/>
      <c r="QMM712" s="613"/>
      <c r="QMN712" s="613"/>
      <c r="QMO712" s="613"/>
      <c r="QMP712" s="613"/>
      <c r="QMQ712" s="613"/>
      <c r="QMR712" s="613"/>
      <c r="QMS712" s="613"/>
      <c r="QMT712" s="613"/>
      <c r="QMU712" s="613"/>
      <c r="QMV712" s="613"/>
      <c r="QMW712" s="613"/>
      <c r="QMX712" s="613"/>
      <c r="QMY712" s="613"/>
      <c r="QMZ712" s="613"/>
      <c r="QNA712" s="613"/>
      <c r="QNB712" s="613"/>
      <c r="QNC712" s="613"/>
      <c r="QND712" s="613"/>
      <c r="QNE712" s="613"/>
      <c r="QNF712" s="613"/>
      <c r="QNG712" s="613"/>
      <c r="QNH712" s="613"/>
      <c r="QNI712" s="613"/>
      <c r="QNJ712" s="613"/>
      <c r="QNK712" s="613"/>
      <c r="QNL712" s="613"/>
      <c r="QNM712" s="613"/>
      <c r="QNN712" s="613"/>
      <c r="QNO712" s="613"/>
      <c r="QNP712" s="613"/>
      <c r="QNQ712" s="613"/>
      <c r="QNR712" s="613"/>
      <c r="QNS712" s="613"/>
      <c r="QNT712" s="613"/>
      <c r="QNU712" s="613"/>
      <c r="QNV712" s="613"/>
      <c r="QNW712" s="613"/>
      <c r="QNX712" s="613"/>
      <c r="QNY712" s="613"/>
      <c r="QNZ712" s="613"/>
      <c r="QOA712" s="613"/>
      <c r="QOB712" s="613"/>
      <c r="QOC712" s="613"/>
      <c r="QOD712" s="613"/>
      <c r="QOE712" s="613"/>
      <c r="QOF712" s="613"/>
      <c r="QOG712" s="613"/>
      <c r="QOH712" s="613"/>
      <c r="QOI712" s="613"/>
      <c r="QOJ712" s="613"/>
      <c r="QOK712" s="613"/>
      <c r="QOL712" s="613"/>
      <c r="QOM712" s="613"/>
      <c r="QON712" s="613"/>
      <c r="QOO712" s="613"/>
      <c r="QOP712" s="613"/>
      <c r="QOQ712" s="613"/>
      <c r="QOR712" s="613"/>
      <c r="QOS712" s="613"/>
      <c r="QOT712" s="613"/>
      <c r="QOU712" s="613"/>
      <c r="QOV712" s="613"/>
      <c r="QOW712" s="613"/>
      <c r="QOX712" s="613"/>
      <c r="QOY712" s="613"/>
      <c r="QOZ712" s="613"/>
      <c r="QPA712" s="613"/>
      <c r="QPB712" s="613"/>
      <c r="QPC712" s="613"/>
      <c r="QPD712" s="613"/>
      <c r="QPE712" s="613"/>
      <c r="QPF712" s="613"/>
      <c r="QPG712" s="613"/>
      <c r="QPH712" s="613"/>
      <c r="QPI712" s="613"/>
      <c r="QPJ712" s="613"/>
      <c r="QPK712" s="613"/>
      <c r="QPL712" s="613"/>
      <c r="QPM712" s="613"/>
      <c r="QPN712" s="613"/>
      <c r="QPO712" s="613"/>
      <c r="QPP712" s="613"/>
      <c r="QPQ712" s="613"/>
      <c r="QPR712" s="613"/>
      <c r="QPS712" s="613"/>
      <c r="QPT712" s="613"/>
      <c r="QPU712" s="613"/>
      <c r="QPV712" s="613"/>
      <c r="QPW712" s="613"/>
      <c r="QPX712" s="613"/>
      <c r="QPY712" s="613"/>
      <c r="QPZ712" s="613"/>
      <c r="QQA712" s="613"/>
      <c r="QQB712" s="613"/>
      <c r="QQC712" s="613"/>
      <c r="QQD712" s="613"/>
      <c r="QQE712" s="613"/>
      <c r="QQF712" s="613"/>
      <c r="QQG712" s="613"/>
      <c r="QQH712" s="613"/>
      <c r="QQI712" s="613"/>
      <c r="QQJ712" s="613"/>
      <c r="QQK712" s="613"/>
      <c r="QQL712" s="613"/>
      <c r="QQM712" s="613"/>
      <c r="QQN712" s="613"/>
      <c r="QQO712" s="613"/>
      <c r="QQP712" s="613"/>
      <c r="QQQ712" s="613"/>
      <c r="QQR712" s="613"/>
      <c r="QQS712" s="613"/>
      <c r="QQT712" s="613"/>
      <c r="QQU712" s="613"/>
      <c r="QQV712" s="613"/>
      <c r="QQW712" s="613"/>
      <c r="QQX712" s="613"/>
      <c r="QQY712" s="613"/>
      <c r="QQZ712" s="613"/>
      <c r="QRA712" s="613"/>
      <c r="QRB712" s="613"/>
      <c r="QRC712" s="613"/>
      <c r="QRD712" s="613"/>
      <c r="QRE712" s="613"/>
      <c r="QRF712" s="613"/>
      <c r="QRG712" s="613"/>
      <c r="QRH712" s="613"/>
      <c r="QRI712" s="613"/>
      <c r="QRJ712" s="613"/>
      <c r="QRK712" s="613"/>
      <c r="QRL712" s="613"/>
      <c r="QRM712" s="613"/>
      <c r="QRN712" s="613"/>
      <c r="QRO712" s="613"/>
      <c r="QRP712" s="613"/>
      <c r="QRQ712" s="613"/>
      <c r="QRR712" s="613"/>
      <c r="QRS712" s="613"/>
      <c r="QRT712" s="613"/>
      <c r="QRU712" s="613"/>
      <c r="QRV712" s="613"/>
      <c r="QRW712" s="613"/>
      <c r="QRX712" s="613"/>
      <c r="QRY712" s="613"/>
      <c r="QRZ712" s="613"/>
      <c r="QSA712" s="613"/>
      <c r="QSB712" s="613"/>
      <c r="QSC712" s="613"/>
      <c r="QSD712" s="613"/>
      <c r="QSE712" s="613"/>
      <c r="QSF712" s="613"/>
      <c r="QSG712" s="613"/>
      <c r="QSH712" s="613"/>
      <c r="QSI712" s="613"/>
      <c r="QSJ712" s="613"/>
      <c r="QSK712" s="613"/>
      <c r="QSL712" s="613"/>
      <c r="QSM712" s="613"/>
      <c r="QSN712" s="613"/>
      <c r="QSO712" s="613"/>
      <c r="QSP712" s="613"/>
      <c r="QSQ712" s="613"/>
      <c r="QSR712" s="613"/>
      <c r="QSS712" s="613"/>
      <c r="QST712" s="613"/>
      <c r="QSU712" s="613"/>
      <c r="QSV712" s="613"/>
      <c r="QSW712" s="613"/>
      <c r="QSX712" s="613"/>
      <c r="QSY712" s="613"/>
      <c r="QSZ712" s="613"/>
      <c r="QTA712" s="613"/>
      <c r="QTB712" s="613"/>
      <c r="QTC712" s="613"/>
      <c r="QTD712" s="613"/>
      <c r="QTE712" s="613"/>
      <c r="QTF712" s="613"/>
      <c r="QTG712" s="613"/>
      <c r="QTH712" s="613"/>
      <c r="QTI712" s="613"/>
      <c r="QTJ712" s="613"/>
      <c r="QTK712" s="613"/>
      <c r="QTL712" s="613"/>
      <c r="QTM712" s="613"/>
      <c r="QTN712" s="613"/>
      <c r="QTO712" s="613"/>
      <c r="QTP712" s="613"/>
      <c r="QTQ712" s="613"/>
      <c r="QTR712" s="613"/>
      <c r="QTS712" s="613"/>
      <c r="QTT712" s="613"/>
      <c r="QTU712" s="613"/>
      <c r="QTV712" s="613"/>
      <c r="QTW712" s="613"/>
      <c r="QTX712" s="613"/>
      <c r="QTY712" s="613"/>
      <c r="QTZ712" s="613"/>
      <c r="QUA712" s="613"/>
      <c r="QUB712" s="613"/>
      <c r="QUC712" s="613"/>
      <c r="QUD712" s="613"/>
      <c r="QUE712" s="613"/>
      <c r="QUF712" s="613"/>
      <c r="QUG712" s="613"/>
      <c r="QUH712" s="613"/>
      <c r="QUI712" s="613"/>
      <c r="QUJ712" s="613"/>
      <c r="QUK712" s="613"/>
      <c r="QUL712" s="613"/>
      <c r="QUM712" s="613"/>
      <c r="QUN712" s="613"/>
      <c r="QUO712" s="613"/>
      <c r="QUP712" s="613"/>
      <c r="QUQ712" s="613"/>
      <c r="QUR712" s="613"/>
      <c r="QUS712" s="613"/>
      <c r="QUT712" s="613"/>
      <c r="QUU712" s="613"/>
      <c r="QUV712" s="613"/>
      <c r="QUW712" s="613"/>
      <c r="QUX712" s="613"/>
      <c r="QUY712" s="613"/>
      <c r="QUZ712" s="613"/>
      <c r="QVA712" s="613"/>
      <c r="QVB712" s="613"/>
      <c r="QVC712" s="613"/>
      <c r="QVD712" s="613"/>
      <c r="QVE712" s="613"/>
      <c r="QVF712" s="613"/>
      <c r="QVG712" s="613"/>
      <c r="QVH712" s="613"/>
      <c r="QVI712" s="613"/>
      <c r="QVJ712" s="613"/>
      <c r="QVK712" s="613"/>
      <c r="QVL712" s="613"/>
      <c r="QVM712" s="613"/>
      <c r="QVN712" s="613"/>
      <c r="QVO712" s="613"/>
      <c r="QVP712" s="613"/>
      <c r="QVQ712" s="613"/>
      <c r="QVR712" s="613"/>
      <c r="QVS712" s="613"/>
      <c r="QVT712" s="613"/>
      <c r="QVU712" s="613"/>
      <c r="QVV712" s="613"/>
      <c r="QVW712" s="613"/>
      <c r="QVX712" s="613"/>
      <c r="QVY712" s="613"/>
      <c r="QVZ712" s="613"/>
      <c r="QWA712" s="613"/>
      <c r="QWB712" s="613"/>
      <c r="QWC712" s="613"/>
      <c r="QWD712" s="613"/>
      <c r="QWE712" s="613"/>
      <c r="QWF712" s="613"/>
      <c r="QWG712" s="613"/>
      <c r="QWH712" s="613"/>
      <c r="QWI712" s="613"/>
      <c r="QWJ712" s="613"/>
      <c r="QWK712" s="613"/>
      <c r="QWL712" s="613"/>
      <c r="QWM712" s="613"/>
      <c r="QWN712" s="613"/>
      <c r="QWO712" s="613"/>
      <c r="QWP712" s="613"/>
      <c r="QWQ712" s="613"/>
      <c r="QWR712" s="613"/>
      <c r="QWS712" s="613"/>
      <c r="QWT712" s="613"/>
      <c r="QWU712" s="613"/>
      <c r="QWV712" s="613"/>
      <c r="QWW712" s="613"/>
      <c r="QWX712" s="613"/>
      <c r="QWY712" s="613"/>
      <c r="QWZ712" s="613"/>
      <c r="QXA712" s="613"/>
      <c r="QXB712" s="613"/>
      <c r="QXC712" s="613"/>
      <c r="QXD712" s="613"/>
      <c r="QXE712" s="613"/>
      <c r="QXF712" s="613"/>
      <c r="QXG712" s="613"/>
      <c r="QXH712" s="613"/>
      <c r="QXI712" s="613"/>
      <c r="QXJ712" s="613"/>
      <c r="QXK712" s="613"/>
      <c r="QXL712" s="613"/>
      <c r="QXM712" s="613"/>
      <c r="QXN712" s="613"/>
      <c r="QXO712" s="613"/>
      <c r="QXP712" s="613"/>
      <c r="QXQ712" s="613"/>
      <c r="QXR712" s="613"/>
      <c r="QXS712" s="613"/>
      <c r="QXT712" s="613"/>
      <c r="QXU712" s="613"/>
      <c r="QXV712" s="613"/>
      <c r="QXW712" s="613"/>
      <c r="QXX712" s="613"/>
      <c r="QXY712" s="613"/>
      <c r="QXZ712" s="613"/>
      <c r="QYA712" s="613"/>
      <c r="QYB712" s="613"/>
      <c r="QYC712" s="613"/>
      <c r="QYD712" s="613"/>
      <c r="QYE712" s="613"/>
      <c r="QYF712" s="613"/>
      <c r="QYG712" s="613"/>
      <c r="QYH712" s="613"/>
      <c r="QYI712" s="613"/>
      <c r="QYJ712" s="613"/>
      <c r="QYK712" s="613"/>
      <c r="QYL712" s="613"/>
      <c r="QYM712" s="613"/>
      <c r="QYN712" s="613"/>
      <c r="QYO712" s="613"/>
      <c r="QYP712" s="613"/>
      <c r="QYQ712" s="613"/>
      <c r="QYR712" s="613"/>
      <c r="QYS712" s="613"/>
      <c r="QYT712" s="613"/>
      <c r="QYU712" s="613"/>
      <c r="QYV712" s="613"/>
      <c r="QYW712" s="613"/>
      <c r="QYX712" s="613"/>
      <c r="QYY712" s="613"/>
      <c r="QYZ712" s="613"/>
      <c r="QZA712" s="613"/>
      <c r="QZB712" s="613"/>
      <c r="QZC712" s="613"/>
      <c r="QZD712" s="613"/>
      <c r="QZE712" s="613"/>
      <c r="QZF712" s="613"/>
      <c r="QZG712" s="613"/>
      <c r="QZH712" s="613"/>
      <c r="QZI712" s="613"/>
      <c r="QZJ712" s="613"/>
      <c r="QZK712" s="613"/>
      <c r="QZL712" s="613"/>
      <c r="QZM712" s="613"/>
      <c r="QZN712" s="613"/>
      <c r="QZO712" s="613"/>
      <c r="QZP712" s="613"/>
      <c r="QZQ712" s="613"/>
      <c r="QZR712" s="613"/>
      <c r="QZS712" s="613"/>
      <c r="QZT712" s="613"/>
      <c r="QZU712" s="613"/>
      <c r="QZV712" s="613"/>
      <c r="QZW712" s="613"/>
      <c r="QZX712" s="613"/>
      <c r="QZY712" s="613"/>
      <c r="QZZ712" s="613"/>
      <c r="RAA712" s="613"/>
      <c r="RAB712" s="613"/>
      <c r="RAC712" s="613"/>
      <c r="RAD712" s="613"/>
      <c r="RAE712" s="613"/>
      <c r="RAF712" s="613"/>
      <c r="RAG712" s="613"/>
      <c r="RAH712" s="613"/>
      <c r="RAI712" s="613"/>
      <c r="RAJ712" s="613"/>
      <c r="RAK712" s="613"/>
      <c r="RAL712" s="613"/>
      <c r="RAM712" s="613"/>
      <c r="RAN712" s="613"/>
      <c r="RAO712" s="613"/>
      <c r="RAP712" s="613"/>
      <c r="RAQ712" s="613"/>
      <c r="RAR712" s="613"/>
      <c r="RAS712" s="613"/>
      <c r="RAT712" s="613"/>
      <c r="RAU712" s="613"/>
      <c r="RAV712" s="613"/>
      <c r="RAW712" s="613"/>
      <c r="RAX712" s="613"/>
      <c r="RAY712" s="613"/>
      <c r="RAZ712" s="613"/>
      <c r="RBA712" s="613"/>
      <c r="RBB712" s="613"/>
      <c r="RBC712" s="613"/>
      <c r="RBD712" s="613"/>
      <c r="RBE712" s="613"/>
      <c r="RBF712" s="613"/>
      <c r="RBG712" s="613"/>
      <c r="RBH712" s="613"/>
      <c r="RBI712" s="613"/>
      <c r="RBJ712" s="613"/>
      <c r="RBK712" s="613"/>
      <c r="RBL712" s="613"/>
      <c r="RBM712" s="613"/>
      <c r="RBN712" s="613"/>
      <c r="RBO712" s="613"/>
      <c r="RBP712" s="613"/>
      <c r="RBQ712" s="613"/>
      <c r="RBR712" s="613"/>
      <c r="RBS712" s="613"/>
      <c r="RBT712" s="613"/>
      <c r="RBU712" s="613"/>
      <c r="RBV712" s="613"/>
      <c r="RBW712" s="613"/>
      <c r="RBX712" s="613"/>
      <c r="RBY712" s="613"/>
      <c r="RBZ712" s="613"/>
      <c r="RCA712" s="613"/>
      <c r="RCB712" s="613"/>
      <c r="RCC712" s="613"/>
      <c r="RCD712" s="613"/>
      <c r="RCE712" s="613"/>
      <c r="RCF712" s="613"/>
      <c r="RCG712" s="613"/>
      <c r="RCH712" s="613"/>
      <c r="RCI712" s="613"/>
      <c r="RCJ712" s="613"/>
      <c r="RCK712" s="613"/>
      <c r="RCL712" s="613"/>
      <c r="RCM712" s="613"/>
      <c r="RCN712" s="613"/>
      <c r="RCO712" s="613"/>
      <c r="RCP712" s="613"/>
      <c r="RCQ712" s="613"/>
      <c r="RCR712" s="613"/>
      <c r="RCS712" s="613"/>
      <c r="RCT712" s="613"/>
      <c r="RCU712" s="613"/>
      <c r="RCV712" s="613"/>
      <c r="RCW712" s="613"/>
      <c r="RCX712" s="613"/>
      <c r="RCY712" s="613"/>
      <c r="RCZ712" s="613"/>
      <c r="RDA712" s="613"/>
      <c r="RDB712" s="613"/>
      <c r="RDC712" s="613"/>
      <c r="RDD712" s="613"/>
      <c r="RDE712" s="613"/>
      <c r="RDF712" s="613"/>
      <c r="RDG712" s="613"/>
      <c r="RDH712" s="613"/>
      <c r="RDI712" s="613"/>
      <c r="RDJ712" s="613"/>
      <c r="RDK712" s="613"/>
      <c r="RDL712" s="613"/>
      <c r="RDM712" s="613"/>
      <c r="RDN712" s="613"/>
      <c r="RDO712" s="613"/>
      <c r="RDP712" s="613"/>
      <c r="RDQ712" s="613"/>
      <c r="RDR712" s="613"/>
      <c r="RDS712" s="613"/>
      <c r="RDT712" s="613"/>
      <c r="RDU712" s="613"/>
      <c r="RDV712" s="613"/>
      <c r="RDW712" s="613"/>
      <c r="RDX712" s="613"/>
      <c r="RDY712" s="613"/>
      <c r="RDZ712" s="613"/>
      <c r="REA712" s="613"/>
      <c r="REB712" s="613"/>
      <c r="REC712" s="613"/>
      <c r="RED712" s="613"/>
      <c r="REE712" s="613"/>
      <c r="REF712" s="613"/>
      <c r="REG712" s="613"/>
      <c r="REH712" s="613"/>
      <c r="REI712" s="613"/>
      <c r="REJ712" s="613"/>
      <c r="REK712" s="613"/>
      <c r="REL712" s="613"/>
      <c r="REM712" s="613"/>
      <c r="REN712" s="613"/>
      <c r="REO712" s="613"/>
      <c r="REP712" s="613"/>
      <c r="REQ712" s="613"/>
      <c r="RER712" s="613"/>
      <c r="RES712" s="613"/>
      <c r="RET712" s="613"/>
      <c r="REU712" s="613"/>
      <c r="REV712" s="613"/>
      <c r="REW712" s="613"/>
      <c r="REX712" s="613"/>
      <c r="REY712" s="613"/>
      <c r="REZ712" s="613"/>
      <c r="RFA712" s="613"/>
      <c r="RFB712" s="613"/>
      <c r="RFC712" s="613"/>
      <c r="RFD712" s="613"/>
      <c r="RFE712" s="613"/>
      <c r="RFF712" s="613"/>
      <c r="RFG712" s="613"/>
      <c r="RFH712" s="613"/>
      <c r="RFI712" s="613"/>
      <c r="RFJ712" s="613"/>
      <c r="RFK712" s="613"/>
      <c r="RFL712" s="613"/>
      <c r="RFM712" s="613"/>
      <c r="RFN712" s="613"/>
      <c r="RFO712" s="613"/>
      <c r="RFP712" s="613"/>
      <c r="RFQ712" s="613"/>
      <c r="RFR712" s="613"/>
      <c r="RFS712" s="613"/>
      <c r="RFT712" s="613"/>
      <c r="RFU712" s="613"/>
      <c r="RFV712" s="613"/>
      <c r="RFW712" s="613"/>
      <c r="RFX712" s="613"/>
      <c r="RFY712" s="613"/>
      <c r="RFZ712" s="613"/>
      <c r="RGA712" s="613"/>
      <c r="RGB712" s="613"/>
      <c r="RGC712" s="613"/>
      <c r="RGD712" s="613"/>
      <c r="RGE712" s="613"/>
      <c r="RGF712" s="613"/>
      <c r="RGG712" s="613"/>
      <c r="RGH712" s="613"/>
      <c r="RGI712" s="613"/>
      <c r="RGJ712" s="613"/>
      <c r="RGK712" s="613"/>
      <c r="RGL712" s="613"/>
      <c r="RGM712" s="613"/>
      <c r="RGN712" s="613"/>
      <c r="RGO712" s="613"/>
      <c r="RGP712" s="613"/>
      <c r="RGQ712" s="613"/>
      <c r="RGR712" s="613"/>
      <c r="RGS712" s="613"/>
      <c r="RGT712" s="613"/>
      <c r="RGU712" s="613"/>
      <c r="RGV712" s="613"/>
      <c r="RGW712" s="613"/>
      <c r="RGX712" s="613"/>
      <c r="RGY712" s="613"/>
      <c r="RGZ712" s="613"/>
      <c r="RHA712" s="613"/>
      <c r="RHB712" s="613"/>
      <c r="RHC712" s="613"/>
      <c r="RHD712" s="613"/>
      <c r="RHE712" s="613"/>
      <c r="RHF712" s="613"/>
      <c r="RHG712" s="613"/>
      <c r="RHH712" s="613"/>
      <c r="RHI712" s="613"/>
      <c r="RHJ712" s="613"/>
      <c r="RHK712" s="613"/>
      <c r="RHL712" s="613"/>
      <c r="RHM712" s="613"/>
      <c r="RHN712" s="613"/>
      <c r="RHO712" s="613"/>
      <c r="RHP712" s="613"/>
      <c r="RHQ712" s="613"/>
      <c r="RHR712" s="613"/>
      <c r="RHS712" s="613"/>
      <c r="RHT712" s="613"/>
      <c r="RHU712" s="613"/>
      <c r="RHV712" s="613"/>
      <c r="RHW712" s="613"/>
      <c r="RHX712" s="613"/>
      <c r="RHY712" s="613"/>
      <c r="RHZ712" s="613"/>
      <c r="RIA712" s="613"/>
      <c r="RIB712" s="613"/>
      <c r="RIC712" s="613"/>
      <c r="RID712" s="613"/>
      <c r="RIE712" s="613"/>
      <c r="RIF712" s="613"/>
      <c r="RIG712" s="613"/>
      <c r="RIH712" s="613"/>
      <c r="RII712" s="613"/>
      <c r="RIJ712" s="613"/>
      <c r="RIK712" s="613"/>
      <c r="RIL712" s="613"/>
      <c r="RIM712" s="613"/>
      <c r="RIN712" s="613"/>
      <c r="RIO712" s="613"/>
      <c r="RIP712" s="613"/>
      <c r="RIQ712" s="613"/>
      <c r="RIR712" s="613"/>
      <c r="RIS712" s="613"/>
      <c r="RIT712" s="613"/>
      <c r="RIU712" s="613"/>
      <c r="RIV712" s="613"/>
      <c r="RIW712" s="613"/>
      <c r="RIX712" s="613"/>
      <c r="RIY712" s="613"/>
      <c r="RIZ712" s="613"/>
      <c r="RJA712" s="613"/>
      <c r="RJB712" s="613"/>
      <c r="RJC712" s="613"/>
      <c r="RJD712" s="613"/>
      <c r="RJE712" s="613"/>
      <c r="RJF712" s="613"/>
      <c r="RJG712" s="613"/>
      <c r="RJH712" s="613"/>
      <c r="RJI712" s="613"/>
      <c r="RJJ712" s="613"/>
      <c r="RJK712" s="613"/>
      <c r="RJL712" s="613"/>
      <c r="RJM712" s="613"/>
      <c r="RJN712" s="613"/>
      <c r="RJO712" s="613"/>
      <c r="RJP712" s="613"/>
      <c r="RJQ712" s="613"/>
      <c r="RJR712" s="613"/>
      <c r="RJS712" s="613"/>
      <c r="RJT712" s="613"/>
      <c r="RJU712" s="613"/>
      <c r="RJV712" s="613"/>
      <c r="RJW712" s="613"/>
      <c r="RJX712" s="613"/>
      <c r="RJY712" s="613"/>
      <c r="RJZ712" s="613"/>
      <c r="RKA712" s="613"/>
      <c r="RKB712" s="613"/>
      <c r="RKC712" s="613"/>
      <c r="RKD712" s="613"/>
      <c r="RKE712" s="613"/>
      <c r="RKF712" s="613"/>
      <c r="RKG712" s="613"/>
      <c r="RKH712" s="613"/>
      <c r="RKI712" s="613"/>
      <c r="RKJ712" s="613"/>
      <c r="RKK712" s="613"/>
      <c r="RKL712" s="613"/>
      <c r="RKM712" s="613"/>
      <c r="RKN712" s="613"/>
      <c r="RKO712" s="613"/>
      <c r="RKP712" s="613"/>
      <c r="RKQ712" s="613"/>
      <c r="RKR712" s="613"/>
      <c r="RKS712" s="613"/>
      <c r="RKT712" s="613"/>
      <c r="RKU712" s="613"/>
      <c r="RKV712" s="613"/>
      <c r="RKW712" s="613"/>
      <c r="RKX712" s="613"/>
      <c r="RKY712" s="613"/>
      <c r="RKZ712" s="613"/>
      <c r="RLA712" s="613"/>
      <c r="RLB712" s="613"/>
      <c r="RLC712" s="613"/>
      <c r="RLD712" s="613"/>
      <c r="RLE712" s="613"/>
      <c r="RLF712" s="613"/>
      <c r="RLG712" s="613"/>
      <c r="RLH712" s="613"/>
      <c r="RLI712" s="613"/>
      <c r="RLJ712" s="613"/>
      <c r="RLK712" s="613"/>
      <c r="RLL712" s="613"/>
      <c r="RLM712" s="613"/>
      <c r="RLN712" s="613"/>
      <c r="RLO712" s="613"/>
      <c r="RLP712" s="613"/>
      <c r="RLQ712" s="613"/>
      <c r="RLR712" s="613"/>
      <c r="RLS712" s="613"/>
      <c r="RLT712" s="613"/>
      <c r="RLU712" s="613"/>
      <c r="RLV712" s="613"/>
      <c r="RLW712" s="613"/>
      <c r="RLX712" s="613"/>
      <c r="RLY712" s="613"/>
      <c r="RLZ712" s="613"/>
      <c r="RMA712" s="613"/>
      <c r="RMB712" s="613"/>
      <c r="RMC712" s="613"/>
      <c r="RMD712" s="613"/>
      <c r="RME712" s="613"/>
      <c r="RMF712" s="613"/>
      <c r="RMG712" s="613"/>
      <c r="RMH712" s="613"/>
      <c r="RMI712" s="613"/>
      <c r="RMJ712" s="613"/>
      <c r="RMK712" s="613"/>
      <c r="RML712" s="613"/>
      <c r="RMM712" s="613"/>
      <c r="RMN712" s="613"/>
      <c r="RMO712" s="613"/>
      <c r="RMP712" s="613"/>
      <c r="RMQ712" s="613"/>
      <c r="RMR712" s="613"/>
      <c r="RMS712" s="613"/>
      <c r="RMT712" s="613"/>
      <c r="RMU712" s="613"/>
      <c r="RMV712" s="613"/>
      <c r="RMW712" s="613"/>
      <c r="RMX712" s="613"/>
      <c r="RMY712" s="613"/>
      <c r="RMZ712" s="613"/>
      <c r="RNA712" s="613"/>
      <c r="RNB712" s="613"/>
      <c r="RNC712" s="613"/>
      <c r="RND712" s="613"/>
      <c r="RNE712" s="613"/>
      <c r="RNF712" s="613"/>
      <c r="RNG712" s="613"/>
      <c r="RNH712" s="613"/>
      <c r="RNI712" s="613"/>
      <c r="RNJ712" s="613"/>
      <c r="RNK712" s="613"/>
      <c r="RNL712" s="613"/>
      <c r="RNM712" s="613"/>
      <c r="RNN712" s="613"/>
      <c r="RNO712" s="613"/>
      <c r="RNP712" s="613"/>
      <c r="RNQ712" s="613"/>
      <c r="RNR712" s="613"/>
      <c r="RNS712" s="613"/>
      <c r="RNT712" s="613"/>
      <c r="RNU712" s="613"/>
      <c r="RNV712" s="613"/>
      <c r="RNW712" s="613"/>
      <c r="RNX712" s="613"/>
      <c r="RNY712" s="613"/>
      <c r="RNZ712" s="613"/>
      <c r="ROA712" s="613"/>
      <c r="ROB712" s="613"/>
      <c r="ROC712" s="613"/>
      <c r="ROD712" s="613"/>
      <c r="ROE712" s="613"/>
      <c r="ROF712" s="613"/>
      <c r="ROG712" s="613"/>
      <c r="ROH712" s="613"/>
      <c r="ROI712" s="613"/>
      <c r="ROJ712" s="613"/>
      <c r="ROK712" s="613"/>
      <c r="ROL712" s="613"/>
      <c r="ROM712" s="613"/>
      <c r="RON712" s="613"/>
      <c r="ROO712" s="613"/>
      <c r="ROP712" s="613"/>
      <c r="ROQ712" s="613"/>
      <c r="ROR712" s="613"/>
      <c r="ROS712" s="613"/>
      <c r="ROT712" s="613"/>
      <c r="ROU712" s="613"/>
      <c r="ROV712" s="613"/>
      <c r="ROW712" s="613"/>
      <c r="ROX712" s="613"/>
      <c r="ROY712" s="613"/>
      <c r="ROZ712" s="613"/>
      <c r="RPA712" s="613"/>
      <c r="RPB712" s="613"/>
      <c r="RPC712" s="613"/>
      <c r="RPD712" s="613"/>
      <c r="RPE712" s="613"/>
      <c r="RPF712" s="613"/>
      <c r="RPG712" s="613"/>
      <c r="RPH712" s="613"/>
      <c r="RPI712" s="613"/>
      <c r="RPJ712" s="613"/>
      <c r="RPK712" s="613"/>
      <c r="RPL712" s="613"/>
      <c r="RPM712" s="613"/>
      <c r="RPN712" s="613"/>
      <c r="RPO712" s="613"/>
      <c r="RPP712" s="613"/>
      <c r="RPQ712" s="613"/>
      <c r="RPR712" s="613"/>
      <c r="RPS712" s="613"/>
      <c r="RPT712" s="613"/>
      <c r="RPU712" s="613"/>
      <c r="RPV712" s="613"/>
      <c r="RPW712" s="613"/>
      <c r="RPX712" s="613"/>
      <c r="RPY712" s="613"/>
      <c r="RPZ712" s="613"/>
      <c r="RQA712" s="613"/>
      <c r="RQB712" s="613"/>
      <c r="RQC712" s="613"/>
      <c r="RQD712" s="613"/>
      <c r="RQE712" s="613"/>
      <c r="RQF712" s="613"/>
      <c r="RQG712" s="613"/>
      <c r="RQH712" s="613"/>
      <c r="RQI712" s="613"/>
      <c r="RQJ712" s="613"/>
      <c r="RQK712" s="613"/>
      <c r="RQL712" s="613"/>
      <c r="RQM712" s="613"/>
      <c r="RQN712" s="613"/>
      <c r="RQO712" s="613"/>
      <c r="RQP712" s="613"/>
      <c r="RQQ712" s="613"/>
      <c r="RQR712" s="613"/>
      <c r="RQS712" s="613"/>
      <c r="RQT712" s="613"/>
      <c r="RQU712" s="613"/>
      <c r="RQV712" s="613"/>
      <c r="RQW712" s="613"/>
      <c r="RQX712" s="613"/>
      <c r="RQY712" s="613"/>
      <c r="RQZ712" s="613"/>
      <c r="RRA712" s="613"/>
      <c r="RRB712" s="613"/>
      <c r="RRC712" s="613"/>
      <c r="RRD712" s="613"/>
      <c r="RRE712" s="613"/>
      <c r="RRF712" s="613"/>
      <c r="RRG712" s="613"/>
      <c r="RRH712" s="613"/>
      <c r="RRI712" s="613"/>
      <c r="RRJ712" s="613"/>
      <c r="RRK712" s="613"/>
      <c r="RRL712" s="613"/>
      <c r="RRM712" s="613"/>
      <c r="RRN712" s="613"/>
      <c r="RRO712" s="613"/>
      <c r="RRP712" s="613"/>
      <c r="RRQ712" s="613"/>
      <c r="RRR712" s="613"/>
      <c r="RRS712" s="613"/>
      <c r="RRT712" s="613"/>
      <c r="RRU712" s="613"/>
      <c r="RRV712" s="613"/>
      <c r="RRW712" s="613"/>
      <c r="RRX712" s="613"/>
      <c r="RRY712" s="613"/>
      <c r="RRZ712" s="613"/>
      <c r="RSA712" s="613"/>
      <c r="RSB712" s="613"/>
      <c r="RSC712" s="613"/>
      <c r="RSD712" s="613"/>
      <c r="RSE712" s="613"/>
      <c r="RSF712" s="613"/>
      <c r="RSG712" s="613"/>
      <c r="RSH712" s="613"/>
      <c r="RSI712" s="613"/>
      <c r="RSJ712" s="613"/>
      <c r="RSK712" s="613"/>
      <c r="RSL712" s="613"/>
      <c r="RSM712" s="613"/>
      <c r="RSN712" s="613"/>
      <c r="RSO712" s="613"/>
      <c r="RSP712" s="613"/>
      <c r="RSQ712" s="613"/>
      <c r="RSR712" s="613"/>
      <c r="RSS712" s="613"/>
      <c r="RST712" s="613"/>
      <c r="RSU712" s="613"/>
      <c r="RSV712" s="613"/>
      <c r="RSW712" s="613"/>
      <c r="RSX712" s="613"/>
      <c r="RSY712" s="613"/>
      <c r="RSZ712" s="613"/>
      <c r="RTA712" s="613"/>
      <c r="RTB712" s="613"/>
      <c r="RTC712" s="613"/>
      <c r="RTD712" s="613"/>
      <c r="RTE712" s="613"/>
      <c r="RTF712" s="613"/>
      <c r="RTG712" s="613"/>
      <c r="RTH712" s="613"/>
      <c r="RTI712" s="613"/>
      <c r="RTJ712" s="613"/>
      <c r="RTK712" s="613"/>
      <c r="RTL712" s="613"/>
      <c r="RTM712" s="613"/>
      <c r="RTN712" s="613"/>
      <c r="RTO712" s="613"/>
      <c r="RTP712" s="613"/>
      <c r="RTQ712" s="613"/>
      <c r="RTR712" s="613"/>
      <c r="RTS712" s="613"/>
      <c r="RTT712" s="613"/>
      <c r="RTU712" s="613"/>
      <c r="RTV712" s="613"/>
      <c r="RTW712" s="613"/>
      <c r="RTX712" s="613"/>
      <c r="RTY712" s="613"/>
      <c r="RTZ712" s="613"/>
      <c r="RUA712" s="613"/>
      <c r="RUB712" s="613"/>
      <c r="RUC712" s="613"/>
      <c r="RUD712" s="613"/>
      <c r="RUE712" s="613"/>
      <c r="RUF712" s="613"/>
      <c r="RUG712" s="613"/>
      <c r="RUH712" s="613"/>
      <c r="RUI712" s="613"/>
      <c r="RUJ712" s="613"/>
      <c r="RUK712" s="613"/>
      <c r="RUL712" s="613"/>
      <c r="RUM712" s="613"/>
      <c r="RUN712" s="613"/>
      <c r="RUO712" s="613"/>
      <c r="RUP712" s="613"/>
      <c r="RUQ712" s="613"/>
      <c r="RUR712" s="613"/>
      <c r="RUS712" s="613"/>
      <c r="RUT712" s="613"/>
      <c r="RUU712" s="613"/>
      <c r="RUV712" s="613"/>
      <c r="RUW712" s="613"/>
      <c r="RUX712" s="613"/>
      <c r="RUY712" s="613"/>
      <c r="RUZ712" s="613"/>
      <c r="RVA712" s="613"/>
      <c r="RVB712" s="613"/>
      <c r="RVC712" s="613"/>
      <c r="RVD712" s="613"/>
      <c r="RVE712" s="613"/>
      <c r="RVF712" s="613"/>
      <c r="RVG712" s="613"/>
      <c r="RVH712" s="613"/>
      <c r="RVI712" s="613"/>
      <c r="RVJ712" s="613"/>
      <c r="RVK712" s="613"/>
      <c r="RVL712" s="613"/>
      <c r="RVM712" s="613"/>
      <c r="RVN712" s="613"/>
      <c r="RVO712" s="613"/>
      <c r="RVP712" s="613"/>
      <c r="RVQ712" s="613"/>
      <c r="RVR712" s="613"/>
      <c r="RVS712" s="613"/>
      <c r="RVT712" s="613"/>
      <c r="RVU712" s="613"/>
      <c r="RVV712" s="613"/>
      <c r="RVW712" s="613"/>
      <c r="RVX712" s="613"/>
      <c r="RVY712" s="613"/>
      <c r="RVZ712" s="613"/>
      <c r="RWA712" s="613"/>
      <c r="RWB712" s="613"/>
      <c r="RWC712" s="613"/>
      <c r="RWD712" s="613"/>
      <c r="RWE712" s="613"/>
      <c r="RWF712" s="613"/>
      <c r="RWG712" s="613"/>
      <c r="RWH712" s="613"/>
      <c r="RWI712" s="613"/>
      <c r="RWJ712" s="613"/>
      <c r="RWK712" s="613"/>
      <c r="RWL712" s="613"/>
      <c r="RWM712" s="613"/>
      <c r="RWN712" s="613"/>
      <c r="RWO712" s="613"/>
      <c r="RWP712" s="613"/>
      <c r="RWQ712" s="613"/>
      <c r="RWR712" s="613"/>
      <c r="RWS712" s="613"/>
      <c r="RWT712" s="613"/>
      <c r="RWU712" s="613"/>
      <c r="RWV712" s="613"/>
      <c r="RWW712" s="613"/>
      <c r="RWX712" s="613"/>
      <c r="RWY712" s="613"/>
      <c r="RWZ712" s="613"/>
      <c r="RXA712" s="613"/>
      <c r="RXB712" s="613"/>
      <c r="RXC712" s="613"/>
      <c r="RXD712" s="613"/>
      <c r="RXE712" s="613"/>
      <c r="RXF712" s="613"/>
      <c r="RXG712" s="613"/>
      <c r="RXH712" s="613"/>
      <c r="RXI712" s="613"/>
      <c r="RXJ712" s="613"/>
      <c r="RXK712" s="613"/>
      <c r="RXL712" s="613"/>
      <c r="RXM712" s="613"/>
      <c r="RXN712" s="613"/>
      <c r="RXO712" s="613"/>
      <c r="RXP712" s="613"/>
      <c r="RXQ712" s="613"/>
      <c r="RXR712" s="613"/>
      <c r="RXS712" s="613"/>
      <c r="RXT712" s="613"/>
      <c r="RXU712" s="613"/>
      <c r="RXV712" s="613"/>
      <c r="RXW712" s="613"/>
      <c r="RXX712" s="613"/>
      <c r="RXY712" s="613"/>
      <c r="RXZ712" s="613"/>
      <c r="RYA712" s="613"/>
      <c r="RYB712" s="613"/>
      <c r="RYC712" s="613"/>
      <c r="RYD712" s="613"/>
      <c r="RYE712" s="613"/>
      <c r="RYF712" s="613"/>
      <c r="RYG712" s="613"/>
      <c r="RYH712" s="613"/>
      <c r="RYI712" s="613"/>
      <c r="RYJ712" s="613"/>
      <c r="RYK712" s="613"/>
      <c r="RYL712" s="613"/>
      <c r="RYM712" s="613"/>
      <c r="RYN712" s="613"/>
      <c r="RYO712" s="613"/>
      <c r="RYP712" s="613"/>
      <c r="RYQ712" s="613"/>
      <c r="RYR712" s="613"/>
      <c r="RYS712" s="613"/>
      <c r="RYT712" s="613"/>
      <c r="RYU712" s="613"/>
      <c r="RYV712" s="613"/>
      <c r="RYW712" s="613"/>
      <c r="RYX712" s="613"/>
      <c r="RYY712" s="613"/>
      <c r="RYZ712" s="613"/>
      <c r="RZA712" s="613"/>
      <c r="RZB712" s="613"/>
      <c r="RZC712" s="613"/>
      <c r="RZD712" s="613"/>
      <c r="RZE712" s="613"/>
      <c r="RZF712" s="613"/>
      <c r="RZG712" s="613"/>
      <c r="RZH712" s="613"/>
      <c r="RZI712" s="613"/>
      <c r="RZJ712" s="613"/>
      <c r="RZK712" s="613"/>
      <c r="RZL712" s="613"/>
      <c r="RZM712" s="613"/>
      <c r="RZN712" s="613"/>
      <c r="RZO712" s="613"/>
      <c r="RZP712" s="613"/>
      <c r="RZQ712" s="613"/>
      <c r="RZR712" s="613"/>
      <c r="RZS712" s="613"/>
      <c r="RZT712" s="613"/>
      <c r="RZU712" s="613"/>
      <c r="RZV712" s="613"/>
      <c r="RZW712" s="613"/>
      <c r="RZX712" s="613"/>
      <c r="RZY712" s="613"/>
      <c r="RZZ712" s="613"/>
      <c r="SAA712" s="613"/>
      <c r="SAB712" s="613"/>
      <c r="SAC712" s="613"/>
      <c r="SAD712" s="613"/>
      <c r="SAE712" s="613"/>
      <c r="SAF712" s="613"/>
      <c r="SAG712" s="613"/>
      <c r="SAH712" s="613"/>
      <c r="SAI712" s="613"/>
      <c r="SAJ712" s="613"/>
      <c r="SAK712" s="613"/>
      <c r="SAL712" s="613"/>
      <c r="SAM712" s="613"/>
      <c r="SAN712" s="613"/>
      <c r="SAO712" s="613"/>
      <c r="SAP712" s="613"/>
      <c r="SAQ712" s="613"/>
      <c r="SAR712" s="613"/>
      <c r="SAS712" s="613"/>
      <c r="SAT712" s="613"/>
      <c r="SAU712" s="613"/>
      <c r="SAV712" s="613"/>
      <c r="SAW712" s="613"/>
      <c r="SAX712" s="613"/>
      <c r="SAY712" s="613"/>
      <c r="SAZ712" s="613"/>
      <c r="SBA712" s="613"/>
      <c r="SBB712" s="613"/>
      <c r="SBC712" s="613"/>
      <c r="SBD712" s="613"/>
      <c r="SBE712" s="613"/>
      <c r="SBF712" s="613"/>
      <c r="SBG712" s="613"/>
      <c r="SBH712" s="613"/>
      <c r="SBI712" s="613"/>
      <c r="SBJ712" s="613"/>
      <c r="SBK712" s="613"/>
      <c r="SBL712" s="613"/>
      <c r="SBM712" s="613"/>
      <c r="SBN712" s="613"/>
      <c r="SBO712" s="613"/>
      <c r="SBP712" s="613"/>
      <c r="SBQ712" s="613"/>
      <c r="SBR712" s="613"/>
      <c r="SBS712" s="613"/>
      <c r="SBT712" s="613"/>
      <c r="SBU712" s="613"/>
      <c r="SBV712" s="613"/>
      <c r="SBW712" s="613"/>
      <c r="SBX712" s="613"/>
      <c r="SBY712" s="613"/>
      <c r="SBZ712" s="613"/>
      <c r="SCA712" s="613"/>
      <c r="SCB712" s="613"/>
      <c r="SCC712" s="613"/>
      <c r="SCD712" s="613"/>
      <c r="SCE712" s="613"/>
      <c r="SCF712" s="613"/>
      <c r="SCG712" s="613"/>
      <c r="SCH712" s="613"/>
      <c r="SCI712" s="613"/>
      <c r="SCJ712" s="613"/>
      <c r="SCK712" s="613"/>
      <c r="SCL712" s="613"/>
      <c r="SCM712" s="613"/>
      <c r="SCN712" s="613"/>
      <c r="SCO712" s="613"/>
      <c r="SCP712" s="613"/>
      <c r="SCQ712" s="613"/>
      <c r="SCR712" s="613"/>
      <c r="SCS712" s="613"/>
      <c r="SCT712" s="613"/>
      <c r="SCU712" s="613"/>
      <c r="SCV712" s="613"/>
      <c r="SCW712" s="613"/>
      <c r="SCX712" s="613"/>
      <c r="SCY712" s="613"/>
      <c r="SCZ712" s="613"/>
      <c r="SDA712" s="613"/>
      <c r="SDB712" s="613"/>
      <c r="SDC712" s="613"/>
      <c r="SDD712" s="613"/>
      <c r="SDE712" s="613"/>
      <c r="SDF712" s="613"/>
      <c r="SDG712" s="613"/>
      <c r="SDH712" s="613"/>
      <c r="SDI712" s="613"/>
      <c r="SDJ712" s="613"/>
      <c r="SDK712" s="613"/>
      <c r="SDL712" s="613"/>
      <c r="SDM712" s="613"/>
      <c r="SDN712" s="613"/>
      <c r="SDO712" s="613"/>
      <c r="SDP712" s="613"/>
      <c r="SDQ712" s="613"/>
      <c r="SDR712" s="613"/>
      <c r="SDS712" s="613"/>
      <c r="SDT712" s="613"/>
      <c r="SDU712" s="613"/>
      <c r="SDV712" s="613"/>
      <c r="SDW712" s="613"/>
      <c r="SDX712" s="613"/>
      <c r="SDY712" s="613"/>
      <c r="SDZ712" s="613"/>
      <c r="SEA712" s="613"/>
      <c r="SEB712" s="613"/>
      <c r="SEC712" s="613"/>
      <c r="SED712" s="613"/>
      <c r="SEE712" s="613"/>
      <c r="SEF712" s="613"/>
      <c r="SEG712" s="613"/>
      <c r="SEH712" s="613"/>
      <c r="SEI712" s="613"/>
      <c r="SEJ712" s="613"/>
      <c r="SEK712" s="613"/>
      <c r="SEL712" s="613"/>
      <c r="SEM712" s="613"/>
      <c r="SEN712" s="613"/>
      <c r="SEO712" s="613"/>
      <c r="SEP712" s="613"/>
      <c r="SEQ712" s="613"/>
      <c r="SER712" s="613"/>
      <c r="SES712" s="613"/>
      <c r="SET712" s="613"/>
      <c r="SEU712" s="613"/>
      <c r="SEV712" s="613"/>
      <c r="SEW712" s="613"/>
      <c r="SEX712" s="613"/>
      <c r="SEY712" s="613"/>
      <c r="SEZ712" s="613"/>
      <c r="SFA712" s="613"/>
      <c r="SFB712" s="613"/>
      <c r="SFC712" s="613"/>
      <c r="SFD712" s="613"/>
      <c r="SFE712" s="613"/>
      <c r="SFF712" s="613"/>
      <c r="SFG712" s="613"/>
      <c r="SFH712" s="613"/>
      <c r="SFI712" s="613"/>
      <c r="SFJ712" s="613"/>
      <c r="SFK712" s="613"/>
      <c r="SFL712" s="613"/>
      <c r="SFM712" s="613"/>
      <c r="SFN712" s="613"/>
      <c r="SFO712" s="613"/>
      <c r="SFP712" s="613"/>
      <c r="SFQ712" s="613"/>
      <c r="SFR712" s="613"/>
      <c r="SFS712" s="613"/>
      <c r="SFT712" s="613"/>
      <c r="SFU712" s="613"/>
      <c r="SFV712" s="613"/>
      <c r="SFW712" s="613"/>
      <c r="SFX712" s="613"/>
      <c r="SFY712" s="613"/>
      <c r="SFZ712" s="613"/>
      <c r="SGA712" s="613"/>
      <c r="SGB712" s="613"/>
      <c r="SGC712" s="613"/>
      <c r="SGD712" s="613"/>
      <c r="SGE712" s="613"/>
      <c r="SGF712" s="613"/>
      <c r="SGG712" s="613"/>
      <c r="SGH712" s="613"/>
      <c r="SGI712" s="613"/>
      <c r="SGJ712" s="613"/>
      <c r="SGK712" s="613"/>
      <c r="SGL712" s="613"/>
      <c r="SGM712" s="613"/>
      <c r="SGN712" s="613"/>
      <c r="SGO712" s="613"/>
      <c r="SGP712" s="613"/>
      <c r="SGQ712" s="613"/>
      <c r="SGR712" s="613"/>
      <c r="SGS712" s="613"/>
      <c r="SGT712" s="613"/>
      <c r="SGU712" s="613"/>
      <c r="SGV712" s="613"/>
      <c r="SGW712" s="613"/>
      <c r="SGX712" s="613"/>
      <c r="SGY712" s="613"/>
      <c r="SGZ712" s="613"/>
      <c r="SHA712" s="613"/>
      <c r="SHB712" s="613"/>
      <c r="SHC712" s="613"/>
      <c r="SHD712" s="613"/>
      <c r="SHE712" s="613"/>
      <c r="SHF712" s="613"/>
      <c r="SHG712" s="613"/>
      <c r="SHH712" s="613"/>
      <c r="SHI712" s="613"/>
      <c r="SHJ712" s="613"/>
      <c r="SHK712" s="613"/>
      <c r="SHL712" s="613"/>
      <c r="SHM712" s="613"/>
      <c r="SHN712" s="613"/>
      <c r="SHO712" s="613"/>
      <c r="SHP712" s="613"/>
      <c r="SHQ712" s="613"/>
      <c r="SHR712" s="613"/>
      <c r="SHS712" s="613"/>
      <c r="SHT712" s="613"/>
      <c r="SHU712" s="613"/>
      <c r="SHV712" s="613"/>
      <c r="SHW712" s="613"/>
      <c r="SHX712" s="613"/>
      <c r="SHY712" s="613"/>
      <c r="SHZ712" s="613"/>
      <c r="SIA712" s="613"/>
      <c r="SIB712" s="613"/>
      <c r="SIC712" s="613"/>
      <c r="SID712" s="613"/>
      <c r="SIE712" s="613"/>
      <c r="SIF712" s="613"/>
      <c r="SIG712" s="613"/>
      <c r="SIH712" s="613"/>
      <c r="SII712" s="613"/>
      <c r="SIJ712" s="613"/>
      <c r="SIK712" s="613"/>
      <c r="SIL712" s="613"/>
      <c r="SIM712" s="613"/>
      <c r="SIN712" s="613"/>
      <c r="SIO712" s="613"/>
      <c r="SIP712" s="613"/>
      <c r="SIQ712" s="613"/>
      <c r="SIR712" s="613"/>
      <c r="SIS712" s="613"/>
      <c r="SIT712" s="613"/>
      <c r="SIU712" s="613"/>
      <c r="SIV712" s="613"/>
      <c r="SIW712" s="613"/>
      <c r="SIX712" s="613"/>
      <c r="SIY712" s="613"/>
      <c r="SIZ712" s="613"/>
      <c r="SJA712" s="613"/>
      <c r="SJB712" s="613"/>
      <c r="SJC712" s="613"/>
      <c r="SJD712" s="613"/>
      <c r="SJE712" s="613"/>
      <c r="SJF712" s="613"/>
      <c r="SJG712" s="613"/>
      <c r="SJH712" s="613"/>
      <c r="SJI712" s="613"/>
      <c r="SJJ712" s="613"/>
      <c r="SJK712" s="613"/>
      <c r="SJL712" s="613"/>
      <c r="SJM712" s="613"/>
      <c r="SJN712" s="613"/>
      <c r="SJO712" s="613"/>
      <c r="SJP712" s="613"/>
      <c r="SJQ712" s="613"/>
      <c r="SJR712" s="613"/>
      <c r="SJS712" s="613"/>
      <c r="SJT712" s="613"/>
      <c r="SJU712" s="613"/>
      <c r="SJV712" s="613"/>
      <c r="SJW712" s="613"/>
      <c r="SJX712" s="613"/>
      <c r="SJY712" s="613"/>
      <c r="SJZ712" s="613"/>
      <c r="SKA712" s="613"/>
      <c r="SKB712" s="613"/>
      <c r="SKC712" s="613"/>
      <c r="SKD712" s="613"/>
      <c r="SKE712" s="613"/>
      <c r="SKF712" s="613"/>
      <c r="SKG712" s="613"/>
      <c r="SKH712" s="613"/>
      <c r="SKI712" s="613"/>
      <c r="SKJ712" s="613"/>
      <c r="SKK712" s="613"/>
      <c r="SKL712" s="613"/>
      <c r="SKM712" s="613"/>
      <c r="SKN712" s="613"/>
      <c r="SKO712" s="613"/>
      <c r="SKP712" s="613"/>
      <c r="SKQ712" s="613"/>
      <c r="SKR712" s="613"/>
      <c r="SKS712" s="613"/>
      <c r="SKT712" s="613"/>
      <c r="SKU712" s="613"/>
      <c r="SKV712" s="613"/>
      <c r="SKW712" s="613"/>
      <c r="SKX712" s="613"/>
      <c r="SKY712" s="613"/>
      <c r="SKZ712" s="613"/>
      <c r="SLA712" s="613"/>
      <c r="SLB712" s="613"/>
      <c r="SLC712" s="613"/>
      <c r="SLD712" s="613"/>
      <c r="SLE712" s="613"/>
      <c r="SLF712" s="613"/>
      <c r="SLG712" s="613"/>
      <c r="SLH712" s="613"/>
      <c r="SLI712" s="613"/>
      <c r="SLJ712" s="613"/>
      <c r="SLK712" s="613"/>
      <c r="SLL712" s="613"/>
      <c r="SLM712" s="613"/>
      <c r="SLN712" s="613"/>
      <c r="SLO712" s="613"/>
      <c r="SLP712" s="613"/>
      <c r="SLQ712" s="613"/>
      <c r="SLR712" s="613"/>
      <c r="SLS712" s="613"/>
      <c r="SLT712" s="613"/>
      <c r="SLU712" s="613"/>
      <c r="SLV712" s="613"/>
      <c r="SLW712" s="613"/>
      <c r="SLX712" s="613"/>
      <c r="SLY712" s="613"/>
      <c r="SLZ712" s="613"/>
      <c r="SMA712" s="613"/>
      <c r="SMB712" s="613"/>
      <c r="SMC712" s="613"/>
      <c r="SMD712" s="613"/>
      <c r="SME712" s="613"/>
      <c r="SMF712" s="613"/>
      <c r="SMG712" s="613"/>
      <c r="SMH712" s="613"/>
      <c r="SMI712" s="613"/>
      <c r="SMJ712" s="613"/>
      <c r="SMK712" s="613"/>
      <c r="SML712" s="613"/>
      <c r="SMM712" s="613"/>
      <c r="SMN712" s="613"/>
      <c r="SMO712" s="613"/>
      <c r="SMP712" s="613"/>
      <c r="SMQ712" s="613"/>
      <c r="SMR712" s="613"/>
      <c r="SMS712" s="613"/>
      <c r="SMT712" s="613"/>
      <c r="SMU712" s="613"/>
      <c r="SMV712" s="613"/>
      <c r="SMW712" s="613"/>
      <c r="SMX712" s="613"/>
      <c r="SMY712" s="613"/>
      <c r="SMZ712" s="613"/>
      <c r="SNA712" s="613"/>
      <c r="SNB712" s="613"/>
      <c r="SNC712" s="613"/>
      <c r="SND712" s="613"/>
      <c r="SNE712" s="613"/>
      <c r="SNF712" s="613"/>
      <c r="SNG712" s="613"/>
      <c r="SNH712" s="613"/>
      <c r="SNI712" s="613"/>
      <c r="SNJ712" s="613"/>
      <c r="SNK712" s="613"/>
      <c r="SNL712" s="613"/>
      <c r="SNM712" s="613"/>
      <c r="SNN712" s="613"/>
      <c r="SNO712" s="613"/>
      <c r="SNP712" s="613"/>
      <c r="SNQ712" s="613"/>
      <c r="SNR712" s="613"/>
      <c r="SNS712" s="613"/>
      <c r="SNT712" s="613"/>
      <c r="SNU712" s="613"/>
      <c r="SNV712" s="613"/>
      <c r="SNW712" s="613"/>
      <c r="SNX712" s="613"/>
      <c r="SNY712" s="613"/>
      <c r="SNZ712" s="613"/>
      <c r="SOA712" s="613"/>
      <c r="SOB712" s="613"/>
      <c r="SOC712" s="613"/>
      <c r="SOD712" s="613"/>
      <c r="SOE712" s="613"/>
      <c r="SOF712" s="613"/>
      <c r="SOG712" s="613"/>
      <c r="SOH712" s="613"/>
      <c r="SOI712" s="613"/>
      <c r="SOJ712" s="613"/>
      <c r="SOK712" s="613"/>
      <c r="SOL712" s="613"/>
      <c r="SOM712" s="613"/>
      <c r="SON712" s="613"/>
      <c r="SOO712" s="613"/>
      <c r="SOP712" s="613"/>
      <c r="SOQ712" s="613"/>
      <c r="SOR712" s="613"/>
      <c r="SOS712" s="613"/>
      <c r="SOT712" s="613"/>
      <c r="SOU712" s="613"/>
      <c r="SOV712" s="613"/>
      <c r="SOW712" s="613"/>
      <c r="SOX712" s="613"/>
      <c r="SOY712" s="613"/>
      <c r="SOZ712" s="613"/>
      <c r="SPA712" s="613"/>
      <c r="SPB712" s="613"/>
      <c r="SPC712" s="613"/>
      <c r="SPD712" s="613"/>
      <c r="SPE712" s="613"/>
      <c r="SPF712" s="613"/>
      <c r="SPG712" s="613"/>
      <c r="SPH712" s="613"/>
      <c r="SPI712" s="613"/>
      <c r="SPJ712" s="613"/>
      <c r="SPK712" s="613"/>
      <c r="SPL712" s="613"/>
      <c r="SPM712" s="613"/>
      <c r="SPN712" s="613"/>
      <c r="SPO712" s="613"/>
      <c r="SPP712" s="613"/>
      <c r="SPQ712" s="613"/>
      <c r="SPR712" s="613"/>
      <c r="SPS712" s="613"/>
      <c r="SPT712" s="613"/>
      <c r="SPU712" s="613"/>
      <c r="SPV712" s="613"/>
      <c r="SPW712" s="613"/>
      <c r="SPX712" s="613"/>
      <c r="SPY712" s="613"/>
      <c r="SPZ712" s="613"/>
      <c r="SQA712" s="613"/>
      <c r="SQB712" s="613"/>
      <c r="SQC712" s="613"/>
      <c r="SQD712" s="613"/>
      <c r="SQE712" s="613"/>
      <c r="SQF712" s="613"/>
      <c r="SQG712" s="613"/>
      <c r="SQH712" s="613"/>
      <c r="SQI712" s="613"/>
      <c r="SQJ712" s="613"/>
      <c r="SQK712" s="613"/>
      <c r="SQL712" s="613"/>
      <c r="SQM712" s="613"/>
      <c r="SQN712" s="613"/>
      <c r="SQO712" s="613"/>
      <c r="SQP712" s="613"/>
      <c r="SQQ712" s="613"/>
      <c r="SQR712" s="613"/>
      <c r="SQS712" s="613"/>
      <c r="SQT712" s="613"/>
      <c r="SQU712" s="613"/>
      <c r="SQV712" s="613"/>
      <c r="SQW712" s="613"/>
      <c r="SQX712" s="613"/>
      <c r="SQY712" s="613"/>
      <c r="SQZ712" s="613"/>
      <c r="SRA712" s="613"/>
      <c r="SRB712" s="613"/>
      <c r="SRC712" s="613"/>
      <c r="SRD712" s="613"/>
      <c r="SRE712" s="613"/>
      <c r="SRF712" s="613"/>
      <c r="SRG712" s="613"/>
      <c r="SRH712" s="613"/>
      <c r="SRI712" s="613"/>
      <c r="SRJ712" s="613"/>
      <c r="SRK712" s="613"/>
      <c r="SRL712" s="613"/>
      <c r="SRM712" s="613"/>
      <c r="SRN712" s="613"/>
      <c r="SRO712" s="613"/>
      <c r="SRP712" s="613"/>
      <c r="SRQ712" s="613"/>
      <c r="SRR712" s="613"/>
      <c r="SRS712" s="613"/>
      <c r="SRT712" s="613"/>
      <c r="SRU712" s="613"/>
      <c r="SRV712" s="613"/>
      <c r="SRW712" s="613"/>
      <c r="SRX712" s="613"/>
      <c r="SRY712" s="613"/>
      <c r="SRZ712" s="613"/>
      <c r="SSA712" s="613"/>
      <c r="SSB712" s="613"/>
      <c r="SSC712" s="613"/>
      <c r="SSD712" s="613"/>
      <c r="SSE712" s="613"/>
      <c r="SSF712" s="613"/>
      <c r="SSG712" s="613"/>
      <c r="SSH712" s="613"/>
      <c r="SSI712" s="613"/>
      <c r="SSJ712" s="613"/>
      <c r="SSK712" s="613"/>
      <c r="SSL712" s="613"/>
      <c r="SSM712" s="613"/>
      <c r="SSN712" s="613"/>
      <c r="SSO712" s="613"/>
      <c r="SSP712" s="613"/>
      <c r="SSQ712" s="613"/>
      <c r="SSR712" s="613"/>
      <c r="SSS712" s="613"/>
      <c r="SST712" s="613"/>
      <c r="SSU712" s="613"/>
      <c r="SSV712" s="613"/>
      <c r="SSW712" s="613"/>
      <c r="SSX712" s="613"/>
      <c r="SSY712" s="613"/>
      <c r="SSZ712" s="613"/>
      <c r="STA712" s="613"/>
      <c r="STB712" s="613"/>
      <c r="STC712" s="613"/>
      <c r="STD712" s="613"/>
      <c r="STE712" s="613"/>
      <c r="STF712" s="613"/>
      <c r="STG712" s="613"/>
      <c r="STH712" s="613"/>
      <c r="STI712" s="613"/>
      <c r="STJ712" s="613"/>
      <c r="STK712" s="613"/>
      <c r="STL712" s="613"/>
      <c r="STM712" s="613"/>
      <c r="STN712" s="613"/>
      <c r="STO712" s="613"/>
      <c r="STP712" s="613"/>
      <c r="STQ712" s="613"/>
      <c r="STR712" s="613"/>
      <c r="STS712" s="613"/>
      <c r="STT712" s="613"/>
      <c r="STU712" s="613"/>
      <c r="STV712" s="613"/>
      <c r="STW712" s="613"/>
      <c r="STX712" s="613"/>
      <c r="STY712" s="613"/>
      <c r="STZ712" s="613"/>
      <c r="SUA712" s="613"/>
      <c r="SUB712" s="613"/>
      <c r="SUC712" s="613"/>
      <c r="SUD712" s="613"/>
      <c r="SUE712" s="613"/>
      <c r="SUF712" s="613"/>
      <c r="SUG712" s="613"/>
      <c r="SUH712" s="613"/>
      <c r="SUI712" s="613"/>
      <c r="SUJ712" s="613"/>
      <c r="SUK712" s="613"/>
      <c r="SUL712" s="613"/>
      <c r="SUM712" s="613"/>
      <c r="SUN712" s="613"/>
      <c r="SUO712" s="613"/>
      <c r="SUP712" s="613"/>
      <c r="SUQ712" s="613"/>
      <c r="SUR712" s="613"/>
      <c r="SUS712" s="613"/>
      <c r="SUT712" s="613"/>
      <c r="SUU712" s="613"/>
      <c r="SUV712" s="613"/>
      <c r="SUW712" s="613"/>
      <c r="SUX712" s="613"/>
      <c r="SUY712" s="613"/>
      <c r="SUZ712" s="613"/>
      <c r="SVA712" s="613"/>
      <c r="SVB712" s="613"/>
      <c r="SVC712" s="613"/>
      <c r="SVD712" s="613"/>
      <c r="SVE712" s="613"/>
      <c r="SVF712" s="613"/>
      <c r="SVG712" s="613"/>
      <c r="SVH712" s="613"/>
      <c r="SVI712" s="613"/>
      <c r="SVJ712" s="613"/>
      <c r="SVK712" s="613"/>
      <c r="SVL712" s="613"/>
      <c r="SVM712" s="613"/>
      <c r="SVN712" s="613"/>
      <c r="SVO712" s="613"/>
      <c r="SVP712" s="613"/>
      <c r="SVQ712" s="613"/>
      <c r="SVR712" s="613"/>
      <c r="SVS712" s="613"/>
      <c r="SVT712" s="613"/>
      <c r="SVU712" s="613"/>
      <c r="SVV712" s="613"/>
      <c r="SVW712" s="613"/>
      <c r="SVX712" s="613"/>
      <c r="SVY712" s="613"/>
      <c r="SVZ712" s="613"/>
      <c r="SWA712" s="613"/>
      <c r="SWB712" s="613"/>
      <c r="SWC712" s="613"/>
      <c r="SWD712" s="613"/>
      <c r="SWE712" s="613"/>
      <c r="SWF712" s="613"/>
      <c r="SWG712" s="613"/>
      <c r="SWH712" s="613"/>
      <c r="SWI712" s="613"/>
      <c r="SWJ712" s="613"/>
      <c r="SWK712" s="613"/>
      <c r="SWL712" s="613"/>
      <c r="SWM712" s="613"/>
      <c r="SWN712" s="613"/>
      <c r="SWO712" s="613"/>
      <c r="SWP712" s="613"/>
      <c r="SWQ712" s="613"/>
      <c r="SWR712" s="613"/>
      <c r="SWS712" s="613"/>
      <c r="SWT712" s="613"/>
      <c r="SWU712" s="613"/>
      <c r="SWV712" s="613"/>
      <c r="SWW712" s="613"/>
      <c r="SWX712" s="613"/>
      <c r="SWY712" s="613"/>
      <c r="SWZ712" s="613"/>
      <c r="SXA712" s="613"/>
      <c r="SXB712" s="613"/>
      <c r="SXC712" s="613"/>
      <c r="SXD712" s="613"/>
      <c r="SXE712" s="613"/>
      <c r="SXF712" s="613"/>
      <c r="SXG712" s="613"/>
      <c r="SXH712" s="613"/>
      <c r="SXI712" s="613"/>
      <c r="SXJ712" s="613"/>
      <c r="SXK712" s="613"/>
      <c r="SXL712" s="613"/>
      <c r="SXM712" s="613"/>
      <c r="SXN712" s="613"/>
      <c r="SXO712" s="613"/>
      <c r="SXP712" s="613"/>
      <c r="SXQ712" s="613"/>
      <c r="SXR712" s="613"/>
      <c r="SXS712" s="613"/>
      <c r="SXT712" s="613"/>
      <c r="SXU712" s="613"/>
      <c r="SXV712" s="613"/>
      <c r="SXW712" s="613"/>
      <c r="SXX712" s="613"/>
      <c r="SXY712" s="613"/>
      <c r="SXZ712" s="613"/>
      <c r="SYA712" s="613"/>
      <c r="SYB712" s="613"/>
      <c r="SYC712" s="613"/>
      <c r="SYD712" s="613"/>
      <c r="SYE712" s="613"/>
      <c r="SYF712" s="613"/>
      <c r="SYG712" s="613"/>
      <c r="SYH712" s="613"/>
      <c r="SYI712" s="613"/>
      <c r="SYJ712" s="613"/>
      <c r="SYK712" s="613"/>
      <c r="SYL712" s="613"/>
      <c r="SYM712" s="613"/>
      <c r="SYN712" s="613"/>
      <c r="SYO712" s="613"/>
      <c r="SYP712" s="613"/>
      <c r="SYQ712" s="613"/>
      <c r="SYR712" s="613"/>
      <c r="SYS712" s="613"/>
      <c r="SYT712" s="613"/>
      <c r="SYU712" s="613"/>
      <c r="SYV712" s="613"/>
      <c r="SYW712" s="613"/>
      <c r="SYX712" s="613"/>
      <c r="SYY712" s="613"/>
      <c r="SYZ712" s="613"/>
      <c r="SZA712" s="613"/>
      <c r="SZB712" s="613"/>
      <c r="SZC712" s="613"/>
      <c r="SZD712" s="613"/>
      <c r="SZE712" s="613"/>
      <c r="SZF712" s="613"/>
      <c r="SZG712" s="613"/>
      <c r="SZH712" s="613"/>
      <c r="SZI712" s="613"/>
      <c r="SZJ712" s="613"/>
      <c r="SZK712" s="613"/>
      <c r="SZL712" s="613"/>
      <c r="SZM712" s="613"/>
      <c r="SZN712" s="613"/>
      <c r="SZO712" s="613"/>
      <c r="SZP712" s="613"/>
      <c r="SZQ712" s="613"/>
      <c r="SZR712" s="613"/>
      <c r="SZS712" s="613"/>
      <c r="SZT712" s="613"/>
      <c r="SZU712" s="613"/>
      <c r="SZV712" s="613"/>
      <c r="SZW712" s="613"/>
      <c r="SZX712" s="613"/>
      <c r="SZY712" s="613"/>
      <c r="SZZ712" s="613"/>
      <c r="TAA712" s="613"/>
      <c r="TAB712" s="613"/>
      <c r="TAC712" s="613"/>
      <c r="TAD712" s="613"/>
      <c r="TAE712" s="613"/>
      <c r="TAF712" s="613"/>
      <c r="TAG712" s="613"/>
      <c r="TAH712" s="613"/>
      <c r="TAI712" s="613"/>
      <c r="TAJ712" s="613"/>
      <c r="TAK712" s="613"/>
      <c r="TAL712" s="613"/>
      <c r="TAM712" s="613"/>
      <c r="TAN712" s="613"/>
      <c r="TAO712" s="613"/>
      <c r="TAP712" s="613"/>
      <c r="TAQ712" s="613"/>
      <c r="TAR712" s="613"/>
      <c r="TAS712" s="613"/>
      <c r="TAT712" s="613"/>
      <c r="TAU712" s="613"/>
      <c r="TAV712" s="613"/>
      <c r="TAW712" s="613"/>
      <c r="TAX712" s="613"/>
      <c r="TAY712" s="613"/>
      <c r="TAZ712" s="613"/>
      <c r="TBA712" s="613"/>
      <c r="TBB712" s="613"/>
      <c r="TBC712" s="613"/>
      <c r="TBD712" s="613"/>
      <c r="TBE712" s="613"/>
      <c r="TBF712" s="613"/>
      <c r="TBG712" s="613"/>
      <c r="TBH712" s="613"/>
      <c r="TBI712" s="613"/>
      <c r="TBJ712" s="613"/>
      <c r="TBK712" s="613"/>
      <c r="TBL712" s="613"/>
      <c r="TBM712" s="613"/>
      <c r="TBN712" s="613"/>
      <c r="TBO712" s="613"/>
      <c r="TBP712" s="613"/>
      <c r="TBQ712" s="613"/>
      <c r="TBR712" s="613"/>
      <c r="TBS712" s="613"/>
      <c r="TBT712" s="613"/>
      <c r="TBU712" s="613"/>
      <c r="TBV712" s="613"/>
      <c r="TBW712" s="613"/>
      <c r="TBX712" s="613"/>
      <c r="TBY712" s="613"/>
      <c r="TBZ712" s="613"/>
      <c r="TCA712" s="613"/>
      <c r="TCB712" s="613"/>
      <c r="TCC712" s="613"/>
      <c r="TCD712" s="613"/>
      <c r="TCE712" s="613"/>
      <c r="TCF712" s="613"/>
      <c r="TCG712" s="613"/>
      <c r="TCH712" s="613"/>
      <c r="TCI712" s="613"/>
      <c r="TCJ712" s="613"/>
      <c r="TCK712" s="613"/>
      <c r="TCL712" s="613"/>
      <c r="TCM712" s="613"/>
      <c r="TCN712" s="613"/>
      <c r="TCO712" s="613"/>
      <c r="TCP712" s="613"/>
      <c r="TCQ712" s="613"/>
      <c r="TCR712" s="613"/>
      <c r="TCS712" s="613"/>
      <c r="TCT712" s="613"/>
      <c r="TCU712" s="613"/>
      <c r="TCV712" s="613"/>
      <c r="TCW712" s="613"/>
      <c r="TCX712" s="613"/>
      <c r="TCY712" s="613"/>
      <c r="TCZ712" s="613"/>
      <c r="TDA712" s="613"/>
      <c r="TDB712" s="613"/>
      <c r="TDC712" s="613"/>
      <c r="TDD712" s="613"/>
      <c r="TDE712" s="613"/>
      <c r="TDF712" s="613"/>
      <c r="TDG712" s="613"/>
      <c r="TDH712" s="613"/>
      <c r="TDI712" s="613"/>
      <c r="TDJ712" s="613"/>
      <c r="TDK712" s="613"/>
      <c r="TDL712" s="613"/>
      <c r="TDM712" s="613"/>
      <c r="TDN712" s="613"/>
      <c r="TDO712" s="613"/>
      <c r="TDP712" s="613"/>
      <c r="TDQ712" s="613"/>
      <c r="TDR712" s="613"/>
      <c r="TDS712" s="613"/>
      <c r="TDT712" s="613"/>
      <c r="TDU712" s="613"/>
      <c r="TDV712" s="613"/>
      <c r="TDW712" s="613"/>
      <c r="TDX712" s="613"/>
      <c r="TDY712" s="613"/>
      <c r="TDZ712" s="613"/>
      <c r="TEA712" s="613"/>
      <c r="TEB712" s="613"/>
      <c r="TEC712" s="613"/>
      <c r="TED712" s="613"/>
      <c r="TEE712" s="613"/>
      <c r="TEF712" s="613"/>
      <c r="TEG712" s="613"/>
      <c r="TEH712" s="613"/>
      <c r="TEI712" s="613"/>
      <c r="TEJ712" s="613"/>
      <c r="TEK712" s="613"/>
      <c r="TEL712" s="613"/>
      <c r="TEM712" s="613"/>
      <c r="TEN712" s="613"/>
      <c r="TEO712" s="613"/>
      <c r="TEP712" s="613"/>
      <c r="TEQ712" s="613"/>
      <c r="TER712" s="613"/>
      <c r="TES712" s="613"/>
      <c r="TET712" s="613"/>
      <c r="TEU712" s="613"/>
      <c r="TEV712" s="613"/>
      <c r="TEW712" s="613"/>
      <c r="TEX712" s="613"/>
      <c r="TEY712" s="613"/>
      <c r="TEZ712" s="613"/>
      <c r="TFA712" s="613"/>
      <c r="TFB712" s="613"/>
      <c r="TFC712" s="613"/>
      <c r="TFD712" s="613"/>
      <c r="TFE712" s="613"/>
      <c r="TFF712" s="613"/>
      <c r="TFG712" s="613"/>
      <c r="TFH712" s="613"/>
      <c r="TFI712" s="613"/>
      <c r="TFJ712" s="613"/>
      <c r="TFK712" s="613"/>
      <c r="TFL712" s="613"/>
      <c r="TFM712" s="613"/>
      <c r="TFN712" s="613"/>
      <c r="TFO712" s="613"/>
      <c r="TFP712" s="613"/>
      <c r="TFQ712" s="613"/>
      <c r="TFR712" s="613"/>
      <c r="TFS712" s="613"/>
      <c r="TFT712" s="613"/>
      <c r="TFU712" s="613"/>
      <c r="TFV712" s="613"/>
      <c r="TFW712" s="613"/>
      <c r="TFX712" s="613"/>
      <c r="TFY712" s="613"/>
      <c r="TFZ712" s="613"/>
      <c r="TGA712" s="613"/>
      <c r="TGB712" s="613"/>
      <c r="TGC712" s="613"/>
      <c r="TGD712" s="613"/>
      <c r="TGE712" s="613"/>
      <c r="TGF712" s="613"/>
      <c r="TGG712" s="613"/>
      <c r="TGH712" s="613"/>
      <c r="TGI712" s="613"/>
      <c r="TGJ712" s="613"/>
      <c r="TGK712" s="613"/>
      <c r="TGL712" s="613"/>
      <c r="TGM712" s="613"/>
      <c r="TGN712" s="613"/>
      <c r="TGO712" s="613"/>
      <c r="TGP712" s="613"/>
      <c r="TGQ712" s="613"/>
      <c r="TGR712" s="613"/>
      <c r="TGS712" s="613"/>
      <c r="TGT712" s="613"/>
      <c r="TGU712" s="613"/>
      <c r="TGV712" s="613"/>
      <c r="TGW712" s="613"/>
      <c r="TGX712" s="613"/>
      <c r="TGY712" s="613"/>
      <c r="TGZ712" s="613"/>
      <c r="THA712" s="613"/>
      <c r="THB712" s="613"/>
      <c r="THC712" s="613"/>
      <c r="THD712" s="613"/>
      <c r="THE712" s="613"/>
      <c r="THF712" s="613"/>
      <c r="THG712" s="613"/>
      <c r="THH712" s="613"/>
      <c r="THI712" s="613"/>
      <c r="THJ712" s="613"/>
      <c r="THK712" s="613"/>
      <c r="THL712" s="613"/>
      <c r="THM712" s="613"/>
      <c r="THN712" s="613"/>
      <c r="THO712" s="613"/>
      <c r="THP712" s="613"/>
      <c r="THQ712" s="613"/>
      <c r="THR712" s="613"/>
      <c r="THS712" s="613"/>
      <c r="THT712" s="613"/>
      <c r="THU712" s="613"/>
      <c r="THV712" s="613"/>
      <c r="THW712" s="613"/>
      <c r="THX712" s="613"/>
      <c r="THY712" s="613"/>
      <c r="THZ712" s="613"/>
      <c r="TIA712" s="613"/>
      <c r="TIB712" s="613"/>
      <c r="TIC712" s="613"/>
      <c r="TID712" s="613"/>
      <c r="TIE712" s="613"/>
      <c r="TIF712" s="613"/>
      <c r="TIG712" s="613"/>
      <c r="TIH712" s="613"/>
      <c r="TII712" s="613"/>
      <c r="TIJ712" s="613"/>
      <c r="TIK712" s="613"/>
      <c r="TIL712" s="613"/>
      <c r="TIM712" s="613"/>
      <c r="TIN712" s="613"/>
      <c r="TIO712" s="613"/>
      <c r="TIP712" s="613"/>
      <c r="TIQ712" s="613"/>
      <c r="TIR712" s="613"/>
      <c r="TIS712" s="613"/>
      <c r="TIT712" s="613"/>
      <c r="TIU712" s="613"/>
      <c r="TIV712" s="613"/>
      <c r="TIW712" s="613"/>
      <c r="TIX712" s="613"/>
      <c r="TIY712" s="613"/>
      <c r="TIZ712" s="613"/>
      <c r="TJA712" s="613"/>
      <c r="TJB712" s="613"/>
      <c r="TJC712" s="613"/>
      <c r="TJD712" s="613"/>
      <c r="TJE712" s="613"/>
      <c r="TJF712" s="613"/>
      <c r="TJG712" s="613"/>
      <c r="TJH712" s="613"/>
      <c r="TJI712" s="613"/>
      <c r="TJJ712" s="613"/>
      <c r="TJK712" s="613"/>
      <c r="TJL712" s="613"/>
      <c r="TJM712" s="613"/>
      <c r="TJN712" s="613"/>
      <c r="TJO712" s="613"/>
      <c r="TJP712" s="613"/>
      <c r="TJQ712" s="613"/>
      <c r="TJR712" s="613"/>
      <c r="TJS712" s="613"/>
      <c r="TJT712" s="613"/>
      <c r="TJU712" s="613"/>
      <c r="TJV712" s="613"/>
      <c r="TJW712" s="613"/>
      <c r="TJX712" s="613"/>
      <c r="TJY712" s="613"/>
      <c r="TJZ712" s="613"/>
      <c r="TKA712" s="613"/>
      <c r="TKB712" s="613"/>
      <c r="TKC712" s="613"/>
      <c r="TKD712" s="613"/>
      <c r="TKE712" s="613"/>
      <c r="TKF712" s="613"/>
      <c r="TKG712" s="613"/>
      <c r="TKH712" s="613"/>
      <c r="TKI712" s="613"/>
      <c r="TKJ712" s="613"/>
      <c r="TKK712" s="613"/>
      <c r="TKL712" s="613"/>
      <c r="TKM712" s="613"/>
      <c r="TKN712" s="613"/>
      <c r="TKO712" s="613"/>
      <c r="TKP712" s="613"/>
      <c r="TKQ712" s="613"/>
      <c r="TKR712" s="613"/>
      <c r="TKS712" s="613"/>
      <c r="TKT712" s="613"/>
      <c r="TKU712" s="613"/>
      <c r="TKV712" s="613"/>
      <c r="TKW712" s="613"/>
      <c r="TKX712" s="613"/>
      <c r="TKY712" s="613"/>
      <c r="TKZ712" s="613"/>
      <c r="TLA712" s="613"/>
      <c r="TLB712" s="613"/>
      <c r="TLC712" s="613"/>
      <c r="TLD712" s="613"/>
      <c r="TLE712" s="613"/>
      <c r="TLF712" s="613"/>
      <c r="TLG712" s="613"/>
      <c r="TLH712" s="613"/>
      <c r="TLI712" s="613"/>
      <c r="TLJ712" s="613"/>
      <c r="TLK712" s="613"/>
      <c r="TLL712" s="613"/>
      <c r="TLM712" s="613"/>
      <c r="TLN712" s="613"/>
      <c r="TLO712" s="613"/>
      <c r="TLP712" s="613"/>
      <c r="TLQ712" s="613"/>
      <c r="TLR712" s="613"/>
      <c r="TLS712" s="613"/>
      <c r="TLT712" s="613"/>
      <c r="TLU712" s="613"/>
      <c r="TLV712" s="613"/>
      <c r="TLW712" s="613"/>
      <c r="TLX712" s="613"/>
      <c r="TLY712" s="613"/>
      <c r="TLZ712" s="613"/>
      <c r="TMA712" s="613"/>
      <c r="TMB712" s="613"/>
      <c r="TMC712" s="613"/>
      <c r="TMD712" s="613"/>
      <c r="TME712" s="613"/>
      <c r="TMF712" s="613"/>
      <c r="TMG712" s="613"/>
      <c r="TMH712" s="613"/>
      <c r="TMI712" s="613"/>
      <c r="TMJ712" s="613"/>
      <c r="TMK712" s="613"/>
      <c r="TML712" s="613"/>
      <c r="TMM712" s="613"/>
      <c r="TMN712" s="613"/>
      <c r="TMO712" s="613"/>
      <c r="TMP712" s="613"/>
      <c r="TMQ712" s="613"/>
      <c r="TMR712" s="613"/>
      <c r="TMS712" s="613"/>
      <c r="TMT712" s="613"/>
      <c r="TMU712" s="613"/>
      <c r="TMV712" s="613"/>
      <c r="TMW712" s="613"/>
      <c r="TMX712" s="613"/>
      <c r="TMY712" s="613"/>
      <c r="TMZ712" s="613"/>
      <c r="TNA712" s="613"/>
      <c r="TNB712" s="613"/>
      <c r="TNC712" s="613"/>
      <c r="TND712" s="613"/>
      <c r="TNE712" s="613"/>
      <c r="TNF712" s="613"/>
      <c r="TNG712" s="613"/>
      <c r="TNH712" s="613"/>
      <c r="TNI712" s="613"/>
      <c r="TNJ712" s="613"/>
      <c r="TNK712" s="613"/>
      <c r="TNL712" s="613"/>
      <c r="TNM712" s="613"/>
      <c r="TNN712" s="613"/>
      <c r="TNO712" s="613"/>
      <c r="TNP712" s="613"/>
      <c r="TNQ712" s="613"/>
      <c r="TNR712" s="613"/>
      <c r="TNS712" s="613"/>
      <c r="TNT712" s="613"/>
      <c r="TNU712" s="613"/>
      <c r="TNV712" s="613"/>
      <c r="TNW712" s="613"/>
      <c r="TNX712" s="613"/>
      <c r="TNY712" s="613"/>
      <c r="TNZ712" s="613"/>
      <c r="TOA712" s="613"/>
      <c r="TOB712" s="613"/>
      <c r="TOC712" s="613"/>
      <c r="TOD712" s="613"/>
      <c r="TOE712" s="613"/>
      <c r="TOF712" s="613"/>
      <c r="TOG712" s="613"/>
      <c r="TOH712" s="613"/>
      <c r="TOI712" s="613"/>
      <c r="TOJ712" s="613"/>
      <c r="TOK712" s="613"/>
      <c r="TOL712" s="613"/>
      <c r="TOM712" s="613"/>
      <c r="TON712" s="613"/>
      <c r="TOO712" s="613"/>
      <c r="TOP712" s="613"/>
      <c r="TOQ712" s="613"/>
      <c r="TOR712" s="613"/>
      <c r="TOS712" s="613"/>
      <c r="TOT712" s="613"/>
      <c r="TOU712" s="613"/>
      <c r="TOV712" s="613"/>
      <c r="TOW712" s="613"/>
      <c r="TOX712" s="613"/>
      <c r="TOY712" s="613"/>
      <c r="TOZ712" s="613"/>
      <c r="TPA712" s="613"/>
      <c r="TPB712" s="613"/>
      <c r="TPC712" s="613"/>
      <c r="TPD712" s="613"/>
      <c r="TPE712" s="613"/>
      <c r="TPF712" s="613"/>
      <c r="TPG712" s="613"/>
      <c r="TPH712" s="613"/>
      <c r="TPI712" s="613"/>
      <c r="TPJ712" s="613"/>
      <c r="TPK712" s="613"/>
      <c r="TPL712" s="613"/>
      <c r="TPM712" s="613"/>
      <c r="TPN712" s="613"/>
      <c r="TPO712" s="613"/>
      <c r="TPP712" s="613"/>
      <c r="TPQ712" s="613"/>
      <c r="TPR712" s="613"/>
      <c r="TPS712" s="613"/>
      <c r="TPT712" s="613"/>
      <c r="TPU712" s="613"/>
      <c r="TPV712" s="613"/>
      <c r="TPW712" s="613"/>
      <c r="TPX712" s="613"/>
      <c r="TPY712" s="613"/>
      <c r="TPZ712" s="613"/>
      <c r="TQA712" s="613"/>
      <c r="TQB712" s="613"/>
      <c r="TQC712" s="613"/>
      <c r="TQD712" s="613"/>
      <c r="TQE712" s="613"/>
      <c r="TQF712" s="613"/>
      <c r="TQG712" s="613"/>
      <c r="TQH712" s="613"/>
      <c r="TQI712" s="613"/>
      <c r="TQJ712" s="613"/>
      <c r="TQK712" s="613"/>
      <c r="TQL712" s="613"/>
      <c r="TQM712" s="613"/>
      <c r="TQN712" s="613"/>
      <c r="TQO712" s="613"/>
      <c r="TQP712" s="613"/>
      <c r="TQQ712" s="613"/>
      <c r="TQR712" s="613"/>
      <c r="TQS712" s="613"/>
      <c r="TQT712" s="613"/>
      <c r="TQU712" s="613"/>
      <c r="TQV712" s="613"/>
      <c r="TQW712" s="613"/>
      <c r="TQX712" s="613"/>
      <c r="TQY712" s="613"/>
      <c r="TQZ712" s="613"/>
      <c r="TRA712" s="613"/>
      <c r="TRB712" s="613"/>
      <c r="TRC712" s="613"/>
      <c r="TRD712" s="613"/>
      <c r="TRE712" s="613"/>
      <c r="TRF712" s="613"/>
      <c r="TRG712" s="613"/>
      <c r="TRH712" s="613"/>
      <c r="TRI712" s="613"/>
      <c r="TRJ712" s="613"/>
      <c r="TRK712" s="613"/>
      <c r="TRL712" s="613"/>
      <c r="TRM712" s="613"/>
      <c r="TRN712" s="613"/>
      <c r="TRO712" s="613"/>
      <c r="TRP712" s="613"/>
      <c r="TRQ712" s="613"/>
      <c r="TRR712" s="613"/>
      <c r="TRS712" s="613"/>
      <c r="TRT712" s="613"/>
      <c r="TRU712" s="613"/>
      <c r="TRV712" s="613"/>
      <c r="TRW712" s="613"/>
      <c r="TRX712" s="613"/>
      <c r="TRY712" s="613"/>
      <c r="TRZ712" s="613"/>
      <c r="TSA712" s="613"/>
      <c r="TSB712" s="613"/>
      <c r="TSC712" s="613"/>
      <c r="TSD712" s="613"/>
      <c r="TSE712" s="613"/>
      <c r="TSF712" s="613"/>
      <c r="TSG712" s="613"/>
      <c r="TSH712" s="613"/>
      <c r="TSI712" s="613"/>
      <c r="TSJ712" s="613"/>
      <c r="TSK712" s="613"/>
      <c r="TSL712" s="613"/>
      <c r="TSM712" s="613"/>
      <c r="TSN712" s="613"/>
      <c r="TSO712" s="613"/>
      <c r="TSP712" s="613"/>
      <c r="TSQ712" s="613"/>
      <c r="TSR712" s="613"/>
      <c r="TSS712" s="613"/>
      <c r="TST712" s="613"/>
      <c r="TSU712" s="613"/>
      <c r="TSV712" s="613"/>
      <c r="TSW712" s="613"/>
      <c r="TSX712" s="613"/>
      <c r="TSY712" s="613"/>
      <c r="TSZ712" s="613"/>
      <c r="TTA712" s="613"/>
      <c r="TTB712" s="613"/>
      <c r="TTC712" s="613"/>
      <c r="TTD712" s="613"/>
      <c r="TTE712" s="613"/>
      <c r="TTF712" s="613"/>
      <c r="TTG712" s="613"/>
      <c r="TTH712" s="613"/>
      <c r="TTI712" s="613"/>
      <c r="TTJ712" s="613"/>
      <c r="TTK712" s="613"/>
      <c r="TTL712" s="613"/>
      <c r="TTM712" s="613"/>
      <c r="TTN712" s="613"/>
      <c r="TTO712" s="613"/>
      <c r="TTP712" s="613"/>
      <c r="TTQ712" s="613"/>
      <c r="TTR712" s="613"/>
      <c r="TTS712" s="613"/>
      <c r="TTT712" s="613"/>
      <c r="TTU712" s="613"/>
      <c r="TTV712" s="613"/>
      <c r="TTW712" s="613"/>
      <c r="TTX712" s="613"/>
      <c r="TTY712" s="613"/>
      <c r="TTZ712" s="613"/>
      <c r="TUA712" s="613"/>
      <c r="TUB712" s="613"/>
      <c r="TUC712" s="613"/>
      <c r="TUD712" s="613"/>
      <c r="TUE712" s="613"/>
      <c r="TUF712" s="613"/>
      <c r="TUG712" s="613"/>
      <c r="TUH712" s="613"/>
      <c r="TUI712" s="613"/>
      <c r="TUJ712" s="613"/>
      <c r="TUK712" s="613"/>
      <c r="TUL712" s="613"/>
      <c r="TUM712" s="613"/>
      <c r="TUN712" s="613"/>
      <c r="TUO712" s="613"/>
      <c r="TUP712" s="613"/>
      <c r="TUQ712" s="613"/>
      <c r="TUR712" s="613"/>
      <c r="TUS712" s="613"/>
      <c r="TUT712" s="613"/>
      <c r="TUU712" s="613"/>
      <c r="TUV712" s="613"/>
      <c r="TUW712" s="613"/>
      <c r="TUX712" s="613"/>
      <c r="TUY712" s="613"/>
      <c r="TUZ712" s="613"/>
      <c r="TVA712" s="613"/>
      <c r="TVB712" s="613"/>
      <c r="TVC712" s="613"/>
      <c r="TVD712" s="613"/>
      <c r="TVE712" s="613"/>
      <c r="TVF712" s="613"/>
      <c r="TVG712" s="613"/>
      <c r="TVH712" s="613"/>
      <c r="TVI712" s="613"/>
      <c r="TVJ712" s="613"/>
      <c r="TVK712" s="613"/>
      <c r="TVL712" s="613"/>
      <c r="TVM712" s="613"/>
      <c r="TVN712" s="613"/>
      <c r="TVO712" s="613"/>
      <c r="TVP712" s="613"/>
      <c r="TVQ712" s="613"/>
      <c r="TVR712" s="613"/>
      <c r="TVS712" s="613"/>
      <c r="TVT712" s="613"/>
      <c r="TVU712" s="613"/>
      <c r="TVV712" s="613"/>
      <c r="TVW712" s="613"/>
      <c r="TVX712" s="613"/>
      <c r="TVY712" s="613"/>
      <c r="TVZ712" s="613"/>
      <c r="TWA712" s="613"/>
      <c r="TWB712" s="613"/>
      <c r="TWC712" s="613"/>
      <c r="TWD712" s="613"/>
      <c r="TWE712" s="613"/>
      <c r="TWF712" s="613"/>
      <c r="TWG712" s="613"/>
      <c r="TWH712" s="613"/>
      <c r="TWI712" s="613"/>
      <c r="TWJ712" s="613"/>
      <c r="TWK712" s="613"/>
      <c r="TWL712" s="613"/>
      <c r="TWM712" s="613"/>
      <c r="TWN712" s="613"/>
      <c r="TWO712" s="613"/>
      <c r="TWP712" s="613"/>
      <c r="TWQ712" s="613"/>
      <c r="TWR712" s="613"/>
      <c r="TWS712" s="613"/>
      <c r="TWT712" s="613"/>
      <c r="TWU712" s="613"/>
      <c r="TWV712" s="613"/>
      <c r="TWW712" s="613"/>
      <c r="TWX712" s="613"/>
      <c r="TWY712" s="613"/>
      <c r="TWZ712" s="613"/>
      <c r="TXA712" s="613"/>
      <c r="TXB712" s="613"/>
      <c r="TXC712" s="613"/>
      <c r="TXD712" s="613"/>
      <c r="TXE712" s="613"/>
      <c r="TXF712" s="613"/>
      <c r="TXG712" s="613"/>
      <c r="TXH712" s="613"/>
      <c r="TXI712" s="613"/>
      <c r="TXJ712" s="613"/>
      <c r="TXK712" s="613"/>
      <c r="TXL712" s="613"/>
      <c r="TXM712" s="613"/>
      <c r="TXN712" s="613"/>
      <c r="TXO712" s="613"/>
      <c r="TXP712" s="613"/>
      <c r="TXQ712" s="613"/>
      <c r="TXR712" s="613"/>
      <c r="TXS712" s="613"/>
      <c r="TXT712" s="613"/>
      <c r="TXU712" s="613"/>
      <c r="TXV712" s="613"/>
      <c r="TXW712" s="613"/>
      <c r="TXX712" s="613"/>
      <c r="TXY712" s="613"/>
      <c r="TXZ712" s="613"/>
      <c r="TYA712" s="613"/>
      <c r="TYB712" s="613"/>
      <c r="TYC712" s="613"/>
      <c r="TYD712" s="613"/>
      <c r="TYE712" s="613"/>
      <c r="TYF712" s="613"/>
      <c r="TYG712" s="613"/>
      <c r="TYH712" s="613"/>
      <c r="TYI712" s="613"/>
      <c r="TYJ712" s="613"/>
      <c r="TYK712" s="613"/>
      <c r="TYL712" s="613"/>
      <c r="TYM712" s="613"/>
      <c r="TYN712" s="613"/>
      <c r="TYO712" s="613"/>
      <c r="TYP712" s="613"/>
      <c r="TYQ712" s="613"/>
      <c r="TYR712" s="613"/>
      <c r="TYS712" s="613"/>
      <c r="TYT712" s="613"/>
      <c r="TYU712" s="613"/>
      <c r="TYV712" s="613"/>
      <c r="TYW712" s="613"/>
      <c r="TYX712" s="613"/>
      <c r="TYY712" s="613"/>
      <c r="TYZ712" s="613"/>
      <c r="TZA712" s="613"/>
      <c r="TZB712" s="613"/>
      <c r="TZC712" s="613"/>
      <c r="TZD712" s="613"/>
      <c r="TZE712" s="613"/>
      <c r="TZF712" s="613"/>
      <c r="TZG712" s="613"/>
      <c r="TZH712" s="613"/>
      <c r="TZI712" s="613"/>
      <c r="TZJ712" s="613"/>
      <c r="TZK712" s="613"/>
      <c r="TZL712" s="613"/>
      <c r="TZM712" s="613"/>
      <c r="TZN712" s="613"/>
      <c r="TZO712" s="613"/>
      <c r="TZP712" s="613"/>
      <c r="TZQ712" s="613"/>
      <c r="TZR712" s="613"/>
      <c r="TZS712" s="613"/>
      <c r="TZT712" s="613"/>
      <c r="TZU712" s="613"/>
      <c r="TZV712" s="613"/>
      <c r="TZW712" s="613"/>
      <c r="TZX712" s="613"/>
      <c r="TZY712" s="613"/>
      <c r="TZZ712" s="613"/>
      <c r="UAA712" s="613"/>
      <c r="UAB712" s="613"/>
      <c r="UAC712" s="613"/>
      <c r="UAD712" s="613"/>
      <c r="UAE712" s="613"/>
      <c r="UAF712" s="613"/>
      <c r="UAG712" s="613"/>
      <c r="UAH712" s="613"/>
      <c r="UAI712" s="613"/>
      <c r="UAJ712" s="613"/>
      <c r="UAK712" s="613"/>
      <c r="UAL712" s="613"/>
      <c r="UAM712" s="613"/>
      <c r="UAN712" s="613"/>
      <c r="UAO712" s="613"/>
      <c r="UAP712" s="613"/>
      <c r="UAQ712" s="613"/>
      <c r="UAR712" s="613"/>
      <c r="UAS712" s="613"/>
      <c r="UAT712" s="613"/>
      <c r="UAU712" s="613"/>
      <c r="UAV712" s="613"/>
      <c r="UAW712" s="613"/>
      <c r="UAX712" s="613"/>
      <c r="UAY712" s="613"/>
      <c r="UAZ712" s="613"/>
      <c r="UBA712" s="613"/>
      <c r="UBB712" s="613"/>
      <c r="UBC712" s="613"/>
      <c r="UBD712" s="613"/>
      <c r="UBE712" s="613"/>
      <c r="UBF712" s="613"/>
      <c r="UBG712" s="613"/>
      <c r="UBH712" s="613"/>
      <c r="UBI712" s="613"/>
      <c r="UBJ712" s="613"/>
      <c r="UBK712" s="613"/>
      <c r="UBL712" s="613"/>
      <c r="UBM712" s="613"/>
      <c r="UBN712" s="613"/>
      <c r="UBO712" s="613"/>
      <c r="UBP712" s="613"/>
      <c r="UBQ712" s="613"/>
      <c r="UBR712" s="613"/>
      <c r="UBS712" s="613"/>
      <c r="UBT712" s="613"/>
      <c r="UBU712" s="613"/>
      <c r="UBV712" s="613"/>
      <c r="UBW712" s="613"/>
      <c r="UBX712" s="613"/>
      <c r="UBY712" s="613"/>
      <c r="UBZ712" s="613"/>
      <c r="UCA712" s="613"/>
      <c r="UCB712" s="613"/>
      <c r="UCC712" s="613"/>
      <c r="UCD712" s="613"/>
      <c r="UCE712" s="613"/>
      <c r="UCF712" s="613"/>
      <c r="UCG712" s="613"/>
      <c r="UCH712" s="613"/>
      <c r="UCI712" s="613"/>
      <c r="UCJ712" s="613"/>
      <c r="UCK712" s="613"/>
      <c r="UCL712" s="613"/>
      <c r="UCM712" s="613"/>
      <c r="UCN712" s="613"/>
      <c r="UCO712" s="613"/>
      <c r="UCP712" s="613"/>
      <c r="UCQ712" s="613"/>
      <c r="UCR712" s="613"/>
      <c r="UCS712" s="613"/>
      <c r="UCT712" s="613"/>
      <c r="UCU712" s="613"/>
      <c r="UCV712" s="613"/>
      <c r="UCW712" s="613"/>
      <c r="UCX712" s="613"/>
      <c r="UCY712" s="613"/>
      <c r="UCZ712" s="613"/>
      <c r="UDA712" s="613"/>
      <c r="UDB712" s="613"/>
      <c r="UDC712" s="613"/>
      <c r="UDD712" s="613"/>
      <c r="UDE712" s="613"/>
      <c r="UDF712" s="613"/>
      <c r="UDG712" s="613"/>
      <c r="UDH712" s="613"/>
      <c r="UDI712" s="613"/>
      <c r="UDJ712" s="613"/>
      <c r="UDK712" s="613"/>
      <c r="UDL712" s="613"/>
      <c r="UDM712" s="613"/>
      <c r="UDN712" s="613"/>
      <c r="UDO712" s="613"/>
      <c r="UDP712" s="613"/>
      <c r="UDQ712" s="613"/>
      <c r="UDR712" s="613"/>
      <c r="UDS712" s="613"/>
      <c r="UDT712" s="613"/>
      <c r="UDU712" s="613"/>
      <c r="UDV712" s="613"/>
      <c r="UDW712" s="613"/>
      <c r="UDX712" s="613"/>
      <c r="UDY712" s="613"/>
      <c r="UDZ712" s="613"/>
      <c r="UEA712" s="613"/>
      <c r="UEB712" s="613"/>
      <c r="UEC712" s="613"/>
      <c r="UED712" s="613"/>
      <c r="UEE712" s="613"/>
      <c r="UEF712" s="613"/>
      <c r="UEG712" s="613"/>
      <c r="UEH712" s="613"/>
      <c r="UEI712" s="613"/>
      <c r="UEJ712" s="613"/>
      <c r="UEK712" s="613"/>
      <c r="UEL712" s="613"/>
      <c r="UEM712" s="613"/>
      <c r="UEN712" s="613"/>
      <c r="UEO712" s="613"/>
      <c r="UEP712" s="613"/>
      <c r="UEQ712" s="613"/>
      <c r="UER712" s="613"/>
      <c r="UES712" s="613"/>
      <c r="UET712" s="613"/>
      <c r="UEU712" s="613"/>
      <c r="UEV712" s="613"/>
      <c r="UEW712" s="613"/>
      <c r="UEX712" s="613"/>
      <c r="UEY712" s="613"/>
      <c r="UEZ712" s="613"/>
      <c r="UFA712" s="613"/>
      <c r="UFB712" s="613"/>
      <c r="UFC712" s="613"/>
      <c r="UFD712" s="613"/>
      <c r="UFE712" s="613"/>
      <c r="UFF712" s="613"/>
      <c r="UFG712" s="613"/>
      <c r="UFH712" s="613"/>
      <c r="UFI712" s="613"/>
      <c r="UFJ712" s="613"/>
      <c r="UFK712" s="613"/>
      <c r="UFL712" s="613"/>
      <c r="UFM712" s="613"/>
      <c r="UFN712" s="613"/>
      <c r="UFO712" s="613"/>
      <c r="UFP712" s="613"/>
      <c r="UFQ712" s="613"/>
      <c r="UFR712" s="613"/>
      <c r="UFS712" s="613"/>
      <c r="UFT712" s="613"/>
      <c r="UFU712" s="613"/>
      <c r="UFV712" s="613"/>
      <c r="UFW712" s="613"/>
      <c r="UFX712" s="613"/>
      <c r="UFY712" s="613"/>
      <c r="UFZ712" s="613"/>
      <c r="UGA712" s="613"/>
      <c r="UGB712" s="613"/>
      <c r="UGC712" s="613"/>
      <c r="UGD712" s="613"/>
      <c r="UGE712" s="613"/>
      <c r="UGF712" s="613"/>
      <c r="UGG712" s="613"/>
      <c r="UGH712" s="613"/>
      <c r="UGI712" s="613"/>
      <c r="UGJ712" s="613"/>
      <c r="UGK712" s="613"/>
      <c r="UGL712" s="613"/>
      <c r="UGM712" s="613"/>
      <c r="UGN712" s="613"/>
      <c r="UGO712" s="613"/>
      <c r="UGP712" s="613"/>
      <c r="UGQ712" s="613"/>
      <c r="UGR712" s="613"/>
      <c r="UGS712" s="613"/>
      <c r="UGT712" s="613"/>
      <c r="UGU712" s="613"/>
      <c r="UGV712" s="613"/>
      <c r="UGW712" s="613"/>
      <c r="UGX712" s="613"/>
      <c r="UGY712" s="613"/>
      <c r="UGZ712" s="613"/>
      <c r="UHA712" s="613"/>
      <c r="UHB712" s="613"/>
      <c r="UHC712" s="613"/>
      <c r="UHD712" s="613"/>
      <c r="UHE712" s="613"/>
      <c r="UHF712" s="613"/>
      <c r="UHG712" s="613"/>
      <c r="UHH712" s="613"/>
      <c r="UHI712" s="613"/>
      <c r="UHJ712" s="613"/>
      <c r="UHK712" s="613"/>
      <c r="UHL712" s="613"/>
      <c r="UHM712" s="613"/>
      <c r="UHN712" s="613"/>
      <c r="UHO712" s="613"/>
      <c r="UHP712" s="613"/>
      <c r="UHQ712" s="613"/>
      <c r="UHR712" s="613"/>
      <c r="UHS712" s="613"/>
      <c r="UHT712" s="613"/>
      <c r="UHU712" s="613"/>
      <c r="UHV712" s="613"/>
      <c r="UHW712" s="613"/>
      <c r="UHX712" s="613"/>
      <c r="UHY712" s="613"/>
      <c r="UHZ712" s="613"/>
      <c r="UIA712" s="613"/>
      <c r="UIB712" s="613"/>
      <c r="UIC712" s="613"/>
      <c r="UID712" s="613"/>
      <c r="UIE712" s="613"/>
      <c r="UIF712" s="613"/>
      <c r="UIG712" s="613"/>
      <c r="UIH712" s="613"/>
      <c r="UII712" s="613"/>
      <c r="UIJ712" s="613"/>
      <c r="UIK712" s="613"/>
      <c r="UIL712" s="613"/>
      <c r="UIM712" s="613"/>
      <c r="UIN712" s="613"/>
      <c r="UIO712" s="613"/>
      <c r="UIP712" s="613"/>
      <c r="UIQ712" s="613"/>
      <c r="UIR712" s="613"/>
      <c r="UIS712" s="613"/>
      <c r="UIT712" s="613"/>
      <c r="UIU712" s="613"/>
      <c r="UIV712" s="613"/>
      <c r="UIW712" s="613"/>
      <c r="UIX712" s="613"/>
      <c r="UIY712" s="613"/>
      <c r="UIZ712" s="613"/>
      <c r="UJA712" s="613"/>
      <c r="UJB712" s="613"/>
      <c r="UJC712" s="613"/>
      <c r="UJD712" s="613"/>
      <c r="UJE712" s="613"/>
      <c r="UJF712" s="613"/>
      <c r="UJG712" s="613"/>
      <c r="UJH712" s="613"/>
      <c r="UJI712" s="613"/>
      <c r="UJJ712" s="613"/>
      <c r="UJK712" s="613"/>
      <c r="UJL712" s="613"/>
      <c r="UJM712" s="613"/>
      <c r="UJN712" s="613"/>
      <c r="UJO712" s="613"/>
      <c r="UJP712" s="613"/>
      <c r="UJQ712" s="613"/>
      <c r="UJR712" s="613"/>
      <c r="UJS712" s="613"/>
      <c r="UJT712" s="613"/>
      <c r="UJU712" s="613"/>
      <c r="UJV712" s="613"/>
      <c r="UJW712" s="613"/>
      <c r="UJX712" s="613"/>
      <c r="UJY712" s="613"/>
      <c r="UJZ712" s="613"/>
      <c r="UKA712" s="613"/>
      <c r="UKB712" s="613"/>
      <c r="UKC712" s="613"/>
      <c r="UKD712" s="613"/>
      <c r="UKE712" s="613"/>
      <c r="UKF712" s="613"/>
      <c r="UKG712" s="613"/>
      <c r="UKH712" s="613"/>
      <c r="UKI712" s="613"/>
      <c r="UKJ712" s="613"/>
      <c r="UKK712" s="613"/>
      <c r="UKL712" s="613"/>
      <c r="UKM712" s="613"/>
      <c r="UKN712" s="613"/>
      <c r="UKO712" s="613"/>
      <c r="UKP712" s="613"/>
      <c r="UKQ712" s="613"/>
      <c r="UKR712" s="613"/>
      <c r="UKS712" s="613"/>
      <c r="UKT712" s="613"/>
      <c r="UKU712" s="613"/>
      <c r="UKV712" s="613"/>
      <c r="UKW712" s="613"/>
      <c r="UKX712" s="613"/>
      <c r="UKY712" s="613"/>
      <c r="UKZ712" s="613"/>
      <c r="ULA712" s="613"/>
      <c r="ULB712" s="613"/>
      <c r="ULC712" s="613"/>
      <c r="ULD712" s="613"/>
      <c r="ULE712" s="613"/>
      <c r="ULF712" s="613"/>
      <c r="ULG712" s="613"/>
      <c r="ULH712" s="613"/>
      <c r="ULI712" s="613"/>
      <c r="ULJ712" s="613"/>
      <c r="ULK712" s="613"/>
      <c r="ULL712" s="613"/>
      <c r="ULM712" s="613"/>
      <c r="ULN712" s="613"/>
      <c r="ULO712" s="613"/>
      <c r="ULP712" s="613"/>
      <c r="ULQ712" s="613"/>
      <c r="ULR712" s="613"/>
      <c r="ULS712" s="613"/>
      <c r="ULT712" s="613"/>
      <c r="ULU712" s="613"/>
      <c r="ULV712" s="613"/>
      <c r="ULW712" s="613"/>
      <c r="ULX712" s="613"/>
      <c r="ULY712" s="613"/>
      <c r="ULZ712" s="613"/>
      <c r="UMA712" s="613"/>
      <c r="UMB712" s="613"/>
      <c r="UMC712" s="613"/>
      <c r="UMD712" s="613"/>
      <c r="UME712" s="613"/>
      <c r="UMF712" s="613"/>
      <c r="UMG712" s="613"/>
      <c r="UMH712" s="613"/>
      <c r="UMI712" s="613"/>
      <c r="UMJ712" s="613"/>
      <c r="UMK712" s="613"/>
      <c r="UML712" s="613"/>
      <c r="UMM712" s="613"/>
      <c r="UMN712" s="613"/>
      <c r="UMO712" s="613"/>
      <c r="UMP712" s="613"/>
      <c r="UMQ712" s="613"/>
      <c r="UMR712" s="613"/>
      <c r="UMS712" s="613"/>
      <c r="UMT712" s="613"/>
      <c r="UMU712" s="613"/>
      <c r="UMV712" s="613"/>
      <c r="UMW712" s="613"/>
      <c r="UMX712" s="613"/>
      <c r="UMY712" s="613"/>
      <c r="UMZ712" s="613"/>
      <c r="UNA712" s="613"/>
      <c r="UNB712" s="613"/>
      <c r="UNC712" s="613"/>
      <c r="UND712" s="613"/>
      <c r="UNE712" s="613"/>
      <c r="UNF712" s="613"/>
      <c r="UNG712" s="613"/>
      <c r="UNH712" s="613"/>
      <c r="UNI712" s="613"/>
      <c r="UNJ712" s="613"/>
      <c r="UNK712" s="613"/>
      <c r="UNL712" s="613"/>
      <c r="UNM712" s="613"/>
      <c r="UNN712" s="613"/>
      <c r="UNO712" s="613"/>
      <c r="UNP712" s="613"/>
      <c r="UNQ712" s="613"/>
      <c r="UNR712" s="613"/>
      <c r="UNS712" s="613"/>
      <c r="UNT712" s="613"/>
      <c r="UNU712" s="613"/>
      <c r="UNV712" s="613"/>
      <c r="UNW712" s="613"/>
      <c r="UNX712" s="613"/>
      <c r="UNY712" s="613"/>
      <c r="UNZ712" s="613"/>
      <c r="UOA712" s="613"/>
      <c r="UOB712" s="613"/>
      <c r="UOC712" s="613"/>
      <c r="UOD712" s="613"/>
      <c r="UOE712" s="613"/>
      <c r="UOF712" s="613"/>
      <c r="UOG712" s="613"/>
      <c r="UOH712" s="613"/>
      <c r="UOI712" s="613"/>
      <c r="UOJ712" s="613"/>
      <c r="UOK712" s="613"/>
      <c r="UOL712" s="613"/>
      <c r="UOM712" s="613"/>
      <c r="UON712" s="613"/>
      <c r="UOO712" s="613"/>
      <c r="UOP712" s="613"/>
      <c r="UOQ712" s="613"/>
      <c r="UOR712" s="613"/>
      <c r="UOS712" s="613"/>
      <c r="UOT712" s="613"/>
      <c r="UOU712" s="613"/>
      <c r="UOV712" s="613"/>
      <c r="UOW712" s="613"/>
      <c r="UOX712" s="613"/>
      <c r="UOY712" s="613"/>
      <c r="UOZ712" s="613"/>
      <c r="UPA712" s="613"/>
      <c r="UPB712" s="613"/>
      <c r="UPC712" s="613"/>
      <c r="UPD712" s="613"/>
      <c r="UPE712" s="613"/>
      <c r="UPF712" s="613"/>
      <c r="UPG712" s="613"/>
      <c r="UPH712" s="613"/>
      <c r="UPI712" s="613"/>
      <c r="UPJ712" s="613"/>
      <c r="UPK712" s="613"/>
      <c r="UPL712" s="613"/>
      <c r="UPM712" s="613"/>
      <c r="UPN712" s="613"/>
      <c r="UPO712" s="613"/>
      <c r="UPP712" s="613"/>
      <c r="UPQ712" s="613"/>
      <c r="UPR712" s="613"/>
      <c r="UPS712" s="613"/>
      <c r="UPT712" s="613"/>
      <c r="UPU712" s="613"/>
      <c r="UPV712" s="613"/>
      <c r="UPW712" s="613"/>
      <c r="UPX712" s="613"/>
      <c r="UPY712" s="613"/>
      <c r="UPZ712" s="613"/>
      <c r="UQA712" s="613"/>
      <c r="UQB712" s="613"/>
      <c r="UQC712" s="613"/>
      <c r="UQD712" s="613"/>
      <c r="UQE712" s="613"/>
      <c r="UQF712" s="613"/>
      <c r="UQG712" s="613"/>
      <c r="UQH712" s="613"/>
      <c r="UQI712" s="613"/>
      <c r="UQJ712" s="613"/>
      <c r="UQK712" s="613"/>
      <c r="UQL712" s="613"/>
      <c r="UQM712" s="613"/>
      <c r="UQN712" s="613"/>
      <c r="UQO712" s="613"/>
      <c r="UQP712" s="613"/>
      <c r="UQQ712" s="613"/>
      <c r="UQR712" s="613"/>
      <c r="UQS712" s="613"/>
      <c r="UQT712" s="613"/>
      <c r="UQU712" s="613"/>
      <c r="UQV712" s="613"/>
      <c r="UQW712" s="613"/>
      <c r="UQX712" s="613"/>
      <c r="UQY712" s="613"/>
      <c r="UQZ712" s="613"/>
      <c r="URA712" s="613"/>
      <c r="URB712" s="613"/>
      <c r="URC712" s="613"/>
      <c r="URD712" s="613"/>
      <c r="URE712" s="613"/>
      <c r="URF712" s="613"/>
      <c r="URG712" s="613"/>
      <c r="URH712" s="613"/>
      <c r="URI712" s="613"/>
      <c r="URJ712" s="613"/>
      <c r="URK712" s="613"/>
      <c r="URL712" s="613"/>
      <c r="URM712" s="613"/>
      <c r="URN712" s="613"/>
      <c r="URO712" s="613"/>
      <c r="URP712" s="613"/>
      <c r="URQ712" s="613"/>
      <c r="URR712" s="613"/>
      <c r="URS712" s="613"/>
      <c r="URT712" s="613"/>
      <c r="URU712" s="613"/>
      <c r="URV712" s="613"/>
      <c r="URW712" s="613"/>
      <c r="URX712" s="613"/>
      <c r="URY712" s="613"/>
      <c r="URZ712" s="613"/>
      <c r="USA712" s="613"/>
      <c r="USB712" s="613"/>
      <c r="USC712" s="613"/>
      <c r="USD712" s="613"/>
      <c r="USE712" s="613"/>
      <c r="USF712" s="613"/>
      <c r="USG712" s="613"/>
      <c r="USH712" s="613"/>
      <c r="USI712" s="613"/>
      <c r="USJ712" s="613"/>
      <c r="USK712" s="613"/>
      <c r="USL712" s="613"/>
      <c r="USM712" s="613"/>
      <c r="USN712" s="613"/>
      <c r="USO712" s="613"/>
      <c r="USP712" s="613"/>
      <c r="USQ712" s="613"/>
      <c r="USR712" s="613"/>
      <c r="USS712" s="613"/>
      <c r="UST712" s="613"/>
      <c r="USU712" s="613"/>
      <c r="USV712" s="613"/>
      <c r="USW712" s="613"/>
      <c r="USX712" s="613"/>
      <c r="USY712" s="613"/>
      <c r="USZ712" s="613"/>
      <c r="UTA712" s="613"/>
      <c r="UTB712" s="613"/>
      <c r="UTC712" s="613"/>
      <c r="UTD712" s="613"/>
      <c r="UTE712" s="613"/>
      <c r="UTF712" s="613"/>
      <c r="UTG712" s="613"/>
      <c r="UTH712" s="613"/>
      <c r="UTI712" s="613"/>
      <c r="UTJ712" s="613"/>
      <c r="UTK712" s="613"/>
      <c r="UTL712" s="613"/>
      <c r="UTM712" s="613"/>
      <c r="UTN712" s="613"/>
      <c r="UTO712" s="613"/>
      <c r="UTP712" s="613"/>
      <c r="UTQ712" s="613"/>
      <c r="UTR712" s="613"/>
      <c r="UTS712" s="613"/>
      <c r="UTT712" s="613"/>
      <c r="UTU712" s="613"/>
      <c r="UTV712" s="613"/>
      <c r="UTW712" s="613"/>
      <c r="UTX712" s="613"/>
      <c r="UTY712" s="613"/>
      <c r="UTZ712" s="613"/>
      <c r="UUA712" s="613"/>
      <c r="UUB712" s="613"/>
      <c r="UUC712" s="613"/>
      <c r="UUD712" s="613"/>
      <c r="UUE712" s="613"/>
      <c r="UUF712" s="613"/>
      <c r="UUG712" s="613"/>
      <c r="UUH712" s="613"/>
      <c r="UUI712" s="613"/>
      <c r="UUJ712" s="613"/>
      <c r="UUK712" s="613"/>
      <c r="UUL712" s="613"/>
      <c r="UUM712" s="613"/>
      <c r="UUN712" s="613"/>
      <c r="UUO712" s="613"/>
      <c r="UUP712" s="613"/>
      <c r="UUQ712" s="613"/>
      <c r="UUR712" s="613"/>
      <c r="UUS712" s="613"/>
      <c r="UUT712" s="613"/>
      <c r="UUU712" s="613"/>
      <c r="UUV712" s="613"/>
      <c r="UUW712" s="613"/>
      <c r="UUX712" s="613"/>
      <c r="UUY712" s="613"/>
      <c r="UUZ712" s="613"/>
      <c r="UVA712" s="613"/>
      <c r="UVB712" s="613"/>
      <c r="UVC712" s="613"/>
      <c r="UVD712" s="613"/>
      <c r="UVE712" s="613"/>
      <c r="UVF712" s="613"/>
      <c r="UVG712" s="613"/>
      <c r="UVH712" s="613"/>
      <c r="UVI712" s="613"/>
      <c r="UVJ712" s="613"/>
      <c r="UVK712" s="613"/>
      <c r="UVL712" s="613"/>
      <c r="UVM712" s="613"/>
      <c r="UVN712" s="613"/>
      <c r="UVO712" s="613"/>
      <c r="UVP712" s="613"/>
      <c r="UVQ712" s="613"/>
      <c r="UVR712" s="613"/>
      <c r="UVS712" s="613"/>
      <c r="UVT712" s="613"/>
      <c r="UVU712" s="613"/>
      <c r="UVV712" s="613"/>
      <c r="UVW712" s="613"/>
      <c r="UVX712" s="613"/>
      <c r="UVY712" s="613"/>
      <c r="UVZ712" s="613"/>
      <c r="UWA712" s="613"/>
      <c r="UWB712" s="613"/>
      <c r="UWC712" s="613"/>
      <c r="UWD712" s="613"/>
      <c r="UWE712" s="613"/>
      <c r="UWF712" s="613"/>
      <c r="UWG712" s="613"/>
      <c r="UWH712" s="613"/>
      <c r="UWI712" s="613"/>
      <c r="UWJ712" s="613"/>
      <c r="UWK712" s="613"/>
      <c r="UWL712" s="613"/>
      <c r="UWM712" s="613"/>
      <c r="UWN712" s="613"/>
      <c r="UWO712" s="613"/>
      <c r="UWP712" s="613"/>
      <c r="UWQ712" s="613"/>
      <c r="UWR712" s="613"/>
      <c r="UWS712" s="613"/>
      <c r="UWT712" s="613"/>
      <c r="UWU712" s="613"/>
      <c r="UWV712" s="613"/>
      <c r="UWW712" s="613"/>
      <c r="UWX712" s="613"/>
      <c r="UWY712" s="613"/>
      <c r="UWZ712" s="613"/>
      <c r="UXA712" s="613"/>
      <c r="UXB712" s="613"/>
      <c r="UXC712" s="613"/>
      <c r="UXD712" s="613"/>
      <c r="UXE712" s="613"/>
      <c r="UXF712" s="613"/>
      <c r="UXG712" s="613"/>
      <c r="UXH712" s="613"/>
      <c r="UXI712" s="613"/>
      <c r="UXJ712" s="613"/>
      <c r="UXK712" s="613"/>
      <c r="UXL712" s="613"/>
      <c r="UXM712" s="613"/>
      <c r="UXN712" s="613"/>
      <c r="UXO712" s="613"/>
      <c r="UXP712" s="613"/>
      <c r="UXQ712" s="613"/>
      <c r="UXR712" s="613"/>
      <c r="UXS712" s="613"/>
      <c r="UXT712" s="613"/>
      <c r="UXU712" s="613"/>
      <c r="UXV712" s="613"/>
      <c r="UXW712" s="613"/>
      <c r="UXX712" s="613"/>
      <c r="UXY712" s="613"/>
      <c r="UXZ712" s="613"/>
      <c r="UYA712" s="613"/>
      <c r="UYB712" s="613"/>
      <c r="UYC712" s="613"/>
      <c r="UYD712" s="613"/>
      <c r="UYE712" s="613"/>
      <c r="UYF712" s="613"/>
      <c r="UYG712" s="613"/>
      <c r="UYH712" s="613"/>
      <c r="UYI712" s="613"/>
      <c r="UYJ712" s="613"/>
      <c r="UYK712" s="613"/>
      <c r="UYL712" s="613"/>
      <c r="UYM712" s="613"/>
      <c r="UYN712" s="613"/>
      <c r="UYO712" s="613"/>
      <c r="UYP712" s="613"/>
      <c r="UYQ712" s="613"/>
      <c r="UYR712" s="613"/>
      <c r="UYS712" s="613"/>
      <c r="UYT712" s="613"/>
      <c r="UYU712" s="613"/>
      <c r="UYV712" s="613"/>
      <c r="UYW712" s="613"/>
      <c r="UYX712" s="613"/>
      <c r="UYY712" s="613"/>
      <c r="UYZ712" s="613"/>
      <c r="UZA712" s="613"/>
      <c r="UZB712" s="613"/>
      <c r="UZC712" s="613"/>
      <c r="UZD712" s="613"/>
      <c r="UZE712" s="613"/>
      <c r="UZF712" s="613"/>
      <c r="UZG712" s="613"/>
      <c r="UZH712" s="613"/>
      <c r="UZI712" s="613"/>
      <c r="UZJ712" s="613"/>
      <c r="UZK712" s="613"/>
      <c r="UZL712" s="613"/>
      <c r="UZM712" s="613"/>
      <c r="UZN712" s="613"/>
      <c r="UZO712" s="613"/>
      <c r="UZP712" s="613"/>
      <c r="UZQ712" s="613"/>
      <c r="UZR712" s="613"/>
      <c r="UZS712" s="613"/>
      <c r="UZT712" s="613"/>
      <c r="UZU712" s="613"/>
      <c r="UZV712" s="613"/>
      <c r="UZW712" s="613"/>
      <c r="UZX712" s="613"/>
      <c r="UZY712" s="613"/>
      <c r="UZZ712" s="613"/>
      <c r="VAA712" s="613"/>
      <c r="VAB712" s="613"/>
      <c r="VAC712" s="613"/>
      <c r="VAD712" s="613"/>
      <c r="VAE712" s="613"/>
      <c r="VAF712" s="613"/>
      <c r="VAG712" s="613"/>
      <c r="VAH712" s="613"/>
      <c r="VAI712" s="613"/>
      <c r="VAJ712" s="613"/>
      <c r="VAK712" s="613"/>
      <c r="VAL712" s="613"/>
      <c r="VAM712" s="613"/>
      <c r="VAN712" s="613"/>
      <c r="VAO712" s="613"/>
      <c r="VAP712" s="613"/>
      <c r="VAQ712" s="613"/>
      <c r="VAR712" s="613"/>
      <c r="VAS712" s="613"/>
      <c r="VAT712" s="613"/>
      <c r="VAU712" s="613"/>
      <c r="VAV712" s="613"/>
      <c r="VAW712" s="613"/>
      <c r="VAX712" s="613"/>
      <c r="VAY712" s="613"/>
      <c r="VAZ712" s="613"/>
      <c r="VBA712" s="613"/>
      <c r="VBB712" s="613"/>
      <c r="VBC712" s="613"/>
      <c r="VBD712" s="613"/>
      <c r="VBE712" s="613"/>
      <c r="VBF712" s="613"/>
      <c r="VBG712" s="613"/>
      <c r="VBH712" s="613"/>
      <c r="VBI712" s="613"/>
      <c r="VBJ712" s="613"/>
      <c r="VBK712" s="613"/>
      <c r="VBL712" s="613"/>
      <c r="VBM712" s="613"/>
      <c r="VBN712" s="613"/>
      <c r="VBO712" s="613"/>
      <c r="VBP712" s="613"/>
      <c r="VBQ712" s="613"/>
      <c r="VBR712" s="613"/>
      <c r="VBS712" s="613"/>
      <c r="VBT712" s="613"/>
      <c r="VBU712" s="613"/>
      <c r="VBV712" s="613"/>
      <c r="VBW712" s="613"/>
      <c r="VBX712" s="613"/>
      <c r="VBY712" s="613"/>
      <c r="VBZ712" s="613"/>
      <c r="VCA712" s="613"/>
      <c r="VCB712" s="613"/>
      <c r="VCC712" s="613"/>
      <c r="VCD712" s="613"/>
      <c r="VCE712" s="613"/>
      <c r="VCF712" s="613"/>
      <c r="VCG712" s="613"/>
      <c r="VCH712" s="613"/>
      <c r="VCI712" s="613"/>
      <c r="VCJ712" s="613"/>
      <c r="VCK712" s="613"/>
      <c r="VCL712" s="613"/>
      <c r="VCM712" s="613"/>
      <c r="VCN712" s="613"/>
      <c r="VCO712" s="613"/>
      <c r="VCP712" s="613"/>
      <c r="VCQ712" s="613"/>
      <c r="VCR712" s="613"/>
      <c r="VCS712" s="613"/>
      <c r="VCT712" s="613"/>
      <c r="VCU712" s="613"/>
      <c r="VCV712" s="613"/>
      <c r="VCW712" s="613"/>
      <c r="VCX712" s="613"/>
      <c r="VCY712" s="613"/>
      <c r="VCZ712" s="613"/>
      <c r="VDA712" s="613"/>
      <c r="VDB712" s="613"/>
      <c r="VDC712" s="613"/>
      <c r="VDD712" s="613"/>
      <c r="VDE712" s="613"/>
      <c r="VDF712" s="613"/>
      <c r="VDG712" s="613"/>
      <c r="VDH712" s="613"/>
      <c r="VDI712" s="613"/>
      <c r="VDJ712" s="613"/>
      <c r="VDK712" s="613"/>
      <c r="VDL712" s="613"/>
      <c r="VDM712" s="613"/>
      <c r="VDN712" s="613"/>
      <c r="VDO712" s="613"/>
      <c r="VDP712" s="613"/>
      <c r="VDQ712" s="613"/>
      <c r="VDR712" s="613"/>
      <c r="VDS712" s="613"/>
      <c r="VDT712" s="613"/>
      <c r="VDU712" s="613"/>
      <c r="VDV712" s="613"/>
      <c r="VDW712" s="613"/>
      <c r="VDX712" s="613"/>
      <c r="VDY712" s="613"/>
      <c r="VDZ712" s="613"/>
      <c r="VEA712" s="613"/>
      <c r="VEB712" s="613"/>
      <c r="VEC712" s="613"/>
      <c r="VED712" s="613"/>
      <c r="VEE712" s="613"/>
      <c r="VEF712" s="613"/>
      <c r="VEG712" s="613"/>
      <c r="VEH712" s="613"/>
      <c r="VEI712" s="613"/>
      <c r="VEJ712" s="613"/>
      <c r="VEK712" s="613"/>
      <c r="VEL712" s="613"/>
      <c r="VEM712" s="613"/>
      <c r="VEN712" s="613"/>
      <c r="VEO712" s="613"/>
      <c r="VEP712" s="613"/>
      <c r="VEQ712" s="613"/>
      <c r="VER712" s="613"/>
      <c r="VES712" s="613"/>
      <c r="VET712" s="613"/>
      <c r="VEU712" s="613"/>
      <c r="VEV712" s="613"/>
      <c r="VEW712" s="613"/>
      <c r="VEX712" s="613"/>
      <c r="VEY712" s="613"/>
      <c r="VEZ712" s="613"/>
      <c r="VFA712" s="613"/>
      <c r="VFB712" s="613"/>
      <c r="VFC712" s="613"/>
      <c r="VFD712" s="613"/>
      <c r="VFE712" s="613"/>
      <c r="VFF712" s="613"/>
      <c r="VFG712" s="613"/>
      <c r="VFH712" s="613"/>
      <c r="VFI712" s="613"/>
      <c r="VFJ712" s="613"/>
      <c r="VFK712" s="613"/>
      <c r="VFL712" s="613"/>
      <c r="VFM712" s="613"/>
      <c r="VFN712" s="613"/>
      <c r="VFO712" s="613"/>
      <c r="VFP712" s="613"/>
      <c r="VFQ712" s="613"/>
      <c r="VFR712" s="613"/>
      <c r="VFS712" s="613"/>
      <c r="VFT712" s="613"/>
      <c r="VFU712" s="613"/>
      <c r="VFV712" s="613"/>
      <c r="VFW712" s="613"/>
      <c r="VFX712" s="613"/>
      <c r="VFY712" s="613"/>
      <c r="VFZ712" s="613"/>
      <c r="VGA712" s="613"/>
      <c r="VGB712" s="613"/>
      <c r="VGC712" s="613"/>
      <c r="VGD712" s="613"/>
      <c r="VGE712" s="613"/>
      <c r="VGF712" s="613"/>
      <c r="VGG712" s="613"/>
      <c r="VGH712" s="613"/>
      <c r="VGI712" s="613"/>
      <c r="VGJ712" s="613"/>
      <c r="VGK712" s="613"/>
      <c r="VGL712" s="613"/>
      <c r="VGM712" s="613"/>
      <c r="VGN712" s="613"/>
      <c r="VGO712" s="613"/>
      <c r="VGP712" s="613"/>
      <c r="VGQ712" s="613"/>
      <c r="VGR712" s="613"/>
      <c r="VGS712" s="613"/>
      <c r="VGT712" s="613"/>
      <c r="VGU712" s="613"/>
      <c r="VGV712" s="613"/>
      <c r="VGW712" s="613"/>
      <c r="VGX712" s="613"/>
      <c r="VGY712" s="613"/>
      <c r="VGZ712" s="613"/>
      <c r="VHA712" s="613"/>
      <c r="VHB712" s="613"/>
      <c r="VHC712" s="613"/>
      <c r="VHD712" s="613"/>
      <c r="VHE712" s="613"/>
      <c r="VHF712" s="613"/>
      <c r="VHG712" s="613"/>
      <c r="VHH712" s="613"/>
      <c r="VHI712" s="613"/>
      <c r="VHJ712" s="613"/>
      <c r="VHK712" s="613"/>
      <c r="VHL712" s="613"/>
      <c r="VHM712" s="613"/>
      <c r="VHN712" s="613"/>
      <c r="VHO712" s="613"/>
      <c r="VHP712" s="613"/>
      <c r="VHQ712" s="613"/>
      <c r="VHR712" s="613"/>
      <c r="VHS712" s="613"/>
      <c r="VHT712" s="613"/>
      <c r="VHU712" s="613"/>
      <c r="VHV712" s="613"/>
      <c r="VHW712" s="613"/>
      <c r="VHX712" s="613"/>
      <c r="VHY712" s="613"/>
      <c r="VHZ712" s="613"/>
      <c r="VIA712" s="613"/>
      <c r="VIB712" s="613"/>
      <c r="VIC712" s="613"/>
      <c r="VID712" s="613"/>
      <c r="VIE712" s="613"/>
      <c r="VIF712" s="613"/>
      <c r="VIG712" s="613"/>
      <c r="VIH712" s="613"/>
      <c r="VII712" s="613"/>
      <c r="VIJ712" s="613"/>
      <c r="VIK712" s="613"/>
      <c r="VIL712" s="613"/>
      <c r="VIM712" s="613"/>
      <c r="VIN712" s="613"/>
      <c r="VIO712" s="613"/>
      <c r="VIP712" s="613"/>
      <c r="VIQ712" s="613"/>
      <c r="VIR712" s="613"/>
      <c r="VIS712" s="613"/>
      <c r="VIT712" s="613"/>
      <c r="VIU712" s="613"/>
      <c r="VIV712" s="613"/>
      <c r="VIW712" s="613"/>
      <c r="VIX712" s="613"/>
      <c r="VIY712" s="613"/>
      <c r="VIZ712" s="613"/>
      <c r="VJA712" s="613"/>
      <c r="VJB712" s="613"/>
      <c r="VJC712" s="613"/>
      <c r="VJD712" s="613"/>
      <c r="VJE712" s="613"/>
      <c r="VJF712" s="613"/>
      <c r="VJG712" s="613"/>
      <c r="VJH712" s="613"/>
      <c r="VJI712" s="613"/>
      <c r="VJJ712" s="613"/>
      <c r="VJK712" s="613"/>
      <c r="VJL712" s="613"/>
      <c r="VJM712" s="613"/>
      <c r="VJN712" s="613"/>
      <c r="VJO712" s="613"/>
      <c r="VJP712" s="613"/>
      <c r="VJQ712" s="613"/>
      <c r="VJR712" s="613"/>
      <c r="VJS712" s="613"/>
      <c r="VJT712" s="613"/>
      <c r="VJU712" s="613"/>
      <c r="VJV712" s="613"/>
      <c r="VJW712" s="613"/>
      <c r="VJX712" s="613"/>
      <c r="VJY712" s="613"/>
      <c r="VJZ712" s="613"/>
      <c r="VKA712" s="613"/>
      <c r="VKB712" s="613"/>
      <c r="VKC712" s="613"/>
      <c r="VKD712" s="613"/>
      <c r="VKE712" s="613"/>
      <c r="VKF712" s="613"/>
      <c r="VKG712" s="613"/>
      <c r="VKH712" s="613"/>
      <c r="VKI712" s="613"/>
      <c r="VKJ712" s="613"/>
      <c r="VKK712" s="613"/>
      <c r="VKL712" s="613"/>
      <c r="VKM712" s="613"/>
      <c r="VKN712" s="613"/>
      <c r="VKO712" s="613"/>
      <c r="VKP712" s="613"/>
      <c r="VKQ712" s="613"/>
      <c r="VKR712" s="613"/>
      <c r="VKS712" s="613"/>
      <c r="VKT712" s="613"/>
      <c r="VKU712" s="613"/>
      <c r="VKV712" s="613"/>
      <c r="VKW712" s="613"/>
      <c r="VKX712" s="613"/>
      <c r="VKY712" s="613"/>
      <c r="VKZ712" s="613"/>
      <c r="VLA712" s="613"/>
      <c r="VLB712" s="613"/>
      <c r="VLC712" s="613"/>
      <c r="VLD712" s="613"/>
      <c r="VLE712" s="613"/>
      <c r="VLF712" s="613"/>
      <c r="VLG712" s="613"/>
      <c r="VLH712" s="613"/>
      <c r="VLI712" s="613"/>
      <c r="VLJ712" s="613"/>
      <c r="VLK712" s="613"/>
      <c r="VLL712" s="613"/>
      <c r="VLM712" s="613"/>
      <c r="VLN712" s="613"/>
      <c r="VLO712" s="613"/>
      <c r="VLP712" s="613"/>
      <c r="VLQ712" s="613"/>
      <c r="VLR712" s="613"/>
      <c r="VLS712" s="613"/>
      <c r="VLT712" s="613"/>
      <c r="VLU712" s="613"/>
      <c r="VLV712" s="613"/>
      <c r="VLW712" s="613"/>
      <c r="VLX712" s="613"/>
      <c r="VLY712" s="613"/>
      <c r="VLZ712" s="613"/>
      <c r="VMA712" s="613"/>
      <c r="VMB712" s="613"/>
      <c r="VMC712" s="613"/>
      <c r="VMD712" s="613"/>
      <c r="VME712" s="613"/>
      <c r="VMF712" s="613"/>
      <c r="VMG712" s="613"/>
      <c r="VMH712" s="613"/>
      <c r="VMI712" s="613"/>
      <c r="VMJ712" s="613"/>
      <c r="VMK712" s="613"/>
      <c r="VML712" s="613"/>
      <c r="VMM712" s="613"/>
      <c r="VMN712" s="613"/>
      <c r="VMO712" s="613"/>
      <c r="VMP712" s="613"/>
      <c r="VMQ712" s="613"/>
      <c r="VMR712" s="613"/>
      <c r="VMS712" s="613"/>
      <c r="VMT712" s="613"/>
      <c r="VMU712" s="613"/>
      <c r="VMV712" s="613"/>
      <c r="VMW712" s="613"/>
      <c r="VMX712" s="613"/>
      <c r="VMY712" s="613"/>
      <c r="VMZ712" s="613"/>
      <c r="VNA712" s="613"/>
      <c r="VNB712" s="613"/>
      <c r="VNC712" s="613"/>
      <c r="VND712" s="613"/>
      <c r="VNE712" s="613"/>
      <c r="VNF712" s="613"/>
      <c r="VNG712" s="613"/>
      <c r="VNH712" s="613"/>
      <c r="VNI712" s="613"/>
      <c r="VNJ712" s="613"/>
      <c r="VNK712" s="613"/>
      <c r="VNL712" s="613"/>
      <c r="VNM712" s="613"/>
      <c r="VNN712" s="613"/>
      <c r="VNO712" s="613"/>
      <c r="VNP712" s="613"/>
      <c r="VNQ712" s="613"/>
      <c r="VNR712" s="613"/>
      <c r="VNS712" s="613"/>
      <c r="VNT712" s="613"/>
      <c r="VNU712" s="613"/>
      <c r="VNV712" s="613"/>
      <c r="VNW712" s="613"/>
      <c r="VNX712" s="613"/>
      <c r="VNY712" s="613"/>
      <c r="VNZ712" s="613"/>
      <c r="VOA712" s="613"/>
      <c r="VOB712" s="613"/>
      <c r="VOC712" s="613"/>
      <c r="VOD712" s="613"/>
      <c r="VOE712" s="613"/>
      <c r="VOF712" s="613"/>
      <c r="VOG712" s="613"/>
      <c r="VOH712" s="613"/>
      <c r="VOI712" s="613"/>
      <c r="VOJ712" s="613"/>
      <c r="VOK712" s="613"/>
      <c r="VOL712" s="613"/>
      <c r="VOM712" s="613"/>
      <c r="VON712" s="613"/>
      <c r="VOO712" s="613"/>
      <c r="VOP712" s="613"/>
      <c r="VOQ712" s="613"/>
      <c r="VOR712" s="613"/>
      <c r="VOS712" s="613"/>
      <c r="VOT712" s="613"/>
      <c r="VOU712" s="613"/>
      <c r="VOV712" s="613"/>
      <c r="VOW712" s="613"/>
      <c r="VOX712" s="613"/>
      <c r="VOY712" s="613"/>
      <c r="VOZ712" s="613"/>
      <c r="VPA712" s="613"/>
      <c r="VPB712" s="613"/>
      <c r="VPC712" s="613"/>
      <c r="VPD712" s="613"/>
      <c r="VPE712" s="613"/>
      <c r="VPF712" s="613"/>
      <c r="VPG712" s="613"/>
      <c r="VPH712" s="613"/>
      <c r="VPI712" s="613"/>
      <c r="VPJ712" s="613"/>
      <c r="VPK712" s="613"/>
      <c r="VPL712" s="613"/>
      <c r="VPM712" s="613"/>
      <c r="VPN712" s="613"/>
      <c r="VPO712" s="613"/>
      <c r="VPP712" s="613"/>
      <c r="VPQ712" s="613"/>
      <c r="VPR712" s="613"/>
      <c r="VPS712" s="613"/>
      <c r="VPT712" s="613"/>
      <c r="VPU712" s="613"/>
      <c r="VPV712" s="613"/>
      <c r="VPW712" s="613"/>
      <c r="VPX712" s="613"/>
      <c r="VPY712" s="613"/>
      <c r="VPZ712" s="613"/>
      <c r="VQA712" s="613"/>
      <c r="VQB712" s="613"/>
      <c r="VQC712" s="613"/>
      <c r="VQD712" s="613"/>
      <c r="VQE712" s="613"/>
      <c r="VQF712" s="613"/>
      <c r="VQG712" s="613"/>
      <c r="VQH712" s="613"/>
      <c r="VQI712" s="613"/>
      <c r="VQJ712" s="613"/>
      <c r="VQK712" s="613"/>
      <c r="VQL712" s="613"/>
      <c r="VQM712" s="613"/>
      <c r="VQN712" s="613"/>
      <c r="VQO712" s="613"/>
      <c r="VQP712" s="613"/>
      <c r="VQQ712" s="613"/>
      <c r="VQR712" s="613"/>
      <c r="VQS712" s="613"/>
      <c r="VQT712" s="613"/>
      <c r="VQU712" s="613"/>
      <c r="VQV712" s="613"/>
      <c r="VQW712" s="613"/>
      <c r="VQX712" s="613"/>
      <c r="VQY712" s="613"/>
      <c r="VQZ712" s="613"/>
      <c r="VRA712" s="613"/>
      <c r="VRB712" s="613"/>
      <c r="VRC712" s="613"/>
      <c r="VRD712" s="613"/>
      <c r="VRE712" s="613"/>
      <c r="VRF712" s="613"/>
      <c r="VRG712" s="613"/>
      <c r="VRH712" s="613"/>
      <c r="VRI712" s="613"/>
      <c r="VRJ712" s="613"/>
      <c r="VRK712" s="613"/>
      <c r="VRL712" s="613"/>
      <c r="VRM712" s="613"/>
      <c r="VRN712" s="613"/>
      <c r="VRO712" s="613"/>
      <c r="VRP712" s="613"/>
      <c r="VRQ712" s="613"/>
      <c r="VRR712" s="613"/>
      <c r="VRS712" s="613"/>
      <c r="VRT712" s="613"/>
      <c r="VRU712" s="613"/>
      <c r="VRV712" s="613"/>
      <c r="VRW712" s="613"/>
      <c r="VRX712" s="613"/>
      <c r="VRY712" s="613"/>
      <c r="VRZ712" s="613"/>
      <c r="VSA712" s="613"/>
      <c r="VSB712" s="613"/>
      <c r="VSC712" s="613"/>
      <c r="VSD712" s="613"/>
      <c r="VSE712" s="613"/>
      <c r="VSF712" s="613"/>
      <c r="VSG712" s="613"/>
      <c r="VSH712" s="613"/>
      <c r="VSI712" s="613"/>
      <c r="VSJ712" s="613"/>
      <c r="VSK712" s="613"/>
      <c r="VSL712" s="613"/>
      <c r="VSM712" s="613"/>
      <c r="VSN712" s="613"/>
      <c r="VSO712" s="613"/>
      <c r="VSP712" s="613"/>
      <c r="VSQ712" s="613"/>
      <c r="VSR712" s="613"/>
      <c r="VSS712" s="613"/>
      <c r="VST712" s="613"/>
      <c r="VSU712" s="613"/>
      <c r="VSV712" s="613"/>
      <c r="VSW712" s="613"/>
      <c r="VSX712" s="613"/>
      <c r="VSY712" s="613"/>
      <c r="VSZ712" s="613"/>
      <c r="VTA712" s="613"/>
      <c r="VTB712" s="613"/>
      <c r="VTC712" s="613"/>
      <c r="VTD712" s="613"/>
      <c r="VTE712" s="613"/>
      <c r="VTF712" s="613"/>
      <c r="VTG712" s="613"/>
      <c r="VTH712" s="613"/>
      <c r="VTI712" s="613"/>
      <c r="VTJ712" s="613"/>
      <c r="VTK712" s="613"/>
      <c r="VTL712" s="613"/>
      <c r="VTM712" s="613"/>
      <c r="VTN712" s="613"/>
      <c r="VTO712" s="613"/>
      <c r="VTP712" s="613"/>
      <c r="VTQ712" s="613"/>
      <c r="VTR712" s="613"/>
      <c r="VTS712" s="613"/>
      <c r="VTT712" s="613"/>
      <c r="VTU712" s="613"/>
      <c r="VTV712" s="613"/>
      <c r="VTW712" s="613"/>
      <c r="VTX712" s="613"/>
      <c r="VTY712" s="613"/>
      <c r="VTZ712" s="613"/>
      <c r="VUA712" s="613"/>
      <c r="VUB712" s="613"/>
      <c r="VUC712" s="613"/>
      <c r="VUD712" s="613"/>
      <c r="VUE712" s="613"/>
      <c r="VUF712" s="613"/>
      <c r="VUG712" s="613"/>
      <c r="VUH712" s="613"/>
      <c r="VUI712" s="613"/>
      <c r="VUJ712" s="613"/>
      <c r="VUK712" s="613"/>
      <c r="VUL712" s="613"/>
      <c r="VUM712" s="613"/>
      <c r="VUN712" s="613"/>
      <c r="VUO712" s="613"/>
      <c r="VUP712" s="613"/>
      <c r="VUQ712" s="613"/>
      <c r="VUR712" s="613"/>
      <c r="VUS712" s="613"/>
      <c r="VUT712" s="613"/>
      <c r="VUU712" s="613"/>
      <c r="VUV712" s="613"/>
      <c r="VUW712" s="613"/>
      <c r="VUX712" s="613"/>
      <c r="VUY712" s="613"/>
      <c r="VUZ712" s="613"/>
      <c r="VVA712" s="613"/>
      <c r="VVB712" s="613"/>
      <c r="VVC712" s="613"/>
      <c r="VVD712" s="613"/>
      <c r="VVE712" s="613"/>
      <c r="VVF712" s="613"/>
      <c r="VVG712" s="613"/>
      <c r="VVH712" s="613"/>
      <c r="VVI712" s="613"/>
      <c r="VVJ712" s="613"/>
      <c r="VVK712" s="613"/>
      <c r="VVL712" s="613"/>
      <c r="VVM712" s="613"/>
      <c r="VVN712" s="613"/>
      <c r="VVO712" s="613"/>
      <c r="VVP712" s="613"/>
      <c r="VVQ712" s="613"/>
      <c r="VVR712" s="613"/>
      <c r="VVS712" s="613"/>
      <c r="VVT712" s="613"/>
      <c r="VVU712" s="613"/>
      <c r="VVV712" s="613"/>
      <c r="VVW712" s="613"/>
      <c r="VVX712" s="613"/>
      <c r="VVY712" s="613"/>
      <c r="VVZ712" s="613"/>
      <c r="VWA712" s="613"/>
      <c r="VWB712" s="613"/>
      <c r="VWC712" s="613"/>
      <c r="VWD712" s="613"/>
      <c r="VWE712" s="613"/>
      <c r="VWF712" s="613"/>
      <c r="VWG712" s="613"/>
      <c r="VWH712" s="613"/>
      <c r="VWI712" s="613"/>
      <c r="VWJ712" s="613"/>
      <c r="VWK712" s="613"/>
      <c r="VWL712" s="613"/>
      <c r="VWM712" s="613"/>
      <c r="VWN712" s="613"/>
      <c r="VWO712" s="613"/>
      <c r="VWP712" s="613"/>
      <c r="VWQ712" s="613"/>
      <c r="VWR712" s="613"/>
      <c r="VWS712" s="613"/>
      <c r="VWT712" s="613"/>
      <c r="VWU712" s="613"/>
      <c r="VWV712" s="613"/>
      <c r="VWW712" s="613"/>
      <c r="VWX712" s="613"/>
      <c r="VWY712" s="613"/>
      <c r="VWZ712" s="613"/>
      <c r="VXA712" s="613"/>
      <c r="VXB712" s="613"/>
      <c r="VXC712" s="613"/>
      <c r="VXD712" s="613"/>
      <c r="VXE712" s="613"/>
      <c r="VXF712" s="613"/>
      <c r="VXG712" s="613"/>
      <c r="VXH712" s="613"/>
      <c r="VXI712" s="613"/>
      <c r="VXJ712" s="613"/>
      <c r="VXK712" s="613"/>
      <c r="VXL712" s="613"/>
      <c r="VXM712" s="613"/>
      <c r="VXN712" s="613"/>
      <c r="VXO712" s="613"/>
      <c r="VXP712" s="613"/>
      <c r="VXQ712" s="613"/>
      <c r="VXR712" s="613"/>
      <c r="VXS712" s="613"/>
      <c r="VXT712" s="613"/>
      <c r="VXU712" s="613"/>
      <c r="VXV712" s="613"/>
      <c r="VXW712" s="613"/>
      <c r="VXX712" s="613"/>
      <c r="VXY712" s="613"/>
      <c r="VXZ712" s="613"/>
      <c r="VYA712" s="613"/>
      <c r="VYB712" s="613"/>
      <c r="VYC712" s="613"/>
      <c r="VYD712" s="613"/>
      <c r="VYE712" s="613"/>
      <c r="VYF712" s="613"/>
      <c r="VYG712" s="613"/>
      <c r="VYH712" s="613"/>
      <c r="VYI712" s="613"/>
      <c r="VYJ712" s="613"/>
      <c r="VYK712" s="613"/>
      <c r="VYL712" s="613"/>
      <c r="VYM712" s="613"/>
      <c r="VYN712" s="613"/>
      <c r="VYO712" s="613"/>
      <c r="VYP712" s="613"/>
      <c r="VYQ712" s="613"/>
      <c r="VYR712" s="613"/>
      <c r="VYS712" s="613"/>
      <c r="VYT712" s="613"/>
      <c r="VYU712" s="613"/>
      <c r="VYV712" s="613"/>
      <c r="VYW712" s="613"/>
      <c r="VYX712" s="613"/>
      <c r="VYY712" s="613"/>
      <c r="VYZ712" s="613"/>
      <c r="VZA712" s="613"/>
      <c r="VZB712" s="613"/>
      <c r="VZC712" s="613"/>
      <c r="VZD712" s="613"/>
      <c r="VZE712" s="613"/>
      <c r="VZF712" s="613"/>
      <c r="VZG712" s="613"/>
      <c r="VZH712" s="613"/>
      <c r="VZI712" s="613"/>
      <c r="VZJ712" s="613"/>
      <c r="VZK712" s="613"/>
      <c r="VZL712" s="613"/>
      <c r="VZM712" s="613"/>
      <c r="VZN712" s="613"/>
      <c r="VZO712" s="613"/>
      <c r="VZP712" s="613"/>
      <c r="VZQ712" s="613"/>
      <c r="VZR712" s="613"/>
      <c r="VZS712" s="613"/>
      <c r="VZT712" s="613"/>
      <c r="VZU712" s="613"/>
      <c r="VZV712" s="613"/>
      <c r="VZW712" s="613"/>
      <c r="VZX712" s="613"/>
      <c r="VZY712" s="613"/>
      <c r="VZZ712" s="613"/>
      <c r="WAA712" s="613"/>
      <c r="WAB712" s="613"/>
      <c r="WAC712" s="613"/>
      <c r="WAD712" s="613"/>
      <c r="WAE712" s="613"/>
      <c r="WAF712" s="613"/>
      <c r="WAG712" s="613"/>
      <c r="WAH712" s="613"/>
      <c r="WAI712" s="613"/>
      <c r="WAJ712" s="613"/>
      <c r="WAK712" s="613"/>
      <c r="WAL712" s="613"/>
      <c r="WAM712" s="613"/>
      <c r="WAN712" s="613"/>
      <c r="WAO712" s="613"/>
      <c r="WAP712" s="613"/>
      <c r="WAQ712" s="613"/>
      <c r="WAR712" s="613"/>
      <c r="WAS712" s="613"/>
      <c r="WAT712" s="613"/>
      <c r="WAU712" s="613"/>
      <c r="WAV712" s="613"/>
      <c r="WAW712" s="613"/>
      <c r="WAX712" s="613"/>
      <c r="WAY712" s="613"/>
      <c r="WAZ712" s="613"/>
      <c r="WBA712" s="613"/>
      <c r="WBB712" s="613"/>
      <c r="WBC712" s="613"/>
      <c r="WBD712" s="613"/>
      <c r="WBE712" s="613"/>
      <c r="WBF712" s="613"/>
      <c r="WBG712" s="613"/>
      <c r="WBH712" s="613"/>
      <c r="WBI712" s="613"/>
      <c r="WBJ712" s="613"/>
      <c r="WBK712" s="613"/>
      <c r="WBL712" s="613"/>
      <c r="WBM712" s="613"/>
      <c r="WBN712" s="613"/>
      <c r="WBO712" s="613"/>
      <c r="WBP712" s="613"/>
      <c r="WBQ712" s="613"/>
      <c r="WBR712" s="613"/>
      <c r="WBS712" s="613"/>
      <c r="WBT712" s="613"/>
      <c r="WBU712" s="613"/>
      <c r="WBV712" s="613"/>
      <c r="WBW712" s="613"/>
      <c r="WBX712" s="613"/>
      <c r="WBY712" s="613"/>
      <c r="WBZ712" s="613"/>
      <c r="WCA712" s="613"/>
      <c r="WCB712" s="613"/>
      <c r="WCC712" s="613"/>
      <c r="WCD712" s="613"/>
      <c r="WCE712" s="613"/>
      <c r="WCF712" s="613"/>
      <c r="WCG712" s="613"/>
      <c r="WCH712" s="613"/>
      <c r="WCI712" s="613"/>
      <c r="WCJ712" s="613"/>
      <c r="WCK712" s="613"/>
      <c r="WCL712" s="613"/>
      <c r="WCM712" s="613"/>
      <c r="WCN712" s="613"/>
      <c r="WCO712" s="613"/>
      <c r="WCP712" s="613"/>
      <c r="WCQ712" s="613"/>
      <c r="WCR712" s="613"/>
      <c r="WCS712" s="613"/>
      <c r="WCT712" s="613"/>
      <c r="WCU712" s="613"/>
      <c r="WCV712" s="613"/>
      <c r="WCW712" s="613"/>
      <c r="WCX712" s="613"/>
      <c r="WCY712" s="613"/>
      <c r="WCZ712" s="613"/>
      <c r="WDA712" s="613"/>
      <c r="WDB712" s="613"/>
      <c r="WDC712" s="613"/>
      <c r="WDD712" s="613"/>
      <c r="WDE712" s="613"/>
      <c r="WDF712" s="613"/>
      <c r="WDG712" s="613"/>
      <c r="WDH712" s="613"/>
      <c r="WDI712" s="613"/>
      <c r="WDJ712" s="613"/>
      <c r="WDK712" s="613"/>
      <c r="WDL712" s="613"/>
      <c r="WDM712" s="613"/>
      <c r="WDN712" s="613"/>
      <c r="WDO712" s="613"/>
      <c r="WDP712" s="613"/>
      <c r="WDQ712" s="613"/>
      <c r="WDR712" s="613"/>
      <c r="WDS712" s="613"/>
      <c r="WDT712" s="613"/>
      <c r="WDU712" s="613"/>
      <c r="WDV712" s="613"/>
      <c r="WDW712" s="613"/>
      <c r="WDX712" s="613"/>
      <c r="WDY712" s="613"/>
      <c r="WDZ712" s="613"/>
      <c r="WEA712" s="613"/>
      <c r="WEB712" s="613"/>
      <c r="WEC712" s="613"/>
      <c r="WED712" s="613"/>
      <c r="WEE712" s="613"/>
      <c r="WEF712" s="613"/>
      <c r="WEG712" s="613"/>
      <c r="WEH712" s="613"/>
      <c r="WEI712" s="613"/>
      <c r="WEJ712" s="613"/>
      <c r="WEK712" s="613"/>
      <c r="WEL712" s="613"/>
      <c r="WEM712" s="613"/>
      <c r="WEN712" s="613"/>
      <c r="WEO712" s="613"/>
      <c r="WEP712" s="613"/>
      <c r="WEQ712" s="613"/>
      <c r="WER712" s="613"/>
      <c r="WES712" s="613"/>
      <c r="WET712" s="613"/>
      <c r="WEU712" s="613"/>
      <c r="WEV712" s="613"/>
      <c r="WEW712" s="613"/>
      <c r="WEX712" s="613"/>
      <c r="WEY712" s="613"/>
      <c r="WEZ712" s="613"/>
      <c r="WFA712" s="613"/>
      <c r="WFB712" s="613"/>
      <c r="WFC712" s="613"/>
      <c r="WFD712" s="613"/>
      <c r="WFE712" s="613"/>
      <c r="WFF712" s="613"/>
      <c r="WFG712" s="613"/>
      <c r="WFH712" s="613"/>
      <c r="WFI712" s="613"/>
      <c r="WFJ712" s="613"/>
      <c r="WFK712" s="613"/>
      <c r="WFL712" s="613"/>
      <c r="WFM712" s="613"/>
      <c r="WFN712" s="613"/>
      <c r="WFO712" s="613"/>
      <c r="WFP712" s="613"/>
      <c r="WFQ712" s="613"/>
      <c r="WFR712" s="613"/>
      <c r="WFS712" s="613"/>
      <c r="WFT712" s="613"/>
      <c r="WFU712" s="613"/>
      <c r="WFV712" s="613"/>
      <c r="WFW712" s="613"/>
      <c r="WFX712" s="613"/>
      <c r="WFY712" s="613"/>
      <c r="WFZ712" s="613"/>
      <c r="WGA712" s="613"/>
      <c r="WGB712" s="613"/>
      <c r="WGC712" s="613"/>
      <c r="WGD712" s="613"/>
      <c r="WGE712" s="613"/>
      <c r="WGF712" s="613"/>
      <c r="WGG712" s="613"/>
      <c r="WGH712" s="613"/>
      <c r="WGI712" s="613"/>
      <c r="WGJ712" s="613"/>
      <c r="WGK712" s="613"/>
      <c r="WGL712" s="613"/>
      <c r="WGM712" s="613"/>
      <c r="WGN712" s="613"/>
      <c r="WGO712" s="613"/>
      <c r="WGP712" s="613"/>
      <c r="WGQ712" s="613"/>
      <c r="WGR712" s="613"/>
      <c r="WGS712" s="613"/>
      <c r="WGT712" s="613"/>
      <c r="WGU712" s="613"/>
      <c r="WGV712" s="613"/>
      <c r="WGW712" s="613"/>
      <c r="WGX712" s="613"/>
      <c r="WGY712" s="613"/>
      <c r="WGZ712" s="613"/>
      <c r="WHA712" s="613"/>
      <c r="WHB712" s="613"/>
      <c r="WHC712" s="613"/>
      <c r="WHD712" s="613"/>
      <c r="WHE712" s="613"/>
      <c r="WHF712" s="613"/>
      <c r="WHG712" s="613"/>
      <c r="WHH712" s="613"/>
      <c r="WHI712" s="613"/>
      <c r="WHJ712" s="613"/>
      <c r="WHK712" s="613"/>
      <c r="WHL712" s="613"/>
      <c r="WHM712" s="613"/>
      <c r="WHN712" s="613"/>
      <c r="WHO712" s="613"/>
      <c r="WHP712" s="613"/>
      <c r="WHQ712" s="613"/>
      <c r="WHR712" s="613"/>
      <c r="WHS712" s="613"/>
      <c r="WHT712" s="613"/>
      <c r="WHU712" s="613"/>
      <c r="WHV712" s="613"/>
      <c r="WHW712" s="613"/>
      <c r="WHX712" s="613"/>
      <c r="WHY712" s="613"/>
      <c r="WHZ712" s="613"/>
      <c r="WIA712" s="613"/>
      <c r="WIB712" s="613"/>
      <c r="WIC712" s="613"/>
      <c r="WID712" s="613"/>
      <c r="WIE712" s="613"/>
      <c r="WIF712" s="613"/>
      <c r="WIG712" s="613"/>
      <c r="WIH712" s="613"/>
      <c r="WII712" s="613"/>
      <c r="WIJ712" s="613"/>
      <c r="WIK712" s="613"/>
      <c r="WIL712" s="613"/>
      <c r="WIM712" s="613"/>
      <c r="WIN712" s="613"/>
      <c r="WIO712" s="613"/>
      <c r="WIP712" s="613"/>
      <c r="WIQ712" s="613"/>
      <c r="WIR712" s="613"/>
      <c r="WIS712" s="613"/>
      <c r="WIT712" s="613"/>
      <c r="WIU712" s="613"/>
      <c r="WIV712" s="613"/>
      <c r="WIW712" s="613"/>
      <c r="WIX712" s="613"/>
      <c r="WIY712" s="613"/>
      <c r="WIZ712" s="613"/>
      <c r="WJA712" s="613"/>
      <c r="WJB712" s="613"/>
      <c r="WJC712" s="613"/>
      <c r="WJD712" s="613"/>
      <c r="WJE712" s="613"/>
      <c r="WJF712" s="613"/>
      <c r="WJG712" s="613"/>
      <c r="WJH712" s="613"/>
      <c r="WJI712" s="613"/>
      <c r="WJJ712" s="613"/>
      <c r="WJK712" s="613"/>
      <c r="WJL712" s="613"/>
      <c r="WJM712" s="613"/>
      <c r="WJN712" s="613"/>
      <c r="WJO712" s="613"/>
      <c r="WJP712" s="613"/>
      <c r="WJQ712" s="613"/>
      <c r="WJR712" s="613"/>
      <c r="WJS712" s="613"/>
      <c r="WJT712" s="613"/>
      <c r="WJU712" s="613"/>
      <c r="WJV712" s="613"/>
      <c r="WJW712" s="613"/>
      <c r="WJX712" s="613"/>
      <c r="WJY712" s="613"/>
      <c r="WJZ712" s="613"/>
      <c r="WKA712" s="613"/>
      <c r="WKB712" s="613"/>
      <c r="WKC712" s="613"/>
      <c r="WKD712" s="613"/>
      <c r="WKE712" s="613"/>
      <c r="WKF712" s="613"/>
      <c r="WKG712" s="613"/>
      <c r="WKH712" s="613"/>
      <c r="WKI712" s="613"/>
      <c r="WKJ712" s="613"/>
      <c r="WKK712" s="613"/>
      <c r="WKL712" s="613"/>
      <c r="WKM712" s="613"/>
      <c r="WKN712" s="613"/>
      <c r="WKO712" s="613"/>
      <c r="WKP712" s="613"/>
      <c r="WKQ712" s="613"/>
      <c r="WKR712" s="613"/>
      <c r="WKS712" s="613"/>
      <c r="WKT712" s="613"/>
      <c r="WKU712" s="613"/>
      <c r="WKV712" s="613"/>
      <c r="WKW712" s="613"/>
      <c r="WKX712" s="613"/>
      <c r="WKY712" s="613"/>
      <c r="WKZ712" s="613"/>
      <c r="WLA712" s="613"/>
      <c r="WLB712" s="613"/>
      <c r="WLC712" s="613"/>
      <c r="WLD712" s="613"/>
      <c r="WLE712" s="613"/>
      <c r="WLF712" s="613"/>
      <c r="WLG712" s="613"/>
      <c r="WLH712" s="613"/>
      <c r="WLI712" s="613"/>
      <c r="WLJ712" s="613"/>
      <c r="WLK712" s="613"/>
      <c r="WLL712" s="613"/>
      <c r="WLM712" s="613"/>
      <c r="WLN712" s="613"/>
      <c r="WLO712" s="613"/>
      <c r="WLP712" s="613"/>
      <c r="WLQ712" s="613"/>
      <c r="WLR712" s="613"/>
      <c r="WLS712" s="613"/>
      <c r="WLT712" s="613"/>
      <c r="WLU712" s="613"/>
      <c r="WLV712" s="613"/>
      <c r="WLW712" s="613"/>
      <c r="WLX712" s="613"/>
      <c r="WLY712" s="613"/>
      <c r="WLZ712" s="613"/>
      <c r="WMA712" s="613"/>
      <c r="WMB712" s="613"/>
      <c r="WMC712" s="613"/>
      <c r="WMD712" s="613"/>
      <c r="WME712" s="613"/>
      <c r="WMF712" s="613"/>
      <c r="WMG712" s="613"/>
      <c r="WMH712" s="613"/>
      <c r="WMI712" s="613"/>
      <c r="WMJ712" s="613"/>
      <c r="WMK712" s="613"/>
      <c r="WML712" s="613"/>
      <c r="WMM712" s="613"/>
      <c r="WMN712" s="613"/>
      <c r="WMO712" s="613"/>
      <c r="WMP712" s="613"/>
      <c r="WMQ712" s="613"/>
      <c r="WMR712" s="613"/>
      <c r="WMS712" s="613"/>
      <c r="WMT712" s="613"/>
      <c r="WMU712" s="613"/>
      <c r="WMV712" s="613"/>
      <c r="WMW712" s="613"/>
      <c r="WMX712" s="613"/>
      <c r="WMY712" s="613"/>
      <c r="WMZ712" s="613"/>
      <c r="WNA712" s="613"/>
      <c r="WNB712" s="613"/>
      <c r="WNC712" s="613"/>
      <c r="WND712" s="613"/>
      <c r="WNE712" s="613"/>
      <c r="WNF712" s="613"/>
      <c r="WNG712" s="613"/>
      <c r="WNH712" s="613"/>
      <c r="WNI712" s="613"/>
      <c r="WNJ712" s="613"/>
      <c r="WNK712" s="613"/>
      <c r="WNL712" s="613"/>
      <c r="WNM712" s="613"/>
      <c r="WNN712" s="613"/>
      <c r="WNO712" s="613"/>
      <c r="WNP712" s="613"/>
      <c r="WNQ712" s="613"/>
      <c r="WNR712" s="613"/>
      <c r="WNS712" s="613"/>
      <c r="WNT712" s="613"/>
      <c r="WNU712" s="613"/>
      <c r="WNV712" s="613"/>
      <c r="WNW712" s="613"/>
      <c r="WNX712" s="613"/>
      <c r="WNY712" s="613"/>
      <c r="WNZ712" s="613"/>
      <c r="WOA712" s="613"/>
      <c r="WOB712" s="613"/>
      <c r="WOC712" s="613"/>
      <c r="WOD712" s="613"/>
      <c r="WOE712" s="613"/>
      <c r="WOF712" s="613"/>
      <c r="WOG712" s="613"/>
      <c r="WOH712" s="613"/>
      <c r="WOI712" s="613"/>
      <c r="WOJ712" s="613"/>
      <c r="WOK712" s="613"/>
      <c r="WOL712" s="613"/>
      <c r="WOM712" s="613"/>
      <c r="WON712" s="613"/>
      <c r="WOO712" s="613"/>
      <c r="WOP712" s="613"/>
      <c r="WOQ712" s="613"/>
      <c r="WOR712" s="613"/>
      <c r="WOS712" s="613"/>
      <c r="WOT712" s="613"/>
      <c r="WOU712" s="613"/>
      <c r="WOV712" s="613"/>
      <c r="WOW712" s="613"/>
      <c r="WOX712" s="613"/>
      <c r="WOY712" s="613"/>
      <c r="WOZ712" s="613"/>
      <c r="WPA712" s="613"/>
      <c r="WPB712" s="613"/>
      <c r="WPC712" s="613"/>
      <c r="WPD712" s="613"/>
      <c r="WPE712" s="613"/>
      <c r="WPF712" s="613"/>
      <c r="WPG712" s="613"/>
      <c r="WPH712" s="613"/>
      <c r="WPI712" s="613"/>
      <c r="WPJ712" s="613"/>
      <c r="WPK712" s="613"/>
      <c r="WPL712" s="613"/>
      <c r="WPM712" s="613"/>
      <c r="WPN712" s="613"/>
      <c r="WPO712" s="613"/>
      <c r="WPP712" s="613"/>
      <c r="WPQ712" s="613"/>
      <c r="WPR712" s="613"/>
      <c r="WPS712" s="613"/>
      <c r="WPT712" s="613"/>
      <c r="WPU712" s="613"/>
      <c r="WPV712" s="613"/>
      <c r="WPW712" s="613"/>
      <c r="WPX712" s="613"/>
      <c r="WPY712" s="613"/>
      <c r="WPZ712" s="613"/>
      <c r="WQA712" s="613"/>
      <c r="WQB712" s="613"/>
      <c r="WQC712" s="613"/>
      <c r="WQD712" s="613"/>
      <c r="WQE712" s="613"/>
      <c r="WQF712" s="613"/>
      <c r="WQG712" s="613"/>
      <c r="WQH712" s="613"/>
      <c r="WQI712" s="613"/>
      <c r="WQJ712" s="613"/>
      <c r="WQK712" s="613"/>
      <c r="WQL712" s="613"/>
      <c r="WQM712" s="613"/>
      <c r="WQN712" s="613"/>
      <c r="WQO712" s="613"/>
      <c r="WQP712" s="613"/>
      <c r="WQQ712" s="613"/>
      <c r="WQR712" s="613"/>
      <c r="WQS712" s="613"/>
      <c r="WQT712" s="613"/>
      <c r="WQU712" s="613"/>
      <c r="WQV712" s="613"/>
      <c r="WQW712" s="613"/>
      <c r="WQX712" s="613"/>
      <c r="WQY712" s="613"/>
      <c r="WQZ712" s="613"/>
      <c r="WRA712" s="613"/>
      <c r="WRB712" s="613"/>
      <c r="WRC712" s="613"/>
      <c r="WRD712" s="613"/>
      <c r="WRE712" s="613"/>
      <c r="WRF712" s="613"/>
      <c r="WRG712" s="613"/>
      <c r="WRH712" s="613"/>
      <c r="WRI712" s="613"/>
      <c r="WRJ712" s="613"/>
      <c r="WRK712" s="613"/>
      <c r="WRL712" s="613"/>
      <c r="WRM712" s="613"/>
      <c r="WRN712" s="613"/>
      <c r="WRO712" s="613"/>
      <c r="WRP712" s="613"/>
      <c r="WRQ712" s="613"/>
      <c r="WRR712" s="613"/>
      <c r="WRS712" s="613"/>
      <c r="WRT712" s="613"/>
      <c r="WRU712" s="613"/>
      <c r="WRV712" s="613"/>
      <c r="WRW712" s="613"/>
      <c r="WRX712" s="613"/>
      <c r="WRY712" s="613"/>
      <c r="WRZ712" s="613"/>
      <c r="WSA712" s="613"/>
      <c r="WSB712" s="613"/>
      <c r="WSC712" s="613"/>
      <c r="WSD712" s="613"/>
      <c r="WSE712" s="613"/>
      <c r="WSF712" s="613"/>
      <c r="WSG712" s="613"/>
      <c r="WSH712" s="613"/>
      <c r="WSI712" s="613"/>
      <c r="WSJ712" s="613"/>
      <c r="WSK712" s="613"/>
      <c r="WSL712" s="613"/>
      <c r="WSM712" s="613"/>
      <c r="WSN712" s="613"/>
      <c r="WSO712" s="613"/>
      <c r="WSP712" s="613"/>
      <c r="WSQ712" s="613"/>
      <c r="WSR712" s="613"/>
      <c r="WSS712" s="613"/>
      <c r="WST712" s="613"/>
      <c r="WSU712" s="613"/>
      <c r="WSV712" s="613"/>
      <c r="WSW712" s="613"/>
      <c r="WSX712" s="613"/>
      <c r="WSY712" s="613"/>
      <c r="WSZ712" s="613"/>
      <c r="WTA712" s="613"/>
      <c r="WTB712" s="613"/>
      <c r="WTC712" s="613"/>
      <c r="WTD712" s="613"/>
      <c r="WTE712" s="613"/>
      <c r="WTF712" s="613"/>
      <c r="WTG712" s="613"/>
      <c r="WTH712" s="613"/>
      <c r="WTI712" s="613"/>
      <c r="WTJ712" s="613"/>
      <c r="WTK712" s="613"/>
      <c r="WTL712" s="613"/>
      <c r="WTM712" s="613"/>
      <c r="WTN712" s="613"/>
      <c r="WTO712" s="613"/>
      <c r="WTP712" s="613"/>
      <c r="WTQ712" s="613"/>
      <c r="WTR712" s="613"/>
      <c r="WTS712" s="613"/>
      <c r="WTT712" s="613"/>
      <c r="WTU712" s="613"/>
      <c r="WTV712" s="613"/>
      <c r="WTW712" s="613"/>
      <c r="WTX712" s="613"/>
      <c r="WTY712" s="613"/>
      <c r="WTZ712" s="613"/>
      <c r="WUA712" s="613"/>
      <c r="WUB712" s="613"/>
      <c r="WUC712" s="613"/>
      <c r="WUD712" s="613"/>
      <c r="WUE712" s="613"/>
      <c r="WUF712" s="613"/>
      <c r="WUG712" s="613"/>
      <c r="WUH712" s="613"/>
      <c r="WUI712" s="613"/>
      <c r="WUJ712" s="613"/>
      <c r="WUK712" s="613"/>
      <c r="WUL712" s="613"/>
      <c r="WUM712" s="613"/>
      <c r="WUN712" s="613"/>
      <c r="WUO712" s="613"/>
      <c r="WUP712" s="613"/>
      <c r="WUQ712" s="613"/>
      <c r="WUR712" s="613"/>
      <c r="WUS712" s="613"/>
      <c r="WUT712" s="613"/>
      <c r="WUU712" s="613"/>
      <c r="WUV712" s="613"/>
      <c r="WUW712" s="613"/>
      <c r="WUX712" s="613"/>
      <c r="WUY712" s="613"/>
      <c r="WUZ712" s="613"/>
      <c r="WVA712" s="613"/>
      <c r="WVB712" s="613"/>
      <c r="WVC712" s="613"/>
      <c r="WVD712" s="613"/>
      <c r="WVE712" s="613"/>
      <c r="WVF712" s="613"/>
      <c r="WVG712" s="613"/>
      <c r="WVH712" s="613"/>
      <c r="WVI712" s="613"/>
      <c r="WVJ712" s="613"/>
      <c r="WVK712" s="613"/>
      <c r="WVL712" s="613"/>
      <c r="WVM712" s="613"/>
      <c r="WVN712" s="613"/>
      <c r="WVO712" s="613"/>
      <c r="WVP712" s="613"/>
      <c r="WVQ712" s="613"/>
      <c r="WVR712" s="613"/>
      <c r="WVS712" s="613"/>
      <c r="WVT712" s="613"/>
      <c r="WVU712" s="613"/>
      <c r="WVV712" s="613"/>
      <c r="WVW712" s="613"/>
      <c r="WVX712" s="613"/>
      <c r="WVY712" s="613"/>
      <c r="WVZ712" s="613"/>
      <c r="WWA712" s="613"/>
      <c r="WWB712" s="613"/>
      <c r="WWC712" s="613"/>
      <c r="WWD712" s="613"/>
      <c r="WWE712" s="613"/>
      <c r="WWF712" s="613"/>
      <c r="WWG712" s="613"/>
      <c r="WWH712" s="613"/>
      <c r="WWI712" s="613"/>
      <c r="WWJ712" s="613"/>
      <c r="WWK712" s="613"/>
      <c r="WWL712" s="613"/>
      <c r="WWM712" s="613"/>
      <c r="WWN712" s="613"/>
      <c r="WWO712" s="613"/>
      <c r="WWP712" s="613"/>
      <c r="WWQ712" s="613"/>
      <c r="WWR712" s="613"/>
      <c r="WWS712" s="613"/>
      <c r="WWT712" s="613"/>
      <c r="WWU712" s="613"/>
      <c r="WWV712" s="613"/>
      <c r="WWW712" s="613"/>
      <c r="WWX712" s="613"/>
      <c r="WWY712" s="613"/>
      <c r="WWZ712" s="613"/>
      <c r="WXA712" s="613"/>
      <c r="WXB712" s="613"/>
      <c r="WXC712" s="613"/>
      <c r="WXD712" s="613"/>
      <c r="WXE712" s="613"/>
      <c r="WXF712" s="613"/>
      <c r="WXG712" s="613"/>
      <c r="WXH712" s="613"/>
      <c r="WXI712" s="613"/>
      <c r="WXJ712" s="613"/>
      <c r="WXK712" s="613"/>
      <c r="WXL712" s="613"/>
      <c r="WXM712" s="613"/>
      <c r="WXN712" s="613"/>
      <c r="WXO712" s="613"/>
      <c r="WXP712" s="613"/>
      <c r="WXQ712" s="613"/>
      <c r="WXR712" s="613"/>
      <c r="WXS712" s="613"/>
      <c r="WXT712" s="613"/>
      <c r="WXU712" s="613"/>
      <c r="WXV712" s="613"/>
      <c r="WXW712" s="613"/>
      <c r="WXX712" s="613"/>
      <c r="WXY712" s="613"/>
      <c r="WXZ712" s="613"/>
      <c r="WYA712" s="613"/>
      <c r="WYB712" s="613"/>
      <c r="WYC712" s="613"/>
      <c r="WYD712" s="613"/>
      <c r="WYE712" s="613"/>
      <c r="WYF712" s="613"/>
      <c r="WYG712" s="613"/>
      <c r="WYH712" s="613"/>
      <c r="WYI712" s="613"/>
      <c r="WYJ712" s="613"/>
      <c r="WYK712" s="613"/>
      <c r="WYL712" s="613"/>
      <c r="WYM712" s="613"/>
      <c r="WYN712" s="613"/>
      <c r="WYO712" s="613"/>
      <c r="WYP712" s="613"/>
      <c r="WYQ712" s="613"/>
      <c r="WYR712" s="613"/>
      <c r="WYS712" s="613"/>
      <c r="WYT712" s="613"/>
      <c r="WYU712" s="613"/>
      <c r="WYV712" s="613"/>
      <c r="WYW712" s="613"/>
      <c r="WYX712" s="613"/>
      <c r="WYY712" s="613"/>
      <c r="WYZ712" s="613"/>
      <c r="WZA712" s="613"/>
      <c r="WZB712" s="613"/>
      <c r="WZC712" s="613"/>
      <c r="WZD712" s="613"/>
      <c r="WZE712" s="613"/>
      <c r="WZF712" s="613"/>
      <c r="WZG712" s="613"/>
      <c r="WZH712" s="613"/>
      <c r="WZI712" s="613"/>
      <c r="WZJ712" s="613"/>
      <c r="WZK712" s="613"/>
      <c r="WZL712" s="613"/>
      <c r="WZM712" s="613"/>
      <c r="WZN712" s="613"/>
      <c r="WZO712" s="613"/>
      <c r="WZP712" s="613"/>
      <c r="WZQ712" s="613"/>
      <c r="WZR712" s="613"/>
      <c r="WZS712" s="613"/>
      <c r="WZT712" s="613"/>
      <c r="WZU712" s="613"/>
      <c r="WZV712" s="613"/>
      <c r="WZW712" s="613"/>
      <c r="WZX712" s="613"/>
      <c r="WZY712" s="613"/>
      <c r="WZZ712" s="613"/>
      <c r="XAA712" s="613"/>
      <c r="XAB712" s="613"/>
      <c r="XAC712" s="613"/>
      <c r="XAD712" s="613"/>
      <c r="XAE712" s="613"/>
      <c r="XAF712" s="613"/>
      <c r="XAG712" s="613"/>
      <c r="XAH712" s="613"/>
      <c r="XAI712" s="613"/>
      <c r="XAJ712" s="613"/>
      <c r="XAK712" s="613"/>
      <c r="XAL712" s="613"/>
      <c r="XAM712" s="613"/>
      <c r="XAN712" s="613"/>
      <c r="XAO712" s="613"/>
      <c r="XAP712" s="613"/>
      <c r="XAQ712" s="613"/>
      <c r="XAR712" s="613"/>
      <c r="XAS712" s="613"/>
      <c r="XAT712" s="613"/>
      <c r="XAU712" s="613"/>
      <c r="XAV712" s="613"/>
      <c r="XAW712" s="613"/>
      <c r="XAX712" s="613"/>
      <c r="XAY712" s="613"/>
      <c r="XAZ712" s="613"/>
      <c r="XBA712" s="613"/>
      <c r="XBB712" s="613"/>
      <c r="XBC712" s="613"/>
      <c r="XBD712" s="613"/>
      <c r="XBE712" s="613"/>
      <c r="XBF712" s="613"/>
      <c r="XBG712" s="613"/>
      <c r="XBH712" s="613"/>
      <c r="XBI712" s="613"/>
      <c r="XBJ712" s="613"/>
      <c r="XBK712" s="613"/>
      <c r="XBL712" s="613"/>
      <c r="XBM712" s="613"/>
      <c r="XBN712" s="613"/>
      <c r="XBO712" s="613"/>
      <c r="XBP712" s="613"/>
      <c r="XBQ712" s="613"/>
      <c r="XBR712" s="613"/>
      <c r="XBS712" s="613"/>
      <c r="XBT712" s="613"/>
      <c r="XBU712" s="613"/>
      <c r="XBV712" s="613"/>
      <c r="XBW712" s="613"/>
      <c r="XBX712" s="613"/>
      <c r="XBY712" s="613"/>
      <c r="XBZ712" s="613"/>
      <c r="XCA712" s="613"/>
      <c r="XCB712" s="613"/>
      <c r="XCC712" s="613"/>
      <c r="XCD712" s="613"/>
      <c r="XCE712" s="613"/>
      <c r="XCF712" s="613"/>
      <c r="XCG712" s="613"/>
      <c r="XCH712" s="613"/>
      <c r="XCI712" s="613"/>
      <c r="XCJ712" s="613"/>
      <c r="XCK712" s="613"/>
      <c r="XCL712" s="613"/>
      <c r="XCM712" s="613"/>
      <c r="XCN712" s="613"/>
      <c r="XCO712" s="613"/>
      <c r="XCP712" s="613"/>
      <c r="XCQ712" s="613"/>
    </row>
    <row r="713" spans="1:16319" ht="56.1" customHeight="1" x14ac:dyDescent="0.2">
      <c r="A713" s="273" t="s">
        <v>3016</v>
      </c>
      <c r="B713" s="499"/>
      <c r="C713" s="77"/>
      <c r="D713" s="481">
        <v>277</v>
      </c>
      <c r="E713" s="481"/>
      <c r="F713" s="481" t="s">
        <v>2481</v>
      </c>
      <c r="G713" s="482" t="s">
        <v>53</v>
      </c>
      <c r="H713" s="765" t="s">
        <v>329</v>
      </c>
      <c r="I713" s="654" t="s">
        <v>500</v>
      </c>
      <c r="J713" s="654" t="s">
        <v>501</v>
      </c>
      <c r="K713" s="495" t="s">
        <v>505</v>
      </c>
      <c r="L713" s="621"/>
      <c r="M713" s="484" t="s">
        <v>58</v>
      </c>
      <c r="N713" s="329" t="s">
        <v>1361</v>
      </c>
      <c r="O713" s="484" t="s">
        <v>2996</v>
      </c>
      <c r="P713" s="484" t="s">
        <v>81</v>
      </c>
      <c r="Q713" s="667" t="s">
        <v>334</v>
      </c>
      <c r="R713" s="484" t="s">
        <v>334</v>
      </c>
      <c r="S713" s="484" t="s">
        <v>377</v>
      </c>
      <c r="T713" s="484"/>
      <c r="U713" s="620" t="s">
        <v>63</v>
      </c>
      <c r="V713" s="620" t="s">
        <v>63</v>
      </c>
      <c r="W713" s="723">
        <v>101705</v>
      </c>
      <c r="X713" s="723"/>
      <c r="Y713" s="654" t="s">
        <v>226</v>
      </c>
      <c r="Z713" s="654"/>
      <c r="AA713" s="723">
        <v>101705</v>
      </c>
      <c r="AB713" s="652" t="s">
        <v>82</v>
      </c>
      <c r="AC713" s="652"/>
      <c r="AD713" s="496"/>
      <c r="AE713" s="487" t="s">
        <v>66</v>
      </c>
      <c r="AF713" s="496"/>
      <c r="AG713" s="496"/>
      <c r="AH713" s="496"/>
      <c r="AI713" s="496"/>
      <c r="AJ713" s="496"/>
      <c r="AK713" s="496"/>
      <c r="AL713" s="496"/>
      <c r="AM713" s="496"/>
      <c r="AN713" s="496"/>
      <c r="AO713" s="496"/>
      <c r="AP713" s="496"/>
      <c r="AQ713" s="496"/>
      <c r="AR713" s="496"/>
      <c r="AS713" s="496"/>
      <c r="AT713" s="496"/>
      <c r="AU713" s="487"/>
      <c r="AV713" s="487"/>
      <c r="AW713" s="487"/>
      <c r="AX713" s="487"/>
      <c r="AY713" s="487"/>
      <c r="AZ713" s="487"/>
      <c r="BA713" s="484"/>
      <c r="BB713" s="484"/>
      <c r="BC713" s="484"/>
      <c r="BD713" s="494"/>
      <c r="BE713" s="494"/>
      <c r="BF713" s="613"/>
      <c r="BG713" s="613"/>
      <c r="BH713" s="613"/>
      <c r="BI713" s="613"/>
      <c r="BJ713" s="613"/>
      <c r="BK713" s="613"/>
      <c r="BL713" s="613"/>
      <c r="BM713" s="613"/>
      <c r="BN713" s="613"/>
      <c r="BO713" s="613"/>
      <c r="BP713" s="613"/>
      <c r="BQ713" s="613"/>
      <c r="BR713" s="613"/>
      <c r="BS713" s="613"/>
      <c r="BT713" s="613"/>
      <c r="BU713" s="613"/>
      <c r="BV713" s="613"/>
      <c r="BW713" s="613"/>
      <c r="BX713" s="613"/>
      <c r="BY713" s="613"/>
      <c r="BZ713" s="613"/>
      <c r="CA713" s="613"/>
      <c r="CB713" s="613"/>
      <c r="CC713" s="613"/>
      <c r="CD713" s="613"/>
      <c r="CE713" s="613"/>
      <c r="CF713" s="613"/>
      <c r="CG713" s="613"/>
      <c r="CH713" s="613"/>
      <c r="CI713" s="613"/>
      <c r="CJ713" s="613"/>
      <c r="CK713" s="613"/>
      <c r="CL713" s="613"/>
      <c r="CM713" s="613"/>
      <c r="CN713" s="613"/>
      <c r="CO713" s="613"/>
      <c r="CP713" s="613"/>
      <c r="CQ713" s="613"/>
      <c r="CR713" s="613"/>
      <c r="CS713" s="613"/>
      <c r="CT713" s="613"/>
      <c r="CU713" s="613"/>
      <c r="CV713" s="613"/>
      <c r="CW713" s="613"/>
      <c r="CX713" s="613"/>
      <c r="CY713" s="613"/>
      <c r="CZ713" s="613"/>
      <c r="DA713" s="613"/>
      <c r="DB713" s="613"/>
      <c r="DC713" s="613"/>
      <c r="DD713" s="613"/>
      <c r="DE713" s="613"/>
      <c r="DF713" s="613"/>
      <c r="DG713" s="613"/>
      <c r="DH713" s="613"/>
      <c r="DI713" s="613"/>
      <c r="DJ713" s="613"/>
      <c r="DK713" s="613"/>
      <c r="DL713" s="613"/>
      <c r="DM713" s="613"/>
      <c r="DN713" s="613"/>
      <c r="DO713" s="613"/>
      <c r="DP713" s="613"/>
      <c r="DQ713" s="613"/>
      <c r="DR713" s="613"/>
      <c r="DS713" s="613"/>
      <c r="DT713" s="613"/>
      <c r="DU713" s="613"/>
      <c r="DV713" s="613"/>
      <c r="DW713" s="613"/>
      <c r="DX713" s="613"/>
      <c r="DY713" s="613"/>
      <c r="DZ713" s="613"/>
      <c r="EA713" s="613"/>
      <c r="EB713" s="613"/>
      <c r="EC713" s="613"/>
      <c r="ED713" s="613"/>
      <c r="EE713" s="613"/>
      <c r="EF713" s="613"/>
      <c r="EG713" s="613"/>
      <c r="EH713" s="613"/>
      <c r="EI713" s="613"/>
      <c r="EJ713" s="613"/>
      <c r="EK713" s="613"/>
      <c r="EL713" s="613"/>
      <c r="EM713" s="613"/>
      <c r="EN713" s="613"/>
      <c r="EO713" s="613"/>
      <c r="EP713" s="613"/>
      <c r="EQ713" s="613"/>
      <c r="ER713" s="613"/>
      <c r="ES713" s="613"/>
      <c r="ET713" s="613"/>
      <c r="EU713" s="613"/>
      <c r="EV713" s="613"/>
      <c r="EW713" s="613"/>
      <c r="EX713" s="613"/>
      <c r="EY713" s="613"/>
      <c r="EZ713" s="613"/>
      <c r="FA713" s="613"/>
      <c r="FB713" s="613"/>
      <c r="FC713" s="613"/>
      <c r="FD713" s="613"/>
      <c r="FE713" s="613"/>
      <c r="FF713" s="613"/>
      <c r="FG713" s="613"/>
      <c r="FH713" s="613"/>
      <c r="FI713" s="613"/>
      <c r="FJ713" s="613"/>
      <c r="FK713" s="613"/>
      <c r="FL713" s="613"/>
      <c r="FM713" s="613"/>
      <c r="FN713" s="613"/>
      <c r="FO713" s="613"/>
      <c r="FP713" s="613"/>
      <c r="FQ713" s="613"/>
      <c r="FR713" s="613"/>
      <c r="FS713" s="613"/>
      <c r="FT713" s="613"/>
      <c r="FU713" s="613"/>
      <c r="FV713" s="613"/>
      <c r="FW713" s="613"/>
      <c r="FX713" s="613"/>
      <c r="FY713" s="613"/>
      <c r="FZ713" s="613"/>
      <c r="GA713" s="613"/>
      <c r="GB713" s="613"/>
      <c r="GC713" s="613"/>
      <c r="GD713" s="613"/>
      <c r="GE713" s="613"/>
      <c r="GF713" s="613"/>
      <c r="GG713" s="613"/>
      <c r="GH713" s="613"/>
      <c r="GI713" s="613"/>
      <c r="GJ713" s="613"/>
      <c r="GK713" s="613"/>
      <c r="GL713" s="613"/>
      <c r="GM713" s="613"/>
      <c r="GN713" s="613"/>
      <c r="GO713" s="613"/>
      <c r="GP713" s="613"/>
      <c r="GQ713" s="613"/>
      <c r="GR713" s="613"/>
      <c r="GS713" s="613"/>
      <c r="GT713" s="613"/>
      <c r="GU713" s="613"/>
      <c r="GV713" s="613"/>
      <c r="GW713" s="613"/>
      <c r="GX713" s="613"/>
      <c r="GY713" s="613"/>
      <c r="GZ713" s="613"/>
      <c r="HA713" s="613"/>
      <c r="HB713" s="613"/>
      <c r="HC713" s="613"/>
      <c r="HD713" s="613"/>
      <c r="HE713" s="613"/>
      <c r="HF713" s="613"/>
      <c r="HG713" s="613"/>
      <c r="HH713" s="613"/>
      <c r="HI713" s="613"/>
      <c r="HJ713" s="613"/>
      <c r="HK713" s="613"/>
      <c r="HL713" s="613"/>
      <c r="HM713" s="613"/>
      <c r="HN713" s="613"/>
      <c r="HO713" s="613"/>
      <c r="HP713" s="613"/>
      <c r="HQ713" s="613"/>
      <c r="HR713" s="613"/>
      <c r="HS713" s="613"/>
      <c r="HT713" s="613"/>
      <c r="HU713" s="613"/>
      <c r="HV713" s="613"/>
      <c r="HW713" s="613"/>
      <c r="HX713" s="613"/>
      <c r="HY713" s="613"/>
      <c r="HZ713" s="613"/>
      <c r="IA713" s="613"/>
      <c r="IB713" s="613"/>
      <c r="IC713" s="613"/>
      <c r="ID713" s="613"/>
      <c r="IE713" s="613"/>
      <c r="IF713" s="613"/>
      <c r="IG713" s="613"/>
      <c r="IH713" s="613"/>
      <c r="II713" s="613"/>
      <c r="IJ713" s="613"/>
      <c r="IK713" s="613"/>
      <c r="IL713" s="613"/>
      <c r="IM713" s="613"/>
      <c r="IN713" s="613"/>
      <c r="IO713" s="613"/>
      <c r="IP713" s="613"/>
      <c r="IQ713" s="613"/>
      <c r="IR713" s="613"/>
      <c r="IS713" s="613"/>
      <c r="IT713" s="613"/>
      <c r="IU713" s="613"/>
      <c r="IV713" s="613"/>
      <c r="IW713" s="613"/>
      <c r="IX713" s="613"/>
      <c r="IY713" s="613"/>
      <c r="IZ713" s="613"/>
      <c r="JA713" s="613"/>
      <c r="JB713" s="613"/>
      <c r="JC713" s="613"/>
      <c r="JD713" s="613"/>
      <c r="JE713" s="613"/>
      <c r="JF713" s="613"/>
      <c r="JG713" s="613"/>
      <c r="JH713" s="613"/>
      <c r="JI713" s="613"/>
      <c r="JJ713" s="613"/>
      <c r="JK713" s="613"/>
      <c r="JL713" s="613"/>
      <c r="JM713" s="613"/>
      <c r="JN713" s="613"/>
      <c r="JO713" s="613"/>
      <c r="JP713" s="613"/>
      <c r="JQ713" s="613"/>
      <c r="JR713" s="613"/>
      <c r="JS713" s="613"/>
      <c r="JT713" s="613"/>
      <c r="JU713" s="613"/>
      <c r="JV713" s="613"/>
      <c r="JW713" s="613"/>
      <c r="JX713" s="613"/>
      <c r="JY713" s="613"/>
      <c r="JZ713" s="613"/>
      <c r="KA713" s="613"/>
      <c r="KB713" s="613"/>
      <c r="KC713" s="613"/>
      <c r="KD713" s="613"/>
      <c r="KE713" s="613"/>
      <c r="KF713" s="613"/>
      <c r="KG713" s="613"/>
      <c r="KH713" s="613"/>
      <c r="KI713" s="613"/>
      <c r="KJ713" s="613"/>
      <c r="KK713" s="613"/>
      <c r="KL713" s="613"/>
      <c r="KM713" s="613"/>
      <c r="KN713" s="613"/>
      <c r="KO713" s="613"/>
      <c r="KP713" s="613"/>
      <c r="KQ713" s="613"/>
      <c r="KR713" s="613"/>
      <c r="KS713" s="613"/>
      <c r="KT713" s="613"/>
      <c r="KU713" s="613"/>
      <c r="KV713" s="613"/>
      <c r="KW713" s="613"/>
      <c r="KX713" s="613"/>
      <c r="KY713" s="613"/>
      <c r="KZ713" s="613"/>
      <c r="LA713" s="613"/>
      <c r="LB713" s="613"/>
      <c r="LC713" s="613"/>
      <c r="LD713" s="613"/>
      <c r="LE713" s="613"/>
      <c r="LF713" s="613"/>
      <c r="LG713" s="613"/>
      <c r="LH713" s="613"/>
      <c r="LI713" s="613"/>
      <c r="LJ713" s="613"/>
      <c r="LK713" s="613"/>
      <c r="LL713" s="613"/>
      <c r="LM713" s="613"/>
      <c r="LN713" s="613"/>
      <c r="LO713" s="613"/>
      <c r="LP713" s="613"/>
      <c r="LQ713" s="613"/>
      <c r="LR713" s="613"/>
      <c r="LS713" s="613"/>
      <c r="LT713" s="613"/>
      <c r="LU713" s="613"/>
      <c r="LV713" s="613"/>
      <c r="LW713" s="613"/>
      <c r="LX713" s="613"/>
      <c r="LY713" s="613"/>
      <c r="LZ713" s="613"/>
      <c r="MA713" s="613"/>
      <c r="MB713" s="613"/>
      <c r="MC713" s="613"/>
      <c r="MD713" s="613"/>
      <c r="ME713" s="613"/>
      <c r="MF713" s="613"/>
      <c r="MG713" s="613"/>
      <c r="MH713" s="613"/>
      <c r="MI713" s="613"/>
      <c r="MJ713" s="613"/>
      <c r="MK713" s="613"/>
      <c r="ML713" s="613"/>
      <c r="MM713" s="613"/>
      <c r="MN713" s="613"/>
      <c r="MO713" s="613"/>
      <c r="MP713" s="613"/>
      <c r="MQ713" s="613"/>
      <c r="MR713" s="613"/>
      <c r="MS713" s="613"/>
      <c r="MT713" s="613"/>
      <c r="MU713" s="613"/>
      <c r="MV713" s="613"/>
      <c r="MW713" s="613"/>
      <c r="MX713" s="613"/>
      <c r="MY713" s="613"/>
      <c r="MZ713" s="613"/>
      <c r="NA713" s="613"/>
      <c r="NB713" s="613"/>
      <c r="NC713" s="613"/>
      <c r="ND713" s="613"/>
      <c r="NE713" s="613"/>
      <c r="NF713" s="613"/>
      <c r="NG713" s="613"/>
      <c r="NH713" s="613"/>
      <c r="NI713" s="613"/>
      <c r="NJ713" s="613"/>
      <c r="NK713" s="613"/>
      <c r="NL713" s="613"/>
      <c r="NM713" s="613"/>
      <c r="NN713" s="613"/>
      <c r="NO713" s="613"/>
      <c r="NP713" s="613"/>
      <c r="NQ713" s="613"/>
      <c r="NR713" s="613"/>
      <c r="NS713" s="613"/>
      <c r="NT713" s="613"/>
      <c r="NU713" s="613"/>
      <c r="NV713" s="613"/>
      <c r="NW713" s="613"/>
      <c r="NX713" s="613"/>
      <c r="NY713" s="613"/>
      <c r="NZ713" s="613"/>
      <c r="OA713" s="613"/>
      <c r="OB713" s="613"/>
      <c r="OC713" s="613"/>
      <c r="OD713" s="613"/>
      <c r="OE713" s="613"/>
      <c r="OF713" s="613"/>
      <c r="OG713" s="613"/>
      <c r="OH713" s="613"/>
      <c r="OI713" s="613"/>
      <c r="OJ713" s="613"/>
      <c r="OK713" s="613"/>
      <c r="OL713" s="613"/>
      <c r="OM713" s="613"/>
      <c r="ON713" s="613"/>
      <c r="OO713" s="613"/>
      <c r="OP713" s="613"/>
      <c r="OQ713" s="613"/>
      <c r="OR713" s="613"/>
      <c r="OS713" s="613"/>
      <c r="OT713" s="613"/>
      <c r="OU713" s="613"/>
      <c r="OV713" s="613"/>
      <c r="OW713" s="613"/>
      <c r="OX713" s="613"/>
      <c r="OY713" s="613"/>
      <c r="OZ713" s="613"/>
      <c r="PA713" s="613"/>
      <c r="PB713" s="613"/>
      <c r="PC713" s="613"/>
      <c r="PD713" s="613"/>
      <c r="PE713" s="613"/>
      <c r="PF713" s="613"/>
      <c r="PG713" s="613"/>
      <c r="PH713" s="613"/>
      <c r="PI713" s="613"/>
      <c r="PJ713" s="613"/>
      <c r="PK713" s="613"/>
      <c r="PL713" s="613"/>
      <c r="PM713" s="613"/>
      <c r="PN713" s="613"/>
      <c r="PO713" s="613"/>
      <c r="PP713" s="613"/>
      <c r="PQ713" s="613"/>
      <c r="PR713" s="613"/>
      <c r="PS713" s="613"/>
      <c r="PT713" s="613"/>
      <c r="PU713" s="613"/>
      <c r="PV713" s="613"/>
      <c r="PW713" s="613"/>
      <c r="PX713" s="613"/>
      <c r="PY713" s="613"/>
      <c r="PZ713" s="613"/>
      <c r="QA713" s="613"/>
      <c r="QB713" s="613"/>
      <c r="QC713" s="613"/>
      <c r="QD713" s="613"/>
      <c r="QE713" s="613"/>
      <c r="QF713" s="613"/>
      <c r="QG713" s="613"/>
      <c r="QH713" s="613"/>
      <c r="QI713" s="613"/>
      <c r="QJ713" s="613"/>
      <c r="QK713" s="613"/>
      <c r="QL713" s="613"/>
      <c r="QM713" s="613"/>
      <c r="QN713" s="613"/>
      <c r="QO713" s="613"/>
      <c r="QP713" s="613"/>
      <c r="QQ713" s="613"/>
      <c r="QR713" s="613"/>
      <c r="QS713" s="613"/>
      <c r="QT713" s="613"/>
      <c r="QU713" s="613"/>
      <c r="QV713" s="613"/>
      <c r="QW713" s="613"/>
      <c r="QX713" s="613"/>
      <c r="QY713" s="613"/>
      <c r="QZ713" s="613"/>
      <c r="RA713" s="613"/>
      <c r="RB713" s="613"/>
      <c r="RC713" s="613"/>
      <c r="RD713" s="613"/>
      <c r="RE713" s="613"/>
      <c r="RF713" s="613"/>
      <c r="RG713" s="613"/>
      <c r="RH713" s="613"/>
      <c r="RI713" s="613"/>
      <c r="RJ713" s="613"/>
      <c r="RK713" s="613"/>
      <c r="RL713" s="613"/>
      <c r="RM713" s="613"/>
      <c r="RN713" s="613"/>
      <c r="RO713" s="613"/>
      <c r="RP713" s="613"/>
      <c r="RQ713" s="613"/>
      <c r="RR713" s="613"/>
      <c r="RS713" s="613"/>
      <c r="RT713" s="613"/>
      <c r="RU713" s="613"/>
      <c r="RV713" s="613"/>
      <c r="RW713" s="613"/>
      <c r="RX713" s="613"/>
      <c r="RY713" s="613"/>
      <c r="RZ713" s="613"/>
      <c r="SA713" s="613"/>
      <c r="SB713" s="613"/>
      <c r="SC713" s="613"/>
      <c r="SD713" s="613"/>
      <c r="SE713" s="613"/>
      <c r="SF713" s="613"/>
      <c r="SG713" s="613"/>
      <c r="SH713" s="613"/>
      <c r="SI713" s="613"/>
      <c r="SJ713" s="613"/>
      <c r="SK713" s="613"/>
      <c r="SL713" s="613"/>
      <c r="SM713" s="613"/>
      <c r="SN713" s="613"/>
      <c r="SO713" s="613"/>
      <c r="SP713" s="613"/>
      <c r="SQ713" s="613"/>
      <c r="SR713" s="613"/>
      <c r="SS713" s="613"/>
      <c r="ST713" s="613"/>
      <c r="SU713" s="613"/>
      <c r="SV713" s="613"/>
      <c r="SW713" s="613"/>
      <c r="SX713" s="613"/>
      <c r="SY713" s="613"/>
      <c r="SZ713" s="613"/>
      <c r="TA713" s="613"/>
      <c r="TB713" s="613"/>
      <c r="TC713" s="613"/>
      <c r="TD713" s="613"/>
      <c r="TE713" s="613"/>
      <c r="TF713" s="613"/>
      <c r="TG713" s="613"/>
      <c r="TH713" s="613"/>
      <c r="TI713" s="613"/>
      <c r="TJ713" s="613"/>
      <c r="TK713" s="613"/>
      <c r="TL713" s="613"/>
      <c r="TM713" s="613"/>
      <c r="TN713" s="613"/>
      <c r="TO713" s="613"/>
      <c r="TP713" s="613"/>
      <c r="TQ713" s="613"/>
      <c r="TR713" s="613"/>
      <c r="TS713" s="613"/>
      <c r="TT713" s="613"/>
      <c r="TU713" s="613"/>
      <c r="TV713" s="613"/>
      <c r="TW713" s="613"/>
      <c r="TX713" s="613"/>
      <c r="TY713" s="613"/>
      <c r="TZ713" s="613"/>
      <c r="UA713" s="613"/>
      <c r="UB713" s="613"/>
      <c r="UC713" s="613"/>
      <c r="UD713" s="613"/>
      <c r="UE713" s="613"/>
      <c r="UF713" s="613"/>
      <c r="UG713" s="613"/>
      <c r="UH713" s="613"/>
      <c r="UI713" s="613"/>
      <c r="UJ713" s="613"/>
      <c r="UK713" s="613"/>
      <c r="UL713" s="613"/>
      <c r="UM713" s="613"/>
      <c r="UN713" s="613"/>
      <c r="UO713" s="613"/>
      <c r="UP713" s="613"/>
      <c r="UQ713" s="613"/>
      <c r="UR713" s="613"/>
      <c r="US713" s="613"/>
      <c r="UT713" s="613"/>
      <c r="UU713" s="613"/>
      <c r="UV713" s="613"/>
      <c r="UW713" s="613"/>
      <c r="UX713" s="613"/>
      <c r="UY713" s="613"/>
      <c r="UZ713" s="613"/>
      <c r="VA713" s="613"/>
      <c r="VB713" s="613"/>
      <c r="VC713" s="613"/>
      <c r="VD713" s="613"/>
      <c r="VE713" s="613"/>
      <c r="VF713" s="613"/>
      <c r="VG713" s="613"/>
      <c r="VH713" s="613"/>
      <c r="VI713" s="613"/>
      <c r="VJ713" s="613"/>
      <c r="VK713" s="613"/>
      <c r="VL713" s="613"/>
      <c r="VM713" s="613"/>
      <c r="VN713" s="613"/>
      <c r="VO713" s="613"/>
      <c r="VP713" s="613"/>
      <c r="VQ713" s="613"/>
      <c r="VR713" s="613"/>
      <c r="VS713" s="613"/>
      <c r="VT713" s="613"/>
      <c r="VU713" s="613"/>
      <c r="VV713" s="613"/>
      <c r="VW713" s="613"/>
      <c r="VX713" s="613"/>
      <c r="VY713" s="613"/>
      <c r="VZ713" s="613"/>
      <c r="WA713" s="613"/>
      <c r="WB713" s="613"/>
      <c r="WC713" s="613"/>
      <c r="WD713" s="613"/>
      <c r="WE713" s="613"/>
      <c r="WF713" s="613"/>
      <c r="WG713" s="613"/>
      <c r="WH713" s="613"/>
      <c r="WI713" s="613"/>
      <c r="WJ713" s="613"/>
      <c r="WK713" s="613"/>
      <c r="WL713" s="613"/>
      <c r="WM713" s="613"/>
      <c r="WN713" s="613"/>
      <c r="WO713" s="613"/>
      <c r="WP713" s="613"/>
      <c r="WQ713" s="613"/>
      <c r="WR713" s="613"/>
      <c r="WS713" s="613"/>
      <c r="WT713" s="613"/>
      <c r="WU713" s="613"/>
      <c r="WV713" s="613"/>
      <c r="WW713" s="613"/>
      <c r="WX713" s="613"/>
      <c r="WY713" s="613"/>
      <c r="WZ713" s="613"/>
      <c r="XA713" s="613"/>
      <c r="XB713" s="613"/>
      <c r="XC713" s="613"/>
      <c r="XD713" s="613"/>
      <c r="XE713" s="613"/>
      <c r="XF713" s="613"/>
      <c r="XG713" s="613"/>
      <c r="XH713" s="613"/>
      <c r="XI713" s="613"/>
      <c r="XJ713" s="613"/>
      <c r="XK713" s="613"/>
      <c r="XL713" s="613"/>
      <c r="XM713" s="613"/>
      <c r="XN713" s="613"/>
      <c r="XO713" s="613"/>
      <c r="XP713" s="613"/>
      <c r="XQ713" s="613"/>
      <c r="XR713" s="613"/>
      <c r="XS713" s="613"/>
      <c r="XT713" s="613"/>
      <c r="XU713" s="613"/>
      <c r="XV713" s="613"/>
      <c r="XW713" s="613"/>
      <c r="XX713" s="613"/>
      <c r="XY713" s="613"/>
      <c r="XZ713" s="613"/>
      <c r="YA713" s="613"/>
      <c r="YB713" s="613"/>
      <c r="YC713" s="613"/>
      <c r="YD713" s="613"/>
      <c r="YE713" s="613"/>
      <c r="YF713" s="613"/>
      <c r="YG713" s="613"/>
      <c r="YH713" s="613"/>
      <c r="YI713" s="613"/>
      <c r="YJ713" s="613"/>
      <c r="YK713" s="613"/>
      <c r="YL713" s="613"/>
      <c r="YM713" s="613"/>
      <c r="YN713" s="613"/>
      <c r="YO713" s="613"/>
      <c r="YP713" s="613"/>
      <c r="YQ713" s="613"/>
      <c r="YR713" s="613"/>
      <c r="YS713" s="613"/>
      <c r="YT713" s="613"/>
      <c r="YU713" s="613"/>
      <c r="YV713" s="613"/>
      <c r="YW713" s="613"/>
      <c r="YX713" s="613"/>
      <c r="YY713" s="613"/>
      <c r="YZ713" s="613"/>
      <c r="ZA713" s="613"/>
      <c r="ZB713" s="613"/>
      <c r="ZC713" s="613"/>
      <c r="ZD713" s="613"/>
      <c r="ZE713" s="613"/>
      <c r="ZF713" s="613"/>
      <c r="ZG713" s="613"/>
      <c r="ZH713" s="613"/>
      <c r="ZI713" s="613"/>
      <c r="ZJ713" s="613"/>
      <c r="ZK713" s="613"/>
      <c r="ZL713" s="613"/>
      <c r="ZM713" s="613"/>
      <c r="ZN713" s="613"/>
      <c r="ZO713" s="613"/>
      <c r="ZP713" s="613"/>
      <c r="ZQ713" s="613"/>
      <c r="ZR713" s="613"/>
      <c r="ZS713" s="613"/>
      <c r="ZT713" s="613"/>
      <c r="ZU713" s="613"/>
      <c r="ZV713" s="613"/>
      <c r="ZW713" s="613"/>
      <c r="ZX713" s="613"/>
      <c r="ZY713" s="613"/>
      <c r="ZZ713" s="613"/>
      <c r="AAA713" s="613"/>
      <c r="AAB713" s="613"/>
      <c r="AAC713" s="613"/>
      <c r="AAD713" s="613"/>
      <c r="AAE713" s="613"/>
      <c r="AAF713" s="613"/>
      <c r="AAG713" s="613"/>
      <c r="AAH713" s="613"/>
      <c r="AAI713" s="613"/>
      <c r="AAJ713" s="613"/>
      <c r="AAK713" s="613"/>
      <c r="AAL713" s="613"/>
      <c r="AAM713" s="613"/>
      <c r="AAN713" s="613"/>
      <c r="AAO713" s="613"/>
      <c r="AAP713" s="613"/>
      <c r="AAQ713" s="613"/>
      <c r="AAR713" s="613"/>
      <c r="AAS713" s="613"/>
      <c r="AAT713" s="613"/>
      <c r="AAU713" s="613"/>
      <c r="AAV713" s="613"/>
      <c r="AAW713" s="613"/>
      <c r="AAX713" s="613"/>
      <c r="AAY713" s="613"/>
      <c r="AAZ713" s="613"/>
      <c r="ABA713" s="613"/>
      <c r="ABB713" s="613"/>
      <c r="ABC713" s="613"/>
      <c r="ABD713" s="613"/>
      <c r="ABE713" s="613"/>
      <c r="ABF713" s="613"/>
      <c r="ABG713" s="613"/>
      <c r="ABH713" s="613"/>
      <c r="ABI713" s="613"/>
      <c r="ABJ713" s="613"/>
      <c r="ABK713" s="613"/>
      <c r="ABL713" s="613"/>
      <c r="ABM713" s="613"/>
      <c r="ABN713" s="613"/>
      <c r="ABO713" s="613"/>
      <c r="ABP713" s="613"/>
      <c r="ABQ713" s="613"/>
      <c r="ABR713" s="613"/>
      <c r="ABS713" s="613"/>
      <c r="ABT713" s="613"/>
      <c r="ABU713" s="613"/>
      <c r="ABV713" s="613"/>
      <c r="ABW713" s="613"/>
      <c r="ABX713" s="613"/>
      <c r="ABY713" s="613"/>
      <c r="ABZ713" s="613"/>
      <c r="ACA713" s="613"/>
      <c r="ACB713" s="613"/>
      <c r="ACC713" s="613"/>
      <c r="ACD713" s="613"/>
      <c r="ACE713" s="613"/>
      <c r="ACF713" s="613"/>
      <c r="ACG713" s="613"/>
      <c r="ACH713" s="613"/>
      <c r="ACI713" s="613"/>
      <c r="ACJ713" s="613"/>
      <c r="ACK713" s="613"/>
      <c r="ACL713" s="613"/>
      <c r="ACM713" s="613"/>
      <c r="ACN713" s="613"/>
      <c r="ACO713" s="613"/>
      <c r="ACP713" s="613"/>
      <c r="ACQ713" s="613"/>
      <c r="ACR713" s="613"/>
      <c r="ACS713" s="613"/>
      <c r="ACT713" s="613"/>
      <c r="ACU713" s="613"/>
      <c r="ACV713" s="613"/>
      <c r="ACW713" s="613"/>
      <c r="ACX713" s="613"/>
      <c r="ACY713" s="613"/>
      <c r="ACZ713" s="613"/>
      <c r="ADA713" s="613"/>
      <c r="ADB713" s="613"/>
      <c r="ADC713" s="613"/>
      <c r="ADD713" s="613"/>
      <c r="ADE713" s="613"/>
      <c r="ADF713" s="613"/>
      <c r="ADG713" s="613"/>
      <c r="ADH713" s="613"/>
      <c r="ADI713" s="613"/>
      <c r="ADJ713" s="613"/>
      <c r="ADK713" s="613"/>
      <c r="ADL713" s="613"/>
      <c r="ADM713" s="613"/>
      <c r="ADN713" s="613"/>
      <c r="ADO713" s="613"/>
      <c r="ADP713" s="613"/>
      <c r="ADQ713" s="613"/>
      <c r="ADR713" s="613"/>
      <c r="ADS713" s="613"/>
      <c r="ADT713" s="613"/>
      <c r="ADU713" s="613"/>
      <c r="ADV713" s="613"/>
      <c r="ADW713" s="613"/>
      <c r="ADX713" s="613"/>
      <c r="ADY713" s="613"/>
      <c r="ADZ713" s="613"/>
      <c r="AEA713" s="613"/>
      <c r="AEB713" s="613"/>
      <c r="AEC713" s="613"/>
      <c r="AED713" s="613"/>
      <c r="AEE713" s="613"/>
      <c r="AEF713" s="613"/>
      <c r="AEG713" s="613"/>
      <c r="AEH713" s="613"/>
      <c r="AEI713" s="613"/>
      <c r="AEJ713" s="613"/>
      <c r="AEK713" s="613"/>
      <c r="AEL713" s="613"/>
      <c r="AEM713" s="613"/>
      <c r="AEN713" s="613"/>
      <c r="AEO713" s="613"/>
      <c r="AEP713" s="613"/>
      <c r="AEQ713" s="613"/>
      <c r="AER713" s="613"/>
      <c r="AES713" s="613"/>
      <c r="AET713" s="613"/>
      <c r="AEU713" s="613"/>
      <c r="AEV713" s="613"/>
      <c r="AEW713" s="613"/>
      <c r="AEX713" s="613"/>
      <c r="AEY713" s="613"/>
      <c r="AEZ713" s="613"/>
      <c r="AFA713" s="613"/>
      <c r="AFB713" s="613"/>
      <c r="AFC713" s="613"/>
      <c r="AFD713" s="613"/>
      <c r="AFE713" s="613"/>
      <c r="AFF713" s="613"/>
      <c r="AFG713" s="613"/>
      <c r="AFH713" s="613"/>
      <c r="AFI713" s="613"/>
      <c r="AFJ713" s="613"/>
      <c r="AFK713" s="613"/>
      <c r="AFL713" s="613"/>
      <c r="AFM713" s="613"/>
      <c r="AFN713" s="613"/>
      <c r="AFO713" s="613"/>
      <c r="AFP713" s="613"/>
      <c r="AFQ713" s="613"/>
      <c r="AFR713" s="613"/>
      <c r="AFS713" s="613"/>
      <c r="AFT713" s="613"/>
      <c r="AFU713" s="613"/>
      <c r="AFV713" s="613"/>
      <c r="AFW713" s="613"/>
      <c r="AFX713" s="613"/>
      <c r="AFY713" s="613"/>
      <c r="AFZ713" s="613"/>
      <c r="AGA713" s="613"/>
      <c r="AGB713" s="613"/>
      <c r="AGC713" s="613"/>
      <c r="AGD713" s="613"/>
      <c r="AGE713" s="613"/>
      <c r="AGF713" s="613"/>
      <c r="AGG713" s="613"/>
      <c r="AGH713" s="613"/>
      <c r="AGI713" s="613"/>
      <c r="AGJ713" s="613"/>
      <c r="AGK713" s="613"/>
      <c r="AGL713" s="613"/>
      <c r="AGM713" s="613"/>
      <c r="AGN713" s="613"/>
      <c r="AGO713" s="613"/>
      <c r="AGP713" s="613"/>
      <c r="AGQ713" s="613"/>
      <c r="AGR713" s="613"/>
      <c r="AGS713" s="613"/>
      <c r="AGT713" s="613"/>
      <c r="AGU713" s="613"/>
      <c r="AGV713" s="613"/>
      <c r="AGW713" s="613"/>
      <c r="AGX713" s="613"/>
      <c r="AGY713" s="613"/>
      <c r="AGZ713" s="613"/>
      <c r="AHA713" s="613"/>
      <c r="AHB713" s="613"/>
      <c r="AHC713" s="613"/>
      <c r="AHD713" s="613"/>
      <c r="AHE713" s="613"/>
      <c r="AHF713" s="613"/>
      <c r="AHG713" s="613"/>
      <c r="AHH713" s="613"/>
      <c r="AHI713" s="613"/>
      <c r="AHJ713" s="613"/>
      <c r="AHK713" s="613"/>
      <c r="AHL713" s="613"/>
      <c r="AHM713" s="613"/>
      <c r="AHN713" s="613"/>
      <c r="AHO713" s="613"/>
      <c r="AHP713" s="613"/>
      <c r="AHQ713" s="613"/>
      <c r="AHR713" s="613"/>
      <c r="AHS713" s="613"/>
      <c r="AHT713" s="613"/>
      <c r="AHU713" s="613"/>
      <c r="AHV713" s="613"/>
      <c r="AHW713" s="613"/>
      <c r="AHX713" s="613"/>
      <c r="AHY713" s="613"/>
      <c r="AHZ713" s="613"/>
      <c r="AIA713" s="613"/>
      <c r="AIB713" s="613"/>
      <c r="AIC713" s="613"/>
      <c r="AID713" s="613"/>
      <c r="AIE713" s="613"/>
      <c r="AIF713" s="613"/>
      <c r="AIG713" s="613"/>
      <c r="AIH713" s="613"/>
      <c r="AII713" s="613"/>
      <c r="AIJ713" s="613"/>
      <c r="AIK713" s="613"/>
      <c r="AIL713" s="613"/>
      <c r="AIM713" s="613"/>
      <c r="AIN713" s="613"/>
      <c r="AIO713" s="613"/>
      <c r="AIP713" s="613"/>
      <c r="AIQ713" s="613"/>
      <c r="AIR713" s="613"/>
      <c r="AIS713" s="613"/>
      <c r="AIT713" s="613"/>
      <c r="AIU713" s="613"/>
      <c r="AIV713" s="613"/>
      <c r="AIW713" s="613"/>
      <c r="AIX713" s="613"/>
      <c r="AIY713" s="613"/>
      <c r="AIZ713" s="613"/>
      <c r="AJA713" s="613"/>
      <c r="AJB713" s="613"/>
      <c r="AJC713" s="613"/>
      <c r="AJD713" s="613"/>
      <c r="AJE713" s="613"/>
      <c r="AJF713" s="613"/>
      <c r="AJG713" s="613"/>
      <c r="AJH713" s="613"/>
      <c r="AJI713" s="613"/>
      <c r="AJJ713" s="613"/>
      <c r="AJK713" s="613"/>
      <c r="AJL713" s="613"/>
      <c r="AJM713" s="613"/>
      <c r="AJN713" s="613"/>
      <c r="AJO713" s="613"/>
      <c r="AJP713" s="613"/>
      <c r="AJQ713" s="613"/>
      <c r="AJR713" s="613"/>
      <c r="AJS713" s="613"/>
      <c r="AJT713" s="613"/>
      <c r="AJU713" s="613"/>
      <c r="AJV713" s="613"/>
      <c r="AJW713" s="613"/>
      <c r="AJX713" s="613"/>
      <c r="AJY713" s="613"/>
      <c r="AJZ713" s="613"/>
      <c r="AKA713" s="613"/>
      <c r="AKB713" s="613"/>
      <c r="AKC713" s="613"/>
      <c r="AKD713" s="613"/>
      <c r="AKE713" s="613"/>
      <c r="AKF713" s="613"/>
      <c r="AKG713" s="613"/>
      <c r="AKH713" s="613"/>
      <c r="AKI713" s="613"/>
      <c r="AKJ713" s="613"/>
      <c r="AKK713" s="613"/>
      <c r="AKL713" s="613"/>
      <c r="AKM713" s="613"/>
      <c r="AKN713" s="613"/>
      <c r="AKO713" s="613"/>
      <c r="AKP713" s="613"/>
      <c r="AKQ713" s="613"/>
      <c r="AKR713" s="613"/>
      <c r="AKS713" s="613"/>
      <c r="AKT713" s="613"/>
      <c r="AKU713" s="613"/>
      <c r="AKV713" s="613"/>
      <c r="AKW713" s="613"/>
      <c r="AKX713" s="613"/>
      <c r="AKY713" s="613"/>
      <c r="AKZ713" s="613"/>
      <c r="ALA713" s="613"/>
      <c r="ALB713" s="613"/>
      <c r="ALC713" s="613"/>
      <c r="ALD713" s="613"/>
      <c r="ALE713" s="613"/>
      <c r="ALF713" s="613"/>
      <c r="ALG713" s="613"/>
      <c r="ALH713" s="613"/>
      <c r="ALI713" s="613"/>
      <c r="ALJ713" s="613"/>
      <c r="ALK713" s="613"/>
      <c r="ALL713" s="613"/>
      <c r="ALM713" s="613"/>
      <c r="ALN713" s="613"/>
      <c r="ALO713" s="613"/>
      <c r="ALP713" s="613"/>
      <c r="ALQ713" s="613"/>
      <c r="ALR713" s="613"/>
      <c r="ALS713" s="613"/>
      <c r="ALT713" s="613"/>
      <c r="ALU713" s="613"/>
      <c r="ALV713" s="613"/>
      <c r="ALW713" s="613"/>
      <c r="ALX713" s="613"/>
      <c r="ALY713" s="613"/>
      <c r="ALZ713" s="613"/>
      <c r="AMA713" s="613"/>
      <c r="AMB713" s="613"/>
      <c r="AMC713" s="613"/>
      <c r="AMD713" s="613"/>
      <c r="AME713" s="613"/>
      <c r="AMF713" s="613"/>
      <c r="AMG713" s="613"/>
      <c r="AMH713" s="613"/>
      <c r="AMI713" s="613"/>
      <c r="AMJ713" s="613"/>
      <c r="AMK713" s="613"/>
      <c r="AML713" s="613"/>
      <c r="AMM713" s="613"/>
      <c r="AMN713" s="613"/>
      <c r="AMO713" s="613"/>
      <c r="AMP713" s="613"/>
      <c r="AMQ713" s="613"/>
      <c r="AMR713" s="613"/>
      <c r="AMS713" s="613"/>
      <c r="AMT713" s="613"/>
      <c r="AMU713" s="613"/>
      <c r="AMV713" s="613"/>
      <c r="AMW713" s="613"/>
      <c r="AMX713" s="613"/>
      <c r="AMY713" s="613"/>
      <c r="AMZ713" s="613"/>
      <c r="ANA713" s="613"/>
      <c r="ANB713" s="613"/>
      <c r="ANC713" s="613"/>
      <c r="AND713" s="613"/>
      <c r="ANE713" s="613"/>
      <c r="ANF713" s="613"/>
      <c r="ANG713" s="613"/>
      <c r="ANH713" s="613"/>
      <c r="ANI713" s="613"/>
      <c r="ANJ713" s="613"/>
      <c r="ANK713" s="613"/>
      <c r="ANL713" s="613"/>
      <c r="ANM713" s="613"/>
      <c r="ANN713" s="613"/>
      <c r="ANO713" s="613"/>
      <c r="ANP713" s="613"/>
      <c r="ANQ713" s="613"/>
      <c r="ANR713" s="613"/>
      <c r="ANS713" s="613"/>
      <c r="ANT713" s="613"/>
      <c r="ANU713" s="613"/>
      <c r="ANV713" s="613"/>
      <c r="ANW713" s="613"/>
      <c r="ANX713" s="613"/>
      <c r="ANY713" s="613"/>
      <c r="ANZ713" s="613"/>
      <c r="AOA713" s="613"/>
      <c r="AOB713" s="613"/>
      <c r="AOC713" s="613"/>
      <c r="AOD713" s="613"/>
      <c r="AOE713" s="613"/>
      <c r="AOF713" s="613"/>
      <c r="AOG713" s="613"/>
      <c r="AOH713" s="613"/>
      <c r="AOI713" s="613"/>
      <c r="AOJ713" s="613"/>
      <c r="AOK713" s="613"/>
      <c r="AOL713" s="613"/>
      <c r="AOM713" s="613"/>
      <c r="AON713" s="613"/>
      <c r="AOO713" s="613"/>
      <c r="AOP713" s="613"/>
      <c r="AOQ713" s="613"/>
      <c r="AOR713" s="613"/>
      <c r="AOS713" s="613"/>
      <c r="AOT713" s="613"/>
      <c r="AOU713" s="613"/>
      <c r="AOV713" s="613"/>
      <c r="AOW713" s="613"/>
      <c r="AOX713" s="613"/>
      <c r="AOY713" s="613"/>
      <c r="AOZ713" s="613"/>
      <c r="APA713" s="613"/>
      <c r="APB713" s="613"/>
      <c r="APC713" s="613"/>
      <c r="APD713" s="613"/>
      <c r="APE713" s="613"/>
      <c r="APF713" s="613"/>
      <c r="APG713" s="613"/>
      <c r="APH713" s="613"/>
      <c r="API713" s="613"/>
      <c r="APJ713" s="613"/>
      <c r="APK713" s="613"/>
      <c r="APL713" s="613"/>
      <c r="APM713" s="613"/>
      <c r="APN713" s="613"/>
      <c r="APO713" s="613"/>
      <c r="APP713" s="613"/>
      <c r="APQ713" s="613"/>
      <c r="APR713" s="613"/>
      <c r="APS713" s="613"/>
      <c r="APT713" s="613"/>
      <c r="APU713" s="613"/>
      <c r="APV713" s="613"/>
      <c r="APW713" s="613"/>
      <c r="APX713" s="613"/>
      <c r="APY713" s="613"/>
      <c r="APZ713" s="613"/>
      <c r="AQA713" s="613"/>
      <c r="AQB713" s="613"/>
      <c r="AQC713" s="613"/>
      <c r="AQD713" s="613"/>
      <c r="AQE713" s="613"/>
      <c r="AQF713" s="613"/>
      <c r="AQG713" s="613"/>
      <c r="AQH713" s="613"/>
      <c r="AQI713" s="613"/>
      <c r="AQJ713" s="613"/>
      <c r="AQK713" s="613"/>
      <c r="AQL713" s="613"/>
      <c r="AQM713" s="613"/>
      <c r="AQN713" s="613"/>
      <c r="AQO713" s="613"/>
      <c r="AQP713" s="613"/>
      <c r="AQQ713" s="613"/>
      <c r="AQR713" s="613"/>
      <c r="AQS713" s="613"/>
      <c r="AQT713" s="613"/>
      <c r="AQU713" s="613"/>
      <c r="AQV713" s="613"/>
      <c r="AQW713" s="613"/>
      <c r="AQX713" s="613"/>
      <c r="AQY713" s="613"/>
      <c r="AQZ713" s="613"/>
      <c r="ARA713" s="613"/>
      <c r="ARB713" s="613"/>
      <c r="ARC713" s="613"/>
      <c r="ARD713" s="613"/>
      <c r="ARE713" s="613"/>
      <c r="ARF713" s="613"/>
      <c r="ARG713" s="613"/>
      <c r="ARH713" s="613"/>
      <c r="ARI713" s="613"/>
      <c r="ARJ713" s="613"/>
      <c r="ARK713" s="613"/>
      <c r="ARL713" s="613"/>
      <c r="ARM713" s="613"/>
      <c r="ARN713" s="613"/>
      <c r="ARO713" s="613"/>
      <c r="ARP713" s="613"/>
      <c r="ARQ713" s="613"/>
      <c r="ARR713" s="613"/>
      <c r="ARS713" s="613"/>
      <c r="ART713" s="613"/>
      <c r="ARU713" s="613"/>
      <c r="ARV713" s="613"/>
      <c r="ARW713" s="613"/>
      <c r="ARX713" s="613"/>
      <c r="ARY713" s="613"/>
      <c r="ARZ713" s="613"/>
      <c r="ASA713" s="613"/>
      <c r="ASB713" s="613"/>
      <c r="ASC713" s="613"/>
      <c r="ASD713" s="613"/>
      <c r="ASE713" s="613"/>
      <c r="ASF713" s="613"/>
      <c r="ASG713" s="613"/>
      <c r="ASH713" s="613"/>
      <c r="ASI713" s="613"/>
      <c r="ASJ713" s="613"/>
      <c r="ASK713" s="613"/>
      <c r="ASL713" s="613"/>
      <c r="ASM713" s="613"/>
      <c r="ASN713" s="613"/>
      <c r="ASO713" s="613"/>
      <c r="ASP713" s="613"/>
      <c r="ASQ713" s="613"/>
      <c r="ASR713" s="613"/>
      <c r="ASS713" s="613"/>
      <c r="AST713" s="613"/>
      <c r="ASU713" s="613"/>
      <c r="ASV713" s="613"/>
      <c r="ASW713" s="613"/>
      <c r="ASX713" s="613"/>
      <c r="ASY713" s="613"/>
      <c r="ASZ713" s="613"/>
      <c r="ATA713" s="613"/>
      <c r="ATB713" s="613"/>
      <c r="ATC713" s="613"/>
      <c r="ATD713" s="613"/>
      <c r="ATE713" s="613"/>
      <c r="ATF713" s="613"/>
      <c r="ATG713" s="613"/>
      <c r="ATH713" s="613"/>
      <c r="ATI713" s="613"/>
      <c r="ATJ713" s="613"/>
      <c r="ATK713" s="613"/>
      <c r="ATL713" s="613"/>
      <c r="ATM713" s="613"/>
      <c r="ATN713" s="613"/>
      <c r="ATO713" s="613"/>
      <c r="ATP713" s="613"/>
      <c r="ATQ713" s="613"/>
      <c r="ATR713" s="613"/>
      <c r="ATS713" s="613"/>
      <c r="ATT713" s="613"/>
      <c r="ATU713" s="613"/>
      <c r="ATV713" s="613"/>
      <c r="ATW713" s="613"/>
      <c r="ATX713" s="613"/>
      <c r="ATY713" s="613"/>
      <c r="ATZ713" s="613"/>
      <c r="AUA713" s="613"/>
      <c r="AUB713" s="613"/>
      <c r="AUC713" s="613"/>
      <c r="AUD713" s="613"/>
      <c r="AUE713" s="613"/>
      <c r="AUF713" s="613"/>
      <c r="AUG713" s="613"/>
      <c r="AUH713" s="613"/>
      <c r="AUI713" s="613"/>
      <c r="AUJ713" s="613"/>
      <c r="AUK713" s="613"/>
      <c r="AUL713" s="613"/>
      <c r="AUM713" s="613"/>
      <c r="AUN713" s="613"/>
      <c r="AUO713" s="613"/>
      <c r="AUP713" s="613"/>
      <c r="AUQ713" s="613"/>
      <c r="AUR713" s="613"/>
      <c r="AUS713" s="613"/>
      <c r="AUT713" s="613"/>
      <c r="AUU713" s="613"/>
      <c r="AUV713" s="613"/>
      <c r="AUW713" s="613"/>
      <c r="AUX713" s="613"/>
      <c r="AUY713" s="613"/>
      <c r="AUZ713" s="613"/>
      <c r="AVA713" s="613"/>
      <c r="AVB713" s="613"/>
      <c r="AVC713" s="613"/>
      <c r="AVD713" s="613"/>
      <c r="AVE713" s="613"/>
      <c r="AVF713" s="613"/>
      <c r="AVG713" s="613"/>
      <c r="AVH713" s="613"/>
      <c r="AVI713" s="613"/>
      <c r="AVJ713" s="613"/>
      <c r="AVK713" s="613"/>
      <c r="AVL713" s="613"/>
      <c r="AVM713" s="613"/>
      <c r="AVN713" s="613"/>
      <c r="AVO713" s="613"/>
      <c r="AVP713" s="613"/>
      <c r="AVQ713" s="613"/>
      <c r="AVR713" s="613"/>
      <c r="AVS713" s="613"/>
      <c r="AVT713" s="613"/>
      <c r="AVU713" s="613"/>
      <c r="AVV713" s="613"/>
      <c r="AVW713" s="613"/>
      <c r="AVX713" s="613"/>
      <c r="AVY713" s="613"/>
      <c r="AVZ713" s="613"/>
      <c r="AWA713" s="613"/>
      <c r="AWB713" s="613"/>
      <c r="AWC713" s="613"/>
      <c r="AWD713" s="613"/>
      <c r="AWE713" s="613"/>
      <c r="AWF713" s="613"/>
      <c r="AWG713" s="613"/>
      <c r="AWH713" s="613"/>
      <c r="AWI713" s="613"/>
      <c r="AWJ713" s="613"/>
      <c r="AWK713" s="613"/>
      <c r="AWL713" s="613"/>
      <c r="AWM713" s="613"/>
      <c r="AWN713" s="613"/>
      <c r="AWO713" s="613"/>
      <c r="AWP713" s="613"/>
      <c r="AWQ713" s="613"/>
      <c r="AWR713" s="613"/>
      <c r="AWS713" s="613"/>
      <c r="AWT713" s="613"/>
      <c r="AWU713" s="613"/>
      <c r="AWV713" s="613"/>
      <c r="AWW713" s="613"/>
      <c r="AWX713" s="613"/>
      <c r="AWY713" s="613"/>
      <c r="AWZ713" s="613"/>
      <c r="AXA713" s="613"/>
      <c r="AXB713" s="613"/>
      <c r="AXC713" s="613"/>
      <c r="AXD713" s="613"/>
      <c r="AXE713" s="613"/>
      <c r="AXF713" s="613"/>
      <c r="AXG713" s="613"/>
      <c r="AXH713" s="613"/>
      <c r="AXI713" s="613"/>
      <c r="AXJ713" s="613"/>
      <c r="AXK713" s="613"/>
      <c r="AXL713" s="613"/>
      <c r="AXM713" s="613"/>
      <c r="AXN713" s="613"/>
      <c r="AXO713" s="613"/>
      <c r="AXP713" s="613"/>
      <c r="AXQ713" s="613"/>
      <c r="AXR713" s="613"/>
      <c r="AXS713" s="613"/>
      <c r="AXT713" s="613"/>
      <c r="AXU713" s="613"/>
      <c r="AXV713" s="613"/>
      <c r="AXW713" s="613"/>
      <c r="AXX713" s="613"/>
      <c r="AXY713" s="613"/>
      <c r="AXZ713" s="613"/>
      <c r="AYA713" s="613"/>
      <c r="AYB713" s="613"/>
      <c r="AYC713" s="613"/>
      <c r="AYD713" s="613"/>
      <c r="AYE713" s="613"/>
      <c r="AYF713" s="613"/>
      <c r="AYG713" s="613"/>
      <c r="AYH713" s="613"/>
      <c r="AYI713" s="613"/>
      <c r="AYJ713" s="613"/>
      <c r="AYK713" s="613"/>
      <c r="AYL713" s="613"/>
      <c r="AYM713" s="613"/>
      <c r="AYN713" s="613"/>
      <c r="AYO713" s="613"/>
      <c r="AYP713" s="613"/>
      <c r="AYQ713" s="613"/>
      <c r="AYR713" s="613"/>
      <c r="AYS713" s="613"/>
      <c r="AYT713" s="613"/>
      <c r="AYU713" s="613"/>
      <c r="AYV713" s="613"/>
      <c r="AYW713" s="613"/>
      <c r="AYX713" s="613"/>
      <c r="AYY713" s="613"/>
      <c r="AYZ713" s="613"/>
      <c r="AZA713" s="613"/>
      <c r="AZB713" s="613"/>
      <c r="AZC713" s="613"/>
      <c r="AZD713" s="613"/>
      <c r="AZE713" s="613"/>
      <c r="AZF713" s="613"/>
      <c r="AZG713" s="613"/>
      <c r="AZH713" s="613"/>
      <c r="AZI713" s="613"/>
      <c r="AZJ713" s="613"/>
      <c r="AZK713" s="613"/>
      <c r="AZL713" s="613"/>
      <c r="AZM713" s="613"/>
      <c r="AZN713" s="613"/>
      <c r="AZO713" s="613"/>
      <c r="AZP713" s="613"/>
      <c r="AZQ713" s="613"/>
      <c r="AZR713" s="613"/>
      <c r="AZS713" s="613"/>
      <c r="AZT713" s="613"/>
      <c r="AZU713" s="613"/>
      <c r="AZV713" s="613"/>
      <c r="AZW713" s="613"/>
      <c r="AZX713" s="613"/>
      <c r="AZY713" s="613"/>
      <c r="AZZ713" s="613"/>
      <c r="BAA713" s="613"/>
      <c r="BAB713" s="613"/>
      <c r="BAC713" s="613"/>
      <c r="BAD713" s="613"/>
      <c r="BAE713" s="613"/>
      <c r="BAF713" s="613"/>
      <c r="BAG713" s="613"/>
      <c r="BAH713" s="613"/>
      <c r="BAI713" s="613"/>
      <c r="BAJ713" s="613"/>
      <c r="BAK713" s="613"/>
      <c r="BAL713" s="613"/>
      <c r="BAM713" s="613"/>
      <c r="BAN713" s="613"/>
      <c r="BAO713" s="613"/>
      <c r="BAP713" s="613"/>
      <c r="BAQ713" s="613"/>
      <c r="BAR713" s="613"/>
      <c r="BAS713" s="613"/>
      <c r="BAT713" s="613"/>
      <c r="BAU713" s="613"/>
      <c r="BAV713" s="613"/>
      <c r="BAW713" s="613"/>
      <c r="BAX713" s="613"/>
      <c r="BAY713" s="613"/>
      <c r="BAZ713" s="613"/>
      <c r="BBA713" s="613"/>
      <c r="BBB713" s="613"/>
      <c r="BBC713" s="613"/>
      <c r="BBD713" s="613"/>
      <c r="BBE713" s="613"/>
      <c r="BBF713" s="613"/>
      <c r="BBG713" s="613"/>
      <c r="BBH713" s="613"/>
      <c r="BBI713" s="613"/>
      <c r="BBJ713" s="613"/>
      <c r="BBK713" s="613"/>
      <c r="BBL713" s="613"/>
      <c r="BBM713" s="613"/>
      <c r="BBN713" s="613"/>
      <c r="BBO713" s="613"/>
      <c r="BBP713" s="613"/>
      <c r="BBQ713" s="613"/>
      <c r="BBR713" s="613"/>
      <c r="BBS713" s="613"/>
      <c r="BBT713" s="613"/>
      <c r="BBU713" s="613"/>
      <c r="BBV713" s="613"/>
      <c r="BBW713" s="613"/>
      <c r="BBX713" s="613"/>
      <c r="BBY713" s="613"/>
      <c r="BBZ713" s="613"/>
      <c r="BCA713" s="613"/>
      <c r="BCB713" s="613"/>
      <c r="BCC713" s="613"/>
      <c r="BCD713" s="613"/>
      <c r="BCE713" s="613"/>
      <c r="BCF713" s="613"/>
      <c r="BCG713" s="613"/>
      <c r="BCH713" s="613"/>
      <c r="BCI713" s="613"/>
      <c r="BCJ713" s="613"/>
      <c r="BCK713" s="613"/>
      <c r="BCL713" s="613"/>
      <c r="BCM713" s="613"/>
      <c r="BCN713" s="613"/>
      <c r="BCO713" s="613"/>
      <c r="BCP713" s="613"/>
      <c r="BCQ713" s="613"/>
      <c r="BCR713" s="613"/>
      <c r="BCS713" s="613"/>
      <c r="BCT713" s="613"/>
      <c r="BCU713" s="613"/>
      <c r="BCV713" s="613"/>
      <c r="BCW713" s="613"/>
      <c r="BCX713" s="613"/>
      <c r="BCY713" s="613"/>
      <c r="BCZ713" s="613"/>
      <c r="BDA713" s="613"/>
      <c r="BDB713" s="613"/>
      <c r="BDC713" s="613"/>
      <c r="BDD713" s="613"/>
      <c r="BDE713" s="613"/>
      <c r="BDF713" s="613"/>
      <c r="BDG713" s="613"/>
      <c r="BDH713" s="613"/>
      <c r="BDI713" s="613"/>
      <c r="BDJ713" s="613"/>
      <c r="BDK713" s="613"/>
      <c r="BDL713" s="613"/>
      <c r="BDM713" s="613"/>
      <c r="BDN713" s="613"/>
      <c r="BDO713" s="613"/>
      <c r="BDP713" s="613"/>
      <c r="BDQ713" s="613"/>
      <c r="BDR713" s="613"/>
      <c r="BDS713" s="613"/>
      <c r="BDT713" s="613"/>
      <c r="BDU713" s="613"/>
      <c r="BDV713" s="613"/>
      <c r="BDW713" s="613"/>
      <c r="BDX713" s="613"/>
      <c r="BDY713" s="613"/>
      <c r="BDZ713" s="613"/>
      <c r="BEA713" s="613"/>
      <c r="BEB713" s="613"/>
      <c r="BEC713" s="613"/>
      <c r="BED713" s="613"/>
      <c r="BEE713" s="613"/>
      <c r="BEF713" s="613"/>
      <c r="BEG713" s="613"/>
      <c r="BEH713" s="613"/>
      <c r="BEI713" s="613"/>
      <c r="BEJ713" s="613"/>
      <c r="BEK713" s="613"/>
      <c r="BEL713" s="613"/>
      <c r="BEM713" s="613"/>
      <c r="BEN713" s="613"/>
      <c r="BEO713" s="613"/>
      <c r="BEP713" s="613"/>
      <c r="BEQ713" s="613"/>
      <c r="BER713" s="613"/>
      <c r="BES713" s="613"/>
      <c r="BET713" s="613"/>
      <c r="BEU713" s="613"/>
      <c r="BEV713" s="613"/>
      <c r="BEW713" s="613"/>
      <c r="BEX713" s="613"/>
      <c r="BEY713" s="613"/>
      <c r="BEZ713" s="613"/>
      <c r="BFA713" s="613"/>
      <c r="BFB713" s="613"/>
      <c r="BFC713" s="613"/>
      <c r="BFD713" s="613"/>
      <c r="BFE713" s="613"/>
      <c r="BFF713" s="613"/>
      <c r="BFG713" s="613"/>
      <c r="BFH713" s="613"/>
      <c r="BFI713" s="613"/>
      <c r="BFJ713" s="613"/>
      <c r="BFK713" s="613"/>
      <c r="BFL713" s="613"/>
      <c r="BFM713" s="613"/>
      <c r="BFN713" s="613"/>
      <c r="BFO713" s="613"/>
      <c r="BFP713" s="613"/>
      <c r="BFQ713" s="613"/>
      <c r="BFR713" s="613"/>
      <c r="BFS713" s="613"/>
      <c r="BFT713" s="613"/>
      <c r="BFU713" s="613"/>
      <c r="BFV713" s="613"/>
      <c r="BFW713" s="613"/>
      <c r="BFX713" s="613"/>
      <c r="BFY713" s="613"/>
      <c r="BFZ713" s="613"/>
      <c r="BGA713" s="613"/>
      <c r="BGB713" s="613"/>
      <c r="BGC713" s="613"/>
      <c r="BGD713" s="613"/>
      <c r="BGE713" s="613"/>
      <c r="BGF713" s="613"/>
      <c r="BGG713" s="613"/>
      <c r="BGH713" s="613"/>
      <c r="BGI713" s="613"/>
      <c r="BGJ713" s="613"/>
      <c r="BGK713" s="613"/>
      <c r="BGL713" s="613"/>
      <c r="BGM713" s="613"/>
      <c r="BGN713" s="613"/>
      <c r="BGO713" s="613"/>
      <c r="BGP713" s="613"/>
      <c r="BGQ713" s="613"/>
      <c r="BGR713" s="613"/>
      <c r="BGS713" s="613"/>
      <c r="BGT713" s="613"/>
      <c r="BGU713" s="613"/>
      <c r="BGV713" s="613"/>
      <c r="BGW713" s="613"/>
      <c r="BGX713" s="613"/>
      <c r="BGY713" s="613"/>
      <c r="BGZ713" s="613"/>
      <c r="BHA713" s="613"/>
      <c r="BHB713" s="613"/>
      <c r="BHC713" s="613"/>
      <c r="BHD713" s="613"/>
      <c r="BHE713" s="613"/>
      <c r="BHF713" s="613"/>
      <c r="BHG713" s="613"/>
      <c r="BHH713" s="613"/>
      <c r="BHI713" s="613"/>
      <c r="BHJ713" s="613"/>
      <c r="BHK713" s="613"/>
      <c r="BHL713" s="613"/>
      <c r="BHM713" s="613"/>
      <c r="BHN713" s="613"/>
      <c r="BHO713" s="613"/>
      <c r="BHP713" s="613"/>
      <c r="BHQ713" s="613"/>
      <c r="BHR713" s="613"/>
      <c r="BHS713" s="613"/>
      <c r="BHT713" s="613"/>
      <c r="BHU713" s="613"/>
      <c r="BHV713" s="613"/>
      <c r="BHW713" s="613"/>
      <c r="BHX713" s="613"/>
      <c r="BHY713" s="613"/>
      <c r="BHZ713" s="613"/>
      <c r="BIA713" s="613"/>
      <c r="BIB713" s="613"/>
      <c r="BIC713" s="613"/>
      <c r="BID713" s="613"/>
      <c r="BIE713" s="613"/>
      <c r="BIF713" s="613"/>
      <c r="BIG713" s="613"/>
      <c r="BIH713" s="613"/>
      <c r="BII713" s="613"/>
      <c r="BIJ713" s="613"/>
      <c r="BIK713" s="613"/>
      <c r="BIL713" s="613"/>
      <c r="BIM713" s="613"/>
      <c r="BIN713" s="613"/>
      <c r="BIO713" s="613"/>
      <c r="BIP713" s="613"/>
      <c r="BIQ713" s="613"/>
      <c r="BIR713" s="613"/>
      <c r="BIS713" s="613"/>
      <c r="BIT713" s="613"/>
      <c r="BIU713" s="613"/>
      <c r="BIV713" s="613"/>
      <c r="BIW713" s="613"/>
      <c r="BIX713" s="613"/>
      <c r="BIY713" s="613"/>
      <c r="BIZ713" s="613"/>
      <c r="BJA713" s="613"/>
      <c r="BJB713" s="613"/>
      <c r="BJC713" s="613"/>
      <c r="BJD713" s="613"/>
      <c r="BJE713" s="613"/>
      <c r="BJF713" s="613"/>
      <c r="BJG713" s="613"/>
      <c r="BJH713" s="613"/>
      <c r="BJI713" s="613"/>
      <c r="BJJ713" s="613"/>
      <c r="BJK713" s="613"/>
      <c r="BJL713" s="613"/>
      <c r="BJM713" s="613"/>
      <c r="BJN713" s="613"/>
      <c r="BJO713" s="613"/>
      <c r="BJP713" s="613"/>
      <c r="BJQ713" s="613"/>
      <c r="BJR713" s="613"/>
      <c r="BJS713" s="613"/>
      <c r="BJT713" s="613"/>
      <c r="BJU713" s="613"/>
      <c r="BJV713" s="613"/>
      <c r="BJW713" s="613"/>
      <c r="BJX713" s="613"/>
      <c r="BJY713" s="613"/>
      <c r="BJZ713" s="613"/>
      <c r="BKA713" s="613"/>
      <c r="BKB713" s="613"/>
      <c r="BKC713" s="613"/>
      <c r="BKD713" s="613"/>
      <c r="BKE713" s="613"/>
      <c r="BKF713" s="613"/>
      <c r="BKG713" s="613"/>
      <c r="BKH713" s="613"/>
      <c r="BKI713" s="613"/>
      <c r="BKJ713" s="613"/>
      <c r="BKK713" s="613"/>
      <c r="BKL713" s="613"/>
      <c r="BKM713" s="613"/>
      <c r="BKN713" s="613"/>
      <c r="BKO713" s="613"/>
      <c r="BKP713" s="613"/>
      <c r="BKQ713" s="613"/>
      <c r="BKR713" s="613"/>
      <c r="BKS713" s="613"/>
      <c r="BKT713" s="613"/>
      <c r="BKU713" s="613"/>
      <c r="BKV713" s="613"/>
      <c r="BKW713" s="613"/>
      <c r="BKX713" s="613"/>
      <c r="BKY713" s="613"/>
      <c r="BKZ713" s="613"/>
      <c r="BLA713" s="613"/>
      <c r="BLB713" s="613"/>
      <c r="BLC713" s="613"/>
      <c r="BLD713" s="613"/>
      <c r="BLE713" s="613"/>
      <c r="BLF713" s="613"/>
      <c r="BLG713" s="613"/>
      <c r="BLH713" s="613"/>
      <c r="BLI713" s="613"/>
      <c r="BLJ713" s="613"/>
      <c r="BLK713" s="613"/>
      <c r="BLL713" s="613"/>
      <c r="BLM713" s="613"/>
      <c r="BLN713" s="613"/>
      <c r="BLO713" s="613"/>
      <c r="BLP713" s="613"/>
      <c r="BLQ713" s="613"/>
      <c r="BLR713" s="613"/>
      <c r="BLS713" s="613"/>
      <c r="BLT713" s="613"/>
      <c r="BLU713" s="613"/>
      <c r="BLV713" s="613"/>
      <c r="BLW713" s="613"/>
      <c r="BLX713" s="613"/>
      <c r="BLY713" s="613"/>
      <c r="BLZ713" s="613"/>
      <c r="BMA713" s="613"/>
      <c r="BMB713" s="613"/>
      <c r="BMC713" s="613"/>
      <c r="BMD713" s="613"/>
      <c r="BME713" s="613"/>
      <c r="BMF713" s="613"/>
      <c r="BMG713" s="613"/>
      <c r="BMH713" s="613"/>
      <c r="BMI713" s="613"/>
      <c r="BMJ713" s="613"/>
      <c r="BMK713" s="613"/>
      <c r="BML713" s="613"/>
      <c r="BMM713" s="613"/>
      <c r="BMN713" s="613"/>
      <c r="BMO713" s="613"/>
      <c r="BMP713" s="613"/>
      <c r="BMQ713" s="613"/>
      <c r="BMR713" s="613"/>
      <c r="BMS713" s="613"/>
      <c r="BMT713" s="613"/>
      <c r="BMU713" s="613"/>
      <c r="BMV713" s="613"/>
      <c r="BMW713" s="613"/>
      <c r="BMX713" s="613"/>
      <c r="BMY713" s="613"/>
      <c r="BMZ713" s="613"/>
      <c r="BNA713" s="613"/>
      <c r="BNB713" s="613"/>
      <c r="BNC713" s="613"/>
      <c r="BND713" s="613"/>
      <c r="BNE713" s="613"/>
      <c r="BNF713" s="613"/>
      <c r="BNG713" s="613"/>
      <c r="BNH713" s="613"/>
      <c r="BNI713" s="613"/>
      <c r="BNJ713" s="613"/>
      <c r="BNK713" s="613"/>
      <c r="BNL713" s="613"/>
      <c r="BNM713" s="613"/>
      <c r="BNN713" s="613"/>
      <c r="BNO713" s="613"/>
      <c r="BNP713" s="613"/>
      <c r="BNQ713" s="613"/>
      <c r="BNR713" s="613"/>
      <c r="BNS713" s="613"/>
      <c r="BNT713" s="613"/>
      <c r="BNU713" s="613"/>
      <c r="BNV713" s="613"/>
      <c r="BNW713" s="613"/>
      <c r="BNX713" s="613"/>
      <c r="BNY713" s="613"/>
      <c r="BNZ713" s="613"/>
      <c r="BOA713" s="613"/>
      <c r="BOB713" s="613"/>
      <c r="BOC713" s="613"/>
      <c r="BOD713" s="613"/>
      <c r="BOE713" s="613"/>
      <c r="BOF713" s="613"/>
      <c r="BOG713" s="613"/>
      <c r="BOH713" s="613"/>
      <c r="BOI713" s="613"/>
      <c r="BOJ713" s="613"/>
      <c r="BOK713" s="613"/>
      <c r="BOL713" s="613"/>
      <c r="BOM713" s="613"/>
      <c r="BON713" s="613"/>
      <c r="BOO713" s="613"/>
      <c r="BOP713" s="613"/>
      <c r="BOQ713" s="613"/>
      <c r="BOR713" s="613"/>
      <c r="BOS713" s="613"/>
      <c r="BOT713" s="613"/>
      <c r="BOU713" s="613"/>
      <c r="BOV713" s="613"/>
      <c r="BOW713" s="613"/>
      <c r="BOX713" s="613"/>
      <c r="BOY713" s="613"/>
      <c r="BOZ713" s="613"/>
      <c r="BPA713" s="613"/>
      <c r="BPB713" s="613"/>
      <c r="BPC713" s="613"/>
      <c r="BPD713" s="613"/>
      <c r="BPE713" s="613"/>
      <c r="BPF713" s="613"/>
      <c r="BPG713" s="613"/>
      <c r="BPH713" s="613"/>
      <c r="BPI713" s="613"/>
      <c r="BPJ713" s="613"/>
      <c r="BPK713" s="613"/>
      <c r="BPL713" s="613"/>
      <c r="BPM713" s="613"/>
      <c r="BPN713" s="613"/>
      <c r="BPO713" s="613"/>
      <c r="BPP713" s="613"/>
      <c r="BPQ713" s="613"/>
      <c r="BPR713" s="613"/>
      <c r="BPS713" s="613"/>
      <c r="BPT713" s="613"/>
      <c r="BPU713" s="613"/>
      <c r="BPV713" s="613"/>
      <c r="BPW713" s="613"/>
      <c r="BPX713" s="613"/>
      <c r="BPY713" s="613"/>
      <c r="BPZ713" s="613"/>
      <c r="BQA713" s="613"/>
      <c r="BQB713" s="613"/>
      <c r="BQC713" s="613"/>
      <c r="BQD713" s="613"/>
      <c r="BQE713" s="613"/>
      <c r="BQF713" s="613"/>
      <c r="BQG713" s="613"/>
      <c r="BQH713" s="613"/>
      <c r="BQI713" s="613"/>
      <c r="BQJ713" s="613"/>
      <c r="BQK713" s="613"/>
      <c r="BQL713" s="613"/>
      <c r="BQM713" s="613"/>
      <c r="BQN713" s="613"/>
      <c r="BQO713" s="613"/>
      <c r="BQP713" s="613"/>
      <c r="BQQ713" s="613"/>
      <c r="BQR713" s="613"/>
      <c r="BQS713" s="613"/>
      <c r="BQT713" s="613"/>
      <c r="BQU713" s="613"/>
      <c r="BQV713" s="613"/>
      <c r="BQW713" s="613"/>
      <c r="BQX713" s="613"/>
      <c r="BQY713" s="613"/>
      <c r="BQZ713" s="613"/>
      <c r="BRA713" s="613"/>
      <c r="BRB713" s="613"/>
      <c r="BRC713" s="613"/>
      <c r="BRD713" s="613"/>
      <c r="BRE713" s="613"/>
      <c r="BRF713" s="613"/>
      <c r="BRG713" s="613"/>
      <c r="BRH713" s="613"/>
      <c r="BRI713" s="613"/>
      <c r="BRJ713" s="613"/>
      <c r="BRK713" s="613"/>
      <c r="BRL713" s="613"/>
      <c r="BRM713" s="613"/>
      <c r="BRN713" s="613"/>
      <c r="BRO713" s="613"/>
      <c r="BRP713" s="613"/>
      <c r="BRQ713" s="613"/>
      <c r="BRR713" s="613"/>
      <c r="BRS713" s="613"/>
      <c r="BRT713" s="613"/>
      <c r="BRU713" s="613"/>
      <c r="BRV713" s="613"/>
      <c r="BRW713" s="613"/>
      <c r="BRX713" s="613"/>
      <c r="BRY713" s="613"/>
      <c r="BRZ713" s="613"/>
      <c r="BSA713" s="613"/>
      <c r="BSB713" s="613"/>
      <c r="BSC713" s="613"/>
      <c r="BSD713" s="613"/>
      <c r="BSE713" s="613"/>
      <c r="BSF713" s="613"/>
      <c r="BSG713" s="613"/>
      <c r="BSH713" s="613"/>
      <c r="BSI713" s="613"/>
      <c r="BSJ713" s="613"/>
      <c r="BSK713" s="613"/>
      <c r="BSL713" s="613"/>
      <c r="BSM713" s="613"/>
      <c r="BSN713" s="613"/>
      <c r="BSO713" s="613"/>
      <c r="BSP713" s="613"/>
      <c r="BSQ713" s="613"/>
      <c r="BSR713" s="613"/>
      <c r="BSS713" s="613"/>
      <c r="BST713" s="613"/>
      <c r="BSU713" s="613"/>
      <c r="BSV713" s="613"/>
      <c r="BSW713" s="613"/>
      <c r="BSX713" s="613"/>
      <c r="BSY713" s="613"/>
      <c r="BSZ713" s="613"/>
      <c r="BTA713" s="613"/>
      <c r="BTB713" s="613"/>
      <c r="BTC713" s="613"/>
      <c r="BTD713" s="613"/>
      <c r="BTE713" s="613"/>
      <c r="BTF713" s="613"/>
      <c r="BTG713" s="613"/>
      <c r="BTH713" s="613"/>
      <c r="BTI713" s="613"/>
      <c r="BTJ713" s="613"/>
      <c r="BTK713" s="613"/>
      <c r="BTL713" s="613"/>
      <c r="BTM713" s="613"/>
      <c r="BTN713" s="613"/>
      <c r="BTO713" s="613"/>
      <c r="BTP713" s="613"/>
      <c r="BTQ713" s="613"/>
      <c r="BTR713" s="613"/>
      <c r="BTS713" s="613"/>
      <c r="BTT713" s="613"/>
      <c r="BTU713" s="613"/>
      <c r="BTV713" s="613"/>
      <c r="BTW713" s="613"/>
      <c r="BTX713" s="613"/>
      <c r="BTY713" s="613"/>
      <c r="BTZ713" s="613"/>
      <c r="BUA713" s="613"/>
      <c r="BUB713" s="613"/>
      <c r="BUC713" s="613"/>
      <c r="BUD713" s="613"/>
      <c r="BUE713" s="613"/>
      <c r="BUF713" s="613"/>
      <c r="BUG713" s="613"/>
      <c r="BUH713" s="613"/>
      <c r="BUI713" s="613"/>
      <c r="BUJ713" s="613"/>
      <c r="BUK713" s="613"/>
      <c r="BUL713" s="613"/>
      <c r="BUM713" s="613"/>
      <c r="BUN713" s="613"/>
      <c r="BUO713" s="613"/>
      <c r="BUP713" s="613"/>
      <c r="BUQ713" s="613"/>
      <c r="BUR713" s="613"/>
      <c r="BUS713" s="613"/>
      <c r="BUT713" s="613"/>
      <c r="BUU713" s="613"/>
      <c r="BUV713" s="613"/>
      <c r="BUW713" s="613"/>
      <c r="BUX713" s="613"/>
      <c r="BUY713" s="613"/>
      <c r="BUZ713" s="613"/>
      <c r="BVA713" s="613"/>
      <c r="BVB713" s="613"/>
      <c r="BVC713" s="613"/>
      <c r="BVD713" s="613"/>
      <c r="BVE713" s="613"/>
      <c r="BVF713" s="613"/>
      <c r="BVG713" s="613"/>
      <c r="BVH713" s="613"/>
      <c r="BVI713" s="613"/>
      <c r="BVJ713" s="613"/>
      <c r="BVK713" s="613"/>
      <c r="BVL713" s="613"/>
      <c r="BVM713" s="613"/>
      <c r="BVN713" s="613"/>
      <c r="BVO713" s="613"/>
      <c r="BVP713" s="613"/>
      <c r="BVQ713" s="613"/>
      <c r="BVR713" s="613"/>
      <c r="BVS713" s="613"/>
      <c r="BVT713" s="613"/>
      <c r="BVU713" s="613"/>
      <c r="BVV713" s="613"/>
      <c r="BVW713" s="613"/>
      <c r="BVX713" s="613"/>
      <c r="BVY713" s="613"/>
      <c r="BVZ713" s="613"/>
      <c r="BWA713" s="613"/>
      <c r="BWB713" s="613"/>
      <c r="BWC713" s="613"/>
      <c r="BWD713" s="613"/>
      <c r="BWE713" s="613"/>
      <c r="BWF713" s="613"/>
      <c r="BWG713" s="613"/>
      <c r="BWH713" s="613"/>
      <c r="BWI713" s="613"/>
      <c r="BWJ713" s="613"/>
      <c r="BWK713" s="613"/>
      <c r="BWL713" s="613"/>
      <c r="BWM713" s="613"/>
      <c r="BWN713" s="613"/>
      <c r="BWO713" s="613"/>
      <c r="BWP713" s="613"/>
      <c r="BWQ713" s="613"/>
      <c r="BWR713" s="613"/>
      <c r="BWS713" s="613"/>
      <c r="BWT713" s="613"/>
      <c r="BWU713" s="613"/>
      <c r="BWV713" s="613"/>
      <c r="BWW713" s="613"/>
      <c r="BWX713" s="613"/>
      <c r="BWY713" s="613"/>
      <c r="BWZ713" s="613"/>
      <c r="BXA713" s="613"/>
      <c r="BXB713" s="613"/>
      <c r="BXC713" s="613"/>
      <c r="BXD713" s="613"/>
      <c r="BXE713" s="613"/>
      <c r="BXF713" s="613"/>
      <c r="BXG713" s="613"/>
      <c r="BXH713" s="613"/>
      <c r="BXI713" s="613"/>
      <c r="BXJ713" s="613"/>
      <c r="BXK713" s="613"/>
      <c r="BXL713" s="613"/>
      <c r="BXM713" s="613"/>
      <c r="BXN713" s="613"/>
      <c r="BXO713" s="613"/>
      <c r="BXP713" s="613"/>
      <c r="BXQ713" s="613"/>
      <c r="BXR713" s="613"/>
      <c r="BXS713" s="613"/>
      <c r="BXT713" s="613"/>
      <c r="BXU713" s="613"/>
      <c r="BXV713" s="613"/>
      <c r="BXW713" s="613"/>
      <c r="BXX713" s="613"/>
      <c r="BXY713" s="613"/>
      <c r="BXZ713" s="613"/>
      <c r="BYA713" s="613"/>
      <c r="BYB713" s="613"/>
      <c r="BYC713" s="613"/>
      <c r="BYD713" s="613"/>
      <c r="BYE713" s="613"/>
      <c r="BYF713" s="613"/>
      <c r="BYG713" s="613"/>
      <c r="BYH713" s="613"/>
      <c r="BYI713" s="613"/>
      <c r="BYJ713" s="613"/>
      <c r="BYK713" s="613"/>
      <c r="BYL713" s="613"/>
      <c r="BYM713" s="613"/>
      <c r="BYN713" s="613"/>
      <c r="BYO713" s="613"/>
      <c r="BYP713" s="613"/>
      <c r="BYQ713" s="613"/>
      <c r="BYR713" s="613"/>
      <c r="BYS713" s="613"/>
      <c r="BYT713" s="613"/>
      <c r="BYU713" s="613"/>
      <c r="BYV713" s="613"/>
      <c r="BYW713" s="613"/>
      <c r="BYX713" s="613"/>
      <c r="BYY713" s="613"/>
      <c r="BYZ713" s="613"/>
      <c r="BZA713" s="613"/>
      <c r="BZB713" s="613"/>
      <c r="BZC713" s="613"/>
      <c r="BZD713" s="613"/>
      <c r="BZE713" s="613"/>
      <c r="BZF713" s="613"/>
      <c r="BZG713" s="613"/>
      <c r="BZH713" s="613"/>
      <c r="BZI713" s="613"/>
      <c r="BZJ713" s="613"/>
      <c r="BZK713" s="613"/>
      <c r="BZL713" s="613"/>
      <c r="BZM713" s="613"/>
      <c r="BZN713" s="613"/>
      <c r="BZO713" s="613"/>
      <c r="BZP713" s="613"/>
      <c r="BZQ713" s="613"/>
      <c r="BZR713" s="613"/>
      <c r="BZS713" s="613"/>
      <c r="BZT713" s="613"/>
      <c r="BZU713" s="613"/>
      <c r="BZV713" s="613"/>
      <c r="BZW713" s="613"/>
      <c r="BZX713" s="613"/>
      <c r="BZY713" s="613"/>
      <c r="BZZ713" s="613"/>
      <c r="CAA713" s="613"/>
      <c r="CAB713" s="613"/>
      <c r="CAC713" s="613"/>
      <c r="CAD713" s="613"/>
      <c r="CAE713" s="613"/>
      <c r="CAF713" s="613"/>
      <c r="CAG713" s="613"/>
      <c r="CAH713" s="613"/>
      <c r="CAI713" s="613"/>
      <c r="CAJ713" s="613"/>
      <c r="CAK713" s="613"/>
      <c r="CAL713" s="613"/>
      <c r="CAM713" s="613"/>
      <c r="CAN713" s="613"/>
      <c r="CAO713" s="613"/>
      <c r="CAP713" s="613"/>
      <c r="CAQ713" s="613"/>
      <c r="CAR713" s="613"/>
      <c r="CAS713" s="613"/>
      <c r="CAT713" s="613"/>
      <c r="CAU713" s="613"/>
      <c r="CAV713" s="613"/>
      <c r="CAW713" s="613"/>
      <c r="CAX713" s="613"/>
      <c r="CAY713" s="613"/>
      <c r="CAZ713" s="613"/>
      <c r="CBA713" s="613"/>
      <c r="CBB713" s="613"/>
      <c r="CBC713" s="613"/>
      <c r="CBD713" s="613"/>
      <c r="CBE713" s="613"/>
      <c r="CBF713" s="613"/>
      <c r="CBG713" s="613"/>
      <c r="CBH713" s="613"/>
      <c r="CBI713" s="613"/>
      <c r="CBJ713" s="613"/>
      <c r="CBK713" s="613"/>
      <c r="CBL713" s="613"/>
      <c r="CBM713" s="613"/>
      <c r="CBN713" s="613"/>
      <c r="CBO713" s="613"/>
      <c r="CBP713" s="613"/>
      <c r="CBQ713" s="613"/>
      <c r="CBR713" s="613"/>
      <c r="CBS713" s="613"/>
      <c r="CBT713" s="613"/>
      <c r="CBU713" s="613"/>
      <c r="CBV713" s="613"/>
      <c r="CBW713" s="613"/>
      <c r="CBX713" s="613"/>
      <c r="CBY713" s="613"/>
      <c r="CBZ713" s="613"/>
      <c r="CCA713" s="613"/>
      <c r="CCB713" s="613"/>
      <c r="CCC713" s="613"/>
      <c r="CCD713" s="613"/>
      <c r="CCE713" s="613"/>
      <c r="CCF713" s="613"/>
      <c r="CCG713" s="613"/>
      <c r="CCH713" s="613"/>
      <c r="CCI713" s="613"/>
      <c r="CCJ713" s="613"/>
      <c r="CCK713" s="613"/>
      <c r="CCL713" s="613"/>
      <c r="CCM713" s="613"/>
      <c r="CCN713" s="613"/>
      <c r="CCO713" s="613"/>
      <c r="CCP713" s="613"/>
      <c r="CCQ713" s="613"/>
      <c r="CCR713" s="613"/>
      <c r="CCS713" s="613"/>
      <c r="CCT713" s="613"/>
      <c r="CCU713" s="613"/>
      <c r="CCV713" s="613"/>
      <c r="CCW713" s="613"/>
      <c r="CCX713" s="613"/>
      <c r="CCY713" s="613"/>
      <c r="CCZ713" s="613"/>
      <c r="CDA713" s="613"/>
      <c r="CDB713" s="613"/>
      <c r="CDC713" s="613"/>
      <c r="CDD713" s="613"/>
      <c r="CDE713" s="613"/>
      <c r="CDF713" s="613"/>
      <c r="CDG713" s="613"/>
      <c r="CDH713" s="613"/>
      <c r="CDI713" s="613"/>
      <c r="CDJ713" s="613"/>
      <c r="CDK713" s="613"/>
      <c r="CDL713" s="613"/>
      <c r="CDM713" s="613"/>
      <c r="CDN713" s="613"/>
      <c r="CDO713" s="613"/>
      <c r="CDP713" s="613"/>
      <c r="CDQ713" s="613"/>
      <c r="CDR713" s="613"/>
      <c r="CDS713" s="613"/>
      <c r="CDT713" s="613"/>
      <c r="CDU713" s="613"/>
      <c r="CDV713" s="613"/>
      <c r="CDW713" s="613"/>
      <c r="CDX713" s="613"/>
      <c r="CDY713" s="613"/>
      <c r="CDZ713" s="613"/>
      <c r="CEA713" s="613"/>
      <c r="CEB713" s="613"/>
      <c r="CEC713" s="613"/>
      <c r="CED713" s="613"/>
      <c r="CEE713" s="613"/>
      <c r="CEF713" s="613"/>
      <c r="CEG713" s="613"/>
      <c r="CEH713" s="613"/>
      <c r="CEI713" s="613"/>
      <c r="CEJ713" s="613"/>
      <c r="CEK713" s="613"/>
      <c r="CEL713" s="613"/>
      <c r="CEM713" s="613"/>
      <c r="CEN713" s="613"/>
      <c r="CEO713" s="613"/>
      <c r="CEP713" s="613"/>
      <c r="CEQ713" s="613"/>
      <c r="CER713" s="613"/>
      <c r="CES713" s="613"/>
      <c r="CET713" s="613"/>
      <c r="CEU713" s="613"/>
      <c r="CEV713" s="613"/>
      <c r="CEW713" s="613"/>
      <c r="CEX713" s="613"/>
      <c r="CEY713" s="613"/>
      <c r="CEZ713" s="613"/>
      <c r="CFA713" s="613"/>
      <c r="CFB713" s="613"/>
      <c r="CFC713" s="613"/>
      <c r="CFD713" s="613"/>
      <c r="CFE713" s="613"/>
      <c r="CFF713" s="613"/>
      <c r="CFG713" s="613"/>
      <c r="CFH713" s="613"/>
      <c r="CFI713" s="613"/>
      <c r="CFJ713" s="613"/>
      <c r="CFK713" s="613"/>
      <c r="CFL713" s="613"/>
      <c r="CFM713" s="613"/>
      <c r="CFN713" s="613"/>
      <c r="CFO713" s="613"/>
      <c r="CFP713" s="613"/>
      <c r="CFQ713" s="613"/>
      <c r="CFR713" s="613"/>
      <c r="CFS713" s="613"/>
      <c r="CFT713" s="613"/>
      <c r="CFU713" s="613"/>
      <c r="CFV713" s="613"/>
      <c r="CFW713" s="613"/>
      <c r="CFX713" s="613"/>
      <c r="CFY713" s="613"/>
      <c r="CFZ713" s="613"/>
      <c r="CGA713" s="613"/>
      <c r="CGB713" s="613"/>
      <c r="CGC713" s="613"/>
      <c r="CGD713" s="613"/>
      <c r="CGE713" s="613"/>
      <c r="CGF713" s="613"/>
      <c r="CGG713" s="613"/>
      <c r="CGH713" s="613"/>
      <c r="CGI713" s="613"/>
      <c r="CGJ713" s="613"/>
      <c r="CGK713" s="613"/>
      <c r="CGL713" s="613"/>
      <c r="CGM713" s="613"/>
      <c r="CGN713" s="613"/>
      <c r="CGO713" s="613"/>
      <c r="CGP713" s="613"/>
      <c r="CGQ713" s="613"/>
      <c r="CGR713" s="613"/>
      <c r="CGS713" s="613"/>
      <c r="CGT713" s="613"/>
      <c r="CGU713" s="613"/>
      <c r="CGV713" s="613"/>
      <c r="CGW713" s="613"/>
      <c r="CGX713" s="613"/>
      <c r="CGY713" s="613"/>
      <c r="CGZ713" s="613"/>
      <c r="CHA713" s="613"/>
      <c r="CHB713" s="613"/>
      <c r="CHC713" s="613"/>
      <c r="CHD713" s="613"/>
      <c r="CHE713" s="613"/>
      <c r="CHF713" s="613"/>
      <c r="CHG713" s="613"/>
      <c r="CHH713" s="613"/>
      <c r="CHI713" s="613"/>
      <c r="CHJ713" s="613"/>
      <c r="CHK713" s="613"/>
      <c r="CHL713" s="613"/>
      <c r="CHM713" s="613"/>
      <c r="CHN713" s="613"/>
      <c r="CHO713" s="613"/>
      <c r="CHP713" s="613"/>
      <c r="CHQ713" s="613"/>
      <c r="CHR713" s="613"/>
      <c r="CHS713" s="613"/>
      <c r="CHT713" s="613"/>
      <c r="CHU713" s="613"/>
      <c r="CHV713" s="613"/>
      <c r="CHW713" s="613"/>
      <c r="CHX713" s="613"/>
      <c r="CHY713" s="613"/>
      <c r="CHZ713" s="613"/>
      <c r="CIA713" s="613"/>
      <c r="CIB713" s="613"/>
      <c r="CIC713" s="613"/>
      <c r="CID713" s="613"/>
      <c r="CIE713" s="613"/>
      <c r="CIF713" s="613"/>
      <c r="CIG713" s="613"/>
      <c r="CIH713" s="613"/>
      <c r="CII713" s="613"/>
      <c r="CIJ713" s="613"/>
      <c r="CIK713" s="613"/>
      <c r="CIL713" s="613"/>
      <c r="CIM713" s="613"/>
      <c r="CIN713" s="613"/>
      <c r="CIO713" s="613"/>
      <c r="CIP713" s="613"/>
      <c r="CIQ713" s="613"/>
      <c r="CIR713" s="613"/>
      <c r="CIS713" s="613"/>
      <c r="CIT713" s="613"/>
      <c r="CIU713" s="613"/>
      <c r="CIV713" s="613"/>
      <c r="CIW713" s="613"/>
      <c r="CIX713" s="613"/>
      <c r="CIY713" s="613"/>
      <c r="CIZ713" s="613"/>
      <c r="CJA713" s="613"/>
      <c r="CJB713" s="613"/>
      <c r="CJC713" s="613"/>
      <c r="CJD713" s="613"/>
      <c r="CJE713" s="613"/>
      <c r="CJF713" s="613"/>
      <c r="CJG713" s="613"/>
      <c r="CJH713" s="613"/>
      <c r="CJI713" s="613"/>
      <c r="CJJ713" s="613"/>
      <c r="CJK713" s="613"/>
      <c r="CJL713" s="613"/>
      <c r="CJM713" s="613"/>
      <c r="CJN713" s="613"/>
      <c r="CJO713" s="613"/>
      <c r="CJP713" s="613"/>
      <c r="CJQ713" s="613"/>
      <c r="CJR713" s="613"/>
      <c r="CJS713" s="613"/>
      <c r="CJT713" s="613"/>
      <c r="CJU713" s="613"/>
      <c r="CJV713" s="613"/>
      <c r="CJW713" s="613"/>
      <c r="CJX713" s="613"/>
      <c r="CJY713" s="613"/>
      <c r="CJZ713" s="613"/>
      <c r="CKA713" s="613"/>
      <c r="CKB713" s="613"/>
      <c r="CKC713" s="613"/>
      <c r="CKD713" s="613"/>
      <c r="CKE713" s="613"/>
      <c r="CKF713" s="613"/>
      <c r="CKG713" s="613"/>
      <c r="CKH713" s="613"/>
      <c r="CKI713" s="613"/>
      <c r="CKJ713" s="613"/>
      <c r="CKK713" s="613"/>
      <c r="CKL713" s="613"/>
      <c r="CKM713" s="613"/>
      <c r="CKN713" s="613"/>
      <c r="CKO713" s="613"/>
      <c r="CKP713" s="613"/>
      <c r="CKQ713" s="613"/>
      <c r="CKR713" s="613"/>
      <c r="CKS713" s="613"/>
      <c r="CKT713" s="613"/>
      <c r="CKU713" s="613"/>
      <c r="CKV713" s="613"/>
      <c r="CKW713" s="613"/>
      <c r="CKX713" s="613"/>
      <c r="CKY713" s="613"/>
      <c r="CKZ713" s="613"/>
      <c r="CLA713" s="613"/>
      <c r="CLB713" s="613"/>
      <c r="CLC713" s="613"/>
      <c r="CLD713" s="613"/>
      <c r="CLE713" s="613"/>
      <c r="CLF713" s="613"/>
      <c r="CLG713" s="613"/>
      <c r="CLH713" s="613"/>
      <c r="CLI713" s="613"/>
      <c r="CLJ713" s="613"/>
      <c r="CLK713" s="613"/>
      <c r="CLL713" s="613"/>
      <c r="CLM713" s="613"/>
      <c r="CLN713" s="613"/>
      <c r="CLO713" s="613"/>
      <c r="CLP713" s="613"/>
      <c r="CLQ713" s="613"/>
      <c r="CLR713" s="613"/>
      <c r="CLS713" s="613"/>
      <c r="CLT713" s="613"/>
      <c r="CLU713" s="613"/>
      <c r="CLV713" s="613"/>
      <c r="CLW713" s="613"/>
      <c r="CLX713" s="613"/>
      <c r="CLY713" s="613"/>
      <c r="CLZ713" s="613"/>
      <c r="CMA713" s="613"/>
      <c r="CMB713" s="613"/>
      <c r="CMC713" s="613"/>
      <c r="CMD713" s="613"/>
      <c r="CME713" s="613"/>
      <c r="CMF713" s="613"/>
      <c r="CMG713" s="613"/>
      <c r="CMH713" s="613"/>
      <c r="CMI713" s="613"/>
      <c r="CMJ713" s="613"/>
      <c r="CMK713" s="613"/>
      <c r="CML713" s="613"/>
      <c r="CMM713" s="613"/>
      <c r="CMN713" s="613"/>
      <c r="CMO713" s="613"/>
      <c r="CMP713" s="613"/>
      <c r="CMQ713" s="613"/>
      <c r="CMR713" s="613"/>
      <c r="CMS713" s="613"/>
      <c r="CMT713" s="613"/>
      <c r="CMU713" s="613"/>
      <c r="CMV713" s="613"/>
      <c r="CMW713" s="613"/>
      <c r="CMX713" s="613"/>
      <c r="CMY713" s="613"/>
      <c r="CMZ713" s="613"/>
      <c r="CNA713" s="613"/>
      <c r="CNB713" s="613"/>
      <c r="CNC713" s="613"/>
      <c r="CND713" s="613"/>
      <c r="CNE713" s="613"/>
      <c r="CNF713" s="613"/>
      <c r="CNG713" s="613"/>
      <c r="CNH713" s="613"/>
      <c r="CNI713" s="613"/>
      <c r="CNJ713" s="613"/>
      <c r="CNK713" s="613"/>
      <c r="CNL713" s="613"/>
      <c r="CNM713" s="613"/>
      <c r="CNN713" s="613"/>
      <c r="CNO713" s="613"/>
      <c r="CNP713" s="613"/>
      <c r="CNQ713" s="613"/>
      <c r="CNR713" s="613"/>
      <c r="CNS713" s="613"/>
      <c r="CNT713" s="613"/>
      <c r="CNU713" s="613"/>
      <c r="CNV713" s="613"/>
      <c r="CNW713" s="613"/>
      <c r="CNX713" s="613"/>
      <c r="CNY713" s="613"/>
      <c r="CNZ713" s="613"/>
      <c r="COA713" s="613"/>
      <c r="COB713" s="613"/>
      <c r="COC713" s="613"/>
      <c r="COD713" s="613"/>
      <c r="COE713" s="613"/>
      <c r="COF713" s="613"/>
      <c r="COG713" s="613"/>
      <c r="COH713" s="613"/>
      <c r="COI713" s="613"/>
      <c r="COJ713" s="613"/>
      <c r="COK713" s="613"/>
      <c r="COL713" s="613"/>
      <c r="COM713" s="613"/>
      <c r="CON713" s="613"/>
      <c r="COO713" s="613"/>
      <c r="COP713" s="613"/>
      <c r="COQ713" s="613"/>
      <c r="COR713" s="613"/>
      <c r="COS713" s="613"/>
      <c r="COT713" s="613"/>
      <c r="COU713" s="613"/>
      <c r="COV713" s="613"/>
      <c r="COW713" s="613"/>
      <c r="COX713" s="613"/>
      <c r="COY713" s="613"/>
      <c r="COZ713" s="613"/>
      <c r="CPA713" s="613"/>
      <c r="CPB713" s="613"/>
      <c r="CPC713" s="613"/>
      <c r="CPD713" s="613"/>
      <c r="CPE713" s="613"/>
      <c r="CPF713" s="613"/>
      <c r="CPG713" s="613"/>
      <c r="CPH713" s="613"/>
      <c r="CPI713" s="613"/>
      <c r="CPJ713" s="613"/>
      <c r="CPK713" s="613"/>
      <c r="CPL713" s="613"/>
      <c r="CPM713" s="613"/>
      <c r="CPN713" s="613"/>
      <c r="CPO713" s="613"/>
      <c r="CPP713" s="613"/>
      <c r="CPQ713" s="613"/>
      <c r="CPR713" s="613"/>
      <c r="CPS713" s="613"/>
      <c r="CPT713" s="613"/>
      <c r="CPU713" s="613"/>
      <c r="CPV713" s="613"/>
      <c r="CPW713" s="613"/>
      <c r="CPX713" s="613"/>
      <c r="CPY713" s="613"/>
      <c r="CPZ713" s="613"/>
      <c r="CQA713" s="613"/>
      <c r="CQB713" s="613"/>
      <c r="CQC713" s="613"/>
      <c r="CQD713" s="613"/>
      <c r="CQE713" s="613"/>
      <c r="CQF713" s="613"/>
      <c r="CQG713" s="613"/>
      <c r="CQH713" s="613"/>
      <c r="CQI713" s="613"/>
      <c r="CQJ713" s="613"/>
      <c r="CQK713" s="613"/>
      <c r="CQL713" s="613"/>
      <c r="CQM713" s="613"/>
      <c r="CQN713" s="613"/>
      <c r="CQO713" s="613"/>
      <c r="CQP713" s="613"/>
      <c r="CQQ713" s="613"/>
      <c r="CQR713" s="613"/>
      <c r="CQS713" s="613"/>
      <c r="CQT713" s="613"/>
      <c r="CQU713" s="613"/>
      <c r="CQV713" s="613"/>
      <c r="CQW713" s="613"/>
      <c r="CQX713" s="613"/>
      <c r="CQY713" s="613"/>
      <c r="CQZ713" s="613"/>
      <c r="CRA713" s="613"/>
      <c r="CRB713" s="613"/>
      <c r="CRC713" s="613"/>
      <c r="CRD713" s="613"/>
      <c r="CRE713" s="613"/>
      <c r="CRF713" s="613"/>
      <c r="CRG713" s="613"/>
      <c r="CRH713" s="613"/>
      <c r="CRI713" s="613"/>
      <c r="CRJ713" s="613"/>
      <c r="CRK713" s="613"/>
      <c r="CRL713" s="613"/>
      <c r="CRM713" s="613"/>
      <c r="CRN713" s="613"/>
      <c r="CRO713" s="613"/>
      <c r="CRP713" s="613"/>
      <c r="CRQ713" s="613"/>
      <c r="CRR713" s="613"/>
      <c r="CRS713" s="613"/>
      <c r="CRT713" s="613"/>
      <c r="CRU713" s="613"/>
      <c r="CRV713" s="613"/>
      <c r="CRW713" s="613"/>
      <c r="CRX713" s="613"/>
      <c r="CRY713" s="613"/>
      <c r="CRZ713" s="613"/>
      <c r="CSA713" s="613"/>
      <c r="CSB713" s="613"/>
      <c r="CSC713" s="613"/>
      <c r="CSD713" s="613"/>
      <c r="CSE713" s="613"/>
      <c r="CSF713" s="613"/>
      <c r="CSG713" s="613"/>
      <c r="CSH713" s="613"/>
      <c r="CSI713" s="613"/>
      <c r="CSJ713" s="613"/>
      <c r="CSK713" s="613"/>
      <c r="CSL713" s="613"/>
      <c r="CSM713" s="613"/>
      <c r="CSN713" s="613"/>
      <c r="CSO713" s="613"/>
      <c r="CSP713" s="613"/>
      <c r="CSQ713" s="613"/>
      <c r="CSR713" s="613"/>
      <c r="CSS713" s="613"/>
      <c r="CST713" s="613"/>
      <c r="CSU713" s="613"/>
      <c r="CSV713" s="613"/>
      <c r="CSW713" s="613"/>
      <c r="CSX713" s="613"/>
      <c r="CSY713" s="613"/>
      <c r="CSZ713" s="613"/>
      <c r="CTA713" s="613"/>
      <c r="CTB713" s="613"/>
      <c r="CTC713" s="613"/>
      <c r="CTD713" s="613"/>
      <c r="CTE713" s="613"/>
      <c r="CTF713" s="613"/>
      <c r="CTG713" s="613"/>
      <c r="CTH713" s="613"/>
      <c r="CTI713" s="613"/>
      <c r="CTJ713" s="613"/>
      <c r="CTK713" s="613"/>
      <c r="CTL713" s="613"/>
      <c r="CTM713" s="613"/>
      <c r="CTN713" s="613"/>
      <c r="CTO713" s="613"/>
      <c r="CTP713" s="613"/>
      <c r="CTQ713" s="613"/>
      <c r="CTR713" s="613"/>
      <c r="CTS713" s="613"/>
      <c r="CTT713" s="613"/>
      <c r="CTU713" s="613"/>
      <c r="CTV713" s="613"/>
      <c r="CTW713" s="613"/>
      <c r="CTX713" s="613"/>
      <c r="CTY713" s="613"/>
      <c r="CTZ713" s="613"/>
      <c r="CUA713" s="613"/>
      <c r="CUB713" s="613"/>
      <c r="CUC713" s="613"/>
      <c r="CUD713" s="613"/>
      <c r="CUE713" s="613"/>
      <c r="CUF713" s="613"/>
      <c r="CUG713" s="613"/>
      <c r="CUH713" s="613"/>
      <c r="CUI713" s="613"/>
      <c r="CUJ713" s="613"/>
      <c r="CUK713" s="613"/>
      <c r="CUL713" s="613"/>
      <c r="CUM713" s="613"/>
      <c r="CUN713" s="613"/>
      <c r="CUO713" s="613"/>
      <c r="CUP713" s="613"/>
      <c r="CUQ713" s="613"/>
      <c r="CUR713" s="613"/>
      <c r="CUS713" s="613"/>
      <c r="CUT713" s="613"/>
      <c r="CUU713" s="613"/>
      <c r="CUV713" s="613"/>
      <c r="CUW713" s="613"/>
      <c r="CUX713" s="613"/>
      <c r="CUY713" s="613"/>
      <c r="CUZ713" s="613"/>
      <c r="CVA713" s="613"/>
      <c r="CVB713" s="613"/>
      <c r="CVC713" s="613"/>
      <c r="CVD713" s="613"/>
      <c r="CVE713" s="613"/>
      <c r="CVF713" s="613"/>
      <c r="CVG713" s="613"/>
      <c r="CVH713" s="613"/>
      <c r="CVI713" s="613"/>
      <c r="CVJ713" s="613"/>
      <c r="CVK713" s="613"/>
      <c r="CVL713" s="613"/>
      <c r="CVM713" s="613"/>
      <c r="CVN713" s="613"/>
      <c r="CVO713" s="613"/>
      <c r="CVP713" s="613"/>
      <c r="CVQ713" s="613"/>
      <c r="CVR713" s="613"/>
      <c r="CVS713" s="613"/>
      <c r="CVT713" s="613"/>
      <c r="CVU713" s="613"/>
      <c r="CVV713" s="613"/>
      <c r="CVW713" s="613"/>
      <c r="CVX713" s="613"/>
      <c r="CVY713" s="613"/>
      <c r="CVZ713" s="613"/>
      <c r="CWA713" s="613"/>
      <c r="CWB713" s="613"/>
      <c r="CWC713" s="613"/>
      <c r="CWD713" s="613"/>
      <c r="CWE713" s="613"/>
      <c r="CWF713" s="613"/>
      <c r="CWG713" s="613"/>
      <c r="CWH713" s="613"/>
      <c r="CWI713" s="613"/>
      <c r="CWJ713" s="613"/>
      <c r="CWK713" s="613"/>
      <c r="CWL713" s="613"/>
      <c r="CWM713" s="613"/>
      <c r="CWN713" s="613"/>
      <c r="CWO713" s="613"/>
      <c r="CWP713" s="613"/>
      <c r="CWQ713" s="613"/>
      <c r="CWR713" s="613"/>
      <c r="CWS713" s="613"/>
      <c r="CWT713" s="613"/>
      <c r="CWU713" s="613"/>
      <c r="CWV713" s="613"/>
      <c r="CWW713" s="613"/>
      <c r="CWX713" s="613"/>
      <c r="CWY713" s="613"/>
      <c r="CWZ713" s="613"/>
      <c r="CXA713" s="613"/>
      <c r="CXB713" s="613"/>
      <c r="CXC713" s="613"/>
      <c r="CXD713" s="613"/>
      <c r="CXE713" s="613"/>
      <c r="CXF713" s="613"/>
      <c r="CXG713" s="613"/>
      <c r="CXH713" s="613"/>
      <c r="CXI713" s="613"/>
      <c r="CXJ713" s="613"/>
      <c r="CXK713" s="613"/>
      <c r="CXL713" s="613"/>
      <c r="CXM713" s="613"/>
      <c r="CXN713" s="613"/>
      <c r="CXO713" s="613"/>
      <c r="CXP713" s="613"/>
      <c r="CXQ713" s="613"/>
      <c r="CXR713" s="613"/>
      <c r="CXS713" s="613"/>
      <c r="CXT713" s="613"/>
      <c r="CXU713" s="613"/>
      <c r="CXV713" s="613"/>
      <c r="CXW713" s="613"/>
      <c r="CXX713" s="613"/>
      <c r="CXY713" s="613"/>
      <c r="CXZ713" s="613"/>
      <c r="CYA713" s="613"/>
      <c r="CYB713" s="613"/>
      <c r="CYC713" s="613"/>
      <c r="CYD713" s="613"/>
      <c r="CYE713" s="613"/>
      <c r="CYF713" s="613"/>
      <c r="CYG713" s="613"/>
      <c r="CYH713" s="613"/>
      <c r="CYI713" s="613"/>
      <c r="CYJ713" s="613"/>
      <c r="CYK713" s="613"/>
      <c r="CYL713" s="613"/>
      <c r="CYM713" s="613"/>
      <c r="CYN713" s="613"/>
      <c r="CYO713" s="613"/>
      <c r="CYP713" s="613"/>
      <c r="CYQ713" s="613"/>
      <c r="CYR713" s="613"/>
      <c r="CYS713" s="613"/>
      <c r="CYT713" s="613"/>
      <c r="CYU713" s="613"/>
      <c r="CYV713" s="613"/>
      <c r="CYW713" s="613"/>
      <c r="CYX713" s="613"/>
      <c r="CYY713" s="613"/>
      <c r="CYZ713" s="613"/>
      <c r="CZA713" s="613"/>
      <c r="CZB713" s="613"/>
      <c r="CZC713" s="613"/>
      <c r="CZD713" s="613"/>
      <c r="CZE713" s="613"/>
      <c r="CZF713" s="613"/>
      <c r="CZG713" s="613"/>
      <c r="CZH713" s="613"/>
      <c r="CZI713" s="613"/>
      <c r="CZJ713" s="613"/>
      <c r="CZK713" s="613"/>
      <c r="CZL713" s="613"/>
      <c r="CZM713" s="613"/>
      <c r="CZN713" s="613"/>
      <c r="CZO713" s="613"/>
      <c r="CZP713" s="613"/>
      <c r="CZQ713" s="613"/>
      <c r="CZR713" s="613"/>
      <c r="CZS713" s="613"/>
      <c r="CZT713" s="613"/>
      <c r="CZU713" s="613"/>
      <c r="CZV713" s="613"/>
      <c r="CZW713" s="613"/>
      <c r="CZX713" s="613"/>
      <c r="CZY713" s="613"/>
      <c r="CZZ713" s="613"/>
      <c r="DAA713" s="613"/>
      <c r="DAB713" s="613"/>
      <c r="DAC713" s="613"/>
      <c r="DAD713" s="613"/>
      <c r="DAE713" s="613"/>
      <c r="DAF713" s="613"/>
      <c r="DAG713" s="613"/>
      <c r="DAH713" s="613"/>
      <c r="DAI713" s="613"/>
      <c r="DAJ713" s="613"/>
      <c r="DAK713" s="613"/>
      <c r="DAL713" s="613"/>
      <c r="DAM713" s="613"/>
      <c r="DAN713" s="613"/>
      <c r="DAO713" s="613"/>
      <c r="DAP713" s="613"/>
      <c r="DAQ713" s="613"/>
      <c r="DAR713" s="613"/>
      <c r="DAS713" s="613"/>
      <c r="DAT713" s="613"/>
      <c r="DAU713" s="613"/>
      <c r="DAV713" s="613"/>
      <c r="DAW713" s="613"/>
      <c r="DAX713" s="613"/>
      <c r="DAY713" s="613"/>
      <c r="DAZ713" s="613"/>
      <c r="DBA713" s="613"/>
      <c r="DBB713" s="613"/>
      <c r="DBC713" s="613"/>
      <c r="DBD713" s="613"/>
      <c r="DBE713" s="613"/>
      <c r="DBF713" s="613"/>
      <c r="DBG713" s="613"/>
      <c r="DBH713" s="613"/>
      <c r="DBI713" s="613"/>
      <c r="DBJ713" s="613"/>
      <c r="DBK713" s="613"/>
      <c r="DBL713" s="613"/>
      <c r="DBM713" s="613"/>
      <c r="DBN713" s="613"/>
      <c r="DBO713" s="613"/>
      <c r="DBP713" s="613"/>
      <c r="DBQ713" s="613"/>
      <c r="DBR713" s="613"/>
      <c r="DBS713" s="613"/>
      <c r="DBT713" s="613"/>
      <c r="DBU713" s="613"/>
      <c r="DBV713" s="613"/>
      <c r="DBW713" s="613"/>
      <c r="DBX713" s="613"/>
      <c r="DBY713" s="613"/>
      <c r="DBZ713" s="613"/>
      <c r="DCA713" s="613"/>
      <c r="DCB713" s="613"/>
      <c r="DCC713" s="613"/>
      <c r="DCD713" s="613"/>
      <c r="DCE713" s="613"/>
      <c r="DCF713" s="613"/>
      <c r="DCG713" s="613"/>
      <c r="DCH713" s="613"/>
      <c r="DCI713" s="613"/>
      <c r="DCJ713" s="613"/>
      <c r="DCK713" s="613"/>
      <c r="DCL713" s="613"/>
      <c r="DCM713" s="613"/>
      <c r="DCN713" s="613"/>
      <c r="DCO713" s="613"/>
      <c r="DCP713" s="613"/>
      <c r="DCQ713" s="613"/>
      <c r="DCR713" s="613"/>
      <c r="DCS713" s="613"/>
      <c r="DCT713" s="613"/>
      <c r="DCU713" s="613"/>
      <c r="DCV713" s="613"/>
      <c r="DCW713" s="613"/>
      <c r="DCX713" s="613"/>
      <c r="DCY713" s="613"/>
      <c r="DCZ713" s="613"/>
      <c r="DDA713" s="613"/>
      <c r="DDB713" s="613"/>
      <c r="DDC713" s="613"/>
      <c r="DDD713" s="613"/>
      <c r="DDE713" s="613"/>
      <c r="DDF713" s="613"/>
      <c r="DDG713" s="613"/>
      <c r="DDH713" s="613"/>
      <c r="DDI713" s="613"/>
      <c r="DDJ713" s="613"/>
      <c r="DDK713" s="613"/>
      <c r="DDL713" s="613"/>
      <c r="DDM713" s="613"/>
      <c r="DDN713" s="613"/>
      <c r="DDO713" s="613"/>
      <c r="DDP713" s="613"/>
      <c r="DDQ713" s="613"/>
      <c r="DDR713" s="613"/>
      <c r="DDS713" s="613"/>
      <c r="DDT713" s="613"/>
      <c r="DDU713" s="613"/>
      <c r="DDV713" s="613"/>
      <c r="DDW713" s="613"/>
      <c r="DDX713" s="613"/>
      <c r="DDY713" s="613"/>
      <c r="DDZ713" s="613"/>
      <c r="DEA713" s="613"/>
      <c r="DEB713" s="613"/>
      <c r="DEC713" s="613"/>
      <c r="DED713" s="613"/>
      <c r="DEE713" s="613"/>
      <c r="DEF713" s="613"/>
      <c r="DEG713" s="613"/>
      <c r="DEH713" s="613"/>
      <c r="DEI713" s="613"/>
      <c r="DEJ713" s="613"/>
      <c r="DEK713" s="613"/>
      <c r="DEL713" s="613"/>
      <c r="DEM713" s="613"/>
      <c r="DEN713" s="613"/>
      <c r="DEO713" s="613"/>
      <c r="DEP713" s="613"/>
      <c r="DEQ713" s="613"/>
      <c r="DER713" s="613"/>
      <c r="DES713" s="613"/>
      <c r="DET713" s="613"/>
      <c r="DEU713" s="613"/>
      <c r="DEV713" s="613"/>
      <c r="DEW713" s="613"/>
      <c r="DEX713" s="613"/>
      <c r="DEY713" s="613"/>
      <c r="DEZ713" s="613"/>
      <c r="DFA713" s="613"/>
      <c r="DFB713" s="613"/>
      <c r="DFC713" s="613"/>
      <c r="DFD713" s="613"/>
      <c r="DFE713" s="613"/>
      <c r="DFF713" s="613"/>
      <c r="DFG713" s="613"/>
      <c r="DFH713" s="613"/>
      <c r="DFI713" s="613"/>
      <c r="DFJ713" s="613"/>
      <c r="DFK713" s="613"/>
      <c r="DFL713" s="613"/>
      <c r="DFM713" s="613"/>
      <c r="DFN713" s="613"/>
      <c r="DFO713" s="613"/>
      <c r="DFP713" s="613"/>
      <c r="DFQ713" s="613"/>
      <c r="DFR713" s="613"/>
      <c r="DFS713" s="613"/>
      <c r="DFT713" s="613"/>
      <c r="DFU713" s="613"/>
      <c r="DFV713" s="613"/>
      <c r="DFW713" s="613"/>
      <c r="DFX713" s="613"/>
      <c r="DFY713" s="613"/>
      <c r="DFZ713" s="613"/>
      <c r="DGA713" s="613"/>
      <c r="DGB713" s="613"/>
      <c r="DGC713" s="613"/>
      <c r="DGD713" s="613"/>
      <c r="DGE713" s="613"/>
      <c r="DGF713" s="613"/>
      <c r="DGG713" s="613"/>
      <c r="DGH713" s="613"/>
      <c r="DGI713" s="613"/>
      <c r="DGJ713" s="613"/>
      <c r="DGK713" s="613"/>
      <c r="DGL713" s="613"/>
      <c r="DGM713" s="613"/>
      <c r="DGN713" s="613"/>
      <c r="DGO713" s="613"/>
      <c r="DGP713" s="613"/>
      <c r="DGQ713" s="613"/>
      <c r="DGR713" s="613"/>
      <c r="DGS713" s="613"/>
      <c r="DGT713" s="613"/>
      <c r="DGU713" s="613"/>
      <c r="DGV713" s="613"/>
      <c r="DGW713" s="613"/>
      <c r="DGX713" s="613"/>
      <c r="DGY713" s="613"/>
      <c r="DGZ713" s="613"/>
      <c r="DHA713" s="613"/>
      <c r="DHB713" s="613"/>
      <c r="DHC713" s="613"/>
      <c r="DHD713" s="613"/>
      <c r="DHE713" s="613"/>
      <c r="DHF713" s="613"/>
      <c r="DHG713" s="613"/>
      <c r="DHH713" s="613"/>
      <c r="DHI713" s="613"/>
      <c r="DHJ713" s="613"/>
      <c r="DHK713" s="613"/>
      <c r="DHL713" s="613"/>
      <c r="DHM713" s="613"/>
      <c r="DHN713" s="613"/>
      <c r="DHO713" s="613"/>
      <c r="DHP713" s="613"/>
      <c r="DHQ713" s="613"/>
      <c r="DHR713" s="613"/>
      <c r="DHS713" s="613"/>
      <c r="DHT713" s="613"/>
      <c r="DHU713" s="613"/>
      <c r="DHV713" s="613"/>
      <c r="DHW713" s="613"/>
      <c r="DHX713" s="613"/>
      <c r="DHY713" s="613"/>
      <c r="DHZ713" s="613"/>
      <c r="DIA713" s="613"/>
      <c r="DIB713" s="613"/>
      <c r="DIC713" s="613"/>
      <c r="DID713" s="613"/>
      <c r="DIE713" s="613"/>
      <c r="DIF713" s="613"/>
      <c r="DIG713" s="613"/>
      <c r="DIH713" s="613"/>
      <c r="DII713" s="613"/>
      <c r="DIJ713" s="613"/>
      <c r="DIK713" s="613"/>
      <c r="DIL713" s="613"/>
      <c r="DIM713" s="613"/>
      <c r="DIN713" s="613"/>
      <c r="DIO713" s="613"/>
      <c r="DIP713" s="613"/>
      <c r="DIQ713" s="613"/>
      <c r="DIR713" s="613"/>
      <c r="DIS713" s="613"/>
      <c r="DIT713" s="613"/>
      <c r="DIU713" s="613"/>
      <c r="DIV713" s="613"/>
      <c r="DIW713" s="613"/>
      <c r="DIX713" s="613"/>
      <c r="DIY713" s="613"/>
      <c r="DIZ713" s="613"/>
      <c r="DJA713" s="613"/>
      <c r="DJB713" s="613"/>
      <c r="DJC713" s="613"/>
      <c r="DJD713" s="613"/>
      <c r="DJE713" s="613"/>
      <c r="DJF713" s="613"/>
      <c r="DJG713" s="613"/>
      <c r="DJH713" s="613"/>
      <c r="DJI713" s="613"/>
      <c r="DJJ713" s="613"/>
      <c r="DJK713" s="613"/>
      <c r="DJL713" s="613"/>
      <c r="DJM713" s="613"/>
      <c r="DJN713" s="613"/>
      <c r="DJO713" s="613"/>
      <c r="DJP713" s="613"/>
      <c r="DJQ713" s="613"/>
      <c r="DJR713" s="613"/>
      <c r="DJS713" s="613"/>
      <c r="DJT713" s="613"/>
      <c r="DJU713" s="613"/>
      <c r="DJV713" s="613"/>
      <c r="DJW713" s="613"/>
      <c r="DJX713" s="613"/>
      <c r="DJY713" s="613"/>
      <c r="DJZ713" s="613"/>
      <c r="DKA713" s="613"/>
      <c r="DKB713" s="613"/>
      <c r="DKC713" s="613"/>
      <c r="DKD713" s="613"/>
      <c r="DKE713" s="613"/>
      <c r="DKF713" s="613"/>
      <c r="DKG713" s="613"/>
      <c r="DKH713" s="613"/>
      <c r="DKI713" s="613"/>
      <c r="DKJ713" s="613"/>
      <c r="DKK713" s="613"/>
      <c r="DKL713" s="613"/>
      <c r="DKM713" s="613"/>
      <c r="DKN713" s="613"/>
      <c r="DKO713" s="613"/>
      <c r="DKP713" s="613"/>
      <c r="DKQ713" s="613"/>
      <c r="DKR713" s="613"/>
      <c r="DKS713" s="613"/>
      <c r="DKT713" s="613"/>
      <c r="DKU713" s="613"/>
      <c r="DKV713" s="613"/>
      <c r="DKW713" s="613"/>
      <c r="DKX713" s="613"/>
      <c r="DKY713" s="613"/>
      <c r="DKZ713" s="613"/>
      <c r="DLA713" s="613"/>
      <c r="DLB713" s="613"/>
      <c r="DLC713" s="613"/>
      <c r="DLD713" s="613"/>
      <c r="DLE713" s="613"/>
      <c r="DLF713" s="613"/>
      <c r="DLG713" s="613"/>
      <c r="DLH713" s="613"/>
      <c r="DLI713" s="613"/>
      <c r="DLJ713" s="613"/>
      <c r="DLK713" s="613"/>
      <c r="DLL713" s="613"/>
      <c r="DLM713" s="613"/>
      <c r="DLN713" s="613"/>
      <c r="DLO713" s="613"/>
      <c r="DLP713" s="613"/>
      <c r="DLQ713" s="613"/>
      <c r="DLR713" s="613"/>
      <c r="DLS713" s="613"/>
      <c r="DLT713" s="613"/>
      <c r="DLU713" s="613"/>
      <c r="DLV713" s="613"/>
      <c r="DLW713" s="613"/>
      <c r="DLX713" s="613"/>
      <c r="DLY713" s="613"/>
      <c r="DLZ713" s="613"/>
      <c r="DMA713" s="613"/>
      <c r="DMB713" s="613"/>
      <c r="DMC713" s="613"/>
      <c r="DMD713" s="613"/>
      <c r="DME713" s="613"/>
      <c r="DMF713" s="613"/>
      <c r="DMG713" s="613"/>
      <c r="DMH713" s="613"/>
      <c r="DMI713" s="613"/>
      <c r="DMJ713" s="613"/>
      <c r="DMK713" s="613"/>
      <c r="DML713" s="613"/>
      <c r="DMM713" s="613"/>
      <c r="DMN713" s="613"/>
      <c r="DMO713" s="613"/>
      <c r="DMP713" s="613"/>
      <c r="DMQ713" s="613"/>
      <c r="DMR713" s="613"/>
      <c r="DMS713" s="613"/>
      <c r="DMT713" s="613"/>
      <c r="DMU713" s="613"/>
      <c r="DMV713" s="613"/>
      <c r="DMW713" s="613"/>
      <c r="DMX713" s="613"/>
      <c r="DMY713" s="613"/>
      <c r="DMZ713" s="613"/>
      <c r="DNA713" s="613"/>
      <c r="DNB713" s="613"/>
      <c r="DNC713" s="613"/>
      <c r="DND713" s="613"/>
      <c r="DNE713" s="613"/>
      <c r="DNF713" s="613"/>
      <c r="DNG713" s="613"/>
      <c r="DNH713" s="613"/>
      <c r="DNI713" s="613"/>
      <c r="DNJ713" s="613"/>
      <c r="DNK713" s="613"/>
      <c r="DNL713" s="613"/>
      <c r="DNM713" s="613"/>
      <c r="DNN713" s="613"/>
      <c r="DNO713" s="613"/>
      <c r="DNP713" s="613"/>
      <c r="DNQ713" s="613"/>
      <c r="DNR713" s="613"/>
      <c r="DNS713" s="613"/>
      <c r="DNT713" s="613"/>
      <c r="DNU713" s="613"/>
      <c r="DNV713" s="613"/>
      <c r="DNW713" s="613"/>
      <c r="DNX713" s="613"/>
      <c r="DNY713" s="613"/>
      <c r="DNZ713" s="613"/>
      <c r="DOA713" s="613"/>
      <c r="DOB713" s="613"/>
      <c r="DOC713" s="613"/>
      <c r="DOD713" s="613"/>
      <c r="DOE713" s="613"/>
      <c r="DOF713" s="613"/>
      <c r="DOG713" s="613"/>
      <c r="DOH713" s="613"/>
      <c r="DOI713" s="613"/>
      <c r="DOJ713" s="613"/>
      <c r="DOK713" s="613"/>
      <c r="DOL713" s="613"/>
      <c r="DOM713" s="613"/>
      <c r="DON713" s="613"/>
      <c r="DOO713" s="613"/>
      <c r="DOP713" s="613"/>
      <c r="DOQ713" s="613"/>
      <c r="DOR713" s="613"/>
      <c r="DOS713" s="613"/>
      <c r="DOT713" s="613"/>
      <c r="DOU713" s="613"/>
      <c r="DOV713" s="613"/>
      <c r="DOW713" s="613"/>
      <c r="DOX713" s="613"/>
      <c r="DOY713" s="613"/>
      <c r="DOZ713" s="613"/>
      <c r="DPA713" s="613"/>
      <c r="DPB713" s="613"/>
      <c r="DPC713" s="613"/>
      <c r="DPD713" s="613"/>
      <c r="DPE713" s="613"/>
      <c r="DPF713" s="613"/>
      <c r="DPG713" s="613"/>
      <c r="DPH713" s="613"/>
      <c r="DPI713" s="613"/>
      <c r="DPJ713" s="613"/>
      <c r="DPK713" s="613"/>
      <c r="DPL713" s="613"/>
      <c r="DPM713" s="613"/>
      <c r="DPN713" s="613"/>
      <c r="DPO713" s="613"/>
      <c r="DPP713" s="613"/>
      <c r="DPQ713" s="613"/>
      <c r="DPR713" s="613"/>
      <c r="DPS713" s="613"/>
      <c r="DPT713" s="613"/>
      <c r="DPU713" s="613"/>
      <c r="DPV713" s="613"/>
      <c r="DPW713" s="613"/>
      <c r="DPX713" s="613"/>
      <c r="DPY713" s="613"/>
      <c r="DPZ713" s="613"/>
      <c r="DQA713" s="613"/>
      <c r="DQB713" s="613"/>
      <c r="DQC713" s="613"/>
      <c r="DQD713" s="613"/>
      <c r="DQE713" s="613"/>
      <c r="DQF713" s="613"/>
      <c r="DQG713" s="613"/>
      <c r="DQH713" s="613"/>
      <c r="DQI713" s="613"/>
      <c r="DQJ713" s="613"/>
      <c r="DQK713" s="613"/>
      <c r="DQL713" s="613"/>
      <c r="DQM713" s="613"/>
      <c r="DQN713" s="613"/>
      <c r="DQO713" s="613"/>
      <c r="DQP713" s="613"/>
      <c r="DQQ713" s="613"/>
      <c r="DQR713" s="613"/>
      <c r="DQS713" s="613"/>
      <c r="DQT713" s="613"/>
      <c r="DQU713" s="613"/>
      <c r="DQV713" s="613"/>
      <c r="DQW713" s="613"/>
      <c r="DQX713" s="613"/>
      <c r="DQY713" s="613"/>
      <c r="DQZ713" s="613"/>
      <c r="DRA713" s="613"/>
      <c r="DRB713" s="613"/>
      <c r="DRC713" s="613"/>
      <c r="DRD713" s="613"/>
      <c r="DRE713" s="613"/>
      <c r="DRF713" s="613"/>
      <c r="DRG713" s="613"/>
      <c r="DRH713" s="613"/>
      <c r="DRI713" s="613"/>
      <c r="DRJ713" s="613"/>
      <c r="DRK713" s="613"/>
      <c r="DRL713" s="613"/>
      <c r="DRM713" s="613"/>
      <c r="DRN713" s="613"/>
      <c r="DRO713" s="613"/>
      <c r="DRP713" s="613"/>
      <c r="DRQ713" s="613"/>
      <c r="DRR713" s="613"/>
      <c r="DRS713" s="613"/>
      <c r="DRT713" s="613"/>
      <c r="DRU713" s="613"/>
      <c r="DRV713" s="613"/>
      <c r="DRW713" s="613"/>
      <c r="DRX713" s="613"/>
      <c r="DRY713" s="613"/>
      <c r="DRZ713" s="613"/>
      <c r="DSA713" s="613"/>
      <c r="DSB713" s="613"/>
      <c r="DSC713" s="613"/>
      <c r="DSD713" s="613"/>
      <c r="DSE713" s="613"/>
      <c r="DSF713" s="613"/>
      <c r="DSG713" s="613"/>
      <c r="DSH713" s="613"/>
      <c r="DSI713" s="613"/>
      <c r="DSJ713" s="613"/>
      <c r="DSK713" s="613"/>
      <c r="DSL713" s="613"/>
      <c r="DSM713" s="613"/>
      <c r="DSN713" s="613"/>
      <c r="DSO713" s="613"/>
      <c r="DSP713" s="613"/>
      <c r="DSQ713" s="613"/>
      <c r="DSR713" s="613"/>
      <c r="DSS713" s="613"/>
      <c r="DST713" s="613"/>
      <c r="DSU713" s="613"/>
      <c r="DSV713" s="613"/>
      <c r="DSW713" s="613"/>
      <c r="DSX713" s="613"/>
      <c r="DSY713" s="613"/>
      <c r="DSZ713" s="613"/>
      <c r="DTA713" s="613"/>
      <c r="DTB713" s="613"/>
      <c r="DTC713" s="613"/>
      <c r="DTD713" s="613"/>
      <c r="DTE713" s="613"/>
      <c r="DTF713" s="613"/>
      <c r="DTG713" s="613"/>
      <c r="DTH713" s="613"/>
      <c r="DTI713" s="613"/>
      <c r="DTJ713" s="613"/>
      <c r="DTK713" s="613"/>
      <c r="DTL713" s="613"/>
      <c r="DTM713" s="613"/>
      <c r="DTN713" s="613"/>
      <c r="DTO713" s="613"/>
      <c r="DTP713" s="613"/>
      <c r="DTQ713" s="613"/>
      <c r="DTR713" s="613"/>
      <c r="DTS713" s="613"/>
      <c r="DTT713" s="613"/>
      <c r="DTU713" s="613"/>
      <c r="DTV713" s="613"/>
      <c r="DTW713" s="613"/>
      <c r="DTX713" s="613"/>
      <c r="DTY713" s="613"/>
      <c r="DTZ713" s="613"/>
      <c r="DUA713" s="613"/>
      <c r="DUB713" s="613"/>
      <c r="DUC713" s="613"/>
      <c r="DUD713" s="613"/>
      <c r="DUE713" s="613"/>
      <c r="DUF713" s="613"/>
      <c r="DUG713" s="613"/>
      <c r="DUH713" s="613"/>
      <c r="DUI713" s="613"/>
      <c r="DUJ713" s="613"/>
      <c r="DUK713" s="613"/>
      <c r="DUL713" s="613"/>
      <c r="DUM713" s="613"/>
      <c r="DUN713" s="613"/>
      <c r="DUO713" s="613"/>
      <c r="DUP713" s="613"/>
      <c r="DUQ713" s="613"/>
      <c r="DUR713" s="613"/>
      <c r="DUS713" s="613"/>
      <c r="DUT713" s="613"/>
      <c r="DUU713" s="613"/>
      <c r="DUV713" s="613"/>
      <c r="DUW713" s="613"/>
      <c r="DUX713" s="613"/>
      <c r="DUY713" s="613"/>
      <c r="DUZ713" s="613"/>
      <c r="DVA713" s="613"/>
      <c r="DVB713" s="613"/>
      <c r="DVC713" s="613"/>
      <c r="DVD713" s="613"/>
      <c r="DVE713" s="613"/>
      <c r="DVF713" s="613"/>
      <c r="DVG713" s="613"/>
      <c r="DVH713" s="613"/>
      <c r="DVI713" s="613"/>
      <c r="DVJ713" s="613"/>
      <c r="DVK713" s="613"/>
      <c r="DVL713" s="613"/>
      <c r="DVM713" s="613"/>
      <c r="DVN713" s="613"/>
      <c r="DVO713" s="613"/>
      <c r="DVP713" s="613"/>
      <c r="DVQ713" s="613"/>
      <c r="DVR713" s="613"/>
      <c r="DVS713" s="613"/>
      <c r="DVT713" s="613"/>
      <c r="DVU713" s="613"/>
      <c r="DVV713" s="613"/>
      <c r="DVW713" s="613"/>
      <c r="DVX713" s="613"/>
      <c r="DVY713" s="613"/>
      <c r="DVZ713" s="613"/>
      <c r="DWA713" s="613"/>
      <c r="DWB713" s="613"/>
      <c r="DWC713" s="613"/>
      <c r="DWD713" s="613"/>
      <c r="DWE713" s="613"/>
      <c r="DWF713" s="613"/>
      <c r="DWG713" s="613"/>
      <c r="DWH713" s="613"/>
      <c r="DWI713" s="613"/>
      <c r="DWJ713" s="613"/>
      <c r="DWK713" s="613"/>
      <c r="DWL713" s="613"/>
      <c r="DWM713" s="613"/>
      <c r="DWN713" s="613"/>
      <c r="DWO713" s="613"/>
      <c r="DWP713" s="613"/>
      <c r="DWQ713" s="613"/>
      <c r="DWR713" s="613"/>
      <c r="DWS713" s="613"/>
      <c r="DWT713" s="613"/>
      <c r="DWU713" s="613"/>
      <c r="DWV713" s="613"/>
      <c r="DWW713" s="613"/>
      <c r="DWX713" s="613"/>
      <c r="DWY713" s="613"/>
      <c r="DWZ713" s="613"/>
      <c r="DXA713" s="613"/>
      <c r="DXB713" s="613"/>
      <c r="DXC713" s="613"/>
      <c r="DXD713" s="613"/>
      <c r="DXE713" s="613"/>
      <c r="DXF713" s="613"/>
      <c r="DXG713" s="613"/>
      <c r="DXH713" s="613"/>
      <c r="DXI713" s="613"/>
      <c r="DXJ713" s="613"/>
      <c r="DXK713" s="613"/>
      <c r="DXL713" s="613"/>
      <c r="DXM713" s="613"/>
      <c r="DXN713" s="613"/>
      <c r="DXO713" s="613"/>
      <c r="DXP713" s="613"/>
      <c r="DXQ713" s="613"/>
      <c r="DXR713" s="613"/>
      <c r="DXS713" s="613"/>
      <c r="DXT713" s="613"/>
      <c r="DXU713" s="613"/>
      <c r="DXV713" s="613"/>
      <c r="DXW713" s="613"/>
      <c r="DXX713" s="613"/>
      <c r="DXY713" s="613"/>
      <c r="DXZ713" s="613"/>
      <c r="DYA713" s="613"/>
      <c r="DYB713" s="613"/>
      <c r="DYC713" s="613"/>
      <c r="DYD713" s="613"/>
      <c r="DYE713" s="613"/>
      <c r="DYF713" s="613"/>
      <c r="DYG713" s="613"/>
      <c r="DYH713" s="613"/>
      <c r="DYI713" s="613"/>
      <c r="DYJ713" s="613"/>
      <c r="DYK713" s="613"/>
      <c r="DYL713" s="613"/>
      <c r="DYM713" s="613"/>
      <c r="DYN713" s="613"/>
      <c r="DYO713" s="613"/>
      <c r="DYP713" s="613"/>
      <c r="DYQ713" s="613"/>
      <c r="DYR713" s="613"/>
      <c r="DYS713" s="613"/>
      <c r="DYT713" s="613"/>
      <c r="DYU713" s="613"/>
      <c r="DYV713" s="613"/>
      <c r="DYW713" s="613"/>
      <c r="DYX713" s="613"/>
      <c r="DYY713" s="613"/>
      <c r="DYZ713" s="613"/>
      <c r="DZA713" s="613"/>
      <c r="DZB713" s="613"/>
      <c r="DZC713" s="613"/>
      <c r="DZD713" s="613"/>
      <c r="DZE713" s="613"/>
      <c r="DZF713" s="613"/>
      <c r="DZG713" s="613"/>
      <c r="DZH713" s="613"/>
      <c r="DZI713" s="613"/>
      <c r="DZJ713" s="613"/>
      <c r="DZK713" s="613"/>
      <c r="DZL713" s="613"/>
      <c r="DZM713" s="613"/>
      <c r="DZN713" s="613"/>
      <c r="DZO713" s="613"/>
      <c r="DZP713" s="613"/>
      <c r="DZQ713" s="613"/>
      <c r="DZR713" s="613"/>
      <c r="DZS713" s="613"/>
      <c r="DZT713" s="613"/>
      <c r="DZU713" s="613"/>
      <c r="DZV713" s="613"/>
      <c r="DZW713" s="613"/>
      <c r="DZX713" s="613"/>
      <c r="DZY713" s="613"/>
      <c r="DZZ713" s="613"/>
      <c r="EAA713" s="613"/>
      <c r="EAB713" s="613"/>
      <c r="EAC713" s="613"/>
      <c r="EAD713" s="613"/>
      <c r="EAE713" s="613"/>
      <c r="EAF713" s="613"/>
      <c r="EAG713" s="613"/>
      <c r="EAH713" s="613"/>
      <c r="EAI713" s="613"/>
      <c r="EAJ713" s="613"/>
      <c r="EAK713" s="613"/>
      <c r="EAL713" s="613"/>
      <c r="EAM713" s="613"/>
      <c r="EAN713" s="613"/>
      <c r="EAO713" s="613"/>
      <c r="EAP713" s="613"/>
      <c r="EAQ713" s="613"/>
      <c r="EAR713" s="613"/>
      <c r="EAS713" s="613"/>
      <c r="EAT713" s="613"/>
      <c r="EAU713" s="613"/>
      <c r="EAV713" s="613"/>
      <c r="EAW713" s="613"/>
      <c r="EAX713" s="613"/>
      <c r="EAY713" s="613"/>
      <c r="EAZ713" s="613"/>
      <c r="EBA713" s="613"/>
      <c r="EBB713" s="613"/>
      <c r="EBC713" s="613"/>
      <c r="EBD713" s="613"/>
      <c r="EBE713" s="613"/>
      <c r="EBF713" s="613"/>
      <c r="EBG713" s="613"/>
      <c r="EBH713" s="613"/>
      <c r="EBI713" s="613"/>
      <c r="EBJ713" s="613"/>
      <c r="EBK713" s="613"/>
      <c r="EBL713" s="613"/>
      <c r="EBM713" s="613"/>
      <c r="EBN713" s="613"/>
      <c r="EBO713" s="613"/>
      <c r="EBP713" s="613"/>
      <c r="EBQ713" s="613"/>
      <c r="EBR713" s="613"/>
      <c r="EBS713" s="613"/>
      <c r="EBT713" s="613"/>
      <c r="EBU713" s="613"/>
      <c r="EBV713" s="613"/>
      <c r="EBW713" s="613"/>
      <c r="EBX713" s="613"/>
      <c r="EBY713" s="613"/>
      <c r="EBZ713" s="613"/>
      <c r="ECA713" s="613"/>
      <c r="ECB713" s="613"/>
      <c r="ECC713" s="613"/>
      <c r="ECD713" s="613"/>
      <c r="ECE713" s="613"/>
      <c r="ECF713" s="613"/>
      <c r="ECG713" s="613"/>
      <c r="ECH713" s="613"/>
      <c r="ECI713" s="613"/>
      <c r="ECJ713" s="613"/>
      <c r="ECK713" s="613"/>
      <c r="ECL713" s="613"/>
      <c r="ECM713" s="613"/>
      <c r="ECN713" s="613"/>
      <c r="ECO713" s="613"/>
      <c r="ECP713" s="613"/>
      <c r="ECQ713" s="613"/>
      <c r="ECR713" s="613"/>
      <c r="ECS713" s="613"/>
      <c r="ECT713" s="613"/>
      <c r="ECU713" s="613"/>
      <c r="ECV713" s="613"/>
      <c r="ECW713" s="613"/>
      <c r="ECX713" s="613"/>
      <c r="ECY713" s="613"/>
      <c r="ECZ713" s="613"/>
      <c r="EDA713" s="613"/>
      <c r="EDB713" s="613"/>
      <c r="EDC713" s="613"/>
      <c r="EDD713" s="613"/>
      <c r="EDE713" s="613"/>
      <c r="EDF713" s="613"/>
      <c r="EDG713" s="613"/>
      <c r="EDH713" s="613"/>
      <c r="EDI713" s="613"/>
      <c r="EDJ713" s="613"/>
      <c r="EDK713" s="613"/>
      <c r="EDL713" s="613"/>
      <c r="EDM713" s="613"/>
      <c r="EDN713" s="613"/>
      <c r="EDO713" s="613"/>
      <c r="EDP713" s="613"/>
      <c r="EDQ713" s="613"/>
      <c r="EDR713" s="613"/>
      <c r="EDS713" s="613"/>
      <c r="EDT713" s="613"/>
      <c r="EDU713" s="613"/>
      <c r="EDV713" s="613"/>
      <c r="EDW713" s="613"/>
      <c r="EDX713" s="613"/>
      <c r="EDY713" s="613"/>
      <c r="EDZ713" s="613"/>
      <c r="EEA713" s="613"/>
      <c r="EEB713" s="613"/>
      <c r="EEC713" s="613"/>
      <c r="EED713" s="613"/>
      <c r="EEE713" s="613"/>
      <c r="EEF713" s="613"/>
      <c r="EEG713" s="613"/>
      <c r="EEH713" s="613"/>
      <c r="EEI713" s="613"/>
      <c r="EEJ713" s="613"/>
      <c r="EEK713" s="613"/>
      <c r="EEL713" s="613"/>
      <c r="EEM713" s="613"/>
      <c r="EEN713" s="613"/>
      <c r="EEO713" s="613"/>
      <c r="EEP713" s="613"/>
      <c r="EEQ713" s="613"/>
      <c r="EER713" s="613"/>
      <c r="EES713" s="613"/>
      <c r="EET713" s="613"/>
      <c r="EEU713" s="613"/>
      <c r="EEV713" s="613"/>
      <c r="EEW713" s="613"/>
      <c r="EEX713" s="613"/>
      <c r="EEY713" s="613"/>
      <c r="EEZ713" s="613"/>
      <c r="EFA713" s="613"/>
      <c r="EFB713" s="613"/>
      <c r="EFC713" s="613"/>
      <c r="EFD713" s="613"/>
      <c r="EFE713" s="613"/>
      <c r="EFF713" s="613"/>
      <c r="EFG713" s="613"/>
      <c r="EFH713" s="613"/>
      <c r="EFI713" s="613"/>
      <c r="EFJ713" s="613"/>
      <c r="EFK713" s="613"/>
      <c r="EFL713" s="613"/>
      <c r="EFM713" s="613"/>
      <c r="EFN713" s="613"/>
      <c r="EFO713" s="613"/>
      <c r="EFP713" s="613"/>
      <c r="EFQ713" s="613"/>
      <c r="EFR713" s="613"/>
      <c r="EFS713" s="613"/>
      <c r="EFT713" s="613"/>
      <c r="EFU713" s="613"/>
      <c r="EFV713" s="613"/>
      <c r="EFW713" s="613"/>
      <c r="EFX713" s="613"/>
      <c r="EFY713" s="613"/>
      <c r="EFZ713" s="613"/>
      <c r="EGA713" s="613"/>
      <c r="EGB713" s="613"/>
      <c r="EGC713" s="613"/>
      <c r="EGD713" s="613"/>
      <c r="EGE713" s="613"/>
      <c r="EGF713" s="613"/>
      <c r="EGG713" s="613"/>
      <c r="EGH713" s="613"/>
      <c r="EGI713" s="613"/>
      <c r="EGJ713" s="613"/>
      <c r="EGK713" s="613"/>
      <c r="EGL713" s="613"/>
      <c r="EGM713" s="613"/>
      <c r="EGN713" s="613"/>
      <c r="EGO713" s="613"/>
      <c r="EGP713" s="613"/>
      <c r="EGQ713" s="613"/>
      <c r="EGR713" s="613"/>
      <c r="EGS713" s="613"/>
      <c r="EGT713" s="613"/>
      <c r="EGU713" s="613"/>
      <c r="EGV713" s="613"/>
      <c r="EGW713" s="613"/>
      <c r="EGX713" s="613"/>
      <c r="EGY713" s="613"/>
      <c r="EGZ713" s="613"/>
      <c r="EHA713" s="613"/>
      <c r="EHB713" s="613"/>
      <c r="EHC713" s="613"/>
      <c r="EHD713" s="613"/>
      <c r="EHE713" s="613"/>
      <c r="EHF713" s="613"/>
      <c r="EHG713" s="613"/>
      <c r="EHH713" s="613"/>
      <c r="EHI713" s="613"/>
      <c r="EHJ713" s="613"/>
      <c r="EHK713" s="613"/>
      <c r="EHL713" s="613"/>
      <c r="EHM713" s="613"/>
      <c r="EHN713" s="613"/>
      <c r="EHO713" s="613"/>
      <c r="EHP713" s="613"/>
      <c r="EHQ713" s="613"/>
      <c r="EHR713" s="613"/>
      <c r="EHS713" s="613"/>
      <c r="EHT713" s="613"/>
      <c r="EHU713" s="613"/>
      <c r="EHV713" s="613"/>
      <c r="EHW713" s="613"/>
      <c r="EHX713" s="613"/>
      <c r="EHY713" s="613"/>
      <c r="EHZ713" s="613"/>
      <c r="EIA713" s="613"/>
      <c r="EIB713" s="613"/>
      <c r="EIC713" s="613"/>
      <c r="EID713" s="613"/>
      <c r="EIE713" s="613"/>
      <c r="EIF713" s="613"/>
      <c r="EIG713" s="613"/>
      <c r="EIH713" s="613"/>
      <c r="EII713" s="613"/>
      <c r="EIJ713" s="613"/>
      <c r="EIK713" s="613"/>
      <c r="EIL713" s="613"/>
      <c r="EIM713" s="613"/>
      <c r="EIN713" s="613"/>
      <c r="EIO713" s="613"/>
      <c r="EIP713" s="613"/>
      <c r="EIQ713" s="613"/>
      <c r="EIR713" s="613"/>
      <c r="EIS713" s="613"/>
      <c r="EIT713" s="613"/>
      <c r="EIU713" s="613"/>
      <c r="EIV713" s="613"/>
      <c r="EIW713" s="613"/>
      <c r="EIX713" s="613"/>
      <c r="EIY713" s="613"/>
      <c r="EIZ713" s="613"/>
      <c r="EJA713" s="613"/>
      <c r="EJB713" s="613"/>
      <c r="EJC713" s="613"/>
      <c r="EJD713" s="613"/>
      <c r="EJE713" s="613"/>
      <c r="EJF713" s="613"/>
      <c r="EJG713" s="613"/>
      <c r="EJH713" s="613"/>
      <c r="EJI713" s="613"/>
      <c r="EJJ713" s="613"/>
      <c r="EJK713" s="613"/>
      <c r="EJL713" s="613"/>
      <c r="EJM713" s="613"/>
      <c r="EJN713" s="613"/>
      <c r="EJO713" s="613"/>
      <c r="EJP713" s="613"/>
      <c r="EJQ713" s="613"/>
      <c r="EJR713" s="613"/>
      <c r="EJS713" s="613"/>
      <c r="EJT713" s="613"/>
      <c r="EJU713" s="613"/>
      <c r="EJV713" s="613"/>
      <c r="EJW713" s="613"/>
      <c r="EJX713" s="613"/>
      <c r="EJY713" s="613"/>
      <c r="EJZ713" s="613"/>
      <c r="EKA713" s="613"/>
      <c r="EKB713" s="613"/>
      <c r="EKC713" s="613"/>
      <c r="EKD713" s="613"/>
      <c r="EKE713" s="613"/>
      <c r="EKF713" s="613"/>
      <c r="EKG713" s="613"/>
      <c r="EKH713" s="613"/>
      <c r="EKI713" s="613"/>
      <c r="EKJ713" s="613"/>
      <c r="EKK713" s="613"/>
      <c r="EKL713" s="613"/>
      <c r="EKM713" s="613"/>
      <c r="EKN713" s="613"/>
      <c r="EKO713" s="613"/>
      <c r="EKP713" s="613"/>
      <c r="EKQ713" s="613"/>
      <c r="EKR713" s="613"/>
      <c r="EKS713" s="613"/>
      <c r="EKT713" s="613"/>
      <c r="EKU713" s="613"/>
      <c r="EKV713" s="613"/>
      <c r="EKW713" s="613"/>
      <c r="EKX713" s="613"/>
      <c r="EKY713" s="613"/>
      <c r="EKZ713" s="613"/>
      <c r="ELA713" s="613"/>
      <c r="ELB713" s="613"/>
      <c r="ELC713" s="613"/>
      <c r="ELD713" s="613"/>
      <c r="ELE713" s="613"/>
      <c r="ELF713" s="613"/>
      <c r="ELG713" s="613"/>
      <c r="ELH713" s="613"/>
      <c r="ELI713" s="613"/>
      <c r="ELJ713" s="613"/>
      <c r="ELK713" s="613"/>
      <c r="ELL713" s="613"/>
      <c r="ELM713" s="613"/>
      <c r="ELN713" s="613"/>
      <c r="ELO713" s="613"/>
      <c r="ELP713" s="613"/>
      <c r="ELQ713" s="613"/>
      <c r="ELR713" s="613"/>
      <c r="ELS713" s="613"/>
      <c r="ELT713" s="613"/>
      <c r="ELU713" s="613"/>
      <c r="ELV713" s="613"/>
      <c r="ELW713" s="613"/>
      <c r="ELX713" s="613"/>
      <c r="ELY713" s="613"/>
      <c r="ELZ713" s="613"/>
      <c r="EMA713" s="613"/>
      <c r="EMB713" s="613"/>
      <c r="EMC713" s="613"/>
      <c r="EMD713" s="613"/>
      <c r="EME713" s="613"/>
      <c r="EMF713" s="613"/>
      <c r="EMG713" s="613"/>
      <c r="EMH713" s="613"/>
      <c r="EMI713" s="613"/>
      <c r="EMJ713" s="613"/>
      <c r="EMK713" s="613"/>
      <c r="EML713" s="613"/>
      <c r="EMM713" s="613"/>
      <c r="EMN713" s="613"/>
      <c r="EMO713" s="613"/>
      <c r="EMP713" s="613"/>
      <c r="EMQ713" s="613"/>
      <c r="EMR713" s="613"/>
      <c r="EMS713" s="613"/>
      <c r="EMT713" s="613"/>
      <c r="EMU713" s="613"/>
      <c r="EMV713" s="613"/>
      <c r="EMW713" s="613"/>
      <c r="EMX713" s="613"/>
      <c r="EMY713" s="613"/>
      <c r="EMZ713" s="613"/>
      <c r="ENA713" s="613"/>
      <c r="ENB713" s="613"/>
      <c r="ENC713" s="613"/>
      <c r="END713" s="613"/>
      <c r="ENE713" s="613"/>
      <c r="ENF713" s="613"/>
      <c r="ENG713" s="613"/>
      <c r="ENH713" s="613"/>
      <c r="ENI713" s="613"/>
      <c r="ENJ713" s="613"/>
      <c r="ENK713" s="613"/>
      <c r="ENL713" s="613"/>
      <c r="ENM713" s="613"/>
      <c r="ENN713" s="613"/>
      <c r="ENO713" s="613"/>
      <c r="ENP713" s="613"/>
      <c r="ENQ713" s="613"/>
      <c r="ENR713" s="613"/>
      <c r="ENS713" s="613"/>
      <c r="ENT713" s="613"/>
      <c r="ENU713" s="613"/>
      <c r="ENV713" s="613"/>
      <c r="ENW713" s="613"/>
      <c r="ENX713" s="613"/>
      <c r="ENY713" s="613"/>
      <c r="ENZ713" s="613"/>
      <c r="EOA713" s="613"/>
      <c r="EOB713" s="613"/>
      <c r="EOC713" s="613"/>
      <c r="EOD713" s="613"/>
      <c r="EOE713" s="613"/>
      <c r="EOF713" s="613"/>
      <c r="EOG713" s="613"/>
      <c r="EOH713" s="613"/>
      <c r="EOI713" s="613"/>
      <c r="EOJ713" s="613"/>
      <c r="EOK713" s="613"/>
      <c r="EOL713" s="613"/>
      <c r="EOM713" s="613"/>
      <c r="EON713" s="613"/>
      <c r="EOO713" s="613"/>
      <c r="EOP713" s="613"/>
      <c r="EOQ713" s="613"/>
      <c r="EOR713" s="613"/>
      <c r="EOS713" s="613"/>
      <c r="EOT713" s="613"/>
      <c r="EOU713" s="613"/>
      <c r="EOV713" s="613"/>
      <c r="EOW713" s="613"/>
      <c r="EOX713" s="613"/>
      <c r="EOY713" s="613"/>
      <c r="EOZ713" s="613"/>
      <c r="EPA713" s="613"/>
      <c r="EPB713" s="613"/>
      <c r="EPC713" s="613"/>
      <c r="EPD713" s="613"/>
      <c r="EPE713" s="613"/>
      <c r="EPF713" s="613"/>
      <c r="EPG713" s="613"/>
      <c r="EPH713" s="613"/>
      <c r="EPI713" s="613"/>
      <c r="EPJ713" s="613"/>
      <c r="EPK713" s="613"/>
      <c r="EPL713" s="613"/>
      <c r="EPM713" s="613"/>
      <c r="EPN713" s="613"/>
      <c r="EPO713" s="613"/>
      <c r="EPP713" s="613"/>
      <c r="EPQ713" s="613"/>
      <c r="EPR713" s="613"/>
      <c r="EPS713" s="613"/>
      <c r="EPT713" s="613"/>
      <c r="EPU713" s="613"/>
      <c r="EPV713" s="613"/>
      <c r="EPW713" s="613"/>
      <c r="EPX713" s="613"/>
      <c r="EPY713" s="613"/>
      <c r="EPZ713" s="613"/>
      <c r="EQA713" s="613"/>
      <c r="EQB713" s="613"/>
      <c r="EQC713" s="613"/>
      <c r="EQD713" s="613"/>
      <c r="EQE713" s="613"/>
      <c r="EQF713" s="613"/>
      <c r="EQG713" s="613"/>
      <c r="EQH713" s="613"/>
      <c r="EQI713" s="613"/>
      <c r="EQJ713" s="613"/>
      <c r="EQK713" s="613"/>
      <c r="EQL713" s="613"/>
      <c r="EQM713" s="613"/>
      <c r="EQN713" s="613"/>
      <c r="EQO713" s="613"/>
      <c r="EQP713" s="613"/>
      <c r="EQQ713" s="613"/>
      <c r="EQR713" s="613"/>
      <c r="EQS713" s="613"/>
      <c r="EQT713" s="613"/>
      <c r="EQU713" s="613"/>
      <c r="EQV713" s="613"/>
      <c r="EQW713" s="613"/>
      <c r="EQX713" s="613"/>
      <c r="EQY713" s="613"/>
      <c r="EQZ713" s="613"/>
      <c r="ERA713" s="613"/>
      <c r="ERB713" s="613"/>
      <c r="ERC713" s="613"/>
      <c r="ERD713" s="613"/>
      <c r="ERE713" s="613"/>
      <c r="ERF713" s="613"/>
      <c r="ERG713" s="613"/>
      <c r="ERH713" s="613"/>
      <c r="ERI713" s="613"/>
      <c r="ERJ713" s="613"/>
      <c r="ERK713" s="613"/>
      <c r="ERL713" s="613"/>
      <c r="ERM713" s="613"/>
      <c r="ERN713" s="613"/>
      <c r="ERO713" s="613"/>
      <c r="ERP713" s="613"/>
      <c r="ERQ713" s="613"/>
      <c r="ERR713" s="613"/>
      <c r="ERS713" s="613"/>
      <c r="ERT713" s="613"/>
      <c r="ERU713" s="613"/>
      <c r="ERV713" s="613"/>
      <c r="ERW713" s="613"/>
      <c r="ERX713" s="613"/>
      <c r="ERY713" s="613"/>
      <c r="ERZ713" s="613"/>
      <c r="ESA713" s="613"/>
      <c r="ESB713" s="613"/>
      <c r="ESC713" s="613"/>
      <c r="ESD713" s="613"/>
      <c r="ESE713" s="613"/>
      <c r="ESF713" s="613"/>
      <c r="ESG713" s="613"/>
      <c r="ESH713" s="613"/>
      <c r="ESI713" s="613"/>
      <c r="ESJ713" s="613"/>
      <c r="ESK713" s="613"/>
      <c r="ESL713" s="613"/>
      <c r="ESM713" s="613"/>
      <c r="ESN713" s="613"/>
      <c r="ESO713" s="613"/>
      <c r="ESP713" s="613"/>
      <c r="ESQ713" s="613"/>
      <c r="ESR713" s="613"/>
      <c r="ESS713" s="613"/>
      <c r="EST713" s="613"/>
      <c r="ESU713" s="613"/>
      <c r="ESV713" s="613"/>
      <c r="ESW713" s="613"/>
      <c r="ESX713" s="613"/>
      <c r="ESY713" s="613"/>
      <c r="ESZ713" s="613"/>
      <c r="ETA713" s="613"/>
      <c r="ETB713" s="613"/>
      <c r="ETC713" s="613"/>
      <c r="ETD713" s="613"/>
      <c r="ETE713" s="613"/>
      <c r="ETF713" s="613"/>
      <c r="ETG713" s="613"/>
      <c r="ETH713" s="613"/>
      <c r="ETI713" s="613"/>
      <c r="ETJ713" s="613"/>
      <c r="ETK713" s="613"/>
      <c r="ETL713" s="613"/>
      <c r="ETM713" s="613"/>
      <c r="ETN713" s="613"/>
      <c r="ETO713" s="613"/>
      <c r="ETP713" s="613"/>
      <c r="ETQ713" s="613"/>
      <c r="ETR713" s="613"/>
      <c r="ETS713" s="613"/>
      <c r="ETT713" s="613"/>
      <c r="ETU713" s="613"/>
      <c r="ETV713" s="613"/>
      <c r="ETW713" s="613"/>
      <c r="ETX713" s="613"/>
      <c r="ETY713" s="613"/>
      <c r="ETZ713" s="613"/>
      <c r="EUA713" s="613"/>
      <c r="EUB713" s="613"/>
      <c r="EUC713" s="613"/>
      <c r="EUD713" s="613"/>
      <c r="EUE713" s="613"/>
      <c r="EUF713" s="613"/>
      <c r="EUG713" s="613"/>
      <c r="EUH713" s="613"/>
      <c r="EUI713" s="613"/>
      <c r="EUJ713" s="613"/>
      <c r="EUK713" s="613"/>
      <c r="EUL713" s="613"/>
      <c r="EUM713" s="613"/>
      <c r="EUN713" s="613"/>
      <c r="EUO713" s="613"/>
      <c r="EUP713" s="613"/>
      <c r="EUQ713" s="613"/>
      <c r="EUR713" s="613"/>
      <c r="EUS713" s="613"/>
      <c r="EUT713" s="613"/>
      <c r="EUU713" s="613"/>
      <c r="EUV713" s="613"/>
      <c r="EUW713" s="613"/>
      <c r="EUX713" s="613"/>
      <c r="EUY713" s="613"/>
      <c r="EUZ713" s="613"/>
      <c r="EVA713" s="613"/>
      <c r="EVB713" s="613"/>
      <c r="EVC713" s="613"/>
      <c r="EVD713" s="613"/>
      <c r="EVE713" s="613"/>
      <c r="EVF713" s="613"/>
      <c r="EVG713" s="613"/>
      <c r="EVH713" s="613"/>
      <c r="EVI713" s="613"/>
      <c r="EVJ713" s="613"/>
      <c r="EVK713" s="613"/>
      <c r="EVL713" s="613"/>
      <c r="EVM713" s="613"/>
      <c r="EVN713" s="613"/>
      <c r="EVO713" s="613"/>
      <c r="EVP713" s="613"/>
      <c r="EVQ713" s="613"/>
      <c r="EVR713" s="613"/>
      <c r="EVS713" s="613"/>
      <c r="EVT713" s="613"/>
      <c r="EVU713" s="613"/>
      <c r="EVV713" s="613"/>
      <c r="EVW713" s="613"/>
      <c r="EVX713" s="613"/>
      <c r="EVY713" s="613"/>
      <c r="EVZ713" s="613"/>
      <c r="EWA713" s="613"/>
      <c r="EWB713" s="613"/>
      <c r="EWC713" s="613"/>
      <c r="EWD713" s="613"/>
      <c r="EWE713" s="613"/>
      <c r="EWF713" s="613"/>
      <c r="EWG713" s="613"/>
      <c r="EWH713" s="613"/>
      <c r="EWI713" s="613"/>
      <c r="EWJ713" s="613"/>
      <c r="EWK713" s="613"/>
      <c r="EWL713" s="613"/>
      <c r="EWM713" s="613"/>
      <c r="EWN713" s="613"/>
      <c r="EWO713" s="613"/>
      <c r="EWP713" s="613"/>
      <c r="EWQ713" s="613"/>
      <c r="EWR713" s="613"/>
      <c r="EWS713" s="613"/>
      <c r="EWT713" s="613"/>
      <c r="EWU713" s="613"/>
      <c r="EWV713" s="613"/>
      <c r="EWW713" s="613"/>
      <c r="EWX713" s="613"/>
      <c r="EWY713" s="613"/>
      <c r="EWZ713" s="613"/>
      <c r="EXA713" s="613"/>
      <c r="EXB713" s="613"/>
      <c r="EXC713" s="613"/>
      <c r="EXD713" s="613"/>
      <c r="EXE713" s="613"/>
      <c r="EXF713" s="613"/>
      <c r="EXG713" s="613"/>
      <c r="EXH713" s="613"/>
      <c r="EXI713" s="613"/>
      <c r="EXJ713" s="613"/>
      <c r="EXK713" s="613"/>
      <c r="EXL713" s="613"/>
      <c r="EXM713" s="613"/>
      <c r="EXN713" s="613"/>
      <c r="EXO713" s="613"/>
      <c r="EXP713" s="613"/>
      <c r="EXQ713" s="613"/>
      <c r="EXR713" s="613"/>
      <c r="EXS713" s="613"/>
      <c r="EXT713" s="613"/>
      <c r="EXU713" s="613"/>
      <c r="EXV713" s="613"/>
      <c r="EXW713" s="613"/>
      <c r="EXX713" s="613"/>
      <c r="EXY713" s="613"/>
      <c r="EXZ713" s="613"/>
      <c r="EYA713" s="613"/>
      <c r="EYB713" s="613"/>
      <c r="EYC713" s="613"/>
      <c r="EYD713" s="613"/>
      <c r="EYE713" s="613"/>
      <c r="EYF713" s="613"/>
      <c r="EYG713" s="613"/>
      <c r="EYH713" s="613"/>
      <c r="EYI713" s="613"/>
      <c r="EYJ713" s="613"/>
      <c r="EYK713" s="613"/>
      <c r="EYL713" s="613"/>
      <c r="EYM713" s="613"/>
      <c r="EYN713" s="613"/>
      <c r="EYO713" s="613"/>
      <c r="EYP713" s="613"/>
      <c r="EYQ713" s="613"/>
      <c r="EYR713" s="613"/>
      <c r="EYS713" s="613"/>
      <c r="EYT713" s="613"/>
      <c r="EYU713" s="613"/>
      <c r="EYV713" s="613"/>
      <c r="EYW713" s="613"/>
      <c r="EYX713" s="613"/>
      <c r="EYY713" s="613"/>
      <c r="EYZ713" s="613"/>
      <c r="EZA713" s="613"/>
      <c r="EZB713" s="613"/>
      <c r="EZC713" s="613"/>
      <c r="EZD713" s="613"/>
      <c r="EZE713" s="613"/>
      <c r="EZF713" s="613"/>
      <c r="EZG713" s="613"/>
      <c r="EZH713" s="613"/>
      <c r="EZI713" s="613"/>
      <c r="EZJ713" s="613"/>
      <c r="EZK713" s="613"/>
      <c r="EZL713" s="613"/>
      <c r="EZM713" s="613"/>
      <c r="EZN713" s="613"/>
      <c r="EZO713" s="613"/>
      <c r="EZP713" s="613"/>
      <c r="EZQ713" s="613"/>
      <c r="EZR713" s="613"/>
      <c r="EZS713" s="613"/>
      <c r="EZT713" s="613"/>
      <c r="EZU713" s="613"/>
      <c r="EZV713" s="613"/>
      <c r="EZW713" s="613"/>
      <c r="EZX713" s="613"/>
      <c r="EZY713" s="613"/>
      <c r="EZZ713" s="613"/>
      <c r="FAA713" s="613"/>
      <c r="FAB713" s="613"/>
      <c r="FAC713" s="613"/>
      <c r="FAD713" s="613"/>
      <c r="FAE713" s="613"/>
      <c r="FAF713" s="613"/>
      <c r="FAG713" s="613"/>
      <c r="FAH713" s="613"/>
      <c r="FAI713" s="613"/>
      <c r="FAJ713" s="613"/>
      <c r="FAK713" s="613"/>
      <c r="FAL713" s="613"/>
      <c r="FAM713" s="613"/>
      <c r="FAN713" s="613"/>
      <c r="FAO713" s="613"/>
      <c r="FAP713" s="613"/>
      <c r="FAQ713" s="613"/>
      <c r="FAR713" s="613"/>
      <c r="FAS713" s="613"/>
      <c r="FAT713" s="613"/>
      <c r="FAU713" s="613"/>
      <c r="FAV713" s="613"/>
      <c r="FAW713" s="613"/>
      <c r="FAX713" s="613"/>
      <c r="FAY713" s="613"/>
      <c r="FAZ713" s="613"/>
      <c r="FBA713" s="613"/>
      <c r="FBB713" s="613"/>
      <c r="FBC713" s="613"/>
      <c r="FBD713" s="613"/>
      <c r="FBE713" s="613"/>
      <c r="FBF713" s="613"/>
      <c r="FBG713" s="613"/>
      <c r="FBH713" s="613"/>
      <c r="FBI713" s="613"/>
      <c r="FBJ713" s="613"/>
      <c r="FBK713" s="613"/>
      <c r="FBL713" s="613"/>
      <c r="FBM713" s="613"/>
      <c r="FBN713" s="613"/>
      <c r="FBO713" s="613"/>
      <c r="FBP713" s="613"/>
      <c r="FBQ713" s="613"/>
      <c r="FBR713" s="613"/>
      <c r="FBS713" s="613"/>
      <c r="FBT713" s="613"/>
      <c r="FBU713" s="613"/>
      <c r="FBV713" s="613"/>
      <c r="FBW713" s="613"/>
      <c r="FBX713" s="613"/>
      <c r="FBY713" s="613"/>
      <c r="FBZ713" s="613"/>
      <c r="FCA713" s="613"/>
      <c r="FCB713" s="613"/>
      <c r="FCC713" s="613"/>
      <c r="FCD713" s="613"/>
      <c r="FCE713" s="613"/>
      <c r="FCF713" s="613"/>
      <c r="FCG713" s="613"/>
      <c r="FCH713" s="613"/>
      <c r="FCI713" s="613"/>
      <c r="FCJ713" s="613"/>
      <c r="FCK713" s="613"/>
      <c r="FCL713" s="613"/>
      <c r="FCM713" s="613"/>
      <c r="FCN713" s="613"/>
      <c r="FCO713" s="613"/>
      <c r="FCP713" s="613"/>
      <c r="FCQ713" s="613"/>
      <c r="FCR713" s="613"/>
      <c r="FCS713" s="613"/>
      <c r="FCT713" s="613"/>
      <c r="FCU713" s="613"/>
      <c r="FCV713" s="613"/>
      <c r="FCW713" s="613"/>
      <c r="FCX713" s="613"/>
      <c r="FCY713" s="613"/>
      <c r="FCZ713" s="613"/>
      <c r="FDA713" s="613"/>
      <c r="FDB713" s="613"/>
      <c r="FDC713" s="613"/>
      <c r="FDD713" s="613"/>
      <c r="FDE713" s="613"/>
      <c r="FDF713" s="613"/>
      <c r="FDG713" s="613"/>
      <c r="FDH713" s="613"/>
      <c r="FDI713" s="613"/>
      <c r="FDJ713" s="613"/>
      <c r="FDK713" s="613"/>
      <c r="FDL713" s="613"/>
      <c r="FDM713" s="613"/>
      <c r="FDN713" s="613"/>
      <c r="FDO713" s="613"/>
      <c r="FDP713" s="613"/>
      <c r="FDQ713" s="613"/>
      <c r="FDR713" s="613"/>
      <c r="FDS713" s="613"/>
      <c r="FDT713" s="613"/>
      <c r="FDU713" s="613"/>
      <c r="FDV713" s="613"/>
      <c r="FDW713" s="613"/>
      <c r="FDX713" s="613"/>
      <c r="FDY713" s="613"/>
      <c r="FDZ713" s="613"/>
      <c r="FEA713" s="613"/>
      <c r="FEB713" s="613"/>
      <c r="FEC713" s="613"/>
      <c r="FED713" s="613"/>
      <c r="FEE713" s="613"/>
      <c r="FEF713" s="613"/>
      <c r="FEG713" s="613"/>
      <c r="FEH713" s="613"/>
      <c r="FEI713" s="613"/>
      <c r="FEJ713" s="613"/>
      <c r="FEK713" s="613"/>
      <c r="FEL713" s="613"/>
      <c r="FEM713" s="613"/>
      <c r="FEN713" s="613"/>
      <c r="FEO713" s="613"/>
      <c r="FEP713" s="613"/>
      <c r="FEQ713" s="613"/>
      <c r="FER713" s="613"/>
      <c r="FES713" s="613"/>
      <c r="FET713" s="613"/>
      <c r="FEU713" s="613"/>
      <c r="FEV713" s="613"/>
      <c r="FEW713" s="613"/>
      <c r="FEX713" s="613"/>
      <c r="FEY713" s="613"/>
      <c r="FEZ713" s="613"/>
      <c r="FFA713" s="613"/>
      <c r="FFB713" s="613"/>
      <c r="FFC713" s="613"/>
      <c r="FFD713" s="613"/>
      <c r="FFE713" s="613"/>
      <c r="FFF713" s="613"/>
      <c r="FFG713" s="613"/>
      <c r="FFH713" s="613"/>
      <c r="FFI713" s="613"/>
      <c r="FFJ713" s="613"/>
      <c r="FFK713" s="613"/>
      <c r="FFL713" s="613"/>
      <c r="FFM713" s="613"/>
      <c r="FFN713" s="613"/>
      <c r="FFO713" s="613"/>
      <c r="FFP713" s="613"/>
      <c r="FFQ713" s="613"/>
      <c r="FFR713" s="613"/>
      <c r="FFS713" s="613"/>
      <c r="FFT713" s="613"/>
      <c r="FFU713" s="613"/>
      <c r="FFV713" s="613"/>
      <c r="FFW713" s="613"/>
      <c r="FFX713" s="613"/>
      <c r="FFY713" s="613"/>
      <c r="FFZ713" s="613"/>
      <c r="FGA713" s="613"/>
      <c r="FGB713" s="613"/>
      <c r="FGC713" s="613"/>
      <c r="FGD713" s="613"/>
      <c r="FGE713" s="613"/>
      <c r="FGF713" s="613"/>
      <c r="FGG713" s="613"/>
      <c r="FGH713" s="613"/>
      <c r="FGI713" s="613"/>
      <c r="FGJ713" s="613"/>
      <c r="FGK713" s="613"/>
      <c r="FGL713" s="613"/>
      <c r="FGM713" s="613"/>
      <c r="FGN713" s="613"/>
      <c r="FGO713" s="613"/>
      <c r="FGP713" s="613"/>
      <c r="FGQ713" s="613"/>
      <c r="FGR713" s="613"/>
      <c r="FGS713" s="613"/>
      <c r="FGT713" s="613"/>
      <c r="FGU713" s="613"/>
      <c r="FGV713" s="613"/>
      <c r="FGW713" s="613"/>
      <c r="FGX713" s="613"/>
      <c r="FGY713" s="613"/>
      <c r="FGZ713" s="613"/>
      <c r="FHA713" s="613"/>
      <c r="FHB713" s="613"/>
      <c r="FHC713" s="613"/>
      <c r="FHD713" s="613"/>
      <c r="FHE713" s="613"/>
      <c r="FHF713" s="613"/>
      <c r="FHG713" s="613"/>
      <c r="FHH713" s="613"/>
      <c r="FHI713" s="613"/>
      <c r="FHJ713" s="613"/>
      <c r="FHK713" s="613"/>
      <c r="FHL713" s="613"/>
      <c r="FHM713" s="613"/>
      <c r="FHN713" s="613"/>
      <c r="FHO713" s="613"/>
      <c r="FHP713" s="613"/>
      <c r="FHQ713" s="613"/>
      <c r="FHR713" s="613"/>
      <c r="FHS713" s="613"/>
      <c r="FHT713" s="613"/>
      <c r="FHU713" s="613"/>
      <c r="FHV713" s="613"/>
      <c r="FHW713" s="613"/>
      <c r="FHX713" s="613"/>
      <c r="FHY713" s="613"/>
      <c r="FHZ713" s="613"/>
      <c r="FIA713" s="613"/>
      <c r="FIB713" s="613"/>
      <c r="FIC713" s="613"/>
      <c r="FID713" s="613"/>
      <c r="FIE713" s="613"/>
      <c r="FIF713" s="613"/>
      <c r="FIG713" s="613"/>
      <c r="FIH713" s="613"/>
      <c r="FII713" s="613"/>
      <c r="FIJ713" s="613"/>
      <c r="FIK713" s="613"/>
      <c r="FIL713" s="613"/>
      <c r="FIM713" s="613"/>
      <c r="FIN713" s="613"/>
      <c r="FIO713" s="613"/>
      <c r="FIP713" s="613"/>
      <c r="FIQ713" s="613"/>
      <c r="FIR713" s="613"/>
      <c r="FIS713" s="613"/>
      <c r="FIT713" s="613"/>
      <c r="FIU713" s="613"/>
      <c r="FIV713" s="613"/>
      <c r="FIW713" s="613"/>
      <c r="FIX713" s="613"/>
      <c r="FIY713" s="613"/>
      <c r="FIZ713" s="613"/>
      <c r="FJA713" s="613"/>
      <c r="FJB713" s="613"/>
      <c r="FJC713" s="613"/>
      <c r="FJD713" s="613"/>
      <c r="FJE713" s="613"/>
      <c r="FJF713" s="613"/>
      <c r="FJG713" s="613"/>
      <c r="FJH713" s="613"/>
      <c r="FJI713" s="613"/>
      <c r="FJJ713" s="613"/>
      <c r="FJK713" s="613"/>
      <c r="FJL713" s="613"/>
      <c r="FJM713" s="613"/>
      <c r="FJN713" s="613"/>
      <c r="FJO713" s="613"/>
      <c r="FJP713" s="613"/>
      <c r="FJQ713" s="613"/>
      <c r="FJR713" s="613"/>
      <c r="FJS713" s="613"/>
      <c r="FJT713" s="613"/>
      <c r="FJU713" s="613"/>
      <c r="FJV713" s="613"/>
      <c r="FJW713" s="613"/>
      <c r="FJX713" s="613"/>
      <c r="FJY713" s="613"/>
      <c r="FJZ713" s="613"/>
      <c r="FKA713" s="613"/>
      <c r="FKB713" s="613"/>
      <c r="FKC713" s="613"/>
      <c r="FKD713" s="613"/>
      <c r="FKE713" s="613"/>
      <c r="FKF713" s="613"/>
      <c r="FKG713" s="613"/>
      <c r="FKH713" s="613"/>
      <c r="FKI713" s="613"/>
      <c r="FKJ713" s="613"/>
      <c r="FKK713" s="613"/>
      <c r="FKL713" s="613"/>
      <c r="FKM713" s="613"/>
      <c r="FKN713" s="613"/>
      <c r="FKO713" s="613"/>
      <c r="FKP713" s="613"/>
      <c r="FKQ713" s="613"/>
      <c r="FKR713" s="613"/>
      <c r="FKS713" s="613"/>
      <c r="FKT713" s="613"/>
      <c r="FKU713" s="613"/>
      <c r="FKV713" s="613"/>
      <c r="FKW713" s="613"/>
      <c r="FKX713" s="613"/>
      <c r="FKY713" s="613"/>
      <c r="FKZ713" s="613"/>
      <c r="FLA713" s="613"/>
      <c r="FLB713" s="613"/>
      <c r="FLC713" s="613"/>
      <c r="FLD713" s="613"/>
      <c r="FLE713" s="613"/>
      <c r="FLF713" s="613"/>
      <c r="FLG713" s="613"/>
      <c r="FLH713" s="613"/>
      <c r="FLI713" s="613"/>
      <c r="FLJ713" s="613"/>
      <c r="FLK713" s="613"/>
      <c r="FLL713" s="613"/>
      <c r="FLM713" s="613"/>
      <c r="FLN713" s="613"/>
      <c r="FLO713" s="613"/>
      <c r="FLP713" s="613"/>
      <c r="FLQ713" s="613"/>
      <c r="FLR713" s="613"/>
      <c r="FLS713" s="613"/>
      <c r="FLT713" s="613"/>
      <c r="FLU713" s="613"/>
      <c r="FLV713" s="613"/>
      <c r="FLW713" s="613"/>
      <c r="FLX713" s="613"/>
      <c r="FLY713" s="613"/>
      <c r="FLZ713" s="613"/>
      <c r="FMA713" s="613"/>
      <c r="FMB713" s="613"/>
      <c r="FMC713" s="613"/>
      <c r="FMD713" s="613"/>
      <c r="FME713" s="613"/>
      <c r="FMF713" s="613"/>
      <c r="FMG713" s="613"/>
      <c r="FMH713" s="613"/>
      <c r="FMI713" s="613"/>
      <c r="FMJ713" s="613"/>
      <c r="FMK713" s="613"/>
      <c r="FML713" s="613"/>
      <c r="FMM713" s="613"/>
      <c r="FMN713" s="613"/>
      <c r="FMO713" s="613"/>
      <c r="FMP713" s="613"/>
      <c r="FMQ713" s="613"/>
      <c r="FMR713" s="613"/>
      <c r="FMS713" s="613"/>
      <c r="FMT713" s="613"/>
      <c r="FMU713" s="613"/>
      <c r="FMV713" s="613"/>
      <c r="FMW713" s="613"/>
      <c r="FMX713" s="613"/>
      <c r="FMY713" s="613"/>
      <c r="FMZ713" s="613"/>
      <c r="FNA713" s="613"/>
      <c r="FNB713" s="613"/>
      <c r="FNC713" s="613"/>
      <c r="FND713" s="613"/>
      <c r="FNE713" s="613"/>
      <c r="FNF713" s="613"/>
      <c r="FNG713" s="613"/>
      <c r="FNH713" s="613"/>
      <c r="FNI713" s="613"/>
      <c r="FNJ713" s="613"/>
      <c r="FNK713" s="613"/>
      <c r="FNL713" s="613"/>
      <c r="FNM713" s="613"/>
      <c r="FNN713" s="613"/>
      <c r="FNO713" s="613"/>
      <c r="FNP713" s="613"/>
      <c r="FNQ713" s="613"/>
      <c r="FNR713" s="613"/>
      <c r="FNS713" s="613"/>
      <c r="FNT713" s="613"/>
      <c r="FNU713" s="613"/>
      <c r="FNV713" s="613"/>
      <c r="FNW713" s="613"/>
      <c r="FNX713" s="613"/>
      <c r="FNY713" s="613"/>
      <c r="FNZ713" s="613"/>
      <c r="FOA713" s="613"/>
      <c r="FOB713" s="613"/>
      <c r="FOC713" s="613"/>
      <c r="FOD713" s="613"/>
      <c r="FOE713" s="613"/>
      <c r="FOF713" s="613"/>
      <c r="FOG713" s="613"/>
      <c r="FOH713" s="613"/>
      <c r="FOI713" s="613"/>
      <c r="FOJ713" s="613"/>
      <c r="FOK713" s="613"/>
      <c r="FOL713" s="613"/>
      <c r="FOM713" s="613"/>
      <c r="FON713" s="613"/>
      <c r="FOO713" s="613"/>
      <c r="FOP713" s="613"/>
      <c r="FOQ713" s="613"/>
      <c r="FOR713" s="613"/>
      <c r="FOS713" s="613"/>
      <c r="FOT713" s="613"/>
      <c r="FOU713" s="613"/>
      <c r="FOV713" s="613"/>
      <c r="FOW713" s="613"/>
      <c r="FOX713" s="613"/>
      <c r="FOY713" s="613"/>
      <c r="FOZ713" s="613"/>
      <c r="FPA713" s="613"/>
      <c r="FPB713" s="613"/>
      <c r="FPC713" s="613"/>
      <c r="FPD713" s="613"/>
      <c r="FPE713" s="613"/>
      <c r="FPF713" s="613"/>
      <c r="FPG713" s="613"/>
      <c r="FPH713" s="613"/>
      <c r="FPI713" s="613"/>
      <c r="FPJ713" s="613"/>
      <c r="FPK713" s="613"/>
      <c r="FPL713" s="613"/>
      <c r="FPM713" s="613"/>
      <c r="FPN713" s="613"/>
      <c r="FPO713" s="613"/>
      <c r="FPP713" s="613"/>
      <c r="FPQ713" s="613"/>
      <c r="FPR713" s="613"/>
      <c r="FPS713" s="613"/>
      <c r="FPT713" s="613"/>
      <c r="FPU713" s="613"/>
      <c r="FPV713" s="613"/>
      <c r="FPW713" s="613"/>
      <c r="FPX713" s="613"/>
      <c r="FPY713" s="613"/>
      <c r="FPZ713" s="613"/>
      <c r="FQA713" s="613"/>
      <c r="FQB713" s="613"/>
      <c r="FQC713" s="613"/>
      <c r="FQD713" s="613"/>
      <c r="FQE713" s="613"/>
      <c r="FQF713" s="613"/>
      <c r="FQG713" s="613"/>
      <c r="FQH713" s="613"/>
      <c r="FQI713" s="613"/>
      <c r="FQJ713" s="613"/>
      <c r="FQK713" s="613"/>
      <c r="FQL713" s="613"/>
      <c r="FQM713" s="613"/>
      <c r="FQN713" s="613"/>
      <c r="FQO713" s="613"/>
      <c r="FQP713" s="613"/>
      <c r="FQQ713" s="613"/>
      <c r="FQR713" s="613"/>
      <c r="FQS713" s="613"/>
      <c r="FQT713" s="613"/>
      <c r="FQU713" s="613"/>
      <c r="FQV713" s="613"/>
      <c r="FQW713" s="613"/>
      <c r="FQX713" s="613"/>
      <c r="FQY713" s="613"/>
      <c r="FQZ713" s="613"/>
      <c r="FRA713" s="613"/>
      <c r="FRB713" s="613"/>
      <c r="FRC713" s="613"/>
      <c r="FRD713" s="613"/>
      <c r="FRE713" s="613"/>
      <c r="FRF713" s="613"/>
      <c r="FRG713" s="613"/>
      <c r="FRH713" s="613"/>
      <c r="FRI713" s="613"/>
      <c r="FRJ713" s="613"/>
      <c r="FRK713" s="613"/>
      <c r="FRL713" s="613"/>
      <c r="FRM713" s="613"/>
      <c r="FRN713" s="613"/>
      <c r="FRO713" s="613"/>
      <c r="FRP713" s="613"/>
      <c r="FRQ713" s="613"/>
      <c r="FRR713" s="613"/>
      <c r="FRS713" s="613"/>
      <c r="FRT713" s="613"/>
      <c r="FRU713" s="613"/>
      <c r="FRV713" s="613"/>
      <c r="FRW713" s="613"/>
      <c r="FRX713" s="613"/>
      <c r="FRY713" s="613"/>
      <c r="FRZ713" s="613"/>
      <c r="FSA713" s="613"/>
      <c r="FSB713" s="613"/>
      <c r="FSC713" s="613"/>
      <c r="FSD713" s="613"/>
      <c r="FSE713" s="613"/>
      <c r="FSF713" s="613"/>
      <c r="FSG713" s="613"/>
      <c r="FSH713" s="613"/>
      <c r="FSI713" s="613"/>
      <c r="FSJ713" s="613"/>
      <c r="FSK713" s="613"/>
      <c r="FSL713" s="613"/>
      <c r="FSM713" s="613"/>
      <c r="FSN713" s="613"/>
      <c r="FSO713" s="613"/>
      <c r="FSP713" s="613"/>
      <c r="FSQ713" s="613"/>
      <c r="FSR713" s="613"/>
      <c r="FSS713" s="613"/>
      <c r="FST713" s="613"/>
      <c r="FSU713" s="613"/>
      <c r="FSV713" s="613"/>
      <c r="FSW713" s="613"/>
      <c r="FSX713" s="613"/>
      <c r="FSY713" s="613"/>
      <c r="FSZ713" s="613"/>
      <c r="FTA713" s="613"/>
      <c r="FTB713" s="613"/>
      <c r="FTC713" s="613"/>
      <c r="FTD713" s="613"/>
      <c r="FTE713" s="613"/>
      <c r="FTF713" s="613"/>
      <c r="FTG713" s="613"/>
      <c r="FTH713" s="613"/>
      <c r="FTI713" s="613"/>
      <c r="FTJ713" s="613"/>
      <c r="FTK713" s="613"/>
      <c r="FTL713" s="613"/>
      <c r="FTM713" s="613"/>
      <c r="FTN713" s="613"/>
      <c r="FTO713" s="613"/>
      <c r="FTP713" s="613"/>
      <c r="FTQ713" s="613"/>
      <c r="FTR713" s="613"/>
      <c r="FTS713" s="613"/>
      <c r="FTT713" s="613"/>
      <c r="FTU713" s="613"/>
      <c r="FTV713" s="613"/>
      <c r="FTW713" s="613"/>
      <c r="FTX713" s="613"/>
      <c r="FTY713" s="613"/>
      <c r="FTZ713" s="613"/>
      <c r="FUA713" s="613"/>
      <c r="FUB713" s="613"/>
      <c r="FUC713" s="613"/>
      <c r="FUD713" s="613"/>
      <c r="FUE713" s="613"/>
      <c r="FUF713" s="613"/>
      <c r="FUG713" s="613"/>
      <c r="FUH713" s="613"/>
      <c r="FUI713" s="613"/>
      <c r="FUJ713" s="613"/>
      <c r="FUK713" s="613"/>
      <c r="FUL713" s="613"/>
      <c r="FUM713" s="613"/>
      <c r="FUN713" s="613"/>
      <c r="FUO713" s="613"/>
      <c r="FUP713" s="613"/>
      <c r="FUQ713" s="613"/>
      <c r="FUR713" s="613"/>
      <c r="FUS713" s="613"/>
      <c r="FUT713" s="613"/>
      <c r="FUU713" s="613"/>
      <c r="FUV713" s="613"/>
      <c r="FUW713" s="613"/>
      <c r="FUX713" s="613"/>
      <c r="FUY713" s="613"/>
      <c r="FUZ713" s="613"/>
      <c r="FVA713" s="613"/>
      <c r="FVB713" s="613"/>
      <c r="FVC713" s="613"/>
      <c r="FVD713" s="613"/>
      <c r="FVE713" s="613"/>
      <c r="FVF713" s="613"/>
      <c r="FVG713" s="613"/>
      <c r="FVH713" s="613"/>
      <c r="FVI713" s="613"/>
      <c r="FVJ713" s="613"/>
      <c r="FVK713" s="613"/>
      <c r="FVL713" s="613"/>
      <c r="FVM713" s="613"/>
      <c r="FVN713" s="613"/>
      <c r="FVO713" s="613"/>
      <c r="FVP713" s="613"/>
      <c r="FVQ713" s="613"/>
      <c r="FVR713" s="613"/>
      <c r="FVS713" s="613"/>
      <c r="FVT713" s="613"/>
      <c r="FVU713" s="613"/>
      <c r="FVV713" s="613"/>
      <c r="FVW713" s="613"/>
      <c r="FVX713" s="613"/>
      <c r="FVY713" s="613"/>
      <c r="FVZ713" s="613"/>
      <c r="FWA713" s="613"/>
      <c r="FWB713" s="613"/>
      <c r="FWC713" s="613"/>
      <c r="FWD713" s="613"/>
      <c r="FWE713" s="613"/>
      <c r="FWF713" s="613"/>
      <c r="FWG713" s="613"/>
      <c r="FWH713" s="613"/>
      <c r="FWI713" s="613"/>
      <c r="FWJ713" s="613"/>
      <c r="FWK713" s="613"/>
      <c r="FWL713" s="613"/>
      <c r="FWM713" s="613"/>
      <c r="FWN713" s="613"/>
      <c r="FWO713" s="613"/>
      <c r="FWP713" s="613"/>
      <c r="FWQ713" s="613"/>
      <c r="FWR713" s="613"/>
      <c r="FWS713" s="613"/>
      <c r="FWT713" s="613"/>
      <c r="FWU713" s="613"/>
      <c r="FWV713" s="613"/>
      <c r="FWW713" s="613"/>
      <c r="FWX713" s="613"/>
      <c r="FWY713" s="613"/>
      <c r="FWZ713" s="613"/>
      <c r="FXA713" s="613"/>
      <c r="FXB713" s="613"/>
      <c r="FXC713" s="613"/>
      <c r="FXD713" s="613"/>
      <c r="FXE713" s="613"/>
      <c r="FXF713" s="613"/>
      <c r="FXG713" s="613"/>
      <c r="FXH713" s="613"/>
      <c r="FXI713" s="613"/>
      <c r="FXJ713" s="613"/>
      <c r="FXK713" s="613"/>
      <c r="FXL713" s="613"/>
      <c r="FXM713" s="613"/>
      <c r="FXN713" s="613"/>
      <c r="FXO713" s="613"/>
      <c r="FXP713" s="613"/>
      <c r="FXQ713" s="613"/>
      <c r="FXR713" s="613"/>
      <c r="FXS713" s="613"/>
      <c r="FXT713" s="613"/>
      <c r="FXU713" s="613"/>
      <c r="FXV713" s="613"/>
      <c r="FXW713" s="613"/>
      <c r="FXX713" s="613"/>
      <c r="FXY713" s="613"/>
      <c r="FXZ713" s="613"/>
      <c r="FYA713" s="613"/>
      <c r="FYB713" s="613"/>
      <c r="FYC713" s="613"/>
      <c r="FYD713" s="613"/>
      <c r="FYE713" s="613"/>
      <c r="FYF713" s="613"/>
      <c r="FYG713" s="613"/>
      <c r="FYH713" s="613"/>
      <c r="FYI713" s="613"/>
      <c r="FYJ713" s="613"/>
      <c r="FYK713" s="613"/>
      <c r="FYL713" s="613"/>
      <c r="FYM713" s="613"/>
      <c r="FYN713" s="613"/>
      <c r="FYO713" s="613"/>
      <c r="FYP713" s="613"/>
      <c r="FYQ713" s="613"/>
      <c r="FYR713" s="613"/>
      <c r="FYS713" s="613"/>
      <c r="FYT713" s="613"/>
      <c r="FYU713" s="613"/>
      <c r="FYV713" s="613"/>
      <c r="FYW713" s="613"/>
      <c r="FYX713" s="613"/>
      <c r="FYY713" s="613"/>
      <c r="FYZ713" s="613"/>
      <c r="FZA713" s="613"/>
      <c r="FZB713" s="613"/>
      <c r="FZC713" s="613"/>
      <c r="FZD713" s="613"/>
      <c r="FZE713" s="613"/>
      <c r="FZF713" s="613"/>
      <c r="FZG713" s="613"/>
      <c r="FZH713" s="613"/>
      <c r="FZI713" s="613"/>
      <c r="FZJ713" s="613"/>
      <c r="FZK713" s="613"/>
      <c r="FZL713" s="613"/>
      <c r="FZM713" s="613"/>
      <c r="FZN713" s="613"/>
      <c r="FZO713" s="613"/>
      <c r="FZP713" s="613"/>
      <c r="FZQ713" s="613"/>
      <c r="FZR713" s="613"/>
      <c r="FZS713" s="613"/>
      <c r="FZT713" s="613"/>
      <c r="FZU713" s="613"/>
      <c r="FZV713" s="613"/>
      <c r="FZW713" s="613"/>
      <c r="FZX713" s="613"/>
      <c r="FZY713" s="613"/>
      <c r="FZZ713" s="613"/>
      <c r="GAA713" s="613"/>
      <c r="GAB713" s="613"/>
      <c r="GAC713" s="613"/>
      <c r="GAD713" s="613"/>
      <c r="GAE713" s="613"/>
      <c r="GAF713" s="613"/>
      <c r="GAG713" s="613"/>
      <c r="GAH713" s="613"/>
      <c r="GAI713" s="613"/>
      <c r="GAJ713" s="613"/>
      <c r="GAK713" s="613"/>
      <c r="GAL713" s="613"/>
      <c r="GAM713" s="613"/>
      <c r="GAN713" s="613"/>
      <c r="GAO713" s="613"/>
      <c r="GAP713" s="613"/>
      <c r="GAQ713" s="613"/>
      <c r="GAR713" s="613"/>
      <c r="GAS713" s="613"/>
      <c r="GAT713" s="613"/>
      <c r="GAU713" s="613"/>
      <c r="GAV713" s="613"/>
      <c r="GAW713" s="613"/>
      <c r="GAX713" s="613"/>
      <c r="GAY713" s="613"/>
      <c r="GAZ713" s="613"/>
      <c r="GBA713" s="613"/>
      <c r="GBB713" s="613"/>
      <c r="GBC713" s="613"/>
      <c r="GBD713" s="613"/>
      <c r="GBE713" s="613"/>
      <c r="GBF713" s="613"/>
      <c r="GBG713" s="613"/>
      <c r="GBH713" s="613"/>
      <c r="GBI713" s="613"/>
      <c r="GBJ713" s="613"/>
      <c r="GBK713" s="613"/>
      <c r="GBL713" s="613"/>
      <c r="GBM713" s="613"/>
      <c r="GBN713" s="613"/>
      <c r="GBO713" s="613"/>
      <c r="GBP713" s="613"/>
      <c r="GBQ713" s="613"/>
      <c r="GBR713" s="613"/>
      <c r="GBS713" s="613"/>
      <c r="GBT713" s="613"/>
      <c r="GBU713" s="613"/>
      <c r="GBV713" s="613"/>
      <c r="GBW713" s="613"/>
      <c r="GBX713" s="613"/>
      <c r="GBY713" s="613"/>
      <c r="GBZ713" s="613"/>
      <c r="GCA713" s="613"/>
      <c r="GCB713" s="613"/>
      <c r="GCC713" s="613"/>
      <c r="GCD713" s="613"/>
      <c r="GCE713" s="613"/>
      <c r="GCF713" s="613"/>
      <c r="GCG713" s="613"/>
      <c r="GCH713" s="613"/>
      <c r="GCI713" s="613"/>
      <c r="GCJ713" s="613"/>
      <c r="GCK713" s="613"/>
      <c r="GCL713" s="613"/>
      <c r="GCM713" s="613"/>
      <c r="GCN713" s="613"/>
      <c r="GCO713" s="613"/>
      <c r="GCP713" s="613"/>
      <c r="GCQ713" s="613"/>
      <c r="GCR713" s="613"/>
      <c r="GCS713" s="613"/>
      <c r="GCT713" s="613"/>
      <c r="GCU713" s="613"/>
      <c r="GCV713" s="613"/>
      <c r="GCW713" s="613"/>
      <c r="GCX713" s="613"/>
      <c r="GCY713" s="613"/>
      <c r="GCZ713" s="613"/>
      <c r="GDA713" s="613"/>
      <c r="GDB713" s="613"/>
      <c r="GDC713" s="613"/>
      <c r="GDD713" s="613"/>
      <c r="GDE713" s="613"/>
      <c r="GDF713" s="613"/>
      <c r="GDG713" s="613"/>
      <c r="GDH713" s="613"/>
      <c r="GDI713" s="613"/>
      <c r="GDJ713" s="613"/>
      <c r="GDK713" s="613"/>
      <c r="GDL713" s="613"/>
      <c r="GDM713" s="613"/>
      <c r="GDN713" s="613"/>
      <c r="GDO713" s="613"/>
      <c r="GDP713" s="613"/>
      <c r="GDQ713" s="613"/>
      <c r="GDR713" s="613"/>
      <c r="GDS713" s="613"/>
      <c r="GDT713" s="613"/>
      <c r="GDU713" s="613"/>
      <c r="GDV713" s="613"/>
      <c r="GDW713" s="613"/>
      <c r="GDX713" s="613"/>
      <c r="GDY713" s="613"/>
      <c r="GDZ713" s="613"/>
      <c r="GEA713" s="613"/>
      <c r="GEB713" s="613"/>
      <c r="GEC713" s="613"/>
      <c r="GED713" s="613"/>
      <c r="GEE713" s="613"/>
      <c r="GEF713" s="613"/>
      <c r="GEG713" s="613"/>
      <c r="GEH713" s="613"/>
      <c r="GEI713" s="613"/>
      <c r="GEJ713" s="613"/>
      <c r="GEK713" s="613"/>
      <c r="GEL713" s="613"/>
      <c r="GEM713" s="613"/>
      <c r="GEN713" s="613"/>
      <c r="GEO713" s="613"/>
      <c r="GEP713" s="613"/>
      <c r="GEQ713" s="613"/>
      <c r="GER713" s="613"/>
      <c r="GES713" s="613"/>
      <c r="GET713" s="613"/>
      <c r="GEU713" s="613"/>
      <c r="GEV713" s="613"/>
      <c r="GEW713" s="613"/>
      <c r="GEX713" s="613"/>
      <c r="GEY713" s="613"/>
      <c r="GEZ713" s="613"/>
      <c r="GFA713" s="613"/>
      <c r="GFB713" s="613"/>
      <c r="GFC713" s="613"/>
      <c r="GFD713" s="613"/>
      <c r="GFE713" s="613"/>
      <c r="GFF713" s="613"/>
      <c r="GFG713" s="613"/>
      <c r="GFH713" s="613"/>
      <c r="GFI713" s="613"/>
      <c r="GFJ713" s="613"/>
      <c r="GFK713" s="613"/>
      <c r="GFL713" s="613"/>
      <c r="GFM713" s="613"/>
      <c r="GFN713" s="613"/>
      <c r="GFO713" s="613"/>
      <c r="GFP713" s="613"/>
      <c r="GFQ713" s="613"/>
      <c r="GFR713" s="613"/>
      <c r="GFS713" s="613"/>
      <c r="GFT713" s="613"/>
      <c r="GFU713" s="613"/>
      <c r="GFV713" s="613"/>
      <c r="GFW713" s="613"/>
      <c r="GFX713" s="613"/>
      <c r="GFY713" s="613"/>
      <c r="GFZ713" s="613"/>
      <c r="GGA713" s="613"/>
      <c r="GGB713" s="613"/>
      <c r="GGC713" s="613"/>
      <c r="GGD713" s="613"/>
      <c r="GGE713" s="613"/>
      <c r="GGF713" s="613"/>
      <c r="GGG713" s="613"/>
      <c r="GGH713" s="613"/>
      <c r="GGI713" s="613"/>
      <c r="GGJ713" s="613"/>
      <c r="GGK713" s="613"/>
      <c r="GGL713" s="613"/>
      <c r="GGM713" s="613"/>
      <c r="GGN713" s="613"/>
      <c r="GGO713" s="613"/>
      <c r="GGP713" s="613"/>
      <c r="GGQ713" s="613"/>
      <c r="GGR713" s="613"/>
      <c r="GGS713" s="613"/>
      <c r="GGT713" s="613"/>
      <c r="GGU713" s="613"/>
      <c r="GGV713" s="613"/>
      <c r="GGW713" s="613"/>
      <c r="GGX713" s="613"/>
      <c r="GGY713" s="613"/>
      <c r="GGZ713" s="613"/>
      <c r="GHA713" s="613"/>
      <c r="GHB713" s="613"/>
      <c r="GHC713" s="613"/>
      <c r="GHD713" s="613"/>
      <c r="GHE713" s="613"/>
      <c r="GHF713" s="613"/>
      <c r="GHG713" s="613"/>
      <c r="GHH713" s="613"/>
      <c r="GHI713" s="613"/>
      <c r="GHJ713" s="613"/>
      <c r="GHK713" s="613"/>
      <c r="GHL713" s="613"/>
      <c r="GHM713" s="613"/>
      <c r="GHN713" s="613"/>
      <c r="GHO713" s="613"/>
      <c r="GHP713" s="613"/>
      <c r="GHQ713" s="613"/>
      <c r="GHR713" s="613"/>
      <c r="GHS713" s="613"/>
      <c r="GHT713" s="613"/>
      <c r="GHU713" s="613"/>
      <c r="GHV713" s="613"/>
      <c r="GHW713" s="613"/>
      <c r="GHX713" s="613"/>
      <c r="GHY713" s="613"/>
      <c r="GHZ713" s="613"/>
      <c r="GIA713" s="613"/>
      <c r="GIB713" s="613"/>
      <c r="GIC713" s="613"/>
      <c r="GID713" s="613"/>
      <c r="GIE713" s="613"/>
      <c r="GIF713" s="613"/>
      <c r="GIG713" s="613"/>
      <c r="GIH713" s="613"/>
      <c r="GII713" s="613"/>
      <c r="GIJ713" s="613"/>
      <c r="GIK713" s="613"/>
      <c r="GIL713" s="613"/>
      <c r="GIM713" s="613"/>
      <c r="GIN713" s="613"/>
      <c r="GIO713" s="613"/>
      <c r="GIP713" s="613"/>
      <c r="GIQ713" s="613"/>
      <c r="GIR713" s="613"/>
      <c r="GIS713" s="613"/>
      <c r="GIT713" s="613"/>
      <c r="GIU713" s="613"/>
      <c r="GIV713" s="613"/>
      <c r="GIW713" s="613"/>
      <c r="GIX713" s="613"/>
      <c r="GIY713" s="613"/>
      <c r="GIZ713" s="613"/>
      <c r="GJA713" s="613"/>
      <c r="GJB713" s="613"/>
      <c r="GJC713" s="613"/>
      <c r="GJD713" s="613"/>
      <c r="GJE713" s="613"/>
      <c r="GJF713" s="613"/>
      <c r="GJG713" s="613"/>
      <c r="GJH713" s="613"/>
      <c r="GJI713" s="613"/>
      <c r="GJJ713" s="613"/>
      <c r="GJK713" s="613"/>
      <c r="GJL713" s="613"/>
      <c r="GJM713" s="613"/>
      <c r="GJN713" s="613"/>
      <c r="GJO713" s="613"/>
      <c r="GJP713" s="613"/>
      <c r="GJQ713" s="613"/>
      <c r="GJR713" s="613"/>
      <c r="GJS713" s="613"/>
      <c r="GJT713" s="613"/>
      <c r="GJU713" s="613"/>
      <c r="GJV713" s="613"/>
      <c r="GJW713" s="613"/>
      <c r="GJX713" s="613"/>
      <c r="GJY713" s="613"/>
      <c r="GJZ713" s="613"/>
      <c r="GKA713" s="613"/>
      <c r="GKB713" s="613"/>
      <c r="GKC713" s="613"/>
      <c r="GKD713" s="613"/>
      <c r="GKE713" s="613"/>
      <c r="GKF713" s="613"/>
      <c r="GKG713" s="613"/>
      <c r="GKH713" s="613"/>
      <c r="GKI713" s="613"/>
      <c r="GKJ713" s="613"/>
      <c r="GKK713" s="613"/>
      <c r="GKL713" s="613"/>
      <c r="GKM713" s="613"/>
      <c r="GKN713" s="613"/>
      <c r="GKO713" s="613"/>
      <c r="GKP713" s="613"/>
      <c r="GKQ713" s="613"/>
      <c r="GKR713" s="613"/>
      <c r="GKS713" s="613"/>
      <c r="GKT713" s="613"/>
      <c r="GKU713" s="613"/>
      <c r="GKV713" s="613"/>
      <c r="GKW713" s="613"/>
      <c r="GKX713" s="613"/>
      <c r="GKY713" s="613"/>
      <c r="GKZ713" s="613"/>
      <c r="GLA713" s="613"/>
      <c r="GLB713" s="613"/>
      <c r="GLC713" s="613"/>
      <c r="GLD713" s="613"/>
      <c r="GLE713" s="613"/>
      <c r="GLF713" s="613"/>
      <c r="GLG713" s="613"/>
      <c r="GLH713" s="613"/>
      <c r="GLI713" s="613"/>
      <c r="GLJ713" s="613"/>
      <c r="GLK713" s="613"/>
      <c r="GLL713" s="613"/>
      <c r="GLM713" s="613"/>
      <c r="GLN713" s="613"/>
      <c r="GLO713" s="613"/>
      <c r="GLP713" s="613"/>
      <c r="GLQ713" s="613"/>
      <c r="GLR713" s="613"/>
      <c r="GLS713" s="613"/>
      <c r="GLT713" s="613"/>
      <c r="GLU713" s="613"/>
      <c r="GLV713" s="613"/>
      <c r="GLW713" s="613"/>
      <c r="GLX713" s="613"/>
      <c r="GLY713" s="613"/>
      <c r="GLZ713" s="613"/>
      <c r="GMA713" s="613"/>
      <c r="GMB713" s="613"/>
      <c r="GMC713" s="613"/>
      <c r="GMD713" s="613"/>
      <c r="GME713" s="613"/>
      <c r="GMF713" s="613"/>
      <c r="GMG713" s="613"/>
      <c r="GMH713" s="613"/>
      <c r="GMI713" s="613"/>
      <c r="GMJ713" s="613"/>
      <c r="GMK713" s="613"/>
      <c r="GML713" s="613"/>
      <c r="GMM713" s="613"/>
      <c r="GMN713" s="613"/>
      <c r="GMO713" s="613"/>
      <c r="GMP713" s="613"/>
      <c r="GMQ713" s="613"/>
      <c r="GMR713" s="613"/>
      <c r="GMS713" s="613"/>
      <c r="GMT713" s="613"/>
      <c r="GMU713" s="613"/>
      <c r="GMV713" s="613"/>
      <c r="GMW713" s="613"/>
      <c r="GMX713" s="613"/>
      <c r="GMY713" s="613"/>
      <c r="GMZ713" s="613"/>
      <c r="GNA713" s="613"/>
      <c r="GNB713" s="613"/>
      <c r="GNC713" s="613"/>
      <c r="GND713" s="613"/>
      <c r="GNE713" s="613"/>
      <c r="GNF713" s="613"/>
      <c r="GNG713" s="613"/>
      <c r="GNH713" s="613"/>
      <c r="GNI713" s="613"/>
      <c r="GNJ713" s="613"/>
      <c r="GNK713" s="613"/>
      <c r="GNL713" s="613"/>
      <c r="GNM713" s="613"/>
      <c r="GNN713" s="613"/>
      <c r="GNO713" s="613"/>
      <c r="GNP713" s="613"/>
      <c r="GNQ713" s="613"/>
      <c r="GNR713" s="613"/>
      <c r="GNS713" s="613"/>
      <c r="GNT713" s="613"/>
      <c r="GNU713" s="613"/>
      <c r="GNV713" s="613"/>
      <c r="GNW713" s="613"/>
      <c r="GNX713" s="613"/>
      <c r="GNY713" s="613"/>
      <c r="GNZ713" s="613"/>
      <c r="GOA713" s="613"/>
      <c r="GOB713" s="613"/>
      <c r="GOC713" s="613"/>
      <c r="GOD713" s="613"/>
      <c r="GOE713" s="613"/>
      <c r="GOF713" s="613"/>
      <c r="GOG713" s="613"/>
      <c r="GOH713" s="613"/>
      <c r="GOI713" s="613"/>
      <c r="GOJ713" s="613"/>
      <c r="GOK713" s="613"/>
      <c r="GOL713" s="613"/>
      <c r="GOM713" s="613"/>
      <c r="GON713" s="613"/>
      <c r="GOO713" s="613"/>
      <c r="GOP713" s="613"/>
      <c r="GOQ713" s="613"/>
      <c r="GOR713" s="613"/>
      <c r="GOS713" s="613"/>
      <c r="GOT713" s="613"/>
      <c r="GOU713" s="613"/>
      <c r="GOV713" s="613"/>
      <c r="GOW713" s="613"/>
      <c r="GOX713" s="613"/>
      <c r="GOY713" s="613"/>
      <c r="GOZ713" s="613"/>
      <c r="GPA713" s="613"/>
      <c r="GPB713" s="613"/>
      <c r="GPC713" s="613"/>
      <c r="GPD713" s="613"/>
      <c r="GPE713" s="613"/>
      <c r="GPF713" s="613"/>
      <c r="GPG713" s="613"/>
      <c r="GPH713" s="613"/>
      <c r="GPI713" s="613"/>
      <c r="GPJ713" s="613"/>
      <c r="GPK713" s="613"/>
      <c r="GPL713" s="613"/>
      <c r="GPM713" s="613"/>
      <c r="GPN713" s="613"/>
      <c r="GPO713" s="613"/>
      <c r="GPP713" s="613"/>
      <c r="GPQ713" s="613"/>
      <c r="GPR713" s="613"/>
      <c r="GPS713" s="613"/>
      <c r="GPT713" s="613"/>
      <c r="GPU713" s="613"/>
      <c r="GPV713" s="613"/>
      <c r="GPW713" s="613"/>
      <c r="GPX713" s="613"/>
      <c r="GPY713" s="613"/>
      <c r="GPZ713" s="613"/>
      <c r="GQA713" s="613"/>
      <c r="GQB713" s="613"/>
      <c r="GQC713" s="613"/>
      <c r="GQD713" s="613"/>
      <c r="GQE713" s="613"/>
      <c r="GQF713" s="613"/>
      <c r="GQG713" s="613"/>
      <c r="GQH713" s="613"/>
      <c r="GQI713" s="613"/>
      <c r="GQJ713" s="613"/>
      <c r="GQK713" s="613"/>
      <c r="GQL713" s="613"/>
      <c r="GQM713" s="613"/>
      <c r="GQN713" s="613"/>
      <c r="GQO713" s="613"/>
      <c r="GQP713" s="613"/>
      <c r="GQQ713" s="613"/>
      <c r="GQR713" s="613"/>
      <c r="GQS713" s="613"/>
      <c r="GQT713" s="613"/>
      <c r="GQU713" s="613"/>
      <c r="GQV713" s="613"/>
      <c r="GQW713" s="613"/>
      <c r="GQX713" s="613"/>
      <c r="GQY713" s="613"/>
      <c r="GQZ713" s="613"/>
      <c r="GRA713" s="613"/>
      <c r="GRB713" s="613"/>
      <c r="GRC713" s="613"/>
      <c r="GRD713" s="613"/>
      <c r="GRE713" s="613"/>
      <c r="GRF713" s="613"/>
      <c r="GRG713" s="613"/>
      <c r="GRH713" s="613"/>
      <c r="GRI713" s="613"/>
      <c r="GRJ713" s="613"/>
      <c r="GRK713" s="613"/>
      <c r="GRL713" s="613"/>
      <c r="GRM713" s="613"/>
      <c r="GRN713" s="613"/>
      <c r="GRO713" s="613"/>
      <c r="GRP713" s="613"/>
      <c r="GRQ713" s="613"/>
      <c r="GRR713" s="613"/>
      <c r="GRS713" s="613"/>
      <c r="GRT713" s="613"/>
      <c r="GRU713" s="613"/>
      <c r="GRV713" s="613"/>
      <c r="GRW713" s="613"/>
      <c r="GRX713" s="613"/>
      <c r="GRY713" s="613"/>
      <c r="GRZ713" s="613"/>
      <c r="GSA713" s="613"/>
      <c r="GSB713" s="613"/>
      <c r="GSC713" s="613"/>
      <c r="GSD713" s="613"/>
      <c r="GSE713" s="613"/>
      <c r="GSF713" s="613"/>
      <c r="GSG713" s="613"/>
      <c r="GSH713" s="613"/>
      <c r="GSI713" s="613"/>
      <c r="GSJ713" s="613"/>
      <c r="GSK713" s="613"/>
      <c r="GSL713" s="613"/>
      <c r="GSM713" s="613"/>
      <c r="GSN713" s="613"/>
      <c r="GSO713" s="613"/>
      <c r="GSP713" s="613"/>
      <c r="GSQ713" s="613"/>
      <c r="GSR713" s="613"/>
      <c r="GSS713" s="613"/>
      <c r="GST713" s="613"/>
      <c r="GSU713" s="613"/>
      <c r="GSV713" s="613"/>
      <c r="GSW713" s="613"/>
      <c r="GSX713" s="613"/>
      <c r="GSY713" s="613"/>
      <c r="GSZ713" s="613"/>
      <c r="GTA713" s="613"/>
      <c r="GTB713" s="613"/>
      <c r="GTC713" s="613"/>
      <c r="GTD713" s="613"/>
      <c r="GTE713" s="613"/>
      <c r="GTF713" s="613"/>
      <c r="GTG713" s="613"/>
      <c r="GTH713" s="613"/>
      <c r="GTI713" s="613"/>
      <c r="GTJ713" s="613"/>
      <c r="GTK713" s="613"/>
      <c r="GTL713" s="613"/>
      <c r="GTM713" s="613"/>
      <c r="GTN713" s="613"/>
      <c r="GTO713" s="613"/>
      <c r="GTP713" s="613"/>
      <c r="GTQ713" s="613"/>
      <c r="GTR713" s="613"/>
      <c r="GTS713" s="613"/>
      <c r="GTT713" s="613"/>
      <c r="GTU713" s="613"/>
      <c r="GTV713" s="613"/>
      <c r="GTW713" s="613"/>
      <c r="GTX713" s="613"/>
      <c r="GTY713" s="613"/>
      <c r="GTZ713" s="613"/>
      <c r="GUA713" s="613"/>
      <c r="GUB713" s="613"/>
      <c r="GUC713" s="613"/>
      <c r="GUD713" s="613"/>
      <c r="GUE713" s="613"/>
      <c r="GUF713" s="613"/>
      <c r="GUG713" s="613"/>
      <c r="GUH713" s="613"/>
      <c r="GUI713" s="613"/>
      <c r="GUJ713" s="613"/>
      <c r="GUK713" s="613"/>
      <c r="GUL713" s="613"/>
      <c r="GUM713" s="613"/>
      <c r="GUN713" s="613"/>
      <c r="GUO713" s="613"/>
      <c r="GUP713" s="613"/>
      <c r="GUQ713" s="613"/>
      <c r="GUR713" s="613"/>
      <c r="GUS713" s="613"/>
      <c r="GUT713" s="613"/>
      <c r="GUU713" s="613"/>
      <c r="GUV713" s="613"/>
      <c r="GUW713" s="613"/>
      <c r="GUX713" s="613"/>
      <c r="GUY713" s="613"/>
      <c r="GUZ713" s="613"/>
      <c r="GVA713" s="613"/>
      <c r="GVB713" s="613"/>
      <c r="GVC713" s="613"/>
      <c r="GVD713" s="613"/>
      <c r="GVE713" s="613"/>
      <c r="GVF713" s="613"/>
      <c r="GVG713" s="613"/>
      <c r="GVH713" s="613"/>
      <c r="GVI713" s="613"/>
      <c r="GVJ713" s="613"/>
      <c r="GVK713" s="613"/>
      <c r="GVL713" s="613"/>
      <c r="GVM713" s="613"/>
      <c r="GVN713" s="613"/>
      <c r="GVO713" s="613"/>
      <c r="GVP713" s="613"/>
      <c r="GVQ713" s="613"/>
      <c r="GVR713" s="613"/>
      <c r="GVS713" s="613"/>
      <c r="GVT713" s="613"/>
      <c r="GVU713" s="613"/>
      <c r="GVV713" s="613"/>
      <c r="GVW713" s="613"/>
      <c r="GVX713" s="613"/>
      <c r="GVY713" s="613"/>
      <c r="GVZ713" s="613"/>
      <c r="GWA713" s="613"/>
      <c r="GWB713" s="613"/>
      <c r="GWC713" s="613"/>
      <c r="GWD713" s="613"/>
      <c r="GWE713" s="613"/>
      <c r="GWF713" s="613"/>
      <c r="GWG713" s="613"/>
      <c r="GWH713" s="613"/>
      <c r="GWI713" s="613"/>
      <c r="GWJ713" s="613"/>
      <c r="GWK713" s="613"/>
      <c r="GWL713" s="613"/>
      <c r="GWM713" s="613"/>
      <c r="GWN713" s="613"/>
      <c r="GWO713" s="613"/>
      <c r="GWP713" s="613"/>
      <c r="GWQ713" s="613"/>
      <c r="GWR713" s="613"/>
      <c r="GWS713" s="613"/>
      <c r="GWT713" s="613"/>
      <c r="GWU713" s="613"/>
      <c r="GWV713" s="613"/>
      <c r="GWW713" s="613"/>
      <c r="GWX713" s="613"/>
      <c r="GWY713" s="613"/>
      <c r="GWZ713" s="613"/>
      <c r="GXA713" s="613"/>
      <c r="GXB713" s="613"/>
      <c r="GXC713" s="613"/>
      <c r="GXD713" s="613"/>
      <c r="GXE713" s="613"/>
      <c r="GXF713" s="613"/>
      <c r="GXG713" s="613"/>
      <c r="GXH713" s="613"/>
      <c r="GXI713" s="613"/>
      <c r="GXJ713" s="613"/>
      <c r="GXK713" s="613"/>
      <c r="GXL713" s="613"/>
      <c r="GXM713" s="613"/>
      <c r="GXN713" s="613"/>
      <c r="GXO713" s="613"/>
      <c r="GXP713" s="613"/>
      <c r="GXQ713" s="613"/>
      <c r="GXR713" s="613"/>
      <c r="GXS713" s="613"/>
      <c r="GXT713" s="613"/>
      <c r="GXU713" s="613"/>
      <c r="GXV713" s="613"/>
      <c r="GXW713" s="613"/>
      <c r="GXX713" s="613"/>
      <c r="GXY713" s="613"/>
      <c r="GXZ713" s="613"/>
      <c r="GYA713" s="613"/>
      <c r="GYB713" s="613"/>
      <c r="GYC713" s="613"/>
      <c r="GYD713" s="613"/>
      <c r="GYE713" s="613"/>
      <c r="GYF713" s="613"/>
      <c r="GYG713" s="613"/>
      <c r="GYH713" s="613"/>
      <c r="GYI713" s="613"/>
      <c r="GYJ713" s="613"/>
      <c r="GYK713" s="613"/>
      <c r="GYL713" s="613"/>
      <c r="GYM713" s="613"/>
      <c r="GYN713" s="613"/>
      <c r="GYO713" s="613"/>
      <c r="GYP713" s="613"/>
      <c r="GYQ713" s="613"/>
      <c r="GYR713" s="613"/>
      <c r="GYS713" s="613"/>
      <c r="GYT713" s="613"/>
      <c r="GYU713" s="613"/>
      <c r="GYV713" s="613"/>
      <c r="GYW713" s="613"/>
      <c r="GYX713" s="613"/>
      <c r="GYY713" s="613"/>
      <c r="GYZ713" s="613"/>
      <c r="GZA713" s="613"/>
      <c r="GZB713" s="613"/>
      <c r="GZC713" s="613"/>
      <c r="GZD713" s="613"/>
      <c r="GZE713" s="613"/>
      <c r="GZF713" s="613"/>
      <c r="GZG713" s="613"/>
      <c r="GZH713" s="613"/>
      <c r="GZI713" s="613"/>
      <c r="GZJ713" s="613"/>
      <c r="GZK713" s="613"/>
      <c r="GZL713" s="613"/>
      <c r="GZM713" s="613"/>
      <c r="GZN713" s="613"/>
      <c r="GZO713" s="613"/>
      <c r="GZP713" s="613"/>
      <c r="GZQ713" s="613"/>
      <c r="GZR713" s="613"/>
      <c r="GZS713" s="613"/>
      <c r="GZT713" s="613"/>
      <c r="GZU713" s="613"/>
      <c r="GZV713" s="613"/>
      <c r="GZW713" s="613"/>
      <c r="GZX713" s="613"/>
      <c r="GZY713" s="613"/>
      <c r="GZZ713" s="613"/>
      <c r="HAA713" s="613"/>
      <c r="HAB713" s="613"/>
      <c r="HAC713" s="613"/>
      <c r="HAD713" s="613"/>
      <c r="HAE713" s="613"/>
      <c r="HAF713" s="613"/>
      <c r="HAG713" s="613"/>
      <c r="HAH713" s="613"/>
      <c r="HAI713" s="613"/>
      <c r="HAJ713" s="613"/>
      <c r="HAK713" s="613"/>
      <c r="HAL713" s="613"/>
      <c r="HAM713" s="613"/>
      <c r="HAN713" s="613"/>
      <c r="HAO713" s="613"/>
      <c r="HAP713" s="613"/>
      <c r="HAQ713" s="613"/>
      <c r="HAR713" s="613"/>
      <c r="HAS713" s="613"/>
      <c r="HAT713" s="613"/>
      <c r="HAU713" s="613"/>
      <c r="HAV713" s="613"/>
      <c r="HAW713" s="613"/>
      <c r="HAX713" s="613"/>
      <c r="HAY713" s="613"/>
      <c r="HAZ713" s="613"/>
      <c r="HBA713" s="613"/>
      <c r="HBB713" s="613"/>
      <c r="HBC713" s="613"/>
      <c r="HBD713" s="613"/>
      <c r="HBE713" s="613"/>
      <c r="HBF713" s="613"/>
      <c r="HBG713" s="613"/>
      <c r="HBH713" s="613"/>
      <c r="HBI713" s="613"/>
      <c r="HBJ713" s="613"/>
      <c r="HBK713" s="613"/>
      <c r="HBL713" s="613"/>
      <c r="HBM713" s="613"/>
      <c r="HBN713" s="613"/>
      <c r="HBO713" s="613"/>
      <c r="HBP713" s="613"/>
      <c r="HBQ713" s="613"/>
      <c r="HBR713" s="613"/>
      <c r="HBS713" s="613"/>
      <c r="HBT713" s="613"/>
      <c r="HBU713" s="613"/>
      <c r="HBV713" s="613"/>
      <c r="HBW713" s="613"/>
      <c r="HBX713" s="613"/>
      <c r="HBY713" s="613"/>
      <c r="HBZ713" s="613"/>
      <c r="HCA713" s="613"/>
      <c r="HCB713" s="613"/>
      <c r="HCC713" s="613"/>
      <c r="HCD713" s="613"/>
      <c r="HCE713" s="613"/>
      <c r="HCF713" s="613"/>
      <c r="HCG713" s="613"/>
      <c r="HCH713" s="613"/>
      <c r="HCI713" s="613"/>
      <c r="HCJ713" s="613"/>
      <c r="HCK713" s="613"/>
      <c r="HCL713" s="613"/>
      <c r="HCM713" s="613"/>
      <c r="HCN713" s="613"/>
      <c r="HCO713" s="613"/>
      <c r="HCP713" s="613"/>
      <c r="HCQ713" s="613"/>
      <c r="HCR713" s="613"/>
      <c r="HCS713" s="613"/>
      <c r="HCT713" s="613"/>
      <c r="HCU713" s="613"/>
      <c r="HCV713" s="613"/>
      <c r="HCW713" s="613"/>
      <c r="HCX713" s="613"/>
      <c r="HCY713" s="613"/>
      <c r="HCZ713" s="613"/>
      <c r="HDA713" s="613"/>
      <c r="HDB713" s="613"/>
      <c r="HDC713" s="613"/>
      <c r="HDD713" s="613"/>
      <c r="HDE713" s="613"/>
      <c r="HDF713" s="613"/>
      <c r="HDG713" s="613"/>
      <c r="HDH713" s="613"/>
      <c r="HDI713" s="613"/>
      <c r="HDJ713" s="613"/>
      <c r="HDK713" s="613"/>
      <c r="HDL713" s="613"/>
      <c r="HDM713" s="613"/>
      <c r="HDN713" s="613"/>
      <c r="HDO713" s="613"/>
      <c r="HDP713" s="613"/>
      <c r="HDQ713" s="613"/>
      <c r="HDR713" s="613"/>
      <c r="HDS713" s="613"/>
      <c r="HDT713" s="613"/>
      <c r="HDU713" s="613"/>
      <c r="HDV713" s="613"/>
      <c r="HDW713" s="613"/>
      <c r="HDX713" s="613"/>
      <c r="HDY713" s="613"/>
      <c r="HDZ713" s="613"/>
      <c r="HEA713" s="613"/>
      <c r="HEB713" s="613"/>
      <c r="HEC713" s="613"/>
      <c r="HED713" s="613"/>
      <c r="HEE713" s="613"/>
      <c r="HEF713" s="613"/>
      <c r="HEG713" s="613"/>
      <c r="HEH713" s="613"/>
      <c r="HEI713" s="613"/>
      <c r="HEJ713" s="613"/>
      <c r="HEK713" s="613"/>
      <c r="HEL713" s="613"/>
      <c r="HEM713" s="613"/>
      <c r="HEN713" s="613"/>
      <c r="HEO713" s="613"/>
      <c r="HEP713" s="613"/>
      <c r="HEQ713" s="613"/>
      <c r="HER713" s="613"/>
      <c r="HES713" s="613"/>
      <c r="HET713" s="613"/>
      <c r="HEU713" s="613"/>
      <c r="HEV713" s="613"/>
      <c r="HEW713" s="613"/>
      <c r="HEX713" s="613"/>
      <c r="HEY713" s="613"/>
      <c r="HEZ713" s="613"/>
      <c r="HFA713" s="613"/>
      <c r="HFB713" s="613"/>
      <c r="HFC713" s="613"/>
      <c r="HFD713" s="613"/>
      <c r="HFE713" s="613"/>
      <c r="HFF713" s="613"/>
      <c r="HFG713" s="613"/>
      <c r="HFH713" s="613"/>
      <c r="HFI713" s="613"/>
      <c r="HFJ713" s="613"/>
      <c r="HFK713" s="613"/>
      <c r="HFL713" s="613"/>
      <c r="HFM713" s="613"/>
      <c r="HFN713" s="613"/>
      <c r="HFO713" s="613"/>
      <c r="HFP713" s="613"/>
      <c r="HFQ713" s="613"/>
      <c r="HFR713" s="613"/>
      <c r="HFS713" s="613"/>
      <c r="HFT713" s="613"/>
      <c r="HFU713" s="613"/>
      <c r="HFV713" s="613"/>
      <c r="HFW713" s="613"/>
      <c r="HFX713" s="613"/>
      <c r="HFY713" s="613"/>
      <c r="HFZ713" s="613"/>
      <c r="HGA713" s="613"/>
      <c r="HGB713" s="613"/>
      <c r="HGC713" s="613"/>
      <c r="HGD713" s="613"/>
      <c r="HGE713" s="613"/>
      <c r="HGF713" s="613"/>
      <c r="HGG713" s="613"/>
      <c r="HGH713" s="613"/>
      <c r="HGI713" s="613"/>
      <c r="HGJ713" s="613"/>
      <c r="HGK713" s="613"/>
      <c r="HGL713" s="613"/>
      <c r="HGM713" s="613"/>
      <c r="HGN713" s="613"/>
      <c r="HGO713" s="613"/>
      <c r="HGP713" s="613"/>
      <c r="HGQ713" s="613"/>
      <c r="HGR713" s="613"/>
      <c r="HGS713" s="613"/>
      <c r="HGT713" s="613"/>
      <c r="HGU713" s="613"/>
      <c r="HGV713" s="613"/>
      <c r="HGW713" s="613"/>
      <c r="HGX713" s="613"/>
      <c r="HGY713" s="613"/>
      <c r="HGZ713" s="613"/>
      <c r="HHA713" s="613"/>
      <c r="HHB713" s="613"/>
      <c r="HHC713" s="613"/>
      <c r="HHD713" s="613"/>
      <c r="HHE713" s="613"/>
      <c r="HHF713" s="613"/>
      <c r="HHG713" s="613"/>
      <c r="HHH713" s="613"/>
      <c r="HHI713" s="613"/>
      <c r="HHJ713" s="613"/>
      <c r="HHK713" s="613"/>
      <c r="HHL713" s="613"/>
      <c r="HHM713" s="613"/>
      <c r="HHN713" s="613"/>
      <c r="HHO713" s="613"/>
      <c r="HHP713" s="613"/>
      <c r="HHQ713" s="613"/>
      <c r="HHR713" s="613"/>
      <c r="HHS713" s="613"/>
      <c r="HHT713" s="613"/>
      <c r="HHU713" s="613"/>
      <c r="HHV713" s="613"/>
      <c r="HHW713" s="613"/>
      <c r="HHX713" s="613"/>
      <c r="HHY713" s="613"/>
      <c r="HHZ713" s="613"/>
      <c r="HIA713" s="613"/>
      <c r="HIB713" s="613"/>
      <c r="HIC713" s="613"/>
      <c r="HID713" s="613"/>
      <c r="HIE713" s="613"/>
      <c r="HIF713" s="613"/>
      <c r="HIG713" s="613"/>
      <c r="HIH713" s="613"/>
      <c r="HII713" s="613"/>
      <c r="HIJ713" s="613"/>
      <c r="HIK713" s="613"/>
      <c r="HIL713" s="613"/>
      <c r="HIM713" s="613"/>
      <c r="HIN713" s="613"/>
      <c r="HIO713" s="613"/>
      <c r="HIP713" s="613"/>
      <c r="HIQ713" s="613"/>
      <c r="HIR713" s="613"/>
      <c r="HIS713" s="613"/>
      <c r="HIT713" s="613"/>
      <c r="HIU713" s="613"/>
      <c r="HIV713" s="613"/>
      <c r="HIW713" s="613"/>
      <c r="HIX713" s="613"/>
      <c r="HIY713" s="613"/>
      <c r="HIZ713" s="613"/>
      <c r="HJA713" s="613"/>
      <c r="HJB713" s="613"/>
      <c r="HJC713" s="613"/>
      <c r="HJD713" s="613"/>
      <c r="HJE713" s="613"/>
      <c r="HJF713" s="613"/>
      <c r="HJG713" s="613"/>
      <c r="HJH713" s="613"/>
      <c r="HJI713" s="613"/>
      <c r="HJJ713" s="613"/>
      <c r="HJK713" s="613"/>
      <c r="HJL713" s="613"/>
      <c r="HJM713" s="613"/>
      <c r="HJN713" s="613"/>
      <c r="HJO713" s="613"/>
      <c r="HJP713" s="613"/>
      <c r="HJQ713" s="613"/>
      <c r="HJR713" s="613"/>
      <c r="HJS713" s="613"/>
      <c r="HJT713" s="613"/>
      <c r="HJU713" s="613"/>
      <c r="HJV713" s="613"/>
      <c r="HJW713" s="613"/>
      <c r="HJX713" s="613"/>
      <c r="HJY713" s="613"/>
      <c r="HJZ713" s="613"/>
      <c r="HKA713" s="613"/>
      <c r="HKB713" s="613"/>
      <c r="HKC713" s="613"/>
      <c r="HKD713" s="613"/>
      <c r="HKE713" s="613"/>
      <c r="HKF713" s="613"/>
      <c r="HKG713" s="613"/>
      <c r="HKH713" s="613"/>
      <c r="HKI713" s="613"/>
      <c r="HKJ713" s="613"/>
      <c r="HKK713" s="613"/>
      <c r="HKL713" s="613"/>
      <c r="HKM713" s="613"/>
      <c r="HKN713" s="613"/>
      <c r="HKO713" s="613"/>
      <c r="HKP713" s="613"/>
      <c r="HKQ713" s="613"/>
      <c r="HKR713" s="613"/>
      <c r="HKS713" s="613"/>
      <c r="HKT713" s="613"/>
      <c r="HKU713" s="613"/>
      <c r="HKV713" s="613"/>
      <c r="HKW713" s="613"/>
      <c r="HKX713" s="613"/>
      <c r="HKY713" s="613"/>
      <c r="HKZ713" s="613"/>
      <c r="HLA713" s="613"/>
      <c r="HLB713" s="613"/>
      <c r="HLC713" s="613"/>
      <c r="HLD713" s="613"/>
      <c r="HLE713" s="613"/>
      <c r="HLF713" s="613"/>
      <c r="HLG713" s="613"/>
      <c r="HLH713" s="613"/>
      <c r="HLI713" s="613"/>
      <c r="HLJ713" s="613"/>
      <c r="HLK713" s="613"/>
      <c r="HLL713" s="613"/>
      <c r="HLM713" s="613"/>
      <c r="HLN713" s="613"/>
      <c r="HLO713" s="613"/>
      <c r="HLP713" s="613"/>
      <c r="HLQ713" s="613"/>
      <c r="HLR713" s="613"/>
      <c r="HLS713" s="613"/>
      <c r="HLT713" s="613"/>
      <c r="HLU713" s="613"/>
      <c r="HLV713" s="613"/>
      <c r="HLW713" s="613"/>
      <c r="HLX713" s="613"/>
      <c r="HLY713" s="613"/>
      <c r="HLZ713" s="613"/>
      <c r="HMA713" s="613"/>
      <c r="HMB713" s="613"/>
      <c r="HMC713" s="613"/>
      <c r="HMD713" s="613"/>
      <c r="HME713" s="613"/>
      <c r="HMF713" s="613"/>
      <c r="HMG713" s="613"/>
      <c r="HMH713" s="613"/>
      <c r="HMI713" s="613"/>
      <c r="HMJ713" s="613"/>
      <c r="HMK713" s="613"/>
      <c r="HML713" s="613"/>
      <c r="HMM713" s="613"/>
      <c r="HMN713" s="613"/>
      <c r="HMO713" s="613"/>
      <c r="HMP713" s="613"/>
      <c r="HMQ713" s="613"/>
      <c r="HMR713" s="613"/>
      <c r="HMS713" s="613"/>
      <c r="HMT713" s="613"/>
      <c r="HMU713" s="613"/>
      <c r="HMV713" s="613"/>
      <c r="HMW713" s="613"/>
      <c r="HMX713" s="613"/>
      <c r="HMY713" s="613"/>
      <c r="HMZ713" s="613"/>
      <c r="HNA713" s="613"/>
      <c r="HNB713" s="613"/>
      <c r="HNC713" s="613"/>
      <c r="HND713" s="613"/>
      <c r="HNE713" s="613"/>
      <c r="HNF713" s="613"/>
      <c r="HNG713" s="613"/>
      <c r="HNH713" s="613"/>
      <c r="HNI713" s="613"/>
      <c r="HNJ713" s="613"/>
      <c r="HNK713" s="613"/>
      <c r="HNL713" s="613"/>
      <c r="HNM713" s="613"/>
      <c r="HNN713" s="613"/>
      <c r="HNO713" s="613"/>
      <c r="HNP713" s="613"/>
      <c r="HNQ713" s="613"/>
      <c r="HNR713" s="613"/>
      <c r="HNS713" s="613"/>
      <c r="HNT713" s="613"/>
      <c r="HNU713" s="613"/>
      <c r="HNV713" s="613"/>
      <c r="HNW713" s="613"/>
      <c r="HNX713" s="613"/>
      <c r="HNY713" s="613"/>
      <c r="HNZ713" s="613"/>
      <c r="HOA713" s="613"/>
      <c r="HOB713" s="613"/>
      <c r="HOC713" s="613"/>
      <c r="HOD713" s="613"/>
      <c r="HOE713" s="613"/>
      <c r="HOF713" s="613"/>
      <c r="HOG713" s="613"/>
      <c r="HOH713" s="613"/>
      <c r="HOI713" s="613"/>
      <c r="HOJ713" s="613"/>
      <c r="HOK713" s="613"/>
      <c r="HOL713" s="613"/>
      <c r="HOM713" s="613"/>
      <c r="HON713" s="613"/>
      <c r="HOO713" s="613"/>
      <c r="HOP713" s="613"/>
      <c r="HOQ713" s="613"/>
      <c r="HOR713" s="613"/>
      <c r="HOS713" s="613"/>
      <c r="HOT713" s="613"/>
      <c r="HOU713" s="613"/>
      <c r="HOV713" s="613"/>
      <c r="HOW713" s="613"/>
      <c r="HOX713" s="613"/>
      <c r="HOY713" s="613"/>
      <c r="HOZ713" s="613"/>
      <c r="HPA713" s="613"/>
      <c r="HPB713" s="613"/>
      <c r="HPC713" s="613"/>
      <c r="HPD713" s="613"/>
      <c r="HPE713" s="613"/>
      <c r="HPF713" s="613"/>
      <c r="HPG713" s="613"/>
      <c r="HPH713" s="613"/>
      <c r="HPI713" s="613"/>
      <c r="HPJ713" s="613"/>
      <c r="HPK713" s="613"/>
      <c r="HPL713" s="613"/>
      <c r="HPM713" s="613"/>
      <c r="HPN713" s="613"/>
      <c r="HPO713" s="613"/>
      <c r="HPP713" s="613"/>
      <c r="HPQ713" s="613"/>
      <c r="HPR713" s="613"/>
      <c r="HPS713" s="613"/>
      <c r="HPT713" s="613"/>
      <c r="HPU713" s="613"/>
      <c r="HPV713" s="613"/>
      <c r="HPW713" s="613"/>
      <c r="HPX713" s="613"/>
      <c r="HPY713" s="613"/>
      <c r="HPZ713" s="613"/>
      <c r="HQA713" s="613"/>
      <c r="HQB713" s="613"/>
      <c r="HQC713" s="613"/>
      <c r="HQD713" s="613"/>
      <c r="HQE713" s="613"/>
      <c r="HQF713" s="613"/>
      <c r="HQG713" s="613"/>
      <c r="HQH713" s="613"/>
      <c r="HQI713" s="613"/>
      <c r="HQJ713" s="613"/>
      <c r="HQK713" s="613"/>
      <c r="HQL713" s="613"/>
      <c r="HQM713" s="613"/>
      <c r="HQN713" s="613"/>
      <c r="HQO713" s="613"/>
      <c r="HQP713" s="613"/>
      <c r="HQQ713" s="613"/>
      <c r="HQR713" s="613"/>
      <c r="HQS713" s="613"/>
      <c r="HQT713" s="613"/>
      <c r="HQU713" s="613"/>
      <c r="HQV713" s="613"/>
      <c r="HQW713" s="613"/>
      <c r="HQX713" s="613"/>
      <c r="HQY713" s="613"/>
      <c r="HQZ713" s="613"/>
      <c r="HRA713" s="613"/>
      <c r="HRB713" s="613"/>
      <c r="HRC713" s="613"/>
      <c r="HRD713" s="613"/>
      <c r="HRE713" s="613"/>
      <c r="HRF713" s="613"/>
      <c r="HRG713" s="613"/>
      <c r="HRH713" s="613"/>
      <c r="HRI713" s="613"/>
      <c r="HRJ713" s="613"/>
      <c r="HRK713" s="613"/>
      <c r="HRL713" s="613"/>
      <c r="HRM713" s="613"/>
      <c r="HRN713" s="613"/>
      <c r="HRO713" s="613"/>
      <c r="HRP713" s="613"/>
      <c r="HRQ713" s="613"/>
      <c r="HRR713" s="613"/>
      <c r="HRS713" s="613"/>
      <c r="HRT713" s="613"/>
      <c r="HRU713" s="613"/>
      <c r="HRV713" s="613"/>
      <c r="HRW713" s="613"/>
      <c r="HRX713" s="613"/>
      <c r="HRY713" s="613"/>
      <c r="HRZ713" s="613"/>
      <c r="HSA713" s="613"/>
      <c r="HSB713" s="613"/>
      <c r="HSC713" s="613"/>
      <c r="HSD713" s="613"/>
      <c r="HSE713" s="613"/>
      <c r="HSF713" s="613"/>
      <c r="HSG713" s="613"/>
      <c r="HSH713" s="613"/>
      <c r="HSI713" s="613"/>
      <c r="HSJ713" s="613"/>
      <c r="HSK713" s="613"/>
      <c r="HSL713" s="613"/>
      <c r="HSM713" s="613"/>
      <c r="HSN713" s="613"/>
      <c r="HSO713" s="613"/>
      <c r="HSP713" s="613"/>
      <c r="HSQ713" s="613"/>
      <c r="HSR713" s="613"/>
      <c r="HSS713" s="613"/>
      <c r="HST713" s="613"/>
      <c r="HSU713" s="613"/>
      <c r="HSV713" s="613"/>
      <c r="HSW713" s="613"/>
      <c r="HSX713" s="613"/>
      <c r="HSY713" s="613"/>
      <c r="HSZ713" s="613"/>
      <c r="HTA713" s="613"/>
      <c r="HTB713" s="613"/>
      <c r="HTC713" s="613"/>
      <c r="HTD713" s="613"/>
      <c r="HTE713" s="613"/>
      <c r="HTF713" s="613"/>
      <c r="HTG713" s="613"/>
      <c r="HTH713" s="613"/>
      <c r="HTI713" s="613"/>
      <c r="HTJ713" s="613"/>
      <c r="HTK713" s="613"/>
      <c r="HTL713" s="613"/>
      <c r="HTM713" s="613"/>
      <c r="HTN713" s="613"/>
      <c r="HTO713" s="613"/>
      <c r="HTP713" s="613"/>
      <c r="HTQ713" s="613"/>
      <c r="HTR713" s="613"/>
      <c r="HTS713" s="613"/>
      <c r="HTT713" s="613"/>
      <c r="HTU713" s="613"/>
      <c r="HTV713" s="613"/>
      <c r="HTW713" s="613"/>
      <c r="HTX713" s="613"/>
      <c r="HTY713" s="613"/>
      <c r="HTZ713" s="613"/>
      <c r="HUA713" s="613"/>
      <c r="HUB713" s="613"/>
      <c r="HUC713" s="613"/>
      <c r="HUD713" s="613"/>
      <c r="HUE713" s="613"/>
      <c r="HUF713" s="613"/>
      <c r="HUG713" s="613"/>
      <c r="HUH713" s="613"/>
      <c r="HUI713" s="613"/>
      <c r="HUJ713" s="613"/>
      <c r="HUK713" s="613"/>
      <c r="HUL713" s="613"/>
      <c r="HUM713" s="613"/>
      <c r="HUN713" s="613"/>
      <c r="HUO713" s="613"/>
      <c r="HUP713" s="613"/>
      <c r="HUQ713" s="613"/>
      <c r="HUR713" s="613"/>
      <c r="HUS713" s="613"/>
      <c r="HUT713" s="613"/>
      <c r="HUU713" s="613"/>
      <c r="HUV713" s="613"/>
      <c r="HUW713" s="613"/>
      <c r="HUX713" s="613"/>
      <c r="HUY713" s="613"/>
      <c r="HUZ713" s="613"/>
      <c r="HVA713" s="613"/>
      <c r="HVB713" s="613"/>
      <c r="HVC713" s="613"/>
      <c r="HVD713" s="613"/>
      <c r="HVE713" s="613"/>
      <c r="HVF713" s="613"/>
      <c r="HVG713" s="613"/>
      <c r="HVH713" s="613"/>
      <c r="HVI713" s="613"/>
      <c r="HVJ713" s="613"/>
      <c r="HVK713" s="613"/>
      <c r="HVL713" s="613"/>
      <c r="HVM713" s="613"/>
      <c r="HVN713" s="613"/>
      <c r="HVO713" s="613"/>
      <c r="HVP713" s="613"/>
      <c r="HVQ713" s="613"/>
      <c r="HVR713" s="613"/>
      <c r="HVS713" s="613"/>
      <c r="HVT713" s="613"/>
      <c r="HVU713" s="613"/>
      <c r="HVV713" s="613"/>
      <c r="HVW713" s="613"/>
      <c r="HVX713" s="613"/>
      <c r="HVY713" s="613"/>
      <c r="HVZ713" s="613"/>
      <c r="HWA713" s="613"/>
      <c r="HWB713" s="613"/>
      <c r="HWC713" s="613"/>
      <c r="HWD713" s="613"/>
      <c r="HWE713" s="613"/>
      <c r="HWF713" s="613"/>
      <c r="HWG713" s="613"/>
      <c r="HWH713" s="613"/>
      <c r="HWI713" s="613"/>
      <c r="HWJ713" s="613"/>
      <c r="HWK713" s="613"/>
      <c r="HWL713" s="613"/>
      <c r="HWM713" s="613"/>
      <c r="HWN713" s="613"/>
      <c r="HWO713" s="613"/>
      <c r="HWP713" s="613"/>
      <c r="HWQ713" s="613"/>
      <c r="HWR713" s="613"/>
      <c r="HWS713" s="613"/>
      <c r="HWT713" s="613"/>
      <c r="HWU713" s="613"/>
      <c r="HWV713" s="613"/>
      <c r="HWW713" s="613"/>
      <c r="HWX713" s="613"/>
      <c r="HWY713" s="613"/>
      <c r="HWZ713" s="613"/>
      <c r="HXA713" s="613"/>
      <c r="HXB713" s="613"/>
      <c r="HXC713" s="613"/>
      <c r="HXD713" s="613"/>
      <c r="HXE713" s="613"/>
      <c r="HXF713" s="613"/>
      <c r="HXG713" s="613"/>
      <c r="HXH713" s="613"/>
      <c r="HXI713" s="613"/>
      <c r="HXJ713" s="613"/>
      <c r="HXK713" s="613"/>
      <c r="HXL713" s="613"/>
      <c r="HXM713" s="613"/>
      <c r="HXN713" s="613"/>
      <c r="HXO713" s="613"/>
      <c r="HXP713" s="613"/>
      <c r="HXQ713" s="613"/>
      <c r="HXR713" s="613"/>
      <c r="HXS713" s="613"/>
      <c r="HXT713" s="613"/>
      <c r="HXU713" s="613"/>
      <c r="HXV713" s="613"/>
      <c r="HXW713" s="613"/>
      <c r="HXX713" s="613"/>
      <c r="HXY713" s="613"/>
      <c r="HXZ713" s="613"/>
      <c r="HYA713" s="613"/>
      <c r="HYB713" s="613"/>
      <c r="HYC713" s="613"/>
      <c r="HYD713" s="613"/>
      <c r="HYE713" s="613"/>
      <c r="HYF713" s="613"/>
      <c r="HYG713" s="613"/>
      <c r="HYH713" s="613"/>
      <c r="HYI713" s="613"/>
      <c r="HYJ713" s="613"/>
      <c r="HYK713" s="613"/>
      <c r="HYL713" s="613"/>
      <c r="HYM713" s="613"/>
      <c r="HYN713" s="613"/>
      <c r="HYO713" s="613"/>
      <c r="HYP713" s="613"/>
      <c r="HYQ713" s="613"/>
      <c r="HYR713" s="613"/>
      <c r="HYS713" s="613"/>
      <c r="HYT713" s="613"/>
      <c r="HYU713" s="613"/>
      <c r="HYV713" s="613"/>
      <c r="HYW713" s="613"/>
      <c r="HYX713" s="613"/>
      <c r="HYY713" s="613"/>
      <c r="HYZ713" s="613"/>
      <c r="HZA713" s="613"/>
      <c r="HZB713" s="613"/>
      <c r="HZC713" s="613"/>
      <c r="HZD713" s="613"/>
      <c r="HZE713" s="613"/>
      <c r="HZF713" s="613"/>
      <c r="HZG713" s="613"/>
      <c r="HZH713" s="613"/>
      <c r="HZI713" s="613"/>
      <c r="HZJ713" s="613"/>
      <c r="HZK713" s="613"/>
      <c r="HZL713" s="613"/>
      <c r="HZM713" s="613"/>
      <c r="HZN713" s="613"/>
      <c r="HZO713" s="613"/>
      <c r="HZP713" s="613"/>
      <c r="HZQ713" s="613"/>
      <c r="HZR713" s="613"/>
      <c r="HZS713" s="613"/>
      <c r="HZT713" s="613"/>
      <c r="HZU713" s="613"/>
      <c r="HZV713" s="613"/>
      <c r="HZW713" s="613"/>
      <c r="HZX713" s="613"/>
      <c r="HZY713" s="613"/>
      <c r="HZZ713" s="613"/>
      <c r="IAA713" s="613"/>
      <c r="IAB713" s="613"/>
      <c r="IAC713" s="613"/>
      <c r="IAD713" s="613"/>
      <c r="IAE713" s="613"/>
      <c r="IAF713" s="613"/>
      <c r="IAG713" s="613"/>
      <c r="IAH713" s="613"/>
      <c r="IAI713" s="613"/>
      <c r="IAJ713" s="613"/>
      <c r="IAK713" s="613"/>
      <c r="IAL713" s="613"/>
      <c r="IAM713" s="613"/>
      <c r="IAN713" s="613"/>
      <c r="IAO713" s="613"/>
      <c r="IAP713" s="613"/>
      <c r="IAQ713" s="613"/>
      <c r="IAR713" s="613"/>
      <c r="IAS713" s="613"/>
      <c r="IAT713" s="613"/>
      <c r="IAU713" s="613"/>
      <c r="IAV713" s="613"/>
      <c r="IAW713" s="613"/>
      <c r="IAX713" s="613"/>
      <c r="IAY713" s="613"/>
      <c r="IAZ713" s="613"/>
      <c r="IBA713" s="613"/>
      <c r="IBB713" s="613"/>
      <c r="IBC713" s="613"/>
      <c r="IBD713" s="613"/>
      <c r="IBE713" s="613"/>
      <c r="IBF713" s="613"/>
      <c r="IBG713" s="613"/>
      <c r="IBH713" s="613"/>
      <c r="IBI713" s="613"/>
      <c r="IBJ713" s="613"/>
      <c r="IBK713" s="613"/>
      <c r="IBL713" s="613"/>
      <c r="IBM713" s="613"/>
      <c r="IBN713" s="613"/>
      <c r="IBO713" s="613"/>
      <c r="IBP713" s="613"/>
      <c r="IBQ713" s="613"/>
      <c r="IBR713" s="613"/>
      <c r="IBS713" s="613"/>
      <c r="IBT713" s="613"/>
      <c r="IBU713" s="613"/>
      <c r="IBV713" s="613"/>
      <c r="IBW713" s="613"/>
      <c r="IBX713" s="613"/>
      <c r="IBY713" s="613"/>
      <c r="IBZ713" s="613"/>
      <c r="ICA713" s="613"/>
      <c r="ICB713" s="613"/>
      <c r="ICC713" s="613"/>
      <c r="ICD713" s="613"/>
      <c r="ICE713" s="613"/>
      <c r="ICF713" s="613"/>
      <c r="ICG713" s="613"/>
      <c r="ICH713" s="613"/>
      <c r="ICI713" s="613"/>
      <c r="ICJ713" s="613"/>
      <c r="ICK713" s="613"/>
      <c r="ICL713" s="613"/>
      <c r="ICM713" s="613"/>
      <c r="ICN713" s="613"/>
      <c r="ICO713" s="613"/>
      <c r="ICP713" s="613"/>
      <c r="ICQ713" s="613"/>
      <c r="ICR713" s="613"/>
      <c r="ICS713" s="613"/>
      <c r="ICT713" s="613"/>
      <c r="ICU713" s="613"/>
      <c r="ICV713" s="613"/>
      <c r="ICW713" s="613"/>
      <c r="ICX713" s="613"/>
      <c r="ICY713" s="613"/>
      <c r="ICZ713" s="613"/>
      <c r="IDA713" s="613"/>
      <c r="IDB713" s="613"/>
      <c r="IDC713" s="613"/>
      <c r="IDD713" s="613"/>
      <c r="IDE713" s="613"/>
      <c r="IDF713" s="613"/>
      <c r="IDG713" s="613"/>
      <c r="IDH713" s="613"/>
      <c r="IDI713" s="613"/>
      <c r="IDJ713" s="613"/>
      <c r="IDK713" s="613"/>
      <c r="IDL713" s="613"/>
      <c r="IDM713" s="613"/>
      <c r="IDN713" s="613"/>
      <c r="IDO713" s="613"/>
      <c r="IDP713" s="613"/>
      <c r="IDQ713" s="613"/>
      <c r="IDR713" s="613"/>
      <c r="IDS713" s="613"/>
      <c r="IDT713" s="613"/>
      <c r="IDU713" s="613"/>
      <c r="IDV713" s="613"/>
      <c r="IDW713" s="613"/>
      <c r="IDX713" s="613"/>
      <c r="IDY713" s="613"/>
      <c r="IDZ713" s="613"/>
      <c r="IEA713" s="613"/>
      <c r="IEB713" s="613"/>
      <c r="IEC713" s="613"/>
      <c r="IED713" s="613"/>
      <c r="IEE713" s="613"/>
      <c r="IEF713" s="613"/>
      <c r="IEG713" s="613"/>
      <c r="IEH713" s="613"/>
      <c r="IEI713" s="613"/>
      <c r="IEJ713" s="613"/>
      <c r="IEK713" s="613"/>
      <c r="IEL713" s="613"/>
      <c r="IEM713" s="613"/>
      <c r="IEN713" s="613"/>
      <c r="IEO713" s="613"/>
      <c r="IEP713" s="613"/>
      <c r="IEQ713" s="613"/>
      <c r="IER713" s="613"/>
      <c r="IES713" s="613"/>
      <c r="IET713" s="613"/>
      <c r="IEU713" s="613"/>
      <c r="IEV713" s="613"/>
      <c r="IEW713" s="613"/>
      <c r="IEX713" s="613"/>
      <c r="IEY713" s="613"/>
      <c r="IEZ713" s="613"/>
      <c r="IFA713" s="613"/>
      <c r="IFB713" s="613"/>
      <c r="IFC713" s="613"/>
      <c r="IFD713" s="613"/>
      <c r="IFE713" s="613"/>
      <c r="IFF713" s="613"/>
      <c r="IFG713" s="613"/>
      <c r="IFH713" s="613"/>
      <c r="IFI713" s="613"/>
      <c r="IFJ713" s="613"/>
      <c r="IFK713" s="613"/>
      <c r="IFL713" s="613"/>
      <c r="IFM713" s="613"/>
      <c r="IFN713" s="613"/>
      <c r="IFO713" s="613"/>
      <c r="IFP713" s="613"/>
      <c r="IFQ713" s="613"/>
      <c r="IFR713" s="613"/>
      <c r="IFS713" s="613"/>
      <c r="IFT713" s="613"/>
      <c r="IFU713" s="613"/>
      <c r="IFV713" s="613"/>
      <c r="IFW713" s="613"/>
      <c r="IFX713" s="613"/>
      <c r="IFY713" s="613"/>
      <c r="IFZ713" s="613"/>
      <c r="IGA713" s="613"/>
      <c r="IGB713" s="613"/>
      <c r="IGC713" s="613"/>
      <c r="IGD713" s="613"/>
      <c r="IGE713" s="613"/>
      <c r="IGF713" s="613"/>
      <c r="IGG713" s="613"/>
      <c r="IGH713" s="613"/>
      <c r="IGI713" s="613"/>
      <c r="IGJ713" s="613"/>
      <c r="IGK713" s="613"/>
      <c r="IGL713" s="613"/>
      <c r="IGM713" s="613"/>
      <c r="IGN713" s="613"/>
      <c r="IGO713" s="613"/>
      <c r="IGP713" s="613"/>
      <c r="IGQ713" s="613"/>
      <c r="IGR713" s="613"/>
      <c r="IGS713" s="613"/>
      <c r="IGT713" s="613"/>
      <c r="IGU713" s="613"/>
      <c r="IGV713" s="613"/>
      <c r="IGW713" s="613"/>
      <c r="IGX713" s="613"/>
      <c r="IGY713" s="613"/>
      <c r="IGZ713" s="613"/>
      <c r="IHA713" s="613"/>
      <c r="IHB713" s="613"/>
      <c r="IHC713" s="613"/>
      <c r="IHD713" s="613"/>
      <c r="IHE713" s="613"/>
      <c r="IHF713" s="613"/>
      <c r="IHG713" s="613"/>
      <c r="IHH713" s="613"/>
      <c r="IHI713" s="613"/>
      <c r="IHJ713" s="613"/>
      <c r="IHK713" s="613"/>
      <c r="IHL713" s="613"/>
      <c r="IHM713" s="613"/>
      <c r="IHN713" s="613"/>
      <c r="IHO713" s="613"/>
      <c r="IHP713" s="613"/>
      <c r="IHQ713" s="613"/>
      <c r="IHR713" s="613"/>
      <c r="IHS713" s="613"/>
      <c r="IHT713" s="613"/>
      <c r="IHU713" s="613"/>
      <c r="IHV713" s="613"/>
      <c r="IHW713" s="613"/>
      <c r="IHX713" s="613"/>
      <c r="IHY713" s="613"/>
      <c r="IHZ713" s="613"/>
      <c r="IIA713" s="613"/>
      <c r="IIB713" s="613"/>
      <c r="IIC713" s="613"/>
      <c r="IID713" s="613"/>
      <c r="IIE713" s="613"/>
      <c r="IIF713" s="613"/>
      <c r="IIG713" s="613"/>
      <c r="IIH713" s="613"/>
      <c r="III713" s="613"/>
      <c r="IIJ713" s="613"/>
      <c r="IIK713" s="613"/>
      <c r="IIL713" s="613"/>
      <c r="IIM713" s="613"/>
      <c r="IIN713" s="613"/>
      <c r="IIO713" s="613"/>
      <c r="IIP713" s="613"/>
      <c r="IIQ713" s="613"/>
      <c r="IIR713" s="613"/>
      <c r="IIS713" s="613"/>
      <c r="IIT713" s="613"/>
      <c r="IIU713" s="613"/>
      <c r="IIV713" s="613"/>
      <c r="IIW713" s="613"/>
      <c r="IIX713" s="613"/>
      <c r="IIY713" s="613"/>
      <c r="IIZ713" s="613"/>
      <c r="IJA713" s="613"/>
      <c r="IJB713" s="613"/>
      <c r="IJC713" s="613"/>
      <c r="IJD713" s="613"/>
      <c r="IJE713" s="613"/>
      <c r="IJF713" s="613"/>
      <c r="IJG713" s="613"/>
      <c r="IJH713" s="613"/>
      <c r="IJI713" s="613"/>
      <c r="IJJ713" s="613"/>
      <c r="IJK713" s="613"/>
      <c r="IJL713" s="613"/>
      <c r="IJM713" s="613"/>
      <c r="IJN713" s="613"/>
      <c r="IJO713" s="613"/>
      <c r="IJP713" s="613"/>
      <c r="IJQ713" s="613"/>
      <c r="IJR713" s="613"/>
      <c r="IJS713" s="613"/>
      <c r="IJT713" s="613"/>
      <c r="IJU713" s="613"/>
      <c r="IJV713" s="613"/>
      <c r="IJW713" s="613"/>
      <c r="IJX713" s="613"/>
      <c r="IJY713" s="613"/>
      <c r="IJZ713" s="613"/>
      <c r="IKA713" s="613"/>
      <c r="IKB713" s="613"/>
      <c r="IKC713" s="613"/>
      <c r="IKD713" s="613"/>
      <c r="IKE713" s="613"/>
      <c r="IKF713" s="613"/>
      <c r="IKG713" s="613"/>
      <c r="IKH713" s="613"/>
      <c r="IKI713" s="613"/>
      <c r="IKJ713" s="613"/>
      <c r="IKK713" s="613"/>
      <c r="IKL713" s="613"/>
      <c r="IKM713" s="613"/>
      <c r="IKN713" s="613"/>
      <c r="IKO713" s="613"/>
      <c r="IKP713" s="613"/>
      <c r="IKQ713" s="613"/>
      <c r="IKR713" s="613"/>
      <c r="IKS713" s="613"/>
      <c r="IKT713" s="613"/>
      <c r="IKU713" s="613"/>
      <c r="IKV713" s="613"/>
      <c r="IKW713" s="613"/>
      <c r="IKX713" s="613"/>
      <c r="IKY713" s="613"/>
      <c r="IKZ713" s="613"/>
      <c r="ILA713" s="613"/>
      <c r="ILB713" s="613"/>
      <c r="ILC713" s="613"/>
      <c r="ILD713" s="613"/>
      <c r="ILE713" s="613"/>
      <c r="ILF713" s="613"/>
      <c r="ILG713" s="613"/>
      <c r="ILH713" s="613"/>
      <c r="ILI713" s="613"/>
      <c r="ILJ713" s="613"/>
      <c r="ILK713" s="613"/>
      <c r="ILL713" s="613"/>
      <c r="ILM713" s="613"/>
      <c r="ILN713" s="613"/>
      <c r="ILO713" s="613"/>
      <c r="ILP713" s="613"/>
      <c r="ILQ713" s="613"/>
      <c r="ILR713" s="613"/>
      <c r="ILS713" s="613"/>
      <c r="ILT713" s="613"/>
      <c r="ILU713" s="613"/>
      <c r="ILV713" s="613"/>
      <c r="ILW713" s="613"/>
      <c r="ILX713" s="613"/>
      <c r="ILY713" s="613"/>
      <c r="ILZ713" s="613"/>
      <c r="IMA713" s="613"/>
      <c r="IMB713" s="613"/>
      <c r="IMC713" s="613"/>
      <c r="IMD713" s="613"/>
      <c r="IME713" s="613"/>
      <c r="IMF713" s="613"/>
      <c r="IMG713" s="613"/>
      <c r="IMH713" s="613"/>
      <c r="IMI713" s="613"/>
      <c r="IMJ713" s="613"/>
      <c r="IMK713" s="613"/>
      <c r="IML713" s="613"/>
      <c r="IMM713" s="613"/>
      <c r="IMN713" s="613"/>
      <c r="IMO713" s="613"/>
      <c r="IMP713" s="613"/>
      <c r="IMQ713" s="613"/>
      <c r="IMR713" s="613"/>
      <c r="IMS713" s="613"/>
      <c r="IMT713" s="613"/>
      <c r="IMU713" s="613"/>
      <c r="IMV713" s="613"/>
      <c r="IMW713" s="613"/>
      <c r="IMX713" s="613"/>
      <c r="IMY713" s="613"/>
      <c r="IMZ713" s="613"/>
      <c r="INA713" s="613"/>
      <c r="INB713" s="613"/>
      <c r="INC713" s="613"/>
      <c r="IND713" s="613"/>
      <c r="INE713" s="613"/>
      <c r="INF713" s="613"/>
      <c r="ING713" s="613"/>
      <c r="INH713" s="613"/>
      <c r="INI713" s="613"/>
      <c r="INJ713" s="613"/>
      <c r="INK713" s="613"/>
      <c r="INL713" s="613"/>
      <c r="INM713" s="613"/>
      <c r="INN713" s="613"/>
      <c r="INO713" s="613"/>
      <c r="INP713" s="613"/>
      <c r="INQ713" s="613"/>
      <c r="INR713" s="613"/>
      <c r="INS713" s="613"/>
      <c r="INT713" s="613"/>
      <c r="INU713" s="613"/>
      <c r="INV713" s="613"/>
      <c r="INW713" s="613"/>
      <c r="INX713" s="613"/>
      <c r="INY713" s="613"/>
      <c r="INZ713" s="613"/>
      <c r="IOA713" s="613"/>
      <c r="IOB713" s="613"/>
      <c r="IOC713" s="613"/>
      <c r="IOD713" s="613"/>
      <c r="IOE713" s="613"/>
      <c r="IOF713" s="613"/>
      <c r="IOG713" s="613"/>
      <c r="IOH713" s="613"/>
      <c r="IOI713" s="613"/>
      <c r="IOJ713" s="613"/>
      <c r="IOK713" s="613"/>
      <c r="IOL713" s="613"/>
      <c r="IOM713" s="613"/>
      <c r="ION713" s="613"/>
      <c r="IOO713" s="613"/>
      <c r="IOP713" s="613"/>
      <c r="IOQ713" s="613"/>
      <c r="IOR713" s="613"/>
      <c r="IOS713" s="613"/>
      <c r="IOT713" s="613"/>
      <c r="IOU713" s="613"/>
      <c r="IOV713" s="613"/>
      <c r="IOW713" s="613"/>
      <c r="IOX713" s="613"/>
      <c r="IOY713" s="613"/>
      <c r="IOZ713" s="613"/>
      <c r="IPA713" s="613"/>
      <c r="IPB713" s="613"/>
      <c r="IPC713" s="613"/>
      <c r="IPD713" s="613"/>
      <c r="IPE713" s="613"/>
      <c r="IPF713" s="613"/>
      <c r="IPG713" s="613"/>
      <c r="IPH713" s="613"/>
      <c r="IPI713" s="613"/>
      <c r="IPJ713" s="613"/>
      <c r="IPK713" s="613"/>
      <c r="IPL713" s="613"/>
      <c r="IPM713" s="613"/>
      <c r="IPN713" s="613"/>
      <c r="IPO713" s="613"/>
      <c r="IPP713" s="613"/>
      <c r="IPQ713" s="613"/>
      <c r="IPR713" s="613"/>
      <c r="IPS713" s="613"/>
      <c r="IPT713" s="613"/>
      <c r="IPU713" s="613"/>
      <c r="IPV713" s="613"/>
      <c r="IPW713" s="613"/>
      <c r="IPX713" s="613"/>
      <c r="IPY713" s="613"/>
      <c r="IPZ713" s="613"/>
      <c r="IQA713" s="613"/>
      <c r="IQB713" s="613"/>
      <c r="IQC713" s="613"/>
      <c r="IQD713" s="613"/>
      <c r="IQE713" s="613"/>
      <c r="IQF713" s="613"/>
      <c r="IQG713" s="613"/>
      <c r="IQH713" s="613"/>
      <c r="IQI713" s="613"/>
      <c r="IQJ713" s="613"/>
      <c r="IQK713" s="613"/>
      <c r="IQL713" s="613"/>
      <c r="IQM713" s="613"/>
      <c r="IQN713" s="613"/>
      <c r="IQO713" s="613"/>
      <c r="IQP713" s="613"/>
      <c r="IQQ713" s="613"/>
      <c r="IQR713" s="613"/>
      <c r="IQS713" s="613"/>
      <c r="IQT713" s="613"/>
      <c r="IQU713" s="613"/>
      <c r="IQV713" s="613"/>
      <c r="IQW713" s="613"/>
      <c r="IQX713" s="613"/>
      <c r="IQY713" s="613"/>
      <c r="IQZ713" s="613"/>
      <c r="IRA713" s="613"/>
      <c r="IRB713" s="613"/>
      <c r="IRC713" s="613"/>
      <c r="IRD713" s="613"/>
      <c r="IRE713" s="613"/>
      <c r="IRF713" s="613"/>
      <c r="IRG713" s="613"/>
      <c r="IRH713" s="613"/>
      <c r="IRI713" s="613"/>
      <c r="IRJ713" s="613"/>
      <c r="IRK713" s="613"/>
      <c r="IRL713" s="613"/>
      <c r="IRM713" s="613"/>
      <c r="IRN713" s="613"/>
      <c r="IRO713" s="613"/>
      <c r="IRP713" s="613"/>
      <c r="IRQ713" s="613"/>
      <c r="IRR713" s="613"/>
      <c r="IRS713" s="613"/>
      <c r="IRT713" s="613"/>
      <c r="IRU713" s="613"/>
      <c r="IRV713" s="613"/>
      <c r="IRW713" s="613"/>
      <c r="IRX713" s="613"/>
      <c r="IRY713" s="613"/>
      <c r="IRZ713" s="613"/>
      <c r="ISA713" s="613"/>
      <c r="ISB713" s="613"/>
      <c r="ISC713" s="613"/>
      <c r="ISD713" s="613"/>
      <c r="ISE713" s="613"/>
      <c r="ISF713" s="613"/>
      <c r="ISG713" s="613"/>
      <c r="ISH713" s="613"/>
      <c r="ISI713" s="613"/>
      <c r="ISJ713" s="613"/>
      <c r="ISK713" s="613"/>
      <c r="ISL713" s="613"/>
      <c r="ISM713" s="613"/>
      <c r="ISN713" s="613"/>
      <c r="ISO713" s="613"/>
      <c r="ISP713" s="613"/>
      <c r="ISQ713" s="613"/>
      <c r="ISR713" s="613"/>
      <c r="ISS713" s="613"/>
      <c r="IST713" s="613"/>
      <c r="ISU713" s="613"/>
      <c r="ISV713" s="613"/>
      <c r="ISW713" s="613"/>
      <c r="ISX713" s="613"/>
      <c r="ISY713" s="613"/>
      <c r="ISZ713" s="613"/>
      <c r="ITA713" s="613"/>
      <c r="ITB713" s="613"/>
      <c r="ITC713" s="613"/>
      <c r="ITD713" s="613"/>
      <c r="ITE713" s="613"/>
      <c r="ITF713" s="613"/>
      <c r="ITG713" s="613"/>
      <c r="ITH713" s="613"/>
      <c r="ITI713" s="613"/>
      <c r="ITJ713" s="613"/>
      <c r="ITK713" s="613"/>
      <c r="ITL713" s="613"/>
      <c r="ITM713" s="613"/>
      <c r="ITN713" s="613"/>
      <c r="ITO713" s="613"/>
      <c r="ITP713" s="613"/>
      <c r="ITQ713" s="613"/>
      <c r="ITR713" s="613"/>
      <c r="ITS713" s="613"/>
      <c r="ITT713" s="613"/>
      <c r="ITU713" s="613"/>
      <c r="ITV713" s="613"/>
      <c r="ITW713" s="613"/>
      <c r="ITX713" s="613"/>
      <c r="ITY713" s="613"/>
      <c r="ITZ713" s="613"/>
      <c r="IUA713" s="613"/>
      <c r="IUB713" s="613"/>
      <c r="IUC713" s="613"/>
      <c r="IUD713" s="613"/>
      <c r="IUE713" s="613"/>
      <c r="IUF713" s="613"/>
      <c r="IUG713" s="613"/>
      <c r="IUH713" s="613"/>
      <c r="IUI713" s="613"/>
      <c r="IUJ713" s="613"/>
      <c r="IUK713" s="613"/>
      <c r="IUL713" s="613"/>
      <c r="IUM713" s="613"/>
      <c r="IUN713" s="613"/>
      <c r="IUO713" s="613"/>
      <c r="IUP713" s="613"/>
      <c r="IUQ713" s="613"/>
      <c r="IUR713" s="613"/>
      <c r="IUS713" s="613"/>
      <c r="IUT713" s="613"/>
      <c r="IUU713" s="613"/>
      <c r="IUV713" s="613"/>
      <c r="IUW713" s="613"/>
      <c r="IUX713" s="613"/>
      <c r="IUY713" s="613"/>
      <c r="IUZ713" s="613"/>
      <c r="IVA713" s="613"/>
      <c r="IVB713" s="613"/>
      <c r="IVC713" s="613"/>
      <c r="IVD713" s="613"/>
      <c r="IVE713" s="613"/>
      <c r="IVF713" s="613"/>
      <c r="IVG713" s="613"/>
      <c r="IVH713" s="613"/>
      <c r="IVI713" s="613"/>
      <c r="IVJ713" s="613"/>
      <c r="IVK713" s="613"/>
      <c r="IVL713" s="613"/>
      <c r="IVM713" s="613"/>
      <c r="IVN713" s="613"/>
      <c r="IVO713" s="613"/>
      <c r="IVP713" s="613"/>
      <c r="IVQ713" s="613"/>
      <c r="IVR713" s="613"/>
      <c r="IVS713" s="613"/>
      <c r="IVT713" s="613"/>
      <c r="IVU713" s="613"/>
      <c r="IVV713" s="613"/>
      <c r="IVW713" s="613"/>
      <c r="IVX713" s="613"/>
      <c r="IVY713" s="613"/>
      <c r="IVZ713" s="613"/>
      <c r="IWA713" s="613"/>
      <c r="IWB713" s="613"/>
      <c r="IWC713" s="613"/>
      <c r="IWD713" s="613"/>
      <c r="IWE713" s="613"/>
      <c r="IWF713" s="613"/>
      <c r="IWG713" s="613"/>
      <c r="IWH713" s="613"/>
      <c r="IWI713" s="613"/>
      <c r="IWJ713" s="613"/>
      <c r="IWK713" s="613"/>
      <c r="IWL713" s="613"/>
      <c r="IWM713" s="613"/>
      <c r="IWN713" s="613"/>
      <c r="IWO713" s="613"/>
      <c r="IWP713" s="613"/>
      <c r="IWQ713" s="613"/>
      <c r="IWR713" s="613"/>
      <c r="IWS713" s="613"/>
      <c r="IWT713" s="613"/>
      <c r="IWU713" s="613"/>
      <c r="IWV713" s="613"/>
      <c r="IWW713" s="613"/>
      <c r="IWX713" s="613"/>
      <c r="IWY713" s="613"/>
      <c r="IWZ713" s="613"/>
      <c r="IXA713" s="613"/>
      <c r="IXB713" s="613"/>
      <c r="IXC713" s="613"/>
      <c r="IXD713" s="613"/>
      <c r="IXE713" s="613"/>
      <c r="IXF713" s="613"/>
      <c r="IXG713" s="613"/>
      <c r="IXH713" s="613"/>
      <c r="IXI713" s="613"/>
      <c r="IXJ713" s="613"/>
      <c r="IXK713" s="613"/>
      <c r="IXL713" s="613"/>
      <c r="IXM713" s="613"/>
      <c r="IXN713" s="613"/>
      <c r="IXO713" s="613"/>
      <c r="IXP713" s="613"/>
      <c r="IXQ713" s="613"/>
      <c r="IXR713" s="613"/>
      <c r="IXS713" s="613"/>
      <c r="IXT713" s="613"/>
      <c r="IXU713" s="613"/>
      <c r="IXV713" s="613"/>
      <c r="IXW713" s="613"/>
      <c r="IXX713" s="613"/>
      <c r="IXY713" s="613"/>
      <c r="IXZ713" s="613"/>
      <c r="IYA713" s="613"/>
      <c r="IYB713" s="613"/>
      <c r="IYC713" s="613"/>
      <c r="IYD713" s="613"/>
      <c r="IYE713" s="613"/>
      <c r="IYF713" s="613"/>
      <c r="IYG713" s="613"/>
      <c r="IYH713" s="613"/>
      <c r="IYI713" s="613"/>
      <c r="IYJ713" s="613"/>
      <c r="IYK713" s="613"/>
      <c r="IYL713" s="613"/>
      <c r="IYM713" s="613"/>
      <c r="IYN713" s="613"/>
      <c r="IYO713" s="613"/>
      <c r="IYP713" s="613"/>
      <c r="IYQ713" s="613"/>
      <c r="IYR713" s="613"/>
      <c r="IYS713" s="613"/>
      <c r="IYT713" s="613"/>
      <c r="IYU713" s="613"/>
      <c r="IYV713" s="613"/>
      <c r="IYW713" s="613"/>
      <c r="IYX713" s="613"/>
      <c r="IYY713" s="613"/>
      <c r="IYZ713" s="613"/>
      <c r="IZA713" s="613"/>
      <c r="IZB713" s="613"/>
      <c r="IZC713" s="613"/>
      <c r="IZD713" s="613"/>
      <c r="IZE713" s="613"/>
      <c r="IZF713" s="613"/>
      <c r="IZG713" s="613"/>
      <c r="IZH713" s="613"/>
      <c r="IZI713" s="613"/>
      <c r="IZJ713" s="613"/>
      <c r="IZK713" s="613"/>
      <c r="IZL713" s="613"/>
      <c r="IZM713" s="613"/>
      <c r="IZN713" s="613"/>
      <c r="IZO713" s="613"/>
      <c r="IZP713" s="613"/>
      <c r="IZQ713" s="613"/>
      <c r="IZR713" s="613"/>
      <c r="IZS713" s="613"/>
      <c r="IZT713" s="613"/>
      <c r="IZU713" s="613"/>
      <c r="IZV713" s="613"/>
      <c r="IZW713" s="613"/>
      <c r="IZX713" s="613"/>
      <c r="IZY713" s="613"/>
      <c r="IZZ713" s="613"/>
      <c r="JAA713" s="613"/>
      <c r="JAB713" s="613"/>
      <c r="JAC713" s="613"/>
      <c r="JAD713" s="613"/>
      <c r="JAE713" s="613"/>
      <c r="JAF713" s="613"/>
      <c r="JAG713" s="613"/>
      <c r="JAH713" s="613"/>
      <c r="JAI713" s="613"/>
      <c r="JAJ713" s="613"/>
      <c r="JAK713" s="613"/>
      <c r="JAL713" s="613"/>
      <c r="JAM713" s="613"/>
      <c r="JAN713" s="613"/>
      <c r="JAO713" s="613"/>
      <c r="JAP713" s="613"/>
      <c r="JAQ713" s="613"/>
      <c r="JAR713" s="613"/>
      <c r="JAS713" s="613"/>
      <c r="JAT713" s="613"/>
      <c r="JAU713" s="613"/>
      <c r="JAV713" s="613"/>
      <c r="JAW713" s="613"/>
      <c r="JAX713" s="613"/>
      <c r="JAY713" s="613"/>
      <c r="JAZ713" s="613"/>
      <c r="JBA713" s="613"/>
      <c r="JBB713" s="613"/>
      <c r="JBC713" s="613"/>
      <c r="JBD713" s="613"/>
      <c r="JBE713" s="613"/>
      <c r="JBF713" s="613"/>
      <c r="JBG713" s="613"/>
      <c r="JBH713" s="613"/>
      <c r="JBI713" s="613"/>
      <c r="JBJ713" s="613"/>
      <c r="JBK713" s="613"/>
      <c r="JBL713" s="613"/>
      <c r="JBM713" s="613"/>
      <c r="JBN713" s="613"/>
      <c r="JBO713" s="613"/>
      <c r="JBP713" s="613"/>
      <c r="JBQ713" s="613"/>
      <c r="JBR713" s="613"/>
      <c r="JBS713" s="613"/>
      <c r="JBT713" s="613"/>
      <c r="JBU713" s="613"/>
      <c r="JBV713" s="613"/>
      <c r="JBW713" s="613"/>
      <c r="JBX713" s="613"/>
      <c r="JBY713" s="613"/>
      <c r="JBZ713" s="613"/>
      <c r="JCA713" s="613"/>
      <c r="JCB713" s="613"/>
      <c r="JCC713" s="613"/>
      <c r="JCD713" s="613"/>
      <c r="JCE713" s="613"/>
      <c r="JCF713" s="613"/>
      <c r="JCG713" s="613"/>
      <c r="JCH713" s="613"/>
      <c r="JCI713" s="613"/>
      <c r="JCJ713" s="613"/>
      <c r="JCK713" s="613"/>
      <c r="JCL713" s="613"/>
      <c r="JCM713" s="613"/>
      <c r="JCN713" s="613"/>
      <c r="JCO713" s="613"/>
      <c r="JCP713" s="613"/>
      <c r="JCQ713" s="613"/>
      <c r="JCR713" s="613"/>
      <c r="JCS713" s="613"/>
      <c r="JCT713" s="613"/>
      <c r="JCU713" s="613"/>
      <c r="JCV713" s="613"/>
      <c r="JCW713" s="613"/>
      <c r="JCX713" s="613"/>
      <c r="JCY713" s="613"/>
      <c r="JCZ713" s="613"/>
      <c r="JDA713" s="613"/>
      <c r="JDB713" s="613"/>
      <c r="JDC713" s="613"/>
      <c r="JDD713" s="613"/>
      <c r="JDE713" s="613"/>
      <c r="JDF713" s="613"/>
      <c r="JDG713" s="613"/>
      <c r="JDH713" s="613"/>
      <c r="JDI713" s="613"/>
      <c r="JDJ713" s="613"/>
      <c r="JDK713" s="613"/>
      <c r="JDL713" s="613"/>
      <c r="JDM713" s="613"/>
      <c r="JDN713" s="613"/>
      <c r="JDO713" s="613"/>
      <c r="JDP713" s="613"/>
      <c r="JDQ713" s="613"/>
      <c r="JDR713" s="613"/>
      <c r="JDS713" s="613"/>
      <c r="JDT713" s="613"/>
      <c r="JDU713" s="613"/>
      <c r="JDV713" s="613"/>
      <c r="JDW713" s="613"/>
      <c r="JDX713" s="613"/>
      <c r="JDY713" s="613"/>
      <c r="JDZ713" s="613"/>
      <c r="JEA713" s="613"/>
      <c r="JEB713" s="613"/>
      <c r="JEC713" s="613"/>
      <c r="JED713" s="613"/>
      <c r="JEE713" s="613"/>
      <c r="JEF713" s="613"/>
      <c r="JEG713" s="613"/>
      <c r="JEH713" s="613"/>
      <c r="JEI713" s="613"/>
      <c r="JEJ713" s="613"/>
      <c r="JEK713" s="613"/>
      <c r="JEL713" s="613"/>
      <c r="JEM713" s="613"/>
      <c r="JEN713" s="613"/>
      <c r="JEO713" s="613"/>
      <c r="JEP713" s="613"/>
      <c r="JEQ713" s="613"/>
      <c r="JER713" s="613"/>
      <c r="JES713" s="613"/>
      <c r="JET713" s="613"/>
      <c r="JEU713" s="613"/>
      <c r="JEV713" s="613"/>
      <c r="JEW713" s="613"/>
      <c r="JEX713" s="613"/>
      <c r="JEY713" s="613"/>
      <c r="JEZ713" s="613"/>
      <c r="JFA713" s="613"/>
      <c r="JFB713" s="613"/>
      <c r="JFC713" s="613"/>
      <c r="JFD713" s="613"/>
      <c r="JFE713" s="613"/>
      <c r="JFF713" s="613"/>
      <c r="JFG713" s="613"/>
      <c r="JFH713" s="613"/>
      <c r="JFI713" s="613"/>
      <c r="JFJ713" s="613"/>
      <c r="JFK713" s="613"/>
      <c r="JFL713" s="613"/>
      <c r="JFM713" s="613"/>
      <c r="JFN713" s="613"/>
      <c r="JFO713" s="613"/>
      <c r="JFP713" s="613"/>
      <c r="JFQ713" s="613"/>
      <c r="JFR713" s="613"/>
      <c r="JFS713" s="613"/>
      <c r="JFT713" s="613"/>
      <c r="JFU713" s="613"/>
      <c r="JFV713" s="613"/>
      <c r="JFW713" s="613"/>
      <c r="JFX713" s="613"/>
      <c r="JFY713" s="613"/>
      <c r="JFZ713" s="613"/>
      <c r="JGA713" s="613"/>
      <c r="JGB713" s="613"/>
      <c r="JGC713" s="613"/>
      <c r="JGD713" s="613"/>
      <c r="JGE713" s="613"/>
      <c r="JGF713" s="613"/>
      <c r="JGG713" s="613"/>
      <c r="JGH713" s="613"/>
      <c r="JGI713" s="613"/>
      <c r="JGJ713" s="613"/>
      <c r="JGK713" s="613"/>
      <c r="JGL713" s="613"/>
      <c r="JGM713" s="613"/>
      <c r="JGN713" s="613"/>
      <c r="JGO713" s="613"/>
      <c r="JGP713" s="613"/>
      <c r="JGQ713" s="613"/>
      <c r="JGR713" s="613"/>
      <c r="JGS713" s="613"/>
      <c r="JGT713" s="613"/>
      <c r="JGU713" s="613"/>
      <c r="JGV713" s="613"/>
      <c r="JGW713" s="613"/>
      <c r="JGX713" s="613"/>
      <c r="JGY713" s="613"/>
      <c r="JGZ713" s="613"/>
      <c r="JHA713" s="613"/>
      <c r="JHB713" s="613"/>
      <c r="JHC713" s="613"/>
      <c r="JHD713" s="613"/>
      <c r="JHE713" s="613"/>
      <c r="JHF713" s="613"/>
      <c r="JHG713" s="613"/>
      <c r="JHH713" s="613"/>
      <c r="JHI713" s="613"/>
      <c r="JHJ713" s="613"/>
      <c r="JHK713" s="613"/>
      <c r="JHL713" s="613"/>
      <c r="JHM713" s="613"/>
      <c r="JHN713" s="613"/>
      <c r="JHO713" s="613"/>
      <c r="JHP713" s="613"/>
      <c r="JHQ713" s="613"/>
      <c r="JHR713" s="613"/>
      <c r="JHS713" s="613"/>
      <c r="JHT713" s="613"/>
      <c r="JHU713" s="613"/>
      <c r="JHV713" s="613"/>
      <c r="JHW713" s="613"/>
      <c r="JHX713" s="613"/>
      <c r="JHY713" s="613"/>
      <c r="JHZ713" s="613"/>
      <c r="JIA713" s="613"/>
      <c r="JIB713" s="613"/>
      <c r="JIC713" s="613"/>
      <c r="JID713" s="613"/>
      <c r="JIE713" s="613"/>
      <c r="JIF713" s="613"/>
      <c r="JIG713" s="613"/>
      <c r="JIH713" s="613"/>
      <c r="JII713" s="613"/>
      <c r="JIJ713" s="613"/>
      <c r="JIK713" s="613"/>
      <c r="JIL713" s="613"/>
      <c r="JIM713" s="613"/>
      <c r="JIN713" s="613"/>
      <c r="JIO713" s="613"/>
      <c r="JIP713" s="613"/>
      <c r="JIQ713" s="613"/>
      <c r="JIR713" s="613"/>
      <c r="JIS713" s="613"/>
      <c r="JIT713" s="613"/>
      <c r="JIU713" s="613"/>
      <c r="JIV713" s="613"/>
      <c r="JIW713" s="613"/>
      <c r="JIX713" s="613"/>
      <c r="JIY713" s="613"/>
      <c r="JIZ713" s="613"/>
      <c r="JJA713" s="613"/>
      <c r="JJB713" s="613"/>
      <c r="JJC713" s="613"/>
      <c r="JJD713" s="613"/>
      <c r="JJE713" s="613"/>
      <c r="JJF713" s="613"/>
      <c r="JJG713" s="613"/>
      <c r="JJH713" s="613"/>
      <c r="JJI713" s="613"/>
      <c r="JJJ713" s="613"/>
      <c r="JJK713" s="613"/>
      <c r="JJL713" s="613"/>
      <c r="JJM713" s="613"/>
      <c r="JJN713" s="613"/>
      <c r="JJO713" s="613"/>
      <c r="JJP713" s="613"/>
      <c r="JJQ713" s="613"/>
      <c r="JJR713" s="613"/>
      <c r="JJS713" s="613"/>
      <c r="JJT713" s="613"/>
      <c r="JJU713" s="613"/>
      <c r="JJV713" s="613"/>
      <c r="JJW713" s="613"/>
      <c r="JJX713" s="613"/>
      <c r="JJY713" s="613"/>
      <c r="JJZ713" s="613"/>
      <c r="JKA713" s="613"/>
      <c r="JKB713" s="613"/>
      <c r="JKC713" s="613"/>
      <c r="JKD713" s="613"/>
      <c r="JKE713" s="613"/>
      <c r="JKF713" s="613"/>
      <c r="JKG713" s="613"/>
      <c r="JKH713" s="613"/>
      <c r="JKI713" s="613"/>
      <c r="JKJ713" s="613"/>
      <c r="JKK713" s="613"/>
      <c r="JKL713" s="613"/>
      <c r="JKM713" s="613"/>
      <c r="JKN713" s="613"/>
      <c r="JKO713" s="613"/>
      <c r="JKP713" s="613"/>
      <c r="JKQ713" s="613"/>
      <c r="JKR713" s="613"/>
      <c r="JKS713" s="613"/>
      <c r="JKT713" s="613"/>
      <c r="JKU713" s="613"/>
      <c r="JKV713" s="613"/>
      <c r="JKW713" s="613"/>
      <c r="JKX713" s="613"/>
      <c r="JKY713" s="613"/>
      <c r="JKZ713" s="613"/>
      <c r="JLA713" s="613"/>
      <c r="JLB713" s="613"/>
      <c r="JLC713" s="613"/>
      <c r="JLD713" s="613"/>
      <c r="JLE713" s="613"/>
      <c r="JLF713" s="613"/>
      <c r="JLG713" s="613"/>
      <c r="JLH713" s="613"/>
      <c r="JLI713" s="613"/>
      <c r="JLJ713" s="613"/>
      <c r="JLK713" s="613"/>
      <c r="JLL713" s="613"/>
      <c r="JLM713" s="613"/>
      <c r="JLN713" s="613"/>
      <c r="JLO713" s="613"/>
      <c r="JLP713" s="613"/>
      <c r="JLQ713" s="613"/>
      <c r="JLR713" s="613"/>
      <c r="JLS713" s="613"/>
      <c r="JLT713" s="613"/>
      <c r="JLU713" s="613"/>
      <c r="JLV713" s="613"/>
      <c r="JLW713" s="613"/>
      <c r="JLX713" s="613"/>
      <c r="JLY713" s="613"/>
      <c r="JLZ713" s="613"/>
      <c r="JMA713" s="613"/>
      <c r="JMB713" s="613"/>
      <c r="JMC713" s="613"/>
      <c r="JMD713" s="613"/>
      <c r="JME713" s="613"/>
      <c r="JMF713" s="613"/>
      <c r="JMG713" s="613"/>
      <c r="JMH713" s="613"/>
      <c r="JMI713" s="613"/>
      <c r="JMJ713" s="613"/>
      <c r="JMK713" s="613"/>
      <c r="JML713" s="613"/>
      <c r="JMM713" s="613"/>
      <c r="JMN713" s="613"/>
      <c r="JMO713" s="613"/>
      <c r="JMP713" s="613"/>
      <c r="JMQ713" s="613"/>
      <c r="JMR713" s="613"/>
      <c r="JMS713" s="613"/>
      <c r="JMT713" s="613"/>
      <c r="JMU713" s="613"/>
      <c r="JMV713" s="613"/>
      <c r="JMW713" s="613"/>
      <c r="JMX713" s="613"/>
      <c r="JMY713" s="613"/>
      <c r="JMZ713" s="613"/>
      <c r="JNA713" s="613"/>
      <c r="JNB713" s="613"/>
      <c r="JNC713" s="613"/>
      <c r="JND713" s="613"/>
      <c r="JNE713" s="613"/>
      <c r="JNF713" s="613"/>
      <c r="JNG713" s="613"/>
      <c r="JNH713" s="613"/>
      <c r="JNI713" s="613"/>
      <c r="JNJ713" s="613"/>
      <c r="JNK713" s="613"/>
      <c r="JNL713" s="613"/>
      <c r="JNM713" s="613"/>
      <c r="JNN713" s="613"/>
      <c r="JNO713" s="613"/>
      <c r="JNP713" s="613"/>
      <c r="JNQ713" s="613"/>
      <c r="JNR713" s="613"/>
      <c r="JNS713" s="613"/>
      <c r="JNT713" s="613"/>
      <c r="JNU713" s="613"/>
      <c r="JNV713" s="613"/>
      <c r="JNW713" s="613"/>
      <c r="JNX713" s="613"/>
      <c r="JNY713" s="613"/>
      <c r="JNZ713" s="613"/>
      <c r="JOA713" s="613"/>
      <c r="JOB713" s="613"/>
      <c r="JOC713" s="613"/>
      <c r="JOD713" s="613"/>
      <c r="JOE713" s="613"/>
      <c r="JOF713" s="613"/>
      <c r="JOG713" s="613"/>
      <c r="JOH713" s="613"/>
      <c r="JOI713" s="613"/>
      <c r="JOJ713" s="613"/>
      <c r="JOK713" s="613"/>
      <c r="JOL713" s="613"/>
      <c r="JOM713" s="613"/>
      <c r="JON713" s="613"/>
      <c r="JOO713" s="613"/>
      <c r="JOP713" s="613"/>
      <c r="JOQ713" s="613"/>
      <c r="JOR713" s="613"/>
      <c r="JOS713" s="613"/>
      <c r="JOT713" s="613"/>
      <c r="JOU713" s="613"/>
      <c r="JOV713" s="613"/>
      <c r="JOW713" s="613"/>
      <c r="JOX713" s="613"/>
      <c r="JOY713" s="613"/>
      <c r="JOZ713" s="613"/>
      <c r="JPA713" s="613"/>
      <c r="JPB713" s="613"/>
      <c r="JPC713" s="613"/>
      <c r="JPD713" s="613"/>
      <c r="JPE713" s="613"/>
      <c r="JPF713" s="613"/>
      <c r="JPG713" s="613"/>
      <c r="JPH713" s="613"/>
      <c r="JPI713" s="613"/>
      <c r="JPJ713" s="613"/>
      <c r="JPK713" s="613"/>
      <c r="JPL713" s="613"/>
      <c r="JPM713" s="613"/>
      <c r="JPN713" s="613"/>
      <c r="JPO713" s="613"/>
      <c r="JPP713" s="613"/>
      <c r="JPQ713" s="613"/>
      <c r="JPR713" s="613"/>
      <c r="JPS713" s="613"/>
      <c r="JPT713" s="613"/>
      <c r="JPU713" s="613"/>
      <c r="JPV713" s="613"/>
      <c r="JPW713" s="613"/>
      <c r="JPX713" s="613"/>
      <c r="JPY713" s="613"/>
      <c r="JPZ713" s="613"/>
      <c r="JQA713" s="613"/>
      <c r="JQB713" s="613"/>
      <c r="JQC713" s="613"/>
      <c r="JQD713" s="613"/>
      <c r="JQE713" s="613"/>
      <c r="JQF713" s="613"/>
      <c r="JQG713" s="613"/>
      <c r="JQH713" s="613"/>
      <c r="JQI713" s="613"/>
      <c r="JQJ713" s="613"/>
      <c r="JQK713" s="613"/>
      <c r="JQL713" s="613"/>
      <c r="JQM713" s="613"/>
      <c r="JQN713" s="613"/>
      <c r="JQO713" s="613"/>
      <c r="JQP713" s="613"/>
      <c r="JQQ713" s="613"/>
      <c r="JQR713" s="613"/>
      <c r="JQS713" s="613"/>
      <c r="JQT713" s="613"/>
      <c r="JQU713" s="613"/>
      <c r="JQV713" s="613"/>
      <c r="JQW713" s="613"/>
      <c r="JQX713" s="613"/>
      <c r="JQY713" s="613"/>
      <c r="JQZ713" s="613"/>
      <c r="JRA713" s="613"/>
      <c r="JRB713" s="613"/>
      <c r="JRC713" s="613"/>
      <c r="JRD713" s="613"/>
      <c r="JRE713" s="613"/>
      <c r="JRF713" s="613"/>
      <c r="JRG713" s="613"/>
      <c r="JRH713" s="613"/>
      <c r="JRI713" s="613"/>
      <c r="JRJ713" s="613"/>
      <c r="JRK713" s="613"/>
      <c r="JRL713" s="613"/>
      <c r="JRM713" s="613"/>
      <c r="JRN713" s="613"/>
      <c r="JRO713" s="613"/>
      <c r="JRP713" s="613"/>
      <c r="JRQ713" s="613"/>
      <c r="JRR713" s="613"/>
      <c r="JRS713" s="613"/>
      <c r="JRT713" s="613"/>
      <c r="JRU713" s="613"/>
      <c r="JRV713" s="613"/>
      <c r="JRW713" s="613"/>
      <c r="JRX713" s="613"/>
      <c r="JRY713" s="613"/>
      <c r="JRZ713" s="613"/>
      <c r="JSA713" s="613"/>
      <c r="JSB713" s="613"/>
      <c r="JSC713" s="613"/>
      <c r="JSD713" s="613"/>
      <c r="JSE713" s="613"/>
      <c r="JSF713" s="613"/>
      <c r="JSG713" s="613"/>
      <c r="JSH713" s="613"/>
      <c r="JSI713" s="613"/>
      <c r="JSJ713" s="613"/>
      <c r="JSK713" s="613"/>
      <c r="JSL713" s="613"/>
      <c r="JSM713" s="613"/>
      <c r="JSN713" s="613"/>
      <c r="JSO713" s="613"/>
      <c r="JSP713" s="613"/>
      <c r="JSQ713" s="613"/>
      <c r="JSR713" s="613"/>
      <c r="JSS713" s="613"/>
      <c r="JST713" s="613"/>
      <c r="JSU713" s="613"/>
      <c r="JSV713" s="613"/>
      <c r="JSW713" s="613"/>
      <c r="JSX713" s="613"/>
      <c r="JSY713" s="613"/>
      <c r="JSZ713" s="613"/>
      <c r="JTA713" s="613"/>
      <c r="JTB713" s="613"/>
      <c r="JTC713" s="613"/>
      <c r="JTD713" s="613"/>
      <c r="JTE713" s="613"/>
      <c r="JTF713" s="613"/>
      <c r="JTG713" s="613"/>
      <c r="JTH713" s="613"/>
      <c r="JTI713" s="613"/>
      <c r="JTJ713" s="613"/>
      <c r="JTK713" s="613"/>
      <c r="JTL713" s="613"/>
      <c r="JTM713" s="613"/>
      <c r="JTN713" s="613"/>
      <c r="JTO713" s="613"/>
      <c r="JTP713" s="613"/>
      <c r="JTQ713" s="613"/>
      <c r="JTR713" s="613"/>
      <c r="JTS713" s="613"/>
      <c r="JTT713" s="613"/>
      <c r="JTU713" s="613"/>
      <c r="JTV713" s="613"/>
      <c r="JTW713" s="613"/>
      <c r="JTX713" s="613"/>
      <c r="JTY713" s="613"/>
      <c r="JTZ713" s="613"/>
      <c r="JUA713" s="613"/>
      <c r="JUB713" s="613"/>
      <c r="JUC713" s="613"/>
      <c r="JUD713" s="613"/>
      <c r="JUE713" s="613"/>
      <c r="JUF713" s="613"/>
      <c r="JUG713" s="613"/>
      <c r="JUH713" s="613"/>
      <c r="JUI713" s="613"/>
      <c r="JUJ713" s="613"/>
      <c r="JUK713" s="613"/>
      <c r="JUL713" s="613"/>
      <c r="JUM713" s="613"/>
      <c r="JUN713" s="613"/>
      <c r="JUO713" s="613"/>
      <c r="JUP713" s="613"/>
      <c r="JUQ713" s="613"/>
      <c r="JUR713" s="613"/>
      <c r="JUS713" s="613"/>
      <c r="JUT713" s="613"/>
      <c r="JUU713" s="613"/>
      <c r="JUV713" s="613"/>
      <c r="JUW713" s="613"/>
      <c r="JUX713" s="613"/>
      <c r="JUY713" s="613"/>
      <c r="JUZ713" s="613"/>
      <c r="JVA713" s="613"/>
      <c r="JVB713" s="613"/>
      <c r="JVC713" s="613"/>
      <c r="JVD713" s="613"/>
      <c r="JVE713" s="613"/>
      <c r="JVF713" s="613"/>
      <c r="JVG713" s="613"/>
      <c r="JVH713" s="613"/>
      <c r="JVI713" s="613"/>
      <c r="JVJ713" s="613"/>
      <c r="JVK713" s="613"/>
      <c r="JVL713" s="613"/>
      <c r="JVM713" s="613"/>
      <c r="JVN713" s="613"/>
      <c r="JVO713" s="613"/>
      <c r="JVP713" s="613"/>
      <c r="JVQ713" s="613"/>
      <c r="JVR713" s="613"/>
      <c r="JVS713" s="613"/>
      <c r="JVT713" s="613"/>
      <c r="JVU713" s="613"/>
      <c r="JVV713" s="613"/>
      <c r="JVW713" s="613"/>
      <c r="JVX713" s="613"/>
      <c r="JVY713" s="613"/>
      <c r="JVZ713" s="613"/>
      <c r="JWA713" s="613"/>
      <c r="JWB713" s="613"/>
      <c r="JWC713" s="613"/>
      <c r="JWD713" s="613"/>
      <c r="JWE713" s="613"/>
      <c r="JWF713" s="613"/>
      <c r="JWG713" s="613"/>
      <c r="JWH713" s="613"/>
      <c r="JWI713" s="613"/>
      <c r="JWJ713" s="613"/>
      <c r="JWK713" s="613"/>
      <c r="JWL713" s="613"/>
      <c r="JWM713" s="613"/>
      <c r="JWN713" s="613"/>
      <c r="JWO713" s="613"/>
      <c r="JWP713" s="613"/>
      <c r="JWQ713" s="613"/>
      <c r="JWR713" s="613"/>
      <c r="JWS713" s="613"/>
      <c r="JWT713" s="613"/>
      <c r="JWU713" s="613"/>
      <c r="JWV713" s="613"/>
      <c r="JWW713" s="613"/>
      <c r="JWX713" s="613"/>
      <c r="JWY713" s="613"/>
      <c r="JWZ713" s="613"/>
      <c r="JXA713" s="613"/>
      <c r="JXB713" s="613"/>
      <c r="JXC713" s="613"/>
      <c r="JXD713" s="613"/>
      <c r="JXE713" s="613"/>
      <c r="JXF713" s="613"/>
      <c r="JXG713" s="613"/>
      <c r="JXH713" s="613"/>
      <c r="JXI713" s="613"/>
      <c r="JXJ713" s="613"/>
      <c r="JXK713" s="613"/>
      <c r="JXL713" s="613"/>
      <c r="JXM713" s="613"/>
      <c r="JXN713" s="613"/>
      <c r="JXO713" s="613"/>
      <c r="JXP713" s="613"/>
      <c r="JXQ713" s="613"/>
      <c r="JXR713" s="613"/>
      <c r="JXS713" s="613"/>
      <c r="JXT713" s="613"/>
      <c r="JXU713" s="613"/>
      <c r="JXV713" s="613"/>
      <c r="JXW713" s="613"/>
      <c r="JXX713" s="613"/>
      <c r="JXY713" s="613"/>
      <c r="JXZ713" s="613"/>
      <c r="JYA713" s="613"/>
      <c r="JYB713" s="613"/>
      <c r="JYC713" s="613"/>
      <c r="JYD713" s="613"/>
      <c r="JYE713" s="613"/>
      <c r="JYF713" s="613"/>
      <c r="JYG713" s="613"/>
      <c r="JYH713" s="613"/>
      <c r="JYI713" s="613"/>
      <c r="JYJ713" s="613"/>
      <c r="JYK713" s="613"/>
      <c r="JYL713" s="613"/>
      <c r="JYM713" s="613"/>
      <c r="JYN713" s="613"/>
      <c r="JYO713" s="613"/>
      <c r="JYP713" s="613"/>
      <c r="JYQ713" s="613"/>
      <c r="JYR713" s="613"/>
      <c r="JYS713" s="613"/>
      <c r="JYT713" s="613"/>
      <c r="JYU713" s="613"/>
      <c r="JYV713" s="613"/>
      <c r="JYW713" s="613"/>
      <c r="JYX713" s="613"/>
      <c r="JYY713" s="613"/>
      <c r="JYZ713" s="613"/>
      <c r="JZA713" s="613"/>
      <c r="JZB713" s="613"/>
      <c r="JZC713" s="613"/>
      <c r="JZD713" s="613"/>
      <c r="JZE713" s="613"/>
      <c r="JZF713" s="613"/>
      <c r="JZG713" s="613"/>
      <c r="JZH713" s="613"/>
      <c r="JZI713" s="613"/>
      <c r="JZJ713" s="613"/>
      <c r="JZK713" s="613"/>
      <c r="JZL713" s="613"/>
      <c r="JZM713" s="613"/>
      <c r="JZN713" s="613"/>
      <c r="JZO713" s="613"/>
      <c r="JZP713" s="613"/>
      <c r="JZQ713" s="613"/>
      <c r="JZR713" s="613"/>
      <c r="JZS713" s="613"/>
      <c r="JZT713" s="613"/>
      <c r="JZU713" s="613"/>
      <c r="JZV713" s="613"/>
      <c r="JZW713" s="613"/>
      <c r="JZX713" s="613"/>
      <c r="JZY713" s="613"/>
      <c r="JZZ713" s="613"/>
      <c r="KAA713" s="613"/>
      <c r="KAB713" s="613"/>
      <c r="KAC713" s="613"/>
      <c r="KAD713" s="613"/>
      <c r="KAE713" s="613"/>
      <c r="KAF713" s="613"/>
      <c r="KAG713" s="613"/>
      <c r="KAH713" s="613"/>
      <c r="KAI713" s="613"/>
      <c r="KAJ713" s="613"/>
      <c r="KAK713" s="613"/>
      <c r="KAL713" s="613"/>
      <c r="KAM713" s="613"/>
      <c r="KAN713" s="613"/>
      <c r="KAO713" s="613"/>
      <c r="KAP713" s="613"/>
      <c r="KAQ713" s="613"/>
      <c r="KAR713" s="613"/>
      <c r="KAS713" s="613"/>
      <c r="KAT713" s="613"/>
      <c r="KAU713" s="613"/>
      <c r="KAV713" s="613"/>
      <c r="KAW713" s="613"/>
      <c r="KAX713" s="613"/>
      <c r="KAY713" s="613"/>
      <c r="KAZ713" s="613"/>
      <c r="KBA713" s="613"/>
      <c r="KBB713" s="613"/>
      <c r="KBC713" s="613"/>
      <c r="KBD713" s="613"/>
      <c r="KBE713" s="613"/>
      <c r="KBF713" s="613"/>
      <c r="KBG713" s="613"/>
      <c r="KBH713" s="613"/>
      <c r="KBI713" s="613"/>
      <c r="KBJ713" s="613"/>
      <c r="KBK713" s="613"/>
      <c r="KBL713" s="613"/>
      <c r="KBM713" s="613"/>
      <c r="KBN713" s="613"/>
      <c r="KBO713" s="613"/>
      <c r="KBP713" s="613"/>
      <c r="KBQ713" s="613"/>
      <c r="KBR713" s="613"/>
      <c r="KBS713" s="613"/>
      <c r="KBT713" s="613"/>
      <c r="KBU713" s="613"/>
      <c r="KBV713" s="613"/>
      <c r="KBW713" s="613"/>
      <c r="KBX713" s="613"/>
      <c r="KBY713" s="613"/>
      <c r="KBZ713" s="613"/>
      <c r="KCA713" s="613"/>
      <c r="KCB713" s="613"/>
      <c r="KCC713" s="613"/>
      <c r="KCD713" s="613"/>
      <c r="KCE713" s="613"/>
      <c r="KCF713" s="613"/>
      <c r="KCG713" s="613"/>
      <c r="KCH713" s="613"/>
      <c r="KCI713" s="613"/>
      <c r="KCJ713" s="613"/>
      <c r="KCK713" s="613"/>
      <c r="KCL713" s="613"/>
      <c r="KCM713" s="613"/>
      <c r="KCN713" s="613"/>
      <c r="KCO713" s="613"/>
      <c r="KCP713" s="613"/>
      <c r="KCQ713" s="613"/>
      <c r="KCR713" s="613"/>
      <c r="KCS713" s="613"/>
      <c r="KCT713" s="613"/>
      <c r="KCU713" s="613"/>
      <c r="KCV713" s="613"/>
      <c r="KCW713" s="613"/>
      <c r="KCX713" s="613"/>
      <c r="KCY713" s="613"/>
      <c r="KCZ713" s="613"/>
      <c r="KDA713" s="613"/>
      <c r="KDB713" s="613"/>
      <c r="KDC713" s="613"/>
      <c r="KDD713" s="613"/>
      <c r="KDE713" s="613"/>
      <c r="KDF713" s="613"/>
      <c r="KDG713" s="613"/>
      <c r="KDH713" s="613"/>
      <c r="KDI713" s="613"/>
      <c r="KDJ713" s="613"/>
      <c r="KDK713" s="613"/>
      <c r="KDL713" s="613"/>
      <c r="KDM713" s="613"/>
      <c r="KDN713" s="613"/>
      <c r="KDO713" s="613"/>
      <c r="KDP713" s="613"/>
      <c r="KDQ713" s="613"/>
      <c r="KDR713" s="613"/>
      <c r="KDS713" s="613"/>
      <c r="KDT713" s="613"/>
      <c r="KDU713" s="613"/>
      <c r="KDV713" s="613"/>
      <c r="KDW713" s="613"/>
      <c r="KDX713" s="613"/>
      <c r="KDY713" s="613"/>
      <c r="KDZ713" s="613"/>
      <c r="KEA713" s="613"/>
      <c r="KEB713" s="613"/>
      <c r="KEC713" s="613"/>
      <c r="KED713" s="613"/>
      <c r="KEE713" s="613"/>
      <c r="KEF713" s="613"/>
      <c r="KEG713" s="613"/>
      <c r="KEH713" s="613"/>
      <c r="KEI713" s="613"/>
      <c r="KEJ713" s="613"/>
      <c r="KEK713" s="613"/>
      <c r="KEL713" s="613"/>
      <c r="KEM713" s="613"/>
      <c r="KEN713" s="613"/>
      <c r="KEO713" s="613"/>
      <c r="KEP713" s="613"/>
      <c r="KEQ713" s="613"/>
      <c r="KER713" s="613"/>
      <c r="KES713" s="613"/>
      <c r="KET713" s="613"/>
      <c r="KEU713" s="613"/>
      <c r="KEV713" s="613"/>
      <c r="KEW713" s="613"/>
      <c r="KEX713" s="613"/>
      <c r="KEY713" s="613"/>
      <c r="KEZ713" s="613"/>
      <c r="KFA713" s="613"/>
      <c r="KFB713" s="613"/>
      <c r="KFC713" s="613"/>
      <c r="KFD713" s="613"/>
      <c r="KFE713" s="613"/>
      <c r="KFF713" s="613"/>
      <c r="KFG713" s="613"/>
      <c r="KFH713" s="613"/>
      <c r="KFI713" s="613"/>
      <c r="KFJ713" s="613"/>
      <c r="KFK713" s="613"/>
      <c r="KFL713" s="613"/>
      <c r="KFM713" s="613"/>
      <c r="KFN713" s="613"/>
      <c r="KFO713" s="613"/>
      <c r="KFP713" s="613"/>
      <c r="KFQ713" s="613"/>
      <c r="KFR713" s="613"/>
      <c r="KFS713" s="613"/>
      <c r="KFT713" s="613"/>
      <c r="KFU713" s="613"/>
      <c r="KFV713" s="613"/>
      <c r="KFW713" s="613"/>
      <c r="KFX713" s="613"/>
      <c r="KFY713" s="613"/>
      <c r="KFZ713" s="613"/>
      <c r="KGA713" s="613"/>
      <c r="KGB713" s="613"/>
      <c r="KGC713" s="613"/>
      <c r="KGD713" s="613"/>
      <c r="KGE713" s="613"/>
      <c r="KGF713" s="613"/>
      <c r="KGG713" s="613"/>
      <c r="KGH713" s="613"/>
      <c r="KGI713" s="613"/>
      <c r="KGJ713" s="613"/>
      <c r="KGK713" s="613"/>
      <c r="KGL713" s="613"/>
      <c r="KGM713" s="613"/>
      <c r="KGN713" s="613"/>
      <c r="KGO713" s="613"/>
      <c r="KGP713" s="613"/>
      <c r="KGQ713" s="613"/>
      <c r="KGR713" s="613"/>
      <c r="KGS713" s="613"/>
      <c r="KGT713" s="613"/>
      <c r="KGU713" s="613"/>
      <c r="KGV713" s="613"/>
      <c r="KGW713" s="613"/>
      <c r="KGX713" s="613"/>
      <c r="KGY713" s="613"/>
      <c r="KGZ713" s="613"/>
      <c r="KHA713" s="613"/>
      <c r="KHB713" s="613"/>
      <c r="KHC713" s="613"/>
      <c r="KHD713" s="613"/>
      <c r="KHE713" s="613"/>
      <c r="KHF713" s="613"/>
      <c r="KHG713" s="613"/>
      <c r="KHH713" s="613"/>
      <c r="KHI713" s="613"/>
      <c r="KHJ713" s="613"/>
      <c r="KHK713" s="613"/>
      <c r="KHL713" s="613"/>
      <c r="KHM713" s="613"/>
      <c r="KHN713" s="613"/>
      <c r="KHO713" s="613"/>
      <c r="KHP713" s="613"/>
      <c r="KHQ713" s="613"/>
      <c r="KHR713" s="613"/>
      <c r="KHS713" s="613"/>
      <c r="KHT713" s="613"/>
      <c r="KHU713" s="613"/>
      <c r="KHV713" s="613"/>
      <c r="KHW713" s="613"/>
      <c r="KHX713" s="613"/>
      <c r="KHY713" s="613"/>
      <c r="KHZ713" s="613"/>
      <c r="KIA713" s="613"/>
      <c r="KIB713" s="613"/>
      <c r="KIC713" s="613"/>
      <c r="KID713" s="613"/>
      <c r="KIE713" s="613"/>
      <c r="KIF713" s="613"/>
      <c r="KIG713" s="613"/>
      <c r="KIH713" s="613"/>
      <c r="KII713" s="613"/>
      <c r="KIJ713" s="613"/>
      <c r="KIK713" s="613"/>
      <c r="KIL713" s="613"/>
      <c r="KIM713" s="613"/>
      <c r="KIN713" s="613"/>
      <c r="KIO713" s="613"/>
      <c r="KIP713" s="613"/>
      <c r="KIQ713" s="613"/>
      <c r="KIR713" s="613"/>
      <c r="KIS713" s="613"/>
      <c r="KIT713" s="613"/>
      <c r="KIU713" s="613"/>
      <c r="KIV713" s="613"/>
      <c r="KIW713" s="613"/>
      <c r="KIX713" s="613"/>
      <c r="KIY713" s="613"/>
      <c r="KIZ713" s="613"/>
      <c r="KJA713" s="613"/>
      <c r="KJB713" s="613"/>
      <c r="KJC713" s="613"/>
      <c r="KJD713" s="613"/>
      <c r="KJE713" s="613"/>
      <c r="KJF713" s="613"/>
      <c r="KJG713" s="613"/>
      <c r="KJH713" s="613"/>
      <c r="KJI713" s="613"/>
      <c r="KJJ713" s="613"/>
      <c r="KJK713" s="613"/>
      <c r="KJL713" s="613"/>
      <c r="KJM713" s="613"/>
      <c r="KJN713" s="613"/>
      <c r="KJO713" s="613"/>
      <c r="KJP713" s="613"/>
      <c r="KJQ713" s="613"/>
      <c r="KJR713" s="613"/>
      <c r="KJS713" s="613"/>
      <c r="KJT713" s="613"/>
      <c r="KJU713" s="613"/>
      <c r="KJV713" s="613"/>
      <c r="KJW713" s="613"/>
      <c r="KJX713" s="613"/>
      <c r="KJY713" s="613"/>
      <c r="KJZ713" s="613"/>
      <c r="KKA713" s="613"/>
      <c r="KKB713" s="613"/>
      <c r="KKC713" s="613"/>
      <c r="KKD713" s="613"/>
      <c r="KKE713" s="613"/>
      <c r="KKF713" s="613"/>
      <c r="KKG713" s="613"/>
      <c r="KKH713" s="613"/>
      <c r="KKI713" s="613"/>
      <c r="KKJ713" s="613"/>
      <c r="KKK713" s="613"/>
      <c r="KKL713" s="613"/>
      <c r="KKM713" s="613"/>
      <c r="KKN713" s="613"/>
      <c r="KKO713" s="613"/>
      <c r="KKP713" s="613"/>
      <c r="KKQ713" s="613"/>
      <c r="KKR713" s="613"/>
      <c r="KKS713" s="613"/>
      <c r="KKT713" s="613"/>
      <c r="KKU713" s="613"/>
      <c r="KKV713" s="613"/>
      <c r="KKW713" s="613"/>
      <c r="KKX713" s="613"/>
      <c r="KKY713" s="613"/>
      <c r="KKZ713" s="613"/>
      <c r="KLA713" s="613"/>
      <c r="KLB713" s="613"/>
      <c r="KLC713" s="613"/>
      <c r="KLD713" s="613"/>
      <c r="KLE713" s="613"/>
      <c r="KLF713" s="613"/>
      <c r="KLG713" s="613"/>
      <c r="KLH713" s="613"/>
      <c r="KLI713" s="613"/>
      <c r="KLJ713" s="613"/>
      <c r="KLK713" s="613"/>
      <c r="KLL713" s="613"/>
      <c r="KLM713" s="613"/>
      <c r="KLN713" s="613"/>
      <c r="KLO713" s="613"/>
      <c r="KLP713" s="613"/>
      <c r="KLQ713" s="613"/>
      <c r="KLR713" s="613"/>
      <c r="KLS713" s="613"/>
      <c r="KLT713" s="613"/>
      <c r="KLU713" s="613"/>
      <c r="KLV713" s="613"/>
      <c r="KLW713" s="613"/>
      <c r="KLX713" s="613"/>
      <c r="KLY713" s="613"/>
      <c r="KLZ713" s="613"/>
      <c r="KMA713" s="613"/>
      <c r="KMB713" s="613"/>
      <c r="KMC713" s="613"/>
      <c r="KMD713" s="613"/>
      <c r="KME713" s="613"/>
      <c r="KMF713" s="613"/>
      <c r="KMG713" s="613"/>
      <c r="KMH713" s="613"/>
      <c r="KMI713" s="613"/>
      <c r="KMJ713" s="613"/>
      <c r="KMK713" s="613"/>
      <c r="KML713" s="613"/>
      <c r="KMM713" s="613"/>
      <c r="KMN713" s="613"/>
      <c r="KMO713" s="613"/>
      <c r="KMP713" s="613"/>
      <c r="KMQ713" s="613"/>
      <c r="KMR713" s="613"/>
      <c r="KMS713" s="613"/>
      <c r="KMT713" s="613"/>
      <c r="KMU713" s="613"/>
      <c r="KMV713" s="613"/>
      <c r="KMW713" s="613"/>
      <c r="KMX713" s="613"/>
      <c r="KMY713" s="613"/>
      <c r="KMZ713" s="613"/>
      <c r="KNA713" s="613"/>
      <c r="KNB713" s="613"/>
      <c r="KNC713" s="613"/>
      <c r="KND713" s="613"/>
      <c r="KNE713" s="613"/>
      <c r="KNF713" s="613"/>
      <c r="KNG713" s="613"/>
      <c r="KNH713" s="613"/>
      <c r="KNI713" s="613"/>
      <c r="KNJ713" s="613"/>
      <c r="KNK713" s="613"/>
      <c r="KNL713" s="613"/>
      <c r="KNM713" s="613"/>
      <c r="KNN713" s="613"/>
      <c r="KNO713" s="613"/>
      <c r="KNP713" s="613"/>
      <c r="KNQ713" s="613"/>
      <c r="KNR713" s="613"/>
      <c r="KNS713" s="613"/>
      <c r="KNT713" s="613"/>
      <c r="KNU713" s="613"/>
      <c r="KNV713" s="613"/>
      <c r="KNW713" s="613"/>
      <c r="KNX713" s="613"/>
      <c r="KNY713" s="613"/>
      <c r="KNZ713" s="613"/>
      <c r="KOA713" s="613"/>
      <c r="KOB713" s="613"/>
      <c r="KOC713" s="613"/>
      <c r="KOD713" s="613"/>
      <c r="KOE713" s="613"/>
      <c r="KOF713" s="613"/>
      <c r="KOG713" s="613"/>
      <c r="KOH713" s="613"/>
      <c r="KOI713" s="613"/>
      <c r="KOJ713" s="613"/>
      <c r="KOK713" s="613"/>
      <c r="KOL713" s="613"/>
      <c r="KOM713" s="613"/>
      <c r="KON713" s="613"/>
      <c r="KOO713" s="613"/>
      <c r="KOP713" s="613"/>
      <c r="KOQ713" s="613"/>
      <c r="KOR713" s="613"/>
      <c r="KOS713" s="613"/>
      <c r="KOT713" s="613"/>
      <c r="KOU713" s="613"/>
      <c r="KOV713" s="613"/>
      <c r="KOW713" s="613"/>
      <c r="KOX713" s="613"/>
      <c r="KOY713" s="613"/>
      <c r="KOZ713" s="613"/>
      <c r="KPA713" s="613"/>
      <c r="KPB713" s="613"/>
      <c r="KPC713" s="613"/>
      <c r="KPD713" s="613"/>
      <c r="KPE713" s="613"/>
      <c r="KPF713" s="613"/>
      <c r="KPG713" s="613"/>
      <c r="KPH713" s="613"/>
      <c r="KPI713" s="613"/>
      <c r="KPJ713" s="613"/>
      <c r="KPK713" s="613"/>
      <c r="KPL713" s="613"/>
      <c r="KPM713" s="613"/>
      <c r="KPN713" s="613"/>
      <c r="KPO713" s="613"/>
      <c r="KPP713" s="613"/>
      <c r="KPQ713" s="613"/>
      <c r="KPR713" s="613"/>
      <c r="KPS713" s="613"/>
      <c r="KPT713" s="613"/>
      <c r="KPU713" s="613"/>
      <c r="KPV713" s="613"/>
      <c r="KPW713" s="613"/>
      <c r="KPX713" s="613"/>
      <c r="KPY713" s="613"/>
      <c r="KPZ713" s="613"/>
      <c r="KQA713" s="613"/>
      <c r="KQB713" s="613"/>
      <c r="KQC713" s="613"/>
      <c r="KQD713" s="613"/>
      <c r="KQE713" s="613"/>
      <c r="KQF713" s="613"/>
      <c r="KQG713" s="613"/>
      <c r="KQH713" s="613"/>
      <c r="KQI713" s="613"/>
      <c r="KQJ713" s="613"/>
      <c r="KQK713" s="613"/>
      <c r="KQL713" s="613"/>
      <c r="KQM713" s="613"/>
      <c r="KQN713" s="613"/>
      <c r="KQO713" s="613"/>
      <c r="KQP713" s="613"/>
      <c r="KQQ713" s="613"/>
      <c r="KQR713" s="613"/>
      <c r="KQS713" s="613"/>
      <c r="KQT713" s="613"/>
      <c r="KQU713" s="613"/>
      <c r="KQV713" s="613"/>
      <c r="KQW713" s="613"/>
      <c r="KQX713" s="613"/>
      <c r="KQY713" s="613"/>
      <c r="KQZ713" s="613"/>
      <c r="KRA713" s="613"/>
      <c r="KRB713" s="613"/>
      <c r="KRC713" s="613"/>
      <c r="KRD713" s="613"/>
      <c r="KRE713" s="613"/>
      <c r="KRF713" s="613"/>
      <c r="KRG713" s="613"/>
      <c r="KRH713" s="613"/>
      <c r="KRI713" s="613"/>
      <c r="KRJ713" s="613"/>
      <c r="KRK713" s="613"/>
      <c r="KRL713" s="613"/>
      <c r="KRM713" s="613"/>
      <c r="KRN713" s="613"/>
      <c r="KRO713" s="613"/>
      <c r="KRP713" s="613"/>
      <c r="KRQ713" s="613"/>
      <c r="KRR713" s="613"/>
      <c r="KRS713" s="613"/>
      <c r="KRT713" s="613"/>
      <c r="KRU713" s="613"/>
      <c r="KRV713" s="613"/>
      <c r="KRW713" s="613"/>
      <c r="KRX713" s="613"/>
      <c r="KRY713" s="613"/>
      <c r="KRZ713" s="613"/>
      <c r="KSA713" s="613"/>
      <c r="KSB713" s="613"/>
      <c r="KSC713" s="613"/>
      <c r="KSD713" s="613"/>
      <c r="KSE713" s="613"/>
      <c r="KSF713" s="613"/>
      <c r="KSG713" s="613"/>
      <c r="KSH713" s="613"/>
      <c r="KSI713" s="613"/>
      <c r="KSJ713" s="613"/>
      <c r="KSK713" s="613"/>
      <c r="KSL713" s="613"/>
      <c r="KSM713" s="613"/>
      <c r="KSN713" s="613"/>
      <c r="KSO713" s="613"/>
      <c r="KSP713" s="613"/>
      <c r="KSQ713" s="613"/>
      <c r="KSR713" s="613"/>
      <c r="KSS713" s="613"/>
      <c r="KST713" s="613"/>
      <c r="KSU713" s="613"/>
      <c r="KSV713" s="613"/>
      <c r="KSW713" s="613"/>
      <c r="KSX713" s="613"/>
      <c r="KSY713" s="613"/>
      <c r="KSZ713" s="613"/>
      <c r="KTA713" s="613"/>
      <c r="KTB713" s="613"/>
      <c r="KTC713" s="613"/>
      <c r="KTD713" s="613"/>
      <c r="KTE713" s="613"/>
      <c r="KTF713" s="613"/>
      <c r="KTG713" s="613"/>
      <c r="KTH713" s="613"/>
      <c r="KTI713" s="613"/>
      <c r="KTJ713" s="613"/>
      <c r="KTK713" s="613"/>
      <c r="KTL713" s="613"/>
      <c r="KTM713" s="613"/>
      <c r="KTN713" s="613"/>
      <c r="KTO713" s="613"/>
      <c r="KTP713" s="613"/>
      <c r="KTQ713" s="613"/>
      <c r="KTR713" s="613"/>
      <c r="KTS713" s="613"/>
      <c r="KTT713" s="613"/>
      <c r="KTU713" s="613"/>
      <c r="KTV713" s="613"/>
      <c r="KTW713" s="613"/>
      <c r="KTX713" s="613"/>
      <c r="KTY713" s="613"/>
      <c r="KTZ713" s="613"/>
      <c r="KUA713" s="613"/>
      <c r="KUB713" s="613"/>
      <c r="KUC713" s="613"/>
      <c r="KUD713" s="613"/>
      <c r="KUE713" s="613"/>
      <c r="KUF713" s="613"/>
      <c r="KUG713" s="613"/>
      <c r="KUH713" s="613"/>
      <c r="KUI713" s="613"/>
      <c r="KUJ713" s="613"/>
      <c r="KUK713" s="613"/>
      <c r="KUL713" s="613"/>
      <c r="KUM713" s="613"/>
      <c r="KUN713" s="613"/>
      <c r="KUO713" s="613"/>
      <c r="KUP713" s="613"/>
      <c r="KUQ713" s="613"/>
      <c r="KUR713" s="613"/>
      <c r="KUS713" s="613"/>
      <c r="KUT713" s="613"/>
      <c r="KUU713" s="613"/>
      <c r="KUV713" s="613"/>
      <c r="KUW713" s="613"/>
      <c r="KUX713" s="613"/>
      <c r="KUY713" s="613"/>
      <c r="KUZ713" s="613"/>
      <c r="KVA713" s="613"/>
      <c r="KVB713" s="613"/>
      <c r="KVC713" s="613"/>
      <c r="KVD713" s="613"/>
      <c r="KVE713" s="613"/>
      <c r="KVF713" s="613"/>
      <c r="KVG713" s="613"/>
      <c r="KVH713" s="613"/>
      <c r="KVI713" s="613"/>
      <c r="KVJ713" s="613"/>
      <c r="KVK713" s="613"/>
      <c r="KVL713" s="613"/>
      <c r="KVM713" s="613"/>
      <c r="KVN713" s="613"/>
      <c r="KVO713" s="613"/>
      <c r="KVP713" s="613"/>
      <c r="KVQ713" s="613"/>
      <c r="KVR713" s="613"/>
      <c r="KVS713" s="613"/>
      <c r="KVT713" s="613"/>
      <c r="KVU713" s="613"/>
      <c r="KVV713" s="613"/>
      <c r="KVW713" s="613"/>
      <c r="KVX713" s="613"/>
      <c r="KVY713" s="613"/>
      <c r="KVZ713" s="613"/>
      <c r="KWA713" s="613"/>
      <c r="KWB713" s="613"/>
      <c r="KWC713" s="613"/>
      <c r="KWD713" s="613"/>
      <c r="KWE713" s="613"/>
      <c r="KWF713" s="613"/>
      <c r="KWG713" s="613"/>
      <c r="KWH713" s="613"/>
      <c r="KWI713" s="613"/>
      <c r="KWJ713" s="613"/>
      <c r="KWK713" s="613"/>
      <c r="KWL713" s="613"/>
      <c r="KWM713" s="613"/>
      <c r="KWN713" s="613"/>
      <c r="KWO713" s="613"/>
      <c r="KWP713" s="613"/>
      <c r="KWQ713" s="613"/>
      <c r="KWR713" s="613"/>
      <c r="KWS713" s="613"/>
      <c r="KWT713" s="613"/>
      <c r="KWU713" s="613"/>
      <c r="KWV713" s="613"/>
      <c r="KWW713" s="613"/>
      <c r="KWX713" s="613"/>
      <c r="KWY713" s="613"/>
      <c r="KWZ713" s="613"/>
      <c r="KXA713" s="613"/>
      <c r="KXB713" s="613"/>
      <c r="KXC713" s="613"/>
      <c r="KXD713" s="613"/>
      <c r="KXE713" s="613"/>
      <c r="KXF713" s="613"/>
      <c r="KXG713" s="613"/>
      <c r="KXH713" s="613"/>
      <c r="KXI713" s="613"/>
      <c r="KXJ713" s="613"/>
      <c r="KXK713" s="613"/>
      <c r="KXL713" s="613"/>
      <c r="KXM713" s="613"/>
      <c r="KXN713" s="613"/>
      <c r="KXO713" s="613"/>
      <c r="KXP713" s="613"/>
      <c r="KXQ713" s="613"/>
      <c r="KXR713" s="613"/>
      <c r="KXS713" s="613"/>
      <c r="KXT713" s="613"/>
      <c r="KXU713" s="613"/>
      <c r="KXV713" s="613"/>
      <c r="KXW713" s="613"/>
      <c r="KXX713" s="613"/>
      <c r="KXY713" s="613"/>
      <c r="KXZ713" s="613"/>
      <c r="KYA713" s="613"/>
      <c r="KYB713" s="613"/>
      <c r="KYC713" s="613"/>
      <c r="KYD713" s="613"/>
      <c r="KYE713" s="613"/>
      <c r="KYF713" s="613"/>
      <c r="KYG713" s="613"/>
      <c r="KYH713" s="613"/>
      <c r="KYI713" s="613"/>
      <c r="KYJ713" s="613"/>
      <c r="KYK713" s="613"/>
      <c r="KYL713" s="613"/>
      <c r="KYM713" s="613"/>
      <c r="KYN713" s="613"/>
      <c r="KYO713" s="613"/>
      <c r="KYP713" s="613"/>
      <c r="KYQ713" s="613"/>
      <c r="KYR713" s="613"/>
      <c r="KYS713" s="613"/>
      <c r="KYT713" s="613"/>
      <c r="KYU713" s="613"/>
      <c r="KYV713" s="613"/>
      <c r="KYW713" s="613"/>
      <c r="KYX713" s="613"/>
      <c r="KYY713" s="613"/>
      <c r="KYZ713" s="613"/>
      <c r="KZA713" s="613"/>
      <c r="KZB713" s="613"/>
      <c r="KZC713" s="613"/>
      <c r="KZD713" s="613"/>
      <c r="KZE713" s="613"/>
      <c r="KZF713" s="613"/>
      <c r="KZG713" s="613"/>
      <c r="KZH713" s="613"/>
      <c r="KZI713" s="613"/>
      <c r="KZJ713" s="613"/>
      <c r="KZK713" s="613"/>
      <c r="KZL713" s="613"/>
      <c r="KZM713" s="613"/>
      <c r="KZN713" s="613"/>
      <c r="KZO713" s="613"/>
      <c r="KZP713" s="613"/>
      <c r="KZQ713" s="613"/>
      <c r="KZR713" s="613"/>
      <c r="KZS713" s="613"/>
      <c r="KZT713" s="613"/>
      <c r="KZU713" s="613"/>
      <c r="KZV713" s="613"/>
      <c r="KZW713" s="613"/>
      <c r="KZX713" s="613"/>
      <c r="KZY713" s="613"/>
      <c r="KZZ713" s="613"/>
      <c r="LAA713" s="613"/>
      <c r="LAB713" s="613"/>
      <c r="LAC713" s="613"/>
      <c r="LAD713" s="613"/>
      <c r="LAE713" s="613"/>
      <c r="LAF713" s="613"/>
      <c r="LAG713" s="613"/>
      <c r="LAH713" s="613"/>
      <c r="LAI713" s="613"/>
      <c r="LAJ713" s="613"/>
      <c r="LAK713" s="613"/>
      <c r="LAL713" s="613"/>
      <c r="LAM713" s="613"/>
      <c r="LAN713" s="613"/>
      <c r="LAO713" s="613"/>
      <c r="LAP713" s="613"/>
      <c r="LAQ713" s="613"/>
      <c r="LAR713" s="613"/>
      <c r="LAS713" s="613"/>
      <c r="LAT713" s="613"/>
      <c r="LAU713" s="613"/>
      <c r="LAV713" s="613"/>
      <c r="LAW713" s="613"/>
      <c r="LAX713" s="613"/>
      <c r="LAY713" s="613"/>
      <c r="LAZ713" s="613"/>
      <c r="LBA713" s="613"/>
      <c r="LBB713" s="613"/>
      <c r="LBC713" s="613"/>
      <c r="LBD713" s="613"/>
      <c r="LBE713" s="613"/>
      <c r="LBF713" s="613"/>
      <c r="LBG713" s="613"/>
      <c r="LBH713" s="613"/>
      <c r="LBI713" s="613"/>
      <c r="LBJ713" s="613"/>
      <c r="LBK713" s="613"/>
      <c r="LBL713" s="613"/>
      <c r="LBM713" s="613"/>
      <c r="LBN713" s="613"/>
      <c r="LBO713" s="613"/>
      <c r="LBP713" s="613"/>
      <c r="LBQ713" s="613"/>
      <c r="LBR713" s="613"/>
      <c r="LBS713" s="613"/>
      <c r="LBT713" s="613"/>
      <c r="LBU713" s="613"/>
      <c r="LBV713" s="613"/>
      <c r="LBW713" s="613"/>
      <c r="LBX713" s="613"/>
      <c r="LBY713" s="613"/>
      <c r="LBZ713" s="613"/>
      <c r="LCA713" s="613"/>
      <c r="LCB713" s="613"/>
      <c r="LCC713" s="613"/>
      <c r="LCD713" s="613"/>
      <c r="LCE713" s="613"/>
      <c r="LCF713" s="613"/>
      <c r="LCG713" s="613"/>
      <c r="LCH713" s="613"/>
      <c r="LCI713" s="613"/>
      <c r="LCJ713" s="613"/>
      <c r="LCK713" s="613"/>
      <c r="LCL713" s="613"/>
      <c r="LCM713" s="613"/>
      <c r="LCN713" s="613"/>
      <c r="LCO713" s="613"/>
      <c r="LCP713" s="613"/>
      <c r="LCQ713" s="613"/>
      <c r="LCR713" s="613"/>
      <c r="LCS713" s="613"/>
      <c r="LCT713" s="613"/>
      <c r="LCU713" s="613"/>
      <c r="LCV713" s="613"/>
      <c r="LCW713" s="613"/>
      <c r="LCX713" s="613"/>
      <c r="LCY713" s="613"/>
      <c r="LCZ713" s="613"/>
      <c r="LDA713" s="613"/>
      <c r="LDB713" s="613"/>
      <c r="LDC713" s="613"/>
      <c r="LDD713" s="613"/>
      <c r="LDE713" s="613"/>
      <c r="LDF713" s="613"/>
      <c r="LDG713" s="613"/>
      <c r="LDH713" s="613"/>
      <c r="LDI713" s="613"/>
      <c r="LDJ713" s="613"/>
      <c r="LDK713" s="613"/>
      <c r="LDL713" s="613"/>
      <c r="LDM713" s="613"/>
      <c r="LDN713" s="613"/>
      <c r="LDO713" s="613"/>
      <c r="LDP713" s="613"/>
      <c r="LDQ713" s="613"/>
      <c r="LDR713" s="613"/>
      <c r="LDS713" s="613"/>
      <c r="LDT713" s="613"/>
      <c r="LDU713" s="613"/>
      <c r="LDV713" s="613"/>
      <c r="LDW713" s="613"/>
      <c r="LDX713" s="613"/>
      <c r="LDY713" s="613"/>
      <c r="LDZ713" s="613"/>
      <c r="LEA713" s="613"/>
      <c r="LEB713" s="613"/>
      <c r="LEC713" s="613"/>
      <c r="LED713" s="613"/>
      <c r="LEE713" s="613"/>
      <c r="LEF713" s="613"/>
      <c r="LEG713" s="613"/>
      <c r="LEH713" s="613"/>
      <c r="LEI713" s="613"/>
      <c r="LEJ713" s="613"/>
      <c r="LEK713" s="613"/>
      <c r="LEL713" s="613"/>
      <c r="LEM713" s="613"/>
      <c r="LEN713" s="613"/>
      <c r="LEO713" s="613"/>
      <c r="LEP713" s="613"/>
      <c r="LEQ713" s="613"/>
      <c r="LER713" s="613"/>
      <c r="LES713" s="613"/>
      <c r="LET713" s="613"/>
      <c r="LEU713" s="613"/>
      <c r="LEV713" s="613"/>
      <c r="LEW713" s="613"/>
      <c r="LEX713" s="613"/>
      <c r="LEY713" s="613"/>
      <c r="LEZ713" s="613"/>
      <c r="LFA713" s="613"/>
      <c r="LFB713" s="613"/>
      <c r="LFC713" s="613"/>
      <c r="LFD713" s="613"/>
      <c r="LFE713" s="613"/>
      <c r="LFF713" s="613"/>
      <c r="LFG713" s="613"/>
      <c r="LFH713" s="613"/>
      <c r="LFI713" s="613"/>
      <c r="LFJ713" s="613"/>
      <c r="LFK713" s="613"/>
      <c r="LFL713" s="613"/>
      <c r="LFM713" s="613"/>
      <c r="LFN713" s="613"/>
      <c r="LFO713" s="613"/>
      <c r="LFP713" s="613"/>
      <c r="LFQ713" s="613"/>
      <c r="LFR713" s="613"/>
      <c r="LFS713" s="613"/>
      <c r="LFT713" s="613"/>
      <c r="LFU713" s="613"/>
      <c r="LFV713" s="613"/>
      <c r="LFW713" s="613"/>
      <c r="LFX713" s="613"/>
      <c r="LFY713" s="613"/>
      <c r="LFZ713" s="613"/>
      <c r="LGA713" s="613"/>
      <c r="LGB713" s="613"/>
      <c r="LGC713" s="613"/>
      <c r="LGD713" s="613"/>
      <c r="LGE713" s="613"/>
      <c r="LGF713" s="613"/>
      <c r="LGG713" s="613"/>
      <c r="LGH713" s="613"/>
      <c r="LGI713" s="613"/>
      <c r="LGJ713" s="613"/>
      <c r="LGK713" s="613"/>
      <c r="LGL713" s="613"/>
      <c r="LGM713" s="613"/>
      <c r="LGN713" s="613"/>
      <c r="LGO713" s="613"/>
      <c r="LGP713" s="613"/>
      <c r="LGQ713" s="613"/>
      <c r="LGR713" s="613"/>
      <c r="LGS713" s="613"/>
      <c r="LGT713" s="613"/>
      <c r="LGU713" s="613"/>
      <c r="LGV713" s="613"/>
      <c r="LGW713" s="613"/>
      <c r="LGX713" s="613"/>
      <c r="LGY713" s="613"/>
      <c r="LGZ713" s="613"/>
      <c r="LHA713" s="613"/>
      <c r="LHB713" s="613"/>
      <c r="LHC713" s="613"/>
      <c r="LHD713" s="613"/>
      <c r="LHE713" s="613"/>
      <c r="LHF713" s="613"/>
      <c r="LHG713" s="613"/>
      <c r="LHH713" s="613"/>
      <c r="LHI713" s="613"/>
      <c r="LHJ713" s="613"/>
      <c r="LHK713" s="613"/>
      <c r="LHL713" s="613"/>
      <c r="LHM713" s="613"/>
      <c r="LHN713" s="613"/>
      <c r="LHO713" s="613"/>
      <c r="LHP713" s="613"/>
      <c r="LHQ713" s="613"/>
      <c r="LHR713" s="613"/>
      <c r="LHS713" s="613"/>
      <c r="LHT713" s="613"/>
      <c r="LHU713" s="613"/>
      <c r="LHV713" s="613"/>
      <c r="LHW713" s="613"/>
      <c r="LHX713" s="613"/>
      <c r="LHY713" s="613"/>
      <c r="LHZ713" s="613"/>
      <c r="LIA713" s="613"/>
      <c r="LIB713" s="613"/>
      <c r="LIC713" s="613"/>
      <c r="LID713" s="613"/>
      <c r="LIE713" s="613"/>
      <c r="LIF713" s="613"/>
      <c r="LIG713" s="613"/>
      <c r="LIH713" s="613"/>
      <c r="LII713" s="613"/>
      <c r="LIJ713" s="613"/>
      <c r="LIK713" s="613"/>
      <c r="LIL713" s="613"/>
      <c r="LIM713" s="613"/>
      <c r="LIN713" s="613"/>
      <c r="LIO713" s="613"/>
      <c r="LIP713" s="613"/>
      <c r="LIQ713" s="613"/>
      <c r="LIR713" s="613"/>
      <c r="LIS713" s="613"/>
      <c r="LIT713" s="613"/>
      <c r="LIU713" s="613"/>
      <c r="LIV713" s="613"/>
      <c r="LIW713" s="613"/>
      <c r="LIX713" s="613"/>
      <c r="LIY713" s="613"/>
      <c r="LIZ713" s="613"/>
      <c r="LJA713" s="613"/>
      <c r="LJB713" s="613"/>
      <c r="LJC713" s="613"/>
      <c r="LJD713" s="613"/>
      <c r="LJE713" s="613"/>
      <c r="LJF713" s="613"/>
      <c r="LJG713" s="613"/>
      <c r="LJH713" s="613"/>
      <c r="LJI713" s="613"/>
      <c r="LJJ713" s="613"/>
      <c r="LJK713" s="613"/>
      <c r="LJL713" s="613"/>
      <c r="LJM713" s="613"/>
      <c r="LJN713" s="613"/>
      <c r="LJO713" s="613"/>
      <c r="LJP713" s="613"/>
      <c r="LJQ713" s="613"/>
      <c r="LJR713" s="613"/>
      <c r="LJS713" s="613"/>
      <c r="LJT713" s="613"/>
      <c r="LJU713" s="613"/>
      <c r="LJV713" s="613"/>
      <c r="LJW713" s="613"/>
      <c r="LJX713" s="613"/>
      <c r="LJY713" s="613"/>
      <c r="LJZ713" s="613"/>
      <c r="LKA713" s="613"/>
      <c r="LKB713" s="613"/>
      <c r="LKC713" s="613"/>
      <c r="LKD713" s="613"/>
      <c r="LKE713" s="613"/>
      <c r="LKF713" s="613"/>
      <c r="LKG713" s="613"/>
      <c r="LKH713" s="613"/>
      <c r="LKI713" s="613"/>
      <c r="LKJ713" s="613"/>
      <c r="LKK713" s="613"/>
      <c r="LKL713" s="613"/>
      <c r="LKM713" s="613"/>
      <c r="LKN713" s="613"/>
      <c r="LKO713" s="613"/>
      <c r="LKP713" s="613"/>
      <c r="LKQ713" s="613"/>
      <c r="LKR713" s="613"/>
      <c r="LKS713" s="613"/>
      <c r="LKT713" s="613"/>
      <c r="LKU713" s="613"/>
      <c r="LKV713" s="613"/>
      <c r="LKW713" s="613"/>
      <c r="LKX713" s="613"/>
      <c r="LKY713" s="613"/>
      <c r="LKZ713" s="613"/>
      <c r="LLA713" s="613"/>
      <c r="LLB713" s="613"/>
      <c r="LLC713" s="613"/>
      <c r="LLD713" s="613"/>
      <c r="LLE713" s="613"/>
      <c r="LLF713" s="613"/>
      <c r="LLG713" s="613"/>
      <c r="LLH713" s="613"/>
      <c r="LLI713" s="613"/>
      <c r="LLJ713" s="613"/>
      <c r="LLK713" s="613"/>
      <c r="LLL713" s="613"/>
      <c r="LLM713" s="613"/>
      <c r="LLN713" s="613"/>
      <c r="LLO713" s="613"/>
      <c r="LLP713" s="613"/>
      <c r="LLQ713" s="613"/>
      <c r="LLR713" s="613"/>
      <c r="LLS713" s="613"/>
      <c r="LLT713" s="613"/>
      <c r="LLU713" s="613"/>
      <c r="LLV713" s="613"/>
      <c r="LLW713" s="613"/>
      <c r="LLX713" s="613"/>
      <c r="LLY713" s="613"/>
      <c r="LLZ713" s="613"/>
      <c r="LMA713" s="613"/>
      <c r="LMB713" s="613"/>
      <c r="LMC713" s="613"/>
      <c r="LMD713" s="613"/>
      <c r="LME713" s="613"/>
      <c r="LMF713" s="613"/>
      <c r="LMG713" s="613"/>
      <c r="LMH713" s="613"/>
      <c r="LMI713" s="613"/>
      <c r="LMJ713" s="613"/>
      <c r="LMK713" s="613"/>
      <c r="LML713" s="613"/>
      <c r="LMM713" s="613"/>
      <c r="LMN713" s="613"/>
      <c r="LMO713" s="613"/>
      <c r="LMP713" s="613"/>
      <c r="LMQ713" s="613"/>
      <c r="LMR713" s="613"/>
      <c r="LMS713" s="613"/>
      <c r="LMT713" s="613"/>
      <c r="LMU713" s="613"/>
      <c r="LMV713" s="613"/>
      <c r="LMW713" s="613"/>
      <c r="LMX713" s="613"/>
      <c r="LMY713" s="613"/>
      <c r="LMZ713" s="613"/>
      <c r="LNA713" s="613"/>
      <c r="LNB713" s="613"/>
      <c r="LNC713" s="613"/>
      <c r="LND713" s="613"/>
      <c r="LNE713" s="613"/>
      <c r="LNF713" s="613"/>
      <c r="LNG713" s="613"/>
      <c r="LNH713" s="613"/>
      <c r="LNI713" s="613"/>
      <c r="LNJ713" s="613"/>
      <c r="LNK713" s="613"/>
      <c r="LNL713" s="613"/>
      <c r="LNM713" s="613"/>
      <c r="LNN713" s="613"/>
      <c r="LNO713" s="613"/>
      <c r="LNP713" s="613"/>
      <c r="LNQ713" s="613"/>
      <c r="LNR713" s="613"/>
      <c r="LNS713" s="613"/>
      <c r="LNT713" s="613"/>
      <c r="LNU713" s="613"/>
      <c r="LNV713" s="613"/>
      <c r="LNW713" s="613"/>
      <c r="LNX713" s="613"/>
      <c r="LNY713" s="613"/>
      <c r="LNZ713" s="613"/>
      <c r="LOA713" s="613"/>
      <c r="LOB713" s="613"/>
      <c r="LOC713" s="613"/>
      <c r="LOD713" s="613"/>
      <c r="LOE713" s="613"/>
      <c r="LOF713" s="613"/>
      <c r="LOG713" s="613"/>
      <c r="LOH713" s="613"/>
      <c r="LOI713" s="613"/>
      <c r="LOJ713" s="613"/>
      <c r="LOK713" s="613"/>
      <c r="LOL713" s="613"/>
      <c r="LOM713" s="613"/>
      <c r="LON713" s="613"/>
      <c r="LOO713" s="613"/>
      <c r="LOP713" s="613"/>
      <c r="LOQ713" s="613"/>
      <c r="LOR713" s="613"/>
      <c r="LOS713" s="613"/>
      <c r="LOT713" s="613"/>
      <c r="LOU713" s="613"/>
      <c r="LOV713" s="613"/>
      <c r="LOW713" s="613"/>
      <c r="LOX713" s="613"/>
      <c r="LOY713" s="613"/>
      <c r="LOZ713" s="613"/>
      <c r="LPA713" s="613"/>
      <c r="LPB713" s="613"/>
      <c r="LPC713" s="613"/>
      <c r="LPD713" s="613"/>
      <c r="LPE713" s="613"/>
      <c r="LPF713" s="613"/>
      <c r="LPG713" s="613"/>
      <c r="LPH713" s="613"/>
      <c r="LPI713" s="613"/>
      <c r="LPJ713" s="613"/>
      <c r="LPK713" s="613"/>
      <c r="LPL713" s="613"/>
      <c r="LPM713" s="613"/>
      <c r="LPN713" s="613"/>
      <c r="LPO713" s="613"/>
      <c r="LPP713" s="613"/>
      <c r="LPQ713" s="613"/>
      <c r="LPR713" s="613"/>
      <c r="LPS713" s="613"/>
      <c r="LPT713" s="613"/>
      <c r="LPU713" s="613"/>
      <c r="LPV713" s="613"/>
      <c r="LPW713" s="613"/>
      <c r="LPX713" s="613"/>
      <c r="LPY713" s="613"/>
      <c r="LPZ713" s="613"/>
      <c r="LQA713" s="613"/>
      <c r="LQB713" s="613"/>
      <c r="LQC713" s="613"/>
      <c r="LQD713" s="613"/>
      <c r="LQE713" s="613"/>
      <c r="LQF713" s="613"/>
      <c r="LQG713" s="613"/>
      <c r="LQH713" s="613"/>
      <c r="LQI713" s="613"/>
      <c r="LQJ713" s="613"/>
      <c r="LQK713" s="613"/>
      <c r="LQL713" s="613"/>
      <c r="LQM713" s="613"/>
      <c r="LQN713" s="613"/>
      <c r="LQO713" s="613"/>
      <c r="LQP713" s="613"/>
      <c r="LQQ713" s="613"/>
      <c r="LQR713" s="613"/>
      <c r="LQS713" s="613"/>
      <c r="LQT713" s="613"/>
      <c r="LQU713" s="613"/>
      <c r="LQV713" s="613"/>
      <c r="LQW713" s="613"/>
      <c r="LQX713" s="613"/>
      <c r="LQY713" s="613"/>
      <c r="LQZ713" s="613"/>
      <c r="LRA713" s="613"/>
      <c r="LRB713" s="613"/>
      <c r="LRC713" s="613"/>
      <c r="LRD713" s="613"/>
      <c r="LRE713" s="613"/>
      <c r="LRF713" s="613"/>
      <c r="LRG713" s="613"/>
      <c r="LRH713" s="613"/>
      <c r="LRI713" s="613"/>
      <c r="LRJ713" s="613"/>
      <c r="LRK713" s="613"/>
      <c r="LRL713" s="613"/>
      <c r="LRM713" s="613"/>
      <c r="LRN713" s="613"/>
      <c r="LRO713" s="613"/>
      <c r="LRP713" s="613"/>
      <c r="LRQ713" s="613"/>
      <c r="LRR713" s="613"/>
      <c r="LRS713" s="613"/>
      <c r="LRT713" s="613"/>
      <c r="LRU713" s="613"/>
      <c r="LRV713" s="613"/>
      <c r="LRW713" s="613"/>
      <c r="LRX713" s="613"/>
      <c r="LRY713" s="613"/>
      <c r="LRZ713" s="613"/>
      <c r="LSA713" s="613"/>
      <c r="LSB713" s="613"/>
      <c r="LSC713" s="613"/>
      <c r="LSD713" s="613"/>
      <c r="LSE713" s="613"/>
      <c r="LSF713" s="613"/>
      <c r="LSG713" s="613"/>
      <c r="LSH713" s="613"/>
      <c r="LSI713" s="613"/>
      <c r="LSJ713" s="613"/>
      <c r="LSK713" s="613"/>
      <c r="LSL713" s="613"/>
      <c r="LSM713" s="613"/>
      <c r="LSN713" s="613"/>
      <c r="LSO713" s="613"/>
      <c r="LSP713" s="613"/>
      <c r="LSQ713" s="613"/>
      <c r="LSR713" s="613"/>
      <c r="LSS713" s="613"/>
      <c r="LST713" s="613"/>
      <c r="LSU713" s="613"/>
      <c r="LSV713" s="613"/>
      <c r="LSW713" s="613"/>
      <c r="LSX713" s="613"/>
      <c r="LSY713" s="613"/>
      <c r="LSZ713" s="613"/>
      <c r="LTA713" s="613"/>
      <c r="LTB713" s="613"/>
      <c r="LTC713" s="613"/>
      <c r="LTD713" s="613"/>
      <c r="LTE713" s="613"/>
      <c r="LTF713" s="613"/>
      <c r="LTG713" s="613"/>
      <c r="LTH713" s="613"/>
      <c r="LTI713" s="613"/>
      <c r="LTJ713" s="613"/>
      <c r="LTK713" s="613"/>
      <c r="LTL713" s="613"/>
      <c r="LTM713" s="613"/>
      <c r="LTN713" s="613"/>
      <c r="LTO713" s="613"/>
      <c r="LTP713" s="613"/>
      <c r="LTQ713" s="613"/>
      <c r="LTR713" s="613"/>
      <c r="LTS713" s="613"/>
      <c r="LTT713" s="613"/>
      <c r="LTU713" s="613"/>
      <c r="LTV713" s="613"/>
      <c r="LTW713" s="613"/>
      <c r="LTX713" s="613"/>
      <c r="LTY713" s="613"/>
      <c r="LTZ713" s="613"/>
      <c r="LUA713" s="613"/>
      <c r="LUB713" s="613"/>
      <c r="LUC713" s="613"/>
      <c r="LUD713" s="613"/>
      <c r="LUE713" s="613"/>
      <c r="LUF713" s="613"/>
      <c r="LUG713" s="613"/>
      <c r="LUH713" s="613"/>
      <c r="LUI713" s="613"/>
      <c r="LUJ713" s="613"/>
      <c r="LUK713" s="613"/>
      <c r="LUL713" s="613"/>
      <c r="LUM713" s="613"/>
      <c r="LUN713" s="613"/>
      <c r="LUO713" s="613"/>
      <c r="LUP713" s="613"/>
      <c r="LUQ713" s="613"/>
      <c r="LUR713" s="613"/>
      <c r="LUS713" s="613"/>
      <c r="LUT713" s="613"/>
      <c r="LUU713" s="613"/>
      <c r="LUV713" s="613"/>
      <c r="LUW713" s="613"/>
      <c r="LUX713" s="613"/>
      <c r="LUY713" s="613"/>
      <c r="LUZ713" s="613"/>
      <c r="LVA713" s="613"/>
      <c r="LVB713" s="613"/>
      <c r="LVC713" s="613"/>
      <c r="LVD713" s="613"/>
      <c r="LVE713" s="613"/>
      <c r="LVF713" s="613"/>
      <c r="LVG713" s="613"/>
      <c r="LVH713" s="613"/>
      <c r="LVI713" s="613"/>
      <c r="LVJ713" s="613"/>
      <c r="LVK713" s="613"/>
      <c r="LVL713" s="613"/>
      <c r="LVM713" s="613"/>
      <c r="LVN713" s="613"/>
      <c r="LVO713" s="613"/>
      <c r="LVP713" s="613"/>
      <c r="LVQ713" s="613"/>
      <c r="LVR713" s="613"/>
      <c r="LVS713" s="613"/>
      <c r="LVT713" s="613"/>
      <c r="LVU713" s="613"/>
      <c r="LVV713" s="613"/>
      <c r="LVW713" s="613"/>
      <c r="LVX713" s="613"/>
      <c r="LVY713" s="613"/>
      <c r="LVZ713" s="613"/>
      <c r="LWA713" s="613"/>
      <c r="LWB713" s="613"/>
      <c r="LWC713" s="613"/>
      <c r="LWD713" s="613"/>
      <c r="LWE713" s="613"/>
      <c r="LWF713" s="613"/>
      <c r="LWG713" s="613"/>
      <c r="LWH713" s="613"/>
      <c r="LWI713" s="613"/>
      <c r="LWJ713" s="613"/>
      <c r="LWK713" s="613"/>
      <c r="LWL713" s="613"/>
      <c r="LWM713" s="613"/>
      <c r="LWN713" s="613"/>
      <c r="LWO713" s="613"/>
      <c r="LWP713" s="613"/>
      <c r="LWQ713" s="613"/>
      <c r="LWR713" s="613"/>
      <c r="LWS713" s="613"/>
      <c r="LWT713" s="613"/>
      <c r="LWU713" s="613"/>
      <c r="LWV713" s="613"/>
      <c r="LWW713" s="613"/>
      <c r="LWX713" s="613"/>
      <c r="LWY713" s="613"/>
      <c r="LWZ713" s="613"/>
      <c r="LXA713" s="613"/>
      <c r="LXB713" s="613"/>
      <c r="LXC713" s="613"/>
      <c r="LXD713" s="613"/>
      <c r="LXE713" s="613"/>
      <c r="LXF713" s="613"/>
      <c r="LXG713" s="613"/>
      <c r="LXH713" s="613"/>
      <c r="LXI713" s="613"/>
      <c r="LXJ713" s="613"/>
      <c r="LXK713" s="613"/>
      <c r="LXL713" s="613"/>
      <c r="LXM713" s="613"/>
      <c r="LXN713" s="613"/>
      <c r="LXO713" s="613"/>
      <c r="LXP713" s="613"/>
      <c r="LXQ713" s="613"/>
      <c r="LXR713" s="613"/>
      <c r="LXS713" s="613"/>
      <c r="LXT713" s="613"/>
      <c r="LXU713" s="613"/>
      <c r="LXV713" s="613"/>
      <c r="LXW713" s="613"/>
      <c r="LXX713" s="613"/>
      <c r="LXY713" s="613"/>
      <c r="LXZ713" s="613"/>
      <c r="LYA713" s="613"/>
      <c r="LYB713" s="613"/>
      <c r="LYC713" s="613"/>
      <c r="LYD713" s="613"/>
      <c r="LYE713" s="613"/>
      <c r="LYF713" s="613"/>
      <c r="LYG713" s="613"/>
      <c r="LYH713" s="613"/>
      <c r="LYI713" s="613"/>
      <c r="LYJ713" s="613"/>
      <c r="LYK713" s="613"/>
      <c r="LYL713" s="613"/>
      <c r="LYM713" s="613"/>
      <c r="LYN713" s="613"/>
      <c r="LYO713" s="613"/>
      <c r="LYP713" s="613"/>
      <c r="LYQ713" s="613"/>
      <c r="LYR713" s="613"/>
      <c r="LYS713" s="613"/>
      <c r="LYT713" s="613"/>
      <c r="LYU713" s="613"/>
      <c r="LYV713" s="613"/>
      <c r="LYW713" s="613"/>
      <c r="LYX713" s="613"/>
      <c r="LYY713" s="613"/>
      <c r="LYZ713" s="613"/>
      <c r="LZA713" s="613"/>
      <c r="LZB713" s="613"/>
      <c r="LZC713" s="613"/>
      <c r="LZD713" s="613"/>
      <c r="LZE713" s="613"/>
      <c r="LZF713" s="613"/>
      <c r="LZG713" s="613"/>
      <c r="LZH713" s="613"/>
      <c r="LZI713" s="613"/>
      <c r="LZJ713" s="613"/>
      <c r="LZK713" s="613"/>
      <c r="LZL713" s="613"/>
      <c r="LZM713" s="613"/>
      <c r="LZN713" s="613"/>
      <c r="LZO713" s="613"/>
      <c r="LZP713" s="613"/>
      <c r="LZQ713" s="613"/>
      <c r="LZR713" s="613"/>
      <c r="LZS713" s="613"/>
      <c r="LZT713" s="613"/>
      <c r="LZU713" s="613"/>
      <c r="LZV713" s="613"/>
      <c r="LZW713" s="613"/>
      <c r="LZX713" s="613"/>
      <c r="LZY713" s="613"/>
      <c r="LZZ713" s="613"/>
      <c r="MAA713" s="613"/>
      <c r="MAB713" s="613"/>
      <c r="MAC713" s="613"/>
      <c r="MAD713" s="613"/>
      <c r="MAE713" s="613"/>
      <c r="MAF713" s="613"/>
      <c r="MAG713" s="613"/>
      <c r="MAH713" s="613"/>
      <c r="MAI713" s="613"/>
      <c r="MAJ713" s="613"/>
      <c r="MAK713" s="613"/>
      <c r="MAL713" s="613"/>
      <c r="MAM713" s="613"/>
      <c r="MAN713" s="613"/>
      <c r="MAO713" s="613"/>
      <c r="MAP713" s="613"/>
      <c r="MAQ713" s="613"/>
      <c r="MAR713" s="613"/>
      <c r="MAS713" s="613"/>
      <c r="MAT713" s="613"/>
      <c r="MAU713" s="613"/>
      <c r="MAV713" s="613"/>
      <c r="MAW713" s="613"/>
      <c r="MAX713" s="613"/>
      <c r="MAY713" s="613"/>
      <c r="MAZ713" s="613"/>
      <c r="MBA713" s="613"/>
      <c r="MBB713" s="613"/>
      <c r="MBC713" s="613"/>
      <c r="MBD713" s="613"/>
      <c r="MBE713" s="613"/>
      <c r="MBF713" s="613"/>
      <c r="MBG713" s="613"/>
      <c r="MBH713" s="613"/>
      <c r="MBI713" s="613"/>
      <c r="MBJ713" s="613"/>
      <c r="MBK713" s="613"/>
      <c r="MBL713" s="613"/>
      <c r="MBM713" s="613"/>
      <c r="MBN713" s="613"/>
      <c r="MBO713" s="613"/>
      <c r="MBP713" s="613"/>
      <c r="MBQ713" s="613"/>
      <c r="MBR713" s="613"/>
      <c r="MBS713" s="613"/>
      <c r="MBT713" s="613"/>
      <c r="MBU713" s="613"/>
      <c r="MBV713" s="613"/>
      <c r="MBW713" s="613"/>
      <c r="MBX713" s="613"/>
      <c r="MBY713" s="613"/>
      <c r="MBZ713" s="613"/>
      <c r="MCA713" s="613"/>
      <c r="MCB713" s="613"/>
      <c r="MCC713" s="613"/>
      <c r="MCD713" s="613"/>
      <c r="MCE713" s="613"/>
      <c r="MCF713" s="613"/>
      <c r="MCG713" s="613"/>
      <c r="MCH713" s="613"/>
      <c r="MCI713" s="613"/>
      <c r="MCJ713" s="613"/>
      <c r="MCK713" s="613"/>
      <c r="MCL713" s="613"/>
      <c r="MCM713" s="613"/>
      <c r="MCN713" s="613"/>
      <c r="MCO713" s="613"/>
      <c r="MCP713" s="613"/>
      <c r="MCQ713" s="613"/>
      <c r="MCR713" s="613"/>
      <c r="MCS713" s="613"/>
      <c r="MCT713" s="613"/>
      <c r="MCU713" s="613"/>
      <c r="MCV713" s="613"/>
      <c r="MCW713" s="613"/>
      <c r="MCX713" s="613"/>
      <c r="MCY713" s="613"/>
      <c r="MCZ713" s="613"/>
      <c r="MDA713" s="613"/>
      <c r="MDB713" s="613"/>
      <c r="MDC713" s="613"/>
      <c r="MDD713" s="613"/>
      <c r="MDE713" s="613"/>
      <c r="MDF713" s="613"/>
      <c r="MDG713" s="613"/>
      <c r="MDH713" s="613"/>
      <c r="MDI713" s="613"/>
      <c r="MDJ713" s="613"/>
      <c r="MDK713" s="613"/>
      <c r="MDL713" s="613"/>
      <c r="MDM713" s="613"/>
      <c r="MDN713" s="613"/>
      <c r="MDO713" s="613"/>
      <c r="MDP713" s="613"/>
      <c r="MDQ713" s="613"/>
      <c r="MDR713" s="613"/>
      <c r="MDS713" s="613"/>
      <c r="MDT713" s="613"/>
      <c r="MDU713" s="613"/>
      <c r="MDV713" s="613"/>
      <c r="MDW713" s="613"/>
      <c r="MDX713" s="613"/>
      <c r="MDY713" s="613"/>
      <c r="MDZ713" s="613"/>
      <c r="MEA713" s="613"/>
      <c r="MEB713" s="613"/>
      <c r="MEC713" s="613"/>
      <c r="MED713" s="613"/>
      <c r="MEE713" s="613"/>
      <c r="MEF713" s="613"/>
      <c r="MEG713" s="613"/>
      <c r="MEH713" s="613"/>
      <c r="MEI713" s="613"/>
      <c r="MEJ713" s="613"/>
      <c r="MEK713" s="613"/>
      <c r="MEL713" s="613"/>
      <c r="MEM713" s="613"/>
      <c r="MEN713" s="613"/>
      <c r="MEO713" s="613"/>
      <c r="MEP713" s="613"/>
      <c r="MEQ713" s="613"/>
      <c r="MER713" s="613"/>
      <c r="MES713" s="613"/>
      <c r="MET713" s="613"/>
      <c r="MEU713" s="613"/>
      <c r="MEV713" s="613"/>
      <c r="MEW713" s="613"/>
      <c r="MEX713" s="613"/>
      <c r="MEY713" s="613"/>
      <c r="MEZ713" s="613"/>
      <c r="MFA713" s="613"/>
      <c r="MFB713" s="613"/>
      <c r="MFC713" s="613"/>
      <c r="MFD713" s="613"/>
      <c r="MFE713" s="613"/>
      <c r="MFF713" s="613"/>
      <c r="MFG713" s="613"/>
      <c r="MFH713" s="613"/>
      <c r="MFI713" s="613"/>
      <c r="MFJ713" s="613"/>
      <c r="MFK713" s="613"/>
      <c r="MFL713" s="613"/>
      <c r="MFM713" s="613"/>
      <c r="MFN713" s="613"/>
      <c r="MFO713" s="613"/>
      <c r="MFP713" s="613"/>
      <c r="MFQ713" s="613"/>
      <c r="MFR713" s="613"/>
      <c r="MFS713" s="613"/>
      <c r="MFT713" s="613"/>
      <c r="MFU713" s="613"/>
      <c r="MFV713" s="613"/>
      <c r="MFW713" s="613"/>
      <c r="MFX713" s="613"/>
      <c r="MFY713" s="613"/>
      <c r="MFZ713" s="613"/>
      <c r="MGA713" s="613"/>
      <c r="MGB713" s="613"/>
      <c r="MGC713" s="613"/>
      <c r="MGD713" s="613"/>
      <c r="MGE713" s="613"/>
      <c r="MGF713" s="613"/>
      <c r="MGG713" s="613"/>
      <c r="MGH713" s="613"/>
      <c r="MGI713" s="613"/>
      <c r="MGJ713" s="613"/>
      <c r="MGK713" s="613"/>
      <c r="MGL713" s="613"/>
      <c r="MGM713" s="613"/>
      <c r="MGN713" s="613"/>
      <c r="MGO713" s="613"/>
      <c r="MGP713" s="613"/>
      <c r="MGQ713" s="613"/>
      <c r="MGR713" s="613"/>
      <c r="MGS713" s="613"/>
      <c r="MGT713" s="613"/>
      <c r="MGU713" s="613"/>
      <c r="MGV713" s="613"/>
      <c r="MGW713" s="613"/>
      <c r="MGX713" s="613"/>
      <c r="MGY713" s="613"/>
      <c r="MGZ713" s="613"/>
      <c r="MHA713" s="613"/>
      <c r="MHB713" s="613"/>
      <c r="MHC713" s="613"/>
      <c r="MHD713" s="613"/>
      <c r="MHE713" s="613"/>
      <c r="MHF713" s="613"/>
      <c r="MHG713" s="613"/>
      <c r="MHH713" s="613"/>
      <c r="MHI713" s="613"/>
      <c r="MHJ713" s="613"/>
      <c r="MHK713" s="613"/>
      <c r="MHL713" s="613"/>
      <c r="MHM713" s="613"/>
      <c r="MHN713" s="613"/>
      <c r="MHO713" s="613"/>
      <c r="MHP713" s="613"/>
      <c r="MHQ713" s="613"/>
      <c r="MHR713" s="613"/>
      <c r="MHS713" s="613"/>
      <c r="MHT713" s="613"/>
      <c r="MHU713" s="613"/>
      <c r="MHV713" s="613"/>
      <c r="MHW713" s="613"/>
      <c r="MHX713" s="613"/>
      <c r="MHY713" s="613"/>
      <c r="MHZ713" s="613"/>
      <c r="MIA713" s="613"/>
      <c r="MIB713" s="613"/>
      <c r="MIC713" s="613"/>
      <c r="MID713" s="613"/>
      <c r="MIE713" s="613"/>
      <c r="MIF713" s="613"/>
      <c r="MIG713" s="613"/>
      <c r="MIH713" s="613"/>
      <c r="MII713" s="613"/>
      <c r="MIJ713" s="613"/>
      <c r="MIK713" s="613"/>
      <c r="MIL713" s="613"/>
      <c r="MIM713" s="613"/>
      <c r="MIN713" s="613"/>
      <c r="MIO713" s="613"/>
      <c r="MIP713" s="613"/>
      <c r="MIQ713" s="613"/>
      <c r="MIR713" s="613"/>
      <c r="MIS713" s="613"/>
      <c r="MIT713" s="613"/>
      <c r="MIU713" s="613"/>
      <c r="MIV713" s="613"/>
      <c r="MIW713" s="613"/>
      <c r="MIX713" s="613"/>
      <c r="MIY713" s="613"/>
      <c r="MIZ713" s="613"/>
      <c r="MJA713" s="613"/>
      <c r="MJB713" s="613"/>
      <c r="MJC713" s="613"/>
      <c r="MJD713" s="613"/>
      <c r="MJE713" s="613"/>
      <c r="MJF713" s="613"/>
      <c r="MJG713" s="613"/>
      <c r="MJH713" s="613"/>
      <c r="MJI713" s="613"/>
      <c r="MJJ713" s="613"/>
      <c r="MJK713" s="613"/>
      <c r="MJL713" s="613"/>
      <c r="MJM713" s="613"/>
      <c r="MJN713" s="613"/>
      <c r="MJO713" s="613"/>
      <c r="MJP713" s="613"/>
      <c r="MJQ713" s="613"/>
      <c r="MJR713" s="613"/>
      <c r="MJS713" s="613"/>
      <c r="MJT713" s="613"/>
      <c r="MJU713" s="613"/>
      <c r="MJV713" s="613"/>
      <c r="MJW713" s="613"/>
      <c r="MJX713" s="613"/>
      <c r="MJY713" s="613"/>
      <c r="MJZ713" s="613"/>
      <c r="MKA713" s="613"/>
      <c r="MKB713" s="613"/>
      <c r="MKC713" s="613"/>
      <c r="MKD713" s="613"/>
      <c r="MKE713" s="613"/>
      <c r="MKF713" s="613"/>
      <c r="MKG713" s="613"/>
      <c r="MKH713" s="613"/>
      <c r="MKI713" s="613"/>
      <c r="MKJ713" s="613"/>
      <c r="MKK713" s="613"/>
      <c r="MKL713" s="613"/>
      <c r="MKM713" s="613"/>
      <c r="MKN713" s="613"/>
      <c r="MKO713" s="613"/>
      <c r="MKP713" s="613"/>
      <c r="MKQ713" s="613"/>
      <c r="MKR713" s="613"/>
      <c r="MKS713" s="613"/>
      <c r="MKT713" s="613"/>
      <c r="MKU713" s="613"/>
      <c r="MKV713" s="613"/>
      <c r="MKW713" s="613"/>
      <c r="MKX713" s="613"/>
      <c r="MKY713" s="613"/>
      <c r="MKZ713" s="613"/>
      <c r="MLA713" s="613"/>
      <c r="MLB713" s="613"/>
      <c r="MLC713" s="613"/>
      <c r="MLD713" s="613"/>
      <c r="MLE713" s="613"/>
      <c r="MLF713" s="613"/>
      <c r="MLG713" s="613"/>
      <c r="MLH713" s="613"/>
      <c r="MLI713" s="613"/>
      <c r="MLJ713" s="613"/>
      <c r="MLK713" s="613"/>
      <c r="MLL713" s="613"/>
      <c r="MLM713" s="613"/>
      <c r="MLN713" s="613"/>
      <c r="MLO713" s="613"/>
      <c r="MLP713" s="613"/>
      <c r="MLQ713" s="613"/>
      <c r="MLR713" s="613"/>
      <c r="MLS713" s="613"/>
      <c r="MLT713" s="613"/>
      <c r="MLU713" s="613"/>
      <c r="MLV713" s="613"/>
      <c r="MLW713" s="613"/>
      <c r="MLX713" s="613"/>
      <c r="MLY713" s="613"/>
      <c r="MLZ713" s="613"/>
      <c r="MMA713" s="613"/>
      <c r="MMB713" s="613"/>
      <c r="MMC713" s="613"/>
      <c r="MMD713" s="613"/>
      <c r="MME713" s="613"/>
      <c r="MMF713" s="613"/>
      <c r="MMG713" s="613"/>
      <c r="MMH713" s="613"/>
      <c r="MMI713" s="613"/>
      <c r="MMJ713" s="613"/>
      <c r="MMK713" s="613"/>
      <c r="MML713" s="613"/>
      <c r="MMM713" s="613"/>
      <c r="MMN713" s="613"/>
      <c r="MMO713" s="613"/>
      <c r="MMP713" s="613"/>
      <c r="MMQ713" s="613"/>
      <c r="MMR713" s="613"/>
      <c r="MMS713" s="613"/>
      <c r="MMT713" s="613"/>
      <c r="MMU713" s="613"/>
      <c r="MMV713" s="613"/>
      <c r="MMW713" s="613"/>
      <c r="MMX713" s="613"/>
      <c r="MMY713" s="613"/>
      <c r="MMZ713" s="613"/>
      <c r="MNA713" s="613"/>
      <c r="MNB713" s="613"/>
      <c r="MNC713" s="613"/>
      <c r="MND713" s="613"/>
      <c r="MNE713" s="613"/>
      <c r="MNF713" s="613"/>
      <c r="MNG713" s="613"/>
      <c r="MNH713" s="613"/>
      <c r="MNI713" s="613"/>
      <c r="MNJ713" s="613"/>
      <c r="MNK713" s="613"/>
      <c r="MNL713" s="613"/>
      <c r="MNM713" s="613"/>
      <c r="MNN713" s="613"/>
      <c r="MNO713" s="613"/>
      <c r="MNP713" s="613"/>
      <c r="MNQ713" s="613"/>
      <c r="MNR713" s="613"/>
      <c r="MNS713" s="613"/>
      <c r="MNT713" s="613"/>
      <c r="MNU713" s="613"/>
      <c r="MNV713" s="613"/>
      <c r="MNW713" s="613"/>
      <c r="MNX713" s="613"/>
      <c r="MNY713" s="613"/>
      <c r="MNZ713" s="613"/>
      <c r="MOA713" s="613"/>
      <c r="MOB713" s="613"/>
      <c r="MOC713" s="613"/>
      <c r="MOD713" s="613"/>
      <c r="MOE713" s="613"/>
      <c r="MOF713" s="613"/>
      <c r="MOG713" s="613"/>
      <c r="MOH713" s="613"/>
      <c r="MOI713" s="613"/>
      <c r="MOJ713" s="613"/>
      <c r="MOK713" s="613"/>
      <c r="MOL713" s="613"/>
      <c r="MOM713" s="613"/>
      <c r="MON713" s="613"/>
      <c r="MOO713" s="613"/>
      <c r="MOP713" s="613"/>
      <c r="MOQ713" s="613"/>
      <c r="MOR713" s="613"/>
      <c r="MOS713" s="613"/>
      <c r="MOT713" s="613"/>
      <c r="MOU713" s="613"/>
      <c r="MOV713" s="613"/>
      <c r="MOW713" s="613"/>
      <c r="MOX713" s="613"/>
      <c r="MOY713" s="613"/>
      <c r="MOZ713" s="613"/>
      <c r="MPA713" s="613"/>
      <c r="MPB713" s="613"/>
      <c r="MPC713" s="613"/>
      <c r="MPD713" s="613"/>
      <c r="MPE713" s="613"/>
      <c r="MPF713" s="613"/>
      <c r="MPG713" s="613"/>
      <c r="MPH713" s="613"/>
      <c r="MPI713" s="613"/>
      <c r="MPJ713" s="613"/>
      <c r="MPK713" s="613"/>
      <c r="MPL713" s="613"/>
      <c r="MPM713" s="613"/>
      <c r="MPN713" s="613"/>
      <c r="MPO713" s="613"/>
      <c r="MPP713" s="613"/>
      <c r="MPQ713" s="613"/>
      <c r="MPR713" s="613"/>
      <c r="MPS713" s="613"/>
      <c r="MPT713" s="613"/>
      <c r="MPU713" s="613"/>
      <c r="MPV713" s="613"/>
      <c r="MPW713" s="613"/>
      <c r="MPX713" s="613"/>
      <c r="MPY713" s="613"/>
      <c r="MPZ713" s="613"/>
      <c r="MQA713" s="613"/>
      <c r="MQB713" s="613"/>
      <c r="MQC713" s="613"/>
      <c r="MQD713" s="613"/>
      <c r="MQE713" s="613"/>
      <c r="MQF713" s="613"/>
      <c r="MQG713" s="613"/>
      <c r="MQH713" s="613"/>
      <c r="MQI713" s="613"/>
      <c r="MQJ713" s="613"/>
      <c r="MQK713" s="613"/>
      <c r="MQL713" s="613"/>
      <c r="MQM713" s="613"/>
      <c r="MQN713" s="613"/>
      <c r="MQO713" s="613"/>
      <c r="MQP713" s="613"/>
      <c r="MQQ713" s="613"/>
      <c r="MQR713" s="613"/>
      <c r="MQS713" s="613"/>
      <c r="MQT713" s="613"/>
      <c r="MQU713" s="613"/>
      <c r="MQV713" s="613"/>
      <c r="MQW713" s="613"/>
      <c r="MQX713" s="613"/>
      <c r="MQY713" s="613"/>
      <c r="MQZ713" s="613"/>
      <c r="MRA713" s="613"/>
      <c r="MRB713" s="613"/>
      <c r="MRC713" s="613"/>
      <c r="MRD713" s="613"/>
      <c r="MRE713" s="613"/>
      <c r="MRF713" s="613"/>
      <c r="MRG713" s="613"/>
      <c r="MRH713" s="613"/>
      <c r="MRI713" s="613"/>
      <c r="MRJ713" s="613"/>
      <c r="MRK713" s="613"/>
      <c r="MRL713" s="613"/>
      <c r="MRM713" s="613"/>
      <c r="MRN713" s="613"/>
      <c r="MRO713" s="613"/>
      <c r="MRP713" s="613"/>
      <c r="MRQ713" s="613"/>
      <c r="MRR713" s="613"/>
      <c r="MRS713" s="613"/>
      <c r="MRT713" s="613"/>
      <c r="MRU713" s="613"/>
      <c r="MRV713" s="613"/>
      <c r="MRW713" s="613"/>
      <c r="MRX713" s="613"/>
      <c r="MRY713" s="613"/>
      <c r="MRZ713" s="613"/>
      <c r="MSA713" s="613"/>
      <c r="MSB713" s="613"/>
      <c r="MSC713" s="613"/>
      <c r="MSD713" s="613"/>
      <c r="MSE713" s="613"/>
      <c r="MSF713" s="613"/>
      <c r="MSG713" s="613"/>
      <c r="MSH713" s="613"/>
      <c r="MSI713" s="613"/>
      <c r="MSJ713" s="613"/>
      <c r="MSK713" s="613"/>
      <c r="MSL713" s="613"/>
      <c r="MSM713" s="613"/>
      <c r="MSN713" s="613"/>
      <c r="MSO713" s="613"/>
      <c r="MSP713" s="613"/>
      <c r="MSQ713" s="613"/>
      <c r="MSR713" s="613"/>
      <c r="MSS713" s="613"/>
      <c r="MST713" s="613"/>
      <c r="MSU713" s="613"/>
      <c r="MSV713" s="613"/>
      <c r="MSW713" s="613"/>
      <c r="MSX713" s="613"/>
      <c r="MSY713" s="613"/>
      <c r="MSZ713" s="613"/>
      <c r="MTA713" s="613"/>
      <c r="MTB713" s="613"/>
      <c r="MTC713" s="613"/>
      <c r="MTD713" s="613"/>
      <c r="MTE713" s="613"/>
      <c r="MTF713" s="613"/>
      <c r="MTG713" s="613"/>
      <c r="MTH713" s="613"/>
      <c r="MTI713" s="613"/>
      <c r="MTJ713" s="613"/>
      <c r="MTK713" s="613"/>
      <c r="MTL713" s="613"/>
      <c r="MTM713" s="613"/>
      <c r="MTN713" s="613"/>
      <c r="MTO713" s="613"/>
      <c r="MTP713" s="613"/>
      <c r="MTQ713" s="613"/>
      <c r="MTR713" s="613"/>
      <c r="MTS713" s="613"/>
      <c r="MTT713" s="613"/>
      <c r="MTU713" s="613"/>
      <c r="MTV713" s="613"/>
      <c r="MTW713" s="613"/>
      <c r="MTX713" s="613"/>
      <c r="MTY713" s="613"/>
      <c r="MTZ713" s="613"/>
      <c r="MUA713" s="613"/>
      <c r="MUB713" s="613"/>
      <c r="MUC713" s="613"/>
      <c r="MUD713" s="613"/>
      <c r="MUE713" s="613"/>
      <c r="MUF713" s="613"/>
      <c r="MUG713" s="613"/>
      <c r="MUH713" s="613"/>
      <c r="MUI713" s="613"/>
      <c r="MUJ713" s="613"/>
      <c r="MUK713" s="613"/>
      <c r="MUL713" s="613"/>
      <c r="MUM713" s="613"/>
      <c r="MUN713" s="613"/>
      <c r="MUO713" s="613"/>
      <c r="MUP713" s="613"/>
      <c r="MUQ713" s="613"/>
      <c r="MUR713" s="613"/>
      <c r="MUS713" s="613"/>
      <c r="MUT713" s="613"/>
      <c r="MUU713" s="613"/>
      <c r="MUV713" s="613"/>
      <c r="MUW713" s="613"/>
      <c r="MUX713" s="613"/>
      <c r="MUY713" s="613"/>
      <c r="MUZ713" s="613"/>
      <c r="MVA713" s="613"/>
      <c r="MVB713" s="613"/>
      <c r="MVC713" s="613"/>
      <c r="MVD713" s="613"/>
      <c r="MVE713" s="613"/>
      <c r="MVF713" s="613"/>
      <c r="MVG713" s="613"/>
      <c r="MVH713" s="613"/>
      <c r="MVI713" s="613"/>
      <c r="MVJ713" s="613"/>
      <c r="MVK713" s="613"/>
      <c r="MVL713" s="613"/>
      <c r="MVM713" s="613"/>
      <c r="MVN713" s="613"/>
      <c r="MVO713" s="613"/>
      <c r="MVP713" s="613"/>
      <c r="MVQ713" s="613"/>
      <c r="MVR713" s="613"/>
      <c r="MVS713" s="613"/>
      <c r="MVT713" s="613"/>
      <c r="MVU713" s="613"/>
      <c r="MVV713" s="613"/>
      <c r="MVW713" s="613"/>
      <c r="MVX713" s="613"/>
      <c r="MVY713" s="613"/>
      <c r="MVZ713" s="613"/>
      <c r="MWA713" s="613"/>
      <c r="MWB713" s="613"/>
      <c r="MWC713" s="613"/>
      <c r="MWD713" s="613"/>
      <c r="MWE713" s="613"/>
      <c r="MWF713" s="613"/>
      <c r="MWG713" s="613"/>
      <c r="MWH713" s="613"/>
      <c r="MWI713" s="613"/>
      <c r="MWJ713" s="613"/>
      <c r="MWK713" s="613"/>
      <c r="MWL713" s="613"/>
      <c r="MWM713" s="613"/>
      <c r="MWN713" s="613"/>
      <c r="MWO713" s="613"/>
      <c r="MWP713" s="613"/>
      <c r="MWQ713" s="613"/>
      <c r="MWR713" s="613"/>
      <c r="MWS713" s="613"/>
      <c r="MWT713" s="613"/>
      <c r="MWU713" s="613"/>
      <c r="MWV713" s="613"/>
      <c r="MWW713" s="613"/>
      <c r="MWX713" s="613"/>
      <c r="MWY713" s="613"/>
      <c r="MWZ713" s="613"/>
      <c r="MXA713" s="613"/>
      <c r="MXB713" s="613"/>
      <c r="MXC713" s="613"/>
      <c r="MXD713" s="613"/>
      <c r="MXE713" s="613"/>
      <c r="MXF713" s="613"/>
      <c r="MXG713" s="613"/>
      <c r="MXH713" s="613"/>
      <c r="MXI713" s="613"/>
      <c r="MXJ713" s="613"/>
      <c r="MXK713" s="613"/>
      <c r="MXL713" s="613"/>
      <c r="MXM713" s="613"/>
      <c r="MXN713" s="613"/>
      <c r="MXO713" s="613"/>
      <c r="MXP713" s="613"/>
      <c r="MXQ713" s="613"/>
      <c r="MXR713" s="613"/>
      <c r="MXS713" s="613"/>
      <c r="MXT713" s="613"/>
      <c r="MXU713" s="613"/>
      <c r="MXV713" s="613"/>
      <c r="MXW713" s="613"/>
      <c r="MXX713" s="613"/>
      <c r="MXY713" s="613"/>
      <c r="MXZ713" s="613"/>
      <c r="MYA713" s="613"/>
      <c r="MYB713" s="613"/>
      <c r="MYC713" s="613"/>
      <c r="MYD713" s="613"/>
      <c r="MYE713" s="613"/>
      <c r="MYF713" s="613"/>
      <c r="MYG713" s="613"/>
      <c r="MYH713" s="613"/>
      <c r="MYI713" s="613"/>
      <c r="MYJ713" s="613"/>
      <c r="MYK713" s="613"/>
      <c r="MYL713" s="613"/>
      <c r="MYM713" s="613"/>
      <c r="MYN713" s="613"/>
      <c r="MYO713" s="613"/>
      <c r="MYP713" s="613"/>
      <c r="MYQ713" s="613"/>
      <c r="MYR713" s="613"/>
      <c r="MYS713" s="613"/>
      <c r="MYT713" s="613"/>
      <c r="MYU713" s="613"/>
      <c r="MYV713" s="613"/>
      <c r="MYW713" s="613"/>
      <c r="MYX713" s="613"/>
      <c r="MYY713" s="613"/>
      <c r="MYZ713" s="613"/>
      <c r="MZA713" s="613"/>
      <c r="MZB713" s="613"/>
      <c r="MZC713" s="613"/>
      <c r="MZD713" s="613"/>
      <c r="MZE713" s="613"/>
      <c r="MZF713" s="613"/>
      <c r="MZG713" s="613"/>
      <c r="MZH713" s="613"/>
      <c r="MZI713" s="613"/>
      <c r="MZJ713" s="613"/>
      <c r="MZK713" s="613"/>
      <c r="MZL713" s="613"/>
      <c r="MZM713" s="613"/>
      <c r="MZN713" s="613"/>
      <c r="MZO713" s="613"/>
      <c r="MZP713" s="613"/>
      <c r="MZQ713" s="613"/>
      <c r="MZR713" s="613"/>
      <c r="MZS713" s="613"/>
      <c r="MZT713" s="613"/>
      <c r="MZU713" s="613"/>
      <c r="MZV713" s="613"/>
      <c r="MZW713" s="613"/>
      <c r="MZX713" s="613"/>
      <c r="MZY713" s="613"/>
      <c r="MZZ713" s="613"/>
      <c r="NAA713" s="613"/>
      <c r="NAB713" s="613"/>
      <c r="NAC713" s="613"/>
      <c r="NAD713" s="613"/>
      <c r="NAE713" s="613"/>
      <c r="NAF713" s="613"/>
      <c r="NAG713" s="613"/>
      <c r="NAH713" s="613"/>
      <c r="NAI713" s="613"/>
      <c r="NAJ713" s="613"/>
      <c r="NAK713" s="613"/>
      <c r="NAL713" s="613"/>
      <c r="NAM713" s="613"/>
      <c r="NAN713" s="613"/>
      <c r="NAO713" s="613"/>
      <c r="NAP713" s="613"/>
      <c r="NAQ713" s="613"/>
      <c r="NAR713" s="613"/>
      <c r="NAS713" s="613"/>
      <c r="NAT713" s="613"/>
      <c r="NAU713" s="613"/>
      <c r="NAV713" s="613"/>
      <c r="NAW713" s="613"/>
      <c r="NAX713" s="613"/>
      <c r="NAY713" s="613"/>
      <c r="NAZ713" s="613"/>
      <c r="NBA713" s="613"/>
      <c r="NBB713" s="613"/>
      <c r="NBC713" s="613"/>
      <c r="NBD713" s="613"/>
      <c r="NBE713" s="613"/>
      <c r="NBF713" s="613"/>
      <c r="NBG713" s="613"/>
      <c r="NBH713" s="613"/>
      <c r="NBI713" s="613"/>
      <c r="NBJ713" s="613"/>
      <c r="NBK713" s="613"/>
      <c r="NBL713" s="613"/>
      <c r="NBM713" s="613"/>
      <c r="NBN713" s="613"/>
      <c r="NBO713" s="613"/>
      <c r="NBP713" s="613"/>
      <c r="NBQ713" s="613"/>
      <c r="NBR713" s="613"/>
      <c r="NBS713" s="613"/>
      <c r="NBT713" s="613"/>
      <c r="NBU713" s="613"/>
      <c r="NBV713" s="613"/>
      <c r="NBW713" s="613"/>
      <c r="NBX713" s="613"/>
      <c r="NBY713" s="613"/>
      <c r="NBZ713" s="613"/>
      <c r="NCA713" s="613"/>
      <c r="NCB713" s="613"/>
      <c r="NCC713" s="613"/>
      <c r="NCD713" s="613"/>
      <c r="NCE713" s="613"/>
      <c r="NCF713" s="613"/>
      <c r="NCG713" s="613"/>
      <c r="NCH713" s="613"/>
      <c r="NCI713" s="613"/>
      <c r="NCJ713" s="613"/>
      <c r="NCK713" s="613"/>
      <c r="NCL713" s="613"/>
      <c r="NCM713" s="613"/>
      <c r="NCN713" s="613"/>
      <c r="NCO713" s="613"/>
      <c r="NCP713" s="613"/>
      <c r="NCQ713" s="613"/>
      <c r="NCR713" s="613"/>
      <c r="NCS713" s="613"/>
      <c r="NCT713" s="613"/>
      <c r="NCU713" s="613"/>
      <c r="NCV713" s="613"/>
      <c r="NCW713" s="613"/>
      <c r="NCX713" s="613"/>
      <c r="NCY713" s="613"/>
      <c r="NCZ713" s="613"/>
      <c r="NDA713" s="613"/>
      <c r="NDB713" s="613"/>
      <c r="NDC713" s="613"/>
      <c r="NDD713" s="613"/>
      <c r="NDE713" s="613"/>
      <c r="NDF713" s="613"/>
      <c r="NDG713" s="613"/>
      <c r="NDH713" s="613"/>
      <c r="NDI713" s="613"/>
      <c r="NDJ713" s="613"/>
      <c r="NDK713" s="613"/>
      <c r="NDL713" s="613"/>
      <c r="NDM713" s="613"/>
      <c r="NDN713" s="613"/>
      <c r="NDO713" s="613"/>
      <c r="NDP713" s="613"/>
      <c r="NDQ713" s="613"/>
      <c r="NDR713" s="613"/>
      <c r="NDS713" s="613"/>
      <c r="NDT713" s="613"/>
      <c r="NDU713" s="613"/>
      <c r="NDV713" s="613"/>
      <c r="NDW713" s="613"/>
      <c r="NDX713" s="613"/>
      <c r="NDY713" s="613"/>
      <c r="NDZ713" s="613"/>
      <c r="NEA713" s="613"/>
      <c r="NEB713" s="613"/>
      <c r="NEC713" s="613"/>
      <c r="NED713" s="613"/>
      <c r="NEE713" s="613"/>
      <c r="NEF713" s="613"/>
      <c r="NEG713" s="613"/>
      <c r="NEH713" s="613"/>
      <c r="NEI713" s="613"/>
      <c r="NEJ713" s="613"/>
      <c r="NEK713" s="613"/>
      <c r="NEL713" s="613"/>
      <c r="NEM713" s="613"/>
      <c r="NEN713" s="613"/>
      <c r="NEO713" s="613"/>
      <c r="NEP713" s="613"/>
      <c r="NEQ713" s="613"/>
      <c r="NER713" s="613"/>
      <c r="NES713" s="613"/>
      <c r="NET713" s="613"/>
      <c r="NEU713" s="613"/>
      <c r="NEV713" s="613"/>
      <c r="NEW713" s="613"/>
      <c r="NEX713" s="613"/>
      <c r="NEY713" s="613"/>
      <c r="NEZ713" s="613"/>
      <c r="NFA713" s="613"/>
      <c r="NFB713" s="613"/>
      <c r="NFC713" s="613"/>
      <c r="NFD713" s="613"/>
      <c r="NFE713" s="613"/>
      <c r="NFF713" s="613"/>
      <c r="NFG713" s="613"/>
      <c r="NFH713" s="613"/>
      <c r="NFI713" s="613"/>
      <c r="NFJ713" s="613"/>
      <c r="NFK713" s="613"/>
      <c r="NFL713" s="613"/>
      <c r="NFM713" s="613"/>
      <c r="NFN713" s="613"/>
      <c r="NFO713" s="613"/>
      <c r="NFP713" s="613"/>
      <c r="NFQ713" s="613"/>
      <c r="NFR713" s="613"/>
      <c r="NFS713" s="613"/>
      <c r="NFT713" s="613"/>
      <c r="NFU713" s="613"/>
      <c r="NFV713" s="613"/>
      <c r="NFW713" s="613"/>
      <c r="NFX713" s="613"/>
      <c r="NFY713" s="613"/>
      <c r="NFZ713" s="613"/>
      <c r="NGA713" s="613"/>
      <c r="NGB713" s="613"/>
      <c r="NGC713" s="613"/>
      <c r="NGD713" s="613"/>
      <c r="NGE713" s="613"/>
      <c r="NGF713" s="613"/>
      <c r="NGG713" s="613"/>
      <c r="NGH713" s="613"/>
      <c r="NGI713" s="613"/>
      <c r="NGJ713" s="613"/>
      <c r="NGK713" s="613"/>
      <c r="NGL713" s="613"/>
      <c r="NGM713" s="613"/>
      <c r="NGN713" s="613"/>
      <c r="NGO713" s="613"/>
      <c r="NGP713" s="613"/>
      <c r="NGQ713" s="613"/>
      <c r="NGR713" s="613"/>
      <c r="NGS713" s="613"/>
      <c r="NGT713" s="613"/>
      <c r="NGU713" s="613"/>
      <c r="NGV713" s="613"/>
      <c r="NGW713" s="613"/>
      <c r="NGX713" s="613"/>
      <c r="NGY713" s="613"/>
      <c r="NGZ713" s="613"/>
      <c r="NHA713" s="613"/>
      <c r="NHB713" s="613"/>
      <c r="NHC713" s="613"/>
      <c r="NHD713" s="613"/>
      <c r="NHE713" s="613"/>
      <c r="NHF713" s="613"/>
      <c r="NHG713" s="613"/>
      <c r="NHH713" s="613"/>
      <c r="NHI713" s="613"/>
      <c r="NHJ713" s="613"/>
      <c r="NHK713" s="613"/>
      <c r="NHL713" s="613"/>
      <c r="NHM713" s="613"/>
      <c r="NHN713" s="613"/>
      <c r="NHO713" s="613"/>
      <c r="NHP713" s="613"/>
      <c r="NHQ713" s="613"/>
      <c r="NHR713" s="613"/>
      <c r="NHS713" s="613"/>
      <c r="NHT713" s="613"/>
      <c r="NHU713" s="613"/>
      <c r="NHV713" s="613"/>
      <c r="NHW713" s="613"/>
      <c r="NHX713" s="613"/>
      <c r="NHY713" s="613"/>
      <c r="NHZ713" s="613"/>
      <c r="NIA713" s="613"/>
      <c r="NIB713" s="613"/>
      <c r="NIC713" s="613"/>
      <c r="NID713" s="613"/>
      <c r="NIE713" s="613"/>
      <c r="NIF713" s="613"/>
      <c r="NIG713" s="613"/>
      <c r="NIH713" s="613"/>
      <c r="NII713" s="613"/>
      <c r="NIJ713" s="613"/>
      <c r="NIK713" s="613"/>
      <c r="NIL713" s="613"/>
      <c r="NIM713" s="613"/>
      <c r="NIN713" s="613"/>
      <c r="NIO713" s="613"/>
      <c r="NIP713" s="613"/>
      <c r="NIQ713" s="613"/>
      <c r="NIR713" s="613"/>
      <c r="NIS713" s="613"/>
      <c r="NIT713" s="613"/>
      <c r="NIU713" s="613"/>
      <c r="NIV713" s="613"/>
      <c r="NIW713" s="613"/>
      <c r="NIX713" s="613"/>
      <c r="NIY713" s="613"/>
      <c r="NIZ713" s="613"/>
      <c r="NJA713" s="613"/>
      <c r="NJB713" s="613"/>
      <c r="NJC713" s="613"/>
      <c r="NJD713" s="613"/>
      <c r="NJE713" s="613"/>
      <c r="NJF713" s="613"/>
      <c r="NJG713" s="613"/>
      <c r="NJH713" s="613"/>
      <c r="NJI713" s="613"/>
      <c r="NJJ713" s="613"/>
      <c r="NJK713" s="613"/>
      <c r="NJL713" s="613"/>
      <c r="NJM713" s="613"/>
      <c r="NJN713" s="613"/>
      <c r="NJO713" s="613"/>
      <c r="NJP713" s="613"/>
      <c r="NJQ713" s="613"/>
      <c r="NJR713" s="613"/>
      <c r="NJS713" s="613"/>
      <c r="NJT713" s="613"/>
      <c r="NJU713" s="613"/>
      <c r="NJV713" s="613"/>
      <c r="NJW713" s="613"/>
      <c r="NJX713" s="613"/>
      <c r="NJY713" s="613"/>
      <c r="NJZ713" s="613"/>
      <c r="NKA713" s="613"/>
      <c r="NKB713" s="613"/>
      <c r="NKC713" s="613"/>
      <c r="NKD713" s="613"/>
      <c r="NKE713" s="613"/>
      <c r="NKF713" s="613"/>
      <c r="NKG713" s="613"/>
      <c r="NKH713" s="613"/>
      <c r="NKI713" s="613"/>
      <c r="NKJ713" s="613"/>
      <c r="NKK713" s="613"/>
      <c r="NKL713" s="613"/>
      <c r="NKM713" s="613"/>
      <c r="NKN713" s="613"/>
      <c r="NKO713" s="613"/>
      <c r="NKP713" s="613"/>
      <c r="NKQ713" s="613"/>
      <c r="NKR713" s="613"/>
      <c r="NKS713" s="613"/>
      <c r="NKT713" s="613"/>
      <c r="NKU713" s="613"/>
      <c r="NKV713" s="613"/>
      <c r="NKW713" s="613"/>
      <c r="NKX713" s="613"/>
      <c r="NKY713" s="613"/>
      <c r="NKZ713" s="613"/>
      <c r="NLA713" s="613"/>
      <c r="NLB713" s="613"/>
      <c r="NLC713" s="613"/>
      <c r="NLD713" s="613"/>
      <c r="NLE713" s="613"/>
      <c r="NLF713" s="613"/>
      <c r="NLG713" s="613"/>
      <c r="NLH713" s="613"/>
      <c r="NLI713" s="613"/>
      <c r="NLJ713" s="613"/>
      <c r="NLK713" s="613"/>
      <c r="NLL713" s="613"/>
      <c r="NLM713" s="613"/>
      <c r="NLN713" s="613"/>
      <c r="NLO713" s="613"/>
      <c r="NLP713" s="613"/>
      <c r="NLQ713" s="613"/>
      <c r="NLR713" s="613"/>
      <c r="NLS713" s="613"/>
      <c r="NLT713" s="613"/>
      <c r="NLU713" s="613"/>
      <c r="NLV713" s="613"/>
      <c r="NLW713" s="613"/>
      <c r="NLX713" s="613"/>
      <c r="NLY713" s="613"/>
      <c r="NLZ713" s="613"/>
      <c r="NMA713" s="613"/>
      <c r="NMB713" s="613"/>
      <c r="NMC713" s="613"/>
      <c r="NMD713" s="613"/>
      <c r="NME713" s="613"/>
      <c r="NMF713" s="613"/>
      <c r="NMG713" s="613"/>
      <c r="NMH713" s="613"/>
      <c r="NMI713" s="613"/>
      <c r="NMJ713" s="613"/>
      <c r="NMK713" s="613"/>
      <c r="NML713" s="613"/>
      <c r="NMM713" s="613"/>
      <c r="NMN713" s="613"/>
      <c r="NMO713" s="613"/>
      <c r="NMP713" s="613"/>
      <c r="NMQ713" s="613"/>
      <c r="NMR713" s="613"/>
      <c r="NMS713" s="613"/>
      <c r="NMT713" s="613"/>
      <c r="NMU713" s="613"/>
      <c r="NMV713" s="613"/>
      <c r="NMW713" s="613"/>
      <c r="NMX713" s="613"/>
      <c r="NMY713" s="613"/>
      <c r="NMZ713" s="613"/>
      <c r="NNA713" s="613"/>
      <c r="NNB713" s="613"/>
      <c r="NNC713" s="613"/>
      <c r="NND713" s="613"/>
      <c r="NNE713" s="613"/>
      <c r="NNF713" s="613"/>
      <c r="NNG713" s="613"/>
      <c r="NNH713" s="613"/>
      <c r="NNI713" s="613"/>
      <c r="NNJ713" s="613"/>
      <c r="NNK713" s="613"/>
      <c r="NNL713" s="613"/>
      <c r="NNM713" s="613"/>
      <c r="NNN713" s="613"/>
      <c r="NNO713" s="613"/>
      <c r="NNP713" s="613"/>
      <c r="NNQ713" s="613"/>
      <c r="NNR713" s="613"/>
      <c r="NNS713" s="613"/>
      <c r="NNT713" s="613"/>
      <c r="NNU713" s="613"/>
      <c r="NNV713" s="613"/>
      <c r="NNW713" s="613"/>
      <c r="NNX713" s="613"/>
      <c r="NNY713" s="613"/>
      <c r="NNZ713" s="613"/>
      <c r="NOA713" s="613"/>
      <c r="NOB713" s="613"/>
      <c r="NOC713" s="613"/>
      <c r="NOD713" s="613"/>
      <c r="NOE713" s="613"/>
      <c r="NOF713" s="613"/>
      <c r="NOG713" s="613"/>
      <c r="NOH713" s="613"/>
      <c r="NOI713" s="613"/>
      <c r="NOJ713" s="613"/>
      <c r="NOK713" s="613"/>
      <c r="NOL713" s="613"/>
      <c r="NOM713" s="613"/>
      <c r="NON713" s="613"/>
      <c r="NOO713" s="613"/>
      <c r="NOP713" s="613"/>
      <c r="NOQ713" s="613"/>
      <c r="NOR713" s="613"/>
      <c r="NOS713" s="613"/>
      <c r="NOT713" s="613"/>
      <c r="NOU713" s="613"/>
      <c r="NOV713" s="613"/>
      <c r="NOW713" s="613"/>
      <c r="NOX713" s="613"/>
      <c r="NOY713" s="613"/>
      <c r="NOZ713" s="613"/>
      <c r="NPA713" s="613"/>
      <c r="NPB713" s="613"/>
      <c r="NPC713" s="613"/>
      <c r="NPD713" s="613"/>
      <c r="NPE713" s="613"/>
      <c r="NPF713" s="613"/>
      <c r="NPG713" s="613"/>
      <c r="NPH713" s="613"/>
      <c r="NPI713" s="613"/>
      <c r="NPJ713" s="613"/>
      <c r="NPK713" s="613"/>
      <c r="NPL713" s="613"/>
      <c r="NPM713" s="613"/>
      <c r="NPN713" s="613"/>
      <c r="NPO713" s="613"/>
      <c r="NPP713" s="613"/>
      <c r="NPQ713" s="613"/>
      <c r="NPR713" s="613"/>
      <c r="NPS713" s="613"/>
      <c r="NPT713" s="613"/>
      <c r="NPU713" s="613"/>
      <c r="NPV713" s="613"/>
      <c r="NPW713" s="613"/>
      <c r="NPX713" s="613"/>
      <c r="NPY713" s="613"/>
      <c r="NPZ713" s="613"/>
      <c r="NQA713" s="613"/>
      <c r="NQB713" s="613"/>
      <c r="NQC713" s="613"/>
      <c r="NQD713" s="613"/>
      <c r="NQE713" s="613"/>
      <c r="NQF713" s="613"/>
      <c r="NQG713" s="613"/>
      <c r="NQH713" s="613"/>
      <c r="NQI713" s="613"/>
      <c r="NQJ713" s="613"/>
      <c r="NQK713" s="613"/>
      <c r="NQL713" s="613"/>
      <c r="NQM713" s="613"/>
      <c r="NQN713" s="613"/>
      <c r="NQO713" s="613"/>
      <c r="NQP713" s="613"/>
      <c r="NQQ713" s="613"/>
      <c r="NQR713" s="613"/>
      <c r="NQS713" s="613"/>
      <c r="NQT713" s="613"/>
      <c r="NQU713" s="613"/>
      <c r="NQV713" s="613"/>
      <c r="NQW713" s="613"/>
      <c r="NQX713" s="613"/>
      <c r="NQY713" s="613"/>
      <c r="NQZ713" s="613"/>
      <c r="NRA713" s="613"/>
      <c r="NRB713" s="613"/>
      <c r="NRC713" s="613"/>
      <c r="NRD713" s="613"/>
      <c r="NRE713" s="613"/>
      <c r="NRF713" s="613"/>
      <c r="NRG713" s="613"/>
      <c r="NRH713" s="613"/>
      <c r="NRI713" s="613"/>
      <c r="NRJ713" s="613"/>
      <c r="NRK713" s="613"/>
      <c r="NRL713" s="613"/>
      <c r="NRM713" s="613"/>
      <c r="NRN713" s="613"/>
      <c r="NRO713" s="613"/>
      <c r="NRP713" s="613"/>
      <c r="NRQ713" s="613"/>
      <c r="NRR713" s="613"/>
      <c r="NRS713" s="613"/>
      <c r="NRT713" s="613"/>
      <c r="NRU713" s="613"/>
      <c r="NRV713" s="613"/>
      <c r="NRW713" s="613"/>
      <c r="NRX713" s="613"/>
      <c r="NRY713" s="613"/>
      <c r="NRZ713" s="613"/>
      <c r="NSA713" s="613"/>
      <c r="NSB713" s="613"/>
      <c r="NSC713" s="613"/>
      <c r="NSD713" s="613"/>
      <c r="NSE713" s="613"/>
      <c r="NSF713" s="613"/>
      <c r="NSG713" s="613"/>
      <c r="NSH713" s="613"/>
      <c r="NSI713" s="613"/>
      <c r="NSJ713" s="613"/>
      <c r="NSK713" s="613"/>
      <c r="NSL713" s="613"/>
      <c r="NSM713" s="613"/>
      <c r="NSN713" s="613"/>
      <c r="NSO713" s="613"/>
      <c r="NSP713" s="613"/>
      <c r="NSQ713" s="613"/>
      <c r="NSR713" s="613"/>
      <c r="NSS713" s="613"/>
      <c r="NST713" s="613"/>
      <c r="NSU713" s="613"/>
      <c r="NSV713" s="613"/>
      <c r="NSW713" s="613"/>
      <c r="NSX713" s="613"/>
      <c r="NSY713" s="613"/>
      <c r="NSZ713" s="613"/>
      <c r="NTA713" s="613"/>
      <c r="NTB713" s="613"/>
      <c r="NTC713" s="613"/>
      <c r="NTD713" s="613"/>
      <c r="NTE713" s="613"/>
      <c r="NTF713" s="613"/>
      <c r="NTG713" s="613"/>
      <c r="NTH713" s="613"/>
      <c r="NTI713" s="613"/>
      <c r="NTJ713" s="613"/>
      <c r="NTK713" s="613"/>
      <c r="NTL713" s="613"/>
      <c r="NTM713" s="613"/>
      <c r="NTN713" s="613"/>
      <c r="NTO713" s="613"/>
      <c r="NTP713" s="613"/>
      <c r="NTQ713" s="613"/>
      <c r="NTR713" s="613"/>
      <c r="NTS713" s="613"/>
      <c r="NTT713" s="613"/>
      <c r="NTU713" s="613"/>
      <c r="NTV713" s="613"/>
      <c r="NTW713" s="613"/>
      <c r="NTX713" s="613"/>
      <c r="NTY713" s="613"/>
      <c r="NTZ713" s="613"/>
      <c r="NUA713" s="613"/>
      <c r="NUB713" s="613"/>
      <c r="NUC713" s="613"/>
      <c r="NUD713" s="613"/>
      <c r="NUE713" s="613"/>
      <c r="NUF713" s="613"/>
      <c r="NUG713" s="613"/>
      <c r="NUH713" s="613"/>
      <c r="NUI713" s="613"/>
      <c r="NUJ713" s="613"/>
      <c r="NUK713" s="613"/>
      <c r="NUL713" s="613"/>
      <c r="NUM713" s="613"/>
      <c r="NUN713" s="613"/>
      <c r="NUO713" s="613"/>
      <c r="NUP713" s="613"/>
      <c r="NUQ713" s="613"/>
      <c r="NUR713" s="613"/>
      <c r="NUS713" s="613"/>
      <c r="NUT713" s="613"/>
      <c r="NUU713" s="613"/>
      <c r="NUV713" s="613"/>
      <c r="NUW713" s="613"/>
      <c r="NUX713" s="613"/>
      <c r="NUY713" s="613"/>
      <c r="NUZ713" s="613"/>
      <c r="NVA713" s="613"/>
      <c r="NVB713" s="613"/>
      <c r="NVC713" s="613"/>
      <c r="NVD713" s="613"/>
      <c r="NVE713" s="613"/>
      <c r="NVF713" s="613"/>
      <c r="NVG713" s="613"/>
      <c r="NVH713" s="613"/>
      <c r="NVI713" s="613"/>
      <c r="NVJ713" s="613"/>
      <c r="NVK713" s="613"/>
      <c r="NVL713" s="613"/>
      <c r="NVM713" s="613"/>
      <c r="NVN713" s="613"/>
      <c r="NVO713" s="613"/>
      <c r="NVP713" s="613"/>
      <c r="NVQ713" s="613"/>
      <c r="NVR713" s="613"/>
      <c r="NVS713" s="613"/>
      <c r="NVT713" s="613"/>
      <c r="NVU713" s="613"/>
      <c r="NVV713" s="613"/>
      <c r="NVW713" s="613"/>
      <c r="NVX713" s="613"/>
      <c r="NVY713" s="613"/>
      <c r="NVZ713" s="613"/>
      <c r="NWA713" s="613"/>
      <c r="NWB713" s="613"/>
      <c r="NWC713" s="613"/>
      <c r="NWD713" s="613"/>
      <c r="NWE713" s="613"/>
      <c r="NWF713" s="613"/>
      <c r="NWG713" s="613"/>
      <c r="NWH713" s="613"/>
      <c r="NWI713" s="613"/>
      <c r="NWJ713" s="613"/>
      <c r="NWK713" s="613"/>
      <c r="NWL713" s="613"/>
      <c r="NWM713" s="613"/>
      <c r="NWN713" s="613"/>
      <c r="NWO713" s="613"/>
      <c r="NWP713" s="613"/>
      <c r="NWQ713" s="613"/>
      <c r="NWR713" s="613"/>
      <c r="NWS713" s="613"/>
      <c r="NWT713" s="613"/>
      <c r="NWU713" s="613"/>
      <c r="NWV713" s="613"/>
      <c r="NWW713" s="613"/>
      <c r="NWX713" s="613"/>
      <c r="NWY713" s="613"/>
      <c r="NWZ713" s="613"/>
      <c r="NXA713" s="613"/>
      <c r="NXB713" s="613"/>
      <c r="NXC713" s="613"/>
      <c r="NXD713" s="613"/>
      <c r="NXE713" s="613"/>
      <c r="NXF713" s="613"/>
      <c r="NXG713" s="613"/>
      <c r="NXH713" s="613"/>
      <c r="NXI713" s="613"/>
      <c r="NXJ713" s="613"/>
      <c r="NXK713" s="613"/>
      <c r="NXL713" s="613"/>
      <c r="NXM713" s="613"/>
      <c r="NXN713" s="613"/>
      <c r="NXO713" s="613"/>
      <c r="NXP713" s="613"/>
      <c r="NXQ713" s="613"/>
      <c r="NXR713" s="613"/>
      <c r="NXS713" s="613"/>
      <c r="NXT713" s="613"/>
      <c r="NXU713" s="613"/>
      <c r="NXV713" s="613"/>
      <c r="NXW713" s="613"/>
      <c r="NXX713" s="613"/>
      <c r="NXY713" s="613"/>
      <c r="NXZ713" s="613"/>
      <c r="NYA713" s="613"/>
      <c r="NYB713" s="613"/>
      <c r="NYC713" s="613"/>
      <c r="NYD713" s="613"/>
      <c r="NYE713" s="613"/>
      <c r="NYF713" s="613"/>
      <c r="NYG713" s="613"/>
      <c r="NYH713" s="613"/>
      <c r="NYI713" s="613"/>
      <c r="NYJ713" s="613"/>
      <c r="NYK713" s="613"/>
      <c r="NYL713" s="613"/>
      <c r="NYM713" s="613"/>
      <c r="NYN713" s="613"/>
      <c r="NYO713" s="613"/>
      <c r="NYP713" s="613"/>
      <c r="NYQ713" s="613"/>
      <c r="NYR713" s="613"/>
      <c r="NYS713" s="613"/>
      <c r="NYT713" s="613"/>
      <c r="NYU713" s="613"/>
      <c r="NYV713" s="613"/>
      <c r="NYW713" s="613"/>
      <c r="NYX713" s="613"/>
      <c r="NYY713" s="613"/>
      <c r="NYZ713" s="613"/>
      <c r="NZA713" s="613"/>
      <c r="NZB713" s="613"/>
      <c r="NZC713" s="613"/>
      <c r="NZD713" s="613"/>
      <c r="NZE713" s="613"/>
      <c r="NZF713" s="613"/>
      <c r="NZG713" s="613"/>
      <c r="NZH713" s="613"/>
      <c r="NZI713" s="613"/>
      <c r="NZJ713" s="613"/>
      <c r="NZK713" s="613"/>
      <c r="NZL713" s="613"/>
      <c r="NZM713" s="613"/>
      <c r="NZN713" s="613"/>
      <c r="NZO713" s="613"/>
      <c r="NZP713" s="613"/>
      <c r="NZQ713" s="613"/>
      <c r="NZR713" s="613"/>
      <c r="NZS713" s="613"/>
      <c r="NZT713" s="613"/>
      <c r="NZU713" s="613"/>
      <c r="NZV713" s="613"/>
      <c r="NZW713" s="613"/>
      <c r="NZX713" s="613"/>
      <c r="NZY713" s="613"/>
      <c r="NZZ713" s="613"/>
      <c r="OAA713" s="613"/>
      <c r="OAB713" s="613"/>
      <c r="OAC713" s="613"/>
      <c r="OAD713" s="613"/>
      <c r="OAE713" s="613"/>
      <c r="OAF713" s="613"/>
      <c r="OAG713" s="613"/>
      <c r="OAH713" s="613"/>
      <c r="OAI713" s="613"/>
      <c r="OAJ713" s="613"/>
      <c r="OAK713" s="613"/>
      <c r="OAL713" s="613"/>
      <c r="OAM713" s="613"/>
      <c r="OAN713" s="613"/>
      <c r="OAO713" s="613"/>
      <c r="OAP713" s="613"/>
      <c r="OAQ713" s="613"/>
      <c r="OAR713" s="613"/>
      <c r="OAS713" s="613"/>
      <c r="OAT713" s="613"/>
      <c r="OAU713" s="613"/>
      <c r="OAV713" s="613"/>
      <c r="OAW713" s="613"/>
      <c r="OAX713" s="613"/>
      <c r="OAY713" s="613"/>
      <c r="OAZ713" s="613"/>
      <c r="OBA713" s="613"/>
      <c r="OBB713" s="613"/>
      <c r="OBC713" s="613"/>
      <c r="OBD713" s="613"/>
      <c r="OBE713" s="613"/>
      <c r="OBF713" s="613"/>
      <c r="OBG713" s="613"/>
      <c r="OBH713" s="613"/>
      <c r="OBI713" s="613"/>
      <c r="OBJ713" s="613"/>
      <c r="OBK713" s="613"/>
      <c r="OBL713" s="613"/>
      <c r="OBM713" s="613"/>
      <c r="OBN713" s="613"/>
      <c r="OBO713" s="613"/>
      <c r="OBP713" s="613"/>
      <c r="OBQ713" s="613"/>
      <c r="OBR713" s="613"/>
      <c r="OBS713" s="613"/>
      <c r="OBT713" s="613"/>
      <c r="OBU713" s="613"/>
      <c r="OBV713" s="613"/>
      <c r="OBW713" s="613"/>
      <c r="OBX713" s="613"/>
      <c r="OBY713" s="613"/>
      <c r="OBZ713" s="613"/>
      <c r="OCA713" s="613"/>
      <c r="OCB713" s="613"/>
      <c r="OCC713" s="613"/>
      <c r="OCD713" s="613"/>
      <c r="OCE713" s="613"/>
      <c r="OCF713" s="613"/>
      <c r="OCG713" s="613"/>
      <c r="OCH713" s="613"/>
      <c r="OCI713" s="613"/>
      <c r="OCJ713" s="613"/>
      <c r="OCK713" s="613"/>
      <c r="OCL713" s="613"/>
      <c r="OCM713" s="613"/>
      <c r="OCN713" s="613"/>
      <c r="OCO713" s="613"/>
      <c r="OCP713" s="613"/>
      <c r="OCQ713" s="613"/>
      <c r="OCR713" s="613"/>
      <c r="OCS713" s="613"/>
      <c r="OCT713" s="613"/>
      <c r="OCU713" s="613"/>
      <c r="OCV713" s="613"/>
      <c r="OCW713" s="613"/>
      <c r="OCX713" s="613"/>
      <c r="OCY713" s="613"/>
      <c r="OCZ713" s="613"/>
      <c r="ODA713" s="613"/>
      <c r="ODB713" s="613"/>
      <c r="ODC713" s="613"/>
      <c r="ODD713" s="613"/>
      <c r="ODE713" s="613"/>
      <c r="ODF713" s="613"/>
      <c r="ODG713" s="613"/>
      <c r="ODH713" s="613"/>
      <c r="ODI713" s="613"/>
      <c r="ODJ713" s="613"/>
      <c r="ODK713" s="613"/>
      <c r="ODL713" s="613"/>
      <c r="ODM713" s="613"/>
      <c r="ODN713" s="613"/>
      <c r="ODO713" s="613"/>
      <c r="ODP713" s="613"/>
      <c r="ODQ713" s="613"/>
      <c r="ODR713" s="613"/>
      <c r="ODS713" s="613"/>
      <c r="ODT713" s="613"/>
      <c r="ODU713" s="613"/>
      <c r="ODV713" s="613"/>
      <c r="ODW713" s="613"/>
      <c r="ODX713" s="613"/>
      <c r="ODY713" s="613"/>
      <c r="ODZ713" s="613"/>
      <c r="OEA713" s="613"/>
      <c r="OEB713" s="613"/>
      <c r="OEC713" s="613"/>
      <c r="OED713" s="613"/>
      <c r="OEE713" s="613"/>
      <c r="OEF713" s="613"/>
      <c r="OEG713" s="613"/>
      <c r="OEH713" s="613"/>
      <c r="OEI713" s="613"/>
      <c r="OEJ713" s="613"/>
      <c r="OEK713" s="613"/>
      <c r="OEL713" s="613"/>
      <c r="OEM713" s="613"/>
      <c r="OEN713" s="613"/>
      <c r="OEO713" s="613"/>
      <c r="OEP713" s="613"/>
      <c r="OEQ713" s="613"/>
      <c r="OER713" s="613"/>
      <c r="OES713" s="613"/>
      <c r="OET713" s="613"/>
      <c r="OEU713" s="613"/>
      <c r="OEV713" s="613"/>
      <c r="OEW713" s="613"/>
      <c r="OEX713" s="613"/>
      <c r="OEY713" s="613"/>
      <c r="OEZ713" s="613"/>
      <c r="OFA713" s="613"/>
      <c r="OFB713" s="613"/>
      <c r="OFC713" s="613"/>
      <c r="OFD713" s="613"/>
      <c r="OFE713" s="613"/>
      <c r="OFF713" s="613"/>
      <c r="OFG713" s="613"/>
      <c r="OFH713" s="613"/>
      <c r="OFI713" s="613"/>
      <c r="OFJ713" s="613"/>
      <c r="OFK713" s="613"/>
      <c r="OFL713" s="613"/>
      <c r="OFM713" s="613"/>
      <c r="OFN713" s="613"/>
      <c r="OFO713" s="613"/>
      <c r="OFP713" s="613"/>
      <c r="OFQ713" s="613"/>
      <c r="OFR713" s="613"/>
      <c r="OFS713" s="613"/>
      <c r="OFT713" s="613"/>
      <c r="OFU713" s="613"/>
      <c r="OFV713" s="613"/>
      <c r="OFW713" s="613"/>
      <c r="OFX713" s="613"/>
      <c r="OFY713" s="613"/>
      <c r="OFZ713" s="613"/>
      <c r="OGA713" s="613"/>
      <c r="OGB713" s="613"/>
      <c r="OGC713" s="613"/>
      <c r="OGD713" s="613"/>
      <c r="OGE713" s="613"/>
      <c r="OGF713" s="613"/>
      <c r="OGG713" s="613"/>
      <c r="OGH713" s="613"/>
      <c r="OGI713" s="613"/>
      <c r="OGJ713" s="613"/>
      <c r="OGK713" s="613"/>
      <c r="OGL713" s="613"/>
      <c r="OGM713" s="613"/>
      <c r="OGN713" s="613"/>
      <c r="OGO713" s="613"/>
      <c r="OGP713" s="613"/>
      <c r="OGQ713" s="613"/>
      <c r="OGR713" s="613"/>
      <c r="OGS713" s="613"/>
      <c r="OGT713" s="613"/>
      <c r="OGU713" s="613"/>
      <c r="OGV713" s="613"/>
      <c r="OGW713" s="613"/>
      <c r="OGX713" s="613"/>
      <c r="OGY713" s="613"/>
      <c r="OGZ713" s="613"/>
      <c r="OHA713" s="613"/>
      <c r="OHB713" s="613"/>
      <c r="OHC713" s="613"/>
      <c r="OHD713" s="613"/>
      <c r="OHE713" s="613"/>
      <c r="OHF713" s="613"/>
      <c r="OHG713" s="613"/>
      <c r="OHH713" s="613"/>
      <c r="OHI713" s="613"/>
      <c r="OHJ713" s="613"/>
      <c r="OHK713" s="613"/>
      <c r="OHL713" s="613"/>
      <c r="OHM713" s="613"/>
      <c r="OHN713" s="613"/>
      <c r="OHO713" s="613"/>
      <c r="OHP713" s="613"/>
      <c r="OHQ713" s="613"/>
      <c r="OHR713" s="613"/>
      <c r="OHS713" s="613"/>
      <c r="OHT713" s="613"/>
      <c r="OHU713" s="613"/>
      <c r="OHV713" s="613"/>
      <c r="OHW713" s="613"/>
      <c r="OHX713" s="613"/>
      <c r="OHY713" s="613"/>
      <c r="OHZ713" s="613"/>
      <c r="OIA713" s="613"/>
      <c r="OIB713" s="613"/>
      <c r="OIC713" s="613"/>
      <c r="OID713" s="613"/>
      <c r="OIE713" s="613"/>
      <c r="OIF713" s="613"/>
      <c r="OIG713" s="613"/>
      <c r="OIH713" s="613"/>
      <c r="OII713" s="613"/>
      <c r="OIJ713" s="613"/>
      <c r="OIK713" s="613"/>
      <c r="OIL713" s="613"/>
      <c r="OIM713" s="613"/>
      <c r="OIN713" s="613"/>
      <c r="OIO713" s="613"/>
      <c r="OIP713" s="613"/>
      <c r="OIQ713" s="613"/>
      <c r="OIR713" s="613"/>
      <c r="OIS713" s="613"/>
      <c r="OIT713" s="613"/>
      <c r="OIU713" s="613"/>
      <c r="OIV713" s="613"/>
      <c r="OIW713" s="613"/>
      <c r="OIX713" s="613"/>
      <c r="OIY713" s="613"/>
      <c r="OIZ713" s="613"/>
      <c r="OJA713" s="613"/>
      <c r="OJB713" s="613"/>
      <c r="OJC713" s="613"/>
      <c r="OJD713" s="613"/>
      <c r="OJE713" s="613"/>
      <c r="OJF713" s="613"/>
      <c r="OJG713" s="613"/>
      <c r="OJH713" s="613"/>
      <c r="OJI713" s="613"/>
      <c r="OJJ713" s="613"/>
      <c r="OJK713" s="613"/>
      <c r="OJL713" s="613"/>
      <c r="OJM713" s="613"/>
      <c r="OJN713" s="613"/>
      <c r="OJO713" s="613"/>
      <c r="OJP713" s="613"/>
      <c r="OJQ713" s="613"/>
      <c r="OJR713" s="613"/>
      <c r="OJS713" s="613"/>
      <c r="OJT713" s="613"/>
      <c r="OJU713" s="613"/>
      <c r="OJV713" s="613"/>
      <c r="OJW713" s="613"/>
      <c r="OJX713" s="613"/>
      <c r="OJY713" s="613"/>
      <c r="OJZ713" s="613"/>
      <c r="OKA713" s="613"/>
      <c r="OKB713" s="613"/>
      <c r="OKC713" s="613"/>
      <c r="OKD713" s="613"/>
      <c r="OKE713" s="613"/>
      <c r="OKF713" s="613"/>
      <c r="OKG713" s="613"/>
      <c r="OKH713" s="613"/>
      <c r="OKI713" s="613"/>
      <c r="OKJ713" s="613"/>
      <c r="OKK713" s="613"/>
      <c r="OKL713" s="613"/>
      <c r="OKM713" s="613"/>
      <c r="OKN713" s="613"/>
      <c r="OKO713" s="613"/>
      <c r="OKP713" s="613"/>
      <c r="OKQ713" s="613"/>
      <c r="OKR713" s="613"/>
      <c r="OKS713" s="613"/>
      <c r="OKT713" s="613"/>
      <c r="OKU713" s="613"/>
      <c r="OKV713" s="613"/>
      <c r="OKW713" s="613"/>
      <c r="OKX713" s="613"/>
      <c r="OKY713" s="613"/>
      <c r="OKZ713" s="613"/>
      <c r="OLA713" s="613"/>
      <c r="OLB713" s="613"/>
      <c r="OLC713" s="613"/>
      <c r="OLD713" s="613"/>
      <c r="OLE713" s="613"/>
      <c r="OLF713" s="613"/>
      <c r="OLG713" s="613"/>
      <c r="OLH713" s="613"/>
      <c r="OLI713" s="613"/>
      <c r="OLJ713" s="613"/>
      <c r="OLK713" s="613"/>
      <c r="OLL713" s="613"/>
      <c r="OLM713" s="613"/>
      <c r="OLN713" s="613"/>
      <c r="OLO713" s="613"/>
      <c r="OLP713" s="613"/>
      <c r="OLQ713" s="613"/>
      <c r="OLR713" s="613"/>
      <c r="OLS713" s="613"/>
      <c r="OLT713" s="613"/>
      <c r="OLU713" s="613"/>
      <c r="OLV713" s="613"/>
      <c r="OLW713" s="613"/>
      <c r="OLX713" s="613"/>
      <c r="OLY713" s="613"/>
      <c r="OLZ713" s="613"/>
      <c r="OMA713" s="613"/>
      <c r="OMB713" s="613"/>
      <c r="OMC713" s="613"/>
      <c r="OMD713" s="613"/>
      <c r="OME713" s="613"/>
      <c r="OMF713" s="613"/>
      <c r="OMG713" s="613"/>
      <c r="OMH713" s="613"/>
      <c r="OMI713" s="613"/>
      <c r="OMJ713" s="613"/>
      <c r="OMK713" s="613"/>
      <c r="OML713" s="613"/>
      <c r="OMM713" s="613"/>
      <c r="OMN713" s="613"/>
      <c r="OMO713" s="613"/>
      <c r="OMP713" s="613"/>
      <c r="OMQ713" s="613"/>
      <c r="OMR713" s="613"/>
      <c r="OMS713" s="613"/>
      <c r="OMT713" s="613"/>
      <c r="OMU713" s="613"/>
      <c r="OMV713" s="613"/>
      <c r="OMW713" s="613"/>
      <c r="OMX713" s="613"/>
      <c r="OMY713" s="613"/>
      <c r="OMZ713" s="613"/>
      <c r="ONA713" s="613"/>
      <c r="ONB713" s="613"/>
      <c r="ONC713" s="613"/>
      <c r="OND713" s="613"/>
      <c r="ONE713" s="613"/>
      <c r="ONF713" s="613"/>
      <c r="ONG713" s="613"/>
      <c r="ONH713" s="613"/>
      <c r="ONI713" s="613"/>
      <c r="ONJ713" s="613"/>
      <c r="ONK713" s="613"/>
      <c r="ONL713" s="613"/>
      <c r="ONM713" s="613"/>
      <c r="ONN713" s="613"/>
      <c r="ONO713" s="613"/>
      <c r="ONP713" s="613"/>
      <c r="ONQ713" s="613"/>
      <c r="ONR713" s="613"/>
      <c r="ONS713" s="613"/>
      <c r="ONT713" s="613"/>
      <c r="ONU713" s="613"/>
      <c r="ONV713" s="613"/>
      <c r="ONW713" s="613"/>
      <c r="ONX713" s="613"/>
      <c r="ONY713" s="613"/>
      <c r="ONZ713" s="613"/>
      <c r="OOA713" s="613"/>
      <c r="OOB713" s="613"/>
      <c r="OOC713" s="613"/>
      <c r="OOD713" s="613"/>
      <c r="OOE713" s="613"/>
      <c r="OOF713" s="613"/>
      <c r="OOG713" s="613"/>
      <c r="OOH713" s="613"/>
      <c r="OOI713" s="613"/>
      <c r="OOJ713" s="613"/>
      <c r="OOK713" s="613"/>
      <c r="OOL713" s="613"/>
      <c r="OOM713" s="613"/>
      <c r="OON713" s="613"/>
      <c r="OOO713" s="613"/>
      <c r="OOP713" s="613"/>
      <c r="OOQ713" s="613"/>
      <c r="OOR713" s="613"/>
      <c r="OOS713" s="613"/>
      <c r="OOT713" s="613"/>
      <c r="OOU713" s="613"/>
      <c r="OOV713" s="613"/>
      <c r="OOW713" s="613"/>
      <c r="OOX713" s="613"/>
      <c r="OOY713" s="613"/>
      <c r="OOZ713" s="613"/>
      <c r="OPA713" s="613"/>
      <c r="OPB713" s="613"/>
      <c r="OPC713" s="613"/>
      <c r="OPD713" s="613"/>
      <c r="OPE713" s="613"/>
      <c r="OPF713" s="613"/>
      <c r="OPG713" s="613"/>
      <c r="OPH713" s="613"/>
      <c r="OPI713" s="613"/>
      <c r="OPJ713" s="613"/>
      <c r="OPK713" s="613"/>
      <c r="OPL713" s="613"/>
      <c r="OPM713" s="613"/>
      <c r="OPN713" s="613"/>
      <c r="OPO713" s="613"/>
      <c r="OPP713" s="613"/>
      <c r="OPQ713" s="613"/>
      <c r="OPR713" s="613"/>
      <c r="OPS713" s="613"/>
      <c r="OPT713" s="613"/>
      <c r="OPU713" s="613"/>
      <c r="OPV713" s="613"/>
      <c r="OPW713" s="613"/>
      <c r="OPX713" s="613"/>
      <c r="OPY713" s="613"/>
      <c r="OPZ713" s="613"/>
      <c r="OQA713" s="613"/>
      <c r="OQB713" s="613"/>
      <c r="OQC713" s="613"/>
      <c r="OQD713" s="613"/>
      <c r="OQE713" s="613"/>
      <c r="OQF713" s="613"/>
      <c r="OQG713" s="613"/>
      <c r="OQH713" s="613"/>
      <c r="OQI713" s="613"/>
      <c r="OQJ713" s="613"/>
      <c r="OQK713" s="613"/>
      <c r="OQL713" s="613"/>
      <c r="OQM713" s="613"/>
      <c r="OQN713" s="613"/>
      <c r="OQO713" s="613"/>
      <c r="OQP713" s="613"/>
      <c r="OQQ713" s="613"/>
      <c r="OQR713" s="613"/>
      <c r="OQS713" s="613"/>
      <c r="OQT713" s="613"/>
      <c r="OQU713" s="613"/>
      <c r="OQV713" s="613"/>
      <c r="OQW713" s="613"/>
      <c r="OQX713" s="613"/>
      <c r="OQY713" s="613"/>
      <c r="OQZ713" s="613"/>
      <c r="ORA713" s="613"/>
      <c r="ORB713" s="613"/>
      <c r="ORC713" s="613"/>
      <c r="ORD713" s="613"/>
      <c r="ORE713" s="613"/>
      <c r="ORF713" s="613"/>
      <c r="ORG713" s="613"/>
      <c r="ORH713" s="613"/>
      <c r="ORI713" s="613"/>
      <c r="ORJ713" s="613"/>
      <c r="ORK713" s="613"/>
      <c r="ORL713" s="613"/>
      <c r="ORM713" s="613"/>
      <c r="ORN713" s="613"/>
      <c r="ORO713" s="613"/>
      <c r="ORP713" s="613"/>
      <c r="ORQ713" s="613"/>
      <c r="ORR713" s="613"/>
      <c r="ORS713" s="613"/>
      <c r="ORT713" s="613"/>
      <c r="ORU713" s="613"/>
      <c r="ORV713" s="613"/>
      <c r="ORW713" s="613"/>
      <c r="ORX713" s="613"/>
      <c r="ORY713" s="613"/>
      <c r="ORZ713" s="613"/>
      <c r="OSA713" s="613"/>
      <c r="OSB713" s="613"/>
      <c r="OSC713" s="613"/>
      <c r="OSD713" s="613"/>
      <c r="OSE713" s="613"/>
      <c r="OSF713" s="613"/>
      <c r="OSG713" s="613"/>
      <c r="OSH713" s="613"/>
      <c r="OSI713" s="613"/>
      <c r="OSJ713" s="613"/>
      <c r="OSK713" s="613"/>
      <c r="OSL713" s="613"/>
      <c r="OSM713" s="613"/>
      <c r="OSN713" s="613"/>
      <c r="OSO713" s="613"/>
      <c r="OSP713" s="613"/>
      <c r="OSQ713" s="613"/>
      <c r="OSR713" s="613"/>
      <c r="OSS713" s="613"/>
      <c r="OST713" s="613"/>
      <c r="OSU713" s="613"/>
      <c r="OSV713" s="613"/>
      <c r="OSW713" s="613"/>
      <c r="OSX713" s="613"/>
      <c r="OSY713" s="613"/>
      <c r="OSZ713" s="613"/>
      <c r="OTA713" s="613"/>
      <c r="OTB713" s="613"/>
      <c r="OTC713" s="613"/>
      <c r="OTD713" s="613"/>
      <c r="OTE713" s="613"/>
      <c r="OTF713" s="613"/>
      <c r="OTG713" s="613"/>
      <c r="OTH713" s="613"/>
      <c r="OTI713" s="613"/>
      <c r="OTJ713" s="613"/>
      <c r="OTK713" s="613"/>
      <c r="OTL713" s="613"/>
      <c r="OTM713" s="613"/>
      <c r="OTN713" s="613"/>
      <c r="OTO713" s="613"/>
      <c r="OTP713" s="613"/>
      <c r="OTQ713" s="613"/>
      <c r="OTR713" s="613"/>
      <c r="OTS713" s="613"/>
      <c r="OTT713" s="613"/>
      <c r="OTU713" s="613"/>
      <c r="OTV713" s="613"/>
      <c r="OTW713" s="613"/>
      <c r="OTX713" s="613"/>
      <c r="OTY713" s="613"/>
      <c r="OTZ713" s="613"/>
      <c r="OUA713" s="613"/>
      <c r="OUB713" s="613"/>
      <c r="OUC713" s="613"/>
      <c r="OUD713" s="613"/>
      <c r="OUE713" s="613"/>
      <c r="OUF713" s="613"/>
      <c r="OUG713" s="613"/>
      <c r="OUH713" s="613"/>
      <c r="OUI713" s="613"/>
      <c r="OUJ713" s="613"/>
      <c r="OUK713" s="613"/>
      <c r="OUL713" s="613"/>
      <c r="OUM713" s="613"/>
      <c r="OUN713" s="613"/>
      <c r="OUO713" s="613"/>
      <c r="OUP713" s="613"/>
      <c r="OUQ713" s="613"/>
      <c r="OUR713" s="613"/>
      <c r="OUS713" s="613"/>
      <c r="OUT713" s="613"/>
      <c r="OUU713" s="613"/>
      <c r="OUV713" s="613"/>
      <c r="OUW713" s="613"/>
      <c r="OUX713" s="613"/>
      <c r="OUY713" s="613"/>
      <c r="OUZ713" s="613"/>
      <c r="OVA713" s="613"/>
      <c r="OVB713" s="613"/>
      <c r="OVC713" s="613"/>
      <c r="OVD713" s="613"/>
      <c r="OVE713" s="613"/>
      <c r="OVF713" s="613"/>
      <c r="OVG713" s="613"/>
      <c r="OVH713" s="613"/>
      <c r="OVI713" s="613"/>
      <c r="OVJ713" s="613"/>
      <c r="OVK713" s="613"/>
      <c r="OVL713" s="613"/>
      <c r="OVM713" s="613"/>
      <c r="OVN713" s="613"/>
      <c r="OVO713" s="613"/>
      <c r="OVP713" s="613"/>
      <c r="OVQ713" s="613"/>
      <c r="OVR713" s="613"/>
      <c r="OVS713" s="613"/>
      <c r="OVT713" s="613"/>
      <c r="OVU713" s="613"/>
      <c r="OVV713" s="613"/>
      <c r="OVW713" s="613"/>
      <c r="OVX713" s="613"/>
      <c r="OVY713" s="613"/>
      <c r="OVZ713" s="613"/>
      <c r="OWA713" s="613"/>
      <c r="OWB713" s="613"/>
      <c r="OWC713" s="613"/>
      <c r="OWD713" s="613"/>
      <c r="OWE713" s="613"/>
      <c r="OWF713" s="613"/>
      <c r="OWG713" s="613"/>
      <c r="OWH713" s="613"/>
      <c r="OWI713" s="613"/>
      <c r="OWJ713" s="613"/>
      <c r="OWK713" s="613"/>
      <c r="OWL713" s="613"/>
      <c r="OWM713" s="613"/>
      <c r="OWN713" s="613"/>
      <c r="OWO713" s="613"/>
      <c r="OWP713" s="613"/>
      <c r="OWQ713" s="613"/>
      <c r="OWR713" s="613"/>
      <c r="OWS713" s="613"/>
      <c r="OWT713" s="613"/>
      <c r="OWU713" s="613"/>
      <c r="OWV713" s="613"/>
      <c r="OWW713" s="613"/>
      <c r="OWX713" s="613"/>
      <c r="OWY713" s="613"/>
      <c r="OWZ713" s="613"/>
      <c r="OXA713" s="613"/>
      <c r="OXB713" s="613"/>
      <c r="OXC713" s="613"/>
      <c r="OXD713" s="613"/>
      <c r="OXE713" s="613"/>
      <c r="OXF713" s="613"/>
      <c r="OXG713" s="613"/>
      <c r="OXH713" s="613"/>
      <c r="OXI713" s="613"/>
      <c r="OXJ713" s="613"/>
      <c r="OXK713" s="613"/>
      <c r="OXL713" s="613"/>
      <c r="OXM713" s="613"/>
      <c r="OXN713" s="613"/>
      <c r="OXO713" s="613"/>
      <c r="OXP713" s="613"/>
      <c r="OXQ713" s="613"/>
      <c r="OXR713" s="613"/>
      <c r="OXS713" s="613"/>
      <c r="OXT713" s="613"/>
      <c r="OXU713" s="613"/>
      <c r="OXV713" s="613"/>
      <c r="OXW713" s="613"/>
      <c r="OXX713" s="613"/>
      <c r="OXY713" s="613"/>
      <c r="OXZ713" s="613"/>
      <c r="OYA713" s="613"/>
      <c r="OYB713" s="613"/>
      <c r="OYC713" s="613"/>
      <c r="OYD713" s="613"/>
      <c r="OYE713" s="613"/>
      <c r="OYF713" s="613"/>
      <c r="OYG713" s="613"/>
      <c r="OYH713" s="613"/>
      <c r="OYI713" s="613"/>
      <c r="OYJ713" s="613"/>
      <c r="OYK713" s="613"/>
      <c r="OYL713" s="613"/>
      <c r="OYM713" s="613"/>
      <c r="OYN713" s="613"/>
      <c r="OYO713" s="613"/>
      <c r="OYP713" s="613"/>
      <c r="OYQ713" s="613"/>
      <c r="OYR713" s="613"/>
      <c r="OYS713" s="613"/>
      <c r="OYT713" s="613"/>
      <c r="OYU713" s="613"/>
      <c r="OYV713" s="613"/>
      <c r="OYW713" s="613"/>
      <c r="OYX713" s="613"/>
      <c r="OYY713" s="613"/>
      <c r="OYZ713" s="613"/>
      <c r="OZA713" s="613"/>
      <c r="OZB713" s="613"/>
      <c r="OZC713" s="613"/>
      <c r="OZD713" s="613"/>
      <c r="OZE713" s="613"/>
      <c r="OZF713" s="613"/>
      <c r="OZG713" s="613"/>
      <c r="OZH713" s="613"/>
      <c r="OZI713" s="613"/>
      <c r="OZJ713" s="613"/>
      <c r="OZK713" s="613"/>
      <c r="OZL713" s="613"/>
      <c r="OZM713" s="613"/>
      <c r="OZN713" s="613"/>
      <c r="OZO713" s="613"/>
      <c r="OZP713" s="613"/>
      <c r="OZQ713" s="613"/>
      <c r="OZR713" s="613"/>
      <c r="OZS713" s="613"/>
      <c r="OZT713" s="613"/>
      <c r="OZU713" s="613"/>
      <c r="OZV713" s="613"/>
      <c r="OZW713" s="613"/>
      <c r="OZX713" s="613"/>
      <c r="OZY713" s="613"/>
      <c r="OZZ713" s="613"/>
      <c r="PAA713" s="613"/>
      <c r="PAB713" s="613"/>
      <c r="PAC713" s="613"/>
      <c r="PAD713" s="613"/>
      <c r="PAE713" s="613"/>
      <c r="PAF713" s="613"/>
      <c r="PAG713" s="613"/>
      <c r="PAH713" s="613"/>
      <c r="PAI713" s="613"/>
      <c r="PAJ713" s="613"/>
      <c r="PAK713" s="613"/>
      <c r="PAL713" s="613"/>
      <c r="PAM713" s="613"/>
      <c r="PAN713" s="613"/>
      <c r="PAO713" s="613"/>
      <c r="PAP713" s="613"/>
      <c r="PAQ713" s="613"/>
      <c r="PAR713" s="613"/>
      <c r="PAS713" s="613"/>
      <c r="PAT713" s="613"/>
      <c r="PAU713" s="613"/>
      <c r="PAV713" s="613"/>
      <c r="PAW713" s="613"/>
      <c r="PAX713" s="613"/>
      <c r="PAY713" s="613"/>
      <c r="PAZ713" s="613"/>
      <c r="PBA713" s="613"/>
      <c r="PBB713" s="613"/>
      <c r="PBC713" s="613"/>
      <c r="PBD713" s="613"/>
      <c r="PBE713" s="613"/>
      <c r="PBF713" s="613"/>
      <c r="PBG713" s="613"/>
      <c r="PBH713" s="613"/>
      <c r="PBI713" s="613"/>
      <c r="PBJ713" s="613"/>
      <c r="PBK713" s="613"/>
      <c r="PBL713" s="613"/>
      <c r="PBM713" s="613"/>
      <c r="PBN713" s="613"/>
      <c r="PBO713" s="613"/>
      <c r="PBP713" s="613"/>
      <c r="PBQ713" s="613"/>
      <c r="PBR713" s="613"/>
      <c r="PBS713" s="613"/>
      <c r="PBT713" s="613"/>
      <c r="PBU713" s="613"/>
      <c r="PBV713" s="613"/>
      <c r="PBW713" s="613"/>
      <c r="PBX713" s="613"/>
      <c r="PBY713" s="613"/>
      <c r="PBZ713" s="613"/>
      <c r="PCA713" s="613"/>
      <c r="PCB713" s="613"/>
      <c r="PCC713" s="613"/>
      <c r="PCD713" s="613"/>
      <c r="PCE713" s="613"/>
      <c r="PCF713" s="613"/>
      <c r="PCG713" s="613"/>
      <c r="PCH713" s="613"/>
      <c r="PCI713" s="613"/>
      <c r="PCJ713" s="613"/>
      <c r="PCK713" s="613"/>
      <c r="PCL713" s="613"/>
      <c r="PCM713" s="613"/>
      <c r="PCN713" s="613"/>
      <c r="PCO713" s="613"/>
      <c r="PCP713" s="613"/>
      <c r="PCQ713" s="613"/>
      <c r="PCR713" s="613"/>
      <c r="PCS713" s="613"/>
      <c r="PCT713" s="613"/>
      <c r="PCU713" s="613"/>
      <c r="PCV713" s="613"/>
      <c r="PCW713" s="613"/>
      <c r="PCX713" s="613"/>
      <c r="PCY713" s="613"/>
      <c r="PCZ713" s="613"/>
      <c r="PDA713" s="613"/>
      <c r="PDB713" s="613"/>
      <c r="PDC713" s="613"/>
      <c r="PDD713" s="613"/>
      <c r="PDE713" s="613"/>
      <c r="PDF713" s="613"/>
      <c r="PDG713" s="613"/>
      <c r="PDH713" s="613"/>
      <c r="PDI713" s="613"/>
      <c r="PDJ713" s="613"/>
      <c r="PDK713" s="613"/>
      <c r="PDL713" s="613"/>
      <c r="PDM713" s="613"/>
      <c r="PDN713" s="613"/>
      <c r="PDO713" s="613"/>
      <c r="PDP713" s="613"/>
      <c r="PDQ713" s="613"/>
      <c r="PDR713" s="613"/>
      <c r="PDS713" s="613"/>
      <c r="PDT713" s="613"/>
      <c r="PDU713" s="613"/>
      <c r="PDV713" s="613"/>
      <c r="PDW713" s="613"/>
      <c r="PDX713" s="613"/>
      <c r="PDY713" s="613"/>
      <c r="PDZ713" s="613"/>
      <c r="PEA713" s="613"/>
      <c r="PEB713" s="613"/>
      <c r="PEC713" s="613"/>
      <c r="PED713" s="613"/>
      <c r="PEE713" s="613"/>
      <c r="PEF713" s="613"/>
      <c r="PEG713" s="613"/>
      <c r="PEH713" s="613"/>
      <c r="PEI713" s="613"/>
      <c r="PEJ713" s="613"/>
      <c r="PEK713" s="613"/>
      <c r="PEL713" s="613"/>
      <c r="PEM713" s="613"/>
      <c r="PEN713" s="613"/>
      <c r="PEO713" s="613"/>
      <c r="PEP713" s="613"/>
      <c r="PEQ713" s="613"/>
      <c r="PER713" s="613"/>
      <c r="PES713" s="613"/>
      <c r="PET713" s="613"/>
      <c r="PEU713" s="613"/>
      <c r="PEV713" s="613"/>
      <c r="PEW713" s="613"/>
      <c r="PEX713" s="613"/>
      <c r="PEY713" s="613"/>
      <c r="PEZ713" s="613"/>
      <c r="PFA713" s="613"/>
      <c r="PFB713" s="613"/>
      <c r="PFC713" s="613"/>
      <c r="PFD713" s="613"/>
      <c r="PFE713" s="613"/>
      <c r="PFF713" s="613"/>
      <c r="PFG713" s="613"/>
      <c r="PFH713" s="613"/>
      <c r="PFI713" s="613"/>
      <c r="PFJ713" s="613"/>
      <c r="PFK713" s="613"/>
      <c r="PFL713" s="613"/>
      <c r="PFM713" s="613"/>
      <c r="PFN713" s="613"/>
      <c r="PFO713" s="613"/>
      <c r="PFP713" s="613"/>
      <c r="PFQ713" s="613"/>
      <c r="PFR713" s="613"/>
      <c r="PFS713" s="613"/>
      <c r="PFT713" s="613"/>
      <c r="PFU713" s="613"/>
      <c r="PFV713" s="613"/>
      <c r="PFW713" s="613"/>
      <c r="PFX713" s="613"/>
      <c r="PFY713" s="613"/>
      <c r="PFZ713" s="613"/>
      <c r="PGA713" s="613"/>
      <c r="PGB713" s="613"/>
      <c r="PGC713" s="613"/>
      <c r="PGD713" s="613"/>
      <c r="PGE713" s="613"/>
      <c r="PGF713" s="613"/>
      <c r="PGG713" s="613"/>
      <c r="PGH713" s="613"/>
      <c r="PGI713" s="613"/>
      <c r="PGJ713" s="613"/>
      <c r="PGK713" s="613"/>
      <c r="PGL713" s="613"/>
      <c r="PGM713" s="613"/>
      <c r="PGN713" s="613"/>
      <c r="PGO713" s="613"/>
      <c r="PGP713" s="613"/>
      <c r="PGQ713" s="613"/>
      <c r="PGR713" s="613"/>
      <c r="PGS713" s="613"/>
      <c r="PGT713" s="613"/>
      <c r="PGU713" s="613"/>
      <c r="PGV713" s="613"/>
      <c r="PGW713" s="613"/>
      <c r="PGX713" s="613"/>
      <c r="PGY713" s="613"/>
      <c r="PGZ713" s="613"/>
      <c r="PHA713" s="613"/>
      <c r="PHB713" s="613"/>
      <c r="PHC713" s="613"/>
      <c r="PHD713" s="613"/>
      <c r="PHE713" s="613"/>
      <c r="PHF713" s="613"/>
      <c r="PHG713" s="613"/>
      <c r="PHH713" s="613"/>
      <c r="PHI713" s="613"/>
      <c r="PHJ713" s="613"/>
      <c r="PHK713" s="613"/>
      <c r="PHL713" s="613"/>
      <c r="PHM713" s="613"/>
      <c r="PHN713" s="613"/>
      <c r="PHO713" s="613"/>
      <c r="PHP713" s="613"/>
      <c r="PHQ713" s="613"/>
      <c r="PHR713" s="613"/>
      <c r="PHS713" s="613"/>
      <c r="PHT713" s="613"/>
      <c r="PHU713" s="613"/>
      <c r="PHV713" s="613"/>
      <c r="PHW713" s="613"/>
      <c r="PHX713" s="613"/>
      <c r="PHY713" s="613"/>
      <c r="PHZ713" s="613"/>
      <c r="PIA713" s="613"/>
      <c r="PIB713" s="613"/>
      <c r="PIC713" s="613"/>
      <c r="PID713" s="613"/>
      <c r="PIE713" s="613"/>
      <c r="PIF713" s="613"/>
      <c r="PIG713" s="613"/>
      <c r="PIH713" s="613"/>
      <c r="PII713" s="613"/>
      <c r="PIJ713" s="613"/>
      <c r="PIK713" s="613"/>
      <c r="PIL713" s="613"/>
      <c r="PIM713" s="613"/>
      <c r="PIN713" s="613"/>
      <c r="PIO713" s="613"/>
      <c r="PIP713" s="613"/>
      <c r="PIQ713" s="613"/>
      <c r="PIR713" s="613"/>
      <c r="PIS713" s="613"/>
      <c r="PIT713" s="613"/>
      <c r="PIU713" s="613"/>
      <c r="PIV713" s="613"/>
      <c r="PIW713" s="613"/>
      <c r="PIX713" s="613"/>
      <c r="PIY713" s="613"/>
      <c r="PIZ713" s="613"/>
      <c r="PJA713" s="613"/>
      <c r="PJB713" s="613"/>
      <c r="PJC713" s="613"/>
      <c r="PJD713" s="613"/>
      <c r="PJE713" s="613"/>
      <c r="PJF713" s="613"/>
      <c r="PJG713" s="613"/>
      <c r="PJH713" s="613"/>
      <c r="PJI713" s="613"/>
      <c r="PJJ713" s="613"/>
      <c r="PJK713" s="613"/>
      <c r="PJL713" s="613"/>
      <c r="PJM713" s="613"/>
      <c r="PJN713" s="613"/>
      <c r="PJO713" s="613"/>
      <c r="PJP713" s="613"/>
      <c r="PJQ713" s="613"/>
      <c r="PJR713" s="613"/>
      <c r="PJS713" s="613"/>
      <c r="PJT713" s="613"/>
      <c r="PJU713" s="613"/>
      <c r="PJV713" s="613"/>
      <c r="PJW713" s="613"/>
      <c r="PJX713" s="613"/>
      <c r="PJY713" s="613"/>
      <c r="PJZ713" s="613"/>
      <c r="PKA713" s="613"/>
      <c r="PKB713" s="613"/>
      <c r="PKC713" s="613"/>
      <c r="PKD713" s="613"/>
      <c r="PKE713" s="613"/>
      <c r="PKF713" s="613"/>
      <c r="PKG713" s="613"/>
      <c r="PKH713" s="613"/>
      <c r="PKI713" s="613"/>
      <c r="PKJ713" s="613"/>
      <c r="PKK713" s="613"/>
      <c r="PKL713" s="613"/>
      <c r="PKM713" s="613"/>
      <c r="PKN713" s="613"/>
      <c r="PKO713" s="613"/>
      <c r="PKP713" s="613"/>
      <c r="PKQ713" s="613"/>
      <c r="PKR713" s="613"/>
      <c r="PKS713" s="613"/>
      <c r="PKT713" s="613"/>
      <c r="PKU713" s="613"/>
      <c r="PKV713" s="613"/>
      <c r="PKW713" s="613"/>
      <c r="PKX713" s="613"/>
      <c r="PKY713" s="613"/>
      <c r="PKZ713" s="613"/>
      <c r="PLA713" s="613"/>
      <c r="PLB713" s="613"/>
      <c r="PLC713" s="613"/>
      <c r="PLD713" s="613"/>
      <c r="PLE713" s="613"/>
      <c r="PLF713" s="613"/>
      <c r="PLG713" s="613"/>
      <c r="PLH713" s="613"/>
      <c r="PLI713" s="613"/>
      <c r="PLJ713" s="613"/>
      <c r="PLK713" s="613"/>
      <c r="PLL713" s="613"/>
      <c r="PLM713" s="613"/>
      <c r="PLN713" s="613"/>
      <c r="PLO713" s="613"/>
      <c r="PLP713" s="613"/>
      <c r="PLQ713" s="613"/>
      <c r="PLR713" s="613"/>
      <c r="PLS713" s="613"/>
      <c r="PLT713" s="613"/>
      <c r="PLU713" s="613"/>
      <c r="PLV713" s="613"/>
      <c r="PLW713" s="613"/>
      <c r="PLX713" s="613"/>
      <c r="PLY713" s="613"/>
      <c r="PLZ713" s="613"/>
      <c r="PMA713" s="613"/>
      <c r="PMB713" s="613"/>
      <c r="PMC713" s="613"/>
      <c r="PMD713" s="613"/>
      <c r="PME713" s="613"/>
      <c r="PMF713" s="613"/>
      <c r="PMG713" s="613"/>
      <c r="PMH713" s="613"/>
      <c r="PMI713" s="613"/>
      <c r="PMJ713" s="613"/>
      <c r="PMK713" s="613"/>
      <c r="PML713" s="613"/>
      <c r="PMM713" s="613"/>
      <c r="PMN713" s="613"/>
      <c r="PMO713" s="613"/>
      <c r="PMP713" s="613"/>
      <c r="PMQ713" s="613"/>
      <c r="PMR713" s="613"/>
      <c r="PMS713" s="613"/>
      <c r="PMT713" s="613"/>
      <c r="PMU713" s="613"/>
      <c r="PMV713" s="613"/>
      <c r="PMW713" s="613"/>
      <c r="PMX713" s="613"/>
      <c r="PMY713" s="613"/>
      <c r="PMZ713" s="613"/>
      <c r="PNA713" s="613"/>
      <c r="PNB713" s="613"/>
      <c r="PNC713" s="613"/>
      <c r="PND713" s="613"/>
      <c r="PNE713" s="613"/>
      <c r="PNF713" s="613"/>
      <c r="PNG713" s="613"/>
      <c r="PNH713" s="613"/>
      <c r="PNI713" s="613"/>
      <c r="PNJ713" s="613"/>
      <c r="PNK713" s="613"/>
      <c r="PNL713" s="613"/>
      <c r="PNM713" s="613"/>
      <c r="PNN713" s="613"/>
      <c r="PNO713" s="613"/>
      <c r="PNP713" s="613"/>
      <c r="PNQ713" s="613"/>
      <c r="PNR713" s="613"/>
      <c r="PNS713" s="613"/>
      <c r="PNT713" s="613"/>
      <c r="PNU713" s="613"/>
      <c r="PNV713" s="613"/>
      <c r="PNW713" s="613"/>
      <c r="PNX713" s="613"/>
      <c r="PNY713" s="613"/>
      <c r="PNZ713" s="613"/>
      <c r="POA713" s="613"/>
      <c r="POB713" s="613"/>
      <c r="POC713" s="613"/>
      <c r="POD713" s="613"/>
      <c r="POE713" s="613"/>
      <c r="POF713" s="613"/>
      <c r="POG713" s="613"/>
      <c r="POH713" s="613"/>
      <c r="POI713" s="613"/>
      <c r="POJ713" s="613"/>
      <c r="POK713" s="613"/>
      <c r="POL713" s="613"/>
      <c r="POM713" s="613"/>
      <c r="PON713" s="613"/>
      <c r="POO713" s="613"/>
      <c r="POP713" s="613"/>
      <c r="POQ713" s="613"/>
      <c r="POR713" s="613"/>
      <c r="POS713" s="613"/>
      <c r="POT713" s="613"/>
      <c r="POU713" s="613"/>
      <c r="POV713" s="613"/>
      <c r="POW713" s="613"/>
      <c r="POX713" s="613"/>
      <c r="POY713" s="613"/>
      <c r="POZ713" s="613"/>
      <c r="PPA713" s="613"/>
      <c r="PPB713" s="613"/>
      <c r="PPC713" s="613"/>
      <c r="PPD713" s="613"/>
      <c r="PPE713" s="613"/>
      <c r="PPF713" s="613"/>
      <c r="PPG713" s="613"/>
      <c r="PPH713" s="613"/>
      <c r="PPI713" s="613"/>
      <c r="PPJ713" s="613"/>
      <c r="PPK713" s="613"/>
      <c r="PPL713" s="613"/>
      <c r="PPM713" s="613"/>
      <c r="PPN713" s="613"/>
      <c r="PPO713" s="613"/>
      <c r="PPP713" s="613"/>
      <c r="PPQ713" s="613"/>
      <c r="PPR713" s="613"/>
      <c r="PPS713" s="613"/>
      <c r="PPT713" s="613"/>
      <c r="PPU713" s="613"/>
      <c r="PPV713" s="613"/>
      <c r="PPW713" s="613"/>
      <c r="PPX713" s="613"/>
      <c r="PPY713" s="613"/>
      <c r="PPZ713" s="613"/>
      <c r="PQA713" s="613"/>
      <c r="PQB713" s="613"/>
      <c r="PQC713" s="613"/>
      <c r="PQD713" s="613"/>
      <c r="PQE713" s="613"/>
      <c r="PQF713" s="613"/>
      <c r="PQG713" s="613"/>
      <c r="PQH713" s="613"/>
      <c r="PQI713" s="613"/>
      <c r="PQJ713" s="613"/>
      <c r="PQK713" s="613"/>
      <c r="PQL713" s="613"/>
      <c r="PQM713" s="613"/>
      <c r="PQN713" s="613"/>
      <c r="PQO713" s="613"/>
      <c r="PQP713" s="613"/>
      <c r="PQQ713" s="613"/>
      <c r="PQR713" s="613"/>
      <c r="PQS713" s="613"/>
      <c r="PQT713" s="613"/>
      <c r="PQU713" s="613"/>
      <c r="PQV713" s="613"/>
      <c r="PQW713" s="613"/>
      <c r="PQX713" s="613"/>
      <c r="PQY713" s="613"/>
      <c r="PQZ713" s="613"/>
      <c r="PRA713" s="613"/>
      <c r="PRB713" s="613"/>
      <c r="PRC713" s="613"/>
      <c r="PRD713" s="613"/>
      <c r="PRE713" s="613"/>
      <c r="PRF713" s="613"/>
      <c r="PRG713" s="613"/>
      <c r="PRH713" s="613"/>
      <c r="PRI713" s="613"/>
      <c r="PRJ713" s="613"/>
      <c r="PRK713" s="613"/>
      <c r="PRL713" s="613"/>
      <c r="PRM713" s="613"/>
      <c r="PRN713" s="613"/>
      <c r="PRO713" s="613"/>
      <c r="PRP713" s="613"/>
      <c r="PRQ713" s="613"/>
      <c r="PRR713" s="613"/>
      <c r="PRS713" s="613"/>
      <c r="PRT713" s="613"/>
      <c r="PRU713" s="613"/>
      <c r="PRV713" s="613"/>
      <c r="PRW713" s="613"/>
      <c r="PRX713" s="613"/>
      <c r="PRY713" s="613"/>
      <c r="PRZ713" s="613"/>
      <c r="PSA713" s="613"/>
      <c r="PSB713" s="613"/>
      <c r="PSC713" s="613"/>
      <c r="PSD713" s="613"/>
      <c r="PSE713" s="613"/>
      <c r="PSF713" s="613"/>
      <c r="PSG713" s="613"/>
      <c r="PSH713" s="613"/>
      <c r="PSI713" s="613"/>
      <c r="PSJ713" s="613"/>
      <c r="PSK713" s="613"/>
      <c r="PSL713" s="613"/>
      <c r="PSM713" s="613"/>
      <c r="PSN713" s="613"/>
      <c r="PSO713" s="613"/>
      <c r="PSP713" s="613"/>
      <c r="PSQ713" s="613"/>
      <c r="PSR713" s="613"/>
      <c r="PSS713" s="613"/>
      <c r="PST713" s="613"/>
      <c r="PSU713" s="613"/>
      <c r="PSV713" s="613"/>
      <c r="PSW713" s="613"/>
      <c r="PSX713" s="613"/>
      <c r="PSY713" s="613"/>
      <c r="PSZ713" s="613"/>
      <c r="PTA713" s="613"/>
      <c r="PTB713" s="613"/>
      <c r="PTC713" s="613"/>
      <c r="PTD713" s="613"/>
      <c r="PTE713" s="613"/>
      <c r="PTF713" s="613"/>
      <c r="PTG713" s="613"/>
      <c r="PTH713" s="613"/>
      <c r="PTI713" s="613"/>
      <c r="PTJ713" s="613"/>
      <c r="PTK713" s="613"/>
      <c r="PTL713" s="613"/>
      <c r="PTM713" s="613"/>
      <c r="PTN713" s="613"/>
      <c r="PTO713" s="613"/>
      <c r="PTP713" s="613"/>
      <c r="PTQ713" s="613"/>
      <c r="PTR713" s="613"/>
      <c r="PTS713" s="613"/>
      <c r="PTT713" s="613"/>
      <c r="PTU713" s="613"/>
      <c r="PTV713" s="613"/>
      <c r="PTW713" s="613"/>
      <c r="PTX713" s="613"/>
      <c r="PTY713" s="613"/>
      <c r="PTZ713" s="613"/>
      <c r="PUA713" s="613"/>
      <c r="PUB713" s="613"/>
      <c r="PUC713" s="613"/>
      <c r="PUD713" s="613"/>
      <c r="PUE713" s="613"/>
      <c r="PUF713" s="613"/>
      <c r="PUG713" s="613"/>
      <c r="PUH713" s="613"/>
      <c r="PUI713" s="613"/>
      <c r="PUJ713" s="613"/>
      <c r="PUK713" s="613"/>
      <c r="PUL713" s="613"/>
      <c r="PUM713" s="613"/>
      <c r="PUN713" s="613"/>
      <c r="PUO713" s="613"/>
      <c r="PUP713" s="613"/>
      <c r="PUQ713" s="613"/>
      <c r="PUR713" s="613"/>
      <c r="PUS713" s="613"/>
      <c r="PUT713" s="613"/>
      <c r="PUU713" s="613"/>
      <c r="PUV713" s="613"/>
      <c r="PUW713" s="613"/>
      <c r="PUX713" s="613"/>
      <c r="PUY713" s="613"/>
      <c r="PUZ713" s="613"/>
      <c r="PVA713" s="613"/>
      <c r="PVB713" s="613"/>
      <c r="PVC713" s="613"/>
      <c r="PVD713" s="613"/>
      <c r="PVE713" s="613"/>
      <c r="PVF713" s="613"/>
      <c r="PVG713" s="613"/>
      <c r="PVH713" s="613"/>
      <c r="PVI713" s="613"/>
      <c r="PVJ713" s="613"/>
      <c r="PVK713" s="613"/>
      <c r="PVL713" s="613"/>
      <c r="PVM713" s="613"/>
      <c r="PVN713" s="613"/>
      <c r="PVO713" s="613"/>
      <c r="PVP713" s="613"/>
      <c r="PVQ713" s="613"/>
      <c r="PVR713" s="613"/>
      <c r="PVS713" s="613"/>
      <c r="PVT713" s="613"/>
      <c r="PVU713" s="613"/>
      <c r="PVV713" s="613"/>
      <c r="PVW713" s="613"/>
      <c r="PVX713" s="613"/>
      <c r="PVY713" s="613"/>
      <c r="PVZ713" s="613"/>
      <c r="PWA713" s="613"/>
      <c r="PWB713" s="613"/>
      <c r="PWC713" s="613"/>
      <c r="PWD713" s="613"/>
      <c r="PWE713" s="613"/>
      <c r="PWF713" s="613"/>
      <c r="PWG713" s="613"/>
      <c r="PWH713" s="613"/>
      <c r="PWI713" s="613"/>
      <c r="PWJ713" s="613"/>
      <c r="PWK713" s="613"/>
      <c r="PWL713" s="613"/>
      <c r="PWM713" s="613"/>
      <c r="PWN713" s="613"/>
      <c r="PWO713" s="613"/>
      <c r="PWP713" s="613"/>
      <c r="PWQ713" s="613"/>
      <c r="PWR713" s="613"/>
      <c r="PWS713" s="613"/>
      <c r="PWT713" s="613"/>
      <c r="PWU713" s="613"/>
      <c r="PWV713" s="613"/>
      <c r="PWW713" s="613"/>
      <c r="PWX713" s="613"/>
      <c r="PWY713" s="613"/>
      <c r="PWZ713" s="613"/>
      <c r="PXA713" s="613"/>
      <c r="PXB713" s="613"/>
      <c r="PXC713" s="613"/>
      <c r="PXD713" s="613"/>
      <c r="PXE713" s="613"/>
      <c r="PXF713" s="613"/>
      <c r="PXG713" s="613"/>
      <c r="PXH713" s="613"/>
      <c r="PXI713" s="613"/>
      <c r="PXJ713" s="613"/>
      <c r="PXK713" s="613"/>
      <c r="PXL713" s="613"/>
      <c r="PXM713" s="613"/>
      <c r="PXN713" s="613"/>
      <c r="PXO713" s="613"/>
      <c r="PXP713" s="613"/>
      <c r="PXQ713" s="613"/>
      <c r="PXR713" s="613"/>
      <c r="PXS713" s="613"/>
      <c r="PXT713" s="613"/>
      <c r="PXU713" s="613"/>
      <c r="PXV713" s="613"/>
      <c r="PXW713" s="613"/>
      <c r="PXX713" s="613"/>
      <c r="PXY713" s="613"/>
      <c r="PXZ713" s="613"/>
      <c r="PYA713" s="613"/>
      <c r="PYB713" s="613"/>
      <c r="PYC713" s="613"/>
      <c r="PYD713" s="613"/>
      <c r="PYE713" s="613"/>
      <c r="PYF713" s="613"/>
      <c r="PYG713" s="613"/>
      <c r="PYH713" s="613"/>
      <c r="PYI713" s="613"/>
      <c r="PYJ713" s="613"/>
      <c r="PYK713" s="613"/>
      <c r="PYL713" s="613"/>
      <c r="PYM713" s="613"/>
      <c r="PYN713" s="613"/>
      <c r="PYO713" s="613"/>
      <c r="PYP713" s="613"/>
      <c r="PYQ713" s="613"/>
      <c r="PYR713" s="613"/>
      <c r="PYS713" s="613"/>
      <c r="PYT713" s="613"/>
      <c r="PYU713" s="613"/>
      <c r="PYV713" s="613"/>
      <c r="PYW713" s="613"/>
      <c r="PYX713" s="613"/>
      <c r="PYY713" s="613"/>
      <c r="PYZ713" s="613"/>
      <c r="PZA713" s="613"/>
      <c r="PZB713" s="613"/>
      <c r="PZC713" s="613"/>
      <c r="PZD713" s="613"/>
      <c r="PZE713" s="613"/>
      <c r="PZF713" s="613"/>
      <c r="PZG713" s="613"/>
      <c r="PZH713" s="613"/>
      <c r="PZI713" s="613"/>
      <c r="PZJ713" s="613"/>
      <c r="PZK713" s="613"/>
      <c r="PZL713" s="613"/>
      <c r="PZM713" s="613"/>
      <c r="PZN713" s="613"/>
      <c r="PZO713" s="613"/>
      <c r="PZP713" s="613"/>
      <c r="PZQ713" s="613"/>
      <c r="PZR713" s="613"/>
      <c r="PZS713" s="613"/>
      <c r="PZT713" s="613"/>
      <c r="PZU713" s="613"/>
      <c r="PZV713" s="613"/>
      <c r="PZW713" s="613"/>
      <c r="PZX713" s="613"/>
      <c r="PZY713" s="613"/>
      <c r="PZZ713" s="613"/>
      <c r="QAA713" s="613"/>
      <c r="QAB713" s="613"/>
      <c r="QAC713" s="613"/>
      <c r="QAD713" s="613"/>
      <c r="QAE713" s="613"/>
      <c r="QAF713" s="613"/>
      <c r="QAG713" s="613"/>
      <c r="QAH713" s="613"/>
      <c r="QAI713" s="613"/>
      <c r="QAJ713" s="613"/>
      <c r="QAK713" s="613"/>
      <c r="QAL713" s="613"/>
      <c r="QAM713" s="613"/>
      <c r="QAN713" s="613"/>
      <c r="QAO713" s="613"/>
      <c r="QAP713" s="613"/>
      <c r="QAQ713" s="613"/>
      <c r="QAR713" s="613"/>
      <c r="QAS713" s="613"/>
      <c r="QAT713" s="613"/>
      <c r="QAU713" s="613"/>
      <c r="QAV713" s="613"/>
      <c r="QAW713" s="613"/>
      <c r="QAX713" s="613"/>
      <c r="QAY713" s="613"/>
      <c r="QAZ713" s="613"/>
      <c r="QBA713" s="613"/>
      <c r="QBB713" s="613"/>
      <c r="QBC713" s="613"/>
      <c r="QBD713" s="613"/>
      <c r="QBE713" s="613"/>
      <c r="QBF713" s="613"/>
      <c r="QBG713" s="613"/>
      <c r="QBH713" s="613"/>
      <c r="QBI713" s="613"/>
      <c r="QBJ713" s="613"/>
      <c r="QBK713" s="613"/>
      <c r="QBL713" s="613"/>
      <c r="QBM713" s="613"/>
      <c r="QBN713" s="613"/>
      <c r="QBO713" s="613"/>
      <c r="QBP713" s="613"/>
      <c r="QBQ713" s="613"/>
      <c r="QBR713" s="613"/>
      <c r="QBS713" s="613"/>
      <c r="QBT713" s="613"/>
      <c r="QBU713" s="613"/>
      <c r="QBV713" s="613"/>
      <c r="QBW713" s="613"/>
      <c r="QBX713" s="613"/>
      <c r="QBY713" s="613"/>
      <c r="QBZ713" s="613"/>
      <c r="QCA713" s="613"/>
      <c r="QCB713" s="613"/>
      <c r="QCC713" s="613"/>
      <c r="QCD713" s="613"/>
      <c r="QCE713" s="613"/>
      <c r="QCF713" s="613"/>
      <c r="QCG713" s="613"/>
      <c r="QCH713" s="613"/>
      <c r="QCI713" s="613"/>
      <c r="QCJ713" s="613"/>
      <c r="QCK713" s="613"/>
      <c r="QCL713" s="613"/>
      <c r="QCM713" s="613"/>
      <c r="QCN713" s="613"/>
      <c r="QCO713" s="613"/>
      <c r="QCP713" s="613"/>
      <c r="QCQ713" s="613"/>
      <c r="QCR713" s="613"/>
      <c r="QCS713" s="613"/>
      <c r="QCT713" s="613"/>
      <c r="QCU713" s="613"/>
      <c r="QCV713" s="613"/>
      <c r="QCW713" s="613"/>
      <c r="QCX713" s="613"/>
      <c r="QCY713" s="613"/>
      <c r="QCZ713" s="613"/>
      <c r="QDA713" s="613"/>
      <c r="QDB713" s="613"/>
      <c r="QDC713" s="613"/>
      <c r="QDD713" s="613"/>
      <c r="QDE713" s="613"/>
      <c r="QDF713" s="613"/>
      <c r="QDG713" s="613"/>
      <c r="QDH713" s="613"/>
      <c r="QDI713" s="613"/>
      <c r="QDJ713" s="613"/>
      <c r="QDK713" s="613"/>
      <c r="QDL713" s="613"/>
      <c r="QDM713" s="613"/>
      <c r="QDN713" s="613"/>
      <c r="QDO713" s="613"/>
      <c r="QDP713" s="613"/>
      <c r="QDQ713" s="613"/>
      <c r="QDR713" s="613"/>
      <c r="QDS713" s="613"/>
      <c r="QDT713" s="613"/>
      <c r="QDU713" s="613"/>
      <c r="QDV713" s="613"/>
      <c r="QDW713" s="613"/>
      <c r="QDX713" s="613"/>
      <c r="QDY713" s="613"/>
      <c r="QDZ713" s="613"/>
      <c r="QEA713" s="613"/>
      <c r="QEB713" s="613"/>
      <c r="QEC713" s="613"/>
      <c r="QED713" s="613"/>
      <c r="QEE713" s="613"/>
      <c r="QEF713" s="613"/>
      <c r="QEG713" s="613"/>
      <c r="QEH713" s="613"/>
      <c r="QEI713" s="613"/>
      <c r="QEJ713" s="613"/>
      <c r="QEK713" s="613"/>
      <c r="QEL713" s="613"/>
      <c r="QEM713" s="613"/>
      <c r="QEN713" s="613"/>
      <c r="QEO713" s="613"/>
      <c r="QEP713" s="613"/>
      <c r="QEQ713" s="613"/>
      <c r="QER713" s="613"/>
      <c r="QES713" s="613"/>
      <c r="QET713" s="613"/>
      <c r="QEU713" s="613"/>
      <c r="QEV713" s="613"/>
      <c r="QEW713" s="613"/>
      <c r="QEX713" s="613"/>
      <c r="QEY713" s="613"/>
      <c r="QEZ713" s="613"/>
      <c r="QFA713" s="613"/>
      <c r="QFB713" s="613"/>
      <c r="QFC713" s="613"/>
      <c r="QFD713" s="613"/>
      <c r="QFE713" s="613"/>
      <c r="QFF713" s="613"/>
      <c r="QFG713" s="613"/>
      <c r="QFH713" s="613"/>
      <c r="QFI713" s="613"/>
      <c r="QFJ713" s="613"/>
      <c r="QFK713" s="613"/>
      <c r="QFL713" s="613"/>
      <c r="QFM713" s="613"/>
      <c r="QFN713" s="613"/>
      <c r="QFO713" s="613"/>
      <c r="QFP713" s="613"/>
      <c r="QFQ713" s="613"/>
      <c r="QFR713" s="613"/>
      <c r="QFS713" s="613"/>
      <c r="QFT713" s="613"/>
      <c r="QFU713" s="613"/>
      <c r="QFV713" s="613"/>
      <c r="QFW713" s="613"/>
      <c r="QFX713" s="613"/>
      <c r="QFY713" s="613"/>
      <c r="QFZ713" s="613"/>
      <c r="QGA713" s="613"/>
      <c r="QGB713" s="613"/>
      <c r="QGC713" s="613"/>
      <c r="QGD713" s="613"/>
      <c r="QGE713" s="613"/>
      <c r="QGF713" s="613"/>
      <c r="QGG713" s="613"/>
      <c r="QGH713" s="613"/>
      <c r="QGI713" s="613"/>
      <c r="QGJ713" s="613"/>
      <c r="QGK713" s="613"/>
      <c r="QGL713" s="613"/>
      <c r="QGM713" s="613"/>
      <c r="QGN713" s="613"/>
      <c r="QGO713" s="613"/>
      <c r="QGP713" s="613"/>
      <c r="QGQ713" s="613"/>
      <c r="QGR713" s="613"/>
      <c r="QGS713" s="613"/>
      <c r="QGT713" s="613"/>
      <c r="QGU713" s="613"/>
      <c r="QGV713" s="613"/>
      <c r="QGW713" s="613"/>
      <c r="QGX713" s="613"/>
      <c r="QGY713" s="613"/>
      <c r="QGZ713" s="613"/>
      <c r="QHA713" s="613"/>
      <c r="QHB713" s="613"/>
      <c r="QHC713" s="613"/>
      <c r="QHD713" s="613"/>
      <c r="QHE713" s="613"/>
      <c r="QHF713" s="613"/>
      <c r="QHG713" s="613"/>
      <c r="QHH713" s="613"/>
      <c r="QHI713" s="613"/>
      <c r="QHJ713" s="613"/>
      <c r="QHK713" s="613"/>
      <c r="QHL713" s="613"/>
      <c r="QHM713" s="613"/>
      <c r="QHN713" s="613"/>
      <c r="QHO713" s="613"/>
      <c r="QHP713" s="613"/>
      <c r="QHQ713" s="613"/>
      <c r="QHR713" s="613"/>
      <c r="QHS713" s="613"/>
      <c r="QHT713" s="613"/>
      <c r="QHU713" s="613"/>
      <c r="QHV713" s="613"/>
      <c r="QHW713" s="613"/>
      <c r="QHX713" s="613"/>
      <c r="QHY713" s="613"/>
      <c r="QHZ713" s="613"/>
      <c r="QIA713" s="613"/>
      <c r="QIB713" s="613"/>
      <c r="QIC713" s="613"/>
      <c r="QID713" s="613"/>
      <c r="QIE713" s="613"/>
      <c r="QIF713" s="613"/>
      <c r="QIG713" s="613"/>
      <c r="QIH713" s="613"/>
      <c r="QII713" s="613"/>
      <c r="QIJ713" s="613"/>
      <c r="QIK713" s="613"/>
      <c r="QIL713" s="613"/>
      <c r="QIM713" s="613"/>
      <c r="QIN713" s="613"/>
      <c r="QIO713" s="613"/>
      <c r="QIP713" s="613"/>
      <c r="QIQ713" s="613"/>
      <c r="QIR713" s="613"/>
      <c r="QIS713" s="613"/>
      <c r="QIT713" s="613"/>
      <c r="QIU713" s="613"/>
      <c r="QIV713" s="613"/>
      <c r="QIW713" s="613"/>
      <c r="QIX713" s="613"/>
      <c r="QIY713" s="613"/>
      <c r="QIZ713" s="613"/>
      <c r="QJA713" s="613"/>
      <c r="QJB713" s="613"/>
      <c r="QJC713" s="613"/>
      <c r="QJD713" s="613"/>
      <c r="QJE713" s="613"/>
      <c r="QJF713" s="613"/>
      <c r="QJG713" s="613"/>
      <c r="QJH713" s="613"/>
      <c r="QJI713" s="613"/>
      <c r="QJJ713" s="613"/>
      <c r="QJK713" s="613"/>
      <c r="QJL713" s="613"/>
      <c r="QJM713" s="613"/>
      <c r="QJN713" s="613"/>
      <c r="QJO713" s="613"/>
      <c r="QJP713" s="613"/>
      <c r="QJQ713" s="613"/>
      <c r="QJR713" s="613"/>
      <c r="QJS713" s="613"/>
      <c r="QJT713" s="613"/>
      <c r="QJU713" s="613"/>
      <c r="QJV713" s="613"/>
      <c r="QJW713" s="613"/>
      <c r="QJX713" s="613"/>
      <c r="QJY713" s="613"/>
      <c r="QJZ713" s="613"/>
      <c r="QKA713" s="613"/>
      <c r="QKB713" s="613"/>
      <c r="QKC713" s="613"/>
      <c r="QKD713" s="613"/>
      <c r="QKE713" s="613"/>
      <c r="QKF713" s="613"/>
      <c r="QKG713" s="613"/>
      <c r="QKH713" s="613"/>
      <c r="QKI713" s="613"/>
      <c r="QKJ713" s="613"/>
      <c r="QKK713" s="613"/>
      <c r="QKL713" s="613"/>
      <c r="QKM713" s="613"/>
      <c r="QKN713" s="613"/>
      <c r="QKO713" s="613"/>
      <c r="QKP713" s="613"/>
      <c r="QKQ713" s="613"/>
      <c r="QKR713" s="613"/>
      <c r="QKS713" s="613"/>
      <c r="QKT713" s="613"/>
      <c r="QKU713" s="613"/>
      <c r="QKV713" s="613"/>
      <c r="QKW713" s="613"/>
      <c r="QKX713" s="613"/>
      <c r="QKY713" s="613"/>
      <c r="QKZ713" s="613"/>
      <c r="QLA713" s="613"/>
      <c r="QLB713" s="613"/>
      <c r="QLC713" s="613"/>
      <c r="QLD713" s="613"/>
      <c r="QLE713" s="613"/>
      <c r="QLF713" s="613"/>
      <c r="QLG713" s="613"/>
      <c r="QLH713" s="613"/>
      <c r="QLI713" s="613"/>
      <c r="QLJ713" s="613"/>
      <c r="QLK713" s="613"/>
      <c r="QLL713" s="613"/>
      <c r="QLM713" s="613"/>
      <c r="QLN713" s="613"/>
      <c r="QLO713" s="613"/>
      <c r="QLP713" s="613"/>
      <c r="QLQ713" s="613"/>
      <c r="QLR713" s="613"/>
      <c r="QLS713" s="613"/>
      <c r="QLT713" s="613"/>
      <c r="QLU713" s="613"/>
      <c r="QLV713" s="613"/>
      <c r="QLW713" s="613"/>
      <c r="QLX713" s="613"/>
      <c r="QLY713" s="613"/>
      <c r="QLZ713" s="613"/>
      <c r="QMA713" s="613"/>
      <c r="QMB713" s="613"/>
      <c r="QMC713" s="613"/>
      <c r="QMD713" s="613"/>
      <c r="QME713" s="613"/>
      <c r="QMF713" s="613"/>
      <c r="QMG713" s="613"/>
      <c r="QMH713" s="613"/>
      <c r="QMI713" s="613"/>
      <c r="QMJ713" s="613"/>
      <c r="QMK713" s="613"/>
      <c r="QML713" s="613"/>
      <c r="QMM713" s="613"/>
      <c r="QMN713" s="613"/>
      <c r="QMO713" s="613"/>
      <c r="QMP713" s="613"/>
      <c r="QMQ713" s="613"/>
      <c r="QMR713" s="613"/>
      <c r="QMS713" s="613"/>
      <c r="QMT713" s="613"/>
      <c r="QMU713" s="613"/>
      <c r="QMV713" s="613"/>
      <c r="QMW713" s="613"/>
      <c r="QMX713" s="613"/>
      <c r="QMY713" s="613"/>
      <c r="QMZ713" s="613"/>
      <c r="QNA713" s="613"/>
      <c r="QNB713" s="613"/>
      <c r="QNC713" s="613"/>
      <c r="QND713" s="613"/>
      <c r="QNE713" s="613"/>
      <c r="QNF713" s="613"/>
      <c r="QNG713" s="613"/>
      <c r="QNH713" s="613"/>
      <c r="QNI713" s="613"/>
      <c r="QNJ713" s="613"/>
      <c r="QNK713" s="613"/>
      <c r="QNL713" s="613"/>
      <c r="QNM713" s="613"/>
      <c r="QNN713" s="613"/>
      <c r="QNO713" s="613"/>
      <c r="QNP713" s="613"/>
      <c r="QNQ713" s="613"/>
      <c r="QNR713" s="613"/>
      <c r="QNS713" s="613"/>
      <c r="QNT713" s="613"/>
      <c r="QNU713" s="613"/>
      <c r="QNV713" s="613"/>
      <c r="QNW713" s="613"/>
      <c r="QNX713" s="613"/>
      <c r="QNY713" s="613"/>
      <c r="QNZ713" s="613"/>
      <c r="QOA713" s="613"/>
      <c r="QOB713" s="613"/>
      <c r="QOC713" s="613"/>
      <c r="QOD713" s="613"/>
      <c r="QOE713" s="613"/>
      <c r="QOF713" s="613"/>
      <c r="QOG713" s="613"/>
      <c r="QOH713" s="613"/>
      <c r="QOI713" s="613"/>
      <c r="QOJ713" s="613"/>
      <c r="QOK713" s="613"/>
      <c r="QOL713" s="613"/>
      <c r="QOM713" s="613"/>
      <c r="QON713" s="613"/>
      <c r="QOO713" s="613"/>
      <c r="QOP713" s="613"/>
      <c r="QOQ713" s="613"/>
      <c r="QOR713" s="613"/>
      <c r="QOS713" s="613"/>
      <c r="QOT713" s="613"/>
      <c r="QOU713" s="613"/>
      <c r="QOV713" s="613"/>
      <c r="QOW713" s="613"/>
      <c r="QOX713" s="613"/>
      <c r="QOY713" s="613"/>
      <c r="QOZ713" s="613"/>
      <c r="QPA713" s="613"/>
      <c r="QPB713" s="613"/>
      <c r="QPC713" s="613"/>
      <c r="QPD713" s="613"/>
      <c r="QPE713" s="613"/>
      <c r="QPF713" s="613"/>
      <c r="QPG713" s="613"/>
      <c r="QPH713" s="613"/>
      <c r="QPI713" s="613"/>
      <c r="QPJ713" s="613"/>
      <c r="QPK713" s="613"/>
      <c r="QPL713" s="613"/>
      <c r="QPM713" s="613"/>
      <c r="QPN713" s="613"/>
      <c r="QPO713" s="613"/>
      <c r="QPP713" s="613"/>
      <c r="QPQ713" s="613"/>
      <c r="QPR713" s="613"/>
      <c r="QPS713" s="613"/>
      <c r="QPT713" s="613"/>
      <c r="QPU713" s="613"/>
      <c r="QPV713" s="613"/>
      <c r="QPW713" s="613"/>
      <c r="QPX713" s="613"/>
      <c r="QPY713" s="613"/>
      <c r="QPZ713" s="613"/>
      <c r="QQA713" s="613"/>
      <c r="QQB713" s="613"/>
      <c r="QQC713" s="613"/>
      <c r="QQD713" s="613"/>
      <c r="QQE713" s="613"/>
      <c r="QQF713" s="613"/>
      <c r="QQG713" s="613"/>
      <c r="QQH713" s="613"/>
      <c r="QQI713" s="613"/>
      <c r="QQJ713" s="613"/>
      <c r="QQK713" s="613"/>
      <c r="QQL713" s="613"/>
      <c r="QQM713" s="613"/>
      <c r="QQN713" s="613"/>
      <c r="QQO713" s="613"/>
      <c r="QQP713" s="613"/>
      <c r="QQQ713" s="613"/>
      <c r="QQR713" s="613"/>
      <c r="QQS713" s="613"/>
      <c r="QQT713" s="613"/>
      <c r="QQU713" s="613"/>
      <c r="QQV713" s="613"/>
      <c r="QQW713" s="613"/>
      <c r="QQX713" s="613"/>
      <c r="QQY713" s="613"/>
      <c r="QQZ713" s="613"/>
      <c r="QRA713" s="613"/>
      <c r="QRB713" s="613"/>
      <c r="QRC713" s="613"/>
      <c r="QRD713" s="613"/>
      <c r="QRE713" s="613"/>
      <c r="QRF713" s="613"/>
      <c r="QRG713" s="613"/>
      <c r="QRH713" s="613"/>
      <c r="QRI713" s="613"/>
      <c r="QRJ713" s="613"/>
      <c r="QRK713" s="613"/>
      <c r="QRL713" s="613"/>
      <c r="QRM713" s="613"/>
      <c r="QRN713" s="613"/>
      <c r="QRO713" s="613"/>
      <c r="QRP713" s="613"/>
      <c r="QRQ713" s="613"/>
      <c r="QRR713" s="613"/>
      <c r="QRS713" s="613"/>
      <c r="QRT713" s="613"/>
      <c r="QRU713" s="613"/>
      <c r="QRV713" s="613"/>
      <c r="QRW713" s="613"/>
      <c r="QRX713" s="613"/>
      <c r="QRY713" s="613"/>
      <c r="QRZ713" s="613"/>
      <c r="QSA713" s="613"/>
      <c r="QSB713" s="613"/>
      <c r="QSC713" s="613"/>
      <c r="QSD713" s="613"/>
      <c r="QSE713" s="613"/>
      <c r="QSF713" s="613"/>
      <c r="QSG713" s="613"/>
      <c r="QSH713" s="613"/>
      <c r="QSI713" s="613"/>
      <c r="QSJ713" s="613"/>
      <c r="QSK713" s="613"/>
      <c r="QSL713" s="613"/>
      <c r="QSM713" s="613"/>
      <c r="QSN713" s="613"/>
      <c r="QSO713" s="613"/>
      <c r="QSP713" s="613"/>
      <c r="QSQ713" s="613"/>
      <c r="QSR713" s="613"/>
      <c r="QSS713" s="613"/>
      <c r="QST713" s="613"/>
      <c r="QSU713" s="613"/>
      <c r="QSV713" s="613"/>
      <c r="QSW713" s="613"/>
      <c r="QSX713" s="613"/>
      <c r="QSY713" s="613"/>
      <c r="QSZ713" s="613"/>
      <c r="QTA713" s="613"/>
      <c r="QTB713" s="613"/>
      <c r="QTC713" s="613"/>
      <c r="QTD713" s="613"/>
      <c r="QTE713" s="613"/>
      <c r="QTF713" s="613"/>
      <c r="QTG713" s="613"/>
      <c r="QTH713" s="613"/>
      <c r="QTI713" s="613"/>
      <c r="QTJ713" s="613"/>
      <c r="QTK713" s="613"/>
      <c r="QTL713" s="613"/>
      <c r="QTM713" s="613"/>
      <c r="QTN713" s="613"/>
      <c r="QTO713" s="613"/>
      <c r="QTP713" s="613"/>
      <c r="QTQ713" s="613"/>
      <c r="QTR713" s="613"/>
      <c r="QTS713" s="613"/>
      <c r="QTT713" s="613"/>
      <c r="QTU713" s="613"/>
      <c r="QTV713" s="613"/>
      <c r="QTW713" s="613"/>
      <c r="QTX713" s="613"/>
      <c r="QTY713" s="613"/>
      <c r="QTZ713" s="613"/>
      <c r="QUA713" s="613"/>
      <c r="QUB713" s="613"/>
      <c r="QUC713" s="613"/>
      <c r="QUD713" s="613"/>
      <c r="QUE713" s="613"/>
      <c r="QUF713" s="613"/>
      <c r="QUG713" s="613"/>
      <c r="QUH713" s="613"/>
      <c r="QUI713" s="613"/>
      <c r="QUJ713" s="613"/>
      <c r="QUK713" s="613"/>
      <c r="QUL713" s="613"/>
      <c r="QUM713" s="613"/>
      <c r="QUN713" s="613"/>
      <c r="QUO713" s="613"/>
      <c r="QUP713" s="613"/>
      <c r="QUQ713" s="613"/>
      <c r="QUR713" s="613"/>
      <c r="QUS713" s="613"/>
      <c r="QUT713" s="613"/>
      <c r="QUU713" s="613"/>
      <c r="QUV713" s="613"/>
      <c r="QUW713" s="613"/>
      <c r="QUX713" s="613"/>
      <c r="QUY713" s="613"/>
      <c r="QUZ713" s="613"/>
      <c r="QVA713" s="613"/>
      <c r="QVB713" s="613"/>
      <c r="QVC713" s="613"/>
      <c r="QVD713" s="613"/>
      <c r="QVE713" s="613"/>
      <c r="QVF713" s="613"/>
      <c r="QVG713" s="613"/>
      <c r="QVH713" s="613"/>
      <c r="QVI713" s="613"/>
      <c r="QVJ713" s="613"/>
      <c r="QVK713" s="613"/>
      <c r="QVL713" s="613"/>
      <c r="QVM713" s="613"/>
      <c r="QVN713" s="613"/>
      <c r="QVO713" s="613"/>
      <c r="QVP713" s="613"/>
      <c r="QVQ713" s="613"/>
      <c r="QVR713" s="613"/>
      <c r="QVS713" s="613"/>
      <c r="QVT713" s="613"/>
      <c r="QVU713" s="613"/>
      <c r="QVV713" s="613"/>
      <c r="QVW713" s="613"/>
      <c r="QVX713" s="613"/>
      <c r="QVY713" s="613"/>
      <c r="QVZ713" s="613"/>
      <c r="QWA713" s="613"/>
      <c r="QWB713" s="613"/>
      <c r="QWC713" s="613"/>
      <c r="QWD713" s="613"/>
      <c r="QWE713" s="613"/>
      <c r="QWF713" s="613"/>
      <c r="QWG713" s="613"/>
      <c r="QWH713" s="613"/>
      <c r="QWI713" s="613"/>
      <c r="QWJ713" s="613"/>
      <c r="QWK713" s="613"/>
      <c r="QWL713" s="613"/>
      <c r="QWM713" s="613"/>
      <c r="QWN713" s="613"/>
      <c r="QWO713" s="613"/>
      <c r="QWP713" s="613"/>
      <c r="QWQ713" s="613"/>
      <c r="QWR713" s="613"/>
      <c r="QWS713" s="613"/>
      <c r="QWT713" s="613"/>
      <c r="QWU713" s="613"/>
      <c r="QWV713" s="613"/>
      <c r="QWW713" s="613"/>
      <c r="QWX713" s="613"/>
      <c r="QWY713" s="613"/>
      <c r="QWZ713" s="613"/>
      <c r="QXA713" s="613"/>
      <c r="QXB713" s="613"/>
      <c r="QXC713" s="613"/>
      <c r="QXD713" s="613"/>
      <c r="QXE713" s="613"/>
      <c r="QXF713" s="613"/>
      <c r="QXG713" s="613"/>
      <c r="QXH713" s="613"/>
      <c r="QXI713" s="613"/>
      <c r="QXJ713" s="613"/>
      <c r="QXK713" s="613"/>
      <c r="QXL713" s="613"/>
      <c r="QXM713" s="613"/>
      <c r="QXN713" s="613"/>
      <c r="QXO713" s="613"/>
      <c r="QXP713" s="613"/>
      <c r="QXQ713" s="613"/>
      <c r="QXR713" s="613"/>
      <c r="QXS713" s="613"/>
      <c r="QXT713" s="613"/>
      <c r="QXU713" s="613"/>
      <c r="QXV713" s="613"/>
      <c r="QXW713" s="613"/>
      <c r="QXX713" s="613"/>
      <c r="QXY713" s="613"/>
      <c r="QXZ713" s="613"/>
      <c r="QYA713" s="613"/>
      <c r="QYB713" s="613"/>
      <c r="QYC713" s="613"/>
      <c r="QYD713" s="613"/>
      <c r="QYE713" s="613"/>
      <c r="QYF713" s="613"/>
      <c r="QYG713" s="613"/>
      <c r="QYH713" s="613"/>
      <c r="QYI713" s="613"/>
      <c r="QYJ713" s="613"/>
      <c r="QYK713" s="613"/>
      <c r="QYL713" s="613"/>
      <c r="QYM713" s="613"/>
      <c r="QYN713" s="613"/>
      <c r="QYO713" s="613"/>
      <c r="QYP713" s="613"/>
      <c r="QYQ713" s="613"/>
      <c r="QYR713" s="613"/>
      <c r="QYS713" s="613"/>
      <c r="QYT713" s="613"/>
      <c r="QYU713" s="613"/>
      <c r="QYV713" s="613"/>
      <c r="QYW713" s="613"/>
      <c r="QYX713" s="613"/>
      <c r="QYY713" s="613"/>
      <c r="QYZ713" s="613"/>
      <c r="QZA713" s="613"/>
      <c r="QZB713" s="613"/>
      <c r="QZC713" s="613"/>
      <c r="QZD713" s="613"/>
      <c r="QZE713" s="613"/>
      <c r="QZF713" s="613"/>
      <c r="QZG713" s="613"/>
      <c r="QZH713" s="613"/>
      <c r="QZI713" s="613"/>
      <c r="QZJ713" s="613"/>
      <c r="QZK713" s="613"/>
      <c r="QZL713" s="613"/>
      <c r="QZM713" s="613"/>
      <c r="QZN713" s="613"/>
      <c r="QZO713" s="613"/>
      <c r="QZP713" s="613"/>
      <c r="QZQ713" s="613"/>
      <c r="QZR713" s="613"/>
      <c r="QZS713" s="613"/>
      <c r="QZT713" s="613"/>
      <c r="QZU713" s="613"/>
      <c r="QZV713" s="613"/>
      <c r="QZW713" s="613"/>
      <c r="QZX713" s="613"/>
      <c r="QZY713" s="613"/>
      <c r="QZZ713" s="613"/>
      <c r="RAA713" s="613"/>
      <c r="RAB713" s="613"/>
      <c r="RAC713" s="613"/>
      <c r="RAD713" s="613"/>
      <c r="RAE713" s="613"/>
      <c r="RAF713" s="613"/>
      <c r="RAG713" s="613"/>
      <c r="RAH713" s="613"/>
      <c r="RAI713" s="613"/>
      <c r="RAJ713" s="613"/>
      <c r="RAK713" s="613"/>
      <c r="RAL713" s="613"/>
      <c r="RAM713" s="613"/>
      <c r="RAN713" s="613"/>
      <c r="RAO713" s="613"/>
      <c r="RAP713" s="613"/>
      <c r="RAQ713" s="613"/>
      <c r="RAR713" s="613"/>
      <c r="RAS713" s="613"/>
      <c r="RAT713" s="613"/>
      <c r="RAU713" s="613"/>
      <c r="RAV713" s="613"/>
      <c r="RAW713" s="613"/>
      <c r="RAX713" s="613"/>
      <c r="RAY713" s="613"/>
      <c r="RAZ713" s="613"/>
      <c r="RBA713" s="613"/>
      <c r="RBB713" s="613"/>
      <c r="RBC713" s="613"/>
      <c r="RBD713" s="613"/>
      <c r="RBE713" s="613"/>
      <c r="RBF713" s="613"/>
      <c r="RBG713" s="613"/>
      <c r="RBH713" s="613"/>
      <c r="RBI713" s="613"/>
      <c r="RBJ713" s="613"/>
      <c r="RBK713" s="613"/>
      <c r="RBL713" s="613"/>
      <c r="RBM713" s="613"/>
      <c r="RBN713" s="613"/>
      <c r="RBO713" s="613"/>
      <c r="RBP713" s="613"/>
      <c r="RBQ713" s="613"/>
      <c r="RBR713" s="613"/>
      <c r="RBS713" s="613"/>
      <c r="RBT713" s="613"/>
      <c r="RBU713" s="613"/>
      <c r="RBV713" s="613"/>
      <c r="RBW713" s="613"/>
      <c r="RBX713" s="613"/>
      <c r="RBY713" s="613"/>
      <c r="RBZ713" s="613"/>
      <c r="RCA713" s="613"/>
      <c r="RCB713" s="613"/>
      <c r="RCC713" s="613"/>
      <c r="RCD713" s="613"/>
      <c r="RCE713" s="613"/>
      <c r="RCF713" s="613"/>
      <c r="RCG713" s="613"/>
      <c r="RCH713" s="613"/>
      <c r="RCI713" s="613"/>
      <c r="RCJ713" s="613"/>
      <c r="RCK713" s="613"/>
      <c r="RCL713" s="613"/>
      <c r="RCM713" s="613"/>
      <c r="RCN713" s="613"/>
      <c r="RCO713" s="613"/>
      <c r="RCP713" s="613"/>
      <c r="RCQ713" s="613"/>
      <c r="RCR713" s="613"/>
      <c r="RCS713" s="613"/>
      <c r="RCT713" s="613"/>
      <c r="RCU713" s="613"/>
      <c r="RCV713" s="613"/>
      <c r="RCW713" s="613"/>
      <c r="RCX713" s="613"/>
      <c r="RCY713" s="613"/>
      <c r="RCZ713" s="613"/>
      <c r="RDA713" s="613"/>
      <c r="RDB713" s="613"/>
      <c r="RDC713" s="613"/>
      <c r="RDD713" s="613"/>
      <c r="RDE713" s="613"/>
      <c r="RDF713" s="613"/>
      <c r="RDG713" s="613"/>
      <c r="RDH713" s="613"/>
      <c r="RDI713" s="613"/>
      <c r="RDJ713" s="613"/>
      <c r="RDK713" s="613"/>
      <c r="RDL713" s="613"/>
      <c r="RDM713" s="613"/>
      <c r="RDN713" s="613"/>
      <c r="RDO713" s="613"/>
      <c r="RDP713" s="613"/>
      <c r="RDQ713" s="613"/>
      <c r="RDR713" s="613"/>
      <c r="RDS713" s="613"/>
      <c r="RDT713" s="613"/>
      <c r="RDU713" s="613"/>
      <c r="RDV713" s="613"/>
      <c r="RDW713" s="613"/>
      <c r="RDX713" s="613"/>
      <c r="RDY713" s="613"/>
      <c r="RDZ713" s="613"/>
      <c r="REA713" s="613"/>
      <c r="REB713" s="613"/>
      <c r="REC713" s="613"/>
      <c r="RED713" s="613"/>
      <c r="REE713" s="613"/>
      <c r="REF713" s="613"/>
      <c r="REG713" s="613"/>
      <c r="REH713" s="613"/>
      <c r="REI713" s="613"/>
      <c r="REJ713" s="613"/>
      <c r="REK713" s="613"/>
      <c r="REL713" s="613"/>
      <c r="REM713" s="613"/>
      <c r="REN713" s="613"/>
      <c r="REO713" s="613"/>
      <c r="REP713" s="613"/>
      <c r="REQ713" s="613"/>
      <c r="RER713" s="613"/>
      <c r="RES713" s="613"/>
      <c r="RET713" s="613"/>
      <c r="REU713" s="613"/>
      <c r="REV713" s="613"/>
      <c r="REW713" s="613"/>
      <c r="REX713" s="613"/>
      <c r="REY713" s="613"/>
      <c r="REZ713" s="613"/>
      <c r="RFA713" s="613"/>
      <c r="RFB713" s="613"/>
      <c r="RFC713" s="613"/>
      <c r="RFD713" s="613"/>
      <c r="RFE713" s="613"/>
      <c r="RFF713" s="613"/>
      <c r="RFG713" s="613"/>
      <c r="RFH713" s="613"/>
      <c r="RFI713" s="613"/>
      <c r="RFJ713" s="613"/>
      <c r="RFK713" s="613"/>
      <c r="RFL713" s="613"/>
      <c r="RFM713" s="613"/>
      <c r="RFN713" s="613"/>
      <c r="RFO713" s="613"/>
      <c r="RFP713" s="613"/>
      <c r="RFQ713" s="613"/>
      <c r="RFR713" s="613"/>
      <c r="RFS713" s="613"/>
      <c r="RFT713" s="613"/>
      <c r="RFU713" s="613"/>
      <c r="RFV713" s="613"/>
      <c r="RFW713" s="613"/>
      <c r="RFX713" s="613"/>
      <c r="RFY713" s="613"/>
      <c r="RFZ713" s="613"/>
      <c r="RGA713" s="613"/>
      <c r="RGB713" s="613"/>
      <c r="RGC713" s="613"/>
      <c r="RGD713" s="613"/>
      <c r="RGE713" s="613"/>
      <c r="RGF713" s="613"/>
      <c r="RGG713" s="613"/>
      <c r="RGH713" s="613"/>
      <c r="RGI713" s="613"/>
      <c r="RGJ713" s="613"/>
      <c r="RGK713" s="613"/>
      <c r="RGL713" s="613"/>
      <c r="RGM713" s="613"/>
      <c r="RGN713" s="613"/>
      <c r="RGO713" s="613"/>
      <c r="RGP713" s="613"/>
      <c r="RGQ713" s="613"/>
      <c r="RGR713" s="613"/>
      <c r="RGS713" s="613"/>
      <c r="RGT713" s="613"/>
      <c r="RGU713" s="613"/>
      <c r="RGV713" s="613"/>
      <c r="RGW713" s="613"/>
      <c r="RGX713" s="613"/>
      <c r="RGY713" s="613"/>
      <c r="RGZ713" s="613"/>
      <c r="RHA713" s="613"/>
      <c r="RHB713" s="613"/>
      <c r="RHC713" s="613"/>
      <c r="RHD713" s="613"/>
      <c r="RHE713" s="613"/>
      <c r="RHF713" s="613"/>
      <c r="RHG713" s="613"/>
      <c r="RHH713" s="613"/>
      <c r="RHI713" s="613"/>
      <c r="RHJ713" s="613"/>
      <c r="RHK713" s="613"/>
      <c r="RHL713" s="613"/>
      <c r="RHM713" s="613"/>
      <c r="RHN713" s="613"/>
      <c r="RHO713" s="613"/>
      <c r="RHP713" s="613"/>
      <c r="RHQ713" s="613"/>
      <c r="RHR713" s="613"/>
      <c r="RHS713" s="613"/>
      <c r="RHT713" s="613"/>
      <c r="RHU713" s="613"/>
      <c r="RHV713" s="613"/>
      <c r="RHW713" s="613"/>
      <c r="RHX713" s="613"/>
      <c r="RHY713" s="613"/>
      <c r="RHZ713" s="613"/>
      <c r="RIA713" s="613"/>
      <c r="RIB713" s="613"/>
      <c r="RIC713" s="613"/>
      <c r="RID713" s="613"/>
      <c r="RIE713" s="613"/>
      <c r="RIF713" s="613"/>
      <c r="RIG713" s="613"/>
      <c r="RIH713" s="613"/>
      <c r="RII713" s="613"/>
      <c r="RIJ713" s="613"/>
      <c r="RIK713" s="613"/>
      <c r="RIL713" s="613"/>
      <c r="RIM713" s="613"/>
      <c r="RIN713" s="613"/>
      <c r="RIO713" s="613"/>
      <c r="RIP713" s="613"/>
      <c r="RIQ713" s="613"/>
      <c r="RIR713" s="613"/>
      <c r="RIS713" s="613"/>
      <c r="RIT713" s="613"/>
      <c r="RIU713" s="613"/>
      <c r="RIV713" s="613"/>
      <c r="RIW713" s="613"/>
      <c r="RIX713" s="613"/>
      <c r="RIY713" s="613"/>
      <c r="RIZ713" s="613"/>
      <c r="RJA713" s="613"/>
      <c r="RJB713" s="613"/>
      <c r="RJC713" s="613"/>
      <c r="RJD713" s="613"/>
      <c r="RJE713" s="613"/>
      <c r="RJF713" s="613"/>
      <c r="RJG713" s="613"/>
      <c r="RJH713" s="613"/>
      <c r="RJI713" s="613"/>
      <c r="RJJ713" s="613"/>
      <c r="RJK713" s="613"/>
      <c r="RJL713" s="613"/>
      <c r="RJM713" s="613"/>
      <c r="RJN713" s="613"/>
      <c r="RJO713" s="613"/>
      <c r="RJP713" s="613"/>
      <c r="RJQ713" s="613"/>
      <c r="RJR713" s="613"/>
      <c r="RJS713" s="613"/>
      <c r="RJT713" s="613"/>
      <c r="RJU713" s="613"/>
      <c r="RJV713" s="613"/>
      <c r="RJW713" s="613"/>
      <c r="RJX713" s="613"/>
      <c r="RJY713" s="613"/>
      <c r="RJZ713" s="613"/>
      <c r="RKA713" s="613"/>
      <c r="RKB713" s="613"/>
      <c r="RKC713" s="613"/>
      <c r="RKD713" s="613"/>
      <c r="RKE713" s="613"/>
      <c r="RKF713" s="613"/>
      <c r="RKG713" s="613"/>
      <c r="RKH713" s="613"/>
      <c r="RKI713" s="613"/>
      <c r="RKJ713" s="613"/>
      <c r="RKK713" s="613"/>
      <c r="RKL713" s="613"/>
      <c r="RKM713" s="613"/>
      <c r="RKN713" s="613"/>
      <c r="RKO713" s="613"/>
      <c r="RKP713" s="613"/>
      <c r="RKQ713" s="613"/>
      <c r="RKR713" s="613"/>
      <c r="RKS713" s="613"/>
      <c r="RKT713" s="613"/>
      <c r="RKU713" s="613"/>
      <c r="RKV713" s="613"/>
      <c r="RKW713" s="613"/>
      <c r="RKX713" s="613"/>
      <c r="RKY713" s="613"/>
      <c r="RKZ713" s="613"/>
      <c r="RLA713" s="613"/>
      <c r="RLB713" s="613"/>
      <c r="RLC713" s="613"/>
      <c r="RLD713" s="613"/>
      <c r="RLE713" s="613"/>
      <c r="RLF713" s="613"/>
      <c r="RLG713" s="613"/>
      <c r="RLH713" s="613"/>
      <c r="RLI713" s="613"/>
      <c r="RLJ713" s="613"/>
      <c r="RLK713" s="613"/>
      <c r="RLL713" s="613"/>
      <c r="RLM713" s="613"/>
      <c r="RLN713" s="613"/>
      <c r="RLO713" s="613"/>
      <c r="RLP713" s="613"/>
      <c r="RLQ713" s="613"/>
      <c r="RLR713" s="613"/>
      <c r="RLS713" s="613"/>
      <c r="RLT713" s="613"/>
      <c r="RLU713" s="613"/>
      <c r="RLV713" s="613"/>
      <c r="RLW713" s="613"/>
      <c r="RLX713" s="613"/>
      <c r="RLY713" s="613"/>
      <c r="RLZ713" s="613"/>
      <c r="RMA713" s="613"/>
      <c r="RMB713" s="613"/>
      <c r="RMC713" s="613"/>
      <c r="RMD713" s="613"/>
      <c r="RME713" s="613"/>
      <c r="RMF713" s="613"/>
      <c r="RMG713" s="613"/>
      <c r="RMH713" s="613"/>
      <c r="RMI713" s="613"/>
      <c r="RMJ713" s="613"/>
      <c r="RMK713" s="613"/>
      <c r="RML713" s="613"/>
      <c r="RMM713" s="613"/>
      <c r="RMN713" s="613"/>
      <c r="RMO713" s="613"/>
      <c r="RMP713" s="613"/>
      <c r="RMQ713" s="613"/>
      <c r="RMR713" s="613"/>
      <c r="RMS713" s="613"/>
      <c r="RMT713" s="613"/>
      <c r="RMU713" s="613"/>
      <c r="RMV713" s="613"/>
      <c r="RMW713" s="613"/>
      <c r="RMX713" s="613"/>
      <c r="RMY713" s="613"/>
      <c r="RMZ713" s="613"/>
      <c r="RNA713" s="613"/>
      <c r="RNB713" s="613"/>
      <c r="RNC713" s="613"/>
      <c r="RND713" s="613"/>
      <c r="RNE713" s="613"/>
      <c r="RNF713" s="613"/>
      <c r="RNG713" s="613"/>
      <c r="RNH713" s="613"/>
      <c r="RNI713" s="613"/>
      <c r="RNJ713" s="613"/>
      <c r="RNK713" s="613"/>
      <c r="RNL713" s="613"/>
      <c r="RNM713" s="613"/>
      <c r="RNN713" s="613"/>
      <c r="RNO713" s="613"/>
      <c r="RNP713" s="613"/>
      <c r="RNQ713" s="613"/>
      <c r="RNR713" s="613"/>
      <c r="RNS713" s="613"/>
      <c r="RNT713" s="613"/>
      <c r="RNU713" s="613"/>
      <c r="RNV713" s="613"/>
      <c r="RNW713" s="613"/>
      <c r="RNX713" s="613"/>
      <c r="RNY713" s="613"/>
      <c r="RNZ713" s="613"/>
      <c r="ROA713" s="613"/>
      <c r="ROB713" s="613"/>
      <c r="ROC713" s="613"/>
      <c r="ROD713" s="613"/>
      <c r="ROE713" s="613"/>
      <c r="ROF713" s="613"/>
      <c r="ROG713" s="613"/>
      <c r="ROH713" s="613"/>
      <c r="ROI713" s="613"/>
      <c r="ROJ713" s="613"/>
      <c r="ROK713" s="613"/>
      <c r="ROL713" s="613"/>
      <c r="ROM713" s="613"/>
      <c r="RON713" s="613"/>
      <c r="ROO713" s="613"/>
      <c r="ROP713" s="613"/>
      <c r="ROQ713" s="613"/>
      <c r="ROR713" s="613"/>
      <c r="ROS713" s="613"/>
      <c r="ROT713" s="613"/>
      <c r="ROU713" s="613"/>
      <c r="ROV713" s="613"/>
      <c r="ROW713" s="613"/>
      <c r="ROX713" s="613"/>
      <c r="ROY713" s="613"/>
      <c r="ROZ713" s="613"/>
      <c r="RPA713" s="613"/>
      <c r="RPB713" s="613"/>
      <c r="RPC713" s="613"/>
      <c r="RPD713" s="613"/>
      <c r="RPE713" s="613"/>
      <c r="RPF713" s="613"/>
      <c r="RPG713" s="613"/>
      <c r="RPH713" s="613"/>
      <c r="RPI713" s="613"/>
      <c r="RPJ713" s="613"/>
      <c r="RPK713" s="613"/>
      <c r="RPL713" s="613"/>
      <c r="RPM713" s="613"/>
      <c r="RPN713" s="613"/>
      <c r="RPO713" s="613"/>
      <c r="RPP713" s="613"/>
      <c r="RPQ713" s="613"/>
      <c r="RPR713" s="613"/>
      <c r="RPS713" s="613"/>
      <c r="RPT713" s="613"/>
      <c r="RPU713" s="613"/>
      <c r="RPV713" s="613"/>
      <c r="RPW713" s="613"/>
      <c r="RPX713" s="613"/>
      <c r="RPY713" s="613"/>
      <c r="RPZ713" s="613"/>
      <c r="RQA713" s="613"/>
      <c r="RQB713" s="613"/>
      <c r="RQC713" s="613"/>
      <c r="RQD713" s="613"/>
      <c r="RQE713" s="613"/>
      <c r="RQF713" s="613"/>
      <c r="RQG713" s="613"/>
      <c r="RQH713" s="613"/>
      <c r="RQI713" s="613"/>
      <c r="RQJ713" s="613"/>
      <c r="RQK713" s="613"/>
      <c r="RQL713" s="613"/>
      <c r="RQM713" s="613"/>
      <c r="RQN713" s="613"/>
      <c r="RQO713" s="613"/>
      <c r="RQP713" s="613"/>
      <c r="RQQ713" s="613"/>
      <c r="RQR713" s="613"/>
      <c r="RQS713" s="613"/>
      <c r="RQT713" s="613"/>
      <c r="RQU713" s="613"/>
      <c r="RQV713" s="613"/>
      <c r="RQW713" s="613"/>
      <c r="RQX713" s="613"/>
      <c r="RQY713" s="613"/>
      <c r="RQZ713" s="613"/>
      <c r="RRA713" s="613"/>
      <c r="RRB713" s="613"/>
      <c r="RRC713" s="613"/>
      <c r="RRD713" s="613"/>
      <c r="RRE713" s="613"/>
      <c r="RRF713" s="613"/>
      <c r="RRG713" s="613"/>
      <c r="RRH713" s="613"/>
      <c r="RRI713" s="613"/>
      <c r="RRJ713" s="613"/>
      <c r="RRK713" s="613"/>
      <c r="RRL713" s="613"/>
      <c r="RRM713" s="613"/>
      <c r="RRN713" s="613"/>
      <c r="RRO713" s="613"/>
      <c r="RRP713" s="613"/>
      <c r="RRQ713" s="613"/>
      <c r="RRR713" s="613"/>
      <c r="RRS713" s="613"/>
      <c r="RRT713" s="613"/>
      <c r="RRU713" s="613"/>
      <c r="RRV713" s="613"/>
      <c r="RRW713" s="613"/>
      <c r="RRX713" s="613"/>
      <c r="RRY713" s="613"/>
      <c r="RRZ713" s="613"/>
      <c r="RSA713" s="613"/>
      <c r="RSB713" s="613"/>
      <c r="RSC713" s="613"/>
      <c r="RSD713" s="613"/>
      <c r="RSE713" s="613"/>
      <c r="RSF713" s="613"/>
      <c r="RSG713" s="613"/>
      <c r="RSH713" s="613"/>
      <c r="RSI713" s="613"/>
      <c r="RSJ713" s="613"/>
      <c r="RSK713" s="613"/>
      <c r="RSL713" s="613"/>
      <c r="RSM713" s="613"/>
      <c r="RSN713" s="613"/>
      <c r="RSO713" s="613"/>
      <c r="RSP713" s="613"/>
      <c r="RSQ713" s="613"/>
      <c r="RSR713" s="613"/>
      <c r="RSS713" s="613"/>
      <c r="RST713" s="613"/>
      <c r="RSU713" s="613"/>
      <c r="RSV713" s="613"/>
      <c r="RSW713" s="613"/>
      <c r="RSX713" s="613"/>
      <c r="RSY713" s="613"/>
      <c r="RSZ713" s="613"/>
      <c r="RTA713" s="613"/>
      <c r="RTB713" s="613"/>
      <c r="RTC713" s="613"/>
      <c r="RTD713" s="613"/>
      <c r="RTE713" s="613"/>
      <c r="RTF713" s="613"/>
      <c r="RTG713" s="613"/>
      <c r="RTH713" s="613"/>
      <c r="RTI713" s="613"/>
      <c r="RTJ713" s="613"/>
      <c r="RTK713" s="613"/>
      <c r="RTL713" s="613"/>
      <c r="RTM713" s="613"/>
      <c r="RTN713" s="613"/>
      <c r="RTO713" s="613"/>
      <c r="RTP713" s="613"/>
      <c r="RTQ713" s="613"/>
      <c r="RTR713" s="613"/>
      <c r="RTS713" s="613"/>
      <c r="RTT713" s="613"/>
      <c r="RTU713" s="613"/>
      <c r="RTV713" s="613"/>
      <c r="RTW713" s="613"/>
      <c r="RTX713" s="613"/>
      <c r="RTY713" s="613"/>
      <c r="RTZ713" s="613"/>
      <c r="RUA713" s="613"/>
      <c r="RUB713" s="613"/>
      <c r="RUC713" s="613"/>
      <c r="RUD713" s="613"/>
      <c r="RUE713" s="613"/>
      <c r="RUF713" s="613"/>
      <c r="RUG713" s="613"/>
      <c r="RUH713" s="613"/>
      <c r="RUI713" s="613"/>
      <c r="RUJ713" s="613"/>
      <c r="RUK713" s="613"/>
      <c r="RUL713" s="613"/>
      <c r="RUM713" s="613"/>
      <c r="RUN713" s="613"/>
      <c r="RUO713" s="613"/>
      <c r="RUP713" s="613"/>
      <c r="RUQ713" s="613"/>
      <c r="RUR713" s="613"/>
      <c r="RUS713" s="613"/>
      <c r="RUT713" s="613"/>
      <c r="RUU713" s="613"/>
      <c r="RUV713" s="613"/>
      <c r="RUW713" s="613"/>
      <c r="RUX713" s="613"/>
      <c r="RUY713" s="613"/>
      <c r="RUZ713" s="613"/>
      <c r="RVA713" s="613"/>
      <c r="RVB713" s="613"/>
      <c r="RVC713" s="613"/>
      <c r="RVD713" s="613"/>
      <c r="RVE713" s="613"/>
      <c r="RVF713" s="613"/>
      <c r="RVG713" s="613"/>
      <c r="RVH713" s="613"/>
      <c r="RVI713" s="613"/>
      <c r="RVJ713" s="613"/>
      <c r="RVK713" s="613"/>
      <c r="RVL713" s="613"/>
      <c r="RVM713" s="613"/>
      <c r="RVN713" s="613"/>
      <c r="RVO713" s="613"/>
      <c r="RVP713" s="613"/>
      <c r="RVQ713" s="613"/>
      <c r="RVR713" s="613"/>
      <c r="RVS713" s="613"/>
      <c r="RVT713" s="613"/>
      <c r="RVU713" s="613"/>
      <c r="RVV713" s="613"/>
      <c r="RVW713" s="613"/>
      <c r="RVX713" s="613"/>
      <c r="RVY713" s="613"/>
      <c r="RVZ713" s="613"/>
      <c r="RWA713" s="613"/>
      <c r="RWB713" s="613"/>
      <c r="RWC713" s="613"/>
      <c r="RWD713" s="613"/>
      <c r="RWE713" s="613"/>
      <c r="RWF713" s="613"/>
      <c r="RWG713" s="613"/>
      <c r="RWH713" s="613"/>
      <c r="RWI713" s="613"/>
      <c r="RWJ713" s="613"/>
      <c r="RWK713" s="613"/>
      <c r="RWL713" s="613"/>
      <c r="RWM713" s="613"/>
      <c r="RWN713" s="613"/>
      <c r="RWO713" s="613"/>
      <c r="RWP713" s="613"/>
      <c r="RWQ713" s="613"/>
      <c r="RWR713" s="613"/>
      <c r="RWS713" s="613"/>
      <c r="RWT713" s="613"/>
      <c r="RWU713" s="613"/>
      <c r="RWV713" s="613"/>
      <c r="RWW713" s="613"/>
      <c r="RWX713" s="613"/>
      <c r="RWY713" s="613"/>
      <c r="RWZ713" s="613"/>
      <c r="RXA713" s="613"/>
      <c r="RXB713" s="613"/>
      <c r="RXC713" s="613"/>
      <c r="RXD713" s="613"/>
      <c r="RXE713" s="613"/>
      <c r="RXF713" s="613"/>
      <c r="RXG713" s="613"/>
      <c r="RXH713" s="613"/>
      <c r="RXI713" s="613"/>
      <c r="RXJ713" s="613"/>
      <c r="RXK713" s="613"/>
      <c r="RXL713" s="613"/>
      <c r="RXM713" s="613"/>
      <c r="RXN713" s="613"/>
      <c r="RXO713" s="613"/>
      <c r="RXP713" s="613"/>
      <c r="RXQ713" s="613"/>
      <c r="RXR713" s="613"/>
      <c r="RXS713" s="613"/>
      <c r="RXT713" s="613"/>
      <c r="RXU713" s="613"/>
      <c r="RXV713" s="613"/>
      <c r="RXW713" s="613"/>
      <c r="RXX713" s="613"/>
      <c r="RXY713" s="613"/>
      <c r="RXZ713" s="613"/>
      <c r="RYA713" s="613"/>
      <c r="RYB713" s="613"/>
      <c r="RYC713" s="613"/>
      <c r="RYD713" s="613"/>
      <c r="RYE713" s="613"/>
      <c r="RYF713" s="613"/>
      <c r="RYG713" s="613"/>
      <c r="RYH713" s="613"/>
      <c r="RYI713" s="613"/>
      <c r="RYJ713" s="613"/>
      <c r="RYK713" s="613"/>
      <c r="RYL713" s="613"/>
      <c r="RYM713" s="613"/>
      <c r="RYN713" s="613"/>
      <c r="RYO713" s="613"/>
      <c r="RYP713" s="613"/>
      <c r="RYQ713" s="613"/>
      <c r="RYR713" s="613"/>
      <c r="RYS713" s="613"/>
      <c r="RYT713" s="613"/>
      <c r="RYU713" s="613"/>
      <c r="RYV713" s="613"/>
      <c r="RYW713" s="613"/>
      <c r="RYX713" s="613"/>
      <c r="RYY713" s="613"/>
      <c r="RYZ713" s="613"/>
      <c r="RZA713" s="613"/>
      <c r="RZB713" s="613"/>
      <c r="RZC713" s="613"/>
      <c r="RZD713" s="613"/>
      <c r="RZE713" s="613"/>
      <c r="RZF713" s="613"/>
      <c r="RZG713" s="613"/>
      <c r="RZH713" s="613"/>
      <c r="RZI713" s="613"/>
      <c r="RZJ713" s="613"/>
      <c r="RZK713" s="613"/>
      <c r="RZL713" s="613"/>
      <c r="RZM713" s="613"/>
      <c r="RZN713" s="613"/>
      <c r="RZO713" s="613"/>
      <c r="RZP713" s="613"/>
      <c r="RZQ713" s="613"/>
      <c r="RZR713" s="613"/>
      <c r="RZS713" s="613"/>
      <c r="RZT713" s="613"/>
      <c r="RZU713" s="613"/>
      <c r="RZV713" s="613"/>
      <c r="RZW713" s="613"/>
      <c r="RZX713" s="613"/>
      <c r="RZY713" s="613"/>
      <c r="RZZ713" s="613"/>
      <c r="SAA713" s="613"/>
      <c r="SAB713" s="613"/>
      <c r="SAC713" s="613"/>
      <c r="SAD713" s="613"/>
      <c r="SAE713" s="613"/>
      <c r="SAF713" s="613"/>
      <c r="SAG713" s="613"/>
      <c r="SAH713" s="613"/>
      <c r="SAI713" s="613"/>
      <c r="SAJ713" s="613"/>
      <c r="SAK713" s="613"/>
      <c r="SAL713" s="613"/>
      <c r="SAM713" s="613"/>
      <c r="SAN713" s="613"/>
      <c r="SAO713" s="613"/>
      <c r="SAP713" s="613"/>
      <c r="SAQ713" s="613"/>
      <c r="SAR713" s="613"/>
      <c r="SAS713" s="613"/>
      <c r="SAT713" s="613"/>
      <c r="SAU713" s="613"/>
      <c r="SAV713" s="613"/>
      <c r="SAW713" s="613"/>
      <c r="SAX713" s="613"/>
      <c r="SAY713" s="613"/>
      <c r="SAZ713" s="613"/>
      <c r="SBA713" s="613"/>
      <c r="SBB713" s="613"/>
      <c r="SBC713" s="613"/>
      <c r="SBD713" s="613"/>
      <c r="SBE713" s="613"/>
      <c r="SBF713" s="613"/>
      <c r="SBG713" s="613"/>
      <c r="SBH713" s="613"/>
      <c r="SBI713" s="613"/>
      <c r="SBJ713" s="613"/>
      <c r="SBK713" s="613"/>
      <c r="SBL713" s="613"/>
      <c r="SBM713" s="613"/>
      <c r="SBN713" s="613"/>
      <c r="SBO713" s="613"/>
      <c r="SBP713" s="613"/>
      <c r="SBQ713" s="613"/>
      <c r="SBR713" s="613"/>
      <c r="SBS713" s="613"/>
      <c r="SBT713" s="613"/>
      <c r="SBU713" s="613"/>
      <c r="SBV713" s="613"/>
      <c r="SBW713" s="613"/>
      <c r="SBX713" s="613"/>
      <c r="SBY713" s="613"/>
      <c r="SBZ713" s="613"/>
      <c r="SCA713" s="613"/>
      <c r="SCB713" s="613"/>
      <c r="SCC713" s="613"/>
      <c r="SCD713" s="613"/>
      <c r="SCE713" s="613"/>
      <c r="SCF713" s="613"/>
      <c r="SCG713" s="613"/>
      <c r="SCH713" s="613"/>
      <c r="SCI713" s="613"/>
      <c r="SCJ713" s="613"/>
      <c r="SCK713" s="613"/>
      <c r="SCL713" s="613"/>
      <c r="SCM713" s="613"/>
      <c r="SCN713" s="613"/>
      <c r="SCO713" s="613"/>
      <c r="SCP713" s="613"/>
      <c r="SCQ713" s="613"/>
      <c r="SCR713" s="613"/>
      <c r="SCS713" s="613"/>
      <c r="SCT713" s="613"/>
      <c r="SCU713" s="613"/>
      <c r="SCV713" s="613"/>
      <c r="SCW713" s="613"/>
      <c r="SCX713" s="613"/>
      <c r="SCY713" s="613"/>
      <c r="SCZ713" s="613"/>
      <c r="SDA713" s="613"/>
      <c r="SDB713" s="613"/>
      <c r="SDC713" s="613"/>
      <c r="SDD713" s="613"/>
      <c r="SDE713" s="613"/>
      <c r="SDF713" s="613"/>
      <c r="SDG713" s="613"/>
      <c r="SDH713" s="613"/>
      <c r="SDI713" s="613"/>
      <c r="SDJ713" s="613"/>
      <c r="SDK713" s="613"/>
      <c r="SDL713" s="613"/>
      <c r="SDM713" s="613"/>
      <c r="SDN713" s="613"/>
      <c r="SDO713" s="613"/>
      <c r="SDP713" s="613"/>
      <c r="SDQ713" s="613"/>
      <c r="SDR713" s="613"/>
      <c r="SDS713" s="613"/>
      <c r="SDT713" s="613"/>
      <c r="SDU713" s="613"/>
      <c r="SDV713" s="613"/>
      <c r="SDW713" s="613"/>
      <c r="SDX713" s="613"/>
      <c r="SDY713" s="613"/>
      <c r="SDZ713" s="613"/>
      <c r="SEA713" s="613"/>
      <c r="SEB713" s="613"/>
      <c r="SEC713" s="613"/>
      <c r="SED713" s="613"/>
      <c r="SEE713" s="613"/>
      <c r="SEF713" s="613"/>
      <c r="SEG713" s="613"/>
      <c r="SEH713" s="613"/>
      <c r="SEI713" s="613"/>
      <c r="SEJ713" s="613"/>
      <c r="SEK713" s="613"/>
      <c r="SEL713" s="613"/>
      <c r="SEM713" s="613"/>
      <c r="SEN713" s="613"/>
      <c r="SEO713" s="613"/>
      <c r="SEP713" s="613"/>
      <c r="SEQ713" s="613"/>
      <c r="SER713" s="613"/>
      <c r="SES713" s="613"/>
      <c r="SET713" s="613"/>
      <c r="SEU713" s="613"/>
      <c r="SEV713" s="613"/>
      <c r="SEW713" s="613"/>
      <c r="SEX713" s="613"/>
      <c r="SEY713" s="613"/>
      <c r="SEZ713" s="613"/>
      <c r="SFA713" s="613"/>
      <c r="SFB713" s="613"/>
      <c r="SFC713" s="613"/>
      <c r="SFD713" s="613"/>
      <c r="SFE713" s="613"/>
      <c r="SFF713" s="613"/>
      <c r="SFG713" s="613"/>
      <c r="SFH713" s="613"/>
      <c r="SFI713" s="613"/>
      <c r="SFJ713" s="613"/>
      <c r="SFK713" s="613"/>
      <c r="SFL713" s="613"/>
      <c r="SFM713" s="613"/>
      <c r="SFN713" s="613"/>
      <c r="SFO713" s="613"/>
      <c r="SFP713" s="613"/>
      <c r="SFQ713" s="613"/>
      <c r="SFR713" s="613"/>
      <c r="SFS713" s="613"/>
      <c r="SFT713" s="613"/>
      <c r="SFU713" s="613"/>
      <c r="SFV713" s="613"/>
      <c r="SFW713" s="613"/>
      <c r="SFX713" s="613"/>
      <c r="SFY713" s="613"/>
      <c r="SFZ713" s="613"/>
      <c r="SGA713" s="613"/>
      <c r="SGB713" s="613"/>
      <c r="SGC713" s="613"/>
      <c r="SGD713" s="613"/>
      <c r="SGE713" s="613"/>
      <c r="SGF713" s="613"/>
      <c r="SGG713" s="613"/>
      <c r="SGH713" s="613"/>
      <c r="SGI713" s="613"/>
      <c r="SGJ713" s="613"/>
      <c r="SGK713" s="613"/>
      <c r="SGL713" s="613"/>
      <c r="SGM713" s="613"/>
      <c r="SGN713" s="613"/>
      <c r="SGO713" s="613"/>
      <c r="SGP713" s="613"/>
      <c r="SGQ713" s="613"/>
      <c r="SGR713" s="613"/>
      <c r="SGS713" s="613"/>
      <c r="SGT713" s="613"/>
      <c r="SGU713" s="613"/>
      <c r="SGV713" s="613"/>
      <c r="SGW713" s="613"/>
      <c r="SGX713" s="613"/>
      <c r="SGY713" s="613"/>
      <c r="SGZ713" s="613"/>
      <c r="SHA713" s="613"/>
      <c r="SHB713" s="613"/>
      <c r="SHC713" s="613"/>
      <c r="SHD713" s="613"/>
      <c r="SHE713" s="613"/>
      <c r="SHF713" s="613"/>
      <c r="SHG713" s="613"/>
      <c r="SHH713" s="613"/>
      <c r="SHI713" s="613"/>
      <c r="SHJ713" s="613"/>
      <c r="SHK713" s="613"/>
      <c r="SHL713" s="613"/>
      <c r="SHM713" s="613"/>
      <c r="SHN713" s="613"/>
      <c r="SHO713" s="613"/>
      <c r="SHP713" s="613"/>
      <c r="SHQ713" s="613"/>
      <c r="SHR713" s="613"/>
      <c r="SHS713" s="613"/>
      <c r="SHT713" s="613"/>
      <c r="SHU713" s="613"/>
      <c r="SHV713" s="613"/>
      <c r="SHW713" s="613"/>
      <c r="SHX713" s="613"/>
      <c r="SHY713" s="613"/>
      <c r="SHZ713" s="613"/>
      <c r="SIA713" s="613"/>
      <c r="SIB713" s="613"/>
      <c r="SIC713" s="613"/>
      <c r="SID713" s="613"/>
      <c r="SIE713" s="613"/>
      <c r="SIF713" s="613"/>
      <c r="SIG713" s="613"/>
      <c r="SIH713" s="613"/>
      <c r="SII713" s="613"/>
      <c r="SIJ713" s="613"/>
      <c r="SIK713" s="613"/>
      <c r="SIL713" s="613"/>
      <c r="SIM713" s="613"/>
      <c r="SIN713" s="613"/>
      <c r="SIO713" s="613"/>
      <c r="SIP713" s="613"/>
      <c r="SIQ713" s="613"/>
      <c r="SIR713" s="613"/>
      <c r="SIS713" s="613"/>
      <c r="SIT713" s="613"/>
      <c r="SIU713" s="613"/>
      <c r="SIV713" s="613"/>
      <c r="SIW713" s="613"/>
      <c r="SIX713" s="613"/>
      <c r="SIY713" s="613"/>
      <c r="SIZ713" s="613"/>
      <c r="SJA713" s="613"/>
      <c r="SJB713" s="613"/>
      <c r="SJC713" s="613"/>
      <c r="SJD713" s="613"/>
      <c r="SJE713" s="613"/>
      <c r="SJF713" s="613"/>
      <c r="SJG713" s="613"/>
      <c r="SJH713" s="613"/>
      <c r="SJI713" s="613"/>
      <c r="SJJ713" s="613"/>
      <c r="SJK713" s="613"/>
      <c r="SJL713" s="613"/>
      <c r="SJM713" s="613"/>
      <c r="SJN713" s="613"/>
      <c r="SJO713" s="613"/>
      <c r="SJP713" s="613"/>
      <c r="SJQ713" s="613"/>
      <c r="SJR713" s="613"/>
      <c r="SJS713" s="613"/>
      <c r="SJT713" s="613"/>
      <c r="SJU713" s="613"/>
      <c r="SJV713" s="613"/>
      <c r="SJW713" s="613"/>
      <c r="SJX713" s="613"/>
      <c r="SJY713" s="613"/>
      <c r="SJZ713" s="613"/>
      <c r="SKA713" s="613"/>
      <c r="SKB713" s="613"/>
      <c r="SKC713" s="613"/>
      <c r="SKD713" s="613"/>
      <c r="SKE713" s="613"/>
      <c r="SKF713" s="613"/>
      <c r="SKG713" s="613"/>
      <c r="SKH713" s="613"/>
      <c r="SKI713" s="613"/>
      <c r="SKJ713" s="613"/>
      <c r="SKK713" s="613"/>
      <c r="SKL713" s="613"/>
      <c r="SKM713" s="613"/>
      <c r="SKN713" s="613"/>
      <c r="SKO713" s="613"/>
      <c r="SKP713" s="613"/>
      <c r="SKQ713" s="613"/>
      <c r="SKR713" s="613"/>
      <c r="SKS713" s="613"/>
      <c r="SKT713" s="613"/>
      <c r="SKU713" s="613"/>
      <c r="SKV713" s="613"/>
      <c r="SKW713" s="613"/>
      <c r="SKX713" s="613"/>
      <c r="SKY713" s="613"/>
      <c r="SKZ713" s="613"/>
      <c r="SLA713" s="613"/>
      <c r="SLB713" s="613"/>
      <c r="SLC713" s="613"/>
      <c r="SLD713" s="613"/>
      <c r="SLE713" s="613"/>
      <c r="SLF713" s="613"/>
      <c r="SLG713" s="613"/>
      <c r="SLH713" s="613"/>
      <c r="SLI713" s="613"/>
      <c r="SLJ713" s="613"/>
      <c r="SLK713" s="613"/>
      <c r="SLL713" s="613"/>
      <c r="SLM713" s="613"/>
      <c r="SLN713" s="613"/>
      <c r="SLO713" s="613"/>
      <c r="SLP713" s="613"/>
      <c r="SLQ713" s="613"/>
      <c r="SLR713" s="613"/>
      <c r="SLS713" s="613"/>
      <c r="SLT713" s="613"/>
      <c r="SLU713" s="613"/>
      <c r="SLV713" s="613"/>
      <c r="SLW713" s="613"/>
      <c r="SLX713" s="613"/>
      <c r="SLY713" s="613"/>
      <c r="SLZ713" s="613"/>
      <c r="SMA713" s="613"/>
      <c r="SMB713" s="613"/>
      <c r="SMC713" s="613"/>
      <c r="SMD713" s="613"/>
      <c r="SME713" s="613"/>
      <c r="SMF713" s="613"/>
      <c r="SMG713" s="613"/>
      <c r="SMH713" s="613"/>
      <c r="SMI713" s="613"/>
      <c r="SMJ713" s="613"/>
      <c r="SMK713" s="613"/>
      <c r="SML713" s="613"/>
      <c r="SMM713" s="613"/>
      <c r="SMN713" s="613"/>
      <c r="SMO713" s="613"/>
      <c r="SMP713" s="613"/>
      <c r="SMQ713" s="613"/>
      <c r="SMR713" s="613"/>
      <c r="SMS713" s="613"/>
      <c r="SMT713" s="613"/>
      <c r="SMU713" s="613"/>
      <c r="SMV713" s="613"/>
      <c r="SMW713" s="613"/>
      <c r="SMX713" s="613"/>
      <c r="SMY713" s="613"/>
      <c r="SMZ713" s="613"/>
      <c r="SNA713" s="613"/>
      <c r="SNB713" s="613"/>
      <c r="SNC713" s="613"/>
      <c r="SND713" s="613"/>
      <c r="SNE713" s="613"/>
      <c r="SNF713" s="613"/>
      <c r="SNG713" s="613"/>
      <c r="SNH713" s="613"/>
      <c r="SNI713" s="613"/>
      <c r="SNJ713" s="613"/>
      <c r="SNK713" s="613"/>
      <c r="SNL713" s="613"/>
      <c r="SNM713" s="613"/>
      <c r="SNN713" s="613"/>
      <c r="SNO713" s="613"/>
      <c r="SNP713" s="613"/>
      <c r="SNQ713" s="613"/>
      <c r="SNR713" s="613"/>
      <c r="SNS713" s="613"/>
      <c r="SNT713" s="613"/>
      <c r="SNU713" s="613"/>
      <c r="SNV713" s="613"/>
      <c r="SNW713" s="613"/>
      <c r="SNX713" s="613"/>
      <c r="SNY713" s="613"/>
      <c r="SNZ713" s="613"/>
      <c r="SOA713" s="613"/>
      <c r="SOB713" s="613"/>
      <c r="SOC713" s="613"/>
      <c r="SOD713" s="613"/>
      <c r="SOE713" s="613"/>
      <c r="SOF713" s="613"/>
      <c r="SOG713" s="613"/>
      <c r="SOH713" s="613"/>
      <c r="SOI713" s="613"/>
      <c r="SOJ713" s="613"/>
      <c r="SOK713" s="613"/>
      <c r="SOL713" s="613"/>
      <c r="SOM713" s="613"/>
      <c r="SON713" s="613"/>
      <c r="SOO713" s="613"/>
      <c r="SOP713" s="613"/>
      <c r="SOQ713" s="613"/>
      <c r="SOR713" s="613"/>
      <c r="SOS713" s="613"/>
      <c r="SOT713" s="613"/>
      <c r="SOU713" s="613"/>
      <c r="SOV713" s="613"/>
      <c r="SOW713" s="613"/>
      <c r="SOX713" s="613"/>
      <c r="SOY713" s="613"/>
      <c r="SOZ713" s="613"/>
      <c r="SPA713" s="613"/>
      <c r="SPB713" s="613"/>
      <c r="SPC713" s="613"/>
      <c r="SPD713" s="613"/>
      <c r="SPE713" s="613"/>
      <c r="SPF713" s="613"/>
      <c r="SPG713" s="613"/>
      <c r="SPH713" s="613"/>
      <c r="SPI713" s="613"/>
      <c r="SPJ713" s="613"/>
      <c r="SPK713" s="613"/>
      <c r="SPL713" s="613"/>
      <c r="SPM713" s="613"/>
      <c r="SPN713" s="613"/>
      <c r="SPO713" s="613"/>
      <c r="SPP713" s="613"/>
      <c r="SPQ713" s="613"/>
      <c r="SPR713" s="613"/>
      <c r="SPS713" s="613"/>
      <c r="SPT713" s="613"/>
      <c r="SPU713" s="613"/>
      <c r="SPV713" s="613"/>
      <c r="SPW713" s="613"/>
      <c r="SPX713" s="613"/>
      <c r="SPY713" s="613"/>
      <c r="SPZ713" s="613"/>
      <c r="SQA713" s="613"/>
      <c r="SQB713" s="613"/>
      <c r="SQC713" s="613"/>
      <c r="SQD713" s="613"/>
      <c r="SQE713" s="613"/>
      <c r="SQF713" s="613"/>
      <c r="SQG713" s="613"/>
      <c r="SQH713" s="613"/>
      <c r="SQI713" s="613"/>
      <c r="SQJ713" s="613"/>
      <c r="SQK713" s="613"/>
      <c r="SQL713" s="613"/>
      <c r="SQM713" s="613"/>
      <c r="SQN713" s="613"/>
      <c r="SQO713" s="613"/>
      <c r="SQP713" s="613"/>
      <c r="SQQ713" s="613"/>
      <c r="SQR713" s="613"/>
      <c r="SQS713" s="613"/>
      <c r="SQT713" s="613"/>
      <c r="SQU713" s="613"/>
      <c r="SQV713" s="613"/>
      <c r="SQW713" s="613"/>
      <c r="SQX713" s="613"/>
      <c r="SQY713" s="613"/>
      <c r="SQZ713" s="613"/>
      <c r="SRA713" s="613"/>
      <c r="SRB713" s="613"/>
      <c r="SRC713" s="613"/>
      <c r="SRD713" s="613"/>
      <c r="SRE713" s="613"/>
      <c r="SRF713" s="613"/>
      <c r="SRG713" s="613"/>
      <c r="SRH713" s="613"/>
      <c r="SRI713" s="613"/>
      <c r="SRJ713" s="613"/>
      <c r="SRK713" s="613"/>
      <c r="SRL713" s="613"/>
      <c r="SRM713" s="613"/>
      <c r="SRN713" s="613"/>
      <c r="SRO713" s="613"/>
      <c r="SRP713" s="613"/>
      <c r="SRQ713" s="613"/>
      <c r="SRR713" s="613"/>
      <c r="SRS713" s="613"/>
      <c r="SRT713" s="613"/>
      <c r="SRU713" s="613"/>
      <c r="SRV713" s="613"/>
      <c r="SRW713" s="613"/>
      <c r="SRX713" s="613"/>
      <c r="SRY713" s="613"/>
      <c r="SRZ713" s="613"/>
      <c r="SSA713" s="613"/>
      <c r="SSB713" s="613"/>
      <c r="SSC713" s="613"/>
      <c r="SSD713" s="613"/>
      <c r="SSE713" s="613"/>
      <c r="SSF713" s="613"/>
      <c r="SSG713" s="613"/>
      <c r="SSH713" s="613"/>
      <c r="SSI713" s="613"/>
      <c r="SSJ713" s="613"/>
      <c r="SSK713" s="613"/>
      <c r="SSL713" s="613"/>
      <c r="SSM713" s="613"/>
      <c r="SSN713" s="613"/>
      <c r="SSO713" s="613"/>
      <c r="SSP713" s="613"/>
      <c r="SSQ713" s="613"/>
      <c r="SSR713" s="613"/>
      <c r="SSS713" s="613"/>
      <c r="SST713" s="613"/>
      <c r="SSU713" s="613"/>
      <c r="SSV713" s="613"/>
      <c r="SSW713" s="613"/>
      <c r="SSX713" s="613"/>
      <c r="SSY713" s="613"/>
      <c r="SSZ713" s="613"/>
      <c r="STA713" s="613"/>
      <c r="STB713" s="613"/>
      <c r="STC713" s="613"/>
      <c r="STD713" s="613"/>
      <c r="STE713" s="613"/>
      <c r="STF713" s="613"/>
      <c r="STG713" s="613"/>
      <c r="STH713" s="613"/>
      <c r="STI713" s="613"/>
      <c r="STJ713" s="613"/>
      <c r="STK713" s="613"/>
      <c r="STL713" s="613"/>
      <c r="STM713" s="613"/>
      <c r="STN713" s="613"/>
      <c r="STO713" s="613"/>
      <c r="STP713" s="613"/>
      <c r="STQ713" s="613"/>
      <c r="STR713" s="613"/>
      <c r="STS713" s="613"/>
      <c r="STT713" s="613"/>
      <c r="STU713" s="613"/>
      <c r="STV713" s="613"/>
      <c r="STW713" s="613"/>
      <c r="STX713" s="613"/>
      <c r="STY713" s="613"/>
      <c r="STZ713" s="613"/>
      <c r="SUA713" s="613"/>
      <c r="SUB713" s="613"/>
      <c r="SUC713" s="613"/>
      <c r="SUD713" s="613"/>
      <c r="SUE713" s="613"/>
      <c r="SUF713" s="613"/>
      <c r="SUG713" s="613"/>
      <c r="SUH713" s="613"/>
      <c r="SUI713" s="613"/>
      <c r="SUJ713" s="613"/>
      <c r="SUK713" s="613"/>
      <c r="SUL713" s="613"/>
      <c r="SUM713" s="613"/>
      <c r="SUN713" s="613"/>
      <c r="SUO713" s="613"/>
      <c r="SUP713" s="613"/>
      <c r="SUQ713" s="613"/>
      <c r="SUR713" s="613"/>
      <c r="SUS713" s="613"/>
      <c r="SUT713" s="613"/>
      <c r="SUU713" s="613"/>
      <c r="SUV713" s="613"/>
      <c r="SUW713" s="613"/>
      <c r="SUX713" s="613"/>
      <c r="SUY713" s="613"/>
      <c r="SUZ713" s="613"/>
      <c r="SVA713" s="613"/>
      <c r="SVB713" s="613"/>
      <c r="SVC713" s="613"/>
      <c r="SVD713" s="613"/>
      <c r="SVE713" s="613"/>
      <c r="SVF713" s="613"/>
      <c r="SVG713" s="613"/>
      <c r="SVH713" s="613"/>
      <c r="SVI713" s="613"/>
      <c r="SVJ713" s="613"/>
      <c r="SVK713" s="613"/>
      <c r="SVL713" s="613"/>
      <c r="SVM713" s="613"/>
      <c r="SVN713" s="613"/>
      <c r="SVO713" s="613"/>
      <c r="SVP713" s="613"/>
      <c r="SVQ713" s="613"/>
      <c r="SVR713" s="613"/>
      <c r="SVS713" s="613"/>
      <c r="SVT713" s="613"/>
      <c r="SVU713" s="613"/>
      <c r="SVV713" s="613"/>
      <c r="SVW713" s="613"/>
      <c r="SVX713" s="613"/>
      <c r="SVY713" s="613"/>
      <c r="SVZ713" s="613"/>
      <c r="SWA713" s="613"/>
      <c r="SWB713" s="613"/>
      <c r="SWC713" s="613"/>
      <c r="SWD713" s="613"/>
      <c r="SWE713" s="613"/>
      <c r="SWF713" s="613"/>
      <c r="SWG713" s="613"/>
      <c r="SWH713" s="613"/>
      <c r="SWI713" s="613"/>
      <c r="SWJ713" s="613"/>
      <c r="SWK713" s="613"/>
      <c r="SWL713" s="613"/>
      <c r="SWM713" s="613"/>
      <c r="SWN713" s="613"/>
      <c r="SWO713" s="613"/>
      <c r="SWP713" s="613"/>
      <c r="SWQ713" s="613"/>
      <c r="SWR713" s="613"/>
      <c r="SWS713" s="613"/>
      <c r="SWT713" s="613"/>
      <c r="SWU713" s="613"/>
      <c r="SWV713" s="613"/>
      <c r="SWW713" s="613"/>
      <c r="SWX713" s="613"/>
      <c r="SWY713" s="613"/>
      <c r="SWZ713" s="613"/>
      <c r="SXA713" s="613"/>
      <c r="SXB713" s="613"/>
      <c r="SXC713" s="613"/>
      <c r="SXD713" s="613"/>
      <c r="SXE713" s="613"/>
      <c r="SXF713" s="613"/>
      <c r="SXG713" s="613"/>
      <c r="SXH713" s="613"/>
      <c r="SXI713" s="613"/>
      <c r="SXJ713" s="613"/>
      <c r="SXK713" s="613"/>
      <c r="SXL713" s="613"/>
      <c r="SXM713" s="613"/>
      <c r="SXN713" s="613"/>
      <c r="SXO713" s="613"/>
      <c r="SXP713" s="613"/>
      <c r="SXQ713" s="613"/>
      <c r="SXR713" s="613"/>
      <c r="SXS713" s="613"/>
      <c r="SXT713" s="613"/>
      <c r="SXU713" s="613"/>
      <c r="SXV713" s="613"/>
      <c r="SXW713" s="613"/>
      <c r="SXX713" s="613"/>
      <c r="SXY713" s="613"/>
      <c r="SXZ713" s="613"/>
      <c r="SYA713" s="613"/>
      <c r="SYB713" s="613"/>
      <c r="SYC713" s="613"/>
      <c r="SYD713" s="613"/>
      <c r="SYE713" s="613"/>
      <c r="SYF713" s="613"/>
      <c r="SYG713" s="613"/>
      <c r="SYH713" s="613"/>
      <c r="SYI713" s="613"/>
      <c r="SYJ713" s="613"/>
      <c r="SYK713" s="613"/>
      <c r="SYL713" s="613"/>
      <c r="SYM713" s="613"/>
      <c r="SYN713" s="613"/>
      <c r="SYO713" s="613"/>
      <c r="SYP713" s="613"/>
      <c r="SYQ713" s="613"/>
      <c r="SYR713" s="613"/>
      <c r="SYS713" s="613"/>
      <c r="SYT713" s="613"/>
      <c r="SYU713" s="613"/>
      <c r="SYV713" s="613"/>
      <c r="SYW713" s="613"/>
      <c r="SYX713" s="613"/>
      <c r="SYY713" s="613"/>
      <c r="SYZ713" s="613"/>
      <c r="SZA713" s="613"/>
      <c r="SZB713" s="613"/>
      <c r="SZC713" s="613"/>
      <c r="SZD713" s="613"/>
      <c r="SZE713" s="613"/>
      <c r="SZF713" s="613"/>
      <c r="SZG713" s="613"/>
      <c r="SZH713" s="613"/>
      <c r="SZI713" s="613"/>
      <c r="SZJ713" s="613"/>
      <c r="SZK713" s="613"/>
      <c r="SZL713" s="613"/>
      <c r="SZM713" s="613"/>
      <c r="SZN713" s="613"/>
      <c r="SZO713" s="613"/>
      <c r="SZP713" s="613"/>
      <c r="SZQ713" s="613"/>
      <c r="SZR713" s="613"/>
      <c r="SZS713" s="613"/>
      <c r="SZT713" s="613"/>
      <c r="SZU713" s="613"/>
      <c r="SZV713" s="613"/>
      <c r="SZW713" s="613"/>
      <c r="SZX713" s="613"/>
      <c r="SZY713" s="613"/>
      <c r="SZZ713" s="613"/>
      <c r="TAA713" s="613"/>
      <c r="TAB713" s="613"/>
      <c r="TAC713" s="613"/>
      <c r="TAD713" s="613"/>
      <c r="TAE713" s="613"/>
      <c r="TAF713" s="613"/>
      <c r="TAG713" s="613"/>
      <c r="TAH713" s="613"/>
      <c r="TAI713" s="613"/>
      <c r="TAJ713" s="613"/>
      <c r="TAK713" s="613"/>
      <c r="TAL713" s="613"/>
      <c r="TAM713" s="613"/>
      <c r="TAN713" s="613"/>
      <c r="TAO713" s="613"/>
      <c r="TAP713" s="613"/>
      <c r="TAQ713" s="613"/>
      <c r="TAR713" s="613"/>
      <c r="TAS713" s="613"/>
      <c r="TAT713" s="613"/>
      <c r="TAU713" s="613"/>
      <c r="TAV713" s="613"/>
      <c r="TAW713" s="613"/>
      <c r="TAX713" s="613"/>
      <c r="TAY713" s="613"/>
      <c r="TAZ713" s="613"/>
      <c r="TBA713" s="613"/>
      <c r="TBB713" s="613"/>
      <c r="TBC713" s="613"/>
      <c r="TBD713" s="613"/>
      <c r="TBE713" s="613"/>
      <c r="TBF713" s="613"/>
      <c r="TBG713" s="613"/>
      <c r="TBH713" s="613"/>
      <c r="TBI713" s="613"/>
      <c r="TBJ713" s="613"/>
      <c r="TBK713" s="613"/>
      <c r="TBL713" s="613"/>
      <c r="TBM713" s="613"/>
      <c r="TBN713" s="613"/>
      <c r="TBO713" s="613"/>
      <c r="TBP713" s="613"/>
      <c r="TBQ713" s="613"/>
      <c r="TBR713" s="613"/>
      <c r="TBS713" s="613"/>
      <c r="TBT713" s="613"/>
      <c r="TBU713" s="613"/>
      <c r="TBV713" s="613"/>
      <c r="TBW713" s="613"/>
      <c r="TBX713" s="613"/>
      <c r="TBY713" s="613"/>
      <c r="TBZ713" s="613"/>
      <c r="TCA713" s="613"/>
      <c r="TCB713" s="613"/>
      <c r="TCC713" s="613"/>
      <c r="TCD713" s="613"/>
      <c r="TCE713" s="613"/>
      <c r="TCF713" s="613"/>
      <c r="TCG713" s="613"/>
      <c r="TCH713" s="613"/>
      <c r="TCI713" s="613"/>
      <c r="TCJ713" s="613"/>
      <c r="TCK713" s="613"/>
      <c r="TCL713" s="613"/>
      <c r="TCM713" s="613"/>
      <c r="TCN713" s="613"/>
      <c r="TCO713" s="613"/>
      <c r="TCP713" s="613"/>
      <c r="TCQ713" s="613"/>
      <c r="TCR713" s="613"/>
      <c r="TCS713" s="613"/>
      <c r="TCT713" s="613"/>
      <c r="TCU713" s="613"/>
      <c r="TCV713" s="613"/>
      <c r="TCW713" s="613"/>
      <c r="TCX713" s="613"/>
      <c r="TCY713" s="613"/>
      <c r="TCZ713" s="613"/>
      <c r="TDA713" s="613"/>
      <c r="TDB713" s="613"/>
      <c r="TDC713" s="613"/>
      <c r="TDD713" s="613"/>
      <c r="TDE713" s="613"/>
      <c r="TDF713" s="613"/>
      <c r="TDG713" s="613"/>
      <c r="TDH713" s="613"/>
      <c r="TDI713" s="613"/>
      <c r="TDJ713" s="613"/>
      <c r="TDK713" s="613"/>
      <c r="TDL713" s="613"/>
      <c r="TDM713" s="613"/>
      <c r="TDN713" s="613"/>
      <c r="TDO713" s="613"/>
      <c r="TDP713" s="613"/>
      <c r="TDQ713" s="613"/>
      <c r="TDR713" s="613"/>
      <c r="TDS713" s="613"/>
      <c r="TDT713" s="613"/>
      <c r="TDU713" s="613"/>
      <c r="TDV713" s="613"/>
      <c r="TDW713" s="613"/>
      <c r="TDX713" s="613"/>
      <c r="TDY713" s="613"/>
      <c r="TDZ713" s="613"/>
      <c r="TEA713" s="613"/>
      <c r="TEB713" s="613"/>
      <c r="TEC713" s="613"/>
      <c r="TED713" s="613"/>
      <c r="TEE713" s="613"/>
      <c r="TEF713" s="613"/>
      <c r="TEG713" s="613"/>
      <c r="TEH713" s="613"/>
      <c r="TEI713" s="613"/>
      <c r="TEJ713" s="613"/>
      <c r="TEK713" s="613"/>
      <c r="TEL713" s="613"/>
      <c r="TEM713" s="613"/>
      <c r="TEN713" s="613"/>
      <c r="TEO713" s="613"/>
      <c r="TEP713" s="613"/>
      <c r="TEQ713" s="613"/>
      <c r="TER713" s="613"/>
      <c r="TES713" s="613"/>
      <c r="TET713" s="613"/>
      <c r="TEU713" s="613"/>
      <c r="TEV713" s="613"/>
      <c r="TEW713" s="613"/>
      <c r="TEX713" s="613"/>
      <c r="TEY713" s="613"/>
      <c r="TEZ713" s="613"/>
      <c r="TFA713" s="613"/>
      <c r="TFB713" s="613"/>
      <c r="TFC713" s="613"/>
      <c r="TFD713" s="613"/>
      <c r="TFE713" s="613"/>
      <c r="TFF713" s="613"/>
      <c r="TFG713" s="613"/>
      <c r="TFH713" s="613"/>
      <c r="TFI713" s="613"/>
      <c r="TFJ713" s="613"/>
      <c r="TFK713" s="613"/>
      <c r="TFL713" s="613"/>
      <c r="TFM713" s="613"/>
      <c r="TFN713" s="613"/>
      <c r="TFO713" s="613"/>
      <c r="TFP713" s="613"/>
      <c r="TFQ713" s="613"/>
      <c r="TFR713" s="613"/>
      <c r="TFS713" s="613"/>
      <c r="TFT713" s="613"/>
      <c r="TFU713" s="613"/>
      <c r="TFV713" s="613"/>
      <c r="TFW713" s="613"/>
      <c r="TFX713" s="613"/>
      <c r="TFY713" s="613"/>
      <c r="TFZ713" s="613"/>
      <c r="TGA713" s="613"/>
      <c r="TGB713" s="613"/>
      <c r="TGC713" s="613"/>
      <c r="TGD713" s="613"/>
      <c r="TGE713" s="613"/>
      <c r="TGF713" s="613"/>
      <c r="TGG713" s="613"/>
      <c r="TGH713" s="613"/>
      <c r="TGI713" s="613"/>
      <c r="TGJ713" s="613"/>
      <c r="TGK713" s="613"/>
      <c r="TGL713" s="613"/>
      <c r="TGM713" s="613"/>
      <c r="TGN713" s="613"/>
      <c r="TGO713" s="613"/>
      <c r="TGP713" s="613"/>
      <c r="TGQ713" s="613"/>
      <c r="TGR713" s="613"/>
      <c r="TGS713" s="613"/>
      <c r="TGT713" s="613"/>
      <c r="TGU713" s="613"/>
      <c r="TGV713" s="613"/>
      <c r="TGW713" s="613"/>
      <c r="TGX713" s="613"/>
      <c r="TGY713" s="613"/>
      <c r="TGZ713" s="613"/>
      <c r="THA713" s="613"/>
      <c r="THB713" s="613"/>
      <c r="THC713" s="613"/>
      <c r="THD713" s="613"/>
      <c r="THE713" s="613"/>
      <c r="THF713" s="613"/>
      <c r="THG713" s="613"/>
      <c r="THH713" s="613"/>
      <c r="THI713" s="613"/>
      <c r="THJ713" s="613"/>
      <c r="THK713" s="613"/>
      <c r="THL713" s="613"/>
      <c r="THM713" s="613"/>
      <c r="THN713" s="613"/>
      <c r="THO713" s="613"/>
      <c r="THP713" s="613"/>
      <c r="THQ713" s="613"/>
      <c r="THR713" s="613"/>
      <c r="THS713" s="613"/>
      <c r="THT713" s="613"/>
      <c r="THU713" s="613"/>
      <c r="THV713" s="613"/>
      <c r="THW713" s="613"/>
      <c r="THX713" s="613"/>
      <c r="THY713" s="613"/>
      <c r="THZ713" s="613"/>
      <c r="TIA713" s="613"/>
      <c r="TIB713" s="613"/>
      <c r="TIC713" s="613"/>
      <c r="TID713" s="613"/>
      <c r="TIE713" s="613"/>
      <c r="TIF713" s="613"/>
      <c r="TIG713" s="613"/>
      <c r="TIH713" s="613"/>
      <c r="TII713" s="613"/>
      <c r="TIJ713" s="613"/>
      <c r="TIK713" s="613"/>
      <c r="TIL713" s="613"/>
      <c r="TIM713" s="613"/>
      <c r="TIN713" s="613"/>
      <c r="TIO713" s="613"/>
      <c r="TIP713" s="613"/>
      <c r="TIQ713" s="613"/>
      <c r="TIR713" s="613"/>
      <c r="TIS713" s="613"/>
      <c r="TIT713" s="613"/>
      <c r="TIU713" s="613"/>
      <c r="TIV713" s="613"/>
      <c r="TIW713" s="613"/>
      <c r="TIX713" s="613"/>
      <c r="TIY713" s="613"/>
      <c r="TIZ713" s="613"/>
      <c r="TJA713" s="613"/>
      <c r="TJB713" s="613"/>
      <c r="TJC713" s="613"/>
      <c r="TJD713" s="613"/>
      <c r="TJE713" s="613"/>
      <c r="TJF713" s="613"/>
      <c r="TJG713" s="613"/>
      <c r="TJH713" s="613"/>
      <c r="TJI713" s="613"/>
      <c r="TJJ713" s="613"/>
      <c r="TJK713" s="613"/>
      <c r="TJL713" s="613"/>
      <c r="TJM713" s="613"/>
      <c r="TJN713" s="613"/>
      <c r="TJO713" s="613"/>
      <c r="TJP713" s="613"/>
      <c r="TJQ713" s="613"/>
      <c r="TJR713" s="613"/>
      <c r="TJS713" s="613"/>
      <c r="TJT713" s="613"/>
      <c r="TJU713" s="613"/>
      <c r="TJV713" s="613"/>
      <c r="TJW713" s="613"/>
      <c r="TJX713" s="613"/>
      <c r="TJY713" s="613"/>
      <c r="TJZ713" s="613"/>
      <c r="TKA713" s="613"/>
      <c r="TKB713" s="613"/>
      <c r="TKC713" s="613"/>
      <c r="TKD713" s="613"/>
      <c r="TKE713" s="613"/>
      <c r="TKF713" s="613"/>
      <c r="TKG713" s="613"/>
      <c r="TKH713" s="613"/>
      <c r="TKI713" s="613"/>
      <c r="TKJ713" s="613"/>
      <c r="TKK713" s="613"/>
      <c r="TKL713" s="613"/>
      <c r="TKM713" s="613"/>
      <c r="TKN713" s="613"/>
      <c r="TKO713" s="613"/>
      <c r="TKP713" s="613"/>
      <c r="TKQ713" s="613"/>
      <c r="TKR713" s="613"/>
      <c r="TKS713" s="613"/>
      <c r="TKT713" s="613"/>
      <c r="TKU713" s="613"/>
      <c r="TKV713" s="613"/>
      <c r="TKW713" s="613"/>
      <c r="TKX713" s="613"/>
      <c r="TKY713" s="613"/>
      <c r="TKZ713" s="613"/>
      <c r="TLA713" s="613"/>
      <c r="TLB713" s="613"/>
      <c r="TLC713" s="613"/>
      <c r="TLD713" s="613"/>
      <c r="TLE713" s="613"/>
      <c r="TLF713" s="613"/>
      <c r="TLG713" s="613"/>
      <c r="TLH713" s="613"/>
      <c r="TLI713" s="613"/>
      <c r="TLJ713" s="613"/>
      <c r="TLK713" s="613"/>
      <c r="TLL713" s="613"/>
      <c r="TLM713" s="613"/>
      <c r="TLN713" s="613"/>
      <c r="TLO713" s="613"/>
      <c r="TLP713" s="613"/>
      <c r="TLQ713" s="613"/>
      <c r="TLR713" s="613"/>
      <c r="TLS713" s="613"/>
      <c r="TLT713" s="613"/>
      <c r="TLU713" s="613"/>
      <c r="TLV713" s="613"/>
      <c r="TLW713" s="613"/>
      <c r="TLX713" s="613"/>
      <c r="TLY713" s="613"/>
      <c r="TLZ713" s="613"/>
      <c r="TMA713" s="613"/>
      <c r="TMB713" s="613"/>
      <c r="TMC713" s="613"/>
      <c r="TMD713" s="613"/>
      <c r="TME713" s="613"/>
      <c r="TMF713" s="613"/>
      <c r="TMG713" s="613"/>
      <c r="TMH713" s="613"/>
      <c r="TMI713" s="613"/>
      <c r="TMJ713" s="613"/>
      <c r="TMK713" s="613"/>
      <c r="TML713" s="613"/>
      <c r="TMM713" s="613"/>
      <c r="TMN713" s="613"/>
      <c r="TMO713" s="613"/>
      <c r="TMP713" s="613"/>
      <c r="TMQ713" s="613"/>
      <c r="TMR713" s="613"/>
      <c r="TMS713" s="613"/>
      <c r="TMT713" s="613"/>
      <c r="TMU713" s="613"/>
      <c r="TMV713" s="613"/>
      <c r="TMW713" s="613"/>
      <c r="TMX713" s="613"/>
      <c r="TMY713" s="613"/>
      <c r="TMZ713" s="613"/>
      <c r="TNA713" s="613"/>
      <c r="TNB713" s="613"/>
      <c r="TNC713" s="613"/>
      <c r="TND713" s="613"/>
      <c r="TNE713" s="613"/>
      <c r="TNF713" s="613"/>
      <c r="TNG713" s="613"/>
      <c r="TNH713" s="613"/>
      <c r="TNI713" s="613"/>
      <c r="TNJ713" s="613"/>
      <c r="TNK713" s="613"/>
      <c r="TNL713" s="613"/>
      <c r="TNM713" s="613"/>
      <c r="TNN713" s="613"/>
      <c r="TNO713" s="613"/>
      <c r="TNP713" s="613"/>
      <c r="TNQ713" s="613"/>
      <c r="TNR713" s="613"/>
      <c r="TNS713" s="613"/>
      <c r="TNT713" s="613"/>
      <c r="TNU713" s="613"/>
      <c r="TNV713" s="613"/>
      <c r="TNW713" s="613"/>
      <c r="TNX713" s="613"/>
      <c r="TNY713" s="613"/>
      <c r="TNZ713" s="613"/>
      <c r="TOA713" s="613"/>
      <c r="TOB713" s="613"/>
      <c r="TOC713" s="613"/>
      <c r="TOD713" s="613"/>
      <c r="TOE713" s="613"/>
      <c r="TOF713" s="613"/>
      <c r="TOG713" s="613"/>
      <c r="TOH713" s="613"/>
      <c r="TOI713" s="613"/>
      <c r="TOJ713" s="613"/>
      <c r="TOK713" s="613"/>
      <c r="TOL713" s="613"/>
      <c r="TOM713" s="613"/>
      <c r="TON713" s="613"/>
      <c r="TOO713" s="613"/>
      <c r="TOP713" s="613"/>
      <c r="TOQ713" s="613"/>
      <c r="TOR713" s="613"/>
      <c r="TOS713" s="613"/>
      <c r="TOT713" s="613"/>
      <c r="TOU713" s="613"/>
      <c r="TOV713" s="613"/>
      <c r="TOW713" s="613"/>
      <c r="TOX713" s="613"/>
      <c r="TOY713" s="613"/>
      <c r="TOZ713" s="613"/>
      <c r="TPA713" s="613"/>
      <c r="TPB713" s="613"/>
      <c r="TPC713" s="613"/>
      <c r="TPD713" s="613"/>
      <c r="TPE713" s="613"/>
      <c r="TPF713" s="613"/>
      <c r="TPG713" s="613"/>
      <c r="TPH713" s="613"/>
      <c r="TPI713" s="613"/>
      <c r="TPJ713" s="613"/>
      <c r="TPK713" s="613"/>
      <c r="TPL713" s="613"/>
      <c r="TPM713" s="613"/>
      <c r="TPN713" s="613"/>
      <c r="TPO713" s="613"/>
      <c r="TPP713" s="613"/>
      <c r="TPQ713" s="613"/>
      <c r="TPR713" s="613"/>
      <c r="TPS713" s="613"/>
      <c r="TPT713" s="613"/>
      <c r="TPU713" s="613"/>
      <c r="TPV713" s="613"/>
      <c r="TPW713" s="613"/>
      <c r="TPX713" s="613"/>
      <c r="TPY713" s="613"/>
      <c r="TPZ713" s="613"/>
      <c r="TQA713" s="613"/>
      <c r="TQB713" s="613"/>
      <c r="TQC713" s="613"/>
      <c r="TQD713" s="613"/>
      <c r="TQE713" s="613"/>
      <c r="TQF713" s="613"/>
      <c r="TQG713" s="613"/>
      <c r="TQH713" s="613"/>
      <c r="TQI713" s="613"/>
      <c r="TQJ713" s="613"/>
      <c r="TQK713" s="613"/>
      <c r="TQL713" s="613"/>
      <c r="TQM713" s="613"/>
      <c r="TQN713" s="613"/>
      <c r="TQO713" s="613"/>
      <c r="TQP713" s="613"/>
      <c r="TQQ713" s="613"/>
      <c r="TQR713" s="613"/>
      <c r="TQS713" s="613"/>
      <c r="TQT713" s="613"/>
      <c r="TQU713" s="613"/>
      <c r="TQV713" s="613"/>
      <c r="TQW713" s="613"/>
      <c r="TQX713" s="613"/>
      <c r="TQY713" s="613"/>
      <c r="TQZ713" s="613"/>
      <c r="TRA713" s="613"/>
      <c r="TRB713" s="613"/>
      <c r="TRC713" s="613"/>
      <c r="TRD713" s="613"/>
      <c r="TRE713" s="613"/>
      <c r="TRF713" s="613"/>
      <c r="TRG713" s="613"/>
      <c r="TRH713" s="613"/>
      <c r="TRI713" s="613"/>
      <c r="TRJ713" s="613"/>
      <c r="TRK713" s="613"/>
      <c r="TRL713" s="613"/>
      <c r="TRM713" s="613"/>
      <c r="TRN713" s="613"/>
      <c r="TRO713" s="613"/>
      <c r="TRP713" s="613"/>
      <c r="TRQ713" s="613"/>
      <c r="TRR713" s="613"/>
      <c r="TRS713" s="613"/>
      <c r="TRT713" s="613"/>
      <c r="TRU713" s="613"/>
      <c r="TRV713" s="613"/>
      <c r="TRW713" s="613"/>
      <c r="TRX713" s="613"/>
      <c r="TRY713" s="613"/>
      <c r="TRZ713" s="613"/>
      <c r="TSA713" s="613"/>
      <c r="TSB713" s="613"/>
      <c r="TSC713" s="613"/>
      <c r="TSD713" s="613"/>
      <c r="TSE713" s="613"/>
      <c r="TSF713" s="613"/>
      <c r="TSG713" s="613"/>
      <c r="TSH713" s="613"/>
      <c r="TSI713" s="613"/>
      <c r="TSJ713" s="613"/>
      <c r="TSK713" s="613"/>
      <c r="TSL713" s="613"/>
      <c r="TSM713" s="613"/>
      <c r="TSN713" s="613"/>
      <c r="TSO713" s="613"/>
      <c r="TSP713" s="613"/>
      <c r="TSQ713" s="613"/>
      <c r="TSR713" s="613"/>
      <c r="TSS713" s="613"/>
      <c r="TST713" s="613"/>
      <c r="TSU713" s="613"/>
      <c r="TSV713" s="613"/>
      <c r="TSW713" s="613"/>
      <c r="TSX713" s="613"/>
      <c r="TSY713" s="613"/>
      <c r="TSZ713" s="613"/>
      <c r="TTA713" s="613"/>
      <c r="TTB713" s="613"/>
      <c r="TTC713" s="613"/>
      <c r="TTD713" s="613"/>
      <c r="TTE713" s="613"/>
      <c r="TTF713" s="613"/>
      <c r="TTG713" s="613"/>
      <c r="TTH713" s="613"/>
      <c r="TTI713" s="613"/>
      <c r="TTJ713" s="613"/>
      <c r="TTK713" s="613"/>
      <c r="TTL713" s="613"/>
      <c r="TTM713" s="613"/>
      <c r="TTN713" s="613"/>
      <c r="TTO713" s="613"/>
      <c r="TTP713" s="613"/>
      <c r="TTQ713" s="613"/>
      <c r="TTR713" s="613"/>
      <c r="TTS713" s="613"/>
      <c r="TTT713" s="613"/>
      <c r="TTU713" s="613"/>
      <c r="TTV713" s="613"/>
      <c r="TTW713" s="613"/>
      <c r="TTX713" s="613"/>
      <c r="TTY713" s="613"/>
      <c r="TTZ713" s="613"/>
      <c r="TUA713" s="613"/>
      <c r="TUB713" s="613"/>
      <c r="TUC713" s="613"/>
      <c r="TUD713" s="613"/>
      <c r="TUE713" s="613"/>
      <c r="TUF713" s="613"/>
      <c r="TUG713" s="613"/>
      <c r="TUH713" s="613"/>
      <c r="TUI713" s="613"/>
      <c r="TUJ713" s="613"/>
      <c r="TUK713" s="613"/>
      <c r="TUL713" s="613"/>
      <c r="TUM713" s="613"/>
      <c r="TUN713" s="613"/>
      <c r="TUO713" s="613"/>
      <c r="TUP713" s="613"/>
      <c r="TUQ713" s="613"/>
      <c r="TUR713" s="613"/>
      <c r="TUS713" s="613"/>
      <c r="TUT713" s="613"/>
      <c r="TUU713" s="613"/>
      <c r="TUV713" s="613"/>
      <c r="TUW713" s="613"/>
      <c r="TUX713" s="613"/>
      <c r="TUY713" s="613"/>
      <c r="TUZ713" s="613"/>
      <c r="TVA713" s="613"/>
      <c r="TVB713" s="613"/>
      <c r="TVC713" s="613"/>
      <c r="TVD713" s="613"/>
      <c r="TVE713" s="613"/>
      <c r="TVF713" s="613"/>
      <c r="TVG713" s="613"/>
      <c r="TVH713" s="613"/>
      <c r="TVI713" s="613"/>
      <c r="TVJ713" s="613"/>
      <c r="TVK713" s="613"/>
      <c r="TVL713" s="613"/>
      <c r="TVM713" s="613"/>
      <c r="TVN713" s="613"/>
      <c r="TVO713" s="613"/>
      <c r="TVP713" s="613"/>
      <c r="TVQ713" s="613"/>
      <c r="TVR713" s="613"/>
      <c r="TVS713" s="613"/>
      <c r="TVT713" s="613"/>
      <c r="TVU713" s="613"/>
      <c r="TVV713" s="613"/>
      <c r="TVW713" s="613"/>
      <c r="TVX713" s="613"/>
      <c r="TVY713" s="613"/>
      <c r="TVZ713" s="613"/>
      <c r="TWA713" s="613"/>
      <c r="TWB713" s="613"/>
      <c r="TWC713" s="613"/>
      <c r="TWD713" s="613"/>
      <c r="TWE713" s="613"/>
      <c r="TWF713" s="613"/>
      <c r="TWG713" s="613"/>
      <c r="TWH713" s="613"/>
      <c r="TWI713" s="613"/>
      <c r="TWJ713" s="613"/>
      <c r="TWK713" s="613"/>
      <c r="TWL713" s="613"/>
      <c r="TWM713" s="613"/>
      <c r="TWN713" s="613"/>
      <c r="TWO713" s="613"/>
      <c r="TWP713" s="613"/>
      <c r="TWQ713" s="613"/>
      <c r="TWR713" s="613"/>
      <c r="TWS713" s="613"/>
      <c r="TWT713" s="613"/>
      <c r="TWU713" s="613"/>
      <c r="TWV713" s="613"/>
      <c r="TWW713" s="613"/>
      <c r="TWX713" s="613"/>
      <c r="TWY713" s="613"/>
      <c r="TWZ713" s="613"/>
      <c r="TXA713" s="613"/>
      <c r="TXB713" s="613"/>
      <c r="TXC713" s="613"/>
      <c r="TXD713" s="613"/>
      <c r="TXE713" s="613"/>
      <c r="TXF713" s="613"/>
      <c r="TXG713" s="613"/>
      <c r="TXH713" s="613"/>
      <c r="TXI713" s="613"/>
      <c r="TXJ713" s="613"/>
      <c r="TXK713" s="613"/>
      <c r="TXL713" s="613"/>
      <c r="TXM713" s="613"/>
      <c r="TXN713" s="613"/>
      <c r="TXO713" s="613"/>
      <c r="TXP713" s="613"/>
      <c r="TXQ713" s="613"/>
      <c r="TXR713" s="613"/>
      <c r="TXS713" s="613"/>
      <c r="TXT713" s="613"/>
      <c r="TXU713" s="613"/>
      <c r="TXV713" s="613"/>
      <c r="TXW713" s="613"/>
      <c r="TXX713" s="613"/>
      <c r="TXY713" s="613"/>
      <c r="TXZ713" s="613"/>
      <c r="TYA713" s="613"/>
      <c r="TYB713" s="613"/>
      <c r="TYC713" s="613"/>
      <c r="TYD713" s="613"/>
      <c r="TYE713" s="613"/>
      <c r="TYF713" s="613"/>
      <c r="TYG713" s="613"/>
      <c r="TYH713" s="613"/>
      <c r="TYI713" s="613"/>
      <c r="TYJ713" s="613"/>
      <c r="TYK713" s="613"/>
      <c r="TYL713" s="613"/>
      <c r="TYM713" s="613"/>
      <c r="TYN713" s="613"/>
      <c r="TYO713" s="613"/>
      <c r="TYP713" s="613"/>
      <c r="TYQ713" s="613"/>
      <c r="TYR713" s="613"/>
      <c r="TYS713" s="613"/>
      <c r="TYT713" s="613"/>
      <c r="TYU713" s="613"/>
      <c r="TYV713" s="613"/>
      <c r="TYW713" s="613"/>
      <c r="TYX713" s="613"/>
      <c r="TYY713" s="613"/>
      <c r="TYZ713" s="613"/>
      <c r="TZA713" s="613"/>
      <c r="TZB713" s="613"/>
      <c r="TZC713" s="613"/>
      <c r="TZD713" s="613"/>
      <c r="TZE713" s="613"/>
      <c r="TZF713" s="613"/>
      <c r="TZG713" s="613"/>
      <c r="TZH713" s="613"/>
      <c r="TZI713" s="613"/>
      <c r="TZJ713" s="613"/>
      <c r="TZK713" s="613"/>
      <c r="TZL713" s="613"/>
      <c r="TZM713" s="613"/>
      <c r="TZN713" s="613"/>
      <c r="TZO713" s="613"/>
      <c r="TZP713" s="613"/>
      <c r="TZQ713" s="613"/>
      <c r="TZR713" s="613"/>
      <c r="TZS713" s="613"/>
      <c r="TZT713" s="613"/>
      <c r="TZU713" s="613"/>
      <c r="TZV713" s="613"/>
      <c r="TZW713" s="613"/>
      <c r="TZX713" s="613"/>
      <c r="TZY713" s="613"/>
      <c r="TZZ713" s="613"/>
      <c r="UAA713" s="613"/>
      <c r="UAB713" s="613"/>
      <c r="UAC713" s="613"/>
      <c r="UAD713" s="613"/>
      <c r="UAE713" s="613"/>
      <c r="UAF713" s="613"/>
      <c r="UAG713" s="613"/>
      <c r="UAH713" s="613"/>
      <c r="UAI713" s="613"/>
      <c r="UAJ713" s="613"/>
      <c r="UAK713" s="613"/>
      <c r="UAL713" s="613"/>
      <c r="UAM713" s="613"/>
      <c r="UAN713" s="613"/>
      <c r="UAO713" s="613"/>
      <c r="UAP713" s="613"/>
      <c r="UAQ713" s="613"/>
      <c r="UAR713" s="613"/>
      <c r="UAS713" s="613"/>
      <c r="UAT713" s="613"/>
      <c r="UAU713" s="613"/>
      <c r="UAV713" s="613"/>
      <c r="UAW713" s="613"/>
      <c r="UAX713" s="613"/>
      <c r="UAY713" s="613"/>
      <c r="UAZ713" s="613"/>
      <c r="UBA713" s="613"/>
      <c r="UBB713" s="613"/>
      <c r="UBC713" s="613"/>
      <c r="UBD713" s="613"/>
      <c r="UBE713" s="613"/>
      <c r="UBF713" s="613"/>
      <c r="UBG713" s="613"/>
      <c r="UBH713" s="613"/>
      <c r="UBI713" s="613"/>
      <c r="UBJ713" s="613"/>
      <c r="UBK713" s="613"/>
      <c r="UBL713" s="613"/>
      <c r="UBM713" s="613"/>
      <c r="UBN713" s="613"/>
      <c r="UBO713" s="613"/>
      <c r="UBP713" s="613"/>
      <c r="UBQ713" s="613"/>
      <c r="UBR713" s="613"/>
      <c r="UBS713" s="613"/>
      <c r="UBT713" s="613"/>
      <c r="UBU713" s="613"/>
      <c r="UBV713" s="613"/>
      <c r="UBW713" s="613"/>
      <c r="UBX713" s="613"/>
      <c r="UBY713" s="613"/>
      <c r="UBZ713" s="613"/>
      <c r="UCA713" s="613"/>
      <c r="UCB713" s="613"/>
      <c r="UCC713" s="613"/>
      <c r="UCD713" s="613"/>
      <c r="UCE713" s="613"/>
      <c r="UCF713" s="613"/>
      <c r="UCG713" s="613"/>
      <c r="UCH713" s="613"/>
      <c r="UCI713" s="613"/>
      <c r="UCJ713" s="613"/>
      <c r="UCK713" s="613"/>
      <c r="UCL713" s="613"/>
      <c r="UCM713" s="613"/>
      <c r="UCN713" s="613"/>
      <c r="UCO713" s="613"/>
      <c r="UCP713" s="613"/>
      <c r="UCQ713" s="613"/>
      <c r="UCR713" s="613"/>
      <c r="UCS713" s="613"/>
      <c r="UCT713" s="613"/>
      <c r="UCU713" s="613"/>
      <c r="UCV713" s="613"/>
      <c r="UCW713" s="613"/>
      <c r="UCX713" s="613"/>
      <c r="UCY713" s="613"/>
      <c r="UCZ713" s="613"/>
      <c r="UDA713" s="613"/>
      <c r="UDB713" s="613"/>
      <c r="UDC713" s="613"/>
      <c r="UDD713" s="613"/>
      <c r="UDE713" s="613"/>
      <c r="UDF713" s="613"/>
      <c r="UDG713" s="613"/>
      <c r="UDH713" s="613"/>
      <c r="UDI713" s="613"/>
      <c r="UDJ713" s="613"/>
      <c r="UDK713" s="613"/>
      <c r="UDL713" s="613"/>
      <c r="UDM713" s="613"/>
      <c r="UDN713" s="613"/>
      <c r="UDO713" s="613"/>
      <c r="UDP713" s="613"/>
      <c r="UDQ713" s="613"/>
      <c r="UDR713" s="613"/>
      <c r="UDS713" s="613"/>
      <c r="UDT713" s="613"/>
      <c r="UDU713" s="613"/>
      <c r="UDV713" s="613"/>
      <c r="UDW713" s="613"/>
      <c r="UDX713" s="613"/>
      <c r="UDY713" s="613"/>
      <c r="UDZ713" s="613"/>
      <c r="UEA713" s="613"/>
      <c r="UEB713" s="613"/>
      <c r="UEC713" s="613"/>
      <c r="UED713" s="613"/>
      <c r="UEE713" s="613"/>
      <c r="UEF713" s="613"/>
      <c r="UEG713" s="613"/>
      <c r="UEH713" s="613"/>
      <c r="UEI713" s="613"/>
      <c r="UEJ713" s="613"/>
      <c r="UEK713" s="613"/>
      <c r="UEL713" s="613"/>
      <c r="UEM713" s="613"/>
      <c r="UEN713" s="613"/>
      <c r="UEO713" s="613"/>
      <c r="UEP713" s="613"/>
      <c r="UEQ713" s="613"/>
      <c r="UER713" s="613"/>
      <c r="UES713" s="613"/>
      <c r="UET713" s="613"/>
      <c r="UEU713" s="613"/>
      <c r="UEV713" s="613"/>
      <c r="UEW713" s="613"/>
      <c r="UEX713" s="613"/>
      <c r="UEY713" s="613"/>
      <c r="UEZ713" s="613"/>
      <c r="UFA713" s="613"/>
      <c r="UFB713" s="613"/>
      <c r="UFC713" s="613"/>
      <c r="UFD713" s="613"/>
      <c r="UFE713" s="613"/>
      <c r="UFF713" s="613"/>
      <c r="UFG713" s="613"/>
      <c r="UFH713" s="613"/>
      <c r="UFI713" s="613"/>
      <c r="UFJ713" s="613"/>
      <c r="UFK713" s="613"/>
      <c r="UFL713" s="613"/>
      <c r="UFM713" s="613"/>
      <c r="UFN713" s="613"/>
      <c r="UFO713" s="613"/>
      <c r="UFP713" s="613"/>
      <c r="UFQ713" s="613"/>
      <c r="UFR713" s="613"/>
      <c r="UFS713" s="613"/>
      <c r="UFT713" s="613"/>
      <c r="UFU713" s="613"/>
      <c r="UFV713" s="613"/>
      <c r="UFW713" s="613"/>
      <c r="UFX713" s="613"/>
      <c r="UFY713" s="613"/>
      <c r="UFZ713" s="613"/>
      <c r="UGA713" s="613"/>
      <c r="UGB713" s="613"/>
      <c r="UGC713" s="613"/>
      <c r="UGD713" s="613"/>
      <c r="UGE713" s="613"/>
      <c r="UGF713" s="613"/>
      <c r="UGG713" s="613"/>
      <c r="UGH713" s="613"/>
      <c r="UGI713" s="613"/>
      <c r="UGJ713" s="613"/>
      <c r="UGK713" s="613"/>
      <c r="UGL713" s="613"/>
      <c r="UGM713" s="613"/>
      <c r="UGN713" s="613"/>
      <c r="UGO713" s="613"/>
      <c r="UGP713" s="613"/>
      <c r="UGQ713" s="613"/>
      <c r="UGR713" s="613"/>
      <c r="UGS713" s="613"/>
      <c r="UGT713" s="613"/>
      <c r="UGU713" s="613"/>
      <c r="UGV713" s="613"/>
      <c r="UGW713" s="613"/>
      <c r="UGX713" s="613"/>
      <c r="UGY713" s="613"/>
      <c r="UGZ713" s="613"/>
      <c r="UHA713" s="613"/>
      <c r="UHB713" s="613"/>
      <c r="UHC713" s="613"/>
      <c r="UHD713" s="613"/>
      <c r="UHE713" s="613"/>
      <c r="UHF713" s="613"/>
      <c r="UHG713" s="613"/>
      <c r="UHH713" s="613"/>
      <c r="UHI713" s="613"/>
      <c r="UHJ713" s="613"/>
      <c r="UHK713" s="613"/>
      <c r="UHL713" s="613"/>
      <c r="UHM713" s="613"/>
      <c r="UHN713" s="613"/>
      <c r="UHO713" s="613"/>
      <c r="UHP713" s="613"/>
      <c r="UHQ713" s="613"/>
      <c r="UHR713" s="613"/>
      <c r="UHS713" s="613"/>
      <c r="UHT713" s="613"/>
      <c r="UHU713" s="613"/>
      <c r="UHV713" s="613"/>
      <c r="UHW713" s="613"/>
      <c r="UHX713" s="613"/>
      <c r="UHY713" s="613"/>
      <c r="UHZ713" s="613"/>
      <c r="UIA713" s="613"/>
      <c r="UIB713" s="613"/>
      <c r="UIC713" s="613"/>
      <c r="UID713" s="613"/>
      <c r="UIE713" s="613"/>
      <c r="UIF713" s="613"/>
      <c r="UIG713" s="613"/>
      <c r="UIH713" s="613"/>
      <c r="UII713" s="613"/>
      <c r="UIJ713" s="613"/>
      <c r="UIK713" s="613"/>
      <c r="UIL713" s="613"/>
      <c r="UIM713" s="613"/>
      <c r="UIN713" s="613"/>
      <c r="UIO713" s="613"/>
      <c r="UIP713" s="613"/>
      <c r="UIQ713" s="613"/>
      <c r="UIR713" s="613"/>
      <c r="UIS713" s="613"/>
      <c r="UIT713" s="613"/>
      <c r="UIU713" s="613"/>
      <c r="UIV713" s="613"/>
      <c r="UIW713" s="613"/>
      <c r="UIX713" s="613"/>
      <c r="UIY713" s="613"/>
      <c r="UIZ713" s="613"/>
      <c r="UJA713" s="613"/>
      <c r="UJB713" s="613"/>
      <c r="UJC713" s="613"/>
      <c r="UJD713" s="613"/>
      <c r="UJE713" s="613"/>
      <c r="UJF713" s="613"/>
      <c r="UJG713" s="613"/>
      <c r="UJH713" s="613"/>
      <c r="UJI713" s="613"/>
      <c r="UJJ713" s="613"/>
      <c r="UJK713" s="613"/>
      <c r="UJL713" s="613"/>
      <c r="UJM713" s="613"/>
      <c r="UJN713" s="613"/>
      <c r="UJO713" s="613"/>
      <c r="UJP713" s="613"/>
      <c r="UJQ713" s="613"/>
      <c r="UJR713" s="613"/>
      <c r="UJS713" s="613"/>
      <c r="UJT713" s="613"/>
      <c r="UJU713" s="613"/>
      <c r="UJV713" s="613"/>
      <c r="UJW713" s="613"/>
      <c r="UJX713" s="613"/>
      <c r="UJY713" s="613"/>
      <c r="UJZ713" s="613"/>
      <c r="UKA713" s="613"/>
      <c r="UKB713" s="613"/>
      <c r="UKC713" s="613"/>
      <c r="UKD713" s="613"/>
      <c r="UKE713" s="613"/>
      <c r="UKF713" s="613"/>
      <c r="UKG713" s="613"/>
      <c r="UKH713" s="613"/>
      <c r="UKI713" s="613"/>
      <c r="UKJ713" s="613"/>
      <c r="UKK713" s="613"/>
      <c r="UKL713" s="613"/>
      <c r="UKM713" s="613"/>
      <c r="UKN713" s="613"/>
      <c r="UKO713" s="613"/>
      <c r="UKP713" s="613"/>
      <c r="UKQ713" s="613"/>
      <c r="UKR713" s="613"/>
      <c r="UKS713" s="613"/>
      <c r="UKT713" s="613"/>
      <c r="UKU713" s="613"/>
      <c r="UKV713" s="613"/>
      <c r="UKW713" s="613"/>
      <c r="UKX713" s="613"/>
      <c r="UKY713" s="613"/>
      <c r="UKZ713" s="613"/>
      <c r="ULA713" s="613"/>
      <c r="ULB713" s="613"/>
      <c r="ULC713" s="613"/>
      <c r="ULD713" s="613"/>
      <c r="ULE713" s="613"/>
      <c r="ULF713" s="613"/>
      <c r="ULG713" s="613"/>
      <c r="ULH713" s="613"/>
      <c r="ULI713" s="613"/>
      <c r="ULJ713" s="613"/>
      <c r="ULK713" s="613"/>
      <c r="ULL713" s="613"/>
      <c r="ULM713" s="613"/>
      <c r="ULN713" s="613"/>
      <c r="ULO713" s="613"/>
      <c r="ULP713" s="613"/>
      <c r="ULQ713" s="613"/>
      <c r="ULR713" s="613"/>
      <c r="ULS713" s="613"/>
      <c r="ULT713" s="613"/>
      <c r="ULU713" s="613"/>
      <c r="ULV713" s="613"/>
      <c r="ULW713" s="613"/>
      <c r="ULX713" s="613"/>
      <c r="ULY713" s="613"/>
      <c r="ULZ713" s="613"/>
      <c r="UMA713" s="613"/>
      <c r="UMB713" s="613"/>
      <c r="UMC713" s="613"/>
      <c r="UMD713" s="613"/>
      <c r="UME713" s="613"/>
      <c r="UMF713" s="613"/>
      <c r="UMG713" s="613"/>
      <c r="UMH713" s="613"/>
      <c r="UMI713" s="613"/>
      <c r="UMJ713" s="613"/>
      <c r="UMK713" s="613"/>
      <c r="UML713" s="613"/>
      <c r="UMM713" s="613"/>
      <c r="UMN713" s="613"/>
      <c r="UMO713" s="613"/>
      <c r="UMP713" s="613"/>
      <c r="UMQ713" s="613"/>
      <c r="UMR713" s="613"/>
      <c r="UMS713" s="613"/>
      <c r="UMT713" s="613"/>
      <c r="UMU713" s="613"/>
      <c r="UMV713" s="613"/>
      <c r="UMW713" s="613"/>
      <c r="UMX713" s="613"/>
      <c r="UMY713" s="613"/>
      <c r="UMZ713" s="613"/>
      <c r="UNA713" s="613"/>
      <c r="UNB713" s="613"/>
      <c r="UNC713" s="613"/>
      <c r="UND713" s="613"/>
      <c r="UNE713" s="613"/>
      <c r="UNF713" s="613"/>
      <c r="UNG713" s="613"/>
      <c r="UNH713" s="613"/>
      <c r="UNI713" s="613"/>
      <c r="UNJ713" s="613"/>
      <c r="UNK713" s="613"/>
      <c r="UNL713" s="613"/>
      <c r="UNM713" s="613"/>
      <c r="UNN713" s="613"/>
      <c r="UNO713" s="613"/>
      <c r="UNP713" s="613"/>
      <c r="UNQ713" s="613"/>
      <c r="UNR713" s="613"/>
      <c r="UNS713" s="613"/>
      <c r="UNT713" s="613"/>
      <c r="UNU713" s="613"/>
      <c r="UNV713" s="613"/>
      <c r="UNW713" s="613"/>
      <c r="UNX713" s="613"/>
      <c r="UNY713" s="613"/>
      <c r="UNZ713" s="613"/>
      <c r="UOA713" s="613"/>
      <c r="UOB713" s="613"/>
      <c r="UOC713" s="613"/>
      <c r="UOD713" s="613"/>
      <c r="UOE713" s="613"/>
      <c r="UOF713" s="613"/>
      <c r="UOG713" s="613"/>
      <c r="UOH713" s="613"/>
      <c r="UOI713" s="613"/>
      <c r="UOJ713" s="613"/>
      <c r="UOK713" s="613"/>
      <c r="UOL713" s="613"/>
      <c r="UOM713" s="613"/>
      <c r="UON713" s="613"/>
      <c r="UOO713" s="613"/>
      <c r="UOP713" s="613"/>
      <c r="UOQ713" s="613"/>
      <c r="UOR713" s="613"/>
      <c r="UOS713" s="613"/>
      <c r="UOT713" s="613"/>
      <c r="UOU713" s="613"/>
      <c r="UOV713" s="613"/>
      <c r="UOW713" s="613"/>
      <c r="UOX713" s="613"/>
      <c r="UOY713" s="613"/>
      <c r="UOZ713" s="613"/>
      <c r="UPA713" s="613"/>
      <c r="UPB713" s="613"/>
      <c r="UPC713" s="613"/>
      <c r="UPD713" s="613"/>
      <c r="UPE713" s="613"/>
      <c r="UPF713" s="613"/>
      <c r="UPG713" s="613"/>
      <c r="UPH713" s="613"/>
      <c r="UPI713" s="613"/>
      <c r="UPJ713" s="613"/>
      <c r="UPK713" s="613"/>
      <c r="UPL713" s="613"/>
      <c r="UPM713" s="613"/>
      <c r="UPN713" s="613"/>
      <c r="UPO713" s="613"/>
      <c r="UPP713" s="613"/>
      <c r="UPQ713" s="613"/>
      <c r="UPR713" s="613"/>
      <c r="UPS713" s="613"/>
      <c r="UPT713" s="613"/>
      <c r="UPU713" s="613"/>
      <c r="UPV713" s="613"/>
      <c r="UPW713" s="613"/>
      <c r="UPX713" s="613"/>
      <c r="UPY713" s="613"/>
      <c r="UPZ713" s="613"/>
      <c r="UQA713" s="613"/>
      <c r="UQB713" s="613"/>
      <c r="UQC713" s="613"/>
      <c r="UQD713" s="613"/>
      <c r="UQE713" s="613"/>
      <c r="UQF713" s="613"/>
      <c r="UQG713" s="613"/>
      <c r="UQH713" s="613"/>
      <c r="UQI713" s="613"/>
      <c r="UQJ713" s="613"/>
      <c r="UQK713" s="613"/>
      <c r="UQL713" s="613"/>
      <c r="UQM713" s="613"/>
      <c r="UQN713" s="613"/>
      <c r="UQO713" s="613"/>
      <c r="UQP713" s="613"/>
      <c r="UQQ713" s="613"/>
      <c r="UQR713" s="613"/>
      <c r="UQS713" s="613"/>
      <c r="UQT713" s="613"/>
      <c r="UQU713" s="613"/>
      <c r="UQV713" s="613"/>
      <c r="UQW713" s="613"/>
      <c r="UQX713" s="613"/>
      <c r="UQY713" s="613"/>
      <c r="UQZ713" s="613"/>
      <c r="URA713" s="613"/>
      <c r="URB713" s="613"/>
      <c r="URC713" s="613"/>
      <c r="URD713" s="613"/>
      <c r="URE713" s="613"/>
      <c r="URF713" s="613"/>
      <c r="URG713" s="613"/>
      <c r="URH713" s="613"/>
      <c r="URI713" s="613"/>
      <c r="URJ713" s="613"/>
      <c r="URK713" s="613"/>
      <c r="URL713" s="613"/>
      <c r="URM713" s="613"/>
      <c r="URN713" s="613"/>
      <c r="URO713" s="613"/>
      <c r="URP713" s="613"/>
      <c r="URQ713" s="613"/>
      <c r="URR713" s="613"/>
      <c r="URS713" s="613"/>
      <c r="URT713" s="613"/>
      <c r="URU713" s="613"/>
      <c r="URV713" s="613"/>
      <c r="URW713" s="613"/>
      <c r="URX713" s="613"/>
      <c r="URY713" s="613"/>
      <c r="URZ713" s="613"/>
      <c r="USA713" s="613"/>
      <c r="USB713" s="613"/>
      <c r="USC713" s="613"/>
      <c r="USD713" s="613"/>
      <c r="USE713" s="613"/>
      <c r="USF713" s="613"/>
      <c r="USG713" s="613"/>
      <c r="USH713" s="613"/>
      <c r="USI713" s="613"/>
      <c r="USJ713" s="613"/>
      <c r="USK713" s="613"/>
      <c r="USL713" s="613"/>
      <c r="USM713" s="613"/>
      <c r="USN713" s="613"/>
      <c r="USO713" s="613"/>
      <c r="USP713" s="613"/>
      <c r="USQ713" s="613"/>
      <c r="USR713" s="613"/>
      <c r="USS713" s="613"/>
      <c r="UST713" s="613"/>
      <c r="USU713" s="613"/>
      <c r="USV713" s="613"/>
      <c r="USW713" s="613"/>
      <c r="USX713" s="613"/>
      <c r="USY713" s="613"/>
      <c r="USZ713" s="613"/>
      <c r="UTA713" s="613"/>
      <c r="UTB713" s="613"/>
      <c r="UTC713" s="613"/>
      <c r="UTD713" s="613"/>
      <c r="UTE713" s="613"/>
      <c r="UTF713" s="613"/>
      <c r="UTG713" s="613"/>
      <c r="UTH713" s="613"/>
      <c r="UTI713" s="613"/>
      <c r="UTJ713" s="613"/>
      <c r="UTK713" s="613"/>
      <c r="UTL713" s="613"/>
      <c r="UTM713" s="613"/>
      <c r="UTN713" s="613"/>
      <c r="UTO713" s="613"/>
      <c r="UTP713" s="613"/>
      <c r="UTQ713" s="613"/>
      <c r="UTR713" s="613"/>
      <c r="UTS713" s="613"/>
      <c r="UTT713" s="613"/>
      <c r="UTU713" s="613"/>
      <c r="UTV713" s="613"/>
      <c r="UTW713" s="613"/>
      <c r="UTX713" s="613"/>
      <c r="UTY713" s="613"/>
      <c r="UTZ713" s="613"/>
      <c r="UUA713" s="613"/>
      <c r="UUB713" s="613"/>
      <c r="UUC713" s="613"/>
      <c r="UUD713" s="613"/>
      <c r="UUE713" s="613"/>
      <c r="UUF713" s="613"/>
      <c r="UUG713" s="613"/>
      <c r="UUH713" s="613"/>
      <c r="UUI713" s="613"/>
      <c r="UUJ713" s="613"/>
      <c r="UUK713" s="613"/>
      <c r="UUL713" s="613"/>
      <c r="UUM713" s="613"/>
      <c r="UUN713" s="613"/>
      <c r="UUO713" s="613"/>
      <c r="UUP713" s="613"/>
      <c r="UUQ713" s="613"/>
      <c r="UUR713" s="613"/>
      <c r="UUS713" s="613"/>
      <c r="UUT713" s="613"/>
      <c r="UUU713" s="613"/>
      <c r="UUV713" s="613"/>
      <c r="UUW713" s="613"/>
      <c r="UUX713" s="613"/>
      <c r="UUY713" s="613"/>
      <c r="UUZ713" s="613"/>
      <c r="UVA713" s="613"/>
      <c r="UVB713" s="613"/>
      <c r="UVC713" s="613"/>
      <c r="UVD713" s="613"/>
      <c r="UVE713" s="613"/>
      <c r="UVF713" s="613"/>
      <c r="UVG713" s="613"/>
      <c r="UVH713" s="613"/>
      <c r="UVI713" s="613"/>
      <c r="UVJ713" s="613"/>
      <c r="UVK713" s="613"/>
      <c r="UVL713" s="613"/>
      <c r="UVM713" s="613"/>
      <c r="UVN713" s="613"/>
      <c r="UVO713" s="613"/>
      <c r="UVP713" s="613"/>
      <c r="UVQ713" s="613"/>
      <c r="UVR713" s="613"/>
      <c r="UVS713" s="613"/>
      <c r="UVT713" s="613"/>
      <c r="UVU713" s="613"/>
      <c r="UVV713" s="613"/>
      <c r="UVW713" s="613"/>
      <c r="UVX713" s="613"/>
      <c r="UVY713" s="613"/>
      <c r="UVZ713" s="613"/>
      <c r="UWA713" s="613"/>
      <c r="UWB713" s="613"/>
      <c r="UWC713" s="613"/>
      <c r="UWD713" s="613"/>
      <c r="UWE713" s="613"/>
      <c r="UWF713" s="613"/>
      <c r="UWG713" s="613"/>
      <c r="UWH713" s="613"/>
      <c r="UWI713" s="613"/>
      <c r="UWJ713" s="613"/>
      <c r="UWK713" s="613"/>
      <c r="UWL713" s="613"/>
      <c r="UWM713" s="613"/>
      <c r="UWN713" s="613"/>
      <c r="UWO713" s="613"/>
      <c r="UWP713" s="613"/>
      <c r="UWQ713" s="613"/>
      <c r="UWR713" s="613"/>
      <c r="UWS713" s="613"/>
      <c r="UWT713" s="613"/>
      <c r="UWU713" s="613"/>
      <c r="UWV713" s="613"/>
      <c r="UWW713" s="613"/>
      <c r="UWX713" s="613"/>
      <c r="UWY713" s="613"/>
      <c r="UWZ713" s="613"/>
      <c r="UXA713" s="613"/>
      <c r="UXB713" s="613"/>
      <c r="UXC713" s="613"/>
      <c r="UXD713" s="613"/>
      <c r="UXE713" s="613"/>
      <c r="UXF713" s="613"/>
      <c r="UXG713" s="613"/>
      <c r="UXH713" s="613"/>
      <c r="UXI713" s="613"/>
      <c r="UXJ713" s="613"/>
      <c r="UXK713" s="613"/>
      <c r="UXL713" s="613"/>
      <c r="UXM713" s="613"/>
      <c r="UXN713" s="613"/>
      <c r="UXO713" s="613"/>
      <c r="UXP713" s="613"/>
      <c r="UXQ713" s="613"/>
      <c r="UXR713" s="613"/>
      <c r="UXS713" s="613"/>
      <c r="UXT713" s="613"/>
      <c r="UXU713" s="613"/>
      <c r="UXV713" s="613"/>
      <c r="UXW713" s="613"/>
      <c r="UXX713" s="613"/>
      <c r="UXY713" s="613"/>
      <c r="UXZ713" s="613"/>
      <c r="UYA713" s="613"/>
      <c r="UYB713" s="613"/>
      <c r="UYC713" s="613"/>
      <c r="UYD713" s="613"/>
      <c r="UYE713" s="613"/>
      <c r="UYF713" s="613"/>
      <c r="UYG713" s="613"/>
      <c r="UYH713" s="613"/>
      <c r="UYI713" s="613"/>
      <c r="UYJ713" s="613"/>
      <c r="UYK713" s="613"/>
      <c r="UYL713" s="613"/>
      <c r="UYM713" s="613"/>
      <c r="UYN713" s="613"/>
      <c r="UYO713" s="613"/>
      <c r="UYP713" s="613"/>
      <c r="UYQ713" s="613"/>
      <c r="UYR713" s="613"/>
      <c r="UYS713" s="613"/>
      <c r="UYT713" s="613"/>
      <c r="UYU713" s="613"/>
      <c r="UYV713" s="613"/>
      <c r="UYW713" s="613"/>
      <c r="UYX713" s="613"/>
      <c r="UYY713" s="613"/>
      <c r="UYZ713" s="613"/>
      <c r="UZA713" s="613"/>
      <c r="UZB713" s="613"/>
      <c r="UZC713" s="613"/>
      <c r="UZD713" s="613"/>
      <c r="UZE713" s="613"/>
      <c r="UZF713" s="613"/>
      <c r="UZG713" s="613"/>
      <c r="UZH713" s="613"/>
      <c r="UZI713" s="613"/>
      <c r="UZJ713" s="613"/>
      <c r="UZK713" s="613"/>
      <c r="UZL713" s="613"/>
      <c r="UZM713" s="613"/>
      <c r="UZN713" s="613"/>
      <c r="UZO713" s="613"/>
      <c r="UZP713" s="613"/>
      <c r="UZQ713" s="613"/>
      <c r="UZR713" s="613"/>
      <c r="UZS713" s="613"/>
      <c r="UZT713" s="613"/>
      <c r="UZU713" s="613"/>
      <c r="UZV713" s="613"/>
      <c r="UZW713" s="613"/>
      <c r="UZX713" s="613"/>
      <c r="UZY713" s="613"/>
      <c r="UZZ713" s="613"/>
      <c r="VAA713" s="613"/>
      <c r="VAB713" s="613"/>
      <c r="VAC713" s="613"/>
      <c r="VAD713" s="613"/>
      <c r="VAE713" s="613"/>
      <c r="VAF713" s="613"/>
      <c r="VAG713" s="613"/>
      <c r="VAH713" s="613"/>
      <c r="VAI713" s="613"/>
      <c r="VAJ713" s="613"/>
      <c r="VAK713" s="613"/>
      <c r="VAL713" s="613"/>
      <c r="VAM713" s="613"/>
      <c r="VAN713" s="613"/>
      <c r="VAO713" s="613"/>
      <c r="VAP713" s="613"/>
      <c r="VAQ713" s="613"/>
      <c r="VAR713" s="613"/>
      <c r="VAS713" s="613"/>
      <c r="VAT713" s="613"/>
      <c r="VAU713" s="613"/>
      <c r="VAV713" s="613"/>
      <c r="VAW713" s="613"/>
      <c r="VAX713" s="613"/>
      <c r="VAY713" s="613"/>
      <c r="VAZ713" s="613"/>
      <c r="VBA713" s="613"/>
      <c r="VBB713" s="613"/>
      <c r="VBC713" s="613"/>
      <c r="VBD713" s="613"/>
      <c r="VBE713" s="613"/>
      <c r="VBF713" s="613"/>
      <c r="VBG713" s="613"/>
      <c r="VBH713" s="613"/>
      <c r="VBI713" s="613"/>
      <c r="VBJ713" s="613"/>
      <c r="VBK713" s="613"/>
      <c r="VBL713" s="613"/>
      <c r="VBM713" s="613"/>
      <c r="VBN713" s="613"/>
      <c r="VBO713" s="613"/>
      <c r="VBP713" s="613"/>
      <c r="VBQ713" s="613"/>
      <c r="VBR713" s="613"/>
      <c r="VBS713" s="613"/>
      <c r="VBT713" s="613"/>
      <c r="VBU713" s="613"/>
      <c r="VBV713" s="613"/>
      <c r="VBW713" s="613"/>
      <c r="VBX713" s="613"/>
      <c r="VBY713" s="613"/>
      <c r="VBZ713" s="613"/>
      <c r="VCA713" s="613"/>
      <c r="VCB713" s="613"/>
      <c r="VCC713" s="613"/>
      <c r="VCD713" s="613"/>
      <c r="VCE713" s="613"/>
      <c r="VCF713" s="613"/>
      <c r="VCG713" s="613"/>
      <c r="VCH713" s="613"/>
      <c r="VCI713" s="613"/>
      <c r="VCJ713" s="613"/>
      <c r="VCK713" s="613"/>
      <c r="VCL713" s="613"/>
      <c r="VCM713" s="613"/>
      <c r="VCN713" s="613"/>
      <c r="VCO713" s="613"/>
      <c r="VCP713" s="613"/>
      <c r="VCQ713" s="613"/>
      <c r="VCR713" s="613"/>
      <c r="VCS713" s="613"/>
      <c r="VCT713" s="613"/>
      <c r="VCU713" s="613"/>
      <c r="VCV713" s="613"/>
      <c r="VCW713" s="613"/>
      <c r="VCX713" s="613"/>
      <c r="VCY713" s="613"/>
      <c r="VCZ713" s="613"/>
      <c r="VDA713" s="613"/>
      <c r="VDB713" s="613"/>
      <c r="VDC713" s="613"/>
      <c r="VDD713" s="613"/>
      <c r="VDE713" s="613"/>
      <c r="VDF713" s="613"/>
      <c r="VDG713" s="613"/>
      <c r="VDH713" s="613"/>
      <c r="VDI713" s="613"/>
      <c r="VDJ713" s="613"/>
      <c r="VDK713" s="613"/>
      <c r="VDL713" s="613"/>
      <c r="VDM713" s="613"/>
      <c r="VDN713" s="613"/>
      <c r="VDO713" s="613"/>
      <c r="VDP713" s="613"/>
      <c r="VDQ713" s="613"/>
      <c r="VDR713" s="613"/>
      <c r="VDS713" s="613"/>
      <c r="VDT713" s="613"/>
      <c r="VDU713" s="613"/>
      <c r="VDV713" s="613"/>
      <c r="VDW713" s="613"/>
      <c r="VDX713" s="613"/>
      <c r="VDY713" s="613"/>
      <c r="VDZ713" s="613"/>
      <c r="VEA713" s="613"/>
      <c r="VEB713" s="613"/>
      <c r="VEC713" s="613"/>
      <c r="VED713" s="613"/>
      <c r="VEE713" s="613"/>
      <c r="VEF713" s="613"/>
      <c r="VEG713" s="613"/>
      <c r="VEH713" s="613"/>
      <c r="VEI713" s="613"/>
      <c r="VEJ713" s="613"/>
      <c r="VEK713" s="613"/>
      <c r="VEL713" s="613"/>
      <c r="VEM713" s="613"/>
      <c r="VEN713" s="613"/>
      <c r="VEO713" s="613"/>
      <c r="VEP713" s="613"/>
      <c r="VEQ713" s="613"/>
      <c r="VER713" s="613"/>
      <c r="VES713" s="613"/>
      <c r="VET713" s="613"/>
      <c r="VEU713" s="613"/>
      <c r="VEV713" s="613"/>
      <c r="VEW713" s="613"/>
      <c r="VEX713" s="613"/>
      <c r="VEY713" s="613"/>
      <c r="VEZ713" s="613"/>
      <c r="VFA713" s="613"/>
      <c r="VFB713" s="613"/>
      <c r="VFC713" s="613"/>
      <c r="VFD713" s="613"/>
      <c r="VFE713" s="613"/>
      <c r="VFF713" s="613"/>
      <c r="VFG713" s="613"/>
      <c r="VFH713" s="613"/>
      <c r="VFI713" s="613"/>
      <c r="VFJ713" s="613"/>
      <c r="VFK713" s="613"/>
      <c r="VFL713" s="613"/>
      <c r="VFM713" s="613"/>
      <c r="VFN713" s="613"/>
      <c r="VFO713" s="613"/>
      <c r="VFP713" s="613"/>
      <c r="VFQ713" s="613"/>
      <c r="VFR713" s="613"/>
      <c r="VFS713" s="613"/>
      <c r="VFT713" s="613"/>
      <c r="VFU713" s="613"/>
      <c r="VFV713" s="613"/>
      <c r="VFW713" s="613"/>
      <c r="VFX713" s="613"/>
      <c r="VFY713" s="613"/>
      <c r="VFZ713" s="613"/>
      <c r="VGA713" s="613"/>
      <c r="VGB713" s="613"/>
      <c r="VGC713" s="613"/>
      <c r="VGD713" s="613"/>
      <c r="VGE713" s="613"/>
      <c r="VGF713" s="613"/>
      <c r="VGG713" s="613"/>
      <c r="VGH713" s="613"/>
      <c r="VGI713" s="613"/>
      <c r="VGJ713" s="613"/>
      <c r="VGK713" s="613"/>
      <c r="VGL713" s="613"/>
      <c r="VGM713" s="613"/>
      <c r="VGN713" s="613"/>
      <c r="VGO713" s="613"/>
      <c r="VGP713" s="613"/>
      <c r="VGQ713" s="613"/>
      <c r="VGR713" s="613"/>
      <c r="VGS713" s="613"/>
      <c r="VGT713" s="613"/>
      <c r="VGU713" s="613"/>
      <c r="VGV713" s="613"/>
      <c r="VGW713" s="613"/>
      <c r="VGX713" s="613"/>
      <c r="VGY713" s="613"/>
      <c r="VGZ713" s="613"/>
      <c r="VHA713" s="613"/>
      <c r="VHB713" s="613"/>
      <c r="VHC713" s="613"/>
      <c r="VHD713" s="613"/>
      <c r="VHE713" s="613"/>
      <c r="VHF713" s="613"/>
      <c r="VHG713" s="613"/>
      <c r="VHH713" s="613"/>
      <c r="VHI713" s="613"/>
      <c r="VHJ713" s="613"/>
      <c r="VHK713" s="613"/>
      <c r="VHL713" s="613"/>
      <c r="VHM713" s="613"/>
      <c r="VHN713" s="613"/>
      <c r="VHO713" s="613"/>
      <c r="VHP713" s="613"/>
      <c r="VHQ713" s="613"/>
      <c r="VHR713" s="613"/>
      <c r="VHS713" s="613"/>
      <c r="VHT713" s="613"/>
      <c r="VHU713" s="613"/>
      <c r="VHV713" s="613"/>
      <c r="VHW713" s="613"/>
      <c r="VHX713" s="613"/>
      <c r="VHY713" s="613"/>
      <c r="VHZ713" s="613"/>
      <c r="VIA713" s="613"/>
      <c r="VIB713" s="613"/>
      <c r="VIC713" s="613"/>
      <c r="VID713" s="613"/>
      <c r="VIE713" s="613"/>
      <c r="VIF713" s="613"/>
      <c r="VIG713" s="613"/>
      <c r="VIH713" s="613"/>
      <c r="VII713" s="613"/>
      <c r="VIJ713" s="613"/>
      <c r="VIK713" s="613"/>
      <c r="VIL713" s="613"/>
      <c r="VIM713" s="613"/>
      <c r="VIN713" s="613"/>
      <c r="VIO713" s="613"/>
      <c r="VIP713" s="613"/>
      <c r="VIQ713" s="613"/>
      <c r="VIR713" s="613"/>
      <c r="VIS713" s="613"/>
      <c r="VIT713" s="613"/>
      <c r="VIU713" s="613"/>
      <c r="VIV713" s="613"/>
      <c r="VIW713" s="613"/>
      <c r="VIX713" s="613"/>
      <c r="VIY713" s="613"/>
      <c r="VIZ713" s="613"/>
      <c r="VJA713" s="613"/>
      <c r="VJB713" s="613"/>
      <c r="VJC713" s="613"/>
      <c r="VJD713" s="613"/>
      <c r="VJE713" s="613"/>
      <c r="VJF713" s="613"/>
      <c r="VJG713" s="613"/>
      <c r="VJH713" s="613"/>
      <c r="VJI713" s="613"/>
      <c r="VJJ713" s="613"/>
      <c r="VJK713" s="613"/>
      <c r="VJL713" s="613"/>
      <c r="VJM713" s="613"/>
      <c r="VJN713" s="613"/>
      <c r="VJO713" s="613"/>
      <c r="VJP713" s="613"/>
      <c r="VJQ713" s="613"/>
      <c r="VJR713" s="613"/>
      <c r="VJS713" s="613"/>
      <c r="VJT713" s="613"/>
      <c r="VJU713" s="613"/>
      <c r="VJV713" s="613"/>
      <c r="VJW713" s="613"/>
      <c r="VJX713" s="613"/>
      <c r="VJY713" s="613"/>
      <c r="VJZ713" s="613"/>
      <c r="VKA713" s="613"/>
      <c r="VKB713" s="613"/>
      <c r="VKC713" s="613"/>
      <c r="VKD713" s="613"/>
      <c r="VKE713" s="613"/>
      <c r="VKF713" s="613"/>
      <c r="VKG713" s="613"/>
      <c r="VKH713" s="613"/>
      <c r="VKI713" s="613"/>
      <c r="VKJ713" s="613"/>
      <c r="VKK713" s="613"/>
      <c r="VKL713" s="613"/>
      <c r="VKM713" s="613"/>
      <c r="VKN713" s="613"/>
      <c r="VKO713" s="613"/>
      <c r="VKP713" s="613"/>
      <c r="VKQ713" s="613"/>
      <c r="VKR713" s="613"/>
      <c r="VKS713" s="613"/>
      <c r="VKT713" s="613"/>
      <c r="VKU713" s="613"/>
      <c r="VKV713" s="613"/>
      <c r="VKW713" s="613"/>
      <c r="VKX713" s="613"/>
      <c r="VKY713" s="613"/>
      <c r="VKZ713" s="613"/>
      <c r="VLA713" s="613"/>
      <c r="VLB713" s="613"/>
      <c r="VLC713" s="613"/>
      <c r="VLD713" s="613"/>
      <c r="VLE713" s="613"/>
      <c r="VLF713" s="613"/>
      <c r="VLG713" s="613"/>
      <c r="VLH713" s="613"/>
      <c r="VLI713" s="613"/>
      <c r="VLJ713" s="613"/>
      <c r="VLK713" s="613"/>
      <c r="VLL713" s="613"/>
      <c r="VLM713" s="613"/>
      <c r="VLN713" s="613"/>
      <c r="VLO713" s="613"/>
      <c r="VLP713" s="613"/>
      <c r="VLQ713" s="613"/>
      <c r="VLR713" s="613"/>
      <c r="VLS713" s="613"/>
      <c r="VLT713" s="613"/>
      <c r="VLU713" s="613"/>
      <c r="VLV713" s="613"/>
      <c r="VLW713" s="613"/>
      <c r="VLX713" s="613"/>
      <c r="VLY713" s="613"/>
      <c r="VLZ713" s="613"/>
      <c r="VMA713" s="613"/>
      <c r="VMB713" s="613"/>
      <c r="VMC713" s="613"/>
      <c r="VMD713" s="613"/>
      <c r="VME713" s="613"/>
      <c r="VMF713" s="613"/>
      <c r="VMG713" s="613"/>
      <c r="VMH713" s="613"/>
      <c r="VMI713" s="613"/>
      <c r="VMJ713" s="613"/>
      <c r="VMK713" s="613"/>
      <c r="VML713" s="613"/>
      <c r="VMM713" s="613"/>
      <c r="VMN713" s="613"/>
      <c r="VMO713" s="613"/>
      <c r="VMP713" s="613"/>
      <c r="VMQ713" s="613"/>
      <c r="VMR713" s="613"/>
      <c r="VMS713" s="613"/>
      <c r="VMT713" s="613"/>
      <c r="VMU713" s="613"/>
      <c r="VMV713" s="613"/>
      <c r="VMW713" s="613"/>
      <c r="VMX713" s="613"/>
      <c r="VMY713" s="613"/>
      <c r="VMZ713" s="613"/>
      <c r="VNA713" s="613"/>
      <c r="VNB713" s="613"/>
      <c r="VNC713" s="613"/>
      <c r="VND713" s="613"/>
      <c r="VNE713" s="613"/>
      <c r="VNF713" s="613"/>
      <c r="VNG713" s="613"/>
      <c r="VNH713" s="613"/>
      <c r="VNI713" s="613"/>
      <c r="VNJ713" s="613"/>
      <c r="VNK713" s="613"/>
      <c r="VNL713" s="613"/>
      <c r="VNM713" s="613"/>
      <c r="VNN713" s="613"/>
      <c r="VNO713" s="613"/>
      <c r="VNP713" s="613"/>
      <c r="VNQ713" s="613"/>
      <c r="VNR713" s="613"/>
      <c r="VNS713" s="613"/>
      <c r="VNT713" s="613"/>
      <c r="VNU713" s="613"/>
      <c r="VNV713" s="613"/>
      <c r="VNW713" s="613"/>
      <c r="VNX713" s="613"/>
      <c r="VNY713" s="613"/>
      <c r="VNZ713" s="613"/>
      <c r="VOA713" s="613"/>
      <c r="VOB713" s="613"/>
      <c r="VOC713" s="613"/>
      <c r="VOD713" s="613"/>
      <c r="VOE713" s="613"/>
      <c r="VOF713" s="613"/>
      <c r="VOG713" s="613"/>
      <c r="VOH713" s="613"/>
      <c r="VOI713" s="613"/>
      <c r="VOJ713" s="613"/>
      <c r="VOK713" s="613"/>
      <c r="VOL713" s="613"/>
      <c r="VOM713" s="613"/>
      <c r="VON713" s="613"/>
      <c r="VOO713" s="613"/>
      <c r="VOP713" s="613"/>
      <c r="VOQ713" s="613"/>
      <c r="VOR713" s="613"/>
      <c r="VOS713" s="613"/>
      <c r="VOT713" s="613"/>
      <c r="VOU713" s="613"/>
      <c r="VOV713" s="613"/>
      <c r="VOW713" s="613"/>
      <c r="VOX713" s="613"/>
      <c r="VOY713" s="613"/>
      <c r="VOZ713" s="613"/>
      <c r="VPA713" s="613"/>
      <c r="VPB713" s="613"/>
      <c r="VPC713" s="613"/>
      <c r="VPD713" s="613"/>
      <c r="VPE713" s="613"/>
      <c r="VPF713" s="613"/>
      <c r="VPG713" s="613"/>
      <c r="VPH713" s="613"/>
      <c r="VPI713" s="613"/>
      <c r="VPJ713" s="613"/>
      <c r="VPK713" s="613"/>
      <c r="VPL713" s="613"/>
      <c r="VPM713" s="613"/>
      <c r="VPN713" s="613"/>
      <c r="VPO713" s="613"/>
      <c r="VPP713" s="613"/>
      <c r="VPQ713" s="613"/>
      <c r="VPR713" s="613"/>
      <c r="VPS713" s="613"/>
      <c r="VPT713" s="613"/>
      <c r="VPU713" s="613"/>
      <c r="VPV713" s="613"/>
      <c r="VPW713" s="613"/>
      <c r="VPX713" s="613"/>
      <c r="VPY713" s="613"/>
      <c r="VPZ713" s="613"/>
      <c r="VQA713" s="613"/>
      <c r="VQB713" s="613"/>
      <c r="VQC713" s="613"/>
      <c r="VQD713" s="613"/>
      <c r="VQE713" s="613"/>
      <c r="VQF713" s="613"/>
      <c r="VQG713" s="613"/>
      <c r="VQH713" s="613"/>
      <c r="VQI713" s="613"/>
      <c r="VQJ713" s="613"/>
      <c r="VQK713" s="613"/>
      <c r="VQL713" s="613"/>
      <c r="VQM713" s="613"/>
      <c r="VQN713" s="613"/>
      <c r="VQO713" s="613"/>
      <c r="VQP713" s="613"/>
      <c r="VQQ713" s="613"/>
      <c r="VQR713" s="613"/>
      <c r="VQS713" s="613"/>
      <c r="VQT713" s="613"/>
      <c r="VQU713" s="613"/>
      <c r="VQV713" s="613"/>
      <c r="VQW713" s="613"/>
      <c r="VQX713" s="613"/>
      <c r="VQY713" s="613"/>
      <c r="VQZ713" s="613"/>
      <c r="VRA713" s="613"/>
      <c r="VRB713" s="613"/>
      <c r="VRC713" s="613"/>
      <c r="VRD713" s="613"/>
      <c r="VRE713" s="613"/>
      <c r="VRF713" s="613"/>
      <c r="VRG713" s="613"/>
      <c r="VRH713" s="613"/>
      <c r="VRI713" s="613"/>
      <c r="VRJ713" s="613"/>
      <c r="VRK713" s="613"/>
      <c r="VRL713" s="613"/>
      <c r="VRM713" s="613"/>
      <c r="VRN713" s="613"/>
      <c r="VRO713" s="613"/>
      <c r="VRP713" s="613"/>
      <c r="VRQ713" s="613"/>
      <c r="VRR713" s="613"/>
      <c r="VRS713" s="613"/>
      <c r="VRT713" s="613"/>
      <c r="VRU713" s="613"/>
      <c r="VRV713" s="613"/>
      <c r="VRW713" s="613"/>
      <c r="VRX713" s="613"/>
      <c r="VRY713" s="613"/>
      <c r="VRZ713" s="613"/>
      <c r="VSA713" s="613"/>
      <c r="VSB713" s="613"/>
      <c r="VSC713" s="613"/>
      <c r="VSD713" s="613"/>
      <c r="VSE713" s="613"/>
      <c r="VSF713" s="613"/>
      <c r="VSG713" s="613"/>
      <c r="VSH713" s="613"/>
      <c r="VSI713" s="613"/>
      <c r="VSJ713" s="613"/>
      <c r="VSK713" s="613"/>
      <c r="VSL713" s="613"/>
      <c r="VSM713" s="613"/>
      <c r="VSN713" s="613"/>
      <c r="VSO713" s="613"/>
      <c r="VSP713" s="613"/>
      <c r="VSQ713" s="613"/>
      <c r="VSR713" s="613"/>
      <c r="VSS713" s="613"/>
      <c r="VST713" s="613"/>
      <c r="VSU713" s="613"/>
      <c r="VSV713" s="613"/>
      <c r="VSW713" s="613"/>
      <c r="VSX713" s="613"/>
      <c r="VSY713" s="613"/>
      <c r="VSZ713" s="613"/>
      <c r="VTA713" s="613"/>
      <c r="VTB713" s="613"/>
      <c r="VTC713" s="613"/>
      <c r="VTD713" s="613"/>
      <c r="VTE713" s="613"/>
      <c r="VTF713" s="613"/>
      <c r="VTG713" s="613"/>
      <c r="VTH713" s="613"/>
      <c r="VTI713" s="613"/>
      <c r="VTJ713" s="613"/>
      <c r="VTK713" s="613"/>
      <c r="VTL713" s="613"/>
      <c r="VTM713" s="613"/>
      <c r="VTN713" s="613"/>
      <c r="VTO713" s="613"/>
      <c r="VTP713" s="613"/>
      <c r="VTQ713" s="613"/>
      <c r="VTR713" s="613"/>
      <c r="VTS713" s="613"/>
      <c r="VTT713" s="613"/>
      <c r="VTU713" s="613"/>
      <c r="VTV713" s="613"/>
      <c r="VTW713" s="613"/>
      <c r="VTX713" s="613"/>
      <c r="VTY713" s="613"/>
      <c r="VTZ713" s="613"/>
      <c r="VUA713" s="613"/>
      <c r="VUB713" s="613"/>
      <c r="VUC713" s="613"/>
      <c r="VUD713" s="613"/>
      <c r="VUE713" s="613"/>
      <c r="VUF713" s="613"/>
      <c r="VUG713" s="613"/>
      <c r="VUH713" s="613"/>
      <c r="VUI713" s="613"/>
      <c r="VUJ713" s="613"/>
      <c r="VUK713" s="613"/>
      <c r="VUL713" s="613"/>
      <c r="VUM713" s="613"/>
      <c r="VUN713" s="613"/>
      <c r="VUO713" s="613"/>
      <c r="VUP713" s="613"/>
      <c r="VUQ713" s="613"/>
      <c r="VUR713" s="613"/>
      <c r="VUS713" s="613"/>
      <c r="VUT713" s="613"/>
      <c r="VUU713" s="613"/>
      <c r="VUV713" s="613"/>
      <c r="VUW713" s="613"/>
      <c r="VUX713" s="613"/>
      <c r="VUY713" s="613"/>
      <c r="VUZ713" s="613"/>
      <c r="VVA713" s="613"/>
      <c r="VVB713" s="613"/>
      <c r="VVC713" s="613"/>
      <c r="VVD713" s="613"/>
      <c r="VVE713" s="613"/>
      <c r="VVF713" s="613"/>
      <c r="VVG713" s="613"/>
      <c r="VVH713" s="613"/>
      <c r="VVI713" s="613"/>
      <c r="VVJ713" s="613"/>
      <c r="VVK713" s="613"/>
      <c r="VVL713" s="613"/>
      <c r="VVM713" s="613"/>
      <c r="VVN713" s="613"/>
      <c r="VVO713" s="613"/>
      <c r="VVP713" s="613"/>
      <c r="VVQ713" s="613"/>
      <c r="VVR713" s="613"/>
      <c r="VVS713" s="613"/>
      <c r="VVT713" s="613"/>
      <c r="VVU713" s="613"/>
      <c r="VVV713" s="613"/>
      <c r="VVW713" s="613"/>
      <c r="VVX713" s="613"/>
      <c r="VVY713" s="613"/>
      <c r="VVZ713" s="613"/>
      <c r="VWA713" s="613"/>
      <c r="VWB713" s="613"/>
      <c r="VWC713" s="613"/>
      <c r="VWD713" s="613"/>
      <c r="VWE713" s="613"/>
      <c r="VWF713" s="613"/>
      <c r="VWG713" s="613"/>
      <c r="VWH713" s="613"/>
      <c r="VWI713" s="613"/>
      <c r="VWJ713" s="613"/>
      <c r="VWK713" s="613"/>
      <c r="VWL713" s="613"/>
      <c r="VWM713" s="613"/>
      <c r="VWN713" s="613"/>
      <c r="VWO713" s="613"/>
      <c r="VWP713" s="613"/>
      <c r="VWQ713" s="613"/>
      <c r="VWR713" s="613"/>
      <c r="VWS713" s="613"/>
      <c r="VWT713" s="613"/>
      <c r="VWU713" s="613"/>
      <c r="VWV713" s="613"/>
      <c r="VWW713" s="613"/>
      <c r="VWX713" s="613"/>
      <c r="VWY713" s="613"/>
      <c r="VWZ713" s="613"/>
      <c r="VXA713" s="613"/>
      <c r="VXB713" s="613"/>
      <c r="VXC713" s="613"/>
      <c r="VXD713" s="613"/>
      <c r="VXE713" s="613"/>
      <c r="VXF713" s="613"/>
      <c r="VXG713" s="613"/>
      <c r="VXH713" s="613"/>
      <c r="VXI713" s="613"/>
      <c r="VXJ713" s="613"/>
      <c r="VXK713" s="613"/>
      <c r="VXL713" s="613"/>
      <c r="VXM713" s="613"/>
      <c r="VXN713" s="613"/>
      <c r="VXO713" s="613"/>
      <c r="VXP713" s="613"/>
      <c r="VXQ713" s="613"/>
      <c r="VXR713" s="613"/>
      <c r="VXS713" s="613"/>
      <c r="VXT713" s="613"/>
      <c r="VXU713" s="613"/>
      <c r="VXV713" s="613"/>
      <c r="VXW713" s="613"/>
      <c r="VXX713" s="613"/>
      <c r="VXY713" s="613"/>
      <c r="VXZ713" s="613"/>
      <c r="VYA713" s="613"/>
      <c r="VYB713" s="613"/>
      <c r="VYC713" s="613"/>
      <c r="VYD713" s="613"/>
      <c r="VYE713" s="613"/>
      <c r="VYF713" s="613"/>
      <c r="VYG713" s="613"/>
      <c r="VYH713" s="613"/>
      <c r="VYI713" s="613"/>
      <c r="VYJ713" s="613"/>
      <c r="VYK713" s="613"/>
      <c r="VYL713" s="613"/>
      <c r="VYM713" s="613"/>
      <c r="VYN713" s="613"/>
      <c r="VYO713" s="613"/>
      <c r="VYP713" s="613"/>
      <c r="VYQ713" s="613"/>
      <c r="VYR713" s="613"/>
      <c r="VYS713" s="613"/>
      <c r="VYT713" s="613"/>
      <c r="VYU713" s="613"/>
      <c r="VYV713" s="613"/>
      <c r="VYW713" s="613"/>
      <c r="VYX713" s="613"/>
      <c r="VYY713" s="613"/>
      <c r="VYZ713" s="613"/>
      <c r="VZA713" s="613"/>
      <c r="VZB713" s="613"/>
      <c r="VZC713" s="613"/>
      <c r="VZD713" s="613"/>
      <c r="VZE713" s="613"/>
      <c r="VZF713" s="613"/>
      <c r="VZG713" s="613"/>
      <c r="VZH713" s="613"/>
      <c r="VZI713" s="613"/>
      <c r="VZJ713" s="613"/>
      <c r="VZK713" s="613"/>
      <c r="VZL713" s="613"/>
      <c r="VZM713" s="613"/>
      <c r="VZN713" s="613"/>
      <c r="VZO713" s="613"/>
      <c r="VZP713" s="613"/>
      <c r="VZQ713" s="613"/>
      <c r="VZR713" s="613"/>
      <c r="VZS713" s="613"/>
      <c r="VZT713" s="613"/>
      <c r="VZU713" s="613"/>
      <c r="VZV713" s="613"/>
      <c r="VZW713" s="613"/>
      <c r="VZX713" s="613"/>
      <c r="VZY713" s="613"/>
      <c r="VZZ713" s="613"/>
      <c r="WAA713" s="613"/>
      <c r="WAB713" s="613"/>
      <c r="WAC713" s="613"/>
      <c r="WAD713" s="613"/>
      <c r="WAE713" s="613"/>
      <c r="WAF713" s="613"/>
      <c r="WAG713" s="613"/>
      <c r="WAH713" s="613"/>
      <c r="WAI713" s="613"/>
      <c r="WAJ713" s="613"/>
      <c r="WAK713" s="613"/>
      <c r="WAL713" s="613"/>
      <c r="WAM713" s="613"/>
      <c r="WAN713" s="613"/>
      <c r="WAO713" s="613"/>
      <c r="WAP713" s="613"/>
      <c r="WAQ713" s="613"/>
      <c r="WAR713" s="613"/>
      <c r="WAS713" s="613"/>
      <c r="WAT713" s="613"/>
      <c r="WAU713" s="613"/>
      <c r="WAV713" s="613"/>
      <c r="WAW713" s="613"/>
      <c r="WAX713" s="613"/>
      <c r="WAY713" s="613"/>
      <c r="WAZ713" s="613"/>
      <c r="WBA713" s="613"/>
      <c r="WBB713" s="613"/>
      <c r="WBC713" s="613"/>
      <c r="WBD713" s="613"/>
      <c r="WBE713" s="613"/>
      <c r="WBF713" s="613"/>
      <c r="WBG713" s="613"/>
      <c r="WBH713" s="613"/>
      <c r="WBI713" s="613"/>
      <c r="WBJ713" s="613"/>
      <c r="WBK713" s="613"/>
      <c r="WBL713" s="613"/>
      <c r="WBM713" s="613"/>
      <c r="WBN713" s="613"/>
      <c r="WBO713" s="613"/>
      <c r="WBP713" s="613"/>
      <c r="WBQ713" s="613"/>
      <c r="WBR713" s="613"/>
      <c r="WBS713" s="613"/>
      <c r="WBT713" s="613"/>
      <c r="WBU713" s="613"/>
      <c r="WBV713" s="613"/>
      <c r="WBW713" s="613"/>
      <c r="WBX713" s="613"/>
      <c r="WBY713" s="613"/>
      <c r="WBZ713" s="613"/>
      <c r="WCA713" s="613"/>
      <c r="WCB713" s="613"/>
      <c r="WCC713" s="613"/>
      <c r="WCD713" s="613"/>
      <c r="WCE713" s="613"/>
      <c r="WCF713" s="613"/>
      <c r="WCG713" s="613"/>
      <c r="WCH713" s="613"/>
      <c r="WCI713" s="613"/>
      <c r="WCJ713" s="613"/>
      <c r="WCK713" s="613"/>
      <c r="WCL713" s="613"/>
      <c r="WCM713" s="613"/>
      <c r="WCN713" s="613"/>
      <c r="WCO713" s="613"/>
      <c r="WCP713" s="613"/>
      <c r="WCQ713" s="613"/>
      <c r="WCR713" s="613"/>
      <c r="WCS713" s="613"/>
      <c r="WCT713" s="613"/>
      <c r="WCU713" s="613"/>
      <c r="WCV713" s="613"/>
      <c r="WCW713" s="613"/>
      <c r="WCX713" s="613"/>
      <c r="WCY713" s="613"/>
      <c r="WCZ713" s="613"/>
      <c r="WDA713" s="613"/>
      <c r="WDB713" s="613"/>
      <c r="WDC713" s="613"/>
      <c r="WDD713" s="613"/>
      <c r="WDE713" s="613"/>
      <c r="WDF713" s="613"/>
      <c r="WDG713" s="613"/>
      <c r="WDH713" s="613"/>
      <c r="WDI713" s="613"/>
      <c r="WDJ713" s="613"/>
      <c r="WDK713" s="613"/>
      <c r="WDL713" s="613"/>
      <c r="WDM713" s="613"/>
      <c r="WDN713" s="613"/>
      <c r="WDO713" s="613"/>
      <c r="WDP713" s="613"/>
      <c r="WDQ713" s="613"/>
      <c r="WDR713" s="613"/>
      <c r="WDS713" s="613"/>
      <c r="WDT713" s="613"/>
      <c r="WDU713" s="613"/>
      <c r="WDV713" s="613"/>
      <c r="WDW713" s="613"/>
      <c r="WDX713" s="613"/>
      <c r="WDY713" s="613"/>
      <c r="WDZ713" s="613"/>
      <c r="WEA713" s="613"/>
      <c r="WEB713" s="613"/>
      <c r="WEC713" s="613"/>
      <c r="WED713" s="613"/>
      <c r="WEE713" s="613"/>
      <c r="WEF713" s="613"/>
      <c r="WEG713" s="613"/>
      <c r="WEH713" s="613"/>
      <c r="WEI713" s="613"/>
      <c r="WEJ713" s="613"/>
      <c r="WEK713" s="613"/>
      <c r="WEL713" s="613"/>
      <c r="WEM713" s="613"/>
      <c r="WEN713" s="613"/>
      <c r="WEO713" s="613"/>
      <c r="WEP713" s="613"/>
      <c r="WEQ713" s="613"/>
      <c r="WER713" s="613"/>
      <c r="WES713" s="613"/>
      <c r="WET713" s="613"/>
      <c r="WEU713" s="613"/>
      <c r="WEV713" s="613"/>
      <c r="WEW713" s="613"/>
      <c r="WEX713" s="613"/>
      <c r="WEY713" s="613"/>
      <c r="WEZ713" s="613"/>
      <c r="WFA713" s="613"/>
      <c r="WFB713" s="613"/>
      <c r="WFC713" s="613"/>
      <c r="WFD713" s="613"/>
      <c r="WFE713" s="613"/>
      <c r="WFF713" s="613"/>
      <c r="WFG713" s="613"/>
      <c r="WFH713" s="613"/>
      <c r="WFI713" s="613"/>
      <c r="WFJ713" s="613"/>
      <c r="WFK713" s="613"/>
      <c r="WFL713" s="613"/>
      <c r="WFM713" s="613"/>
      <c r="WFN713" s="613"/>
      <c r="WFO713" s="613"/>
      <c r="WFP713" s="613"/>
      <c r="WFQ713" s="613"/>
      <c r="WFR713" s="613"/>
      <c r="WFS713" s="613"/>
      <c r="WFT713" s="613"/>
      <c r="WFU713" s="613"/>
      <c r="WFV713" s="613"/>
      <c r="WFW713" s="613"/>
      <c r="WFX713" s="613"/>
      <c r="WFY713" s="613"/>
      <c r="WFZ713" s="613"/>
      <c r="WGA713" s="613"/>
      <c r="WGB713" s="613"/>
      <c r="WGC713" s="613"/>
      <c r="WGD713" s="613"/>
      <c r="WGE713" s="613"/>
      <c r="WGF713" s="613"/>
      <c r="WGG713" s="613"/>
      <c r="WGH713" s="613"/>
      <c r="WGI713" s="613"/>
      <c r="WGJ713" s="613"/>
      <c r="WGK713" s="613"/>
      <c r="WGL713" s="613"/>
      <c r="WGM713" s="613"/>
      <c r="WGN713" s="613"/>
      <c r="WGO713" s="613"/>
      <c r="WGP713" s="613"/>
      <c r="WGQ713" s="613"/>
      <c r="WGR713" s="613"/>
      <c r="WGS713" s="613"/>
      <c r="WGT713" s="613"/>
      <c r="WGU713" s="613"/>
      <c r="WGV713" s="613"/>
      <c r="WGW713" s="613"/>
      <c r="WGX713" s="613"/>
      <c r="WGY713" s="613"/>
      <c r="WGZ713" s="613"/>
      <c r="WHA713" s="613"/>
      <c r="WHB713" s="613"/>
      <c r="WHC713" s="613"/>
      <c r="WHD713" s="613"/>
      <c r="WHE713" s="613"/>
      <c r="WHF713" s="613"/>
      <c r="WHG713" s="613"/>
      <c r="WHH713" s="613"/>
      <c r="WHI713" s="613"/>
      <c r="WHJ713" s="613"/>
      <c r="WHK713" s="613"/>
      <c r="WHL713" s="613"/>
      <c r="WHM713" s="613"/>
      <c r="WHN713" s="613"/>
      <c r="WHO713" s="613"/>
      <c r="WHP713" s="613"/>
      <c r="WHQ713" s="613"/>
      <c r="WHR713" s="613"/>
      <c r="WHS713" s="613"/>
      <c r="WHT713" s="613"/>
      <c r="WHU713" s="613"/>
      <c r="WHV713" s="613"/>
      <c r="WHW713" s="613"/>
      <c r="WHX713" s="613"/>
      <c r="WHY713" s="613"/>
      <c r="WHZ713" s="613"/>
      <c r="WIA713" s="613"/>
      <c r="WIB713" s="613"/>
      <c r="WIC713" s="613"/>
      <c r="WID713" s="613"/>
      <c r="WIE713" s="613"/>
      <c r="WIF713" s="613"/>
      <c r="WIG713" s="613"/>
      <c r="WIH713" s="613"/>
      <c r="WII713" s="613"/>
      <c r="WIJ713" s="613"/>
      <c r="WIK713" s="613"/>
      <c r="WIL713" s="613"/>
      <c r="WIM713" s="613"/>
      <c r="WIN713" s="613"/>
      <c r="WIO713" s="613"/>
      <c r="WIP713" s="613"/>
      <c r="WIQ713" s="613"/>
      <c r="WIR713" s="613"/>
      <c r="WIS713" s="613"/>
      <c r="WIT713" s="613"/>
      <c r="WIU713" s="613"/>
      <c r="WIV713" s="613"/>
      <c r="WIW713" s="613"/>
      <c r="WIX713" s="613"/>
      <c r="WIY713" s="613"/>
      <c r="WIZ713" s="613"/>
      <c r="WJA713" s="613"/>
      <c r="WJB713" s="613"/>
      <c r="WJC713" s="613"/>
      <c r="WJD713" s="613"/>
      <c r="WJE713" s="613"/>
      <c r="WJF713" s="613"/>
      <c r="WJG713" s="613"/>
      <c r="WJH713" s="613"/>
      <c r="WJI713" s="613"/>
      <c r="WJJ713" s="613"/>
      <c r="WJK713" s="613"/>
      <c r="WJL713" s="613"/>
      <c r="WJM713" s="613"/>
      <c r="WJN713" s="613"/>
      <c r="WJO713" s="613"/>
      <c r="WJP713" s="613"/>
      <c r="WJQ713" s="613"/>
      <c r="WJR713" s="613"/>
      <c r="WJS713" s="613"/>
      <c r="WJT713" s="613"/>
      <c r="WJU713" s="613"/>
      <c r="WJV713" s="613"/>
      <c r="WJW713" s="613"/>
      <c r="WJX713" s="613"/>
      <c r="WJY713" s="613"/>
      <c r="WJZ713" s="613"/>
      <c r="WKA713" s="613"/>
      <c r="WKB713" s="613"/>
      <c r="WKC713" s="613"/>
      <c r="WKD713" s="613"/>
      <c r="WKE713" s="613"/>
      <c r="WKF713" s="613"/>
      <c r="WKG713" s="613"/>
      <c r="WKH713" s="613"/>
      <c r="WKI713" s="613"/>
      <c r="WKJ713" s="613"/>
      <c r="WKK713" s="613"/>
      <c r="WKL713" s="613"/>
      <c r="WKM713" s="613"/>
      <c r="WKN713" s="613"/>
      <c r="WKO713" s="613"/>
      <c r="WKP713" s="613"/>
      <c r="WKQ713" s="613"/>
      <c r="WKR713" s="613"/>
      <c r="WKS713" s="613"/>
      <c r="WKT713" s="613"/>
      <c r="WKU713" s="613"/>
      <c r="WKV713" s="613"/>
      <c r="WKW713" s="613"/>
      <c r="WKX713" s="613"/>
      <c r="WKY713" s="613"/>
      <c r="WKZ713" s="613"/>
      <c r="WLA713" s="613"/>
      <c r="WLB713" s="613"/>
      <c r="WLC713" s="613"/>
      <c r="WLD713" s="613"/>
      <c r="WLE713" s="613"/>
      <c r="WLF713" s="613"/>
      <c r="WLG713" s="613"/>
      <c r="WLH713" s="613"/>
      <c r="WLI713" s="613"/>
      <c r="WLJ713" s="613"/>
      <c r="WLK713" s="613"/>
      <c r="WLL713" s="613"/>
      <c r="WLM713" s="613"/>
      <c r="WLN713" s="613"/>
      <c r="WLO713" s="613"/>
      <c r="WLP713" s="613"/>
      <c r="WLQ713" s="613"/>
      <c r="WLR713" s="613"/>
      <c r="WLS713" s="613"/>
      <c r="WLT713" s="613"/>
      <c r="WLU713" s="613"/>
      <c r="WLV713" s="613"/>
      <c r="WLW713" s="613"/>
      <c r="WLX713" s="613"/>
      <c r="WLY713" s="613"/>
      <c r="WLZ713" s="613"/>
      <c r="WMA713" s="613"/>
      <c r="WMB713" s="613"/>
      <c r="WMC713" s="613"/>
      <c r="WMD713" s="613"/>
      <c r="WME713" s="613"/>
      <c r="WMF713" s="613"/>
      <c r="WMG713" s="613"/>
      <c r="WMH713" s="613"/>
      <c r="WMI713" s="613"/>
      <c r="WMJ713" s="613"/>
      <c r="WMK713" s="613"/>
      <c r="WML713" s="613"/>
      <c r="WMM713" s="613"/>
      <c r="WMN713" s="613"/>
      <c r="WMO713" s="613"/>
      <c r="WMP713" s="613"/>
      <c r="WMQ713" s="613"/>
      <c r="WMR713" s="613"/>
      <c r="WMS713" s="613"/>
      <c r="WMT713" s="613"/>
      <c r="WMU713" s="613"/>
      <c r="WMV713" s="613"/>
      <c r="WMW713" s="613"/>
      <c r="WMX713" s="613"/>
      <c r="WMY713" s="613"/>
      <c r="WMZ713" s="613"/>
      <c r="WNA713" s="613"/>
      <c r="WNB713" s="613"/>
      <c r="WNC713" s="613"/>
      <c r="WND713" s="613"/>
      <c r="WNE713" s="613"/>
      <c r="WNF713" s="613"/>
      <c r="WNG713" s="613"/>
      <c r="WNH713" s="613"/>
      <c r="WNI713" s="613"/>
      <c r="WNJ713" s="613"/>
      <c r="WNK713" s="613"/>
      <c r="WNL713" s="613"/>
      <c r="WNM713" s="613"/>
      <c r="WNN713" s="613"/>
      <c r="WNO713" s="613"/>
      <c r="WNP713" s="613"/>
      <c r="WNQ713" s="613"/>
      <c r="WNR713" s="613"/>
      <c r="WNS713" s="613"/>
      <c r="WNT713" s="613"/>
      <c r="WNU713" s="613"/>
      <c r="WNV713" s="613"/>
      <c r="WNW713" s="613"/>
      <c r="WNX713" s="613"/>
      <c r="WNY713" s="613"/>
      <c r="WNZ713" s="613"/>
      <c r="WOA713" s="613"/>
      <c r="WOB713" s="613"/>
      <c r="WOC713" s="613"/>
      <c r="WOD713" s="613"/>
      <c r="WOE713" s="613"/>
      <c r="WOF713" s="613"/>
      <c r="WOG713" s="613"/>
      <c r="WOH713" s="613"/>
      <c r="WOI713" s="613"/>
      <c r="WOJ713" s="613"/>
      <c r="WOK713" s="613"/>
      <c r="WOL713" s="613"/>
      <c r="WOM713" s="613"/>
      <c r="WON713" s="613"/>
      <c r="WOO713" s="613"/>
      <c r="WOP713" s="613"/>
      <c r="WOQ713" s="613"/>
      <c r="WOR713" s="613"/>
      <c r="WOS713" s="613"/>
      <c r="WOT713" s="613"/>
      <c r="WOU713" s="613"/>
      <c r="WOV713" s="613"/>
      <c r="WOW713" s="613"/>
      <c r="WOX713" s="613"/>
      <c r="WOY713" s="613"/>
      <c r="WOZ713" s="613"/>
      <c r="WPA713" s="613"/>
      <c r="WPB713" s="613"/>
      <c r="WPC713" s="613"/>
      <c r="WPD713" s="613"/>
      <c r="WPE713" s="613"/>
      <c r="WPF713" s="613"/>
      <c r="WPG713" s="613"/>
      <c r="WPH713" s="613"/>
      <c r="WPI713" s="613"/>
      <c r="WPJ713" s="613"/>
      <c r="WPK713" s="613"/>
      <c r="WPL713" s="613"/>
      <c r="WPM713" s="613"/>
      <c r="WPN713" s="613"/>
      <c r="WPO713" s="613"/>
      <c r="WPP713" s="613"/>
      <c r="WPQ713" s="613"/>
      <c r="WPR713" s="613"/>
      <c r="WPS713" s="613"/>
      <c r="WPT713" s="613"/>
      <c r="WPU713" s="613"/>
      <c r="WPV713" s="613"/>
      <c r="WPW713" s="613"/>
      <c r="WPX713" s="613"/>
      <c r="WPY713" s="613"/>
      <c r="WPZ713" s="613"/>
      <c r="WQA713" s="613"/>
      <c r="WQB713" s="613"/>
      <c r="WQC713" s="613"/>
      <c r="WQD713" s="613"/>
      <c r="WQE713" s="613"/>
      <c r="WQF713" s="613"/>
      <c r="WQG713" s="613"/>
      <c r="WQH713" s="613"/>
      <c r="WQI713" s="613"/>
      <c r="WQJ713" s="613"/>
      <c r="WQK713" s="613"/>
      <c r="WQL713" s="613"/>
      <c r="WQM713" s="613"/>
      <c r="WQN713" s="613"/>
      <c r="WQO713" s="613"/>
      <c r="WQP713" s="613"/>
      <c r="WQQ713" s="613"/>
      <c r="WQR713" s="613"/>
      <c r="WQS713" s="613"/>
      <c r="WQT713" s="613"/>
      <c r="WQU713" s="613"/>
      <c r="WQV713" s="613"/>
      <c r="WQW713" s="613"/>
      <c r="WQX713" s="613"/>
      <c r="WQY713" s="613"/>
      <c r="WQZ713" s="613"/>
      <c r="WRA713" s="613"/>
      <c r="WRB713" s="613"/>
      <c r="WRC713" s="613"/>
      <c r="WRD713" s="613"/>
      <c r="WRE713" s="613"/>
      <c r="WRF713" s="613"/>
      <c r="WRG713" s="613"/>
      <c r="WRH713" s="613"/>
      <c r="WRI713" s="613"/>
      <c r="WRJ713" s="613"/>
      <c r="WRK713" s="613"/>
      <c r="WRL713" s="613"/>
      <c r="WRM713" s="613"/>
      <c r="WRN713" s="613"/>
      <c r="WRO713" s="613"/>
      <c r="WRP713" s="613"/>
      <c r="WRQ713" s="613"/>
      <c r="WRR713" s="613"/>
      <c r="WRS713" s="613"/>
      <c r="WRT713" s="613"/>
      <c r="WRU713" s="613"/>
      <c r="WRV713" s="613"/>
      <c r="WRW713" s="613"/>
      <c r="WRX713" s="613"/>
      <c r="WRY713" s="613"/>
      <c r="WRZ713" s="613"/>
      <c r="WSA713" s="613"/>
      <c r="WSB713" s="613"/>
      <c r="WSC713" s="613"/>
      <c r="WSD713" s="613"/>
      <c r="WSE713" s="613"/>
      <c r="WSF713" s="613"/>
      <c r="WSG713" s="613"/>
      <c r="WSH713" s="613"/>
      <c r="WSI713" s="613"/>
      <c r="WSJ713" s="613"/>
      <c r="WSK713" s="613"/>
      <c r="WSL713" s="613"/>
      <c r="WSM713" s="613"/>
      <c r="WSN713" s="613"/>
      <c r="WSO713" s="613"/>
      <c r="WSP713" s="613"/>
      <c r="WSQ713" s="613"/>
      <c r="WSR713" s="613"/>
      <c r="WSS713" s="613"/>
      <c r="WST713" s="613"/>
      <c r="WSU713" s="613"/>
      <c r="WSV713" s="613"/>
      <c r="WSW713" s="613"/>
      <c r="WSX713" s="613"/>
      <c r="WSY713" s="613"/>
      <c r="WSZ713" s="613"/>
      <c r="WTA713" s="613"/>
      <c r="WTB713" s="613"/>
      <c r="WTC713" s="613"/>
      <c r="WTD713" s="613"/>
      <c r="WTE713" s="613"/>
      <c r="WTF713" s="613"/>
      <c r="WTG713" s="613"/>
      <c r="WTH713" s="613"/>
      <c r="WTI713" s="613"/>
      <c r="WTJ713" s="613"/>
      <c r="WTK713" s="613"/>
      <c r="WTL713" s="613"/>
      <c r="WTM713" s="613"/>
      <c r="WTN713" s="613"/>
      <c r="WTO713" s="613"/>
      <c r="WTP713" s="613"/>
      <c r="WTQ713" s="613"/>
      <c r="WTR713" s="613"/>
      <c r="WTS713" s="613"/>
      <c r="WTT713" s="613"/>
      <c r="WTU713" s="613"/>
      <c r="WTV713" s="613"/>
      <c r="WTW713" s="613"/>
      <c r="WTX713" s="613"/>
      <c r="WTY713" s="613"/>
      <c r="WTZ713" s="613"/>
      <c r="WUA713" s="613"/>
      <c r="WUB713" s="613"/>
      <c r="WUC713" s="613"/>
      <c r="WUD713" s="613"/>
      <c r="WUE713" s="613"/>
      <c r="WUF713" s="613"/>
      <c r="WUG713" s="613"/>
      <c r="WUH713" s="613"/>
      <c r="WUI713" s="613"/>
      <c r="WUJ713" s="613"/>
      <c r="WUK713" s="613"/>
      <c r="WUL713" s="613"/>
      <c r="WUM713" s="613"/>
      <c r="WUN713" s="613"/>
      <c r="WUO713" s="613"/>
      <c r="WUP713" s="613"/>
      <c r="WUQ713" s="613"/>
      <c r="WUR713" s="613"/>
      <c r="WUS713" s="613"/>
      <c r="WUT713" s="613"/>
      <c r="WUU713" s="613"/>
      <c r="WUV713" s="613"/>
      <c r="WUW713" s="613"/>
      <c r="WUX713" s="613"/>
      <c r="WUY713" s="613"/>
      <c r="WUZ713" s="613"/>
      <c r="WVA713" s="613"/>
      <c r="WVB713" s="613"/>
      <c r="WVC713" s="613"/>
      <c r="WVD713" s="613"/>
      <c r="WVE713" s="613"/>
      <c r="WVF713" s="613"/>
      <c r="WVG713" s="613"/>
      <c r="WVH713" s="613"/>
      <c r="WVI713" s="613"/>
      <c r="WVJ713" s="613"/>
      <c r="WVK713" s="613"/>
      <c r="WVL713" s="613"/>
      <c r="WVM713" s="613"/>
      <c r="WVN713" s="613"/>
      <c r="WVO713" s="613"/>
      <c r="WVP713" s="613"/>
      <c r="WVQ713" s="613"/>
      <c r="WVR713" s="613"/>
      <c r="WVS713" s="613"/>
      <c r="WVT713" s="613"/>
      <c r="WVU713" s="613"/>
      <c r="WVV713" s="613"/>
      <c r="WVW713" s="613"/>
      <c r="WVX713" s="613"/>
      <c r="WVY713" s="613"/>
      <c r="WVZ713" s="613"/>
      <c r="WWA713" s="613"/>
      <c r="WWB713" s="613"/>
      <c r="WWC713" s="613"/>
      <c r="WWD713" s="613"/>
      <c r="WWE713" s="613"/>
      <c r="WWF713" s="613"/>
      <c r="WWG713" s="613"/>
      <c r="WWH713" s="613"/>
      <c r="WWI713" s="613"/>
      <c r="WWJ713" s="613"/>
      <c r="WWK713" s="613"/>
      <c r="WWL713" s="613"/>
      <c r="WWM713" s="613"/>
      <c r="WWN713" s="613"/>
      <c r="WWO713" s="613"/>
      <c r="WWP713" s="613"/>
      <c r="WWQ713" s="613"/>
      <c r="WWR713" s="613"/>
      <c r="WWS713" s="613"/>
      <c r="WWT713" s="613"/>
      <c r="WWU713" s="613"/>
      <c r="WWV713" s="613"/>
      <c r="WWW713" s="613"/>
      <c r="WWX713" s="613"/>
      <c r="WWY713" s="613"/>
      <c r="WWZ713" s="613"/>
      <c r="WXA713" s="613"/>
      <c r="WXB713" s="613"/>
      <c r="WXC713" s="613"/>
      <c r="WXD713" s="613"/>
      <c r="WXE713" s="613"/>
      <c r="WXF713" s="613"/>
      <c r="WXG713" s="613"/>
      <c r="WXH713" s="613"/>
      <c r="WXI713" s="613"/>
      <c r="WXJ713" s="613"/>
      <c r="WXK713" s="613"/>
      <c r="WXL713" s="613"/>
      <c r="WXM713" s="613"/>
      <c r="WXN713" s="613"/>
      <c r="WXO713" s="613"/>
      <c r="WXP713" s="613"/>
      <c r="WXQ713" s="613"/>
      <c r="WXR713" s="613"/>
      <c r="WXS713" s="613"/>
      <c r="WXT713" s="613"/>
      <c r="WXU713" s="613"/>
      <c r="WXV713" s="613"/>
      <c r="WXW713" s="613"/>
      <c r="WXX713" s="613"/>
      <c r="WXY713" s="613"/>
      <c r="WXZ713" s="613"/>
      <c r="WYA713" s="613"/>
      <c r="WYB713" s="613"/>
      <c r="WYC713" s="613"/>
      <c r="WYD713" s="613"/>
      <c r="WYE713" s="613"/>
      <c r="WYF713" s="613"/>
      <c r="WYG713" s="613"/>
      <c r="WYH713" s="613"/>
      <c r="WYI713" s="613"/>
      <c r="WYJ713" s="613"/>
      <c r="WYK713" s="613"/>
      <c r="WYL713" s="613"/>
      <c r="WYM713" s="613"/>
      <c r="WYN713" s="613"/>
      <c r="WYO713" s="613"/>
      <c r="WYP713" s="613"/>
      <c r="WYQ713" s="613"/>
      <c r="WYR713" s="613"/>
      <c r="WYS713" s="613"/>
      <c r="WYT713" s="613"/>
      <c r="WYU713" s="613"/>
      <c r="WYV713" s="613"/>
      <c r="WYW713" s="613"/>
      <c r="WYX713" s="613"/>
      <c r="WYY713" s="613"/>
      <c r="WYZ713" s="613"/>
      <c r="WZA713" s="613"/>
      <c r="WZB713" s="613"/>
      <c r="WZC713" s="613"/>
      <c r="WZD713" s="613"/>
      <c r="WZE713" s="613"/>
      <c r="WZF713" s="613"/>
      <c r="WZG713" s="613"/>
      <c r="WZH713" s="613"/>
      <c r="WZI713" s="613"/>
      <c r="WZJ713" s="613"/>
      <c r="WZK713" s="613"/>
      <c r="WZL713" s="613"/>
      <c r="WZM713" s="613"/>
      <c r="WZN713" s="613"/>
      <c r="WZO713" s="613"/>
      <c r="WZP713" s="613"/>
      <c r="WZQ713" s="613"/>
      <c r="WZR713" s="613"/>
      <c r="WZS713" s="613"/>
      <c r="WZT713" s="613"/>
      <c r="WZU713" s="613"/>
      <c r="WZV713" s="613"/>
      <c r="WZW713" s="613"/>
      <c r="WZX713" s="613"/>
      <c r="WZY713" s="613"/>
      <c r="WZZ713" s="613"/>
      <c r="XAA713" s="613"/>
      <c r="XAB713" s="613"/>
      <c r="XAC713" s="613"/>
      <c r="XAD713" s="613"/>
      <c r="XAE713" s="613"/>
      <c r="XAF713" s="613"/>
      <c r="XAG713" s="613"/>
      <c r="XAH713" s="613"/>
      <c r="XAI713" s="613"/>
      <c r="XAJ713" s="613"/>
      <c r="XAK713" s="613"/>
      <c r="XAL713" s="613"/>
      <c r="XAM713" s="613"/>
      <c r="XAN713" s="613"/>
      <c r="XAO713" s="613"/>
      <c r="XAP713" s="613"/>
      <c r="XAQ713" s="613"/>
      <c r="XAR713" s="613"/>
      <c r="XAS713" s="613"/>
      <c r="XAT713" s="613"/>
      <c r="XAU713" s="613"/>
      <c r="XAV713" s="613"/>
      <c r="XAW713" s="613"/>
      <c r="XAX713" s="613"/>
      <c r="XAY713" s="613"/>
      <c r="XAZ713" s="613"/>
      <c r="XBA713" s="613"/>
      <c r="XBB713" s="613"/>
      <c r="XBC713" s="613"/>
      <c r="XBD713" s="613"/>
      <c r="XBE713" s="613"/>
      <c r="XBF713" s="613"/>
      <c r="XBG713" s="613"/>
      <c r="XBH713" s="613"/>
      <c r="XBI713" s="613"/>
      <c r="XBJ713" s="613"/>
      <c r="XBK713" s="613"/>
      <c r="XBL713" s="613"/>
      <c r="XBM713" s="613"/>
      <c r="XBN713" s="613"/>
      <c r="XBO713" s="613"/>
      <c r="XBP713" s="613"/>
      <c r="XBQ713" s="613"/>
      <c r="XBR713" s="613"/>
      <c r="XBS713" s="613"/>
      <c r="XBT713" s="613"/>
      <c r="XBU713" s="613"/>
      <c r="XBV713" s="613"/>
      <c r="XBW713" s="613"/>
      <c r="XBX713" s="613"/>
      <c r="XBY713" s="613"/>
      <c r="XBZ713" s="613"/>
      <c r="XCA713" s="613"/>
      <c r="XCB713" s="613"/>
      <c r="XCC713" s="613"/>
      <c r="XCD713" s="613"/>
      <c r="XCE713" s="613"/>
      <c r="XCF713" s="613"/>
      <c r="XCG713" s="613"/>
      <c r="XCH713" s="613"/>
      <c r="XCI713" s="613"/>
      <c r="XCJ713" s="613"/>
      <c r="XCK713" s="613"/>
      <c r="XCL713" s="613"/>
      <c r="XCM713" s="613"/>
      <c r="XCN713" s="613"/>
      <c r="XCO713" s="613"/>
      <c r="XCP713" s="613"/>
      <c r="XCQ713" s="613"/>
    </row>
    <row r="714" spans="1:16319" ht="56.1" customHeight="1" x14ac:dyDescent="0.2">
      <c r="A714" s="494"/>
      <c r="B714" s="499"/>
      <c r="C714" s="494"/>
      <c r="D714" s="481">
        <v>289</v>
      </c>
      <c r="E714" s="481"/>
      <c r="F714" s="481" t="s">
        <v>2481</v>
      </c>
      <c r="G714" s="482" t="s">
        <v>53</v>
      </c>
      <c r="H714" s="765" t="s">
        <v>329</v>
      </c>
      <c r="I714" s="654" t="s">
        <v>500</v>
      </c>
      <c r="J714" s="654" t="s">
        <v>501</v>
      </c>
      <c r="K714" s="495" t="s">
        <v>505</v>
      </c>
      <c r="L714" s="621"/>
      <c r="M714" s="484" t="s">
        <v>58</v>
      </c>
      <c r="N714" s="327" t="s">
        <v>3058</v>
      </c>
      <c r="O714" s="484" t="s">
        <v>2996</v>
      </c>
      <c r="P714" s="484" t="s">
        <v>81</v>
      </c>
      <c r="Q714" s="667" t="s">
        <v>334</v>
      </c>
      <c r="R714" s="484" t="s">
        <v>334</v>
      </c>
      <c r="S714" s="484" t="s">
        <v>395</v>
      </c>
      <c r="T714" s="484"/>
      <c r="U714" s="620" t="s">
        <v>63</v>
      </c>
      <c r="V714" s="620" t="s">
        <v>63</v>
      </c>
      <c r="W714" s="723">
        <v>101705</v>
      </c>
      <c r="X714" s="723"/>
      <c r="Y714" s="654" t="s">
        <v>226</v>
      </c>
      <c r="Z714" s="654"/>
      <c r="AA714" s="723">
        <v>101705</v>
      </c>
      <c r="AB714" s="652" t="s">
        <v>82</v>
      </c>
      <c r="AC714" s="652"/>
      <c r="AD714" s="496"/>
      <c r="AE714" s="496"/>
      <c r="AF714" s="496"/>
      <c r="AG714" s="496"/>
      <c r="AH714" s="496"/>
      <c r="AI714" s="487"/>
      <c r="AJ714" s="496"/>
      <c r="AK714" s="496"/>
      <c r="AL714" s="496"/>
      <c r="AM714" s="496"/>
      <c r="AN714" s="496"/>
      <c r="AO714" s="496" t="s">
        <v>66</v>
      </c>
      <c r="AP714" s="496"/>
      <c r="AQ714" s="496"/>
      <c r="AR714" s="496"/>
      <c r="AS714" s="496"/>
      <c r="AT714" s="496"/>
      <c r="AU714" s="487"/>
      <c r="AV714" s="487"/>
      <c r="AW714" s="487"/>
      <c r="AX714" s="487"/>
      <c r="AY714" s="487"/>
      <c r="AZ714" s="487"/>
      <c r="BA714" s="484"/>
      <c r="BB714" s="484"/>
      <c r="BC714" s="484"/>
      <c r="BD714" s="494"/>
      <c r="BE714" s="494"/>
      <c r="BF714" s="613"/>
      <c r="BG714" s="613"/>
      <c r="BH714" s="613"/>
      <c r="BI714" s="613"/>
      <c r="BJ714" s="613"/>
      <c r="BK714" s="613"/>
      <c r="BL714" s="613"/>
      <c r="BM714" s="613"/>
      <c r="BN714" s="613"/>
      <c r="BO714" s="613"/>
      <c r="BP714" s="613"/>
      <c r="BQ714" s="613"/>
      <c r="BR714" s="613"/>
      <c r="BS714" s="613"/>
      <c r="BT714" s="613"/>
      <c r="BU714" s="613"/>
      <c r="BV714" s="613"/>
      <c r="BW714" s="613"/>
      <c r="BX714" s="613"/>
      <c r="BY714" s="613"/>
      <c r="BZ714" s="613"/>
      <c r="CA714" s="613"/>
      <c r="CB714" s="613"/>
      <c r="CC714" s="613"/>
      <c r="CD714" s="613"/>
      <c r="CE714" s="613"/>
      <c r="CF714" s="613"/>
      <c r="CG714" s="613"/>
      <c r="CH714" s="613"/>
      <c r="CI714" s="613"/>
      <c r="CJ714" s="613"/>
      <c r="CK714" s="613"/>
      <c r="CL714" s="613"/>
      <c r="CM714" s="613"/>
      <c r="CN714" s="613"/>
      <c r="CO714" s="613"/>
      <c r="CP714" s="613"/>
      <c r="CQ714" s="613"/>
      <c r="CR714" s="613"/>
      <c r="CS714" s="613"/>
      <c r="CT714" s="613"/>
      <c r="CU714" s="613"/>
      <c r="CV714" s="613"/>
      <c r="CW714" s="613"/>
      <c r="CX714" s="613"/>
      <c r="CY714" s="613"/>
      <c r="CZ714" s="613"/>
      <c r="DA714" s="613"/>
      <c r="DB714" s="613"/>
      <c r="DC714" s="613"/>
      <c r="DD714" s="613"/>
      <c r="DE714" s="613"/>
      <c r="DF714" s="613"/>
      <c r="DG714" s="613"/>
      <c r="DH714" s="613"/>
      <c r="DI714" s="613"/>
      <c r="DJ714" s="613"/>
      <c r="DK714" s="613"/>
      <c r="DL714" s="613"/>
      <c r="DM714" s="613"/>
      <c r="DN714" s="613"/>
      <c r="DO714" s="613"/>
      <c r="DP714" s="613"/>
      <c r="DQ714" s="613"/>
      <c r="DR714" s="613"/>
      <c r="DS714" s="613"/>
      <c r="DT714" s="613"/>
      <c r="DU714" s="613"/>
      <c r="DV714" s="613"/>
      <c r="DW714" s="613"/>
      <c r="DX714" s="613"/>
      <c r="DY714" s="613"/>
      <c r="DZ714" s="613"/>
      <c r="EA714" s="613"/>
      <c r="EB714" s="613"/>
      <c r="EC714" s="613"/>
      <c r="ED714" s="613"/>
      <c r="EE714" s="613"/>
      <c r="EF714" s="613"/>
      <c r="EG714" s="613"/>
      <c r="EH714" s="613"/>
      <c r="EI714" s="613"/>
      <c r="EJ714" s="613"/>
      <c r="EK714" s="613"/>
      <c r="EL714" s="613"/>
      <c r="EM714" s="613"/>
      <c r="EN714" s="613"/>
      <c r="EO714" s="613"/>
      <c r="EP714" s="613"/>
      <c r="EQ714" s="613"/>
      <c r="ER714" s="613"/>
      <c r="ES714" s="613"/>
      <c r="ET714" s="613"/>
      <c r="EU714" s="613"/>
      <c r="EV714" s="613"/>
      <c r="EW714" s="613"/>
      <c r="EX714" s="613"/>
      <c r="EY714" s="613"/>
      <c r="EZ714" s="613"/>
      <c r="FA714" s="613"/>
      <c r="FB714" s="613"/>
      <c r="FC714" s="613"/>
      <c r="FD714" s="613"/>
      <c r="FE714" s="613"/>
      <c r="FF714" s="613"/>
      <c r="FG714" s="613"/>
      <c r="FH714" s="613"/>
      <c r="FI714" s="613"/>
      <c r="FJ714" s="613"/>
      <c r="FK714" s="613"/>
      <c r="FL714" s="613"/>
      <c r="FM714" s="613"/>
      <c r="FN714" s="613"/>
      <c r="FO714" s="613"/>
      <c r="FP714" s="613"/>
      <c r="FQ714" s="613"/>
      <c r="FR714" s="613"/>
      <c r="FS714" s="613"/>
      <c r="FT714" s="613"/>
      <c r="FU714" s="613"/>
      <c r="FV714" s="613"/>
      <c r="FW714" s="613"/>
      <c r="FX714" s="613"/>
      <c r="FY714" s="613"/>
      <c r="FZ714" s="613"/>
      <c r="GA714" s="613"/>
      <c r="GB714" s="613"/>
      <c r="GC714" s="613"/>
      <c r="GD714" s="613"/>
      <c r="GE714" s="613"/>
      <c r="GF714" s="613"/>
      <c r="GG714" s="613"/>
      <c r="GH714" s="613"/>
      <c r="GI714" s="613"/>
      <c r="GJ714" s="613"/>
      <c r="GK714" s="613"/>
      <c r="GL714" s="613"/>
      <c r="GM714" s="613"/>
      <c r="GN714" s="613"/>
      <c r="GO714" s="613"/>
      <c r="GP714" s="613"/>
      <c r="GQ714" s="613"/>
      <c r="GR714" s="613"/>
      <c r="GS714" s="613"/>
      <c r="GT714" s="613"/>
      <c r="GU714" s="613"/>
      <c r="GV714" s="613"/>
      <c r="GW714" s="613"/>
      <c r="GX714" s="613"/>
      <c r="GY714" s="613"/>
      <c r="GZ714" s="613"/>
      <c r="HA714" s="613"/>
      <c r="HB714" s="613"/>
      <c r="HC714" s="613"/>
      <c r="HD714" s="613"/>
      <c r="HE714" s="613"/>
      <c r="HF714" s="613"/>
      <c r="HG714" s="613"/>
      <c r="HH714" s="613"/>
      <c r="HI714" s="613"/>
      <c r="HJ714" s="613"/>
      <c r="HK714" s="613"/>
      <c r="HL714" s="613"/>
      <c r="HM714" s="613"/>
      <c r="HN714" s="613"/>
      <c r="HO714" s="613"/>
      <c r="HP714" s="613"/>
      <c r="HQ714" s="613"/>
      <c r="HR714" s="613"/>
      <c r="HS714" s="613"/>
      <c r="HT714" s="613"/>
      <c r="HU714" s="613"/>
      <c r="HV714" s="613"/>
      <c r="HW714" s="613"/>
      <c r="HX714" s="613"/>
      <c r="HY714" s="613"/>
      <c r="HZ714" s="613"/>
      <c r="IA714" s="613"/>
      <c r="IB714" s="613"/>
      <c r="IC714" s="613"/>
      <c r="ID714" s="613"/>
      <c r="IE714" s="613"/>
      <c r="IF714" s="613"/>
      <c r="IG714" s="613"/>
      <c r="IH714" s="613"/>
      <c r="II714" s="613"/>
      <c r="IJ714" s="613"/>
      <c r="IK714" s="613"/>
      <c r="IL714" s="613"/>
      <c r="IM714" s="613"/>
      <c r="IN714" s="613"/>
      <c r="IO714" s="613"/>
      <c r="IP714" s="613"/>
      <c r="IQ714" s="613"/>
      <c r="IR714" s="613"/>
      <c r="IS714" s="613"/>
      <c r="IT714" s="613"/>
      <c r="IU714" s="613"/>
      <c r="IV714" s="613"/>
      <c r="IW714" s="613"/>
      <c r="IX714" s="613"/>
      <c r="IY714" s="613"/>
      <c r="IZ714" s="613"/>
      <c r="JA714" s="613"/>
      <c r="JB714" s="613"/>
      <c r="JC714" s="613"/>
      <c r="JD714" s="613"/>
      <c r="JE714" s="613"/>
      <c r="JF714" s="613"/>
      <c r="JG714" s="613"/>
      <c r="JH714" s="613"/>
      <c r="JI714" s="613"/>
      <c r="JJ714" s="613"/>
      <c r="JK714" s="613"/>
      <c r="JL714" s="613"/>
      <c r="JM714" s="613"/>
      <c r="JN714" s="613"/>
      <c r="JO714" s="613"/>
      <c r="JP714" s="613"/>
      <c r="JQ714" s="613"/>
      <c r="JR714" s="613"/>
      <c r="JS714" s="613"/>
      <c r="JT714" s="613"/>
      <c r="JU714" s="613"/>
      <c r="JV714" s="613"/>
      <c r="JW714" s="613"/>
      <c r="JX714" s="613"/>
      <c r="JY714" s="613"/>
      <c r="JZ714" s="613"/>
      <c r="KA714" s="613"/>
      <c r="KB714" s="613"/>
      <c r="KC714" s="613"/>
      <c r="KD714" s="613"/>
      <c r="KE714" s="613"/>
      <c r="KF714" s="613"/>
      <c r="KG714" s="613"/>
      <c r="KH714" s="613"/>
      <c r="KI714" s="613"/>
      <c r="KJ714" s="613"/>
      <c r="KK714" s="613"/>
      <c r="KL714" s="613"/>
      <c r="KM714" s="613"/>
      <c r="KN714" s="613"/>
      <c r="KO714" s="613"/>
      <c r="KP714" s="613"/>
      <c r="KQ714" s="613"/>
      <c r="KR714" s="613"/>
      <c r="KS714" s="613"/>
      <c r="KT714" s="613"/>
      <c r="KU714" s="613"/>
      <c r="KV714" s="613"/>
      <c r="KW714" s="613"/>
      <c r="KX714" s="613"/>
      <c r="KY714" s="613"/>
      <c r="KZ714" s="613"/>
      <c r="LA714" s="613"/>
      <c r="LB714" s="613"/>
      <c r="LC714" s="613"/>
      <c r="LD714" s="613"/>
      <c r="LE714" s="613"/>
      <c r="LF714" s="613"/>
      <c r="LG714" s="613"/>
      <c r="LH714" s="613"/>
      <c r="LI714" s="613"/>
      <c r="LJ714" s="613"/>
      <c r="LK714" s="613"/>
      <c r="LL714" s="613"/>
      <c r="LM714" s="613"/>
      <c r="LN714" s="613"/>
      <c r="LO714" s="613"/>
      <c r="LP714" s="613"/>
      <c r="LQ714" s="613"/>
      <c r="LR714" s="613"/>
      <c r="LS714" s="613"/>
      <c r="LT714" s="613"/>
      <c r="LU714" s="613"/>
      <c r="LV714" s="613"/>
      <c r="LW714" s="613"/>
      <c r="LX714" s="613"/>
      <c r="LY714" s="613"/>
      <c r="LZ714" s="613"/>
      <c r="MA714" s="613"/>
      <c r="MB714" s="613"/>
      <c r="MC714" s="613"/>
      <c r="MD714" s="613"/>
      <c r="ME714" s="613"/>
      <c r="MF714" s="613"/>
      <c r="MG714" s="613"/>
      <c r="MH714" s="613"/>
      <c r="MI714" s="613"/>
      <c r="MJ714" s="613"/>
      <c r="MK714" s="613"/>
      <c r="ML714" s="613"/>
      <c r="MM714" s="613"/>
      <c r="MN714" s="613"/>
      <c r="MO714" s="613"/>
      <c r="MP714" s="613"/>
      <c r="MQ714" s="613"/>
      <c r="MR714" s="613"/>
      <c r="MS714" s="613"/>
      <c r="MT714" s="613"/>
      <c r="MU714" s="613"/>
      <c r="MV714" s="613"/>
      <c r="MW714" s="613"/>
      <c r="MX714" s="613"/>
      <c r="MY714" s="613"/>
      <c r="MZ714" s="613"/>
      <c r="NA714" s="613"/>
      <c r="NB714" s="613"/>
      <c r="NC714" s="613"/>
      <c r="ND714" s="613"/>
      <c r="NE714" s="613"/>
      <c r="NF714" s="613"/>
      <c r="NG714" s="613"/>
      <c r="NH714" s="613"/>
      <c r="NI714" s="613"/>
      <c r="NJ714" s="613"/>
      <c r="NK714" s="613"/>
      <c r="NL714" s="613"/>
      <c r="NM714" s="613"/>
      <c r="NN714" s="613"/>
      <c r="NO714" s="613"/>
      <c r="NP714" s="613"/>
      <c r="NQ714" s="613"/>
      <c r="NR714" s="613"/>
      <c r="NS714" s="613"/>
      <c r="NT714" s="613"/>
      <c r="NU714" s="613"/>
      <c r="NV714" s="613"/>
      <c r="NW714" s="613"/>
      <c r="NX714" s="613"/>
      <c r="NY714" s="613"/>
      <c r="NZ714" s="613"/>
      <c r="OA714" s="613"/>
      <c r="OB714" s="613"/>
      <c r="OC714" s="613"/>
      <c r="OD714" s="613"/>
      <c r="OE714" s="613"/>
      <c r="OF714" s="613"/>
      <c r="OG714" s="613"/>
      <c r="OH714" s="613"/>
      <c r="OI714" s="613"/>
      <c r="OJ714" s="613"/>
      <c r="OK714" s="613"/>
      <c r="OL714" s="613"/>
      <c r="OM714" s="613"/>
      <c r="ON714" s="613"/>
      <c r="OO714" s="613"/>
      <c r="OP714" s="613"/>
      <c r="OQ714" s="613"/>
      <c r="OR714" s="613"/>
      <c r="OS714" s="613"/>
      <c r="OT714" s="613"/>
      <c r="OU714" s="613"/>
      <c r="OV714" s="613"/>
      <c r="OW714" s="613"/>
      <c r="OX714" s="613"/>
      <c r="OY714" s="613"/>
      <c r="OZ714" s="613"/>
      <c r="PA714" s="613"/>
      <c r="PB714" s="613"/>
      <c r="PC714" s="613"/>
      <c r="PD714" s="613"/>
      <c r="PE714" s="613"/>
      <c r="PF714" s="613"/>
      <c r="PG714" s="613"/>
      <c r="PH714" s="613"/>
      <c r="PI714" s="613"/>
      <c r="PJ714" s="613"/>
      <c r="PK714" s="613"/>
      <c r="PL714" s="613"/>
      <c r="PM714" s="613"/>
      <c r="PN714" s="613"/>
      <c r="PO714" s="613"/>
      <c r="PP714" s="613"/>
      <c r="PQ714" s="613"/>
      <c r="PR714" s="613"/>
      <c r="PS714" s="613"/>
      <c r="PT714" s="613"/>
      <c r="PU714" s="613"/>
      <c r="PV714" s="613"/>
      <c r="PW714" s="613"/>
      <c r="PX714" s="613"/>
      <c r="PY714" s="613"/>
      <c r="PZ714" s="613"/>
      <c r="QA714" s="613"/>
      <c r="QB714" s="613"/>
      <c r="QC714" s="613"/>
      <c r="QD714" s="613"/>
      <c r="QE714" s="613"/>
      <c r="QF714" s="613"/>
      <c r="QG714" s="613"/>
      <c r="QH714" s="613"/>
      <c r="QI714" s="613"/>
      <c r="QJ714" s="613"/>
      <c r="QK714" s="613"/>
      <c r="QL714" s="613"/>
      <c r="QM714" s="613"/>
      <c r="QN714" s="613"/>
      <c r="QO714" s="613"/>
      <c r="QP714" s="613"/>
      <c r="QQ714" s="613"/>
      <c r="QR714" s="613"/>
      <c r="QS714" s="613"/>
      <c r="QT714" s="613"/>
      <c r="QU714" s="613"/>
      <c r="QV714" s="613"/>
      <c r="QW714" s="613"/>
      <c r="QX714" s="613"/>
      <c r="QY714" s="613"/>
      <c r="QZ714" s="613"/>
      <c r="RA714" s="613"/>
      <c r="RB714" s="613"/>
      <c r="RC714" s="613"/>
      <c r="RD714" s="613"/>
      <c r="RE714" s="613"/>
      <c r="RF714" s="613"/>
      <c r="RG714" s="613"/>
      <c r="RH714" s="613"/>
      <c r="RI714" s="613"/>
      <c r="RJ714" s="613"/>
      <c r="RK714" s="613"/>
      <c r="RL714" s="613"/>
      <c r="RM714" s="613"/>
      <c r="RN714" s="613"/>
      <c r="RO714" s="613"/>
      <c r="RP714" s="613"/>
      <c r="RQ714" s="613"/>
      <c r="RR714" s="613"/>
      <c r="RS714" s="613"/>
      <c r="RT714" s="613"/>
      <c r="RU714" s="613"/>
      <c r="RV714" s="613"/>
      <c r="RW714" s="613"/>
      <c r="RX714" s="613"/>
      <c r="RY714" s="613"/>
      <c r="RZ714" s="613"/>
      <c r="SA714" s="613"/>
      <c r="SB714" s="613"/>
      <c r="SC714" s="613"/>
      <c r="SD714" s="613"/>
      <c r="SE714" s="613"/>
      <c r="SF714" s="613"/>
      <c r="SG714" s="613"/>
      <c r="SH714" s="613"/>
      <c r="SI714" s="613"/>
      <c r="SJ714" s="613"/>
      <c r="SK714" s="613"/>
      <c r="SL714" s="613"/>
      <c r="SM714" s="613"/>
      <c r="SN714" s="613"/>
      <c r="SO714" s="613"/>
      <c r="SP714" s="613"/>
      <c r="SQ714" s="613"/>
      <c r="SR714" s="613"/>
      <c r="SS714" s="613"/>
      <c r="ST714" s="613"/>
      <c r="SU714" s="613"/>
      <c r="SV714" s="613"/>
      <c r="SW714" s="613"/>
      <c r="SX714" s="613"/>
      <c r="SY714" s="613"/>
      <c r="SZ714" s="613"/>
      <c r="TA714" s="613"/>
      <c r="TB714" s="613"/>
      <c r="TC714" s="613"/>
      <c r="TD714" s="613"/>
      <c r="TE714" s="613"/>
      <c r="TF714" s="613"/>
      <c r="TG714" s="613"/>
      <c r="TH714" s="613"/>
      <c r="TI714" s="613"/>
      <c r="TJ714" s="613"/>
      <c r="TK714" s="613"/>
      <c r="TL714" s="613"/>
      <c r="TM714" s="613"/>
      <c r="TN714" s="613"/>
      <c r="TO714" s="613"/>
      <c r="TP714" s="613"/>
      <c r="TQ714" s="613"/>
      <c r="TR714" s="613"/>
      <c r="TS714" s="613"/>
      <c r="TT714" s="613"/>
      <c r="TU714" s="613"/>
      <c r="TV714" s="613"/>
      <c r="TW714" s="613"/>
      <c r="TX714" s="613"/>
      <c r="TY714" s="613"/>
      <c r="TZ714" s="613"/>
      <c r="UA714" s="613"/>
      <c r="UB714" s="613"/>
      <c r="UC714" s="613"/>
      <c r="UD714" s="613"/>
      <c r="UE714" s="613"/>
      <c r="UF714" s="613"/>
      <c r="UG714" s="613"/>
      <c r="UH714" s="613"/>
      <c r="UI714" s="613"/>
      <c r="UJ714" s="613"/>
      <c r="UK714" s="613"/>
      <c r="UL714" s="613"/>
      <c r="UM714" s="613"/>
      <c r="UN714" s="613"/>
      <c r="UO714" s="613"/>
      <c r="UP714" s="613"/>
      <c r="UQ714" s="613"/>
      <c r="UR714" s="613"/>
      <c r="US714" s="613"/>
      <c r="UT714" s="613"/>
      <c r="UU714" s="613"/>
      <c r="UV714" s="613"/>
      <c r="UW714" s="613"/>
      <c r="UX714" s="613"/>
      <c r="UY714" s="613"/>
      <c r="UZ714" s="613"/>
      <c r="VA714" s="613"/>
      <c r="VB714" s="613"/>
      <c r="VC714" s="613"/>
      <c r="VD714" s="613"/>
      <c r="VE714" s="613"/>
      <c r="VF714" s="613"/>
      <c r="VG714" s="613"/>
      <c r="VH714" s="613"/>
      <c r="VI714" s="613"/>
      <c r="VJ714" s="613"/>
      <c r="VK714" s="613"/>
      <c r="VL714" s="613"/>
      <c r="VM714" s="613"/>
      <c r="VN714" s="613"/>
      <c r="VO714" s="613"/>
      <c r="VP714" s="613"/>
      <c r="VQ714" s="613"/>
      <c r="VR714" s="613"/>
      <c r="VS714" s="613"/>
      <c r="VT714" s="613"/>
      <c r="VU714" s="613"/>
      <c r="VV714" s="613"/>
      <c r="VW714" s="613"/>
      <c r="VX714" s="613"/>
      <c r="VY714" s="613"/>
      <c r="VZ714" s="613"/>
      <c r="WA714" s="613"/>
      <c r="WB714" s="613"/>
      <c r="WC714" s="613"/>
      <c r="WD714" s="613"/>
      <c r="WE714" s="613"/>
      <c r="WF714" s="613"/>
      <c r="WG714" s="613"/>
      <c r="WH714" s="613"/>
      <c r="WI714" s="613"/>
      <c r="WJ714" s="613"/>
      <c r="WK714" s="613"/>
      <c r="WL714" s="613"/>
      <c r="WM714" s="613"/>
      <c r="WN714" s="613"/>
      <c r="WO714" s="613"/>
      <c r="WP714" s="613"/>
      <c r="WQ714" s="613"/>
      <c r="WR714" s="613"/>
      <c r="WS714" s="613"/>
      <c r="WT714" s="613"/>
      <c r="WU714" s="613"/>
      <c r="WV714" s="613"/>
      <c r="WW714" s="613"/>
      <c r="WX714" s="613"/>
      <c r="WY714" s="613"/>
      <c r="WZ714" s="613"/>
      <c r="XA714" s="613"/>
      <c r="XB714" s="613"/>
      <c r="XC714" s="613"/>
      <c r="XD714" s="613"/>
      <c r="XE714" s="613"/>
      <c r="XF714" s="613"/>
      <c r="XG714" s="613"/>
      <c r="XH714" s="613"/>
      <c r="XI714" s="613"/>
      <c r="XJ714" s="613"/>
      <c r="XK714" s="613"/>
      <c r="XL714" s="613"/>
      <c r="XM714" s="613"/>
      <c r="XN714" s="613"/>
      <c r="XO714" s="613"/>
      <c r="XP714" s="613"/>
      <c r="XQ714" s="613"/>
      <c r="XR714" s="613"/>
      <c r="XS714" s="613"/>
      <c r="XT714" s="613"/>
      <c r="XU714" s="613"/>
      <c r="XV714" s="613"/>
      <c r="XW714" s="613"/>
      <c r="XX714" s="613"/>
      <c r="XY714" s="613"/>
      <c r="XZ714" s="613"/>
      <c r="YA714" s="613"/>
      <c r="YB714" s="613"/>
      <c r="YC714" s="613"/>
      <c r="YD714" s="613"/>
      <c r="YE714" s="613"/>
      <c r="YF714" s="613"/>
      <c r="YG714" s="613"/>
      <c r="YH714" s="613"/>
      <c r="YI714" s="613"/>
      <c r="YJ714" s="613"/>
      <c r="YK714" s="613"/>
      <c r="YL714" s="613"/>
      <c r="YM714" s="613"/>
      <c r="YN714" s="613"/>
      <c r="YO714" s="613"/>
      <c r="YP714" s="613"/>
      <c r="YQ714" s="613"/>
      <c r="YR714" s="613"/>
      <c r="YS714" s="613"/>
      <c r="YT714" s="613"/>
      <c r="YU714" s="613"/>
      <c r="YV714" s="613"/>
      <c r="YW714" s="613"/>
      <c r="YX714" s="613"/>
      <c r="YY714" s="613"/>
      <c r="YZ714" s="613"/>
      <c r="ZA714" s="613"/>
      <c r="ZB714" s="613"/>
      <c r="ZC714" s="613"/>
      <c r="ZD714" s="613"/>
      <c r="ZE714" s="613"/>
      <c r="ZF714" s="613"/>
      <c r="ZG714" s="613"/>
      <c r="ZH714" s="613"/>
      <c r="ZI714" s="613"/>
      <c r="ZJ714" s="613"/>
      <c r="ZK714" s="613"/>
      <c r="ZL714" s="613"/>
      <c r="ZM714" s="613"/>
      <c r="ZN714" s="613"/>
      <c r="ZO714" s="613"/>
      <c r="ZP714" s="613"/>
      <c r="ZQ714" s="613"/>
      <c r="ZR714" s="613"/>
      <c r="ZS714" s="613"/>
      <c r="ZT714" s="613"/>
      <c r="ZU714" s="613"/>
      <c r="ZV714" s="613"/>
      <c r="ZW714" s="613"/>
      <c r="ZX714" s="613"/>
      <c r="ZY714" s="613"/>
      <c r="ZZ714" s="613"/>
      <c r="AAA714" s="613"/>
      <c r="AAB714" s="613"/>
      <c r="AAC714" s="613"/>
      <c r="AAD714" s="613"/>
      <c r="AAE714" s="613"/>
      <c r="AAF714" s="613"/>
      <c r="AAG714" s="613"/>
      <c r="AAH714" s="613"/>
      <c r="AAI714" s="613"/>
      <c r="AAJ714" s="613"/>
      <c r="AAK714" s="613"/>
      <c r="AAL714" s="613"/>
      <c r="AAM714" s="613"/>
      <c r="AAN714" s="613"/>
      <c r="AAO714" s="613"/>
      <c r="AAP714" s="613"/>
      <c r="AAQ714" s="613"/>
      <c r="AAR714" s="613"/>
      <c r="AAS714" s="613"/>
      <c r="AAT714" s="613"/>
      <c r="AAU714" s="613"/>
      <c r="AAV714" s="613"/>
      <c r="AAW714" s="613"/>
      <c r="AAX714" s="613"/>
      <c r="AAY714" s="613"/>
      <c r="AAZ714" s="613"/>
      <c r="ABA714" s="613"/>
      <c r="ABB714" s="613"/>
      <c r="ABC714" s="613"/>
      <c r="ABD714" s="613"/>
      <c r="ABE714" s="613"/>
      <c r="ABF714" s="613"/>
      <c r="ABG714" s="613"/>
      <c r="ABH714" s="613"/>
      <c r="ABI714" s="613"/>
      <c r="ABJ714" s="613"/>
      <c r="ABK714" s="613"/>
      <c r="ABL714" s="613"/>
      <c r="ABM714" s="613"/>
      <c r="ABN714" s="613"/>
      <c r="ABO714" s="613"/>
      <c r="ABP714" s="613"/>
      <c r="ABQ714" s="613"/>
      <c r="ABR714" s="613"/>
      <c r="ABS714" s="613"/>
      <c r="ABT714" s="613"/>
      <c r="ABU714" s="613"/>
      <c r="ABV714" s="613"/>
      <c r="ABW714" s="613"/>
      <c r="ABX714" s="613"/>
      <c r="ABY714" s="613"/>
      <c r="ABZ714" s="613"/>
      <c r="ACA714" s="613"/>
      <c r="ACB714" s="613"/>
      <c r="ACC714" s="613"/>
      <c r="ACD714" s="613"/>
      <c r="ACE714" s="613"/>
      <c r="ACF714" s="613"/>
      <c r="ACG714" s="613"/>
      <c r="ACH714" s="613"/>
      <c r="ACI714" s="613"/>
      <c r="ACJ714" s="613"/>
      <c r="ACK714" s="613"/>
      <c r="ACL714" s="613"/>
      <c r="ACM714" s="613"/>
      <c r="ACN714" s="613"/>
      <c r="ACO714" s="613"/>
      <c r="ACP714" s="613"/>
      <c r="ACQ714" s="613"/>
      <c r="ACR714" s="613"/>
      <c r="ACS714" s="613"/>
      <c r="ACT714" s="613"/>
      <c r="ACU714" s="613"/>
      <c r="ACV714" s="613"/>
      <c r="ACW714" s="613"/>
      <c r="ACX714" s="613"/>
      <c r="ACY714" s="613"/>
      <c r="ACZ714" s="613"/>
      <c r="ADA714" s="613"/>
      <c r="ADB714" s="613"/>
      <c r="ADC714" s="613"/>
      <c r="ADD714" s="613"/>
      <c r="ADE714" s="613"/>
      <c r="ADF714" s="613"/>
      <c r="ADG714" s="613"/>
      <c r="ADH714" s="613"/>
      <c r="ADI714" s="613"/>
      <c r="ADJ714" s="613"/>
      <c r="ADK714" s="613"/>
      <c r="ADL714" s="613"/>
      <c r="ADM714" s="613"/>
      <c r="ADN714" s="613"/>
      <c r="ADO714" s="613"/>
      <c r="ADP714" s="613"/>
      <c r="ADQ714" s="613"/>
      <c r="ADR714" s="613"/>
      <c r="ADS714" s="613"/>
      <c r="ADT714" s="613"/>
      <c r="ADU714" s="613"/>
      <c r="ADV714" s="613"/>
      <c r="ADW714" s="613"/>
      <c r="ADX714" s="613"/>
      <c r="ADY714" s="613"/>
      <c r="ADZ714" s="613"/>
      <c r="AEA714" s="613"/>
      <c r="AEB714" s="613"/>
      <c r="AEC714" s="613"/>
      <c r="AED714" s="613"/>
      <c r="AEE714" s="613"/>
      <c r="AEF714" s="613"/>
      <c r="AEG714" s="613"/>
      <c r="AEH714" s="613"/>
      <c r="AEI714" s="613"/>
      <c r="AEJ714" s="613"/>
      <c r="AEK714" s="613"/>
      <c r="AEL714" s="613"/>
      <c r="AEM714" s="613"/>
      <c r="AEN714" s="613"/>
      <c r="AEO714" s="613"/>
      <c r="AEP714" s="613"/>
      <c r="AEQ714" s="613"/>
      <c r="AER714" s="613"/>
      <c r="AES714" s="613"/>
      <c r="AET714" s="613"/>
      <c r="AEU714" s="613"/>
      <c r="AEV714" s="613"/>
      <c r="AEW714" s="613"/>
      <c r="AEX714" s="613"/>
      <c r="AEY714" s="613"/>
      <c r="AEZ714" s="613"/>
      <c r="AFA714" s="613"/>
      <c r="AFB714" s="613"/>
      <c r="AFC714" s="613"/>
      <c r="AFD714" s="613"/>
      <c r="AFE714" s="613"/>
      <c r="AFF714" s="613"/>
      <c r="AFG714" s="613"/>
      <c r="AFH714" s="613"/>
      <c r="AFI714" s="613"/>
      <c r="AFJ714" s="613"/>
      <c r="AFK714" s="613"/>
      <c r="AFL714" s="613"/>
      <c r="AFM714" s="613"/>
      <c r="AFN714" s="613"/>
      <c r="AFO714" s="613"/>
      <c r="AFP714" s="613"/>
      <c r="AFQ714" s="613"/>
      <c r="AFR714" s="613"/>
      <c r="AFS714" s="613"/>
      <c r="AFT714" s="613"/>
      <c r="AFU714" s="613"/>
      <c r="AFV714" s="613"/>
      <c r="AFW714" s="613"/>
      <c r="AFX714" s="613"/>
      <c r="AFY714" s="613"/>
      <c r="AFZ714" s="613"/>
      <c r="AGA714" s="613"/>
      <c r="AGB714" s="613"/>
      <c r="AGC714" s="613"/>
      <c r="AGD714" s="613"/>
      <c r="AGE714" s="613"/>
      <c r="AGF714" s="613"/>
      <c r="AGG714" s="613"/>
      <c r="AGH714" s="613"/>
      <c r="AGI714" s="613"/>
      <c r="AGJ714" s="613"/>
      <c r="AGK714" s="613"/>
      <c r="AGL714" s="613"/>
      <c r="AGM714" s="613"/>
      <c r="AGN714" s="613"/>
      <c r="AGO714" s="613"/>
      <c r="AGP714" s="613"/>
      <c r="AGQ714" s="613"/>
      <c r="AGR714" s="613"/>
      <c r="AGS714" s="613"/>
      <c r="AGT714" s="613"/>
      <c r="AGU714" s="613"/>
      <c r="AGV714" s="613"/>
      <c r="AGW714" s="613"/>
      <c r="AGX714" s="613"/>
      <c r="AGY714" s="613"/>
      <c r="AGZ714" s="613"/>
      <c r="AHA714" s="613"/>
      <c r="AHB714" s="613"/>
      <c r="AHC714" s="613"/>
      <c r="AHD714" s="613"/>
      <c r="AHE714" s="613"/>
      <c r="AHF714" s="613"/>
      <c r="AHG714" s="613"/>
      <c r="AHH714" s="613"/>
      <c r="AHI714" s="613"/>
      <c r="AHJ714" s="613"/>
      <c r="AHK714" s="613"/>
      <c r="AHL714" s="613"/>
      <c r="AHM714" s="613"/>
      <c r="AHN714" s="613"/>
      <c r="AHO714" s="613"/>
      <c r="AHP714" s="613"/>
      <c r="AHQ714" s="613"/>
      <c r="AHR714" s="613"/>
      <c r="AHS714" s="613"/>
      <c r="AHT714" s="613"/>
      <c r="AHU714" s="613"/>
      <c r="AHV714" s="613"/>
      <c r="AHW714" s="613"/>
      <c r="AHX714" s="613"/>
      <c r="AHY714" s="613"/>
      <c r="AHZ714" s="613"/>
      <c r="AIA714" s="613"/>
      <c r="AIB714" s="613"/>
      <c r="AIC714" s="613"/>
      <c r="AID714" s="613"/>
      <c r="AIE714" s="613"/>
      <c r="AIF714" s="613"/>
      <c r="AIG714" s="613"/>
      <c r="AIH714" s="613"/>
      <c r="AII714" s="613"/>
      <c r="AIJ714" s="613"/>
      <c r="AIK714" s="613"/>
      <c r="AIL714" s="613"/>
      <c r="AIM714" s="613"/>
      <c r="AIN714" s="613"/>
      <c r="AIO714" s="613"/>
      <c r="AIP714" s="613"/>
      <c r="AIQ714" s="613"/>
      <c r="AIR714" s="613"/>
      <c r="AIS714" s="613"/>
      <c r="AIT714" s="613"/>
      <c r="AIU714" s="613"/>
      <c r="AIV714" s="613"/>
      <c r="AIW714" s="613"/>
      <c r="AIX714" s="613"/>
      <c r="AIY714" s="613"/>
      <c r="AIZ714" s="613"/>
      <c r="AJA714" s="613"/>
      <c r="AJB714" s="613"/>
      <c r="AJC714" s="613"/>
      <c r="AJD714" s="613"/>
      <c r="AJE714" s="613"/>
      <c r="AJF714" s="613"/>
      <c r="AJG714" s="613"/>
      <c r="AJH714" s="613"/>
      <c r="AJI714" s="613"/>
      <c r="AJJ714" s="613"/>
      <c r="AJK714" s="613"/>
      <c r="AJL714" s="613"/>
      <c r="AJM714" s="613"/>
      <c r="AJN714" s="613"/>
      <c r="AJO714" s="613"/>
      <c r="AJP714" s="613"/>
      <c r="AJQ714" s="613"/>
      <c r="AJR714" s="613"/>
      <c r="AJS714" s="613"/>
      <c r="AJT714" s="613"/>
      <c r="AJU714" s="613"/>
      <c r="AJV714" s="613"/>
      <c r="AJW714" s="613"/>
      <c r="AJX714" s="613"/>
      <c r="AJY714" s="613"/>
      <c r="AJZ714" s="613"/>
      <c r="AKA714" s="613"/>
      <c r="AKB714" s="613"/>
      <c r="AKC714" s="613"/>
      <c r="AKD714" s="613"/>
      <c r="AKE714" s="613"/>
      <c r="AKF714" s="613"/>
      <c r="AKG714" s="613"/>
      <c r="AKH714" s="613"/>
      <c r="AKI714" s="613"/>
      <c r="AKJ714" s="613"/>
      <c r="AKK714" s="613"/>
      <c r="AKL714" s="613"/>
      <c r="AKM714" s="613"/>
      <c r="AKN714" s="613"/>
      <c r="AKO714" s="613"/>
      <c r="AKP714" s="613"/>
      <c r="AKQ714" s="613"/>
      <c r="AKR714" s="613"/>
      <c r="AKS714" s="613"/>
      <c r="AKT714" s="613"/>
      <c r="AKU714" s="613"/>
      <c r="AKV714" s="613"/>
      <c r="AKW714" s="613"/>
      <c r="AKX714" s="613"/>
      <c r="AKY714" s="613"/>
      <c r="AKZ714" s="613"/>
      <c r="ALA714" s="613"/>
      <c r="ALB714" s="613"/>
      <c r="ALC714" s="613"/>
      <c r="ALD714" s="613"/>
      <c r="ALE714" s="613"/>
      <c r="ALF714" s="613"/>
      <c r="ALG714" s="613"/>
      <c r="ALH714" s="613"/>
      <c r="ALI714" s="613"/>
      <c r="ALJ714" s="613"/>
      <c r="ALK714" s="613"/>
      <c r="ALL714" s="613"/>
      <c r="ALM714" s="613"/>
      <c r="ALN714" s="613"/>
      <c r="ALO714" s="613"/>
      <c r="ALP714" s="613"/>
      <c r="ALQ714" s="613"/>
      <c r="ALR714" s="613"/>
      <c r="ALS714" s="613"/>
      <c r="ALT714" s="613"/>
      <c r="ALU714" s="613"/>
      <c r="ALV714" s="613"/>
      <c r="ALW714" s="613"/>
      <c r="ALX714" s="613"/>
      <c r="ALY714" s="613"/>
      <c r="ALZ714" s="613"/>
      <c r="AMA714" s="613"/>
      <c r="AMB714" s="613"/>
      <c r="AMC714" s="613"/>
      <c r="AMD714" s="613"/>
      <c r="AME714" s="613"/>
      <c r="AMF714" s="613"/>
      <c r="AMG714" s="613"/>
      <c r="AMH714" s="613"/>
      <c r="AMI714" s="613"/>
      <c r="AMJ714" s="613"/>
      <c r="AMK714" s="613"/>
      <c r="AML714" s="613"/>
      <c r="AMM714" s="613"/>
      <c r="AMN714" s="613"/>
      <c r="AMO714" s="613"/>
      <c r="AMP714" s="613"/>
      <c r="AMQ714" s="613"/>
      <c r="AMR714" s="613"/>
      <c r="AMS714" s="613"/>
      <c r="AMT714" s="613"/>
      <c r="AMU714" s="613"/>
      <c r="AMV714" s="613"/>
      <c r="AMW714" s="613"/>
      <c r="AMX714" s="613"/>
      <c r="AMY714" s="613"/>
      <c r="AMZ714" s="613"/>
      <c r="ANA714" s="613"/>
      <c r="ANB714" s="613"/>
      <c r="ANC714" s="613"/>
      <c r="AND714" s="613"/>
      <c r="ANE714" s="613"/>
      <c r="ANF714" s="613"/>
      <c r="ANG714" s="613"/>
      <c r="ANH714" s="613"/>
      <c r="ANI714" s="613"/>
      <c r="ANJ714" s="613"/>
      <c r="ANK714" s="613"/>
      <c r="ANL714" s="613"/>
      <c r="ANM714" s="613"/>
      <c r="ANN714" s="613"/>
      <c r="ANO714" s="613"/>
      <c r="ANP714" s="613"/>
      <c r="ANQ714" s="613"/>
      <c r="ANR714" s="613"/>
      <c r="ANS714" s="613"/>
      <c r="ANT714" s="613"/>
      <c r="ANU714" s="613"/>
      <c r="ANV714" s="613"/>
      <c r="ANW714" s="613"/>
      <c r="ANX714" s="613"/>
      <c r="ANY714" s="613"/>
      <c r="ANZ714" s="613"/>
      <c r="AOA714" s="613"/>
      <c r="AOB714" s="613"/>
      <c r="AOC714" s="613"/>
      <c r="AOD714" s="613"/>
      <c r="AOE714" s="613"/>
      <c r="AOF714" s="613"/>
      <c r="AOG714" s="613"/>
      <c r="AOH714" s="613"/>
      <c r="AOI714" s="613"/>
      <c r="AOJ714" s="613"/>
      <c r="AOK714" s="613"/>
      <c r="AOL714" s="613"/>
      <c r="AOM714" s="613"/>
      <c r="AON714" s="613"/>
      <c r="AOO714" s="613"/>
      <c r="AOP714" s="613"/>
      <c r="AOQ714" s="613"/>
      <c r="AOR714" s="613"/>
      <c r="AOS714" s="613"/>
      <c r="AOT714" s="613"/>
      <c r="AOU714" s="613"/>
      <c r="AOV714" s="613"/>
      <c r="AOW714" s="613"/>
      <c r="AOX714" s="613"/>
      <c r="AOY714" s="613"/>
      <c r="AOZ714" s="613"/>
      <c r="APA714" s="613"/>
      <c r="APB714" s="613"/>
      <c r="APC714" s="613"/>
      <c r="APD714" s="613"/>
      <c r="APE714" s="613"/>
      <c r="APF714" s="613"/>
      <c r="APG714" s="613"/>
      <c r="APH714" s="613"/>
      <c r="API714" s="613"/>
      <c r="APJ714" s="613"/>
      <c r="APK714" s="613"/>
      <c r="APL714" s="613"/>
      <c r="APM714" s="613"/>
      <c r="APN714" s="613"/>
      <c r="APO714" s="613"/>
      <c r="APP714" s="613"/>
      <c r="APQ714" s="613"/>
      <c r="APR714" s="613"/>
      <c r="APS714" s="613"/>
      <c r="APT714" s="613"/>
      <c r="APU714" s="613"/>
      <c r="APV714" s="613"/>
      <c r="APW714" s="613"/>
      <c r="APX714" s="613"/>
      <c r="APY714" s="613"/>
      <c r="APZ714" s="613"/>
      <c r="AQA714" s="613"/>
      <c r="AQB714" s="613"/>
      <c r="AQC714" s="613"/>
      <c r="AQD714" s="613"/>
      <c r="AQE714" s="613"/>
      <c r="AQF714" s="613"/>
      <c r="AQG714" s="613"/>
      <c r="AQH714" s="613"/>
      <c r="AQI714" s="613"/>
      <c r="AQJ714" s="613"/>
      <c r="AQK714" s="613"/>
      <c r="AQL714" s="613"/>
      <c r="AQM714" s="613"/>
      <c r="AQN714" s="613"/>
      <c r="AQO714" s="613"/>
      <c r="AQP714" s="613"/>
      <c r="AQQ714" s="613"/>
      <c r="AQR714" s="613"/>
      <c r="AQS714" s="613"/>
      <c r="AQT714" s="613"/>
      <c r="AQU714" s="613"/>
      <c r="AQV714" s="613"/>
      <c r="AQW714" s="613"/>
      <c r="AQX714" s="613"/>
      <c r="AQY714" s="613"/>
      <c r="AQZ714" s="613"/>
      <c r="ARA714" s="613"/>
      <c r="ARB714" s="613"/>
      <c r="ARC714" s="613"/>
      <c r="ARD714" s="613"/>
      <c r="ARE714" s="613"/>
      <c r="ARF714" s="613"/>
      <c r="ARG714" s="613"/>
      <c r="ARH714" s="613"/>
      <c r="ARI714" s="613"/>
      <c r="ARJ714" s="613"/>
      <c r="ARK714" s="613"/>
      <c r="ARL714" s="613"/>
      <c r="ARM714" s="613"/>
      <c r="ARN714" s="613"/>
      <c r="ARO714" s="613"/>
      <c r="ARP714" s="613"/>
      <c r="ARQ714" s="613"/>
      <c r="ARR714" s="613"/>
      <c r="ARS714" s="613"/>
      <c r="ART714" s="613"/>
      <c r="ARU714" s="613"/>
      <c r="ARV714" s="613"/>
      <c r="ARW714" s="613"/>
      <c r="ARX714" s="613"/>
      <c r="ARY714" s="613"/>
      <c r="ARZ714" s="613"/>
      <c r="ASA714" s="613"/>
      <c r="ASB714" s="613"/>
      <c r="ASC714" s="613"/>
      <c r="ASD714" s="613"/>
      <c r="ASE714" s="613"/>
      <c r="ASF714" s="613"/>
      <c r="ASG714" s="613"/>
      <c r="ASH714" s="613"/>
      <c r="ASI714" s="613"/>
      <c r="ASJ714" s="613"/>
      <c r="ASK714" s="613"/>
      <c r="ASL714" s="613"/>
      <c r="ASM714" s="613"/>
      <c r="ASN714" s="613"/>
      <c r="ASO714" s="613"/>
      <c r="ASP714" s="613"/>
      <c r="ASQ714" s="613"/>
      <c r="ASR714" s="613"/>
      <c r="ASS714" s="613"/>
      <c r="AST714" s="613"/>
      <c r="ASU714" s="613"/>
      <c r="ASV714" s="613"/>
      <c r="ASW714" s="613"/>
      <c r="ASX714" s="613"/>
      <c r="ASY714" s="613"/>
      <c r="ASZ714" s="613"/>
      <c r="ATA714" s="613"/>
      <c r="ATB714" s="613"/>
      <c r="ATC714" s="613"/>
      <c r="ATD714" s="613"/>
      <c r="ATE714" s="613"/>
      <c r="ATF714" s="613"/>
      <c r="ATG714" s="613"/>
      <c r="ATH714" s="613"/>
      <c r="ATI714" s="613"/>
      <c r="ATJ714" s="613"/>
      <c r="ATK714" s="613"/>
      <c r="ATL714" s="613"/>
      <c r="ATM714" s="613"/>
      <c r="ATN714" s="613"/>
      <c r="ATO714" s="613"/>
      <c r="ATP714" s="613"/>
      <c r="ATQ714" s="613"/>
      <c r="ATR714" s="613"/>
      <c r="ATS714" s="613"/>
      <c r="ATT714" s="613"/>
      <c r="ATU714" s="613"/>
      <c r="ATV714" s="613"/>
      <c r="ATW714" s="613"/>
      <c r="ATX714" s="613"/>
      <c r="ATY714" s="613"/>
      <c r="ATZ714" s="613"/>
      <c r="AUA714" s="613"/>
      <c r="AUB714" s="613"/>
      <c r="AUC714" s="613"/>
      <c r="AUD714" s="613"/>
      <c r="AUE714" s="613"/>
      <c r="AUF714" s="613"/>
      <c r="AUG714" s="613"/>
      <c r="AUH714" s="613"/>
      <c r="AUI714" s="613"/>
      <c r="AUJ714" s="613"/>
      <c r="AUK714" s="613"/>
      <c r="AUL714" s="613"/>
      <c r="AUM714" s="613"/>
      <c r="AUN714" s="613"/>
      <c r="AUO714" s="613"/>
      <c r="AUP714" s="613"/>
      <c r="AUQ714" s="613"/>
      <c r="AUR714" s="613"/>
      <c r="AUS714" s="613"/>
      <c r="AUT714" s="613"/>
      <c r="AUU714" s="613"/>
      <c r="AUV714" s="613"/>
      <c r="AUW714" s="613"/>
      <c r="AUX714" s="613"/>
      <c r="AUY714" s="613"/>
      <c r="AUZ714" s="613"/>
      <c r="AVA714" s="613"/>
      <c r="AVB714" s="613"/>
      <c r="AVC714" s="613"/>
      <c r="AVD714" s="613"/>
      <c r="AVE714" s="613"/>
      <c r="AVF714" s="613"/>
      <c r="AVG714" s="613"/>
      <c r="AVH714" s="613"/>
      <c r="AVI714" s="613"/>
      <c r="AVJ714" s="613"/>
      <c r="AVK714" s="613"/>
      <c r="AVL714" s="613"/>
      <c r="AVM714" s="613"/>
      <c r="AVN714" s="613"/>
      <c r="AVO714" s="613"/>
      <c r="AVP714" s="613"/>
      <c r="AVQ714" s="613"/>
      <c r="AVR714" s="613"/>
      <c r="AVS714" s="613"/>
      <c r="AVT714" s="613"/>
      <c r="AVU714" s="613"/>
      <c r="AVV714" s="613"/>
      <c r="AVW714" s="613"/>
      <c r="AVX714" s="613"/>
      <c r="AVY714" s="613"/>
      <c r="AVZ714" s="613"/>
      <c r="AWA714" s="613"/>
      <c r="AWB714" s="613"/>
      <c r="AWC714" s="613"/>
      <c r="AWD714" s="613"/>
      <c r="AWE714" s="613"/>
      <c r="AWF714" s="613"/>
      <c r="AWG714" s="613"/>
      <c r="AWH714" s="613"/>
      <c r="AWI714" s="613"/>
      <c r="AWJ714" s="613"/>
      <c r="AWK714" s="613"/>
      <c r="AWL714" s="613"/>
      <c r="AWM714" s="613"/>
      <c r="AWN714" s="613"/>
      <c r="AWO714" s="613"/>
      <c r="AWP714" s="613"/>
      <c r="AWQ714" s="613"/>
      <c r="AWR714" s="613"/>
      <c r="AWS714" s="613"/>
      <c r="AWT714" s="613"/>
      <c r="AWU714" s="613"/>
      <c r="AWV714" s="613"/>
      <c r="AWW714" s="613"/>
      <c r="AWX714" s="613"/>
      <c r="AWY714" s="613"/>
      <c r="AWZ714" s="613"/>
      <c r="AXA714" s="613"/>
      <c r="AXB714" s="613"/>
      <c r="AXC714" s="613"/>
      <c r="AXD714" s="613"/>
      <c r="AXE714" s="613"/>
      <c r="AXF714" s="613"/>
      <c r="AXG714" s="613"/>
      <c r="AXH714" s="613"/>
      <c r="AXI714" s="613"/>
      <c r="AXJ714" s="613"/>
      <c r="AXK714" s="613"/>
      <c r="AXL714" s="613"/>
      <c r="AXM714" s="613"/>
      <c r="AXN714" s="613"/>
      <c r="AXO714" s="613"/>
      <c r="AXP714" s="613"/>
      <c r="AXQ714" s="613"/>
      <c r="AXR714" s="613"/>
      <c r="AXS714" s="613"/>
      <c r="AXT714" s="613"/>
      <c r="AXU714" s="613"/>
      <c r="AXV714" s="613"/>
      <c r="AXW714" s="613"/>
      <c r="AXX714" s="613"/>
      <c r="AXY714" s="613"/>
      <c r="AXZ714" s="613"/>
      <c r="AYA714" s="613"/>
      <c r="AYB714" s="613"/>
      <c r="AYC714" s="613"/>
      <c r="AYD714" s="613"/>
      <c r="AYE714" s="613"/>
      <c r="AYF714" s="613"/>
      <c r="AYG714" s="613"/>
      <c r="AYH714" s="613"/>
      <c r="AYI714" s="613"/>
      <c r="AYJ714" s="613"/>
      <c r="AYK714" s="613"/>
      <c r="AYL714" s="613"/>
      <c r="AYM714" s="613"/>
      <c r="AYN714" s="613"/>
      <c r="AYO714" s="613"/>
      <c r="AYP714" s="613"/>
      <c r="AYQ714" s="613"/>
      <c r="AYR714" s="613"/>
      <c r="AYS714" s="613"/>
      <c r="AYT714" s="613"/>
      <c r="AYU714" s="613"/>
      <c r="AYV714" s="613"/>
      <c r="AYW714" s="613"/>
      <c r="AYX714" s="613"/>
      <c r="AYY714" s="613"/>
      <c r="AYZ714" s="613"/>
      <c r="AZA714" s="613"/>
      <c r="AZB714" s="613"/>
      <c r="AZC714" s="613"/>
      <c r="AZD714" s="613"/>
      <c r="AZE714" s="613"/>
      <c r="AZF714" s="613"/>
      <c r="AZG714" s="613"/>
      <c r="AZH714" s="613"/>
      <c r="AZI714" s="613"/>
      <c r="AZJ714" s="613"/>
      <c r="AZK714" s="613"/>
      <c r="AZL714" s="613"/>
      <c r="AZM714" s="613"/>
      <c r="AZN714" s="613"/>
      <c r="AZO714" s="613"/>
      <c r="AZP714" s="613"/>
      <c r="AZQ714" s="613"/>
      <c r="AZR714" s="613"/>
      <c r="AZS714" s="613"/>
      <c r="AZT714" s="613"/>
      <c r="AZU714" s="613"/>
      <c r="AZV714" s="613"/>
      <c r="AZW714" s="613"/>
      <c r="AZX714" s="613"/>
      <c r="AZY714" s="613"/>
      <c r="AZZ714" s="613"/>
      <c r="BAA714" s="613"/>
      <c r="BAB714" s="613"/>
      <c r="BAC714" s="613"/>
      <c r="BAD714" s="613"/>
      <c r="BAE714" s="613"/>
      <c r="BAF714" s="613"/>
      <c r="BAG714" s="613"/>
      <c r="BAH714" s="613"/>
      <c r="BAI714" s="613"/>
      <c r="BAJ714" s="613"/>
      <c r="BAK714" s="613"/>
      <c r="BAL714" s="613"/>
      <c r="BAM714" s="613"/>
      <c r="BAN714" s="613"/>
      <c r="BAO714" s="613"/>
      <c r="BAP714" s="613"/>
      <c r="BAQ714" s="613"/>
      <c r="BAR714" s="613"/>
      <c r="BAS714" s="613"/>
      <c r="BAT714" s="613"/>
      <c r="BAU714" s="613"/>
      <c r="BAV714" s="613"/>
      <c r="BAW714" s="613"/>
      <c r="BAX714" s="613"/>
      <c r="BAY714" s="613"/>
      <c r="BAZ714" s="613"/>
      <c r="BBA714" s="613"/>
      <c r="BBB714" s="613"/>
      <c r="BBC714" s="613"/>
      <c r="BBD714" s="613"/>
      <c r="BBE714" s="613"/>
      <c r="BBF714" s="613"/>
      <c r="BBG714" s="613"/>
      <c r="BBH714" s="613"/>
      <c r="BBI714" s="613"/>
      <c r="BBJ714" s="613"/>
      <c r="BBK714" s="613"/>
      <c r="BBL714" s="613"/>
      <c r="BBM714" s="613"/>
      <c r="BBN714" s="613"/>
      <c r="BBO714" s="613"/>
      <c r="BBP714" s="613"/>
      <c r="BBQ714" s="613"/>
      <c r="BBR714" s="613"/>
      <c r="BBS714" s="613"/>
      <c r="BBT714" s="613"/>
      <c r="BBU714" s="613"/>
      <c r="BBV714" s="613"/>
      <c r="BBW714" s="613"/>
      <c r="BBX714" s="613"/>
      <c r="BBY714" s="613"/>
      <c r="BBZ714" s="613"/>
      <c r="BCA714" s="613"/>
      <c r="BCB714" s="613"/>
      <c r="BCC714" s="613"/>
      <c r="BCD714" s="613"/>
      <c r="BCE714" s="613"/>
      <c r="BCF714" s="613"/>
      <c r="BCG714" s="613"/>
      <c r="BCH714" s="613"/>
      <c r="BCI714" s="613"/>
      <c r="BCJ714" s="613"/>
      <c r="BCK714" s="613"/>
      <c r="BCL714" s="613"/>
      <c r="BCM714" s="613"/>
      <c r="BCN714" s="613"/>
      <c r="BCO714" s="613"/>
      <c r="BCP714" s="613"/>
      <c r="BCQ714" s="613"/>
      <c r="BCR714" s="613"/>
      <c r="BCS714" s="613"/>
      <c r="BCT714" s="613"/>
      <c r="BCU714" s="613"/>
      <c r="BCV714" s="613"/>
      <c r="BCW714" s="613"/>
      <c r="BCX714" s="613"/>
      <c r="BCY714" s="613"/>
      <c r="BCZ714" s="613"/>
      <c r="BDA714" s="613"/>
      <c r="BDB714" s="613"/>
      <c r="BDC714" s="613"/>
      <c r="BDD714" s="613"/>
      <c r="BDE714" s="613"/>
      <c r="BDF714" s="613"/>
      <c r="BDG714" s="613"/>
      <c r="BDH714" s="613"/>
      <c r="BDI714" s="613"/>
      <c r="BDJ714" s="613"/>
      <c r="BDK714" s="613"/>
      <c r="BDL714" s="613"/>
      <c r="BDM714" s="613"/>
      <c r="BDN714" s="613"/>
      <c r="BDO714" s="613"/>
      <c r="BDP714" s="613"/>
      <c r="BDQ714" s="613"/>
      <c r="BDR714" s="613"/>
      <c r="BDS714" s="613"/>
      <c r="BDT714" s="613"/>
      <c r="BDU714" s="613"/>
      <c r="BDV714" s="613"/>
      <c r="BDW714" s="613"/>
      <c r="BDX714" s="613"/>
      <c r="BDY714" s="613"/>
      <c r="BDZ714" s="613"/>
      <c r="BEA714" s="613"/>
      <c r="BEB714" s="613"/>
      <c r="BEC714" s="613"/>
      <c r="BED714" s="613"/>
      <c r="BEE714" s="613"/>
      <c r="BEF714" s="613"/>
      <c r="BEG714" s="613"/>
      <c r="BEH714" s="613"/>
      <c r="BEI714" s="613"/>
      <c r="BEJ714" s="613"/>
      <c r="BEK714" s="613"/>
      <c r="BEL714" s="613"/>
      <c r="BEM714" s="613"/>
      <c r="BEN714" s="613"/>
      <c r="BEO714" s="613"/>
      <c r="BEP714" s="613"/>
      <c r="BEQ714" s="613"/>
      <c r="BER714" s="613"/>
      <c r="BES714" s="613"/>
      <c r="BET714" s="613"/>
      <c r="BEU714" s="613"/>
      <c r="BEV714" s="613"/>
      <c r="BEW714" s="613"/>
      <c r="BEX714" s="613"/>
      <c r="BEY714" s="613"/>
      <c r="BEZ714" s="613"/>
      <c r="BFA714" s="613"/>
      <c r="BFB714" s="613"/>
      <c r="BFC714" s="613"/>
      <c r="BFD714" s="613"/>
      <c r="BFE714" s="613"/>
      <c r="BFF714" s="613"/>
      <c r="BFG714" s="613"/>
      <c r="BFH714" s="613"/>
      <c r="BFI714" s="613"/>
      <c r="BFJ714" s="613"/>
      <c r="BFK714" s="613"/>
      <c r="BFL714" s="613"/>
      <c r="BFM714" s="613"/>
      <c r="BFN714" s="613"/>
      <c r="BFO714" s="613"/>
      <c r="BFP714" s="613"/>
      <c r="BFQ714" s="613"/>
      <c r="BFR714" s="613"/>
      <c r="BFS714" s="613"/>
      <c r="BFT714" s="613"/>
      <c r="BFU714" s="613"/>
      <c r="BFV714" s="613"/>
      <c r="BFW714" s="613"/>
      <c r="BFX714" s="613"/>
      <c r="BFY714" s="613"/>
      <c r="BFZ714" s="613"/>
      <c r="BGA714" s="613"/>
      <c r="BGB714" s="613"/>
      <c r="BGC714" s="613"/>
      <c r="BGD714" s="613"/>
      <c r="BGE714" s="613"/>
      <c r="BGF714" s="613"/>
      <c r="BGG714" s="613"/>
      <c r="BGH714" s="613"/>
      <c r="BGI714" s="613"/>
      <c r="BGJ714" s="613"/>
      <c r="BGK714" s="613"/>
      <c r="BGL714" s="613"/>
      <c r="BGM714" s="613"/>
      <c r="BGN714" s="613"/>
      <c r="BGO714" s="613"/>
      <c r="BGP714" s="613"/>
      <c r="BGQ714" s="613"/>
      <c r="BGR714" s="613"/>
      <c r="BGS714" s="613"/>
      <c r="BGT714" s="613"/>
      <c r="BGU714" s="613"/>
      <c r="BGV714" s="613"/>
      <c r="BGW714" s="613"/>
      <c r="BGX714" s="613"/>
      <c r="BGY714" s="613"/>
      <c r="BGZ714" s="613"/>
      <c r="BHA714" s="613"/>
      <c r="BHB714" s="613"/>
      <c r="BHC714" s="613"/>
      <c r="BHD714" s="613"/>
      <c r="BHE714" s="613"/>
      <c r="BHF714" s="613"/>
      <c r="BHG714" s="613"/>
      <c r="BHH714" s="613"/>
      <c r="BHI714" s="613"/>
      <c r="BHJ714" s="613"/>
      <c r="BHK714" s="613"/>
      <c r="BHL714" s="613"/>
      <c r="BHM714" s="613"/>
      <c r="BHN714" s="613"/>
      <c r="BHO714" s="613"/>
      <c r="BHP714" s="613"/>
      <c r="BHQ714" s="613"/>
      <c r="BHR714" s="613"/>
      <c r="BHS714" s="613"/>
      <c r="BHT714" s="613"/>
      <c r="BHU714" s="613"/>
      <c r="BHV714" s="613"/>
      <c r="BHW714" s="613"/>
      <c r="BHX714" s="613"/>
      <c r="BHY714" s="613"/>
      <c r="BHZ714" s="613"/>
      <c r="BIA714" s="613"/>
      <c r="BIB714" s="613"/>
      <c r="BIC714" s="613"/>
      <c r="BID714" s="613"/>
      <c r="BIE714" s="613"/>
      <c r="BIF714" s="613"/>
      <c r="BIG714" s="613"/>
      <c r="BIH714" s="613"/>
      <c r="BII714" s="613"/>
      <c r="BIJ714" s="613"/>
      <c r="BIK714" s="613"/>
      <c r="BIL714" s="613"/>
      <c r="BIM714" s="613"/>
      <c r="BIN714" s="613"/>
      <c r="BIO714" s="613"/>
      <c r="BIP714" s="613"/>
      <c r="BIQ714" s="613"/>
      <c r="BIR714" s="613"/>
      <c r="BIS714" s="613"/>
      <c r="BIT714" s="613"/>
      <c r="BIU714" s="613"/>
      <c r="BIV714" s="613"/>
      <c r="BIW714" s="613"/>
      <c r="BIX714" s="613"/>
      <c r="BIY714" s="613"/>
      <c r="BIZ714" s="613"/>
      <c r="BJA714" s="613"/>
      <c r="BJB714" s="613"/>
      <c r="BJC714" s="613"/>
      <c r="BJD714" s="613"/>
      <c r="BJE714" s="613"/>
      <c r="BJF714" s="613"/>
      <c r="BJG714" s="613"/>
      <c r="BJH714" s="613"/>
      <c r="BJI714" s="613"/>
      <c r="BJJ714" s="613"/>
      <c r="BJK714" s="613"/>
      <c r="BJL714" s="613"/>
      <c r="BJM714" s="613"/>
      <c r="BJN714" s="613"/>
      <c r="BJO714" s="613"/>
      <c r="BJP714" s="613"/>
      <c r="BJQ714" s="613"/>
      <c r="BJR714" s="613"/>
      <c r="BJS714" s="613"/>
      <c r="BJT714" s="613"/>
      <c r="BJU714" s="613"/>
      <c r="BJV714" s="613"/>
      <c r="BJW714" s="613"/>
      <c r="BJX714" s="613"/>
      <c r="BJY714" s="613"/>
      <c r="BJZ714" s="613"/>
      <c r="BKA714" s="613"/>
      <c r="BKB714" s="613"/>
      <c r="BKC714" s="613"/>
      <c r="BKD714" s="613"/>
      <c r="BKE714" s="613"/>
      <c r="BKF714" s="613"/>
      <c r="BKG714" s="613"/>
      <c r="BKH714" s="613"/>
      <c r="BKI714" s="613"/>
      <c r="BKJ714" s="613"/>
      <c r="BKK714" s="613"/>
      <c r="BKL714" s="613"/>
      <c r="BKM714" s="613"/>
      <c r="BKN714" s="613"/>
      <c r="BKO714" s="613"/>
      <c r="BKP714" s="613"/>
      <c r="BKQ714" s="613"/>
      <c r="BKR714" s="613"/>
      <c r="BKS714" s="613"/>
      <c r="BKT714" s="613"/>
      <c r="BKU714" s="613"/>
      <c r="BKV714" s="613"/>
      <c r="BKW714" s="613"/>
      <c r="BKX714" s="613"/>
      <c r="BKY714" s="613"/>
      <c r="BKZ714" s="613"/>
      <c r="BLA714" s="613"/>
      <c r="BLB714" s="613"/>
      <c r="BLC714" s="613"/>
      <c r="BLD714" s="613"/>
      <c r="BLE714" s="613"/>
      <c r="BLF714" s="613"/>
      <c r="BLG714" s="613"/>
      <c r="BLH714" s="613"/>
      <c r="BLI714" s="613"/>
      <c r="BLJ714" s="613"/>
      <c r="BLK714" s="613"/>
      <c r="BLL714" s="613"/>
      <c r="BLM714" s="613"/>
      <c r="BLN714" s="613"/>
      <c r="BLO714" s="613"/>
      <c r="BLP714" s="613"/>
      <c r="BLQ714" s="613"/>
      <c r="BLR714" s="613"/>
      <c r="BLS714" s="613"/>
      <c r="BLT714" s="613"/>
      <c r="BLU714" s="613"/>
      <c r="BLV714" s="613"/>
      <c r="BLW714" s="613"/>
      <c r="BLX714" s="613"/>
      <c r="BLY714" s="613"/>
      <c r="BLZ714" s="613"/>
      <c r="BMA714" s="613"/>
      <c r="BMB714" s="613"/>
      <c r="BMC714" s="613"/>
      <c r="BMD714" s="613"/>
      <c r="BME714" s="613"/>
      <c r="BMF714" s="613"/>
      <c r="BMG714" s="613"/>
      <c r="BMH714" s="613"/>
      <c r="BMI714" s="613"/>
      <c r="BMJ714" s="613"/>
      <c r="BMK714" s="613"/>
      <c r="BML714" s="613"/>
      <c r="BMM714" s="613"/>
      <c r="BMN714" s="613"/>
      <c r="BMO714" s="613"/>
      <c r="BMP714" s="613"/>
      <c r="BMQ714" s="613"/>
      <c r="BMR714" s="613"/>
      <c r="BMS714" s="613"/>
      <c r="BMT714" s="613"/>
      <c r="BMU714" s="613"/>
      <c r="BMV714" s="613"/>
      <c r="BMW714" s="613"/>
      <c r="BMX714" s="613"/>
      <c r="BMY714" s="613"/>
      <c r="BMZ714" s="613"/>
      <c r="BNA714" s="613"/>
      <c r="BNB714" s="613"/>
      <c r="BNC714" s="613"/>
      <c r="BND714" s="613"/>
      <c r="BNE714" s="613"/>
      <c r="BNF714" s="613"/>
      <c r="BNG714" s="613"/>
      <c r="BNH714" s="613"/>
      <c r="BNI714" s="613"/>
      <c r="BNJ714" s="613"/>
      <c r="BNK714" s="613"/>
      <c r="BNL714" s="613"/>
      <c r="BNM714" s="613"/>
      <c r="BNN714" s="613"/>
      <c r="BNO714" s="613"/>
      <c r="BNP714" s="613"/>
      <c r="BNQ714" s="613"/>
      <c r="BNR714" s="613"/>
      <c r="BNS714" s="613"/>
      <c r="BNT714" s="613"/>
      <c r="BNU714" s="613"/>
      <c r="BNV714" s="613"/>
      <c r="BNW714" s="613"/>
      <c r="BNX714" s="613"/>
      <c r="BNY714" s="613"/>
      <c r="BNZ714" s="613"/>
      <c r="BOA714" s="613"/>
      <c r="BOB714" s="613"/>
      <c r="BOC714" s="613"/>
      <c r="BOD714" s="613"/>
      <c r="BOE714" s="613"/>
      <c r="BOF714" s="613"/>
      <c r="BOG714" s="613"/>
      <c r="BOH714" s="613"/>
      <c r="BOI714" s="613"/>
      <c r="BOJ714" s="613"/>
      <c r="BOK714" s="613"/>
      <c r="BOL714" s="613"/>
      <c r="BOM714" s="613"/>
      <c r="BON714" s="613"/>
      <c r="BOO714" s="613"/>
      <c r="BOP714" s="613"/>
      <c r="BOQ714" s="613"/>
      <c r="BOR714" s="613"/>
      <c r="BOS714" s="613"/>
      <c r="BOT714" s="613"/>
      <c r="BOU714" s="613"/>
      <c r="BOV714" s="613"/>
      <c r="BOW714" s="613"/>
      <c r="BOX714" s="613"/>
      <c r="BOY714" s="613"/>
      <c r="BOZ714" s="613"/>
      <c r="BPA714" s="613"/>
      <c r="BPB714" s="613"/>
      <c r="BPC714" s="613"/>
      <c r="BPD714" s="613"/>
      <c r="BPE714" s="613"/>
      <c r="BPF714" s="613"/>
      <c r="BPG714" s="613"/>
      <c r="BPH714" s="613"/>
      <c r="BPI714" s="613"/>
      <c r="BPJ714" s="613"/>
      <c r="BPK714" s="613"/>
      <c r="BPL714" s="613"/>
      <c r="BPM714" s="613"/>
      <c r="BPN714" s="613"/>
      <c r="BPO714" s="613"/>
      <c r="BPP714" s="613"/>
      <c r="BPQ714" s="613"/>
      <c r="BPR714" s="613"/>
      <c r="BPS714" s="613"/>
      <c r="BPT714" s="613"/>
      <c r="BPU714" s="613"/>
      <c r="BPV714" s="613"/>
      <c r="BPW714" s="613"/>
      <c r="BPX714" s="613"/>
      <c r="BPY714" s="613"/>
      <c r="BPZ714" s="613"/>
      <c r="BQA714" s="613"/>
      <c r="BQB714" s="613"/>
      <c r="BQC714" s="613"/>
      <c r="BQD714" s="613"/>
      <c r="BQE714" s="613"/>
      <c r="BQF714" s="613"/>
      <c r="BQG714" s="613"/>
      <c r="BQH714" s="613"/>
      <c r="BQI714" s="613"/>
      <c r="BQJ714" s="613"/>
      <c r="BQK714" s="613"/>
      <c r="BQL714" s="613"/>
      <c r="BQM714" s="613"/>
      <c r="BQN714" s="613"/>
      <c r="BQO714" s="613"/>
      <c r="BQP714" s="613"/>
      <c r="BQQ714" s="613"/>
      <c r="BQR714" s="613"/>
      <c r="BQS714" s="613"/>
      <c r="BQT714" s="613"/>
      <c r="BQU714" s="613"/>
      <c r="BQV714" s="613"/>
      <c r="BQW714" s="613"/>
      <c r="BQX714" s="613"/>
      <c r="BQY714" s="613"/>
      <c r="BQZ714" s="613"/>
      <c r="BRA714" s="613"/>
      <c r="BRB714" s="613"/>
      <c r="BRC714" s="613"/>
      <c r="BRD714" s="613"/>
      <c r="BRE714" s="613"/>
      <c r="BRF714" s="613"/>
      <c r="BRG714" s="613"/>
      <c r="BRH714" s="613"/>
      <c r="BRI714" s="613"/>
      <c r="BRJ714" s="613"/>
      <c r="BRK714" s="613"/>
      <c r="BRL714" s="613"/>
      <c r="BRM714" s="613"/>
      <c r="BRN714" s="613"/>
      <c r="BRO714" s="613"/>
      <c r="BRP714" s="613"/>
      <c r="BRQ714" s="613"/>
      <c r="BRR714" s="613"/>
      <c r="BRS714" s="613"/>
      <c r="BRT714" s="613"/>
      <c r="BRU714" s="613"/>
      <c r="BRV714" s="613"/>
      <c r="BRW714" s="613"/>
      <c r="BRX714" s="613"/>
      <c r="BRY714" s="613"/>
      <c r="BRZ714" s="613"/>
      <c r="BSA714" s="613"/>
      <c r="BSB714" s="613"/>
      <c r="BSC714" s="613"/>
      <c r="BSD714" s="613"/>
      <c r="BSE714" s="613"/>
      <c r="BSF714" s="613"/>
      <c r="BSG714" s="613"/>
      <c r="BSH714" s="613"/>
      <c r="BSI714" s="613"/>
      <c r="BSJ714" s="613"/>
      <c r="BSK714" s="613"/>
      <c r="BSL714" s="613"/>
      <c r="BSM714" s="613"/>
      <c r="BSN714" s="613"/>
      <c r="BSO714" s="613"/>
      <c r="BSP714" s="613"/>
      <c r="BSQ714" s="613"/>
      <c r="BSR714" s="613"/>
      <c r="BSS714" s="613"/>
      <c r="BST714" s="613"/>
      <c r="BSU714" s="613"/>
      <c r="BSV714" s="613"/>
      <c r="BSW714" s="613"/>
      <c r="BSX714" s="613"/>
      <c r="BSY714" s="613"/>
      <c r="BSZ714" s="613"/>
      <c r="BTA714" s="613"/>
      <c r="BTB714" s="613"/>
      <c r="BTC714" s="613"/>
      <c r="BTD714" s="613"/>
      <c r="BTE714" s="613"/>
      <c r="BTF714" s="613"/>
      <c r="BTG714" s="613"/>
      <c r="BTH714" s="613"/>
      <c r="BTI714" s="613"/>
      <c r="BTJ714" s="613"/>
      <c r="BTK714" s="613"/>
      <c r="BTL714" s="613"/>
      <c r="BTM714" s="613"/>
      <c r="BTN714" s="613"/>
      <c r="BTO714" s="613"/>
      <c r="BTP714" s="613"/>
      <c r="BTQ714" s="613"/>
      <c r="BTR714" s="613"/>
      <c r="BTS714" s="613"/>
      <c r="BTT714" s="613"/>
      <c r="BTU714" s="613"/>
      <c r="BTV714" s="613"/>
      <c r="BTW714" s="613"/>
      <c r="BTX714" s="613"/>
      <c r="BTY714" s="613"/>
      <c r="BTZ714" s="613"/>
      <c r="BUA714" s="613"/>
      <c r="BUB714" s="613"/>
      <c r="BUC714" s="613"/>
      <c r="BUD714" s="613"/>
      <c r="BUE714" s="613"/>
      <c r="BUF714" s="613"/>
      <c r="BUG714" s="613"/>
      <c r="BUH714" s="613"/>
      <c r="BUI714" s="613"/>
      <c r="BUJ714" s="613"/>
      <c r="BUK714" s="613"/>
      <c r="BUL714" s="613"/>
      <c r="BUM714" s="613"/>
      <c r="BUN714" s="613"/>
      <c r="BUO714" s="613"/>
      <c r="BUP714" s="613"/>
      <c r="BUQ714" s="613"/>
      <c r="BUR714" s="613"/>
      <c r="BUS714" s="613"/>
      <c r="BUT714" s="613"/>
      <c r="BUU714" s="613"/>
      <c r="BUV714" s="613"/>
      <c r="BUW714" s="613"/>
      <c r="BUX714" s="613"/>
      <c r="BUY714" s="613"/>
      <c r="BUZ714" s="613"/>
      <c r="BVA714" s="613"/>
      <c r="BVB714" s="613"/>
      <c r="BVC714" s="613"/>
      <c r="BVD714" s="613"/>
      <c r="BVE714" s="613"/>
      <c r="BVF714" s="613"/>
      <c r="BVG714" s="613"/>
      <c r="BVH714" s="613"/>
      <c r="BVI714" s="613"/>
      <c r="BVJ714" s="613"/>
      <c r="BVK714" s="613"/>
      <c r="BVL714" s="613"/>
      <c r="BVM714" s="613"/>
      <c r="BVN714" s="613"/>
      <c r="BVO714" s="613"/>
      <c r="BVP714" s="613"/>
      <c r="BVQ714" s="613"/>
      <c r="BVR714" s="613"/>
      <c r="BVS714" s="613"/>
      <c r="BVT714" s="613"/>
      <c r="BVU714" s="613"/>
      <c r="BVV714" s="613"/>
      <c r="BVW714" s="613"/>
      <c r="BVX714" s="613"/>
      <c r="BVY714" s="613"/>
      <c r="BVZ714" s="613"/>
      <c r="BWA714" s="613"/>
      <c r="BWB714" s="613"/>
      <c r="BWC714" s="613"/>
      <c r="BWD714" s="613"/>
      <c r="BWE714" s="613"/>
      <c r="BWF714" s="613"/>
      <c r="BWG714" s="613"/>
      <c r="BWH714" s="613"/>
      <c r="BWI714" s="613"/>
      <c r="BWJ714" s="613"/>
      <c r="BWK714" s="613"/>
      <c r="BWL714" s="613"/>
      <c r="BWM714" s="613"/>
      <c r="BWN714" s="613"/>
      <c r="BWO714" s="613"/>
      <c r="BWP714" s="613"/>
      <c r="BWQ714" s="613"/>
      <c r="BWR714" s="613"/>
      <c r="BWS714" s="613"/>
      <c r="BWT714" s="613"/>
      <c r="BWU714" s="613"/>
      <c r="BWV714" s="613"/>
      <c r="BWW714" s="613"/>
      <c r="BWX714" s="613"/>
      <c r="BWY714" s="613"/>
      <c r="BWZ714" s="613"/>
      <c r="BXA714" s="613"/>
      <c r="BXB714" s="613"/>
      <c r="BXC714" s="613"/>
      <c r="BXD714" s="613"/>
      <c r="BXE714" s="613"/>
      <c r="BXF714" s="613"/>
      <c r="BXG714" s="613"/>
      <c r="BXH714" s="613"/>
      <c r="BXI714" s="613"/>
      <c r="BXJ714" s="613"/>
      <c r="BXK714" s="613"/>
      <c r="BXL714" s="613"/>
      <c r="BXM714" s="613"/>
      <c r="BXN714" s="613"/>
      <c r="BXO714" s="613"/>
      <c r="BXP714" s="613"/>
      <c r="BXQ714" s="613"/>
      <c r="BXR714" s="613"/>
      <c r="BXS714" s="613"/>
      <c r="BXT714" s="613"/>
      <c r="BXU714" s="613"/>
      <c r="BXV714" s="613"/>
      <c r="BXW714" s="613"/>
      <c r="BXX714" s="613"/>
      <c r="BXY714" s="613"/>
      <c r="BXZ714" s="613"/>
      <c r="BYA714" s="613"/>
      <c r="BYB714" s="613"/>
      <c r="BYC714" s="613"/>
      <c r="BYD714" s="613"/>
      <c r="BYE714" s="613"/>
      <c r="BYF714" s="613"/>
      <c r="BYG714" s="613"/>
      <c r="BYH714" s="613"/>
      <c r="BYI714" s="613"/>
      <c r="BYJ714" s="613"/>
      <c r="BYK714" s="613"/>
      <c r="BYL714" s="613"/>
      <c r="BYM714" s="613"/>
      <c r="BYN714" s="613"/>
      <c r="BYO714" s="613"/>
      <c r="BYP714" s="613"/>
      <c r="BYQ714" s="613"/>
      <c r="BYR714" s="613"/>
      <c r="BYS714" s="613"/>
      <c r="BYT714" s="613"/>
      <c r="BYU714" s="613"/>
      <c r="BYV714" s="613"/>
      <c r="BYW714" s="613"/>
      <c r="BYX714" s="613"/>
      <c r="BYY714" s="613"/>
      <c r="BYZ714" s="613"/>
      <c r="BZA714" s="613"/>
      <c r="BZB714" s="613"/>
      <c r="BZC714" s="613"/>
      <c r="BZD714" s="613"/>
      <c r="BZE714" s="613"/>
      <c r="BZF714" s="613"/>
      <c r="BZG714" s="613"/>
      <c r="BZH714" s="613"/>
      <c r="BZI714" s="613"/>
      <c r="BZJ714" s="613"/>
      <c r="BZK714" s="613"/>
      <c r="BZL714" s="613"/>
      <c r="BZM714" s="613"/>
      <c r="BZN714" s="613"/>
      <c r="BZO714" s="613"/>
      <c r="BZP714" s="613"/>
      <c r="BZQ714" s="613"/>
      <c r="BZR714" s="613"/>
      <c r="BZS714" s="613"/>
      <c r="BZT714" s="613"/>
      <c r="BZU714" s="613"/>
      <c r="BZV714" s="613"/>
      <c r="BZW714" s="613"/>
      <c r="BZX714" s="613"/>
      <c r="BZY714" s="613"/>
      <c r="BZZ714" s="613"/>
      <c r="CAA714" s="613"/>
      <c r="CAB714" s="613"/>
      <c r="CAC714" s="613"/>
      <c r="CAD714" s="613"/>
      <c r="CAE714" s="613"/>
      <c r="CAF714" s="613"/>
      <c r="CAG714" s="613"/>
      <c r="CAH714" s="613"/>
      <c r="CAI714" s="613"/>
      <c r="CAJ714" s="613"/>
      <c r="CAK714" s="613"/>
      <c r="CAL714" s="613"/>
      <c r="CAM714" s="613"/>
      <c r="CAN714" s="613"/>
      <c r="CAO714" s="613"/>
      <c r="CAP714" s="613"/>
      <c r="CAQ714" s="613"/>
      <c r="CAR714" s="613"/>
      <c r="CAS714" s="613"/>
      <c r="CAT714" s="613"/>
      <c r="CAU714" s="613"/>
      <c r="CAV714" s="613"/>
      <c r="CAW714" s="613"/>
      <c r="CAX714" s="613"/>
      <c r="CAY714" s="613"/>
      <c r="CAZ714" s="613"/>
      <c r="CBA714" s="613"/>
      <c r="CBB714" s="613"/>
      <c r="CBC714" s="613"/>
      <c r="CBD714" s="613"/>
      <c r="CBE714" s="613"/>
      <c r="CBF714" s="613"/>
      <c r="CBG714" s="613"/>
      <c r="CBH714" s="613"/>
      <c r="CBI714" s="613"/>
      <c r="CBJ714" s="613"/>
      <c r="CBK714" s="613"/>
      <c r="CBL714" s="613"/>
      <c r="CBM714" s="613"/>
      <c r="CBN714" s="613"/>
      <c r="CBO714" s="613"/>
      <c r="CBP714" s="613"/>
      <c r="CBQ714" s="613"/>
      <c r="CBR714" s="613"/>
      <c r="CBS714" s="613"/>
      <c r="CBT714" s="613"/>
      <c r="CBU714" s="613"/>
      <c r="CBV714" s="613"/>
      <c r="CBW714" s="613"/>
      <c r="CBX714" s="613"/>
      <c r="CBY714" s="613"/>
      <c r="CBZ714" s="613"/>
      <c r="CCA714" s="613"/>
      <c r="CCB714" s="613"/>
      <c r="CCC714" s="613"/>
      <c r="CCD714" s="613"/>
      <c r="CCE714" s="613"/>
      <c r="CCF714" s="613"/>
      <c r="CCG714" s="613"/>
      <c r="CCH714" s="613"/>
      <c r="CCI714" s="613"/>
      <c r="CCJ714" s="613"/>
      <c r="CCK714" s="613"/>
      <c r="CCL714" s="613"/>
      <c r="CCM714" s="613"/>
      <c r="CCN714" s="613"/>
      <c r="CCO714" s="613"/>
      <c r="CCP714" s="613"/>
      <c r="CCQ714" s="613"/>
      <c r="CCR714" s="613"/>
      <c r="CCS714" s="613"/>
      <c r="CCT714" s="613"/>
      <c r="CCU714" s="613"/>
      <c r="CCV714" s="613"/>
      <c r="CCW714" s="613"/>
      <c r="CCX714" s="613"/>
      <c r="CCY714" s="613"/>
      <c r="CCZ714" s="613"/>
      <c r="CDA714" s="613"/>
      <c r="CDB714" s="613"/>
      <c r="CDC714" s="613"/>
      <c r="CDD714" s="613"/>
      <c r="CDE714" s="613"/>
      <c r="CDF714" s="613"/>
      <c r="CDG714" s="613"/>
      <c r="CDH714" s="613"/>
      <c r="CDI714" s="613"/>
      <c r="CDJ714" s="613"/>
      <c r="CDK714" s="613"/>
      <c r="CDL714" s="613"/>
      <c r="CDM714" s="613"/>
      <c r="CDN714" s="613"/>
      <c r="CDO714" s="613"/>
      <c r="CDP714" s="613"/>
      <c r="CDQ714" s="613"/>
      <c r="CDR714" s="613"/>
      <c r="CDS714" s="613"/>
      <c r="CDT714" s="613"/>
      <c r="CDU714" s="613"/>
      <c r="CDV714" s="613"/>
      <c r="CDW714" s="613"/>
      <c r="CDX714" s="613"/>
      <c r="CDY714" s="613"/>
      <c r="CDZ714" s="613"/>
      <c r="CEA714" s="613"/>
      <c r="CEB714" s="613"/>
      <c r="CEC714" s="613"/>
      <c r="CED714" s="613"/>
      <c r="CEE714" s="613"/>
      <c r="CEF714" s="613"/>
      <c r="CEG714" s="613"/>
      <c r="CEH714" s="613"/>
      <c r="CEI714" s="613"/>
      <c r="CEJ714" s="613"/>
      <c r="CEK714" s="613"/>
      <c r="CEL714" s="613"/>
      <c r="CEM714" s="613"/>
      <c r="CEN714" s="613"/>
      <c r="CEO714" s="613"/>
      <c r="CEP714" s="613"/>
      <c r="CEQ714" s="613"/>
      <c r="CER714" s="613"/>
      <c r="CES714" s="613"/>
      <c r="CET714" s="613"/>
      <c r="CEU714" s="613"/>
      <c r="CEV714" s="613"/>
      <c r="CEW714" s="613"/>
      <c r="CEX714" s="613"/>
      <c r="CEY714" s="613"/>
      <c r="CEZ714" s="613"/>
      <c r="CFA714" s="613"/>
      <c r="CFB714" s="613"/>
      <c r="CFC714" s="613"/>
      <c r="CFD714" s="613"/>
      <c r="CFE714" s="613"/>
      <c r="CFF714" s="613"/>
      <c r="CFG714" s="613"/>
      <c r="CFH714" s="613"/>
      <c r="CFI714" s="613"/>
      <c r="CFJ714" s="613"/>
      <c r="CFK714" s="613"/>
      <c r="CFL714" s="613"/>
      <c r="CFM714" s="613"/>
      <c r="CFN714" s="613"/>
      <c r="CFO714" s="613"/>
      <c r="CFP714" s="613"/>
      <c r="CFQ714" s="613"/>
      <c r="CFR714" s="613"/>
      <c r="CFS714" s="613"/>
      <c r="CFT714" s="613"/>
      <c r="CFU714" s="613"/>
      <c r="CFV714" s="613"/>
      <c r="CFW714" s="613"/>
      <c r="CFX714" s="613"/>
      <c r="CFY714" s="613"/>
      <c r="CFZ714" s="613"/>
      <c r="CGA714" s="613"/>
      <c r="CGB714" s="613"/>
      <c r="CGC714" s="613"/>
      <c r="CGD714" s="613"/>
      <c r="CGE714" s="613"/>
      <c r="CGF714" s="613"/>
      <c r="CGG714" s="613"/>
      <c r="CGH714" s="613"/>
      <c r="CGI714" s="613"/>
      <c r="CGJ714" s="613"/>
      <c r="CGK714" s="613"/>
      <c r="CGL714" s="613"/>
      <c r="CGM714" s="613"/>
      <c r="CGN714" s="613"/>
      <c r="CGO714" s="613"/>
      <c r="CGP714" s="613"/>
      <c r="CGQ714" s="613"/>
      <c r="CGR714" s="613"/>
      <c r="CGS714" s="613"/>
      <c r="CGT714" s="613"/>
      <c r="CGU714" s="613"/>
      <c r="CGV714" s="613"/>
      <c r="CGW714" s="613"/>
      <c r="CGX714" s="613"/>
      <c r="CGY714" s="613"/>
      <c r="CGZ714" s="613"/>
      <c r="CHA714" s="613"/>
      <c r="CHB714" s="613"/>
      <c r="CHC714" s="613"/>
      <c r="CHD714" s="613"/>
      <c r="CHE714" s="613"/>
      <c r="CHF714" s="613"/>
      <c r="CHG714" s="613"/>
      <c r="CHH714" s="613"/>
      <c r="CHI714" s="613"/>
      <c r="CHJ714" s="613"/>
      <c r="CHK714" s="613"/>
      <c r="CHL714" s="613"/>
      <c r="CHM714" s="613"/>
      <c r="CHN714" s="613"/>
      <c r="CHO714" s="613"/>
      <c r="CHP714" s="613"/>
      <c r="CHQ714" s="613"/>
      <c r="CHR714" s="613"/>
      <c r="CHS714" s="613"/>
      <c r="CHT714" s="613"/>
      <c r="CHU714" s="613"/>
      <c r="CHV714" s="613"/>
      <c r="CHW714" s="613"/>
      <c r="CHX714" s="613"/>
      <c r="CHY714" s="613"/>
      <c r="CHZ714" s="613"/>
      <c r="CIA714" s="613"/>
      <c r="CIB714" s="613"/>
      <c r="CIC714" s="613"/>
      <c r="CID714" s="613"/>
      <c r="CIE714" s="613"/>
      <c r="CIF714" s="613"/>
      <c r="CIG714" s="613"/>
      <c r="CIH714" s="613"/>
      <c r="CII714" s="613"/>
      <c r="CIJ714" s="613"/>
      <c r="CIK714" s="613"/>
      <c r="CIL714" s="613"/>
      <c r="CIM714" s="613"/>
      <c r="CIN714" s="613"/>
      <c r="CIO714" s="613"/>
      <c r="CIP714" s="613"/>
      <c r="CIQ714" s="613"/>
      <c r="CIR714" s="613"/>
      <c r="CIS714" s="613"/>
      <c r="CIT714" s="613"/>
      <c r="CIU714" s="613"/>
      <c r="CIV714" s="613"/>
      <c r="CIW714" s="613"/>
      <c r="CIX714" s="613"/>
      <c r="CIY714" s="613"/>
      <c r="CIZ714" s="613"/>
      <c r="CJA714" s="613"/>
      <c r="CJB714" s="613"/>
      <c r="CJC714" s="613"/>
      <c r="CJD714" s="613"/>
      <c r="CJE714" s="613"/>
      <c r="CJF714" s="613"/>
      <c r="CJG714" s="613"/>
      <c r="CJH714" s="613"/>
      <c r="CJI714" s="613"/>
      <c r="CJJ714" s="613"/>
      <c r="CJK714" s="613"/>
      <c r="CJL714" s="613"/>
      <c r="CJM714" s="613"/>
      <c r="CJN714" s="613"/>
      <c r="CJO714" s="613"/>
      <c r="CJP714" s="613"/>
      <c r="CJQ714" s="613"/>
      <c r="CJR714" s="613"/>
      <c r="CJS714" s="613"/>
      <c r="CJT714" s="613"/>
      <c r="CJU714" s="613"/>
      <c r="CJV714" s="613"/>
      <c r="CJW714" s="613"/>
      <c r="CJX714" s="613"/>
      <c r="CJY714" s="613"/>
      <c r="CJZ714" s="613"/>
      <c r="CKA714" s="613"/>
      <c r="CKB714" s="613"/>
      <c r="CKC714" s="613"/>
      <c r="CKD714" s="613"/>
      <c r="CKE714" s="613"/>
      <c r="CKF714" s="613"/>
      <c r="CKG714" s="613"/>
      <c r="CKH714" s="613"/>
      <c r="CKI714" s="613"/>
      <c r="CKJ714" s="613"/>
      <c r="CKK714" s="613"/>
      <c r="CKL714" s="613"/>
      <c r="CKM714" s="613"/>
      <c r="CKN714" s="613"/>
      <c r="CKO714" s="613"/>
      <c r="CKP714" s="613"/>
      <c r="CKQ714" s="613"/>
      <c r="CKR714" s="613"/>
      <c r="CKS714" s="613"/>
      <c r="CKT714" s="613"/>
      <c r="CKU714" s="613"/>
      <c r="CKV714" s="613"/>
      <c r="CKW714" s="613"/>
      <c r="CKX714" s="613"/>
      <c r="CKY714" s="613"/>
      <c r="CKZ714" s="613"/>
      <c r="CLA714" s="613"/>
      <c r="CLB714" s="613"/>
      <c r="CLC714" s="613"/>
      <c r="CLD714" s="613"/>
      <c r="CLE714" s="613"/>
      <c r="CLF714" s="613"/>
      <c r="CLG714" s="613"/>
      <c r="CLH714" s="613"/>
      <c r="CLI714" s="613"/>
      <c r="CLJ714" s="613"/>
      <c r="CLK714" s="613"/>
      <c r="CLL714" s="613"/>
      <c r="CLM714" s="613"/>
      <c r="CLN714" s="613"/>
      <c r="CLO714" s="613"/>
      <c r="CLP714" s="613"/>
      <c r="CLQ714" s="613"/>
      <c r="CLR714" s="613"/>
      <c r="CLS714" s="613"/>
      <c r="CLT714" s="613"/>
      <c r="CLU714" s="613"/>
      <c r="CLV714" s="613"/>
      <c r="CLW714" s="613"/>
      <c r="CLX714" s="613"/>
      <c r="CLY714" s="613"/>
      <c r="CLZ714" s="613"/>
      <c r="CMA714" s="613"/>
      <c r="CMB714" s="613"/>
      <c r="CMC714" s="613"/>
      <c r="CMD714" s="613"/>
      <c r="CME714" s="613"/>
      <c r="CMF714" s="613"/>
      <c r="CMG714" s="613"/>
      <c r="CMH714" s="613"/>
      <c r="CMI714" s="613"/>
      <c r="CMJ714" s="613"/>
      <c r="CMK714" s="613"/>
      <c r="CML714" s="613"/>
      <c r="CMM714" s="613"/>
      <c r="CMN714" s="613"/>
      <c r="CMO714" s="613"/>
      <c r="CMP714" s="613"/>
      <c r="CMQ714" s="613"/>
      <c r="CMR714" s="613"/>
      <c r="CMS714" s="613"/>
      <c r="CMT714" s="613"/>
      <c r="CMU714" s="613"/>
      <c r="CMV714" s="613"/>
      <c r="CMW714" s="613"/>
      <c r="CMX714" s="613"/>
      <c r="CMY714" s="613"/>
      <c r="CMZ714" s="613"/>
      <c r="CNA714" s="613"/>
      <c r="CNB714" s="613"/>
      <c r="CNC714" s="613"/>
      <c r="CND714" s="613"/>
      <c r="CNE714" s="613"/>
      <c r="CNF714" s="613"/>
      <c r="CNG714" s="613"/>
      <c r="CNH714" s="613"/>
      <c r="CNI714" s="613"/>
      <c r="CNJ714" s="613"/>
      <c r="CNK714" s="613"/>
      <c r="CNL714" s="613"/>
      <c r="CNM714" s="613"/>
      <c r="CNN714" s="613"/>
      <c r="CNO714" s="613"/>
      <c r="CNP714" s="613"/>
      <c r="CNQ714" s="613"/>
      <c r="CNR714" s="613"/>
      <c r="CNS714" s="613"/>
      <c r="CNT714" s="613"/>
      <c r="CNU714" s="613"/>
      <c r="CNV714" s="613"/>
      <c r="CNW714" s="613"/>
      <c r="CNX714" s="613"/>
      <c r="CNY714" s="613"/>
      <c r="CNZ714" s="613"/>
      <c r="COA714" s="613"/>
      <c r="COB714" s="613"/>
      <c r="COC714" s="613"/>
      <c r="COD714" s="613"/>
      <c r="COE714" s="613"/>
      <c r="COF714" s="613"/>
      <c r="COG714" s="613"/>
      <c r="COH714" s="613"/>
      <c r="COI714" s="613"/>
      <c r="COJ714" s="613"/>
      <c r="COK714" s="613"/>
      <c r="COL714" s="613"/>
      <c r="COM714" s="613"/>
      <c r="CON714" s="613"/>
      <c r="COO714" s="613"/>
      <c r="COP714" s="613"/>
      <c r="COQ714" s="613"/>
      <c r="COR714" s="613"/>
      <c r="COS714" s="613"/>
      <c r="COT714" s="613"/>
      <c r="COU714" s="613"/>
      <c r="COV714" s="613"/>
      <c r="COW714" s="613"/>
      <c r="COX714" s="613"/>
      <c r="COY714" s="613"/>
      <c r="COZ714" s="613"/>
      <c r="CPA714" s="613"/>
      <c r="CPB714" s="613"/>
      <c r="CPC714" s="613"/>
      <c r="CPD714" s="613"/>
      <c r="CPE714" s="613"/>
      <c r="CPF714" s="613"/>
      <c r="CPG714" s="613"/>
      <c r="CPH714" s="613"/>
      <c r="CPI714" s="613"/>
      <c r="CPJ714" s="613"/>
      <c r="CPK714" s="613"/>
      <c r="CPL714" s="613"/>
      <c r="CPM714" s="613"/>
      <c r="CPN714" s="613"/>
      <c r="CPO714" s="613"/>
      <c r="CPP714" s="613"/>
      <c r="CPQ714" s="613"/>
      <c r="CPR714" s="613"/>
      <c r="CPS714" s="613"/>
      <c r="CPT714" s="613"/>
      <c r="CPU714" s="613"/>
      <c r="CPV714" s="613"/>
      <c r="CPW714" s="613"/>
      <c r="CPX714" s="613"/>
      <c r="CPY714" s="613"/>
      <c r="CPZ714" s="613"/>
      <c r="CQA714" s="613"/>
      <c r="CQB714" s="613"/>
      <c r="CQC714" s="613"/>
      <c r="CQD714" s="613"/>
      <c r="CQE714" s="613"/>
      <c r="CQF714" s="613"/>
      <c r="CQG714" s="613"/>
      <c r="CQH714" s="613"/>
      <c r="CQI714" s="613"/>
      <c r="CQJ714" s="613"/>
      <c r="CQK714" s="613"/>
      <c r="CQL714" s="613"/>
      <c r="CQM714" s="613"/>
      <c r="CQN714" s="613"/>
      <c r="CQO714" s="613"/>
      <c r="CQP714" s="613"/>
      <c r="CQQ714" s="613"/>
      <c r="CQR714" s="613"/>
      <c r="CQS714" s="613"/>
      <c r="CQT714" s="613"/>
      <c r="CQU714" s="613"/>
      <c r="CQV714" s="613"/>
      <c r="CQW714" s="613"/>
      <c r="CQX714" s="613"/>
      <c r="CQY714" s="613"/>
      <c r="CQZ714" s="613"/>
      <c r="CRA714" s="613"/>
      <c r="CRB714" s="613"/>
      <c r="CRC714" s="613"/>
      <c r="CRD714" s="613"/>
      <c r="CRE714" s="613"/>
      <c r="CRF714" s="613"/>
      <c r="CRG714" s="613"/>
      <c r="CRH714" s="613"/>
      <c r="CRI714" s="613"/>
      <c r="CRJ714" s="613"/>
      <c r="CRK714" s="613"/>
      <c r="CRL714" s="613"/>
      <c r="CRM714" s="613"/>
      <c r="CRN714" s="613"/>
      <c r="CRO714" s="613"/>
      <c r="CRP714" s="613"/>
      <c r="CRQ714" s="613"/>
      <c r="CRR714" s="613"/>
      <c r="CRS714" s="613"/>
      <c r="CRT714" s="613"/>
      <c r="CRU714" s="613"/>
      <c r="CRV714" s="613"/>
      <c r="CRW714" s="613"/>
      <c r="CRX714" s="613"/>
      <c r="CRY714" s="613"/>
      <c r="CRZ714" s="613"/>
      <c r="CSA714" s="613"/>
      <c r="CSB714" s="613"/>
      <c r="CSC714" s="613"/>
      <c r="CSD714" s="613"/>
      <c r="CSE714" s="613"/>
      <c r="CSF714" s="613"/>
      <c r="CSG714" s="613"/>
      <c r="CSH714" s="613"/>
      <c r="CSI714" s="613"/>
      <c r="CSJ714" s="613"/>
      <c r="CSK714" s="613"/>
      <c r="CSL714" s="613"/>
      <c r="CSM714" s="613"/>
      <c r="CSN714" s="613"/>
      <c r="CSO714" s="613"/>
      <c r="CSP714" s="613"/>
      <c r="CSQ714" s="613"/>
      <c r="CSR714" s="613"/>
      <c r="CSS714" s="613"/>
      <c r="CST714" s="613"/>
      <c r="CSU714" s="613"/>
      <c r="CSV714" s="613"/>
      <c r="CSW714" s="613"/>
      <c r="CSX714" s="613"/>
      <c r="CSY714" s="613"/>
      <c r="CSZ714" s="613"/>
      <c r="CTA714" s="613"/>
      <c r="CTB714" s="613"/>
      <c r="CTC714" s="613"/>
      <c r="CTD714" s="613"/>
      <c r="CTE714" s="613"/>
      <c r="CTF714" s="613"/>
      <c r="CTG714" s="613"/>
      <c r="CTH714" s="613"/>
      <c r="CTI714" s="613"/>
      <c r="CTJ714" s="613"/>
      <c r="CTK714" s="613"/>
      <c r="CTL714" s="613"/>
      <c r="CTM714" s="613"/>
      <c r="CTN714" s="613"/>
      <c r="CTO714" s="613"/>
      <c r="CTP714" s="613"/>
      <c r="CTQ714" s="613"/>
      <c r="CTR714" s="613"/>
      <c r="CTS714" s="613"/>
      <c r="CTT714" s="613"/>
      <c r="CTU714" s="613"/>
      <c r="CTV714" s="613"/>
      <c r="CTW714" s="613"/>
      <c r="CTX714" s="613"/>
      <c r="CTY714" s="613"/>
      <c r="CTZ714" s="613"/>
      <c r="CUA714" s="613"/>
      <c r="CUB714" s="613"/>
      <c r="CUC714" s="613"/>
      <c r="CUD714" s="613"/>
      <c r="CUE714" s="613"/>
      <c r="CUF714" s="613"/>
      <c r="CUG714" s="613"/>
      <c r="CUH714" s="613"/>
      <c r="CUI714" s="613"/>
      <c r="CUJ714" s="613"/>
      <c r="CUK714" s="613"/>
      <c r="CUL714" s="613"/>
      <c r="CUM714" s="613"/>
      <c r="CUN714" s="613"/>
      <c r="CUO714" s="613"/>
      <c r="CUP714" s="613"/>
      <c r="CUQ714" s="613"/>
      <c r="CUR714" s="613"/>
      <c r="CUS714" s="613"/>
      <c r="CUT714" s="613"/>
      <c r="CUU714" s="613"/>
      <c r="CUV714" s="613"/>
      <c r="CUW714" s="613"/>
      <c r="CUX714" s="613"/>
      <c r="CUY714" s="613"/>
      <c r="CUZ714" s="613"/>
      <c r="CVA714" s="613"/>
      <c r="CVB714" s="613"/>
      <c r="CVC714" s="613"/>
      <c r="CVD714" s="613"/>
      <c r="CVE714" s="613"/>
      <c r="CVF714" s="613"/>
      <c r="CVG714" s="613"/>
      <c r="CVH714" s="613"/>
      <c r="CVI714" s="613"/>
      <c r="CVJ714" s="613"/>
      <c r="CVK714" s="613"/>
      <c r="CVL714" s="613"/>
      <c r="CVM714" s="613"/>
      <c r="CVN714" s="613"/>
      <c r="CVO714" s="613"/>
      <c r="CVP714" s="613"/>
      <c r="CVQ714" s="613"/>
      <c r="CVR714" s="613"/>
      <c r="CVS714" s="613"/>
      <c r="CVT714" s="613"/>
      <c r="CVU714" s="613"/>
      <c r="CVV714" s="613"/>
      <c r="CVW714" s="613"/>
      <c r="CVX714" s="613"/>
      <c r="CVY714" s="613"/>
      <c r="CVZ714" s="613"/>
      <c r="CWA714" s="613"/>
      <c r="CWB714" s="613"/>
      <c r="CWC714" s="613"/>
      <c r="CWD714" s="613"/>
      <c r="CWE714" s="613"/>
      <c r="CWF714" s="613"/>
      <c r="CWG714" s="613"/>
      <c r="CWH714" s="613"/>
      <c r="CWI714" s="613"/>
      <c r="CWJ714" s="613"/>
      <c r="CWK714" s="613"/>
      <c r="CWL714" s="613"/>
      <c r="CWM714" s="613"/>
      <c r="CWN714" s="613"/>
      <c r="CWO714" s="613"/>
      <c r="CWP714" s="613"/>
      <c r="CWQ714" s="613"/>
      <c r="CWR714" s="613"/>
      <c r="CWS714" s="613"/>
      <c r="CWT714" s="613"/>
      <c r="CWU714" s="613"/>
      <c r="CWV714" s="613"/>
      <c r="CWW714" s="613"/>
      <c r="CWX714" s="613"/>
      <c r="CWY714" s="613"/>
      <c r="CWZ714" s="613"/>
      <c r="CXA714" s="613"/>
      <c r="CXB714" s="613"/>
      <c r="CXC714" s="613"/>
      <c r="CXD714" s="613"/>
      <c r="CXE714" s="613"/>
      <c r="CXF714" s="613"/>
      <c r="CXG714" s="613"/>
      <c r="CXH714" s="613"/>
      <c r="CXI714" s="613"/>
      <c r="CXJ714" s="613"/>
      <c r="CXK714" s="613"/>
      <c r="CXL714" s="613"/>
      <c r="CXM714" s="613"/>
      <c r="CXN714" s="613"/>
      <c r="CXO714" s="613"/>
      <c r="CXP714" s="613"/>
      <c r="CXQ714" s="613"/>
      <c r="CXR714" s="613"/>
      <c r="CXS714" s="613"/>
      <c r="CXT714" s="613"/>
      <c r="CXU714" s="613"/>
      <c r="CXV714" s="613"/>
      <c r="CXW714" s="613"/>
      <c r="CXX714" s="613"/>
      <c r="CXY714" s="613"/>
      <c r="CXZ714" s="613"/>
      <c r="CYA714" s="613"/>
      <c r="CYB714" s="613"/>
      <c r="CYC714" s="613"/>
      <c r="CYD714" s="613"/>
      <c r="CYE714" s="613"/>
      <c r="CYF714" s="613"/>
      <c r="CYG714" s="613"/>
      <c r="CYH714" s="613"/>
      <c r="CYI714" s="613"/>
      <c r="CYJ714" s="613"/>
      <c r="CYK714" s="613"/>
      <c r="CYL714" s="613"/>
      <c r="CYM714" s="613"/>
      <c r="CYN714" s="613"/>
      <c r="CYO714" s="613"/>
      <c r="CYP714" s="613"/>
      <c r="CYQ714" s="613"/>
      <c r="CYR714" s="613"/>
      <c r="CYS714" s="613"/>
      <c r="CYT714" s="613"/>
      <c r="CYU714" s="613"/>
      <c r="CYV714" s="613"/>
      <c r="CYW714" s="613"/>
      <c r="CYX714" s="613"/>
      <c r="CYY714" s="613"/>
      <c r="CYZ714" s="613"/>
      <c r="CZA714" s="613"/>
      <c r="CZB714" s="613"/>
      <c r="CZC714" s="613"/>
      <c r="CZD714" s="613"/>
      <c r="CZE714" s="613"/>
      <c r="CZF714" s="613"/>
      <c r="CZG714" s="613"/>
      <c r="CZH714" s="613"/>
      <c r="CZI714" s="613"/>
      <c r="CZJ714" s="613"/>
      <c r="CZK714" s="613"/>
      <c r="CZL714" s="613"/>
      <c r="CZM714" s="613"/>
      <c r="CZN714" s="613"/>
      <c r="CZO714" s="613"/>
      <c r="CZP714" s="613"/>
      <c r="CZQ714" s="613"/>
      <c r="CZR714" s="613"/>
      <c r="CZS714" s="613"/>
      <c r="CZT714" s="613"/>
      <c r="CZU714" s="613"/>
      <c r="CZV714" s="613"/>
      <c r="CZW714" s="613"/>
      <c r="CZX714" s="613"/>
      <c r="CZY714" s="613"/>
      <c r="CZZ714" s="613"/>
      <c r="DAA714" s="613"/>
      <c r="DAB714" s="613"/>
      <c r="DAC714" s="613"/>
      <c r="DAD714" s="613"/>
      <c r="DAE714" s="613"/>
      <c r="DAF714" s="613"/>
      <c r="DAG714" s="613"/>
      <c r="DAH714" s="613"/>
      <c r="DAI714" s="613"/>
      <c r="DAJ714" s="613"/>
      <c r="DAK714" s="613"/>
      <c r="DAL714" s="613"/>
      <c r="DAM714" s="613"/>
      <c r="DAN714" s="613"/>
      <c r="DAO714" s="613"/>
      <c r="DAP714" s="613"/>
      <c r="DAQ714" s="613"/>
      <c r="DAR714" s="613"/>
      <c r="DAS714" s="613"/>
      <c r="DAT714" s="613"/>
      <c r="DAU714" s="613"/>
      <c r="DAV714" s="613"/>
      <c r="DAW714" s="613"/>
      <c r="DAX714" s="613"/>
      <c r="DAY714" s="613"/>
      <c r="DAZ714" s="613"/>
      <c r="DBA714" s="613"/>
      <c r="DBB714" s="613"/>
      <c r="DBC714" s="613"/>
      <c r="DBD714" s="613"/>
      <c r="DBE714" s="613"/>
      <c r="DBF714" s="613"/>
      <c r="DBG714" s="613"/>
      <c r="DBH714" s="613"/>
      <c r="DBI714" s="613"/>
      <c r="DBJ714" s="613"/>
      <c r="DBK714" s="613"/>
      <c r="DBL714" s="613"/>
      <c r="DBM714" s="613"/>
      <c r="DBN714" s="613"/>
      <c r="DBO714" s="613"/>
      <c r="DBP714" s="613"/>
      <c r="DBQ714" s="613"/>
      <c r="DBR714" s="613"/>
      <c r="DBS714" s="613"/>
      <c r="DBT714" s="613"/>
      <c r="DBU714" s="613"/>
      <c r="DBV714" s="613"/>
      <c r="DBW714" s="613"/>
      <c r="DBX714" s="613"/>
      <c r="DBY714" s="613"/>
      <c r="DBZ714" s="613"/>
      <c r="DCA714" s="613"/>
      <c r="DCB714" s="613"/>
      <c r="DCC714" s="613"/>
      <c r="DCD714" s="613"/>
      <c r="DCE714" s="613"/>
      <c r="DCF714" s="613"/>
      <c r="DCG714" s="613"/>
      <c r="DCH714" s="613"/>
      <c r="DCI714" s="613"/>
      <c r="DCJ714" s="613"/>
      <c r="DCK714" s="613"/>
      <c r="DCL714" s="613"/>
      <c r="DCM714" s="613"/>
      <c r="DCN714" s="613"/>
      <c r="DCO714" s="613"/>
      <c r="DCP714" s="613"/>
      <c r="DCQ714" s="613"/>
      <c r="DCR714" s="613"/>
      <c r="DCS714" s="613"/>
      <c r="DCT714" s="613"/>
      <c r="DCU714" s="613"/>
      <c r="DCV714" s="613"/>
      <c r="DCW714" s="613"/>
      <c r="DCX714" s="613"/>
      <c r="DCY714" s="613"/>
      <c r="DCZ714" s="613"/>
      <c r="DDA714" s="613"/>
      <c r="DDB714" s="613"/>
      <c r="DDC714" s="613"/>
      <c r="DDD714" s="613"/>
      <c r="DDE714" s="613"/>
      <c r="DDF714" s="613"/>
      <c r="DDG714" s="613"/>
      <c r="DDH714" s="613"/>
      <c r="DDI714" s="613"/>
      <c r="DDJ714" s="613"/>
      <c r="DDK714" s="613"/>
      <c r="DDL714" s="613"/>
      <c r="DDM714" s="613"/>
      <c r="DDN714" s="613"/>
      <c r="DDO714" s="613"/>
      <c r="DDP714" s="613"/>
      <c r="DDQ714" s="613"/>
      <c r="DDR714" s="613"/>
      <c r="DDS714" s="613"/>
      <c r="DDT714" s="613"/>
      <c r="DDU714" s="613"/>
      <c r="DDV714" s="613"/>
      <c r="DDW714" s="613"/>
      <c r="DDX714" s="613"/>
      <c r="DDY714" s="613"/>
      <c r="DDZ714" s="613"/>
      <c r="DEA714" s="613"/>
      <c r="DEB714" s="613"/>
      <c r="DEC714" s="613"/>
      <c r="DED714" s="613"/>
      <c r="DEE714" s="613"/>
      <c r="DEF714" s="613"/>
      <c r="DEG714" s="613"/>
      <c r="DEH714" s="613"/>
      <c r="DEI714" s="613"/>
      <c r="DEJ714" s="613"/>
      <c r="DEK714" s="613"/>
      <c r="DEL714" s="613"/>
      <c r="DEM714" s="613"/>
      <c r="DEN714" s="613"/>
      <c r="DEO714" s="613"/>
      <c r="DEP714" s="613"/>
      <c r="DEQ714" s="613"/>
      <c r="DER714" s="613"/>
      <c r="DES714" s="613"/>
      <c r="DET714" s="613"/>
      <c r="DEU714" s="613"/>
      <c r="DEV714" s="613"/>
      <c r="DEW714" s="613"/>
      <c r="DEX714" s="613"/>
      <c r="DEY714" s="613"/>
      <c r="DEZ714" s="613"/>
      <c r="DFA714" s="613"/>
      <c r="DFB714" s="613"/>
      <c r="DFC714" s="613"/>
      <c r="DFD714" s="613"/>
      <c r="DFE714" s="613"/>
      <c r="DFF714" s="613"/>
      <c r="DFG714" s="613"/>
      <c r="DFH714" s="613"/>
      <c r="DFI714" s="613"/>
      <c r="DFJ714" s="613"/>
      <c r="DFK714" s="613"/>
      <c r="DFL714" s="613"/>
      <c r="DFM714" s="613"/>
      <c r="DFN714" s="613"/>
      <c r="DFO714" s="613"/>
      <c r="DFP714" s="613"/>
      <c r="DFQ714" s="613"/>
      <c r="DFR714" s="613"/>
      <c r="DFS714" s="613"/>
      <c r="DFT714" s="613"/>
      <c r="DFU714" s="613"/>
      <c r="DFV714" s="613"/>
      <c r="DFW714" s="613"/>
      <c r="DFX714" s="613"/>
      <c r="DFY714" s="613"/>
      <c r="DFZ714" s="613"/>
      <c r="DGA714" s="613"/>
      <c r="DGB714" s="613"/>
      <c r="DGC714" s="613"/>
      <c r="DGD714" s="613"/>
      <c r="DGE714" s="613"/>
      <c r="DGF714" s="613"/>
      <c r="DGG714" s="613"/>
      <c r="DGH714" s="613"/>
      <c r="DGI714" s="613"/>
      <c r="DGJ714" s="613"/>
      <c r="DGK714" s="613"/>
      <c r="DGL714" s="613"/>
      <c r="DGM714" s="613"/>
      <c r="DGN714" s="613"/>
      <c r="DGO714" s="613"/>
      <c r="DGP714" s="613"/>
      <c r="DGQ714" s="613"/>
      <c r="DGR714" s="613"/>
      <c r="DGS714" s="613"/>
      <c r="DGT714" s="613"/>
      <c r="DGU714" s="613"/>
      <c r="DGV714" s="613"/>
      <c r="DGW714" s="613"/>
      <c r="DGX714" s="613"/>
      <c r="DGY714" s="613"/>
      <c r="DGZ714" s="613"/>
      <c r="DHA714" s="613"/>
      <c r="DHB714" s="613"/>
      <c r="DHC714" s="613"/>
      <c r="DHD714" s="613"/>
      <c r="DHE714" s="613"/>
      <c r="DHF714" s="613"/>
      <c r="DHG714" s="613"/>
      <c r="DHH714" s="613"/>
      <c r="DHI714" s="613"/>
      <c r="DHJ714" s="613"/>
      <c r="DHK714" s="613"/>
      <c r="DHL714" s="613"/>
      <c r="DHM714" s="613"/>
      <c r="DHN714" s="613"/>
      <c r="DHO714" s="613"/>
      <c r="DHP714" s="613"/>
      <c r="DHQ714" s="613"/>
      <c r="DHR714" s="613"/>
      <c r="DHS714" s="613"/>
      <c r="DHT714" s="613"/>
      <c r="DHU714" s="613"/>
      <c r="DHV714" s="613"/>
      <c r="DHW714" s="613"/>
      <c r="DHX714" s="613"/>
      <c r="DHY714" s="613"/>
      <c r="DHZ714" s="613"/>
      <c r="DIA714" s="613"/>
      <c r="DIB714" s="613"/>
      <c r="DIC714" s="613"/>
      <c r="DID714" s="613"/>
      <c r="DIE714" s="613"/>
      <c r="DIF714" s="613"/>
      <c r="DIG714" s="613"/>
      <c r="DIH714" s="613"/>
      <c r="DII714" s="613"/>
      <c r="DIJ714" s="613"/>
      <c r="DIK714" s="613"/>
      <c r="DIL714" s="613"/>
      <c r="DIM714" s="613"/>
      <c r="DIN714" s="613"/>
      <c r="DIO714" s="613"/>
      <c r="DIP714" s="613"/>
      <c r="DIQ714" s="613"/>
      <c r="DIR714" s="613"/>
      <c r="DIS714" s="613"/>
      <c r="DIT714" s="613"/>
      <c r="DIU714" s="613"/>
      <c r="DIV714" s="613"/>
      <c r="DIW714" s="613"/>
      <c r="DIX714" s="613"/>
      <c r="DIY714" s="613"/>
      <c r="DIZ714" s="613"/>
      <c r="DJA714" s="613"/>
      <c r="DJB714" s="613"/>
      <c r="DJC714" s="613"/>
      <c r="DJD714" s="613"/>
      <c r="DJE714" s="613"/>
      <c r="DJF714" s="613"/>
      <c r="DJG714" s="613"/>
      <c r="DJH714" s="613"/>
      <c r="DJI714" s="613"/>
      <c r="DJJ714" s="613"/>
      <c r="DJK714" s="613"/>
      <c r="DJL714" s="613"/>
      <c r="DJM714" s="613"/>
      <c r="DJN714" s="613"/>
      <c r="DJO714" s="613"/>
      <c r="DJP714" s="613"/>
      <c r="DJQ714" s="613"/>
      <c r="DJR714" s="613"/>
      <c r="DJS714" s="613"/>
      <c r="DJT714" s="613"/>
      <c r="DJU714" s="613"/>
      <c r="DJV714" s="613"/>
      <c r="DJW714" s="613"/>
      <c r="DJX714" s="613"/>
      <c r="DJY714" s="613"/>
      <c r="DJZ714" s="613"/>
      <c r="DKA714" s="613"/>
      <c r="DKB714" s="613"/>
      <c r="DKC714" s="613"/>
      <c r="DKD714" s="613"/>
      <c r="DKE714" s="613"/>
      <c r="DKF714" s="613"/>
      <c r="DKG714" s="613"/>
      <c r="DKH714" s="613"/>
      <c r="DKI714" s="613"/>
      <c r="DKJ714" s="613"/>
      <c r="DKK714" s="613"/>
      <c r="DKL714" s="613"/>
      <c r="DKM714" s="613"/>
      <c r="DKN714" s="613"/>
      <c r="DKO714" s="613"/>
      <c r="DKP714" s="613"/>
      <c r="DKQ714" s="613"/>
      <c r="DKR714" s="613"/>
      <c r="DKS714" s="613"/>
      <c r="DKT714" s="613"/>
      <c r="DKU714" s="613"/>
      <c r="DKV714" s="613"/>
      <c r="DKW714" s="613"/>
      <c r="DKX714" s="613"/>
      <c r="DKY714" s="613"/>
      <c r="DKZ714" s="613"/>
      <c r="DLA714" s="613"/>
      <c r="DLB714" s="613"/>
      <c r="DLC714" s="613"/>
      <c r="DLD714" s="613"/>
      <c r="DLE714" s="613"/>
      <c r="DLF714" s="613"/>
      <c r="DLG714" s="613"/>
      <c r="DLH714" s="613"/>
      <c r="DLI714" s="613"/>
      <c r="DLJ714" s="613"/>
      <c r="DLK714" s="613"/>
      <c r="DLL714" s="613"/>
      <c r="DLM714" s="613"/>
      <c r="DLN714" s="613"/>
      <c r="DLO714" s="613"/>
      <c r="DLP714" s="613"/>
      <c r="DLQ714" s="613"/>
      <c r="DLR714" s="613"/>
      <c r="DLS714" s="613"/>
      <c r="DLT714" s="613"/>
      <c r="DLU714" s="613"/>
      <c r="DLV714" s="613"/>
      <c r="DLW714" s="613"/>
      <c r="DLX714" s="613"/>
      <c r="DLY714" s="613"/>
      <c r="DLZ714" s="613"/>
      <c r="DMA714" s="613"/>
      <c r="DMB714" s="613"/>
      <c r="DMC714" s="613"/>
      <c r="DMD714" s="613"/>
      <c r="DME714" s="613"/>
      <c r="DMF714" s="613"/>
      <c r="DMG714" s="613"/>
      <c r="DMH714" s="613"/>
      <c r="DMI714" s="613"/>
      <c r="DMJ714" s="613"/>
      <c r="DMK714" s="613"/>
      <c r="DML714" s="613"/>
      <c r="DMM714" s="613"/>
      <c r="DMN714" s="613"/>
      <c r="DMO714" s="613"/>
      <c r="DMP714" s="613"/>
      <c r="DMQ714" s="613"/>
      <c r="DMR714" s="613"/>
      <c r="DMS714" s="613"/>
      <c r="DMT714" s="613"/>
      <c r="DMU714" s="613"/>
      <c r="DMV714" s="613"/>
      <c r="DMW714" s="613"/>
      <c r="DMX714" s="613"/>
      <c r="DMY714" s="613"/>
      <c r="DMZ714" s="613"/>
      <c r="DNA714" s="613"/>
      <c r="DNB714" s="613"/>
      <c r="DNC714" s="613"/>
      <c r="DND714" s="613"/>
      <c r="DNE714" s="613"/>
      <c r="DNF714" s="613"/>
      <c r="DNG714" s="613"/>
      <c r="DNH714" s="613"/>
      <c r="DNI714" s="613"/>
      <c r="DNJ714" s="613"/>
      <c r="DNK714" s="613"/>
      <c r="DNL714" s="613"/>
      <c r="DNM714" s="613"/>
      <c r="DNN714" s="613"/>
      <c r="DNO714" s="613"/>
      <c r="DNP714" s="613"/>
      <c r="DNQ714" s="613"/>
      <c r="DNR714" s="613"/>
      <c r="DNS714" s="613"/>
      <c r="DNT714" s="613"/>
      <c r="DNU714" s="613"/>
      <c r="DNV714" s="613"/>
      <c r="DNW714" s="613"/>
      <c r="DNX714" s="613"/>
      <c r="DNY714" s="613"/>
      <c r="DNZ714" s="613"/>
      <c r="DOA714" s="613"/>
      <c r="DOB714" s="613"/>
      <c r="DOC714" s="613"/>
      <c r="DOD714" s="613"/>
      <c r="DOE714" s="613"/>
      <c r="DOF714" s="613"/>
      <c r="DOG714" s="613"/>
      <c r="DOH714" s="613"/>
      <c r="DOI714" s="613"/>
      <c r="DOJ714" s="613"/>
      <c r="DOK714" s="613"/>
      <c r="DOL714" s="613"/>
      <c r="DOM714" s="613"/>
      <c r="DON714" s="613"/>
      <c r="DOO714" s="613"/>
      <c r="DOP714" s="613"/>
      <c r="DOQ714" s="613"/>
      <c r="DOR714" s="613"/>
      <c r="DOS714" s="613"/>
      <c r="DOT714" s="613"/>
      <c r="DOU714" s="613"/>
      <c r="DOV714" s="613"/>
      <c r="DOW714" s="613"/>
      <c r="DOX714" s="613"/>
      <c r="DOY714" s="613"/>
      <c r="DOZ714" s="613"/>
      <c r="DPA714" s="613"/>
      <c r="DPB714" s="613"/>
      <c r="DPC714" s="613"/>
      <c r="DPD714" s="613"/>
      <c r="DPE714" s="613"/>
      <c r="DPF714" s="613"/>
      <c r="DPG714" s="613"/>
      <c r="DPH714" s="613"/>
      <c r="DPI714" s="613"/>
      <c r="DPJ714" s="613"/>
      <c r="DPK714" s="613"/>
      <c r="DPL714" s="613"/>
      <c r="DPM714" s="613"/>
      <c r="DPN714" s="613"/>
      <c r="DPO714" s="613"/>
      <c r="DPP714" s="613"/>
      <c r="DPQ714" s="613"/>
      <c r="DPR714" s="613"/>
      <c r="DPS714" s="613"/>
      <c r="DPT714" s="613"/>
      <c r="DPU714" s="613"/>
      <c r="DPV714" s="613"/>
      <c r="DPW714" s="613"/>
      <c r="DPX714" s="613"/>
      <c r="DPY714" s="613"/>
      <c r="DPZ714" s="613"/>
      <c r="DQA714" s="613"/>
      <c r="DQB714" s="613"/>
      <c r="DQC714" s="613"/>
      <c r="DQD714" s="613"/>
      <c r="DQE714" s="613"/>
      <c r="DQF714" s="613"/>
      <c r="DQG714" s="613"/>
      <c r="DQH714" s="613"/>
      <c r="DQI714" s="613"/>
      <c r="DQJ714" s="613"/>
      <c r="DQK714" s="613"/>
      <c r="DQL714" s="613"/>
      <c r="DQM714" s="613"/>
      <c r="DQN714" s="613"/>
      <c r="DQO714" s="613"/>
      <c r="DQP714" s="613"/>
      <c r="DQQ714" s="613"/>
      <c r="DQR714" s="613"/>
      <c r="DQS714" s="613"/>
      <c r="DQT714" s="613"/>
      <c r="DQU714" s="613"/>
      <c r="DQV714" s="613"/>
      <c r="DQW714" s="613"/>
      <c r="DQX714" s="613"/>
      <c r="DQY714" s="613"/>
      <c r="DQZ714" s="613"/>
      <c r="DRA714" s="613"/>
      <c r="DRB714" s="613"/>
      <c r="DRC714" s="613"/>
      <c r="DRD714" s="613"/>
      <c r="DRE714" s="613"/>
      <c r="DRF714" s="613"/>
      <c r="DRG714" s="613"/>
      <c r="DRH714" s="613"/>
      <c r="DRI714" s="613"/>
      <c r="DRJ714" s="613"/>
      <c r="DRK714" s="613"/>
      <c r="DRL714" s="613"/>
      <c r="DRM714" s="613"/>
      <c r="DRN714" s="613"/>
      <c r="DRO714" s="613"/>
      <c r="DRP714" s="613"/>
      <c r="DRQ714" s="613"/>
      <c r="DRR714" s="613"/>
      <c r="DRS714" s="613"/>
      <c r="DRT714" s="613"/>
      <c r="DRU714" s="613"/>
      <c r="DRV714" s="613"/>
      <c r="DRW714" s="613"/>
      <c r="DRX714" s="613"/>
      <c r="DRY714" s="613"/>
      <c r="DRZ714" s="613"/>
      <c r="DSA714" s="613"/>
      <c r="DSB714" s="613"/>
      <c r="DSC714" s="613"/>
      <c r="DSD714" s="613"/>
      <c r="DSE714" s="613"/>
      <c r="DSF714" s="613"/>
      <c r="DSG714" s="613"/>
      <c r="DSH714" s="613"/>
      <c r="DSI714" s="613"/>
      <c r="DSJ714" s="613"/>
      <c r="DSK714" s="613"/>
      <c r="DSL714" s="613"/>
      <c r="DSM714" s="613"/>
      <c r="DSN714" s="613"/>
      <c r="DSO714" s="613"/>
      <c r="DSP714" s="613"/>
      <c r="DSQ714" s="613"/>
      <c r="DSR714" s="613"/>
      <c r="DSS714" s="613"/>
      <c r="DST714" s="613"/>
      <c r="DSU714" s="613"/>
      <c r="DSV714" s="613"/>
      <c r="DSW714" s="613"/>
      <c r="DSX714" s="613"/>
      <c r="DSY714" s="613"/>
      <c r="DSZ714" s="613"/>
      <c r="DTA714" s="613"/>
      <c r="DTB714" s="613"/>
      <c r="DTC714" s="613"/>
      <c r="DTD714" s="613"/>
      <c r="DTE714" s="613"/>
      <c r="DTF714" s="613"/>
      <c r="DTG714" s="613"/>
      <c r="DTH714" s="613"/>
      <c r="DTI714" s="613"/>
      <c r="DTJ714" s="613"/>
      <c r="DTK714" s="613"/>
      <c r="DTL714" s="613"/>
      <c r="DTM714" s="613"/>
      <c r="DTN714" s="613"/>
      <c r="DTO714" s="613"/>
      <c r="DTP714" s="613"/>
      <c r="DTQ714" s="613"/>
      <c r="DTR714" s="613"/>
      <c r="DTS714" s="613"/>
      <c r="DTT714" s="613"/>
      <c r="DTU714" s="613"/>
      <c r="DTV714" s="613"/>
      <c r="DTW714" s="613"/>
      <c r="DTX714" s="613"/>
      <c r="DTY714" s="613"/>
      <c r="DTZ714" s="613"/>
      <c r="DUA714" s="613"/>
      <c r="DUB714" s="613"/>
      <c r="DUC714" s="613"/>
      <c r="DUD714" s="613"/>
      <c r="DUE714" s="613"/>
      <c r="DUF714" s="613"/>
      <c r="DUG714" s="613"/>
      <c r="DUH714" s="613"/>
      <c r="DUI714" s="613"/>
      <c r="DUJ714" s="613"/>
      <c r="DUK714" s="613"/>
      <c r="DUL714" s="613"/>
      <c r="DUM714" s="613"/>
      <c r="DUN714" s="613"/>
      <c r="DUO714" s="613"/>
      <c r="DUP714" s="613"/>
      <c r="DUQ714" s="613"/>
      <c r="DUR714" s="613"/>
      <c r="DUS714" s="613"/>
      <c r="DUT714" s="613"/>
      <c r="DUU714" s="613"/>
      <c r="DUV714" s="613"/>
      <c r="DUW714" s="613"/>
      <c r="DUX714" s="613"/>
      <c r="DUY714" s="613"/>
      <c r="DUZ714" s="613"/>
      <c r="DVA714" s="613"/>
      <c r="DVB714" s="613"/>
      <c r="DVC714" s="613"/>
      <c r="DVD714" s="613"/>
      <c r="DVE714" s="613"/>
      <c r="DVF714" s="613"/>
      <c r="DVG714" s="613"/>
      <c r="DVH714" s="613"/>
      <c r="DVI714" s="613"/>
      <c r="DVJ714" s="613"/>
      <c r="DVK714" s="613"/>
      <c r="DVL714" s="613"/>
      <c r="DVM714" s="613"/>
      <c r="DVN714" s="613"/>
      <c r="DVO714" s="613"/>
      <c r="DVP714" s="613"/>
      <c r="DVQ714" s="613"/>
      <c r="DVR714" s="613"/>
      <c r="DVS714" s="613"/>
      <c r="DVT714" s="613"/>
      <c r="DVU714" s="613"/>
      <c r="DVV714" s="613"/>
      <c r="DVW714" s="613"/>
      <c r="DVX714" s="613"/>
      <c r="DVY714" s="613"/>
      <c r="DVZ714" s="613"/>
      <c r="DWA714" s="613"/>
      <c r="DWB714" s="613"/>
      <c r="DWC714" s="613"/>
      <c r="DWD714" s="613"/>
      <c r="DWE714" s="613"/>
      <c r="DWF714" s="613"/>
      <c r="DWG714" s="613"/>
      <c r="DWH714" s="613"/>
      <c r="DWI714" s="613"/>
      <c r="DWJ714" s="613"/>
      <c r="DWK714" s="613"/>
      <c r="DWL714" s="613"/>
      <c r="DWM714" s="613"/>
      <c r="DWN714" s="613"/>
      <c r="DWO714" s="613"/>
      <c r="DWP714" s="613"/>
      <c r="DWQ714" s="613"/>
      <c r="DWR714" s="613"/>
      <c r="DWS714" s="613"/>
      <c r="DWT714" s="613"/>
      <c r="DWU714" s="613"/>
      <c r="DWV714" s="613"/>
      <c r="DWW714" s="613"/>
      <c r="DWX714" s="613"/>
      <c r="DWY714" s="613"/>
      <c r="DWZ714" s="613"/>
      <c r="DXA714" s="613"/>
      <c r="DXB714" s="613"/>
      <c r="DXC714" s="613"/>
      <c r="DXD714" s="613"/>
      <c r="DXE714" s="613"/>
      <c r="DXF714" s="613"/>
      <c r="DXG714" s="613"/>
      <c r="DXH714" s="613"/>
      <c r="DXI714" s="613"/>
      <c r="DXJ714" s="613"/>
      <c r="DXK714" s="613"/>
      <c r="DXL714" s="613"/>
      <c r="DXM714" s="613"/>
      <c r="DXN714" s="613"/>
      <c r="DXO714" s="613"/>
      <c r="DXP714" s="613"/>
      <c r="DXQ714" s="613"/>
      <c r="DXR714" s="613"/>
      <c r="DXS714" s="613"/>
      <c r="DXT714" s="613"/>
      <c r="DXU714" s="613"/>
      <c r="DXV714" s="613"/>
      <c r="DXW714" s="613"/>
      <c r="DXX714" s="613"/>
      <c r="DXY714" s="613"/>
      <c r="DXZ714" s="613"/>
      <c r="DYA714" s="613"/>
      <c r="DYB714" s="613"/>
      <c r="DYC714" s="613"/>
      <c r="DYD714" s="613"/>
      <c r="DYE714" s="613"/>
      <c r="DYF714" s="613"/>
      <c r="DYG714" s="613"/>
      <c r="DYH714" s="613"/>
      <c r="DYI714" s="613"/>
      <c r="DYJ714" s="613"/>
      <c r="DYK714" s="613"/>
      <c r="DYL714" s="613"/>
      <c r="DYM714" s="613"/>
      <c r="DYN714" s="613"/>
      <c r="DYO714" s="613"/>
      <c r="DYP714" s="613"/>
      <c r="DYQ714" s="613"/>
      <c r="DYR714" s="613"/>
      <c r="DYS714" s="613"/>
      <c r="DYT714" s="613"/>
      <c r="DYU714" s="613"/>
      <c r="DYV714" s="613"/>
      <c r="DYW714" s="613"/>
      <c r="DYX714" s="613"/>
      <c r="DYY714" s="613"/>
      <c r="DYZ714" s="613"/>
      <c r="DZA714" s="613"/>
      <c r="DZB714" s="613"/>
      <c r="DZC714" s="613"/>
      <c r="DZD714" s="613"/>
      <c r="DZE714" s="613"/>
      <c r="DZF714" s="613"/>
      <c r="DZG714" s="613"/>
      <c r="DZH714" s="613"/>
      <c r="DZI714" s="613"/>
      <c r="DZJ714" s="613"/>
      <c r="DZK714" s="613"/>
      <c r="DZL714" s="613"/>
      <c r="DZM714" s="613"/>
      <c r="DZN714" s="613"/>
      <c r="DZO714" s="613"/>
      <c r="DZP714" s="613"/>
      <c r="DZQ714" s="613"/>
      <c r="DZR714" s="613"/>
      <c r="DZS714" s="613"/>
      <c r="DZT714" s="613"/>
      <c r="DZU714" s="613"/>
      <c r="DZV714" s="613"/>
      <c r="DZW714" s="613"/>
      <c r="DZX714" s="613"/>
      <c r="DZY714" s="613"/>
      <c r="DZZ714" s="613"/>
      <c r="EAA714" s="613"/>
      <c r="EAB714" s="613"/>
      <c r="EAC714" s="613"/>
      <c r="EAD714" s="613"/>
      <c r="EAE714" s="613"/>
      <c r="EAF714" s="613"/>
      <c r="EAG714" s="613"/>
      <c r="EAH714" s="613"/>
      <c r="EAI714" s="613"/>
      <c r="EAJ714" s="613"/>
      <c r="EAK714" s="613"/>
      <c r="EAL714" s="613"/>
      <c r="EAM714" s="613"/>
      <c r="EAN714" s="613"/>
      <c r="EAO714" s="613"/>
      <c r="EAP714" s="613"/>
      <c r="EAQ714" s="613"/>
      <c r="EAR714" s="613"/>
      <c r="EAS714" s="613"/>
      <c r="EAT714" s="613"/>
      <c r="EAU714" s="613"/>
      <c r="EAV714" s="613"/>
      <c r="EAW714" s="613"/>
      <c r="EAX714" s="613"/>
      <c r="EAY714" s="613"/>
      <c r="EAZ714" s="613"/>
      <c r="EBA714" s="613"/>
      <c r="EBB714" s="613"/>
      <c r="EBC714" s="613"/>
      <c r="EBD714" s="613"/>
      <c r="EBE714" s="613"/>
      <c r="EBF714" s="613"/>
      <c r="EBG714" s="613"/>
      <c r="EBH714" s="613"/>
      <c r="EBI714" s="613"/>
      <c r="EBJ714" s="613"/>
      <c r="EBK714" s="613"/>
      <c r="EBL714" s="613"/>
      <c r="EBM714" s="613"/>
      <c r="EBN714" s="613"/>
      <c r="EBO714" s="613"/>
      <c r="EBP714" s="613"/>
      <c r="EBQ714" s="613"/>
      <c r="EBR714" s="613"/>
      <c r="EBS714" s="613"/>
      <c r="EBT714" s="613"/>
      <c r="EBU714" s="613"/>
      <c r="EBV714" s="613"/>
      <c r="EBW714" s="613"/>
      <c r="EBX714" s="613"/>
      <c r="EBY714" s="613"/>
      <c r="EBZ714" s="613"/>
      <c r="ECA714" s="613"/>
      <c r="ECB714" s="613"/>
      <c r="ECC714" s="613"/>
      <c r="ECD714" s="613"/>
      <c r="ECE714" s="613"/>
      <c r="ECF714" s="613"/>
      <c r="ECG714" s="613"/>
      <c r="ECH714" s="613"/>
      <c r="ECI714" s="613"/>
      <c r="ECJ714" s="613"/>
      <c r="ECK714" s="613"/>
      <c r="ECL714" s="613"/>
      <c r="ECM714" s="613"/>
      <c r="ECN714" s="613"/>
      <c r="ECO714" s="613"/>
      <c r="ECP714" s="613"/>
      <c r="ECQ714" s="613"/>
      <c r="ECR714" s="613"/>
      <c r="ECS714" s="613"/>
      <c r="ECT714" s="613"/>
      <c r="ECU714" s="613"/>
      <c r="ECV714" s="613"/>
      <c r="ECW714" s="613"/>
      <c r="ECX714" s="613"/>
      <c r="ECY714" s="613"/>
      <c r="ECZ714" s="613"/>
      <c r="EDA714" s="613"/>
      <c r="EDB714" s="613"/>
      <c r="EDC714" s="613"/>
      <c r="EDD714" s="613"/>
      <c r="EDE714" s="613"/>
      <c r="EDF714" s="613"/>
      <c r="EDG714" s="613"/>
      <c r="EDH714" s="613"/>
      <c r="EDI714" s="613"/>
      <c r="EDJ714" s="613"/>
      <c r="EDK714" s="613"/>
      <c r="EDL714" s="613"/>
      <c r="EDM714" s="613"/>
      <c r="EDN714" s="613"/>
      <c r="EDO714" s="613"/>
      <c r="EDP714" s="613"/>
      <c r="EDQ714" s="613"/>
      <c r="EDR714" s="613"/>
      <c r="EDS714" s="613"/>
      <c r="EDT714" s="613"/>
      <c r="EDU714" s="613"/>
      <c r="EDV714" s="613"/>
      <c r="EDW714" s="613"/>
      <c r="EDX714" s="613"/>
      <c r="EDY714" s="613"/>
      <c r="EDZ714" s="613"/>
      <c r="EEA714" s="613"/>
      <c r="EEB714" s="613"/>
      <c r="EEC714" s="613"/>
      <c r="EED714" s="613"/>
      <c r="EEE714" s="613"/>
      <c r="EEF714" s="613"/>
      <c r="EEG714" s="613"/>
      <c r="EEH714" s="613"/>
      <c r="EEI714" s="613"/>
      <c r="EEJ714" s="613"/>
      <c r="EEK714" s="613"/>
      <c r="EEL714" s="613"/>
      <c r="EEM714" s="613"/>
      <c r="EEN714" s="613"/>
      <c r="EEO714" s="613"/>
      <c r="EEP714" s="613"/>
      <c r="EEQ714" s="613"/>
      <c r="EER714" s="613"/>
      <c r="EES714" s="613"/>
      <c r="EET714" s="613"/>
      <c r="EEU714" s="613"/>
      <c r="EEV714" s="613"/>
      <c r="EEW714" s="613"/>
      <c r="EEX714" s="613"/>
      <c r="EEY714" s="613"/>
      <c r="EEZ714" s="613"/>
      <c r="EFA714" s="613"/>
      <c r="EFB714" s="613"/>
      <c r="EFC714" s="613"/>
      <c r="EFD714" s="613"/>
      <c r="EFE714" s="613"/>
      <c r="EFF714" s="613"/>
      <c r="EFG714" s="613"/>
      <c r="EFH714" s="613"/>
      <c r="EFI714" s="613"/>
      <c r="EFJ714" s="613"/>
      <c r="EFK714" s="613"/>
      <c r="EFL714" s="613"/>
      <c r="EFM714" s="613"/>
      <c r="EFN714" s="613"/>
      <c r="EFO714" s="613"/>
      <c r="EFP714" s="613"/>
      <c r="EFQ714" s="613"/>
      <c r="EFR714" s="613"/>
      <c r="EFS714" s="613"/>
      <c r="EFT714" s="613"/>
      <c r="EFU714" s="613"/>
      <c r="EFV714" s="613"/>
      <c r="EFW714" s="613"/>
      <c r="EFX714" s="613"/>
      <c r="EFY714" s="613"/>
      <c r="EFZ714" s="613"/>
      <c r="EGA714" s="613"/>
      <c r="EGB714" s="613"/>
      <c r="EGC714" s="613"/>
      <c r="EGD714" s="613"/>
      <c r="EGE714" s="613"/>
      <c r="EGF714" s="613"/>
      <c r="EGG714" s="613"/>
      <c r="EGH714" s="613"/>
      <c r="EGI714" s="613"/>
      <c r="EGJ714" s="613"/>
      <c r="EGK714" s="613"/>
      <c r="EGL714" s="613"/>
      <c r="EGM714" s="613"/>
      <c r="EGN714" s="613"/>
      <c r="EGO714" s="613"/>
      <c r="EGP714" s="613"/>
      <c r="EGQ714" s="613"/>
      <c r="EGR714" s="613"/>
      <c r="EGS714" s="613"/>
      <c r="EGT714" s="613"/>
      <c r="EGU714" s="613"/>
      <c r="EGV714" s="613"/>
      <c r="EGW714" s="613"/>
      <c r="EGX714" s="613"/>
      <c r="EGY714" s="613"/>
      <c r="EGZ714" s="613"/>
      <c r="EHA714" s="613"/>
      <c r="EHB714" s="613"/>
      <c r="EHC714" s="613"/>
      <c r="EHD714" s="613"/>
      <c r="EHE714" s="613"/>
      <c r="EHF714" s="613"/>
      <c r="EHG714" s="613"/>
      <c r="EHH714" s="613"/>
      <c r="EHI714" s="613"/>
      <c r="EHJ714" s="613"/>
      <c r="EHK714" s="613"/>
      <c r="EHL714" s="613"/>
      <c r="EHM714" s="613"/>
      <c r="EHN714" s="613"/>
      <c r="EHO714" s="613"/>
      <c r="EHP714" s="613"/>
      <c r="EHQ714" s="613"/>
      <c r="EHR714" s="613"/>
      <c r="EHS714" s="613"/>
      <c r="EHT714" s="613"/>
      <c r="EHU714" s="613"/>
      <c r="EHV714" s="613"/>
      <c r="EHW714" s="613"/>
      <c r="EHX714" s="613"/>
      <c r="EHY714" s="613"/>
      <c r="EHZ714" s="613"/>
      <c r="EIA714" s="613"/>
      <c r="EIB714" s="613"/>
      <c r="EIC714" s="613"/>
      <c r="EID714" s="613"/>
      <c r="EIE714" s="613"/>
      <c r="EIF714" s="613"/>
      <c r="EIG714" s="613"/>
      <c r="EIH714" s="613"/>
      <c r="EII714" s="613"/>
      <c r="EIJ714" s="613"/>
      <c r="EIK714" s="613"/>
      <c r="EIL714" s="613"/>
      <c r="EIM714" s="613"/>
      <c r="EIN714" s="613"/>
      <c r="EIO714" s="613"/>
      <c r="EIP714" s="613"/>
      <c r="EIQ714" s="613"/>
      <c r="EIR714" s="613"/>
      <c r="EIS714" s="613"/>
      <c r="EIT714" s="613"/>
      <c r="EIU714" s="613"/>
      <c r="EIV714" s="613"/>
      <c r="EIW714" s="613"/>
      <c r="EIX714" s="613"/>
      <c r="EIY714" s="613"/>
      <c r="EIZ714" s="613"/>
      <c r="EJA714" s="613"/>
      <c r="EJB714" s="613"/>
      <c r="EJC714" s="613"/>
      <c r="EJD714" s="613"/>
      <c r="EJE714" s="613"/>
      <c r="EJF714" s="613"/>
      <c r="EJG714" s="613"/>
      <c r="EJH714" s="613"/>
      <c r="EJI714" s="613"/>
      <c r="EJJ714" s="613"/>
      <c r="EJK714" s="613"/>
      <c r="EJL714" s="613"/>
      <c r="EJM714" s="613"/>
      <c r="EJN714" s="613"/>
      <c r="EJO714" s="613"/>
      <c r="EJP714" s="613"/>
      <c r="EJQ714" s="613"/>
      <c r="EJR714" s="613"/>
      <c r="EJS714" s="613"/>
      <c r="EJT714" s="613"/>
      <c r="EJU714" s="613"/>
      <c r="EJV714" s="613"/>
      <c r="EJW714" s="613"/>
      <c r="EJX714" s="613"/>
      <c r="EJY714" s="613"/>
      <c r="EJZ714" s="613"/>
      <c r="EKA714" s="613"/>
      <c r="EKB714" s="613"/>
      <c r="EKC714" s="613"/>
      <c r="EKD714" s="613"/>
      <c r="EKE714" s="613"/>
      <c r="EKF714" s="613"/>
      <c r="EKG714" s="613"/>
      <c r="EKH714" s="613"/>
      <c r="EKI714" s="613"/>
      <c r="EKJ714" s="613"/>
      <c r="EKK714" s="613"/>
      <c r="EKL714" s="613"/>
      <c r="EKM714" s="613"/>
      <c r="EKN714" s="613"/>
      <c r="EKO714" s="613"/>
      <c r="EKP714" s="613"/>
      <c r="EKQ714" s="613"/>
      <c r="EKR714" s="613"/>
      <c r="EKS714" s="613"/>
      <c r="EKT714" s="613"/>
      <c r="EKU714" s="613"/>
      <c r="EKV714" s="613"/>
      <c r="EKW714" s="613"/>
      <c r="EKX714" s="613"/>
      <c r="EKY714" s="613"/>
      <c r="EKZ714" s="613"/>
      <c r="ELA714" s="613"/>
      <c r="ELB714" s="613"/>
      <c r="ELC714" s="613"/>
      <c r="ELD714" s="613"/>
      <c r="ELE714" s="613"/>
      <c r="ELF714" s="613"/>
      <c r="ELG714" s="613"/>
      <c r="ELH714" s="613"/>
      <c r="ELI714" s="613"/>
      <c r="ELJ714" s="613"/>
      <c r="ELK714" s="613"/>
      <c r="ELL714" s="613"/>
      <c r="ELM714" s="613"/>
      <c r="ELN714" s="613"/>
      <c r="ELO714" s="613"/>
      <c r="ELP714" s="613"/>
      <c r="ELQ714" s="613"/>
      <c r="ELR714" s="613"/>
      <c r="ELS714" s="613"/>
      <c r="ELT714" s="613"/>
      <c r="ELU714" s="613"/>
      <c r="ELV714" s="613"/>
      <c r="ELW714" s="613"/>
      <c r="ELX714" s="613"/>
      <c r="ELY714" s="613"/>
      <c r="ELZ714" s="613"/>
      <c r="EMA714" s="613"/>
      <c r="EMB714" s="613"/>
      <c r="EMC714" s="613"/>
      <c r="EMD714" s="613"/>
      <c r="EME714" s="613"/>
      <c r="EMF714" s="613"/>
      <c r="EMG714" s="613"/>
      <c r="EMH714" s="613"/>
      <c r="EMI714" s="613"/>
      <c r="EMJ714" s="613"/>
      <c r="EMK714" s="613"/>
      <c r="EML714" s="613"/>
      <c r="EMM714" s="613"/>
      <c r="EMN714" s="613"/>
      <c r="EMO714" s="613"/>
      <c r="EMP714" s="613"/>
      <c r="EMQ714" s="613"/>
      <c r="EMR714" s="613"/>
      <c r="EMS714" s="613"/>
      <c r="EMT714" s="613"/>
      <c r="EMU714" s="613"/>
      <c r="EMV714" s="613"/>
      <c r="EMW714" s="613"/>
      <c r="EMX714" s="613"/>
      <c r="EMY714" s="613"/>
      <c r="EMZ714" s="613"/>
      <c r="ENA714" s="613"/>
      <c r="ENB714" s="613"/>
      <c r="ENC714" s="613"/>
      <c r="END714" s="613"/>
      <c r="ENE714" s="613"/>
      <c r="ENF714" s="613"/>
      <c r="ENG714" s="613"/>
      <c r="ENH714" s="613"/>
      <c r="ENI714" s="613"/>
      <c r="ENJ714" s="613"/>
      <c r="ENK714" s="613"/>
      <c r="ENL714" s="613"/>
      <c r="ENM714" s="613"/>
      <c r="ENN714" s="613"/>
      <c r="ENO714" s="613"/>
      <c r="ENP714" s="613"/>
      <c r="ENQ714" s="613"/>
      <c r="ENR714" s="613"/>
      <c r="ENS714" s="613"/>
      <c r="ENT714" s="613"/>
      <c r="ENU714" s="613"/>
      <c r="ENV714" s="613"/>
      <c r="ENW714" s="613"/>
      <c r="ENX714" s="613"/>
      <c r="ENY714" s="613"/>
      <c r="ENZ714" s="613"/>
      <c r="EOA714" s="613"/>
      <c r="EOB714" s="613"/>
      <c r="EOC714" s="613"/>
      <c r="EOD714" s="613"/>
      <c r="EOE714" s="613"/>
      <c r="EOF714" s="613"/>
      <c r="EOG714" s="613"/>
      <c r="EOH714" s="613"/>
      <c r="EOI714" s="613"/>
      <c r="EOJ714" s="613"/>
      <c r="EOK714" s="613"/>
      <c r="EOL714" s="613"/>
      <c r="EOM714" s="613"/>
      <c r="EON714" s="613"/>
      <c r="EOO714" s="613"/>
      <c r="EOP714" s="613"/>
      <c r="EOQ714" s="613"/>
      <c r="EOR714" s="613"/>
      <c r="EOS714" s="613"/>
      <c r="EOT714" s="613"/>
      <c r="EOU714" s="613"/>
      <c r="EOV714" s="613"/>
      <c r="EOW714" s="613"/>
      <c r="EOX714" s="613"/>
      <c r="EOY714" s="613"/>
      <c r="EOZ714" s="613"/>
      <c r="EPA714" s="613"/>
      <c r="EPB714" s="613"/>
      <c r="EPC714" s="613"/>
      <c r="EPD714" s="613"/>
      <c r="EPE714" s="613"/>
      <c r="EPF714" s="613"/>
      <c r="EPG714" s="613"/>
      <c r="EPH714" s="613"/>
      <c r="EPI714" s="613"/>
      <c r="EPJ714" s="613"/>
      <c r="EPK714" s="613"/>
      <c r="EPL714" s="613"/>
      <c r="EPM714" s="613"/>
      <c r="EPN714" s="613"/>
      <c r="EPO714" s="613"/>
      <c r="EPP714" s="613"/>
      <c r="EPQ714" s="613"/>
      <c r="EPR714" s="613"/>
      <c r="EPS714" s="613"/>
      <c r="EPT714" s="613"/>
      <c r="EPU714" s="613"/>
      <c r="EPV714" s="613"/>
      <c r="EPW714" s="613"/>
      <c r="EPX714" s="613"/>
      <c r="EPY714" s="613"/>
      <c r="EPZ714" s="613"/>
      <c r="EQA714" s="613"/>
      <c r="EQB714" s="613"/>
      <c r="EQC714" s="613"/>
      <c r="EQD714" s="613"/>
      <c r="EQE714" s="613"/>
      <c r="EQF714" s="613"/>
      <c r="EQG714" s="613"/>
      <c r="EQH714" s="613"/>
      <c r="EQI714" s="613"/>
      <c r="EQJ714" s="613"/>
      <c r="EQK714" s="613"/>
      <c r="EQL714" s="613"/>
      <c r="EQM714" s="613"/>
      <c r="EQN714" s="613"/>
      <c r="EQO714" s="613"/>
      <c r="EQP714" s="613"/>
      <c r="EQQ714" s="613"/>
      <c r="EQR714" s="613"/>
      <c r="EQS714" s="613"/>
      <c r="EQT714" s="613"/>
      <c r="EQU714" s="613"/>
      <c r="EQV714" s="613"/>
      <c r="EQW714" s="613"/>
      <c r="EQX714" s="613"/>
      <c r="EQY714" s="613"/>
      <c r="EQZ714" s="613"/>
      <c r="ERA714" s="613"/>
      <c r="ERB714" s="613"/>
      <c r="ERC714" s="613"/>
      <c r="ERD714" s="613"/>
      <c r="ERE714" s="613"/>
      <c r="ERF714" s="613"/>
      <c r="ERG714" s="613"/>
      <c r="ERH714" s="613"/>
      <c r="ERI714" s="613"/>
      <c r="ERJ714" s="613"/>
      <c r="ERK714" s="613"/>
      <c r="ERL714" s="613"/>
      <c r="ERM714" s="613"/>
      <c r="ERN714" s="613"/>
      <c r="ERO714" s="613"/>
      <c r="ERP714" s="613"/>
      <c r="ERQ714" s="613"/>
      <c r="ERR714" s="613"/>
      <c r="ERS714" s="613"/>
      <c r="ERT714" s="613"/>
      <c r="ERU714" s="613"/>
      <c r="ERV714" s="613"/>
      <c r="ERW714" s="613"/>
      <c r="ERX714" s="613"/>
      <c r="ERY714" s="613"/>
      <c r="ERZ714" s="613"/>
      <c r="ESA714" s="613"/>
      <c r="ESB714" s="613"/>
      <c r="ESC714" s="613"/>
      <c r="ESD714" s="613"/>
      <c r="ESE714" s="613"/>
      <c r="ESF714" s="613"/>
      <c r="ESG714" s="613"/>
      <c r="ESH714" s="613"/>
      <c r="ESI714" s="613"/>
      <c r="ESJ714" s="613"/>
      <c r="ESK714" s="613"/>
      <c r="ESL714" s="613"/>
      <c r="ESM714" s="613"/>
      <c r="ESN714" s="613"/>
      <c r="ESO714" s="613"/>
      <c r="ESP714" s="613"/>
      <c r="ESQ714" s="613"/>
      <c r="ESR714" s="613"/>
      <c r="ESS714" s="613"/>
      <c r="EST714" s="613"/>
      <c r="ESU714" s="613"/>
      <c r="ESV714" s="613"/>
      <c r="ESW714" s="613"/>
      <c r="ESX714" s="613"/>
      <c r="ESY714" s="613"/>
      <c r="ESZ714" s="613"/>
      <c r="ETA714" s="613"/>
      <c r="ETB714" s="613"/>
      <c r="ETC714" s="613"/>
      <c r="ETD714" s="613"/>
      <c r="ETE714" s="613"/>
      <c r="ETF714" s="613"/>
      <c r="ETG714" s="613"/>
      <c r="ETH714" s="613"/>
      <c r="ETI714" s="613"/>
      <c r="ETJ714" s="613"/>
      <c r="ETK714" s="613"/>
      <c r="ETL714" s="613"/>
      <c r="ETM714" s="613"/>
      <c r="ETN714" s="613"/>
      <c r="ETO714" s="613"/>
      <c r="ETP714" s="613"/>
      <c r="ETQ714" s="613"/>
      <c r="ETR714" s="613"/>
      <c r="ETS714" s="613"/>
      <c r="ETT714" s="613"/>
      <c r="ETU714" s="613"/>
      <c r="ETV714" s="613"/>
      <c r="ETW714" s="613"/>
      <c r="ETX714" s="613"/>
      <c r="ETY714" s="613"/>
      <c r="ETZ714" s="613"/>
      <c r="EUA714" s="613"/>
      <c r="EUB714" s="613"/>
      <c r="EUC714" s="613"/>
      <c r="EUD714" s="613"/>
      <c r="EUE714" s="613"/>
      <c r="EUF714" s="613"/>
      <c r="EUG714" s="613"/>
      <c r="EUH714" s="613"/>
      <c r="EUI714" s="613"/>
      <c r="EUJ714" s="613"/>
      <c r="EUK714" s="613"/>
      <c r="EUL714" s="613"/>
      <c r="EUM714" s="613"/>
      <c r="EUN714" s="613"/>
      <c r="EUO714" s="613"/>
      <c r="EUP714" s="613"/>
      <c r="EUQ714" s="613"/>
      <c r="EUR714" s="613"/>
      <c r="EUS714" s="613"/>
      <c r="EUT714" s="613"/>
      <c r="EUU714" s="613"/>
      <c r="EUV714" s="613"/>
      <c r="EUW714" s="613"/>
      <c r="EUX714" s="613"/>
      <c r="EUY714" s="613"/>
      <c r="EUZ714" s="613"/>
      <c r="EVA714" s="613"/>
      <c r="EVB714" s="613"/>
      <c r="EVC714" s="613"/>
      <c r="EVD714" s="613"/>
      <c r="EVE714" s="613"/>
      <c r="EVF714" s="613"/>
      <c r="EVG714" s="613"/>
      <c r="EVH714" s="613"/>
      <c r="EVI714" s="613"/>
      <c r="EVJ714" s="613"/>
      <c r="EVK714" s="613"/>
      <c r="EVL714" s="613"/>
      <c r="EVM714" s="613"/>
      <c r="EVN714" s="613"/>
      <c r="EVO714" s="613"/>
      <c r="EVP714" s="613"/>
      <c r="EVQ714" s="613"/>
      <c r="EVR714" s="613"/>
      <c r="EVS714" s="613"/>
      <c r="EVT714" s="613"/>
      <c r="EVU714" s="613"/>
      <c r="EVV714" s="613"/>
      <c r="EVW714" s="613"/>
      <c r="EVX714" s="613"/>
      <c r="EVY714" s="613"/>
      <c r="EVZ714" s="613"/>
      <c r="EWA714" s="613"/>
      <c r="EWB714" s="613"/>
      <c r="EWC714" s="613"/>
      <c r="EWD714" s="613"/>
      <c r="EWE714" s="613"/>
      <c r="EWF714" s="613"/>
      <c r="EWG714" s="613"/>
      <c r="EWH714" s="613"/>
      <c r="EWI714" s="613"/>
      <c r="EWJ714" s="613"/>
      <c r="EWK714" s="613"/>
      <c r="EWL714" s="613"/>
      <c r="EWM714" s="613"/>
      <c r="EWN714" s="613"/>
      <c r="EWO714" s="613"/>
      <c r="EWP714" s="613"/>
      <c r="EWQ714" s="613"/>
      <c r="EWR714" s="613"/>
      <c r="EWS714" s="613"/>
      <c r="EWT714" s="613"/>
      <c r="EWU714" s="613"/>
      <c r="EWV714" s="613"/>
      <c r="EWW714" s="613"/>
      <c r="EWX714" s="613"/>
      <c r="EWY714" s="613"/>
      <c r="EWZ714" s="613"/>
      <c r="EXA714" s="613"/>
      <c r="EXB714" s="613"/>
      <c r="EXC714" s="613"/>
      <c r="EXD714" s="613"/>
      <c r="EXE714" s="613"/>
      <c r="EXF714" s="613"/>
      <c r="EXG714" s="613"/>
      <c r="EXH714" s="613"/>
      <c r="EXI714" s="613"/>
      <c r="EXJ714" s="613"/>
      <c r="EXK714" s="613"/>
      <c r="EXL714" s="613"/>
      <c r="EXM714" s="613"/>
      <c r="EXN714" s="613"/>
      <c r="EXO714" s="613"/>
      <c r="EXP714" s="613"/>
      <c r="EXQ714" s="613"/>
      <c r="EXR714" s="613"/>
      <c r="EXS714" s="613"/>
      <c r="EXT714" s="613"/>
      <c r="EXU714" s="613"/>
      <c r="EXV714" s="613"/>
      <c r="EXW714" s="613"/>
      <c r="EXX714" s="613"/>
      <c r="EXY714" s="613"/>
      <c r="EXZ714" s="613"/>
      <c r="EYA714" s="613"/>
      <c r="EYB714" s="613"/>
      <c r="EYC714" s="613"/>
      <c r="EYD714" s="613"/>
      <c r="EYE714" s="613"/>
      <c r="EYF714" s="613"/>
      <c r="EYG714" s="613"/>
      <c r="EYH714" s="613"/>
      <c r="EYI714" s="613"/>
      <c r="EYJ714" s="613"/>
      <c r="EYK714" s="613"/>
      <c r="EYL714" s="613"/>
      <c r="EYM714" s="613"/>
      <c r="EYN714" s="613"/>
      <c r="EYO714" s="613"/>
      <c r="EYP714" s="613"/>
      <c r="EYQ714" s="613"/>
      <c r="EYR714" s="613"/>
      <c r="EYS714" s="613"/>
      <c r="EYT714" s="613"/>
      <c r="EYU714" s="613"/>
      <c r="EYV714" s="613"/>
      <c r="EYW714" s="613"/>
      <c r="EYX714" s="613"/>
      <c r="EYY714" s="613"/>
      <c r="EYZ714" s="613"/>
      <c r="EZA714" s="613"/>
      <c r="EZB714" s="613"/>
      <c r="EZC714" s="613"/>
      <c r="EZD714" s="613"/>
      <c r="EZE714" s="613"/>
      <c r="EZF714" s="613"/>
      <c r="EZG714" s="613"/>
      <c r="EZH714" s="613"/>
      <c r="EZI714" s="613"/>
      <c r="EZJ714" s="613"/>
      <c r="EZK714" s="613"/>
      <c r="EZL714" s="613"/>
      <c r="EZM714" s="613"/>
      <c r="EZN714" s="613"/>
      <c r="EZO714" s="613"/>
      <c r="EZP714" s="613"/>
      <c r="EZQ714" s="613"/>
      <c r="EZR714" s="613"/>
      <c r="EZS714" s="613"/>
      <c r="EZT714" s="613"/>
      <c r="EZU714" s="613"/>
      <c r="EZV714" s="613"/>
      <c r="EZW714" s="613"/>
      <c r="EZX714" s="613"/>
      <c r="EZY714" s="613"/>
      <c r="EZZ714" s="613"/>
      <c r="FAA714" s="613"/>
      <c r="FAB714" s="613"/>
      <c r="FAC714" s="613"/>
      <c r="FAD714" s="613"/>
      <c r="FAE714" s="613"/>
      <c r="FAF714" s="613"/>
      <c r="FAG714" s="613"/>
      <c r="FAH714" s="613"/>
      <c r="FAI714" s="613"/>
      <c r="FAJ714" s="613"/>
      <c r="FAK714" s="613"/>
      <c r="FAL714" s="613"/>
      <c r="FAM714" s="613"/>
      <c r="FAN714" s="613"/>
      <c r="FAO714" s="613"/>
      <c r="FAP714" s="613"/>
      <c r="FAQ714" s="613"/>
      <c r="FAR714" s="613"/>
      <c r="FAS714" s="613"/>
      <c r="FAT714" s="613"/>
      <c r="FAU714" s="613"/>
      <c r="FAV714" s="613"/>
      <c r="FAW714" s="613"/>
      <c r="FAX714" s="613"/>
      <c r="FAY714" s="613"/>
      <c r="FAZ714" s="613"/>
      <c r="FBA714" s="613"/>
      <c r="FBB714" s="613"/>
      <c r="FBC714" s="613"/>
      <c r="FBD714" s="613"/>
      <c r="FBE714" s="613"/>
      <c r="FBF714" s="613"/>
      <c r="FBG714" s="613"/>
      <c r="FBH714" s="613"/>
      <c r="FBI714" s="613"/>
      <c r="FBJ714" s="613"/>
      <c r="FBK714" s="613"/>
      <c r="FBL714" s="613"/>
      <c r="FBM714" s="613"/>
      <c r="FBN714" s="613"/>
      <c r="FBO714" s="613"/>
      <c r="FBP714" s="613"/>
      <c r="FBQ714" s="613"/>
      <c r="FBR714" s="613"/>
      <c r="FBS714" s="613"/>
      <c r="FBT714" s="613"/>
      <c r="FBU714" s="613"/>
      <c r="FBV714" s="613"/>
      <c r="FBW714" s="613"/>
      <c r="FBX714" s="613"/>
      <c r="FBY714" s="613"/>
      <c r="FBZ714" s="613"/>
      <c r="FCA714" s="613"/>
      <c r="FCB714" s="613"/>
      <c r="FCC714" s="613"/>
      <c r="FCD714" s="613"/>
      <c r="FCE714" s="613"/>
      <c r="FCF714" s="613"/>
      <c r="FCG714" s="613"/>
      <c r="FCH714" s="613"/>
      <c r="FCI714" s="613"/>
      <c r="FCJ714" s="613"/>
      <c r="FCK714" s="613"/>
      <c r="FCL714" s="613"/>
      <c r="FCM714" s="613"/>
      <c r="FCN714" s="613"/>
      <c r="FCO714" s="613"/>
      <c r="FCP714" s="613"/>
      <c r="FCQ714" s="613"/>
      <c r="FCR714" s="613"/>
      <c r="FCS714" s="613"/>
      <c r="FCT714" s="613"/>
      <c r="FCU714" s="613"/>
      <c r="FCV714" s="613"/>
      <c r="FCW714" s="613"/>
      <c r="FCX714" s="613"/>
      <c r="FCY714" s="613"/>
      <c r="FCZ714" s="613"/>
      <c r="FDA714" s="613"/>
      <c r="FDB714" s="613"/>
      <c r="FDC714" s="613"/>
      <c r="FDD714" s="613"/>
      <c r="FDE714" s="613"/>
      <c r="FDF714" s="613"/>
      <c r="FDG714" s="613"/>
      <c r="FDH714" s="613"/>
      <c r="FDI714" s="613"/>
      <c r="FDJ714" s="613"/>
      <c r="FDK714" s="613"/>
      <c r="FDL714" s="613"/>
      <c r="FDM714" s="613"/>
      <c r="FDN714" s="613"/>
      <c r="FDO714" s="613"/>
      <c r="FDP714" s="613"/>
      <c r="FDQ714" s="613"/>
      <c r="FDR714" s="613"/>
      <c r="FDS714" s="613"/>
      <c r="FDT714" s="613"/>
      <c r="FDU714" s="613"/>
      <c r="FDV714" s="613"/>
      <c r="FDW714" s="613"/>
      <c r="FDX714" s="613"/>
      <c r="FDY714" s="613"/>
      <c r="FDZ714" s="613"/>
      <c r="FEA714" s="613"/>
      <c r="FEB714" s="613"/>
      <c r="FEC714" s="613"/>
      <c r="FED714" s="613"/>
      <c r="FEE714" s="613"/>
      <c r="FEF714" s="613"/>
      <c r="FEG714" s="613"/>
      <c r="FEH714" s="613"/>
      <c r="FEI714" s="613"/>
      <c r="FEJ714" s="613"/>
      <c r="FEK714" s="613"/>
      <c r="FEL714" s="613"/>
      <c r="FEM714" s="613"/>
      <c r="FEN714" s="613"/>
      <c r="FEO714" s="613"/>
      <c r="FEP714" s="613"/>
      <c r="FEQ714" s="613"/>
      <c r="FER714" s="613"/>
      <c r="FES714" s="613"/>
      <c r="FET714" s="613"/>
      <c r="FEU714" s="613"/>
      <c r="FEV714" s="613"/>
      <c r="FEW714" s="613"/>
      <c r="FEX714" s="613"/>
      <c r="FEY714" s="613"/>
      <c r="FEZ714" s="613"/>
      <c r="FFA714" s="613"/>
      <c r="FFB714" s="613"/>
      <c r="FFC714" s="613"/>
      <c r="FFD714" s="613"/>
      <c r="FFE714" s="613"/>
      <c r="FFF714" s="613"/>
      <c r="FFG714" s="613"/>
      <c r="FFH714" s="613"/>
      <c r="FFI714" s="613"/>
      <c r="FFJ714" s="613"/>
      <c r="FFK714" s="613"/>
      <c r="FFL714" s="613"/>
      <c r="FFM714" s="613"/>
      <c r="FFN714" s="613"/>
      <c r="FFO714" s="613"/>
      <c r="FFP714" s="613"/>
      <c r="FFQ714" s="613"/>
      <c r="FFR714" s="613"/>
      <c r="FFS714" s="613"/>
      <c r="FFT714" s="613"/>
      <c r="FFU714" s="613"/>
      <c r="FFV714" s="613"/>
      <c r="FFW714" s="613"/>
      <c r="FFX714" s="613"/>
      <c r="FFY714" s="613"/>
      <c r="FFZ714" s="613"/>
      <c r="FGA714" s="613"/>
      <c r="FGB714" s="613"/>
      <c r="FGC714" s="613"/>
      <c r="FGD714" s="613"/>
      <c r="FGE714" s="613"/>
      <c r="FGF714" s="613"/>
      <c r="FGG714" s="613"/>
      <c r="FGH714" s="613"/>
      <c r="FGI714" s="613"/>
      <c r="FGJ714" s="613"/>
      <c r="FGK714" s="613"/>
      <c r="FGL714" s="613"/>
      <c r="FGM714" s="613"/>
      <c r="FGN714" s="613"/>
      <c r="FGO714" s="613"/>
      <c r="FGP714" s="613"/>
      <c r="FGQ714" s="613"/>
      <c r="FGR714" s="613"/>
      <c r="FGS714" s="613"/>
      <c r="FGT714" s="613"/>
      <c r="FGU714" s="613"/>
      <c r="FGV714" s="613"/>
      <c r="FGW714" s="613"/>
      <c r="FGX714" s="613"/>
      <c r="FGY714" s="613"/>
      <c r="FGZ714" s="613"/>
      <c r="FHA714" s="613"/>
      <c r="FHB714" s="613"/>
      <c r="FHC714" s="613"/>
      <c r="FHD714" s="613"/>
      <c r="FHE714" s="613"/>
      <c r="FHF714" s="613"/>
      <c r="FHG714" s="613"/>
      <c r="FHH714" s="613"/>
      <c r="FHI714" s="613"/>
      <c r="FHJ714" s="613"/>
      <c r="FHK714" s="613"/>
      <c r="FHL714" s="613"/>
      <c r="FHM714" s="613"/>
      <c r="FHN714" s="613"/>
      <c r="FHO714" s="613"/>
      <c r="FHP714" s="613"/>
      <c r="FHQ714" s="613"/>
      <c r="FHR714" s="613"/>
      <c r="FHS714" s="613"/>
      <c r="FHT714" s="613"/>
      <c r="FHU714" s="613"/>
      <c r="FHV714" s="613"/>
      <c r="FHW714" s="613"/>
      <c r="FHX714" s="613"/>
      <c r="FHY714" s="613"/>
      <c r="FHZ714" s="613"/>
      <c r="FIA714" s="613"/>
      <c r="FIB714" s="613"/>
      <c r="FIC714" s="613"/>
      <c r="FID714" s="613"/>
      <c r="FIE714" s="613"/>
      <c r="FIF714" s="613"/>
      <c r="FIG714" s="613"/>
      <c r="FIH714" s="613"/>
      <c r="FII714" s="613"/>
      <c r="FIJ714" s="613"/>
      <c r="FIK714" s="613"/>
      <c r="FIL714" s="613"/>
      <c r="FIM714" s="613"/>
      <c r="FIN714" s="613"/>
      <c r="FIO714" s="613"/>
      <c r="FIP714" s="613"/>
      <c r="FIQ714" s="613"/>
      <c r="FIR714" s="613"/>
      <c r="FIS714" s="613"/>
      <c r="FIT714" s="613"/>
      <c r="FIU714" s="613"/>
      <c r="FIV714" s="613"/>
      <c r="FIW714" s="613"/>
      <c r="FIX714" s="613"/>
      <c r="FIY714" s="613"/>
      <c r="FIZ714" s="613"/>
      <c r="FJA714" s="613"/>
      <c r="FJB714" s="613"/>
      <c r="FJC714" s="613"/>
      <c r="FJD714" s="613"/>
      <c r="FJE714" s="613"/>
      <c r="FJF714" s="613"/>
      <c r="FJG714" s="613"/>
      <c r="FJH714" s="613"/>
      <c r="FJI714" s="613"/>
      <c r="FJJ714" s="613"/>
      <c r="FJK714" s="613"/>
      <c r="FJL714" s="613"/>
      <c r="FJM714" s="613"/>
      <c r="FJN714" s="613"/>
      <c r="FJO714" s="613"/>
      <c r="FJP714" s="613"/>
      <c r="FJQ714" s="613"/>
      <c r="FJR714" s="613"/>
      <c r="FJS714" s="613"/>
      <c r="FJT714" s="613"/>
      <c r="FJU714" s="613"/>
      <c r="FJV714" s="613"/>
      <c r="FJW714" s="613"/>
      <c r="FJX714" s="613"/>
      <c r="FJY714" s="613"/>
      <c r="FJZ714" s="613"/>
      <c r="FKA714" s="613"/>
      <c r="FKB714" s="613"/>
      <c r="FKC714" s="613"/>
      <c r="FKD714" s="613"/>
      <c r="FKE714" s="613"/>
      <c r="FKF714" s="613"/>
      <c r="FKG714" s="613"/>
      <c r="FKH714" s="613"/>
      <c r="FKI714" s="613"/>
      <c r="FKJ714" s="613"/>
      <c r="FKK714" s="613"/>
      <c r="FKL714" s="613"/>
      <c r="FKM714" s="613"/>
      <c r="FKN714" s="613"/>
      <c r="FKO714" s="613"/>
      <c r="FKP714" s="613"/>
      <c r="FKQ714" s="613"/>
      <c r="FKR714" s="613"/>
      <c r="FKS714" s="613"/>
      <c r="FKT714" s="613"/>
      <c r="FKU714" s="613"/>
      <c r="FKV714" s="613"/>
      <c r="FKW714" s="613"/>
      <c r="FKX714" s="613"/>
      <c r="FKY714" s="613"/>
      <c r="FKZ714" s="613"/>
      <c r="FLA714" s="613"/>
      <c r="FLB714" s="613"/>
      <c r="FLC714" s="613"/>
      <c r="FLD714" s="613"/>
      <c r="FLE714" s="613"/>
      <c r="FLF714" s="613"/>
      <c r="FLG714" s="613"/>
      <c r="FLH714" s="613"/>
      <c r="FLI714" s="613"/>
      <c r="FLJ714" s="613"/>
      <c r="FLK714" s="613"/>
      <c r="FLL714" s="613"/>
      <c r="FLM714" s="613"/>
      <c r="FLN714" s="613"/>
      <c r="FLO714" s="613"/>
      <c r="FLP714" s="613"/>
      <c r="FLQ714" s="613"/>
      <c r="FLR714" s="613"/>
      <c r="FLS714" s="613"/>
      <c r="FLT714" s="613"/>
      <c r="FLU714" s="613"/>
      <c r="FLV714" s="613"/>
      <c r="FLW714" s="613"/>
      <c r="FLX714" s="613"/>
      <c r="FLY714" s="613"/>
      <c r="FLZ714" s="613"/>
      <c r="FMA714" s="613"/>
      <c r="FMB714" s="613"/>
      <c r="FMC714" s="613"/>
      <c r="FMD714" s="613"/>
      <c r="FME714" s="613"/>
      <c r="FMF714" s="613"/>
      <c r="FMG714" s="613"/>
      <c r="FMH714" s="613"/>
      <c r="FMI714" s="613"/>
      <c r="FMJ714" s="613"/>
      <c r="FMK714" s="613"/>
      <c r="FML714" s="613"/>
      <c r="FMM714" s="613"/>
      <c r="FMN714" s="613"/>
      <c r="FMO714" s="613"/>
      <c r="FMP714" s="613"/>
      <c r="FMQ714" s="613"/>
      <c r="FMR714" s="613"/>
      <c r="FMS714" s="613"/>
      <c r="FMT714" s="613"/>
      <c r="FMU714" s="613"/>
      <c r="FMV714" s="613"/>
      <c r="FMW714" s="613"/>
      <c r="FMX714" s="613"/>
      <c r="FMY714" s="613"/>
      <c r="FMZ714" s="613"/>
      <c r="FNA714" s="613"/>
      <c r="FNB714" s="613"/>
      <c r="FNC714" s="613"/>
      <c r="FND714" s="613"/>
      <c r="FNE714" s="613"/>
      <c r="FNF714" s="613"/>
      <c r="FNG714" s="613"/>
      <c r="FNH714" s="613"/>
      <c r="FNI714" s="613"/>
      <c r="FNJ714" s="613"/>
      <c r="FNK714" s="613"/>
      <c r="FNL714" s="613"/>
      <c r="FNM714" s="613"/>
      <c r="FNN714" s="613"/>
      <c r="FNO714" s="613"/>
      <c r="FNP714" s="613"/>
      <c r="FNQ714" s="613"/>
      <c r="FNR714" s="613"/>
      <c r="FNS714" s="613"/>
      <c r="FNT714" s="613"/>
      <c r="FNU714" s="613"/>
      <c r="FNV714" s="613"/>
      <c r="FNW714" s="613"/>
      <c r="FNX714" s="613"/>
      <c r="FNY714" s="613"/>
      <c r="FNZ714" s="613"/>
      <c r="FOA714" s="613"/>
      <c r="FOB714" s="613"/>
      <c r="FOC714" s="613"/>
      <c r="FOD714" s="613"/>
      <c r="FOE714" s="613"/>
      <c r="FOF714" s="613"/>
      <c r="FOG714" s="613"/>
      <c r="FOH714" s="613"/>
      <c r="FOI714" s="613"/>
      <c r="FOJ714" s="613"/>
      <c r="FOK714" s="613"/>
      <c r="FOL714" s="613"/>
      <c r="FOM714" s="613"/>
      <c r="FON714" s="613"/>
      <c r="FOO714" s="613"/>
      <c r="FOP714" s="613"/>
      <c r="FOQ714" s="613"/>
      <c r="FOR714" s="613"/>
      <c r="FOS714" s="613"/>
      <c r="FOT714" s="613"/>
      <c r="FOU714" s="613"/>
      <c r="FOV714" s="613"/>
      <c r="FOW714" s="613"/>
      <c r="FOX714" s="613"/>
      <c r="FOY714" s="613"/>
      <c r="FOZ714" s="613"/>
      <c r="FPA714" s="613"/>
      <c r="FPB714" s="613"/>
      <c r="FPC714" s="613"/>
      <c r="FPD714" s="613"/>
      <c r="FPE714" s="613"/>
      <c r="FPF714" s="613"/>
      <c r="FPG714" s="613"/>
      <c r="FPH714" s="613"/>
      <c r="FPI714" s="613"/>
      <c r="FPJ714" s="613"/>
      <c r="FPK714" s="613"/>
      <c r="FPL714" s="613"/>
      <c r="FPM714" s="613"/>
      <c r="FPN714" s="613"/>
      <c r="FPO714" s="613"/>
      <c r="FPP714" s="613"/>
      <c r="FPQ714" s="613"/>
      <c r="FPR714" s="613"/>
      <c r="FPS714" s="613"/>
      <c r="FPT714" s="613"/>
      <c r="FPU714" s="613"/>
      <c r="FPV714" s="613"/>
      <c r="FPW714" s="613"/>
      <c r="FPX714" s="613"/>
      <c r="FPY714" s="613"/>
      <c r="FPZ714" s="613"/>
      <c r="FQA714" s="613"/>
      <c r="FQB714" s="613"/>
      <c r="FQC714" s="613"/>
      <c r="FQD714" s="613"/>
      <c r="FQE714" s="613"/>
      <c r="FQF714" s="613"/>
      <c r="FQG714" s="613"/>
      <c r="FQH714" s="613"/>
      <c r="FQI714" s="613"/>
      <c r="FQJ714" s="613"/>
      <c r="FQK714" s="613"/>
      <c r="FQL714" s="613"/>
      <c r="FQM714" s="613"/>
      <c r="FQN714" s="613"/>
      <c r="FQO714" s="613"/>
      <c r="FQP714" s="613"/>
      <c r="FQQ714" s="613"/>
      <c r="FQR714" s="613"/>
      <c r="FQS714" s="613"/>
      <c r="FQT714" s="613"/>
      <c r="FQU714" s="613"/>
      <c r="FQV714" s="613"/>
      <c r="FQW714" s="613"/>
      <c r="FQX714" s="613"/>
      <c r="FQY714" s="613"/>
      <c r="FQZ714" s="613"/>
      <c r="FRA714" s="613"/>
      <c r="FRB714" s="613"/>
      <c r="FRC714" s="613"/>
      <c r="FRD714" s="613"/>
      <c r="FRE714" s="613"/>
      <c r="FRF714" s="613"/>
      <c r="FRG714" s="613"/>
      <c r="FRH714" s="613"/>
      <c r="FRI714" s="613"/>
      <c r="FRJ714" s="613"/>
      <c r="FRK714" s="613"/>
      <c r="FRL714" s="613"/>
      <c r="FRM714" s="613"/>
      <c r="FRN714" s="613"/>
      <c r="FRO714" s="613"/>
      <c r="FRP714" s="613"/>
      <c r="FRQ714" s="613"/>
      <c r="FRR714" s="613"/>
      <c r="FRS714" s="613"/>
      <c r="FRT714" s="613"/>
      <c r="FRU714" s="613"/>
      <c r="FRV714" s="613"/>
      <c r="FRW714" s="613"/>
      <c r="FRX714" s="613"/>
      <c r="FRY714" s="613"/>
      <c r="FRZ714" s="613"/>
      <c r="FSA714" s="613"/>
      <c r="FSB714" s="613"/>
      <c r="FSC714" s="613"/>
      <c r="FSD714" s="613"/>
      <c r="FSE714" s="613"/>
      <c r="FSF714" s="613"/>
      <c r="FSG714" s="613"/>
      <c r="FSH714" s="613"/>
      <c r="FSI714" s="613"/>
      <c r="FSJ714" s="613"/>
      <c r="FSK714" s="613"/>
      <c r="FSL714" s="613"/>
      <c r="FSM714" s="613"/>
      <c r="FSN714" s="613"/>
      <c r="FSO714" s="613"/>
      <c r="FSP714" s="613"/>
      <c r="FSQ714" s="613"/>
      <c r="FSR714" s="613"/>
      <c r="FSS714" s="613"/>
      <c r="FST714" s="613"/>
      <c r="FSU714" s="613"/>
      <c r="FSV714" s="613"/>
      <c r="FSW714" s="613"/>
      <c r="FSX714" s="613"/>
      <c r="FSY714" s="613"/>
      <c r="FSZ714" s="613"/>
      <c r="FTA714" s="613"/>
      <c r="FTB714" s="613"/>
      <c r="FTC714" s="613"/>
      <c r="FTD714" s="613"/>
      <c r="FTE714" s="613"/>
      <c r="FTF714" s="613"/>
      <c r="FTG714" s="613"/>
      <c r="FTH714" s="613"/>
      <c r="FTI714" s="613"/>
      <c r="FTJ714" s="613"/>
      <c r="FTK714" s="613"/>
      <c r="FTL714" s="613"/>
      <c r="FTM714" s="613"/>
      <c r="FTN714" s="613"/>
      <c r="FTO714" s="613"/>
      <c r="FTP714" s="613"/>
      <c r="FTQ714" s="613"/>
      <c r="FTR714" s="613"/>
      <c r="FTS714" s="613"/>
      <c r="FTT714" s="613"/>
      <c r="FTU714" s="613"/>
      <c r="FTV714" s="613"/>
      <c r="FTW714" s="613"/>
      <c r="FTX714" s="613"/>
      <c r="FTY714" s="613"/>
      <c r="FTZ714" s="613"/>
      <c r="FUA714" s="613"/>
      <c r="FUB714" s="613"/>
      <c r="FUC714" s="613"/>
      <c r="FUD714" s="613"/>
      <c r="FUE714" s="613"/>
      <c r="FUF714" s="613"/>
      <c r="FUG714" s="613"/>
      <c r="FUH714" s="613"/>
      <c r="FUI714" s="613"/>
      <c r="FUJ714" s="613"/>
      <c r="FUK714" s="613"/>
      <c r="FUL714" s="613"/>
      <c r="FUM714" s="613"/>
      <c r="FUN714" s="613"/>
      <c r="FUO714" s="613"/>
      <c r="FUP714" s="613"/>
      <c r="FUQ714" s="613"/>
      <c r="FUR714" s="613"/>
      <c r="FUS714" s="613"/>
      <c r="FUT714" s="613"/>
      <c r="FUU714" s="613"/>
      <c r="FUV714" s="613"/>
      <c r="FUW714" s="613"/>
      <c r="FUX714" s="613"/>
      <c r="FUY714" s="613"/>
      <c r="FUZ714" s="613"/>
      <c r="FVA714" s="613"/>
      <c r="FVB714" s="613"/>
      <c r="FVC714" s="613"/>
      <c r="FVD714" s="613"/>
      <c r="FVE714" s="613"/>
      <c r="FVF714" s="613"/>
      <c r="FVG714" s="613"/>
      <c r="FVH714" s="613"/>
      <c r="FVI714" s="613"/>
      <c r="FVJ714" s="613"/>
      <c r="FVK714" s="613"/>
      <c r="FVL714" s="613"/>
      <c r="FVM714" s="613"/>
      <c r="FVN714" s="613"/>
      <c r="FVO714" s="613"/>
      <c r="FVP714" s="613"/>
      <c r="FVQ714" s="613"/>
      <c r="FVR714" s="613"/>
      <c r="FVS714" s="613"/>
      <c r="FVT714" s="613"/>
      <c r="FVU714" s="613"/>
      <c r="FVV714" s="613"/>
      <c r="FVW714" s="613"/>
      <c r="FVX714" s="613"/>
      <c r="FVY714" s="613"/>
      <c r="FVZ714" s="613"/>
      <c r="FWA714" s="613"/>
      <c r="FWB714" s="613"/>
      <c r="FWC714" s="613"/>
      <c r="FWD714" s="613"/>
      <c r="FWE714" s="613"/>
      <c r="FWF714" s="613"/>
      <c r="FWG714" s="613"/>
      <c r="FWH714" s="613"/>
      <c r="FWI714" s="613"/>
      <c r="FWJ714" s="613"/>
      <c r="FWK714" s="613"/>
      <c r="FWL714" s="613"/>
      <c r="FWM714" s="613"/>
      <c r="FWN714" s="613"/>
      <c r="FWO714" s="613"/>
      <c r="FWP714" s="613"/>
      <c r="FWQ714" s="613"/>
      <c r="FWR714" s="613"/>
      <c r="FWS714" s="613"/>
      <c r="FWT714" s="613"/>
      <c r="FWU714" s="613"/>
      <c r="FWV714" s="613"/>
      <c r="FWW714" s="613"/>
      <c r="FWX714" s="613"/>
      <c r="FWY714" s="613"/>
      <c r="FWZ714" s="613"/>
      <c r="FXA714" s="613"/>
      <c r="FXB714" s="613"/>
      <c r="FXC714" s="613"/>
      <c r="FXD714" s="613"/>
      <c r="FXE714" s="613"/>
      <c r="FXF714" s="613"/>
      <c r="FXG714" s="613"/>
      <c r="FXH714" s="613"/>
      <c r="FXI714" s="613"/>
      <c r="FXJ714" s="613"/>
      <c r="FXK714" s="613"/>
      <c r="FXL714" s="613"/>
      <c r="FXM714" s="613"/>
      <c r="FXN714" s="613"/>
      <c r="FXO714" s="613"/>
      <c r="FXP714" s="613"/>
      <c r="FXQ714" s="613"/>
      <c r="FXR714" s="613"/>
      <c r="FXS714" s="613"/>
      <c r="FXT714" s="613"/>
      <c r="FXU714" s="613"/>
      <c r="FXV714" s="613"/>
      <c r="FXW714" s="613"/>
      <c r="FXX714" s="613"/>
      <c r="FXY714" s="613"/>
      <c r="FXZ714" s="613"/>
      <c r="FYA714" s="613"/>
      <c r="FYB714" s="613"/>
      <c r="FYC714" s="613"/>
      <c r="FYD714" s="613"/>
      <c r="FYE714" s="613"/>
      <c r="FYF714" s="613"/>
      <c r="FYG714" s="613"/>
      <c r="FYH714" s="613"/>
      <c r="FYI714" s="613"/>
      <c r="FYJ714" s="613"/>
      <c r="FYK714" s="613"/>
      <c r="FYL714" s="613"/>
      <c r="FYM714" s="613"/>
      <c r="FYN714" s="613"/>
      <c r="FYO714" s="613"/>
      <c r="FYP714" s="613"/>
      <c r="FYQ714" s="613"/>
      <c r="FYR714" s="613"/>
      <c r="FYS714" s="613"/>
      <c r="FYT714" s="613"/>
      <c r="FYU714" s="613"/>
      <c r="FYV714" s="613"/>
      <c r="FYW714" s="613"/>
      <c r="FYX714" s="613"/>
      <c r="FYY714" s="613"/>
      <c r="FYZ714" s="613"/>
      <c r="FZA714" s="613"/>
      <c r="FZB714" s="613"/>
      <c r="FZC714" s="613"/>
      <c r="FZD714" s="613"/>
      <c r="FZE714" s="613"/>
      <c r="FZF714" s="613"/>
      <c r="FZG714" s="613"/>
      <c r="FZH714" s="613"/>
      <c r="FZI714" s="613"/>
      <c r="FZJ714" s="613"/>
      <c r="FZK714" s="613"/>
      <c r="FZL714" s="613"/>
      <c r="FZM714" s="613"/>
      <c r="FZN714" s="613"/>
      <c r="FZO714" s="613"/>
      <c r="FZP714" s="613"/>
      <c r="FZQ714" s="613"/>
      <c r="FZR714" s="613"/>
      <c r="FZS714" s="613"/>
      <c r="FZT714" s="613"/>
      <c r="FZU714" s="613"/>
      <c r="FZV714" s="613"/>
      <c r="FZW714" s="613"/>
      <c r="FZX714" s="613"/>
      <c r="FZY714" s="613"/>
      <c r="FZZ714" s="613"/>
      <c r="GAA714" s="613"/>
      <c r="GAB714" s="613"/>
      <c r="GAC714" s="613"/>
      <c r="GAD714" s="613"/>
      <c r="GAE714" s="613"/>
      <c r="GAF714" s="613"/>
      <c r="GAG714" s="613"/>
      <c r="GAH714" s="613"/>
      <c r="GAI714" s="613"/>
      <c r="GAJ714" s="613"/>
      <c r="GAK714" s="613"/>
      <c r="GAL714" s="613"/>
      <c r="GAM714" s="613"/>
      <c r="GAN714" s="613"/>
      <c r="GAO714" s="613"/>
      <c r="GAP714" s="613"/>
      <c r="GAQ714" s="613"/>
      <c r="GAR714" s="613"/>
      <c r="GAS714" s="613"/>
      <c r="GAT714" s="613"/>
      <c r="GAU714" s="613"/>
      <c r="GAV714" s="613"/>
      <c r="GAW714" s="613"/>
      <c r="GAX714" s="613"/>
      <c r="GAY714" s="613"/>
      <c r="GAZ714" s="613"/>
      <c r="GBA714" s="613"/>
      <c r="GBB714" s="613"/>
      <c r="GBC714" s="613"/>
      <c r="GBD714" s="613"/>
      <c r="GBE714" s="613"/>
      <c r="GBF714" s="613"/>
      <c r="GBG714" s="613"/>
      <c r="GBH714" s="613"/>
      <c r="GBI714" s="613"/>
      <c r="GBJ714" s="613"/>
      <c r="GBK714" s="613"/>
      <c r="GBL714" s="613"/>
      <c r="GBM714" s="613"/>
      <c r="GBN714" s="613"/>
      <c r="GBO714" s="613"/>
      <c r="GBP714" s="613"/>
      <c r="GBQ714" s="613"/>
      <c r="GBR714" s="613"/>
      <c r="GBS714" s="613"/>
      <c r="GBT714" s="613"/>
      <c r="GBU714" s="613"/>
      <c r="GBV714" s="613"/>
      <c r="GBW714" s="613"/>
      <c r="GBX714" s="613"/>
      <c r="GBY714" s="613"/>
      <c r="GBZ714" s="613"/>
      <c r="GCA714" s="613"/>
      <c r="GCB714" s="613"/>
      <c r="GCC714" s="613"/>
      <c r="GCD714" s="613"/>
      <c r="GCE714" s="613"/>
      <c r="GCF714" s="613"/>
      <c r="GCG714" s="613"/>
      <c r="GCH714" s="613"/>
      <c r="GCI714" s="613"/>
      <c r="GCJ714" s="613"/>
      <c r="GCK714" s="613"/>
      <c r="GCL714" s="613"/>
      <c r="GCM714" s="613"/>
      <c r="GCN714" s="613"/>
      <c r="GCO714" s="613"/>
      <c r="GCP714" s="613"/>
      <c r="GCQ714" s="613"/>
      <c r="GCR714" s="613"/>
      <c r="GCS714" s="613"/>
      <c r="GCT714" s="613"/>
      <c r="GCU714" s="613"/>
      <c r="GCV714" s="613"/>
      <c r="GCW714" s="613"/>
      <c r="GCX714" s="613"/>
      <c r="GCY714" s="613"/>
      <c r="GCZ714" s="613"/>
      <c r="GDA714" s="613"/>
      <c r="GDB714" s="613"/>
      <c r="GDC714" s="613"/>
      <c r="GDD714" s="613"/>
      <c r="GDE714" s="613"/>
      <c r="GDF714" s="613"/>
      <c r="GDG714" s="613"/>
      <c r="GDH714" s="613"/>
      <c r="GDI714" s="613"/>
      <c r="GDJ714" s="613"/>
      <c r="GDK714" s="613"/>
      <c r="GDL714" s="613"/>
      <c r="GDM714" s="613"/>
      <c r="GDN714" s="613"/>
      <c r="GDO714" s="613"/>
      <c r="GDP714" s="613"/>
      <c r="GDQ714" s="613"/>
      <c r="GDR714" s="613"/>
      <c r="GDS714" s="613"/>
      <c r="GDT714" s="613"/>
      <c r="GDU714" s="613"/>
      <c r="GDV714" s="613"/>
      <c r="GDW714" s="613"/>
      <c r="GDX714" s="613"/>
      <c r="GDY714" s="613"/>
      <c r="GDZ714" s="613"/>
      <c r="GEA714" s="613"/>
      <c r="GEB714" s="613"/>
      <c r="GEC714" s="613"/>
      <c r="GED714" s="613"/>
      <c r="GEE714" s="613"/>
      <c r="GEF714" s="613"/>
      <c r="GEG714" s="613"/>
      <c r="GEH714" s="613"/>
      <c r="GEI714" s="613"/>
      <c r="GEJ714" s="613"/>
      <c r="GEK714" s="613"/>
      <c r="GEL714" s="613"/>
      <c r="GEM714" s="613"/>
      <c r="GEN714" s="613"/>
      <c r="GEO714" s="613"/>
      <c r="GEP714" s="613"/>
      <c r="GEQ714" s="613"/>
      <c r="GER714" s="613"/>
      <c r="GES714" s="613"/>
      <c r="GET714" s="613"/>
      <c r="GEU714" s="613"/>
      <c r="GEV714" s="613"/>
      <c r="GEW714" s="613"/>
      <c r="GEX714" s="613"/>
      <c r="GEY714" s="613"/>
      <c r="GEZ714" s="613"/>
      <c r="GFA714" s="613"/>
      <c r="GFB714" s="613"/>
      <c r="GFC714" s="613"/>
      <c r="GFD714" s="613"/>
      <c r="GFE714" s="613"/>
      <c r="GFF714" s="613"/>
      <c r="GFG714" s="613"/>
      <c r="GFH714" s="613"/>
      <c r="GFI714" s="613"/>
      <c r="GFJ714" s="613"/>
      <c r="GFK714" s="613"/>
      <c r="GFL714" s="613"/>
      <c r="GFM714" s="613"/>
      <c r="GFN714" s="613"/>
      <c r="GFO714" s="613"/>
      <c r="GFP714" s="613"/>
      <c r="GFQ714" s="613"/>
      <c r="GFR714" s="613"/>
      <c r="GFS714" s="613"/>
      <c r="GFT714" s="613"/>
      <c r="GFU714" s="613"/>
      <c r="GFV714" s="613"/>
      <c r="GFW714" s="613"/>
      <c r="GFX714" s="613"/>
      <c r="GFY714" s="613"/>
      <c r="GFZ714" s="613"/>
      <c r="GGA714" s="613"/>
      <c r="GGB714" s="613"/>
      <c r="GGC714" s="613"/>
      <c r="GGD714" s="613"/>
      <c r="GGE714" s="613"/>
      <c r="GGF714" s="613"/>
      <c r="GGG714" s="613"/>
      <c r="GGH714" s="613"/>
      <c r="GGI714" s="613"/>
      <c r="GGJ714" s="613"/>
      <c r="GGK714" s="613"/>
      <c r="GGL714" s="613"/>
      <c r="GGM714" s="613"/>
      <c r="GGN714" s="613"/>
      <c r="GGO714" s="613"/>
      <c r="GGP714" s="613"/>
      <c r="GGQ714" s="613"/>
      <c r="GGR714" s="613"/>
      <c r="GGS714" s="613"/>
      <c r="GGT714" s="613"/>
      <c r="GGU714" s="613"/>
      <c r="GGV714" s="613"/>
      <c r="GGW714" s="613"/>
      <c r="GGX714" s="613"/>
      <c r="GGY714" s="613"/>
      <c r="GGZ714" s="613"/>
      <c r="GHA714" s="613"/>
      <c r="GHB714" s="613"/>
      <c r="GHC714" s="613"/>
      <c r="GHD714" s="613"/>
      <c r="GHE714" s="613"/>
      <c r="GHF714" s="613"/>
      <c r="GHG714" s="613"/>
      <c r="GHH714" s="613"/>
      <c r="GHI714" s="613"/>
      <c r="GHJ714" s="613"/>
      <c r="GHK714" s="613"/>
      <c r="GHL714" s="613"/>
      <c r="GHM714" s="613"/>
      <c r="GHN714" s="613"/>
      <c r="GHO714" s="613"/>
      <c r="GHP714" s="613"/>
      <c r="GHQ714" s="613"/>
      <c r="GHR714" s="613"/>
      <c r="GHS714" s="613"/>
      <c r="GHT714" s="613"/>
      <c r="GHU714" s="613"/>
      <c r="GHV714" s="613"/>
      <c r="GHW714" s="613"/>
      <c r="GHX714" s="613"/>
      <c r="GHY714" s="613"/>
      <c r="GHZ714" s="613"/>
      <c r="GIA714" s="613"/>
      <c r="GIB714" s="613"/>
      <c r="GIC714" s="613"/>
      <c r="GID714" s="613"/>
      <c r="GIE714" s="613"/>
      <c r="GIF714" s="613"/>
      <c r="GIG714" s="613"/>
      <c r="GIH714" s="613"/>
      <c r="GII714" s="613"/>
      <c r="GIJ714" s="613"/>
      <c r="GIK714" s="613"/>
      <c r="GIL714" s="613"/>
      <c r="GIM714" s="613"/>
      <c r="GIN714" s="613"/>
      <c r="GIO714" s="613"/>
      <c r="GIP714" s="613"/>
      <c r="GIQ714" s="613"/>
      <c r="GIR714" s="613"/>
      <c r="GIS714" s="613"/>
      <c r="GIT714" s="613"/>
      <c r="GIU714" s="613"/>
      <c r="GIV714" s="613"/>
      <c r="GIW714" s="613"/>
      <c r="GIX714" s="613"/>
      <c r="GIY714" s="613"/>
      <c r="GIZ714" s="613"/>
      <c r="GJA714" s="613"/>
      <c r="GJB714" s="613"/>
      <c r="GJC714" s="613"/>
      <c r="GJD714" s="613"/>
      <c r="GJE714" s="613"/>
      <c r="GJF714" s="613"/>
      <c r="GJG714" s="613"/>
      <c r="GJH714" s="613"/>
      <c r="GJI714" s="613"/>
      <c r="GJJ714" s="613"/>
      <c r="GJK714" s="613"/>
      <c r="GJL714" s="613"/>
      <c r="GJM714" s="613"/>
      <c r="GJN714" s="613"/>
      <c r="GJO714" s="613"/>
      <c r="GJP714" s="613"/>
      <c r="GJQ714" s="613"/>
      <c r="GJR714" s="613"/>
      <c r="GJS714" s="613"/>
      <c r="GJT714" s="613"/>
      <c r="GJU714" s="613"/>
      <c r="GJV714" s="613"/>
      <c r="GJW714" s="613"/>
      <c r="GJX714" s="613"/>
      <c r="GJY714" s="613"/>
      <c r="GJZ714" s="613"/>
      <c r="GKA714" s="613"/>
      <c r="GKB714" s="613"/>
      <c r="GKC714" s="613"/>
      <c r="GKD714" s="613"/>
      <c r="GKE714" s="613"/>
      <c r="GKF714" s="613"/>
      <c r="GKG714" s="613"/>
      <c r="GKH714" s="613"/>
      <c r="GKI714" s="613"/>
      <c r="GKJ714" s="613"/>
      <c r="GKK714" s="613"/>
      <c r="GKL714" s="613"/>
      <c r="GKM714" s="613"/>
      <c r="GKN714" s="613"/>
      <c r="GKO714" s="613"/>
      <c r="GKP714" s="613"/>
      <c r="GKQ714" s="613"/>
      <c r="GKR714" s="613"/>
      <c r="GKS714" s="613"/>
      <c r="GKT714" s="613"/>
      <c r="GKU714" s="613"/>
      <c r="GKV714" s="613"/>
      <c r="GKW714" s="613"/>
      <c r="GKX714" s="613"/>
      <c r="GKY714" s="613"/>
      <c r="GKZ714" s="613"/>
      <c r="GLA714" s="613"/>
      <c r="GLB714" s="613"/>
      <c r="GLC714" s="613"/>
      <c r="GLD714" s="613"/>
      <c r="GLE714" s="613"/>
      <c r="GLF714" s="613"/>
      <c r="GLG714" s="613"/>
      <c r="GLH714" s="613"/>
      <c r="GLI714" s="613"/>
      <c r="GLJ714" s="613"/>
      <c r="GLK714" s="613"/>
      <c r="GLL714" s="613"/>
      <c r="GLM714" s="613"/>
      <c r="GLN714" s="613"/>
      <c r="GLO714" s="613"/>
      <c r="GLP714" s="613"/>
      <c r="GLQ714" s="613"/>
      <c r="GLR714" s="613"/>
      <c r="GLS714" s="613"/>
      <c r="GLT714" s="613"/>
      <c r="GLU714" s="613"/>
      <c r="GLV714" s="613"/>
      <c r="GLW714" s="613"/>
      <c r="GLX714" s="613"/>
      <c r="GLY714" s="613"/>
      <c r="GLZ714" s="613"/>
      <c r="GMA714" s="613"/>
      <c r="GMB714" s="613"/>
      <c r="GMC714" s="613"/>
      <c r="GMD714" s="613"/>
      <c r="GME714" s="613"/>
      <c r="GMF714" s="613"/>
      <c r="GMG714" s="613"/>
      <c r="GMH714" s="613"/>
      <c r="GMI714" s="613"/>
      <c r="GMJ714" s="613"/>
      <c r="GMK714" s="613"/>
      <c r="GML714" s="613"/>
      <c r="GMM714" s="613"/>
      <c r="GMN714" s="613"/>
      <c r="GMO714" s="613"/>
      <c r="GMP714" s="613"/>
      <c r="GMQ714" s="613"/>
      <c r="GMR714" s="613"/>
      <c r="GMS714" s="613"/>
      <c r="GMT714" s="613"/>
      <c r="GMU714" s="613"/>
      <c r="GMV714" s="613"/>
      <c r="GMW714" s="613"/>
      <c r="GMX714" s="613"/>
      <c r="GMY714" s="613"/>
      <c r="GMZ714" s="613"/>
      <c r="GNA714" s="613"/>
      <c r="GNB714" s="613"/>
      <c r="GNC714" s="613"/>
      <c r="GND714" s="613"/>
      <c r="GNE714" s="613"/>
      <c r="GNF714" s="613"/>
      <c r="GNG714" s="613"/>
      <c r="GNH714" s="613"/>
      <c r="GNI714" s="613"/>
      <c r="GNJ714" s="613"/>
      <c r="GNK714" s="613"/>
      <c r="GNL714" s="613"/>
      <c r="GNM714" s="613"/>
      <c r="GNN714" s="613"/>
      <c r="GNO714" s="613"/>
      <c r="GNP714" s="613"/>
      <c r="GNQ714" s="613"/>
      <c r="GNR714" s="613"/>
      <c r="GNS714" s="613"/>
      <c r="GNT714" s="613"/>
      <c r="GNU714" s="613"/>
      <c r="GNV714" s="613"/>
      <c r="GNW714" s="613"/>
      <c r="GNX714" s="613"/>
      <c r="GNY714" s="613"/>
      <c r="GNZ714" s="613"/>
      <c r="GOA714" s="613"/>
      <c r="GOB714" s="613"/>
      <c r="GOC714" s="613"/>
      <c r="GOD714" s="613"/>
      <c r="GOE714" s="613"/>
      <c r="GOF714" s="613"/>
      <c r="GOG714" s="613"/>
      <c r="GOH714" s="613"/>
      <c r="GOI714" s="613"/>
      <c r="GOJ714" s="613"/>
      <c r="GOK714" s="613"/>
      <c r="GOL714" s="613"/>
      <c r="GOM714" s="613"/>
      <c r="GON714" s="613"/>
      <c r="GOO714" s="613"/>
      <c r="GOP714" s="613"/>
      <c r="GOQ714" s="613"/>
      <c r="GOR714" s="613"/>
      <c r="GOS714" s="613"/>
      <c r="GOT714" s="613"/>
      <c r="GOU714" s="613"/>
      <c r="GOV714" s="613"/>
      <c r="GOW714" s="613"/>
      <c r="GOX714" s="613"/>
      <c r="GOY714" s="613"/>
      <c r="GOZ714" s="613"/>
      <c r="GPA714" s="613"/>
      <c r="GPB714" s="613"/>
      <c r="GPC714" s="613"/>
      <c r="GPD714" s="613"/>
      <c r="GPE714" s="613"/>
      <c r="GPF714" s="613"/>
      <c r="GPG714" s="613"/>
      <c r="GPH714" s="613"/>
      <c r="GPI714" s="613"/>
      <c r="GPJ714" s="613"/>
      <c r="GPK714" s="613"/>
      <c r="GPL714" s="613"/>
      <c r="GPM714" s="613"/>
      <c r="GPN714" s="613"/>
      <c r="GPO714" s="613"/>
      <c r="GPP714" s="613"/>
      <c r="GPQ714" s="613"/>
      <c r="GPR714" s="613"/>
      <c r="GPS714" s="613"/>
      <c r="GPT714" s="613"/>
      <c r="GPU714" s="613"/>
      <c r="GPV714" s="613"/>
      <c r="GPW714" s="613"/>
      <c r="GPX714" s="613"/>
      <c r="GPY714" s="613"/>
      <c r="GPZ714" s="613"/>
      <c r="GQA714" s="613"/>
      <c r="GQB714" s="613"/>
      <c r="GQC714" s="613"/>
      <c r="GQD714" s="613"/>
      <c r="GQE714" s="613"/>
      <c r="GQF714" s="613"/>
      <c r="GQG714" s="613"/>
      <c r="GQH714" s="613"/>
      <c r="GQI714" s="613"/>
      <c r="GQJ714" s="613"/>
      <c r="GQK714" s="613"/>
      <c r="GQL714" s="613"/>
      <c r="GQM714" s="613"/>
      <c r="GQN714" s="613"/>
      <c r="GQO714" s="613"/>
      <c r="GQP714" s="613"/>
      <c r="GQQ714" s="613"/>
      <c r="GQR714" s="613"/>
      <c r="GQS714" s="613"/>
      <c r="GQT714" s="613"/>
      <c r="GQU714" s="613"/>
      <c r="GQV714" s="613"/>
      <c r="GQW714" s="613"/>
      <c r="GQX714" s="613"/>
      <c r="GQY714" s="613"/>
      <c r="GQZ714" s="613"/>
      <c r="GRA714" s="613"/>
      <c r="GRB714" s="613"/>
      <c r="GRC714" s="613"/>
      <c r="GRD714" s="613"/>
      <c r="GRE714" s="613"/>
      <c r="GRF714" s="613"/>
      <c r="GRG714" s="613"/>
      <c r="GRH714" s="613"/>
      <c r="GRI714" s="613"/>
      <c r="GRJ714" s="613"/>
      <c r="GRK714" s="613"/>
      <c r="GRL714" s="613"/>
      <c r="GRM714" s="613"/>
      <c r="GRN714" s="613"/>
      <c r="GRO714" s="613"/>
      <c r="GRP714" s="613"/>
      <c r="GRQ714" s="613"/>
      <c r="GRR714" s="613"/>
      <c r="GRS714" s="613"/>
      <c r="GRT714" s="613"/>
      <c r="GRU714" s="613"/>
      <c r="GRV714" s="613"/>
      <c r="GRW714" s="613"/>
      <c r="GRX714" s="613"/>
      <c r="GRY714" s="613"/>
      <c r="GRZ714" s="613"/>
      <c r="GSA714" s="613"/>
      <c r="GSB714" s="613"/>
      <c r="GSC714" s="613"/>
      <c r="GSD714" s="613"/>
      <c r="GSE714" s="613"/>
      <c r="GSF714" s="613"/>
      <c r="GSG714" s="613"/>
      <c r="GSH714" s="613"/>
      <c r="GSI714" s="613"/>
      <c r="GSJ714" s="613"/>
      <c r="GSK714" s="613"/>
      <c r="GSL714" s="613"/>
      <c r="GSM714" s="613"/>
      <c r="GSN714" s="613"/>
      <c r="GSO714" s="613"/>
      <c r="GSP714" s="613"/>
      <c r="GSQ714" s="613"/>
      <c r="GSR714" s="613"/>
      <c r="GSS714" s="613"/>
      <c r="GST714" s="613"/>
      <c r="GSU714" s="613"/>
      <c r="GSV714" s="613"/>
      <c r="GSW714" s="613"/>
      <c r="GSX714" s="613"/>
      <c r="GSY714" s="613"/>
      <c r="GSZ714" s="613"/>
      <c r="GTA714" s="613"/>
      <c r="GTB714" s="613"/>
      <c r="GTC714" s="613"/>
      <c r="GTD714" s="613"/>
      <c r="GTE714" s="613"/>
      <c r="GTF714" s="613"/>
      <c r="GTG714" s="613"/>
      <c r="GTH714" s="613"/>
      <c r="GTI714" s="613"/>
      <c r="GTJ714" s="613"/>
      <c r="GTK714" s="613"/>
      <c r="GTL714" s="613"/>
      <c r="GTM714" s="613"/>
      <c r="GTN714" s="613"/>
      <c r="GTO714" s="613"/>
      <c r="GTP714" s="613"/>
      <c r="GTQ714" s="613"/>
      <c r="GTR714" s="613"/>
      <c r="GTS714" s="613"/>
      <c r="GTT714" s="613"/>
      <c r="GTU714" s="613"/>
      <c r="GTV714" s="613"/>
      <c r="GTW714" s="613"/>
      <c r="GTX714" s="613"/>
      <c r="GTY714" s="613"/>
      <c r="GTZ714" s="613"/>
      <c r="GUA714" s="613"/>
      <c r="GUB714" s="613"/>
      <c r="GUC714" s="613"/>
      <c r="GUD714" s="613"/>
      <c r="GUE714" s="613"/>
      <c r="GUF714" s="613"/>
      <c r="GUG714" s="613"/>
      <c r="GUH714" s="613"/>
      <c r="GUI714" s="613"/>
      <c r="GUJ714" s="613"/>
      <c r="GUK714" s="613"/>
      <c r="GUL714" s="613"/>
      <c r="GUM714" s="613"/>
      <c r="GUN714" s="613"/>
      <c r="GUO714" s="613"/>
      <c r="GUP714" s="613"/>
      <c r="GUQ714" s="613"/>
      <c r="GUR714" s="613"/>
      <c r="GUS714" s="613"/>
      <c r="GUT714" s="613"/>
      <c r="GUU714" s="613"/>
      <c r="GUV714" s="613"/>
      <c r="GUW714" s="613"/>
      <c r="GUX714" s="613"/>
      <c r="GUY714" s="613"/>
      <c r="GUZ714" s="613"/>
      <c r="GVA714" s="613"/>
      <c r="GVB714" s="613"/>
      <c r="GVC714" s="613"/>
      <c r="GVD714" s="613"/>
      <c r="GVE714" s="613"/>
      <c r="GVF714" s="613"/>
      <c r="GVG714" s="613"/>
      <c r="GVH714" s="613"/>
      <c r="GVI714" s="613"/>
      <c r="GVJ714" s="613"/>
      <c r="GVK714" s="613"/>
      <c r="GVL714" s="613"/>
      <c r="GVM714" s="613"/>
      <c r="GVN714" s="613"/>
      <c r="GVO714" s="613"/>
      <c r="GVP714" s="613"/>
      <c r="GVQ714" s="613"/>
      <c r="GVR714" s="613"/>
      <c r="GVS714" s="613"/>
      <c r="GVT714" s="613"/>
      <c r="GVU714" s="613"/>
      <c r="GVV714" s="613"/>
      <c r="GVW714" s="613"/>
      <c r="GVX714" s="613"/>
      <c r="GVY714" s="613"/>
      <c r="GVZ714" s="613"/>
      <c r="GWA714" s="613"/>
      <c r="GWB714" s="613"/>
      <c r="GWC714" s="613"/>
      <c r="GWD714" s="613"/>
      <c r="GWE714" s="613"/>
      <c r="GWF714" s="613"/>
      <c r="GWG714" s="613"/>
      <c r="GWH714" s="613"/>
      <c r="GWI714" s="613"/>
      <c r="GWJ714" s="613"/>
      <c r="GWK714" s="613"/>
      <c r="GWL714" s="613"/>
      <c r="GWM714" s="613"/>
      <c r="GWN714" s="613"/>
      <c r="GWO714" s="613"/>
      <c r="GWP714" s="613"/>
      <c r="GWQ714" s="613"/>
      <c r="GWR714" s="613"/>
      <c r="GWS714" s="613"/>
      <c r="GWT714" s="613"/>
      <c r="GWU714" s="613"/>
      <c r="GWV714" s="613"/>
      <c r="GWW714" s="613"/>
      <c r="GWX714" s="613"/>
      <c r="GWY714" s="613"/>
      <c r="GWZ714" s="613"/>
      <c r="GXA714" s="613"/>
      <c r="GXB714" s="613"/>
      <c r="GXC714" s="613"/>
      <c r="GXD714" s="613"/>
      <c r="GXE714" s="613"/>
      <c r="GXF714" s="613"/>
      <c r="GXG714" s="613"/>
      <c r="GXH714" s="613"/>
      <c r="GXI714" s="613"/>
      <c r="GXJ714" s="613"/>
      <c r="GXK714" s="613"/>
      <c r="GXL714" s="613"/>
      <c r="GXM714" s="613"/>
      <c r="GXN714" s="613"/>
      <c r="GXO714" s="613"/>
      <c r="GXP714" s="613"/>
      <c r="GXQ714" s="613"/>
      <c r="GXR714" s="613"/>
      <c r="GXS714" s="613"/>
      <c r="GXT714" s="613"/>
      <c r="GXU714" s="613"/>
      <c r="GXV714" s="613"/>
      <c r="GXW714" s="613"/>
      <c r="GXX714" s="613"/>
      <c r="GXY714" s="613"/>
      <c r="GXZ714" s="613"/>
      <c r="GYA714" s="613"/>
      <c r="GYB714" s="613"/>
      <c r="GYC714" s="613"/>
      <c r="GYD714" s="613"/>
      <c r="GYE714" s="613"/>
      <c r="GYF714" s="613"/>
      <c r="GYG714" s="613"/>
      <c r="GYH714" s="613"/>
      <c r="GYI714" s="613"/>
      <c r="GYJ714" s="613"/>
      <c r="GYK714" s="613"/>
      <c r="GYL714" s="613"/>
      <c r="GYM714" s="613"/>
      <c r="GYN714" s="613"/>
      <c r="GYO714" s="613"/>
      <c r="GYP714" s="613"/>
      <c r="GYQ714" s="613"/>
      <c r="GYR714" s="613"/>
      <c r="GYS714" s="613"/>
      <c r="GYT714" s="613"/>
      <c r="GYU714" s="613"/>
      <c r="GYV714" s="613"/>
      <c r="GYW714" s="613"/>
      <c r="GYX714" s="613"/>
      <c r="GYY714" s="613"/>
      <c r="GYZ714" s="613"/>
      <c r="GZA714" s="613"/>
      <c r="GZB714" s="613"/>
      <c r="GZC714" s="613"/>
      <c r="GZD714" s="613"/>
      <c r="GZE714" s="613"/>
      <c r="GZF714" s="613"/>
      <c r="GZG714" s="613"/>
      <c r="GZH714" s="613"/>
      <c r="GZI714" s="613"/>
      <c r="GZJ714" s="613"/>
      <c r="GZK714" s="613"/>
      <c r="GZL714" s="613"/>
      <c r="GZM714" s="613"/>
      <c r="GZN714" s="613"/>
      <c r="GZO714" s="613"/>
      <c r="GZP714" s="613"/>
      <c r="GZQ714" s="613"/>
      <c r="GZR714" s="613"/>
      <c r="GZS714" s="613"/>
      <c r="GZT714" s="613"/>
      <c r="GZU714" s="613"/>
      <c r="GZV714" s="613"/>
      <c r="GZW714" s="613"/>
      <c r="GZX714" s="613"/>
      <c r="GZY714" s="613"/>
      <c r="GZZ714" s="613"/>
      <c r="HAA714" s="613"/>
      <c r="HAB714" s="613"/>
      <c r="HAC714" s="613"/>
      <c r="HAD714" s="613"/>
      <c r="HAE714" s="613"/>
      <c r="HAF714" s="613"/>
      <c r="HAG714" s="613"/>
      <c r="HAH714" s="613"/>
      <c r="HAI714" s="613"/>
      <c r="HAJ714" s="613"/>
      <c r="HAK714" s="613"/>
      <c r="HAL714" s="613"/>
      <c r="HAM714" s="613"/>
      <c r="HAN714" s="613"/>
      <c r="HAO714" s="613"/>
      <c r="HAP714" s="613"/>
      <c r="HAQ714" s="613"/>
      <c r="HAR714" s="613"/>
      <c r="HAS714" s="613"/>
      <c r="HAT714" s="613"/>
      <c r="HAU714" s="613"/>
      <c r="HAV714" s="613"/>
      <c r="HAW714" s="613"/>
      <c r="HAX714" s="613"/>
      <c r="HAY714" s="613"/>
      <c r="HAZ714" s="613"/>
      <c r="HBA714" s="613"/>
      <c r="HBB714" s="613"/>
      <c r="HBC714" s="613"/>
      <c r="HBD714" s="613"/>
      <c r="HBE714" s="613"/>
      <c r="HBF714" s="613"/>
      <c r="HBG714" s="613"/>
      <c r="HBH714" s="613"/>
      <c r="HBI714" s="613"/>
      <c r="HBJ714" s="613"/>
      <c r="HBK714" s="613"/>
      <c r="HBL714" s="613"/>
      <c r="HBM714" s="613"/>
      <c r="HBN714" s="613"/>
      <c r="HBO714" s="613"/>
      <c r="HBP714" s="613"/>
      <c r="HBQ714" s="613"/>
      <c r="HBR714" s="613"/>
      <c r="HBS714" s="613"/>
      <c r="HBT714" s="613"/>
      <c r="HBU714" s="613"/>
      <c r="HBV714" s="613"/>
      <c r="HBW714" s="613"/>
      <c r="HBX714" s="613"/>
      <c r="HBY714" s="613"/>
      <c r="HBZ714" s="613"/>
      <c r="HCA714" s="613"/>
      <c r="HCB714" s="613"/>
      <c r="HCC714" s="613"/>
      <c r="HCD714" s="613"/>
      <c r="HCE714" s="613"/>
      <c r="HCF714" s="613"/>
      <c r="HCG714" s="613"/>
      <c r="HCH714" s="613"/>
      <c r="HCI714" s="613"/>
      <c r="HCJ714" s="613"/>
      <c r="HCK714" s="613"/>
      <c r="HCL714" s="613"/>
      <c r="HCM714" s="613"/>
      <c r="HCN714" s="613"/>
      <c r="HCO714" s="613"/>
      <c r="HCP714" s="613"/>
      <c r="HCQ714" s="613"/>
      <c r="HCR714" s="613"/>
      <c r="HCS714" s="613"/>
      <c r="HCT714" s="613"/>
      <c r="HCU714" s="613"/>
      <c r="HCV714" s="613"/>
      <c r="HCW714" s="613"/>
      <c r="HCX714" s="613"/>
      <c r="HCY714" s="613"/>
      <c r="HCZ714" s="613"/>
      <c r="HDA714" s="613"/>
      <c r="HDB714" s="613"/>
      <c r="HDC714" s="613"/>
      <c r="HDD714" s="613"/>
      <c r="HDE714" s="613"/>
      <c r="HDF714" s="613"/>
      <c r="HDG714" s="613"/>
      <c r="HDH714" s="613"/>
      <c r="HDI714" s="613"/>
      <c r="HDJ714" s="613"/>
      <c r="HDK714" s="613"/>
      <c r="HDL714" s="613"/>
      <c r="HDM714" s="613"/>
      <c r="HDN714" s="613"/>
      <c r="HDO714" s="613"/>
      <c r="HDP714" s="613"/>
      <c r="HDQ714" s="613"/>
      <c r="HDR714" s="613"/>
      <c r="HDS714" s="613"/>
      <c r="HDT714" s="613"/>
      <c r="HDU714" s="613"/>
      <c r="HDV714" s="613"/>
      <c r="HDW714" s="613"/>
      <c r="HDX714" s="613"/>
      <c r="HDY714" s="613"/>
      <c r="HDZ714" s="613"/>
      <c r="HEA714" s="613"/>
      <c r="HEB714" s="613"/>
      <c r="HEC714" s="613"/>
      <c r="HED714" s="613"/>
      <c r="HEE714" s="613"/>
      <c r="HEF714" s="613"/>
      <c r="HEG714" s="613"/>
      <c r="HEH714" s="613"/>
      <c r="HEI714" s="613"/>
      <c r="HEJ714" s="613"/>
      <c r="HEK714" s="613"/>
      <c r="HEL714" s="613"/>
      <c r="HEM714" s="613"/>
      <c r="HEN714" s="613"/>
      <c r="HEO714" s="613"/>
      <c r="HEP714" s="613"/>
      <c r="HEQ714" s="613"/>
      <c r="HER714" s="613"/>
      <c r="HES714" s="613"/>
      <c r="HET714" s="613"/>
      <c r="HEU714" s="613"/>
      <c r="HEV714" s="613"/>
      <c r="HEW714" s="613"/>
      <c r="HEX714" s="613"/>
      <c r="HEY714" s="613"/>
      <c r="HEZ714" s="613"/>
      <c r="HFA714" s="613"/>
      <c r="HFB714" s="613"/>
      <c r="HFC714" s="613"/>
      <c r="HFD714" s="613"/>
      <c r="HFE714" s="613"/>
      <c r="HFF714" s="613"/>
      <c r="HFG714" s="613"/>
      <c r="HFH714" s="613"/>
      <c r="HFI714" s="613"/>
      <c r="HFJ714" s="613"/>
      <c r="HFK714" s="613"/>
      <c r="HFL714" s="613"/>
      <c r="HFM714" s="613"/>
      <c r="HFN714" s="613"/>
      <c r="HFO714" s="613"/>
      <c r="HFP714" s="613"/>
      <c r="HFQ714" s="613"/>
      <c r="HFR714" s="613"/>
      <c r="HFS714" s="613"/>
      <c r="HFT714" s="613"/>
      <c r="HFU714" s="613"/>
      <c r="HFV714" s="613"/>
      <c r="HFW714" s="613"/>
      <c r="HFX714" s="613"/>
      <c r="HFY714" s="613"/>
      <c r="HFZ714" s="613"/>
      <c r="HGA714" s="613"/>
      <c r="HGB714" s="613"/>
      <c r="HGC714" s="613"/>
      <c r="HGD714" s="613"/>
      <c r="HGE714" s="613"/>
      <c r="HGF714" s="613"/>
      <c r="HGG714" s="613"/>
      <c r="HGH714" s="613"/>
      <c r="HGI714" s="613"/>
      <c r="HGJ714" s="613"/>
      <c r="HGK714" s="613"/>
      <c r="HGL714" s="613"/>
      <c r="HGM714" s="613"/>
      <c r="HGN714" s="613"/>
      <c r="HGO714" s="613"/>
      <c r="HGP714" s="613"/>
      <c r="HGQ714" s="613"/>
      <c r="HGR714" s="613"/>
      <c r="HGS714" s="613"/>
      <c r="HGT714" s="613"/>
      <c r="HGU714" s="613"/>
      <c r="HGV714" s="613"/>
      <c r="HGW714" s="613"/>
      <c r="HGX714" s="613"/>
      <c r="HGY714" s="613"/>
      <c r="HGZ714" s="613"/>
      <c r="HHA714" s="613"/>
      <c r="HHB714" s="613"/>
      <c r="HHC714" s="613"/>
      <c r="HHD714" s="613"/>
      <c r="HHE714" s="613"/>
      <c r="HHF714" s="613"/>
      <c r="HHG714" s="613"/>
      <c r="HHH714" s="613"/>
      <c r="HHI714" s="613"/>
      <c r="HHJ714" s="613"/>
      <c r="HHK714" s="613"/>
      <c r="HHL714" s="613"/>
      <c r="HHM714" s="613"/>
      <c r="HHN714" s="613"/>
      <c r="HHO714" s="613"/>
      <c r="HHP714" s="613"/>
      <c r="HHQ714" s="613"/>
      <c r="HHR714" s="613"/>
      <c r="HHS714" s="613"/>
      <c r="HHT714" s="613"/>
      <c r="HHU714" s="613"/>
      <c r="HHV714" s="613"/>
      <c r="HHW714" s="613"/>
      <c r="HHX714" s="613"/>
      <c r="HHY714" s="613"/>
      <c r="HHZ714" s="613"/>
      <c r="HIA714" s="613"/>
      <c r="HIB714" s="613"/>
      <c r="HIC714" s="613"/>
      <c r="HID714" s="613"/>
      <c r="HIE714" s="613"/>
      <c r="HIF714" s="613"/>
      <c r="HIG714" s="613"/>
      <c r="HIH714" s="613"/>
      <c r="HII714" s="613"/>
      <c r="HIJ714" s="613"/>
      <c r="HIK714" s="613"/>
      <c r="HIL714" s="613"/>
      <c r="HIM714" s="613"/>
      <c r="HIN714" s="613"/>
      <c r="HIO714" s="613"/>
      <c r="HIP714" s="613"/>
      <c r="HIQ714" s="613"/>
      <c r="HIR714" s="613"/>
      <c r="HIS714" s="613"/>
      <c r="HIT714" s="613"/>
      <c r="HIU714" s="613"/>
      <c r="HIV714" s="613"/>
      <c r="HIW714" s="613"/>
      <c r="HIX714" s="613"/>
      <c r="HIY714" s="613"/>
      <c r="HIZ714" s="613"/>
      <c r="HJA714" s="613"/>
      <c r="HJB714" s="613"/>
      <c r="HJC714" s="613"/>
      <c r="HJD714" s="613"/>
      <c r="HJE714" s="613"/>
      <c r="HJF714" s="613"/>
      <c r="HJG714" s="613"/>
      <c r="HJH714" s="613"/>
      <c r="HJI714" s="613"/>
      <c r="HJJ714" s="613"/>
      <c r="HJK714" s="613"/>
      <c r="HJL714" s="613"/>
      <c r="HJM714" s="613"/>
      <c r="HJN714" s="613"/>
      <c r="HJO714" s="613"/>
      <c r="HJP714" s="613"/>
      <c r="HJQ714" s="613"/>
      <c r="HJR714" s="613"/>
      <c r="HJS714" s="613"/>
      <c r="HJT714" s="613"/>
      <c r="HJU714" s="613"/>
      <c r="HJV714" s="613"/>
      <c r="HJW714" s="613"/>
      <c r="HJX714" s="613"/>
      <c r="HJY714" s="613"/>
      <c r="HJZ714" s="613"/>
      <c r="HKA714" s="613"/>
      <c r="HKB714" s="613"/>
      <c r="HKC714" s="613"/>
      <c r="HKD714" s="613"/>
      <c r="HKE714" s="613"/>
      <c r="HKF714" s="613"/>
      <c r="HKG714" s="613"/>
      <c r="HKH714" s="613"/>
      <c r="HKI714" s="613"/>
      <c r="HKJ714" s="613"/>
      <c r="HKK714" s="613"/>
      <c r="HKL714" s="613"/>
      <c r="HKM714" s="613"/>
      <c r="HKN714" s="613"/>
      <c r="HKO714" s="613"/>
      <c r="HKP714" s="613"/>
      <c r="HKQ714" s="613"/>
      <c r="HKR714" s="613"/>
      <c r="HKS714" s="613"/>
      <c r="HKT714" s="613"/>
      <c r="HKU714" s="613"/>
      <c r="HKV714" s="613"/>
      <c r="HKW714" s="613"/>
      <c r="HKX714" s="613"/>
      <c r="HKY714" s="613"/>
      <c r="HKZ714" s="613"/>
      <c r="HLA714" s="613"/>
      <c r="HLB714" s="613"/>
      <c r="HLC714" s="613"/>
      <c r="HLD714" s="613"/>
      <c r="HLE714" s="613"/>
      <c r="HLF714" s="613"/>
      <c r="HLG714" s="613"/>
      <c r="HLH714" s="613"/>
      <c r="HLI714" s="613"/>
      <c r="HLJ714" s="613"/>
      <c r="HLK714" s="613"/>
      <c r="HLL714" s="613"/>
      <c r="HLM714" s="613"/>
      <c r="HLN714" s="613"/>
      <c r="HLO714" s="613"/>
      <c r="HLP714" s="613"/>
      <c r="HLQ714" s="613"/>
      <c r="HLR714" s="613"/>
      <c r="HLS714" s="613"/>
      <c r="HLT714" s="613"/>
      <c r="HLU714" s="613"/>
      <c r="HLV714" s="613"/>
      <c r="HLW714" s="613"/>
      <c r="HLX714" s="613"/>
      <c r="HLY714" s="613"/>
      <c r="HLZ714" s="613"/>
      <c r="HMA714" s="613"/>
      <c r="HMB714" s="613"/>
      <c r="HMC714" s="613"/>
      <c r="HMD714" s="613"/>
      <c r="HME714" s="613"/>
      <c r="HMF714" s="613"/>
      <c r="HMG714" s="613"/>
      <c r="HMH714" s="613"/>
      <c r="HMI714" s="613"/>
      <c r="HMJ714" s="613"/>
      <c r="HMK714" s="613"/>
      <c r="HML714" s="613"/>
      <c r="HMM714" s="613"/>
      <c r="HMN714" s="613"/>
      <c r="HMO714" s="613"/>
      <c r="HMP714" s="613"/>
      <c r="HMQ714" s="613"/>
      <c r="HMR714" s="613"/>
      <c r="HMS714" s="613"/>
      <c r="HMT714" s="613"/>
      <c r="HMU714" s="613"/>
      <c r="HMV714" s="613"/>
      <c r="HMW714" s="613"/>
      <c r="HMX714" s="613"/>
      <c r="HMY714" s="613"/>
      <c r="HMZ714" s="613"/>
      <c r="HNA714" s="613"/>
      <c r="HNB714" s="613"/>
      <c r="HNC714" s="613"/>
      <c r="HND714" s="613"/>
      <c r="HNE714" s="613"/>
      <c r="HNF714" s="613"/>
      <c r="HNG714" s="613"/>
      <c r="HNH714" s="613"/>
      <c r="HNI714" s="613"/>
      <c r="HNJ714" s="613"/>
      <c r="HNK714" s="613"/>
      <c r="HNL714" s="613"/>
      <c r="HNM714" s="613"/>
      <c r="HNN714" s="613"/>
      <c r="HNO714" s="613"/>
      <c r="HNP714" s="613"/>
      <c r="HNQ714" s="613"/>
      <c r="HNR714" s="613"/>
      <c r="HNS714" s="613"/>
      <c r="HNT714" s="613"/>
      <c r="HNU714" s="613"/>
      <c r="HNV714" s="613"/>
      <c r="HNW714" s="613"/>
      <c r="HNX714" s="613"/>
      <c r="HNY714" s="613"/>
      <c r="HNZ714" s="613"/>
      <c r="HOA714" s="613"/>
      <c r="HOB714" s="613"/>
      <c r="HOC714" s="613"/>
      <c r="HOD714" s="613"/>
      <c r="HOE714" s="613"/>
      <c r="HOF714" s="613"/>
      <c r="HOG714" s="613"/>
      <c r="HOH714" s="613"/>
      <c r="HOI714" s="613"/>
      <c r="HOJ714" s="613"/>
      <c r="HOK714" s="613"/>
      <c r="HOL714" s="613"/>
      <c r="HOM714" s="613"/>
      <c r="HON714" s="613"/>
      <c r="HOO714" s="613"/>
      <c r="HOP714" s="613"/>
      <c r="HOQ714" s="613"/>
      <c r="HOR714" s="613"/>
      <c r="HOS714" s="613"/>
      <c r="HOT714" s="613"/>
      <c r="HOU714" s="613"/>
      <c r="HOV714" s="613"/>
      <c r="HOW714" s="613"/>
      <c r="HOX714" s="613"/>
      <c r="HOY714" s="613"/>
      <c r="HOZ714" s="613"/>
      <c r="HPA714" s="613"/>
      <c r="HPB714" s="613"/>
      <c r="HPC714" s="613"/>
      <c r="HPD714" s="613"/>
      <c r="HPE714" s="613"/>
      <c r="HPF714" s="613"/>
      <c r="HPG714" s="613"/>
      <c r="HPH714" s="613"/>
      <c r="HPI714" s="613"/>
      <c r="HPJ714" s="613"/>
      <c r="HPK714" s="613"/>
      <c r="HPL714" s="613"/>
      <c r="HPM714" s="613"/>
      <c r="HPN714" s="613"/>
      <c r="HPO714" s="613"/>
      <c r="HPP714" s="613"/>
      <c r="HPQ714" s="613"/>
      <c r="HPR714" s="613"/>
      <c r="HPS714" s="613"/>
      <c r="HPT714" s="613"/>
      <c r="HPU714" s="613"/>
      <c r="HPV714" s="613"/>
      <c r="HPW714" s="613"/>
      <c r="HPX714" s="613"/>
      <c r="HPY714" s="613"/>
      <c r="HPZ714" s="613"/>
      <c r="HQA714" s="613"/>
      <c r="HQB714" s="613"/>
      <c r="HQC714" s="613"/>
      <c r="HQD714" s="613"/>
      <c r="HQE714" s="613"/>
      <c r="HQF714" s="613"/>
      <c r="HQG714" s="613"/>
      <c r="HQH714" s="613"/>
      <c r="HQI714" s="613"/>
      <c r="HQJ714" s="613"/>
      <c r="HQK714" s="613"/>
      <c r="HQL714" s="613"/>
      <c r="HQM714" s="613"/>
      <c r="HQN714" s="613"/>
      <c r="HQO714" s="613"/>
      <c r="HQP714" s="613"/>
      <c r="HQQ714" s="613"/>
      <c r="HQR714" s="613"/>
      <c r="HQS714" s="613"/>
      <c r="HQT714" s="613"/>
      <c r="HQU714" s="613"/>
      <c r="HQV714" s="613"/>
      <c r="HQW714" s="613"/>
      <c r="HQX714" s="613"/>
      <c r="HQY714" s="613"/>
      <c r="HQZ714" s="613"/>
      <c r="HRA714" s="613"/>
      <c r="HRB714" s="613"/>
      <c r="HRC714" s="613"/>
      <c r="HRD714" s="613"/>
      <c r="HRE714" s="613"/>
      <c r="HRF714" s="613"/>
      <c r="HRG714" s="613"/>
      <c r="HRH714" s="613"/>
      <c r="HRI714" s="613"/>
      <c r="HRJ714" s="613"/>
      <c r="HRK714" s="613"/>
      <c r="HRL714" s="613"/>
      <c r="HRM714" s="613"/>
      <c r="HRN714" s="613"/>
      <c r="HRO714" s="613"/>
      <c r="HRP714" s="613"/>
      <c r="HRQ714" s="613"/>
      <c r="HRR714" s="613"/>
      <c r="HRS714" s="613"/>
      <c r="HRT714" s="613"/>
      <c r="HRU714" s="613"/>
      <c r="HRV714" s="613"/>
      <c r="HRW714" s="613"/>
      <c r="HRX714" s="613"/>
      <c r="HRY714" s="613"/>
      <c r="HRZ714" s="613"/>
      <c r="HSA714" s="613"/>
      <c r="HSB714" s="613"/>
      <c r="HSC714" s="613"/>
      <c r="HSD714" s="613"/>
      <c r="HSE714" s="613"/>
      <c r="HSF714" s="613"/>
      <c r="HSG714" s="613"/>
      <c r="HSH714" s="613"/>
      <c r="HSI714" s="613"/>
      <c r="HSJ714" s="613"/>
      <c r="HSK714" s="613"/>
      <c r="HSL714" s="613"/>
      <c r="HSM714" s="613"/>
      <c r="HSN714" s="613"/>
      <c r="HSO714" s="613"/>
      <c r="HSP714" s="613"/>
      <c r="HSQ714" s="613"/>
      <c r="HSR714" s="613"/>
      <c r="HSS714" s="613"/>
      <c r="HST714" s="613"/>
      <c r="HSU714" s="613"/>
      <c r="HSV714" s="613"/>
      <c r="HSW714" s="613"/>
      <c r="HSX714" s="613"/>
      <c r="HSY714" s="613"/>
      <c r="HSZ714" s="613"/>
      <c r="HTA714" s="613"/>
      <c r="HTB714" s="613"/>
      <c r="HTC714" s="613"/>
      <c r="HTD714" s="613"/>
      <c r="HTE714" s="613"/>
      <c r="HTF714" s="613"/>
      <c r="HTG714" s="613"/>
      <c r="HTH714" s="613"/>
      <c r="HTI714" s="613"/>
      <c r="HTJ714" s="613"/>
      <c r="HTK714" s="613"/>
      <c r="HTL714" s="613"/>
      <c r="HTM714" s="613"/>
      <c r="HTN714" s="613"/>
      <c r="HTO714" s="613"/>
      <c r="HTP714" s="613"/>
      <c r="HTQ714" s="613"/>
      <c r="HTR714" s="613"/>
      <c r="HTS714" s="613"/>
      <c r="HTT714" s="613"/>
      <c r="HTU714" s="613"/>
      <c r="HTV714" s="613"/>
      <c r="HTW714" s="613"/>
      <c r="HTX714" s="613"/>
      <c r="HTY714" s="613"/>
      <c r="HTZ714" s="613"/>
      <c r="HUA714" s="613"/>
      <c r="HUB714" s="613"/>
      <c r="HUC714" s="613"/>
      <c r="HUD714" s="613"/>
      <c r="HUE714" s="613"/>
      <c r="HUF714" s="613"/>
      <c r="HUG714" s="613"/>
      <c r="HUH714" s="613"/>
      <c r="HUI714" s="613"/>
      <c r="HUJ714" s="613"/>
      <c r="HUK714" s="613"/>
      <c r="HUL714" s="613"/>
      <c r="HUM714" s="613"/>
      <c r="HUN714" s="613"/>
      <c r="HUO714" s="613"/>
      <c r="HUP714" s="613"/>
      <c r="HUQ714" s="613"/>
      <c r="HUR714" s="613"/>
      <c r="HUS714" s="613"/>
      <c r="HUT714" s="613"/>
      <c r="HUU714" s="613"/>
      <c r="HUV714" s="613"/>
      <c r="HUW714" s="613"/>
      <c r="HUX714" s="613"/>
      <c r="HUY714" s="613"/>
      <c r="HUZ714" s="613"/>
      <c r="HVA714" s="613"/>
      <c r="HVB714" s="613"/>
      <c r="HVC714" s="613"/>
      <c r="HVD714" s="613"/>
      <c r="HVE714" s="613"/>
      <c r="HVF714" s="613"/>
      <c r="HVG714" s="613"/>
      <c r="HVH714" s="613"/>
      <c r="HVI714" s="613"/>
      <c r="HVJ714" s="613"/>
      <c r="HVK714" s="613"/>
      <c r="HVL714" s="613"/>
      <c r="HVM714" s="613"/>
      <c r="HVN714" s="613"/>
      <c r="HVO714" s="613"/>
      <c r="HVP714" s="613"/>
      <c r="HVQ714" s="613"/>
      <c r="HVR714" s="613"/>
      <c r="HVS714" s="613"/>
      <c r="HVT714" s="613"/>
      <c r="HVU714" s="613"/>
      <c r="HVV714" s="613"/>
      <c r="HVW714" s="613"/>
      <c r="HVX714" s="613"/>
      <c r="HVY714" s="613"/>
      <c r="HVZ714" s="613"/>
      <c r="HWA714" s="613"/>
      <c r="HWB714" s="613"/>
      <c r="HWC714" s="613"/>
      <c r="HWD714" s="613"/>
      <c r="HWE714" s="613"/>
      <c r="HWF714" s="613"/>
      <c r="HWG714" s="613"/>
      <c r="HWH714" s="613"/>
      <c r="HWI714" s="613"/>
      <c r="HWJ714" s="613"/>
      <c r="HWK714" s="613"/>
      <c r="HWL714" s="613"/>
      <c r="HWM714" s="613"/>
      <c r="HWN714" s="613"/>
      <c r="HWO714" s="613"/>
      <c r="HWP714" s="613"/>
      <c r="HWQ714" s="613"/>
      <c r="HWR714" s="613"/>
      <c r="HWS714" s="613"/>
      <c r="HWT714" s="613"/>
      <c r="HWU714" s="613"/>
      <c r="HWV714" s="613"/>
      <c r="HWW714" s="613"/>
      <c r="HWX714" s="613"/>
      <c r="HWY714" s="613"/>
      <c r="HWZ714" s="613"/>
      <c r="HXA714" s="613"/>
      <c r="HXB714" s="613"/>
      <c r="HXC714" s="613"/>
      <c r="HXD714" s="613"/>
      <c r="HXE714" s="613"/>
      <c r="HXF714" s="613"/>
      <c r="HXG714" s="613"/>
      <c r="HXH714" s="613"/>
      <c r="HXI714" s="613"/>
      <c r="HXJ714" s="613"/>
      <c r="HXK714" s="613"/>
      <c r="HXL714" s="613"/>
      <c r="HXM714" s="613"/>
      <c r="HXN714" s="613"/>
      <c r="HXO714" s="613"/>
      <c r="HXP714" s="613"/>
      <c r="HXQ714" s="613"/>
      <c r="HXR714" s="613"/>
      <c r="HXS714" s="613"/>
      <c r="HXT714" s="613"/>
      <c r="HXU714" s="613"/>
      <c r="HXV714" s="613"/>
      <c r="HXW714" s="613"/>
      <c r="HXX714" s="613"/>
      <c r="HXY714" s="613"/>
      <c r="HXZ714" s="613"/>
      <c r="HYA714" s="613"/>
      <c r="HYB714" s="613"/>
      <c r="HYC714" s="613"/>
      <c r="HYD714" s="613"/>
      <c r="HYE714" s="613"/>
      <c r="HYF714" s="613"/>
      <c r="HYG714" s="613"/>
      <c r="HYH714" s="613"/>
      <c r="HYI714" s="613"/>
      <c r="HYJ714" s="613"/>
      <c r="HYK714" s="613"/>
      <c r="HYL714" s="613"/>
      <c r="HYM714" s="613"/>
      <c r="HYN714" s="613"/>
      <c r="HYO714" s="613"/>
      <c r="HYP714" s="613"/>
      <c r="HYQ714" s="613"/>
      <c r="HYR714" s="613"/>
      <c r="HYS714" s="613"/>
      <c r="HYT714" s="613"/>
      <c r="HYU714" s="613"/>
      <c r="HYV714" s="613"/>
      <c r="HYW714" s="613"/>
      <c r="HYX714" s="613"/>
      <c r="HYY714" s="613"/>
      <c r="HYZ714" s="613"/>
      <c r="HZA714" s="613"/>
      <c r="HZB714" s="613"/>
      <c r="HZC714" s="613"/>
      <c r="HZD714" s="613"/>
      <c r="HZE714" s="613"/>
      <c r="HZF714" s="613"/>
      <c r="HZG714" s="613"/>
      <c r="HZH714" s="613"/>
      <c r="HZI714" s="613"/>
      <c r="HZJ714" s="613"/>
      <c r="HZK714" s="613"/>
      <c r="HZL714" s="613"/>
      <c r="HZM714" s="613"/>
      <c r="HZN714" s="613"/>
      <c r="HZO714" s="613"/>
      <c r="HZP714" s="613"/>
      <c r="HZQ714" s="613"/>
      <c r="HZR714" s="613"/>
      <c r="HZS714" s="613"/>
      <c r="HZT714" s="613"/>
      <c r="HZU714" s="613"/>
      <c r="HZV714" s="613"/>
      <c r="HZW714" s="613"/>
      <c r="HZX714" s="613"/>
      <c r="HZY714" s="613"/>
      <c r="HZZ714" s="613"/>
      <c r="IAA714" s="613"/>
      <c r="IAB714" s="613"/>
      <c r="IAC714" s="613"/>
      <c r="IAD714" s="613"/>
      <c r="IAE714" s="613"/>
      <c r="IAF714" s="613"/>
      <c r="IAG714" s="613"/>
      <c r="IAH714" s="613"/>
      <c r="IAI714" s="613"/>
      <c r="IAJ714" s="613"/>
      <c r="IAK714" s="613"/>
      <c r="IAL714" s="613"/>
      <c r="IAM714" s="613"/>
      <c r="IAN714" s="613"/>
      <c r="IAO714" s="613"/>
      <c r="IAP714" s="613"/>
      <c r="IAQ714" s="613"/>
      <c r="IAR714" s="613"/>
      <c r="IAS714" s="613"/>
      <c r="IAT714" s="613"/>
      <c r="IAU714" s="613"/>
      <c r="IAV714" s="613"/>
      <c r="IAW714" s="613"/>
      <c r="IAX714" s="613"/>
      <c r="IAY714" s="613"/>
      <c r="IAZ714" s="613"/>
      <c r="IBA714" s="613"/>
      <c r="IBB714" s="613"/>
      <c r="IBC714" s="613"/>
      <c r="IBD714" s="613"/>
      <c r="IBE714" s="613"/>
      <c r="IBF714" s="613"/>
      <c r="IBG714" s="613"/>
      <c r="IBH714" s="613"/>
      <c r="IBI714" s="613"/>
      <c r="IBJ714" s="613"/>
      <c r="IBK714" s="613"/>
      <c r="IBL714" s="613"/>
      <c r="IBM714" s="613"/>
      <c r="IBN714" s="613"/>
      <c r="IBO714" s="613"/>
      <c r="IBP714" s="613"/>
      <c r="IBQ714" s="613"/>
      <c r="IBR714" s="613"/>
      <c r="IBS714" s="613"/>
      <c r="IBT714" s="613"/>
      <c r="IBU714" s="613"/>
      <c r="IBV714" s="613"/>
      <c r="IBW714" s="613"/>
      <c r="IBX714" s="613"/>
      <c r="IBY714" s="613"/>
      <c r="IBZ714" s="613"/>
      <c r="ICA714" s="613"/>
      <c r="ICB714" s="613"/>
      <c r="ICC714" s="613"/>
      <c r="ICD714" s="613"/>
      <c r="ICE714" s="613"/>
      <c r="ICF714" s="613"/>
      <c r="ICG714" s="613"/>
      <c r="ICH714" s="613"/>
      <c r="ICI714" s="613"/>
      <c r="ICJ714" s="613"/>
      <c r="ICK714" s="613"/>
      <c r="ICL714" s="613"/>
      <c r="ICM714" s="613"/>
      <c r="ICN714" s="613"/>
      <c r="ICO714" s="613"/>
      <c r="ICP714" s="613"/>
      <c r="ICQ714" s="613"/>
      <c r="ICR714" s="613"/>
      <c r="ICS714" s="613"/>
      <c r="ICT714" s="613"/>
      <c r="ICU714" s="613"/>
      <c r="ICV714" s="613"/>
      <c r="ICW714" s="613"/>
      <c r="ICX714" s="613"/>
      <c r="ICY714" s="613"/>
      <c r="ICZ714" s="613"/>
      <c r="IDA714" s="613"/>
      <c r="IDB714" s="613"/>
      <c r="IDC714" s="613"/>
      <c r="IDD714" s="613"/>
      <c r="IDE714" s="613"/>
      <c r="IDF714" s="613"/>
      <c r="IDG714" s="613"/>
      <c r="IDH714" s="613"/>
      <c r="IDI714" s="613"/>
      <c r="IDJ714" s="613"/>
      <c r="IDK714" s="613"/>
      <c r="IDL714" s="613"/>
      <c r="IDM714" s="613"/>
      <c r="IDN714" s="613"/>
      <c r="IDO714" s="613"/>
      <c r="IDP714" s="613"/>
      <c r="IDQ714" s="613"/>
      <c r="IDR714" s="613"/>
      <c r="IDS714" s="613"/>
      <c r="IDT714" s="613"/>
      <c r="IDU714" s="613"/>
      <c r="IDV714" s="613"/>
      <c r="IDW714" s="613"/>
      <c r="IDX714" s="613"/>
      <c r="IDY714" s="613"/>
      <c r="IDZ714" s="613"/>
      <c r="IEA714" s="613"/>
      <c r="IEB714" s="613"/>
      <c r="IEC714" s="613"/>
      <c r="IED714" s="613"/>
      <c r="IEE714" s="613"/>
      <c r="IEF714" s="613"/>
      <c r="IEG714" s="613"/>
      <c r="IEH714" s="613"/>
      <c r="IEI714" s="613"/>
      <c r="IEJ714" s="613"/>
      <c r="IEK714" s="613"/>
      <c r="IEL714" s="613"/>
      <c r="IEM714" s="613"/>
      <c r="IEN714" s="613"/>
      <c r="IEO714" s="613"/>
      <c r="IEP714" s="613"/>
      <c r="IEQ714" s="613"/>
      <c r="IER714" s="613"/>
      <c r="IES714" s="613"/>
      <c r="IET714" s="613"/>
      <c r="IEU714" s="613"/>
      <c r="IEV714" s="613"/>
      <c r="IEW714" s="613"/>
      <c r="IEX714" s="613"/>
      <c r="IEY714" s="613"/>
      <c r="IEZ714" s="613"/>
      <c r="IFA714" s="613"/>
      <c r="IFB714" s="613"/>
      <c r="IFC714" s="613"/>
      <c r="IFD714" s="613"/>
      <c r="IFE714" s="613"/>
      <c r="IFF714" s="613"/>
      <c r="IFG714" s="613"/>
      <c r="IFH714" s="613"/>
      <c r="IFI714" s="613"/>
      <c r="IFJ714" s="613"/>
      <c r="IFK714" s="613"/>
      <c r="IFL714" s="613"/>
      <c r="IFM714" s="613"/>
      <c r="IFN714" s="613"/>
      <c r="IFO714" s="613"/>
      <c r="IFP714" s="613"/>
      <c r="IFQ714" s="613"/>
      <c r="IFR714" s="613"/>
      <c r="IFS714" s="613"/>
      <c r="IFT714" s="613"/>
      <c r="IFU714" s="613"/>
      <c r="IFV714" s="613"/>
      <c r="IFW714" s="613"/>
      <c r="IFX714" s="613"/>
      <c r="IFY714" s="613"/>
      <c r="IFZ714" s="613"/>
      <c r="IGA714" s="613"/>
      <c r="IGB714" s="613"/>
      <c r="IGC714" s="613"/>
      <c r="IGD714" s="613"/>
      <c r="IGE714" s="613"/>
      <c r="IGF714" s="613"/>
      <c r="IGG714" s="613"/>
      <c r="IGH714" s="613"/>
      <c r="IGI714" s="613"/>
      <c r="IGJ714" s="613"/>
      <c r="IGK714" s="613"/>
      <c r="IGL714" s="613"/>
      <c r="IGM714" s="613"/>
      <c r="IGN714" s="613"/>
      <c r="IGO714" s="613"/>
      <c r="IGP714" s="613"/>
      <c r="IGQ714" s="613"/>
      <c r="IGR714" s="613"/>
      <c r="IGS714" s="613"/>
      <c r="IGT714" s="613"/>
      <c r="IGU714" s="613"/>
      <c r="IGV714" s="613"/>
      <c r="IGW714" s="613"/>
      <c r="IGX714" s="613"/>
      <c r="IGY714" s="613"/>
      <c r="IGZ714" s="613"/>
      <c r="IHA714" s="613"/>
      <c r="IHB714" s="613"/>
      <c r="IHC714" s="613"/>
      <c r="IHD714" s="613"/>
      <c r="IHE714" s="613"/>
      <c r="IHF714" s="613"/>
      <c r="IHG714" s="613"/>
      <c r="IHH714" s="613"/>
      <c r="IHI714" s="613"/>
      <c r="IHJ714" s="613"/>
      <c r="IHK714" s="613"/>
      <c r="IHL714" s="613"/>
      <c r="IHM714" s="613"/>
      <c r="IHN714" s="613"/>
      <c r="IHO714" s="613"/>
      <c r="IHP714" s="613"/>
      <c r="IHQ714" s="613"/>
      <c r="IHR714" s="613"/>
      <c r="IHS714" s="613"/>
      <c r="IHT714" s="613"/>
      <c r="IHU714" s="613"/>
      <c r="IHV714" s="613"/>
      <c r="IHW714" s="613"/>
      <c r="IHX714" s="613"/>
      <c r="IHY714" s="613"/>
      <c r="IHZ714" s="613"/>
      <c r="IIA714" s="613"/>
      <c r="IIB714" s="613"/>
      <c r="IIC714" s="613"/>
      <c r="IID714" s="613"/>
      <c r="IIE714" s="613"/>
      <c r="IIF714" s="613"/>
      <c r="IIG714" s="613"/>
      <c r="IIH714" s="613"/>
      <c r="III714" s="613"/>
      <c r="IIJ714" s="613"/>
      <c r="IIK714" s="613"/>
      <c r="IIL714" s="613"/>
      <c r="IIM714" s="613"/>
      <c r="IIN714" s="613"/>
      <c r="IIO714" s="613"/>
      <c r="IIP714" s="613"/>
      <c r="IIQ714" s="613"/>
      <c r="IIR714" s="613"/>
      <c r="IIS714" s="613"/>
      <c r="IIT714" s="613"/>
      <c r="IIU714" s="613"/>
      <c r="IIV714" s="613"/>
      <c r="IIW714" s="613"/>
      <c r="IIX714" s="613"/>
      <c r="IIY714" s="613"/>
      <c r="IIZ714" s="613"/>
      <c r="IJA714" s="613"/>
      <c r="IJB714" s="613"/>
      <c r="IJC714" s="613"/>
      <c r="IJD714" s="613"/>
      <c r="IJE714" s="613"/>
      <c r="IJF714" s="613"/>
      <c r="IJG714" s="613"/>
      <c r="IJH714" s="613"/>
      <c r="IJI714" s="613"/>
      <c r="IJJ714" s="613"/>
      <c r="IJK714" s="613"/>
      <c r="IJL714" s="613"/>
      <c r="IJM714" s="613"/>
      <c r="IJN714" s="613"/>
      <c r="IJO714" s="613"/>
      <c r="IJP714" s="613"/>
      <c r="IJQ714" s="613"/>
      <c r="IJR714" s="613"/>
      <c r="IJS714" s="613"/>
      <c r="IJT714" s="613"/>
      <c r="IJU714" s="613"/>
      <c r="IJV714" s="613"/>
      <c r="IJW714" s="613"/>
      <c r="IJX714" s="613"/>
      <c r="IJY714" s="613"/>
      <c r="IJZ714" s="613"/>
      <c r="IKA714" s="613"/>
      <c r="IKB714" s="613"/>
      <c r="IKC714" s="613"/>
      <c r="IKD714" s="613"/>
      <c r="IKE714" s="613"/>
      <c r="IKF714" s="613"/>
      <c r="IKG714" s="613"/>
      <c r="IKH714" s="613"/>
      <c r="IKI714" s="613"/>
      <c r="IKJ714" s="613"/>
      <c r="IKK714" s="613"/>
      <c r="IKL714" s="613"/>
      <c r="IKM714" s="613"/>
      <c r="IKN714" s="613"/>
      <c r="IKO714" s="613"/>
      <c r="IKP714" s="613"/>
      <c r="IKQ714" s="613"/>
      <c r="IKR714" s="613"/>
      <c r="IKS714" s="613"/>
      <c r="IKT714" s="613"/>
      <c r="IKU714" s="613"/>
      <c r="IKV714" s="613"/>
      <c r="IKW714" s="613"/>
      <c r="IKX714" s="613"/>
      <c r="IKY714" s="613"/>
      <c r="IKZ714" s="613"/>
      <c r="ILA714" s="613"/>
      <c r="ILB714" s="613"/>
      <c r="ILC714" s="613"/>
      <c r="ILD714" s="613"/>
      <c r="ILE714" s="613"/>
      <c r="ILF714" s="613"/>
      <c r="ILG714" s="613"/>
      <c r="ILH714" s="613"/>
      <c r="ILI714" s="613"/>
      <c r="ILJ714" s="613"/>
      <c r="ILK714" s="613"/>
      <c r="ILL714" s="613"/>
      <c r="ILM714" s="613"/>
      <c r="ILN714" s="613"/>
      <c r="ILO714" s="613"/>
      <c r="ILP714" s="613"/>
      <c r="ILQ714" s="613"/>
      <c r="ILR714" s="613"/>
      <c r="ILS714" s="613"/>
      <c r="ILT714" s="613"/>
      <c r="ILU714" s="613"/>
      <c r="ILV714" s="613"/>
      <c r="ILW714" s="613"/>
      <c r="ILX714" s="613"/>
      <c r="ILY714" s="613"/>
      <c r="ILZ714" s="613"/>
      <c r="IMA714" s="613"/>
      <c r="IMB714" s="613"/>
      <c r="IMC714" s="613"/>
      <c r="IMD714" s="613"/>
      <c r="IME714" s="613"/>
      <c r="IMF714" s="613"/>
      <c r="IMG714" s="613"/>
      <c r="IMH714" s="613"/>
      <c r="IMI714" s="613"/>
      <c r="IMJ714" s="613"/>
      <c r="IMK714" s="613"/>
      <c r="IML714" s="613"/>
      <c r="IMM714" s="613"/>
      <c r="IMN714" s="613"/>
      <c r="IMO714" s="613"/>
      <c r="IMP714" s="613"/>
      <c r="IMQ714" s="613"/>
      <c r="IMR714" s="613"/>
      <c r="IMS714" s="613"/>
      <c r="IMT714" s="613"/>
      <c r="IMU714" s="613"/>
      <c r="IMV714" s="613"/>
      <c r="IMW714" s="613"/>
      <c r="IMX714" s="613"/>
      <c r="IMY714" s="613"/>
      <c r="IMZ714" s="613"/>
      <c r="INA714" s="613"/>
      <c r="INB714" s="613"/>
      <c r="INC714" s="613"/>
      <c r="IND714" s="613"/>
      <c r="INE714" s="613"/>
      <c r="INF714" s="613"/>
      <c r="ING714" s="613"/>
      <c r="INH714" s="613"/>
      <c r="INI714" s="613"/>
      <c r="INJ714" s="613"/>
      <c r="INK714" s="613"/>
      <c r="INL714" s="613"/>
      <c r="INM714" s="613"/>
      <c r="INN714" s="613"/>
      <c r="INO714" s="613"/>
      <c r="INP714" s="613"/>
      <c r="INQ714" s="613"/>
      <c r="INR714" s="613"/>
      <c r="INS714" s="613"/>
      <c r="INT714" s="613"/>
      <c r="INU714" s="613"/>
      <c r="INV714" s="613"/>
      <c r="INW714" s="613"/>
      <c r="INX714" s="613"/>
      <c r="INY714" s="613"/>
      <c r="INZ714" s="613"/>
      <c r="IOA714" s="613"/>
      <c r="IOB714" s="613"/>
      <c r="IOC714" s="613"/>
      <c r="IOD714" s="613"/>
      <c r="IOE714" s="613"/>
      <c r="IOF714" s="613"/>
      <c r="IOG714" s="613"/>
      <c r="IOH714" s="613"/>
      <c r="IOI714" s="613"/>
      <c r="IOJ714" s="613"/>
      <c r="IOK714" s="613"/>
      <c r="IOL714" s="613"/>
      <c r="IOM714" s="613"/>
      <c r="ION714" s="613"/>
      <c r="IOO714" s="613"/>
      <c r="IOP714" s="613"/>
      <c r="IOQ714" s="613"/>
      <c r="IOR714" s="613"/>
      <c r="IOS714" s="613"/>
      <c r="IOT714" s="613"/>
      <c r="IOU714" s="613"/>
      <c r="IOV714" s="613"/>
      <c r="IOW714" s="613"/>
      <c r="IOX714" s="613"/>
      <c r="IOY714" s="613"/>
      <c r="IOZ714" s="613"/>
      <c r="IPA714" s="613"/>
      <c r="IPB714" s="613"/>
      <c r="IPC714" s="613"/>
      <c r="IPD714" s="613"/>
      <c r="IPE714" s="613"/>
      <c r="IPF714" s="613"/>
      <c r="IPG714" s="613"/>
      <c r="IPH714" s="613"/>
      <c r="IPI714" s="613"/>
      <c r="IPJ714" s="613"/>
      <c r="IPK714" s="613"/>
      <c r="IPL714" s="613"/>
      <c r="IPM714" s="613"/>
      <c r="IPN714" s="613"/>
      <c r="IPO714" s="613"/>
      <c r="IPP714" s="613"/>
      <c r="IPQ714" s="613"/>
      <c r="IPR714" s="613"/>
      <c r="IPS714" s="613"/>
      <c r="IPT714" s="613"/>
      <c r="IPU714" s="613"/>
      <c r="IPV714" s="613"/>
      <c r="IPW714" s="613"/>
      <c r="IPX714" s="613"/>
      <c r="IPY714" s="613"/>
      <c r="IPZ714" s="613"/>
      <c r="IQA714" s="613"/>
      <c r="IQB714" s="613"/>
      <c r="IQC714" s="613"/>
      <c r="IQD714" s="613"/>
      <c r="IQE714" s="613"/>
      <c r="IQF714" s="613"/>
      <c r="IQG714" s="613"/>
      <c r="IQH714" s="613"/>
      <c r="IQI714" s="613"/>
      <c r="IQJ714" s="613"/>
      <c r="IQK714" s="613"/>
      <c r="IQL714" s="613"/>
      <c r="IQM714" s="613"/>
      <c r="IQN714" s="613"/>
      <c r="IQO714" s="613"/>
      <c r="IQP714" s="613"/>
      <c r="IQQ714" s="613"/>
      <c r="IQR714" s="613"/>
      <c r="IQS714" s="613"/>
      <c r="IQT714" s="613"/>
      <c r="IQU714" s="613"/>
      <c r="IQV714" s="613"/>
      <c r="IQW714" s="613"/>
      <c r="IQX714" s="613"/>
      <c r="IQY714" s="613"/>
      <c r="IQZ714" s="613"/>
      <c r="IRA714" s="613"/>
      <c r="IRB714" s="613"/>
      <c r="IRC714" s="613"/>
      <c r="IRD714" s="613"/>
      <c r="IRE714" s="613"/>
      <c r="IRF714" s="613"/>
      <c r="IRG714" s="613"/>
      <c r="IRH714" s="613"/>
      <c r="IRI714" s="613"/>
      <c r="IRJ714" s="613"/>
      <c r="IRK714" s="613"/>
      <c r="IRL714" s="613"/>
      <c r="IRM714" s="613"/>
      <c r="IRN714" s="613"/>
      <c r="IRO714" s="613"/>
      <c r="IRP714" s="613"/>
      <c r="IRQ714" s="613"/>
      <c r="IRR714" s="613"/>
      <c r="IRS714" s="613"/>
      <c r="IRT714" s="613"/>
      <c r="IRU714" s="613"/>
      <c r="IRV714" s="613"/>
      <c r="IRW714" s="613"/>
      <c r="IRX714" s="613"/>
      <c r="IRY714" s="613"/>
      <c r="IRZ714" s="613"/>
      <c r="ISA714" s="613"/>
      <c r="ISB714" s="613"/>
      <c r="ISC714" s="613"/>
      <c r="ISD714" s="613"/>
      <c r="ISE714" s="613"/>
      <c r="ISF714" s="613"/>
      <c r="ISG714" s="613"/>
      <c r="ISH714" s="613"/>
      <c r="ISI714" s="613"/>
      <c r="ISJ714" s="613"/>
      <c r="ISK714" s="613"/>
      <c r="ISL714" s="613"/>
      <c r="ISM714" s="613"/>
      <c r="ISN714" s="613"/>
      <c r="ISO714" s="613"/>
      <c r="ISP714" s="613"/>
      <c r="ISQ714" s="613"/>
      <c r="ISR714" s="613"/>
      <c r="ISS714" s="613"/>
      <c r="IST714" s="613"/>
      <c r="ISU714" s="613"/>
      <c r="ISV714" s="613"/>
      <c r="ISW714" s="613"/>
      <c r="ISX714" s="613"/>
      <c r="ISY714" s="613"/>
      <c r="ISZ714" s="613"/>
      <c r="ITA714" s="613"/>
      <c r="ITB714" s="613"/>
      <c r="ITC714" s="613"/>
      <c r="ITD714" s="613"/>
      <c r="ITE714" s="613"/>
      <c r="ITF714" s="613"/>
      <c r="ITG714" s="613"/>
      <c r="ITH714" s="613"/>
      <c r="ITI714" s="613"/>
      <c r="ITJ714" s="613"/>
      <c r="ITK714" s="613"/>
      <c r="ITL714" s="613"/>
      <c r="ITM714" s="613"/>
      <c r="ITN714" s="613"/>
      <c r="ITO714" s="613"/>
      <c r="ITP714" s="613"/>
      <c r="ITQ714" s="613"/>
      <c r="ITR714" s="613"/>
      <c r="ITS714" s="613"/>
      <c r="ITT714" s="613"/>
      <c r="ITU714" s="613"/>
      <c r="ITV714" s="613"/>
      <c r="ITW714" s="613"/>
      <c r="ITX714" s="613"/>
      <c r="ITY714" s="613"/>
      <c r="ITZ714" s="613"/>
      <c r="IUA714" s="613"/>
      <c r="IUB714" s="613"/>
      <c r="IUC714" s="613"/>
      <c r="IUD714" s="613"/>
      <c r="IUE714" s="613"/>
      <c r="IUF714" s="613"/>
      <c r="IUG714" s="613"/>
      <c r="IUH714" s="613"/>
      <c r="IUI714" s="613"/>
      <c r="IUJ714" s="613"/>
      <c r="IUK714" s="613"/>
      <c r="IUL714" s="613"/>
      <c r="IUM714" s="613"/>
      <c r="IUN714" s="613"/>
      <c r="IUO714" s="613"/>
      <c r="IUP714" s="613"/>
      <c r="IUQ714" s="613"/>
      <c r="IUR714" s="613"/>
      <c r="IUS714" s="613"/>
      <c r="IUT714" s="613"/>
      <c r="IUU714" s="613"/>
      <c r="IUV714" s="613"/>
      <c r="IUW714" s="613"/>
      <c r="IUX714" s="613"/>
      <c r="IUY714" s="613"/>
      <c r="IUZ714" s="613"/>
      <c r="IVA714" s="613"/>
      <c r="IVB714" s="613"/>
      <c r="IVC714" s="613"/>
      <c r="IVD714" s="613"/>
      <c r="IVE714" s="613"/>
      <c r="IVF714" s="613"/>
      <c r="IVG714" s="613"/>
      <c r="IVH714" s="613"/>
      <c r="IVI714" s="613"/>
      <c r="IVJ714" s="613"/>
      <c r="IVK714" s="613"/>
      <c r="IVL714" s="613"/>
      <c r="IVM714" s="613"/>
      <c r="IVN714" s="613"/>
      <c r="IVO714" s="613"/>
      <c r="IVP714" s="613"/>
      <c r="IVQ714" s="613"/>
      <c r="IVR714" s="613"/>
      <c r="IVS714" s="613"/>
      <c r="IVT714" s="613"/>
      <c r="IVU714" s="613"/>
      <c r="IVV714" s="613"/>
      <c r="IVW714" s="613"/>
      <c r="IVX714" s="613"/>
      <c r="IVY714" s="613"/>
      <c r="IVZ714" s="613"/>
      <c r="IWA714" s="613"/>
      <c r="IWB714" s="613"/>
      <c r="IWC714" s="613"/>
      <c r="IWD714" s="613"/>
      <c r="IWE714" s="613"/>
      <c r="IWF714" s="613"/>
      <c r="IWG714" s="613"/>
      <c r="IWH714" s="613"/>
      <c r="IWI714" s="613"/>
      <c r="IWJ714" s="613"/>
      <c r="IWK714" s="613"/>
      <c r="IWL714" s="613"/>
      <c r="IWM714" s="613"/>
      <c r="IWN714" s="613"/>
      <c r="IWO714" s="613"/>
      <c r="IWP714" s="613"/>
      <c r="IWQ714" s="613"/>
      <c r="IWR714" s="613"/>
      <c r="IWS714" s="613"/>
      <c r="IWT714" s="613"/>
      <c r="IWU714" s="613"/>
      <c r="IWV714" s="613"/>
      <c r="IWW714" s="613"/>
      <c r="IWX714" s="613"/>
      <c r="IWY714" s="613"/>
      <c r="IWZ714" s="613"/>
      <c r="IXA714" s="613"/>
      <c r="IXB714" s="613"/>
      <c r="IXC714" s="613"/>
      <c r="IXD714" s="613"/>
      <c r="IXE714" s="613"/>
      <c r="IXF714" s="613"/>
      <c r="IXG714" s="613"/>
      <c r="IXH714" s="613"/>
      <c r="IXI714" s="613"/>
      <c r="IXJ714" s="613"/>
      <c r="IXK714" s="613"/>
      <c r="IXL714" s="613"/>
      <c r="IXM714" s="613"/>
      <c r="IXN714" s="613"/>
      <c r="IXO714" s="613"/>
      <c r="IXP714" s="613"/>
      <c r="IXQ714" s="613"/>
      <c r="IXR714" s="613"/>
      <c r="IXS714" s="613"/>
      <c r="IXT714" s="613"/>
      <c r="IXU714" s="613"/>
      <c r="IXV714" s="613"/>
      <c r="IXW714" s="613"/>
      <c r="IXX714" s="613"/>
      <c r="IXY714" s="613"/>
      <c r="IXZ714" s="613"/>
      <c r="IYA714" s="613"/>
      <c r="IYB714" s="613"/>
      <c r="IYC714" s="613"/>
      <c r="IYD714" s="613"/>
      <c r="IYE714" s="613"/>
      <c r="IYF714" s="613"/>
      <c r="IYG714" s="613"/>
      <c r="IYH714" s="613"/>
      <c r="IYI714" s="613"/>
      <c r="IYJ714" s="613"/>
      <c r="IYK714" s="613"/>
      <c r="IYL714" s="613"/>
      <c r="IYM714" s="613"/>
      <c r="IYN714" s="613"/>
      <c r="IYO714" s="613"/>
      <c r="IYP714" s="613"/>
      <c r="IYQ714" s="613"/>
      <c r="IYR714" s="613"/>
      <c r="IYS714" s="613"/>
      <c r="IYT714" s="613"/>
      <c r="IYU714" s="613"/>
      <c r="IYV714" s="613"/>
      <c r="IYW714" s="613"/>
      <c r="IYX714" s="613"/>
      <c r="IYY714" s="613"/>
      <c r="IYZ714" s="613"/>
      <c r="IZA714" s="613"/>
      <c r="IZB714" s="613"/>
      <c r="IZC714" s="613"/>
      <c r="IZD714" s="613"/>
      <c r="IZE714" s="613"/>
      <c r="IZF714" s="613"/>
      <c r="IZG714" s="613"/>
      <c r="IZH714" s="613"/>
      <c r="IZI714" s="613"/>
      <c r="IZJ714" s="613"/>
      <c r="IZK714" s="613"/>
      <c r="IZL714" s="613"/>
      <c r="IZM714" s="613"/>
      <c r="IZN714" s="613"/>
      <c r="IZO714" s="613"/>
      <c r="IZP714" s="613"/>
      <c r="IZQ714" s="613"/>
      <c r="IZR714" s="613"/>
      <c r="IZS714" s="613"/>
      <c r="IZT714" s="613"/>
      <c r="IZU714" s="613"/>
      <c r="IZV714" s="613"/>
      <c r="IZW714" s="613"/>
      <c r="IZX714" s="613"/>
      <c r="IZY714" s="613"/>
      <c r="IZZ714" s="613"/>
      <c r="JAA714" s="613"/>
      <c r="JAB714" s="613"/>
      <c r="JAC714" s="613"/>
      <c r="JAD714" s="613"/>
      <c r="JAE714" s="613"/>
      <c r="JAF714" s="613"/>
      <c r="JAG714" s="613"/>
      <c r="JAH714" s="613"/>
      <c r="JAI714" s="613"/>
      <c r="JAJ714" s="613"/>
      <c r="JAK714" s="613"/>
      <c r="JAL714" s="613"/>
      <c r="JAM714" s="613"/>
      <c r="JAN714" s="613"/>
      <c r="JAO714" s="613"/>
      <c r="JAP714" s="613"/>
      <c r="JAQ714" s="613"/>
      <c r="JAR714" s="613"/>
      <c r="JAS714" s="613"/>
      <c r="JAT714" s="613"/>
      <c r="JAU714" s="613"/>
      <c r="JAV714" s="613"/>
      <c r="JAW714" s="613"/>
      <c r="JAX714" s="613"/>
      <c r="JAY714" s="613"/>
      <c r="JAZ714" s="613"/>
      <c r="JBA714" s="613"/>
      <c r="JBB714" s="613"/>
      <c r="JBC714" s="613"/>
      <c r="JBD714" s="613"/>
      <c r="JBE714" s="613"/>
      <c r="JBF714" s="613"/>
      <c r="JBG714" s="613"/>
      <c r="JBH714" s="613"/>
      <c r="JBI714" s="613"/>
      <c r="JBJ714" s="613"/>
      <c r="JBK714" s="613"/>
      <c r="JBL714" s="613"/>
      <c r="JBM714" s="613"/>
      <c r="JBN714" s="613"/>
      <c r="JBO714" s="613"/>
      <c r="JBP714" s="613"/>
      <c r="JBQ714" s="613"/>
      <c r="JBR714" s="613"/>
      <c r="JBS714" s="613"/>
      <c r="JBT714" s="613"/>
      <c r="JBU714" s="613"/>
      <c r="JBV714" s="613"/>
      <c r="JBW714" s="613"/>
      <c r="JBX714" s="613"/>
      <c r="JBY714" s="613"/>
      <c r="JBZ714" s="613"/>
      <c r="JCA714" s="613"/>
      <c r="JCB714" s="613"/>
      <c r="JCC714" s="613"/>
      <c r="JCD714" s="613"/>
      <c r="JCE714" s="613"/>
      <c r="JCF714" s="613"/>
      <c r="JCG714" s="613"/>
      <c r="JCH714" s="613"/>
      <c r="JCI714" s="613"/>
      <c r="JCJ714" s="613"/>
      <c r="JCK714" s="613"/>
      <c r="JCL714" s="613"/>
      <c r="JCM714" s="613"/>
      <c r="JCN714" s="613"/>
      <c r="JCO714" s="613"/>
      <c r="JCP714" s="613"/>
      <c r="JCQ714" s="613"/>
      <c r="JCR714" s="613"/>
      <c r="JCS714" s="613"/>
      <c r="JCT714" s="613"/>
      <c r="JCU714" s="613"/>
      <c r="JCV714" s="613"/>
      <c r="JCW714" s="613"/>
      <c r="JCX714" s="613"/>
      <c r="JCY714" s="613"/>
      <c r="JCZ714" s="613"/>
      <c r="JDA714" s="613"/>
      <c r="JDB714" s="613"/>
      <c r="JDC714" s="613"/>
      <c r="JDD714" s="613"/>
      <c r="JDE714" s="613"/>
      <c r="JDF714" s="613"/>
      <c r="JDG714" s="613"/>
      <c r="JDH714" s="613"/>
      <c r="JDI714" s="613"/>
      <c r="JDJ714" s="613"/>
      <c r="JDK714" s="613"/>
      <c r="JDL714" s="613"/>
      <c r="JDM714" s="613"/>
      <c r="JDN714" s="613"/>
      <c r="JDO714" s="613"/>
      <c r="JDP714" s="613"/>
      <c r="JDQ714" s="613"/>
      <c r="JDR714" s="613"/>
      <c r="JDS714" s="613"/>
      <c r="JDT714" s="613"/>
      <c r="JDU714" s="613"/>
      <c r="JDV714" s="613"/>
      <c r="JDW714" s="613"/>
      <c r="JDX714" s="613"/>
      <c r="JDY714" s="613"/>
      <c r="JDZ714" s="613"/>
      <c r="JEA714" s="613"/>
      <c r="JEB714" s="613"/>
      <c r="JEC714" s="613"/>
      <c r="JED714" s="613"/>
      <c r="JEE714" s="613"/>
      <c r="JEF714" s="613"/>
      <c r="JEG714" s="613"/>
      <c r="JEH714" s="613"/>
      <c r="JEI714" s="613"/>
      <c r="JEJ714" s="613"/>
      <c r="JEK714" s="613"/>
      <c r="JEL714" s="613"/>
      <c r="JEM714" s="613"/>
      <c r="JEN714" s="613"/>
      <c r="JEO714" s="613"/>
      <c r="JEP714" s="613"/>
      <c r="JEQ714" s="613"/>
      <c r="JER714" s="613"/>
      <c r="JES714" s="613"/>
      <c r="JET714" s="613"/>
      <c r="JEU714" s="613"/>
      <c r="JEV714" s="613"/>
      <c r="JEW714" s="613"/>
      <c r="JEX714" s="613"/>
      <c r="JEY714" s="613"/>
      <c r="JEZ714" s="613"/>
      <c r="JFA714" s="613"/>
      <c r="JFB714" s="613"/>
      <c r="JFC714" s="613"/>
      <c r="JFD714" s="613"/>
      <c r="JFE714" s="613"/>
      <c r="JFF714" s="613"/>
      <c r="JFG714" s="613"/>
      <c r="JFH714" s="613"/>
      <c r="JFI714" s="613"/>
      <c r="JFJ714" s="613"/>
      <c r="JFK714" s="613"/>
      <c r="JFL714" s="613"/>
      <c r="JFM714" s="613"/>
      <c r="JFN714" s="613"/>
      <c r="JFO714" s="613"/>
      <c r="JFP714" s="613"/>
      <c r="JFQ714" s="613"/>
      <c r="JFR714" s="613"/>
      <c r="JFS714" s="613"/>
      <c r="JFT714" s="613"/>
      <c r="JFU714" s="613"/>
      <c r="JFV714" s="613"/>
      <c r="JFW714" s="613"/>
      <c r="JFX714" s="613"/>
      <c r="JFY714" s="613"/>
      <c r="JFZ714" s="613"/>
      <c r="JGA714" s="613"/>
      <c r="JGB714" s="613"/>
      <c r="JGC714" s="613"/>
      <c r="JGD714" s="613"/>
      <c r="JGE714" s="613"/>
      <c r="JGF714" s="613"/>
      <c r="JGG714" s="613"/>
      <c r="JGH714" s="613"/>
      <c r="JGI714" s="613"/>
      <c r="JGJ714" s="613"/>
      <c r="JGK714" s="613"/>
      <c r="JGL714" s="613"/>
      <c r="JGM714" s="613"/>
      <c r="JGN714" s="613"/>
      <c r="JGO714" s="613"/>
      <c r="JGP714" s="613"/>
      <c r="JGQ714" s="613"/>
      <c r="JGR714" s="613"/>
      <c r="JGS714" s="613"/>
      <c r="JGT714" s="613"/>
      <c r="JGU714" s="613"/>
      <c r="JGV714" s="613"/>
      <c r="JGW714" s="613"/>
      <c r="JGX714" s="613"/>
      <c r="JGY714" s="613"/>
      <c r="JGZ714" s="613"/>
      <c r="JHA714" s="613"/>
      <c r="JHB714" s="613"/>
      <c r="JHC714" s="613"/>
      <c r="JHD714" s="613"/>
      <c r="JHE714" s="613"/>
      <c r="JHF714" s="613"/>
      <c r="JHG714" s="613"/>
      <c r="JHH714" s="613"/>
      <c r="JHI714" s="613"/>
      <c r="JHJ714" s="613"/>
      <c r="JHK714" s="613"/>
      <c r="JHL714" s="613"/>
      <c r="JHM714" s="613"/>
      <c r="JHN714" s="613"/>
      <c r="JHO714" s="613"/>
      <c r="JHP714" s="613"/>
      <c r="JHQ714" s="613"/>
      <c r="JHR714" s="613"/>
      <c r="JHS714" s="613"/>
      <c r="JHT714" s="613"/>
      <c r="JHU714" s="613"/>
      <c r="JHV714" s="613"/>
      <c r="JHW714" s="613"/>
      <c r="JHX714" s="613"/>
      <c r="JHY714" s="613"/>
      <c r="JHZ714" s="613"/>
      <c r="JIA714" s="613"/>
      <c r="JIB714" s="613"/>
      <c r="JIC714" s="613"/>
      <c r="JID714" s="613"/>
      <c r="JIE714" s="613"/>
      <c r="JIF714" s="613"/>
      <c r="JIG714" s="613"/>
      <c r="JIH714" s="613"/>
      <c r="JII714" s="613"/>
      <c r="JIJ714" s="613"/>
      <c r="JIK714" s="613"/>
      <c r="JIL714" s="613"/>
      <c r="JIM714" s="613"/>
      <c r="JIN714" s="613"/>
      <c r="JIO714" s="613"/>
      <c r="JIP714" s="613"/>
      <c r="JIQ714" s="613"/>
      <c r="JIR714" s="613"/>
      <c r="JIS714" s="613"/>
      <c r="JIT714" s="613"/>
      <c r="JIU714" s="613"/>
      <c r="JIV714" s="613"/>
      <c r="JIW714" s="613"/>
      <c r="JIX714" s="613"/>
      <c r="JIY714" s="613"/>
      <c r="JIZ714" s="613"/>
      <c r="JJA714" s="613"/>
      <c r="JJB714" s="613"/>
      <c r="JJC714" s="613"/>
      <c r="JJD714" s="613"/>
      <c r="JJE714" s="613"/>
      <c r="JJF714" s="613"/>
      <c r="JJG714" s="613"/>
      <c r="JJH714" s="613"/>
      <c r="JJI714" s="613"/>
      <c r="JJJ714" s="613"/>
      <c r="JJK714" s="613"/>
      <c r="JJL714" s="613"/>
      <c r="JJM714" s="613"/>
      <c r="JJN714" s="613"/>
      <c r="JJO714" s="613"/>
      <c r="JJP714" s="613"/>
      <c r="JJQ714" s="613"/>
      <c r="JJR714" s="613"/>
      <c r="JJS714" s="613"/>
      <c r="JJT714" s="613"/>
      <c r="JJU714" s="613"/>
      <c r="JJV714" s="613"/>
      <c r="JJW714" s="613"/>
      <c r="JJX714" s="613"/>
      <c r="JJY714" s="613"/>
      <c r="JJZ714" s="613"/>
      <c r="JKA714" s="613"/>
      <c r="JKB714" s="613"/>
      <c r="JKC714" s="613"/>
      <c r="JKD714" s="613"/>
      <c r="JKE714" s="613"/>
      <c r="JKF714" s="613"/>
      <c r="JKG714" s="613"/>
      <c r="JKH714" s="613"/>
      <c r="JKI714" s="613"/>
      <c r="JKJ714" s="613"/>
      <c r="JKK714" s="613"/>
      <c r="JKL714" s="613"/>
      <c r="JKM714" s="613"/>
      <c r="JKN714" s="613"/>
      <c r="JKO714" s="613"/>
      <c r="JKP714" s="613"/>
      <c r="JKQ714" s="613"/>
      <c r="JKR714" s="613"/>
      <c r="JKS714" s="613"/>
      <c r="JKT714" s="613"/>
      <c r="JKU714" s="613"/>
      <c r="JKV714" s="613"/>
      <c r="JKW714" s="613"/>
      <c r="JKX714" s="613"/>
      <c r="JKY714" s="613"/>
      <c r="JKZ714" s="613"/>
      <c r="JLA714" s="613"/>
      <c r="JLB714" s="613"/>
      <c r="JLC714" s="613"/>
      <c r="JLD714" s="613"/>
      <c r="JLE714" s="613"/>
      <c r="JLF714" s="613"/>
      <c r="JLG714" s="613"/>
      <c r="JLH714" s="613"/>
      <c r="JLI714" s="613"/>
      <c r="JLJ714" s="613"/>
      <c r="JLK714" s="613"/>
      <c r="JLL714" s="613"/>
      <c r="JLM714" s="613"/>
      <c r="JLN714" s="613"/>
      <c r="JLO714" s="613"/>
      <c r="JLP714" s="613"/>
      <c r="JLQ714" s="613"/>
      <c r="JLR714" s="613"/>
      <c r="JLS714" s="613"/>
      <c r="JLT714" s="613"/>
      <c r="JLU714" s="613"/>
      <c r="JLV714" s="613"/>
      <c r="JLW714" s="613"/>
      <c r="JLX714" s="613"/>
      <c r="JLY714" s="613"/>
      <c r="JLZ714" s="613"/>
      <c r="JMA714" s="613"/>
      <c r="JMB714" s="613"/>
      <c r="JMC714" s="613"/>
      <c r="JMD714" s="613"/>
      <c r="JME714" s="613"/>
      <c r="JMF714" s="613"/>
      <c r="JMG714" s="613"/>
      <c r="JMH714" s="613"/>
      <c r="JMI714" s="613"/>
      <c r="JMJ714" s="613"/>
      <c r="JMK714" s="613"/>
      <c r="JML714" s="613"/>
      <c r="JMM714" s="613"/>
      <c r="JMN714" s="613"/>
      <c r="JMO714" s="613"/>
      <c r="JMP714" s="613"/>
      <c r="JMQ714" s="613"/>
      <c r="JMR714" s="613"/>
      <c r="JMS714" s="613"/>
      <c r="JMT714" s="613"/>
      <c r="JMU714" s="613"/>
      <c r="JMV714" s="613"/>
      <c r="JMW714" s="613"/>
      <c r="JMX714" s="613"/>
      <c r="JMY714" s="613"/>
      <c r="JMZ714" s="613"/>
      <c r="JNA714" s="613"/>
      <c r="JNB714" s="613"/>
      <c r="JNC714" s="613"/>
      <c r="JND714" s="613"/>
      <c r="JNE714" s="613"/>
      <c r="JNF714" s="613"/>
      <c r="JNG714" s="613"/>
      <c r="JNH714" s="613"/>
      <c r="JNI714" s="613"/>
      <c r="JNJ714" s="613"/>
      <c r="JNK714" s="613"/>
      <c r="JNL714" s="613"/>
      <c r="JNM714" s="613"/>
      <c r="JNN714" s="613"/>
      <c r="JNO714" s="613"/>
      <c r="JNP714" s="613"/>
      <c r="JNQ714" s="613"/>
      <c r="JNR714" s="613"/>
      <c r="JNS714" s="613"/>
      <c r="JNT714" s="613"/>
      <c r="JNU714" s="613"/>
      <c r="JNV714" s="613"/>
      <c r="JNW714" s="613"/>
      <c r="JNX714" s="613"/>
      <c r="JNY714" s="613"/>
      <c r="JNZ714" s="613"/>
      <c r="JOA714" s="613"/>
      <c r="JOB714" s="613"/>
      <c r="JOC714" s="613"/>
      <c r="JOD714" s="613"/>
      <c r="JOE714" s="613"/>
      <c r="JOF714" s="613"/>
      <c r="JOG714" s="613"/>
      <c r="JOH714" s="613"/>
      <c r="JOI714" s="613"/>
      <c r="JOJ714" s="613"/>
      <c r="JOK714" s="613"/>
      <c r="JOL714" s="613"/>
      <c r="JOM714" s="613"/>
      <c r="JON714" s="613"/>
      <c r="JOO714" s="613"/>
      <c r="JOP714" s="613"/>
      <c r="JOQ714" s="613"/>
      <c r="JOR714" s="613"/>
      <c r="JOS714" s="613"/>
      <c r="JOT714" s="613"/>
      <c r="JOU714" s="613"/>
      <c r="JOV714" s="613"/>
      <c r="JOW714" s="613"/>
      <c r="JOX714" s="613"/>
      <c r="JOY714" s="613"/>
      <c r="JOZ714" s="613"/>
      <c r="JPA714" s="613"/>
      <c r="JPB714" s="613"/>
      <c r="JPC714" s="613"/>
      <c r="JPD714" s="613"/>
      <c r="JPE714" s="613"/>
      <c r="JPF714" s="613"/>
      <c r="JPG714" s="613"/>
      <c r="JPH714" s="613"/>
      <c r="JPI714" s="613"/>
      <c r="JPJ714" s="613"/>
      <c r="JPK714" s="613"/>
      <c r="JPL714" s="613"/>
      <c r="JPM714" s="613"/>
      <c r="JPN714" s="613"/>
      <c r="JPO714" s="613"/>
      <c r="JPP714" s="613"/>
      <c r="JPQ714" s="613"/>
      <c r="JPR714" s="613"/>
      <c r="JPS714" s="613"/>
      <c r="JPT714" s="613"/>
      <c r="JPU714" s="613"/>
      <c r="JPV714" s="613"/>
      <c r="JPW714" s="613"/>
      <c r="JPX714" s="613"/>
      <c r="JPY714" s="613"/>
      <c r="JPZ714" s="613"/>
      <c r="JQA714" s="613"/>
      <c r="JQB714" s="613"/>
      <c r="JQC714" s="613"/>
      <c r="JQD714" s="613"/>
      <c r="JQE714" s="613"/>
      <c r="JQF714" s="613"/>
      <c r="JQG714" s="613"/>
      <c r="JQH714" s="613"/>
      <c r="JQI714" s="613"/>
      <c r="JQJ714" s="613"/>
      <c r="JQK714" s="613"/>
      <c r="JQL714" s="613"/>
      <c r="JQM714" s="613"/>
      <c r="JQN714" s="613"/>
      <c r="JQO714" s="613"/>
      <c r="JQP714" s="613"/>
      <c r="JQQ714" s="613"/>
      <c r="JQR714" s="613"/>
      <c r="JQS714" s="613"/>
      <c r="JQT714" s="613"/>
      <c r="JQU714" s="613"/>
      <c r="JQV714" s="613"/>
      <c r="JQW714" s="613"/>
      <c r="JQX714" s="613"/>
      <c r="JQY714" s="613"/>
      <c r="JQZ714" s="613"/>
      <c r="JRA714" s="613"/>
      <c r="JRB714" s="613"/>
      <c r="JRC714" s="613"/>
      <c r="JRD714" s="613"/>
      <c r="JRE714" s="613"/>
      <c r="JRF714" s="613"/>
      <c r="JRG714" s="613"/>
      <c r="JRH714" s="613"/>
      <c r="JRI714" s="613"/>
      <c r="JRJ714" s="613"/>
      <c r="JRK714" s="613"/>
      <c r="JRL714" s="613"/>
      <c r="JRM714" s="613"/>
      <c r="JRN714" s="613"/>
      <c r="JRO714" s="613"/>
      <c r="JRP714" s="613"/>
      <c r="JRQ714" s="613"/>
      <c r="JRR714" s="613"/>
      <c r="JRS714" s="613"/>
      <c r="JRT714" s="613"/>
      <c r="JRU714" s="613"/>
      <c r="JRV714" s="613"/>
      <c r="JRW714" s="613"/>
      <c r="JRX714" s="613"/>
      <c r="JRY714" s="613"/>
      <c r="JRZ714" s="613"/>
      <c r="JSA714" s="613"/>
      <c r="JSB714" s="613"/>
      <c r="JSC714" s="613"/>
      <c r="JSD714" s="613"/>
      <c r="JSE714" s="613"/>
      <c r="JSF714" s="613"/>
      <c r="JSG714" s="613"/>
      <c r="JSH714" s="613"/>
      <c r="JSI714" s="613"/>
      <c r="JSJ714" s="613"/>
      <c r="JSK714" s="613"/>
      <c r="JSL714" s="613"/>
      <c r="JSM714" s="613"/>
      <c r="JSN714" s="613"/>
      <c r="JSO714" s="613"/>
      <c r="JSP714" s="613"/>
      <c r="JSQ714" s="613"/>
      <c r="JSR714" s="613"/>
      <c r="JSS714" s="613"/>
      <c r="JST714" s="613"/>
      <c r="JSU714" s="613"/>
      <c r="JSV714" s="613"/>
      <c r="JSW714" s="613"/>
      <c r="JSX714" s="613"/>
      <c r="JSY714" s="613"/>
      <c r="JSZ714" s="613"/>
      <c r="JTA714" s="613"/>
      <c r="JTB714" s="613"/>
      <c r="JTC714" s="613"/>
      <c r="JTD714" s="613"/>
      <c r="JTE714" s="613"/>
      <c r="JTF714" s="613"/>
      <c r="JTG714" s="613"/>
      <c r="JTH714" s="613"/>
      <c r="JTI714" s="613"/>
      <c r="JTJ714" s="613"/>
      <c r="JTK714" s="613"/>
      <c r="JTL714" s="613"/>
      <c r="JTM714" s="613"/>
      <c r="JTN714" s="613"/>
      <c r="JTO714" s="613"/>
      <c r="JTP714" s="613"/>
      <c r="JTQ714" s="613"/>
      <c r="JTR714" s="613"/>
      <c r="JTS714" s="613"/>
      <c r="JTT714" s="613"/>
      <c r="JTU714" s="613"/>
      <c r="JTV714" s="613"/>
      <c r="JTW714" s="613"/>
      <c r="JTX714" s="613"/>
      <c r="JTY714" s="613"/>
      <c r="JTZ714" s="613"/>
      <c r="JUA714" s="613"/>
      <c r="JUB714" s="613"/>
      <c r="JUC714" s="613"/>
      <c r="JUD714" s="613"/>
      <c r="JUE714" s="613"/>
      <c r="JUF714" s="613"/>
      <c r="JUG714" s="613"/>
      <c r="JUH714" s="613"/>
      <c r="JUI714" s="613"/>
      <c r="JUJ714" s="613"/>
      <c r="JUK714" s="613"/>
      <c r="JUL714" s="613"/>
      <c r="JUM714" s="613"/>
      <c r="JUN714" s="613"/>
      <c r="JUO714" s="613"/>
      <c r="JUP714" s="613"/>
      <c r="JUQ714" s="613"/>
      <c r="JUR714" s="613"/>
      <c r="JUS714" s="613"/>
      <c r="JUT714" s="613"/>
      <c r="JUU714" s="613"/>
      <c r="JUV714" s="613"/>
      <c r="JUW714" s="613"/>
      <c r="JUX714" s="613"/>
      <c r="JUY714" s="613"/>
      <c r="JUZ714" s="613"/>
      <c r="JVA714" s="613"/>
      <c r="JVB714" s="613"/>
      <c r="JVC714" s="613"/>
      <c r="JVD714" s="613"/>
      <c r="JVE714" s="613"/>
      <c r="JVF714" s="613"/>
      <c r="JVG714" s="613"/>
      <c r="JVH714" s="613"/>
      <c r="JVI714" s="613"/>
      <c r="JVJ714" s="613"/>
      <c r="JVK714" s="613"/>
      <c r="JVL714" s="613"/>
      <c r="JVM714" s="613"/>
      <c r="JVN714" s="613"/>
      <c r="JVO714" s="613"/>
      <c r="JVP714" s="613"/>
      <c r="JVQ714" s="613"/>
      <c r="JVR714" s="613"/>
      <c r="JVS714" s="613"/>
      <c r="JVT714" s="613"/>
      <c r="JVU714" s="613"/>
      <c r="JVV714" s="613"/>
      <c r="JVW714" s="613"/>
      <c r="JVX714" s="613"/>
      <c r="JVY714" s="613"/>
      <c r="JVZ714" s="613"/>
      <c r="JWA714" s="613"/>
      <c r="JWB714" s="613"/>
      <c r="JWC714" s="613"/>
      <c r="JWD714" s="613"/>
      <c r="JWE714" s="613"/>
      <c r="JWF714" s="613"/>
      <c r="JWG714" s="613"/>
      <c r="JWH714" s="613"/>
      <c r="JWI714" s="613"/>
      <c r="JWJ714" s="613"/>
      <c r="JWK714" s="613"/>
      <c r="JWL714" s="613"/>
      <c r="JWM714" s="613"/>
      <c r="JWN714" s="613"/>
      <c r="JWO714" s="613"/>
      <c r="JWP714" s="613"/>
      <c r="JWQ714" s="613"/>
      <c r="JWR714" s="613"/>
      <c r="JWS714" s="613"/>
      <c r="JWT714" s="613"/>
      <c r="JWU714" s="613"/>
      <c r="JWV714" s="613"/>
      <c r="JWW714" s="613"/>
      <c r="JWX714" s="613"/>
      <c r="JWY714" s="613"/>
      <c r="JWZ714" s="613"/>
      <c r="JXA714" s="613"/>
      <c r="JXB714" s="613"/>
      <c r="JXC714" s="613"/>
      <c r="JXD714" s="613"/>
      <c r="JXE714" s="613"/>
      <c r="JXF714" s="613"/>
      <c r="JXG714" s="613"/>
      <c r="JXH714" s="613"/>
      <c r="JXI714" s="613"/>
      <c r="JXJ714" s="613"/>
      <c r="JXK714" s="613"/>
      <c r="JXL714" s="613"/>
      <c r="JXM714" s="613"/>
      <c r="JXN714" s="613"/>
      <c r="JXO714" s="613"/>
      <c r="JXP714" s="613"/>
      <c r="JXQ714" s="613"/>
      <c r="JXR714" s="613"/>
      <c r="JXS714" s="613"/>
      <c r="JXT714" s="613"/>
      <c r="JXU714" s="613"/>
      <c r="JXV714" s="613"/>
      <c r="JXW714" s="613"/>
      <c r="JXX714" s="613"/>
      <c r="JXY714" s="613"/>
      <c r="JXZ714" s="613"/>
      <c r="JYA714" s="613"/>
      <c r="JYB714" s="613"/>
      <c r="JYC714" s="613"/>
      <c r="JYD714" s="613"/>
      <c r="JYE714" s="613"/>
      <c r="JYF714" s="613"/>
      <c r="JYG714" s="613"/>
      <c r="JYH714" s="613"/>
      <c r="JYI714" s="613"/>
      <c r="JYJ714" s="613"/>
      <c r="JYK714" s="613"/>
      <c r="JYL714" s="613"/>
      <c r="JYM714" s="613"/>
      <c r="JYN714" s="613"/>
      <c r="JYO714" s="613"/>
      <c r="JYP714" s="613"/>
      <c r="JYQ714" s="613"/>
      <c r="JYR714" s="613"/>
      <c r="JYS714" s="613"/>
      <c r="JYT714" s="613"/>
      <c r="JYU714" s="613"/>
      <c r="JYV714" s="613"/>
      <c r="JYW714" s="613"/>
      <c r="JYX714" s="613"/>
      <c r="JYY714" s="613"/>
      <c r="JYZ714" s="613"/>
      <c r="JZA714" s="613"/>
      <c r="JZB714" s="613"/>
      <c r="JZC714" s="613"/>
      <c r="JZD714" s="613"/>
      <c r="JZE714" s="613"/>
      <c r="JZF714" s="613"/>
      <c r="JZG714" s="613"/>
      <c r="JZH714" s="613"/>
      <c r="JZI714" s="613"/>
      <c r="JZJ714" s="613"/>
      <c r="JZK714" s="613"/>
      <c r="JZL714" s="613"/>
      <c r="JZM714" s="613"/>
      <c r="JZN714" s="613"/>
      <c r="JZO714" s="613"/>
      <c r="JZP714" s="613"/>
      <c r="JZQ714" s="613"/>
      <c r="JZR714" s="613"/>
      <c r="JZS714" s="613"/>
      <c r="JZT714" s="613"/>
      <c r="JZU714" s="613"/>
      <c r="JZV714" s="613"/>
      <c r="JZW714" s="613"/>
      <c r="JZX714" s="613"/>
      <c r="JZY714" s="613"/>
      <c r="JZZ714" s="613"/>
      <c r="KAA714" s="613"/>
      <c r="KAB714" s="613"/>
      <c r="KAC714" s="613"/>
      <c r="KAD714" s="613"/>
      <c r="KAE714" s="613"/>
      <c r="KAF714" s="613"/>
      <c r="KAG714" s="613"/>
      <c r="KAH714" s="613"/>
      <c r="KAI714" s="613"/>
      <c r="KAJ714" s="613"/>
      <c r="KAK714" s="613"/>
      <c r="KAL714" s="613"/>
      <c r="KAM714" s="613"/>
      <c r="KAN714" s="613"/>
      <c r="KAO714" s="613"/>
      <c r="KAP714" s="613"/>
      <c r="KAQ714" s="613"/>
      <c r="KAR714" s="613"/>
      <c r="KAS714" s="613"/>
      <c r="KAT714" s="613"/>
      <c r="KAU714" s="613"/>
      <c r="KAV714" s="613"/>
      <c r="KAW714" s="613"/>
      <c r="KAX714" s="613"/>
      <c r="KAY714" s="613"/>
      <c r="KAZ714" s="613"/>
      <c r="KBA714" s="613"/>
      <c r="KBB714" s="613"/>
      <c r="KBC714" s="613"/>
      <c r="KBD714" s="613"/>
      <c r="KBE714" s="613"/>
      <c r="KBF714" s="613"/>
      <c r="KBG714" s="613"/>
      <c r="KBH714" s="613"/>
      <c r="KBI714" s="613"/>
      <c r="KBJ714" s="613"/>
      <c r="KBK714" s="613"/>
      <c r="KBL714" s="613"/>
      <c r="KBM714" s="613"/>
      <c r="KBN714" s="613"/>
      <c r="KBO714" s="613"/>
      <c r="KBP714" s="613"/>
      <c r="KBQ714" s="613"/>
      <c r="KBR714" s="613"/>
      <c r="KBS714" s="613"/>
      <c r="KBT714" s="613"/>
      <c r="KBU714" s="613"/>
      <c r="KBV714" s="613"/>
      <c r="KBW714" s="613"/>
      <c r="KBX714" s="613"/>
      <c r="KBY714" s="613"/>
      <c r="KBZ714" s="613"/>
      <c r="KCA714" s="613"/>
      <c r="KCB714" s="613"/>
      <c r="KCC714" s="613"/>
      <c r="KCD714" s="613"/>
      <c r="KCE714" s="613"/>
      <c r="KCF714" s="613"/>
      <c r="KCG714" s="613"/>
      <c r="KCH714" s="613"/>
      <c r="KCI714" s="613"/>
      <c r="KCJ714" s="613"/>
      <c r="KCK714" s="613"/>
      <c r="KCL714" s="613"/>
      <c r="KCM714" s="613"/>
      <c r="KCN714" s="613"/>
      <c r="KCO714" s="613"/>
      <c r="KCP714" s="613"/>
      <c r="KCQ714" s="613"/>
      <c r="KCR714" s="613"/>
      <c r="KCS714" s="613"/>
      <c r="KCT714" s="613"/>
      <c r="KCU714" s="613"/>
      <c r="KCV714" s="613"/>
      <c r="KCW714" s="613"/>
      <c r="KCX714" s="613"/>
      <c r="KCY714" s="613"/>
      <c r="KCZ714" s="613"/>
      <c r="KDA714" s="613"/>
      <c r="KDB714" s="613"/>
      <c r="KDC714" s="613"/>
      <c r="KDD714" s="613"/>
      <c r="KDE714" s="613"/>
      <c r="KDF714" s="613"/>
      <c r="KDG714" s="613"/>
      <c r="KDH714" s="613"/>
      <c r="KDI714" s="613"/>
      <c r="KDJ714" s="613"/>
      <c r="KDK714" s="613"/>
      <c r="KDL714" s="613"/>
      <c r="KDM714" s="613"/>
      <c r="KDN714" s="613"/>
      <c r="KDO714" s="613"/>
      <c r="KDP714" s="613"/>
      <c r="KDQ714" s="613"/>
      <c r="KDR714" s="613"/>
      <c r="KDS714" s="613"/>
      <c r="KDT714" s="613"/>
      <c r="KDU714" s="613"/>
      <c r="KDV714" s="613"/>
      <c r="KDW714" s="613"/>
      <c r="KDX714" s="613"/>
      <c r="KDY714" s="613"/>
      <c r="KDZ714" s="613"/>
      <c r="KEA714" s="613"/>
      <c r="KEB714" s="613"/>
      <c r="KEC714" s="613"/>
      <c r="KED714" s="613"/>
      <c r="KEE714" s="613"/>
      <c r="KEF714" s="613"/>
      <c r="KEG714" s="613"/>
      <c r="KEH714" s="613"/>
      <c r="KEI714" s="613"/>
      <c r="KEJ714" s="613"/>
      <c r="KEK714" s="613"/>
      <c r="KEL714" s="613"/>
      <c r="KEM714" s="613"/>
      <c r="KEN714" s="613"/>
      <c r="KEO714" s="613"/>
      <c r="KEP714" s="613"/>
      <c r="KEQ714" s="613"/>
      <c r="KER714" s="613"/>
      <c r="KES714" s="613"/>
      <c r="KET714" s="613"/>
      <c r="KEU714" s="613"/>
      <c r="KEV714" s="613"/>
      <c r="KEW714" s="613"/>
      <c r="KEX714" s="613"/>
      <c r="KEY714" s="613"/>
      <c r="KEZ714" s="613"/>
      <c r="KFA714" s="613"/>
      <c r="KFB714" s="613"/>
      <c r="KFC714" s="613"/>
      <c r="KFD714" s="613"/>
      <c r="KFE714" s="613"/>
      <c r="KFF714" s="613"/>
      <c r="KFG714" s="613"/>
      <c r="KFH714" s="613"/>
      <c r="KFI714" s="613"/>
      <c r="KFJ714" s="613"/>
      <c r="KFK714" s="613"/>
      <c r="KFL714" s="613"/>
      <c r="KFM714" s="613"/>
      <c r="KFN714" s="613"/>
      <c r="KFO714" s="613"/>
      <c r="KFP714" s="613"/>
      <c r="KFQ714" s="613"/>
      <c r="KFR714" s="613"/>
      <c r="KFS714" s="613"/>
      <c r="KFT714" s="613"/>
      <c r="KFU714" s="613"/>
      <c r="KFV714" s="613"/>
      <c r="KFW714" s="613"/>
      <c r="KFX714" s="613"/>
      <c r="KFY714" s="613"/>
      <c r="KFZ714" s="613"/>
      <c r="KGA714" s="613"/>
      <c r="KGB714" s="613"/>
      <c r="KGC714" s="613"/>
      <c r="KGD714" s="613"/>
      <c r="KGE714" s="613"/>
      <c r="KGF714" s="613"/>
      <c r="KGG714" s="613"/>
      <c r="KGH714" s="613"/>
      <c r="KGI714" s="613"/>
      <c r="KGJ714" s="613"/>
      <c r="KGK714" s="613"/>
      <c r="KGL714" s="613"/>
      <c r="KGM714" s="613"/>
      <c r="KGN714" s="613"/>
      <c r="KGO714" s="613"/>
      <c r="KGP714" s="613"/>
      <c r="KGQ714" s="613"/>
      <c r="KGR714" s="613"/>
      <c r="KGS714" s="613"/>
      <c r="KGT714" s="613"/>
      <c r="KGU714" s="613"/>
      <c r="KGV714" s="613"/>
      <c r="KGW714" s="613"/>
      <c r="KGX714" s="613"/>
      <c r="KGY714" s="613"/>
      <c r="KGZ714" s="613"/>
      <c r="KHA714" s="613"/>
      <c r="KHB714" s="613"/>
      <c r="KHC714" s="613"/>
      <c r="KHD714" s="613"/>
      <c r="KHE714" s="613"/>
      <c r="KHF714" s="613"/>
      <c r="KHG714" s="613"/>
      <c r="KHH714" s="613"/>
      <c r="KHI714" s="613"/>
      <c r="KHJ714" s="613"/>
      <c r="KHK714" s="613"/>
      <c r="KHL714" s="613"/>
      <c r="KHM714" s="613"/>
      <c r="KHN714" s="613"/>
      <c r="KHO714" s="613"/>
      <c r="KHP714" s="613"/>
      <c r="KHQ714" s="613"/>
      <c r="KHR714" s="613"/>
      <c r="KHS714" s="613"/>
      <c r="KHT714" s="613"/>
      <c r="KHU714" s="613"/>
      <c r="KHV714" s="613"/>
      <c r="KHW714" s="613"/>
      <c r="KHX714" s="613"/>
      <c r="KHY714" s="613"/>
      <c r="KHZ714" s="613"/>
      <c r="KIA714" s="613"/>
      <c r="KIB714" s="613"/>
      <c r="KIC714" s="613"/>
      <c r="KID714" s="613"/>
      <c r="KIE714" s="613"/>
      <c r="KIF714" s="613"/>
      <c r="KIG714" s="613"/>
      <c r="KIH714" s="613"/>
      <c r="KII714" s="613"/>
      <c r="KIJ714" s="613"/>
      <c r="KIK714" s="613"/>
      <c r="KIL714" s="613"/>
      <c r="KIM714" s="613"/>
      <c r="KIN714" s="613"/>
      <c r="KIO714" s="613"/>
      <c r="KIP714" s="613"/>
      <c r="KIQ714" s="613"/>
      <c r="KIR714" s="613"/>
      <c r="KIS714" s="613"/>
      <c r="KIT714" s="613"/>
      <c r="KIU714" s="613"/>
      <c r="KIV714" s="613"/>
      <c r="KIW714" s="613"/>
      <c r="KIX714" s="613"/>
      <c r="KIY714" s="613"/>
      <c r="KIZ714" s="613"/>
      <c r="KJA714" s="613"/>
      <c r="KJB714" s="613"/>
      <c r="KJC714" s="613"/>
      <c r="KJD714" s="613"/>
      <c r="KJE714" s="613"/>
      <c r="KJF714" s="613"/>
      <c r="KJG714" s="613"/>
      <c r="KJH714" s="613"/>
      <c r="KJI714" s="613"/>
      <c r="KJJ714" s="613"/>
      <c r="KJK714" s="613"/>
      <c r="KJL714" s="613"/>
      <c r="KJM714" s="613"/>
      <c r="KJN714" s="613"/>
      <c r="KJO714" s="613"/>
      <c r="KJP714" s="613"/>
      <c r="KJQ714" s="613"/>
      <c r="KJR714" s="613"/>
      <c r="KJS714" s="613"/>
      <c r="KJT714" s="613"/>
      <c r="KJU714" s="613"/>
      <c r="KJV714" s="613"/>
      <c r="KJW714" s="613"/>
      <c r="KJX714" s="613"/>
      <c r="KJY714" s="613"/>
      <c r="KJZ714" s="613"/>
      <c r="KKA714" s="613"/>
      <c r="KKB714" s="613"/>
      <c r="KKC714" s="613"/>
      <c r="KKD714" s="613"/>
      <c r="KKE714" s="613"/>
      <c r="KKF714" s="613"/>
      <c r="KKG714" s="613"/>
      <c r="KKH714" s="613"/>
      <c r="KKI714" s="613"/>
      <c r="KKJ714" s="613"/>
      <c r="KKK714" s="613"/>
      <c r="KKL714" s="613"/>
      <c r="KKM714" s="613"/>
      <c r="KKN714" s="613"/>
      <c r="KKO714" s="613"/>
      <c r="KKP714" s="613"/>
      <c r="KKQ714" s="613"/>
      <c r="KKR714" s="613"/>
      <c r="KKS714" s="613"/>
      <c r="KKT714" s="613"/>
      <c r="KKU714" s="613"/>
      <c r="KKV714" s="613"/>
      <c r="KKW714" s="613"/>
      <c r="KKX714" s="613"/>
      <c r="KKY714" s="613"/>
      <c r="KKZ714" s="613"/>
      <c r="KLA714" s="613"/>
      <c r="KLB714" s="613"/>
      <c r="KLC714" s="613"/>
      <c r="KLD714" s="613"/>
      <c r="KLE714" s="613"/>
      <c r="KLF714" s="613"/>
      <c r="KLG714" s="613"/>
      <c r="KLH714" s="613"/>
      <c r="KLI714" s="613"/>
      <c r="KLJ714" s="613"/>
      <c r="KLK714" s="613"/>
      <c r="KLL714" s="613"/>
      <c r="KLM714" s="613"/>
      <c r="KLN714" s="613"/>
      <c r="KLO714" s="613"/>
      <c r="KLP714" s="613"/>
      <c r="KLQ714" s="613"/>
      <c r="KLR714" s="613"/>
      <c r="KLS714" s="613"/>
      <c r="KLT714" s="613"/>
      <c r="KLU714" s="613"/>
      <c r="KLV714" s="613"/>
      <c r="KLW714" s="613"/>
      <c r="KLX714" s="613"/>
      <c r="KLY714" s="613"/>
      <c r="KLZ714" s="613"/>
      <c r="KMA714" s="613"/>
      <c r="KMB714" s="613"/>
      <c r="KMC714" s="613"/>
      <c r="KMD714" s="613"/>
      <c r="KME714" s="613"/>
      <c r="KMF714" s="613"/>
      <c r="KMG714" s="613"/>
      <c r="KMH714" s="613"/>
      <c r="KMI714" s="613"/>
      <c r="KMJ714" s="613"/>
      <c r="KMK714" s="613"/>
      <c r="KML714" s="613"/>
      <c r="KMM714" s="613"/>
      <c r="KMN714" s="613"/>
      <c r="KMO714" s="613"/>
      <c r="KMP714" s="613"/>
      <c r="KMQ714" s="613"/>
      <c r="KMR714" s="613"/>
      <c r="KMS714" s="613"/>
      <c r="KMT714" s="613"/>
      <c r="KMU714" s="613"/>
      <c r="KMV714" s="613"/>
      <c r="KMW714" s="613"/>
      <c r="KMX714" s="613"/>
      <c r="KMY714" s="613"/>
      <c r="KMZ714" s="613"/>
      <c r="KNA714" s="613"/>
      <c r="KNB714" s="613"/>
      <c r="KNC714" s="613"/>
      <c r="KND714" s="613"/>
      <c r="KNE714" s="613"/>
      <c r="KNF714" s="613"/>
      <c r="KNG714" s="613"/>
      <c r="KNH714" s="613"/>
      <c r="KNI714" s="613"/>
      <c r="KNJ714" s="613"/>
      <c r="KNK714" s="613"/>
      <c r="KNL714" s="613"/>
      <c r="KNM714" s="613"/>
      <c r="KNN714" s="613"/>
      <c r="KNO714" s="613"/>
      <c r="KNP714" s="613"/>
      <c r="KNQ714" s="613"/>
      <c r="KNR714" s="613"/>
      <c r="KNS714" s="613"/>
      <c r="KNT714" s="613"/>
      <c r="KNU714" s="613"/>
      <c r="KNV714" s="613"/>
      <c r="KNW714" s="613"/>
      <c r="KNX714" s="613"/>
      <c r="KNY714" s="613"/>
      <c r="KNZ714" s="613"/>
      <c r="KOA714" s="613"/>
      <c r="KOB714" s="613"/>
      <c r="KOC714" s="613"/>
      <c r="KOD714" s="613"/>
      <c r="KOE714" s="613"/>
      <c r="KOF714" s="613"/>
      <c r="KOG714" s="613"/>
      <c r="KOH714" s="613"/>
      <c r="KOI714" s="613"/>
      <c r="KOJ714" s="613"/>
      <c r="KOK714" s="613"/>
      <c r="KOL714" s="613"/>
      <c r="KOM714" s="613"/>
      <c r="KON714" s="613"/>
      <c r="KOO714" s="613"/>
      <c r="KOP714" s="613"/>
      <c r="KOQ714" s="613"/>
      <c r="KOR714" s="613"/>
      <c r="KOS714" s="613"/>
      <c r="KOT714" s="613"/>
      <c r="KOU714" s="613"/>
      <c r="KOV714" s="613"/>
      <c r="KOW714" s="613"/>
      <c r="KOX714" s="613"/>
      <c r="KOY714" s="613"/>
      <c r="KOZ714" s="613"/>
      <c r="KPA714" s="613"/>
      <c r="KPB714" s="613"/>
      <c r="KPC714" s="613"/>
      <c r="KPD714" s="613"/>
      <c r="KPE714" s="613"/>
      <c r="KPF714" s="613"/>
      <c r="KPG714" s="613"/>
      <c r="KPH714" s="613"/>
      <c r="KPI714" s="613"/>
      <c r="KPJ714" s="613"/>
      <c r="KPK714" s="613"/>
      <c r="KPL714" s="613"/>
      <c r="KPM714" s="613"/>
      <c r="KPN714" s="613"/>
      <c r="KPO714" s="613"/>
      <c r="KPP714" s="613"/>
      <c r="KPQ714" s="613"/>
      <c r="KPR714" s="613"/>
      <c r="KPS714" s="613"/>
      <c r="KPT714" s="613"/>
      <c r="KPU714" s="613"/>
      <c r="KPV714" s="613"/>
      <c r="KPW714" s="613"/>
      <c r="KPX714" s="613"/>
      <c r="KPY714" s="613"/>
      <c r="KPZ714" s="613"/>
      <c r="KQA714" s="613"/>
      <c r="KQB714" s="613"/>
      <c r="KQC714" s="613"/>
      <c r="KQD714" s="613"/>
      <c r="KQE714" s="613"/>
      <c r="KQF714" s="613"/>
      <c r="KQG714" s="613"/>
      <c r="KQH714" s="613"/>
      <c r="KQI714" s="613"/>
      <c r="KQJ714" s="613"/>
      <c r="KQK714" s="613"/>
      <c r="KQL714" s="613"/>
      <c r="KQM714" s="613"/>
      <c r="KQN714" s="613"/>
      <c r="KQO714" s="613"/>
      <c r="KQP714" s="613"/>
      <c r="KQQ714" s="613"/>
      <c r="KQR714" s="613"/>
      <c r="KQS714" s="613"/>
      <c r="KQT714" s="613"/>
      <c r="KQU714" s="613"/>
      <c r="KQV714" s="613"/>
      <c r="KQW714" s="613"/>
      <c r="KQX714" s="613"/>
      <c r="KQY714" s="613"/>
      <c r="KQZ714" s="613"/>
      <c r="KRA714" s="613"/>
      <c r="KRB714" s="613"/>
      <c r="KRC714" s="613"/>
      <c r="KRD714" s="613"/>
      <c r="KRE714" s="613"/>
      <c r="KRF714" s="613"/>
      <c r="KRG714" s="613"/>
      <c r="KRH714" s="613"/>
      <c r="KRI714" s="613"/>
      <c r="KRJ714" s="613"/>
      <c r="KRK714" s="613"/>
      <c r="KRL714" s="613"/>
      <c r="KRM714" s="613"/>
      <c r="KRN714" s="613"/>
      <c r="KRO714" s="613"/>
      <c r="KRP714" s="613"/>
      <c r="KRQ714" s="613"/>
      <c r="KRR714" s="613"/>
      <c r="KRS714" s="613"/>
      <c r="KRT714" s="613"/>
      <c r="KRU714" s="613"/>
      <c r="KRV714" s="613"/>
      <c r="KRW714" s="613"/>
      <c r="KRX714" s="613"/>
      <c r="KRY714" s="613"/>
      <c r="KRZ714" s="613"/>
      <c r="KSA714" s="613"/>
      <c r="KSB714" s="613"/>
      <c r="KSC714" s="613"/>
      <c r="KSD714" s="613"/>
      <c r="KSE714" s="613"/>
      <c r="KSF714" s="613"/>
      <c r="KSG714" s="613"/>
      <c r="KSH714" s="613"/>
      <c r="KSI714" s="613"/>
      <c r="KSJ714" s="613"/>
      <c r="KSK714" s="613"/>
      <c r="KSL714" s="613"/>
      <c r="KSM714" s="613"/>
      <c r="KSN714" s="613"/>
      <c r="KSO714" s="613"/>
      <c r="KSP714" s="613"/>
      <c r="KSQ714" s="613"/>
      <c r="KSR714" s="613"/>
      <c r="KSS714" s="613"/>
      <c r="KST714" s="613"/>
      <c r="KSU714" s="613"/>
      <c r="KSV714" s="613"/>
      <c r="KSW714" s="613"/>
      <c r="KSX714" s="613"/>
      <c r="KSY714" s="613"/>
      <c r="KSZ714" s="613"/>
      <c r="KTA714" s="613"/>
      <c r="KTB714" s="613"/>
      <c r="KTC714" s="613"/>
      <c r="KTD714" s="613"/>
      <c r="KTE714" s="613"/>
      <c r="KTF714" s="613"/>
      <c r="KTG714" s="613"/>
      <c r="KTH714" s="613"/>
      <c r="KTI714" s="613"/>
      <c r="KTJ714" s="613"/>
      <c r="KTK714" s="613"/>
      <c r="KTL714" s="613"/>
      <c r="KTM714" s="613"/>
      <c r="KTN714" s="613"/>
      <c r="KTO714" s="613"/>
      <c r="KTP714" s="613"/>
      <c r="KTQ714" s="613"/>
      <c r="KTR714" s="613"/>
      <c r="KTS714" s="613"/>
      <c r="KTT714" s="613"/>
      <c r="KTU714" s="613"/>
      <c r="KTV714" s="613"/>
      <c r="KTW714" s="613"/>
      <c r="KTX714" s="613"/>
      <c r="KTY714" s="613"/>
      <c r="KTZ714" s="613"/>
      <c r="KUA714" s="613"/>
      <c r="KUB714" s="613"/>
      <c r="KUC714" s="613"/>
      <c r="KUD714" s="613"/>
      <c r="KUE714" s="613"/>
      <c r="KUF714" s="613"/>
      <c r="KUG714" s="613"/>
      <c r="KUH714" s="613"/>
      <c r="KUI714" s="613"/>
      <c r="KUJ714" s="613"/>
      <c r="KUK714" s="613"/>
      <c r="KUL714" s="613"/>
      <c r="KUM714" s="613"/>
      <c r="KUN714" s="613"/>
      <c r="KUO714" s="613"/>
      <c r="KUP714" s="613"/>
      <c r="KUQ714" s="613"/>
      <c r="KUR714" s="613"/>
      <c r="KUS714" s="613"/>
      <c r="KUT714" s="613"/>
      <c r="KUU714" s="613"/>
      <c r="KUV714" s="613"/>
      <c r="KUW714" s="613"/>
      <c r="KUX714" s="613"/>
      <c r="KUY714" s="613"/>
      <c r="KUZ714" s="613"/>
      <c r="KVA714" s="613"/>
      <c r="KVB714" s="613"/>
      <c r="KVC714" s="613"/>
      <c r="KVD714" s="613"/>
      <c r="KVE714" s="613"/>
      <c r="KVF714" s="613"/>
      <c r="KVG714" s="613"/>
      <c r="KVH714" s="613"/>
      <c r="KVI714" s="613"/>
      <c r="KVJ714" s="613"/>
      <c r="KVK714" s="613"/>
      <c r="KVL714" s="613"/>
      <c r="KVM714" s="613"/>
      <c r="KVN714" s="613"/>
      <c r="KVO714" s="613"/>
      <c r="KVP714" s="613"/>
      <c r="KVQ714" s="613"/>
      <c r="KVR714" s="613"/>
      <c r="KVS714" s="613"/>
      <c r="KVT714" s="613"/>
      <c r="KVU714" s="613"/>
      <c r="KVV714" s="613"/>
      <c r="KVW714" s="613"/>
      <c r="KVX714" s="613"/>
      <c r="KVY714" s="613"/>
      <c r="KVZ714" s="613"/>
      <c r="KWA714" s="613"/>
      <c r="KWB714" s="613"/>
      <c r="KWC714" s="613"/>
      <c r="KWD714" s="613"/>
      <c r="KWE714" s="613"/>
      <c r="KWF714" s="613"/>
      <c r="KWG714" s="613"/>
      <c r="KWH714" s="613"/>
      <c r="KWI714" s="613"/>
      <c r="KWJ714" s="613"/>
      <c r="KWK714" s="613"/>
      <c r="KWL714" s="613"/>
      <c r="KWM714" s="613"/>
      <c r="KWN714" s="613"/>
      <c r="KWO714" s="613"/>
      <c r="KWP714" s="613"/>
      <c r="KWQ714" s="613"/>
      <c r="KWR714" s="613"/>
      <c r="KWS714" s="613"/>
      <c r="KWT714" s="613"/>
      <c r="KWU714" s="613"/>
      <c r="KWV714" s="613"/>
      <c r="KWW714" s="613"/>
      <c r="KWX714" s="613"/>
      <c r="KWY714" s="613"/>
      <c r="KWZ714" s="613"/>
      <c r="KXA714" s="613"/>
      <c r="KXB714" s="613"/>
      <c r="KXC714" s="613"/>
      <c r="KXD714" s="613"/>
      <c r="KXE714" s="613"/>
      <c r="KXF714" s="613"/>
      <c r="KXG714" s="613"/>
      <c r="KXH714" s="613"/>
      <c r="KXI714" s="613"/>
      <c r="KXJ714" s="613"/>
      <c r="KXK714" s="613"/>
      <c r="KXL714" s="613"/>
      <c r="KXM714" s="613"/>
      <c r="KXN714" s="613"/>
      <c r="KXO714" s="613"/>
      <c r="KXP714" s="613"/>
      <c r="KXQ714" s="613"/>
      <c r="KXR714" s="613"/>
      <c r="KXS714" s="613"/>
      <c r="KXT714" s="613"/>
      <c r="KXU714" s="613"/>
      <c r="KXV714" s="613"/>
      <c r="KXW714" s="613"/>
      <c r="KXX714" s="613"/>
      <c r="KXY714" s="613"/>
      <c r="KXZ714" s="613"/>
      <c r="KYA714" s="613"/>
      <c r="KYB714" s="613"/>
      <c r="KYC714" s="613"/>
      <c r="KYD714" s="613"/>
      <c r="KYE714" s="613"/>
      <c r="KYF714" s="613"/>
      <c r="KYG714" s="613"/>
      <c r="KYH714" s="613"/>
      <c r="KYI714" s="613"/>
      <c r="KYJ714" s="613"/>
      <c r="KYK714" s="613"/>
      <c r="KYL714" s="613"/>
      <c r="KYM714" s="613"/>
      <c r="KYN714" s="613"/>
      <c r="KYO714" s="613"/>
      <c r="KYP714" s="613"/>
      <c r="KYQ714" s="613"/>
      <c r="KYR714" s="613"/>
      <c r="KYS714" s="613"/>
      <c r="KYT714" s="613"/>
      <c r="KYU714" s="613"/>
      <c r="KYV714" s="613"/>
      <c r="KYW714" s="613"/>
      <c r="KYX714" s="613"/>
      <c r="KYY714" s="613"/>
      <c r="KYZ714" s="613"/>
      <c r="KZA714" s="613"/>
      <c r="KZB714" s="613"/>
      <c r="KZC714" s="613"/>
      <c r="KZD714" s="613"/>
      <c r="KZE714" s="613"/>
      <c r="KZF714" s="613"/>
      <c r="KZG714" s="613"/>
      <c r="KZH714" s="613"/>
      <c r="KZI714" s="613"/>
      <c r="KZJ714" s="613"/>
      <c r="KZK714" s="613"/>
      <c r="KZL714" s="613"/>
      <c r="KZM714" s="613"/>
      <c r="KZN714" s="613"/>
      <c r="KZO714" s="613"/>
      <c r="KZP714" s="613"/>
      <c r="KZQ714" s="613"/>
      <c r="KZR714" s="613"/>
      <c r="KZS714" s="613"/>
      <c r="KZT714" s="613"/>
      <c r="KZU714" s="613"/>
      <c r="KZV714" s="613"/>
      <c r="KZW714" s="613"/>
      <c r="KZX714" s="613"/>
      <c r="KZY714" s="613"/>
      <c r="KZZ714" s="613"/>
      <c r="LAA714" s="613"/>
      <c r="LAB714" s="613"/>
      <c r="LAC714" s="613"/>
      <c r="LAD714" s="613"/>
      <c r="LAE714" s="613"/>
      <c r="LAF714" s="613"/>
      <c r="LAG714" s="613"/>
      <c r="LAH714" s="613"/>
      <c r="LAI714" s="613"/>
      <c r="LAJ714" s="613"/>
      <c r="LAK714" s="613"/>
      <c r="LAL714" s="613"/>
      <c r="LAM714" s="613"/>
      <c r="LAN714" s="613"/>
      <c r="LAO714" s="613"/>
      <c r="LAP714" s="613"/>
      <c r="LAQ714" s="613"/>
      <c r="LAR714" s="613"/>
      <c r="LAS714" s="613"/>
      <c r="LAT714" s="613"/>
      <c r="LAU714" s="613"/>
      <c r="LAV714" s="613"/>
      <c r="LAW714" s="613"/>
      <c r="LAX714" s="613"/>
      <c r="LAY714" s="613"/>
      <c r="LAZ714" s="613"/>
      <c r="LBA714" s="613"/>
      <c r="LBB714" s="613"/>
      <c r="LBC714" s="613"/>
      <c r="LBD714" s="613"/>
      <c r="LBE714" s="613"/>
      <c r="LBF714" s="613"/>
      <c r="LBG714" s="613"/>
      <c r="LBH714" s="613"/>
      <c r="LBI714" s="613"/>
      <c r="LBJ714" s="613"/>
      <c r="LBK714" s="613"/>
      <c r="LBL714" s="613"/>
      <c r="LBM714" s="613"/>
      <c r="LBN714" s="613"/>
      <c r="LBO714" s="613"/>
      <c r="LBP714" s="613"/>
      <c r="LBQ714" s="613"/>
      <c r="LBR714" s="613"/>
      <c r="LBS714" s="613"/>
      <c r="LBT714" s="613"/>
      <c r="LBU714" s="613"/>
      <c r="LBV714" s="613"/>
      <c r="LBW714" s="613"/>
      <c r="LBX714" s="613"/>
      <c r="LBY714" s="613"/>
      <c r="LBZ714" s="613"/>
      <c r="LCA714" s="613"/>
      <c r="LCB714" s="613"/>
      <c r="LCC714" s="613"/>
      <c r="LCD714" s="613"/>
      <c r="LCE714" s="613"/>
      <c r="LCF714" s="613"/>
      <c r="LCG714" s="613"/>
      <c r="LCH714" s="613"/>
      <c r="LCI714" s="613"/>
      <c r="LCJ714" s="613"/>
      <c r="LCK714" s="613"/>
      <c r="LCL714" s="613"/>
      <c r="LCM714" s="613"/>
      <c r="LCN714" s="613"/>
      <c r="LCO714" s="613"/>
      <c r="LCP714" s="613"/>
      <c r="LCQ714" s="613"/>
      <c r="LCR714" s="613"/>
      <c r="LCS714" s="613"/>
      <c r="LCT714" s="613"/>
      <c r="LCU714" s="613"/>
      <c r="LCV714" s="613"/>
      <c r="LCW714" s="613"/>
      <c r="LCX714" s="613"/>
      <c r="LCY714" s="613"/>
      <c r="LCZ714" s="613"/>
      <c r="LDA714" s="613"/>
      <c r="LDB714" s="613"/>
      <c r="LDC714" s="613"/>
      <c r="LDD714" s="613"/>
      <c r="LDE714" s="613"/>
      <c r="LDF714" s="613"/>
      <c r="LDG714" s="613"/>
      <c r="LDH714" s="613"/>
      <c r="LDI714" s="613"/>
      <c r="LDJ714" s="613"/>
      <c r="LDK714" s="613"/>
      <c r="LDL714" s="613"/>
      <c r="LDM714" s="613"/>
      <c r="LDN714" s="613"/>
      <c r="LDO714" s="613"/>
      <c r="LDP714" s="613"/>
      <c r="LDQ714" s="613"/>
      <c r="LDR714" s="613"/>
      <c r="LDS714" s="613"/>
      <c r="LDT714" s="613"/>
      <c r="LDU714" s="613"/>
      <c r="LDV714" s="613"/>
      <c r="LDW714" s="613"/>
      <c r="LDX714" s="613"/>
      <c r="LDY714" s="613"/>
      <c r="LDZ714" s="613"/>
      <c r="LEA714" s="613"/>
      <c r="LEB714" s="613"/>
      <c r="LEC714" s="613"/>
      <c r="LED714" s="613"/>
      <c r="LEE714" s="613"/>
      <c r="LEF714" s="613"/>
      <c r="LEG714" s="613"/>
      <c r="LEH714" s="613"/>
      <c r="LEI714" s="613"/>
      <c r="LEJ714" s="613"/>
      <c r="LEK714" s="613"/>
      <c r="LEL714" s="613"/>
      <c r="LEM714" s="613"/>
      <c r="LEN714" s="613"/>
      <c r="LEO714" s="613"/>
      <c r="LEP714" s="613"/>
      <c r="LEQ714" s="613"/>
      <c r="LER714" s="613"/>
      <c r="LES714" s="613"/>
      <c r="LET714" s="613"/>
      <c r="LEU714" s="613"/>
      <c r="LEV714" s="613"/>
      <c r="LEW714" s="613"/>
      <c r="LEX714" s="613"/>
      <c r="LEY714" s="613"/>
      <c r="LEZ714" s="613"/>
      <c r="LFA714" s="613"/>
      <c r="LFB714" s="613"/>
      <c r="LFC714" s="613"/>
      <c r="LFD714" s="613"/>
      <c r="LFE714" s="613"/>
      <c r="LFF714" s="613"/>
      <c r="LFG714" s="613"/>
      <c r="LFH714" s="613"/>
      <c r="LFI714" s="613"/>
      <c r="LFJ714" s="613"/>
      <c r="LFK714" s="613"/>
      <c r="LFL714" s="613"/>
      <c r="LFM714" s="613"/>
      <c r="LFN714" s="613"/>
      <c r="LFO714" s="613"/>
      <c r="LFP714" s="613"/>
      <c r="LFQ714" s="613"/>
      <c r="LFR714" s="613"/>
      <c r="LFS714" s="613"/>
      <c r="LFT714" s="613"/>
      <c r="LFU714" s="613"/>
      <c r="LFV714" s="613"/>
      <c r="LFW714" s="613"/>
      <c r="LFX714" s="613"/>
      <c r="LFY714" s="613"/>
      <c r="LFZ714" s="613"/>
      <c r="LGA714" s="613"/>
      <c r="LGB714" s="613"/>
      <c r="LGC714" s="613"/>
      <c r="LGD714" s="613"/>
      <c r="LGE714" s="613"/>
      <c r="LGF714" s="613"/>
      <c r="LGG714" s="613"/>
      <c r="LGH714" s="613"/>
      <c r="LGI714" s="613"/>
      <c r="LGJ714" s="613"/>
      <c r="LGK714" s="613"/>
      <c r="LGL714" s="613"/>
      <c r="LGM714" s="613"/>
      <c r="LGN714" s="613"/>
      <c r="LGO714" s="613"/>
      <c r="LGP714" s="613"/>
      <c r="LGQ714" s="613"/>
      <c r="LGR714" s="613"/>
      <c r="LGS714" s="613"/>
      <c r="LGT714" s="613"/>
      <c r="LGU714" s="613"/>
      <c r="LGV714" s="613"/>
      <c r="LGW714" s="613"/>
      <c r="LGX714" s="613"/>
      <c r="LGY714" s="613"/>
      <c r="LGZ714" s="613"/>
      <c r="LHA714" s="613"/>
      <c r="LHB714" s="613"/>
      <c r="LHC714" s="613"/>
      <c r="LHD714" s="613"/>
      <c r="LHE714" s="613"/>
      <c r="LHF714" s="613"/>
      <c r="LHG714" s="613"/>
      <c r="LHH714" s="613"/>
      <c r="LHI714" s="613"/>
      <c r="LHJ714" s="613"/>
      <c r="LHK714" s="613"/>
      <c r="LHL714" s="613"/>
      <c r="LHM714" s="613"/>
      <c r="LHN714" s="613"/>
      <c r="LHO714" s="613"/>
      <c r="LHP714" s="613"/>
      <c r="LHQ714" s="613"/>
      <c r="LHR714" s="613"/>
      <c r="LHS714" s="613"/>
      <c r="LHT714" s="613"/>
      <c r="LHU714" s="613"/>
      <c r="LHV714" s="613"/>
      <c r="LHW714" s="613"/>
      <c r="LHX714" s="613"/>
      <c r="LHY714" s="613"/>
      <c r="LHZ714" s="613"/>
      <c r="LIA714" s="613"/>
      <c r="LIB714" s="613"/>
      <c r="LIC714" s="613"/>
      <c r="LID714" s="613"/>
      <c r="LIE714" s="613"/>
      <c r="LIF714" s="613"/>
      <c r="LIG714" s="613"/>
      <c r="LIH714" s="613"/>
      <c r="LII714" s="613"/>
      <c r="LIJ714" s="613"/>
      <c r="LIK714" s="613"/>
      <c r="LIL714" s="613"/>
      <c r="LIM714" s="613"/>
      <c r="LIN714" s="613"/>
      <c r="LIO714" s="613"/>
      <c r="LIP714" s="613"/>
      <c r="LIQ714" s="613"/>
      <c r="LIR714" s="613"/>
      <c r="LIS714" s="613"/>
      <c r="LIT714" s="613"/>
      <c r="LIU714" s="613"/>
      <c r="LIV714" s="613"/>
      <c r="LIW714" s="613"/>
      <c r="LIX714" s="613"/>
      <c r="LIY714" s="613"/>
      <c r="LIZ714" s="613"/>
      <c r="LJA714" s="613"/>
      <c r="LJB714" s="613"/>
      <c r="LJC714" s="613"/>
      <c r="LJD714" s="613"/>
      <c r="LJE714" s="613"/>
      <c r="LJF714" s="613"/>
      <c r="LJG714" s="613"/>
      <c r="LJH714" s="613"/>
      <c r="LJI714" s="613"/>
      <c r="LJJ714" s="613"/>
      <c r="LJK714" s="613"/>
      <c r="LJL714" s="613"/>
      <c r="LJM714" s="613"/>
      <c r="LJN714" s="613"/>
      <c r="LJO714" s="613"/>
      <c r="LJP714" s="613"/>
      <c r="LJQ714" s="613"/>
      <c r="LJR714" s="613"/>
      <c r="LJS714" s="613"/>
      <c r="LJT714" s="613"/>
      <c r="LJU714" s="613"/>
      <c r="LJV714" s="613"/>
      <c r="LJW714" s="613"/>
      <c r="LJX714" s="613"/>
      <c r="LJY714" s="613"/>
      <c r="LJZ714" s="613"/>
      <c r="LKA714" s="613"/>
      <c r="LKB714" s="613"/>
      <c r="LKC714" s="613"/>
      <c r="LKD714" s="613"/>
      <c r="LKE714" s="613"/>
      <c r="LKF714" s="613"/>
      <c r="LKG714" s="613"/>
      <c r="LKH714" s="613"/>
      <c r="LKI714" s="613"/>
      <c r="LKJ714" s="613"/>
      <c r="LKK714" s="613"/>
      <c r="LKL714" s="613"/>
      <c r="LKM714" s="613"/>
      <c r="LKN714" s="613"/>
      <c r="LKO714" s="613"/>
      <c r="LKP714" s="613"/>
      <c r="LKQ714" s="613"/>
      <c r="LKR714" s="613"/>
      <c r="LKS714" s="613"/>
      <c r="LKT714" s="613"/>
      <c r="LKU714" s="613"/>
      <c r="LKV714" s="613"/>
      <c r="LKW714" s="613"/>
      <c r="LKX714" s="613"/>
      <c r="LKY714" s="613"/>
      <c r="LKZ714" s="613"/>
      <c r="LLA714" s="613"/>
      <c r="LLB714" s="613"/>
      <c r="LLC714" s="613"/>
      <c r="LLD714" s="613"/>
      <c r="LLE714" s="613"/>
      <c r="LLF714" s="613"/>
      <c r="LLG714" s="613"/>
      <c r="LLH714" s="613"/>
      <c r="LLI714" s="613"/>
      <c r="LLJ714" s="613"/>
      <c r="LLK714" s="613"/>
      <c r="LLL714" s="613"/>
      <c r="LLM714" s="613"/>
      <c r="LLN714" s="613"/>
      <c r="LLO714" s="613"/>
      <c r="LLP714" s="613"/>
      <c r="LLQ714" s="613"/>
      <c r="LLR714" s="613"/>
      <c r="LLS714" s="613"/>
      <c r="LLT714" s="613"/>
      <c r="LLU714" s="613"/>
      <c r="LLV714" s="613"/>
      <c r="LLW714" s="613"/>
      <c r="LLX714" s="613"/>
      <c r="LLY714" s="613"/>
      <c r="LLZ714" s="613"/>
      <c r="LMA714" s="613"/>
      <c r="LMB714" s="613"/>
      <c r="LMC714" s="613"/>
      <c r="LMD714" s="613"/>
      <c r="LME714" s="613"/>
      <c r="LMF714" s="613"/>
      <c r="LMG714" s="613"/>
      <c r="LMH714" s="613"/>
      <c r="LMI714" s="613"/>
      <c r="LMJ714" s="613"/>
      <c r="LMK714" s="613"/>
      <c r="LML714" s="613"/>
      <c r="LMM714" s="613"/>
      <c r="LMN714" s="613"/>
      <c r="LMO714" s="613"/>
      <c r="LMP714" s="613"/>
      <c r="LMQ714" s="613"/>
      <c r="LMR714" s="613"/>
      <c r="LMS714" s="613"/>
      <c r="LMT714" s="613"/>
      <c r="LMU714" s="613"/>
      <c r="LMV714" s="613"/>
      <c r="LMW714" s="613"/>
      <c r="LMX714" s="613"/>
      <c r="LMY714" s="613"/>
      <c r="LMZ714" s="613"/>
      <c r="LNA714" s="613"/>
      <c r="LNB714" s="613"/>
      <c r="LNC714" s="613"/>
      <c r="LND714" s="613"/>
      <c r="LNE714" s="613"/>
      <c r="LNF714" s="613"/>
      <c r="LNG714" s="613"/>
      <c r="LNH714" s="613"/>
      <c r="LNI714" s="613"/>
      <c r="LNJ714" s="613"/>
      <c r="LNK714" s="613"/>
      <c r="LNL714" s="613"/>
      <c r="LNM714" s="613"/>
      <c r="LNN714" s="613"/>
      <c r="LNO714" s="613"/>
      <c r="LNP714" s="613"/>
      <c r="LNQ714" s="613"/>
      <c r="LNR714" s="613"/>
      <c r="LNS714" s="613"/>
      <c r="LNT714" s="613"/>
      <c r="LNU714" s="613"/>
      <c r="LNV714" s="613"/>
      <c r="LNW714" s="613"/>
      <c r="LNX714" s="613"/>
      <c r="LNY714" s="613"/>
      <c r="LNZ714" s="613"/>
      <c r="LOA714" s="613"/>
      <c r="LOB714" s="613"/>
      <c r="LOC714" s="613"/>
      <c r="LOD714" s="613"/>
      <c r="LOE714" s="613"/>
      <c r="LOF714" s="613"/>
      <c r="LOG714" s="613"/>
      <c r="LOH714" s="613"/>
      <c r="LOI714" s="613"/>
      <c r="LOJ714" s="613"/>
      <c r="LOK714" s="613"/>
      <c r="LOL714" s="613"/>
      <c r="LOM714" s="613"/>
      <c r="LON714" s="613"/>
      <c r="LOO714" s="613"/>
      <c r="LOP714" s="613"/>
      <c r="LOQ714" s="613"/>
      <c r="LOR714" s="613"/>
      <c r="LOS714" s="613"/>
      <c r="LOT714" s="613"/>
      <c r="LOU714" s="613"/>
      <c r="LOV714" s="613"/>
      <c r="LOW714" s="613"/>
      <c r="LOX714" s="613"/>
      <c r="LOY714" s="613"/>
      <c r="LOZ714" s="613"/>
      <c r="LPA714" s="613"/>
      <c r="LPB714" s="613"/>
      <c r="LPC714" s="613"/>
      <c r="LPD714" s="613"/>
      <c r="LPE714" s="613"/>
      <c r="LPF714" s="613"/>
      <c r="LPG714" s="613"/>
      <c r="LPH714" s="613"/>
      <c r="LPI714" s="613"/>
      <c r="LPJ714" s="613"/>
      <c r="LPK714" s="613"/>
      <c r="LPL714" s="613"/>
      <c r="LPM714" s="613"/>
      <c r="LPN714" s="613"/>
      <c r="LPO714" s="613"/>
      <c r="LPP714" s="613"/>
      <c r="LPQ714" s="613"/>
      <c r="LPR714" s="613"/>
      <c r="LPS714" s="613"/>
      <c r="LPT714" s="613"/>
      <c r="LPU714" s="613"/>
      <c r="LPV714" s="613"/>
      <c r="LPW714" s="613"/>
      <c r="LPX714" s="613"/>
      <c r="LPY714" s="613"/>
      <c r="LPZ714" s="613"/>
      <c r="LQA714" s="613"/>
      <c r="LQB714" s="613"/>
      <c r="LQC714" s="613"/>
      <c r="LQD714" s="613"/>
      <c r="LQE714" s="613"/>
      <c r="LQF714" s="613"/>
      <c r="LQG714" s="613"/>
      <c r="LQH714" s="613"/>
      <c r="LQI714" s="613"/>
      <c r="LQJ714" s="613"/>
      <c r="LQK714" s="613"/>
      <c r="LQL714" s="613"/>
      <c r="LQM714" s="613"/>
      <c r="LQN714" s="613"/>
      <c r="LQO714" s="613"/>
      <c r="LQP714" s="613"/>
      <c r="LQQ714" s="613"/>
      <c r="LQR714" s="613"/>
      <c r="LQS714" s="613"/>
      <c r="LQT714" s="613"/>
      <c r="LQU714" s="613"/>
      <c r="LQV714" s="613"/>
      <c r="LQW714" s="613"/>
      <c r="LQX714" s="613"/>
      <c r="LQY714" s="613"/>
      <c r="LQZ714" s="613"/>
      <c r="LRA714" s="613"/>
      <c r="LRB714" s="613"/>
      <c r="LRC714" s="613"/>
      <c r="LRD714" s="613"/>
      <c r="LRE714" s="613"/>
      <c r="LRF714" s="613"/>
      <c r="LRG714" s="613"/>
      <c r="LRH714" s="613"/>
      <c r="LRI714" s="613"/>
      <c r="LRJ714" s="613"/>
      <c r="LRK714" s="613"/>
      <c r="LRL714" s="613"/>
      <c r="LRM714" s="613"/>
      <c r="LRN714" s="613"/>
      <c r="LRO714" s="613"/>
      <c r="LRP714" s="613"/>
      <c r="LRQ714" s="613"/>
      <c r="LRR714" s="613"/>
      <c r="LRS714" s="613"/>
      <c r="LRT714" s="613"/>
      <c r="LRU714" s="613"/>
      <c r="LRV714" s="613"/>
      <c r="LRW714" s="613"/>
      <c r="LRX714" s="613"/>
      <c r="LRY714" s="613"/>
      <c r="LRZ714" s="613"/>
      <c r="LSA714" s="613"/>
      <c r="LSB714" s="613"/>
      <c r="LSC714" s="613"/>
      <c r="LSD714" s="613"/>
      <c r="LSE714" s="613"/>
      <c r="LSF714" s="613"/>
      <c r="LSG714" s="613"/>
      <c r="LSH714" s="613"/>
      <c r="LSI714" s="613"/>
      <c r="LSJ714" s="613"/>
      <c r="LSK714" s="613"/>
      <c r="LSL714" s="613"/>
      <c r="LSM714" s="613"/>
      <c r="LSN714" s="613"/>
      <c r="LSO714" s="613"/>
      <c r="LSP714" s="613"/>
      <c r="LSQ714" s="613"/>
      <c r="LSR714" s="613"/>
      <c r="LSS714" s="613"/>
      <c r="LST714" s="613"/>
      <c r="LSU714" s="613"/>
      <c r="LSV714" s="613"/>
      <c r="LSW714" s="613"/>
      <c r="LSX714" s="613"/>
      <c r="LSY714" s="613"/>
      <c r="LSZ714" s="613"/>
      <c r="LTA714" s="613"/>
      <c r="LTB714" s="613"/>
      <c r="LTC714" s="613"/>
      <c r="LTD714" s="613"/>
      <c r="LTE714" s="613"/>
      <c r="LTF714" s="613"/>
      <c r="LTG714" s="613"/>
      <c r="LTH714" s="613"/>
      <c r="LTI714" s="613"/>
      <c r="LTJ714" s="613"/>
      <c r="LTK714" s="613"/>
      <c r="LTL714" s="613"/>
      <c r="LTM714" s="613"/>
      <c r="LTN714" s="613"/>
      <c r="LTO714" s="613"/>
      <c r="LTP714" s="613"/>
      <c r="LTQ714" s="613"/>
      <c r="LTR714" s="613"/>
      <c r="LTS714" s="613"/>
      <c r="LTT714" s="613"/>
      <c r="LTU714" s="613"/>
      <c r="LTV714" s="613"/>
      <c r="LTW714" s="613"/>
      <c r="LTX714" s="613"/>
      <c r="LTY714" s="613"/>
      <c r="LTZ714" s="613"/>
      <c r="LUA714" s="613"/>
      <c r="LUB714" s="613"/>
      <c r="LUC714" s="613"/>
      <c r="LUD714" s="613"/>
      <c r="LUE714" s="613"/>
      <c r="LUF714" s="613"/>
      <c r="LUG714" s="613"/>
      <c r="LUH714" s="613"/>
      <c r="LUI714" s="613"/>
      <c r="LUJ714" s="613"/>
      <c r="LUK714" s="613"/>
      <c r="LUL714" s="613"/>
      <c r="LUM714" s="613"/>
      <c r="LUN714" s="613"/>
      <c r="LUO714" s="613"/>
      <c r="LUP714" s="613"/>
      <c r="LUQ714" s="613"/>
      <c r="LUR714" s="613"/>
      <c r="LUS714" s="613"/>
      <c r="LUT714" s="613"/>
      <c r="LUU714" s="613"/>
      <c r="LUV714" s="613"/>
      <c r="LUW714" s="613"/>
      <c r="LUX714" s="613"/>
      <c r="LUY714" s="613"/>
      <c r="LUZ714" s="613"/>
      <c r="LVA714" s="613"/>
      <c r="LVB714" s="613"/>
      <c r="LVC714" s="613"/>
      <c r="LVD714" s="613"/>
      <c r="LVE714" s="613"/>
      <c r="LVF714" s="613"/>
      <c r="LVG714" s="613"/>
      <c r="LVH714" s="613"/>
      <c r="LVI714" s="613"/>
      <c r="LVJ714" s="613"/>
      <c r="LVK714" s="613"/>
      <c r="LVL714" s="613"/>
      <c r="LVM714" s="613"/>
      <c r="LVN714" s="613"/>
      <c r="LVO714" s="613"/>
      <c r="LVP714" s="613"/>
      <c r="LVQ714" s="613"/>
      <c r="LVR714" s="613"/>
      <c r="LVS714" s="613"/>
      <c r="LVT714" s="613"/>
      <c r="LVU714" s="613"/>
      <c r="LVV714" s="613"/>
      <c r="LVW714" s="613"/>
      <c r="LVX714" s="613"/>
      <c r="LVY714" s="613"/>
      <c r="LVZ714" s="613"/>
      <c r="LWA714" s="613"/>
      <c r="LWB714" s="613"/>
      <c r="LWC714" s="613"/>
      <c r="LWD714" s="613"/>
      <c r="LWE714" s="613"/>
      <c r="LWF714" s="613"/>
      <c r="LWG714" s="613"/>
      <c r="LWH714" s="613"/>
      <c r="LWI714" s="613"/>
      <c r="LWJ714" s="613"/>
      <c r="LWK714" s="613"/>
      <c r="LWL714" s="613"/>
      <c r="LWM714" s="613"/>
      <c r="LWN714" s="613"/>
      <c r="LWO714" s="613"/>
      <c r="LWP714" s="613"/>
      <c r="LWQ714" s="613"/>
      <c r="LWR714" s="613"/>
      <c r="LWS714" s="613"/>
      <c r="LWT714" s="613"/>
      <c r="LWU714" s="613"/>
      <c r="LWV714" s="613"/>
      <c r="LWW714" s="613"/>
      <c r="LWX714" s="613"/>
      <c r="LWY714" s="613"/>
      <c r="LWZ714" s="613"/>
      <c r="LXA714" s="613"/>
      <c r="LXB714" s="613"/>
      <c r="LXC714" s="613"/>
      <c r="LXD714" s="613"/>
      <c r="LXE714" s="613"/>
      <c r="LXF714" s="613"/>
      <c r="LXG714" s="613"/>
      <c r="LXH714" s="613"/>
      <c r="LXI714" s="613"/>
      <c r="LXJ714" s="613"/>
      <c r="LXK714" s="613"/>
      <c r="LXL714" s="613"/>
      <c r="LXM714" s="613"/>
      <c r="LXN714" s="613"/>
      <c r="LXO714" s="613"/>
      <c r="LXP714" s="613"/>
      <c r="LXQ714" s="613"/>
      <c r="LXR714" s="613"/>
      <c r="LXS714" s="613"/>
      <c r="LXT714" s="613"/>
      <c r="LXU714" s="613"/>
      <c r="LXV714" s="613"/>
      <c r="LXW714" s="613"/>
      <c r="LXX714" s="613"/>
      <c r="LXY714" s="613"/>
      <c r="LXZ714" s="613"/>
      <c r="LYA714" s="613"/>
      <c r="LYB714" s="613"/>
      <c r="LYC714" s="613"/>
      <c r="LYD714" s="613"/>
      <c r="LYE714" s="613"/>
      <c r="LYF714" s="613"/>
      <c r="LYG714" s="613"/>
      <c r="LYH714" s="613"/>
      <c r="LYI714" s="613"/>
      <c r="LYJ714" s="613"/>
      <c r="LYK714" s="613"/>
      <c r="LYL714" s="613"/>
      <c r="LYM714" s="613"/>
      <c r="LYN714" s="613"/>
      <c r="LYO714" s="613"/>
      <c r="LYP714" s="613"/>
      <c r="LYQ714" s="613"/>
      <c r="LYR714" s="613"/>
      <c r="LYS714" s="613"/>
      <c r="LYT714" s="613"/>
      <c r="LYU714" s="613"/>
      <c r="LYV714" s="613"/>
      <c r="LYW714" s="613"/>
      <c r="LYX714" s="613"/>
      <c r="LYY714" s="613"/>
      <c r="LYZ714" s="613"/>
      <c r="LZA714" s="613"/>
      <c r="LZB714" s="613"/>
      <c r="LZC714" s="613"/>
      <c r="LZD714" s="613"/>
      <c r="LZE714" s="613"/>
      <c r="LZF714" s="613"/>
      <c r="LZG714" s="613"/>
      <c r="LZH714" s="613"/>
      <c r="LZI714" s="613"/>
      <c r="LZJ714" s="613"/>
      <c r="LZK714" s="613"/>
      <c r="LZL714" s="613"/>
      <c r="LZM714" s="613"/>
      <c r="LZN714" s="613"/>
      <c r="LZO714" s="613"/>
      <c r="LZP714" s="613"/>
      <c r="LZQ714" s="613"/>
      <c r="LZR714" s="613"/>
      <c r="LZS714" s="613"/>
      <c r="LZT714" s="613"/>
      <c r="LZU714" s="613"/>
      <c r="LZV714" s="613"/>
      <c r="LZW714" s="613"/>
      <c r="LZX714" s="613"/>
      <c r="LZY714" s="613"/>
      <c r="LZZ714" s="613"/>
      <c r="MAA714" s="613"/>
      <c r="MAB714" s="613"/>
      <c r="MAC714" s="613"/>
      <c r="MAD714" s="613"/>
      <c r="MAE714" s="613"/>
      <c r="MAF714" s="613"/>
      <c r="MAG714" s="613"/>
      <c r="MAH714" s="613"/>
      <c r="MAI714" s="613"/>
      <c r="MAJ714" s="613"/>
      <c r="MAK714" s="613"/>
      <c r="MAL714" s="613"/>
      <c r="MAM714" s="613"/>
      <c r="MAN714" s="613"/>
      <c r="MAO714" s="613"/>
      <c r="MAP714" s="613"/>
      <c r="MAQ714" s="613"/>
      <c r="MAR714" s="613"/>
      <c r="MAS714" s="613"/>
      <c r="MAT714" s="613"/>
      <c r="MAU714" s="613"/>
      <c r="MAV714" s="613"/>
      <c r="MAW714" s="613"/>
      <c r="MAX714" s="613"/>
      <c r="MAY714" s="613"/>
      <c r="MAZ714" s="613"/>
      <c r="MBA714" s="613"/>
      <c r="MBB714" s="613"/>
      <c r="MBC714" s="613"/>
      <c r="MBD714" s="613"/>
      <c r="MBE714" s="613"/>
      <c r="MBF714" s="613"/>
      <c r="MBG714" s="613"/>
      <c r="MBH714" s="613"/>
      <c r="MBI714" s="613"/>
      <c r="MBJ714" s="613"/>
      <c r="MBK714" s="613"/>
      <c r="MBL714" s="613"/>
      <c r="MBM714" s="613"/>
      <c r="MBN714" s="613"/>
      <c r="MBO714" s="613"/>
      <c r="MBP714" s="613"/>
      <c r="MBQ714" s="613"/>
      <c r="MBR714" s="613"/>
      <c r="MBS714" s="613"/>
      <c r="MBT714" s="613"/>
      <c r="MBU714" s="613"/>
      <c r="MBV714" s="613"/>
      <c r="MBW714" s="613"/>
      <c r="MBX714" s="613"/>
      <c r="MBY714" s="613"/>
      <c r="MBZ714" s="613"/>
      <c r="MCA714" s="613"/>
      <c r="MCB714" s="613"/>
      <c r="MCC714" s="613"/>
      <c r="MCD714" s="613"/>
      <c r="MCE714" s="613"/>
      <c r="MCF714" s="613"/>
      <c r="MCG714" s="613"/>
      <c r="MCH714" s="613"/>
      <c r="MCI714" s="613"/>
      <c r="MCJ714" s="613"/>
      <c r="MCK714" s="613"/>
      <c r="MCL714" s="613"/>
      <c r="MCM714" s="613"/>
      <c r="MCN714" s="613"/>
      <c r="MCO714" s="613"/>
      <c r="MCP714" s="613"/>
      <c r="MCQ714" s="613"/>
      <c r="MCR714" s="613"/>
      <c r="MCS714" s="613"/>
      <c r="MCT714" s="613"/>
      <c r="MCU714" s="613"/>
      <c r="MCV714" s="613"/>
      <c r="MCW714" s="613"/>
      <c r="MCX714" s="613"/>
      <c r="MCY714" s="613"/>
      <c r="MCZ714" s="613"/>
      <c r="MDA714" s="613"/>
      <c r="MDB714" s="613"/>
      <c r="MDC714" s="613"/>
      <c r="MDD714" s="613"/>
      <c r="MDE714" s="613"/>
      <c r="MDF714" s="613"/>
      <c r="MDG714" s="613"/>
      <c r="MDH714" s="613"/>
      <c r="MDI714" s="613"/>
      <c r="MDJ714" s="613"/>
      <c r="MDK714" s="613"/>
      <c r="MDL714" s="613"/>
      <c r="MDM714" s="613"/>
      <c r="MDN714" s="613"/>
      <c r="MDO714" s="613"/>
      <c r="MDP714" s="613"/>
      <c r="MDQ714" s="613"/>
      <c r="MDR714" s="613"/>
      <c r="MDS714" s="613"/>
      <c r="MDT714" s="613"/>
      <c r="MDU714" s="613"/>
      <c r="MDV714" s="613"/>
      <c r="MDW714" s="613"/>
      <c r="MDX714" s="613"/>
      <c r="MDY714" s="613"/>
      <c r="MDZ714" s="613"/>
      <c r="MEA714" s="613"/>
      <c r="MEB714" s="613"/>
      <c r="MEC714" s="613"/>
      <c r="MED714" s="613"/>
      <c r="MEE714" s="613"/>
      <c r="MEF714" s="613"/>
      <c r="MEG714" s="613"/>
      <c r="MEH714" s="613"/>
      <c r="MEI714" s="613"/>
      <c r="MEJ714" s="613"/>
      <c r="MEK714" s="613"/>
      <c r="MEL714" s="613"/>
      <c r="MEM714" s="613"/>
      <c r="MEN714" s="613"/>
      <c r="MEO714" s="613"/>
      <c r="MEP714" s="613"/>
      <c r="MEQ714" s="613"/>
      <c r="MER714" s="613"/>
      <c r="MES714" s="613"/>
      <c r="MET714" s="613"/>
      <c r="MEU714" s="613"/>
      <c r="MEV714" s="613"/>
      <c r="MEW714" s="613"/>
      <c r="MEX714" s="613"/>
      <c r="MEY714" s="613"/>
      <c r="MEZ714" s="613"/>
      <c r="MFA714" s="613"/>
      <c r="MFB714" s="613"/>
      <c r="MFC714" s="613"/>
      <c r="MFD714" s="613"/>
      <c r="MFE714" s="613"/>
      <c r="MFF714" s="613"/>
      <c r="MFG714" s="613"/>
      <c r="MFH714" s="613"/>
      <c r="MFI714" s="613"/>
      <c r="MFJ714" s="613"/>
      <c r="MFK714" s="613"/>
      <c r="MFL714" s="613"/>
      <c r="MFM714" s="613"/>
      <c r="MFN714" s="613"/>
      <c r="MFO714" s="613"/>
      <c r="MFP714" s="613"/>
      <c r="MFQ714" s="613"/>
      <c r="MFR714" s="613"/>
      <c r="MFS714" s="613"/>
      <c r="MFT714" s="613"/>
      <c r="MFU714" s="613"/>
      <c r="MFV714" s="613"/>
      <c r="MFW714" s="613"/>
      <c r="MFX714" s="613"/>
      <c r="MFY714" s="613"/>
      <c r="MFZ714" s="613"/>
      <c r="MGA714" s="613"/>
      <c r="MGB714" s="613"/>
      <c r="MGC714" s="613"/>
      <c r="MGD714" s="613"/>
      <c r="MGE714" s="613"/>
      <c r="MGF714" s="613"/>
      <c r="MGG714" s="613"/>
      <c r="MGH714" s="613"/>
      <c r="MGI714" s="613"/>
      <c r="MGJ714" s="613"/>
      <c r="MGK714" s="613"/>
      <c r="MGL714" s="613"/>
      <c r="MGM714" s="613"/>
      <c r="MGN714" s="613"/>
      <c r="MGO714" s="613"/>
      <c r="MGP714" s="613"/>
      <c r="MGQ714" s="613"/>
      <c r="MGR714" s="613"/>
      <c r="MGS714" s="613"/>
      <c r="MGT714" s="613"/>
      <c r="MGU714" s="613"/>
      <c r="MGV714" s="613"/>
      <c r="MGW714" s="613"/>
      <c r="MGX714" s="613"/>
      <c r="MGY714" s="613"/>
      <c r="MGZ714" s="613"/>
      <c r="MHA714" s="613"/>
      <c r="MHB714" s="613"/>
      <c r="MHC714" s="613"/>
      <c r="MHD714" s="613"/>
      <c r="MHE714" s="613"/>
      <c r="MHF714" s="613"/>
      <c r="MHG714" s="613"/>
      <c r="MHH714" s="613"/>
      <c r="MHI714" s="613"/>
      <c r="MHJ714" s="613"/>
      <c r="MHK714" s="613"/>
      <c r="MHL714" s="613"/>
      <c r="MHM714" s="613"/>
      <c r="MHN714" s="613"/>
      <c r="MHO714" s="613"/>
      <c r="MHP714" s="613"/>
      <c r="MHQ714" s="613"/>
      <c r="MHR714" s="613"/>
      <c r="MHS714" s="613"/>
      <c r="MHT714" s="613"/>
      <c r="MHU714" s="613"/>
      <c r="MHV714" s="613"/>
      <c r="MHW714" s="613"/>
      <c r="MHX714" s="613"/>
      <c r="MHY714" s="613"/>
      <c r="MHZ714" s="613"/>
      <c r="MIA714" s="613"/>
      <c r="MIB714" s="613"/>
      <c r="MIC714" s="613"/>
      <c r="MID714" s="613"/>
      <c r="MIE714" s="613"/>
      <c r="MIF714" s="613"/>
      <c r="MIG714" s="613"/>
      <c r="MIH714" s="613"/>
      <c r="MII714" s="613"/>
      <c r="MIJ714" s="613"/>
      <c r="MIK714" s="613"/>
      <c r="MIL714" s="613"/>
      <c r="MIM714" s="613"/>
      <c r="MIN714" s="613"/>
      <c r="MIO714" s="613"/>
      <c r="MIP714" s="613"/>
      <c r="MIQ714" s="613"/>
      <c r="MIR714" s="613"/>
      <c r="MIS714" s="613"/>
      <c r="MIT714" s="613"/>
      <c r="MIU714" s="613"/>
      <c r="MIV714" s="613"/>
      <c r="MIW714" s="613"/>
      <c r="MIX714" s="613"/>
      <c r="MIY714" s="613"/>
      <c r="MIZ714" s="613"/>
      <c r="MJA714" s="613"/>
      <c r="MJB714" s="613"/>
      <c r="MJC714" s="613"/>
      <c r="MJD714" s="613"/>
      <c r="MJE714" s="613"/>
      <c r="MJF714" s="613"/>
      <c r="MJG714" s="613"/>
      <c r="MJH714" s="613"/>
      <c r="MJI714" s="613"/>
      <c r="MJJ714" s="613"/>
      <c r="MJK714" s="613"/>
      <c r="MJL714" s="613"/>
      <c r="MJM714" s="613"/>
      <c r="MJN714" s="613"/>
      <c r="MJO714" s="613"/>
      <c r="MJP714" s="613"/>
      <c r="MJQ714" s="613"/>
      <c r="MJR714" s="613"/>
      <c r="MJS714" s="613"/>
      <c r="MJT714" s="613"/>
      <c r="MJU714" s="613"/>
      <c r="MJV714" s="613"/>
      <c r="MJW714" s="613"/>
      <c r="MJX714" s="613"/>
      <c r="MJY714" s="613"/>
      <c r="MJZ714" s="613"/>
      <c r="MKA714" s="613"/>
      <c r="MKB714" s="613"/>
      <c r="MKC714" s="613"/>
      <c r="MKD714" s="613"/>
      <c r="MKE714" s="613"/>
      <c r="MKF714" s="613"/>
      <c r="MKG714" s="613"/>
      <c r="MKH714" s="613"/>
      <c r="MKI714" s="613"/>
      <c r="MKJ714" s="613"/>
      <c r="MKK714" s="613"/>
      <c r="MKL714" s="613"/>
      <c r="MKM714" s="613"/>
      <c r="MKN714" s="613"/>
      <c r="MKO714" s="613"/>
      <c r="MKP714" s="613"/>
      <c r="MKQ714" s="613"/>
      <c r="MKR714" s="613"/>
      <c r="MKS714" s="613"/>
      <c r="MKT714" s="613"/>
      <c r="MKU714" s="613"/>
      <c r="MKV714" s="613"/>
      <c r="MKW714" s="613"/>
      <c r="MKX714" s="613"/>
      <c r="MKY714" s="613"/>
      <c r="MKZ714" s="613"/>
      <c r="MLA714" s="613"/>
      <c r="MLB714" s="613"/>
      <c r="MLC714" s="613"/>
      <c r="MLD714" s="613"/>
      <c r="MLE714" s="613"/>
      <c r="MLF714" s="613"/>
      <c r="MLG714" s="613"/>
      <c r="MLH714" s="613"/>
      <c r="MLI714" s="613"/>
      <c r="MLJ714" s="613"/>
      <c r="MLK714" s="613"/>
      <c r="MLL714" s="613"/>
      <c r="MLM714" s="613"/>
      <c r="MLN714" s="613"/>
      <c r="MLO714" s="613"/>
      <c r="MLP714" s="613"/>
      <c r="MLQ714" s="613"/>
      <c r="MLR714" s="613"/>
      <c r="MLS714" s="613"/>
      <c r="MLT714" s="613"/>
      <c r="MLU714" s="613"/>
      <c r="MLV714" s="613"/>
      <c r="MLW714" s="613"/>
      <c r="MLX714" s="613"/>
      <c r="MLY714" s="613"/>
      <c r="MLZ714" s="613"/>
      <c r="MMA714" s="613"/>
      <c r="MMB714" s="613"/>
      <c r="MMC714" s="613"/>
      <c r="MMD714" s="613"/>
      <c r="MME714" s="613"/>
      <c r="MMF714" s="613"/>
      <c r="MMG714" s="613"/>
      <c r="MMH714" s="613"/>
      <c r="MMI714" s="613"/>
      <c r="MMJ714" s="613"/>
      <c r="MMK714" s="613"/>
      <c r="MML714" s="613"/>
      <c r="MMM714" s="613"/>
      <c r="MMN714" s="613"/>
      <c r="MMO714" s="613"/>
      <c r="MMP714" s="613"/>
      <c r="MMQ714" s="613"/>
      <c r="MMR714" s="613"/>
      <c r="MMS714" s="613"/>
      <c r="MMT714" s="613"/>
      <c r="MMU714" s="613"/>
      <c r="MMV714" s="613"/>
      <c r="MMW714" s="613"/>
      <c r="MMX714" s="613"/>
      <c r="MMY714" s="613"/>
      <c r="MMZ714" s="613"/>
      <c r="MNA714" s="613"/>
      <c r="MNB714" s="613"/>
      <c r="MNC714" s="613"/>
      <c r="MND714" s="613"/>
      <c r="MNE714" s="613"/>
      <c r="MNF714" s="613"/>
      <c r="MNG714" s="613"/>
      <c r="MNH714" s="613"/>
      <c r="MNI714" s="613"/>
      <c r="MNJ714" s="613"/>
      <c r="MNK714" s="613"/>
      <c r="MNL714" s="613"/>
      <c r="MNM714" s="613"/>
      <c r="MNN714" s="613"/>
      <c r="MNO714" s="613"/>
      <c r="MNP714" s="613"/>
      <c r="MNQ714" s="613"/>
      <c r="MNR714" s="613"/>
      <c r="MNS714" s="613"/>
      <c r="MNT714" s="613"/>
      <c r="MNU714" s="613"/>
      <c r="MNV714" s="613"/>
      <c r="MNW714" s="613"/>
      <c r="MNX714" s="613"/>
      <c r="MNY714" s="613"/>
      <c r="MNZ714" s="613"/>
      <c r="MOA714" s="613"/>
      <c r="MOB714" s="613"/>
      <c r="MOC714" s="613"/>
      <c r="MOD714" s="613"/>
      <c r="MOE714" s="613"/>
      <c r="MOF714" s="613"/>
      <c r="MOG714" s="613"/>
      <c r="MOH714" s="613"/>
      <c r="MOI714" s="613"/>
      <c r="MOJ714" s="613"/>
      <c r="MOK714" s="613"/>
      <c r="MOL714" s="613"/>
      <c r="MOM714" s="613"/>
      <c r="MON714" s="613"/>
      <c r="MOO714" s="613"/>
      <c r="MOP714" s="613"/>
      <c r="MOQ714" s="613"/>
      <c r="MOR714" s="613"/>
      <c r="MOS714" s="613"/>
      <c r="MOT714" s="613"/>
      <c r="MOU714" s="613"/>
      <c r="MOV714" s="613"/>
      <c r="MOW714" s="613"/>
      <c r="MOX714" s="613"/>
      <c r="MOY714" s="613"/>
      <c r="MOZ714" s="613"/>
      <c r="MPA714" s="613"/>
      <c r="MPB714" s="613"/>
      <c r="MPC714" s="613"/>
      <c r="MPD714" s="613"/>
      <c r="MPE714" s="613"/>
      <c r="MPF714" s="613"/>
      <c r="MPG714" s="613"/>
      <c r="MPH714" s="613"/>
      <c r="MPI714" s="613"/>
      <c r="MPJ714" s="613"/>
      <c r="MPK714" s="613"/>
      <c r="MPL714" s="613"/>
      <c r="MPM714" s="613"/>
      <c r="MPN714" s="613"/>
      <c r="MPO714" s="613"/>
      <c r="MPP714" s="613"/>
      <c r="MPQ714" s="613"/>
      <c r="MPR714" s="613"/>
      <c r="MPS714" s="613"/>
      <c r="MPT714" s="613"/>
      <c r="MPU714" s="613"/>
      <c r="MPV714" s="613"/>
      <c r="MPW714" s="613"/>
      <c r="MPX714" s="613"/>
      <c r="MPY714" s="613"/>
      <c r="MPZ714" s="613"/>
      <c r="MQA714" s="613"/>
      <c r="MQB714" s="613"/>
      <c r="MQC714" s="613"/>
      <c r="MQD714" s="613"/>
      <c r="MQE714" s="613"/>
      <c r="MQF714" s="613"/>
      <c r="MQG714" s="613"/>
      <c r="MQH714" s="613"/>
      <c r="MQI714" s="613"/>
      <c r="MQJ714" s="613"/>
      <c r="MQK714" s="613"/>
      <c r="MQL714" s="613"/>
      <c r="MQM714" s="613"/>
      <c r="MQN714" s="613"/>
      <c r="MQO714" s="613"/>
      <c r="MQP714" s="613"/>
      <c r="MQQ714" s="613"/>
      <c r="MQR714" s="613"/>
      <c r="MQS714" s="613"/>
      <c r="MQT714" s="613"/>
      <c r="MQU714" s="613"/>
      <c r="MQV714" s="613"/>
      <c r="MQW714" s="613"/>
      <c r="MQX714" s="613"/>
      <c r="MQY714" s="613"/>
      <c r="MQZ714" s="613"/>
      <c r="MRA714" s="613"/>
      <c r="MRB714" s="613"/>
      <c r="MRC714" s="613"/>
      <c r="MRD714" s="613"/>
      <c r="MRE714" s="613"/>
      <c r="MRF714" s="613"/>
      <c r="MRG714" s="613"/>
      <c r="MRH714" s="613"/>
      <c r="MRI714" s="613"/>
      <c r="MRJ714" s="613"/>
      <c r="MRK714" s="613"/>
      <c r="MRL714" s="613"/>
      <c r="MRM714" s="613"/>
      <c r="MRN714" s="613"/>
      <c r="MRO714" s="613"/>
      <c r="MRP714" s="613"/>
      <c r="MRQ714" s="613"/>
      <c r="MRR714" s="613"/>
      <c r="MRS714" s="613"/>
      <c r="MRT714" s="613"/>
      <c r="MRU714" s="613"/>
      <c r="MRV714" s="613"/>
      <c r="MRW714" s="613"/>
      <c r="MRX714" s="613"/>
      <c r="MRY714" s="613"/>
      <c r="MRZ714" s="613"/>
      <c r="MSA714" s="613"/>
      <c r="MSB714" s="613"/>
      <c r="MSC714" s="613"/>
      <c r="MSD714" s="613"/>
      <c r="MSE714" s="613"/>
      <c r="MSF714" s="613"/>
      <c r="MSG714" s="613"/>
      <c r="MSH714" s="613"/>
      <c r="MSI714" s="613"/>
      <c r="MSJ714" s="613"/>
      <c r="MSK714" s="613"/>
      <c r="MSL714" s="613"/>
      <c r="MSM714" s="613"/>
      <c r="MSN714" s="613"/>
      <c r="MSO714" s="613"/>
      <c r="MSP714" s="613"/>
      <c r="MSQ714" s="613"/>
      <c r="MSR714" s="613"/>
      <c r="MSS714" s="613"/>
      <c r="MST714" s="613"/>
      <c r="MSU714" s="613"/>
      <c r="MSV714" s="613"/>
      <c r="MSW714" s="613"/>
      <c r="MSX714" s="613"/>
      <c r="MSY714" s="613"/>
      <c r="MSZ714" s="613"/>
      <c r="MTA714" s="613"/>
      <c r="MTB714" s="613"/>
      <c r="MTC714" s="613"/>
      <c r="MTD714" s="613"/>
      <c r="MTE714" s="613"/>
      <c r="MTF714" s="613"/>
      <c r="MTG714" s="613"/>
      <c r="MTH714" s="613"/>
      <c r="MTI714" s="613"/>
      <c r="MTJ714" s="613"/>
      <c r="MTK714" s="613"/>
      <c r="MTL714" s="613"/>
      <c r="MTM714" s="613"/>
      <c r="MTN714" s="613"/>
      <c r="MTO714" s="613"/>
      <c r="MTP714" s="613"/>
      <c r="MTQ714" s="613"/>
      <c r="MTR714" s="613"/>
      <c r="MTS714" s="613"/>
      <c r="MTT714" s="613"/>
      <c r="MTU714" s="613"/>
      <c r="MTV714" s="613"/>
      <c r="MTW714" s="613"/>
      <c r="MTX714" s="613"/>
      <c r="MTY714" s="613"/>
      <c r="MTZ714" s="613"/>
      <c r="MUA714" s="613"/>
      <c r="MUB714" s="613"/>
      <c r="MUC714" s="613"/>
      <c r="MUD714" s="613"/>
      <c r="MUE714" s="613"/>
      <c r="MUF714" s="613"/>
      <c r="MUG714" s="613"/>
      <c r="MUH714" s="613"/>
      <c r="MUI714" s="613"/>
      <c r="MUJ714" s="613"/>
      <c r="MUK714" s="613"/>
      <c r="MUL714" s="613"/>
      <c r="MUM714" s="613"/>
      <c r="MUN714" s="613"/>
      <c r="MUO714" s="613"/>
      <c r="MUP714" s="613"/>
      <c r="MUQ714" s="613"/>
      <c r="MUR714" s="613"/>
      <c r="MUS714" s="613"/>
      <c r="MUT714" s="613"/>
      <c r="MUU714" s="613"/>
      <c r="MUV714" s="613"/>
      <c r="MUW714" s="613"/>
      <c r="MUX714" s="613"/>
      <c r="MUY714" s="613"/>
      <c r="MUZ714" s="613"/>
      <c r="MVA714" s="613"/>
      <c r="MVB714" s="613"/>
      <c r="MVC714" s="613"/>
      <c r="MVD714" s="613"/>
      <c r="MVE714" s="613"/>
      <c r="MVF714" s="613"/>
      <c r="MVG714" s="613"/>
      <c r="MVH714" s="613"/>
      <c r="MVI714" s="613"/>
      <c r="MVJ714" s="613"/>
      <c r="MVK714" s="613"/>
      <c r="MVL714" s="613"/>
      <c r="MVM714" s="613"/>
      <c r="MVN714" s="613"/>
      <c r="MVO714" s="613"/>
      <c r="MVP714" s="613"/>
      <c r="MVQ714" s="613"/>
      <c r="MVR714" s="613"/>
      <c r="MVS714" s="613"/>
      <c r="MVT714" s="613"/>
      <c r="MVU714" s="613"/>
      <c r="MVV714" s="613"/>
      <c r="MVW714" s="613"/>
      <c r="MVX714" s="613"/>
      <c r="MVY714" s="613"/>
      <c r="MVZ714" s="613"/>
      <c r="MWA714" s="613"/>
      <c r="MWB714" s="613"/>
      <c r="MWC714" s="613"/>
      <c r="MWD714" s="613"/>
      <c r="MWE714" s="613"/>
      <c r="MWF714" s="613"/>
      <c r="MWG714" s="613"/>
      <c r="MWH714" s="613"/>
      <c r="MWI714" s="613"/>
      <c r="MWJ714" s="613"/>
      <c r="MWK714" s="613"/>
      <c r="MWL714" s="613"/>
      <c r="MWM714" s="613"/>
      <c r="MWN714" s="613"/>
      <c r="MWO714" s="613"/>
      <c r="MWP714" s="613"/>
      <c r="MWQ714" s="613"/>
      <c r="MWR714" s="613"/>
      <c r="MWS714" s="613"/>
      <c r="MWT714" s="613"/>
      <c r="MWU714" s="613"/>
      <c r="MWV714" s="613"/>
      <c r="MWW714" s="613"/>
      <c r="MWX714" s="613"/>
      <c r="MWY714" s="613"/>
      <c r="MWZ714" s="613"/>
      <c r="MXA714" s="613"/>
      <c r="MXB714" s="613"/>
      <c r="MXC714" s="613"/>
      <c r="MXD714" s="613"/>
      <c r="MXE714" s="613"/>
      <c r="MXF714" s="613"/>
      <c r="MXG714" s="613"/>
      <c r="MXH714" s="613"/>
      <c r="MXI714" s="613"/>
      <c r="MXJ714" s="613"/>
      <c r="MXK714" s="613"/>
      <c r="MXL714" s="613"/>
      <c r="MXM714" s="613"/>
      <c r="MXN714" s="613"/>
      <c r="MXO714" s="613"/>
      <c r="MXP714" s="613"/>
      <c r="MXQ714" s="613"/>
      <c r="MXR714" s="613"/>
      <c r="MXS714" s="613"/>
      <c r="MXT714" s="613"/>
      <c r="MXU714" s="613"/>
      <c r="MXV714" s="613"/>
      <c r="MXW714" s="613"/>
      <c r="MXX714" s="613"/>
      <c r="MXY714" s="613"/>
      <c r="MXZ714" s="613"/>
      <c r="MYA714" s="613"/>
      <c r="MYB714" s="613"/>
      <c r="MYC714" s="613"/>
      <c r="MYD714" s="613"/>
      <c r="MYE714" s="613"/>
      <c r="MYF714" s="613"/>
      <c r="MYG714" s="613"/>
      <c r="MYH714" s="613"/>
      <c r="MYI714" s="613"/>
      <c r="MYJ714" s="613"/>
      <c r="MYK714" s="613"/>
      <c r="MYL714" s="613"/>
      <c r="MYM714" s="613"/>
      <c r="MYN714" s="613"/>
      <c r="MYO714" s="613"/>
      <c r="MYP714" s="613"/>
      <c r="MYQ714" s="613"/>
      <c r="MYR714" s="613"/>
      <c r="MYS714" s="613"/>
      <c r="MYT714" s="613"/>
      <c r="MYU714" s="613"/>
      <c r="MYV714" s="613"/>
      <c r="MYW714" s="613"/>
      <c r="MYX714" s="613"/>
      <c r="MYY714" s="613"/>
      <c r="MYZ714" s="613"/>
      <c r="MZA714" s="613"/>
      <c r="MZB714" s="613"/>
      <c r="MZC714" s="613"/>
      <c r="MZD714" s="613"/>
      <c r="MZE714" s="613"/>
      <c r="MZF714" s="613"/>
      <c r="MZG714" s="613"/>
      <c r="MZH714" s="613"/>
      <c r="MZI714" s="613"/>
      <c r="MZJ714" s="613"/>
      <c r="MZK714" s="613"/>
      <c r="MZL714" s="613"/>
      <c r="MZM714" s="613"/>
      <c r="MZN714" s="613"/>
      <c r="MZO714" s="613"/>
      <c r="MZP714" s="613"/>
      <c r="MZQ714" s="613"/>
      <c r="MZR714" s="613"/>
      <c r="MZS714" s="613"/>
      <c r="MZT714" s="613"/>
      <c r="MZU714" s="613"/>
      <c r="MZV714" s="613"/>
      <c r="MZW714" s="613"/>
      <c r="MZX714" s="613"/>
      <c r="MZY714" s="613"/>
      <c r="MZZ714" s="613"/>
      <c r="NAA714" s="613"/>
      <c r="NAB714" s="613"/>
      <c r="NAC714" s="613"/>
      <c r="NAD714" s="613"/>
      <c r="NAE714" s="613"/>
      <c r="NAF714" s="613"/>
      <c r="NAG714" s="613"/>
      <c r="NAH714" s="613"/>
      <c r="NAI714" s="613"/>
      <c r="NAJ714" s="613"/>
      <c r="NAK714" s="613"/>
      <c r="NAL714" s="613"/>
      <c r="NAM714" s="613"/>
      <c r="NAN714" s="613"/>
      <c r="NAO714" s="613"/>
      <c r="NAP714" s="613"/>
      <c r="NAQ714" s="613"/>
      <c r="NAR714" s="613"/>
      <c r="NAS714" s="613"/>
      <c r="NAT714" s="613"/>
      <c r="NAU714" s="613"/>
      <c r="NAV714" s="613"/>
      <c r="NAW714" s="613"/>
      <c r="NAX714" s="613"/>
      <c r="NAY714" s="613"/>
      <c r="NAZ714" s="613"/>
      <c r="NBA714" s="613"/>
      <c r="NBB714" s="613"/>
      <c r="NBC714" s="613"/>
      <c r="NBD714" s="613"/>
      <c r="NBE714" s="613"/>
      <c r="NBF714" s="613"/>
      <c r="NBG714" s="613"/>
      <c r="NBH714" s="613"/>
      <c r="NBI714" s="613"/>
      <c r="NBJ714" s="613"/>
      <c r="NBK714" s="613"/>
      <c r="NBL714" s="613"/>
      <c r="NBM714" s="613"/>
      <c r="NBN714" s="613"/>
      <c r="NBO714" s="613"/>
      <c r="NBP714" s="613"/>
      <c r="NBQ714" s="613"/>
      <c r="NBR714" s="613"/>
      <c r="NBS714" s="613"/>
      <c r="NBT714" s="613"/>
      <c r="NBU714" s="613"/>
      <c r="NBV714" s="613"/>
      <c r="NBW714" s="613"/>
      <c r="NBX714" s="613"/>
      <c r="NBY714" s="613"/>
      <c r="NBZ714" s="613"/>
      <c r="NCA714" s="613"/>
      <c r="NCB714" s="613"/>
      <c r="NCC714" s="613"/>
      <c r="NCD714" s="613"/>
      <c r="NCE714" s="613"/>
      <c r="NCF714" s="613"/>
      <c r="NCG714" s="613"/>
      <c r="NCH714" s="613"/>
      <c r="NCI714" s="613"/>
      <c r="NCJ714" s="613"/>
      <c r="NCK714" s="613"/>
      <c r="NCL714" s="613"/>
      <c r="NCM714" s="613"/>
      <c r="NCN714" s="613"/>
      <c r="NCO714" s="613"/>
      <c r="NCP714" s="613"/>
      <c r="NCQ714" s="613"/>
      <c r="NCR714" s="613"/>
      <c r="NCS714" s="613"/>
      <c r="NCT714" s="613"/>
      <c r="NCU714" s="613"/>
      <c r="NCV714" s="613"/>
      <c r="NCW714" s="613"/>
      <c r="NCX714" s="613"/>
      <c r="NCY714" s="613"/>
      <c r="NCZ714" s="613"/>
      <c r="NDA714" s="613"/>
      <c r="NDB714" s="613"/>
      <c r="NDC714" s="613"/>
      <c r="NDD714" s="613"/>
      <c r="NDE714" s="613"/>
      <c r="NDF714" s="613"/>
      <c r="NDG714" s="613"/>
      <c r="NDH714" s="613"/>
      <c r="NDI714" s="613"/>
      <c r="NDJ714" s="613"/>
      <c r="NDK714" s="613"/>
      <c r="NDL714" s="613"/>
      <c r="NDM714" s="613"/>
      <c r="NDN714" s="613"/>
      <c r="NDO714" s="613"/>
      <c r="NDP714" s="613"/>
      <c r="NDQ714" s="613"/>
      <c r="NDR714" s="613"/>
      <c r="NDS714" s="613"/>
      <c r="NDT714" s="613"/>
      <c r="NDU714" s="613"/>
      <c r="NDV714" s="613"/>
      <c r="NDW714" s="613"/>
      <c r="NDX714" s="613"/>
      <c r="NDY714" s="613"/>
      <c r="NDZ714" s="613"/>
      <c r="NEA714" s="613"/>
      <c r="NEB714" s="613"/>
      <c r="NEC714" s="613"/>
      <c r="NED714" s="613"/>
      <c r="NEE714" s="613"/>
      <c r="NEF714" s="613"/>
      <c r="NEG714" s="613"/>
      <c r="NEH714" s="613"/>
      <c r="NEI714" s="613"/>
      <c r="NEJ714" s="613"/>
      <c r="NEK714" s="613"/>
      <c r="NEL714" s="613"/>
      <c r="NEM714" s="613"/>
      <c r="NEN714" s="613"/>
      <c r="NEO714" s="613"/>
      <c r="NEP714" s="613"/>
      <c r="NEQ714" s="613"/>
      <c r="NER714" s="613"/>
      <c r="NES714" s="613"/>
      <c r="NET714" s="613"/>
      <c r="NEU714" s="613"/>
      <c r="NEV714" s="613"/>
      <c r="NEW714" s="613"/>
      <c r="NEX714" s="613"/>
      <c r="NEY714" s="613"/>
      <c r="NEZ714" s="613"/>
      <c r="NFA714" s="613"/>
      <c r="NFB714" s="613"/>
      <c r="NFC714" s="613"/>
      <c r="NFD714" s="613"/>
      <c r="NFE714" s="613"/>
      <c r="NFF714" s="613"/>
      <c r="NFG714" s="613"/>
      <c r="NFH714" s="613"/>
      <c r="NFI714" s="613"/>
      <c r="NFJ714" s="613"/>
      <c r="NFK714" s="613"/>
      <c r="NFL714" s="613"/>
      <c r="NFM714" s="613"/>
      <c r="NFN714" s="613"/>
      <c r="NFO714" s="613"/>
      <c r="NFP714" s="613"/>
      <c r="NFQ714" s="613"/>
      <c r="NFR714" s="613"/>
      <c r="NFS714" s="613"/>
      <c r="NFT714" s="613"/>
      <c r="NFU714" s="613"/>
      <c r="NFV714" s="613"/>
      <c r="NFW714" s="613"/>
      <c r="NFX714" s="613"/>
      <c r="NFY714" s="613"/>
      <c r="NFZ714" s="613"/>
      <c r="NGA714" s="613"/>
      <c r="NGB714" s="613"/>
      <c r="NGC714" s="613"/>
      <c r="NGD714" s="613"/>
      <c r="NGE714" s="613"/>
      <c r="NGF714" s="613"/>
      <c r="NGG714" s="613"/>
      <c r="NGH714" s="613"/>
      <c r="NGI714" s="613"/>
      <c r="NGJ714" s="613"/>
      <c r="NGK714" s="613"/>
      <c r="NGL714" s="613"/>
      <c r="NGM714" s="613"/>
      <c r="NGN714" s="613"/>
      <c r="NGO714" s="613"/>
      <c r="NGP714" s="613"/>
      <c r="NGQ714" s="613"/>
      <c r="NGR714" s="613"/>
      <c r="NGS714" s="613"/>
      <c r="NGT714" s="613"/>
      <c r="NGU714" s="613"/>
      <c r="NGV714" s="613"/>
      <c r="NGW714" s="613"/>
      <c r="NGX714" s="613"/>
      <c r="NGY714" s="613"/>
      <c r="NGZ714" s="613"/>
      <c r="NHA714" s="613"/>
      <c r="NHB714" s="613"/>
      <c r="NHC714" s="613"/>
      <c r="NHD714" s="613"/>
      <c r="NHE714" s="613"/>
      <c r="NHF714" s="613"/>
      <c r="NHG714" s="613"/>
      <c r="NHH714" s="613"/>
      <c r="NHI714" s="613"/>
      <c r="NHJ714" s="613"/>
      <c r="NHK714" s="613"/>
      <c r="NHL714" s="613"/>
      <c r="NHM714" s="613"/>
      <c r="NHN714" s="613"/>
      <c r="NHO714" s="613"/>
      <c r="NHP714" s="613"/>
      <c r="NHQ714" s="613"/>
      <c r="NHR714" s="613"/>
      <c r="NHS714" s="613"/>
      <c r="NHT714" s="613"/>
      <c r="NHU714" s="613"/>
      <c r="NHV714" s="613"/>
      <c r="NHW714" s="613"/>
      <c r="NHX714" s="613"/>
      <c r="NHY714" s="613"/>
      <c r="NHZ714" s="613"/>
      <c r="NIA714" s="613"/>
      <c r="NIB714" s="613"/>
      <c r="NIC714" s="613"/>
      <c r="NID714" s="613"/>
      <c r="NIE714" s="613"/>
      <c r="NIF714" s="613"/>
      <c r="NIG714" s="613"/>
      <c r="NIH714" s="613"/>
      <c r="NII714" s="613"/>
      <c r="NIJ714" s="613"/>
      <c r="NIK714" s="613"/>
      <c r="NIL714" s="613"/>
      <c r="NIM714" s="613"/>
      <c r="NIN714" s="613"/>
      <c r="NIO714" s="613"/>
      <c r="NIP714" s="613"/>
      <c r="NIQ714" s="613"/>
      <c r="NIR714" s="613"/>
      <c r="NIS714" s="613"/>
      <c r="NIT714" s="613"/>
      <c r="NIU714" s="613"/>
      <c r="NIV714" s="613"/>
      <c r="NIW714" s="613"/>
      <c r="NIX714" s="613"/>
      <c r="NIY714" s="613"/>
      <c r="NIZ714" s="613"/>
      <c r="NJA714" s="613"/>
      <c r="NJB714" s="613"/>
      <c r="NJC714" s="613"/>
      <c r="NJD714" s="613"/>
      <c r="NJE714" s="613"/>
      <c r="NJF714" s="613"/>
      <c r="NJG714" s="613"/>
      <c r="NJH714" s="613"/>
      <c r="NJI714" s="613"/>
      <c r="NJJ714" s="613"/>
      <c r="NJK714" s="613"/>
      <c r="NJL714" s="613"/>
      <c r="NJM714" s="613"/>
      <c r="NJN714" s="613"/>
      <c r="NJO714" s="613"/>
      <c r="NJP714" s="613"/>
      <c r="NJQ714" s="613"/>
      <c r="NJR714" s="613"/>
      <c r="NJS714" s="613"/>
      <c r="NJT714" s="613"/>
      <c r="NJU714" s="613"/>
      <c r="NJV714" s="613"/>
      <c r="NJW714" s="613"/>
      <c r="NJX714" s="613"/>
      <c r="NJY714" s="613"/>
      <c r="NJZ714" s="613"/>
      <c r="NKA714" s="613"/>
      <c r="NKB714" s="613"/>
      <c r="NKC714" s="613"/>
      <c r="NKD714" s="613"/>
      <c r="NKE714" s="613"/>
      <c r="NKF714" s="613"/>
      <c r="NKG714" s="613"/>
      <c r="NKH714" s="613"/>
      <c r="NKI714" s="613"/>
      <c r="NKJ714" s="613"/>
      <c r="NKK714" s="613"/>
      <c r="NKL714" s="613"/>
      <c r="NKM714" s="613"/>
      <c r="NKN714" s="613"/>
      <c r="NKO714" s="613"/>
      <c r="NKP714" s="613"/>
      <c r="NKQ714" s="613"/>
      <c r="NKR714" s="613"/>
      <c r="NKS714" s="613"/>
      <c r="NKT714" s="613"/>
      <c r="NKU714" s="613"/>
      <c r="NKV714" s="613"/>
      <c r="NKW714" s="613"/>
      <c r="NKX714" s="613"/>
      <c r="NKY714" s="613"/>
      <c r="NKZ714" s="613"/>
      <c r="NLA714" s="613"/>
      <c r="NLB714" s="613"/>
      <c r="NLC714" s="613"/>
      <c r="NLD714" s="613"/>
      <c r="NLE714" s="613"/>
      <c r="NLF714" s="613"/>
      <c r="NLG714" s="613"/>
      <c r="NLH714" s="613"/>
      <c r="NLI714" s="613"/>
      <c r="NLJ714" s="613"/>
      <c r="NLK714" s="613"/>
      <c r="NLL714" s="613"/>
      <c r="NLM714" s="613"/>
      <c r="NLN714" s="613"/>
      <c r="NLO714" s="613"/>
      <c r="NLP714" s="613"/>
      <c r="NLQ714" s="613"/>
      <c r="NLR714" s="613"/>
      <c r="NLS714" s="613"/>
      <c r="NLT714" s="613"/>
      <c r="NLU714" s="613"/>
      <c r="NLV714" s="613"/>
      <c r="NLW714" s="613"/>
      <c r="NLX714" s="613"/>
      <c r="NLY714" s="613"/>
      <c r="NLZ714" s="613"/>
      <c r="NMA714" s="613"/>
      <c r="NMB714" s="613"/>
      <c r="NMC714" s="613"/>
      <c r="NMD714" s="613"/>
      <c r="NME714" s="613"/>
      <c r="NMF714" s="613"/>
      <c r="NMG714" s="613"/>
      <c r="NMH714" s="613"/>
      <c r="NMI714" s="613"/>
      <c r="NMJ714" s="613"/>
      <c r="NMK714" s="613"/>
      <c r="NML714" s="613"/>
      <c r="NMM714" s="613"/>
      <c r="NMN714" s="613"/>
      <c r="NMO714" s="613"/>
      <c r="NMP714" s="613"/>
      <c r="NMQ714" s="613"/>
      <c r="NMR714" s="613"/>
      <c r="NMS714" s="613"/>
      <c r="NMT714" s="613"/>
      <c r="NMU714" s="613"/>
      <c r="NMV714" s="613"/>
      <c r="NMW714" s="613"/>
      <c r="NMX714" s="613"/>
      <c r="NMY714" s="613"/>
      <c r="NMZ714" s="613"/>
      <c r="NNA714" s="613"/>
      <c r="NNB714" s="613"/>
      <c r="NNC714" s="613"/>
      <c r="NND714" s="613"/>
      <c r="NNE714" s="613"/>
      <c r="NNF714" s="613"/>
      <c r="NNG714" s="613"/>
      <c r="NNH714" s="613"/>
      <c r="NNI714" s="613"/>
      <c r="NNJ714" s="613"/>
      <c r="NNK714" s="613"/>
      <c r="NNL714" s="613"/>
      <c r="NNM714" s="613"/>
      <c r="NNN714" s="613"/>
      <c r="NNO714" s="613"/>
      <c r="NNP714" s="613"/>
      <c r="NNQ714" s="613"/>
      <c r="NNR714" s="613"/>
      <c r="NNS714" s="613"/>
      <c r="NNT714" s="613"/>
      <c r="NNU714" s="613"/>
      <c r="NNV714" s="613"/>
      <c r="NNW714" s="613"/>
      <c r="NNX714" s="613"/>
      <c r="NNY714" s="613"/>
      <c r="NNZ714" s="613"/>
      <c r="NOA714" s="613"/>
      <c r="NOB714" s="613"/>
      <c r="NOC714" s="613"/>
      <c r="NOD714" s="613"/>
      <c r="NOE714" s="613"/>
      <c r="NOF714" s="613"/>
      <c r="NOG714" s="613"/>
      <c r="NOH714" s="613"/>
      <c r="NOI714" s="613"/>
      <c r="NOJ714" s="613"/>
      <c r="NOK714" s="613"/>
      <c r="NOL714" s="613"/>
      <c r="NOM714" s="613"/>
      <c r="NON714" s="613"/>
      <c r="NOO714" s="613"/>
      <c r="NOP714" s="613"/>
      <c r="NOQ714" s="613"/>
      <c r="NOR714" s="613"/>
      <c r="NOS714" s="613"/>
      <c r="NOT714" s="613"/>
      <c r="NOU714" s="613"/>
      <c r="NOV714" s="613"/>
      <c r="NOW714" s="613"/>
      <c r="NOX714" s="613"/>
      <c r="NOY714" s="613"/>
      <c r="NOZ714" s="613"/>
      <c r="NPA714" s="613"/>
      <c r="NPB714" s="613"/>
      <c r="NPC714" s="613"/>
      <c r="NPD714" s="613"/>
      <c r="NPE714" s="613"/>
      <c r="NPF714" s="613"/>
      <c r="NPG714" s="613"/>
      <c r="NPH714" s="613"/>
      <c r="NPI714" s="613"/>
      <c r="NPJ714" s="613"/>
      <c r="NPK714" s="613"/>
      <c r="NPL714" s="613"/>
      <c r="NPM714" s="613"/>
      <c r="NPN714" s="613"/>
      <c r="NPO714" s="613"/>
      <c r="NPP714" s="613"/>
      <c r="NPQ714" s="613"/>
      <c r="NPR714" s="613"/>
      <c r="NPS714" s="613"/>
      <c r="NPT714" s="613"/>
      <c r="NPU714" s="613"/>
      <c r="NPV714" s="613"/>
      <c r="NPW714" s="613"/>
      <c r="NPX714" s="613"/>
      <c r="NPY714" s="613"/>
      <c r="NPZ714" s="613"/>
      <c r="NQA714" s="613"/>
      <c r="NQB714" s="613"/>
      <c r="NQC714" s="613"/>
      <c r="NQD714" s="613"/>
      <c r="NQE714" s="613"/>
      <c r="NQF714" s="613"/>
      <c r="NQG714" s="613"/>
      <c r="NQH714" s="613"/>
      <c r="NQI714" s="613"/>
      <c r="NQJ714" s="613"/>
      <c r="NQK714" s="613"/>
      <c r="NQL714" s="613"/>
      <c r="NQM714" s="613"/>
      <c r="NQN714" s="613"/>
      <c r="NQO714" s="613"/>
      <c r="NQP714" s="613"/>
      <c r="NQQ714" s="613"/>
      <c r="NQR714" s="613"/>
      <c r="NQS714" s="613"/>
      <c r="NQT714" s="613"/>
      <c r="NQU714" s="613"/>
      <c r="NQV714" s="613"/>
      <c r="NQW714" s="613"/>
      <c r="NQX714" s="613"/>
      <c r="NQY714" s="613"/>
      <c r="NQZ714" s="613"/>
      <c r="NRA714" s="613"/>
      <c r="NRB714" s="613"/>
      <c r="NRC714" s="613"/>
      <c r="NRD714" s="613"/>
      <c r="NRE714" s="613"/>
      <c r="NRF714" s="613"/>
      <c r="NRG714" s="613"/>
      <c r="NRH714" s="613"/>
      <c r="NRI714" s="613"/>
      <c r="NRJ714" s="613"/>
      <c r="NRK714" s="613"/>
      <c r="NRL714" s="613"/>
      <c r="NRM714" s="613"/>
      <c r="NRN714" s="613"/>
      <c r="NRO714" s="613"/>
      <c r="NRP714" s="613"/>
      <c r="NRQ714" s="613"/>
      <c r="NRR714" s="613"/>
      <c r="NRS714" s="613"/>
      <c r="NRT714" s="613"/>
      <c r="NRU714" s="613"/>
      <c r="NRV714" s="613"/>
      <c r="NRW714" s="613"/>
      <c r="NRX714" s="613"/>
      <c r="NRY714" s="613"/>
      <c r="NRZ714" s="613"/>
      <c r="NSA714" s="613"/>
      <c r="NSB714" s="613"/>
      <c r="NSC714" s="613"/>
      <c r="NSD714" s="613"/>
      <c r="NSE714" s="613"/>
      <c r="NSF714" s="613"/>
      <c r="NSG714" s="613"/>
      <c r="NSH714" s="613"/>
      <c r="NSI714" s="613"/>
      <c r="NSJ714" s="613"/>
      <c r="NSK714" s="613"/>
      <c r="NSL714" s="613"/>
      <c r="NSM714" s="613"/>
      <c r="NSN714" s="613"/>
      <c r="NSO714" s="613"/>
      <c r="NSP714" s="613"/>
      <c r="NSQ714" s="613"/>
      <c r="NSR714" s="613"/>
      <c r="NSS714" s="613"/>
      <c r="NST714" s="613"/>
      <c r="NSU714" s="613"/>
      <c r="NSV714" s="613"/>
      <c r="NSW714" s="613"/>
      <c r="NSX714" s="613"/>
      <c r="NSY714" s="613"/>
      <c r="NSZ714" s="613"/>
      <c r="NTA714" s="613"/>
      <c r="NTB714" s="613"/>
      <c r="NTC714" s="613"/>
      <c r="NTD714" s="613"/>
      <c r="NTE714" s="613"/>
      <c r="NTF714" s="613"/>
      <c r="NTG714" s="613"/>
      <c r="NTH714" s="613"/>
      <c r="NTI714" s="613"/>
      <c r="NTJ714" s="613"/>
      <c r="NTK714" s="613"/>
      <c r="NTL714" s="613"/>
      <c r="NTM714" s="613"/>
      <c r="NTN714" s="613"/>
      <c r="NTO714" s="613"/>
      <c r="NTP714" s="613"/>
      <c r="NTQ714" s="613"/>
      <c r="NTR714" s="613"/>
      <c r="NTS714" s="613"/>
      <c r="NTT714" s="613"/>
      <c r="NTU714" s="613"/>
      <c r="NTV714" s="613"/>
      <c r="NTW714" s="613"/>
      <c r="NTX714" s="613"/>
      <c r="NTY714" s="613"/>
      <c r="NTZ714" s="613"/>
      <c r="NUA714" s="613"/>
      <c r="NUB714" s="613"/>
      <c r="NUC714" s="613"/>
      <c r="NUD714" s="613"/>
      <c r="NUE714" s="613"/>
      <c r="NUF714" s="613"/>
      <c r="NUG714" s="613"/>
      <c r="NUH714" s="613"/>
      <c r="NUI714" s="613"/>
      <c r="NUJ714" s="613"/>
      <c r="NUK714" s="613"/>
      <c r="NUL714" s="613"/>
      <c r="NUM714" s="613"/>
      <c r="NUN714" s="613"/>
      <c r="NUO714" s="613"/>
      <c r="NUP714" s="613"/>
      <c r="NUQ714" s="613"/>
      <c r="NUR714" s="613"/>
      <c r="NUS714" s="613"/>
      <c r="NUT714" s="613"/>
      <c r="NUU714" s="613"/>
      <c r="NUV714" s="613"/>
      <c r="NUW714" s="613"/>
      <c r="NUX714" s="613"/>
      <c r="NUY714" s="613"/>
      <c r="NUZ714" s="613"/>
      <c r="NVA714" s="613"/>
      <c r="NVB714" s="613"/>
      <c r="NVC714" s="613"/>
      <c r="NVD714" s="613"/>
      <c r="NVE714" s="613"/>
      <c r="NVF714" s="613"/>
      <c r="NVG714" s="613"/>
      <c r="NVH714" s="613"/>
      <c r="NVI714" s="613"/>
      <c r="NVJ714" s="613"/>
      <c r="NVK714" s="613"/>
      <c r="NVL714" s="613"/>
      <c r="NVM714" s="613"/>
      <c r="NVN714" s="613"/>
      <c r="NVO714" s="613"/>
      <c r="NVP714" s="613"/>
      <c r="NVQ714" s="613"/>
      <c r="NVR714" s="613"/>
      <c r="NVS714" s="613"/>
      <c r="NVT714" s="613"/>
      <c r="NVU714" s="613"/>
      <c r="NVV714" s="613"/>
      <c r="NVW714" s="613"/>
      <c r="NVX714" s="613"/>
      <c r="NVY714" s="613"/>
      <c r="NVZ714" s="613"/>
      <c r="NWA714" s="613"/>
      <c r="NWB714" s="613"/>
      <c r="NWC714" s="613"/>
      <c r="NWD714" s="613"/>
      <c r="NWE714" s="613"/>
      <c r="NWF714" s="613"/>
      <c r="NWG714" s="613"/>
      <c r="NWH714" s="613"/>
      <c r="NWI714" s="613"/>
      <c r="NWJ714" s="613"/>
      <c r="NWK714" s="613"/>
      <c r="NWL714" s="613"/>
      <c r="NWM714" s="613"/>
      <c r="NWN714" s="613"/>
      <c r="NWO714" s="613"/>
      <c r="NWP714" s="613"/>
      <c r="NWQ714" s="613"/>
      <c r="NWR714" s="613"/>
      <c r="NWS714" s="613"/>
      <c r="NWT714" s="613"/>
      <c r="NWU714" s="613"/>
      <c r="NWV714" s="613"/>
      <c r="NWW714" s="613"/>
      <c r="NWX714" s="613"/>
      <c r="NWY714" s="613"/>
      <c r="NWZ714" s="613"/>
      <c r="NXA714" s="613"/>
      <c r="NXB714" s="613"/>
      <c r="NXC714" s="613"/>
      <c r="NXD714" s="613"/>
      <c r="NXE714" s="613"/>
      <c r="NXF714" s="613"/>
      <c r="NXG714" s="613"/>
      <c r="NXH714" s="613"/>
      <c r="NXI714" s="613"/>
      <c r="NXJ714" s="613"/>
      <c r="NXK714" s="613"/>
      <c r="NXL714" s="613"/>
      <c r="NXM714" s="613"/>
      <c r="NXN714" s="613"/>
      <c r="NXO714" s="613"/>
      <c r="NXP714" s="613"/>
      <c r="NXQ714" s="613"/>
      <c r="NXR714" s="613"/>
      <c r="NXS714" s="613"/>
      <c r="NXT714" s="613"/>
      <c r="NXU714" s="613"/>
      <c r="NXV714" s="613"/>
      <c r="NXW714" s="613"/>
      <c r="NXX714" s="613"/>
      <c r="NXY714" s="613"/>
      <c r="NXZ714" s="613"/>
      <c r="NYA714" s="613"/>
      <c r="NYB714" s="613"/>
      <c r="NYC714" s="613"/>
      <c r="NYD714" s="613"/>
      <c r="NYE714" s="613"/>
      <c r="NYF714" s="613"/>
      <c r="NYG714" s="613"/>
      <c r="NYH714" s="613"/>
      <c r="NYI714" s="613"/>
      <c r="NYJ714" s="613"/>
      <c r="NYK714" s="613"/>
      <c r="NYL714" s="613"/>
      <c r="NYM714" s="613"/>
      <c r="NYN714" s="613"/>
      <c r="NYO714" s="613"/>
      <c r="NYP714" s="613"/>
      <c r="NYQ714" s="613"/>
      <c r="NYR714" s="613"/>
      <c r="NYS714" s="613"/>
      <c r="NYT714" s="613"/>
      <c r="NYU714" s="613"/>
      <c r="NYV714" s="613"/>
      <c r="NYW714" s="613"/>
      <c r="NYX714" s="613"/>
      <c r="NYY714" s="613"/>
      <c r="NYZ714" s="613"/>
      <c r="NZA714" s="613"/>
      <c r="NZB714" s="613"/>
      <c r="NZC714" s="613"/>
      <c r="NZD714" s="613"/>
      <c r="NZE714" s="613"/>
      <c r="NZF714" s="613"/>
      <c r="NZG714" s="613"/>
      <c r="NZH714" s="613"/>
      <c r="NZI714" s="613"/>
      <c r="NZJ714" s="613"/>
      <c r="NZK714" s="613"/>
      <c r="NZL714" s="613"/>
      <c r="NZM714" s="613"/>
      <c r="NZN714" s="613"/>
      <c r="NZO714" s="613"/>
      <c r="NZP714" s="613"/>
      <c r="NZQ714" s="613"/>
      <c r="NZR714" s="613"/>
      <c r="NZS714" s="613"/>
      <c r="NZT714" s="613"/>
      <c r="NZU714" s="613"/>
      <c r="NZV714" s="613"/>
      <c r="NZW714" s="613"/>
      <c r="NZX714" s="613"/>
      <c r="NZY714" s="613"/>
      <c r="NZZ714" s="613"/>
      <c r="OAA714" s="613"/>
      <c r="OAB714" s="613"/>
      <c r="OAC714" s="613"/>
      <c r="OAD714" s="613"/>
      <c r="OAE714" s="613"/>
      <c r="OAF714" s="613"/>
      <c r="OAG714" s="613"/>
      <c r="OAH714" s="613"/>
      <c r="OAI714" s="613"/>
      <c r="OAJ714" s="613"/>
      <c r="OAK714" s="613"/>
      <c r="OAL714" s="613"/>
      <c r="OAM714" s="613"/>
      <c r="OAN714" s="613"/>
      <c r="OAO714" s="613"/>
      <c r="OAP714" s="613"/>
      <c r="OAQ714" s="613"/>
      <c r="OAR714" s="613"/>
      <c r="OAS714" s="613"/>
      <c r="OAT714" s="613"/>
      <c r="OAU714" s="613"/>
      <c r="OAV714" s="613"/>
      <c r="OAW714" s="613"/>
      <c r="OAX714" s="613"/>
      <c r="OAY714" s="613"/>
      <c r="OAZ714" s="613"/>
      <c r="OBA714" s="613"/>
      <c r="OBB714" s="613"/>
      <c r="OBC714" s="613"/>
      <c r="OBD714" s="613"/>
      <c r="OBE714" s="613"/>
      <c r="OBF714" s="613"/>
      <c r="OBG714" s="613"/>
      <c r="OBH714" s="613"/>
      <c r="OBI714" s="613"/>
      <c r="OBJ714" s="613"/>
      <c r="OBK714" s="613"/>
      <c r="OBL714" s="613"/>
      <c r="OBM714" s="613"/>
      <c r="OBN714" s="613"/>
      <c r="OBO714" s="613"/>
      <c r="OBP714" s="613"/>
      <c r="OBQ714" s="613"/>
      <c r="OBR714" s="613"/>
      <c r="OBS714" s="613"/>
      <c r="OBT714" s="613"/>
      <c r="OBU714" s="613"/>
      <c r="OBV714" s="613"/>
      <c r="OBW714" s="613"/>
      <c r="OBX714" s="613"/>
      <c r="OBY714" s="613"/>
      <c r="OBZ714" s="613"/>
      <c r="OCA714" s="613"/>
      <c r="OCB714" s="613"/>
      <c r="OCC714" s="613"/>
      <c r="OCD714" s="613"/>
      <c r="OCE714" s="613"/>
      <c r="OCF714" s="613"/>
      <c r="OCG714" s="613"/>
      <c r="OCH714" s="613"/>
      <c r="OCI714" s="613"/>
      <c r="OCJ714" s="613"/>
      <c r="OCK714" s="613"/>
      <c r="OCL714" s="613"/>
      <c r="OCM714" s="613"/>
      <c r="OCN714" s="613"/>
      <c r="OCO714" s="613"/>
      <c r="OCP714" s="613"/>
      <c r="OCQ714" s="613"/>
      <c r="OCR714" s="613"/>
      <c r="OCS714" s="613"/>
      <c r="OCT714" s="613"/>
      <c r="OCU714" s="613"/>
      <c r="OCV714" s="613"/>
      <c r="OCW714" s="613"/>
      <c r="OCX714" s="613"/>
      <c r="OCY714" s="613"/>
      <c r="OCZ714" s="613"/>
      <c r="ODA714" s="613"/>
      <c r="ODB714" s="613"/>
      <c r="ODC714" s="613"/>
      <c r="ODD714" s="613"/>
      <c r="ODE714" s="613"/>
      <c r="ODF714" s="613"/>
      <c r="ODG714" s="613"/>
      <c r="ODH714" s="613"/>
      <c r="ODI714" s="613"/>
      <c r="ODJ714" s="613"/>
      <c r="ODK714" s="613"/>
      <c r="ODL714" s="613"/>
      <c r="ODM714" s="613"/>
      <c r="ODN714" s="613"/>
      <c r="ODO714" s="613"/>
      <c r="ODP714" s="613"/>
      <c r="ODQ714" s="613"/>
      <c r="ODR714" s="613"/>
      <c r="ODS714" s="613"/>
      <c r="ODT714" s="613"/>
      <c r="ODU714" s="613"/>
      <c r="ODV714" s="613"/>
      <c r="ODW714" s="613"/>
      <c r="ODX714" s="613"/>
      <c r="ODY714" s="613"/>
      <c r="ODZ714" s="613"/>
      <c r="OEA714" s="613"/>
      <c r="OEB714" s="613"/>
      <c r="OEC714" s="613"/>
      <c r="OED714" s="613"/>
      <c r="OEE714" s="613"/>
      <c r="OEF714" s="613"/>
      <c r="OEG714" s="613"/>
      <c r="OEH714" s="613"/>
      <c r="OEI714" s="613"/>
      <c r="OEJ714" s="613"/>
      <c r="OEK714" s="613"/>
      <c r="OEL714" s="613"/>
      <c r="OEM714" s="613"/>
      <c r="OEN714" s="613"/>
      <c r="OEO714" s="613"/>
      <c r="OEP714" s="613"/>
      <c r="OEQ714" s="613"/>
      <c r="OER714" s="613"/>
      <c r="OES714" s="613"/>
      <c r="OET714" s="613"/>
      <c r="OEU714" s="613"/>
      <c r="OEV714" s="613"/>
      <c r="OEW714" s="613"/>
      <c r="OEX714" s="613"/>
      <c r="OEY714" s="613"/>
      <c r="OEZ714" s="613"/>
      <c r="OFA714" s="613"/>
      <c r="OFB714" s="613"/>
      <c r="OFC714" s="613"/>
      <c r="OFD714" s="613"/>
      <c r="OFE714" s="613"/>
      <c r="OFF714" s="613"/>
      <c r="OFG714" s="613"/>
      <c r="OFH714" s="613"/>
      <c r="OFI714" s="613"/>
      <c r="OFJ714" s="613"/>
      <c r="OFK714" s="613"/>
      <c r="OFL714" s="613"/>
      <c r="OFM714" s="613"/>
      <c r="OFN714" s="613"/>
      <c r="OFO714" s="613"/>
      <c r="OFP714" s="613"/>
      <c r="OFQ714" s="613"/>
      <c r="OFR714" s="613"/>
      <c r="OFS714" s="613"/>
      <c r="OFT714" s="613"/>
      <c r="OFU714" s="613"/>
      <c r="OFV714" s="613"/>
      <c r="OFW714" s="613"/>
      <c r="OFX714" s="613"/>
      <c r="OFY714" s="613"/>
      <c r="OFZ714" s="613"/>
      <c r="OGA714" s="613"/>
      <c r="OGB714" s="613"/>
      <c r="OGC714" s="613"/>
      <c r="OGD714" s="613"/>
      <c r="OGE714" s="613"/>
      <c r="OGF714" s="613"/>
      <c r="OGG714" s="613"/>
      <c r="OGH714" s="613"/>
      <c r="OGI714" s="613"/>
      <c r="OGJ714" s="613"/>
      <c r="OGK714" s="613"/>
      <c r="OGL714" s="613"/>
      <c r="OGM714" s="613"/>
      <c r="OGN714" s="613"/>
      <c r="OGO714" s="613"/>
      <c r="OGP714" s="613"/>
      <c r="OGQ714" s="613"/>
      <c r="OGR714" s="613"/>
      <c r="OGS714" s="613"/>
      <c r="OGT714" s="613"/>
      <c r="OGU714" s="613"/>
      <c r="OGV714" s="613"/>
      <c r="OGW714" s="613"/>
      <c r="OGX714" s="613"/>
      <c r="OGY714" s="613"/>
      <c r="OGZ714" s="613"/>
      <c r="OHA714" s="613"/>
      <c r="OHB714" s="613"/>
      <c r="OHC714" s="613"/>
      <c r="OHD714" s="613"/>
      <c r="OHE714" s="613"/>
      <c r="OHF714" s="613"/>
      <c r="OHG714" s="613"/>
      <c r="OHH714" s="613"/>
      <c r="OHI714" s="613"/>
      <c r="OHJ714" s="613"/>
      <c r="OHK714" s="613"/>
      <c r="OHL714" s="613"/>
      <c r="OHM714" s="613"/>
      <c r="OHN714" s="613"/>
      <c r="OHO714" s="613"/>
      <c r="OHP714" s="613"/>
      <c r="OHQ714" s="613"/>
      <c r="OHR714" s="613"/>
      <c r="OHS714" s="613"/>
      <c r="OHT714" s="613"/>
      <c r="OHU714" s="613"/>
      <c r="OHV714" s="613"/>
      <c r="OHW714" s="613"/>
      <c r="OHX714" s="613"/>
      <c r="OHY714" s="613"/>
      <c r="OHZ714" s="613"/>
      <c r="OIA714" s="613"/>
      <c r="OIB714" s="613"/>
      <c r="OIC714" s="613"/>
      <c r="OID714" s="613"/>
      <c r="OIE714" s="613"/>
      <c r="OIF714" s="613"/>
      <c r="OIG714" s="613"/>
      <c r="OIH714" s="613"/>
      <c r="OII714" s="613"/>
      <c r="OIJ714" s="613"/>
      <c r="OIK714" s="613"/>
      <c r="OIL714" s="613"/>
      <c r="OIM714" s="613"/>
      <c r="OIN714" s="613"/>
      <c r="OIO714" s="613"/>
      <c r="OIP714" s="613"/>
      <c r="OIQ714" s="613"/>
      <c r="OIR714" s="613"/>
      <c r="OIS714" s="613"/>
      <c r="OIT714" s="613"/>
      <c r="OIU714" s="613"/>
      <c r="OIV714" s="613"/>
      <c r="OIW714" s="613"/>
      <c r="OIX714" s="613"/>
      <c r="OIY714" s="613"/>
      <c r="OIZ714" s="613"/>
      <c r="OJA714" s="613"/>
      <c r="OJB714" s="613"/>
      <c r="OJC714" s="613"/>
      <c r="OJD714" s="613"/>
      <c r="OJE714" s="613"/>
      <c r="OJF714" s="613"/>
      <c r="OJG714" s="613"/>
      <c r="OJH714" s="613"/>
      <c r="OJI714" s="613"/>
      <c r="OJJ714" s="613"/>
      <c r="OJK714" s="613"/>
      <c r="OJL714" s="613"/>
      <c r="OJM714" s="613"/>
      <c r="OJN714" s="613"/>
      <c r="OJO714" s="613"/>
      <c r="OJP714" s="613"/>
      <c r="OJQ714" s="613"/>
      <c r="OJR714" s="613"/>
      <c r="OJS714" s="613"/>
      <c r="OJT714" s="613"/>
      <c r="OJU714" s="613"/>
      <c r="OJV714" s="613"/>
      <c r="OJW714" s="613"/>
      <c r="OJX714" s="613"/>
      <c r="OJY714" s="613"/>
      <c r="OJZ714" s="613"/>
      <c r="OKA714" s="613"/>
      <c r="OKB714" s="613"/>
      <c r="OKC714" s="613"/>
      <c r="OKD714" s="613"/>
      <c r="OKE714" s="613"/>
      <c r="OKF714" s="613"/>
      <c r="OKG714" s="613"/>
      <c r="OKH714" s="613"/>
      <c r="OKI714" s="613"/>
      <c r="OKJ714" s="613"/>
      <c r="OKK714" s="613"/>
      <c r="OKL714" s="613"/>
      <c r="OKM714" s="613"/>
      <c r="OKN714" s="613"/>
      <c r="OKO714" s="613"/>
      <c r="OKP714" s="613"/>
      <c r="OKQ714" s="613"/>
      <c r="OKR714" s="613"/>
      <c r="OKS714" s="613"/>
      <c r="OKT714" s="613"/>
      <c r="OKU714" s="613"/>
      <c r="OKV714" s="613"/>
      <c r="OKW714" s="613"/>
      <c r="OKX714" s="613"/>
      <c r="OKY714" s="613"/>
      <c r="OKZ714" s="613"/>
      <c r="OLA714" s="613"/>
      <c r="OLB714" s="613"/>
      <c r="OLC714" s="613"/>
      <c r="OLD714" s="613"/>
      <c r="OLE714" s="613"/>
      <c r="OLF714" s="613"/>
      <c r="OLG714" s="613"/>
      <c r="OLH714" s="613"/>
      <c r="OLI714" s="613"/>
      <c r="OLJ714" s="613"/>
      <c r="OLK714" s="613"/>
      <c r="OLL714" s="613"/>
      <c r="OLM714" s="613"/>
      <c r="OLN714" s="613"/>
      <c r="OLO714" s="613"/>
      <c r="OLP714" s="613"/>
      <c r="OLQ714" s="613"/>
      <c r="OLR714" s="613"/>
      <c r="OLS714" s="613"/>
      <c r="OLT714" s="613"/>
      <c r="OLU714" s="613"/>
      <c r="OLV714" s="613"/>
      <c r="OLW714" s="613"/>
      <c r="OLX714" s="613"/>
      <c r="OLY714" s="613"/>
      <c r="OLZ714" s="613"/>
      <c r="OMA714" s="613"/>
      <c r="OMB714" s="613"/>
      <c r="OMC714" s="613"/>
      <c r="OMD714" s="613"/>
      <c r="OME714" s="613"/>
      <c r="OMF714" s="613"/>
      <c r="OMG714" s="613"/>
      <c r="OMH714" s="613"/>
      <c r="OMI714" s="613"/>
      <c r="OMJ714" s="613"/>
      <c r="OMK714" s="613"/>
      <c r="OML714" s="613"/>
      <c r="OMM714" s="613"/>
      <c r="OMN714" s="613"/>
      <c r="OMO714" s="613"/>
      <c r="OMP714" s="613"/>
      <c r="OMQ714" s="613"/>
      <c r="OMR714" s="613"/>
      <c r="OMS714" s="613"/>
      <c r="OMT714" s="613"/>
      <c r="OMU714" s="613"/>
      <c r="OMV714" s="613"/>
      <c r="OMW714" s="613"/>
      <c r="OMX714" s="613"/>
      <c r="OMY714" s="613"/>
      <c r="OMZ714" s="613"/>
      <c r="ONA714" s="613"/>
      <c r="ONB714" s="613"/>
      <c r="ONC714" s="613"/>
      <c r="OND714" s="613"/>
      <c r="ONE714" s="613"/>
      <c r="ONF714" s="613"/>
      <c r="ONG714" s="613"/>
      <c r="ONH714" s="613"/>
      <c r="ONI714" s="613"/>
      <c r="ONJ714" s="613"/>
      <c r="ONK714" s="613"/>
      <c r="ONL714" s="613"/>
      <c r="ONM714" s="613"/>
      <c r="ONN714" s="613"/>
      <c r="ONO714" s="613"/>
      <c r="ONP714" s="613"/>
      <c r="ONQ714" s="613"/>
      <c r="ONR714" s="613"/>
      <c r="ONS714" s="613"/>
      <c r="ONT714" s="613"/>
      <c r="ONU714" s="613"/>
      <c r="ONV714" s="613"/>
      <c r="ONW714" s="613"/>
      <c r="ONX714" s="613"/>
      <c r="ONY714" s="613"/>
      <c r="ONZ714" s="613"/>
      <c r="OOA714" s="613"/>
      <c r="OOB714" s="613"/>
      <c r="OOC714" s="613"/>
      <c r="OOD714" s="613"/>
      <c r="OOE714" s="613"/>
      <c r="OOF714" s="613"/>
      <c r="OOG714" s="613"/>
      <c r="OOH714" s="613"/>
      <c r="OOI714" s="613"/>
      <c r="OOJ714" s="613"/>
      <c r="OOK714" s="613"/>
      <c r="OOL714" s="613"/>
      <c r="OOM714" s="613"/>
      <c r="OON714" s="613"/>
      <c r="OOO714" s="613"/>
      <c r="OOP714" s="613"/>
      <c r="OOQ714" s="613"/>
      <c r="OOR714" s="613"/>
      <c r="OOS714" s="613"/>
      <c r="OOT714" s="613"/>
      <c r="OOU714" s="613"/>
      <c r="OOV714" s="613"/>
      <c r="OOW714" s="613"/>
      <c r="OOX714" s="613"/>
      <c r="OOY714" s="613"/>
      <c r="OOZ714" s="613"/>
      <c r="OPA714" s="613"/>
      <c r="OPB714" s="613"/>
      <c r="OPC714" s="613"/>
      <c r="OPD714" s="613"/>
      <c r="OPE714" s="613"/>
      <c r="OPF714" s="613"/>
      <c r="OPG714" s="613"/>
      <c r="OPH714" s="613"/>
      <c r="OPI714" s="613"/>
      <c r="OPJ714" s="613"/>
      <c r="OPK714" s="613"/>
      <c r="OPL714" s="613"/>
      <c r="OPM714" s="613"/>
      <c r="OPN714" s="613"/>
      <c r="OPO714" s="613"/>
      <c r="OPP714" s="613"/>
      <c r="OPQ714" s="613"/>
      <c r="OPR714" s="613"/>
      <c r="OPS714" s="613"/>
      <c r="OPT714" s="613"/>
      <c r="OPU714" s="613"/>
      <c r="OPV714" s="613"/>
      <c r="OPW714" s="613"/>
      <c r="OPX714" s="613"/>
      <c r="OPY714" s="613"/>
      <c r="OPZ714" s="613"/>
      <c r="OQA714" s="613"/>
      <c r="OQB714" s="613"/>
      <c r="OQC714" s="613"/>
      <c r="OQD714" s="613"/>
      <c r="OQE714" s="613"/>
      <c r="OQF714" s="613"/>
      <c r="OQG714" s="613"/>
      <c r="OQH714" s="613"/>
      <c r="OQI714" s="613"/>
      <c r="OQJ714" s="613"/>
      <c r="OQK714" s="613"/>
      <c r="OQL714" s="613"/>
      <c r="OQM714" s="613"/>
      <c r="OQN714" s="613"/>
      <c r="OQO714" s="613"/>
      <c r="OQP714" s="613"/>
      <c r="OQQ714" s="613"/>
      <c r="OQR714" s="613"/>
      <c r="OQS714" s="613"/>
      <c r="OQT714" s="613"/>
      <c r="OQU714" s="613"/>
      <c r="OQV714" s="613"/>
      <c r="OQW714" s="613"/>
      <c r="OQX714" s="613"/>
      <c r="OQY714" s="613"/>
      <c r="OQZ714" s="613"/>
      <c r="ORA714" s="613"/>
      <c r="ORB714" s="613"/>
      <c r="ORC714" s="613"/>
      <c r="ORD714" s="613"/>
      <c r="ORE714" s="613"/>
      <c r="ORF714" s="613"/>
      <c r="ORG714" s="613"/>
      <c r="ORH714" s="613"/>
      <c r="ORI714" s="613"/>
      <c r="ORJ714" s="613"/>
      <c r="ORK714" s="613"/>
      <c r="ORL714" s="613"/>
      <c r="ORM714" s="613"/>
      <c r="ORN714" s="613"/>
      <c r="ORO714" s="613"/>
      <c r="ORP714" s="613"/>
      <c r="ORQ714" s="613"/>
      <c r="ORR714" s="613"/>
      <c r="ORS714" s="613"/>
      <c r="ORT714" s="613"/>
      <c r="ORU714" s="613"/>
      <c r="ORV714" s="613"/>
      <c r="ORW714" s="613"/>
      <c r="ORX714" s="613"/>
      <c r="ORY714" s="613"/>
      <c r="ORZ714" s="613"/>
      <c r="OSA714" s="613"/>
      <c r="OSB714" s="613"/>
      <c r="OSC714" s="613"/>
      <c r="OSD714" s="613"/>
      <c r="OSE714" s="613"/>
      <c r="OSF714" s="613"/>
      <c r="OSG714" s="613"/>
      <c r="OSH714" s="613"/>
      <c r="OSI714" s="613"/>
      <c r="OSJ714" s="613"/>
      <c r="OSK714" s="613"/>
      <c r="OSL714" s="613"/>
      <c r="OSM714" s="613"/>
      <c r="OSN714" s="613"/>
      <c r="OSO714" s="613"/>
      <c r="OSP714" s="613"/>
      <c r="OSQ714" s="613"/>
      <c r="OSR714" s="613"/>
      <c r="OSS714" s="613"/>
      <c r="OST714" s="613"/>
      <c r="OSU714" s="613"/>
      <c r="OSV714" s="613"/>
      <c r="OSW714" s="613"/>
      <c r="OSX714" s="613"/>
      <c r="OSY714" s="613"/>
      <c r="OSZ714" s="613"/>
      <c r="OTA714" s="613"/>
      <c r="OTB714" s="613"/>
      <c r="OTC714" s="613"/>
      <c r="OTD714" s="613"/>
      <c r="OTE714" s="613"/>
      <c r="OTF714" s="613"/>
      <c r="OTG714" s="613"/>
      <c r="OTH714" s="613"/>
      <c r="OTI714" s="613"/>
      <c r="OTJ714" s="613"/>
      <c r="OTK714" s="613"/>
      <c r="OTL714" s="613"/>
      <c r="OTM714" s="613"/>
      <c r="OTN714" s="613"/>
      <c r="OTO714" s="613"/>
      <c r="OTP714" s="613"/>
      <c r="OTQ714" s="613"/>
      <c r="OTR714" s="613"/>
      <c r="OTS714" s="613"/>
      <c r="OTT714" s="613"/>
      <c r="OTU714" s="613"/>
      <c r="OTV714" s="613"/>
      <c r="OTW714" s="613"/>
      <c r="OTX714" s="613"/>
      <c r="OTY714" s="613"/>
      <c r="OTZ714" s="613"/>
      <c r="OUA714" s="613"/>
      <c r="OUB714" s="613"/>
      <c r="OUC714" s="613"/>
      <c r="OUD714" s="613"/>
      <c r="OUE714" s="613"/>
      <c r="OUF714" s="613"/>
      <c r="OUG714" s="613"/>
      <c r="OUH714" s="613"/>
      <c r="OUI714" s="613"/>
      <c r="OUJ714" s="613"/>
      <c r="OUK714" s="613"/>
      <c r="OUL714" s="613"/>
      <c r="OUM714" s="613"/>
      <c r="OUN714" s="613"/>
      <c r="OUO714" s="613"/>
      <c r="OUP714" s="613"/>
      <c r="OUQ714" s="613"/>
      <c r="OUR714" s="613"/>
      <c r="OUS714" s="613"/>
      <c r="OUT714" s="613"/>
      <c r="OUU714" s="613"/>
      <c r="OUV714" s="613"/>
      <c r="OUW714" s="613"/>
      <c r="OUX714" s="613"/>
      <c r="OUY714" s="613"/>
      <c r="OUZ714" s="613"/>
      <c r="OVA714" s="613"/>
      <c r="OVB714" s="613"/>
      <c r="OVC714" s="613"/>
      <c r="OVD714" s="613"/>
      <c r="OVE714" s="613"/>
      <c r="OVF714" s="613"/>
      <c r="OVG714" s="613"/>
      <c r="OVH714" s="613"/>
      <c r="OVI714" s="613"/>
      <c r="OVJ714" s="613"/>
      <c r="OVK714" s="613"/>
      <c r="OVL714" s="613"/>
      <c r="OVM714" s="613"/>
      <c r="OVN714" s="613"/>
      <c r="OVO714" s="613"/>
      <c r="OVP714" s="613"/>
      <c r="OVQ714" s="613"/>
      <c r="OVR714" s="613"/>
      <c r="OVS714" s="613"/>
      <c r="OVT714" s="613"/>
      <c r="OVU714" s="613"/>
      <c r="OVV714" s="613"/>
      <c r="OVW714" s="613"/>
      <c r="OVX714" s="613"/>
      <c r="OVY714" s="613"/>
      <c r="OVZ714" s="613"/>
      <c r="OWA714" s="613"/>
      <c r="OWB714" s="613"/>
      <c r="OWC714" s="613"/>
      <c r="OWD714" s="613"/>
      <c r="OWE714" s="613"/>
      <c r="OWF714" s="613"/>
      <c r="OWG714" s="613"/>
      <c r="OWH714" s="613"/>
      <c r="OWI714" s="613"/>
      <c r="OWJ714" s="613"/>
      <c r="OWK714" s="613"/>
      <c r="OWL714" s="613"/>
      <c r="OWM714" s="613"/>
      <c r="OWN714" s="613"/>
      <c r="OWO714" s="613"/>
      <c r="OWP714" s="613"/>
      <c r="OWQ714" s="613"/>
      <c r="OWR714" s="613"/>
      <c r="OWS714" s="613"/>
      <c r="OWT714" s="613"/>
      <c r="OWU714" s="613"/>
      <c r="OWV714" s="613"/>
      <c r="OWW714" s="613"/>
      <c r="OWX714" s="613"/>
      <c r="OWY714" s="613"/>
      <c r="OWZ714" s="613"/>
      <c r="OXA714" s="613"/>
      <c r="OXB714" s="613"/>
      <c r="OXC714" s="613"/>
      <c r="OXD714" s="613"/>
      <c r="OXE714" s="613"/>
      <c r="OXF714" s="613"/>
      <c r="OXG714" s="613"/>
      <c r="OXH714" s="613"/>
      <c r="OXI714" s="613"/>
      <c r="OXJ714" s="613"/>
      <c r="OXK714" s="613"/>
      <c r="OXL714" s="613"/>
      <c r="OXM714" s="613"/>
      <c r="OXN714" s="613"/>
      <c r="OXO714" s="613"/>
      <c r="OXP714" s="613"/>
      <c r="OXQ714" s="613"/>
      <c r="OXR714" s="613"/>
      <c r="OXS714" s="613"/>
      <c r="OXT714" s="613"/>
      <c r="OXU714" s="613"/>
      <c r="OXV714" s="613"/>
      <c r="OXW714" s="613"/>
      <c r="OXX714" s="613"/>
      <c r="OXY714" s="613"/>
      <c r="OXZ714" s="613"/>
      <c r="OYA714" s="613"/>
      <c r="OYB714" s="613"/>
      <c r="OYC714" s="613"/>
      <c r="OYD714" s="613"/>
      <c r="OYE714" s="613"/>
      <c r="OYF714" s="613"/>
      <c r="OYG714" s="613"/>
      <c r="OYH714" s="613"/>
      <c r="OYI714" s="613"/>
      <c r="OYJ714" s="613"/>
      <c r="OYK714" s="613"/>
      <c r="OYL714" s="613"/>
      <c r="OYM714" s="613"/>
      <c r="OYN714" s="613"/>
      <c r="OYO714" s="613"/>
      <c r="OYP714" s="613"/>
      <c r="OYQ714" s="613"/>
      <c r="OYR714" s="613"/>
      <c r="OYS714" s="613"/>
      <c r="OYT714" s="613"/>
      <c r="OYU714" s="613"/>
      <c r="OYV714" s="613"/>
      <c r="OYW714" s="613"/>
      <c r="OYX714" s="613"/>
      <c r="OYY714" s="613"/>
      <c r="OYZ714" s="613"/>
      <c r="OZA714" s="613"/>
      <c r="OZB714" s="613"/>
      <c r="OZC714" s="613"/>
      <c r="OZD714" s="613"/>
      <c r="OZE714" s="613"/>
      <c r="OZF714" s="613"/>
      <c r="OZG714" s="613"/>
      <c r="OZH714" s="613"/>
      <c r="OZI714" s="613"/>
      <c r="OZJ714" s="613"/>
      <c r="OZK714" s="613"/>
      <c r="OZL714" s="613"/>
      <c r="OZM714" s="613"/>
      <c r="OZN714" s="613"/>
      <c r="OZO714" s="613"/>
      <c r="OZP714" s="613"/>
      <c r="OZQ714" s="613"/>
      <c r="OZR714" s="613"/>
      <c r="OZS714" s="613"/>
      <c r="OZT714" s="613"/>
      <c r="OZU714" s="613"/>
      <c r="OZV714" s="613"/>
      <c r="OZW714" s="613"/>
      <c r="OZX714" s="613"/>
      <c r="OZY714" s="613"/>
      <c r="OZZ714" s="613"/>
      <c r="PAA714" s="613"/>
      <c r="PAB714" s="613"/>
      <c r="PAC714" s="613"/>
      <c r="PAD714" s="613"/>
      <c r="PAE714" s="613"/>
      <c r="PAF714" s="613"/>
      <c r="PAG714" s="613"/>
      <c r="PAH714" s="613"/>
      <c r="PAI714" s="613"/>
      <c r="PAJ714" s="613"/>
      <c r="PAK714" s="613"/>
      <c r="PAL714" s="613"/>
      <c r="PAM714" s="613"/>
      <c r="PAN714" s="613"/>
      <c r="PAO714" s="613"/>
      <c r="PAP714" s="613"/>
      <c r="PAQ714" s="613"/>
      <c r="PAR714" s="613"/>
      <c r="PAS714" s="613"/>
      <c r="PAT714" s="613"/>
      <c r="PAU714" s="613"/>
      <c r="PAV714" s="613"/>
      <c r="PAW714" s="613"/>
      <c r="PAX714" s="613"/>
      <c r="PAY714" s="613"/>
      <c r="PAZ714" s="613"/>
      <c r="PBA714" s="613"/>
      <c r="PBB714" s="613"/>
      <c r="PBC714" s="613"/>
      <c r="PBD714" s="613"/>
      <c r="PBE714" s="613"/>
      <c r="PBF714" s="613"/>
      <c r="PBG714" s="613"/>
      <c r="PBH714" s="613"/>
      <c r="PBI714" s="613"/>
      <c r="PBJ714" s="613"/>
      <c r="PBK714" s="613"/>
      <c r="PBL714" s="613"/>
      <c r="PBM714" s="613"/>
      <c r="PBN714" s="613"/>
      <c r="PBO714" s="613"/>
      <c r="PBP714" s="613"/>
      <c r="PBQ714" s="613"/>
      <c r="PBR714" s="613"/>
      <c r="PBS714" s="613"/>
      <c r="PBT714" s="613"/>
      <c r="PBU714" s="613"/>
      <c r="PBV714" s="613"/>
      <c r="PBW714" s="613"/>
      <c r="PBX714" s="613"/>
      <c r="PBY714" s="613"/>
      <c r="PBZ714" s="613"/>
      <c r="PCA714" s="613"/>
      <c r="PCB714" s="613"/>
      <c r="PCC714" s="613"/>
      <c r="PCD714" s="613"/>
      <c r="PCE714" s="613"/>
      <c r="PCF714" s="613"/>
      <c r="PCG714" s="613"/>
      <c r="PCH714" s="613"/>
      <c r="PCI714" s="613"/>
      <c r="PCJ714" s="613"/>
      <c r="PCK714" s="613"/>
      <c r="PCL714" s="613"/>
      <c r="PCM714" s="613"/>
      <c r="PCN714" s="613"/>
      <c r="PCO714" s="613"/>
      <c r="PCP714" s="613"/>
      <c r="PCQ714" s="613"/>
      <c r="PCR714" s="613"/>
      <c r="PCS714" s="613"/>
      <c r="PCT714" s="613"/>
      <c r="PCU714" s="613"/>
      <c r="PCV714" s="613"/>
      <c r="PCW714" s="613"/>
      <c r="PCX714" s="613"/>
      <c r="PCY714" s="613"/>
      <c r="PCZ714" s="613"/>
      <c r="PDA714" s="613"/>
      <c r="PDB714" s="613"/>
      <c r="PDC714" s="613"/>
      <c r="PDD714" s="613"/>
      <c r="PDE714" s="613"/>
      <c r="PDF714" s="613"/>
      <c r="PDG714" s="613"/>
      <c r="PDH714" s="613"/>
      <c r="PDI714" s="613"/>
      <c r="PDJ714" s="613"/>
      <c r="PDK714" s="613"/>
      <c r="PDL714" s="613"/>
      <c r="PDM714" s="613"/>
      <c r="PDN714" s="613"/>
      <c r="PDO714" s="613"/>
      <c r="PDP714" s="613"/>
      <c r="PDQ714" s="613"/>
      <c r="PDR714" s="613"/>
      <c r="PDS714" s="613"/>
      <c r="PDT714" s="613"/>
      <c r="PDU714" s="613"/>
      <c r="PDV714" s="613"/>
      <c r="PDW714" s="613"/>
      <c r="PDX714" s="613"/>
      <c r="PDY714" s="613"/>
      <c r="PDZ714" s="613"/>
      <c r="PEA714" s="613"/>
      <c r="PEB714" s="613"/>
      <c r="PEC714" s="613"/>
      <c r="PED714" s="613"/>
      <c r="PEE714" s="613"/>
      <c r="PEF714" s="613"/>
      <c r="PEG714" s="613"/>
      <c r="PEH714" s="613"/>
      <c r="PEI714" s="613"/>
      <c r="PEJ714" s="613"/>
      <c r="PEK714" s="613"/>
      <c r="PEL714" s="613"/>
      <c r="PEM714" s="613"/>
      <c r="PEN714" s="613"/>
      <c r="PEO714" s="613"/>
      <c r="PEP714" s="613"/>
      <c r="PEQ714" s="613"/>
      <c r="PER714" s="613"/>
      <c r="PES714" s="613"/>
      <c r="PET714" s="613"/>
      <c r="PEU714" s="613"/>
      <c r="PEV714" s="613"/>
      <c r="PEW714" s="613"/>
      <c r="PEX714" s="613"/>
      <c r="PEY714" s="613"/>
      <c r="PEZ714" s="613"/>
      <c r="PFA714" s="613"/>
      <c r="PFB714" s="613"/>
      <c r="PFC714" s="613"/>
      <c r="PFD714" s="613"/>
      <c r="PFE714" s="613"/>
      <c r="PFF714" s="613"/>
      <c r="PFG714" s="613"/>
      <c r="PFH714" s="613"/>
      <c r="PFI714" s="613"/>
      <c r="PFJ714" s="613"/>
      <c r="PFK714" s="613"/>
      <c r="PFL714" s="613"/>
      <c r="PFM714" s="613"/>
      <c r="PFN714" s="613"/>
      <c r="PFO714" s="613"/>
      <c r="PFP714" s="613"/>
      <c r="PFQ714" s="613"/>
      <c r="PFR714" s="613"/>
      <c r="PFS714" s="613"/>
      <c r="PFT714" s="613"/>
      <c r="PFU714" s="613"/>
      <c r="PFV714" s="613"/>
      <c r="PFW714" s="613"/>
      <c r="PFX714" s="613"/>
      <c r="PFY714" s="613"/>
      <c r="PFZ714" s="613"/>
      <c r="PGA714" s="613"/>
      <c r="PGB714" s="613"/>
      <c r="PGC714" s="613"/>
      <c r="PGD714" s="613"/>
      <c r="PGE714" s="613"/>
      <c r="PGF714" s="613"/>
      <c r="PGG714" s="613"/>
      <c r="PGH714" s="613"/>
      <c r="PGI714" s="613"/>
      <c r="PGJ714" s="613"/>
      <c r="PGK714" s="613"/>
      <c r="PGL714" s="613"/>
      <c r="PGM714" s="613"/>
      <c r="PGN714" s="613"/>
      <c r="PGO714" s="613"/>
      <c r="PGP714" s="613"/>
      <c r="PGQ714" s="613"/>
      <c r="PGR714" s="613"/>
      <c r="PGS714" s="613"/>
      <c r="PGT714" s="613"/>
      <c r="PGU714" s="613"/>
      <c r="PGV714" s="613"/>
      <c r="PGW714" s="613"/>
      <c r="PGX714" s="613"/>
      <c r="PGY714" s="613"/>
      <c r="PGZ714" s="613"/>
      <c r="PHA714" s="613"/>
      <c r="PHB714" s="613"/>
      <c r="PHC714" s="613"/>
      <c r="PHD714" s="613"/>
      <c r="PHE714" s="613"/>
      <c r="PHF714" s="613"/>
      <c r="PHG714" s="613"/>
      <c r="PHH714" s="613"/>
      <c r="PHI714" s="613"/>
      <c r="PHJ714" s="613"/>
      <c r="PHK714" s="613"/>
      <c r="PHL714" s="613"/>
      <c r="PHM714" s="613"/>
      <c r="PHN714" s="613"/>
      <c r="PHO714" s="613"/>
      <c r="PHP714" s="613"/>
      <c r="PHQ714" s="613"/>
      <c r="PHR714" s="613"/>
      <c r="PHS714" s="613"/>
      <c r="PHT714" s="613"/>
      <c r="PHU714" s="613"/>
      <c r="PHV714" s="613"/>
      <c r="PHW714" s="613"/>
      <c r="PHX714" s="613"/>
      <c r="PHY714" s="613"/>
      <c r="PHZ714" s="613"/>
      <c r="PIA714" s="613"/>
      <c r="PIB714" s="613"/>
      <c r="PIC714" s="613"/>
      <c r="PID714" s="613"/>
      <c r="PIE714" s="613"/>
      <c r="PIF714" s="613"/>
      <c r="PIG714" s="613"/>
      <c r="PIH714" s="613"/>
      <c r="PII714" s="613"/>
      <c r="PIJ714" s="613"/>
      <c r="PIK714" s="613"/>
      <c r="PIL714" s="613"/>
      <c r="PIM714" s="613"/>
      <c r="PIN714" s="613"/>
      <c r="PIO714" s="613"/>
      <c r="PIP714" s="613"/>
      <c r="PIQ714" s="613"/>
      <c r="PIR714" s="613"/>
      <c r="PIS714" s="613"/>
      <c r="PIT714" s="613"/>
      <c r="PIU714" s="613"/>
      <c r="PIV714" s="613"/>
      <c r="PIW714" s="613"/>
      <c r="PIX714" s="613"/>
      <c r="PIY714" s="613"/>
      <c r="PIZ714" s="613"/>
      <c r="PJA714" s="613"/>
      <c r="PJB714" s="613"/>
      <c r="PJC714" s="613"/>
      <c r="PJD714" s="613"/>
      <c r="PJE714" s="613"/>
      <c r="PJF714" s="613"/>
      <c r="PJG714" s="613"/>
      <c r="PJH714" s="613"/>
      <c r="PJI714" s="613"/>
      <c r="PJJ714" s="613"/>
      <c r="PJK714" s="613"/>
      <c r="PJL714" s="613"/>
      <c r="PJM714" s="613"/>
      <c r="PJN714" s="613"/>
      <c r="PJO714" s="613"/>
      <c r="PJP714" s="613"/>
      <c r="PJQ714" s="613"/>
      <c r="PJR714" s="613"/>
      <c r="PJS714" s="613"/>
      <c r="PJT714" s="613"/>
      <c r="PJU714" s="613"/>
      <c r="PJV714" s="613"/>
      <c r="PJW714" s="613"/>
      <c r="PJX714" s="613"/>
      <c r="PJY714" s="613"/>
      <c r="PJZ714" s="613"/>
      <c r="PKA714" s="613"/>
      <c r="PKB714" s="613"/>
      <c r="PKC714" s="613"/>
      <c r="PKD714" s="613"/>
      <c r="PKE714" s="613"/>
      <c r="PKF714" s="613"/>
      <c r="PKG714" s="613"/>
      <c r="PKH714" s="613"/>
      <c r="PKI714" s="613"/>
      <c r="PKJ714" s="613"/>
      <c r="PKK714" s="613"/>
      <c r="PKL714" s="613"/>
      <c r="PKM714" s="613"/>
      <c r="PKN714" s="613"/>
      <c r="PKO714" s="613"/>
      <c r="PKP714" s="613"/>
      <c r="PKQ714" s="613"/>
      <c r="PKR714" s="613"/>
      <c r="PKS714" s="613"/>
      <c r="PKT714" s="613"/>
      <c r="PKU714" s="613"/>
      <c r="PKV714" s="613"/>
      <c r="PKW714" s="613"/>
      <c r="PKX714" s="613"/>
      <c r="PKY714" s="613"/>
      <c r="PKZ714" s="613"/>
      <c r="PLA714" s="613"/>
      <c r="PLB714" s="613"/>
      <c r="PLC714" s="613"/>
      <c r="PLD714" s="613"/>
      <c r="PLE714" s="613"/>
      <c r="PLF714" s="613"/>
      <c r="PLG714" s="613"/>
      <c r="PLH714" s="613"/>
      <c r="PLI714" s="613"/>
      <c r="PLJ714" s="613"/>
      <c r="PLK714" s="613"/>
      <c r="PLL714" s="613"/>
      <c r="PLM714" s="613"/>
      <c r="PLN714" s="613"/>
      <c r="PLO714" s="613"/>
      <c r="PLP714" s="613"/>
      <c r="PLQ714" s="613"/>
      <c r="PLR714" s="613"/>
      <c r="PLS714" s="613"/>
      <c r="PLT714" s="613"/>
      <c r="PLU714" s="613"/>
      <c r="PLV714" s="613"/>
      <c r="PLW714" s="613"/>
      <c r="PLX714" s="613"/>
      <c r="PLY714" s="613"/>
      <c r="PLZ714" s="613"/>
      <c r="PMA714" s="613"/>
      <c r="PMB714" s="613"/>
      <c r="PMC714" s="613"/>
      <c r="PMD714" s="613"/>
      <c r="PME714" s="613"/>
      <c r="PMF714" s="613"/>
      <c r="PMG714" s="613"/>
      <c r="PMH714" s="613"/>
      <c r="PMI714" s="613"/>
      <c r="PMJ714" s="613"/>
      <c r="PMK714" s="613"/>
      <c r="PML714" s="613"/>
      <c r="PMM714" s="613"/>
      <c r="PMN714" s="613"/>
      <c r="PMO714" s="613"/>
      <c r="PMP714" s="613"/>
      <c r="PMQ714" s="613"/>
      <c r="PMR714" s="613"/>
      <c r="PMS714" s="613"/>
      <c r="PMT714" s="613"/>
      <c r="PMU714" s="613"/>
      <c r="PMV714" s="613"/>
      <c r="PMW714" s="613"/>
      <c r="PMX714" s="613"/>
      <c r="PMY714" s="613"/>
      <c r="PMZ714" s="613"/>
      <c r="PNA714" s="613"/>
      <c r="PNB714" s="613"/>
      <c r="PNC714" s="613"/>
      <c r="PND714" s="613"/>
      <c r="PNE714" s="613"/>
      <c r="PNF714" s="613"/>
      <c r="PNG714" s="613"/>
      <c r="PNH714" s="613"/>
      <c r="PNI714" s="613"/>
      <c r="PNJ714" s="613"/>
      <c r="PNK714" s="613"/>
      <c r="PNL714" s="613"/>
      <c r="PNM714" s="613"/>
      <c r="PNN714" s="613"/>
      <c r="PNO714" s="613"/>
      <c r="PNP714" s="613"/>
      <c r="PNQ714" s="613"/>
      <c r="PNR714" s="613"/>
      <c r="PNS714" s="613"/>
      <c r="PNT714" s="613"/>
      <c r="PNU714" s="613"/>
      <c r="PNV714" s="613"/>
      <c r="PNW714" s="613"/>
      <c r="PNX714" s="613"/>
      <c r="PNY714" s="613"/>
      <c r="PNZ714" s="613"/>
      <c r="POA714" s="613"/>
      <c r="POB714" s="613"/>
      <c r="POC714" s="613"/>
      <c r="POD714" s="613"/>
      <c r="POE714" s="613"/>
      <c r="POF714" s="613"/>
      <c r="POG714" s="613"/>
      <c r="POH714" s="613"/>
      <c r="POI714" s="613"/>
      <c r="POJ714" s="613"/>
      <c r="POK714" s="613"/>
      <c r="POL714" s="613"/>
      <c r="POM714" s="613"/>
      <c r="PON714" s="613"/>
      <c r="POO714" s="613"/>
      <c r="POP714" s="613"/>
      <c r="POQ714" s="613"/>
      <c r="POR714" s="613"/>
      <c r="POS714" s="613"/>
      <c r="POT714" s="613"/>
      <c r="POU714" s="613"/>
      <c r="POV714" s="613"/>
      <c r="POW714" s="613"/>
      <c r="POX714" s="613"/>
      <c r="POY714" s="613"/>
      <c r="POZ714" s="613"/>
      <c r="PPA714" s="613"/>
      <c r="PPB714" s="613"/>
      <c r="PPC714" s="613"/>
      <c r="PPD714" s="613"/>
      <c r="PPE714" s="613"/>
      <c r="PPF714" s="613"/>
      <c r="PPG714" s="613"/>
      <c r="PPH714" s="613"/>
      <c r="PPI714" s="613"/>
      <c r="PPJ714" s="613"/>
      <c r="PPK714" s="613"/>
      <c r="PPL714" s="613"/>
      <c r="PPM714" s="613"/>
      <c r="PPN714" s="613"/>
      <c r="PPO714" s="613"/>
      <c r="PPP714" s="613"/>
      <c r="PPQ714" s="613"/>
      <c r="PPR714" s="613"/>
      <c r="PPS714" s="613"/>
      <c r="PPT714" s="613"/>
      <c r="PPU714" s="613"/>
      <c r="PPV714" s="613"/>
      <c r="PPW714" s="613"/>
      <c r="PPX714" s="613"/>
      <c r="PPY714" s="613"/>
      <c r="PPZ714" s="613"/>
      <c r="PQA714" s="613"/>
      <c r="PQB714" s="613"/>
      <c r="PQC714" s="613"/>
      <c r="PQD714" s="613"/>
      <c r="PQE714" s="613"/>
      <c r="PQF714" s="613"/>
      <c r="PQG714" s="613"/>
      <c r="PQH714" s="613"/>
      <c r="PQI714" s="613"/>
      <c r="PQJ714" s="613"/>
      <c r="PQK714" s="613"/>
      <c r="PQL714" s="613"/>
      <c r="PQM714" s="613"/>
      <c r="PQN714" s="613"/>
      <c r="PQO714" s="613"/>
      <c r="PQP714" s="613"/>
      <c r="PQQ714" s="613"/>
      <c r="PQR714" s="613"/>
      <c r="PQS714" s="613"/>
      <c r="PQT714" s="613"/>
      <c r="PQU714" s="613"/>
      <c r="PQV714" s="613"/>
      <c r="PQW714" s="613"/>
      <c r="PQX714" s="613"/>
      <c r="PQY714" s="613"/>
      <c r="PQZ714" s="613"/>
      <c r="PRA714" s="613"/>
      <c r="PRB714" s="613"/>
      <c r="PRC714" s="613"/>
      <c r="PRD714" s="613"/>
      <c r="PRE714" s="613"/>
      <c r="PRF714" s="613"/>
      <c r="PRG714" s="613"/>
      <c r="PRH714" s="613"/>
      <c r="PRI714" s="613"/>
      <c r="PRJ714" s="613"/>
      <c r="PRK714" s="613"/>
      <c r="PRL714" s="613"/>
      <c r="PRM714" s="613"/>
      <c r="PRN714" s="613"/>
      <c r="PRO714" s="613"/>
      <c r="PRP714" s="613"/>
      <c r="PRQ714" s="613"/>
      <c r="PRR714" s="613"/>
      <c r="PRS714" s="613"/>
      <c r="PRT714" s="613"/>
      <c r="PRU714" s="613"/>
      <c r="PRV714" s="613"/>
      <c r="PRW714" s="613"/>
      <c r="PRX714" s="613"/>
      <c r="PRY714" s="613"/>
      <c r="PRZ714" s="613"/>
      <c r="PSA714" s="613"/>
      <c r="PSB714" s="613"/>
      <c r="PSC714" s="613"/>
      <c r="PSD714" s="613"/>
      <c r="PSE714" s="613"/>
      <c r="PSF714" s="613"/>
      <c r="PSG714" s="613"/>
      <c r="PSH714" s="613"/>
      <c r="PSI714" s="613"/>
      <c r="PSJ714" s="613"/>
      <c r="PSK714" s="613"/>
      <c r="PSL714" s="613"/>
      <c r="PSM714" s="613"/>
      <c r="PSN714" s="613"/>
      <c r="PSO714" s="613"/>
      <c r="PSP714" s="613"/>
      <c r="PSQ714" s="613"/>
      <c r="PSR714" s="613"/>
      <c r="PSS714" s="613"/>
      <c r="PST714" s="613"/>
      <c r="PSU714" s="613"/>
      <c r="PSV714" s="613"/>
      <c r="PSW714" s="613"/>
      <c r="PSX714" s="613"/>
      <c r="PSY714" s="613"/>
      <c r="PSZ714" s="613"/>
      <c r="PTA714" s="613"/>
      <c r="PTB714" s="613"/>
      <c r="PTC714" s="613"/>
      <c r="PTD714" s="613"/>
      <c r="PTE714" s="613"/>
      <c r="PTF714" s="613"/>
      <c r="PTG714" s="613"/>
      <c r="PTH714" s="613"/>
      <c r="PTI714" s="613"/>
      <c r="PTJ714" s="613"/>
      <c r="PTK714" s="613"/>
      <c r="PTL714" s="613"/>
      <c r="PTM714" s="613"/>
      <c r="PTN714" s="613"/>
      <c r="PTO714" s="613"/>
      <c r="PTP714" s="613"/>
      <c r="PTQ714" s="613"/>
      <c r="PTR714" s="613"/>
      <c r="PTS714" s="613"/>
      <c r="PTT714" s="613"/>
      <c r="PTU714" s="613"/>
      <c r="PTV714" s="613"/>
      <c r="PTW714" s="613"/>
      <c r="PTX714" s="613"/>
      <c r="PTY714" s="613"/>
      <c r="PTZ714" s="613"/>
      <c r="PUA714" s="613"/>
      <c r="PUB714" s="613"/>
      <c r="PUC714" s="613"/>
      <c r="PUD714" s="613"/>
      <c r="PUE714" s="613"/>
      <c r="PUF714" s="613"/>
      <c r="PUG714" s="613"/>
      <c r="PUH714" s="613"/>
      <c r="PUI714" s="613"/>
      <c r="PUJ714" s="613"/>
      <c r="PUK714" s="613"/>
      <c r="PUL714" s="613"/>
      <c r="PUM714" s="613"/>
      <c r="PUN714" s="613"/>
      <c r="PUO714" s="613"/>
      <c r="PUP714" s="613"/>
      <c r="PUQ714" s="613"/>
      <c r="PUR714" s="613"/>
      <c r="PUS714" s="613"/>
      <c r="PUT714" s="613"/>
      <c r="PUU714" s="613"/>
      <c r="PUV714" s="613"/>
      <c r="PUW714" s="613"/>
      <c r="PUX714" s="613"/>
      <c r="PUY714" s="613"/>
      <c r="PUZ714" s="613"/>
      <c r="PVA714" s="613"/>
      <c r="PVB714" s="613"/>
      <c r="PVC714" s="613"/>
      <c r="PVD714" s="613"/>
      <c r="PVE714" s="613"/>
      <c r="PVF714" s="613"/>
      <c r="PVG714" s="613"/>
      <c r="PVH714" s="613"/>
      <c r="PVI714" s="613"/>
      <c r="PVJ714" s="613"/>
      <c r="PVK714" s="613"/>
      <c r="PVL714" s="613"/>
      <c r="PVM714" s="613"/>
      <c r="PVN714" s="613"/>
      <c r="PVO714" s="613"/>
      <c r="PVP714" s="613"/>
      <c r="PVQ714" s="613"/>
      <c r="PVR714" s="613"/>
      <c r="PVS714" s="613"/>
      <c r="PVT714" s="613"/>
      <c r="PVU714" s="613"/>
      <c r="PVV714" s="613"/>
      <c r="PVW714" s="613"/>
      <c r="PVX714" s="613"/>
      <c r="PVY714" s="613"/>
      <c r="PVZ714" s="613"/>
      <c r="PWA714" s="613"/>
      <c r="PWB714" s="613"/>
      <c r="PWC714" s="613"/>
      <c r="PWD714" s="613"/>
      <c r="PWE714" s="613"/>
      <c r="PWF714" s="613"/>
      <c r="PWG714" s="613"/>
      <c r="PWH714" s="613"/>
      <c r="PWI714" s="613"/>
      <c r="PWJ714" s="613"/>
      <c r="PWK714" s="613"/>
      <c r="PWL714" s="613"/>
      <c r="PWM714" s="613"/>
      <c r="PWN714" s="613"/>
      <c r="PWO714" s="613"/>
      <c r="PWP714" s="613"/>
      <c r="PWQ714" s="613"/>
      <c r="PWR714" s="613"/>
      <c r="PWS714" s="613"/>
      <c r="PWT714" s="613"/>
      <c r="PWU714" s="613"/>
      <c r="PWV714" s="613"/>
      <c r="PWW714" s="613"/>
      <c r="PWX714" s="613"/>
      <c r="PWY714" s="613"/>
      <c r="PWZ714" s="613"/>
      <c r="PXA714" s="613"/>
      <c r="PXB714" s="613"/>
      <c r="PXC714" s="613"/>
      <c r="PXD714" s="613"/>
      <c r="PXE714" s="613"/>
      <c r="PXF714" s="613"/>
      <c r="PXG714" s="613"/>
      <c r="PXH714" s="613"/>
      <c r="PXI714" s="613"/>
      <c r="PXJ714" s="613"/>
      <c r="PXK714" s="613"/>
      <c r="PXL714" s="613"/>
      <c r="PXM714" s="613"/>
      <c r="PXN714" s="613"/>
      <c r="PXO714" s="613"/>
      <c r="PXP714" s="613"/>
      <c r="PXQ714" s="613"/>
      <c r="PXR714" s="613"/>
      <c r="PXS714" s="613"/>
      <c r="PXT714" s="613"/>
      <c r="PXU714" s="613"/>
      <c r="PXV714" s="613"/>
      <c r="PXW714" s="613"/>
      <c r="PXX714" s="613"/>
      <c r="PXY714" s="613"/>
      <c r="PXZ714" s="613"/>
      <c r="PYA714" s="613"/>
      <c r="PYB714" s="613"/>
      <c r="PYC714" s="613"/>
      <c r="PYD714" s="613"/>
      <c r="PYE714" s="613"/>
      <c r="PYF714" s="613"/>
      <c r="PYG714" s="613"/>
      <c r="PYH714" s="613"/>
      <c r="PYI714" s="613"/>
      <c r="PYJ714" s="613"/>
      <c r="PYK714" s="613"/>
      <c r="PYL714" s="613"/>
      <c r="PYM714" s="613"/>
      <c r="PYN714" s="613"/>
      <c r="PYO714" s="613"/>
      <c r="PYP714" s="613"/>
      <c r="PYQ714" s="613"/>
      <c r="PYR714" s="613"/>
      <c r="PYS714" s="613"/>
      <c r="PYT714" s="613"/>
      <c r="PYU714" s="613"/>
      <c r="PYV714" s="613"/>
      <c r="PYW714" s="613"/>
      <c r="PYX714" s="613"/>
      <c r="PYY714" s="613"/>
      <c r="PYZ714" s="613"/>
      <c r="PZA714" s="613"/>
      <c r="PZB714" s="613"/>
      <c r="PZC714" s="613"/>
      <c r="PZD714" s="613"/>
      <c r="PZE714" s="613"/>
      <c r="PZF714" s="613"/>
      <c r="PZG714" s="613"/>
      <c r="PZH714" s="613"/>
      <c r="PZI714" s="613"/>
      <c r="PZJ714" s="613"/>
      <c r="PZK714" s="613"/>
      <c r="PZL714" s="613"/>
      <c r="PZM714" s="613"/>
      <c r="PZN714" s="613"/>
      <c r="PZO714" s="613"/>
      <c r="PZP714" s="613"/>
      <c r="PZQ714" s="613"/>
      <c r="PZR714" s="613"/>
      <c r="PZS714" s="613"/>
      <c r="PZT714" s="613"/>
      <c r="PZU714" s="613"/>
      <c r="PZV714" s="613"/>
      <c r="PZW714" s="613"/>
      <c r="PZX714" s="613"/>
      <c r="PZY714" s="613"/>
      <c r="PZZ714" s="613"/>
      <c r="QAA714" s="613"/>
      <c r="QAB714" s="613"/>
      <c r="QAC714" s="613"/>
      <c r="QAD714" s="613"/>
      <c r="QAE714" s="613"/>
      <c r="QAF714" s="613"/>
      <c r="QAG714" s="613"/>
      <c r="QAH714" s="613"/>
      <c r="QAI714" s="613"/>
      <c r="QAJ714" s="613"/>
      <c r="QAK714" s="613"/>
      <c r="QAL714" s="613"/>
      <c r="QAM714" s="613"/>
      <c r="QAN714" s="613"/>
      <c r="QAO714" s="613"/>
      <c r="QAP714" s="613"/>
      <c r="QAQ714" s="613"/>
      <c r="QAR714" s="613"/>
      <c r="QAS714" s="613"/>
      <c r="QAT714" s="613"/>
      <c r="QAU714" s="613"/>
      <c r="QAV714" s="613"/>
      <c r="QAW714" s="613"/>
      <c r="QAX714" s="613"/>
      <c r="QAY714" s="613"/>
      <c r="QAZ714" s="613"/>
      <c r="QBA714" s="613"/>
      <c r="QBB714" s="613"/>
      <c r="QBC714" s="613"/>
      <c r="QBD714" s="613"/>
      <c r="QBE714" s="613"/>
      <c r="QBF714" s="613"/>
      <c r="QBG714" s="613"/>
      <c r="QBH714" s="613"/>
      <c r="QBI714" s="613"/>
      <c r="QBJ714" s="613"/>
      <c r="QBK714" s="613"/>
      <c r="QBL714" s="613"/>
      <c r="QBM714" s="613"/>
      <c r="QBN714" s="613"/>
      <c r="QBO714" s="613"/>
      <c r="QBP714" s="613"/>
      <c r="QBQ714" s="613"/>
      <c r="QBR714" s="613"/>
      <c r="QBS714" s="613"/>
      <c r="QBT714" s="613"/>
      <c r="QBU714" s="613"/>
      <c r="QBV714" s="613"/>
      <c r="QBW714" s="613"/>
      <c r="QBX714" s="613"/>
      <c r="QBY714" s="613"/>
      <c r="QBZ714" s="613"/>
      <c r="QCA714" s="613"/>
      <c r="QCB714" s="613"/>
      <c r="QCC714" s="613"/>
      <c r="QCD714" s="613"/>
      <c r="QCE714" s="613"/>
      <c r="QCF714" s="613"/>
      <c r="QCG714" s="613"/>
      <c r="QCH714" s="613"/>
      <c r="QCI714" s="613"/>
      <c r="QCJ714" s="613"/>
      <c r="QCK714" s="613"/>
      <c r="QCL714" s="613"/>
      <c r="QCM714" s="613"/>
      <c r="QCN714" s="613"/>
      <c r="QCO714" s="613"/>
      <c r="QCP714" s="613"/>
      <c r="QCQ714" s="613"/>
      <c r="QCR714" s="613"/>
      <c r="QCS714" s="613"/>
      <c r="QCT714" s="613"/>
      <c r="QCU714" s="613"/>
      <c r="QCV714" s="613"/>
      <c r="QCW714" s="613"/>
      <c r="QCX714" s="613"/>
      <c r="QCY714" s="613"/>
      <c r="QCZ714" s="613"/>
      <c r="QDA714" s="613"/>
      <c r="QDB714" s="613"/>
      <c r="QDC714" s="613"/>
      <c r="QDD714" s="613"/>
      <c r="QDE714" s="613"/>
      <c r="QDF714" s="613"/>
      <c r="QDG714" s="613"/>
      <c r="QDH714" s="613"/>
      <c r="QDI714" s="613"/>
      <c r="QDJ714" s="613"/>
      <c r="QDK714" s="613"/>
      <c r="QDL714" s="613"/>
      <c r="QDM714" s="613"/>
      <c r="QDN714" s="613"/>
      <c r="QDO714" s="613"/>
      <c r="QDP714" s="613"/>
      <c r="QDQ714" s="613"/>
      <c r="QDR714" s="613"/>
      <c r="QDS714" s="613"/>
      <c r="QDT714" s="613"/>
      <c r="QDU714" s="613"/>
      <c r="QDV714" s="613"/>
      <c r="QDW714" s="613"/>
      <c r="QDX714" s="613"/>
      <c r="QDY714" s="613"/>
      <c r="QDZ714" s="613"/>
      <c r="QEA714" s="613"/>
      <c r="QEB714" s="613"/>
      <c r="QEC714" s="613"/>
      <c r="QED714" s="613"/>
      <c r="QEE714" s="613"/>
      <c r="QEF714" s="613"/>
      <c r="QEG714" s="613"/>
      <c r="QEH714" s="613"/>
      <c r="QEI714" s="613"/>
      <c r="QEJ714" s="613"/>
      <c r="QEK714" s="613"/>
      <c r="QEL714" s="613"/>
      <c r="QEM714" s="613"/>
      <c r="QEN714" s="613"/>
      <c r="QEO714" s="613"/>
      <c r="QEP714" s="613"/>
      <c r="QEQ714" s="613"/>
      <c r="QER714" s="613"/>
      <c r="QES714" s="613"/>
      <c r="QET714" s="613"/>
      <c r="QEU714" s="613"/>
      <c r="QEV714" s="613"/>
      <c r="QEW714" s="613"/>
      <c r="QEX714" s="613"/>
      <c r="QEY714" s="613"/>
      <c r="QEZ714" s="613"/>
      <c r="QFA714" s="613"/>
      <c r="QFB714" s="613"/>
      <c r="QFC714" s="613"/>
      <c r="QFD714" s="613"/>
      <c r="QFE714" s="613"/>
      <c r="QFF714" s="613"/>
      <c r="QFG714" s="613"/>
      <c r="QFH714" s="613"/>
      <c r="QFI714" s="613"/>
      <c r="QFJ714" s="613"/>
      <c r="QFK714" s="613"/>
      <c r="QFL714" s="613"/>
      <c r="QFM714" s="613"/>
      <c r="QFN714" s="613"/>
      <c r="QFO714" s="613"/>
      <c r="QFP714" s="613"/>
      <c r="QFQ714" s="613"/>
      <c r="QFR714" s="613"/>
      <c r="QFS714" s="613"/>
      <c r="QFT714" s="613"/>
      <c r="QFU714" s="613"/>
      <c r="QFV714" s="613"/>
      <c r="QFW714" s="613"/>
      <c r="QFX714" s="613"/>
      <c r="QFY714" s="613"/>
      <c r="QFZ714" s="613"/>
      <c r="QGA714" s="613"/>
      <c r="QGB714" s="613"/>
      <c r="QGC714" s="613"/>
      <c r="QGD714" s="613"/>
      <c r="QGE714" s="613"/>
      <c r="QGF714" s="613"/>
      <c r="QGG714" s="613"/>
      <c r="QGH714" s="613"/>
      <c r="QGI714" s="613"/>
      <c r="QGJ714" s="613"/>
      <c r="QGK714" s="613"/>
      <c r="QGL714" s="613"/>
      <c r="QGM714" s="613"/>
      <c r="QGN714" s="613"/>
      <c r="QGO714" s="613"/>
      <c r="QGP714" s="613"/>
      <c r="QGQ714" s="613"/>
      <c r="QGR714" s="613"/>
      <c r="QGS714" s="613"/>
      <c r="QGT714" s="613"/>
      <c r="QGU714" s="613"/>
      <c r="QGV714" s="613"/>
      <c r="QGW714" s="613"/>
      <c r="QGX714" s="613"/>
      <c r="QGY714" s="613"/>
      <c r="QGZ714" s="613"/>
      <c r="QHA714" s="613"/>
      <c r="QHB714" s="613"/>
      <c r="QHC714" s="613"/>
      <c r="QHD714" s="613"/>
      <c r="QHE714" s="613"/>
      <c r="QHF714" s="613"/>
      <c r="QHG714" s="613"/>
      <c r="QHH714" s="613"/>
      <c r="QHI714" s="613"/>
      <c r="QHJ714" s="613"/>
      <c r="QHK714" s="613"/>
      <c r="QHL714" s="613"/>
      <c r="QHM714" s="613"/>
      <c r="QHN714" s="613"/>
      <c r="QHO714" s="613"/>
      <c r="QHP714" s="613"/>
      <c r="QHQ714" s="613"/>
      <c r="QHR714" s="613"/>
      <c r="QHS714" s="613"/>
      <c r="QHT714" s="613"/>
      <c r="QHU714" s="613"/>
      <c r="QHV714" s="613"/>
      <c r="QHW714" s="613"/>
      <c r="QHX714" s="613"/>
      <c r="QHY714" s="613"/>
      <c r="QHZ714" s="613"/>
      <c r="QIA714" s="613"/>
      <c r="QIB714" s="613"/>
      <c r="QIC714" s="613"/>
      <c r="QID714" s="613"/>
      <c r="QIE714" s="613"/>
      <c r="QIF714" s="613"/>
      <c r="QIG714" s="613"/>
      <c r="QIH714" s="613"/>
      <c r="QII714" s="613"/>
      <c r="QIJ714" s="613"/>
      <c r="QIK714" s="613"/>
      <c r="QIL714" s="613"/>
      <c r="QIM714" s="613"/>
      <c r="QIN714" s="613"/>
      <c r="QIO714" s="613"/>
      <c r="QIP714" s="613"/>
      <c r="QIQ714" s="613"/>
      <c r="QIR714" s="613"/>
      <c r="QIS714" s="613"/>
      <c r="QIT714" s="613"/>
      <c r="QIU714" s="613"/>
      <c r="QIV714" s="613"/>
      <c r="QIW714" s="613"/>
      <c r="QIX714" s="613"/>
      <c r="QIY714" s="613"/>
      <c r="QIZ714" s="613"/>
      <c r="QJA714" s="613"/>
      <c r="QJB714" s="613"/>
      <c r="QJC714" s="613"/>
      <c r="QJD714" s="613"/>
      <c r="QJE714" s="613"/>
      <c r="QJF714" s="613"/>
      <c r="QJG714" s="613"/>
      <c r="QJH714" s="613"/>
      <c r="QJI714" s="613"/>
      <c r="QJJ714" s="613"/>
      <c r="QJK714" s="613"/>
      <c r="QJL714" s="613"/>
      <c r="QJM714" s="613"/>
      <c r="QJN714" s="613"/>
      <c r="QJO714" s="613"/>
      <c r="QJP714" s="613"/>
      <c r="QJQ714" s="613"/>
      <c r="QJR714" s="613"/>
      <c r="QJS714" s="613"/>
      <c r="QJT714" s="613"/>
      <c r="QJU714" s="613"/>
      <c r="QJV714" s="613"/>
      <c r="QJW714" s="613"/>
      <c r="QJX714" s="613"/>
      <c r="QJY714" s="613"/>
      <c r="QJZ714" s="613"/>
      <c r="QKA714" s="613"/>
      <c r="QKB714" s="613"/>
      <c r="QKC714" s="613"/>
      <c r="QKD714" s="613"/>
      <c r="QKE714" s="613"/>
      <c r="QKF714" s="613"/>
      <c r="QKG714" s="613"/>
      <c r="QKH714" s="613"/>
      <c r="QKI714" s="613"/>
      <c r="QKJ714" s="613"/>
      <c r="QKK714" s="613"/>
      <c r="QKL714" s="613"/>
      <c r="QKM714" s="613"/>
      <c r="QKN714" s="613"/>
      <c r="QKO714" s="613"/>
      <c r="QKP714" s="613"/>
      <c r="QKQ714" s="613"/>
      <c r="QKR714" s="613"/>
      <c r="QKS714" s="613"/>
      <c r="QKT714" s="613"/>
      <c r="QKU714" s="613"/>
      <c r="QKV714" s="613"/>
      <c r="QKW714" s="613"/>
      <c r="QKX714" s="613"/>
      <c r="QKY714" s="613"/>
      <c r="QKZ714" s="613"/>
      <c r="QLA714" s="613"/>
      <c r="QLB714" s="613"/>
      <c r="QLC714" s="613"/>
      <c r="QLD714" s="613"/>
      <c r="QLE714" s="613"/>
      <c r="QLF714" s="613"/>
      <c r="QLG714" s="613"/>
      <c r="QLH714" s="613"/>
      <c r="QLI714" s="613"/>
      <c r="QLJ714" s="613"/>
      <c r="QLK714" s="613"/>
      <c r="QLL714" s="613"/>
      <c r="QLM714" s="613"/>
      <c r="QLN714" s="613"/>
      <c r="QLO714" s="613"/>
      <c r="QLP714" s="613"/>
      <c r="QLQ714" s="613"/>
      <c r="QLR714" s="613"/>
      <c r="QLS714" s="613"/>
      <c r="QLT714" s="613"/>
      <c r="QLU714" s="613"/>
      <c r="QLV714" s="613"/>
      <c r="QLW714" s="613"/>
      <c r="QLX714" s="613"/>
      <c r="QLY714" s="613"/>
      <c r="QLZ714" s="613"/>
      <c r="QMA714" s="613"/>
      <c r="QMB714" s="613"/>
      <c r="QMC714" s="613"/>
      <c r="QMD714" s="613"/>
      <c r="QME714" s="613"/>
      <c r="QMF714" s="613"/>
      <c r="QMG714" s="613"/>
      <c r="QMH714" s="613"/>
      <c r="QMI714" s="613"/>
      <c r="QMJ714" s="613"/>
      <c r="QMK714" s="613"/>
      <c r="QML714" s="613"/>
      <c r="QMM714" s="613"/>
      <c r="QMN714" s="613"/>
      <c r="QMO714" s="613"/>
      <c r="QMP714" s="613"/>
      <c r="QMQ714" s="613"/>
      <c r="QMR714" s="613"/>
      <c r="QMS714" s="613"/>
      <c r="QMT714" s="613"/>
      <c r="QMU714" s="613"/>
      <c r="QMV714" s="613"/>
      <c r="QMW714" s="613"/>
      <c r="QMX714" s="613"/>
      <c r="QMY714" s="613"/>
      <c r="QMZ714" s="613"/>
      <c r="QNA714" s="613"/>
      <c r="QNB714" s="613"/>
      <c r="QNC714" s="613"/>
      <c r="QND714" s="613"/>
      <c r="QNE714" s="613"/>
      <c r="QNF714" s="613"/>
      <c r="QNG714" s="613"/>
      <c r="QNH714" s="613"/>
      <c r="QNI714" s="613"/>
      <c r="QNJ714" s="613"/>
      <c r="QNK714" s="613"/>
      <c r="QNL714" s="613"/>
      <c r="QNM714" s="613"/>
      <c r="QNN714" s="613"/>
      <c r="QNO714" s="613"/>
      <c r="QNP714" s="613"/>
      <c r="QNQ714" s="613"/>
      <c r="QNR714" s="613"/>
      <c r="QNS714" s="613"/>
      <c r="QNT714" s="613"/>
      <c r="QNU714" s="613"/>
      <c r="QNV714" s="613"/>
      <c r="QNW714" s="613"/>
      <c r="QNX714" s="613"/>
      <c r="QNY714" s="613"/>
      <c r="QNZ714" s="613"/>
      <c r="QOA714" s="613"/>
      <c r="QOB714" s="613"/>
      <c r="QOC714" s="613"/>
      <c r="QOD714" s="613"/>
      <c r="QOE714" s="613"/>
      <c r="QOF714" s="613"/>
      <c r="QOG714" s="613"/>
      <c r="QOH714" s="613"/>
      <c r="QOI714" s="613"/>
      <c r="QOJ714" s="613"/>
      <c r="QOK714" s="613"/>
      <c r="QOL714" s="613"/>
      <c r="QOM714" s="613"/>
      <c r="QON714" s="613"/>
      <c r="QOO714" s="613"/>
      <c r="QOP714" s="613"/>
      <c r="QOQ714" s="613"/>
      <c r="QOR714" s="613"/>
      <c r="QOS714" s="613"/>
      <c r="QOT714" s="613"/>
      <c r="QOU714" s="613"/>
      <c r="QOV714" s="613"/>
      <c r="QOW714" s="613"/>
      <c r="QOX714" s="613"/>
      <c r="QOY714" s="613"/>
      <c r="QOZ714" s="613"/>
      <c r="QPA714" s="613"/>
      <c r="QPB714" s="613"/>
      <c r="QPC714" s="613"/>
      <c r="QPD714" s="613"/>
      <c r="QPE714" s="613"/>
      <c r="QPF714" s="613"/>
      <c r="QPG714" s="613"/>
      <c r="QPH714" s="613"/>
      <c r="QPI714" s="613"/>
      <c r="QPJ714" s="613"/>
      <c r="QPK714" s="613"/>
      <c r="QPL714" s="613"/>
      <c r="QPM714" s="613"/>
      <c r="QPN714" s="613"/>
      <c r="QPO714" s="613"/>
      <c r="QPP714" s="613"/>
      <c r="QPQ714" s="613"/>
      <c r="QPR714" s="613"/>
      <c r="QPS714" s="613"/>
      <c r="QPT714" s="613"/>
      <c r="QPU714" s="613"/>
      <c r="QPV714" s="613"/>
      <c r="QPW714" s="613"/>
      <c r="QPX714" s="613"/>
      <c r="QPY714" s="613"/>
      <c r="QPZ714" s="613"/>
      <c r="QQA714" s="613"/>
      <c r="QQB714" s="613"/>
      <c r="QQC714" s="613"/>
      <c r="QQD714" s="613"/>
      <c r="QQE714" s="613"/>
      <c r="QQF714" s="613"/>
      <c r="QQG714" s="613"/>
      <c r="QQH714" s="613"/>
      <c r="QQI714" s="613"/>
      <c r="QQJ714" s="613"/>
      <c r="QQK714" s="613"/>
      <c r="QQL714" s="613"/>
      <c r="QQM714" s="613"/>
      <c r="QQN714" s="613"/>
      <c r="QQO714" s="613"/>
      <c r="QQP714" s="613"/>
      <c r="QQQ714" s="613"/>
      <c r="QQR714" s="613"/>
      <c r="QQS714" s="613"/>
      <c r="QQT714" s="613"/>
      <c r="QQU714" s="613"/>
      <c r="QQV714" s="613"/>
      <c r="QQW714" s="613"/>
      <c r="QQX714" s="613"/>
      <c r="QQY714" s="613"/>
      <c r="QQZ714" s="613"/>
      <c r="QRA714" s="613"/>
      <c r="QRB714" s="613"/>
      <c r="QRC714" s="613"/>
      <c r="QRD714" s="613"/>
      <c r="QRE714" s="613"/>
      <c r="QRF714" s="613"/>
      <c r="QRG714" s="613"/>
      <c r="QRH714" s="613"/>
      <c r="QRI714" s="613"/>
      <c r="QRJ714" s="613"/>
      <c r="QRK714" s="613"/>
      <c r="QRL714" s="613"/>
      <c r="QRM714" s="613"/>
      <c r="QRN714" s="613"/>
      <c r="QRO714" s="613"/>
      <c r="QRP714" s="613"/>
      <c r="QRQ714" s="613"/>
      <c r="QRR714" s="613"/>
      <c r="QRS714" s="613"/>
      <c r="QRT714" s="613"/>
      <c r="QRU714" s="613"/>
      <c r="QRV714" s="613"/>
      <c r="QRW714" s="613"/>
      <c r="QRX714" s="613"/>
      <c r="QRY714" s="613"/>
      <c r="QRZ714" s="613"/>
      <c r="QSA714" s="613"/>
      <c r="QSB714" s="613"/>
      <c r="QSC714" s="613"/>
      <c r="QSD714" s="613"/>
      <c r="QSE714" s="613"/>
      <c r="QSF714" s="613"/>
      <c r="QSG714" s="613"/>
      <c r="QSH714" s="613"/>
      <c r="QSI714" s="613"/>
      <c r="QSJ714" s="613"/>
      <c r="QSK714" s="613"/>
      <c r="QSL714" s="613"/>
      <c r="QSM714" s="613"/>
      <c r="QSN714" s="613"/>
      <c r="QSO714" s="613"/>
      <c r="QSP714" s="613"/>
      <c r="QSQ714" s="613"/>
      <c r="QSR714" s="613"/>
      <c r="QSS714" s="613"/>
      <c r="QST714" s="613"/>
      <c r="QSU714" s="613"/>
      <c r="QSV714" s="613"/>
      <c r="QSW714" s="613"/>
      <c r="QSX714" s="613"/>
      <c r="QSY714" s="613"/>
      <c r="QSZ714" s="613"/>
      <c r="QTA714" s="613"/>
      <c r="QTB714" s="613"/>
      <c r="QTC714" s="613"/>
      <c r="QTD714" s="613"/>
      <c r="QTE714" s="613"/>
      <c r="QTF714" s="613"/>
      <c r="QTG714" s="613"/>
      <c r="QTH714" s="613"/>
      <c r="QTI714" s="613"/>
      <c r="QTJ714" s="613"/>
      <c r="QTK714" s="613"/>
      <c r="QTL714" s="613"/>
      <c r="QTM714" s="613"/>
      <c r="QTN714" s="613"/>
      <c r="QTO714" s="613"/>
      <c r="QTP714" s="613"/>
      <c r="QTQ714" s="613"/>
      <c r="QTR714" s="613"/>
      <c r="QTS714" s="613"/>
      <c r="QTT714" s="613"/>
      <c r="QTU714" s="613"/>
      <c r="QTV714" s="613"/>
      <c r="QTW714" s="613"/>
      <c r="QTX714" s="613"/>
      <c r="QTY714" s="613"/>
      <c r="QTZ714" s="613"/>
      <c r="QUA714" s="613"/>
      <c r="QUB714" s="613"/>
      <c r="QUC714" s="613"/>
      <c r="QUD714" s="613"/>
      <c r="QUE714" s="613"/>
      <c r="QUF714" s="613"/>
      <c r="QUG714" s="613"/>
      <c r="QUH714" s="613"/>
      <c r="QUI714" s="613"/>
      <c r="QUJ714" s="613"/>
      <c r="QUK714" s="613"/>
      <c r="QUL714" s="613"/>
      <c r="QUM714" s="613"/>
      <c r="QUN714" s="613"/>
      <c r="QUO714" s="613"/>
      <c r="QUP714" s="613"/>
      <c r="QUQ714" s="613"/>
      <c r="QUR714" s="613"/>
      <c r="QUS714" s="613"/>
      <c r="QUT714" s="613"/>
      <c r="QUU714" s="613"/>
      <c r="QUV714" s="613"/>
      <c r="QUW714" s="613"/>
      <c r="QUX714" s="613"/>
      <c r="QUY714" s="613"/>
      <c r="QUZ714" s="613"/>
      <c r="QVA714" s="613"/>
      <c r="QVB714" s="613"/>
      <c r="QVC714" s="613"/>
      <c r="QVD714" s="613"/>
      <c r="QVE714" s="613"/>
      <c r="QVF714" s="613"/>
      <c r="QVG714" s="613"/>
      <c r="QVH714" s="613"/>
      <c r="QVI714" s="613"/>
      <c r="QVJ714" s="613"/>
      <c r="QVK714" s="613"/>
      <c r="QVL714" s="613"/>
      <c r="QVM714" s="613"/>
      <c r="QVN714" s="613"/>
      <c r="QVO714" s="613"/>
      <c r="QVP714" s="613"/>
      <c r="QVQ714" s="613"/>
      <c r="QVR714" s="613"/>
      <c r="QVS714" s="613"/>
      <c r="QVT714" s="613"/>
      <c r="QVU714" s="613"/>
      <c r="QVV714" s="613"/>
      <c r="QVW714" s="613"/>
      <c r="QVX714" s="613"/>
      <c r="QVY714" s="613"/>
      <c r="QVZ714" s="613"/>
      <c r="QWA714" s="613"/>
      <c r="QWB714" s="613"/>
      <c r="QWC714" s="613"/>
      <c r="QWD714" s="613"/>
      <c r="QWE714" s="613"/>
      <c r="QWF714" s="613"/>
      <c r="QWG714" s="613"/>
      <c r="QWH714" s="613"/>
      <c r="QWI714" s="613"/>
      <c r="QWJ714" s="613"/>
      <c r="QWK714" s="613"/>
      <c r="QWL714" s="613"/>
      <c r="QWM714" s="613"/>
      <c r="QWN714" s="613"/>
      <c r="QWO714" s="613"/>
      <c r="QWP714" s="613"/>
      <c r="QWQ714" s="613"/>
      <c r="QWR714" s="613"/>
      <c r="QWS714" s="613"/>
      <c r="QWT714" s="613"/>
      <c r="QWU714" s="613"/>
      <c r="QWV714" s="613"/>
      <c r="QWW714" s="613"/>
      <c r="QWX714" s="613"/>
      <c r="QWY714" s="613"/>
      <c r="QWZ714" s="613"/>
      <c r="QXA714" s="613"/>
      <c r="QXB714" s="613"/>
      <c r="QXC714" s="613"/>
      <c r="QXD714" s="613"/>
      <c r="QXE714" s="613"/>
      <c r="QXF714" s="613"/>
      <c r="QXG714" s="613"/>
      <c r="QXH714" s="613"/>
      <c r="QXI714" s="613"/>
      <c r="QXJ714" s="613"/>
      <c r="QXK714" s="613"/>
      <c r="QXL714" s="613"/>
      <c r="QXM714" s="613"/>
      <c r="QXN714" s="613"/>
      <c r="QXO714" s="613"/>
      <c r="QXP714" s="613"/>
      <c r="QXQ714" s="613"/>
      <c r="QXR714" s="613"/>
      <c r="QXS714" s="613"/>
      <c r="QXT714" s="613"/>
      <c r="QXU714" s="613"/>
      <c r="QXV714" s="613"/>
      <c r="QXW714" s="613"/>
      <c r="QXX714" s="613"/>
      <c r="QXY714" s="613"/>
      <c r="QXZ714" s="613"/>
      <c r="QYA714" s="613"/>
      <c r="QYB714" s="613"/>
      <c r="QYC714" s="613"/>
      <c r="QYD714" s="613"/>
      <c r="QYE714" s="613"/>
      <c r="QYF714" s="613"/>
      <c r="QYG714" s="613"/>
      <c r="QYH714" s="613"/>
      <c r="QYI714" s="613"/>
      <c r="QYJ714" s="613"/>
      <c r="QYK714" s="613"/>
      <c r="QYL714" s="613"/>
      <c r="QYM714" s="613"/>
      <c r="QYN714" s="613"/>
      <c r="QYO714" s="613"/>
      <c r="QYP714" s="613"/>
      <c r="QYQ714" s="613"/>
      <c r="QYR714" s="613"/>
      <c r="QYS714" s="613"/>
      <c r="QYT714" s="613"/>
      <c r="QYU714" s="613"/>
      <c r="QYV714" s="613"/>
      <c r="QYW714" s="613"/>
      <c r="QYX714" s="613"/>
      <c r="QYY714" s="613"/>
      <c r="QYZ714" s="613"/>
      <c r="QZA714" s="613"/>
      <c r="QZB714" s="613"/>
      <c r="QZC714" s="613"/>
      <c r="QZD714" s="613"/>
      <c r="QZE714" s="613"/>
      <c r="QZF714" s="613"/>
      <c r="QZG714" s="613"/>
      <c r="QZH714" s="613"/>
      <c r="QZI714" s="613"/>
      <c r="QZJ714" s="613"/>
      <c r="QZK714" s="613"/>
      <c r="QZL714" s="613"/>
      <c r="QZM714" s="613"/>
      <c r="QZN714" s="613"/>
      <c r="QZO714" s="613"/>
      <c r="QZP714" s="613"/>
      <c r="QZQ714" s="613"/>
      <c r="QZR714" s="613"/>
      <c r="QZS714" s="613"/>
      <c r="QZT714" s="613"/>
      <c r="QZU714" s="613"/>
      <c r="QZV714" s="613"/>
      <c r="QZW714" s="613"/>
      <c r="QZX714" s="613"/>
      <c r="QZY714" s="613"/>
      <c r="QZZ714" s="613"/>
      <c r="RAA714" s="613"/>
      <c r="RAB714" s="613"/>
      <c r="RAC714" s="613"/>
      <c r="RAD714" s="613"/>
      <c r="RAE714" s="613"/>
      <c r="RAF714" s="613"/>
      <c r="RAG714" s="613"/>
      <c r="RAH714" s="613"/>
      <c r="RAI714" s="613"/>
      <c r="RAJ714" s="613"/>
      <c r="RAK714" s="613"/>
      <c r="RAL714" s="613"/>
      <c r="RAM714" s="613"/>
      <c r="RAN714" s="613"/>
      <c r="RAO714" s="613"/>
      <c r="RAP714" s="613"/>
      <c r="RAQ714" s="613"/>
      <c r="RAR714" s="613"/>
      <c r="RAS714" s="613"/>
      <c r="RAT714" s="613"/>
      <c r="RAU714" s="613"/>
      <c r="RAV714" s="613"/>
      <c r="RAW714" s="613"/>
      <c r="RAX714" s="613"/>
      <c r="RAY714" s="613"/>
      <c r="RAZ714" s="613"/>
      <c r="RBA714" s="613"/>
      <c r="RBB714" s="613"/>
      <c r="RBC714" s="613"/>
      <c r="RBD714" s="613"/>
      <c r="RBE714" s="613"/>
      <c r="RBF714" s="613"/>
      <c r="RBG714" s="613"/>
      <c r="RBH714" s="613"/>
      <c r="RBI714" s="613"/>
      <c r="RBJ714" s="613"/>
      <c r="RBK714" s="613"/>
      <c r="RBL714" s="613"/>
      <c r="RBM714" s="613"/>
      <c r="RBN714" s="613"/>
      <c r="RBO714" s="613"/>
      <c r="RBP714" s="613"/>
      <c r="RBQ714" s="613"/>
      <c r="RBR714" s="613"/>
      <c r="RBS714" s="613"/>
      <c r="RBT714" s="613"/>
      <c r="RBU714" s="613"/>
      <c r="RBV714" s="613"/>
      <c r="RBW714" s="613"/>
      <c r="RBX714" s="613"/>
      <c r="RBY714" s="613"/>
      <c r="RBZ714" s="613"/>
      <c r="RCA714" s="613"/>
      <c r="RCB714" s="613"/>
      <c r="RCC714" s="613"/>
      <c r="RCD714" s="613"/>
      <c r="RCE714" s="613"/>
      <c r="RCF714" s="613"/>
      <c r="RCG714" s="613"/>
      <c r="RCH714" s="613"/>
      <c r="RCI714" s="613"/>
      <c r="RCJ714" s="613"/>
      <c r="RCK714" s="613"/>
      <c r="RCL714" s="613"/>
      <c r="RCM714" s="613"/>
      <c r="RCN714" s="613"/>
      <c r="RCO714" s="613"/>
      <c r="RCP714" s="613"/>
      <c r="RCQ714" s="613"/>
      <c r="RCR714" s="613"/>
      <c r="RCS714" s="613"/>
      <c r="RCT714" s="613"/>
      <c r="RCU714" s="613"/>
      <c r="RCV714" s="613"/>
      <c r="RCW714" s="613"/>
      <c r="RCX714" s="613"/>
      <c r="RCY714" s="613"/>
      <c r="RCZ714" s="613"/>
      <c r="RDA714" s="613"/>
      <c r="RDB714" s="613"/>
      <c r="RDC714" s="613"/>
      <c r="RDD714" s="613"/>
      <c r="RDE714" s="613"/>
      <c r="RDF714" s="613"/>
      <c r="RDG714" s="613"/>
      <c r="RDH714" s="613"/>
      <c r="RDI714" s="613"/>
      <c r="RDJ714" s="613"/>
      <c r="RDK714" s="613"/>
      <c r="RDL714" s="613"/>
      <c r="RDM714" s="613"/>
      <c r="RDN714" s="613"/>
      <c r="RDO714" s="613"/>
      <c r="RDP714" s="613"/>
      <c r="RDQ714" s="613"/>
      <c r="RDR714" s="613"/>
      <c r="RDS714" s="613"/>
      <c r="RDT714" s="613"/>
      <c r="RDU714" s="613"/>
      <c r="RDV714" s="613"/>
      <c r="RDW714" s="613"/>
      <c r="RDX714" s="613"/>
      <c r="RDY714" s="613"/>
      <c r="RDZ714" s="613"/>
      <c r="REA714" s="613"/>
      <c r="REB714" s="613"/>
      <c r="REC714" s="613"/>
      <c r="RED714" s="613"/>
      <c r="REE714" s="613"/>
      <c r="REF714" s="613"/>
      <c r="REG714" s="613"/>
      <c r="REH714" s="613"/>
      <c r="REI714" s="613"/>
      <c r="REJ714" s="613"/>
      <c r="REK714" s="613"/>
      <c r="REL714" s="613"/>
      <c r="REM714" s="613"/>
      <c r="REN714" s="613"/>
      <c r="REO714" s="613"/>
      <c r="REP714" s="613"/>
      <c r="REQ714" s="613"/>
      <c r="RER714" s="613"/>
      <c r="RES714" s="613"/>
      <c r="RET714" s="613"/>
      <c r="REU714" s="613"/>
      <c r="REV714" s="613"/>
      <c r="REW714" s="613"/>
      <c r="REX714" s="613"/>
      <c r="REY714" s="613"/>
      <c r="REZ714" s="613"/>
      <c r="RFA714" s="613"/>
      <c r="RFB714" s="613"/>
      <c r="RFC714" s="613"/>
      <c r="RFD714" s="613"/>
      <c r="RFE714" s="613"/>
      <c r="RFF714" s="613"/>
      <c r="RFG714" s="613"/>
      <c r="RFH714" s="613"/>
      <c r="RFI714" s="613"/>
      <c r="RFJ714" s="613"/>
      <c r="RFK714" s="613"/>
      <c r="RFL714" s="613"/>
      <c r="RFM714" s="613"/>
      <c r="RFN714" s="613"/>
      <c r="RFO714" s="613"/>
      <c r="RFP714" s="613"/>
      <c r="RFQ714" s="613"/>
      <c r="RFR714" s="613"/>
      <c r="RFS714" s="613"/>
      <c r="RFT714" s="613"/>
      <c r="RFU714" s="613"/>
      <c r="RFV714" s="613"/>
      <c r="RFW714" s="613"/>
      <c r="RFX714" s="613"/>
      <c r="RFY714" s="613"/>
      <c r="RFZ714" s="613"/>
      <c r="RGA714" s="613"/>
      <c r="RGB714" s="613"/>
      <c r="RGC714" s="613"/>
      <c r="RGD714" s="613"/>
      <c r="RGE714" s="613"/>
      <c r="RGF714" s="613"/>
      <c r="RGG714" s="613"/>
      <c r="RGH714" s="613"/>
      <c r="RGI714" s="613"/>
      <c r="RGJ714" s="613"/>
      <c r="RGK714" s="613"/>
      <c r="RGL714" s="613"/>
      <c r="RGM714" s="613"/>
      <c r="RGN714" s="613"/>
      <c r="RGO714" s="613"/>
      <c r="RGP714" s="613"/>
      <c r="RGQ714" s="613"/>
      <c r="RGR714" s="613"/>
      <c r="RGS714" s="613"/>
      <c r="RGT714" s="613"/>
      <c r="RGU714" s="613"/>
      <c r="RGV714" s="613"/>
      <c r="RGW714" s="613"/>
      <c r="RGX714" s="613"/>
      <c r="RGY714" s="613"/>
      <c r="RGZ714" s="613"/>
      <c r="RHA714" s="613"/>
      <c r="RHB714" s="613"/>
      <c r="RHC714" s="613"/>
      <c r="RHD714" s="613"/>
      <c r="RHE714" s="613"/>
      <c r="RHF714" s="613"/>
      <c r="RHG714" s="613"/>
      <c r="RHH714" s="613"/>
      <c r="RHI714" s="613"/>
      <c r="RHJ714" s="613"/>
      <c r="RHK714" s="613"/>
      <c r="RHL714" s="613"/>
      <c r="RHM714" s="613"/>
      <c r="RHN714" s="613"/>
      <c r="RHO714" s="613"/>
      <c r="RHP714" s="613"/>
      <c r="RHQ714" s="613"/>
      <c r="RHR714" s="613"/>
      <c r="RHS714" s="613"/>
      <c r="RHT714" s="613"/>
      <c r="RHU714" s="613"/>
      <c r="RHV714" s="613"/>
      <c r="RHW714" s="613"/>
      <c r="RHX714" s="613"/>
      <c r="RHY714" s="613"/>
      <c r="RHZ714" s="613"/>
      <c r="RIA714" s="613"/>
      <c r="RIB714" s="613"/>
      <c r="RIC714" s="613"/>
      <c r="RID714" s="613"/>
      <c r="RIE714" s="613"/>
      <c r="RIF714" s="613"/>
      <c r="RIG714" s="613"/>
      <c r="RIH714" s="613"/>
      <c r="RII714" s="613"/>
      <c r="RIJ714" s="613"/>
      <c r="RIK714" s="613"/>
      <c r="RIL714" s="613"/>
      <c r="RIM714" s="613"/>
      <c r="RIN714" s="613"/>
      <c r="RIO714" s="613"/>
      <c r="RIP714" s="613"/>
      <c r="RIQ714" s="613"/>
      <c r="RIR714" s="613"/>
      <c r="RIS714" s="613"/>
      <c r="RIT714" s="613"/>
      <c r="RIU714" s="613"/>
      <c r="RIV714" s="613"/>
      <c r="RIW714" s="613"/>
      <c r="RIX714" s="613"/>
      <c r="RIY714" s="613"/>
      <c r="RIZ714" s="613"/>
      <c r="RJA714" s="613"/>
      <c r="RJB714" s="613"/>
      <c r="RJC714" s="613"/>
      <c r="RJD714" s="613"/>
      <c r="RJE714" s="613"/>
      <c r="RJF714" s="613"/>
      <c r="RJG714" s="613"/>
      <c r="RJH714" s="613"/>
      <c r="RJI714" s="613"/>
      <c r="RJJ714" s="613"/>
      <c r="RJK714" s="613"/>
      <c r="RJL714" s="613"/>
      <c r="RJM714" s="613"/>
      <c r="RJN714" s="613"/>
      <c r="RJO714" s="613"/>
      <c r="RJP714" s="613"/>
      <c r="RJQ714" s="613"/>
      <c r="RJR714" s="613"/>
      <c r="RJS714" s="613"/>
      <c r="RJT714" s="613"/>
      <c r="RJU714" s="613"/>
      <c r="RJV714" s="613"/>
      <c r="RJW714" s="613"/>
      <c r="RJX714" s="613"/>
      <c r="RJY714" s="613"/>
      <c r="RJZ714" s="613"/>
      <c r="RKA714" s="613"/>
      <c r="RKB714" s="613"/>
      <c r="RKC714" s="613"/>
      <c r="RKD714" s="613"/>
      <c r="RKE714" s="613"/>
      <c r="RKF714" s="613"/>
      <c r="RKG714" s="613"/>
      <c r="RKH714" s="613"/>
      <c r="RKI714" s="613"/>
      <c r="RKJ714" s="613"/>
      <c r="RKK714" s="613"/>
      <c r="RKL714" s="613"/>
      <c r="RKM714" s="613"/>
      <c r="RKN714" s="613"/>
      <c r="RKO714" s="613"/>
      <c r="RKP714" s="613"/>
      <c r="RKQ714" s="613"/>
      <c r="RKR714" s="613"/>
      <c r="RKS714" s="613"/>
      <c r="RKT714" s="613"/>
      <c r="RKU714" s="613"/>
      <c r="RKV714" s="613"/>
      <c r="RKW714" s="613"/>
      <c r="RKX714" s="613"/>
      <c r="RKY714" s="613"/>
      <c r="RKZ714" s="613"/>
      <c r="RLA714" s="613"/>
      <c r="RLB714" s="613"/>
      <c r="RLC714" s="613"/>
      <c r="RLD714" s="613"/>
      <c r="RLE714" s="613"/>
      <c r="RLF714" s="613"/>
      <c r="RLG714" s="613"/>
      <c r="RLH714" s="613"/>
      <c r="RLI714" s="613"/>
      <c r="RLJ714" s="613"/>
      <c r="RLK714" s="613"/>
      <c r="RLL714" s="613"/>
      <c r="RLM714" s="613"/>
      <c r="RLN714" s="613"/>
      <c r="RLO714" s="613"/>
      <c r="RLP714" s="613"/>
      <c r="RLQ714" s="613"/>
      <c r="RLR714" s="613"/>
      <c r="RLS714" s="613"/>
      <c r="RLT714" s="613"/>
      <c r="RLU714" s="613"/>
      <c r="RLV714" s="613"/>
      <c r="RLW714" s="613"/>
      <c r="RLX714" s="613"/>
      <c r="RLY714" s="613"/>
      <c r="RLZ714" s="613"/>
      <c r="RMA714" s="613"/>
      <c r="RMB714" s="613"/>
      <c r="RMC714" s="613"/>
      <c r="RMD714" s="613"/>
      <c r="RME714" s="613"/>
      <c r="RMF714" s="613"/>
      <c r="RMG714" s="613"/>
      <c r="RMH714" s="613"/>
      <c r="RMI714" s="613"/>
      <c r="RMJ714" s="613"/>
      <c r="RMK714" s="613"/>
      <c r="RML714" s="613"/>
      <c r="RMM714" s="613"/>
      <c r="RMN714" s="613"/>
      <c r="RMO714" s="613"/>
      <c r="RMP714" s="613"/>
      <c r="RMQ714" s="613"/>
      <c r="RMR714" s="613"/>
      <c r="RMS714" s="613"/>
      <c r="RMT714" s="613"/>
      <c r="RMU714" s="613"/>
      <c r="RMV714" s="613"/>
      <c r="RMW714" s="613"/>
      <c r="RMX714" s="613"/>
      <c r="RMY714" s="613"/>
      <c r="RMZ714" s="613"/>
      <c r="RNA714" s="613"/>
      <c r="RNB714" s="613"/>
      <c r="RNC714" s="613"/>
      <c r="RND714" s="613"/>
      <c r="RNE714" s="613"/>
      <c r="RNF714" s="613"/>
      <c r="RNG714" s="613"/>
      <c r="RNH714" s="613"/>
      <c r="RNI714" s="613"/>
      <c r="RNJ714" s="613"/>
      <c r="RNK714" s="613"/>
      <c r="RNL714" s="613"/>
      <c r="RNM714" s="613"/>
      <c r="RNN714" s="613"/>
      <c r="RNO714" s="613"/>
      <c r="RNP714" s="613"/>
      <c r="RNQ714" s="613"/>
      <c r="RNR714" s="613"/>
      <c r="RNS714" s="613"/>
      <c r="RNT714" s="613"/>
      <c r="RNU714" s="613"/>
      <c r="RNV714" s="613"/>
      <c r="RNW714" s="613"/>
      <c r="RNX714" s="613"/>
      <c r="RNY714" s="613"/>
      <c r="RNZ714" s="613"/>
      <c r="ROA714" s="613"/>
      <c r="ROB714" s="613"/>
      <c r="ROC714" s="613"/>
      <c r="ROD714" s="613"/>
      <c r="ROE714" s="613"/>
      <c r="ROF714" s="613"/>
      <c r="ROG714" s="613"/>
      <c r="ROH714" s="613"/>
      <c r="ROI714" s="613"/>
      <c r="ROJ714" s="613"/>
      <c r="ROK714" s="613"/>
      <c r="ROL714" s="613"/>
      <c r="ROM714" s="613"/>
      <c r="RON714" s="613"/>
      <c r="ROO714" s="613"/>
      <c r="ROP714" s="613"/>
      <c r="ROQ714" s="613"/>
      <c r="ROR714" s="613"/>
      <c r="ROS714" s="613"/>
      <c r="ROT714" s="613"/>
      <c r="ROU714" s="613"/>
      <c r="ROV714" s="613"/>
      <c r="ROW714" s="613"/>
      <c r="ROX714" s="613"/>
      <c r="ROY714" s="613"/>
      <c r="ROZ714" s="613"/>
      <c r="RPA714" s="613"/>
      <c r="RPB714" s="613"/>
      <c r="RPC714" s="613"/>
      <c r="RPD714" s="613"/>
      <c r="RPE714" s="613"/>
      <c r="RPF714" s="613"/>
      <c r="RPG714" s="613"/>
      <c r="RPH714" s="613"/>
      <c r="RPI714" s="613"/>
      <c r="RPJ714" s="613"/>
      <c r="RPK714" s="613"/>
      <c r="RPL714" s="613"/>
      <c r="RPM714" s="613"/>
      <c r="RPN714" s="613"/>
      <c r="RPO714" s="613"/>
      <c r="RPP714" s="613"/>
      <c r="RPQ714" s="613"/>
      <c r="RPR714" s="613"/>
      <c r="RPS714" s="613"/>
      <c r="RPT714" s="613"/>
      <c r="RPU714" s="613"/>
      <c r="RPV714" s="613"/>
      <c r="RPW714" s="613"/>
      <c r="RPX714" s="613"/>
      <c r="RPY714" s="613"/>
      <c r="RPZ714" s="613"/>
      <c r="RQA714" s="613"/>
      <c r="RQB714" s="613"/>
      <c r="RQC714" s="613"/>
      <c r="RQD714" s="613"/>
      <c r="RQE714" s="613"/>
      <c r="RQF714" s="613"/>
      <c r="RQG714" s="613"/>
      <c r="RQH714" s="613"/>
      <c r="RQI714" s="613"/>
      <c r="RQJ714" s="613"/>
      <c r="RQK714" s="613"/>
      <c r="RQL714" s="613"/>
      <c r="RQM714" s="613"/>
      <c r="RQN714" s="613"/>
      <c r="RQO714" s="613"/>
      <c r="RQP714" s="613"/>
      <c r="RQQ714" s="613"/>
      <c r="RQR714" s="613"/>
      <c r="RQS714" s="613"/>
      <c r="RQT714" s="613"/>
      <c r="RQU714" s="613"/>
      <c r="RQV714" s="613"/>
      <c r="RQW714" s="613"/>
      <c r="RQX714" s="613"/>
      <c r="RQY714" s="613"/>
      <c r="RQZ714" s="613"/>
      <c r="RRA714" s="613"/>
      <c r="RRB714" s="613"/>
      <c r="RRC714" s="613"/>
      <c r="RRD714" s="613"/>
      <c r="RRE714" s="613"/>
      <c r="RRF714" s="613"/>
      <c r="RRG714" s="613"/>
      <c r="RRH714" s="613"/>
      <c r="RRI714" s="613"/>
      <c r="RRJ714" s="613"/>
      <c r="RRK714" s="613"/>
      <c r="RRL714" s="613"/>
      <c r="RRM714" s="613"/>
      <c r="RRN714" s="613"/>
      <c r="RRO714" s="613"/>
      <c r="RRP714" s="613"/>
      <c r="RRQ714" s="613"/>
      <c r="RRR714" s="613"/>
      <c r="RRS714" s="613"/>
      <c r="RRT714" s="613"/>
      <c r="RRU714" s="613"/>
      <c r="RRV714" s="613"/>
      <c r="RRW714" s="613"/>
      <c r="RRX714" s="613"/>
      <c r="RRY714" s="613"/>
      <c r="RRZ714" s="613"/>
      <c r="RSA714" s="613"/>
      <c r="RSB714" s="613"/>
      <c r="RSC714" s="613"/>
      <c r="RSD714" s="613"/>
      <c r="RSE714" s="613"/>
      <c r="RSF714" s="613"/>
      <c r="RSG714" s="613"/>
      <c r="RSH714" s="613"/>
      <c r="RSI714" s="613"/>
      <c r="RSJ714" s="613"/>
      <c r="RSK714" s="613"/>
      <c r="RSL714" s="613"/>
      <c r="RSM714" s="613"/>
      <c r="RSN714" s="613"/>
      <c r="RSO714" s="613"/>
      <c r="RSP714" s="613"/>
      <c r="RSQ714" s="613"/>
      <c r="RSR714" s="613"/>
      <c r="RSS714" s="613"/>
      <c r="RST714" s="613"/>
      <c r="RSU714" s="613"/>
      <c r="RSV714" s="613"/>
      <c r="RSW714" s="613"/>
      <c r="RSX714" s="613"/>
      <c r="RSY714" s="613"/>
      <c r="RSZ714" s="613"/>
      <c r="RTA714" s="613"/>
      <c r="RTB714" s="613"/>
      <c r="RTC714" s="613"/>
      <c r="RTD714" s="613"/>
      <c r="RTE714" s="613"/>
      <c r="RTF714" s="613"/>
      <c r="RTG714" s="613"/>
      <c r="RTH714" s="613"/>
      <c r="RTI714" s="613"/>
      <c r="RTJ714" s="613"/>
      <c r="RTK714" s="613"/>
      <c r="RTL714" s="613"/>
      <c r="RTM714" s="613"/>
      <c r="RTN714" s="613"/>
      <c r="RTO714" s="613"/>
      <c r="RTP714" s="613"/>
      <c r="RTQ714" s="613"/>
      <c r="RTR714" s="613"/>
      <c r="RTS714" s="613"/>
      <c r="RTT714" s="613"/>
      <c r="RTU714" s="613"/>
      <c r="RTV714" s="613"/>
      <c r="RTW714" s="613"/>
      <c r="RTX714" s="613"/>
      <c r="RTY714" s="613"/>
      <c r="RTZ714" s="613"/>
      <c r="RUA714" s="613"/>
      <c r="RUB714" s="613"/>
      <c r="RUC714" s="613"/>
      <c r="RUD714" s="613"/>
      <c r="RUE714" s="613"/>
      <c r="RUF714" s="613"/>
      <c r="RUG714" s="613"/>
      <c r="RUH714" s="613"/>
      <c r="RUI714" s="613"/>
      <c r="RUJ714" s="613"/>
      <c r="RUK714" s="613"/>
      <c r="RUL714" s="613"/>
      <c r="RUM714" s="613"/>
      <c r="RUN714" s="613"/>
      <c r="RUO714" s="613"/>
      <c r="RUP714" s="613"/>
      <c r="RUQ714" s="613"/>
      <c r="RUR714" s="613"/>
      <c r="RUS714" s="613"/>
      <c r="RUT714" s="613"/>
      <c r="RUU714" s="613"/>
      <c r="RUV714" s="613"/>
      <c r="RUW714" s="613"/>
      <c r="RUX714" s="613"/>
      <c r="RUY714" s="613"/>
      <c r="RUZ714" s="613"/>
      <c r="RVA714" s="613"/>
      <c r="RVB714" s="613"/>
      <c r="RVC714" s="613"/>
      <c r="RVD714" s="613"/>
      <c r="RVE714" s="613"/>
      <c r="RVF714" s="613"/>
      <c r="RVG714" s="613"/>
      <c r="RVH714" s="613"/>
      <c r="RVI714" s="613"/>
      <c r="RVJ714" s="613"/>
      <c r="RVK714" s="613"/>
      <c r="RVL714" s="613"/>
      <c r="RVM714" s="613"/>
      <c r="RVN714" s="613"/>
      <c r="RVO714" s="613"/>
      <c r="RVP714" s="613"/>
      <c r="RVQ714" s="613"/>
      <c r="RVR714" s="613"/>
      <c r="RVS714" s="613"/>
      <c r="RVT714" s="613"/>
      <c r="RVU714" s="613"/>
      <c r="RVV714" s="613"/>
      <c r="RVW714" s="613"/>
      <c r="RVX714" s="613"/>
      <c r="RVY714" s="613"/>
      <c r="RVZ714" s="613"/>
      <c r="RWA714" s="613"/>
      <c r="RWB714" s="613"/>
      <c r="RWC714" s="613"/>
      <c r="RWD714" s="613"/>
      <c r="RWE714" s="613"/>
      <c r="RWF714" s="613"/>
      <c r="RWG714" s="613"/>
      <c r="RWH714" s="613"/>
      <c r="RWI714" s="613"/>
      <c r="RWJ714" s="613"/>
      <c r="RWK714" s="613"/>
      <c r="RWL714" s="613"/>
      <c r="RWM714" s="613"/>
      <c r="RWN714" s="613"/>
      <c r="RWO714" s="613"/>
      <c r="RWP714" s="613"/>
      <c r="RWQ714" s="613"/>
      <c r="RWR714" s="613"/>
      <c r="RWS714" s="613"/>
      <c r="RWT714" s="613"/>
      <c r="RWU714" s="613"/>
      <c r="RWV714" s="613"/>
      <c r="RWW714" s="613"/>
      <c r="RWX714" s="613"/>
      <c r="RWY714" s="613"/>
      <c r="RWZ714" s="613"/>
      <c r="RXA714" s="613"/>
      <c r="RXB714" s="613"/>
      <c r="RXC714" s="613"/>
      <c r="RXD714" s="613"/>
      <c r="RXE714" s="613"/>
      <c r="RXF714" s="613"/>
      <c r="RXG714" s="613"/>
      <c r="RXH714" s="613"/>
      <c r="RXI714" s="613"/>
      <c r="RXJ714" s="613"/>
      <c r="RXK714" s="613"/>
      <c r="RXL714" s="613"/>
      <c r="RXM714" s="613"/>
      <c r="RXN714" s="613"/>
      <c r="RXO714" s="613"/>
      <c r="RXP714" s="613"/>
      <c r="RXQ714" s="613"/>
      <c r="RXR714" s="613"/>
      <c r="RXS714" s="613"/>
      <c r="RXT714" s="613"/>
      <c r="RXU714" s="613"/>
      <c r="RXV714" s="613"/>
      <c r="RXW714" s="613"/>
      <c r="RXX714" s="613"/>
      <c r="RXY714" s="613"/>
      <c r="RXZ714" s="613"/>
      <c r="RYA714" s="613"/>
      <c r="RYB714" s="613"/>
      <c r="RYC714" s="613"/>
      <c r="RYD714" s="613"/>
      <c r="RYE714" s="613"/>
      <c r="RYF714" s="613"/>
      <c r="RYG714" s="613"/>
      <c r="RYH714" s="613"/>
      <c r="RYI714" s="613"/>
      <c r="RYJ714" s="613"/>
      <c r="RYK714" s="613"/>
      <c r="RYL714" s="613"/>
      <c r="RYM714" s="613"/>
      <c r="RYN714" s="613"/>
      <c r="RYO714" s="613"/>
      <c r="RYP714" s="613"/>
      <c r="RYQ714" s="613"/>
      <c r="RYR714" s="613"/>
      <c r="RYS714" s="613"/>
      <c r="RYT714" s="613"/>
      <c r="RYU714" s="613"/>
      <c r="RYV714" s="613"/>
      <c r="RYW714" s="613"/>
      <c r="RYX714" s="613"/>
      <c r="RYY714" s="613"/>
      <c r="RYZ714" s="613"/>
      <c r="RZA714" s="613"/>
      <c r="RZB714" s="613"/>
      <c r="RZC714" s="613"/>
      <c r="RZD714" s="613"/>
      <c r="RZE714" s="613"/>
      <c r="RZF714" s="613"/>
      <c r="RZG714" s="613"/>
      <c r="RZH714" s="613"/>
      <c r="RZI714" s="613"/>
      <c r="RZJ714" s="613"/>
      <c r="RZK714" s="613"/>
      <c r="RZL714" s="613"/>
      <c r="RZM714" s="613"/>
      <c r="RZN714" s="613"/>
      <c r="RZO714" s="613"/>
      <c r="RZP714" s="613"/>
      <c r="RZQ714" s="613"/>
      <c r="RZR714" s="613"/>
      <c r="RZS714" s="613"/>
      <c r="RZT714" s="613"/>
      <c r="RZU714" s="613"/>
      <c r="RZV714" s="613"/>
      <c r="RZW714" s="613"/>
      <c r="RZX714" s="613"/>
      <c r="RZY714" s="613"/>
      <c r="RZZ714" s="613"/>
      <c r="SAA714" s="613"/>
      <c r="SAB714" s="613"/>
      <c r="SAC714" s="613"/>
      <c r="SAD714" s="613"/>
      <c r="SAE714" s="613"/>
      <c r="SAF714" s="613"/>
      <c r="SAG714" s="613"/>
      <c r="SAH714" s="613"/>
      <c r="SAI714" s="613"/>
      <c r="SAJ714" s="613"/>
      <c r="SAK714" s="613"/>
      <c r="SAL714" s="613"/>
      <c r="SAM714" s="613"/>
      <c r="SAN714" s="613"/>
      <c r="SAO714" s="613"/>
      <c r="SAP714" s="613"/>
      <c r="SAQ714" s="613"/>
      <c r="SAR714" s="613"/>
      <c r="SAS714" s="613"/>
      <c r="SAT714" s="613"/>
      <c r="SAU714" s="613"/>
      <c r="SAV714" s="613"/>
      <c r="SAW714" s="613"/>
      <c r="SAX714" s="613"/>
      <c r="SAY714" s="613"/>
      <c r="SAZ714" s="613"/>
      <c r="SBA714" s="613"/>
      <c r="SBB714" s="613"/>
      <c r="SBC714" s="613"/>
      <c r="SBD714" s="613"/>
      <c r="SBE714" s="613"/>
      <c r="SBF714" s="613"/>
      <c r="SBG714" s="613"/>
      <c r="SBH714" s="613"/>
      <c r="SBI714" s="613"/>
      <c r="SBJ714" s="613"/>
      <c r="SBK714" s="613"/>
      <c r="SBL714" s="613"/>
      <c r="SBM714" s="613"/>
      <c r="SBN714" s="613"/>
      <c r="SBO714" s="613"/>
      <c r="SBP714" s="613"/>
      <c r="SBQ714" s="613"/>
      <c r="SBR714" s="613"/>
      <c r="SBS714" s="613"/>
      <c r="SBT714" s="613"/>
      <c r="SBU714" s="613"/>
      <c r="SBV714" s="613"/>
      <c r="SBW714" s="613"/>
      <c r="SBX714" s="613"/>
      <c r="SBY714" s="613"/>
      <c r="SBZ714" s="613"/>
      <c r="SCA714" s="613"/>
      <c r="SCB714" s="613"/>
      <c r="SCC714" s="613"/>
      <c r="SCD714" s="613"/>
      <c r="SCE714" s="613"/>
      <c r="SCF714" s="613"/>
      <c r="SCG714" s="613"/>
      <c r="SCH714" s="613"/>
      <c r="SCI714" s="613"/>
      <c r="SCJ714" s="613"/>
      <c r="SCK714" s="613"/>
      <c r="SCL714" s="613"/>
      <c r="SCM714" s="613"/>
      <c r="SCN714" s="613"/>
      <c r="SCO714" s="613"/>
      <c r="SCP714" s="613"/>
      <c r="SCQ714" s="613"/>
      <c r="SCR714" s="613"/>
      <c r="SCS714" s="613"/>
      <c r="SCT714" s="613"/>
      <c r="SCU714" s="613"/>
      <c r="SCV714" s="613"/>
      <c r="SCW714" s="613"/>
      <c r="SCX714" s="613"/>
      <c r="SCY714" s="613"/>
      <c r="SCZ714" s="613"/>
      <c r="SDA714" s="613"/>
      <c r="SDB714" s="613"/>
      <c r="SDC714" s="613"/>
      <c r="SDD714" s="613"/>
      <c r="SDE714" s="613"/>
      <c r="SDF714" s="613"/>
      <c r="SDG714" s="613"/>
      <c r="SDH714" s="613"/>
      <c r="SDI714" s="613"/>
      <c r="SDJ714" s="613"/>
      <c r="SDK714" s="613"/>
      <c r="SDL714" s="613"/>
      <c r="SDM714" s="613"/>
      <c r="SDN714" s="613"/>
      <c r="SDO714" s="613"/>
      <c r="SDP714" s="613"/>
      <c r="SDQ714" s="613"/>
      <c r="SDR714" s="613"/>
      <c r="SDS714" s="613"/>
      <c r="SDT714" s="613"/>
      <c r="SDU714" s="613"/>
      <c r="SDV714" s="613"/>
      <c r="SDW714" s="613"/>
      <c r="SDX714" s="613"/>
      <c r="SDY714" s="613"/>
      <c r="SDZ714" s="613"/>
      <c r="SEA714" s="613"/>
      <c r="SEB714" s="613"/>
      <c r="SEC714" s="613"/>
      <c r="SED714" s="613"/>
      <c r="SEE714" s="613"/>
      <c r="SEF714" s="613"/>
      <c r="SEG714" s="613"/>
      <c r="SEH714" s="613"/>
      <c r="SEI714" s="613"/>
      <c r="SEJ714" s="613"/>
      <c r="SEK714" s="613"/>
      <c r="SEL714" s="613"/>
      <c r="SEM714" s="613"/>
      <c r="SEN714" s="613"/>
      <c r="SEO714" s="613"/>
      <c r="SEP714" s="613"/>
      <c r="SEQ714" s="613"/>
      <c r="SER714" s="613"/>
      <c r="SES714" s="613"/>
      <c r="SET714" s="613"/>
      <c r="SEU714" s="613"/>
      <c r="SEV714" s="613"/>
      <c r="SEW714" s="613"/>
      <c r="SEX714" s="613"/>
      <c r="SEY714" s="613"/>
      <c r="SEZ714" s="613"/>
      <c r="SFA714" s="613"/>
      <c r="SFB714" s="613"/>
      <c r="SFC714" s="613"/>
      <c r="SFD714" s="613"/>
      <c r="SFE714" s="613"/>
      <c r="SFF714" s="613"/>
      <c r="SFG714" s="613"/>
      <c r="SFH714" s="613"/>
      <c r="SFI714" s="613"/>
      <c r="SFJ714" s="613"/>
      <c r="SFK714" s="613"/>
      <c r="SFL714" s="613"/>
      <c r="SFM714" s="613"/>
      <c r="SFN714" s="613"/>
      <c r="SFO714" s="613"/>
      <c r="SFP714" s="613"/>
      <c r="SFQ714" s="613"/>
      <c r="SFR714" s="613"/>
      <c r="SFS714" s="613"/>
      <c r="SFT714" s="613"/>
      <c r="SFU714" s="613"/>
      <c r="SFV714" s="613"/>
      <c r="SFW714" s="613"/>
      <c r="SFX714" s="613"/>
      <c r="SFY714" s="613"/>
      <c r="SFZ714" s="613"/>
      <c r="SGA714" s="613"/>
      <c r="SGB714" s="613"/>
      <c r="SGC714" s="613"/>
      <c r="SGD714" s="613"/>
      <c r="SGE714" s="613"/>
      <c r="SGF714" s="613"/>
      <c r="SGG714" s="613"/>
      <c r="SGH714" s="613"/>
      <c r="SGI714" s="613"/>
      <c r="SGJ714" s="613"/>
      <c r="SGK714" s="613"/>
      <c r="SGL714" s="613"/>
      <c r="SGM714" s="613"/>
      <c r="SGN714" s="613"/>
      <c r="SGO714" s="613"/>
      <c r="SGP714" s="613"/>
      <c r="SGQ714" s="613"/>
      <c r="SGR714" s="613"/>
      <c r="SGS714" s="613"/>
      <c r="SGT714" s="613"/>
      <c r="SGU714" s="613"/>
      <c r="SGV714" s="613"/>
      <c r="SGW714" s="613"/>
      <c r="SGX714" s="613"/>
      <c r="SGY714" s="613"/>
      <c r="SGZ714" s="613"/>
      <c r="SHA714" s="613"/>
      <c r="SHB714" s="613"/>
      <c r="SHC714" s="613"/>
      <c r="SHD714" s="613"/>
      <c r="SHE714" s="613"/>
      <c r="SHF714" s="613"/>
      <c r="SHG714" s="613"/>
      <c r="SHH714" s="613"/>
      <c r="SHI714" s="613"/>
      <c r="SHJ714" s="613"/>
      <c r="SHK714" s="613"/>
      <c r="SHL714" s="613"/>
      <c r="SHM714" s="613"/>
      <c r="SHN714" s="613"/>
      <c r="SHO714" s="613"/>
      <c r="SHP714" s="613"/>
      <c r="SHQ714" s="613"/>
      <c r="SHR714" s="613"/>
      <c r="SHS714" s="613"/>
      <c r="SHT714" s="613"/>
      <c r="SHU714" s="613"/>
      <c r="SHV714" s="613"/>
      <c r="SHW714" s="613"/>
      <c r="SHX714" s="613"/>
      <c r="SHY714" s="613"/>
      <c r="SHZ714" s="613"/>
      <c r="SIA714" s="613"/>
      <c r="SIB714" s="613"/>
      <c r="SIC714" s="613"/>
      <c r="SID714" s="613"/>
      <c r="SIE714" s="613"/>
      <c r="SIF714" s="613"/>
      <c r="SIG714" s="613"/>
      <c r="SIH714" s="613"/>
      <c r="SII714" s="613"/>
      <c r="SIJ714" s="613"/>
      <c r="SIK714" s="613"/>
      <c r="SIL714" s="613"/>
      <c r="SIM714" s="613"/>
      <c r="SIN714" s="613"/>
      <c r="SIO714" s="613"/>
      <c r="SIP714" s="613"/>
      <c r="SIQ714" s="613"/>
      <c r="SIR714" s="613"/>
      <c r="SIS714" s="613"/>
      <c r="SIT714" s="613"/>
      <c r="SIU714" s="613"/>
      <c r="SIV714" s="613"/>
      <c r="SIW714" s="613"/>
      <c r="SIX714" s="613"/>
      <c r="SIY714" s="613"/>
      <c r="SIZ714" s="613"/>
      <c r="SJA714" s="613"/>
      <c r="SJB714" s="613"/>
      <c r="SJC714" s="613"/>
      <c r="SJD714" s="613"/>
      <c r="SJE714" s="613"/>
      <c r="SJF714" s="613"/>
      <c r="SJG714" s="613"/>
      <c r="SJH714" s="613"/>
      <c r="SJI714" s="613"/>
      <c r="SJJ714" s="613"/>
      <c r="SJK714" s="613"/>
      <c r="SJL714" s="613"/>
      <c r="SJM714" s="613"/>
      <c r="SJN714" s="613"/>
      <c r="SJO714" s="613"/>
      <c r="SJP714" s="613"/>
      <c r="SJQ714" s="613"/>
      <c r="SJR714" s="613"/>
      <c r="SJS714" s="613"/>
      <c r="SJT714" s="613"/>
      <c r="SJU714" s="613"/>
      <c r="SJV714" s="613"/>
      <c r="SJW714" s="613"/>
      <c r="SJX714" s="613"/>
      <c r="SJY714" s="613"/>
      <c r="SJZ714" s="613"/>
      <c r="SKA714" s="613"/>
      <c r="SKB714" s="613"/>
      <c r="SKC714" s="613"/>
      <c r="SKD714" s="613"/>
      <c r="SKE714" s="613"/>
      <c r="SKF714" s="613"/>
      <c r="SKG714" s="613"/>
      <c r="SKH714" s="613"/>
      <c r="SKI714" s="613"/>
      <c r="SKJ714" s="613"/>
      <c r="SKK714" s="613"/>
      <c r="SKL714" s="613"/>
      <c r="SKM714" s="613"/>
      <c r="SKN714" s="613"/>
      <c r="SKO714" s="613"/>
      <c r="SKP714" s="613"/>
      <c r="SKQ714" s="613"/>
      <c r="SKR714" s="613"/>
      <c r="SKS714" s="613"/>
      <c r="SKT714" s="613"/>
      <c r="SKU714" s="613"/>
      <c r="SKV714" s="613"/>
      <c r="SKW714" s="613"/>
      <c r="SKX714" s="613"/>
      <c r="SKY714" s="613"/>
      <c r="SKZ714" s="613"/>
      <c r="SLA714" s="613"/>
      <c r="SLB714" s="613"/>
      <c r="SLC714" s="613"/>
      <c r="SLD714" s="613"/>
      <c r="SLE714" s="613"/>
      <c r="SLF714" s="613"/>
      <c r="SLG714" s="613"/>
      <c r="SLH714" s="613"/>
      <c r="SLI714" s="613"/>
      <c r="SLJ714" s="613"/>
      <c r="SLK714" s="613"/>
      <c r="SLL714" s="613"/>
      <c r="SLM714" s="613"/>
      <c r="SLN714" s="613"/>
      <c r="SLO714" s="613"/>
      <c r="SLP714" s="613"/>
      <c r="SLQ714" s="613"/>
      <c r="SLR714" s="613"/>
      <c r="SLS714" s="613"/>
      <c r="SLT714" s="613"/>
      <c r="SLU714" s="613"/>
      <c r="SLV714" s="613"/>
      <c r="SLW714" s="613"/>
      <c r="SLX714" s="613"/>
      <c r="SLY714" s="613"/>
      <c r="SLZ714" s="613"/>
      <c r="SMA714" s="613"/>
      <c r="SMB714" s="613"/>
      <c r="SMC714" s="613"/>
      <c r="SMD714" s="613"/>
      <c r="SME714" s="613"/>
      <c r="SMF714" s="613"/>
      <c r="SMG714" s="613"/>
      <c r="SMH714" s="613"/>
      <c r="SMI714" s="613"/>
      <c r="SMJ714" s="613"/>
      <c r="SMK714" s="613"/>
      <c r="SML714" s="613"/>
      <c r="SMM714" s="613"/>
      <c r="SMN714" s="613"/>
      <c r="SMO714" s="613"/>
      <c r="SMP714" s="613"/>
      <c r="SMQ714" s="613"/>
      <c r="SMR714" s="613"/>
      <c r="SMS714" s="613"/>
      <c r="SMT714" s="613"/>
      <c r="SMU714" s="613"/>
      <c r="SMV714" s="613"/>
      <c r="SMW714" s="613"/>
      <c r="SMX714" s="613"/>
      <c r="SMY714" s="613"/>
      <c r="SMZ714" s="613"/>
      <c r="SNA714" s="613"/>
      <c r="SNB714" s="613"/>
      <c r="SNC714" s="613"/>
      <c r="SND714" s="613"/>
      <c r="SNE714" s="613"/>
      <c r="SNF714" s="613"/>
      <c r="SNG714" s="613"/>
      <c r="SNH714" s="613"/>
      <c r="SNI714" s="613"/>
      <c r="SNJ714" s="613"/>
      <c r="SNK714" s="613"/>
      <c r="SNL714" s="613"/>
      <c r="SNM714" s="613"/>
      <c r="SNN714" s="613"/>
      <c r="SNO714" s="613"/>
      <c r="SNP714" s="613"/>
      <c r="SNQ714" s="613"/>
      <c r="SNR714" s="613"/>
      <c r="SNS714" s="613"/>
      <c r="SNT714" s="613"/>
      <c r="SNU714" s="613"/>
      <c r="SNV714" s="613"/>
      <c r="SNW714" s="613"/>
      <c r="SNX714" s="613"/>
      <c r="SNY714" s="613"/>
      <c r="SNZ714" s="613"/>
      <c r="SOA714" s="613"/>
      <c r="SOB714" s="613"/>
      <c r="SOC714" s="613"/>
      <c r="SOD714" s="613"/>
      <c r="SOE714" s="613"/>
      <c r="SOF714" s="613"/>
      <c r="SOG714" s="613"/>
      <c r="SOH714" s="613"/>
      <c r="SOI714" s="613"/>
      <c r="SOJ714" s="613"/>
      <c r="SOK714" s="613"/>
      <c r="SOL714" s="613"/>
      <c r="SOM714" s="613"/>
      <c r="SON714" s="613"/>
      <c r="SOO714" s="613"/>
      <c r="SOP714" s="613"/>
      <c r="SOQ714" s="613"/>
      <c r="SOR714" s="613"/>
      <c r="SOS714" s="613"/>
      <c r="SOT714" s="613"/>
      <c r="SOU714" s="613"/>
      <c r="SOV714" s="613"/>
      <c r="SOW714" s="613"/>
      <c r="SOX714" s="613"/>
      <c r="SOY714" s="613"/>
      <c r="SOZ714" s="613"/>
      <c r="SPA714" s="613"/>
      <c r="SPB714" s="613"/>
      <c r="SPC714" s="613"/>
      <c r="SPD714" s="613"/>
      <c r="SPE714" s="613"/>
      <c r="SPF714" s="613"/>
      <c r="SPG714" s="613"/>
      <c r="SPH714" s="613"/>
      <c r="SPI714" s="613"/>
      <c r="SPJ714" s="613"/>
      <c r="SPK714" s="613"/>
      <c r="SPL714" s="613"/>
      <c r="SPM714" s="613"/>
      <c r="SPN714" s="613"/>
      <c r="SPO714" s="613"/>
      <c r="SPP714" s="613"/>
      <c r="SPQ714" s="613"/>
      <c r="SPR714" s="613"/>
      <c r="SPS714" s="613"/>
      <c r="SPT714" s="613"/>
      <c r="SPU714" s="613"/>
      <c r="SPV714" s="613"/>
      <c r="SPW714" s="613"/>
      <c r="SPX714" s="613"/>
      <c r="SPY714" s="613"/>
      <c r="SPZ714" s="613"/>
      <c r="SQA714" s="613"/>
      <c r="SQB714" s="613"/>
      <c r="SQC714" s="613"/>
      <c r="SQD714" s="613"/>
      <c r="SQE714" s="613"/>
      <c r="SQF714" s="613"/>
      <c r="SQG714" s="613"/>
      <c r="SQH714" s="613"/>
      <c r="SQI714" s="613"/>
      <c r="SQJ714" s="613"/>
      <c r="SQK714" s="613"/>
      <c r="SQL714" s="613"/>
      <c r="SQM714" s="613"/>
      <c r="SQN714" s="613"/>
      <c r="SQO714" s="613"/>
      <c r="SQP714" s="613"/>
      <c r="SQQ714" s="613"/>
      <c r="SQR714" s="613"/>
      <c r="SQS714" s="613"/>
      <c r="SQT714" s="613"/>
      <c r="SQU714" s="613"/>
      <c r="SQV714" s="613"/>
      <c r="SQW714" s="613"/>
      <c r="SQX714" s="613"/>
      <c r="SQY714" s="613"/>
      <c r="SQZ714" s="613"/>
      <c r="SRA714" s="613"/>
      <c r="SRB714" s="613"/>
      <c r="SRC714" s="613"/>
      <c r="SRD714" s="613"/>
      <c r="SRE714" s="613"/>
      <c r="SRF714" s="613"/>
      <c r="SRG714" s="613"/>
      <c r="SRH714" s="613"/>
      <c r="SRI714" s="613"/>
      <c r="SRJ714" s="613"/>
      <c r="SRK714" s="613"/>
      <c r="SRL714" s="613"/>
      <c r="SRM714" s="613"/>
      <c r="SRN714" s="613"/>
      <c r="SRO714" s="613"/>
      <c r="SRP714" s="613"/>
      <c r="SRQ714" s="613"/>
      <c r="SRR714" s="613"/>
      <c r="SRS714" s="613"/>
      <c r="SRT714" s="613"/>
      <c r="SRU714" s="613"/>
      <c r="SRV714" s="613"/>
      <c r="SRW714" s="613"/>
      <c r="SRX714" s="613"/>
      <c r="SRY714" s="613"/>
      <c r="SRZ714" s="613"/>
      <c r="SSA714" s="613"/>
      <c r="SSB714" s="613"/>
      <c r="SSC714" s="613"/>
      <c r="SSD714" s="613"/>
      <c r="SSE714" s="613"/>
      <c r="SSF714" s="613"/>
      <c r="SSG714" s="613"/>
      <c r="SSH714" s="613"/>
      <c r="SSI714" s="613"/>
      <c r="SSJ714" s="613"/>
      <c r="SSK714" s="613"/>
      <c r="SSL714" s="613"/>
      <c r="SSM714" s="613"/>
      <c r="SSN714" s="613"/>
      <c r="SSO714" s="613"/>
      <c r="SSP714" s="613"/>
      <c r="SSQ714" s="613"/>
      <c r="SSR714" s="613"/>
      <c r="SSS714" s="613"/>
      <c r="SST714" s="613"/>
      <c r="SSU714" s="613"/>
      <c r="SSV714" s="613"/>
      <c r="SSW714" s="613"/>
      <c r="SSX714" s="613"/>
      <c r="SSY714" s="613"/>
      <c r="SSZ714" s="613"/>
      <c r="STA714" s="613"/>
      <c r="STB714" s="613"/>
      <c r="STC714" s="613"/>
      <c r="STD714" s="613"/>
      <c r="STE714" s="613"/>
      <c r="STF714" s="613"/>
      <c r="STG714" s="613"/>
      <c r="STH714" s="613"/>
      <c r="STI714" s="613"/>
      <c r="STJ714" s="613"/>
      <c r="STK714" s="613"/>
      <c r="STL714" s="613"/>
      <c r="STM714" s="613"/>
      <c r="STN714" s="613"/>
      <c r="STO714" s="613"/>
      <c r="STP714" s="613"/>
      <c r="STQ714" s="613"/>
      <c r="STR714" s="613"/>
      <c r="STS714" s="613"/>
      <c r="STT714" s="613"/>
      <c r="STU714" s="613"/>
      <c r="STV714" s="613"/>
      <c r="STW714" s="613"/>
      <c r="STX714" s="613"/>
      <c r="STY714" s="613"/>
      <c r="STZ714" s="613"/>
      <c r="SUA714" s="613"/>
      <c r="SUB714" s="613"/>
      <c r="SUC714" s="613"/>
      <c r="SUD714" s="613"/>
      <c r="SUE714" s="613"/>
      <c r="SUF714" s="613"/>
      <c r="SUG714" s="613"/>
      <c r="SUH714" s="613"/>
      <c r="SUI714" s="613"/>
      <c r="SUJ714" s="613"/>
      <c r="SUK714" s="613"/>
      <c r="SUL714" s="613"/>
      <c r="SUM714" s="613"/>
      <c r="SUN714" s="613"/>
      <c r="SUO714" s="613"/>
      <c r="SUP714" s="613"/>
      <c r="SUQ714" s="613"/>
      <c r="SUR714" s="613"/>
      <c r="SUS714" s="613"/>
      <c r="SUT714" s="613"/>
      <c r="SUU714" s="613"/>
      <c r="SUV714" s="613"/>
      <c r="SUW714" s="613"/>
      <c r="SUX714" s="613"/>
      <c r="SUY714" s="613"/>
      <c r="SUZ714" s="613"/>
      <c r="SVA714" s="613"/>
      <c r="SVB714" s="613"/>
      <c r="SVC714" s="613"/>
      <c r="SVD714" s="613"/>
      <c r="SVE714" s="613"/>
      <c r="SVF714" s="613"/>
      <c r="SVG714" s="613"/>
      <c r="SVH714" s="613"/>
      <c r="SVI714" s="613"/>
      <c r="SVJ714" s="613"/>
      <c r="SVK714" s="613"/>
      <c r="SVL714" s="613"/>
      <c r="SVM714" s="613"/>
      <c r="SVN714" s="613"/>
      <c r="SVO714" s="613"/>
      <c r="SVP714" s="613"/>
      <c r="SVQ714" s="613"/>
      <c r="SVR714" s="613"/>
      <c r="SVS714" s="613"/>
      <c r="SVT714" s="613"/>
      <c r="SVU714" s="613"/>
      <c r="SVV714" s="613"/>
      <c r="SVW714" s="613"/>
      <c r="SVX714" s="613"/>
      <c r="SVY714" s="613"/>
      <c r="SVZ714" s="613"/>
      <c r="SWA714" s="613"/>
      <c r="SWB714" s="613"/>
      <c r="SWC714" s="613"/>
      <c r="SWD714" s="613"/>
      <c r="SWE714" s="613"/>
      <c r="SWF714" s="613"/>
      <c r="SWG714" s="613"/>
      <c r="SWH714" s="613"/>
      <c r="SWI714" s="613"/>
      <c r="SWJ714" s="613"/>
      <c r="SWK714" s="613"/>
      <c r="SWL714" s="613"/>
      <c r="SWM714" s="613"/>
      <c r="SWN714" s="613"/>
      <c r="SWO714" s="613"/>
      <c r="SWP714" s="613"/>
      <c r="SWQ714" s="613"/>
      <c r="SWR714" s="613"/>
      <c r="SWS714" s="613"/>
      <c r="SWT714" s="613"/>
      <c r="SWU714" s="613"/>
      <c r="SWV714" s="613"/>
      <c r="SWW714" s="613"/>
      <c r="SWX714" s="613"/>
      <c r="SWY714" s="613"/>
      <c r="SWZ714" s="613"/>
      <c r="SXA714" s="613"/>
      <c r="SXB714" s="613"/>
      <c r="SXC714" s="613"/>
      <c r="SXD714" s="613"/>
      <c r="SXE714" s="613"/>
      <c r="SXF714" s="613"/>
      <c r="SXG714" s="613"/>
      <c r="SXH714" s="613"/>
      <c r="SXI714" s="613"/>
      <c r="SXJ714" s="613"/>
      <c r="SXK714" s="613"/>
      <c r="SXL714" s="613"/>
      <c r="SXM714" s="613"/>
      <c r="SXN714" s="613"/>
      <c r="SXO714" s="613"/>
      <c r="SXP714" s="613"/>
      <c r="SXQ714" s="613"/>
      <c r="SXR714" s="613"/>
      <c r="SXS714" s="613"/>
      <c r="SXT714" s="613"/>
      <c r="SXU714" s="613"/>
      <c r="SXV714" s="613"/>
      <c r="SXW714" s="613"/>
      <c r="SXX714" s="613"/>
      <c r="SXY714" s="613"/>
      <c r="SXZ714" s="613"/>
      <c r="SYA714" s="613"/>
      <c r="SYB714" s="613"/>
      <c r="SYC714" s="613"/>
      <c r="SYD714" s="613"/>
      <c r="SYE714" s="613"/>
      <c r="SYF714" s="613"/>
      <c r="SYG714" s="613"/>
      <c r="SYH714" s="613"/>
      <c r="SYI714" s="613"/>
      <c r="SYJ714" s="613"/>
      <c r="SYK714" s="613"/>
      <c r="SYL714" s="613"/>
      <c r="SYM714" s="613"/>
      <c r="SYN714" s="613"/>
      <c r="SYO714" s="613"/>
      <c r="SYP714" s="613"/>
      <c r="SYQ714" s="613"/>
      <c r="SYR714" s="613"/>
      <c r="SYS714" s="613"/>
      <c r="SYT714" s="613"/>
      <c r="SYU714" s="613"/>
      <c r="SYV714" s="613"/>
      <c r="SYW714" s="613"/>
      <c r="SYX714" s="613"/>
      <c r="SYY714" s="613"/>
      <c r="SYZ714" s="613"/>
      <c r="SZA714" s="613"/>
      <c r="SZB714" s="613"/>
      <c r="SZC714" s="613"/>
      <c r="SZD714" s="613"/>
      <c r="SZE714" s="613"/>
      <c r="SZF714" s="613"/>
      <c r="SZG714" s="613"/>
      <c r="SZH714" s="613"/>
      <c r="SZI714" s="613"/>
      <c r="SZJ714" s="613"/>
      <c r="SZK714" s="613"/>
      <c r="SZL714" s="613"/>
      <c r="SZM714" s="613"/>
      <c r="SZN714" s="613"/>
      <c r="SZO714" s="613"/>
      <c r="SZP714" s="613"/>
      <c r="SZQ714" s="613"/>
      <c r="SZR714" s="613"/>
      <c r="SZS714" s="613"/>
      <c r="SZT714" s="613"/>
      <c r="SZU714" s="613"/>
      <c r="SZV714" s="613"/>
      <c r="SZW714" s="613"/>
      <c r="SZX714" s="613"/>
      <c r="SZY714" s="613"/>
      <c r="SZZ714" s="613"/>
      <c r="TAA714" s="613"/>
      <c r="TAB714" s="613"/>
      <c r="TAC714" s="613"/>
      <c r="TAD714" s="613"/>
      <c r="TAE714" s="613"/>
      <c r="TAF714" s="613"/>
      <c r="TAG714" s="613"/>
      <c r="TAH714" s="613"/>
      <c r="TAI714" s="613"/>
      <c r="TAJ714" s="613"/>
      <c r="TAK714" s="613"/>
      <c r="TAL714" s="613"/>
      <c r="TAM714" s="613"/>
      <c r="TAN714" s="613"/>
      <c r="TAO714" s="613"/>
      <c r="TAP714" s="613"/>
      <c r="TAQ714" s="613"/>
      <c r="TAR714" s="613"/>
      <c r="TAS714" s="613"/>
      <c r="TAT714" s="613"/>
      <c r="TAU714" s="613"/>
      <c r="TAV714" s="613"/>
      <c r="TAW714" s="613"/>
      <c r="TAX714" s="613"/>
      <c r="TAY714" s="613"/>
      <c r="TAZ714" s="613"/>
      <c r="TBA714" s="613"/>
      <c r="TBB714" s="613"/>
      <c r="TBC714" s="613"/>
      <c r="TBD714" s="613"/>
      <c r="TBE714" s="613"/>
      <c r="TBF714" s="613"/>
      <c r="TBG714" s="613"/>
      <c r="TBH714" s="613"/>
      <c r="TBI714" s="613"/>
      <c r="TBJ714" s="613"/>
      <c r="TBK714" s="613"/>
      <c r="TBL714" s="613"/>
      <c r="TBM714" s="613"/>
      <c r="TBN714" s="613"/>
      <c r="TBO714" s="613"/>
      <c r="TBP714" s="613"/>
      <c r="TBQ714" s="613"/>
      <c r="TBR714" s="613"/>
      <c r="TBS714" s="613"/>
      <c r="TBT714" s="613"/>
      <c r="TBU714" s="613"/>
      <c r="TBV714" s="613"/>
      <c r="TBW714" s="613"/>
      <c r="TBX714" s="613"/>
      <c r="TBY714" s="613"/>
      <c r="TBZ714" s="613"/>
      <c r="TCA714" s="613"/>
      <c r="TCB714" s="613"/>
      <c r="TCC714" s="613"/>
      <c r="TCD714" s="613"/>
      <c r="TCE714" s="613"/>
      <c r="TCF714" s="613"/>
      <c r="TCG714" s="613"/>
      <c r="TCH714" s="613"/>
      <c r="TCI714" s="613"/>
      <c r="TCJ714" s="613"/>
      <c r="TCK714" s="613"/>
      <c r="TCL714" s="613"/>
      <c r="TCM714" s="613"/>
      <c r="TCN714" s="613"/>
      <c r="TCO714" s="613"/>
      <c r="TCP714" s="613"/>
      <c r="TCQ714" s="613"/>
      <c r="TCR714" s="613"/>
      <c r="TCS714" s="613"/>
      <c r="TCT714" s="613"/>
      <c r="TCU714" s="613"/>
      <c r="TCV714" s="613"/>
      <c r="TCW714" s="613"/>
      <c r="TCX714" s="613"/>
      <c r="TCY714" s="613"/>
      <c r="TCZ714" s="613"/>
      <c r="TDA714" s="613"/>
      <c r="TDB714" s="613"/>
      <c r="TDC714" s="613"/>
      <c r="TDD714" s="613"/>
      <c r="TDE714" s="613"/>
      <c r="TDF714" s="613"/>
      <c r="TDG714" s="613"/>
      <c r="TDH714" s="613"/>
      <c r="TDI714" s="613"/>
      <c r="TDJ714" s="613"/>
      <c r="TDK714" s="613"/>
      <c r="TDL714" s="613"/>
      <c r="TDM714" s="613"/>
      <c r="TDN714" s="613"/>
      <c r="TDO714" s="613"/>
      <c r="TDP714" s="613"/>
      <c r="TDQ714" s="613"/>
      <c r="TDR714" s="613"/>
      <c r="TDS714" s="613"/>
      <c r="TDT714" s="613"/>
      <c r="TDU714" s="613"/>
      <c r="TDV714" s="613"/>
      <c r="TDW714" s="613"/>
      <c r="TDX714" s="613"/>
      <c r="TDY714" s="613"/>
      <c r="TDZ714" s="613"/>
      <c r="TEA714" s="613"/>
      <c r="TEB714" s="613"/>
      <c r="TEC714" s="613"/>
      <c r="TED714" s="613"/>
      <c r="TEE714" s="613"/>
      <c r="TEF714" s="613"/>
      <c r="TEG714" s="613"/>
      <c r="TEH714" s="613"/>
      <c r="TEI714" s="613"/>
      <c r="TEJ714" s="613"/>
      <c r="TEK714" s="613"/>
      <c r="TEL714" s="613"/>
      <c r="TEM714" s="613"/>
      <c r="TEN714" s="613"/>
      <c r="TEO714" s="613"/>
      <c r="TEP714" s="613"/>
      <c r="TEQ714" s="613"/>
      <c r="TER714" s="613"/>
      <c r="TES714" s="613"/>
      <c r="TET714" s="613"/>
      <c r="TEU714" s="613"/>
      <c r="TEV714" s="613"/>
      <c r="TEW714" s="613"/>
      <c r="TEX714" s="613"/>
      <c r="TEY714" s="613"/>
      <c r="TEZ714" s="613"/>
      <c r="TFA714" s="613"/>
      <c r="TFB714" s="613"/>
      <c r="TFC714" s="613"/>
      <c r="TFD714" s="613"/>
      <c r="TFE714" s="613"/>
      <c r="TFF714" s="613"/>
      <c r="TFG714" s="613"/>
      <c r="TFH714" s="613"/>
      <c r="TFI714" s="613"/>
      <c r="TFJ714" s="613"/>
      <c r="TFK714" s="613"/>
      <c r="TFL714" s="613"/>
      <c r="TFM714" s="613"/>
      <c r="TFN714" s="613"/>
      <c r="TFO714" s="613"/>
      <c r="TFP714" s="613"/>
      <c r="TFQ714" s="613"/>
      <c r="TFR714" s="613"/>
      <c r="TFS714" s="613"/>
      <c r="TFT714" s="613"/>
      <c r="TFU714" s="613"/>
      <c r="TFV714" s="613"/>
      <c r="TFW714" s="613"/>
      <c r="TFX714" s="613"/>
      <c r="TFY714" s="613"/>
      <c r="TFZ714" s="613"/>
      <c r="TGA714" s="613"/>
      <c r="TGB714" s="613"/>
      <c r="TGC714" s="613"/>
      <c r="TGD714" s="613"/>
      <c r="TGE714" s="613"/>
      <c r="TGF714" s="613"/>
      <c r="TGG714" s="613"/>
      <c r="TGH714" s="613"/>
      <c r="TGI714" s="613"/>
      <c r="TGJ714" s="613"/>
      <c r="TGK714" s="613"/>
      <c r="TGL714" s="613"/>
      <c r="TGM714" s="613"/>
      <c r="TGN714" s="613"/>
      <c r="TGO714" s="613"/>
      <c r="TGP714" s="613"/>
      <c r="TGQ714" s="613"/>
      <c r="TGR714" s="613"/>
      <c r="TGS714" s="613"/>
      <c r="TGT714" s="613"/>
      <c r="TGU714" s="613"/>
      <c r="TGV714" s="613"/>
      <c r="TGW714" s="613"/>
      <c r="TGX714" s="613"/>
      <c r="TGY714" s="613"/>
      <c r="TGZ714" s="613"/>
      <c r="THA714" s="613"/>
      <c r="THB714" s="613"/>
      <c r="THC714" s="613"/>
      <c r="THD714" s="613"/>
      <c r="THE714" s="613"/>
      <c r="THF714" s="613"/>
      <c r="THG714" s="613"/>
      <c r="THH714" s="613"/>
      <c r="THI714" s="613"/>
      <c r="THJ714" s="613"/>
      <c r="THK714" s="613"/>
      <c r="THL714" s="613"/>
      <c r="THM714" s="613"/>
      <c r="THN714" s="613"/>
      <c r="THO714" s="613"/>
      <c r="THP714" s="613"/>
      <c r="THQ714" s="613"/>
      <c r="THR714" s="613"/>
      <c r="THS714" s="613"/>
      <c r="THT714" s="613"/>
      <c r="THU714" s="613"/>
      <c r="THV714" s="613"/>
      <c r="THW714" s="613"/>
      <c r="THX714" s="613"/>
      <c r="THY714" s="613"/>
      <c r="THZ714" s="613"/>
      <c r="TIA714" s="613"/>
      <c r="TIB714" s="613"/>
      <c r="TIC714" s="613"/>
      <c r="TID714" s="613"/>
      <c r="TIE714" s="613"/>
      <c r="TIF714" s="613"/>
      <c r="TIG714" s="613"/>
      <c r="TIH714" s="613"/>
      <c r="TII714" s="613"/>
      <c r="TIJ714" s="613"/>
      <c r="TIK714" s="613"/>
      <c r="TIL714" s="613"/>
      <c r="TIM714" s="613"/>
      <c r="TIN714" s="613"/>
      <c r="TIO714" s="613"/>
      <c r="TIP714" s="613"/>
      <c r="TIQ714" s="613"/>
      <c r="TIR714" s="613"/>
      <c r="TIS714" s="613"/>
      <c r="TIT714" s="613"/>
      <c r="TIU714" s="613"/>
      <c r="TIV714" s="613"/>
      <c r="TIW714" s="613"/>
      <c r="TIX714" s="613"/>
      <c r="TIY714" s="613"/>
      <c r="TIZ714" s="613"/>
      <c r="TJA714" s="613"/>
      <c r="TJB714" s="613"/>
      <c r="TJC714" s="613"/>
      <c r="TJD714" s="613"/>
      <c r="TJE714" s="613"/>
      <c r="TJF714" s="613"/>
      <c r="TJG714" s="613"/>
      <c r="TJH714" s="613"/>
      <c r="TJI714" s="613"/>
      <c r="TJJ714" s="613"/>
      <c r="TJK714" s="613"/>
      <c r="TJL714" s="613"/>
      <c r="TJM714" s="613"/>
      <c r="TJN714" s="613"/>
      <c r="TJO714" s="613"/>
      <c r="TJP714" s="613"/>
      <c r="TJQ714" s="613"/>
      <c r="TJR714" s="613"/>
      <c r="TJS714" s="613"/>
      <c r="TJT714" s="613"/>
      <c r="TJU714" s="613"/>
      <c r="TJV714" s="613"/>
      <c r="TJW714" s="613"/>
      <c r="TJX714" s="613"/>
      <c r="TJY714" s="613"/>
      <c r="TJZ714" s="613"/>
      <c r="TKA714" s="613"/>
      <c r="TKB714" s="613"/>
      <c r="TKC714" s="613"/>
      <c r="TKD714" s="613"/>
      <c r="TKE714" s="613"/>
      <c r="TKF714" s="613"/>
      <c r="TKG714" s="613"/>
      <c r="TKH714" s="613"/>
      <c r="TKI714" s="613"/>
      <c r="TKJ714" s="613"/>
      <c r="TKK714" s="613"/>
      <c r="TKL714" s="613"/>
      <c r="TKM714" s="613"/>
      <c r="TKN714" s="613"/>
      <c r="TKO714" s="613"/>
      <c r="TKP714" s="613"/>
      <c r="TKQ714" s="613"/>
      <c r="TKR714" s="613"/>
      <c r="TKS714" s="613"/>
      <c r="TKT714" s="613"/>
      <c r="TKU714" s="613"/>
      <c r="TKV714" s="613"/>
      <c r="TKW714" s="613"/>
      <c r="TKX714" s="613"/>
      <c r="TKY714" s="613"/>
      <c r="TKZ714" s="613"/>
      <c r="TLA714" s="613"/>
      <c r="TLB714" s="613"/>
      <c r="TLC714" s="613"/>
      <c r="TLD714" s="613"/>
      <c r="TLE714" s="613"/>
      <c r="TLF714" s="613"/>
      <c r="TLG714" s="613"/>
      <c r="TLH714" s="613"/>
      <c r="TLI714" s="613"/>
      <c r="TLJ714" s="613"/>
      <c r="TLK714" s="613"/>
      <c r="TLL714" s="613"/>
      <c r="TLM714" s="613"/>
      <c r="TLN714" s="613"/>
      <c r="TLO714" s="613"/>
      <c r="TLP714" s="613"/>
      <c r="TLQ714" s="613"/>
      <c r="TLR714" s="613"/>
      <c r="TLS714" s="613"/>
      <c r="TLT714" s="613"/>
      <c r="TLU714" s="613"/>
      <c r="TLV714" s="613"/>
      <c r="TLW714" s="613"/>
      <c r="TLX714" s="613"/>
      <c r="TLY714" s="613"/>
      <c r="TLZ714" s="613"/>
      <c r="TMA714" s="613"/>
      <c r="TMB714" s="613"/>
      <c r="TMC714" s="613"/>
      <c r="TMD714" s="613"/>
      <c r="TME714" s="613"/>
      <c r="TMF714" s="613"/>
      <c r="TMG714" s="613"/>
      <c r="TMH714" s="613"/>
      <c r="TMI714" s="613"/>
      <c r="TMJ714" s="613"/>
      <c r="TMK714" s="613"/>
      <c r="TML714" s="613"/>
      <c r="TMM714" s="613"/>
      <c r="TMN714" s="613"/>
      <c r="TMO714" s="613"/>
      <c r="TMP714" s="613"/>
      <c r="TMQ714" s="613"/>
      <c r="TMR714" s="613"/>
      <c r="TMS714" s="613"/>
      <c r="TMT714" s="613"/>
      <c r="TMU714" s="613"/>
      <c r="TMV714" s="613"/>
      <c r="TMW714" s="613"/>
      <c r="TMX714" s="613"/>
      <c r="TMY714" s="613"/>
      <c r="TMZ714" s="613"/>
      <c r="TNA714" s="613"/>
      <c r="TNB714" s="613"/>
      <c r="TNC714" s="613"/>
      <c r="TND714" s="613"/>
      <c r="TNE714" s="613"/>
      <c r="TNF714" s="613"/>
      <c r="TNG714" s="613"/>
      <c r="TNH714" s="613"/>
      <c r="TNI714" s="613"/>
      <c r="TNJ714" s="613"/>
      <c r="TNK714" s="613"/>
      <c r="TNL714" s="613"/>
      <c r="TNM714" s="613"/>
      <c r="TNN714" s="613"/>
      <c r="TNO714" s="613"/>
      <c r="TNP714" s="613"/>
      <c r="TNQ714" s="613"/>
      <c r="TNR714" s="613"/>
      <c r="TNS714" s="613"/>
      <c r="TNT714" s="613"/>
      <c r="TNU714" s="613"/>
      <c r="TNV714" s="613"/>
      <c r="TNW714" s="613"/>
      <c r="TNX714" s="613"/>
      <c r="TNY714" s="613"/>
      <c r="TNZ714" s="613"/>
      <c r="TOA714" s="613"/>
      <c r="TOB714" s="613"/>
      <c r="TOC714" s="613"/>
      <c r="TOD714" s="613"/>
      <c r="TOE714" s="613"/>
      <c r="TOF714" s="613"/>
      <c r="TOG714" s="613"/>
      <c r="TOH714" s="613"/>
      <c r="TOI714" s="613"/>
      <c r="TOJ714" s="613"/>
      <c r="TOK714" s="613"/>
      <c r="TOL714" s="613"/>
      <c r="TOM714" s="613"/>
      <c r="TON714" s="613"/>
      <c r="TOO714" s="613"/>
      <c r="TOP714" s="613"/>
      <c r="TOQ714" s="613"/>
      <c r="TOR714" s="613"/>
      <c r="TOS714" s="613"/>
      <c r="TOT714" s="613"/>
      <c r="TOU714" s="613"/>
      <c r="TOV714" s="613"/>
      <c r="TOW714" s="613"/>
      <c r="TOX714" s="613"/>
      <c r="TOY714" s="613"/>
      <c r="TOZ714" s="613"/>
      <c r="TPA714" s="613"/>
      <c r="TPB714" s="613"/>
      <c r="TPC714" s="613"/>
      <c r="TPD714" s="613"/>
      <c r="TPE714" s="613"/>
      <c r="TPF714" s="613"/>
      <c r="TPG714" s="613"/>
      <c r="TPH714" s="613"/>
      <c r="TPI714" s="613"/>
      <c r="TPJ714" s="613"/>
      <c r="TPK714" s="613"/>
      <c r="TPL714" s="613"/>
      <c r="TPM714" s="613"/>
      <c r="TPN714" s="613"/>
      <c r="TPO714" s="613"/>
      <c r="TPP714" s="613"/>
      <c r="TPQ714" s="613"/>
      <c r="TPR714" s="613"/>
      <c r="TPS714" s="613"/>
      <c r="TPT714" s="613"/>
      <c r="TPU714" s="613"/>
      <c r="TPV714" s="613"/>
      <c r="TPW714" s="613"/>
      <c r="TPX714" s="613"/>
      <c r="TPY714" s="613"/>
      <c r="TPZ714" s="613"/>
      <c r="TQA714" s="613"/>
      <c r="TQB714" s="613"/>
      <c r="TQC714" s="613"/>
      <c r="TQD714" s="613"/>
      <c r="TQE714" s="613"/>
      <c r="TQF714" s="613"/>
      <c r="TQG714" s="613"/>
      <c r="TQH714" s="613"/>
      <c r="TQI714" s="613"/>
      <c r="TQJ714" s="613"/>
      <c r="TQK714" s="613"/>
      <c r="TQL714" s="613"/>
      <c r="TQM714" s="613"/>
      <c r="TQN714" s="613"/>
      <c r="TQO714" s="613"/>
      <c r="TQP714" s="613"/>
      <c r="TQQ714" s="613"/>
      <c r="TQR714" s="613"/>
      <c r="TQS714" s="613"/>
      <c r="TQT714" s="613"/>
      <c r="TQU714" s="613"/>
      <c r="TQV714" s="613"/>
      <c r="TQW714" s="613"/>
      <c r="TQX714" s="613"/>
      <c r="TQY714" s="613"/>
      <c r="TQZ714" s="613"/>
      <c r="TRA714" s="613"/>
      <c r="TRB714" s="613"/>
      <c r="TRC714" s="613"/>
      <c r="TRD714" s="613"/>
      <c r="TRE714" s="613"/>
      <c r="TRF714" s="613"/>
      <c r="TRG714" s="613"/>
      <c r="TRH714" s="613"/>
      <c r="TRI714" s="613"/>
      <c r="TRJ714" s="613"/>
      <c r="TRK714" s="613"/>
      <c r="TRL714" s="613"/>
      <c r="TRM714" s="613"/>
      <c r="TRN714" s="613"/>
      <c r="TRO714" s="613"/>
      <c r="TRP714" s="613"/>
      <c r="TRQ714" s="613"/>
      <c r="TRR714" s="613"/>
      <c r="TRS714" s="613"/>
      <c r="TRT714" s="613"/>
      <c r="TRU714" s="613"/>
      <c r="TRV714" s="613"/>
      <c r="TRW714" s="613"/>
      <c r="TRX714" s="613"/>
      <c r="TRY714" s="613"/>
      <c r="TRZ714" s="613"/>
      <c r="TSA714" s="613"/>
      <c r="TSB714" s="613"/>
      <c r="TSC714" s="613"/>
      <c r="TSD714" s="613"/>
      <c r="TSE714" s="613"/>
      <c r="TSF714" s="613"/>
      <c r="TSG714" s="613"/>
      <c r="TSH714" s="613"/>
      <c r="TSI714" s="613"/>
      <c r="TSJ714" s="613"/>
      <c r="TSK714" s="613"/>
      <c r="TSL714" s="613"/>
      <c r="TSM714" s="613"/>
      <c r="TSN714" s="613"/>
      <c r="TSO714" s="613"/>
      <c r="TSP714" s="613"/>
      <c r="TSQ714" s="613"/>
      <c r="TSR714" s="613"/>
      <c r="TSS714" s="613"/>
      <c r="TST714" s="613"/>
      <c r="TSU714" s="613"/>
      <c r="TSV714" s="613"/>
      <c r="TSW714" s="613"/>
      <c r="TSX714" s="613"/>
      <c r="TSY714" s="613"/>
      <c r="TSZ714" s="613"/>
      <c r="TTA714" s="613"/>
      <c r="TTB714" s="613"/>
      <c r="TTC714" s="613"/>
      <c r="TTD714" s="613"/>
      <c r="TTE714" s="613"/>
      <c r="TTF714" s="613"/>
      <c r="TTG714" s="613"/>
      <c r="TTH714" s="613"/>
      <c r="TTI714" s="613"/>
      <c r="TTJ714" s="613"/>
      <c r="TTK714" s="613"/>
      <c r="TTL714" s="613"/>
      <c r="TTM714" s="613"/>
      <c r="TTN714" s="613"/>
      <c r="TTO714" s="613"/>
      <c r="TTP714" s="613"/>
      <c r="TTQ714" s="613"/>
      <c r="TTR714" s="613"/>
      <c r="TTS714" s="613"/>
      <c r="TTT714" s="613"/>
      <c r="TTU714" s="613"/>
      <c r="TTV714" s="613"/>
      <c r="TTW714" s="613"/>
      <c r="TTX714" s="613"/>
      <c r="TTY714" s="613"/>
      <c r="TTZ714" s="613"/>
      <c r="TUA714" s="613"/>
      <c r="TUB714" s="613"/>
      <c r="TUC714" s="613"/>
      <c r="TUD714" s="613"/>
      <c r="TUE714" s="613"/>
      <c r="TUF714" s="613"/>
      <c r="TUG714" s="613"/>
      <c r="TUH714" s="613"/>
      <c r="TUI714" s="613"/>
      <c r="TUJ714" s="613"/>
      <c r="TUK714" s="613"/>
      <c r="TUL714" s="613"/>
      <c r="TUM714" s="613"/>
      <c r="TUN714" s="613"/>
      <c r="TUO714" s="613"/>
      <c r="TUP714" s="613"/>
      <c r="TUQ714" s="613"/>
      <c r="TUR714" s="613"/>
      <c r="TUS714" s="613"/>
      <c r="TUT714" s="613"/>
      <c r="TUU714" s="613"/>
      <c r="TUV714" s="613"/>
      <c r="TUW714" s="613"/>
      <c r="TUX714" s="613"/>
      <c r="TUY714" s="613"/>
      <c r="TUZ714" s="613"/>
      <c r="TVA714" s="613"/>
      <c r="TVB714" s="613"/>
      <c r="TVC714" s="613"/>
      <c r="TVD714" s="613"/>
      <c r="TVE714" s="613"/>
      <c r="TVF714" s="613"/>
      <c r="TVG714" s="613"/>
      <c r="TVH714" s="613"/>
      <c r="TVI714" s="613"/>
      <c r="TVJ714" s="613"/>
      <c r="TVK714" s="613"/>
      <c r="TVL714" s="613"/>
      <c r="TVM714" s="613"/>
      <c r="TVN714" s="613"/>
      <c r="TVO714" s="613"/>
      <c r="TVP714" s="613"/>
      <c r="TVQ714" s="613"/>
      <c r="TVR714" s="613"/>
      <c r="TVS714" s="613"/>
      <c r="TVT714" s="613"/>
      <c r="TVU714" s="613"/>
      <c r="TVV714" s="613"/>
      <c r="TVW714" s="613"/>
      <c r="TVX714" s="613"/>
      <c r="TVY714" s="613"/>
      <c r="TVZ714" s="613"/>
      <c r="TWA714" s="613"/>
      <c r="TWB714" s="613"/>
      <c r="TWC714" s="613"/>
      <c r="TWD714" s="613"/>
      <c r="TWE714" s="613"/>
      <c r="TWF714" s="613"/>
      <c r="TWG714" s="613"/>
      <c r="TWH714" s="613"/>
      <c r="TWI714" s="613"/>
      <c r="TWJ714" s="613"/>
      <c r="TWK714" s="613"/>
      <c r="TWL714" s="613"/>
      <c r="TWM714" s="613"/>
      <c r="TWN714" s="613"/>
      <c r="TWO714" s="613"/>
      <c r="TWP714" s="613"/>
      <c r="TWQ714" s="613"/>
      <c r="TWR714" s="613"/>
      <c r="TWS714" s="613"/>
      <c r="TWT714" s="613"/>
      <c r="TWU714" s="613"/>
      <c r="TWV714" s="613"/>
      <c r="TWW714" s="613"/>
      <c r="TWX714" s="613"/>
      <c r="TWY714" s="613"/>
      <c r="TWZ714" s="613"/>
      <c r="TXA714" s="613"/>
      <c r="TXB714" s="613"/>
      <c r="TXC714" s="613"/>
      <c r="TXD714" s="613"/>
      <c r="TXE714" s="613"/>
      <c r="TXF714" s="613"/>
      <c r="TXG714" s="613"/>
      <c r="TXH714" s="613"/>
      <c r="TXI714" s="613"/>
      <c r="TXJ714" s="613"/>
      <c r="TXK714" s="613"/>
      <c r="TXL714" s="613"/>
      <c r="TXM714" s="613"/>
      <c r="TXN714" s="613"/>
      <c r="TXO714" s="613"/>
      <c r="TXP714" s="613"/>
      <c r="TXQ714" s="613"/>
      <c r="TXR714" s="613"/>
      <c r="TXS714" s="613"/>
      <c r="TXT714" s="613"/>
      <c r="TXU714" s="613"/>
      <c r="TXV714" s="613"/>
      <c r="TXW714" s="613"/>
      <c r="TXX714" s="613"/>
      <c r="TXY714" s="613"/>
      <c r="TXZ714" s="613"/>
      <c r="TYA714" s="613"/>
      <c r="TYB714" s="613"/>
      <c r="TYC714" s="613"/>
      <c r="TYD714" s="613"/>
      <c r="TYE714" s="613"/>
      <c r="TYF714" s="613"/>
      <c r="TYG714" s="613"/>
      <c r="TYH714" s="613"/>
      <c r="TYI714" s="613"/>
      <c r="TYJ714" s="613"/>
      <c r="TYK714" s="613"/>
      <c r="TYL714" s="613"/>
      <c r="TYM714" s="613"/>
      <c r="TYN714" s="613"/>
      <c r="TYO714" s="613"/>
      <c r="TYP714" s="613"/>
      <c r="TYQ714" s="613"/>
      <c r="TYR714" s="613"/>
      <c r="TYS714" s="613"/>
      <c r="TYT714" s="613"/>
      <c r="TYU714" s="613"/>
      <c r="TYV714" s="613"/>
      <c r="TYW714" s="613"/>
      <c r="TYX714" s="613"/>
      <c r="TYY714" s="613"/>
      <c r="TYZ714" s="613"/>
      <c r="TZA714" s="613"/>
      <c r="TZB714" s="613"/>
      <c r="TZC714" s="613"/>
      <c r="TZD714" s="613"/>
      <c r="TZE714" s="613"/>
      <c r="TZF714" s="613"/>
      <c r="TZG714" s="613"/>
      <c r="TZH714" s="613"/>
      <c r="TZI714" s="613"/>
      <c r="TZJ714" s="613"/>
      <c r="TZK714" s="613"/>
      <c r="TZL714" s="613"/>
      <c r="TZM714" s="613"/>
      <c r="TZN714" s="613"/>
      <c r="TZO714" s="613"/>
      <c r="TZP714" s="613"/>
      <c r="TZQ714" s="613"/>
      <c r="TZR714" s="613"/>
      <c r="TZS714" s="613"/>
      <c r="TZT714" s="613"/>
      <c r="TZU714" s="613"/>
      <c r="TZV714" s="613"/>
      <c r="TZW714" s="613"/>
      <c r="TZX714" s="613"/>
      <c r="TZY714" s="613"/>
      <c r="TZZ714" s="613"/>
      <c r="UAA714" s="613"/>
      <c r="UAB714" s="613"/>
      <c r="UAC714" s="613"/>
      <c r="UAD714" s="613"/>
      <c r="UAE714" s="613"/>
      <c r="UAF714" s="613"/>
      <c r="UAG714" s="613"/>
      <c r="UAH714" s="613"/>
      <c r="UAI714" s="613"/>
      <c r="UAJ714" s="613"/>
      <c r="UAK714" s="613"/>
      <c r="UAL714" s="613"/>
      <c r="UAM714" s="613"/>
      <c r="UAN714" s="613"/>
      <c r="UAO714" s="613"/>
      <c r="UAP714" s="613"/>
      <c r="UAQ714" s="613"/>
      <c r="UAR714" s="613"/>
      <c r="UAS714" s="613"/>
      <c r="UAT714" s="613"/>
      <c r="UAU714" s="613"/>
      <c r="UAV714" s="613"/>
      <c r="UAW714" s="613"/>
      <c r="UAX714" s="613"/>
      <c r="UAY714" s="613"/>
      <c r="UAZ714" s="613"/>
      <c r="UBA714" s="613"/>
      <c r="UBB714" s="613"/>
      <c r="UBC714" s="613"/>
      <c r="UBD714" s="613"/>
      <c r="UBE714" s="613"/>
      <c r="UBF714" s="613"/>
      <c r="UBG714" s="613"/>
      <c r="UBH714" s="613"/>
      <c r="UBI714" s="613"/>
      <c r="UBJ714" s="613"/>
      <c r="UBK714" s="613"/>
      <c r="UBL714" s="613"/>
      <c r="UBM714" s="613"/>
      <c r="UBN714" s="613"/>
      <c r="UBO714" s="613"/>
      <c r="UBP714" s="613"/>
      <c r="UBQ714" s="613"/>
      <c r="UBR714" s="613"/>
      <c r="UBS714" s="613"/>
      <c r="UBT714" s="613"/>
      <c r="UBU714" s="613"/>
      <c r="UBV714" s="613"/>
      <c r="UBW714" s="613"/>
      <c r="UBX714" s="613"/>
      <c r="UBY714" s="613"/>
      <c r="UBZ714" s="613"/>
      <c r="UCA714" s="613"/>
      <c r="UCB714" s="613"/>
      <c r="UCC714" s="613"/>
      <c r="UCD714" s="613"/>
      <c r="UCE714" s="613"/>
      <c r="UCF714" s="613"/>
      <c r="UCG714" s="613"/>
      <c r="UCH714" s="613"/>
      <c r="UCI714" s="613"/>
      <c r="UCJ714" s="613"/>
      <c r="UCK714" s="613"/>
      <c r="UCL714" s="613"/>
      <c r="UCM714" s="613"/>
      <c r="UCN714" s="613"/>
      <c r="UCO714" s="613"/>
      <c r="UCP714" s="613"/>
      <c r="UCQ714" s="613"/>
      <c r="UCR714" s="613"/>
      <c r="UCS714" s="613"/>
      <c r="UCT714" s="613"/>
      <c r="UCU714" s="613"/>
      <c r="UCV714" s="613"/>
      <c r="UCW714" s="613"/>
      <c r="UCX714" s="613"/>
      <c r="UCY714" s="613"/>
      <c r="UCZ714" s="613"/>
      <c r="UDA714" s="613"/>
      <c r="UDB714" s="613"/>
      <c r="UDC714" s="613"/>
      <c r="UDD714" s="613"/>
      <c r="UDE714" s="613"/>
      <c r="UDF714" s="613"/>
      <c r="UDG714" s="613"/>
      <c r="UDH714" s="613"/>
      <c r="UDI714" s="613"/>
      <c r="UDJ714" s="613"/>
      <c r="UDK714" s="613"/>
      <c r="UDL714" s="613"/>
      <c r="UDM714" s="613"/>
      <c r="UDN714" s="613"/>
      <c r="UDO714" s="613"/>
      <c r="UDP714" s="613"/>
      <c r="UDQ714" s="613"/>
      <c r="UDR714" s="613"/>
      <c r="UDS714" s="613"/>
      <c r="UDT714" s="613"/>
      <c r="UDU714" s="613"/>
      <c r="UDV714" s="613"/>
      <c r="UDW714" s="613"/>
      <c r="UDX714" s="613"/>
      <c r="UDY714" s="613"/>
      <c r="UDZ714" s="613"/>
      <c r="UEA714" s="613"/>
      <c r="UEB714" s="613"/>
      <c r="UEC714" s="613"/>
      <c r="UED714" s="613"/>
      <c r="UEE714" s="613"/>
      <c r="UEF714" s="613"/>
      <c r="UEG714" s="613"/>
      <c r="UEH714" s="613"/>
      <c r="UEI714" s="613"/>
      <c r="UEJ714" s="613"/>
      <c r="UEK714" s="613"/>
      <c r="UEL714" s="613"/>
      <c r="UEM714" s="613"/>
      <c r="UEN714" s="613"/>
      <c r="UEO714" s="613"/>
      <c r="UEP714" s="613"/>
      <c r="UEQ714" s="613"/>
      <c r="UER714" s="613"/>
      <c r="UES714" s="613"/>
      <c r="UET714" s="613"/>
      <c r="UEU714" s="613"/>
      <c r="UEV714" s="613"/>
      <c r="UEW714" s="613"/>
      <c r="UEX714" s="613"/>
      <c r="UEY714" s="613"/>
      <c r="UEZ714" s="613"/>
      <c r="UFA714" s="613"/>
      <c r="UFB714" s="613"/>
      <c r="UFC714" s="613"/>
      <c r="UFD714" s="613"/>
      <c r="UFE714" s="613"/>
      <c r="UFF714" s="613"/>
      <c r="UFG714" s="613"/>
      <c r="UFH714" s="613"/>
      <c r="UFI714" s="613"/>
      <c r="UFJ714" s="613"/>
      <c r="UFK714" s="613"/>
      <c r="UFL714" s="613"/>
      <c r="UFM714" s="613"/>
      <c r="UFN714" s="613"/>
      <c r="UFO714" s="613"/>
      <c r="UFP714" s="613"/>
      <c r="UFQ714" s="613"/>
      <c r="UFR714" s="613"/>
      <c r="UFS714" s="613"/>
      <c r="UFT714" s="613"/>
      <c r="UFU714" s="613"/>
      <c r="UFV714" s="613"/>
      <c r="UFW714" s="613"/>
      <c r="UFX714" s="613"/>
      <c r="UFY714" s="613"/>
      <c r="UFZ714" s="613"/>
      <c r="UGA714" s="613"/>
      <c r="UGB714" s="613"/>
      <c r="UGC714" s="613"/>
      <c r="UGD714" s="613"/>
      <c r="UGE714" s="613"/>
      <c r="UGF714" s="613"/>
      <c r="UGG714" s="613"/>
      <c r="UGH714" s="613"/>
      <c r="UGI714" s="613"/>
      <c r="UGJ714" s="613"/>
      <c r="UGK714" s="613"/>
      <c r="UGL714" s="613"/>
      <c r="UGM714" s="613"/>
      <c r="UGN714" s="613"/>
      <c r="UGO714" s="613"/>
      <c r="UGP714" s="613"/>
      <c r="UGQ714" s="613"/>
      <c r="UGR714" s="613"/>
      <c r="UGS714" s="613"/>
      <c r="UGT714" s="613"/>
      <c r="UGU714" s="613"/>
      <c r="UGV714" s="613"/>
      <c r="UGW714" s="613"/>
      <c r="UGX714" s="613"/>
      <c r="UGY714" s="613"/>
      <c r="UGZ714" s="613"/>
      <c r="UHA714" s="613"/>
      <c r="UHB714" s="613"/>
      <c r="UHC714" s="613"/>
      <c r="UHD714" s="613"/>
      <c r="UHE714" s="613"/>
      <c r="UHF714" s="613"/>
      <c r="UHG714" s="613"/>
      <c r="UHH714" s="613"/>
      <c r="UHI714" s="613"/>
      <c r="UHJ714" s="613"/>
      <c r="UHK714" s="613"/>
      <c r="UHL714" s="613"/>
      <c r="UHM714" s="613"/>
      <c r="UHN714" s="613"/>
      <c r="UHO714" s="613"/>
      <c r="UHP714" s="613"/>
      <c r="UHQ714" s="613"/>
      <c r="UHR714" s="613"/>
      <c r="UHS714" s="613"/>
      <c r="UHT714" s="613"/>
      <c r="UHU714" s="613"/>
      <c r="UHV714" s="613"/>
      <c r="UHW714" s="613"/>
      <c r="UHX714" s="613"/>
      <c r="UHY714" s="613"/>
      <c r="UHZ714" s="613"/>
      <c r="UIA714" s="613"/>
      <c r="UIB714" s="613"/>
      <c r="UIC714" s="613"/>
      <c r="UID714" s="613"/>
      <c r="UIE714" s="613"/>
      <c r="UIF714" s="613"/>
      <c r="UIG714" s="613"/>
      <c r="UIH714" s="613"/>
      <c r="UII714" s="613"/>
      <c r="UIJ714" s="613"/>
      <c r="UIK714" s="613"/>
      <c r="UIL714" s="613"/>
      <c r="UIM714" s="613"/>
      <c r="UIN714" s="613"/>
      <c r="UIO714" s="613"/>
      <c r="UIP714" s="613"/>
      <c r="UIQ714" s="613"/>
      <c r="UIR714" s="613"/>
      <c r="UIS714" s="613"/>
      <c r="UIT714" s="613"/>
      <c r="UIU714" s="613"/>
      <c r="UIV714" s="613"/>
      <c r="UIW714" s="613"/>
      <c r="UIX714" s="613"/>
      <c r="UIY714" s="613"/>
      <c r="UIZ714" s="613"/>
      <c r="UJA714" s="613"/>
      <c r="UJB714" s="613"/>
      <c r="UJC714" s="613"/>
      <c r="UJD714" s="613"/>
      <c r="UJE714" s="613"/>
      <c r="UJF714" s="613"/>
      <c r="UJG714" s="613"/>
      <c r="UJH714" s="613"/>
      <c r="UJI714" s="613"/>
      <c r="UJJ714" s="613"/>
      <c r="UJK714" s="613"/>
      <c r="UJL714" s="613"/>
      <c r="UJM714" s="613"/>
      <c r="UJN714" s="613"/>
      <c r="UJO714" s="613"/>
      <c r="UJP714" s="613"/>
      <c r="UJQ714" s="613"/>
      <c r="UJR714" s="613"/>
      <c r="UJS714" s="613"/>
      <c r="UJT714" s="613"/>
      <c r="UJU714" s="613"/>
      <c r="UJV714" s="613"/>
      <c r="UJW714" s="613"/>
      <c r="UJX714" s="613"/>
      <c r="UJY714" s="613"/>
      <c r="UJZ714" s="613"/>
      <c r="UKA714" s="613"/>
      <c r="UKB714" s="613"/>
      <c r="UKC714" s="613"/>
      <c r="UKD714" s="613"/>
      <c r="UKE714" s="613"/>
      <c r="UKF714" s="613"/>
      <c r="UKG714" s="613"/>
      <c r="UKH714" s="613"/>
      <c r="UKI714" s="613"/>
      <c r="UKJ714" s="613"/>
      <c r="UKK714" s="613"/>
      <c r="UKL714" s="613"/>
      <c r="UKM714" s="613"/>
      <c r="UKN714" s="613"/>
      <c r="UKO714" s="613"/>
      <c r="UKP714" s="613"/>
      <c r="UKQ714" s="613"/>
      <c r="UKR714" s="613"/>
      <c r="UKS714" s="613"/>
      <c r="UKT714" s="613"/>
      <c r="UKU714" s="613"/>
      <c r="UKV714" s="613"/>
      <c r="UKW714" s="613"/>
      <c r="UKX714" s="613"/>
      <c r="UKY714" s="613"/>
      <c r="UKZ714" s="613"/>
      <c r="ULA714" s="613"/>
      <c r="ULB714" s="613"/>
      <c r="ULC714" s="613"/>
      <c r="ULD714" s="613"/>
      <c r="ULE714" s="613"/>
      <c r="ULF714" s="613"/>
      <c r="ULG714" s="613"/>
      <c r="ULH714" s="613"/>
      <c r="ULI714" s="613"/>
      <c r="ULJ714" s="613"/>
      <c r="ULK714" s="613"/>
      <c r="ULL714" s="613"/>
      <c r="ULM714" s="613"/>
      <c r="ULN714" s="613"/>
      <c r="ULO714" s="613"/>
      <c r="ULP714" s="613"/>
      <c r="ULQ714" s="613"/>
      <c r="ULR714" s="613"/>
      <c r="ULS714" s="613"/>
      <c r="ULT714" s="613"/>
      <c r="ULU714" s="613"/>
      <c r="ULV714" s="613"/>
      <c r="ULW714" s="613"/>
      <c r="ULX714" s="613"/>
      <c r="ULY714" s="613"/>
      <c r="ULZ714" s="613"/>
      <c r="UMA714" s="613"/>
      <c r="UMB714" s="613"/>
      <c r="UMC714" s="613"/>
      <c r="UMD714" s="613"/>
      <c r="UME714" s="613"/>
      <c r="UMF714" s="613"/>
      <c r="UMG714" s="613"/>
      <c r="UMH714" s="613"/>
      <c r="UMI714" s="613"/>
      <c r="UMJ714" s="613"/>
      <c r="UMK714" s="613"/>
      <c r="UML714" s="613"/>
      <c r="UMM714" s="613"/>
      <c r="UMN714" s="613"/>
      <c r="UMO714" s="613"/>
      <c r="UMP714" s="613"/>
      <c r="UMQ714" s="613"/>
      <c r="UMR714" s="613"/>
      <c r="UMS714" s="613"/>
      <c r="UMT714" s="613"/>
      <c r="UMU714" s="613"/>
      <c r="UMV714" s="613"/>
      <c r="UMW714" s="613"/>
      <c r="UMX714" s="613"/>
      <c r="UMY714" s="613"/>
      <c r="UMZ714" s="613"/>
      <c r="UNA714" s="613"/>
      <c r="UNB714" s="613"/>
      <c r="UNC714" s="613"/>
      <c r="UND714" s="613"/>
      <c r="UNE714" s="613"/>
      <c r="UNF714" s="613"/>
      <c r="UNG714" s="613"/>
      <c r="UNH714" s="613"/>
      <c r="UNI714" s="613"/>
      <c r="UNJ714" s="613"/>
      <c r="UNK714" s="613"/>
      <c r="UNL714" s="613"/>
      <c r="UNM714" s="613"/>
      <c r="UNN714" s="613"/>
      <c r="UNO714" s="613"/>
      <c r="UNP714" s="613"/>
      <c r="UNQ714" s="613"/>
      <c r="UNR714" s="613"/>
      <c r="UNS714" s="613"/>
      <c r="UNT714" s="613"/>
      <c r="UNU714" s="613"/>
      <c r="UNV714" s="613"/>
      <c r="UNW714" s="613"/>
      <c r="UNX714" s="613"/>
      <c r="UNY714" s="613"/>
      <c r="UNZ714" s="613"/>
      <c r="UOA714" s="613"/>
      <c r="UOB714" s="613"/>
      <c r="UOC714" s="613"/>
      <c r="UOD714" s="613"/>
      <c r="UOE714" s="613"/>
      <c r="UOF714" s="613"/>
      <c r="UOG714" s="613"/>
      <c r="UOH714" s="613"/>
      <c r="UOI714" s="613"/>
      <c r="UOJ714" s="613"/>
      <c r="UOK714" s="613"/>
      <c r="UOL714" s="613"/>
      <c r="UOM714" s="613"/>
      <c r="UON714" s="613"/>
      <c r="UOO714" s="613"/>
      <c r="UOP714" s="613"/>
      <c r="UOQ714" s="613"/>
      <c r="UOR714" s="613"/>
      <c r="UOS714" s="613"/>
      <c r="UOT714" s="613"/>
      <c r="UOU714" s="613"/>
      <c r="UOV714" s="613"/>
      <c r="UOW714" s="613"/>
      <c r="UOX714" s="613"/>
      <c r="UOY714" s="613"/>
      <c r="UOZ714" s="613"/>
      <c r="UPA714" s="613"/>
      <c r="UPB714" s="613"/>
      <c r="UPC714" s="613"/>
      <c r="UPD714" s="613"/>
      <c r="UPE714" s="613"/>
      <c r="UPF714" s="613"/>
      <c r="UPG714" s="613"/>
      <c r="UPH714" s="613"/>
      <c r="UPI714" s="613"/>
      <c r="UPJ714" s="613"/>
      <c r="UPK714" s="613"/>
      <c r="UPL714" s="613"/>
      <c r="UPM714" s="613"/>
      <c r="UPN714" s="613"/>
      <c r="UPO714" s="613"/>
      <c r="UPP714" s="613"/>
      <c r="UPQ714" s="613"/>
      <c r="UPR714" s="613"/>
      <c r="UPS714" s="613"/>
      <c r="UPT714" s="613"/>
      <c r="UPU714" s="613"/>
      <c r="UPV714" s="613"/>
      <c r="UPW714" s="613"/>
      <c r="UPX714" s="613"/>
      <c r="UPY714" s="613"/>
      <c r="UPZ714" s="613"/>
      <c r="UQA714" s="613"/>
      <c r="UQB714" s="613"/>
      <c r="UQC714" s="613"/>
      <c r="UQD714" s="613"/>
      <c r="UQE714" s="613"/>
      <c r="UQF714" s="613"/>
      <c r="UQG714" s="613"/>
      <c r="UQH714" s="613"/>
      <c r="UQI714" s="613"/>
      <c r="UQJ714" s="613"/>
      <c r="UQK714" s="613"/>
      <c r="UQL714" s="613"/>
      <c r="UQM714" s="613"/>
      <c r="UQN714" s="613"/>
      <c r="UQO714" s="613"/>
      <c r="UQP714" s="613"/>
      <c r="UQQ714" s="613"/>
      <c r="UQR714" s="613"/>
      <c r="UQS714" s="613"/>
      <c r="UQT714" s="613"/>
      <c r="UQU714" s="613"/>
      <c r="UQV714" s="613"/>
      <c r="UQW714" s="613"/>
      <c r="UQX714" s="613"/>
      <c r="UQY714" s="613"/>
      <c r="UQZ714" s="613"/>
      <c r="URA714" s="613"/>
      <c r="URB714" s="613"/>
      <c r="URC714" s="613"/>
      <c r="URD714" s="613"/>
      <c r="URE714" s="613"/>
      <c r="URF714" s="613"/>
      <c r="URG714" s="613"/>
      <c r="URH714" s="613"/>
      <c r="URI714" s="613"/>
      <c r="URJ714" s="613"/>
      <c r="URK714" s="613"/>
      <c r="URL714" s="613"/>
      <c r="URM714" s="613"/>
      <c r="URN714" s="613"/>
      <c r="URO714" s="613"/>
      <c r="URP714" s="613"/>
      <c r="URQ714" s="613"/>
      <c r="URR714" s="613"/>
      <c r="URS714" s="613"/>
      <c r="URT714" s="613"/>
      <c r="URU714" s="613"/>
      <c r="URV714" s="613"/>
      <c r="URW714" s="613"/>
      <c r="URX714" s="613"/>
      <c r="URY714" s="613"/>
      <c r="URZ714" s="613"/>
      <c r="USA714" s="613"/>
      <c r="USB714" s="613"/>
      <c r="USC714" s="613"/>
      <c r="USD714" s="613"/>
      <c r="USE714" s="613"/>
      <c r="USF714" s="613"/>
      <c r="USG714" s="613"/>
      <c r="USH714" s="613"/>
      <c r="USI714" s="613"/>
      <c r="USJ714" s="613"/>
      <c r="USK714" s="613"/>
      <c r="USL714" s="613"/>
      <c r="USM714" s="613"/>
      <c r="USN714" s="613"/>
      <c r="USO714" s="613"/>
      <c r="USP714" s="613"/>
      <c r="USQ714" s="613"/>
      <c r="USR714" s="613"/>
      <c r="USS714" s="613"/>
      <c r="UST714" s="613"/>
      <c r="USU714" s="613"/>
      <c r="USV714" s="613"/>
      <c r="USW714" s="613"/>
      <c r="USX714" s="613"/>
      <c r="USY714" s="613"/>
      <c r="USZ714" s="613"/>
      <c r="UTA714" s="613"/>
      <c r="UTB714" s="613"/>
      <c r="UTC714" s="613"/>
      <c r="UTD714" s="613"/>
      <c r="UTE714" s="613"/>
      <c r="UTF714" s="613"/>
      <c r="UTG714" s="613"/>
      <c r="UTH714" s="613"/>
      <c r="UTI714" s="613"/>
      <c r="UTJ714" s="613"/>
      <c r="UTK714" s="613"/>
      <c r="UTL714" s="613"/>
      <c r="UTM714" s="613"/>
      <c r="UTN714" s="613"/>
      <c r="UTO714" s="613"/>
      <c r="UTP714" s="613"/>
      <c r="UTQ714" s="613"/>
      <c r="UTR714" s="613"/>
      <c r="UTS714" s="613"/>
      <c r="UTT714" s="613"/>
      <c r="UTU714" s="613"/>
      <c r="UTV714" s="613"/>
      <c r="UTW714" s="613"/>
      <c r="UTX714" s="613"/>
      <c r="UTY714" s="613"/>
      <c r="UTZ714" s="613"/>
      <c r="UUA714" s="613"/>
      <c r="UUB714" s="613"/>
      <c r="UUC714" s="613"/>
      <c r="UUD714" s="613"/>
      <c r="UUE714" s="613"/>
      <c r="UUF714" s="613"/>
      <c r="UUG714" s="613"/>
      <c r="UUH714" s="613"/>
      <c r="UUI714" s="613"/>
      <c r="UUJ714" s="613"/>
      <c r="UUK714" s="613"/>
      <c r="UUL714" s="613"/>
      <c r="UUM714" s="613"/>
      <c r="UUN714" s="613"/>
      <c r="UUO714" s="613"/>
      <c r="UUP714" s="613"/>
      <c r="UUQ714" s="613"/>
      <c r="UUR714" s="613"/>
      <c r="UUS714" s="613"/>
      <c r="UUT714" s="613"/>
      <c r="UUU714" s="613"/>
      <c r="UUV714" s="613"/>
      <c r="UUW714" s="613"/>
      <c r="UUX714" s="613"/>
      <c r="UUY714" s="613"/>
      <c r="UUZ714" s="613"/>
      <c r="UVA714" s="613"/>
      <c r="UVB714" s="613"/>
      <c r="UVC714" s="613"/>
      <c r="UVD714" s="613"/>
      <c r="UVE714" s="613"/>
      <c r="UVF714" s="613"/>
      <c r="UVG714" s="613"/>
      <c r="UVH714" s="613"/>
      <c r="UVI714" s="613"/>
      <c r="UVJ714" s="613"/>
      <c r="UVK714" s="613"/>
      <c r="UVL714" s="613"/>
      <c r="UVM714" s="613"/>
      <c r="UVN714" s="613"/>
      <c r="UVO714" s="613"/>
      <c r="UVP714" s="613"/>
      <c r="UVQ714" s="613"/>
      <c r="UVR714" s="613"/>
      <c r="UVS714" s="613"/>
      <c r="UVT714" s="613"/>
      <c r="UVU714" s="613"/>
      <c r="UVV714" s="613"/>
      <c r="UVW714" s="613"/>
      <c r="UVX714" s="613"/>
      <c r="UVY714" s="613"/>
      <c r="UVZ714" s="613"/>
      <c r="UWA714" s="613"/>
      <c r="UWB714" s="613"/>
      <c r="UWC714" s="613"/>
      <c r="UWD714" s="613"/>
      <c r="UWE714" s="613"/>
      <c r="UWF714" s="613"/>
      <c r="UWG714" s="613"/>
      <c r="UWH714" s="613"/>
      <c r="UWI714" s="613"/>
      <c r="UWJ714" s="613"/>
      <c r="UWK714" s="613"/>
      <c r="UWL714" s="613"/>
      <c r="UWM714" s="613"/>
      <c r="UWN714" s="613"/>
      <c r="UWO714" s="613"/>
      <c r="UWP714" s="613"/>
      <c r="UWQ714" s="613"/>
      <c r="UWR714" s="613"/>
      <c r="UWS714" s="613"/>
      <c r="UWT714" s="613"/>
      <c r="UWU714" s="613"/>
      <c r="UWV714" s="613"/>
      <c r="UWW714" s="613"/>
      <c r="UWX714" s="613"/>
      <c r="UWY714" s="613"/>
      <c r="UWZ714" s="613"/>
      <c r="UXA714" s="613"/>
      <c r="UXB714" s="613"/>
      <c r="UXC714" s="613"/>
      <c r="UXD714" s="613"/>
      <c r="UXE714" s="613"/>
      <c r="UXF714" s="613"/>
      <c r="UXG714" s="613"/>
      <c r="UXH714" s="613"/>
      <c r="UXI714" s="613"/>
      <c r="UXJ714" s="613"/>
      <c r="UXK714" s="613"/>
      <c r="UXL714" s="613"/>
      <c r="UXM714" s="613"/>
      <c r="UXN714" s="613"/>
      <c r="UXO714" s="613"/>
      <c r="UXP714" s="613"/>
      <c r="UXQ714" s="613"/>
      <c r="UXR714" s="613"/>
      <c r="UXS714" s="613"/>
      <c r="UXT714" s="613"/>
      <c r="UXU714" s="613"/>
      <c r="UXV714" s="613"/>
      <c r="UXW714" s="613"/>
      <c r="UXX714" s="613"/>
      <c r="UXY714" s="613"/>
      <c r="UXZ714" s="613"/>
      <c r="UYA714" s="613"/>
      <c r="UYB714" s="613"/>
      <c r="UYC714" s="613"/>
      <c r="UYD714" s="613"/>
      <c r="UYE714" s="613"/>
      <c r="UYF714" s="613"/>
      <c r="UYG714" s="613"/>
      <c r="UYH714" s="613"/>
      <c r="UYI714" s="613"/>
      <c r="UYJ714" s="613"/>
      <c r="UYK714" s="613"/>
      <c r="UYL714" s="613"/>
      <c r="UYM714" s="613"/>
      <c r="UYN714" s="613"/>
      <c r="UYO714" s="613"/>
      <c r="UYP714" s="613"/>
      <c r="UYQ714" s="613"/>
      <c r="UYR714" s="613"/>
      <c r="UYS714" s="613"/>
      <c r="UYT714" s="613"/>
      <c r="UYU714" s="613"/>
      <c r="UYV714" s="613"/>
      <c r="UYW714" s="613"/>
      <c r="UYX714" s="613"/>
      <c r="UYY714" s="613"/>
      <c r="UYZ714" s="613"/>
      <c r="UZA714" s="613"/>
      <c r="UZB714" s="613"/>
      <c r="UZC714" s="613"/>
      <c r="UZD714" s="613"/>
      <c r="UZE714" s="613"/>
      <c r="UZF714" s="613"/>
      <c r="UZG714" s="613"/>
      <c r="UZH714" s="613"/>
      <c r="UZI714" s="613"/>
      <c r="UZJ714" s="613"/>
      <c r="UZK714" s="613"/>
      <c r="UZL714" s="613"/>
      <c r="UZM714" s="613"/>
      <c r="UZN714" s="613"/>
      <c r="UZO714" s="613"/>
      <c r="UZP714" s="613"/>
      <c r="UZQ714" s="613"/>
      <c r="UZR714" s="613"/>
      <c r="UZS714" s="613"/>
      <c r="UZT714" s="613"/>
      <c r="UZU714" s="613"/>
      <c r="UZV714" s="613"/>
      <c r="UZW714" s="613"/>
      <c r="UZX714" s="613"/>
      <c r="UZY714" s="613"/>
      <c r="UZZ714" s="613"/>
      <c r="VAA714" s="613"/>
      <c r="VAB714" s="613"/>
      <c r="VAC714" s="613"/>
      <c r="VAD714" s="613"/>
      <c r="VAE714" s="613"/>
      <c r="VAF714" s="613"/>
      <c r="VAG714" s="613"/>
      <c r="VAH714" s="613"/>
      <c r="VAI714" s="613"/>
      <c r="VAJ714" s="613"/>
      <c r="VAK714" s="613"/>
      <c r="VAL714" s="613"/>
      <c r="VAM714" s="613"/>
      <c r="VAN714" s="613"/>
      <c r="VAO714" s="613"/>
      <c r="VAP714" s="613"/>
      <c r="VAQ714" s="613"/>
      <c r="VAR714" s="613"/>
      <c r="VAS714" s="613"/>
      <c r="VAT714" s="613"/>
      <c r="VAU714" s="613"/>
      <c r="VAV714" s="613"/>
      <c r="VAW714" s="613"/>
      <c r="VAX714" s="613"/>
      <c r="VAY714" s="613"/>
      <c r="VAZ714" s="613"/>
      <c r="VBA714" s="613"/>
      <c r="VBB714" s="613"/>
      <c r="VBC714" s="613"/>
      <c r="VBD714" s="613"/>
      <c r="VBE714" s="613"/>
      <c r="VBF714" s="613"/>
      <c r="VBG714" s="613"/>
      <c r="VBH714" s="613"/>
      <c r="VBI714" s="613"/>
      <c r="VBJ714" s="613"/>
      <c r="VBK714" s="613"/>
      <c r="VBL714" s="613"/>
      <c r="VBM714" s="613"/>
      <c r="VBN714" s="613"/>
      <c r="VBO714" s="613"/>
      <c r="VBP714" s="613"/>
      <c r="VBQ714" s="613"/>
      <c r="VBR714" s="613"/>
      <c r="VBS714" s="613"/>
      <c r="VBT714" s="613"/>
      <c r="VBU714" s="613"/>
      <c r="VBV714" s="613"/>
      <c r="VBW714" s="613"/>
      <c r="VBX714" s="613"/>
      <c r="VBY714" s="613"/>
      <c r="VBZ714" s="613"/>
      <c r="VCA714" s="613"/>
      <c r="VCB714" s="613"/>
      <c r="VCC714" s="613"/>
      <c r="VCD714" s="613"/>
      <c r="VCE714" s="613"/>
      <c r="VCF714" s="613"/>
      <c r="VCG714" s="613"/>
      <c r="VCH714" s="613"/>
      <c r="VCI714" s="613"/>
      <c r="VCJ714" s="613"/>
      <c r="VCK714" s="613"/>
      <c r="VCL714" s="613"/>
      <c r="VCM714" s="613"/>
      <c r="VCN714" s="613"/>
      <c r="VCO714" s="613"/>
      <c r="VCP714" s="613"/>
      <c r="VCQ714" s="613"/>
      <c r="VCR714" s="613"/>
      <c r="VCS714" s="613"/>
      <c r="VCT714" s="613"/>
      <c r="VCU714" s="613"/>
      <c r="VCV714" s="613"/>
      <c r="VCW714" s="613"/>
      <c r="VCX714" s="613"/>
      <c r="VCY714" s="613"/>
      <c r="VCZ714" s="613"/>
      <c r="VDA714" s="613"/>
      <c r="VDB714" s="613"/>
      <c r="VDC714" s="613"/>
      <c r="VDD714" s="613"/>
      <c r="VDE714" s="613"/>
      <c r="VDF714" s="613"/>
      <c r="VDG714" s="613"/>
      <c r="VDH714" s="613"/>
      <c r="VDI714" s="613"/>
      <c r="VDJ714" s="613"/>
      <c r="VDK714" s="613"/>
      <c r="VDL714" s="613"/>
      <c r="VDM714" s="613"/>
      <c r="VDN714" s="613"/>
      <c r="VDO714" s="613"/>
      <c r="VDP714" s="613"/>
      <c r="VDQ714" s="613"/>
      <c r="VDR714" s="613"/>
      <c r="VDS714" s="613"/>
      <c r="VDT714" s="613"/>
      <c r="VDU714" s="613"/>
      <c r="VDV714" s="613"/>
      <c r="VDW714" s="613"/>
      <c r="VDX714" s="613"/>
      <c r="VDY714" s="613"/>
      <c r="VDZ714" s="613"/>
      <c r="VEA714" s="613"/>
      <c r="VEB714" s="613"/>
      <c r="VEC714" s="613"/>
      <c r="VED714" s="613"/>
      <c r="VEE714" s="613"/>
      <c r="VEF714" s="613"/>
      <c r="VEG714" s="613"/>
      <c r="VEH714" s="613"/>
      <c r="VEI714" s="613"/>
      <c r="VEJ714" s="613"/>
      <c r="VEK714" s="613"/>
      <c r="VEL714" s="613"/>
      <c r="VEM714" s="613"/>
      <c r="VEN714" s="613"/>
      <c r="VEO714" s="613"/>
      <c r="VEP714" s="613"/>
      <c r="VEQ714" s="613"/>
      <c r="VER714" s="613"/>
      <c r="VES714" s="613"/>
      <c r="VET714" s="613"/>
      <c r="VEU714" s="613"/>
      <c r="VEV714" s="613"/>
      <c r="VEW714" s="613"/>
      <c r="VEX714" s="613"/>
      <c r="VEY714" s="613"/>
      <c r="VEZ714" s="613"/>
      <c r="VFA714" s="613"/>
      <c r="VFB714" s="613"/>
      <c r="VFC714" s="613"/>
      <c r="VFD714" s="613"/>
      <c r="VFE714" s="613"/>
      <c r="VFF714" s="613"/>
      <c r="VFG714" s="613"/>
      <c r="VFH714" s="613"/>
      <c r="VFI714" s="613"/>
      <c r="VFJ714" s="613"/>
      <c r="VFK714" s="613"/>
      <c r="VFL714" s="613"/>
      <c r="VFM714" s="613"/>
      <c r="VFN714" s="613"/>
      <c r="VFO714" s="613"/>
      <c r="VFP714" s="613"/>
      <c r="VFQ714" s="613"/>
      <c r="VFR714" s="613"/>
      <c r="VFS714" s="613"/>
      <c r="VFT714" s="613"/>
      <c r="VFU714" s="613"/>
      <c r="VFV714" s="613"/>
      <c r="VFW714" s="613"/>
      <c r="VFX714" s="613"/>
      <c r="VFY714" s="613"/>
      <c r="VFZ714" s="613"/>
      <c r="VGA714" s="613"/>
      <c r="VGB714" s="613"/>
      <c r="VGC714" s="613"/>
      <c r="VGD714" s="613"/>
      <c r="VGE714" s="613"/>
      <c r="VGF714" s="613"/>
      <c r="VGG714" s="613"/>
      <c r="VGH714" s="613"/>
      <c r="VGI714" s="613"/>
      <c r="VGJ714" s="613"/>
      <c r="VGK714" s="613"/>
      <c r="VGL714" s="613"/>
      <c r="VGM714" s="613"/>
      <c r="VGN714" s="613"/>
      <c r="VGO714" s="613"/>
      <c r="VGP714" s="613"/>
      <c r="VGQ714" s="613"/>
      <c r="VGR714" s="613"/>
      <c r="VGS714" s="613"/>
      <c r="VGT714" s="613"/>
      <c r="VGU714" s="613"/>
      <c r="VGV714" s="613"/>
      <c r="VGW714" s="613"/>
      <c r="VGX714" s="613"/>
      <c r="VGY714" s="613"/>
      <c r="VGZ714" s="613"/>
      <c r="VHA714" s="613"/>
      <c r="VHB714" s="613"/>
      <c r="VHC714" s="613"/>
      <c r="VHD714" s="613"/>
      <c r="VHE714" s="613"/>
      <c r="VHF714" s="613"/>
      <c r="VHG714" s="613"/>
      <c r="VHH714" s="613"/>
      <c r="VHI714" s="613"/>
      <c r="VHJ714" s="613"/>
      <c r="VHK714" s="613"/>
      <c r="VHL714" s="613"/>
      <c r="VHM714" s="613"/>
      <c r="VHN714" s="613"/>
      <c r="VHO714" s="613"/>
      <c r="VHP714" s="613"/>
      <c r="VHQ714" s="613"/>
      <c r="VHR714" s="613"/>
      <c r="VHS714" s="613"/>
      <c r="VHT714" s="613"/>
      <c r="VHU714" s="613"/>
      <c r="VHV714" s="613"/>
      <c r="VHW714" s="613"/>
      <c r="VHX714" s="613"/>
      <c r="VHY714" s="613"/>
      <c r="VHZ714" s="613"/>
      <c r="VIA714" s="613"/>
      <c r="VIB714" s="613"/>
      <c r="VIC714" s="613"/>
      <c r="VID714" s="613"/>
      <c r="VIE714" s="613"/>
      <c r="VIF714" s="613"/>
      <c r="VIG714" s="613"/>
      <c r="VIH714" s="613"/>
      <c r="VII714" s="613"/>
      <c r="VIJ714" s="613"/>
      <c r="VIK714" s="613"/>
      <c r="VIL714" s="613"/>
      <c r="VIM714" s="613"/>
      <c r="VIN714" s="613"/>
      <c r="VIO714" s="613"/>
      <c r="VIP714" s="613"/>
      <c r="VIQ714" s="613"/>
      <c r="VIR714" s="613"/>
      <c r="VIS714" s="613"/>
      <c r="VIT714" s="613"/>
      <c r="VIU714" s="613"/>
      <c r="VIV714" s="613"/>
      <c r="VIW714" s="613"/>
      <c r="VIX714" s="613"/>
      <c r="VIY714" s="613"/>
      <c r="VIZ714" s="613"/>
      <c r="VJA714" s="613"/>
      <c r="VJB714" s="613"/>
      <c r="VJC714" s="613"/>
      <c r="VJD714" s="613"/>
      <c r="VJE714" s="613"/>
      <c r="VJF714" s="613"/>
      <c r="VJG714" s="613"/>
      <c r="VJH714" s="613"/>
      <c r="VJI714" s="613"/>
      <c r="VJJ714" s="613"/>
      <c r="VJK714" s="613"/>
      <c r="VJL714" s="613"/>
      <c r="VJM714" s="613"/>
      <c r="VJN714" s="613"/>
      <c r="VJO714" s="613"/>
      <c r="VJP714" s="613"/>
      <c r="VJQ714" s="613"/>
      <c r="VJR714" s="613"/>
      <c r="VJS714" s="613"/>
      <c r="VJT714" s="613"/>
      <c r="VJU714" s="613"/>
      <c r="VJV714" s="613"/>
      <c r="VJW714" s="613"/>
      <c r="VJX714" s="613"/>
      <c r="VJY714" s="613"/>
      <c r="VJZ714" s="613"/>
      <c r="VKA714" s="613"/>
      <c r="VKB714" s="613"/>
      <c r="VKC714" s="613"/>
      <c r="VKD714" s="613"/>
      <c r="VKE714" s="613"/>
      <c r="VKF714" s="613"/>
      <c r="VKG714" s="613"/>
      <c r="VKH714" s="613"/>
      <c r="VKI714" s="613"/>
      <c r="VKJ714" s="613"/>
      <c r="VKK714" s="613"/>
      <c r="VKL714" s="613"/>
      <c r="VKM714" s="613"/>
      <c r="VKN714" s="613"/>
      <c r="VKO714" s="613"/>
      <c r="VKP714" s="613"/>
      <c r="VKQ714" s="613"/>
      <c r="VKR714" s="613"/>
      <c r="VKS714" s="613"/>
      <c r="VKT714" s="613"/>
      <c r="VKU714" s="613"/>
      <c r="VKV714" s="613"/>
      <c r="VKW714" s="613"/>
      <c r="VKX714" s="613"/>
      <c r="VKY714" s="613"/>
      <c r="VKZ714" s="613"/>
      <c r="VLA714" s="613"/>
      <c r="VLB714" s="613"/>
      <c r="VLC714" s="613"/>
      <c r="VLD714" s="613"/>
      <c r="VLE714" s="613"/>
      <c r="VLF714" s="613"/>
      <c r="VLG714" s="613"/>
      <c r="VLH714" s="613"/>
      <c r="VLI714" s="613"/>
      <c r="VLJ714" s="613"/>
      <c r="VLK714" s="613"/>
      <c r="VLL714" s="613"/>
      <c r="VLM714" s="613"/>
      <c r="VLN714" s="613"/>
      <c r="VLO714" s="613"/>
      <c r="VLP714" s="613"/>
      <c r="VLQ714" s="613"/>
      <c r="VLR714" s="613"/>
      <c r="VLS714" s="613"/>
      <c r="VLT714" s="613"/>
      <c r="VLU714" s="613"/>
      <c r="VLV714" s="613"/>
      <c r="VLW714" s="613"/>
      <c r="VLX714" s="613"/>
      <c r="VLY714" s="613"/>
      <c r="VLZ714" s="613"/>
      <c r="VMA714" s="613"/>
      <c r="VMB714" s="613"/>
      <c r="VMC714" s="613"/>
      <c r="VMD714" s="613"/>
      <c r="VME714" s="613"/>
      <c r="VMF714" s="613"/>
      <c r="VMG714" s="613"/>
      <c r="VMH714" s="613"/>
      <c r="VMI714" s="613"/>
      <c r="VMJ714" s="613"/>
      <c r="VMK714" s="613"/>
      <c r="VML714" s="613"/>
      <c r="VMM714" s="613"/>
      <c r="VMN714" s="613"/>
      <c r="VMO714" s="613"/>
      <c r="VMP714" s="613"/>
      <c r="VMQ714" s="613"/>
      <c r="VMR714" s="613"/>
      <c r="VMS714" s="613"/>
      <c r="VMT714" s="613"/>
      <c r="VMU714" s="613"/>
      <c r="VMV714" s="613"/>
      <c r="VMW714" s="613"/>
      <c r="VMX714" s="613"/>
      <c r="VMY714" s="613"/>
      <c r="VMZ714" s="613"/>
      <c r="VNA714" s="613"/>
      <c r="VNB714" s="613"/>
      <c r="VNC714" s="613"/>
      <c r="VND714" s="613"/>
      <c r="VNE714" s="613"/>
      <c r="VNF714" s="613"/>
      <c r="VNG714" s="613"/>
      <c r="VNH714" s="613"/>
      <c r="VNI714" s="613"/>
      <c r="VNJ714" s="613"/>
      <c r="VNK714" s="613"/>
      <c r="VNL714" s="613"/>
      <c r="VNM714" s="613"/>
      <c r="VNN714" s="613"/>
      <c r="VNO714" s="613"/>
      <c r="VNP714" s="613"/>
      <c r="VNQ714" s="613"/>
      <c r="VNR714" s="613"/>
      <c r="VNS714" s="613"/>
      <c r="VNT714" s="613"/>
      <c r="VNU714" s="613"/>
      <c r="VNV714" s="613"/>
      <c r="VNW714" s="613"/>
      <c r="VNX714" s="613"/>
      <c r="VNY714" s="613"/>
      <c r="VNZ714" s="613"/>
      <c r="VOA714" s="613"/>
      <c r="VOB714" s="613"/>
      <c r="VOC714" s="613"/>
      <c r="VOD714" s="613"/>
      <c r="VOE714" s="613"/>
      <c r="VOF714" s="613"/>
      <c r="VOG714" s="613"/>
      <c r="VOH714" s="613"/>
      <c r="VOI714" s="613"/>
      <c r="VOJ714" s="613"/>
      <c r="VOK714" s="613"/>
      <c r="VOL714" s="613"/>
      <c r="VOM714" s="613"/>
      <c r="VON714" s="613"/>
      <c r="VOO714" s="613"/>
      <c r="VOP714" s="613"/>
      <c r="VOQ714" s="613"/>
      <c r="VOR714" s="613"/>
      <c r="VOS714" s="613"/>
      <c r="VOT714" s="613"/>
      <c r="VOU714" s="613"/>
      <c r="VOV714" s="613"/>
      <c r="VOW714" s="613"/>
      <c r="VOX714" s="613"/>
      <c r="VOY714" s="613"/>
      <c r="VOZ714" s="613"/>
      <c r="VPA714" s="613"/>
      <c r="VPB714" s="613"/>
      <c r="VPC714" s="613"/>
      <c r="VPD714" s="613"/>
      <c r="VPE714" s="613"/>
      <c r="VPF714" s="613"/>
      <c r="VPG714" s="613"/>
      <c r="VPH714" s="613"/>
      <c r="VPI714" s="613"/>
      <c r="VPJ714" s="613"/>
      <c r="VPK714" s="613"/>
      <c r="VPL714" s="613"/>
      <c r="VPM714" s="613"/>
      <c r="VPN714" s="613"/>
      <c r="VPO714" s="613"/>
      <c r="VPP714" s="613"/>
      <c r="VPQ714" s="613"/>
      <c r="VPR714" s="613"/>
      <c r="VPS714" s="613"/>
      <c r="VPT714" s="613"/>
      <c r="VPU714" s="613"/>
      <c r="VPV714" s="613"/>
      <c r="VPW714" s="613"/>
      <c r="VPX714" s="613"/>
      <c r="VPY714" s="613"/>
      <c r="VPZ714" s="613"/>
      <c r="VQA714" s="613"/>
      <c r="VQB714" s="613"/>
      <c r="VQC714" s="613"/>
      <c r="VQD714" s="613"/>
      <c r="VQE714" s="613"/>
      <c r="VQF714" s="613"/>
      <c r="VQG714" s="613"/>
      <c r="VQH714" s="613"/>
      <c r="VQI714" s="613"/>
      <c r="VQJ714" s="613"/>
      <c r="VQK714" s="613"/>
      <c r="VQL714" s="613"/>
      <c r="VQM714" s="613"/>
      <c r="VQN714" s="613"/>
      <c r="VQO714" s="613"/>
      <c r="VQP714" s="613"/>
      <c r="VQQ714" s="613"/>
      <c r="VQR714" s="613"/>
      <c r="VQS714" s="613"/>
      <c r="VQT714" s="613"/>
      <c r="VQU714" s="613"/>
      <c r="VQV714" s="613"/>
      <c r="VQW714" s="613"/>
      <c r="VQX714" s="613"/>
      <c r="VQY714" s="613"/>
      <c r="VQZ714" s="613"/>
      <c r="VRA714" s="613"/>
      <c r="VRB714" s="613"/>
      <c r="VRC714" s="613"/>
      <c r="VRD714" s="613"/>
      <c r="VRE714" s="613"/>
      <c r="VRF714" s="613"/>
      <c r="VRG714" s="613"/>
      <c r="VRH714" s="613"/>
      <c r="VRI714" s="613"/>
      <c r="VRJ714" s="613"/>
      <c r="VRK714" s="613"/>
      <c r="VRL714" s="613"/>
      <c r="VRM714" s="613"/>
      <c r="VRN714" s="613"/>
      <c r="VRO714" s="613"/>
      <c r="VRP714" s="613"/>
      <c r="VRQ714" s="613"/>
      <c r="VRR714" s="613"/>
      <c r="VRS714" s="613"/>
      <c r="VRT714" s="613"/>
      <c r="VRU714" s="613"/>
      <c r="VRV714" s="613"/>
      <c r="VRW714" s="613"/>
      <c r="VRX714" s="613"/>
      <c r="VRY714" s="613"/>
      <c r="VRZ714" s="613"/>
      <c r="VSA714" s="613"/>
      <c r="VSB714" s="613"/>
      <c r="VSC714" s="613"/>
      <c r="VSD714" s="613"/>
      <c r="VSE714" s="613"/>
      <c r="VSF714" s="613"/>
      <c r="VSG714" s="613"/>
      <c r="VSH714" s="613"/>
      <c r="VSI714" s="613"/>
      <c r="VSJ714" s="613"/>
      <c r="VSK714" s="613"/>
      <c r="VSL714" s="613"/>
      <c r="VSM714" s="613"/>
      <c r="VSN714" s="613"/>
      <c r="VSO714" s="613"/>
      <c r="VSP714" s="613"/>
      <c r="VSQ714" s="613"/>
      <c r="VSR714" s="613"/>
      <c r="VSS714" s="613"/>
      <c r="VST714" s="613"/>
      <c r="VSU714" s="613"/>
      <c r="VSV714" s="613"/>
      <c r="VSW714" s="613"/>
      <c r="VSX714" s="613"/>
      <c r="VSY714" s="613"/>
      <c r="VSZ714" s="613"/>
      <c r="VTA714" s="613"/>
      <c r="VTB714" s="613"/>
      <c r="VTC714" s="613"/>
      <c r="VTD714" s="613"/>
      <c r="VTE714" s="613"/>
      <c r="VTF714" s="613"/>
      <c r="VTG714" s="613"/>
      <c r="VTH714" s="613"/>
      <c r="VTI714" s="613"/>
      <c r="VTJ714" s="613"/>
      <c r="VTK714" s="613"/>
      <c r="VTL714" s="613"/>
      <c r="VTM714" s="613"/>
      <c r="VTN714" s="613"/>
      <c r="VTO714" s="613"/>
      <c r="VTP714" s="613"/>
      <c r="VTQ714" s="613"/>
      <c r="VTR714" s="613"/>
      <c r="VTS714" s="613"/>
      <c r="VTT714" s="613"/>
      <c r="VTU714" s="613"/>
      <c r="VTV714" s="613"/>
      <c r="VTW714" s="613"/>
      <c r="VTX714" s="613"/>
      <c r="VTY714" s="613"/>
      <c r="VTZ714" s="613"/>
      <c r="VUA714" s="613"/>
      <c r="VUB714" s="613"/>
      <c r="VUC714" s="613"/>
      <c r="VUD714" s="613"/>
      <c r="VUE714" s="613"/>
      <c r="VUF714" s="613"/>
      <c r="VUG714" s="613"/>
      <c r="VUH714" s="613"/>
      <c r="VUI714" s="613"/>
      <c r="VUJ714" s="613"/>
      <c r="VUK714" s="613"/>
      <c r="VUL714" s="613"/>
      <c r="VUM714" s="613"/>
      <c r="VUN714" s="613"/>
      <c r="VUO714" s="613"/>
      <c r="VUP714" s="613"/>
      <c r="VUQ714" s="613"/>
      <c r="VUR714" s="613"/>
      <c r="VUS714" s="613"/>
      <c r="VUT714" s="613"/>
      <c r="VUU714" s="613"/>
      <c r="VUV714" s="613"/>
      <c r="VUW714" s="613"/>
      <c r="VUX714" s="613"/>
      <c r="VUY714" s="613"/>
      <c r="VUZ714" s="613"/>
      <c r="VVA714" s="613"/>
      <c r="VVB714" s="613"/>
      <c r="VVC714" s="613"/>
      <c r="VVD714" s="613"/>
      <c r="VVE714" s="613"/>
      <c r="VVF714" s="613"/>
      <c r="VVG714" s="613"/>
      <c r="VVH714" s="613"/>
      <c r="VVI714" s="613"/>
      <c r="VVJ714" s="613"/>
      <c r="VVK714" s="613"/>
      <c r="VVL714" s="613"/>
      <c r="VVM714" s="613"/>
      <c r="VVN714" s="613"/>
      <c r="VVO714" s="613"/>
      <c r="VVP714" s="613"/>
      <c r="VVQ714" s="613"/>
      <c r="VVR714" s="613"/>
      <c r="VVS714" s="613"/>
      <c r="VVT714" s="613"/>
      <c r="VVU714" s="613"/>
      <c r="VVV714" s="613"/>
      <c r="VVW714" s="613"/>
      <c r="VVX714" s="613"/>
      <c r="VVY714" s="613"/>
      <c r="VVZ714" s="613"/>
      <c r="VWA714" s="613"/>
      <c r="VWB714" s="613"/>
      <c r="VWC714" s="613"/>
      <c r="VWD714" s="613"/>
      <c r="VWE714" s="613"/>
      <c r="VWF714" s="613"/>
      <c r="VWG714" s="613"/>
      <c r="VWH714" s="613"/>
      <c r="VWI714" s="613"/>
      <c r="VWJ714" s="613"/>
      <c r="VWK714" s="613"/>
      <c r="VWL714" s="613"/>
      <c r="VWM714" s="613"/>
      <c r="VWN714" s="613"/>
      <c r="VWO714" s="613"/>
      <c r="VWP714" s="613"/>
      <c r="VWQ714" s="613"/>
      <c r="VWR714" s="613"/>
      <c r="VWS714" s="613"/>
      <c r="VWT714" s="613"/>
      <c r="VWU714" s="613"/>
      <c r="VWV714" s="613"/>
      <c r="VWW714" s="613"/>
      <c r="VWX714" s="613"/>
      <c r="VWY714" s="613"/>
      <c r="VWZ714" s="613"/>
      <c r="VXA714" s="613"/>
      <c r="VXB714" s="613"/>
      <c r="VXC714" s="613"/>
      <c r="VXD714" s="613"/>
      <c r="VXE714" s="613"/>
      <c r="VXF714" s="613"/>
      <c r="VXG714" s="613"/>
      <c r="VXH714" s="613"/>
      <c r="VXI714" s="613"/>
      <c r="VXJ714" s="613"/>
      <c r="VXK714" s="613"/>
      <c r="VXL714" s="613"/>
      <c r="VXM714" s="613"/>
      <c r="VXN714" s="613"/>
      <c r="VXO714" s="613"/>
      <c r="VXP714" s="613"/>
      <c r="VXQ714" s="613"/>
      <c r="VXR714" s="613"/>
      <c r="VXS714" s="613"/>
      <c r="VXT714" s="613"/>
      <c r="VXU714" s="613"/>
      <c r="VXV714" s="613"/>
      <c r="VXW714" s="613"/>
      <c r="VXX714" s="613"/>
      <c r="VXY714" s="613"/>
      <c r="VXZ714" s="613"/>
      <c r="VYA714" s="613"/>
      <c r="VYB714" s="613"/>
      <c r="VYC714" s="613"/>
      <c r="VYD714" s="613"/>
      <c r="VYE714" s="613"/>
      <c r="VYF714" s="613"/>
      <c r="VYG714" s="613"/>
      <c r="VYH714" s="613"/>
      <c r="VYI714" s="613"/>
      <c r="VYJ714" s="613"/>
      <c r="VYK714" s="613"/>
      <c r="VYL714" s="613"/>
      <c r="VYM714" s="613"/>
      <c r="VYN714" s="613"/>
      <c r="VYO714" s="613"/>
      <c r="VYP714" s="613"/>
      <c r="VYQ714" s="613"/>
      <c r="VYR714" s="613"/>
      <c r="VYS714" s="613"/>
      <c r="VYT714" s="613"/>
      <c r="VYU714" s="613"/>
      <c r="VYV714" s="613"/>
      <c r="VYW714" s="613"/>
      <c r="VYX714" s="613"/>
      <c r="VYY714" s="613"/>
      <c r="VYZ714" s="613"/>
      <c r="VZA714" s="613"/>
      <c r="VZB714" s="613"/>
      <c r="VZC714" s="613"/>
      <c r="VZD714" s="613"/>
      <c r="VZE714" s="613"/>
      <c r="VZF714" s="613"/>
      <c r="VZG714" s="613"/>
      <c r="VZH714" s="613"/>
      <c r="VZI714" s="613"/>
      <c r="VZJ714" s="613"/>
      <c r="VZK714" s="613"/>
      <c r="VZL714" s="613"/>
      <c r="VZM714" s="613"/>
      <c r="VZN714" s="613"/>
      <c r="VZO714" s="613"/>
      <c r="VZP714" s="613"/>
      <c r="VZQ714" s="613"/>
      <c r="VZR714" s="613"/>
      <c r="VZS714" s="613"/>
      <c r="VZT714" s="613"/>
      <c r="VZU714" s="613"/>
      <c r="VZV714" s="613"/>
      <c r="VZW714" s="613"/>
      <c r="VZX714" s="613"/>
      <c r="VZY714" s="613"/>
      <c r="VZZ714" s="613"/>
      <c r="WAA714" s="613"/>
      <c r="WAB714" s="613"/>
      <c r="WAC714" s="613"/>
      <c r="WAD714" s="613"/>
      <c r="WAE714" s="613"/>
      <c r="WAF714" s="613"/>
      <c r="WAG714" s="613"/>
      <c r="WAH714" s="613"/>
      <c r="WAI714" s="613"/>
      <c r="WAJ714" s="613"/>
      <c r="WAK714" s="613"/>
      <c r="WAL714" s="613"/>
      <c r="WAM714" s="613"/>
      <c r="WAN714" s="613"/>
      <c r="WAO714" s="613"/>
      <c r="WAP714" s="613"/>
      <c r="WAQ714" s="613"/>
      <c r="WAR714" s="613"/>
      <c r="WAS714" s="613"/>
      <c r="WAT714" s="613"/>
      <c r="WAU714" s="613"/>
      <c r="WAV714" s="613"/>
      <c r="WAW714" s="613"/>
      <c r="WAX714" s="613"/>
      <c r="WAY714" s="613"/>
      <c r="WAZ714" s="613"/>
      <c r="WBA714" s="613"/>
      <c r="WBB714" s="613"/>
      <c r="WBC714" s="613"/>
      <c r="WBD714" s="613"/>
      <c r="WBE714" s="613"/>
      <c r="WBF714" s="613"/>
      <c r="WBG714" s="613"/>
      <c r="WBH714" s="613"/>
      <c r="WBI714" s="613"/>
      <c r="WBJ714" s="613"/>
      <c r="WBK714" s="613"/>
      <c r="WBL714" s="613"/>
      <c r="WBM714" s="613"/>
      <c r="WBN714" s="613"/>
      <c r="WBO714" s="613"/>
      <c r="WBP714" s="613"/>
      <c r="WBQ714" s="613"/>
      <c r="WBR714" s="613"/>
      <c r="WBS714" s="613"/>
      <c r="WBT714" s="613"/>
      <c r="WBU714" s="613"/>
      <c r="WBV714" s="613"/>
      <c r="WBW714" s="613"/>
      <c r="WBX714" s="613"/>
      <c r="WBY714" s="613"/>
      <c r="WBZ714" s="613"/>
      <c r="WCA714" s="613"/>
      <c r="WCB714" s="613"/>
      <c r="WCC714" s="613"/>
      <c r="WCD714" s="613"/>
      <c r="WCE714" s="613"/>
      <c r="WCF714" s="613"/>
      <c r="WCG714" s="613"/>
      <c r="WCH714" s="613"/>
      <c r="WCI714" s="613"/>
      <c r="WCJ714" s="613"/>
      <c r="WCK714" s="613"/>
      <c r="WCL714" s="613"/>
      <c r="WCM714" s="613"/>
      <c r="WCN714" s="613"/>
      <c r="WCO714" s="613"/>
      <c r="WCP714" s="613"/>
      <c r="WCQ714" s="613"/>
      <c r="WCR714" s="613"/>
      <c r="WCS714" s="613"/>
      <c r="WCT714" s="613"/>
      <c r="WCU714" s="613"/>
      <c r="WCV714" s="613"/>
      <c r="WCW714" s="613"/>
      <c r="WCX714" s="613"/>
      <c r="WCY714" s="613"/>
      <c r="WCZ714" s="613"/>
      <c r="WDA714" s="613"/>
      <c r="WDB714" s="613"/>
      <c r="WDC714" s="613"/>
      <c r="WDD714" s="613"/>
      <c r="WDE714" s="613"/>
      <c r="WDF714" s="613"/>
      <c r="WDG714" s="613"/>
      <c r="WDH714" s="613"/>
      <c r="WDI714" s="613"/>
      <c r="WDJ714" s="613"/>
      <c r="WDK714" s="613"/>
      <c r="WDL714" s="613"/>
      <c r="WDM714" s="613"/>
      <c r="WDN714" s="613"/>
      <c r="WDO714" s="613"/>
      <c r="WDP714" s="613"/>
      <c r="WDQ714" s="613"/>
      <c r="WDR714" s="613"/>
      <c r="WDS714" s="613"/>
      <c r="WDT714" s="613"/>
      <c r="WDU714" s="613"/>
      <c r="WDV714" s="613"/>
      <c r="WDW714" s="613"/>
      <c r="WDX714" s="613"/>
      <c r="WDY714" s="613"/>
      <c r="WDZ714" s="613"/>
      <c r="WEA714" s="613"/>
      <c r="WEB714" s="613"/>
      <c r="WEC714" s="613"/>
      <c r="WED714" s="613"/>
      <c r="WEE714" s="613"/>
      <c r="WEF714" s="613"/>
      <c r="WEG714" s="613"/>
      <c r="WEH714" s="613"/>
      <c r="WEI714" s="613"/>
      <c r="WEJ714" s="613"/>
      <c r="WEK714" s="613"/>
      <c r="WEL714" s="613"/>
      <c r="WEM714" s="613"/>
      <c r="WEN714" s="613"/>
      <c r="WEO714" s="613"/>
      <c r="WEP714" s="613"/>
      <c r="WEQ714" s="613"/>
      <c r="WER714" s="613"/>
      <c r="WES714" s="613"/>
      <c r="WET714" s="613"/>
      <c r="WEU714" s="613"/>
      <c r="WEV714" s="613"/>
      <c r="WEW714" s="613"/>
      <c r="WEX714" s="613"/>
      <c r="WEY714" s="613"/>
      <c r="WEZ714" s="613"/>
      <c r="WFA714" s="613"/>
      <c r="WFB714" s="613"/>
      <c r="WFC714" s="613"/>
      <c r="WFD714" s="613"/>
      <c r="WFE714" s="613"/>
      <c r="WFF714" s="613"/>
      <c r="WFG714" s="613"/>
      <c r="WFH714" s="613"/>
      <c r="WFI714" s="613"/>
      <c r="WFJ714" s="613"/>
      <c r="WFK714" s="613"/>
      <c r="WFL714" s="613"/>
      <c r="WFM714" s="613"/>
      <c r="WFN714" s="613"/>
      <c r="WFO714" s="613"/>
      <c r="WFP714" s="613"/>
      <c r="WFQ714" s="613"/>
      <c r="WFR714" s="613"/>
      <c r="WFS714" s="613"/>
      <c r="WFT714" s="613"/>
      <c r="WFU714" s="613"/>
      <c r="WFV714" s="613"/>
      <c r="WFW714" s="613"/>
      <c r="WFX714" s="613"/>
      <c r="WFY714" s="613"/>
      <c r="WFZ714" s="613"/>
      <c r="WGA714" s="613"/>
      <c r="WGB714" s="613"/>
      <c r="WGC714" s="613"/>
      <c r="WGD714" s="613"/>
      <c r="WGE714" s="613"/>
      <c r="WGF714" s="613"/>
      <c r="WGG714" s="613"/>
      <c r="WGH714" s="613"/>
      <c r="WGI714" s="613"/>
      <c r="WGJ714" s="613"/>
      <c r="WGK714" s="613"/>
      <c r="WGL714" s="613"/>
      <c r="WGM714" s="613"/>
      <c r="WGN714" s="613"/>
      <c r="WGO714" s="613"/>
      <c r="WGP714" s="613"/>
      <c r="WGQ714" s="613"/>
      <c r="WGR714" s="613"/>
      <c r="WGS714" s="613"/>
      <c r="WGT714" s="613"/>
      <c r="WGU714" s="613"/>
      <c r="WGV714" s="613"/>
      <c r="WGW714" s="613"/>
      <c r="WGX714" s="613"/>
      <c r="WGY714" s="613"/>
      <c r="WGZ714" s="613"/>
      <c r="WHA714" s="613"/>
      <c r="WHB714" s="613"/>
      <c r="WHC714" s="613"/>
      <c r="WHD714" s="613"/>
      <c r="WHE714" s="613"/>
      <c r="WHF714" s="613"/>
      <c r="WHG714" s="613"/>
      <c r="WHH714" s="613"/>
      <c r="WHI714" s="613"/>
      <c r="WHJ714" s="613"/>
      <c r="WHK714" s="613"/>
      <c r="WHL714" s="613"/>
      <c r="WHM714" s="613"/>
      <c r="WHN714" s="613"/>
      <c r="WHO714" s="613"/>
      <c r="WHP714" s="613"/>
      <c r="WHQ714" s="613"/>
      <c r="WHR714" s="613"/>
      <c r="WHS714" s="613"/>
      <c r="WHT714" s="613"/>
      <c r="WHU714" s="613"/>
      <c r="WHV714" s="613"/>
      <c r="WHW714" s="613"/>
      <c r="WHX714" s="613"/>
      <c r="WHY714" s="613"/>
      <c r="WHZ714" s="613"/>
      <c r="WIA714" s="613"/>
      <c r="WIB714" s="613"/>
      <c r="WIC714" s="613"/>
      <c r="WID714" s="613"/>
      <c r="WIE714" s="613"/>
      <c r="WIF714" s="613"/>
      <c r="WIG714" s="613"/>
      <c r="WIH714" s="613"/>
      <c r="WII714" s="613"/>
      <c r="WIJ714" s="613"/>
      <c r="WIK714" s="613"/>
      <c r="WIL714" s="613"/>
      <c r="WIM714" s="613"/>
      <c r="WIN714" s="613"/>
      <c r="WIO714" s="613"/>
      <c r="WIP714" s="613"/>
      <c r="WIQ714" s="613"/>
      <c r="WIR714" s="613"/>
      <c r="WIS714" s="613"/>
      <c r="WIT714" s="613"/>
      <c r="WIU714" s="613"/>
      <c r="WIV714" s="613"/>
      <c r="WIW714" s="613"/>
      <c r="WIX714" s="613"/>
      <c r="WIY714" s="613"/>
      <c r="WIZ714" s="613"/>
      <c r="WJA714" s="613"/>
      <c r="WJB714" s="613"/>
      <c r="WJC714" s="613"/>
      <c r="WJD714" s="613"/>
      <c r="WJE714" s="613"/>
      <c r="WJF714" s="613"/>
      <c r="WJG714" s="613"/>
      <c r="WJH714" s="613"/>
      <c r="WJI714" s="613"/>
      <c r="WJJ714" s="613"/>
      <c r="WJK714" s="613"/>
      <c r="WJL714" s="613"/>
      <c r="WJM714" s="613"/>
      <c r="WJN714" s="613"/>
      <c r="WJO714" s="613"/>
      <c r="WJP714" s="613"/>
      <c r="WJQ714" s="613"/>
      <c r="WJR714" s="613"/>
      <c r="WJS714" s="613"/>
      <c r="WJT714" s="613"/>
      <c r="WJU714" s="613"/>
      <c r="WJV714" s="613"/>
      <c r="WJW714" s="613"/>
      <c r="WJX714" s="613"/>
      <c r="WJY714" s="613"/>
      <c r="WJZ714" s="613"/>
      <c r="WKA714" s="613"/>
      <c r="WKB714" s="613"/>
      <c r="WKC714" s="613"/>
      <c r="WKD714" s="613"/>
      <c r="WKE714" s="613"/>
      <c r="WKF714" s="613"/>
      <c r="WKG714" s="613"/>
      <c r="WKH714" s="613"/>
      <c r="WKI714" s="613"/>
      <c r="WKJ714" s="613"/>
      <c r="WKK714" s="613"/>
      <c r="WKL714" s="613"/>
      <c r="WKM714" s="613"/>
      <c r="WKN714" s="613"/>
      <c r="WKO714" s="613"/>
      <c r="WKP714" s="613"/>
      <c r="WKQ714" s="613"/>
      <c r="WKR714" s="613"/>
      <c r="WKS714" s="613"/>
      <c r="WKT714" s="613"/>
      <c r="WKU714" s="613"/>
      <c r="WKV714" s="613"/>
      <c r="WKW714" s="613"/>
      <c r="WKX714" s="613"/>
      <c r="WKY714" s="613"/>
      <c r="WKZ714" s="613"/>
      <c r="WLA714" s="613"/>
      <c r="WLB714" s="613"/>
      <c r="WLC714" s="613"/>
      <c r="WLD714" s="613"/>
      <c r="WLE714" s="613"/>
      <c r="WLF714" s="613"/>
      <c r="WLG714" s="613"/>
      <c r="WLH714" s="613"/>
      <c r="WLI714" s="613"/>
      <c r="WLJ714" s="613"/>
      <c r="WLK714" s="613"/>
      <c r="WLL714" s="613"/>
      <c r="WLM714" s="613"/>
      <c r="WLN714" s="613"/>
      <c r="WLO714" s="613"/>
      <c r="WLP714" s="613"/>
      <c r="WLQ714" s="613"/>
      <c r="WLR714" s="613"/>
      <c r="WLS714" s="613"/>
      <c r="WLT714" s="613"/>
      <c r="WLU714" s="613"/>
      <c r="WLV714" s="613"/>
      <c r="WLW714" s="613"/>
      <c r="WLX714" s="613"/>
      <c r="WLY714" s="613"/>
      <c r="WLZ714" s="613"/>
      <c r="WMA714" s="613"/>
      <c r="WMB714" s="613"/>
      <c r="WMC714" s="613"/>
      <c r="WMD714" s="613"/>
      <c r="WME714" s="613"/>
      <c r="WMF714" s="613"/>
      <c r="WMG714" s="613"/>
      <c r="WMH714" s="613"/>
      <c r="WMI714" s="613"/>
      <c r="WMJ714" s="613"/>
      <c r="WMK714" s="613"/>
      <c r="WML714" s="613"/>
      <c r="WMM714" s="613"/>
      <c r="WMN714" s="613"/>
      <c r="WMO714" s="613"/>
      <c r="WMP714" s="613"/>
      <c r="WMQ714" s="613"/>
      <c r="WMR714" s="613"/>
      <c r="WMS714" s="613"/>
      <c r="WMT714" s="613"/>
      <c r="WMU714" s="613"/>
      <c r="WMV714" s="613"/>
      <c r="WMW714" s="613"/>
      <c r="WMX714" s="613"/>
      <c r="WMY714" s="613"/>
      <c r="WMZ714" s="613"/>
      <c r="WNA714" s="613"/>
      <c r="WNB714" s="613"/>
      <c r="WNC714" s="613"/>
      <c r="WND714" s="613"/>
      <c r="WNE714" s="613"/>
      <c r="WNF714" s="613"/>
      <c r="WNG714" s="613"/>
      <c r="WNH714" s="613"/>
      <c r="WNI714" s="613"/>
      <c r="WNJ714" s="613"/>
      <c r="WNK714" s="613"/>
      <c r="WNL714" s="613"/>
      <c r="WNM714" s="613"/>
      <c r="WNN714" s="613"/>
      <c r="WNO714" s="613"/>
      <c r="WNP714" s="613"/>
      <c r="WNQ714" s="613"/>
      <c r="WNR714" s="613"/>
      <c r="WNS714" s="613"/>
      <c r="WNT714" s="613"/>
      <c r="WNU714" s="613"/>
      <c r="WNV714" s="613"/>
      <c r="WNW714" s="613"/>
      <c r="WNX714" s="613"/>
      <c r="WNY714" s="613"/>
      <c r="WNZ714" s="613"/>
      <c r="WOA714" s="613"/>
      <c r="WOB714" s="613"/>
      <c r="WOC714" s="613"/>
      <c r="WOD714" s="613"/>
      <c r="WOE714" s="613"/>
      <c r="WOF714" s="613"/>
      <c r="WOG714" s="613"/>
      <c r="WOH714" s="613"/>
      <c r="WOI714" s="613"/>
      <c r="WOJ714" s="613"/>
      <c r="WOK714" s="613"/>
      <c r="WOL714" s="613"/>
      <c r="WOM714" s="613"/>
      <c r="WON714" s="613"/>
      <c r="WOO714" s="613"/>
      <c r="WOP714" s="613"/>
      <c r="WOQ714" s="613"/>
      <c r="WOR714" s="613"/>
      <c r="WOS714" s="613"/>
      <c r="WOT714" s="613"/>
      <c r="WOU714" s="613"/>
      <c r="WOV714" s="613"/>
      <c r="WOW714" s="613"/>
      <c r="WOX714" s="613"/>
      <c r="WOY714" s="613"/>
      <c r="WOZ714" s="613"/>
      <c r="WPA714" s="613"/>
      <c r="WPB714" s="613"/>
      <c r="WPC714" s="613"/>
      <c r="WPD714" s="613"/>
      <c r="WPE714" s="613"/>
      <c r="WPF714" s="613"/>
      <c r="WPG714" s="613"/>
      <c r="WPH714" s="613"/>
      <c r="WPI714" s="613"/>
      <c r="WPJ714" s="613"/>
      <c r="WPK714" s="613"/>
      <c r="WPL714" s="613"/>
      <c r="WPM714" s="613"/>
      <c r="WPN714" s="613"/>
      <c r="WPO714" s="613"/>
      <c r="WPP714" s="613"/>
      <c r="WPQ714" s="613"/>
      <c r="WPR714" s="613"/>
      <c r="WPS714" s="613"/>
      <c r="WPT714" s="613"/>
      <c r="WPU714" s="613"/>
      <c r="WPV714" s="613"/>
      <c r="WPW714" s="613"/>
      <c r="WPX714" s="613"/>
      <c r="WPY714" s="613"/>
      <c r="WPZ714" s="613"/>
      <c r="WQA714" s="613"/>
      <c r="WQB714" s="613"/>
      <c r="WQC714" s="613"/>
      <c r="WQD714" s="613"/>
      <c r="WQE714" s="613"/>
      <c r="WQF714" s="613"/>
      <c r="WQG714" s="613"/>
      <c r="WQH714" s="613"/>
      <c r="WQI714" s="613"/>
      <c r="WQJ714" s="613"/>
      <c r="WQK714" s="613"/>
      <c r="WQL714" s="613"/>
      <c r="WQM714" s="613"/>
      <c r="WQN714" s="613"/>
      <c r="WQO714" s="613"/>
      <c r="WQP714" s="613"/>
      <c r="WQQ714" s="613"/>
      <c r="WQR714" s="613"/>
      <c r="WQS714" s="613"/>
      <c r="WQT714" s="613"/>
      <c r="WQU714" s="613"/>
      <c r="WQV714" s="613"/>
      <c r="WQW714" s="613"/>
      <c r="WQX714" s="613"/>
      <c r="WQY714" s="613"/>
      <c r="WQZ714" s="613"/>
      <c r="WRA714" s="613"/>
      <c r="WRB714" s="613"/>
      <c r="WRC714" s="613"/>
      <c r="WRD714" s="613"/>
      <c r="WRE714" s="613"/>
      <c r="WRF714" s="613"/>
      <c r="WRG714" s="613"/>
      <c r="WRH714" s="613"/>
      <c r="WRI714" s="613"/>
      <c r="WRJ714" s="613"/>
      <c r="WRK714" s="613"/>
      <c r="WRL714" s="613"/>
      <c r="WRM714" s="613"/>
      <c r="WRN714" s="613"/>
      <c r="WRO714" s="613"/>
      <c r="WRP714" s="613"/>
      <c r="WRQ714" s="613"/>
      <c r="WRR714" s="613"/>
      <c r="WRS714" s="613"/>
      <c r="WRT714" s="613"/>
      <c r="WRU714" s="613"/>
      <c r="WRV714" s="613"/>
      <c r="WRW714" s="613"/>
      <c r="WRX714" s="613"/>
      <c r="WRY714" s="613"/>
      <c r="WRZ714" s="613"/>
      <c r="WSA714" s="613"/>
      <c r="WSB714" s="613"/>
      <c r="WSC714" s="613"/>
      <c r="WSD714" s="613"/>
      <c r="WSE714" s="613"/>
      <c r="WSF714" s="613"/>
      <c r="WSG714" s="613"/>
      <c r="WSH714" s="613"/>
      <c r="WSI714" s="613"/>
      <c r="WSJ714" s="613"/>
      <c r="WSK714" s="613"/>
      <c r="WSL714" s="613"/>
      <c r="WSM714" s="613"/>
      <c r="WSN714" s="613"/>
      <c r="WSO714" s="613"/>
      <c r="WSP714" s="613"/>
      <c r="WSQ714" s="613"/>
      <c r="WSR714" s="613"/>
      <c r="WSS714" s="613"/>
      <c r="WST714" s="613"/>
      <c r="WSU714" s="613"/>
      <c r="WSV714" s="613"/>
      <c r="WSW714" s="613"/>
      <c r="WSX714" s="613"/>
      <c r="WSY714" s="613"/>
      <c r="WSZ714" s="613"/>
      <c r="WTA714" s="613"/>
      <c r="WTB714" s="613"/>
      <c r="WTC714" s="613"/>
      <c r="WTD714" s="613"/>
      <c r="WTE714" s="613"/>
      <c r="WTF714" s="613"/>
      <c r="WTG714" s="613"/>
      <c r="WTH714" s="613"/>
      <c r="WTI714" s="613"/>
      <c r="WTJ714" s="613"/>
      <c r="WTK714" s="613"/>
      <c r="WTL714" s="613"/>
      <c r="WTM714" s="613"/>
      <c r="WTN714" s="613"/>
      <c r="WTO714" s="613"/>
      <c r="WTP714" s="613"/>
      <c r="WTQ714" s="613"/>
      <c r="WTR714" s="613"/>
      <c r="WTS714" s="613"/>
      <c r="WTT714" s="613"/>
      <c r="WTU714" s="613"/>
      <c r="WTV714" s="613"/>
      <c r="WTW714" s="613"/>
      <c r="WTX714" s="613"/>
      <c r="WTY714" s="613"/>
      <c r="WTZ714" s="613"/>
      <c r="WUA714" s="613"/>
      <c r="WUB714" s="613"/>
      <c r="WUC714" s="613"/>
      <c r="WUD714" s="613"/>
      <c r="WUE714" s="613"/>
      <c r="WUF714" s="613"/>
      <c r="WUG714" s="613"/>
      <c r="WUH714" s="613"/>
      <c r="WUI714" s="613"/>
      <c r="WUJ714" s="613"/>
      <c r="WUK714" s="613"/>
      <c r="WUL714" s="613"/>
      <c r="WUM714" s="613"/>
      <c r="WUN714" s="613"/>
      <c r="WUO714" s="613"/>
      <c r="WUP714" s="613"/>
      <c r="WUQ714" s="613"/>
      <c r="WUR714" s="613"/>
      <c r="WUS714" s="613"/>
      <c r="WUT714" s="613"/>
      <c r="WUU714" s="613"/>
      <c r="WUV714" s="613"/>
      <c r="WUW714" s="613"/>
      <c r="WUX714" s="613"/>
      <c r="WUY714" s="613"/>
      <c r="WUZ714" s="613"/>
      <c r="WVA714" s="613"/>
      <c r="WVB714" s="613"/>
      <c r="WVC714" s="613"/>
      <c r="WVD714" s="613"/>
      <c r="WVE714" s="613"/>
      <c r="WVF714" s="613"/>
      <c r="WVG714" s="613"/>
      <c r="WVH714" s="613"/>
      <c r="WVI714" s="613"/>
      <c r="WVJ714" s="613"/>
      <c r="WVK714" s="613"/>
      <c r="WVL714" s="613"/>
      <c r="WVM714" s="613"/>
      <c r="WVN714" s="613"/>
      <c r="WVO714" s="613"/>
      <c r="WVP714" s="613"/>
      <c r="WVQ714" s="613"/>
      <c r="WVR714" s="613"/>
      <c r="WVS714" s="613"/>
      <c r="WVT714" s="613"/>
      <c r="WVU714" s="613"/>
      <c r="WVV714" s="613"/>
      <c r="WVW714" s="613"/>
      <c r="WVX714" s="613"/>
      <c r="WVY714" s="613"/>
      <c r="WVZ714" s="613"/>
      <c r="WWA714" s="613"/>
      <c r="WWB714" s="613"/>
      <c r="WWC714" s="613"/>
      <c r="WWD714" s="613"/>
      <c r="WWE714" s="613"/>
      <c r="WWF714" s="613"/>
      <c r="WWG714" s="613"/>
      <c r="WWH714" s="613"/>
      <c r="WWI714" s="613"/>
      <c r="WWJ714" s="613"/>
      <c r="WWK714" s="613"/>
      <c r="WWL714" s="613"/>
      <c r="WWM714" s="613"/>
      <c r="WWN714" s="613"/>
      <c r="WWO714" s="613"/>
      <c r="WWP714" s="613"/>
      <c r="WWQ714" s="613"/>
      <c r="WWR714" s="613"/>
      <c r="WWS714" s="613"/>
      <c r="WWT714" s="613"/>
      <c r="WWU714" s="613"/>
      <c r="WWV714" s="613"/>
      <c r="WWW714" s="613"/>
      <c r="WWX714" s="613"/>
      <c r="WWY714" s="613"/>
      <c r="WWZ714" s="613"/>
      <c r="WXA714" s="613"/>
      <c r="WXB714" s="613"/>
      <c r="WXC714" s="613"/>
      <c r="WXD714" s="613"/>
      <c r="WXE714" s="613"/>
      <c r="WXF714" s="613"/>
      <c r="WXG714" s="613"/>
      <c r="WXH714" s="613"/>
      <c r="WXI714" s="613"/>
      <c r="WXJ714" s="613"/>
      <c r="WXK714" s="613"/>
      <c r="WXL714" s="613"/>
      <c r="WXM714" s="613"/>
      <c r="WXN714" s="613"/>
      <c r="WXO714" s="613"/>
      <c r="WXP714" s="613"/>
      <c r="WXQ714" s="613"/>
      <c r="WXR714" s="613"/>
      <c r="WXS714" s="613"/>
      <c r="WXT714" s="613"/>
      <c r="WXU714" s="613"/>
      <c r="WXV714" s="613"/>
      <c r="WXW714" s="613"/>
      <c r="WXX714" s="613"/>
      <c r="WXY714" s="613"/>
      <c r="WXZ714" s="613"/>
      <c r="WYA714" s="613"/>
      <c r="WYB714" s="613"/>
      <c r="WYC714" s="613"/>
      <c r="WYD714" s="613"/>
      <c r="WYE714" s="613"/>
      <c r="WYF714" s="613"/>
      <c r="WYG714" s="613"/>
      <c r="WYH714" s="613"/>
      <c r="WYI714" s="613"/>
      <c r="WYJ714" s="613"/>
      <c r="WYK714" s="613"/>
      <c r="WYL714" s="613"/>
      <c r="WYM714" s="613"/>
      <c r="WYN714" s="613"/>
      <c r="WYO714" s="613"/>
      <c r="WYP714" s="613"/>
      <c r="WYQ714" s="613"/>
      <c r="WYR714" s="613"/>
      <c r="WYS714" s="613"/>
      <c r="WYT714" s="613"/>
      <c r="WYU714" s="613"/>
      <c r="WYV714" s="613"/>
      <c r="WYW714" s="613"/>
      <c r="WYX714" s="613"/>
      <c r="WYY714" s="613"/>
      <c r="WYZ714" s="613"/>
      <c r="WZA714" s="613"/>
      <c r="WZB714" s="613"/>
      <c r="WZC714" s="613"/>
      <c r="WZD714" s="613"/>
      <c r="WZE714" s="613"/>
      <c r="WZF714" s="613"/>
      <c r="WZG714" s="613"/>
      <c r="WZH714" s="613"/>
      <c r="WZI714" s="613"/>
      <c r="WZJ714" s="613"/>
      <c r="WZK714" s="613"/>
      <c r="WZL714" s="613"/>
      <c r="WZM714" s="613"/>
      <c r="WZN714" s="613"/>
      <c r="WZO714" s="613"/>
      <c r="WZP714" s="613"/>
      <c r="WZQ714" s="613"/>
      <c r="WZR714" s="613"/>
      <c r="WZS714" s="613"/>
      <c r="WZT714" s="613"/>
      <c r="WZU714" s="613"/>
      <c r="WZV714" s="613"/>
      <c r="WZW714" s="613"/>
      <c r="WZX714" s="613"/>
      <c r="WZY714" s="613"/>
      <c r="WZZ714" s="613"/>
      <c r="XAA714" s="613"/>
      <c r="XAB714" s="613"/>
      <c r="XAC714" s="613"/>
      <c r="XAD714" s="613"/>
      <c r="XAE714" s="613"/>
      <c r="XAF714" s="613"/>
      <c r="XAG714" s="613"/>
      <c r="XAH714" s="613"/>
      <c r="XAI714" s="613"/>
      <c r="XAJ714" s="613"/>
      <c r="XAK714" s="613"/>
      <c r="XAL714" s="613"/>
      <c r="XAM714" s="613"/>
      <c r="XAN714" s="613"/>
      <c r="XAO714" s="613"/>
      <c r="XAP714" s="613"/>
      <c r="XAQ714" s="613"/>
      <c r="XAR714" s="613"/>
      <c r="XAS714" s="613"/>
      <c r="XAT714" s="613"/>
      <c r="XAU714" s="613"/>
      <c r="XAV714" s="613"/>
      <c r="XAW714" s="613"/>
      <c r="XAX714" s="613"/>
      <c r="XAY714" s="613"/>
      <c r="XAZ714" s="613"/>
      <c r="XBA714" s="613"/>
      <c r="XBB714" s="613"/>
      <c r="XBC714" s="613"/>
      <c r="XBD714" s="613"/>
      <c r="XBE714" s="613"/>
      <c r="XBF714" s="613"/>
      <c r="XBG714" s="613"/>
      <c r="XBH714" s="613"/>
      <c r="XBI714" s="613"/>
      <c r="XBJ714" s="613"/>
      <c r="XBK714" s="613"/>
      <c r="XBL714" s="613"/>
      <c r="XBM714" s="613"/>
      <c r="XBN714" s="613"/>
      <c r="XBO714" s="613"/>
      <c r="XBP714" s="613"/>
      <c r="XBQ714" s="613"/>
      <c r="XBR714" s="613"/>
      <c r="XBS714" s="613"/>
      <c r="XBT714" s="613"/>
      <c r="XBU714" s="613"/>
      <c r="XBV714" s="613"/>
      <c r="XBW714" s="613"/>
      <c r="XBX714" s="613"/>
      <c r="XBY714" s="613"/>
      <c r="XBZ714" s="613"/>
      <c r="XCA714" s="613"/>
      <c r="XCB714" s="613"/>
      <c r="XCC714" s="613"/>
      <c r="XCD714" s="613"/>
      <c r="XCE714" s="613"/>
      <c r="XCF714" s="613"/>
      <c r="XCG714" s="613"/>
      <c r="XCH714" s="613"/>
      <c r="XCI714" s="613"/>
      <c r="XCJ714" s="613"/>
      <c r="XCK714" s="613"/>
      <c r="XCL714" s="613"/>
      <c r="XCM714" s="613"/>
      <c r="XCN714" s="613"/>
      <c r="XCO714" s="613"/>
      <c r="XCP714" s="613"/>
      <c r="XCQ714" s="613"/>
    </row>
    <row r="715" spans="1:16319" ht="56.1" customHeight="1" x14ac:dyDescent="0.2">
      <c r="A715" s="494"/>
      <c r="B715" s="499"/>
      <c r="C715" s="494"/>
      <c r="D715" s="481">
        <v>280</v>
      </c>
      <c r="E715" s="481"/>
      <c r="F715" s="481" t="s">
        <v>2481</v>
      </c>
      <c r="G715" s="482" t="s">
        <v>53</v>
      </c>
      <c r="H715" s="765" t="s">
        <v>329</v>
      </c>
      <c r="I715" s="654" t="s">
        <v>500</v>
      </c>
      <c r="J715" s="654" t="s">
        <v>501</v>
      </c>
      <c r="K715" s="495" t="s">
        <v>502</v>
      </c>
      <c r="L715" s="767"/>
      <c r="M715" s="484" t="s">
        <v>58</v>
      </c>
      <c r="N715" s="327" t="s">
        <v>1367</v>
      </c>
      <c r="O715" s="484" t="s">
        <v>2996</v>
      </c>
      <c r="P715" s="484" t="s">
        <v>81</v>
      </c>
      <c r="Q715" s="667" t="s">
        <v>334</v>
      </c>
      <c r="R715" s="484" t="s">
        <v>334</v>
      </c>
      <c r="S715" s="484" t="s">
        <v>382</v>
      </c>
      <c r="T715" s="484"/>
      <c r="U715" s="620" t="s">
        <v>63</v>
      </c>
      <c r="V715" s="620" t="s">
        <v>63</v>
      </c>
      <c r="W715" s="723">
        <v>198325</v>
      </c>
      <c r="X715" s="723"/>
      <c r="Y715" s="654" t="s">
        <v>226</v>
      </c>
      <c r="Z715" s="654"/>
      <c r="AA715" s="723">
        <v>198325</v>
      </c>
      <c r="AB715" s="652" t="s">
        <v>82</v>
      </c>
      <c r="AC715" s="652"/>
      <c r="AD715" s="496"/>
      <c r="AE715" s="496"/>
      <c r="AF715" s="496"/>
      <c r="AG715" s="496"/>
      <c r="AH715" s="496"/>
      <c r="AI715" s="496"/>
      <c r="AJ715" s="496"/>
      <c r="AK715" s="487" t="s">
        <v>66</v>
      </c>
      <c r="AL715" s="496"/>
      <c r="AM715" s="496"/>
      <c r="AN715" s="496"/>
      <c r="AO715" s="496"/>
      <c r="AP715" s="496"/>
      <c r="AQ715" s="496"/>
      <c r="AR715" s="496"/>
      <c r="AS715" s="496"/>
      <c r="AT715" s="496"/>
      <c r="AU715" s="487"/>
      <c r="AV715" s="487"/>
      <c r="AW715" s="487"/>
      <c r="AX715" s="487"/>
      <c r="AY715" s="487"/>
      <c r="AZ715" s="487"/>
      <c r="BA715" s="484"/>
      <c r="BB715" s="484"/>
      <c r="BC715" s="484"/>
      <c r="BD715" s="494"/>
      <c r="BE715" s="494"/>
      <c r="BF715" s="613"/>
      <c r="BG715" s="613"/>
      <c r="BH715" s="613"/>
      <c r="BI715" s="613"/>
      <c r="BJ715" s="613"/>
      <c r="BK715" s="613"/>
      <c r="BL715" s="613"/>
      <c r="BM715" s="613"/>
      <c r="BN715" s="613"/>
      <c r="BO715" s="613"/>
      <c r="BP715" s="613"/>
      <c r="BQ715" s="613"/>
      <c r="BR715" s="613"/>
      <c r="BS715" s="613"/>
      <c r="BT715" s="613"/>
      <c r="BU715" s="613"/>
      <c r="BV715" s="613"/>
      <c r="BW715" s="613"/>
      <c r="BX715" s="613"/>
      <c r="BY715" s="613"/>
      <c r="BZ715" s="613"/>
      <c r="CA715" s="613"/>
      <c r="CB715" s="613"/>
      <c r="CC715" s="613"/>
      <c r="CD715" s="613"/>
      <c r="CE715" s="613"/>
      <c r="CF715" s="613"/>
      <c r="CG715" s="613"/>
      <c r="CH715" s="613"/>
      <c r="CI715" s="613"/>
      <c r="CJ715" s="613"/>
      <c r="CK715" s="613"/>
      <c r="CL715" s="613"/>
      <c r="CM715" s="613"/>
      <c r="CN715" s="613"/>
      <c r="CO715" s="613"/>
      <c r="CP715" s="613"/>
      <c r="CQ715" s="613"/>
      <c r="CR715" s="613"/>
      <c r="CS715" s="613"/>
      <c r="CT715" s="613"/>
      <c r="CU715" s="613"/>
      <c r="CV715" s="613"/>
      <c r="CW715" s="613"/>
      <c r="CX715" s="613"/>
      <c r="CY715" s="613"/>
      <c r="CZ715" s="613"/>
      <c r="DA715" s="613"/>
      <c r="DB715" s="613"/>
      <c r="DC715" s="613"/>
      <c r="DD715" s="613"/>
      <c r="DE715" s="613"/>
      <c r="DF715" s="613"/>
      <c r="DG715" s="613"/>
      <c r="DH715" s="613"/>
      <c r="DI715" s="613"/>
      <c r="DJ715" s="613"/>
      <c r="DK715" s="613"/>
      <c r="DL715" s="613"/>
      <c r="DM715" s="613"/>
      <c r="DN715" s="613"/>
      <c r="DO715" s="613"/>
      <c r="DP715" s="613"/>
      <c r="DQ715" s="613"/>
      <c r="DR715" s="613"/>
      <c r="DS715" s="613"/>
      <c r="DT715" s="613"/>
      <c r="DU715" s="613"/>
      <c r="DV715" s="613"/>
      <c r="DW715" s="613"/>
      <c r="DX715" s="613"/>
      <c r="DY715" s="613"/>
      <c r="DZ715" s="613"/>
      <c r="EA715" s="613"/>
      <c r="EB715" s="613"/>
      <c r="EC715" s="613"/>
      <c r="ED715" s="613"/>
      <c r="EE715" s="613"/>
      <c r="EF715" s="613"/>
      <c r="EG715" s="613"/>
      <c r="EH715" s="613"/>
      <c r="EI715" s="613"/>
      <c r="EJ715" s="613"/>
      <c r="EK715" s="613"/>
      <c r="EL715" s="613"/>
      <c r="EM715" s="613"/>
      <c r="EN715" s="613"/>
      <c r="EO715" s="613"/>
      <c r="EP715" s="613"/>
      <c r="EQ715" s="613"/>
      <c r="ER715" s="613"/>
      <c r="ES715" s="613"/>
      <c r="ET715" s="613"/>
      <c r="EU715" s="613"/>
      <c r="EV715" s="613"/>
      <c r="EW715" s="613"/>
      <c r="EX715" s="613"/>
      <c r="EY715" s="613"/>
      <c r="EZ715" s="613"/>
      <c r="FA715" s="613"/>
      <c r="FB715" s="613"/>
      <c r="FC715" s="613"/>
      <c r="FD715" s="613"/>
      <c r="FE715" s="613"/>
      <c r="FF715" s="613"/>
      <c r="FG715" s="613"/>
      <c r="FH715" s="613"/>
      <c r="FI715" s="613"/>
      <c r="FJ715" s="613"/>
      <c r="FK715" s="613"/>
      <c r="FL715" s="613"/>
      <c r="FM715" s="613"/>
      <c r="FN715" s="613"/>
      <c r="FO715" s="613"/>
      <c r="FP715" s="613"/>
      <c r="FQ715" s="613"/>
      <c r="FR715" s="613"/>
      <c r="FS715" s="613"/>
      <c r="FT715" s="613"/>
      <c r="FU715" s="613"/>
      <c r="FV715" s="613"/>
      <c r="FW715" s="613"/>
      <c r="FX715" s="613"/>
      <c r="FY715" s="613"/>
      <c r="FZ715" s="613"/>
      <c r="GA715" s="613"/>
      <c r="GB715" s="613"/>
      <c r="GC715" s="613"/>
      <c r="GD715" s="613"/>
      <c r="GE715" s="613"/>
      <c r="GF715" s="613"/>
      <c r="GG715" s="613"/>
      <c r="GH715" s="613"/>
      <c r="GI715" s="613"/>
      <c r="GJ715" s="613"/>
      <c r="GK715" s="613"/>
      <c r="GL715" s="613"/>
      <c r="GM715" s="613"/>
      <c r="GN715" s="613"/>
      <c r="GO715" s="613"/>
      <c r="GP715" s="613"/>
      <c r="GQ715" s="613"/>
      <c r="GR715" s="613"/>
      <c r="GS715" s="613"/>
      <c r="GT715" s="613"/>
      <c r="GU715" s="613"/>
      <c r="GV715" s="613"/>
      <c r="GW715" s="613"/>
      <c r="GX715" s="613"/>
      <c r="GY715" s="613"/>
      <c r="GZ715" s="613"/>
      <c r="HA715" s="613"/>
      <c r="HB715" s="613"/>
      <c r="HC715" s="613"/>
      <c r="HD715" s="613"/>
      <c r="HE715" s="613"/>
      <c r="HF715" s="613"/>
      <c r="HG715" s="613"/>
      <c r="HH715" s="613"/>
      <c r="HI715" s="613"/>
      <c r="HJ715" s="613"/>
      <c r="HK715" s="613"/>
      <c r="HL715" s="613"/>
      <c r="HM715" s="613"/>
      <c r="HN715" s="613"/>
      <c r="HO715" s="613"/>
      <c r="HP715" s="613"/>
      <c r="HQ715" s="613"/>
      <c r="HR715" s="613"/>
      <c r="HS715" s="613"/>
      <c r="HT715" s="613"/>
      <c r="HU715" s="613"/>
      <c r="HV715" s="613"/>
      <c r="HW715" s="613"/>
      <c r="HX715" s="613"/>
      <c r="HY715" s="613"/>
      <c r="HZ715" s="613"/>
      <c r="IA715" s="613"/>
      <c r="IB715" s="613"/>
      <c r="IC715" s="613"/>
      <c r="ID715" s="613"/>
      <c r="IE715" s="613"/>
      <c r="IF715" s="613"/>
      <c r="IG715" s="613"/>
      <c r="IH715" s="613"/>
      <c r="II715" s="613"/>
      <c r="IJ715" s="613"/>
      <c r="IK715" s="613"/>
      <c r="IL715" s="613"/>
      <c r="IM715" s="613"/>
      <c r="IN715" s="613"/>
      <c r="IO715" s="613"/>
      <c r="IP715" s="613"/>
      <c r="IQ715" s="613"/>
      <c r="IR715" s="613"/>
      <c r="IS715" s="613"/>
      <c r="IT715" s="613"/>
      <c r="IU715" s="613"/>
      <c r="IV715" s="613"/>
      <c r="IW715" s="613"/>
      <c r="IX715" s="613"/>
      <c r="IY715" s="613"/>
      <c r="IZ715" s="613"/>
      <c r="JA715" s="613"/>
      <c r="JB715" s="613"/>
      <c r="JC715" s="613"/>
      <c r="JD715" s="613"/>
      <c r="JE715" s="613"/>
      <c r="JF715" s="613"/>
      <c r="JG715" s="613"/>
      <c r="JH715" s="613"/>
      <c r="JI715" s="613"/>
      <c r="JJ715" s="613"/>
      <c r="JK715" s="613"/>
      <c r="JL715" s="613"/>
      <c r="JM715" s="613"/>
      <c r="JN715" s="613"/>
      <c r="JO715" s="613"/>
      <c r="JP715" s="613"/>
      <c r="JQ715" s="613"/>
      <c r="JR715" s="613"/>
      <c r="JS715" s="613"/>
      <c r="JT715" s="613"/>
      <c r="JU715" s="613"/>
      <c r="JV715" s="613"/>
      <c r="JW715" s="613"/>
      <c r="JX715" s="613"/>
      <c r="JY715" s="613"/>
      <c r="JZ715" s="613"/>
      <c r="KA715" s="613"/>
      <c r="KB715" s="613"/>
      <c r="KC715" s="613"/>
      <c r="KD715" s="613"/>
      <c r="KE715" s="613"/>
      <c r="KF715" s="613"/>
      <c r="KG715" s="613"/>
      <c r="KH715" s="613"/>
      <c r="KI715" s="613"/>
      <c r="KJ715" s="613"/>
      <c r="KK715" s="613"/>
      <c r="KL715" s="613"/>
      <c r="KM715" s="613"/>
      <c r="KN715" s="613"/>
      <c r="KO715" s="613"/>
      <c r="KP715" s="613"/>
      <c r="KQ715" s="613"/>
      <c r="KR715" s="613"/>
      <c r="KS715" s="613"/>
      <c r="KT715" s="613"/>
      <c r="KU715" s="613"/>
      <c r="KV715" s="613"/>
      <c r="KW715" s="613"/>
      <c r="KX715" s="613"/>
      <c r="KY715" s="613"/>
      <c r="KZ715" s="613"/>
      <c r="LA715" s="613"/>
      <c r="LB715" s="613"/>
      <c r="LC715" s="613"/>
      <c r="LD715" s="613"/>
      <c r="LE715" s="613"/>
      <c r="LF715" s="613"/>
      <c r="LG715" s="613"/>
      <c r="LH715" s="613"/>
      <c r="LI715" s="613"/>
      <c r="LJ715" s="613"/>
      <c r="LK715" s="613"/>
      <c r="LL715" s="613"/>
      <c r="LM715" s="613"/>
      <c r="LN715" s="613"/>
      <c r="LO715" s="613"/>
      <c r="LP715" s="613"/>
      <c r="LQ715" s="613"/>
      <c r="LR715" s="613"/>
      <c r="LS715" s="613"/>
      <c r="LT715" s="613"/>
      <c r="LU715" s="613"/>
      <c r="LV715" s="613"/>
      <c r="LW715" s="613"/>
      <c r="LX715" s="613"/>
      <c r="LY715" s="613"/>
      <c r="LZ715" s="613"/>
      <c r="MA715" s="613"/>
      <c r="MB715" s="613"/>
      <c r="MC715" s="613"/>
      <c r="MD715" s="613"/>
      <c r="ME715" s="613"/>
      <c r="MF715" s="613"/>
      <c r="MG715" s="613"/>
      <c r="MH715" s="613"/>
      <c r="MI715" s="613"/>
      <c r="MJ715" s="613"/>
      <c r="MK715" s="613"/>
      <c r="ML715" s="613"/>
      <c r="MM715" s="613"/>
      <c r="MN715" s="613"/>
      <c r="MO715" s="613"/>
      <c r="MP715" s="613"/>
      <c r="MQ715" s="613"/>
      <c r="MR715" s="613"/>
      <c r="MS715" s="613"/>
      <c r="MT715" s="613"/>
      <c r="MU715" s="613"/>
      <c r="MV715" s="613"/>
      <c r="MW715" s="613"/>
      <c r="MX715" s="613"/>
      <c r="MY715" s="613"/>
      <c r="MZ715" s="613"/>
      <c r="NA715" s="613"/>
      <c r="NB715" s="613"/>
      <c r="NC715" s="613"/>
      <c r="ND715" s="613"/>
      <c r="NE715" s="613"/>
      <c r="NF715" s="613"/>
      <c r="NG715" s="613"/>
      <c r="NH715" s="613"/>
      <c r="NI715" s="613"/>
      <c r="NJ715" s="613"/>
      <c r="NK715" s="613"/>
      <c r="NL715" s="613"/>
      <c r="NM715" s="613"/>
      <c r="NN715" s="613"/>
      <c r="NO715" s="613"/>
      <c r="NP715" s="613"/>
      <c r="NQ715" s="613"/>
      <c r="NR715" s="613"/>
      <c r="NS715" s="613"/>
      <c r="NT715" s="613"/>
      <c r="NU715" s="613"/>
      <c r="NV715" s="613"/>
      <c r="NW715" s="613"/>
      <c r="NX715" s="613"/>
      <c r="NY715" s="613"/>
      <c r="NZ715" s="613"/>
      <c r="OA715" s="613"/>
      <c r="OB715" s="613"/>
      <c r="OC715" s="613"/>
      <c r="OD715" s="613"/>
      <c r="OE715" s="613"/>
      <c r="OF715" s="613"/>
      <c r="OG715" s="613"/>
      <c r="OH715" s="613"/>
      <c r="OI715" s="613"/>
      <c r="OJ715" s="613"/>
      <c r="OK715" s="613"/>
      <c r="OL715" s="613"/>
      <c r="OM715" s="613"/>
      <c r="ON715" s="613"/>
      <c r="OO715" s="613"/>
      <c r="OP715" s="613"/>
      <c r="OQ715" s="613"/>
      <c r="OR715" s="613"/>
      <c r="OS715" s="613"/>
      <c r="OT715" s="613"/>
      <c r="OU715" s="613"/>
      <c r="OV715" s="613"/>
      <c r="OW715" s="613"/>
      <c r="OX715" s="613"/>
      <c r="OY715" s="613"/>
      <c r="OZ715" s="613"/>
      <c r="PA715" s="613"/>
      <c r="PB715" s="613"/>
      <c r="PC715" s="613"/>
      <c r="PD715" s="613"/>
      <c r="PE715" s="613"/>
      <c r="PF715" s="613"/>
      <c r="PG715" s="613"/>
      <c r="PH715" s="613"/>
      <c r="PI715" s="613"/>
      <c r="PJ715" s="613"/>
      <c r="PK715" s="613"/>
      <c r="PL715" s="613"/>
      <c r="PM715" s="613"/>
      <c r="PN715" s="613"/>
      <c r="PO715" s="613"/>
      <c r="PP715" s="613"/>
      <c r="PQ715" s="613"/>
      <c r="PR715" s="613"/>
      <c r="PS715" s="613"/>
      <c r="PT715" s="613"/>
      <c r="PU715" s="613"/>
      <c r="PV715" s="613"/>
      <c r="PW715" s="613"/>
      <c r="PX715" s="613"/>
      <c r="PY715" s="613"/>
      <c r="PZ715" s="613"/>
      <c r="QA715" s="613"/>
      <c r="QB715" s="613"/>
      <c r="QC715" s="613"/>
      <c r="QD715" s="613"/>
      <c r="QE715" s="613"/>
      <c r="QF715" s="613"/>
      <c r="QG715" s="613"/>
      <c r="QH715" s="613"/>
      <c r="QI715" s="613"/>
      <c r="QJ715" s="613"/>
      <c r="QK715" s="613"/>
      <c r="QL715" s="613"/>
      <c r="QM715" s="613"/>
      <c r="QN715" s="613"/>
      <c r="QO715" s="613"/>
      <c r="QP715" s="613"/>
      <c r="QQ715" s="613"/>
      <c r="QR715" s="613"/>
      <c r="QS715" s="613"/>
      <c r="QT715" s="613"/>
      <c r="QU715" s="613"/>
      <c r="QV715" s="613"/>
      <c r="QW715" s="613"/>
      <c r="QX715" s="613"/>
      <c r="QY715" s="613"/>
      <c r="QZ715" s="613"/>
      <c r="RA715" s="613"/>
      <c r="RB715" s="613"/>
      <c r="RC715" s="613"/>
      <c r="RD715" s="613"/>
      <c r="RE715" s="613"/>
      <c r="RF715" s="613"/>
      <c r="RG715" s="613"/>
      <c r="RH715" s="613"/>
      <c r="RI715" s="613"/>
      <c r="RJ715" s="613"/>
      <c r="RK715" s="613"/>
      <c r="RL715" s="613"/>
      <c r="RM715" s="613"/>
      <c r="RN715" s="613"/>
      <c r="RO715" s="613"/>
      <c r="RP715" s="613"/>
      <c r="RQ715" s="613"/>
      <c r="RR715" s="613"/>
      <c r="RS715" s="613"/>
      <c r="RT715" s="613"/>
      <c r="RU715" s="613"/>
      <c r="RV715" s="613"/>
      <c r="RW715" s="613"/>
      <c r="RX715" s="613"/>
      <c r="RY715" s="613"/>
      <c r="RZ715" s="613"/>
      <c r="SA715" s="613"/>
      <c r="SB715" s="613"/>
      <c r="SC715" s="613"/>
      <c r="SD715" s="613"/>
      <c r="SE715" s="613"/>
      <c r="SF715" s="613"/>
      <c r="SG715" s="613"/>
      <c r="SH715" s="613"/>
      <c r="SI715" s="613"/>
      <c r="SJ715" s="613"/>
      <c r="SK715" s="613"/>
      <c r="SL715" s="613"/>
      <c r="SM715" s="613"/>
      <c r="SN715" s="613"/>
      <c r="SO715" s="613"/>
      <c r="SP715" s="613"/>
      <c r="SQ715" s="613"/>
      <c r="SR715" s="613"/>
      <c r="SS715" s="613"/>
      <c r="ST715" s="613"/>
      <c r="SU715" s="613"/>
      <c r="SV715" s="613"/>
      <c r="SW715" s="613"/>
      <c r="SX715" s="613"/>
      <c r="SY715" s="613"/>
      <c r="SZ715" s="613"/>
      <c r="TA715" s="613"/>
      <c r="TB715" s="613"/>
      <c r="TC715" s="613"/>
      <c r="TD715" s="613"/>
      <c r="TE715" s="613"/>
      <c r="TF715" s="613"/>
      <c r="TG715" s="613"/>
      <c r="TH715" s="613"/>
      <c r="TI715" s="613"/>
      <c r="TJ715" s="613"/>
      <c r="TK715" s="613"/>
      <c r="TL715" s="613"/>
      <c r="TM715" s="613"/>
      <c r="TN715" s="613"/>
      <c r="TO715" s="613"/>
      <c r="TP715" s="613"/>
      <c r="TQ715" s="613"/>
      <c r="TR715" s="613"/>
      <c r="TS715" s="613"/>
      <c r="TT715" s="613"/>
      <c r="TU715" s="613"/>
      <c r="TV715" s="613"/>
      <c r="TW715" s="613"/>
      <c r="TX715" s="613"/>
      <c r="TY715" s="613"/>
      <c r="TZ715" s="613"/>
      <c r="UA715" s="613"/>
      <c r="UB715" s="613"/>
      <c r="UC715" s="613"/>
      <c r="UD715" s="613"/>
      <c r="UE715" s="613"/>
      <c r="UF715" s="613"/>
      <c r="UG715" s="613"/>
      <c r="UH715" s="613"/>
      <c r="UI715" s="613"/>
      <c r="UJ715" s="613"/>
      <c r="UK715" s="613"/>
      <c r="UL715" s="613"/>
      <c r="UM715" s="613"/>
      <c r="UN715" s="613"/>
      <c r="UO715" s="613"/>
      <c r="UP715" s="613"/>
      <c r="UQ715" s="613"/>
      <c r="UR715" s="613"/>
      <c r="US715" s="613"/>
      <c r="UT715" s="613"/>
      <c r="UU715" s="613"/>
      <c r="UV715" s="613"/>
      <c r="UW715" s="613"/>
      <c r="UX715" s="613"/>
      <c r="UY715" s="613"/>
      <c r="UZ715" s="613"/>
      <c r="VA715" s="613"/>
      <c r="VB715" s="613"/>
      <c r="VC715" s="613"/>
      <c r="VD715" s="613"/>
      <c r="VE715" s="613"/>
      <c r="VF715" s="613"/>
      <c r="VG715" s="613"/>
      <c r="VH715" s="613"/>
      <c r="VI715" s="613"/>
      <c r="VJ715" s="613"/>
      <c r="VK715" s="613"/>
      <c r="VL715" s="613"/>
      <c r="VM715" s="613"/>
      <c r="VN715" s="613"/>
      <c r="VO715" s="613"/>
      <c r="VP715" s="613"/>
      <c r="VQ715" s="613"/>
      <c r="VR715" s="613"/>
      <c r="VS715" s="613"/>
      <c r="VT715" s="613"/>
      <c r="VU715" s="613"/>
      <c r="VV715" s="613"/>
      <c r="VW715" s="613"/>
      <c r="VX715" s="613"/>
      <c r="VY715" s="613"/>
      <c r="VZ715" s="613"/>
      <c r="WA715" s="613"/>
      <c r="WB715" s="613"/>
      <c r="WC715" s="613"/>
      <c r="WD715" s="613"/>
      <c r="WE715" s="613"/>
      <c r="WF715" s="613"/>
      <c r="WG715" s="613"/>
      <c r="WH715" s="613"/>
      <c r="WI715" s="613"/>
      <c r="WJ715" s="613"/>
      <c r="WK715" s="613"/>
      <c r="WL715" s="613"/>
      <c r="WM715" s="613"/>
      <c r="WN715" s="613"/>
      <c r="WO715" s="613"/>
      <c r="WP715" s="613"/>
      <c r="WQ715" s="613"/>
      <c r="WR715" s="613"/>
      <c r="WS715" s="613"/>
      <c r="WT715" s="613"/>
      <c r="WU715" s="613"/>
      <c r="WV715" s="613"/>
      <c r="WW715" s="613"/>
      <c r="WX715" s="613"/>
      <c r="WY715" s="613"/>
      <c r="WZ715" s="613"/>
      <c r="XA715" s="613"/>
      <c r="XB715" s="613"/>
      <c r="XC715" s="613"/>
      <c r="XD715" s="613"/>
      <c r="XE715" s="613"/>
      <c r="XF715" s="613"/>
      <c r="XG715" s="613"/>
      <c r="XH715" s="613"/>
      <c r="XI715" s="613"/>
      <c r="XJ715" s="613"/>
      <c r="XK715" s="613"/>
      <c r="XL715" s="613"/>
      <c r="XM715" s="613"/>
      <c r="XN715" s="613"/>
      <c r="XO715" s="613"/>
      <c r="XP715" s="613"/>
      <c r="XQ715" s="613"/>
      <c r="XR715" s="613"/>
      <c r="XS715" s="613"/>
      <c r="XT715" s="613"/>
      <c r="XU715" s="613"/>
      <c r="XV715" s="613"/>
      <c r="XW715" s="613"/>
      <c r="XX715" s="613"/>
      <c r="XY715" s="613"/>
      <c r="XZ715" s="613"/>
      <c r="YA715" s="613"/>
      <c r="YB715" s="613"/>
      <c r="YC715" s="613"/>
      <c r="YD715" s="613"/>
      <c r="YE715" s="613"/>
      <c r="YF715" s="613"/>
      <c r="YG715" s="613"/>
      <c r="YH715" s="613"/>
      <c r="YI715" s="613"/>
      <c r="YJ715" s="613"/>
      <c r="YK715" s="613"/>
      <c r="YL715" s="613"/>
      <c r="YM715" s="613"/>
      <c r="YN715" s="613"/>
      <c r="YO715" s="613"/>
      <c r="YP715" s="613"/>
      <c r="YQ715" s="613"/>
      <c r="YR715" s="613"/>
      <c r="YS715" s="613"/>
      <c r="YT715" s="613"/>
      <c r="YU715" s="613"/>
      <c r="YV715" s="613"/>
      <c r="YW715" s="613"/>
      <c r="YX715" s="613"/>
      <c r="YY715" s="613"/>
      <c r="YZ715" s="613"/>
      <c r="ZA715" s="613"/>
      <c r="ZB715" s="613"/>
      <c r="ZC715" s="613"/>
      <c r="ZD715" s="613"/>
      <c r="ZE715" s="613"/>
      <c r="ZF715" s="613"/>
      <c r="ZG715" s="613"/>
      <c r="ZH715" s="613"/>
      <c r="ZI715" s="613"/>
      <c r="ZJ715" s="613"/>
      <c r="ZK715" s="613"/>
      <c r="ZL715" s="613"/>
      <c r="ZM715" s="613"/>
      <c r="ZN715" s="613"/>
      <c r="ZO715" s="613"/>
      <c r="ZP715" s="613"/>
      <c r="ZQ715" s="613"/>
      <c r="ZR715" s="613"/>
      <c r="ZS715" s="613"/>
      <c r="ZT715" s="613"/>
      <c r="ZU715" s="613"/>
      <c r="ZV715" s="613"/>
      <c r="ZW715" s="613"/>
      <c r="ZX715" s="613"/>
      <c r="ZY715" s="613"/>
      <c r="ZZ715" s="613"/>
      <c r="AAA715" s="613"/>
      <c r="AAB715" s="613"/>
      <c r="AAC715" s="613"/>
      <c r="AAD715" s="613"/>
      <c r="AAE715" s="613"/>
      <c r="AAF715" s="613"/>
      <c r="AAG715" s="613"/>
      <c r="AAH715" s="613"/>
      <c r="AAI715" s="613"/>
      <c r="AAJ715" s="613"/>
      <c r="AAK715" s="613"/>
      <c r="AAL715" s="613"/>
      <c r="AAM715" s="613"/>
      <c r="AAN715" s="613"/>
      <c r="AAO715" s="613"/>
      <c r="AAP715" s="613"/>
      <c r="AAQ715" s="613"/>
      <c r="AAR715" s="613"/>
      <c r="AAS715" s="613"/>
      <c r="AAT715" s="613"/>
      <c r="AAU715" s="613"/>
      <c r="AAV715" s="613"/>
      <c r="AAW715" s="613"/>
      <c r="AAX715" s="613"/>
      <c r="AAY715" s="613"/>
      <c r="AAZ715" s="613"/>
      <c r="ABA715" s="613"/>
      <c r="ABB715" s="613"/>
      <c r="ABC715" s="613"/>
      <c r="ABD715" s="613"/>
      <c r="ABE715" s="613"/>
      <c r="ABF715" s="613"/>
      <c r="ABG715" s="613"/>
      <c r="ABH715" s="613"/>
      <c r="ABI715" s="613"/>
      <c r="ABJ715" s="613"/>
      <c r="ABK715" s="613"/>
      <c r="ABL715" s="613"/>
      <c r="ABM715" s="613"/>
      <c r="ABN715" s="613"/>
      <c r="ABO715" s="613"/>
      <c r="ABP715" s="613"/>
      <c r="ABQ715" s="613"/>
      <c r="ABR715" s="613"/>
      <c r="ABS715" s="613"/>
      <c r="ABT715" s="613"/>
      <c r="ABU715" s="613"/>
      <c r="ABV715" s="613"/>
      <c r="ABW715" s="613"/>
      <c r="ABX715" s="613"/>
      <c r="ABY715" s="613"/>
      <c r="ABZ715" s="613"/>
      <c r="ACA715" s="613"/>
      <c r="ACB715" s="613"/>
      <c r="ACC715" s="613"/>
      <c r="ACD715" s="613"/>
      <c r="ACE715" s="613"/>
      <c r="ACF715" s="613"/>
      <c r="ACG715" s="613"/>
      <c r="ACH715" s="613"/>
      <c r="ACI715" s="613"/>
      <c r="ACJ715" s="613"/>
      <c r="ACK715" s="613"/>
      <c r="ACL715" s="613"/>
      <c r="ACM715" s="613"/>
      <c r="ACN715" s="613"/>
      <c r="ACO715" s="613"/>
      <c r="ACP715" s="613"/>
      <c r="ACQ715" s="613"/>
      <c r="ACR715" s="613"/>
      <c r="ACS715" s="613"/>
      <c r="ACT715" s="613"/>
      <c r="ACU715" s="613"/>
      <c r="ACV715" s="613"/>
      <c r="ACW715" s="613"/>
      <c r="ACX715" s="613"/>
      <c r="ACY715" s="613"/>
      <c r="ACZ715" s="613"/>
      <c r="ADA715" s="613"/>
      <c r="ADB715" s="613"/>
      <c r="ADC715" s="613"/>
      <c r="ADD715" s="613"/>
      <c r="ADE715" s="613"/>
      <c r="ADF715" s="613"/>
      <c r="ADG715" s="613"/>
      <c r="ADH715" s="613"/>
      <c r="ADI715" s="613"/>
      <c r="ADJ715" s="613"/>
      <c r="ADK715" s="613"/>
      <c r="ADL715" s="613"/>
      <c r="ADM715" s="613"/>
      <c r="ADN715" s="613"/>
      <c r="ADO715" s="613"/>
      <c r="ADP715" s="613"/>
      <c r="ADQ715" s="613"/>
      <c r="ADR715" s="613"/>
      <c r="ADS715" s="613"/>
      <c r="ADT715" s="613"/>
      <c r="ADU715" s="613"/>
      <c r="ADV715" s="613"/>
      <c r="ADW715" s="613"/>
      <c r="ADX715" s="613"/>
      <c r="ADY715" s="613"/>
      <c r="ADZ715" s="613"/>
      <c r="AEA715" s="613"/>
      <c r="AEB715" s="613"/>
      <c r="AEC715" s="613"/>
      <c r="AED715" s="613"/>
      <c r="AEE715" s="613"/>
      <c r="AEF715" s="613"/>
      <c r="AEG715" s="613"/>
      <c r="AEH715" s="613"/>
      <c r="AEI715" s="613"/>
      <c r="AEJ715" s="613"/>
      <c r="AEK715" s="613"/>
      <c r="AEL715" s="613"/>
      <c r="AEM715" s="613"/>
      <c r="AEN715" s="613"/>
      <c r="AEO715" s="613"/>
      <c r="AEP715" s="613"/>
      <c r="AEQ715" s="613"/>
      <c r="AER715" s="613"/>
      <c r="AES715" s="613"/>
      <c r="AET715" s="613"/>
      <c r="AEU715" s="613"/>
      <c r="AEV715" s="613"/>
      <c r="AEW715" s="613"/>
      <c r="AEX715" s="613"/>
      <c r="AEY715" s="613"/>
      <c r="AEZ715" s="613"/>
      <c r="AFA715" s="613"/>
      <c r="AFB715" s="613"/>
      <c r="AFC715" s="613"/>
      <c r="AFD715" s="613"/>
      <c r="AFE715" s="613"/>
      <c r="AFF715" s="613"/>
      <c r="AFG715" s="613"/>
      <c r="AFH715" s="613"/>
      <c r="AFI715" s="613"/>
      <c r="AFJ715" s="613"/>
      <c r="AFK715" s="613"/>
      <c r="AFL715" s="613"/>
      <c r="AFM715" s="613"/>
      <c r="AFN715" s="613"/>
      <c r="AFO715" s="613"/>
      <c r="AFP715" s="613"/>
      <c r="AFQ715" s="613"/>
      <c r="AFR715" s="613"/>
      <c r="AFS715" s="613"/>
      <c r="AFT715" s="613"/>
      <c r="AFU715" s="613"/>
      <c r="AFV715" s="613"/>
      <c r="AFW715" s="613"/>
      <c r="AFX715" s="613"/>
      <c r="AFY715" s="613"/>
      <c r="AFZ715" s="613"/>
      <c r="AGA715" s="613"/>
      <c r="AGB715" s="613"/>
      <c r="AGC715" s="613"/>
      <c r="AGD715" s="613"/>
      <c r="AGE715" s="613"/>
      <c r="AGF715" s="613"/>
      <c r="AGG715" s="613"/>
      <c r="AGH715" s="613"/>
      <c r="AGI715" s="613"/>
      <c r="AGJ715" s="613"/>
      <c r="AGK715" s="613"/>
      <c r="AGL715" s="613"/>
      <c r="AGM715" s="613"/>
      <c r="AGN715" s="613"/>
      <c r="AGO715" s="613"/>
      <c r="AGP715" s="613"/>
      <c r="AGQ715" s="613"/>
      <c r="AGR715" s="613"/>
      <c r="AGS715" s="613"/>
      <c r="AGT715" s="613"/>
      <c r="AGU715" s="613"/>
      <c r="AGV715" s="613"/>
      <c r="AGW715" s="613"/>
      <c r="AGX715" s="613"/>
      <c r="AGY715" s="613"/>
      <c r="AGZ715" s="613"/>
      <c r="AHA715" s="613"/>
      <c r="AHB715" s="613"/>
      <c r="AHC715" s="613"/>
      <c r="AHD715" s="613"/>
      <c r="AHE715" s="613"/>
      <c r="AHF715" s="613"/>
      <c r="AHG715" s="613"/>
      <c r="AHH715" s="613"/>
      <c r="AHI715" s="613"/>
      <c r="AHJ715" s="613"/>
      <c r="AHK715" s="613"/>
      <c r="AHL715" s="613"/>
      <c r="AHM715" s="613"/>
      <c r="AHN715" s="613"/>
      <c r="AHO715" s="613"/>
      <c r="AHP715" s="613"/>
      <c r="AHQ715" s="613"/>
      <c r="AHR715" s="613"/>
      <c r="AHS715" s="613"/>
      <c r="AHT715" s="613"/>
      <c r="AHU715" s="613"/>
      <c r="AHV715" s="613"/>
      <c r="AHW715" s="613"/>
      <c r="AHX715" s="613"/>
      <c r="AHY715" s="613"/>
      <c r="AHZ715" s="613"/>
      <c r="AIA715" s="613"/>
      <c r="AIB715" s="613"/>
      <c r="AIC715" s="613"/>
      <c r="AID715" s="613"/>
      <c r="AIE715" s="613"/>
      <c r="AIF715" s="613"/>
      <c r="AIG715" s="613"/>
      <c r="AIH715" s="613"/>
      <c r="AII715" s="613"/>
      <c r="AIJ715" s="613"/>
      <c r="AIK715" s="613"/>
      <c r="AIL715" s="613"/>
      <c r="AIM715" s="613"/>
      <c r="AIN715" s="613"/>
      <c r="AIO715" s="613"/>
      <c r="AIP715" s="613"/>
      <c r="AIQ715" s="613"/>
      <c r="AIR715" s="613"/>
      <c r="AIS715" s="613"/>
      <c r="AIT715" s="613"/>
      <c r="AIU715" s="613"/>
      <c r="AIV715" s="613"/>
      <c r="AIW715" s="613"/>
      <c r="AIX715" s="613"/>
      <c r="AIY715" s="613"/>
      <c r="AIZ715" s="613"/>
      <c r="AJA715" s="613"/>
      <c r="AJB715" s="613"/>
      <c r="AJC715" s="613"/>
      <c r="AJD715" s="613"/>
      <c r="AJE715" s="613"/>
      <c r="AJF715" s="613"/>
      <c r="AJG715" s="613"/>
      <c r="AJH715" s="613"/>
      <c r="AJI715" s="613"/>
      <c r="AJJ715" s="613"/>
      <c r="AJK715" s="613"/>
      <c r="AJL715" s="613"/>
      <c r="AJM715" s="613"/>
      <c r="AJN715" s="613"/>
      <c r="AJO715" s="613"/>
      <c r="AJP715" s="613"/>
      <c r="AJQ715" s="613"/>
      <c r="AJR715" s="613"/>
      <c r="AJS715" s="613"/>
      <c r="AJT715" s="613"/>
      <c r="AJU715" s="613"/>
      <c r="AJV715" s="613"/>
      <c r="AJW715" s="613"/>
      <c r="AJX715" s="613"/>
      <c r="AJY715" s="613"/>
      <c r="AJZ715" s="613"/>
      <c r="AKA715" s="613"/>
      <c r="AKB715" s="613"/>
      <c r="AKC715" s="613"/>
      <c r="AKD715" s="613"/>
      <c r="AKE715" s="613"/>
      <c r="AKF715" s="613"/>
      <c r="AKG715" s="613"/>
      <c r="AKH715" s="613"/>
      <c r="AKI715" s="613"/>
      <c r="AKJ715" s="613"/>
      <c r="AKK715" s="613"/>
      <c r="AKL715" s="613"/>
      <c r="AKM715" s="613"/>
      <c r="AKN715" s="613"/>
      <c r="AKO715" s="613"/>
      <c r="AKP715" s="613"/>
      <c r="AKQ715" s="613"/>
      <c r="AKR715" s="613"/>
      <c r="AKS715" s="613"/>
      <c r="AKT715" s="613"/>
      <c r="AKU715" s="613"/>
      <c r="AKV715" s="613"/>
      <c r="AKW715" s="613"/>
      <c r="AKX715" s="613"/>
      <c r="AKY715" s="613"/>
      <c r="AKZ715" s="613"/>
      <c r="ALA715" s="613"/>
      <c r="ALB715" s="613"/>
      <c r="ALC715" s="613"/>
      <c r="ALD715" s="613"/>
      <c r="ALE715" s="613"/>
      <c r="ALF715" s="613"/>
      <c r="ALG715" s="613"/>
      <c r="ALH715" s="613"/>
      <c r="ALI715" s="613"/>
      <c r="ALJ715" s="613"/>
      <c r="ALK715" s="613"/>
      <c r="ALL715" s="613"/>
      <c r="ALM715" s="613"/>
      <c r="ALN715" s="613"/>
      <c r="ALO715" s="613"/>
      <c r="ALP715" s="613"/>
      <c r="ALQ715" s="613"/>
      <c r="ALR715" s="613"/>
      <c r="ALS715" s="613"/>
      <c r="ALT715" s="613"/>
      <c r="ALU715" s="613"/>
      <c r="ALV715" s="613"/>
      <c r="ALW715" s="613"/>
      <c r="ALX715" s="613"/>
      <c r="ALY715" s="613"/>
      <c r="ALZ715" s="613"/>
      <c r="AMA715" s="613"/>
      <c r="AMB715" s="613"/>
      <c r="AMC715" s="613"/>
      <c r="AMD715" s="613"/>
      <c r="AME715" s="613"/>
      <c r="AMF715" s="613"/>
      <c r="AMG715" s="613"/>
      <c r="AMH715" s="613"/>
      <c r="AMI715" s="613"/>
      <c r="AMJ715" s="613"/>
      <c r="AMK715" s="613"/>
      <c r="AML715" s="613"/>
      <c r="AMM715" s="613"/>
      <c r="AMN715" s="613"/>
      <c r="AMO715" s="613"/>
      <c r="AMP715" s="613"/>
      <c r="AMQ715" s="613"/>
      <c r="AMR715" s="613"/>
      <c r="AMS715" s="613"/>
      <c r="AMT715" s="613"/>
      <c r="AMU715" s="613"/>
      <c r="AMV715" s="613"/>
      <c r="AMW715" s="613"/>
      <c r="AMX715" s="613"/>
      <c r="AMY715" s="613"/>
      <c r="AMZ715" s="613"/>
      <c r="ANA715" s="613"/>
      <c r="ANB715" s="613"/>
      <c r="ANC715" s="613"/>
      <c r="AND715" s="613"/>
      <c r="ANE715" s="613"/>
      <c r="ANF715" s="613"/>
      <c r="ANG715" s="613"/>
      <c r="ANH715" s="613"/>
      <c r="ANI715" s="613"/>
      <c r="ANJ715" s="613"/>
      <c r="ANK715" s="613"/>
      <c r="ANL715" s="613"/>
      <c r="ANM715" s="613"/>
      <c r="ANN715" s="613"/>
      <c r="ANO715" s="613"/>
      <c r="ANP715" s="613"/>
      <c r="ANQ715" s="613"/>
      <c r="ANR715" s="613"/>
      <c r="ANS715" s="613"/>
      <c r="ANT715" s="613"/>
      <c r="ANU715" s="613"/>
      <c r="ANV715" s="613"/>
      <c r="ANW715" s="613"/>
      <c r="ANX715" s="613"/>
      <c r="ANY715" s="613"/>
      <c r="ANZ715" s="613"/>
      <c r="AOA715" s="613"/>
      <c r="AOB715" s="613"/>
      <c r="AOC715" s="613"/>
      <c r="AOD715" s="613"/>
      <c r="AOE715" s="613"/>
      <c r="AOF715" s="613"/>
      <c r="AOG715" s="613"/>
      <c r="AOH715" s="613"/>
      <c r="AOI715" s="613"/>
      <c r="AOJ715" s="613"/>
      <c r="AOK715" s="613"/>
      <c r="AOL715" s="613"/>
      <c r="AOM715" s="613"/>
      <c r="AON715" s="613"/>
      <c r="AOO715" s="613"/>
      <c r="AOP715" s="613"/>
      <c r="AOQ715" s="613"/>
      <c r="AOR715" s="613"/>
      <c r="AOS715" s="613"/>
      <c r="AOT715" s="613"/>
      <c r="AOU715" s="613"/>
      <c r="AOV715" s="613"/>
      <c r="AOW715" s="613"/>
      <c r="AOX715" s="613"/>
      <c r="AOY715" s="613"/>
      <c r="AOZ715" s="613"/>
      <c r="APA715" s="613"/>
      <c r="APB715" s="613"/>
      <c r="APC715" s="613"/>
      <c r="APD715" s="613"/>
      <c r="APE715" s="613"/>
      <c r="APF715" s="613"/>
      <c r="APG715" s="613"/>
      <c r="APH715" s="613"/>
      <c r="API715" s="613"/>
      <c r="APJ715" s="613"/>
      <c r="APK715" s="613"/>
      <c r="APL715" s="613"/>
      <c r="APM715" s="613"/>
      <c r="APN715" s="613"/>
      <c r="APO715" s="613"/>
      <c r="APP715" s="613"/>
      <c r="APQ715" s="613"/>
      <c r="APR715" s="613"/>
      <c r="APS715" s="613"/>
      <c r="APT715" s="613"/>
      <c r="APU715" s="613"/>
      <c r="APV715" s="613"/>
      <c r="APW715" s="613"/>
      <c r="APX715" s="613"/>
      <c r="APY715" s="613"/>
      <c r="APZ715" s="613"/>
      <c r="AQA715" s="613"/>
      <c r="AQB715" s="613"/>
      <c r="AQC715" s="613"/>
      <c r="AQD715" s="613"/>
      <c r="AQE715" s="613"/>
      <c r="AQF715" s="613"/>
      <c r="AQG715" s="613"/>
      <c r="AQH715" s="613"/>
      <c r="AQI715" s="613"/>
      <c r="AQJ715" s="613"/>
      <c r="AQK715" s="613"/>
      <c r="AQL715" s="613"/>
      <c r="AQM715" s="613"/>
      <c r="AQN715" s="613"/>
      <c r="AQO715" s="613"/>
      <c r="AQP715" s="613"/>
      <c r="AQQ715" s="613"/>
      <c r="AQR715" s="613"/>
      <c r="AQS715" s="613"/>
      <c r="AQT715" s="613"/>
      <c r="AQU715" s="613"/>
      <c r="AQV715" s="613"/>
      <c r="AQW715" s="613"/>
      <c r="AQX715" s="613"/>
      <c r="AQY715" s="613"/>
      <c r="AQZ715" s="613"/>
      <c r="ARA715" s="613"/>
      <c r="ARB715" s="613"/>
      <c r="ARC715" s="613"/>
      <c r="ARD715" s="613"/>
      <c r="ARE715" s="613"/>
      <c r="ARF715" s="613"/>
      <c r="ARG715" s="613"/>
      <c r="ARH715" s="613"/>
      <c r="ARI715" s="613"/>
      <c r="ARJ715" s="613"/>
      <c r="ARK715" s="613"/>
      <c r="ARL715" s="613"/>
      <c r="ARM715" s="613"/>
      <c r="ARN715" s="613"/>
      <c r="ARO715" s="613"/>
      <c r="ARP715" s="613"/>
      <c r="ARQ715" s="613"/>
      <c r="ARR715" s="613"/>
      <c r="ARS715" s="613"/>
      <c r="ART715" s="613"/>
      <c r="ARU715" s="613"/>
      <c r="ARV715" s="613"/>
      <c r="ARW715" s="613"/>
      <c r="ARX715" s="613"/>
      <c r="ARY715" s="613"/>
      <c r="ARZ715" s="613"/>
      <c r="ASA715" s="613"/>
      <c r="ASB715" s="613"/>
      <c r="ASC715" s="613"/>
      <c r="ASD715" s="613"/>
      <c r="ASE715" s="613"/>
      <c r="ASF715" s="613"/>
      <c r="ASG715" s="613"/>
      <c r="ASH715" s="613"/>
      <c r="ASI715" s="613"/>
      <c r="ASJ715" s="613"/>
      <c r="ASK715" s="613"/>
      <c r="ASL715" s="613"/>
      <c r="ASM715" s="613"/>
      <c r="ASN715" s="613"/>
      <c r="ASO715" s="613"/>
      <c r="ASP715" s="613"/>
      <c r="ASQ715" s="613"/>
      <c r="ASR715" s="613"/>
      <c r="ASS715" s="613"/>
      <c r="AST715" s="613"/>
      <c r="ASU715" s="613"/>
      <c r="ASV715" s="613"/>
      <c r="ASW715" s="613"/>
      <c r="ASX715" s="613"/>
      <c r="ASY715" s="613"/>
      <c r="ASZ715" s="613"/>
      <c r="ATA715" s="613"/>
      <c r="ATB715" s="613"/>
      <c r="ATC715" s="613"/>
      <c r="ATD715" s="613"/>
      <c r="ATE715" s="613"/>
      <c r="ATF715" s="613"/>
      <c r="ATG715" s="613"/>
      <c r="ATH715" s="613"/>
      <c r="ATI715" s="613"/>
      <c r="ATJ715" s="613"/>
      <c r="ATK715" s="613"/>
      <c r="ATL715" s="613"/>
      <c r="ATM715" s="613"/>
      <c r="ATN715" s="613"/>
      <c r="ATO715" s="613"/>
      <c r="ATP715" s="613"/>
      <c r="ATQ715" s="613"/>
      <c r="ATR715" s="613"/>
      <c r="ATS715" s="613"/>
      <c r="ATT715" s="613"/>
      <c r="ATU715" s="613"/>
      <c r="ATV715" s="613"/>
      <c r="ATW715" s="613"/>
      <c r="ATX715" s="613"/>
      <c r="ATY715" s="613"/>
      <c r="ATZ715" s="613"/>
      <c r="AUA715" s="613"/>
      <c r="AUB715" s="613"/>
      <c r="AUC715" s="613"/>
      <c r="AUD715" s="613"/>
      <c r="AUE715" s="613"/>
      <c r="AUF715" s="613"/>
      <c r="AUG715" s="613"/>
      <c r="AUH715" s="613"/>
      <c r="AUI715" s="613"/>
      <c r="AUJ715" s="613"/>
      <c r="AUK715" s="613"/>
      <c r="AUL715" s="613"/>
      <c r="AUM715" s="613"/>
      <c r="AUN715" s="613"/>
      <c r="AUO715" s="613"/>
      <c r="AUP715" s="613"/>
      <c r="AUQ715" s="613"/>
      <c r="AUR715" s="613"/>
      <c r="AUS715" s="613"/>
      <c r="AUT715" s="613"/>
      <c r="AUU715" s="613"/>
      <c r="AUV715" s="613"/>
      <c r="AUW715" s="613"/>
      <c r="AUX715" s="613"/>
      <c r="AUY715" s="613"/>
      <c r="AUZ715" s="613"/>
      <c r="AVA715" s="613"/>
      <c r="AVB715" s="613"/>
      <c r="AVC715" s="613"/>
      <c r="AVD715" s="613"/>
      <c r="AVE715" s="613"/>
      <c r="AVF715" s="613"/>
      <c r="AVG715" s="613"/>
      <c r="AVH715" s="613"/>
      <c r="AVI715" s="613"/>
      <c r="AVJ715" s="613"/>
      <c r="AVK715" s="613"/>
      <c r="AVL715" s="613"/>
      <c r="AVM715" s="613"/>
      <c r="AVN715" s="613"/>
      <c r="AVO715" s="613"/>
      <c r="AVP715" s="613"/>
      <c r="AVQ715" s="613"/>
      <c r="AVR715" s="613"/>
      <c r="AVS715" s="613"/>
      <c r="AVT715" s="613"/>
      <c r="AVU715" s="613"/>
      <c r="AVV715" s="613"/>
      <c r="AVW715" s="613"/>
      <c r="AVX715" s="613"/>
      <c r="AVY715" s="613"/>
      <c r="AVZ715" s="613"/>
      <c r="AWA715" s="613"/>
      <c r="AWB715" s="613"/>
      <c r="AWC715" s="613"/>
      <c r="AWD715" s="613"/>
      <c r="AWE715" s="613"/>
      <c r="AWF715" s="613"/>
      <c r="AWG715" s="613"/>
      <c r="AWH715" s="613"/>
      <c r="AWI715" s="613"/>
      <c r="AWJ715" s="613"/>
      <c r="AWK715" s="613"/>
      <c r="AWL715" s="613"/>
      <c r="AWM715" s="613"/>
      <c r="AWN715" s="613"/>
      <c r="AWO715" s="613"/>
      <c r="AWP715" s="613"/>
      <c r="AWQ715" s="613"/>
      <c r="AWR715" s="613"/>
      <c r="AWS715" s="613"/>
      <c r="AWT715" s="613"/>
      <c r="AWU715" s="613"/>
      <c r="AWV715" s="613"/>
      <c r="AWW715" s="613"/>
      <c r="AWX715" s="613"/>
      <c r="AWY715" s="613"/>
      <c r="AWZ715" s="613"/>
      <c r="AXA715" s="613"/>
      <c r="AXB715" s="613"/>
      <c r="AXC715" s="613"/>
      <c r="AXD715" s="613"/>
      <c r="AXE715" s="613"/>
      <c r="AXF715" s="613"/>
      <c r="AXG715" s="613"/>
      <c r="AXH715" s="613"/>
      <c r="AXI715" s="613"/>
      <c r="AXJ715" s="613"/>
      <c r="AXK715" s="613"/>
      <c r="AXL715" s="613"/>
      <c r="AXM715" s="613"/>
      <c r="AXN715" s="613"/>
      <c r="AXO715" s="613"/>
      <c r="AXP715" s="613"/>
      <c r="AXQ715" s="613"/>
      <c r="AXR715" s="613"/>
      <c r="AXS715" s="613"/>
      <c r="AXT715" s="613"/>
      <c r="AXU715" s="613"/>
      <c r="AXV715" s="613"/>
      <c r="AXW715" s="613"/>
      <c r="AXX715" s="613"/>
      <c r="AXY715" s="613"/>
      <c r="AXZ715" s="613"/>
      <c r="AYA715" s="613"/>
      <c r="AYB715" s="613"/>
      <c r="AYC715" s="613"/>
      <c r="AYD715" s="613"/>
      <c r="AYE715" s="613"/>
      <c r="AYF715" s="613"/>
      <c r="AYG715" s="613"/>
      <c r="AYH715" s="613"/>
      <c r="AYI715" s="613"/>
      <c r="AYJ715" s="613"/>
      <c r="AYK715" s="613"/>
      <c r="AYL715" s="613"/>
      <c r="AYM715" s="613"/>
      <c r="AYN715" s="613"/>
      <c r="AYO715" s="613"/>
      <c r="AYP715" s="613"/>
      <c r="AYQ715" s="613"/>
      <c r="AYR715" s="613"/>
      <c r="AYS715" s="613"/>
      <c r="AYT715" s="613"/>
      <c r="AYU715" s="613"/>
      <c r="AYV715" s="613"/>
      <c r="AYW715" s="613"/>
      <c r="AYX715" s="613"/>
      <c r="AYY715" s="613"/>
      <c r="AYZ715" s="613"/>
      <c r="AZA715" s="613"/>
      <c r="AZB715" s="613"/>
      <c r="AZC715" s="613"/>
      <c r="AZD715" s="613"/>
      <c r="AZE715" s="613"/>
      <c r="AZF715" s="613"/>
      <c r="AZG715" s="613"/>
      <c r="AZH715" s="613"/>
      <c r="AZI715" s="613"/>
      <c r="AZJ715" s="613"/>
      <c r="AZK715" s="613"/>
      <c r="AZL715" s="613"/>
      <c r="AZM715" s="613"/>
      <c r="AZN715" s="613"/>
      <c r="AZO715" s="613"/>
      <c r="AZP715" s="613"/>
      <c r="AZQ715" s="613"/>
      <c r="AZR715" s="613"/>
      <c r="AZS715" s="613"/>
      <c r="AZT715" s="613"/>
      <c r="AZU715" s="613"/>
      <c r="AZV715" s="613"/>
      <c r="AZW715" s="613"/>
      <c r="AZX715" s="613"/>
      <c r="AZY715" s="613"/>
      <c r="AZZ715" s="613"/>
      <c r="BAA715" s="613"/>
      <c r="BAB715" s="613"/>
      <c r="BAC715" s="613"/>
      <c r="BAD715" s="613"/>
      <c r="BAE715" s="613"/>
      <c r="BAF715" s="613"/>
      <c r="BAG715" s="613"/>
      <c r="BAH715" s="613"/>
      <c r="BAI715" s="613"/>
      <c r="BAJ715" s="613"/>
      <c r="BAK715" s="613"/>
      <c r="BAL715" s="613"/>
      <c r="BAM715" s="613"/>
      <c r="BAN715" s="613"/>
      <c r="BAO715" s="613"/>
      <c r="BAP715" s="613"/>
      <c r="BAQ715" s="613"/>
      <c r="BAR715" s="613"/>
      <c r="BAS715" s="613"/>
      <c r="BAT715" s="613"/>
      <c r="BAU715" s="613"/>
      <c r="BAV715" s="613"/>
      <c r="BAW715" s="613"/>
      <c r="BAX715" s="613"/>
      <c r="BAY715" s="613"/>
      <c r="BAZ715" s="613"/>
      <c r="BBA715" s="613"/>
      <c r="BBB715" s="613"/>
      <c r="BBC715" s="613"/>
      <c r="BBD715" s="613"/>
      <c r="BBE715" s="613"/>
      <c r="BBF715" s="613"/>
      <c r="BBG715" s="613"/>
      <c r="BBH715" s="613"/>
      <c r="BBI715" s="613"/>
      <c r="BBJ715" s="613"/>
      <c r="BBK715" s="613"/>
      <c r="BBL715" s="613"/>
      <c r="BBM715" s="613"/>
      <c r="BBN715" s="613"/>
      <c r="BBO715" s="613"/>
      <c r="BBP715" s="613"/>
      <c r="BBQ715" s="613"/>
      <c r="BBR715" s="613"/>
      <c r="BBS715" s="613"/>
      <c r="BBT715" s="613"/>
      <c r="BBU715" s="613"/>
      <c r="BBV715" s="613"/>
      <c r="BBW715" s="613"/>
      <c r="BBX715" s="613"/>
      <c r="BBY715" s="613"/>
      <c r="BBZ715" s="613"/>
      <c r="BCA715" s="613"/>
      <c r="BCB715" s="613"/>
      <c r="BCC715" s="613"/>
      <c r="BCD715" s="613"/>
      <c r="BCE715" s="613"/>
      <c r="BCF715" s="613"/>
      <c r="BCG715" s="613"/>
      <c r="BCH715" s="613"/>
      <c r="BCI715" s="613"/>
      <c r="BCJ715" s="613"/>
      <c r="BCK715" s="613"/>
      <c r="BCL715" s="613"/>
      <c r="BCM715" s="613"/>
      <c r="BCN715" s="613"/>
      <c r="BCO715" s="613"/>
      <c r="BCP715" s="613"/>
      <c r="BCQ715" s="613"/>
      <c r="BCR715" s="613"/>
      <c r="BCS715" s="613"/>
      <c r="BCT715" s="613"/>
      <c r="BCU715" s="613"/>
      <c r="BCV715" s="613"/>
      <c r="BCW715" s="613"/>
      <c r="BCX715" s="613"/>
      <c r="BCY715" s="613"/>
      <c r="BCZ715" s="613"/>
      <c r="BDA715" s="613"/>
      <c r="BDB715" s="613"/>
      <c r="BDC715" s="613"/>
      <c r="BDD715" s="613"/>
      <c r="BDE715" s="613"/>
      <c r="BDF715" s="613"/>
      <c r="BDG715" s="613"/>
      <c r="BDH715" s="613"/>
      <c r="BDI715" s="613"/>
      <c r="BDJ715" s="613"/>
      <c r="BDK715" s="613"/>
      <c r="BDL715" s="613"/>
      <c r="BDM715" s="613"/>
      <c r="BDN715" s="613"/>
      <c r="BDO715" s="613"/>
      <c r="BDP715" s="613"/>
      <c r="BDQ715" s="613"/>
      <c r="BDR715" s="613"/>
      <c r="BDS715" s="613"/>
      <c r="BDT715" s="613"/>
      <c r="BDU715" s="613"/>
      <c r="BDV715" s="613"/>
      <c r="BDW715" s="613"/>
      <c r="BDX715" s="613"/>
      <c r="BDY715" s="613"/>
      <c r="BDZ715" s="613"/>
      <c r="BEA715" s="613"/>
      <c r="BEB715" s="613"/>
      <c r="BEC715" s="613"/>
      <c r="BED715" s="613"/>
      <c r="BEE715" s="613"/>
      <c r="BEF715" s="613"/>
      <c r="BEG715" s="613"/>
      <c r="BEH715" s="613"/>
      <c r="BEI715" s="613"/>
      <c r="BEJ715" s="613"/>
      <c r="BEK715" s="613"/>
      <c r="BEL715" s="613"/>
      <c r="BEM715" s="613"/>
      <c r="BEN715" s="613"/>
      <c r="BEO715" s="613"/>
      <c r="BEP715" s="613"/>
      <c r="BEQ715" s="613"/>
      <c r="BER715" s="613"/>
      <c r="BES715" s="613"/>
      <c r="BET715" s="613"/>
      <c r="BEU715" s="613"/>
      <c r="BEV715" s="613"/>
      <c r="BEW715" s="613"/>
      <c r="BEX715" s="613"/>
      <c r="BEY715" s="613"/>
      <c r="BEZ715" s="613"/>
      <c r="BFA715" s="613"/>
      <c r="BFB715" s="613"/>
      <c r="BFC715" s="613"/>
      <c r="BFD715" s="613"/>
      <c r="BFE715" s="613"/>
      <c r="BFF715" s="613"/>
      <c r="BFG715" s="613"/>
      <c r="BFH715" s="613"/>
      <c r="BFI715" s="613"/>
      <c r="BFJ715" s="613"/>
      <c r="BFK715" s="613"/>
      <c r="BFL715" s="613"/>
      <c r="BFM715" s="613"/>
      <c r="BFN715" s="613"/>
      <c r="BFO715" s="613"/>
      <c r="BFP715" s="613"/>
      <c r="BFQ715" s="613"/>
      <c r="BFR715" s="613"/>
      <c r="BFS715" s="613"/>
      <c r="BFT715" s="613"/>
      <c r="BFU715" s="613"/>
      <c r="BFV715" s="613"/>
      <c r="BFW715" s="613"/>
      <c r="BFX715" s="613"/>
      <c r="BFY715" s="613"/>
      <c r="BFZ715" s="613"/>
      <c r="BGA715" s="613"/>
      <c r="BGB715" s="613"/>
      <c r="BGC715" s="613"/>
      <c r="BGD715" s="613"/>
      <c r="BGE715" s="613"/>
      <c r="BGF715" s="613"/>
      <c r="BGG715" s="613"/>
      <c r="BGH715" s="613"/>
      <c r="BGI715" s="613"/>
      <c r="BGJ715" s="613"/>
      <c r="BGK715" s="613"/>
      <c r="BGL715" s="613"/>
      <c r="BGM715" s="613"/>
      <c r="BGN715" s="613"/>
      <c r="BGO715" s="613"/>
      <c r="BGP715" s="613"/>
      <c r="BGQ715" s="613"/>
      <c r="BGR715" s="613"/>
      <c r="BGS715" s="613"/>
      <c r="BGT715" s="613"/>
      <c r="BGU715" s="613"/>
      <c r="BGV715" s="613"/>
      <c r="BGW715" s="613"/>
      <c r="BGX715" s="613"/>
      <c r="BGY715" s="613"/>
      <c r="BGZ715" s="613"/>
      <c r="BHA715" s="613"/>
      <c r="BHB715" s="613"/>
      <c r="BHC715" s="613"/>
      <c r="BHD715" s="613"/>
      <c r="BHE715" s="613"/>
      <c r="BHF715" s="613"/>
      <c r="BHG715" s="613"/>
      <c r="BHH715" s="613"/>
      <c r="BHI715" s="613"/>
      <c r="BHJ715" s="613"/>
      <c r="BHK715" s="613"/>
      <c r="BHL715" s="613"/>
      <c r="BHM715" s="613"/>
      <c r="BHN715" s="613"/>
      <c r="BHO715" s="613"/>
      <c r="BHP715" s="613"/>
      <c r="BHQ715" s="613"/>
      <c r="BHR715" s="613"/>
      <c r="BHS715" s="613"/>
      <c r="BHT715" s="613"/>
      <c r="BHU715" s="613"/>
      <c r="BHV715" s="613"/>
      <c r="BHW715" s="613"/>
      <c r="BHX715" s="613"/>
      <c r="BHY715" s="613"/>
      <c r="BHZ715" s="613"/>
      <c r="BIA715" s="613"/>
      <c r="BIB715" s="613"/>
      <c r="BIC715" s="613"/>
      <c r="BID715" s="613"/>
      <c r="BIE715" s="613"/>
      <c r="BIF715" s="613"/>
      <c r="BIG715" s="613"/>
      <c r="BIH715" s="613"/>
      <c r="BII715" s="613"/>
      <c r="BIJ715" s="613"/>
      <c r="BIK715" s="613"/>
      <c r="BIL715" s="613"/>
      <c r="BIM715" s="613"/>
      <c r="BIN715" s="613"/>
      <c r="BIO715" s="613"/>
      <c r="BIP715" s="613"/>
      <c r="BIQ715" s="613"/>
      <c r="BIR715" s="613"/>
      <c r="BIS715" s="613"/>
      <c r="BIT715" s="613"/>
      <c r="BIU715" s="613"/>
      <c r="BIV715" s="613"/>
      <c r="BIW715" s="613"/>
      <c r="BIX715" s="613"/>
      <c r="BIY715" s="613"/>
      <c r="BIZ715" s="613"/>
      <c r="BJA715" s="613"/>
      <c r="BJB715" s="613"/>
      <c r="BJC715" s="613"/>
      <c r="BJD715" s="613"/>
      <c r="BJE715" s="613"/>
      <c r="BJF715" s="613"/>
      <c r="BJG715" s="613"/>
      <c r="BJH715" s="613"/>
      <c r="BJI715" s="613"/>
      <c r="BJJ715" s="613"/>
      <c r="BJK715" s="613"/>
      <c r="BJL715" s="613"/>
      <c r="BJM715" s="613"/>
      <c r="BJN715" s="613"/>
      <c r="BJO715" s="613"/>
      <c r="BJP715" s="613"/>
      <c r="BJQ715" s="613"/>
      <c r="BJR715" s="613"/>
      <c r="BJS715" s="613"/>
      <c r="BJT715" s="613"/>
      <c r="BJU715" s="613"/>
      <c r="BJV715" s="613"/>
      <c r="BJW715" s="613"/>
      <c r="BJX715" s="613"/>
      <c r="BJY715" s="613"/>
      <c r="BJZ715" s="613"/>
      <c r="BKA715" s="613"/>
      <c r="BKB715" s="613"/>
      <c r="BKC715" s="613"/>
      <c r="BKD715" s="613"/>
      <c r="BKE715" s="613"/>
      <c r="BKF715" s="613"/>
      <c r="BKG715" s="613"/>
      <c r="BKH715" s="613"/>
      <c r="BKI715" s="613"/>
      <c r="BKJ715" s="613"/>
      <c r="BKK715" s="613"/>
      <c r="BKL715" s="613"/>
      <c r="BKM715" s="613"/>
      <c r="BKN715" s="613"/>
      <c r="BKO715" s="613"/>
      <c r="BKP715" s="613"/>
      <c r="BKQ715" s="613"/>
      <c r="BKR715" s="613"/>
      <c r="BKS715" s="613"/>
      <c r="BKT715" s="613"/>
      <c r="BKU715" s="613"/>
      <c r="BKV715" s="613"/>
      <c r="BKW715" s="613"/>
      <c r="BKX715" s="613"/>
      <c r="BKY715" s="613"/>
      <c r="BKZ715" s="613"/>
      <c r="BLA715" s="613"/>
      <c r="BLB715" s="613"/>
      <c r="BLC715" s="613"/>
      <c r="BLD715" s="613"/>
      <c r="BLE715" s="613"/>
      <c r="BLF715" s="613"/>
      <c r="BLG715" s="613"/>
      <c r="BLH715" s="613"/>
      <c r="BLI715" s="613"/>
      <c r="BLJ715" s="613"/>
      <c r="BLK715" s="613"/>
      <c r="BLL715" s="613"/>
      <c r="BLM715" s="613"/>
      <c r="BLN715" s="613"/>
      <c r="BLO715" s="613"/>
      <c r="BLP715" s="613"/>
      <c r="BLQ715" s="613"/>
      <c r="BLR715" s="613"/>
      <c r="BLS715" s="613"/>
      <c r="BLT715" s="613"/>
      <c r="BLU715" s="613"/>
      <c r="BLV715" s="613"/>
      <c r="BLW715" s="613"/>
      <c r="BLX715" s="613"/>
      <c r="BLY715" s="613"/>
      <c r="BLZ715" s="613"/>
      <c r="BMA715" s="613"/>
      <c r="BMB715" s="613"/>
      <c r="BMC715" s="613"/>
      <c r="BMD715" s="613"/>
      <c r="BME715" s="613"/>
      <c r="BMF715" s="613"/>
      <c r="BMG715" s="613"/>
      <c r="BMH715" s="613"/>
      <c r="BMI715" s="613"/>
      <c r="BMJ715" s="613"/>
      <c r="BMK715" s="613"/>
      <c r="BML715" s="613"/>
      <c r="BMM715" s="613"/>
      <c r="BMN715" s="613"/>
      <c r="BMO715" s="613"/>
      <c r="BMP715" s="613"/>
      <c r="BMQ715" s="613"/>
      <c r="BMR715" s="613"/>
      <c r="BMS715" s="613"/>
      <c r="BMT715" s="613"/>
      <c r="BMU715" s="613"/>
      <c r="BMV715" s="613"/>
      <c r="BMW715" s="613"/>
      <c r="BMX715" s="613"/>
      <c r="BMY715" s="613"/>
      <c r="BMZ715" s="613"/>
      <c r="BNA715" s="613"/>
      <c r="BNB715" s="613"/>
      <c r="BNC715" s="613"/>
      <c r="BND715" s="613"/>
      <c r="BNE715" s="613"/>
      <c r="BNF715" s="613"/>
      <c r="BNG715" s="613"/>
      <c r="BNH715" s="613"/>
      <c r="BNI715" s="613"/>
      <c r="BNJ715" s="613"/>
      <c r="BNK715" s="613"/>
      <c r="BNL715" s="613"/>
      <c r="BNM715" s="613"/>
      <c r="BNN715" s="613"/>
      <c r="BNO715" s="613"/>
      <c r="BNP715" s="613"/>
      <c r="BNQ715" s="613"/>
      <c r="BNR715" s="613"/>
      <c r="BNS715" s="613"/>
      <c r="BNT715" s="613"/>
      <c r="BNU715" s="613"/>
      <c r="BNV715" s="613"/>
      <c r="BNW715" s="613"/>
      <c r="BNX715" s="613"/>
      <c r="BNY715" s="613"/>
      <c r="BNZ715" s="613"/>
      <c r="BOA715" s="613"/>
      <c r="BOB715" s="613"/>
      <c r="BOC715" s="613"/>
      <c r="BOD715" s="613"/>
      <c r="BOE715" s="613"/>
      <c r="BOF715" s="613"/>
      <c r="BOG715" s="613"/>
      <c r="BOH715" s="613"/>
      <c r="BOI715" s="613"/>
      <c r="BOJ715" s="613"/>
      <c r="BOK715" s="613"/>
      <c r="BOL715" s="613"/>
      <c r="BOM715" s="613"/>
      <c r="BON715" s="613"/>
      <c r="BOO715" s="613"/>
      <c r="BOP715" s="613"/>
      <c r="BOQ715" s="613"/>
      <c r="BOR715" s="613"/>
      <c r="BOS715" s="613"/>
      <c r="BOT715" s="613"/>
      <c r="BOU715" s="613"/>
      <c r="BOV715" s="613"/>
      <c r="BOW715" s="613"/>
      <c r="BOX715" s="613"/>
      <c r="BOY715" s="613"/>
      <c r="BOZ715" s="613"/>
      <c r="BPA715" s="613"/>
      <c r="BPB715" s="613"/>
      <c r="BPC715" s="613"/>
      <c r="BPD715" s="613"/>
      <c r="BPE715" s="613"/>
      <c r="BPF715" s="613"/>
      <c r="BPG715" s="613"/>
      <c r="BPH715" s="613"/>
      <c r="BPI715" s="613"/>
      <c r="BPJ715" s="613"/>
      <c r="BPK715" s="613"/>
      <c r="BPL715" s="613"/>
      <c r="BPM715" s="613"/>
      <c r="BPN715" s="613"/>
      <c r="BPO715" s="613"/>
      <c r="BPP715" s="613"/>
      <c r="BPQ715" s="613"/>
      <c r="BPR715" s="613"/>
      <c r="BPS715" s="613"/>
      <c r="BPT715" s="613"/>
      <c r="BPU715" s="613"/>
      <c r="BPV715" s="613"/>
      <c r="BPW715" s="613"/>
      <c r="BPX715" s="613"/>
      <c r="BPY715" s="613"/>
      <c r="BPZ715" s="613"/>
      <c r="BQA715" s="613"/>
      <c r="BQB715" s="613"/>
      <c r="BQC715" s="613"/>
      <c r="BQD715" s="613"/>
      <c r="BQE715" s="613"/>
      <c r="BQF715" s="613"/>
      <c r="BQG715" s="613"/>
      <c r="BQH715" s="613"/>
      <c r="BQI715" s="613"/>
      <c r="BQJ715" s="613"/>
      <c r="BQK715" s="613"/>
      <c r="BQL715" s="613"/>
      <c r="BQM715" s="613"/>
      <c r="BQN715" s="613"/>
      <c r="BQO715" s="613"/>
      <c r="BQP715" s="613"/>
      <c r="BQQ715" s="613"/>
      <c r="BQR715" s="613"/>
      <c r="BQS715" s="613"/>
      <c r="BQT715" s="613"/>
      <c r="BQU715" s="613"/>
      <c r="BQV715" s="613"/>
      <c r="BQW715" s="613"/>
      <c r="BQX715" s="613"/>
      <c r="BQY715" s="613"/>
      <c r="BQZ715" s="613"/>
      <c r="BRA715" s="613"/>
      <c r="BRB715" s="613"/>
      <c r="BRC715" s="613"/>
      <c r="BRD715" s="613"/>
      <c r="BRE715" s="613"/>
      <c r="BRF715" s="613"/>
      <c r="BRG715" s="613"/>
      <c r="BRH715" s="613"/>
      <c r="BRI715" s="613"/>
      <c r="BRJ715" s="613"/>
      <c r="BRK715" s="613"/>
      <c r="BRL715" s="613"/>
      <c r="BRM715" s="613"/>
      <c r="BRN715" s="613"/>
      <c r="BRO715" s="613"/>
      <c r="BRP715" s="613"/>
      <c r="BRQ715" s="613"/>
      <c r="BRR715" s="613"/>
      <c r="BRS715" s="613"/>
      <c r="BRT715" s="613"/>
      <c r="BRU715" s="613"/>
      <c r="BRV715" s="613"/>
      <c r="BRW715" s="613"/>
      <c r="BRX715" s="613"/>
      <c r="BRY715" s="613"/>
      <c r="BRZ715" s="613"/>
      <c r="BSA715" s="613"/>
      <c r="BSB715" s="613"/>
      <c r="BSC715" s="613"/>
      <c r="BSD715" s="613"/>
      <c r="BSE715" s="613"/>
      <c r="BSF715" s="613"/>
      <c r="BSG715" s="613"/>
      <c r="BSH715" s="613"/>
      <c r="BSI715" s="613"/>
      <c r="BSJ715" s="613"/>
      <c r="BSK715" s="613"/>
      <c r="BSL715" s="613"/>
      <c r="BSM715" s="613"/>
      <c r="BSN715" s="613"/>
      <c r="BSO715" s="613"/>
      <c r="BSP715" s="613"/>
      <c r="BSQ715" s="613"/>
      <c r="BSR715" s="613"/>
      <c r="BSS715" s="613"/>
      <c r="BST715" s="613"/>
      <c r="BSU715" s="613"/>
      <c r="BSV715" s="613"/>
      <c r="BSW715" s="613"/>
      <c r="BSX715" s="613"/>
      <c r="BSY715" s="613"/>
      <c r="BSZ715" s="613"/>
      <c r="BTA715" s="613"/>
      <c r="BTB715" s="613"/>
      <c r="BTC715" s="613"/>
      <c r="BTD715" s="613"/>
      <c r="BTE715" s="613"/>
      <c r="BTF715" s="613"/>
      <c r="BTG715" s="613"/>
      <c r="BTH715" s="613"/>
      <c r="BTI715" s="613"/>
      <c r="BTJ715" s="613"/>
      <c r="BTK715" s="613"/>
      <c r="BTL715" s="613"/>
      <c r="BTM715" s="613"/>
      <c r="BTN715" s="613"/>
      <c r="BTO715" s="613"/>
      <c r="BTP715" s="613"/>
      <c r="BTQ715" s="613"/>
      <c r="BTR715" s="613"/>
      <c r="BTS715" s="613"/>
      <c r="BTT715" s="613"/>
      <c r="BTU715" s="613"/>
      <c r="BTV715" s="613"/>
      <c r="BTW715" s="613"/>
      <c r="BTX715" s="613"/>
      <c r="BTY715" s="613"/>
      <c r="BTZ715" s="613"/>
      <c r="BUA715" s="613"/>
      <c r="BUB715" s="613"/>
      <c r="BUC715" s="613"/>
      <c r="BUD715" s="613"/>
      <c r="BUE715" s="613"/>
      <c r="BUF715" s="613"/>
      <c r="BUG715" s="613"/>
      <c r="BUH715" s="613"/>
      <c r="BUI715" s="613"/>
      <c r="BUJ715" s="613"/>
      <c r="BUK715" s="613"/>
      <c r="BUL715" s="613"/>
      <c r="BUM715" s="613"/>
      <c r="BUN715" s="613"/>
      <c r="BUO715" s="613"/>
      <c r="BUP715" s="613"/>
      <c r="BUQ715" s="613"/>
      <c r="BUR715" s="613"/>
      <c r="BUS715" s="613"/>
      <c r="BUT715" s="613"/>
      <c r="BUU715" s="613"/>
      <c r="BUV715" s="613"/>
      <c r="BUW715" s="613"/>
      <c r="BUX715" s="613"/>
      <c r="BUY715" s="613"/>
      <c r="BUZ715" s="613"/>
      <c r="BVA715" s="613"/>
      <c r="BVB715" s="613"/>
      <c r="BVC715" s="613"/>
      <c r="BVD715" s="613"/>
      <c r="BVE715" s="613"/>
      <c r="BVF715" s="613"/>
      <c r="BVG715" s="613"/>
      <c r="BVH715" s="613"/>
      <c r="BVI715" s="613"/>
      <c r="BVJ715" s="613"/>
      <c r="BVK715" s="613"/>
      <c r="BVL715" s="613"/>
      <c r="BVM715" s="613"/>
      <c r="BVN715" s="613"/>
      <c r="BVO715" s="613"/>
      <c r="BVP715" s="613"/>
      <c r="BVQ715" s="613"/>
      <c r="BVR715" s="613"/>
      <c r="BVS715" s="613"/>
      <c r="BVT715" s="613"/>
      <c r="BVU715" s="613"/>
      <c r="BVV715" s="613"/>
      <c r="BVW715" s="613"/>
      <c r="BVX715" s="613"/>
      <c r="BVY715" s="613"/>
      <c r="BVZ715" s="613"/>
      <c r="BWA715" s="613"/>
      <c r="BWB715" s="613"/>
      <c r="BWC715" s="613"/>
      <c r="BWD715" s="613"/>
      <c r="BWE715" s="613"/>
      <c r="BWF715" s="613"/>
      <c r="BWG715" s="613"/>
      <c r="BWH715" s="613"/>
      <c r="BWI715" s="613"/>
      <c r="BWJ715" s="613"/>
      <c r="BWK715" s="613"/>
      <c r="BWL715" s="613"/>
      <c r="BWM715" s="613"/>
      <c r="BWN715" s="613"/>
      <c r="BWO715" s="613"/>
      <c r="BWP715" s="613"/>
      <c r="BWQ715" s="613"/>
      <c r="BWR715" s="613"/>
      <c r="BWS715" s="613"/>
      <c r="BWT715" s="613"/>
      <c r="BWU715" s="613"/>
      <c r="BWV715" s="613"/>
      <c r="BWW715" s="613"/>
      <c r="BWX715" s="613"/>
      <c r="BWY715" s="613"/>
      <c r="BWZ715" s="613"/>
      <c r="BXA715" s="613"/>
      <c r="BXB715" s="613"/>
      <c r="BXC715" s="613"/>
      <c r="BXD715" s="613"/>
      <c r="BXE715" s="613"/>
      <c r="BXF715" s="613"/>
      <c r="BXG715" s="613"/>
      <c r="BXH715" s="613"/>
      <c r="BXI715" s="613"/>
      <c r="BXJ715" s="613"/>
      <c r="BXK715" s="613"/>
      <c r="BXL715" s="613"/>
      <c r="BXM715" s="613"/>
      <c r="BXN715" s="613"/>
      <c r="BXO715" s="613"/>
      <c r="BXP715" s="613"/>
      <c r="BXQ715" s="613"/>
      <c r="BXR715" s="613"/>
      <c r="BXS715" s="613"/>
      <c r="BXT715" s="613"/>
      <c r="BXU715" s="613"/>
      <c r="BXV715" s="613"/>
      <c r="BXW715" s="613"/>
      <c r="BXX715" s="613"/>
      <c r="BXY715" s="613"/>
      <c r="BXZ715" s="613"/>
      <c r="BYA715" s="613"/>
      <c r="BYB715" s="613"/>
      <c r="BYC715" s="613"/>
      <c r="BYD715" s="613"/>
      <c r="BYE715" s="613"/>
      <c r="BYF715" s="613"/>
      <c r="BYG715" s="613"/>
      <c r="BYH715" s="613"/>
      <c r="BYI715" s="613"/>
      <c r="BYJ715" s="613"/>
      <c r="BYK715" s="613"/>
      <c r="BYL715" s="613"/>
      <c r="BYM715" s="613"/>
      <c r="BYN715" s="613"/>
      <c r="BYO715" s="613"/>
      <c r="BYP715" s="613"/>
      <c r="BYQ715" s="613"/>
      <c r="BYR715" s="613"/>
      <c r="BYS715" s="613"/>
      <c r="BYT715" s="613"/>
      <c r="BYU715" s="613"/>
      <c r="BYV715" s="613"/>
      <c r="BYW715" s="613"/>
      <c r="BYX715" s="613"/>
      <c r="BYY715" s="613"/>
      <c r="BYZ715" s="613"/>
      <c r="BZA715" s="613"/>
      <c r="BZB715" s="613"/>
      <c r="BZC715" s="613"/>
      <c r="BZD715" s="613"/>
      <c r="BZE715" s="613"/>
      <c r="BZF715" s="613"/>
      <c r="BZG715" s="613"/>
      <c r="BZH715" s="613"/>
      <c r="BZI715" s="613"/>
      <c r="BZJ715" s="613"/>
      <c r="BZK715" s="613"/>
      <c r="BZL715" s="613"/>
      <c r="BZM715" s="613"/>
      <c r="BZN715" s="613"/>
      <c r="BZO715" s="613"/>
      <c r="BZP715" s="613"/>
      <c r="BZQ715" s="613"/>
      <c r="BZR715" s="613"/>
      <c r="BZS715" s="613"/>
      <c r="BZT715" s="613"/>
      <c r="BZU715" s="613"/>
      <c r="BZV715" s="613"/>
      <c r="BZW715" s="613"/>
      <c r="BZX715" s="613"/>
      <c r="BZY715" s="613"/>
      <c r="BZZ715" s="613"/>
      <c r="CAA715" s="613"/>
      <c r="CAB715" s="613"/>
      <c r="CAC715" s="613"/>
      <c r="CAD715" s="613"/>
      <c r="CAE715" s="613"/>
      <c r="CAF715" s="613"/>
      <c r="CAG715" s="613"/>
      <c r="CAH715" s="613"/>
      <c r="CAI715" s="613"/>
      <c r="CAJ715" s="613"/>
      <c r="CAK715" s="613"/>
      <c r="CAL715" s="613"/>
      <c r="CAM715" s="613"/>
      <c r="CAN715" s="613"/>
      <c r="CAO715" s="613"/>
      <c r="CAP715" s="613"/>
      <c r="CAQ715" s="613"/>
      <c r="CAR715" s="613"/>
      <c r="CAS715" s="613"/>
      <c r="CAT715" s="613"/>
      <c r="CAU715" s="613"/>
      <c r="CAV715" s="613"/>
      <c r="CAW715" s="613"/>
      <c r="CAX715" s="613"/>
      <c r="CAY715" s="613"/>
      <c r="CAZ715" s="613"/>
      <c r="CBA715" s="613"/>
      <c r="CBB715" s="613"/>
      <c r="CBC715" s="613"/>
      <c r="CBD715" s="613"/>
      <c r="CBE715" s="613"/>
      <c r="CBF715" s="613"/>
      <c r="CBG715" s="613"/>
      <c r="CBH715" s="613"/>
      <c r="CBI715" s="613"/>
      <c r="CBJ715" s="613"/>
      <c r="CBK715" s="613"/>
      <c r="CBL715" s="613"/>
      <c r="CBM715" s="613"/>
      <c r="CBN715" s="613"/>
      <c r="CBO715" s="613"/>
      <c r="CBP715" s="613"/>
      <c r="CBQ715" s="613"/>
      <c r="CBR715" s="613"/>
      <c r="CBS715" s="613"/>
      <c r="CBT715" s="613"/>
      <c r="CBU715" s="613"/>
      <c r="CBV715" s="613"/>
      <c r="CBW715" s="613"/>
      <c r="CBX715" s="613"/>
      <c r="CBY715" s="613"/>
      <c r="CBZ715" s="613"/>
      <c r="CCA715" s="613"/>
      <c r="CCB715" s="613"/>
      <c r="CCC715" s="613"/>
      <c r="CCD715" s="613"/>
      <c r="CCE715" s="613"/>
      <c r="CCF715" s="613"/>
      <c r="CCG715" s="613"/>
      <c r="CCH715" s="613"/>
      <c r="CCI715" s="613"/>
      <c r="CCJ715" s="613"/>
      <c r="CCK715" s="613"/>
      <c r="CCL715" s="613"/>
      <c r="CCM715" s="613"/>
      <c r="CCN715" s="613"/>
      <c r="CCO715" s="613"/>
      <c r="CCP715" s="613"/>
      <c r="CCQ715" s="613"/>
      <c r="CCR715" s="613"/>
      <c r="CCS715" s="613"/>
      <c r="CCT715" s="613"/>
      <c r="CCU715" s="613"/>
      <c r="CCV715" s="613"/>
      <c r="CCW715" s="613"/>
      <c r="CCX715" s="613"/>
      <c r="CCY715" s="613"/>
      <c r="CCZ715" s="613"/>
      <c r="CDA715" s="613"/>
      <c r="CDB715" s="613"/>
      <c r="CDC715" s="613"/>
      <c r="CDD715" s="613"/>
      <c r="CDE715" s="613"/>
      <c r="CDF715" s="613"/>
      <c r="CDG715" s="613"/>
      <c r="CDH715" s="613"/>
      <c r="CDI715" s="613"/>
      <c r="CDJ715" s="613"/>
      <c r="CDK715" s="613"/>
      <c r="CDL715" s="613"/>
      <c r="CDM715" s="613"/>
      <c r="CDN715" s="613"/>
      <c r="CDO715" s="613"/>
      <c r="CDP715" s="613"/>
      <c r="CDQ715" s="613"/>
      <c r="CDR715" s="613"/>
      <c r="CDS715" s="613"/>
      <c r="CDT715" s="613"/>
      <c r="CDU715" s="613"/>
      <c r="CDV715" s="613"/>
      <c r="CDW715" s="613"/>
      <c r="CDX715" s="613"/>
      <c r="CDY715" s="613"/>
      <c r="CDZ715" s="613"/>
      <c r="CEA715" s="613"/>
      <c r="CEB715" s="613"/>
      <c r="CEC715" s="613"/>
      <c r="CED715" s="613"/>
      <c r="CEE715" s="613"/>
      <c r="CEF715" s="613"/>
      <c r="CEG715" s="613"/>
      <c r="CEH715" s="613"/>
      <c r="CEI715" s="613"/>
      <c r="CEJ715" s="613"/>
      <c r="CEK715" s="613"/>
      <c r="CEL715" s="613"/>
      <c r="CEM715" s="613"/>
      <c r="CEN715" s="613"/>
      <c r="CEO715" s="613"/>
      <c r="CEP715" s="613"/>
      <c r="CEQ715" s="613"/>
      <c r="CER715" s="613"/>
      <c r="CES715" s="613"/>
      <c r="CET715" s="613"/>
      <c r="CEU715" s="613"/>
      <c r="CEV715" s="613"/>
      <c r="CEW715" s="613"/>
      <c r="CEX715" s="613"/>
      <c r="CEY715" s="613"/>
      <c r="CEZ715" s="613"/>
      <c r="CFA715" s="613"/>
      <c r="CFB715" s="613"/>
      <c r="CFC715" s="613"/>
      <c r="CFD715" s="613"/>
      <c r="CFE715" s="613"/>
      <c r="CFF715" s="613"/>
      <c r="CFG715" s="613"/>
      <c r="CFH715" s="613"/>
      <c r="CFI715" s="613"/>
      <c r="CFJ715" s="613"/>
      <c r="CFK715" s="613"/>
      <c r="CFL715" s="613"/>
      <c r="CFM715" s="613"/>
      <c r="CFN715" s="613"/>
      <c r="CFO715" s="613"/>
      <c r="CFP715" s="613"/>
      <c r="CFQ715" s="613"/>
      <c r="CFR715" s="613"/>
      <c r="CFS715" s="613"/>
      <c r="CFT715" s="613"/>
      <c r="CFU715" s="613"/>
      <c r="CFV715" s="613"/>
      <c r="CFW715" s="613"/>
      <c r="CFX715" s="613"/>
      <c r="CFY715" s="613"/>
      <c r="CFZ715" s="613"/>
      <c r="CGA715" s="613"/>
      <c r="CGB715" s="613"/>
      <c r="CGC715" s="613"/>
      <c r="CGD715" s="613"/>
      <c r="CGE715" s="613"/>
      <c r="CGF715" s="613"/>
      <c r="CGG715" s="613"/>
      <c r="CGH715" s="613"/>
      <c r="CGI715" s="613"/>
      <c r="CGJ715" s="613"/>
      <c r="CGK715" s="613"/>
      <c r="CGL715" s="613"/>
      <c r="CGM715" s="613"/>
      <c r="CGN715" s="613"/>
      <c r="CGO715" s="613"/>
      <c r="CGP715" s="613"/>
      <c r="CGQ715" s="613"/>
      <c r="CGR715" s="613"/>
      <c r="CGS715" s="613"/>
      <c r="CGT715" s="613"/>
      <c r="CGU715" s="613"/>
      <c r="CGV715" s="613"/>
      <c r="CGW715" s="613"/>
      <c r="CGX715" s="613"/>
      <c r="CGY715" s="613"/>
      <c r="CGZ715" s="613"/>
      <c r="CHA715" s="613"/>
      <c r="CHB715" s="613"/>
      <c r="CHC715" s="613"/>
      <c r="CHD715" s="613"/>
      <c r="CHE715" s="613"/>
      <c r="CHF715" s="613"/>
      <c r="CHG715" s="613"/>
      <c r="CHH715" s="613"/>
      <c r="CHI715" s="613"/>
      <c r="CHJ715" s="613"/>
      <c r="CHK715" s="613"/>
      <c r="CHL715" s="613"/>
      <c r="CHM715" s="613"/>
      <c r="CHN715" s="613"/>
      <c r="CHO715" s="613"/>
      <c r="CHP715" s="613"/>
      <c r="CHQ715" s="613"/>
      <c r="CHR715" s="613"/>
      <c r="CHS715" s="613"/>
      <c r="CHT715" s="613"/>
      <c r="CHU715" s="613"/>
      <c r="CHV715" s="613"/>
      <c r="CHW715" s="613"/>
      <c r="CHX715" s="613"/>
      <c r="CHY715" s="613"/>
      <c r="CHZ715" s="613"/>
      <c r="CIA715" s="613"/>
      <c r="CIB715" s="613"/>
      <c r="CIC715" s="613"/>
      <c r="CID715" s="613"/>
      <c r="CIE715" s="613"/>
      <c r="CIF715" s="613"/>
      <c r="CIG715" s="613"/>
      <c r="CIH715" s="613"/>
      <c r="CII715" s="613"/>
      <c r="CIJ715" s="613"/>
      <c r="CIK715" s="613"/>
      <c r="CIL715" s="613"/>
      <c r="CIM715" s="613"/>
      <c r="CIN715" s="613"/>
      <c r="CIO715" s="613"/>
      <c r="CIP715" s="613"/>
      <c r="CIQ715" s="613"/>
      <c r="CIR715" s="613"/>
      <c r="CIS715" s="613"/>
      <c r="CIT715" s="613"/>
      <c r="CIU715" s="613"/>
      <c r="CIV715" s="613"/>
      <c r="CIW715" s="613"/>
      <c r="CIX715" s="613"/>
      <c r="CIY715" s="613"/>
      <c r="CIZ715" s="613"/>
      <c r="CJA715" s="613"/>
      <c r="CJB715" s="613"/>
      <c r="CJC715" s="613"/>
      <c r="CJD715" s="613"/>
      <c r="CJE715" s="613"/>
      <c r="CJF715" s="613"/>
      <c r="CJG715" s="613"/>
      <c r="CJH715" s="613"/>
      <c r="CJI715" s="613"/>
      <c r="CJJ715" s="613"/>
      <c r="CJK715" s="613"/>
      <c r="CJL715" s="613"/>
      <c r="CJM715" s="613"/>
      <c r="CJN715" s="613"/>
      <c r="CJO715" s="613"/>
      <c r="CJP715" s="613"/>
      <c r="CJQ715" s="613"/>
      <c r="CJR715" s="613"/>
      <c r="CJS715" s="613"/>
      <c r="CJT715" s="613"/>
      <c r="CJU715" s="613"/>
      <c r="CJV715" s="613"/>
      <c r="CJW715" s="613"/>
      <c r="CJX715" s="613"/>
      <c r="CJY715" s="613"/>
      <c r="CJZ715" s="613"/>
      <c r="CKA715" s="613"/>
      <c r="CKB715" s="613"/>
      <c r="CKC715" s="613"/>
      <c r="CKD715" s="613"/>
      <c r="CKE715" s="613"/>
      <c r="CKF715" s="613"/>
      <c r="CKG715" s="613"/>
      <c r="CKH715" s="613"/>
      <c r="CKI715" s="613"/>
      <c r="CKJ715" s="613"/>
      <c r="CKK715" s="613"/>
      <c r="CKL715" s="613"/>
      <c r="CKM715" s="613"/>
      <c r="CKN715" s="613"/>
      <c r="CKO715" s="613"/>
      <c r="CKP715" s="613"/>
      <c r="CKQ715" s="613"/>
      <c r="CKR715" s="613"/>
      <c r="CKS715" s="613"/>
      <c r="CKT715" s="613"/>
      <c r="CKU715" s="613"/>
      <c r="CKV715" s="613"/>
      <c r="CKW715" s="613"/>
      <c r="CKX715" s="613"/>
      <c r="CKY715" s="613"/>
      <c r="CKZ715" s="613"/>
      <c r="CLA715" s="613"/>
      <c r="CLB715" s="613"/>
      <c r="CLC715" s="613"/>
      <c r="CLD715" s="613"/>
      <c r="CLE715" s="613"/>
      <c r="CLF715" s="613"/>
      <c r="CLG715" s="613"/>
      <c r="CLH715" s="613"/>
      <c r="CLI715" s="613"/>
      <c r="CLJ715" s="613"/>
      <c r="CLK715" s="613"/>
      <c r="CLL715" s="613"/>
      <c r="CLM715" s="613"/>
      <c r="CLN715" s="613"/>
      <c r="CLO715" s="613"/>
      <c r="CLP715" s="613"/>
      <c r="CLQ715" s="613"/>
      <c r="CLR715" s="613"/>
      <c r="CLS715" s="613"/>
      <c r="CLT715" s="613"/>
      <c r="CLU715" s="613"/>
      <c r="CLV715" s="613"/>
      <c r="CLW715" s="613"/>
      <c r="CLX715" s="613"/>
      <c r="CLY715" s="613"/>
      <c r="CLZ715" s="613"/>
      <c r="CMA715" s="613"/>
      <c r="CMB715" s="613"/>
      <c r="CMC715" s="613"/>
      <c r="CMD715" s="613"/>
      <c r="CME715" s="613"/>
      <c r="CMF715" s="613"/>
      <c r="CMG715" s="613"/>
      <c r="CMH715" s="613"/>
      <c r="CMI715" s="613"/>
      <c r="CMJ715" s="613"/>
      <c r="CMK715" s="613"/>
      <c r="CML715" s="613"/>
      <c r="CMM715" s="613"/>
      <c r="CMN715" s="613"/>
      <c r="CMO715" s="613"/>
      <c r="CMP715" s="613"/>
      <c r="CMQ715" s="613"/>
      <c r="CMR715" s="613"/>
      <c r="CMS715" s="613"/>
      <c r="CMT715" s="613"/>
      <c r="CMU715" s="613"/>
      <c r="CMV715" s="613"/>
      <c r="CMW715" s="613"/>
      <c r="CMX715" s="613"/>
      <c r="CMY715" s="613"/>
      <c r="CMZ715" s="613"/>
      <c r="CNA715" s="613"/>
      <c r="CNB715" s="613"/>
      <c r="CNC715" s="613"/>
      <c r="CND715" s="613"/>
      <c r="CNE715" s="613"/>
      <c r="CNF715" s="613"/>
      <c r="CNG715" s="613"/>
      <c r="CNH715" s="613"/>
      <c r="CNI715" s="613"/>
      <c r="CNJ715" s="613"/>
      <c r="CNK715" s="613"/>
      <c r="CNL715" s="613"/>
      <c r="CNM715" s="613"/>
      <c r="CNN715" s="613"/>
      <c r="CNO715" s="613"/>
      <c r="CNP715" s="613"/>
      <c r="CNQ715" s="613"/>
      <c r="CNR715" s="613"/>
      <c r="CNS715" s="613"/>
      <c r="CNT715" s="613"/>
      <c r="CNU715" s="613"/>
      <c r="CNV715" s="613"/>
      <c r="CNW715" s="613"/>
      <c r="CNX715" s="613"/>
      <c r="CNY715" s="613"/>
      <c r="CNZ715" s="613"/>
      <c r="COA715" s="613"/>
      <c r="COB715" s="613"/>
      <c r="COC715" s="613"/>
      <c r="COD715" s="613"/>
      <c r="COE715" s="613"/>
      <c r="COF715" s="613"/>
      <c r="COG715" s="613"/>
      <c r="COH715" s="613"/>
      <c r="COI715" s="613"/>
      <c r="COJ715" s="613"/>
      <c r="COK715" s="613"/>
      <c r="COL715" s="613"/>
      <c r="COM715" s="613"/>
      <c r="CON715" s="613"/>
      <c r="COO715" s="613"/>
      <c r="COP715" s="613"/>
      <c r="COQ715" s="613"/>
      <c r="COR715" s="613"/>
      <c r="COS715" s="613"/>
      <c r="COT715" s="613"/>
      <c r="COU715" s="613"/>
      <c r="COV715" s="613"/>
      <c r="COW715" s="613"/>
      <c r="COX715" s="613"/>
      <c r="COY715" s="613"/>
      <c r="COZ715" s="613"/>
      <c r="CPA715" s="613"/>
      <c r="CPB715" s="613"/>
      <c r="CPC715" s="613"/>
      <c r="CPD715" s="613"/>
      <c r="CPE715" s="613"/>
      <c r="CPF715" s="613"/>
      <c r="CPG715" s="613"/>
      <c r="CPH715" s="613"/>
      <c r="CPI715" s="613"/>
      <c r="CPJ715" s="613"/>
      <c r="CPK715" s="613"/>
      <c r="CPL715" s="613"/>
      <c r="CPM715" s="613"/>
      <c r="CPN715" s="613"/>
      <c r="CPO715" s="613"/>
      <c r="CPP715" s="613"/>
      <c r="CPQ715" s="613"/>
      <c r="CPR715" s="613"/>
      <c r="CPS715" s="613"/>
      <c r="CPT715" s="613"/>
      <c r="CPU715" s="613"/>
      <c r="CPV715" s="613"/>
      <c r="CPW715" s="613"/>
      <c r="CPX715" s="613"/>
      <c r="CPY715" s="613"/>
      <c r="CPZ715" s="613"/>
      <c r="CQA715" s="613"/>
      <c r="CQB715" s="613"/>
      <c r="CQC715" s="613"/>
      <c r="CQD715" s="613"/>
      <c r="CQE715" s="613"/>
      <c r="CQF715" s="613"/>
      <c r="CQG715" s="613"/>
      <c r="CQH715" s="613"/>
      <c r="CQI715" s="613"/>
      <c r="CQJ715" s="613"/>
      <c r="CQK715" s="613"/>
      <c r="CQL715" s="613"/>
      <c r="CQM715" s="613"/>
      <c r="CQN715" s="613"/>
      <c r="CQO715" s="613"/>
      <c r="CQP715" s="613"/>
      <c r="CQQ715" s="613"/>
      <c r="CQR715" s="613"/>
      <c r="CQS715" s="613"/>
      <c r="CQT715" s="613"/>
      <c r="CQU715" s="613"/>
      <c r="CQV715" s="613"/>
      <c r="CQW715" s="613"/>
      <c r="CQX715" s="613"/>
      <c r="CQY715" s="613"/>
      <c r="CQZ715" s="613"/>
      <c r="CRA715" s="613"/>
      <c r="CRB715" s="613"/>
      <c r="CRC715" s="613"/>
      <c r="CRD715" s="613"/>
      <c r="CRE715" s="613"/>
      <c r="CRF715" s="613"/>
      <c r="CRG715" s="613"/>
      <c r="CRH715" s="613"/>
      <c r="CRI715" s="613"/>
      <c r="CRJ715" s="613"/>
      <c r="CRK715" s="613"/>
      <c r="CRL715" s="613"/>
      <c r="CRM715" s="613"/>
      <c r="CRN715" s="613"/>
      <c r="CRO715" s="613"/>
      <c r="CRP715" s="613"/>
      <c r="CRQ715" s="613"/>
      <c r="CRR715" s="613"/>
      <c r="CRS715" s="613"/>
      <c r="CRT715" s="613"/>
      <c r="CRU715" s="613"/>
      <c r="CRV715" s="613"/>
      <c r="CRW715" s="613"/>
      <c r="CRX715" s="613"/>
      <c r="CRY715" s="613"/>
      <c r="CRZ715" s="613"/>
      <c r="CSA715" s="613"/>
      <c r="CSB715" s="613"/>
      <c r="CSC715" s="613"/>
      <c r="CSD715" s="613"/>
      <c r="CSE715" s="613"/>
      <c r="CSF715" s="613"/>
      <c r="CSG715" s="613"/>
      <c r="CSH715" s="613"/>
      <c r="CSI715" s="613"/>
      <c r="CSJ715" s="613"/>
      <c r="CSK715" s="613"/>
      <c r="CSL715" s="613"/>
      <c r="CSM715" s="613"/>
      <c r="CSN715" s="613"/>
      <c r="CSO715" s="613"/>
      <c r="CSP715" s="613"/>
      <c r="CSQ715" s="613"/>
      <c r="CSR715" s="613"/>
      <c r="CSS715" s="613"/>
      <c r="CST715" s="613"/>
      <c r="CSU715" s="613"/>
      <c r="CSV715" s="613"/>
      <c r="CSW715" s="613"/>
      <c r="CSX715" s="613"/>
      <c r="CSY715" s="613"/>
      <c r="CSZ715" s="613"/>
      <c r="CTA715" s="613"/>
      <c r="CTB715" s="613"/>
      <c r="CTC715" s="613"/>
      <c r="CTD715" s="613"/>
      <c r="CTE715" s="613"/>
      <c r="CTF715" s="613"/>
      <c r="CTG715" s="613"/>
      <c r="CTH715" s="613"/>
      <c r="CTI715" s="613"/>
      <c r="CTJ715" s="613"/>
      <c r="CTK715" s="613"/>
      <c r="CTL715" s="613"/>
      <c r="CTM715" s="613"/>
      <c r="CTN715" s="613"/>
      <c r="CTO715" s="613"/>
      <c r="CTP715" s="613"/>
      <c r="CTQ715" s="613"/>
      <c r="CTR715" s="613"/>
      <c r="CTS715" s="613"/>
      <c r="CTT715" s="613"/>
      <c r="CTU715" s="613"/>
      <c r="CTV715" s="613"/>
      <c r="CTW715" s="613"/>
      <c r="CTX715" s="613"/>
      <c r="CTY715" s="613"/>
      <c r="CTZ715" s="613"/>
      <c r="CUA715" s="613"/>
      <c r="CUB715" s="613"/>
      <c r="CUC715" s="613"/>
      <c r="CUD715" s="613"/>
      <c r="CUE715" s="613"/>
      <c r="CUF715" s="613"/>
      <c r="CUG715" s="613"/>
      <c r="CUH715" s="613"/>
      <c r="CUI715" s="613"/>
      <c r="CUJ715" s="613"/>
      <c r="CUK715" s="613"/>
      <c r="CUL715" s="613"/>
      <c r="CUM715" s="613"/>
      <c r="CUN715" s="613"/>
      <c r="CUO715" s="613"/>
      <c r="CUP715" s="613"/>
      <c r="CUQ715" s="613"/>
      <c r="CUR715" s="613"/>
      <c r="CUS715" s="613"/>
      <c r="CUT715" s="613"/>
      <c r="CUU715" s="613"/>
      <c r="CUV715" s="613"/>
      <c r="CUW715" s="613"/>
      <c r="CUX715" s="613"/>
      <c r="CUY715" s="613"/>
      <c r="CUZ715" s="613"/>
      <c r="CVA715" s="613"/>
      <c r="CVB715" s="613"/>
      <c r="CVC715" s="613"/>
      <c r="CVD715" s="613"/>
      <c r="CVE715" s="613"/>
      <c r="CVF715" s="613"/>
      <c r="CVG715" s="613"/>
      <c r="CVH715" s="613"/>
      <c r="CVI715" s="613"/>
      <c r="CVJ715" s="613"/>
      <c r="CVK715" s="613"/>
      <c r="CVL715" s="613"/>
      <c r="CVM715" s="613"/>
      <c r="CVN715" s="613"/>
      <c r="CVO715" s="613"/>
      <c r="CVP715" s="613"/>
      <c r="CVQ715" s="613"/>
      <c r="CVR715" s="613"/>
      <c r="CVS715" s="613"/>
      <c r="CVT715" s="613"/>
      <c r="CVU715" s="613"/>
      <c r="CVV715" s="613"/>
      <c r="CVW715" s="613"/>
      <c r="CVX715" s="613"/>
      <c r="CVY715" s="613"/>
      <c r="CVZ715" s="613"/>
      <c r="CWA715" s="613"/>
      <c r="CWB715" s="613"/>
      <c r="CWC715" s="613"/>
      <c r="CWD715" s="613"/>
      <c r="CWE715" s="613"/>
      <c r="CWF715" s="613"/>
      <c r="CWG715" s="613"/>
      <c r="CWH715" s="613"/>
      <c r="CWI715" s="613"/>
      <c r="CWJ715" s="613"/>
      <c r="CWK715" s="613"/>
      <c r="CWL715" s="613"/>
      <c r="CWM715" s="613"/>
      <c r="CWN715" s="613"/>
      <c r="CWO715" s="613"/>
      <c r="CWP715" s="613"/>
      <c r="CWQ715" s="613"/>
      <c r="CWR715" s="613"/>
      <c r="CWS715" s="613"/>
      <c r="CWT715" s="613"/>
      <c r="CWU715" s="613"/>
      <c r="CWV715" s="613"/>
      <c r="CWW715" s="613"/>
      <c r="CWX715" s="613"/>
      <c r="CWY715" s="613"/>
      <c r="CWZ715" s="613"/>
      <c r="CXA715" s="613"/>
      <c r="CXB715" s="613"/>
      <c r="CXC715" s="613"/>
      <c r="CXD715" s="613"/>
      <c r="CXE715" s="613"/>
      <c r="CXF715" s="613"/>
      <c r="CXG715" s="613"/>
      <c r="CXH715" s="613"/>
      <c r="CXI715" s="613"/>
      <c r="CXJ715" s="613"/>
      <c r="CXK715" s="613"/>
      <c r="CXL715" s="613"/>
      <c r="CXM715" s="613"/>
      <c r="CXN715" s="613"/>
      <c r="CXO715" s="613"/>
      <c r="CXP715" s="613"/>
      <c r="CXQ715" s="613"/>
      <c r="CXR715" s="613"/>
      <c r="CXS715" s="613"/>
      <c r="CXT715" s="613"/>
      <c r="CXU715" s="613"/>
      <c r="CXV715" s="613"/>
      <c r="CXW715" s="613"/>
      <c r="CXX715" s="613"/>
      <c r="CXY715" s="613"/>
      <c r="CXZ715" s="613"/>
      <c r="CYA715" s="613"/>
      <c r="CYB715" s="613"/>
      <c r="CYC715" s="613"/>
      <c r="CYD715" s="613"/>
      <c r="CYE715" s="613"/>
      <c r="CYF715" s="613"/>
      <c r="CYG715" s="613"/>
      <c r="CYH715" s="613"/>
      <c r="CYI715" s="613"/>
      <c r="CYJ715" s="613"/>
      <c r="CYK715" s="613"/>
      <c r="CYL715" s="613"/>
      <c r="CYM715" s="613"/>
      <c r="CYN715" s="613"/>
      <c r="CYO715" s="613"/>
      <c r="CYP715" s="613"/>
      <c r="CYQ715" s="613"/>
      <c r="CYR715" s="613"/>
      <c r="CYS715" s="613"/>
      <c r="CYT715" s="613"/>
      <c r="CYU715" s="613"/>
      <c r="CYV715" s="613"/>
      <c r="CYW715" s="613"/>
      <c r="CYX715" s="613"/>
      <c r="CYY715" s="613"/>
      <c r="CYZ715" s="613"/>
      <c r="CZA715" s="613"/>
      <c r="CZB715" s="613"/>
      <c r="CZC715" s="613"/>
      <c r="CZD715" s="613"/>
      <c r="CZE715" s="613"/>
      <c r="CZF715" s="613"/>
      <c r="CZG715" s="613"/>
      <c r="CZH715" s="613"/>
      <c r="CZI715" s="613"/>
      <c r="CZJ715" s="613"/>
      <c r="CZK715" s="613"/>
      <c r="CZL715" s="613"/>
      <c r="CZM715" s="613"/>
      <c r="CZN715" s="613"/>
      <c r="CZO715" s="613"/>
      <c r="CZP715" s="613"/>
      <c r="CZQ715" s="613"/>
      <c r="CZR715" s="613"/>
      <c r="CZS715" s="613"/>
      <c r="CZT715" s="613"/>
      <c r="CZU715" s="613"/>
      <c r="CZV715" s="613"/>
      <c r="CZW715" s="613"/>
      <c r="CZX715" s="613"/>
      <c r="CZY715" s="613"/>
      <c r="CZZ715" s="613"/>
      <c r="DAA715" s="613"/>
      <c r="DAB715" s="613"/>
      <c r="DAC715" s="613"/>
      <c r="DAD715" s="613"/>
      <c r="DAE715" s="613"/>
      <c r="DAF715" s="613"/>
      <c r="DAG715" s="613"/>
      <c r="DAH715" s="613"/>
      <c r="DAI715" s="613"/>
      <c r="DAJ715" s="613"/>
      <c r="DAK715" s="613"/>
      <c r="DAL715" s="613"/>
      <c r="DAM715" s="613"/>
      <c r="DAN715" s="613"/>
      <c r="DAO715" s="613"/>
      <c r="DAP715" s="613"/>
      <c r="DAQ715" s="613"/>
      <c r="DAR715" s="613"/>
      <c r="DAS715" s="613"/>
      <c r="DAT715" s="613"/>
      <c r="DAU715" s="613"/>
      <c r="DAV715" s="613"/>
      <c r="DAW715" s="613"/>
      <c r="DAX715" s="613"/>
      <c r="DAY715" s="613"/>
      <c r="DAZ715" s="613"/>
      <c r="DBA715" s="613"/>
      <c r="DBB715" s="613"/>
      <c r="DBC715" s="613"/>
      <c r="DBD715" s="613"/>
      <c r="DBE715" s="613"/>
      <c r="DBF715" s="613"/>
      <c r="DBG715" s="613"/>
      <c r="DBH715" s="613"/>
      <c r="DBI715" s="613"/>
      <c r="DBJ715" s="613"/>
      <c r="DBK715" s="613"/>
      <c r="DBL715" s="613"/>
      <c r="DBM715" s="613"/>
      <c r="DBN715" s="613"/>
      <c r="DBO715" s="613"/>
      <c r="DBP715" s="613"/>
      <c r="DBQ715" s="613"/>
      <c r="DBR715" s="613"/>
      <c r="DBS715" s="613"/>
      <c r="DBT715" s="613"/>
      <c r="DBU715" s="613"/>
      <c r="DBV715" s="613"/>
      <c r="DBW715" s="613"/>
      <c r="DBX715" s="613"/>
      <c r="DBY715" s="613"/>
      <c r="DBZ715" s="613"/>
      <c r="DCA715" s="613"/>
      <c r="DCB715" s="613"/>
      <c r="DCC715" s="613"/>
      <c r="DCD715" s="613"/>
      <c r="DCE715" s="613"/>
      <c r="DCF715" s="613"/>
      <c r="DCG715" s="613"/>
      <c r="DCH715" s="613"/>
      <c r="DCI715" s="613"/>
      <c r="DCJ715" s="613"/>
      <c r="DCK715" s="613"/>
      <c r="DCL715" s="613"/>
      <c r="DCM715" s="613"/>
      <c r="DCN715" s="613"/>
      <c r="DCO715" s="613"/>
      <c r="DCP715" s="613"/>
      <c r="DCQ715" s="613"/>
      <c r="DCR715" s="613"/>
      <c r="DCS715" s="613"/>
      <c r="DCT715" s="613"/>
      <c r="DCU715" s="613"/>
      <c r="DCV715" s="613"/>
      <c r="DCW715" s="613"/>
      <c r="DCX715" s="613"/>
      <c r="DCY715" s="613"/>
      <c r="DCZ715" s="613"/>
      <c r="DDA715" s="613"/>
      <c r="DDB715" s="613"/>
      <c r="DDC715" s="613"/>
      <c r="DDD715" s="613"/>
      <c r="DDE715" s="613"/>
      <c r="DDF715" s="613"/>
      <c r="DDG715" s="613"/>
      <c r="DDH715" s="613"/>
      <c r="DDI715" s="613"/>
      <c r="DDJ715" s="613"/>
      <c r="DDK715" s="613"/>
      <c r="DDL715" s="613"/>
      <c r="DDM715" s="613"/>
      <c r="DDN715" s="613"/>
      <c r="DDO715" s="613"/>
      <c r="DDP715" s="613"/>
      <c r="DDQ715" s="613"/>
      <c r="DDR715" s="613"/>
      <c r="DDS715" s="613"/>
      <c r="DDT715" s="613"/>
      <c r="DDU715" s="613"/>
      <c r="DDV715" s="613"/>
      <c r="DDW715" s="613"/>
      <c r="DDX715" s="613"/>
      <c r="DDY715" s="613"/>
      <c r="DDZ715" s="613"/>
      <c r="DEA715" s="613"/>
      <c r="DEB715" s="613"/>
      <c r="DEC715" s="613"/>
      <c r="DED715" s="613"/>
      <c r="DEE715" s="613"/>
      <c r="DEF715" s="613"/>
      <c r="DEG715" s="613"/>
      <c r="DEH715" s="613"/>
      <c r="DEI715" s="613"/>
      <c r="DEJ715" s="613"/>
      <c r="DEK715" s="613"/>
      <c r="DEL715" s="613"/>
      <c r="DEM715" s="613"/>
      <c r="DEN715" s="613"/>
      <c r="DEO715" s="613"/>
      <c r="DEP715" s="613"/>
      <c r="DEQ715" s="613"/>
      <c r="DER715" s="613"/>
      <c r="DES715" s="613"/>
      <c r="DET715" s="613"/>
      <c r="DEU715" s="613"/>
      <c r="DEV715" s="613"/>
      <c r="DEW715" s="613"/>
      <c r="DEX715" s="613"/>
      <c r="DEY715" s="613"/>
      <c r="DEZ715" s="613"/>
      <c r="DFA715" s="613"/>
      <c r="DFB715" s="613"/>
      <c r="DFC715" s="613"/>
      <c r="DFD715" s="613"/>
      <c r="DFE715" s="613"/>
      <c r="DFF715" s="613"/>
      <c r="DFG715" s="613"/>
      <c r="DFH715" s="613"/>
      <c r="DFI715" s="613"/>
      <c r="DFJ715" s="613"/>
      <c r="DFK715" s="613"/>
      <c r="DFL715" s="613"/>
      <c r="DFM715" s="613"/>
      <c r="DFN715" s="613"/>
      <c r="DFO715" s="613"/>
      <c r="DFP715" s="613"/>
      <c r="DFQ715" s="613"/>
      <c r="DFR715" s="613"/>
      <c r="DFS715" s="613"/>
      <c r="DFT715" s="613"/>
      <c r="DFU715" s="613"/>
      <c r="DFV715" s="613"/>
      <c r="DFW715" s="613"/>
      <c r="DFX715" s="613"/>
      <c r="DFY715" s="613"/>
      <c r="DFZ715" s="613"/>
      <c r="DGA715" s="613"/>
      <c r="DGB715" s="613"/>
      <c r="DGC715" s="613"/>
      <c r="DGD715" s="613"/>
      <c r="DGE715" s="613"/>
      <c r="DGF715" s="613"/>
      <c r="DGG715" s="613"/>
      <c r="DGH715" s="613"/>
      <c r="DGI715" s="613"/>
      <c r="DGJ715" s="613"/>
      <c r="DGK715" s="613"/>
      <c r="DGL715" s="613"/>
      <c r="DGM715" s="613"/>
      <c r="DGN715" s="613"/>
      <c r="DGO715" s="613"/>
      <c r="DGP715" s="613"/>
      <c r="DGQ715" s="613"/>
      <c r="DGR715" s="613"/>
      <c r="DGS715" s="613"/>
      <c r="DGT715" s="613"/>
      <c r="DGU715" s="613"/>
      <c r="DGV715" s="613"/>
      <c r="DGW715" s="613"/>
      <c r="DGX715" s="613"/>
      <c r="DGY715" s="613"/>
      <c r="DGZ715" s="613"/>
      <c r="DHA715" s="613"/>
      <c r="DHB715" s="613"/>
      <c r="DHC715" s="613"/>
      <c r="DHD715" s="613"/>
      <c r="DHE715" s="613"/>
      <c r="DHF715" s="613"/>
      <c r="DHG715" s="613"/>
      <c r="DHH715" s="613"/>
      <c r="DHI715" s="613"/>
      <c r="DHJ715" s="613"/>
      <c r="DHK715" s="613"/>
      <c r="DHL715" s="613"/>
      <c r="DHM715" s="613"/>
      <c r="DHN715" s="613"/>
      <c r="DHO715" s="613"/>
      <c r="DHP715" s="613"/>
      <c r="DHQ715" s="613"/>
      <c r="DHR715" s="613"/>
      <c r="DHS715" s="613"/>
      <c r="DHT715" s="613"/>
      <c r="DHU715" s="613"/>
      <c r="DHV715" s="613"/>
      <c r="DHW715" s="613"/>
      <c r="DHX715" s="613"/>
      <c r="DHY715" s="613"/>
      <c r="DHZ715" s="613"/>
      <c r="DIA715" s="613"/>
      <c r="DIB715" s="613"/>
      <c r="DIC715" s="613"/>
      <c r="DID715" s="613"/>
      <c r="DIE715" s="613"/>
      <c r="DIF715" s="613"/>
      <c r="DIG715" s="613"/>
      <c r="DIH715" s="613"/>
      <c r="DII715" s="613"/>
      <c r="DIJ715" s="613"/>
      <c r="DIK715" s="613"/>
      <c r="DIL715" s="613"/>
      <c r="DIM715" s="613"/>
      <c r="DIN715" s="613"/>
      <c r="DIO715" s="613"/>
      <c r="DIP715" s="613"/>
      <c r="DIQ715" s="613"/>
      <c r="DIR715" s="613"/>
      <c r="DIS715" s="613"/>
      <c r="DIT715" s="613"/>
      <c r="DIU715" s="613"/>
      <c r="DIV715" s="613"/>
      <c r="DIW715" s="613"/>
      <c r="DIX715" s="613"/>
      <c r="DIY715" s="613"/>
      <c r="DIZ715" s="613"/>
      <c r="DJA715" s="613"/>
      <c r="DJB715" s="613"/>
      <c r="DJC715" s="613"/>
      <c r="DJD715" s="613"/>
      <c r="DJE715" s="613"/>
      <c r="DJF715" s="613"/>
      <c r="DJG715" s="613"/>
      <c r="DJH715" s="613"/>
      <c r="DJI715" s="613"/>
      <c r="DJJ715" s="613"/>
      <c r="DJK715" s="613"/>
      <c r="DJL715" s="613"/>
      <c r="DJM715" s="613"/>
      <c r="DJN715" s="613"/>
      <c r="DJO715" s="613"/>
      <c r="DJP715" s="613"/>
      <c r="DJQ715" s="613"/>
      <c r="DJR715" s="613"/>
      <c r="DJS715" s="613"/>
      <c r="DJT715" s="613"/>
      <c r="DJU715" s="613"/>
      <c r="DJV715" s="613"/>
      <c r="DJW715" s="613"/>
      <c r="DJX715" s="613"/>
      <c r="DJY715" s="613"/>
      <c r="DJZ715" s="613"/>
      <c r="DKA715" s="613"/>
      <c r="DKB715" s="613"/>
      <c r="DKC715" s="613"/>
      <c r="DKD715" s="613"/>
      <c r="DKE715" s="613"/>
      <c r="DKF715" s="613"/>
      <c r="DKG715" s="613"/>
      <c r="DKH715" s="613"/>
      <c r="DKI715" s="613"/>
      <c r="DKJ715" s="613"/>
      <c r="DKK715" s="613"/>
      <c r="DKL715" s="613"/>
      <c r="DKM715" s="613"/>
      <c r="DKN715" s="613"/>
      <c r="DKO715" s="613"/>
      <c r="DKP715" s="613"/>
      <c r="DKQ715" s="613"/>
      <c r="DKR715" s="613"/>
      <c r="DKS715" s="613"/>
      <c r="DKT715" s="613"/>
      <c r="DKU715" s="613"/>
      <c r="DKV715" s="613"/>
      <c r="DKW715" s="613"/>
      <c r="DKX715" s="613"/>
      <c r="DKY715" s="613"/>
      <c r="DKZ715" s="613"/>
      <c r="DLA715" s="613"/>
      <c r="DLB715" s="613"/>
      <c r="DLC715" s="613"/>
      <c r="DLD715" s="613"/>
      <c r="DLE715" s="613"/>
      <c r="DLF715" s="613"/>
      <c r="DLG715" s="613"/>
      <c r="DLH715" s="613"/>
      <c r="DLI715" s="613"/>
      <c r="DLJ715" s="613"/>
      <c r="DLK715" s="613"/>
      <c r="DLL715" s="613"/>
      <c r="DLM715" s="613"/>
      <c r="DLN715" s="613"/>
      <c r="DLO715" s="613"/>
      <c r="DLP715" s="613"/>
      <c r="DLQ715" s="613"/>
      <c r="DLR715" s="613"/>
      <c r="DLS715" s="613"/>
      <c r="DLT715" s="613"/>
      <c r="DLU715" s="613"/>
      <c r="DLV715" s="613"/>
      <c r="DLW715" s="613"/>
      <c r="DLX715" s="613"/>
      <c r="DLY715" s="613"/>
      <c r="DLZ715" s="613"/>
      <c r="DMA715" s="613"/>
      <c r="DMB715" s="613"/>
      <c r="DMC715" s="613"/>
      <c r="DMD715" s="613"/>
      <c r="DME715" s="613"/>
      <c r="DMF715" s="613"/>
      <c r="DMG715" s="613"/>
      <c r="DMH715" s="613"/>
      <c r="DMI715" s="613"/>
      <c r="DMJ715" s="613"/>
      <c r="DMK715" s="613"/>
      <c r="DML715" s="613"/>
      <c r="DMM715" s="613"/>
      <c r="DMN715" s="613"/>
      <c r="DMO715" s="613"/>
      <c r="DMP715" s="613"/>
      <c r="DMQ715" s="613"/>
      <c r="DMR715" s="613"/>
      <c r="DMS715" s="613"/>
      <c r="DMT715" s="613"/>
      <c r="DMU715" s="613"/>
      <c r="DMV715" s="613"/>
      <c r="DMW715" s="613"/>
      <c r="DMX715" s="613"/>
      <c r="DMY715" s="613"/>
      <c r="DMZ715" s="613"/>
      <c r="DNA715" s="613"/>
      <c r="DNB715" s="613"/>
      <c r="DNC715" s="613"/>
      <c r="DND715" s="613"/>
      <c r="DNE715" s="613"/>
      <c r="DNF715" s="613"/>
      <c r="DNG715" s="613"/>
      <c r="DNH715" s="613"/>
      <c r="DNI715" s="613"/>
      <c r="DNJ715" s="613"/>
      <c r="DNK715" s="613"/>
      <c r="DNL715" s="613"/>
      <c r="DNM715" s="613"/>
      <c r="DNN715" s="613"/>
      <c r="DNO715" s="613"/>
      <c r="DNP715" s="613"/>
      <c r="DNQ715" s="613"/>
      <c r="DNR715" s="613"/>
      <c r="DNS715" s="613"/>
      <c r="DNT715" s="613"/>
      <c r="DNU715" s="613"/>
      <c r="DNV715" s="613"/>
      <c r="DNW715" s="613"/>
      <c r="DNX715" s="613"/>
      <c r="DNY715" s="613"/>
      <c r="DNZ715" s="613"/>
      <c r="DOA715" s="613"/>
      <c r="DOB715" s="613"/>
      <c r="DOC715" s="613"/>
      <c r="DOD715" s="613"/>
      <c r="DOE715" s="613"/>
      <c r="DOF715" s="613"/>
      <c r="DOG715" s="613"/>
      <c r="DOH715" s="613"/>
      <c r="DOI715" s="613"/>
      <c r="DOJ715" s="613"/>
      <c r="DOK715" s="613"/>
      <c r="DOL715" s="613"/>
      <c r="DOM715" s="613"/>
      <c r="DON715" s="613"/>
      <c r="DOO715" s="613"/>
      <c r="DOP715" s="613"/>
      <c r="DOQ715" s="613"/>
      <c r="DOR715" s="613"/>
      <c r="DOS715" s="613"/>
      <c r="DOT715" s="613"/>
      <c r="DOU715" s="613"/>
      <c r="DOV715" s="613"/>
      <c r="DOW715" s="613"/>
      <c r="DOX715" s="613"/>
      <c r="DOY715" s="613"/>
      <c r="DOZ715" s="613"/>
      <c r="DPA715" s="613"/>
      <c r="DPB715" s="613"/>
      <c r="DPC715" s="613"/>
      <c r="DPD715" s="613"/>
      <c r="DPE715" s="613"/>
      <c r="DPF715" s="613"/>
      <c r="DPG715" s="613"/>
      <c r="DPH715" s="613"/>
      <c r="DPI715" s="613"/>
      <c r="DPJ715" s="613"/>
      <c r="DPK715" s="613"/>
      <c r="DPL715" s="613"/>
      <c r="DPM715" s="613"/>
      <c r="DPN715" s="613"/>
      <c r="DPO715" s="613"/>
      <c r="DPP715" s="613"/>
      <c r="DPQ715" s="613"/>
      <c r="DPR715" s="613"/>
      <c r="DPS715" s="613"/>
      <c r="DPT715" s="613"/>
      <c r="DPU715" s="613"/>
      <c r="DPV715" s="613"/>
      <c r="DPW715" s="613"/>
      <c r="DPX715" s="613"/>
      <c r="DPY715" s="613"/>
      <c r="DPZ715" s="613"/>
      <c r="DQA715" s="613"/>
      <c r="DQB715" s="613"/>
      <c r="DQC715" s="613"/>
      <c r="DQD715" s="613"/>
      <c r="DQE715" s="613"/>
      <c r="DQF715" s="613"/>
      <c r="DQG715" s="613"/>
      <c r="DQH715" s="613"/>
      <c r="DQI715" s="613"/>
      <c r="DQJ715" s="613"/>
      <c r="DQK715" s="613"/>
      <c r="DQL715" s="613"/>
      <c r="DQM715" s="613"/>
      <c r="DQN715" s="613"/>
      <c r="DQO715" s="613"/>
      <c r="DQP715" s="613"/>
      <c r="DQQ715" s="613"/>
      <c r="DQR715" s="613"/>
      <c r="DQS715" s="613"/>
      <c r="DQT715" s="613"/>
      <c r="DQU715" s="613"/>
      <c r="DQV715" s="613"/>
      <c r="DQW715" s="613"/>
      <c r="DQX715" s="613"/>
      <c r="DQY715" s="613"/>
      <c r="DQZ715" s="613"/>
      <c r="DRA715" s="613"/>
      <c r="DRB715" s="613"/>
      <c r="DRC715" s="613"/>
      <c r="DRD715" s="613"/>
      <c r="DRE715" s="613"/>
      <c r="DRF715" s="613"/>
      <c r="DRG715" s="613"/>
      <c r="DRH715" s="613"/>
      <c r="DRI715" s="613"/>
      <c r="DRJ715" s="613"/>
      <c r="DRK715" s="613"/>
      <c r="DRL715" s="613"/>
      <c r="DRM715" s="613"/>
      <c r="DRN715" s="613"/>
      <c r="DRO715" s="613"/>
      <c r="DRP715" s="613"/>
      <c r="DRQ715" s="613"/>
      <c r="DRR715" s="613"/>
      <c r="DRS715" s="613"/>
      <c r="DRT715" s="613"/>
      <c r="DRU715" s="613"/>
      <c r="DRV715" s="613"/>
      <c r="DRW715" s="613"/>
      <c r="DRX715" s="613"/>
      <c r="DRY715" s="613"/>
      <c r="DRZ715" s="613"/>
      <c r="DSA715" s="613"/>
      <c r="DSB715" s="613"/>
      <c r="DSC715" s="613"/>
      <c r="DSD715" s="613"/>
      <c r="DSE715" s="613"/>
      <c r="DSF715" s="613"/>
      <c r="DSG715" s="613"/>
      <c r="DSH715" s="613"/>
      <c r="DSI715" s="613"/>
      <c r="DSJ715" s="613"/>
      <c r="DSK715" s="613"/>
      <c r="DSL715" s="613"/>
      <c r="DSM715" s="613"/>
      <c r="DSN715" s="613"/>
      <c r="DSO715" s="613"/>
      <c r="DSP715" s="613"/>
      <c r="DSQ715" s="613"/>
      <c r="DSR715" s="613"/>
      <c r="DSS715" s="613"/>
      <c r="DST715" s="613"/>
      <c r="DSU715" s="613"/>
      <c r="DSV715" s="613"/>
      <c r="DSW715" s="613"/>
      <c r="DSX715" s="613"/>
      <c r="DSY715" s="613"/>
      <c r="DSZ715" s="613"/>
      <c r="DTA715" s="613"/>
      <c r="DTB715" s="613"/>
      <c r="DTC715" s="613"/>
      <c r="DTD715" s="613"/>
      <c r="DTE715" s="613"/>
      <c r="DTF715" s="613"/>
      <c r="DTG715" s="613"/>
      <c r="DTH715" s="613"/>
      <c r="DTI715" s="613"/>
      <c r="DTJ715" s="613"/>
      <c r="DTK715" s="613"/>
      <c r="DTL715" s="613"/>
      <c r="DTM715" s="613"/>
      <c r="DTN715" s="613"/>
      <c r="DTO715" s="613"/>
      <c r="DTP715" s="613"/>
      <c r="DTQ715" s="613"/>
      <c r="DTR715" s="613"/>
      <c r="DTS715" s="613"/>
      <c r="DTT715" s="613"/>
      <c r="DTU715" s="613"/>
      <c r="DTV715" s="613"/>
      <c r="DTW715" s="613"/>
      <c r="DTX715" s="613"/>
      <c r="DTY715" s="613"/>
      <c r="DTZ715" s="613"/>
      <c r="DUA715" s="613"/>
      <c r="DUB715" s="613"/>
      <c r="DUC715" s="613"/>
      <c r="DUD715" s="613"/>
      <c r="DUE715" s="613"/>
      <c r="DUF715" s="613"/>
      <c r="DUG715" s="613"/>
      <c r="DUH715" s="613"/>
      <c r="DUI715" s="613"/>
      <c r="DUJ715" s="613"/>
      <c r="DUK715" s="613"/>
      <c r="DUL715" s="613"/>
      <c r="DUM715" s="613"/>
      <c r="DUN715" s="613"/>
      <c r="DUO715" s="613"/>
      <c r="DUP715" s="613"/>
      <c r="DUQ715" s="613"/>
      <c r="DUR715" s="613"/>
      <c r="DUS715" s="613"/>
      <c r="DUT715" s="613"/>
      <c r="DUU715" s="613"/>
      <c r="DUV715" s="613"/>
      <c r="DUW715" s="613"/>
      <c r="DUX715" s="613"/>
      <c r="DUY715" s="613"/>
      <c r="DUZ715" s="613"/>
      <c r="DVA715" s="613"/>
      <c r="DVB715" s="613"/>
      <c r="DVC715" s="613"/>
      <c r="DVD715" s="613"/>
      <c r="DVE715" s="613"/>
      <c r="DVF715" s="613"/>
      <c r="DVG715" s="613"/>
      <c r="DVH715" s="613"/>
      <c r="DVI715" s="613"/>
      <c r="DVJ715" s="613"/>
      <c r="DVK715" s="613"/>
      <c r="DVL715" s="613"/>
      <c r="DVM715" s="613"/>
      <c r="DVN715" s="613"/>
      <c r="DVO715" s="613"/>
      <c r="DVP715" s="613"/>
      <c r="DVQ715" s="613"/>
      <c r="DVR715" s="613"/>
      <c r="DVS715" s="613"/>
      <c r="DVT715" s="613"/>
      <c r="DVU715" s="613"/>
      <c r="DVV715" s="613"/>
      <c r="DVW715" s="613"/>
      <c r="DVX715" s="613"/>
      <c r="DVY715" s="613"/>
      <c r="DVZ715" s="613"/>
      <c r="DWA715" s="613"/>
      <c r="DWB715" s="613"/>
      <c r="DWC715" s="613"/>
      <c r="DWD715" s="613"/>
      <c r="DWE715" s="613"/>
      <c r="DWF715" s="613"/>
      <c r="DWG715" s="613"/>
      <c r="DWH715" s="613"/>
      <c r="DWI715" s="613"/>
      <c r="DWJ715" s="613"/>
      <c r="DWK715" s="613"/>
      <c r="DWL715" s="613"/>
      <c r="DWM715" s="613"/>
      <c r="DWN715" s="613"/>
      <c r="DWO715" s="613"/>
      <c r="DWP715" s="613"/>
      <c r="DWQ715" s="613"/>
      <c r="DWR715" s="613"/>
      <c r="DWS715" s="613"/>
      <c r="DWT715" s="613"/>
      <c r="DWU715" s="613"/>
      <c r="DWV715" s="613"/>
      <c r="DWW715" s="613"/>
      <c r="DWX715" s="613"/>
      <c r="DWY715" s="613"/>
      <c r="DWZ715" s="613"/>
      <c r="DXA715" s="613"/>
      <c r="DXB715" s="613"/>
      <c r="DXC715" s="613"/>
      <c r="DXD715" s="613"/>
      <c r="DXE715" s="613"/>
      <c r="DXF715" s="613"/>
      <c r="DXG715" s="613"/>
      <c r="DXH715" s="613"/>
      <c r="DXI715" s="613"/>
      <c r="DXJ715" s="613"/>
      <c r="DXK715" s="613"/>
      <c r="DXL715" s="613"/>
      <c r="DXM715" s="613"/>
      <c r="DXN715" s="613"/>
      <c r="DXO715" s="613"/>
      <c r="DXP715" s="613"/>
      <c r="DXQ715" s="613"/>
      <c r="DXR715" s="613"/>
      <c r="DXS715" s="613"/>
      <c r="DXT715" s="613"/>
      <c r="DXU715" s="613"/>
      <c r="DXV715" s="613"/>
      <c r="DXW715" s="613"/>
      <c r="DXX715" s="613"/>
      <c r="DXY715" s="613"/>
      <c r="DXZ715" s="613"/>
      <c r="DYA715" s="613"/>
      <c r="DYB715" s="613"/>
      <c r="DYC715" s="613"/>
      <c r="DYD715" s="613"/>
      <c r="DYE715" s="613"/>
      <c r="DYF715" s="613"/>
      <c r="DYG715" s="613"/>
      <c r="DYH715" s="613"/>
      <c r="DYI715" s="613"/>
      <c r="DYJ715" s="613"/>
      <c r="DYK715" s="613"/>
      <c r="DYL715" s="613"/>
      <c r="DYM715" s="613"/>
      <c r="DYN715" s="613"/>
      <c r="DYO715" s="613"/>
      <c r="DYP715" s="613"/>
      <c r="DYQ715" s="613"/>
      <c r="DYR715" s="613"/>
      <c r="DYS715" s="613"/>
      <c r="DYT715" s="613"/>
      <c r="DYU715" s="613"/>
      <c r="DYV715" s="613"/>
      <c r="DYW715" s="613"/>
      <c r="DYX715" s="613"/>
      <c r="DYY715" s="613"/>
      <c r="DYZ715" s="613"/>
      <c r="DZA715" s="613"/>
      <c r="DZB715" s="613"/>
      <c r="DZC715" s="613"/>
      <c r="DZD715" s="613"/>
      <c r="DZE715" s="613"/>
      <c r="DZF715" s="613"/>
      <c r="DZG715" s="613"/>
      <c r="DZH715" s="613"/>
      <c r="DZI715" s="613"/>
      <c r="DZJ715" s="613"/>
      <c r="DZK715" s="613"/>
      <c r="DZL715" s="613"/>
      <c r="DZM715" s="613"/>
      <c r="DZN715" s="613"/>
      <c r="DZO715" s="613"/>
      <c r="DZP715" s="613"/>
      <c r="DZQ715" s="613"/>
      <c r="DZR715" s="613"/>
      <c r="DZS715" s="613"/>
      <c r="DZT715" s="613"/>
      <c r="DZU715" s="613"/>
      <c r="DZV715" s="613"/>
      <c r="DZW715" s="613"/>
      <c r="DZX715" s="613"/>
      <c r="DZY715" s="613"/>
      <c r="DZZ715" s="613"/>
      <c r="EAA715" s="613"/>
      <c r="EAB715" s="613"/>
      <c r="EAC715" s="613"/>
      <c r="EAD715" s="613"/>
      <c r="EAE715" s="613"/>
      <c r="EAF715" s="613"/>
      <c r="EAG715" s="613"/>
      <c r="EAH715" s="613"/>
      <c r="EAI715" s="613"/>
      <c r="EAJ715" s="613"/>
      <c r="EAK715" s="613"/>
      <c r="EAL715" s="613"/>
      <c r="EAM715" s="613"/>
      <c r="EAN715" s="613"/>
      <c r="EAO715" s="613"/>
      <c r="EAP715" s="613"/>
      <c r="EAQ715" s="613"/>
      <c r="EAR715" s="613"/>
      <c r="EAS715" s="613"/>
      <c r="EAT715" s="613"/>
      <c r="EAU715" s="613"/>
      <c r="EAV715" s="613"/>
      <c r="EAW715" s="613"/>
      <c r="EAX715" s="613"/>
      <c r="EAY715" s="613"/>
      <c r="EAZ715" s="613"/>
      <c r="EBA715" s="613"/>
      <c r="EBB715" s="613"/>
      <c r="EBC715" s="613"/>
      <c r="EBD715" s="613"/>
      <c r="EBE715" s="613"/>
      <c r="EBF715" s="613"/>
      <c r="EBG715" s="613"/>
      <c r="EBH715" s="613"/>
      <c r="EBI715" s="613"/>
      <c r="EBJ715" s="613"/>
      <c r="EBK715" s="613"/>
      <c r="EBL715" s="613"/>
      <c r="EBM715" s="613"/>
      <c r="EBN715" s="613"/>
      <c r="EBO715" s="613"/>
      <c r="EBP715" s="613"/>
      <c r="EBQ715" s="613"/>
      <c r="EBR715" s="613"/>
      <c r="EBS715" s="613"/>
      <c r="EBT715" s="613"/>
      <c r="EBU715" s="613"/>
      <c r="EBV715" s="613"/>
      <c r="EBW715" s="613"/>
      <c r="EBX715" s="613"/>
      <c r="EBY715" s="613"/>
      <c r="EBZ715" s="613"/>
      <c r="ECA715" s="613"/>
      <c r="ECB715" s="613"/>
      <c r="ECC715" s="613"/>
      <c r="ECD715" s="613"/>
      <c r="ECE715" s="613"/>
      <c r="ECF715" s="613"/>
      <c r="ECG715" s="613"/>
      <c r="ECH715" s="613"/>
      <c r="ECI715" s="613"/>
      <c r="ECJ715" s="613"/>
      <c r="ECK715" s="613"/>
      <c r="ECL715" s="613"/>
      <c r="ECM715" s="613"/>
      <c r="ECN715" s="613"/>
      <c r="ECO715" s="613"/>
      <c r="ECP715" s="613"/>
      <c r="ECQ715" s="613"/>
      <c r="ECR715" s="613"/>
      <c r="ECS715" s="613"/>
      <c r="ECT715" s="613"/>
      <c r="ECU715" s="613"/>
      <c r="ECV715" s="613"/>
      <c r="ECW715" s="613"/>
      <c r="ECX715" s="613"/>
      <c r="ECY715" s="613"/>
      <c r="ECZ715" s="613"/>
      <c r="EDA715" s="613"/>
      <c r="EDB715" s="613"/>
      <c r="EDC715" s="613"/>
      <c r="EDD715" s="613"/>
      <c r="EDE715" s="613"/>
      <c r="EDF715" s="613"/>
      <c r="EDG715" s="613"/>
      <c r="EDH715" s="613"/>
      <c r="EDI715" s="613"/>
      <c r="EDJ715" s="613"/>
      <c r="EDK715" s="613"/>
      <c r="EDL715" s="613"/>
      <c r="EDM715" s="613"/>
      <c r="EDN715" s="613"/>
      <c r="EDO715" s="613"/>
      <c r="EDP715" s="613"/>
      <c r="EDQ715" s="613"/>
      <c r="EDR715" s="613"/>
      <c r="EDS715" s="613"/>
      <c r="EDT715" s="613"/>
      <c r="EDU715" s="613"/>
      <c r="EDV715" s="613"/>
      <c r="EDW715" s="613"/>
      <c r="EDX715" s="613"/>
      <c r="EDY715" s="613"/>
      <c r="EDZ715" s="613"/>
      <c r="EEA715" s="613"/>
      <c r="EEB715" s="613"/>
      <c r="EEC715" s="613"/>
      <c r="EED715" s="613"/>
      <c r="EEE715" s="613"/>
      <c r="EEF715" s="613"/>
      <c r="EEG715" s="613"/>
      <c r="EEH715" s="613"/>
      <c r="EEI715" s="613"/>
      <c r="EEJ715" s="613"/>
      <c r="EEK715" s="613"/>
      <c r="EEL715" s="613"/>
      <c r="EEM715" s="613"/>
      <c r="EEN715" s="613"/>
      <c r="EEO715" s="613"/>
      <c r="EEP715" s="613"/>
      <c r="EEQ715" s="613"/>
      <c r="EER715" s="613"/>
      <c r="EES715" s="613"/>
      <c r="EET715" s="613"/>
      <c r="EEU715" s="613"/>
      <c r="EEV715" s="613"/>
      <c r="EEW715" s="613"/>
      <c r="EEX715" s="613"/>
      <c r="EEY715" s="613"/>
      <c r="EEZ715" s="613"/>
      <c r="EFA715" s="613"/>
      <c r="EFB715" s="613"/>
      <c r="EFC715" s="613"/>
      <c r="EFD715" s="613"/>
      <c r="EFE715" s="613"/>
      <c r="EFF715" s="613"/>
      <c r="EFG715" s="613"/>
      <c r="EFH715" s="613"/>
      <c r="EFI715" s="613"/>
      <c r="EFJ715" s="613"/>
      <c r="EFK715" s="613"/>
      <c r="EFL715" s="613"/>
      <c r="EFM715" s="613"/>
      <c r="EFN715" s="613"/>
      <c r="EFO715" s="613"/>
      <c r="EFP715" s="613"/>
      <c r="EFQ715" s="613"/>
      <c r="EFR715" s="613"/>
      <c r="EFS715" s="613"/>
      <c r="EFT715" s="613"/>
      <c r="EFU715" s="613"/>
      <c r="EFV715" s="613"/>
      <c r="EFW715" s="613"/>
      <c r="EFX715" s="613"/>
      <c r="EFY715" s="613"/>
      <c r="EFZ715" s="613"/>
      <c r="EGA715" s="613"/>
      <c r="EGB715" s="613"/>
      <c r="EGC715" s="613"/>
      <c r="EGD715" s="613"/>
      <c r="EGE715" s="613"/>
      <c r="EGF715" s="613"/>
      <c r="EGG715" s="613"/>
      <c r="EGH715" s="613"/>
      <c r="EGI715" s="613"/>
      <c r="EGJ715" s="613"/>
      <c r="EGK715" s="613"/>
      <c r="EGL715" s="613"/>
      <c r="EGM715" s="613"/>
      <c r="EGN715" s="613"/>
      <c r="EGO715" s="613"/>
      <c r="EGP715" s="613"/>
      <c r="EGQ715" s="613"/>
      <c r="EGR715" s="613"/>
      <c r="EGS715" s="613"/>
      <c r="EGT715" s="613"/>
      <c r="EGU715" s="613"/>
      <c r="EGV715" s="613"/>
      <c r="EGW715" s="613"/>
      <c r="EGX715" s="613"/>
      <c r="EGY715" s="613"/>
      <c r="EGZ715" s="613"/>
      <c r="EHA715" s="613"/>
      <c r="EHB715" s="613"/>
      <c r="EHC715" s="613"/>
      <c r="EHD715" s="613"/>
      <c r="EHE715" s="613"/>
      <c r="EHF715" s="613"/>
      <c r="EHG715" s="613"/>
      <c r="EHH715" s="613"/>
      <c r="EHI715" s="613"/>
      <c r="EHJ715" s="613"/>
      <c r="EHK715" s="613"/>
      <c r="EHL715" s="613"/>
      <c r="EHM715" s="613"/>
      <c r="EHN715" s="613"/>
      <c r="EHO715" s="613"/>
      <c r="EHP715" s="613"/>
      <c r="EHQ715" s="613"/>
      <c r="EHR715" s="613"/>
      <c r="EHS715" s="613"/>
      <c r="EHT715" s="613"/>
      <c r="EHU715" s="613"/>
      <c r="EHV715" s="613"/>
      <c r="EHW715" s="613"/>
      <c r="EHX715" s="613"/>
      <c r="EHY715" s="613"/>
      <c r="EHZ715" s="613"/>
      <c r="EIA715" s="613"/>
      <c r="EIB715" s="613"/>
      <c r="EIC715" s="613"/>
      <c r="EID715" s="613"/>
      <c r="EIE715" s="613"/>
      <c r="EIF715" s="613"/>
      <c r="EIG715" s="613"/>
      <c r="EIH715" s="613"/>
      <c r="EII715" s="613"/>
      <c r="EIJ715" s="613"/>
      <c r="EIK715" s="613"/>
      <c r="EIL715" s="613"/>
      <c r="EIM715" s="613"/>
      <c r="EIN715" s="613"/>
      <c r="EIO715" s="613"/>
      <c r="EIP715" s="613"/>
      <c r="EIQ715" s="613"/>
      <c r="EIR715" s="613"/>
      <c r="EIS715" s="613"/>
      <c r="EIT715" s="613"/>
      <c r="EIU715" s="613"/>
      <c r="EIV715" s="613"/>
      <c r="EIW715" s="613"/>
      <c r="EIX715" s="613"/>
      <c r="EIY715" s="613"/>
      <c r="EIZ715" s="613"/>
      <c r="EJA715" s="613"/>
      <c r="EJB715" s="613"/>
      <c r="EJC715" s="613"/>
      <c r="EJD715" s="613"/>
      <c r="EJE715" s="613"/>
      <c r="EJF715" s="613"/>
      <c r="EJG715" s="613"/>
      <c r="EJH715" s="613"/>
      <c r="EJI715" s="613"/>
      <c r="EJJ715" s="613"/>
      <c r="EJK715" s="613"/>
      <c r="EJL715" s="613"/>
      <c r="EJM715" s="613"/>
      <c r="EJN715" s="613"/>
      <c r="EJO715" s="613"/>
      <c r="EJP715" s="613"/>
      <c r="EJQ715" s="613"/>
      <c r="EJR715" s="613"/>
      <c r="EJS715" s="613"/>
      <c r="EJT715" s="613"/>
      <c r="EJU715" s="613"/>
      <c r="EJV715" s="613"/>
      <c r="EJW715" s="613"/>
      <c r="EJX715" s="613"/>
      <c r="EJY715" s="613"/>
      <c r="EJZ715" s="613"/>
      <c r="EKA715" s="613"/>
      <c r="EKB715" s="613"/>
      <c r="EKC715" s="613"/>
      <c r="EKD715" s="613"/>
      <c r="EKE715" s="613"/>
      <c r="EKF715" s="613"/>
      <c r="EKG715" s="613"/>
      <c r="EKH715" s="613"/>
      <c r="EKI715" s="613"/>
      <c r="EKJ715" s="613"/>
      <c r="EKK715" s="613"/>
      <c r="EKL715" s="613"/>
      <c r="EKM715" s="613"/>
      <c r="EKN715" s="613"/>
      <c r="EKO715" s="613"/>
      <c r="EKP715" s="613"/>
      <c r="EKQ715" s="613"/>
      <c r="EKR715" s="613"/>
      <c r="EKS715" s="613"/>
      <c r="EKT715" s="613"/>
      <c r="EKU715" s="613"/>
      <c r="EKV715" s="613"/>
      <c r="EKW715" s="613"/>
      <c r="EKX715" s="613"/>
      <c r="EKY715" s="613"/>
      <c r="EKZ715" s="613"/>
      <c r="ELA715" s="613"/>
      <c r="ELB715" s="613"/>
      <c r="ELC715" s="613"/>
      <c r="ELD715" s="613"/>
      <c r="ELE715" s="613"/>
      <c r="ELF715" s="613"/>
      <c r="ELG715" s="613"/>
      <c r="ELH715" s="613"/>
      <c r="ELI715" s="613"/>
      <c r="ELJ715" s="613"/>
      <c r="ELK715" s="613"/>
      <c r="ELL715" s="613"/>
      <c r="ELM715" s="613"/>
      <c r="ELN715" s="613"/>
      <c r="ELO715" s="613"/>
      <c r="ELP715" s="613"/>
      <c r="ELQ715" s="613"/>
      <c r="ELR715" s="613"/>
      <c r="ELS715" s="613"/>
      <c r="ELT715" s="613"/>
      <c r="ELU715" s="613"/>
      <c r="ELV715" s="613"/>
      <c r="ELW715" s="613"/>
      <c r="ELX715" s="613"/>
      <c r="ELY715" s="613"/>
      <c r="ELZ715" s="613"/>
      <c r="EMA715" s="613"/>
      <c r="EMB715" s="613"/>
      <c r="EMC715" s="613"/>
      <c r="EMD715" s="613"/>
      <c r="EME715" s="613"/>
      <c r="EMF715" s="613"/>
      <c r="EMG715" s="613"/>
      <c r="EMH715" s="613"/>
      <c r="EMI715" s="613"/>
      <c r="EMJ715" s="613"/>
      <c r="EMK715" s="613"/>
      <c r="EML715" s="613"/>
      <c r="EMM715" s="613"/>
      <c r="EMN715" s="613"/>
      <c r="EMO715" s="613"/>
      <c r="EMP715" s="613"/>
      <c r="EMQ715" s="613"/>
      <c r="EMR715" s="613"/>
      <c r="EMS715" s="613"/>
      <c r="EMT715" s="613"/>
      <c r="EMU715" s="613"/>
      <c r="EMV715" s="613"/>
      <c r="EMW715" s="613"/>
      <c r="EMX715" s="613"/>
      <c r="EMY715" s="613"/>
      <c r="EMZ715" s="613"/>
      <c r="ENA715" s="613"/>
      <c r="ENB715" s="613"/>
      <c r="ENC715" s="613"/>
      <c r="END715" s="613"/>
      <c r="ENE715" s="613"/>
      <c r="ENF715" s="613"/>
      <c r="ENG715" s="613"/>
      <c r="ENH715" s="613"/>
      <c r="ENI715" s="613"/>
      <c r="ENJ715" s="613"/>
      <c r="ENK715" s="613"/>
      <c r="ENL715" s="613"/>
      <c r="ENM715" s="613"/>
      <c r="ENN715" s="613"/>
      <c r="ENO715" s="613"/>
      <c r="ENP715" s="613"/>
      <c r="ENQ715" s="613"/>
      <c r="ENR715" s="613"/>
      <c r="ENS715" s="613"/>
      <c r="ENT715" s="613"/>
      <c r="ENU715" s="613"/>
      <c r="ENV715" s="613"/>
      <c r="ENW715" s="613"/>
      <c r="ENX715" s="613"/>
      <c r="ENY715" s="613"/>
      <c r="ENZ715" s="613"/>
      <c r="EOA715" s="613"/>
      <c r="EOB715" s="613"/>
      <c r="EOC715" s="613"/>
      <c r="EOD715" s="613"/>
      <c r="EOE715" s="613"/>
      <c r="EOF715" s="613"/>
      <c r="EOG715" s="613"/>
      <c r="EOH715" s="613"/>
      <c r="EOI715" s="613"/>
      <c r="EOJ715" s="613"/>
      <c r="EOK715" s="613"/>
      <c r="EOL715" s="613"/>
      <c r="EOM715" s="613"/>
      <c r="EON715" s="613"/>
      <c r="EOO715" s="613"/>
      <c r="EOP715" s="613"/>
      <c r="EOQ715" s="613"/>
      <c r="EOR715" s="613"/>
      <c r="EOS715" s="613"/>
      <c r="EOT715" s="613"/>
      <c r="EOU715" s="613"/>
      <c r="EOV715" s="613"/>
      <c r="EOW715" s="613"/>
      <c r="EOX715" s="613"/>
      <c r="EOY715" s="613"/>
      <c r="EOZ715" s="613"/>
      <c r="EPA715" s="613"/>
      <c r="EPB715" s="613"/>
      <c r="EPC715" s="613"/>
      <c r="EPD715" s="613"/>
      <c r="EPE715" s="613"/>
      <c r="EPF715" s="613"/>
      <c r="EPG715" s="613"/>
      <c r="EPH715" s="613"/>
      <c r="EPI715" s="613"/>
      <c r="EPJ715" s="613"/>
      <c r="EPK715" s="613"/>
      <c r="EPL715" s="613"/>
      <c r="EPM715" s="613"/>
      <c r="EPN715" s="613"/>
      <c r="EPO715" s="613"/>
      <c r="EPP715" s="613"/>
      <c r="EPQ715" s="613"/>
      <c r="EPR715" s="613"/>
      <c r="EPS715" s="613"/>
      <c r="EPT715" s="613"/>
      <c r="EPU715" s="613"/>
      <c r="EPV715" s="613"/>
      <c r="EPW715" s="613"/>
      <c r="EPX715" s="613"/>
      <c r="EPY715" s="613"/>
      <c r="EPZ715" s="613"/>
      <c r="EQA715" s="613"/>
      <c r="EQB715" s="613"/>
      <c r="EQC715" s="613"/>
      <c r="EQD715" s="613"/>
      <c r="EQE715" s="613"/>
      <c r="EQF715" s="613"/>
      <c r="EQG715" s="613"/>
      <c r="EQH715" s="613"/>
      <c r="EQI715" s="613"/>
      <c r="EQJ715" s="613"/>
      <c r="EQK715" s="613"/>
      <c r="EQL715" s="613"/>
      <c r="EQM715" s="613"/>
      <c r="EQN715" s="613"/>
      <c r="EQO715" s="613"/>
      <c r="EQP715" s="613"/>
      <c r="EQQ715" s="613"/>
      <c r="EQR715" s="613"/>
      <c r="EQS715" s="613"/>
      <c r="EQT715" s="613"/>
      <c r="EQU715" s="613"/>
      <c r="EQV715" s="613"/>
      <c r="EQW715" s="613"/>
      <c r="EQX715" s="613"/>
      <c r="EQY715" s="613"/>
      <c r="EQZ715" s="613"/>
      <c r="ERA715" s="613"/>
      <c r="ERB715" s="613"/>
      <c r="ERC715" s="613"/>
      <c r="ERD715" s="613"/>
      <c r="ERE715" s="613"/>
      <c r="ERF715" s="613"/>
      <c r="ERG715" s="613"/>
      <c r="ERH715" s="613"/>
      <c r="ERI715" s="613"/>
      <c r="ERJ715" s="613"/>
      <c r="ERK715" s="613"/>
      <c r="ERL715" s="613"/>
      <c r="ERM715" s="613"/>
      <c r="ERN715" s="613"/>
      <c r="ERO715" s="613"/>
      <c r="ERP715" s="613"/>
      <c r="ERQ715" s="613"/>
      <c r="ERR715" s="613"/>
      <c r="ERS715" s="613"/>
      <c r="ERT715" s="613"/>
      <c r="ERU715" s="613"/>
      <c r="ERV715" s="613"/>
      <c r="ERW715" s="613"/>
      <c r="ERX715" s="613"/>
      <c r="ERY715" s="613"/>
      <c r="ERZ715" s="613"/>
      <c r="ESA715" s="613"/>
      <c r="ESB715" s="613"/>
      <c r="ESC715" s="613"/>
      <c r="ESD715" s="613"/>
      <c r="ESE715" s="613"/>
      <c r="ESF715" s="613"/>
      <c r="ESG715" s="613"/>
      <c r="ESH715" s="613"/>
      <c r="ESI715" s="613"/>
      <c r="ESJ715" s="613"/>
      <c r="ESK715" s="613"/>
      <c r="ESL715" s="613"/>
      <c r="ESM715" s="613"/>
      <c r="ESN715" s="613"/>
      <c r="ESO715" s="613"/>
      <c r="ESP715" s="613"/>
      <c r="ESQ715" s="613"/>
      <c r="ESR715" s="613"/>
      <c r="ESS715" s="613"/>
      <c r="EST715" s="613"/>
      <c r="ESU715" s="613"/>
      <c r="ESV715" s="613"/>
      <c r="ESW715" s="613"/>
      <c r="ESX715" s="613"/>
      <c r="ESY715" s="613"/>
      <c r="ESZ715" s="613"/>
      <c r="ETA715" s="613"/>
      <c r="ETB715" s="613"/>
      <c r="ETC715" s="613"/>
      <c r="ETD715" s="613"/>
      <c r="ETE715" s="613"/>
      <c r="ETF715" s="613"/>
      <c r="ETG715" s="613"/>
      <c r="ETH715" s="613"/>
      <c r="ETI715" s="613"/>
      <c r="ETJ715" s="613"/>
      <c r="ETK715" s="613"/>
      <c r="ETL715" s="613"/>
      <c r="ETM715" s="613"/>
      <c r="ETN715" s="613"/>
      <c r="ETO715" s="613"/>
      <c r="ETP715" s="613"/>
      <c r="ETQ715" s="613"/>
      <c r="ETR715" s="613"/>
      <c r="ETS715" s="613"/>
      <c r="ETT715" s="613"/>
      <c r="ETU715" s="613"/>
      <c r="ETV715" s="613"/>
      <c r="ETW715" s="613"/>
      <c r="ETX715" s="613"/>
      <c r="ETY715" s="613"/>
      <c r="ETZ715" s="613"/>
      <c r="EUA715" s="613"/>
      <c r="EUB715" s="613"/>
      <c r="EUC715" s="613"/>
      <c r="EUD715" s="613"/>
      <c r="EUE715" s="613"/>
      <c r="EUF715" s="613"/>
      <c r="EUG715" s="613"/>
      <c r="EUH715" s="613"/>
      <c r="EUI715" s="613"/>
      <c r="EUJ715" s="613"/>
      <c r="EUK715" s="613"/>
      <c r="EUL715" s="613"/>
      <c r="EUM715" s="613"/>
      <c r="EUN715" s="613"/>
      <c r="EUO715" s="613"/>
      <c r="EUP715" s="613"/>
      <c r="EUQ715" s="613"/>
      <c r="EUR715" s="613"/>
      <c r="EUS715" s="613"/>
      <c r="EUT715" s="613"/>
      <c r="EUU715" s="613"/>
      <c r="EUV715" s="613"/>
      <c r="EUW715" s="613"/>
      <c r="EUX715" s="613"/>
      <c r="EUY715" s="613"/>
      <c r="EUZ715" s="613"/>
      <c r="EVA715" s="613"/>
      <c r="EVB715" s="613"/>
      <c r="EVC715" s="613"/>
      <c r="EVD715" s="613"/>
      <c r="EVE715" s="613"/>
      <c r="EVF715" s="613"/>
      <c r="EVG715" s="613"/>
      <c r="EVH715" s="613"/>
      <c r="EVI715" s="613"/>
      <c r="EVJ715" s="613"/>
      <c r="EVK715" s="613"/>
      <c r="EVL715" s="613"/>
      <c r="EVM715" s="613"/>
      <c r="EVN715" s="613"/>
      <c r="EVO715" s="613"/>
      <c r="EVP715" s="613"/>
      <c r="EVQ715" s="613"/>
      <c r="EVR715" s="613"/>
      <c r="EVS715" s="613"/>
      <c r="EVT715" s="613"/>
      <c r="EVU715" s="613"/>
      <c r="EVV715" s="613"/>
      <c r="EVW715" s="613"/>
      <c r="EVX715" s="613"/>
      <c r="EVY715" s="613"/>
      <c r="EVZ715" s="613"/>
      <c r="EWA715" s="613"/>
      <c r="EWB715" s="613"/>
      <c r="EWC715" s="613"/>
      <c r="EWD715" s="613"/>
      <c r="EWE715" s="613"/>
      <c r="EWF715" s="613"/>
      <c r="EWG715" s="613"/>
      <c r="EWH715" s="613"/>
      <c r="EWI715" s="613"/>
      <c r="EWJ715" s="613"/>
      <c r="EWK715" s="613"/>
      <c r="EWL715" s="613"/>
      <c r="EWM715" s="613"/>
      <c r="EWN715" s="613"/>
      <c r="EWO715" s="613"/>
      <c r="EWP715" s="613"/>
      <c r="EWQ715" s="613"/>
      <c r="EWR715" s="613"/>
      <c r="EWS715" s="613"/>
      <c r="EWT715" s="613"/>
      <c r="EWU715" s="613"/>
      <c r="EWV715" s="613"/>
      <c r="EWW715" s="613"/>
      <c r="EWX715" s="613"/>
      <c r="EWY715" s="613"/>
      <c r="EWZ715" s="613"/>
      <c r="EXA715" s="613"/>
      <c r="EXB715" s="613"/>
      <c r="EXC715" s="613"/>
      <c r="EXD715" s="613"/>
      <c r="EXE715" s="613"/>
      <c r="EXF715" s="613"/>
      <c r="EXG715" s="613"/>
      <c r="EXH715" s="613"/>
      <c r="EXI715" s="613"/>
      <c r="EXJ715" s="613"/>
      <c r="EXK715" s="613"/>
      <c r="EXL715" s="613"/>
      <c r="EXM715" s="613"/>
      <c r="EXN715" s="613"/>
      <c r="EXO715" s="613"/>
      <c r="EXP715" s="613"/>
      <c r="EXQ715" s="613"/>
      <c r="EXR715" s="613"/>
      <c r="EXS715" s="613"/>
      <c r="EXT715" s="613"/>
      <c r="EXU715" s="613"/>
      <c r="EXV715" s="613"/>
      <c r="EXW715" s="613"/>
      <c r="EXX715" s="613"/>
      <c r="EXY715" s="613"/>
      <c r="EXZ715" s="613"/>
      <c r="EYA715" s="613"/>
      <c r="EYB715" s="613"/>
      <c r="EYC715" s="613"/>
      <c r="EYD715" s="613"/>
      <c r="EYE715" s="613"/>
      <c r="EYF715" s="613"/>
      <c r="EYG715" s="613"/>
      <c r="EYH715" s="613"/>
      <c r="EYI715" s="613"/>
      <c r="EYJ715" s="613"/>
      <c r="EYK715" s="613"/>
      <c r="EYL715" s="613"/>
      <c r="EYM715" s="613"/>
      <c r="EYN715" s="613"/>
      <c r="EYO715" s="613"/>
      <c r="EYP715" s="613"/>
      <c r="EYQ715" s="613"/>
      <c r="EYR715" s="613"/>
      <c r="EYS715" s="613"/>
      <c r="EYT715" s="613"/>
      <c r="EYU715" s="613"/>
      <c r="EYV715" s="613"/>
      <c r="EYW715" s="613"/>
      <c r="EYX715" s="613"/>
      <c r="EYY715" s="613"/>
      <c r="EYZ715" s="613"/>
      <c r="EZA715" s="613"/>
      <c r="EZB715" s="613"/>
      <c r="EZC715" s="613"/>
      <c r="EZD715" s="613"/>
      <c r="EZE715" s="613"/>
      <c r="EZF715" s="613"/>
      <c r="EZG715" s="613"/>
      <c r="EZH715" s="613"/>
      <c r="EZI715" s="613"/>
      <c r="EZJ715" s="613"/>
      <c r="EZK715" s="613"/>
      <c r="EZL715" s="613"/>
      <c r="EZM715" s="613"/>
      <c r="EZN715" s="613"/>
      <c r="EZO715" s="613"/>
      <c r="EZP715" s="613"/>
      <c r="EZQ715" s="613"/>
      <c r="EZR715" s="613"/>
      <c r="EZS715" s="613"/>
      <c r="EZT715" s="613"/>
      <c r="EZU715" s="613"/>
      <c r="EZV715" s="613"/>
      <c r="EZW715" s="613"/>
      <c r="EZX715" s="613"/>
      <c r="EZY715" s="613"/>
      <c r="EZZ715" s="613"/>
      <c r="FAA715" s="613"/>
      <c r="FAB715" s="613"/>
      <c r="FAC715" s="613"/>
      <c r="FAD715" s="613"/>
      <c r="FAE715" s="613"/>
      <c r="FAF715" s="613"/>
      <c r="FAG715" s="613"/>
      <c r="FAH715" s="613"/>
      <c r="FAI715" s="613"/>
      <c r="FAJ715" s="613"/>
      <c r="FAK715" s="613"/>
      <c r="FAL715" s="613"/>
      <c r="FAM715" s="613"/>
      <c r="FAN715" s="613"/>
      <c r="FAO715" s="613"/>
      <c r="FAP715" s="613"/>
      <c r="FAQ715" s="613"/>
      <c r="FAR715" s="613"/>
      <c r="FAS715" s="613"/>
      <c r="FAT715" s="613"/>
      <c r="FAU715" s="613"/>
      <c r="FAV715" s="613"/>
      <c r="FAW715" s="613"/>
      <c r="FAX715" s="613"/>
      <c r="FAY715" s="613"/>
      <c r="FAZ715" s="613"/>
      <c r="FBA715" s="613"/>
      <c r="FBB715" s="613"/>
      <c r="FBC715" s="613"/>
      <c r="FBD715" s="613"/>
      <c r="FBE715" s="613"/>
      <c r="FBF715" s="613"/>
      <c r="FBG715" s="613"/>
      <c r="FBH715" s="613"/>
      <c r="FBI715" s="613"/>
      <c r="FBJ715" s="613"/>
      <c r="FBK715" s="613"/>
      <c r="FBL715" s="613"/>
      <c r="FBM715" s="613"/>
      <c r="FBN715" s="613"/>
      <c r="FBO715" s="613"/>
      <c r="FBP715" s="613"/>
      <c r="FBQ715" s="613"/>
      <c r="FBR715" s="613"/>
      <c r="FBS715" s="613"/>
      <c r="FBT715" s="613"/>
      <c r="FBU715" s="613"/>
      <c r="FBV715" s="613"/>
      <c r="FBW715" s="613"/>
      <c r="FBX715" s="613"/>
      <c r="FBY715" s="613"/>
      <c r="FBZ715" s="613"/>
      <c r="FCA715" s="613"/>
      <c r="FCB715" s="613"/>
      <c r="FCC715" s="613"/>
      <c r="FCD715" s="613"/>
      <c r="FCE715" s="613"/>
      <c r="FCF715" s="613"/>
      <c r="FCG715" s="613"/>
      <c r="FCH715" s="613"/>
      <c r="FCI715" s="613"/>
      <c r="FCJ715" s="613"/>
      <c r="FCK715" s="613"/>
      <c r="FCL715" s="613"/>
      <c r="FCM715" s="613"/>
      <c r="FCN715" s="613"/>
      <c r="FCO715" s="613"/>
      <c r="FCP715" s="613"/>
      <c r="FCQ715" s="613"/>
      <c r="FCR715" s="613"/>
      <c r="FCS715" s="613"/>
      <c r="FCT715" s="613"/>
      <c r="FCU715" s="613"/>
      <c r="FCV715" s="613"/>
      <c r="FCW715" s="613"/>
      <c r="FCX715" s="613"/>
      <c r="FCY715" s="613"/>
      <c r="FCZ715" s="613"/>
      <c r="FDA715" s="613"/>
      <c r="FDB715" s="613"/>
      <c r="FDC715" s="613"/>
      <c r="FDD715" s="613"/>
      <c r="FDE715" s="613"/>
      <c r="FDF715" s="613"/>
      <c r="FDG715" s="613"/>
      <c r="FDH715" s="613"/>
      <c r="FDI715" s="613"/>
      <c r="FDJ715" s="613"/>
      <c r="FDK715" s="613"/>
      <c r="FDL715" s="613"/>
      <c r="FDM715" s="613"/>
      <c r="FDN715" s="613"/>
      <c r="FDO715" s="613"/>
      <c r="FDP715" s="613"/>
      <c r="FDQ715" s="613"/>
      <c r="FDR715" s="613"/>
      <c r="FDS715" s="613"/>
      <c r="FDT715" s="613"/>
      <c r="FDU715" s="613"/>
      <c r="FDV715" s="613"/>
      <c r="FDW715" s="613"/>
      <c r="FDX715" s="613"/>
      <c r="FDY715" s="613"/>
      <c r="FDZ715" s="613"/>
      <c r="FEA715" s="613"/>
      <c r="FEB715" s="613"/>
      <c r="FEC715" s="613"/>
      <c r="FED715" s="613"/>
      <c r="FEE715" s="613"/>
      <c r="FEF715" s="613"/>
      <c r="FEG715" s="613"/>
      <c r="FEH715" s="613"/>
      <c r="FEI715" s="613"/>
      <c r="FEJ715" s="613"/>
      <c r="FEK715" s="613"/>
      <c r="FEL715" s="613"/>
      <c r="FEM715" s="613"/>
      <c r="FEN715" s="613"/>
      <c r="FEO715" s="613"/>
      <c r="FEP715" s="613"/>
      <c r="FEQ715" s="613"/>
      <c r="FER715" s="613"/>
      <c r="FES715" s="613"/>
      <c r="FET715" s="613"/>
      <c r="FEU715" s="613"/>
      <c r="FEV715" s="613"/>
      <c r="FEW715" s="613"/>
      <c r="FEX715" s="613"/>
      <c r="FEY715" s="613"/>
      <c r="FEZ715" s="613"/>
      <c r="FFA715" s="613"/>
      <c r="FFB715" s="613"/>
      <c r="FFC715" s="613"/>
      <c r="FFD715" s="613"/>
      <c r="FFE715" s="613"/>
      <c r="FFF715" s="613"/>
      <c r="FFG715" s="613"/>
      <c r="FFH715" s="613"/>
      <c r="FFI715" s="613"/>
      <c r="FFJ715" s="613"/>
      <c r="FFK715" s="613"/>
      <c r="FFL715" s="613"/>
      <c r="FFM715" s="613"/>
      <c r="FFN715" s="613"/>
      <c r="FFO715" s="613"/>
      <c r="FFP715" s="613"/>
      <c r="FFQ715" s="613"/>
      <c r="FFR715" s="613"/>
      <c r="FFS715" s="613"/>
      <c r="FFT715" s="613"/>
      <c r="FFU715" s="613"/>
      <c r="FFV715" s="613"/>
      <c r="FFW715" s="613"/>
      <c r="FFX715" s="613"/>
      <c r="FFY715" s="613"/>
      <c r="FFZ715" s="613"/>
      <c r="FGA715" s="613"/>
      <c r="FGB715" s="613"/>
      <c r="FGC715" s="613"/>
      <c r="FGD715" s="613"/>
      <c r="FGE715" s="613"/>
      <c r="FGF715" s="613"/>
      <c r="FGG715" s="613"/>
      <c r="FGH715" s="613"/>
      <c r="FGI715" s="613"/>
      <c r="FGJ715" s="613"/>
      <c r="FGK715" s="613"/>
      <c r="FGL715" s="613"/>
      <c r="FGM715" s="613"/>
      <c r="FGN715" s="613"/>
      <c r="FGO715" s="613"/>
      <c r="FGP715" s="613"/>
      <c r="FGQ715" s="613"/>
      <c r="FGR715" s="613"/>
      <c r="FGS715" s="613"/>
      <c r="FGT715" s="613"/>
      <c r="FGU715" s="613"/>
      <c r="FGV715" s="613"/>
      <c r="FGW715" s="613"/>
      <c r="FGX715" s="613"/>
      <c r="FGY715" s="613"/>
      <c r="FGZ715" s="613"/>
      <c r="FHA715" s="613"/>
      <c r="FHB715" s="613"/>
      <c r="FHC715" s="613"/>
      <c r="FHD715" s="613"/>
      <c r="FHE715" s="613"/>
      <c r="FHF715" s="613"/>
      <c r="FHG715" s="613"/>
      <c r="FHH715" s="613"/>
      <c r="FHI715" s="613"/>
      <c r="FHJ715" s="613"/>
      <c r="FHK715" s="613"/>
      <c r="FHL715" s="613"/>
      <c r="FHM715" s="613"/>
      <c r="FHN715" s="613"/>
      <c r="FHO715" s="613"/>
      <c r="FHP715" s="613"/>
      <c r="FHQ715" s="613"/>
      <c r="FHR715" s="613"/>
      <c r="FHS715" s="613"/>
      <c r="FHT715" s="613"/>
      <c r="FHU715" s="613"/>
      <c r="FHV715" s="613"/>
      <c r="FHW715" s="613"/>
      <c r="FHX715" s="613"/>
      <c r="FHY715" s="613"/>
      <c r="FHZ715" s="613"/>
      <c r="FIA715" s="613"/>
      <c r="FIB715" s="613"/>
      <c r="FIC715" s="613"/>
      <c r="FID715" s="613"/>
      <c r="FIE715" s="613"/>
      <c r="FIF715" s="613"/>
      <c r="FIG715" s="613"/>
      <c r="FIH715" s="613"/>
      <c r="FII715" s="613"/>
      <c r="FIJ715" s="613"/>
      <c r="FIK715" s="613"/>
      <c r="FIL715" s="613"/>
      <c r="FIM715" s="613"/>
      <c r="FIN715" s="613"/>
      <c r="FIO715" s="613"/>
      <c r="FIP715" s="613"/>
      <c r="FIQ715" s="613"/>
      <c r="FIR715" s="613"/>
      <c r="FIS715" s="613"/>
      <c r="FIT715" s="613"/>
      <c r="FIU715" s="613"/>
      <c r="FIV715" s="613"/>
      <c r="FIW715" s="613"/>
      <c r="FIX715" s="613"/>
      <c r="FIY715" s="613"/>
      <c r="FIZ715" s="613"/>
      <c r="FJA715" s="613"/>
      <c r="FJB715" s="613"/>
      <c r="FJC715" s="613"/>
      <c r="FJD715" s="613"/>
      <c r="FJE715" s="613"/>
      <c r="FJF715" s="613"/>
      <c r="FJG715" s="613"/>
      <c r="FJH715" s="613"/>
      <c r="FJI715" s="613"/>
      <c r="FJJ715" s="613"/>
      <c r="FJK715" s="613"/>
      <c r="FJL715" s="613"/>
      <c r="FJM715" s="613"/>
      <c r="FJN715" s="613"/>
      <c r="FJO715" s="613"/>
      <c r="FJP715" s="613"/>
      <c r="FJQ715" s="613"/>
      <c r="FJR715" s="613"/>
      <c r="FJS715" s="613"/>
      <c r="FJT715" s="613"/>
      <c r="FJU715" s="613"/>
      <c r="FJV715" s="613"/>
      <c r="FJW715" s="613"/>
      <c r="FJX715" s="613"/>
      <c r="FJY715" s="613"/>
      <c r="FJZ715" s="613"/>
      <c r="FKA715" s="613"/>
      <c r="FKB715" s="613"/>
      <c r="FKC715" s="613"/>
      <c r="FKD715" s="613"/>
      <c r="FKE715" s="613"/>
      <c r="FKF715" s="613"/>
      <c r="FKG715" s="613"/>
      <c r="FKH715" s="613"/>
      <c r="FKI715" s="613"/>
      <c r="FKJ715" s="613"/>
      <c r="FKK715" s="613"/>
      <c r="FKL715" s="613"/>
      <c r="FKM715" s="613"/>
      <c r="FKN715" s="613"/>
      <c r="FKO715" s="613"/>
      <c r="FKP715" s="613"/>
      <c r="FKQ715" s="613"/>
      <c r="FKR715" s="613"/>
      <c r="FKS715" s="613"/>
      <c r="FKT715" s="613"/>
      <c r="FKU715" s="613"/>
      <c r="FKV715" s="613"/>
      <c r="FKW715" s="613"/>
      <c r="FKX715" s="613"/>
      <c r="FKY715" s="613"/>
      <c r="FKZ715" s="613"/>
      <c r="FLA715" s="613"/>
      <c r="FLB715" s="613"/>
      <c r="FLC715" s="613"/>
      <c r="FLD715" s="613"/>
      <c r="FLE715" s="613"/>
      <c r="FLF715" s="613"/>
      <c r="FLG715" s="613"/>
      <c r="FLH715" s="613"/>
      <c r="FLI715" s="613"/>
      <c r="FLJ715" s="613"/>
      <c r="FLK715" s="613"/>
      <c r="FLL715" s="613"/>
      <c r="FLM715" s="613"/>
      <c r="FLN715" s="613"/>
      <c r="FLO715" s="613"/>
      <c r="FLP715" s="613"/>
      <c r="FLQ715" s="613"/>
      <c r="FLR715" s="613"/>
      <c r="FLS715" s="613"/>
      <c r="FLT715" s="613"/>
      <c r="FLU715" s="613"/>
      <c r="FLV715" s="613"/>
      <c r="FLW715" s="613"/>
      <c r="FLX715" s="613"/>
      <c r="FLY715" s="613"/>
      <c r="FLZ715" s="613"/>
      <c r="FMA715" s="613"/>
      <c r="FMB715" s="613"/>
      <c r="FMC715" s="613"/>
      <c r="FMD715" s="613"/>
      <c r="FME715" s="613"/>
      <c r="FMF715" s="613"/>
      <c r="FMG715" s="613"/>
      <c r="FMH715" s="613"/>
      <c r="FMI715" s="613"/>
      <c r="FMJ715" s="613"/>
      <c r="FMK715" s="613"/>
      <c r="FML715" s="613"/>
      <c r="FMM715" s="613"/>
      <c r="FMN715" s="613"/>
      <c r="FMO715" s="613"/>
      <c r="FMP715" s="613"/>
      <c r="FMQ715" s="613"/>
      <c r="FMR715" s="613"/>
      <c r="FMS715" s="613"/>
      <c r="FMT715" s="613"/>
      <c r="FMU715" s="613"/>
      <c r="FMV715" s="613"/>
      <c r="FMW715" s="613"/>
      <c r="FMX715" s="613"/>
      <c r="FMY715" s="613"/>
      <c r="FMZ715" s="613"/>
      <c r="FNA715" s="613"/>
      <c r="FNB715" s="613"/>
      <c r="FNC715" s="613"/>
      <c r="FND715" s="613"/>
      <c r="FNE715" s="613"/>
      <c r="FNF715" s="613"/>
      <c r="FNG715" s="613"/>
      <c r="FNH715" s="613"/>
      <c r="FNI715" s="613"/>
      <c r="FNJ715" s="613"/>
      <c r="FNK715" s="613"/>
      <c r="FNL715" s="613"/>
      <c r="FNM715" s="613"/>
      <c r="FNN715" s="613"/>
      <c r="FNO715" s="613"/>
      <c r="FNP715" s="613"/>
      <c r="FNQ715" s="613"/>
      <c r="FNR715" s="613"/>
      <c r="FNS715" s="613"/>
      <c r="FNT715" s="613"/>
      <c r="FNU715" s="613"/>
      <c r="FNV715" s="613"/>
      <c r="FNW715" s="613"/>
      <c r="FNX715" s="613"/>
      <c r="FNY715" s="613"/>
      <c r="FNZ715" s="613"/>
      <c r="FOA715" s="613"/>
      <c r="FOB715" s="613"/>
      <c r="FOC715" s="613"/>
      <c r="FOD715" s="613"/>
      <c r="FOE715" s="613"/>
      <c r="FOF715" s="613"/>
      <c r="FOG715" s="613"/>
      <c r="FOH715" s="613"/>
      <c r="FOI715" s="613"/>
      <c r="FOJ715" s="613"/>
      <c r="FOK715" s="613"/>
      <c r="FOL715" s="613"/>
      <c r="FOM715" s="613"/>
      <c r="FON715" s="613"/>
      <c r="FOO715" s="613"/>
      <c r="FOP715" s="613"/>
      <c r="FOQ715" s="613"/>
      <c r="FOR715" s="613"/>
      <c r="FOS715" s="613"/>
      <c r="FOT715" s="613"/>
      <c r="FOU715" s="613"/>
      <c r="FOV715" s="613"/>
      <c r="FOW715" s="613"/>
      <c r="FOX715" s="613"/>
      <c r="FOY715" s="613"/>
      <c r="FOZ715" s="613"/>
      <c r="FPA715" s="613"/>
      <c r="FPB715" s="613"/>
      <c r="FPC715" s="613"/>
      <c r="FPD715" s="613"/>
      <c r="FPE715" s="613"/>
      <c r="FPF715" s="613"/>
      <c r="FPG715" s="613"/>
      <c r="FPH715" s="613"/>
      <c r="FPI715" s="613"/>
      <c r="FPJ715" s="613"/>
      <c r="FPK715" s="613"/>
      <c r="FPL715" s="613"/>
      <c r="FPM715" s="613"/>
      <c r="FPN715" s="613"/>
      <c r="FPO715" s="613"/>
      <c r="FPP715" s="613"/>
      <c r="FPQ715" s="613"/>
      <c r="FPR715" s="613"/>
      <c r="FPS715" s="613"/>
      <c r="FPT715" s="613"/>
      <c r="FPU715" s="613"/>
      <c r="FPV715" s="613"/>
      <c r="FPW715" s="613"/>
      <c r="FPX715" s="613"/>
      <c r="FPY715" s="613"/>
      <c r="FPZ715" s="613"/>
      <c r="FQA715" s="613"/>
      <c r="FQB715" s="613"/>
      <c r="FQC715" s="613"/>
      <c r="FQD715" s="613"/>
      <c r="FQE715" s="613"/>
      <c r="FQF715" s="613"/>
      <c r="FQG715" s="613"/>
      <c r="FQH715" s="613"/>
      <c r="FQI715" s="613"/>
      <c r="FQJ715" s="613"/>
      <c r="FQK715" s="613"/>
      <c r="FQL715" s="613"/>
      <c r="FQM715" s="613"/>
      <c r="FQN715" s="613"/>
      <c r="FQO715" s="613"/>
      <c r="FQP715" s="613"/>
      <c r="FQQ715" s="613"/>
      <c r="FQR715" s="613"/>
      <c r="FQS715" s="613"/>
      <c r="FQT715" s="613"/>
      <c r="FQU715" s="613"/>
      <c r="FQV715" s="613"/>
      <c r="FQW715" s="613"/>
      <c r="FQX715" s="613"/>
      <c r="FQY715" s="613"/>
      <c r="FQZ715" s="613"/>
      <c r="FRA715" s="613"/>
      <c r="FRB715" s="613"/>
      <c r="FRC715" s="613"/>
      <c r="FRD715" s="613"/>
      <c r="FRE715" s="613"/>
      <c r="FRF715" s="613"/>
      <c r="FRG715" s="613"/>
      <c r="FRH715" s="613"/>
      <c r="FRI715" s="613"/>
      <c r="FRJ715" s="613"/>
      <c r="FRK715" s="613"/>
      <c r="FRL715" s="613"/>
      <c r="FRM715" s="613"/>
      <c r="FRN715" s="613"/>
      <c r="FRO715" s="613"/>
      <c r="FRP715" s="613"/>
      <c r="FRQ715" s="613"/>
      <c r="FRR715" s="613"/>
      <c r="FRS715" s="613"/>
      <c r="FRT715" s="613"/>
      <c r="FRU715" s="613"/>
      <c r="FRV715" s="613"/>
      <c r="FRW715" s="613"/>
      <c r="FRX715" s="613"/>
      <c r="FRY715" s="613"/>
      <c r="FRZ715" s="613"/>
      <c r="FSA715" s="613"/>
      <c r="FSB715" s="613"/>
      <c r="FSC715" s="613"/>
      <c r="FSD715" s="613"/>
      <c r="FSE715" s="613"/>
      <c r="FSF715" s="613"/>
      <c r="FSG715" s="613"/>
      <c r="FSH715" s="613"/>
      <c r="FSI715" s="613"/>
      <c r="FSJ715" s="613"/>
      <c r="FSK715" s="613"/>
      <c r="FSL715" s="613"/>
      <c r="FSM715" s="613"/>
      <c r="FSN715" s="613"/>
      <c r="FSO715" s="613"/>
      <c r="FSP715" s="613"/>
      <c r="FSQ715" s="613"/>
      <c r="FSR715" s="613"/>
      <c r="FSS715" s="613"/>
      <c r="FST715" s="613"/>
      <c r="FSU715" s="613"/>
      <c r="FSV715" s="613"/>
      <c r="FSW715" s="613"/>
      <c r="FSX715" s="613"/>
      <c r="FSY715" s="613"/>
      <c r="FSZ715" s="613"/>
      <c r="FTA715" s="613"/>
      <c r="FTB715" s="613"/>
      <c r="FTC715" s="613"/>
      <c r="FTD715" s="613"/>
      <c r="FTE715" s="613"/>
      <c r="FTF715" s="613"/>
      <c r="FTG715" s="613"/>
      <c r="FTH715" s="613"/>
      <c r="FTI715" s="613"/>
      <c r="FTJ715" s="613"/>
      <c r="FTK715" s="613"/>
      <c r="FTL715" s="613"/>
      <c r="FTM715" s="613"/>
      <c r="FTN715" s="613"/>
      <c r="FTO715" s="613"/>
      <c r="FTP715" s="613"/>
      <c r="FTQ715" s="613"/>
      <c r="FTR715" s="613"/>
      <c r="FTS715" s="613"/>
      <c r="FTT715" s="613"/>
      <c r="FTU715" s="613"/>
      <c r="FTV715" s="613"/>
      <c r="FTW715" s="613"/>
      <c r="FTX715" s="613"/>
      <c r="FTY715" s="613"/>
      <c r="FTZ715" s="613"/>
      <c r="FUA715" s="613"/>
      <c r="FUB715" s="613"/>
      <c r="FUC715" s="613"/>
      <c r="FUD715" s="613"/>
      <c r="FUE715" s="613"/>
      <c r="FUF715" s="613"/>
      <c r="FUG715" s="613"/>
      <c r="FUH715" s="613"/>
      <c r="FUI715" s="613"/>
      <c r="FUJ715" s="613"/>
      <c r="FUK715" s="613"/>
      <c r="FUL715" s="613"/>
      <c r="FUM715" s="613"/>
      <c r="FUN715" s="613"/>
      <c r="FUO715" s="613"/>
      <c r="FUP715" s="613"/>
      <c r="FUQ715" s="613"/>
      <c r="FUR715" s="613"/>
      <c r="FUS715" s="613"/>
      <c r="FUT715" s="613"/>
      <c r="FUU715" s="613"/>
      <c r="FUV715" s="613"/>
      <c r="FUW715" s="613"/>
      <c r="FUX715" s="613"/>
      <c r="FUY715" s="613"/>
      <c r="FUZ715" s="613"/>
      <c r="FVA715" s="613"/>
      <c r="FVB715" s="613"/>
      <c r="FVC715" s="613"/>
      <c r="FVD715" s="613"/>
      <c r="FVE715" s="613"/>
      <c r="FVF715" s="613"/>
      <c r="FVG715" s="613"/>
      <c r="FVH715" s="613"/>
      <c r="FVI715" s="613"/>
      <c r="FVJ715" s="613"/>
      <c r="FVK715" s="613"/>
      <c r="FVL715" s="613"/>
      <c r="FVM715" s="613"/>
      <c r="FVN715" s="613"/>
      <c r="FVO715" s="613"/>
      <c r="FVP715" s="613"/>
      <c r="FVQ715" s="613"/>
      <c r="FVR715" s="613"/>
      <c r="FVS715" s="613"/>
      <c r="FVT715" s="613"/>
      <c r="FVU715" s="613"/>
      <c r="FVV715" s="613"/>
      <c r="FVW715" s="613"/>
      <c r="FVX715" s="613"/>
      <c r="FVY715" s="613"/>
      <c r="FVZ715" s="613"/>
      <c r="FWA715" s="613"/>
      <c r="FWB715" s="613"/>
      <c r="FWC715" s="613"/>
      <c r="FWD715" s="613"/>
      <c r="FWE715" s="613"/>
      <c r="FWF715" s="613"/>
      <c r="FWG715" s="613"/>
      <c r="FWH715" s="613"/>
      <c r="FWI715" s="613"/>
      <c r="FWJ715" s="613"/>
      <c r="FWK715" s="613"/>
      <c r="FWL715" s="613"/>
      <c r="FWM715" s="613"/>
      <c r="FWN715" s="613"/>
      <c r="FWO715" s="613"/>
      <c r="FWP715" s="613"/>
      <c r="FWQ715" s="613"/>
      <c r="FWR715" s="613"/>
      <c r="FWS715" s="613"/>
      <c r="FWT715" s="613"/>
      <c r="FWU715" s="613"/>
      <c r="FWV715" s="613"/>
      <c r="FWW715" s="613"/>
      <c r="FWX715" s="613"/>
      <c r="FWY715" s="613"/>
      <c r="FWZ715" s="613"/>
      <c r="FXA715" s="613"/>
      <c r="FXB715" s="613"/>
      <c r="FXC715" s="613"/>
      <c r="FXD715" s="613"/>
      <c r="FXE715" s="613"/>
      <c r="FXF715" s="613"/>
      <c r="FXG715" s="613"/>
      <c r="FXH715" s="613"/>
      <c r="FXI715" s="613"/>
      <c r="FXJ715" s="613"/>
      <c r="FXK715" s="613"/>
      <c r="FXL715" s="613"/>
      <c r="FXM715" s="613"/>
      <c r="FXN715" s="613"/>
      <c r="FXO715" s="613"/>
      <c r="FXP715" s="613"/>
      <c r="FXQ715" s="613"/>
      <c r="FXR715" s="613"/>
      <c r="FXS715" s="613"/>
      <c r="FXT715" s="613"/>
      <c r="FXU715" s="613"/>
      <c r="FXV715" s="613"/>
      <c r="FXW715" s="613"/>
      <c r="FXX715" s="613"/>
      <c r="FXY715" s="613"/>
      <c r="FXZ715" s="613"/>
      <c r="FYA715" s="613"/>
      <c r="FYB715" s="613"/>
      <c r="FYC715" s="613"/>
      <c r="FYD715" s="613"/>
      <c r="FYE715" s="613"/>
      <c r="FYF715" s="613"/>
      <c r="FYG715" s="613"/>
      <c r="FYH715" s="613"/>
      <c r="FYI715" s="613"/>
      <c r="FYJ715" s="613"/>
      <c r="FYK715" s="613"/>
      <c r="FYL715" s="613"/>
      <c r="FYM715" s="613"/>
      <c r="FYN715" s="613"/>
      <c r="FYO715" s="613"/>
      <c r="FYP715" s="613"/>
      <c r="FYQ715" s="613"/>
      <c r="FYR715" s="613"/>
      <c r="FYS715" s="613"/>
      <c r="FYT715" s="613"/>
      <c r="FYU715" s="613"/>
      <c r="FYV715" s="613"/>
      <c r="FYW715" s="613"/>
      <c r="FYX715" s="613"/>
      <c r="FYY715" s="613"/>
      <c r="FYZ715" s="613"/>
      <c r="FZA715" s="613"/>
      <c r="FZB715" s="613"/>
      <c r="FZC715" s="613"/>
      <c r="FZD715" s="613"/>
      <c r="FZE715" s="613"/>
      <c r="FZF715" s="613"/>
      <c r="FZG715" s="613"/>
      <c r="FZH715" s="613"/>
      <c r="FZI715" s="613"/>
      <c r="FZJ715" s="613"/>
      <c r="FZK715" s="613"/>
      <c r="FZL715" s="613"/>
      <c r="FZM715" s="613"/>
      <c r="FZN715" s="613"/>
      <c r="FZO715" s="613"/>
      <c r="FZP715" s="613"/>
      <c r="FZQ715" s="613"/>
      <c r="FZR715" s="613"/>
      <c r="FZS715" s="613"/>
      <c r="FZT715" s="613"/>
      <c r="FZU715" s="613"/>
      <c r="FZV715" s="613"/>
      <c r="FZW715" s="613"/>
      <c r="FZX715" s="613"/>
      <c r="FZY715" s="613"/>
      <c r="FZZ715" s="613"/>
      <c r="GAA715" s="613"/>
      <c r="GAB715" s="613"/>
      <c r="GAC715" s="613"/>
      <c r="GAD715" s="613"/>
      <c r="GAE715" s="613"/>
      <c r="GAF715" s="613"/>
      <c r="GAG715" s="613"/>
      <c r="GAH715" s="613"/>
      <c r="GAI715" s="613"/>
      <c r="GAJ715" s="613"/>
      <c r="GAK715" s="613"/>
      <c r="GAL715" s="613"/>
      <c r="GAM715" s="613"/>
      <c r="GAN715" s="613"/>
      <c r="GAO715" s="613"/>
      <c r="GAP715" s="613"/>
      <c r="GAQ715" s="613"/>
      <c r="GAR715" s="613"/>
      <c r="GAS715" s="613"/>
      <c r="GAT715" s="613"/>
      <c r="GAU715" s="613"/>
      <c r="GAV715" s="613"/>
      <c r="GAW715" s="613"/>
      <c r="GAX715" s="613"/>
      <c r="GAY715" s="613"/>
      <c r="GAZ715" s="613"/>
      <c r="GBA715" s="613"/>
      <c r="GBB715" s="613"/>
      <c r="GBC715" s="613"/>
      <c r="GBD715" s="613"/>
      <c r="GBE715" s="613"/>
      <c r="GBF715" s="613"/>
      <c r="GBG715" s="613"/>
      <c r="GBH715" s="613"/>
      <c r="GBI715" s="613"/>
      <c r="GBJ715" s="613"/>
      <c r="GBK715" s="613"/>
      <c r="GBL715" s="613"/>
      <c r="GBM715" s="613"/>
      <c r="GBN715" s="613"/>
      <c r="GBO715" s="613"/>
      <c r="GBP715" s="613"/>
      <c r="GBQ715" s="613"/>
      <c r="GBR715" s="613"/>
      <c r="GBS715" s="613"/>
      <c r="GBT715" s="613"/>
      <c r="GBU715" s="613"/>
      <c r="GBV715" s="613"/>
      <c r="GBW715" s="613"/>
      <c r="GBX715" s="613"/>
      <c r="GBY715" s="613"/>
      <c r="GBZ715" s="613"/>
      <c r="GCA715" s="613"/>
      <c r="GCB715" s="613"/>
      <c r="GCC715" s="613"/>
      <c r="GCD715" s="613"/>
      <c r="GCE715" s="613"/>
      <c r="GCF715" s="613"/>
      <c r="GCG715" s="613"/>
      <c r="GCH715" s="613"/>
      <c r="GCI715" s="613"/>
      <c r="GCJ715" s="613"/>
      <c r="GCK715" s="613"/>
      <c r="GCL715" s="613"/>
      <c r="GCM715" s="613"/>
      <c r="GCN715" s="613"/>
      <c r="GCO715" s="613"/>
      <c r="GCP715" s="613"/>
      <c r="GCQ715" s="613"/>
      <c r="GCR715" s="613"/>
      <c r="GCS715" s="613"/>
      <c r="GCT715" s="613"/>
      <c r="GCU715" s="613"/>
      <c r="GCV715" s="613"/>
      <c r="GCW715" s="613"/>
      <c r="GCX715" s="613"/>
      <c r="GCY715" s="613"/>
      <c r="GCZ715" s="613"/>
      <c r="GDA715" s="613"/>
      <c r="GDB715" s="613"/>
      <c r="GDC715" s="613"/>
      <c r="GDD715" s="613"/>
      <c r="GDE715" s="613"/>
      <c r="GDF715" s="613"/>
      <c r="GDG715" s="613"/>
      <c r="GDH715" s="613"/>
      <c r="GDI715" s="613"/>
      <c r="GDJ715" s="613"/>
      <c r="GDK715" s="613"/>
      <c r="GDL715" s="613"/>
      <c r="GDM715" s="613"/>
      <c r="GDN715" s="613"/>
      <c r="GDO715" s="613"/>
      <c r="GDP715" s="613"/>
      <c r="GDQ715" s="613"/>
      <c r="GDR715" s="613"/>
      <c r="GDS715" s="613"/>
      <c r="GDT715" s="613"/>
      <c r="GDU715" s="613"/>
      <c r="GDV715" s="613"/>
      <c r="GDW715" s="613"/>
      <c r="GDX715" s="613"/>
      <c r="GDY715" s="613"/>
      <c r="GDZ715" s="613"/>
      <c r="GEA715" s="613"/>
      <c r="GEB715" s="613"/>
      <c r="GEC715" s="613"/>
      <c r="GED715" s="613"/>
      <c r="GEE715" s="613"/>
      <c r="GEF715" s="613"/>
      <c r="GEG715" s="613"/>
      <c r="GEH715" s="613"/>
      <c r="GEI715" s="613"/>
      <c r="GEJ715" s="613"/>
      <c r="GEK715" s="613"/>
      <c r="GEL715" s="613"/>
      <c r="GEM715" s="613"/>
      <c r="GEN715" s="613"/>
      <c r="GEO715" s="613"/>
      <c r="GEP715" s="613"/>
      <c r="GEQ715" s="613"/>
      <c r="GER715" s="613"/>
      <c r="GES715" s="613"/>
      <c r="GET715" s="613"/>
      <c r="GEU715" s="613"/>
      <c r="GEV715" s="613"/>
      <c r="GEW715" s="613"/>
      <c r="GEX715" s="613"/>
      <c r="GEY715" s="613"/>
      <c r="GEZ715" s="613"/>
      <c r="GFA715" s="613"/>
      <c r="GFB715" s="613"/>
      <c r="GFC715" s="613"/>
      <c r="GFD715" s="613"/>
      <c r="GFE715" s="613"/>
      <c r="GFF715" s="613"/>
      <c r="GFG715" s="613"/>
      <c r="GFH715" s="613"/>
      <c r="GFI715" s="613"/>
      <c r="GFJ715" s="613"/>
      <c r="GFK715" s="613"/>
      <c r="GFL715" s="613"/>
      <c r="GFM715" s="613"/>
      <c r="GFN715" s="613"/>
      <c r="GFO715" s="613"/>
      <c r="GFP715" s="613"/>
      <c r="GFQ715" s="613"/>
      <c r="GFR715" s="613"/>
      <c r="GFS715" s="613"/>
      <c r="GFT715" s="613"/>
      <c r="GFU715" s="613"/>
      <c r="GFV715" s="613"/>
      <c r="GFW715" s="613"/>
      <c r="GFX715" s="613"/>
      <c r="GFY715" s="613"/>
      <c r="GFZ715" s="613"/>
      <c r="GGA715" s="613"/>
      <c r="GGB715" s="613"/>
      <c r="GGC715" s="613"/>
      <c r="GGD715" s="613"/>
      <c r="GGE715" s="613"/>
      <c r="GGF715" s="613"/>
      <c r="GGG715" s="613"/>
      <c r="GGH715" s="613"/>
      <c r="GGI715" s="613"/>
      <c r="GGJ715" s="613"/>
      <c r="GGK715" s="613"/>
      <c r="GGL715" s="613"/>
      <c r="GGM715" s="613"/>
      <c r="GGN715" s="613"/>
      <c r="GGO715" s="613"/>
      <c r="GGP715" s="613"/>
      <c r="GGQ715" s="613"/>
      <c r="GGR715" s="613"/>
      <c r="GGS715" s="613"/>
      <c r="GGT715" s="613"/>
      <c r="GGU715" s="613"/>
      <c r="GGV715" s="613"/>
      <c r="GGW715" s="613"/>
      <c r="GGX715" s="613"/>
      <c r="GGY715" s="613"/>
      <c r="GGZ715" s="613"/>
      <c r="GHA715" s="613"/>
      <c r="GHB715" s="613"/>
      <c r="GHC715" s="613"/>
      <c r="GHD715" s="613"/>
      <c r="GHE715" s="613"/>
      <c r="GHF715" s="613"/>
      <c r="GHG715" s="613"/>
      <c r="GHH715" s="613"/>
      <c r="GHI715" s="613"/>
      <c r="GHJ715" s="613"/>
      <c r="GHK715" s="613"/>
      <c r="GHL715" s="613"/>
      <c r="GHM715" s="613"/>
      <c r="GHN715" s="613"/>
      <c r="GHO715" s="613"/>
      <c r="GHP715" s="613"/>
      <c r="GHQ715" s="613"/>
      <c r="GHR715" s="613"/>
      <c r="GHS715" s="613"/>
      <c r="GHT715" s="613"/>
      <c r="GHU715" s="613"/>
      <c r="GHV715" s="613"/>
      <c r="GHW715" s="613"/>
      <c r="GHX715" s="613"/>
      <c r="GHY715" s="613"/>
      <c r="GHZ715" s="613"/>
      <c r="GIA715" s="613"/>
      <c r="GIB715" s="613"/>
      <c r="GIC715" s="613"/>
      <c r="GID715" s="613"/>
      <c r="GIE715" s="613"/>
      <c r="GIF715" s="613"/>
      <c r="GIG715" s="613"/>
      <c r="GIH715" s="613"/>
      <c r="GII715" s="613"/>
      <c r="GIJ715" s="613"/>
      <c r="GIK715" s="613"/>
      <c r="GIL715" s="613"/>
      <c r="GIM715" s="613"/>
      <c r="GIN715" s="613"/>
      <c r="GIO715" s="613"/>
      <c r="GIP715" s="613"/>
      <c r="GIQ715" s="613"/>
      <c r="GIR715" s="613"/>
      <c r="GIS715" s="613"/>
      <c r="GIT715" s="613"/>
      <c r="GIU715" s="613"/>
      <c r="GIV715" s="613"/>
      <c r="GIW715" s="613"/>
      <c r="GIX715" s="613"/>
      <c r="GIY715" s="613"/>
      <c r="GIZ715" s="613"/>
      <c r="GJA715" s="613"/>
      <c r="GJB715" s="613"/>
      <c r="GJC715" s="613"/>
      <c r="GJD715" s="613"/>
      <c r="GJE715" s="613"/>
      <c r="GJF715" s="613"/>
      <c r="GJG715" s="613"/>
      <c r="GJH715" s="613"/>
      <c r="GJI715" s="613"/>
      <c r="GJJ715" s="613"/>
      <c r="GJK715" s="613"/>
      <c r="GJL715" s="613"/>
      <c r="GJM715" s="613"/>
      <c r="GJN715" s="613"/>
      <c r="GJO715" s="613"/>
      <c r="GJP715" s="613"/>
      <c r="GJQ715" s="613"/>
      <c r="GJR715" s="613"/>
      <c r="GJS715" s="613"/>
      <c r="GJT715" s="613"/>
      <c r="GJU715" s="613"/>
      <c r="GJV715" s="613"/>
      <c r="GJW715" s="613"/>
      <c r="GJX715" s="613"/>
      <c r="GJY715" s="613"/>
      <c r="GJZ715" s="613"/>
      <c r="GKA715" s="613"/>
      <c r="GKB715" s="613"/>
      <c r="GKC715" s="613"/>
      <c r="GKD715" s="613"/>
      <c r="GKE715" s="613"/>
      <c r="GKF715" s="613"/>
      <c r="GKG715" s="613"/>
      <c r="GKH715" s="613"/>
      <c r="GKI715" s="613"/>
      <c r="GKJ715" s="613"/>
      <c r="GKK715" s="613"/>
      <c r="GKL715" s="613"/>
      <c r="GKM715" s="613"/>
      <c r="GKN715" s="613"/>
      <c r="GKO715" s="613"/>
      <c r="GKP715" s="613"/>
      <c r="GKQ715" s="613"/>
      <c r="GKR715" s="613"/>
      <c r="GKS715" s="613"/>
      <c r="GKT715" s="613"/>
      <c r="GKU715" s="613"/>
      <c r="GKV715" s="613"/>
      <c r="GKW715" s="613"/>
      <c r="GKX715" s="613"/>
      <c r="GKY715" s="613"/>
      <c r="GKZ715" s="613"/>
      <c r="GLA715" s="613"/>
      <c r="GLB715" s="613"/>
      <c r="GLC715" s="613"/>
      <c r="GLD715" s="613"/>
      <c r="GLE715" s="613"/>
      <c r="GLF715" s="613"/>
      <c r="GLG715" s="613"/>
      <c r="GLH715" s="613"/>
      <c r="GLI715" s="613"/>
      <c r="GLJ715" s="613"/>
      <c r="GLK715" s="613"/>
      <c r="GLL715" s="613"/>
      <c r="GLM715" s="613"/>
      <c r="GLN715" s="613"/>
      <c r="GLO715" s="613"/>
      <c r="GLP715" s="613"/>
      <c r="GLQ715" s="613"/>
      <c r="GLR715" s="613"/>
      <c r="GLS715" s="613"/>
      <c r="GLT715" s="613"/>
      <c r="GLU715" s="613"/>
      <c r="GLV715" s="613"/>
      <c r="GLW715" s="613"/>
      <c r="GLX715" s="613"/>
      <c r="GLY715" s="613"/>
      <c r="GLZ715" s="613"/>
      <c r="GMA715" s="613"/>
      <c r="GMB715" s="613"/>
      <c r="GMC715" s="613"/>
      <c r="GMD715" s="613"/>
      <c r="GME715" s="613"/>
      <c r="GMF715" s="613"/>
      <c r="GMG715" s="613"/>
      <c r="GMH715" s="613"/>
      <c r="GMI715" s="613"/>
      <c r="GMJ715" s="613"/>
      <c r="GMK715" s="613"/>
      <c r="GML715" s="613"/>
      <c r="GMM715" s="613"/>
      <c r="GMN715" s="613"/>
      <c r="GMO715" s="613"/>
      <c r="GMP715" s="613"/>
      <c r="GMQ715" s="613"/>
      <c r="GMR715" s="613"/>
      <c r="GMS715" s="613"/>
      <c r="GMT715" s="613"/>
      <c r="GMU715" s="613"/>
      <c r="GMV715" s="613"/>
      <c r="GMW715" s="613"/>
      <c r="GMX715" s="613"/>
      <c r="GMY715" s="613"/>
      <c r="GMZ715" s="613"/>
      <c r="GNA715" s="613"/>
      <c r="GNB715" s="613"/>
      <c r="GNC715" s="613"/>
      <c r="GND715" s="613"/>
      <c r="GNE715" s="613"/>
      <c r="GNF715" s="613"/>
      <c r="GNG715" s="613"/>
      <c r="GNH715" s="613"/>
      <c r="GNI715" s="613"/>
      <c r="GNJ715" s="613"/>
      <c r="GNK715" s="613"/>
      <c r="GNL715" s="613"/>
      <c r="GNM715" s="613"/>
      <c r="GNN715" s="613"/>
      <c r="GNO715" s="613"/>
      <c r="GNP715" s="613"/>
      <c r="GNQ715" s="613"/>
      <c r="GNR715" s="613"/>
      <c r="GNS715" s="613"/>
      <c r="GNT715" s="613"/>
      <c r="GNU715" s="613"/>
      <c r="GNV715" s="613"/>
      <c r="GNW715" s="613"/>
      <c r="GNX715" s="613"/>
      <c r="GNY715" s="613"/>
      <c r="GNZ715" s="613"/>
      <c r="GOA715" s="613"/>
      <c r="GOB715" s="613"/>
      <c r="GOC715" s="613"/>
      <c r="GOD715" s="613"/>
      <c r="GOE715" s="613"/>
      <c r="GOF715" s="613"/>
      <c r="GOG715" s="613"/>
      <c r="GOH715" s="613"/>
      <c r="GOI715" s="613"/>
      <c r="GOJ715" s="613"/>
      <c r="GOK715" s="613"/>
      <c r="GOL715" s="613"/>
      <c r="GOM715" s="613"/>
      <c r="GON715" s="613"/>
      <c r="GOO715" s="613"/>
      <c r="GOP715" s="613"/>
      <c r="GOQ715" s="613"/>
      <c r="GOR715" s="613"/>
      <c r="GOS715" s="613"/>
      <c r="GOT715" s="613"/>
      <c r="GOU715" s="613"/>
      <c r="GOV715" s="613"/>
      <c r="GOW715" s="613"/>
      <c r="GOX715" s="613"/>
      <c r="GOY715" s="613"/>
      <c r="GOZ715" s="613"/>
      <c r="GPA715" s="613"/>
      <c r="GPB715" s="613"/>
      <c r="GPC715" s="613"/>
      <c r="GPD715" s="613"/>
      <c r="GPE715" s="613"/>
      <c r="GPF715" s="613"/>
      <c r="GPG715" s="613"/>
      <c r="GPH715" s="613"/>
      <c r="GPI715" s="613"/>
      <c r="GPJ715" s="613"/>
      <c r="GPK715" s="613"/>
      <c r="GPL715" s="613"/>
      <c r="GPM715" s="613"/>
      <c r="GPN715" s="613"/>
      <c r="GPO715" s="613"/>
      <c r="GPP715" s="613"/>
      <c r="GPQ715" s="613"/>
      <c r="GPR715" s="613"/>
      <c r="GPS715" s="613"/>
      <c r="GPT715" s="613"/>
      <c r="GPU715" s="613"/>
      <c r="GPV715" s="613"/>
      <c r="GPW715" s="613"/>
      <c r="GPX715" s="613"/>
      <c r="GPY715" s="613"/>
      <c r="GPZ715" s="613"/>
      <c r="GQA715" s="613"/>
      <c r="GQB715" s="613"/>
      <c r="GQC715" s="613"/>
      <c r="GQD715" s="613"/>
      <c r="GQE715" s="613"/>
      <c r="GQF715" s="613"/>
      <c r="GQG715" s="613"/>
      <c r="GQH715" s="613"/>
      <c r="GQI715" s="613"/>
      <c r="GQJ715" s="613"/>
      <c r="GQK715" s="613"/>
      <c r="GQL715" s="613"/>
      <c r="GQM715" s="613"/>
      <c r="GQN715" s="613"/>
      <c r="GQO715" s="613"/>
      <c r="GQP715" s="613"/>
      <c r="GQQ715" s="613"/>
      <c r="GQR715" s="613"/>
      <c r="GQS715" s="613"/>
      <c r="GQT715" s="613"/>
      <c r="GQU715" s="613"/>
      <c r="GQV715" s="613"/>
      <c r="GQW715" s="613"/>
      <c r="GQX715" s="613"/>
      <c r="GQY715" s="613"/>
      <c r="GQZ715" s="613"/>
      <c r="GRA715" s="613"/>
      <c r="GRB715" s="613"/>
      <c r="GRC715" s="613"/>
      <c r="GRD715" s="613"/>
      <c r="GRE715" s="613"/>
      <c r="GRF715" s="613"/>
      <c r="GRG715" s="613"/>
      <c r="GRH715" s="613"/>
      <c r="GRI715" s="613"/>
      <c r="GRJ715" s="613"/>
      <c r="GRK715" s="613"/>
      <c r="GRL715" s="613"/>
      <c r="GRM715" s="613"/>
      <c r="GRN715" s="613"/>
      <c r="GRO715" s="613"/>
      <c r="GRP715" s="613"/>
      <c r="GRQ715" s="613"/>
      <c r="GRR715" s="613"/>
      <c r="GRS715" s="613"/>
      <c r="GRT715" s="613"/>
      <c r="GRU715" s="613"/>
      <c r="GRV715" s="613"/>
      <c r="GRW715" s="613"/>
      <c r="GRX715" s="613"/>
      <c r="GRY715" s="613"/>
      <c r="GRZ715" s="613"/>
      <c r="GSA715" s="613"/>
      <c r="GSB715" s="613"/>
      <c r="GSC715" s="613"/>
      <c r="GSD715" s="613"/>
      <c r="GSE715" s="613"/>
      <c r="GSF715" s="613"/>
      <c r="GSG715" s="613"/>
      <c r="GSH715" s="613"/>
      <c r="GSI715" s="613"/>
      <c r="GSJ715" s="613"/>
      <c r="GSK715" s="613"/>
      <c r="GSL715" s="613"/>
      <c r="GSM715" s="613"/>
      <c r="GSN715" s="613"/>
      <c r="GSO715" s="613"/>
      <c r="GSP715" s="613"/>
      <c r="GSQ715" s="613"/>
      <c r="GSR715" s="613"/>
      <c r="GSS715" s="613"/>
      <c r="GST715" s="613"/>
      <c r="GSU715" s="613"/>
      <c r="GSV715" s="613"/>
      <c r="GSW715" s="613"/>
      <c r="GSX715" s="613"/>
      <c r="GSY715" s="613"/>
      <c r="GSZ715" s="613"/>
      <c r="GTA715" s="613"/>
      <c r="GTB715" s="613"/>
      <c r="GTC715" s="613"/>
      <c r="GTD715" s="613"/>
      <c r="GTE715" s="613"/>
      <c r="GTF715" s="613"/>
      <c r="GTG715" s="613"/>
      <c r="GTH715" s="613"/>
      <c r="GTI715" s="613"/>
      <c r="GTJ715" s="613"/>
      <c r="GTK715" s="613"/>
      <c r="GTL715" s="613"/>
      <c r="GTM715" s="613"/>
      <c r="GTN715" s="613"/>
      <c r="GTO715" s="613"/>
      <c r="GTP715" s="613"/>
      <c r="GTQ715" s="613"/>
      <c r="GTR715" s="613"/>
      <c r="GTS715" s="613"/>
      <c r="GTT715" s="613"/>
      <c r="GTU715" s="613"/>
      <c r="GTV715" s="613"/>
      <c r="GTW715" s="613"/>
      <c r="GTX715" s="613"/>
      <c r="GTY715" s="613"/>
      <c r="GTZ715" s="613"/>
      <c r="GUA715" s="613"/>
      <c r="GUB715" s="613"/>
      <c r="GUC715" s="613"/>
      <c r="GUD715" s="613"/>
      <c r="GUE715" s="613"/>
      <c r="GUF715" s="613"/>
      <c r="GUG715" s="613"/>
      <c r="GUH715" s="613"/>
      <c r="GUI715" s="613"/>
      <c r="GUJ715" s="613"/>
      <c r="GUK715" s="613"/>
      <c r="GUL715" s="613"/>
      <c r="GUM715" s="613"/>
      <c r="GUN715" s="613"/>
      <c r="GUO715" s="613"/>
      <c r="GUP715" s="613"/>
      <c r="GUQ715" s="613"/>
      <c r="GUR715" s="613"/>
      <c r="GUS715" s="613"/>
      <c r="GUT715" s="613"/>
      <c r="GUU715" s="613"/>
      <c r="GUV715" s="613"/>
      <c r="GUW715" s="613"/>
      <c r="GUX715" s="613"/>
      <c r="GUY715" s="613"/>
      <c r="GUZ715" s="613"/>
      <c r="GVA715" s="613"/>
      <c r="GVB715" s="613"/>
      <c r="GVC715" s="613"/>
      <c r="GVD715" s="613"/>
      <c r="GVE715" s="613"/>
      <c r="GVF715" s="613"/>
      <c r="GVG715" s="613"/>
      <c r="GVH715" s="613"/>
      <c r="GVI715" s="613"/>
      <c r="GVJ715" s="613"/>
      <c r="GVK715" s="613"/>
      <c r="GVL715" s="613"/>
      <c r="GVM715" s="613"/>
      <c r="GVN715" s="613"/>
      <c r="GVO715" s="613"/>
      <c r="GVP715" s="613"/>
      <c r="GVQ715" s="613"/>
      <c r="GVR715" s="613"/>
      <c r="GVS715" s="613"/>
      <c r="GVT715" s="613"/>
      <c r="GVU715" s="613"/>
      <c r="GVV715" s="613"/>
      <c r="GVW715" s="613"/>
      <c r="GVX715" s="613"/>
      <c r="GVY715" s="613"/>
      <c r="GVZ715" s="613"/>
      <c r="GWA715" s="613"/>
      <c r="GWB715" s="613"/>
      <c r="GWC715" s="613"/>
      <c r="GWD715" s="613"/>
      <c r="GWE715" s="613"/>
      <c r="GWF715" s="613"/>
      <c r="GWG715" s="613"/>
      <c r="GWH715" s="613"/>
      <c r="GWI715" s="613"/>
      <c r="GWJ715" s="613"/>
      <c r="GWK715" s="613"/>
      <c r="GWL715" s="613"/>
      <c r="GWM715" s="613"/>
      <c r="GWN715" s="613"/>
      <c r="GWO715" s="613"/>
      <c r="GWP715" s="613"/>
      <c r="GWQ715" s="613"/>
      <c r="GWR715" s="613"/>
      <c r="GWS715" s="613"/>
      <c r="GWT715" s="613"/>
      <c r="GWU715" s="613"/>
      <c r="GWV715" s="613"/>
      <c r="GWW715" s="613"/>
      <c r="GWX715" s="613"/>
      <c r="GWY715" s="613"/>
      <c r="GWZ715" s="613"/>
      <c r="GXA715" s="613"/>
      <c r="GXB715" s="613"/>
      <c r="GXC715" s="613"/>
      <c r="GXD715" s="613"/>
      <c r="GXE715" s="613"/>
      <c r="GXF715" s="613"/>
      <c r="GXG715" s="613"/>
      <c r="GXH715" s="613"/>
      <c r="GXI715" s="613"/>
      <c r="GXJ715" s="613"/>
      <c r="GXK715" s="613"/>
      <c r="GXL715" s="613"/>
      <c r="GXM715" s="613"/>
      <c r="GXN715" s="613"/>
      <c r="GXO715" s="613"/>
      <c r="GXP715" s="613"/>
      <c r="GXQ715" s="613"/>
      <c r="GXR715" s="613"/>
      <c r="GXS715" s="613"/>
      <c r="GXT715" s="613"/>
      <c r="GXU715" s="613"/>
      <c r="GXV715" s="613"/>
      <c r="GXW715" s="613"/>
      <c r="GXX715" s="613"/>
      <c r="GXY715" s="613"/>
      <c r="GXZ715" s="613"/>
      <c r="GYA715" s="613"/>
      <c r="GYB715" s="613"/>
      <c r="GYC715" s="613"/>
      <c r="GYD715" s="613"/>
      <c r="GYE715" s="613"/>
      <c r="GYF715" s="613"/>
      <c r="GYG715" s="613"/>
      <c r="GYH715" s="613"/>
      <c r="GYI715" s="613"/>
      <c r="GYJ715" s="613"/>
      <c r="GYK715" s="613"/>
      <c r="GYL715" s="613"/>
      <c r="GYM715" s="613"/>
      <c r="GYN715" s="613"/>
      <c r="GYO715" s="613"/>
      <c r="GYP715" s="613"/>
      <c r="GYQ715" s="613"/>
      <c r="GYR715" s="613"/>
      <c r="GYS715" s="613"/>
      <c r="GYT715" s="613"/>
      <c r="GYU715" s="613"/>
      <c r="GYV715" s="613"/>
      <c r="GYW715" s="613"/>
      <c r="GYX715" s="613"/>
      <c r="GYY715" s="613"/>
      <c r="GYZ715" s="613"/>
      <c r="GZA715" s="613"/>
      <c r="GZB715" s="613"/>
      <c r="GZC715" s="613"/>
      <c r="GZD715" s="613"/>
      <c r="GZE715" s="613"/>
      <c r="GZF715" s="613"/>
      <c r="GZG715" s="613"/>
      <c r="GZH715" s="613"/>
      <c r="GZI715" s="613"/>
      <c r="GZJ715" s="613"/>
      <c r="GZK715" s="613"/>
      <c r="GZL715" s="613"/>
      <c r="GZM715" s="613"/>
      <c r="GZN715" s="613"/>
      <c r="GZO715" s="613"/>
      <c r="GZP715" s="613"/>
      <c r="GZQ715" s="613"/>
      <c r="GZR715" s="613"/>
      <c r="GZS715" s="613"/>
      <c r="GZT715" s="613"/>
      <c r="GZU715" s="613"/>
      <c r="GZV715" s="613"/>
      <c r="GZW715" s="613"/>
      <c r="GZX715" s="613"/>
      <c r="GZY715" s="613"/>
      <c r="GZZ715" s="613"/>
      <c r="HAA715" s="613"/>
      <c r="HAB715" s="613"/>
      <c r="HAC715" s="613"/>
      <c r="HAD715" s="613"/>
      <c r="HAE715" s="613"/>
      <c r="HAF715" s="613"/>
      <c r="HAG715" s="613"/>
      <c r="HAH715" s="613"/>
      <c r="HAI715" s="613"/>
      <c r="HAJ715" s="613"/>
      <c r="HAK715" s="613"/>
      <c r="HAL715" s="613"/>
      <c r="HAM715" s="613"/>
      <c r="HAN715" s="613"/>
      <c r="HAO715" s="613"/>
      <c r="HAP715" s="613"/>
      <c r="HAQ715" s="613"/>
      <c r="HAR715" s="613"/>
      <c r="HAS715" s="613"/>
      <c r="HAT715" s="613"/>
      <c r="HAU715" s="613"/>
      <c r="HAV715" s="613"/>
      <c r="HAW715" s="613"/>
      <c r="HAX715" s="613"/>
      <c r="HAY715" s="613"/>
      <c r="HAZ715" s="613"/>
      <c r="HBA715" s="613"/>
      <c r="HBB715" s="613"/>
      <c r="HBC715" s="613"/>
      <c r="HBD715" s="613"/>
      <c r="HBE715" s="613"/>
      <c r="HBF715" s="613"/>
      <c r="HBG715" s="613"/>
      <c r="HBH715" s="613"/>
      <c r="HBI715" s="613"/>
      <c r="HBJ715" s="613"/>
      <c r="HBK715" s="613"/>
      <c r="HBL715" s="613"/>
      <c r="HBM715" s="613"/>
      <c r="HBN715" s="613"/>
      <c r="HBO715" s="613"/>
      <c r="HBP715" s="613"/>
      <c r="HBQ715" s="613"/>
      <c r="HBR715" s="613"/>
      <c r="HBS715" s="613"/>
      <c r="HBT715" s="613"/>
      <c r="HBU715" s="613"/>
      <c r="HBV715" s="613"/>
      <c r="HBW715" s="613"/>
      <c r="HBX715" s="613"/>
      <c r="HBY715" s="613"/>
      <c r="HBZ715" s="613"/>
      <c r="HCA715" s="613"/>
      <c r="HCB715" s="613"/>
      <c r="HCC715" s="613"/>
      <c r="HCD715" s="613"/>
      <c r="HCE715" s="613"/>
      <c r="HCF715" s="613"/>
      <c r="HCG715" s="613"/>
      <c r="HCH715" s="613"/>
      <c r="HCI715" s="613"/>
      <c r="HCJ715" s="613"/>
      <c r="HCK715" s="613"/>
      <c r="HCL715" s="613"/>
      <c r="HCM715" s="613"/>
      <c r="HCN715" s="613"/>
      <c r="HCO715" s="613"/>
      <c r="HCP715" s="613"/>
      <c r="HCQ715" s="613"/>
      <c r="HCR715" s="613"/>
      <c r="HCS715" s="613"/>
      <c r="HCT715" s="613"/>
      <c r="HCU715" s="613"/>
      <c r="HCV715" s="613"/>
      <c r="HCW715" s="613"/>
      <c r="HCX715" s="613"/>
      <c r="HCY715" s="613"/>
      <c r="HCZ715" s="613"/>
      <c r="HDA715" s="613"/>
      <c r="HDB715" s="613"/>
      <c r="HDC715" s="613"/>
      <c r="HDD715" s="613"/>
      <c r="HDE715" s="613"/>
      <c r="HDF715" s="613"/>
      <c r="HDG715" s="613"/>
      <c r="HDH715" s="613"/>
      <c r="HDI715" s="613"/>
      <c r="HDJ715" s="613"/>
      <c r="HDK715" s="613"/>
      <c r="HDL715" s="613"/>
      <c r="HDM715" s="613"/>
      <c r="HDN715" s="613"/>
      <c r="HDO715" s="613"/>
      <c r="HDP715" s="613"/>
      <c r="HDQ715" s="613"/>
      <c r="HDR715" s="613"/>
      <c r="HDS715" s="613"/>
      <c r="HDT715" s="613"/>
      <c r="HDU715" s="613"/>
      <c r="HDV715" s="613"/>
      <c r="HDW715" s="613"/>
      <c r="HDX715" s="613"/>
      <c r="HDY715" s="613"/>
      <c r="HDZ715" s="613"/>
      <c r="HEA715" s="613"/>
      <c r="HEB715" s="613"/>
      <c r="HEC715" s="613"/>
      <c r="HED715" s="613"/>
      <c r="HEE715" s="613"/>
      <c r="HEF715" s="613"/>
      <c r="HEG715" s="613"/>
      <c r="HEH715" s="613"/>
      <c r="HEI715" s="613"/>
      <c r="HEJ715" s="613"/>
      <c r="HEK715" s="613"/>
      <c r="HEL715" s="613"/>
      <c r="HEM715" s="613"/>
      <c r="HEN715" s="613"/>
      <c r="HEO715" s="613"/>
      <c r="HEP715" s="613"/>
      <c r="HEQ715" s="613"/>
      <c r="HER715" s="613"/>
      <c r="HES715" s="613"/>
      <c r="HET715" s="613"/>
      <c r="HEU715" s="613"/>
      <c r="HEV715" s="613"/>
      <c r="HEW715" s="613"/>
      <c r="HEX715" s="613"/>
      <c r="HEY715" s="613"/>
      <c r="HEZ715" s="613"/>
      <c r="HFA715" s="613"/>
      <c r="HFB715" s="613"/>
      <c r="HFC715" s="613"/>
      <c r="HFD715" s="613"/>
      <c r="HFE715" s="613"/>
      <c r="HFF715" s="613"/>
      <c r="HFG715" s="613"/>
      <c r="HFH715" s="613"/>
      <c r="HFI715" s="613"/>
      <c r="HFJ715" s="613"/>
      <c r="HFK715" s="613"/>
      <c r="HFL715" s="613"/>
      <c r="HFM715" s="613"/>
      <c r="HFN715" s="613"/>
      <c r="HFO715" s="613"/>
      <c r="HFP715" s="613"/>
      <c r="HFQ715" s="613"/>
      <c r="HFR715" s="613"/>
      <c r="HFS715" s="613"/>
      <c r="HFT715" s="613"/>
      <c r="HFU715" s="613"/>
      <c r="HFV715" s="613"/>
      <c r="HFW715" s="613"/>
      <c r="HFX715" s="613"/>
      <c r="HFY715" s="613"/>
      <c r="HFZ715" s="613"/>
      <c r="HGA715" s="613"/>
      <c r="HGB715" s="613"/>
      <c r="HGC715" s="613"/>
      <c r="HGD715" s="613"/>
      <c r="HGE715" s="613"/>
      <c r="HGF715" s="613"/>
      <c r="HGG715" s="613"/>
      <c r="HGH715" s="613"/>
      <c r="HGI715" s="613"/>
      <c r="HGJ715" s="613"/>
      <c r="HGK715" s="613"/>
      <c r="HGL715" s="613"/>
      <c r="HGM715" s="613"/>
      <c r="HGN715" s="613"/>
      <c r="HGO715" s="613"/>
      <c r="HGP715" s="613"/>
      <c r="HGQ715" s="613"/>
      <c r="HGR715" s="613"/>
      <c r="HGS715" s="613"/>
      <c r="HGT715" s="613"/>
      <c r="HGU715" s="613"/>
      <c r="HGV715" s="613"/>
      <c r="HGW715" s="613"/>
      <c r="HGX715" s="613"/>
      <c r="HGY715" s="613"/>
      <c r="HGZ715" s="613"/>
      <c r="HHA715" s="613"/>
      <c r="HHB715" s="613"/>
      <c r="HHC715" s="613"/>
      <c r="HHD715" s="613"/>
      <c r="HHE715" s="613"/>
      <c r="HHF715" s="613"/>
      <c r="HHG715" s="613"/>
      <c r="HHH715" s="613"/>
      <c r="HHI715" s="613"/>
      <c r="HHJ715" s="613"/>
      <c r="HHK715" s="613"/>
      <c r="HHL715" s="613"/>
      <c r="HHM715" s="613"/>
      <c r="HHN715" s="613"/>
      <c r="HHO715" s="613"/>
      <c r="HHP715" s="613"/>
      <c r="HHQ715" s="613"/>
      <c r="HHR715" s="613"/>
      <c r="HHS715" s="613"/>
      <c r="HHT715" s="613"/>
      <c r="HHU715" s="613"/>
      <c r="HHV715" s="613"/>
      <c r="HHW715" s="613"/>
      <c r="HHX715" s="613"/>
      <c r="HHY715" s="613"/>
      <c r="HHZ715" s="613"/>
      <c r="HIA715" s="613"/>
      <c r="HIB715" s="613"/>
      <c r="HIC715" s="613"/>
      <c r="HID715" s="613"/>
      <c r="HIE715" s="613"/>
      <c r="HIF715" s="613"/>
      <c r="HIG715" s="613"/>
      <c r="HIH715" s="613"/>
      <c r="HII715" s="613"/>
      <c r="HIJ715" s="613"/>
      <c r="HIK715" s="613"/>
      <c r="HIL715" s="613"/>
      <c r="HIM715" s="613"/>
      <c r="HIN715" s="613"/>
      <c r="HIO715" s="613"/>
      <c r="HIP715" s="613"/>
      <c r="HIQ715" s="613"/>
      <c r="HIR715" s="613"/>
      <c r="HIS715" s="613"/>
      <c r="HIT715" s="613"/>
      <c r="HIU715" s="613"/>
      <c r="HIV715" s="613"/>
      <c r="HIW715" s="613"/>
      <c r="HIX715" s="613"/>
      <c r="HIY715" s="613"/>
      <c r="HIZ715" s="613"/>
      <c r="HJA715" s="613"/>
      <c r="HJB715" s="613"/>
      <c r="HJC715" s="613"/>
      <c r="HJD715" s="613"/>
      <c r="HJE715" s="613"/>
      <c r="HJF715" s="613"/>
      <c r="HJG715" s="613"/>
      <c r="HJH715" s="613"/>
      <c r="HJI715" s="613"/>
      <c r="HJJ715" s="613"/>
      <c r="HJK715" s="613"/>
      <c r="HJL715" s="613"/>
      <c r="HJM715" s="613"/>
      <c r="HJN715" s="613"/>
      <c r="HJO715" s="613"/>
      <c r="HJP715" s="613"/>
      <c r="HJQ715" s="613"/>
      <c r="HJR715" s="613"/>
      <c r="HJS715" s="613"/>
      <c r="HJT715" s="613"/>
      <c r="HJU715" s="613"/>
      <c r="HJV715" s="613"/>
      <c r="HJW715" s="613"/>
      <c r="HJX715" s="613"/>
      <c r="HJY715" s="613"/>
      <c r="HJZ715" s="613"/>
      <c r="HKA715" s="613"/>
      <c r="HKB715" s="613"/>
      <c r="HKC715" s="613"/>
      <c r="HKD715" s="613"/>
      <c r="HKE715" s="613"/>
      <c r="HKF715" s="613"/>
      <c r="HKG715" s="613"/>
      <c r="HKH715" s="613"/>
      <c r="HKI715" s="613"/>
      <c r="HKJ715" s="613"/>
      <c r="HKK715" s="613"/>
      <c r="HKL715" s="613"/>
      <c r="HKM715" s="613"/>
      <c r="HKN715" s="613"/>
      <c r="HKO715" s="613"/>
      <c r="HKP715" s="613"/>
      <c r="HKQ715" s="613"/>
      <c r="HKR715" s="613"/>
      <c r="HKS715" s="613"/>
      <c r="HKT715" s="613"/>
      <c r="HKU715" s="613"/>
      <c r="HKV715" s="613"/>
      <c r="HKW715" s="613"/>
      <c r="HKX715" s="613"/>
      <c r="HKY715" s="613"/>
      <c r="HKZ715" s="613"/>
      <c r="HLA715" s="613"/>
      <c r="HLB715" s="613"/>
      <c r="HLC715" s="613"/>
      <c r="HLD715" s="613"/>
      <c r="HLE715" s="613"/>
      <c r="HLF715" s="613"/>
      <c r="HLG715" s="613"/>
      <c r="HLH715" s="613"/>
      <c r="HLI715" s="613"/>
      <c r="HLJ715" s="613"/>
      <c r="HLK715" s="613"/>
      <c r="HLL715" s="613"/>
      <c r="HLM715" s="613"/>
      <c r="HLN715" s="613"/>
      <c r="HLO715" s="613"/>
      <c r="HLP715" s="613"/>
      <c r="HLQ715" s="613"/>
      <c r="HLR715" s="613"/>
      <c r="HLS715" s="613"/>
      <c r="HLT715" s="613"/>
      <c r="HLU715" s="613"/>
      <c r="HLV715" s="613"/>
      <c r="HLW715" s="613"/>
      <c r="HLX715" s="613"/>
      <c r="HLY715" s="613"/>
      <c r="HLZ715" s="613"/>
      <c r="HMA715" s="613"/>
      <c r="HMB715" s="613"/>
      <c r="HMC715" s="613"/>
      <c r="HMD715" s="613"/>
      <c r="HME715" s="613"/>
      <c r="HMF715" s="613"/>
      <c r="HMG715" s="613"/>
      <c r="HMH715" s="613"/>
      <c r="HMI715" s="613"/>
      <c r="HMJ715" s="613"/>
      <c r="HMK715" s="613"/>
      <c r="HML715" s="613"/>
      <c r="HMM715" s="613"/>
      <c r="HMN715" s="613"/>
      <c r="HMO715" s="613"/>
      <c r="HMP715" s="613"/>
      <c r="HMQ715" s="613"/>
      <c r="HMR715" s="613"/>
      <c r="HMS715" s="613"/>
      <c r="HMT715" s="613"/>
      <c r="HMU715" s="613"/>
      <c r="HMV715" s="613"/>
      <c r="HMW715" s="613"/>
      <c r="HMX715" s="613"/>
      <c r="HMY715" s="613"/>
      <c r="HMZ715" s="613"/>
      <c r="HNA715" s="613"/>
      <c r="HNB715" s="613"/>
      <c r="HNC715" s="613"/>
      <c r="HND715" s="613"/>
      <c r="HNE715" s="613"/>
      <c r="HNF715" s="613"/>
      <c r="HNG715" s="613"/>
      <c r="HNH715" s="613"/>
      <c r="HNI715" s="613"/>
      <c r="HNJ715" s="613"/>
      <c r="HNK715" s="613"/>
      <c r="HNL715" s="613"/>
      <c r="HNM715" s="613"/>
      <c r="HNN715" s="613"/>
      <c r="HNO715" s="613"/>
      <c r="HNP715" s="613"/>
      <c r="HNQ715" s="613"/>
      <c r="HNR715" s="613"/>
      <c r="HNS715" s="613"/>
      <c r="HNT715" s="613"/>
      <c r="HNU715" s="613"/>
      <c r="HNV715" s="613"/>
      <c r="HNW715" s="613"/>
      <c r="HNX715" s="613"/>
      <c r="HNY715" s="613"/>
      <c r="HNZ715" s="613"/>
      <c r="HOA715" s="613"/>
      <c r="HOB715" s="613"/>
      <c r="HOC715" s="613"/>
      <c r="HOD715" s="613"/>
      <c r="HOE715" s="613"/>
      <c r="HOF715" s="613"/>
      <c r="HOG715" s="613"/>
      <c r="HOH715" s="613"/>
      <c r="HOI715" s="613"/>
      <c r="HOJ715" s="613"/>
      <c r="HOK715" s="613"/>
      <c r="HOL715" s="613"/>
      <c r="HOM715" s="613"/>
      <c r="HON715" s="613"/>
      <c r="HOO715" s="613"/>
      <c r="HOP715" s="613"/>
      <c r="HOQ715" s="613"/>
      <c r="HOR715" s="613"/>
      <c r="HOS715" s="613"/>
      <c r="HOT715" s="613"/>
      <c r="HOU715" s="613"/>
      <c r="HOV715" s="613"/>
      <c r="HOW715" s="613"/>
      <c r="HOX715" s="613"/>
      <c r="HOY715" s="613"/>
      <c r="HOZ715" s="613"/>
      <c r="HPA715" s="613"/>
      <c r="HPB715" s="613"/>
      <c r="HPC715" s="613"/>
      <c r="HPD715" s="613"/>
      <c r="HPE715" s="613"/>
      <c r="HPF715" s="613"/>
      <c r="HPG715" s="613"/>
      <c r="HPH715" s="613"/>
      <c r="HPI715" s="613"/>
      <c r="HPJ715" s="613"/>
      <c r="HPK715" s="613"/>
      <c r="HPL715" s="613"/>
      <c r="HPM715" s="613"/>
      <c r="HPN715" s="613"/>
      <c r="HPO715" s="613"/>
      <c r="HPP715" s="613"/>
      <c r="HPQ715" s="613"/>
      <c r="HPR715" s="613"/>
      <c r="HPS715" s="613"/>
      <c r="HPT715" s="613"/>
      <c r="HPU715" s="613"/>
      <c r="HPV715" s="613"/>
      <c r="HPW715" s="613"/>
      <c r="HPX715" s="613"/>
      <c r="HPY715" s="613"/>
      <c r="HPZ715" s="613"/>
      <c r="HQA715" s="613"/>
      <c r="HQB715" s="613"/>
      <c r="HQC715" s="613"/>
      <c r="HQD715" s="613"/>
      <c r="HQE715" s="613"/>
      <c r="HQF715" s="613"/>
      <c r="HQG715" s="613"/>
      <c r="HQH715" s="613"/>
      <c r="HQI715" s="613"/>
      <c r="HQJ715" s="613"/>
      <c r="HQK715" s="613"/>
      <c r="HQL715" s="613"/>
      <c r="HQM715" s="613"/>
      <c r="HQN715" s="613"/>
      <c r="HQO715" s="613"/>
      <c r="HQP715" s="613"/>
      <c r="HQQ715" s="613"/>
      <c r="HQR715" s="613"/>
      <c r="HQS715" s="613"/>
      <c r="HQT715" s="613"/>
      <c r="HQU715" s="613"/>
      <c r="HQV715" s="613"/>
      <c r="HQW715" s="613"/>
      <c r="HQX715" s="613"/>
      <c r="HQY715" s="613"/>
      <c r="HQZ715" s="613"/>
      <c r="HRA715" s="613"/>
      <c r="HRB715" s="613"/>
      <c r="HRC715" s="613"/>
      <c r="HRD715" s="613"/>
      <c r="HRE715" s="613"/>
      <c r="HRF715" s="613"/>
      <c r="HRG715" s="613"/>
      <c r="HRH715" s="613"/>
      <c r="HRI715" s="613"/>
      <c r="HRJ715" s="613"/>
      <c r="HRK715" s="613"/>
      <c r="HRL715" s="613"/>
      <c r="HRM715" s="613"/>
      <c r="HRN715" s="613"/>
      <c r="HRO715" s="613"/>
      <c r="HRP715" s="613"/>
      <c r="HRQ715" s="613"/>
      <c r="HRR715" s="613"/>
      <c r="HRS715" s="613"/>
      <c r="HRT715" s="613"/>
      <c r="HRU715" s="613"/>
      <c r="HRV715" s="613"/>
      <c r="HRW715" s="613"/>
      <c r="HRX715" s="613"/>
      <c r="HRY715" s="613"/>
      <c r="HRZ715" s="613"/>
      <c r="HSA715" s="613"/>
      <c r="HSB715" s="613"/>
      <c r="HSC715" s="613"/>
      <c r="HSD715" s="613"/>
      <c r="HSE715" s="613"/>
      <c r="HSF715" s="613"/>
      <c r="HSG715" s="613"/>
      <c r="HSH715" s="613"/>
      <c r="HSI715" s="613"/>
      <c r="HSJ715" s="613"/>
      <c r="HSK715" s="613"/>
      <c r="HSL715" s="613"/>
      <c r="HSM715" s="613"/>
      <c r="HSN715" s="613"/>
      <c r="HSO715" s="613"/>
      <c r="HSP715" s="613"/>
      <c r="HSQ715" s="613"/>
      <c r="HSR715" s="613"/>
      <c r="HSS715" s="613"/>
      <c r="HST715" s="613"/>
      <c r="HSU715" s="613"/>
      <c r="HSV715" s="613"/>
      <c r="HSW715" s="613"/>
      <c r="HSX715" s="613"/>
      <c r="HSY715" s="613"/>
      <c r="HSZ715" s="613"/>
      <c r="HTA715" s="613"/>
      <c r="HTB715" s="613"/>
      <c r="HTC715" s="613"/>
      <c r="HTD715" s="613"/>
      <c r="HTE715" s="613"/>
      <c r="HTF715" s="613"/>
      <c r="HTG715" s="613"/>
      <c r="HTH715" s="613"/>
      <c r="HTI715" s="613"/>
      <c r="HTJ715" s="613"/>
      <c r="HTK715" s="613"/>
      <c r="HTL715" s="613"/>
      <c r="HTM715" s="613"/>
      <c r="HTN715" s="613"/>
      <c r="HTO715" s="613"/>
      <c r="HTP715" s="613"/>
      <c r="HTQ715" s="613"/>
      <c r="HTR715" s="613"/>
      <c r="HTS715" s="613"/>
      <c r="HTT715" s="613"/>
      <c r="HTU715" s="613"/>
      <c r="HTV715" s="613"/>
      <c r="HTW715" s="613"/>
      <c r="HTX715" s="613"/>
      <c r="HTY715" s="613"/>
      <c r="HTZ715" s="613"/>
      <c r="HUA715" s="613"/>
      <c r="HUB715" s="613"/>
      <c r="HUC715" s="613"/>
      <c r="HUD715" s="613"/>
      <c r="HUE715" s="613"/>
      <c r="HUF715" s="613"/>
      <c r="HUG715" s="613"/>
      <c r="HUH715" s="613"/>
      <c r="HUI715" s="613"/>
      <c r="HUJ715" s="613"/>
      <c r="HUK715" s="613"/>
      <c r="HUL715" s="613"/>
      <c r="HUM715" s="613"/>
      <c r="HUN715" s="613"/>
      <c r="HUO715" s="613"/>
      <c r="HUP715" s="613"/>
      <c r="HUQ715" s="613"/>
      <c r="HUR715" s="613"/>
      <c r="HUS715" s="613"/>
      <c r="HUT715" s="613"/>
      <c r="HUU715" s="613"/>
      <c r="HUV715" s="613"/>
      <c r="HUW715" s="613"/>
      <c r="HUX715" s="613"/>
      <c r="HUY715" s="613"/>
      <c r="HUZ715" s="613"/>
      <c r="HVA715" s="613"/>
      <c r="HVB715" s="613"/>
      <c r="HVC715" s="613"/>
      <c r="HVD715" s="613"/>
      <c r="HVE715" s="613"/>
      <c r="HVF715" s="613"/>
      <c r="HVG715" s="613"/>
      <c r="HVH715" s="613"/>
      <c r="HVI715" s="613"/>
      <c r="HVJ715" s="613"/>
      <c r="HVK715" s="613"/>
      <c r="HVL715" s="613"/>
      <c r="HVM715" s="613"/>
      <c r="HVN715" s="613"/>
      <c r="HVO715" s="613"/>
      <c r="HVP715" s="613"/>
      <c r="HVQ715" s="613"/>
      <c r="HVR715" s="613"/>
      <c r="HVS715" s="613"/>
      <c r="HVT715" s="613"/>
      <c r="HVU715" s="613"/>
      <c r="HVV715" s="613"/>
      <c r="HVW715" s="613"/>
      <c r="HVX715" s="613"/>
      <c r="HVY715" s="613"/>
      <c r="HVZ715" s="613"/>
      <c r="HWA715" s="613"/>
      <c r="HWB715" s="613"/>
      <c r="HWC715" s="613"/>
      <c r="HWD715" s="613"/>
      <c r="HWE715" s="613"/>
      <c r="HWF715" s="613"/>
      <c r="HWG715" s="613"/>
      <c r="HWH715" s="613"/>
      <c r="HWI715" s="613"/>
      <c r="HWJ715" s="613"/>
      <c r="HWK715" s="613"/>
      <c r="HWL715" s="613"/>
      <c r="HWM715" s="613"/>
      <c r="HWN715" s="613"/>
      <c r="HWO715" s="613"/>
      <c r="HWP715" s="613"/>
      <c r="HWQ715" s="613"/>
      <c r="HWR715" s="613"/>
      <c r="HWS715" s="613"/>
      <c r="HWT715" s="613"/>
      <c r="HWU715" s="613"/>
      <c r="HWV715" s="613"/>
      <c r="HWW715" s="613"/>
      <c r="HWX715" s="613"/>
      <c r="HWY715" s="613"/>
      <c r="HWZ715" s="613"/>
      <c r="HXA715" s="613"/>
      <c r="HXB715" s="613"/>
      <c r="HXC715" s="613"/>
      <c r="HXD715" s="613"/>
      <c r="HXE715" s="613"/>
      <c r="HXF715" s="613"/>
      <c r="HXG715" s="613"/>
      <c r="HXH715" s="613"/>
      <c r="HXI715" s="613"/>
      <c r="HXJ715" s="613"/>
      <c r="HXK715" s="613"/>
      <c r="HXL715" s="613"/>
      <c r="HXM715" s="613"/>
      <c r="HXN715" s="613"/>
      <c r="HXO715" s="613"/>
      <c r="HXP715" s="613"/>
      <c r="HXQ715" s="613"/>
      <c r="HXR715" s="613"/>
      <c r="HXS715" s="613"/>
      <c r="HXT715" s="613"/>
      <c r="HXU715" s="613"/>
      <c r="HXV715" s="613"/>
      <c r="HXW715" s="613"/>
      <c r="HXX715" s="613"/>
      <c r="HXY715" s="613"/>
      <c r="HXZ715" s="613"/>
      <c r="HYA715" s="613"/>
      <c r="HYB715" s="613"/>
      <c r="HYC715" s="613"/>
      <c r="HYD715" s="613"/>
      <c r="HYE715" s="613"/>
      <c r="HYF715" s="613"/>
      <c r="HYG715" s="613"/>
      <c r="HYH715" s="613"/>
      <c r="HYI715" s="613"/>
      <c r="HYJ715" s="613"/>
      <c r="HYK715" s="613"/>
      <c r="HYL715" s="613"/>
      <c r="HYM715" s="613"/>
      <c r="HYN715" s="613"/>
      <c r="HYO715" s="613"/>
      <c r="HYP715" s="613"/>
      <c r="HYQ715" s="613"/>
      <c r="HYR715" s="613"/>
      <c r="HYS715" s="613"/>
      <c r="HYT715" s="613"/>
      <c r="HYU715" s="613"/>
      <c r="HYV715" s="613"/>
      <c r="HYW715" s="613"/>
      <c r="HYX715" s="613"/>
      <c r="HYY715" s="613"/>
      <c r="HYZ715" s="613"/>
      <c r="HZA715" s="613"/>
      <c r="HZB715" s="613"/>
      <c r="HZC715" s="613"/>
      <c r="HZD715" s="613"/>
      <c r="HZE715" s="613"/>
      <c r="HZF715" s="613"/>
      <c r="HZG715" s="613"/>
      <c r="HZH715" s="613"/>
      <c r="HZI715" s="613"/>
      <c r="HZJ715" s="613"/>
      <c r="HZK715" s="613"/>
      <c r="HZL715" s="613"/>
      <c r="HZM715" s="613"/>
      <c r="HZN715" s="613"/>
      <c r="HZO715" s="613"/>
      <c r="HZP715" s="613"/>
      <c r="HZQ715" s="613"/>
      <c r="HZR715" s="613"/>
      <c r="HZS715" s="613"/>
      <c r="HZT715" s="613"/>
      <c r="HZU715" s="613"/>
      <c r="HZV715" s="613"/>
      <c r="HZW715" s="613"/>
      <c r="HZX715" s="613"/>
      <c r="HZY715" s="613"/>
      <c r="HZZ715" s="613"/>
      <c r="IAA715" s="613"/>
      <c r="IAB715" s="613"/>
      <c r="IAC715" s="613"/>
      <c r="IAD715" s="613"/>
      <c r="IAE715" s="613"/>
      <c r="IAF715" s="613"/>
      <c r="IAG715" s="613"/>
      <c r="IAH715" s="613"/>
      <c r="IAI715" s="613"/>
      <c r="IAJ715" s="613"/>
      <c r="IAK715" s="613"/>
      <c r="IAL715" s="613"/>
      <c r="IAM715" s="613"/>
      <c r="IAN715" s="613"/>
      <c r="IAO715" s="613"/>
      <c r="IAP715" s="613"/>
      <c r="IAQ715" s="613"/>
      <c r="IAR715" s="613"/>
      <c r="IAS715" s="613"/>
      <c r="IAT715" s="613"/>
      <c r="IAU715" s="613"/>
      <c r="IAV715" s="613"/>
      <c r="IAW715" s="613"/>
      <c r="IAX715" s="613"/>
      <c r="IAY715" s="613"/>
      <c r="IAZ715" s="613"/>
      <c r="IBA715" s="613"/>
      <c r="IBB715" s="613"/>
      <c r="IBC715" s="613"/>
      <c r="IBD715" s="613"/>
      <c r="IBE715" s="613"/>
      <c r="IBF715" s="613"/>
      <c r="IBG715" s="613"/>
      <c r="IBH715" s="613"/>
      <c r="IBI715" s="613"/>
      <c r="IBJ715" s="613"/>
      <c r="IBK715" s="613"/>
      <c r="IBL715" s="613"/>
      <c r="IBM715" s="613"/>
      <c r="IBN715" s="613"/>
      <c r="IBO715" s="613"/>
      <c r="IBP715" s="613"/>
      <c r="IBQ715" s="613"/>
      <c r="IBR715" s="613"/>
      <c r="IBS715" s="613"/>
      <c r="IBT715" s="613"/>
      <c r="IBU715" s="613"/>
      <c r="IBV715" s="613"/>
      <c r="IBW715" s="613"/>
      <c r="IBX715" s="613"/>
      <c r="IBY715" s="613"/>
      <c r="IBZ715" s="613"/>
      <c r="ICA715" s="613"/>
      <c r="ICB715" s="613"/>
      <c r="ICC715" s="613"/>
      <c r="ICD715" s="613"/>
      <c r="ICE715" s="613"/>
      <c r="ICF715" s="613"/>
      <c r="ICG715" s="613"/>
      <c r="ICH715" s="613"/>
      <c r="ICI715" s="613"/>
      <c r="ICJ715" s="613"/>
      <c r="ICK715" s="613"/>
      <c r="ICL715" s="613"/>
      <c r="ICM715" s="613"/>
      <c r="ICN715" s="613"/>
      <c r="ICO715" s="613"/>
      <c r="ICP715" s="613"/>
      <c r="ICQ715" s="613"/>
      <c r="ICR715" s="613"/>
      <c r="ICS715" s="613"/>
      <c r="ICT715" s="613"/>
      <c r="ICU715" s="613"/>
      <c r="ICV715" s="613"/>
      <c r="ICW715" s="613"/>
      <c r="ICX715" s="613"/>
      <c r="ICY715" s="613"/>
      <c r="ICZ715" s="613"/>
      <c r="IDA715" s="613"/>
      <c r="IDB715" s="613"/>
      <c r="IDC715" s="613"/>
      <c r="IDD715" s="613"/>
      <c r="IDE715" s="613"/>
      <c r="IDF715" s="613"/>
      <c r="IDG715" s="613"/>
      <c r="IDH715" s="613"/>
      <c r="IDI715" s="613"/>
      <c r="IDJ715" s="613"/>
      <c r="IDK715" s="613"/>
      <c r="IDL715" s="613"/>
      <c r="IDM715" s="613"/>
      <c r="IDN715" s="613"/>
      <c r="IDO715" s="613"/>
      <c r="IDP715" s="613"/>
      <c r="IDQ715" s="613"/>
      <c r="IDR715" s="613"/>
      <c r="IDS715" s="613"/>
      <c r="IDT715" s="613"/>
      <c r="IDU715" s="613"/>
      <c r="IDV715" s="613"/>
      <c r="IDW715" s="613"/>
      <c r="IDX715" s="613"/>
      <c r="IDY715" s="613"/>
      <c r="IDZ715" s="613"/>
      <c r="IEA715" s="613"/>
      <c r="IEB715" s="613"/>
      <c r="IEC715" s="613"/>
      <c r="IED715" s="613"/>
      <c r="IEE715" s="613"/>
      <c r="IEF715" s="613"/>
      <c r="IEG715" s="613"/>
      <c r="IEH715" s="613"/>
      <c r="IEI715" s="613"/>
      <c r="IEJ715" s="613"/>
      <c r="IEK715" s="613"/>
      <c r="IEL715" s="613"/>
      <c r="IEM715" s="613"/>
      <c r="IEN715" s="613"/>
      <c r="IEO715" s="613"/>
      <c r="IEP715" s="613"/>
      <c r="IEQ715" s="613"/>
      <c r="IER715" s="613"/>
      <c r="IES715" s="613"/>
      <c r="IET715" s="613"/>
      <c r="IEU715" s="613"/>
      <c r="IEV715" s="613"/>
      <c r="IEW715" s="613"/>
      <c r="IEX715" s="613"/>
      <c r="IEY715" s="613"/>
      <c r="IEZ715" s="613"/>
      <c r="IFA715" s="613"/>
      <c r="IFB715" s="613"/>
      <c r="IFC715" s="613"/>
      <c r="IFD715" s="613"/>
      <c r="IFE715" s="613"/>
      <c r="IFF715" s="613"/>
      <c r="IFG715" s="613"/>
      <c r="IFH715" s="613"/>
      <c r="IFI715" s="613"/>
      <c r="IFJ715" s="613"/>
      <c r="IFK715" s="613"/>
      <c r="IFL715" s="613"/>
      <c r="IFM715" s="613"/>
      <c r="IFN715" s="613"/>
      <c r="IFO715" s="613"/>
      <c r="IFP715" s="613"/>
      <c r="IFQ715" s="613"/>
      <c r="IFR715" s="613"/>
      <c r="IFS715" s="613"/>
      <c r="IFT715" s="613"/>
      <c r="IFU715" s="613"/>
      <c r="IFV715" s="613"/>
      <c r="IFW715" s="613"/>
      <c r="IFX715" s="613"/>
      <c r="IFY715" s="613"/>
      <c r="IFZ715" s="613"/>
      <c r="IGA715" s="613"/>
      <c r="IGB715" s="613"/>
      <c r="IGC715" s="613"/>
      <c r="IGD715" s="613"/>
      <c r="IGE715" s="613"/>
      <c r="IGF715" s="613"/>
      <c r="IGG715" s="613"/>
      <c r="IGH715" s="613"/>
      <c r="IGI715" s="613"/>
      <c r="IGJ715" s="613"/>
      <c r="IGK715" s="613"/>
      <c r="IGL715" s="613"/>
      <c r="IGM715" s="613"/>
      <c r="IGN715" s="613"/>
      <c r="IGO715" s="613"/>
      <c r="IGP715" s="613"/>
      <c r="IGQ715" s="613"/>
      <c r="IGR715" s="613"/>
      <c r="IGS715" s="613"/>
      <c r="IGT715" s="613"/>
      <c r="IGU715" s="613"/>
      <c r="IGV715" s="613"/>
      <c r="IGW715" s="613"/>
      <c r="IGX715" s="613"/>
      <c r="IGY715" s="613"/>
      <c r="IGZ715" s="613"/>
      <c r="IHA715" s="613"/>
      <c r="IHB715" s="613"/>
      <c r="IHC715" s="613"/>
      <c r="IHD715" s="613"/>
      <c r="IHE715" s="613"/>
      <c r="IHF715" s="613"/>
      <c r="IHG715" s="613"/>
      <c r="IHH715" s="613"/>
      <c r="IHI715" s="613"/>
      <c r="IHJ715" s="613"/>
      <c r="IHK715" s="613"/>
      <c r="IHL715" s="613"/>
      <c r="IHM715" s="613"/>
      <c r="IHN715" s="613"/>
      <c r="IHO715" s="613"/>
      <c r="IHP715" s="613"/>
      <c r="IHQ715" s="613"/>
      <c r="IHR715" s="613"/>
      <c r="IHS715" s="613"/>
      <c r="IHT715" s="613"/>
      <c r="IHU715" s="613"/>
      <c r="IHV715" s="613"/>
      <c r="IHW715" s="613"/>
      <c r="IHX715" s="613"/>
      <c r="IHY715" s="613"/>
      <c r="IHZ715" s="613"/>
      <c r="IIA715" s="613"/>
      <c r="IIB715" s="613"/>
      <c r="IIC715" s="613"/>
      <c r="IID715" s="613"/>
      <c r="IIE715" s="613"/>
      <c r="IIF715" s="613"/>
      <c r="IIG715" s="613"/>
      <c r="IIH715" s="613"/>
      <c r="III715" s="613"/>
      <c r="IIJ715" s="613"/>
      <c r="IIK715" s="613"/>
      <c r="IIL715" s="613"/>
      <c r="IIM715" s="613"/>
      <c r="IIN715" s="613"/>
      <c r="IIO715" s="613"/>
      <c r="IIP715" s="613"/>
      <c r="IIQ715" s="613"/>
      <c r="IIR715" s="613"/>
      <c r="IIS715" s="613"/>
      <c r="IIT715" s="613"/>
      <c r="IIU715" s="613"/>
      <c r="IIV715" s="613"/>
      <c r="IIW715" s="613"/>
      <c r="IIX715" s="613"/>
      <c r="IIY715" s="613"/>
      <c r="IIZ715" s="613"/>
      <c r="IJA715" s="613"/>
      <c r="IJB715" s="613"/>
      <c r="IJC715" s="613"/>
      <c r="IJD715" s="613"/>
      <c r="IJE715" s="613"/>
      <c r="IJF715" s="613"/>
      <c r="IJG715" s="613"/>
      <c r="IJH715" s="613"/>
      <c r="IJI715" s="613"/>
      <c r="IJJ715" s="613"/>
      <c r="IJK715" s="613"/>
      <c r="IJL715" s="613"/>
      <c r="IJM715" s="613"/>
      <c r="IJN715" s="613"/>
      <c r="IJO715" s="613"/>
      <c r="IJP715" s="613"/>
      <c r="IJQ715" s="613"/>
      <c r="IJR715" s="613"/>
      <c r="IJS715" s="613"/>
      <c r="IJT715" s="613"/>
      <c r="IJU715" s="613"/>
      <c r="IJV715" s="613"/>
      <c r="IJW715" s="613"/>
      <c r="IJX715" s="613"/>
      <c r="IJY715" s="613"/>
      <c r="IJZ715" s="613"/>
      <c r="IKA715" s="613"/>
      <c r="IKB715" s="613"/>
      <c r="IKC715" s="613"/>
      <c r="IKD715" s="613"/>
      <c r="IKE715" s="613"/>
      <c r="IKF715" s="613"/>
      <c r="IKG715" s="613"/>
      <c r="IKH715" s="613"/>
      <c r="IKI715" s="613"/>
      <c r="IKJ715" s="613"/>
      <c r="IKK715" s="613"/>
      <c r="IKL715" s="613"/>
      <c r="IKM715" s="613"/>
      <c r="IKN715" s="613"/>
      <c r="IKO715" s="613"/>
      <c r="IKP715" s="613"/>
      <c r="IKQ715" s="613"/>
      <c r="IKR715" s="613"/>
      <c r="IKS715" s="613"/>
      <c r="IKT715" s="613"/>
      <c r="IKU715" s="613"/>
      <c r="IKV715" s="613"/>
      <c r="IKW715" s="613"/>
      <c r="IKX715" s="613"/>
      <c r="IKY715" s="613"/>
      <c r="IKZ715" s="613"/>
      <c r="ILA715" s="613"/>
      <c r="ILB715" s="613"/>
      <c r="ILC715" s="613"/>
      <c r="ILD715" s="613"/>
      <c r="ILE715" s="613"/>
      <c r="ILF715" s="613"/>
      <c r="ILG715" s="613"/>
      <c r="ILH715" s="613"/>
      <c r="ILI715" s="613"/>
      <c r="ILJ715" s="613"/>
      <c r="ILK715" s="613"/>
      <c r="ILL715" s="613"/>
      <c r="ILM715" s="613"/>
      <c r="ILN715" s="613"/>
      <c r="ILO715" s="613"/>
      <c r="ILP715" s="613"/>
      <c r="ILQ715" s="613"/>
      <c r="ILR715" s="613"/>
      <c r="ILS715" s="613"/>
      <c r="ILT715" s="613"/>
      <c r="ILU715" s="613"/>
      <c r="ILV715" s="613"/>
      <c r="ILW715" s="613"/>
      <c r="ILX715" s="613"/>
      <c r="ILY715" s="613"/>
      <c r="ILZ715" s="613"/>
      <c r="IMA715" s="613"/>
      <c r="IMB715" s="613"/>
      <c r="IMC715" s="613"/>
      <c r="IMD715" s="613"/>
      <c r="IME715" s="613"/>
      <c r="IMF715" s="613"/>
      <c r="IMG715" s="613"/>
      <c r="IMH715" s="613"/>
      <c r="IMI715" s="613"/>
      <c r="IMJ715" s="613"/>
      <c r="IMK715" s="613"/>
      <c r="IML715" s="613"/>
      <c r="IMM715" s="613"/>
      <c r="IMN715" s="613"/>
      <c r="IMO715" s="613"/>
      <c r="IMP715" s="613"/>
      <c r="IMQ715" s="613"/>
      <c r="IMR715" s="613"/>
      <c r="IMS715" s="613"/>
      <c r="IMT715" s="613"/>
      <c r="IMU715" s="613"/>
      <c r="IMV715" s="613"/>
      <c r="IMW715" s="613"/>
      <c r="IMX715" s="613"/>
      <c r="IMY715" s="613"/>
      <c r="IMZ715" s="613"/>
      <c r="INA715" s="613"/>
      <c r="INB715" s="613"/>
      <c r="INC715" s="613"/>
      <c r="IND715" s="613"/>
      <c r="INE715" s="613"/>
      <c r="INF715" s="613"/>
      <c r="ING715" s="613"/>
      <c r="INH715" s="613"/>
      <c r="INI715" s="613"/>
      <c r="INJ715" s="613"/>
      <c r="INK715" s="613"/>
      <c r="INL715" s="613"/>
      <c r="INM715" s="613"/>
      <c r="INN715" s="613"/>
      <c r="INO715" s="613"/>
      <c r="INP715" s="613"/>
      <c r="INQ715" s="613"/>
      <c r="INR715" s="613"/>
      <c r="INS715" s="613"/>
      <c r="INT715" s="613"/>
      <c r="INU715" s="613"/>
      <c r="INV715" s="613"/>
      <c r="INW715" s="613"/>
      <c r="INX715" s="613"/>
      <c r="INY715" s="613"/>
      <c r="INZ715" s="613"/>
      <c r="IOA715" s="613"/>
      <c r="IOB715" s="613"/>
      <c r="IOC715" s="613"/>
      <c r="IOD715" s="613"/>
      <c r="IOE715" s="613"/>
      <c r="IOF715" s="613"/>
      <c r="IOG715" s="613"/>
      <c r="IOH715" s="613"/>
      <c r="IOI715" s="613"/>
      <c r="IOJ715" s="613"/>
      <c r="IOK715" s="613"/>
      <c r="IOL715" s="613"/>
      <c r="IOM715" s="613"/>
      <c r="ION715" s="613"/>
      <c r="IOO715" s="613"/>
      <c r="IOP715" s="613"/>
      <c r="IOQ715" s="613"/>
      <c r="IOR715" s="613"/>
      <c r="IOS715" s="613"/>
      <c r="IOT715" s="613"/>
      <c r="IOU715" s="613"/>
      <c r="IOV715" s="613"/>
      <c r="IOW715" s="613"/>
      <c r="IOX715" s="613"/>
      <c r="IOY715" s="613"/>
      <c r="IOZ715" s="613"/>
      <c r="IPA715" s="613"/>
      <c r="IPB715" s="613"/>
      <c r="IPC715" s="613"/>
      <c r="IPD715" s="613"/>
      <c r="IPE715" s="613"/>
      <c r="IPF715" s="613"/>
      <c r="IPG715" s="613"/>
      <c r="IPH715" s="613"/>
      <c r="IPI715" s="613"/>
      <c r="IPJ715" s="613"/>
      <c r="IPK715" s="613"/>
      <c r="IPL715" s="613"/>
      <c r="IPM715" s="613"/>
      <c r="IPN715" s="613"/>
      <c r="IPO715" s="613"/>
      <c r="IPP715" s="613"/>
      <c r="IPQ715" s="613"/>
      <c r="IPR715" s="613"/>
      <c r="IPS715" s="613"/>
      <c r="IPT715" s="613"/>
      <c r="IPU715" s="613"/>
      <c r="IPV715" s="613"/>
      <c r="IPW715" s="613"/>
      <c r="IPX715" s="613"/>
      <c r="IPY715" s="613"/>
      <c r="IPZ715" s="613"/>
      <c r="IQA715" s="613"/>
      <c r="IQB715" s="613"/>
      <c r="IQC715" s="613"/>
      <c r="IQD715" s="613"/>
      <c r="IQE715" s="613"/>
      <c r="IQF715" s="613"/>
      <c r="IQG715" s="613"/>
      <c r="IQH715" s="613"/>
      <c r="IQI715" s="613"/>
      <c r="IQJ715" s="613"/>
      <c r="IQK715" s="613"/>
      <c r="IQL715" s="613"/>
      <c r="IQM715" s="613"/>
      <c r="IQN715" s="613"/>
      <c r="IQO715" s="613"/>
      <c r="IQP715" s="613"/>
      <c r="IQQ715" s="613"/>
      <c r="IQR715" s="613"/>
      <c r="IQS715" s="613"/>
      <c r="IQT715" s="613"/>
      <c r="IQU715" s="613"/>
      <c r="IQV715" s="613"/>
      <c r="IQW715" s="613"/>
      <c r="IQX715" s="613"/>
      <c r="IQY715" s="613"/>
      <c r="IQZ715" s="613"/>
      <c r="IRA715" s="613"/>
      <c r="IRB715" s="613"/>
      <c r="IRC715" s="613"/>
      <c r="IRD715" s="613"/>
      <c r="IRE715" s="613"/>
      <c r="IRF715" s="613"/>
      <c r="IRG715" s="613"/>
      <c r="IRH715" s="613"/>
      <c r="IRI715" s="613"/>
      <c r="IRJ715" s="613"/>
      <c r="IRK715" s="613"/>
      <c r="IRL715" s="613"/>
      <c r="IRM715" s="613"/>
      <c r="IRN715" s="613"/>
      <c r="IRO715" s="613"/>
      <c r="IRP715" s="613"/>
      <c r="IRQ715" s="613"/>
      <c r="IRR715" s="613"/>
      <c r="IRS715" s="613"/>
      <c r="IRT715" s="613"/>
      <c r="IRU715" s="613"/>
      <c r="IRV715" s="613"/>
      <c r="IRW715" s="613"/>
      <c r="IRX715" s="613"/>
      <c r="IRY715" s="613"/>
      <c r="IRZ715" s="613"/>
      <c r="ISA715" s="613"/>
      <c r="ISB715" s="613"/>
      <c r="ISC715" s="613"/>
      <c r="ISD715" s="613"/>
      <c r="ISE715" s="613"/>
      <c r="ISF715" s="613"/>
      <c r="ISG715" s="613"/>
      <c r="ISH715" s="613"/>
      <c r="ISI715" s="613"/>
      <c r="ISJ715" s="613"/>
      <c r="ISK715" s="613"/>
      <c r="ISL715" s="613"/>
      <c r="ISM715" s="613"/>
      <c r="ISN715" s="613"/>
      <c r="ISO715" s="613"/>
      <c r="ISP715" s="613"/>
      <c r="ISQ715" s="613"/>
      <c r="ISR715" s="613"/>
      <c r="ISS715" s="613"/>
      <c r="IST715" s="613"/>
      <c r="ISU715" s="613"/>
      <c r="ISV715" s="613"/>
      <c r="ISW715" s="613"/>
      <c r="ISX715" s="613"/>
      <c r="ISY715" s="613"/>
      <c r="ISZ715" s="613"/>
      <c r="ITA715" s="613"/>
      <c r="ITB715" s="613"/>
      <c r="ITC715" s="613"/>
      <c r="ITD715" s="613"/>
      <c r="ITE715" s="613"/>
      <c r="ITF715" s="613"/>
      <c r="ITG715" s="613"/>
      <c r="ITH715" s="613"/>
      <c r="ITI715" s="613"/>
      <c r="ITJ715" s="613"/>
      <c r="ITK715" s="613"/>
      <c r="ITL715" s="613"/>
      <c r="ITM715" s="613"/>
      <c r="ITN715" s="613"/>
      <c r="ITO715" s="613"/>
      <c r="ITP715" s="613"/>
      <c r="ITQ715" s="613"/>
      <c r="ITR715" s="613"/>
      <c r="ITS715" s="613"/>
      <c r="ITT715" s="613"/>
      <c r="ITU715" s="613"/>
      <c r="ITV715" s="613"/>
      <c r="ITW715" s="613"/>
      <c r="ITX715" s="613"/>
      <c r="ITY715" s="613"/>
      <c r="ITZ715" s="613"/>
      <c r="IUA715" s="613"/>
      <c r="IUB715" s="613"/>
      <c r="IUC715" s="613"/>
      <c r="IUD715" s="613"/>
      <c r="IUE715" s="613"/>
      <c r="IUF715" s="613"/>
      <c r="IUG715" s="613"/>
      <c r="IUH715" s="613"/>
      <c r="IUI715" s="613"/>
      <c r="IUJ715" s="613"/>
      <c r="IUK715" s="613"/>
      <c r="IUL715" s="613"/>
      <c r="IUM715" s="613"/>
      <c r="IUN715" s="613"/>
      <c r="IUO715" s="613"/>
      <c r="IUP715" s="613"/>
      <c r="IUQ715" s="613"/>
      <c r="IUR715" s="613"/>
      <c r="IUS715" s="613"/>
      <c r="IUT715" s="613"/>
      <c r="IUU715" s="613"/>
      <c r="IUV715" s="613"/>
      <c r="IUW715" s="613"/>
      <c r="IUX715" s="613"/>
      <c r="IUY715" s="613"/>
      <c r="IUZ715" s="613"/>
      <c r="IVA715" s="613"/>
      <c r="IVB715" s="613"/>
      <c r="IVC715" s="613"/>
      <c r="IVD715" s="613"/>
      <c r="IVE715" s="613"/>
      <c r="IVF715" s="613"/>
      <c r="IVG715" s="613"/>
      <c r="IVH715" s="613"/>
      <c r="IVI715" s="613"/>
      <c r="IVJ715" s="613"/>
      <c r="IVK715" s="613"/>
      <c r="IVL715" s="613"/>
      <c r="IVM715" s="613"/>
      <c r="IVN715" s="613"/>
      <c r="IVO715" s="613"/>
      <c r="IVP715" s="613"/>
      <c r="IVQ715" s="613"/>
      <c r="IVR715" s="613"/>
      <c r="IVS715" s="613"/>
      <c r="IVT715" s="613"/>
      <c r="IVU715" s="613"/>
      <c r="IVV715" s="613"/>
      <c r="IVW715" s="613"/>
      <c r="IVX715" s="613"/>
      <c r="IVY715" s="613"/>
      <c r="IVZ715" s="613"/>
      <c r="IWA715" s="613"/>
      <c r="IWB715" s="613"/>
      <c r="IWC715" s="613"/>
      <c r="IWD715" s="613"/>
      <c r="IWE715" s="613"/>
      <c r="IWF715" s="613"/>
      <c r="IWG715" s="613"/>
      <c r="IWH715" s="613"/>
      <c r="IWI715" s="613"/>
      <c r="IWJ715" s="613"/>
      <c r="IWK715" s="613"/>
      <c r="IWL715" s="613"/>
      <c r="IWM715" s="613"/>
      <c r="IWN715" s="613"/>
      <c r="IWO715" s="613"/>
      <c r="IWP715" s="613"/>
      <c r="IWQ715" s="613"/>
      <c r="IWR715" s="613"/>
      <c r="IWS715" s="613"/>
      <c r="IWT715" s="613"/>
      <c r="IWU715" s="613"/>
      <c r="IWV715" s="613"/>
      <c r="IWW715" s="613"/>
      <c r="IWX715" s="613"/>
      <c r="IWY715" s="613"/>
      <c r="IWZ715" s="613"/>
      <c r="IXA715" s="613"/>
      <c r="IXB715" s="613"/>
      <c r="IXC715" s="613"/>
      <c r="IXD715" s="613"/>
      <c r="IXE715" s="613"/>
      <c r="IXF715" s="613"/>
      <c r="IXG715" s="613"/>
      <c r="IXH715" s="613"/>
      <c r="IXI715" s="613"/>
      <c r="IXJ715" s="613"/>
      <c r="IXK715" s="613"/>
      <c r="IXL715" s="613"/>
      <c r="IXM715" s="613"/>
      <c r="IXN715" s="613"/>
      <c r="IXO715" s="613"/>
      <c r="IXP715" s="613"/>
      <c r="IXQ715" s="613"/>
      <c r="IXR715" s="613"/>
      <c r="IXS715" s="613"/>
      <c r="IXT715" s="613"/>
      <c r="IXU715" s="613"/>
      <c r="IXV715" s="613"/>
      <c r="IXW715" s="613"/>
      <c r="IXX715" s="613"/>
      <c r="IXY715" s="613"/>
      <c r="IXZ715" s="613"/>
      <c r="IYA715" s="613"/>
      <c r="IYB715" s="613"/>
      <c r="IYC715" s="613"/>
      <c r="IYD715" s="613"/>
      <c r="IYE715" s="613"/>
      <c r="IYF715" s="613"/>
      <c r="IYG715" s="613"/>
      <c r="IYH715" s="613"/>
      <c r="IYI715" s="613"/>
      <c r="IYJ715" s="613"/>
      <c r="IYK715" s="613"/>
      <c r="IYL715" s="613"/>
      <c r="IYM715" s="613"/>
      <c r="IYN715" s="613"/>
      <c r="IYO715" s="613"/>
      <c r="IYP715" s="613"/>
      <c r="IYQ715" s="613"/>
      <c r="IYR715" s="613"/>
      <c r="IYS715" s="613"/>
      <c r="IYT715" s="613"/>
      <c r="IYU715" s="613"/>
      <c r="IYV715" s="613"/>
      <c r="IYW715" s="613"/>
      <c r="IYX715" s="613"/>
      <c r="IYY715" s="613"/>
      <c r="IYZ715" s="613"/>
      <c r="IZA715" s="613"/>
      <c r="IZB715" s="613"/>
      <c r="IZC715" s="613"/>
      <c r="IZD715" s="613"/>
      <c r="IZE715" s="613"/>
      <c r="IZF715" s="613"/>
      <c r="IZG715" s="613"/>
      <c r="IZH715" s="613"/>
      <c r="IZI715" s="613"/>
      <c r="IZJ715" s="613"/>
      <c r="IZK715" s="613"/>
      <c r="IZL715" s="613"/>
      <c r="IZM715" s="613"/>
      <c r="IZN715" s="613"/>
      <c r="IZO715" s="613"/>
      <c r="IZP715" s="613"/>
      <c r="IZQ715" s="613"/>
      <c r="IZR715" s="613"/>
      <c r="IZS715" s="613"/>
      <c r="IZT715" s="613"/>
      <c r="IZU715" s="613"/>
      <c r="IZV715" s="613"/>
      <c r="IZW715" s="613"/>
      <c r="IZX715" s="613"/>
      <c r="IZY715" s="613"/>
      <c r="IZZ715" s="613"/>
      <c r="JAA715" s="613"/>
      <c r="JAB715" s="613"/>
      <c r="JAC715" s="613"/>
      <c r="JAD715" s="613"/>
      <c r="JAE715" s="613"/>
      <c r="JAF715" s="613"/>
      <c r="JAG715" s="613"/>
      <c r="JAH715" s="613"/>
      <c r="JAI715" s="613"/>
      <c r="JAJ715" s="613"/>
      <c r="JAK715" s="613"/>
      <c r="JAL715" s="613"/>
      <c r="JAM715" s="613"/>
      <c r="JAN715" s="613"/>
      <c r="JAO715" s="613"/>
      <c r="JAP715" s="613"/>
      <c r="JAQ715" s="613"/>
      <c r="JAR715" s="613"/>
      <c r="JAS715" s="613"/>
      <c r="JAT715" s="613"/>
      <c r="JAU715" s="613"/>
      <c r="JAV715" s="613"/>
      <c r="JAW715" s="613"/>
      <c r="JAX715" s="613"/>
      <c r="JAY715" s="613"/>
      <c r="JAZ715" s="613"/>
      <c r="JBA715" s="613"/>
      <c r="JBB715" s="613"/>
      <c r="JBC715" s="613"/>
      <c r="JBD715" s="613"/>
      <c r="JBE715" s="613"/>
      <c r="JBF715" s="613"/>
      <c r="JBG715" s="613"/>
      <c r="JBH715" s="613"/>
      <c r="JBI715" s="613"/>
      <c r="JBJ715" s="613"/>
      <c r="JBK715" s="613"/>
      <c r="JBL715" s="613"/>
      <c r="JBM715" s="613"/>
      <c r="JBN715" s="613"/>
      <c r="JBO715" s="613"/>
      <c r="JBP715" s="613"/>
      <c r="JBQ715" s="613"/>
      <c r="JBR715" s="613"/>
      <c r="JBS715" s="613"/>
      <c r="JBT715" s="613"/>
      <c r="JBU715" s="613"/>
      <c r="JBV715" s="613"/>
      <c r="JBW715" s="613"/>
      <c r="JBX715" s="613"/>
      <c r="JBY715" s="613"/>
      <c r="JBZ715" s="613"/>
      <c r="JCA715" s="613"/>
      <c r="JCB715" s="613"/>
      <c r="JCC715" s="613"/>
      <c r="JCD715" s="613"/>
      <c r="JCE715" s="613"/>
      <c r="JCF715" s="613"/>
      <c r="JCG715" s="613"/>
      <c r="JCH715" s="613"/>
      <c r="JCI715" s="613"/>
      <c r="JCJ715" s="613"/>
      <c r="JCK715" s="613"/>
      <c r="JCL715" s="613"/>
      <c r="JCM715" s="613"/>
      <c r="JCN715" s="613"/>
      <c r="JCO715" s="613"/>
      <c r="JCP715" s="613"/>
      <c r="JCQ715" s="613"/>
      <c r="JCR715" s="613"/>
      <c r="JCS715" s="613"/>
      <c r="JCT715" s="613"/>
      <c r="JCU715" s="613"/>
      <c r="JCV715" s="613"/>
      <c r="JCW715" s="613"/>
      <c r="JCX715" s="613"/>
      <c r="JCY715" s="613"/>
      <c r="JCZ715" s="613"/>
      <c r="JDA715" s="613"/>
      <c r="JDB715" s="613"/>
      <c r="JDC715" s="613"/>
      <c r="JDD715" s="613"/>
      <c r="JDE715" s="613"/>
      <c r="JDF715" s="613"/>
      <c r="JDG715" s="613"/>
      <c r="JDH715" s="613"/>
      <c r="JDI715" s="613"/>
      <c r="JDJ715" s="613"/>
      <c r="JDK715" s="613"/>
      <c r="JDL715" s="613"/>
      <c r="JDM715" s="613"/>
      <c r="JDN715" s="613"/>
      <c r="JDO715" s="613"/>
      <c r="JDP715" s="613"/>
      <c r="JDQ715" s="613"/>
      <c r="JDR715" s="613"/>
      <c r="JDS715" s="613"/>
      <c r="JDT715" s="613"/>
      <c r="JDU715" s="613"/>
      <c r="JDV715" s="613"/>
      <c r="JDW715" s="613"/>
      <c r="JDX715" s="613"/>
      <c r="JDY715" s="613"/>
      <c r="JDZ715" s="613"/>
      <c r="JEA715" s="613"/>
      <c r="JEB715" s="613"/>
      <c r="JEC715" s="613"/>
      <c r="JED715" s="613"/>
      <c r="JEE715" s="613"/>
      <c r="JEF715" s="613"/>
      <c r="JEG715" s="613"/>
      <c r="JEH715" s="613"/>
      <c r="JEI715" s="613"/>
      <c r="JEJ715" s="613"/>
      <c r="JEK715" s="613"/>
      <c r="JEL715" s="613"/>
      <c r="JEM715" s="613"/>
      <c r="JEN715" s="613"/>
      <c r="JEO715" s="613"/>
      <c r="JEP715" s="613"/>
      <c r="JEQ715" s="613"/>
      <c r="JER715" s="613"/>
      <c r="JES715" s="613"/>
      <c r="JET715" s="613"/>
      <c r="JEU715" s="613"/>
      <c r="JEV715" s="613"/>
      <c r="JEW715" s="613"/>
      <c r="JEX715" s="613"/>
      <c r="JEY715" s="613"/>
      <c r="JEZ715" s="613"/>
      <c r="JFA715" s="613"/>
      <c r="JFB715" s="613"/>
      <c r="JFC715" s="613"/>
      <c r="JFD715" s="613"/>
      <c r="JFE715" s="613"/>
      <c r="JFF715" s="613"/>
      <c r="JFG715" s="613"/>
      <c r="JFH715" s="613"/>
      <c r="JFI715" s="613"/>
      <c r="JFJ715" s="613"/>
      <c r="JFK715" s="613"/>
      <c r="JFL715" s="613"/>
      <c r="JFM715" s="613"/>
      <c r="JFN715" s="613"/>
      <c r="JFO715" s="613"/>
      <c r="JFP715" s="613"/>
      <c r="JFQ715" s="613"/>
      <c r="JFR715" s="613"/>
      <c r="JFS715" s="613"/>
      <c r="JFT715" s="613"/>
      <c r="JFU715" s="613"/>
      <c r="JFV715" s="613"/>
      <c r="JFW715" s="613"/>
      <c r="JFX715" s="613"/>
      <c r="JFY715" s="613"/>
      <c r="JFZ715" s="613"/>
      <c r="JGA715" s="613"/>
      <c r="JGB715" s="613"/>
      <c r="JGC715" s="613"/>
      <c r="JGD715" s="613"/>
      <c r="JGE715" s="613"/>
      <c r="JGF715" s="613"/>
      <c r="JGG715" s="613"/>
      <c r="JGH715" s="613"/>
      <c r="JGI715" s="613"/>
      <c r="JGJ715" s="613"/>
      <c r="JGK715" s="613"/>
      <c r="JGL715" s="613"/>
      <c r="JGM715" s="613"/>
      <c r="JGN715" s="613"/>
      <c r="JGO715" s="613"/>
      <c r="JGP715" s="613"/>
      <c r="JGQ715" s="613"/>
      <c r="JGR715" s="613"/>
      <c r="JGS715" s="613"/>
      <c r="JGT715" s="613"/>
      <c r="JGU715" s="613"/>
      <c r="JGV715" s="613"/>
      <c r="JGW715" s="613"/>
      <c r="JGX715" s="613"/>
      <c r="JGY715" s="613"/>
      <c r="JGZ715" s="613"/>
      <c r="JHA715" s="613"/>
      <c r="JHB715" s="613"/>
      <c r="JHC715" s="613"/>
      <c r="JHD715" s="613"/>
      <c r="JHE715" s="613"/>
      <c r="JHF715" s="613"/>
      <c r="JHG715" s="613"/>
      <c r="JHH715" s="613"/>
      <c r="JHI715" s="613"/>
      <c r="JHJ715" s="613"/>
      <c r="JHK715" s="613"/>
      <c r="JHL715" s="613"/>
      <c r="JHM715" s="613"/>
      <c r="JHN715" s="613"/>
      <c r="JHO715" s="613"/>
      <c r="JHP715" s="613"/>
      <c r="JHQ715" s="613"/>
      <c r="JHR715" s="613"/>
      <c r="JHS715" s="613"/>
      <c r="JHT715" s="613"/>
      <c r="JHU715" s="613"/>
      <c r="JHV715" s="613"/>
      <c r="JHW715" s="613"/>
      <c r="JHX715" s="613"/>
      <c r="JHY715" s="613"/>
      <c r="JHZ715" s="613"/>
      <c r="JIA715" s="613"/>
      <c r="JIB715" s="613"/>
      <c r="JIC715" s="613"/>
      <c r="JID715" s="613"/>
      <c r="JIE715" s="613"/>
      <c r="JIF715" s="613"/>
      <c r="JIG715" s="613"/>
      <c r="JIH715" s="613"/>
      <c r="JII715" s="613"/>
      <c r="JIJ715" s="613"/>
      <c r="JIK715" s="613"/>
      <c r="JIL715" s="613"/>
      <c r="JIM715" s="613"/>
      <c r="JIN715" s="613"/>
      <c r="JIO715" s="613"/>
      <c r="JIP715" s="613"/>
      <c r="JIQ715" s="613"/>
      <c r="JIR715" s="613"/>
      <c r="JIS715" s="613"/>
      <c r="JIT715" s="613"/>
      <c r="JIU715" s="613"/>
      <c r="JIV715" s="613"/>
      <c r="JIW715" s="613"/>
      <c r="JIX715" s="613"/>
      <c r="JIY715" s="613"/>
      <c r="JIZ715" s="613"/>
      <c r="JJA715" s="613"/>
      <c r="JJB715" s="613"/>
      <c r="JJC715" s="613"/>
      <c r="JJD715" s="613"/>
      <c r="JJE715" s="613"/>
      <c r="JJF715" s="613"/>
      <c r="JJG715" s="613"/>
      <c r="JJH715" s="613"/>
      <c r="JJI715" s="613"/>
      <c r="JJJ715" s="613"/>
      <c r="JJK715" s="613"/>
      <c r="JJL715" s="613"/>
      <c r="JJM715" s="613"/>
      <c r="JJN715" s="613"/>
      <c r="JJO715" s="613"/>
      <c r="JJP715" s="613"/>
      <c r="JJQ715" s="613"/>
      <c r="JJR715" s="613"/>
      <c r="JJS715" s="613"/>
      <c r="JJT715" s="613"/>
      <c r="JJU715" s="613"/>
      <c r="JJV715" s="613"/>
      <c r="JJW715" s="613"/>
      <c r="JJX715" s="613"/>
      <c r="JJY715" s="613"/>
      <c r="JJZ715" s="613"/>
      <c r="JKA715" s="613"/>
      <c r="JKB715" s="613"/>
      <c r="JKC715" s="613"/>
      <c r="JKD715" s="613"/>
      <c r="JKE715" s="613"/>
      <c r="JKF715" s="613"/>
      <c r="JKG715" s="613"/>
      <c r="JKH715" s="613"/>
      <c r="JKI715" s="613"/>
      <c r="JKJ715" s="613"/>
      <c r="JKK715" s="613"/>
      <c r="JKL715" s="613"/>
      <c r="JKM715" s="613"/>
      <c r="JKN715" s="613"/>
      <c r="JKO715" s="613"/>
      <c r="JKP715" s="613"/>
      <c r="JKQ715" s="613"/>
      <c r="JKR715" s="613"/>
      <c r="JKS715" s="613"/>
      <c r="JKT715" s="613"/>
      <c r="JKU715" s="613"/>
      <c r="JKV715" s="613"/>
      <c r="JKW715" s="613"/>
      <c r="JKX715" s="613"/>
      <c r="JKY715" s="613"/>
      <c r="JKZ715" s="613"/>
      <c r="JLA715" s="613"/>
      <c r="JLB715" s="613"/>
      <c r="JLC715" s="613"/>
      <c r="JLD715" s="613"/>
      <c r="JLE715" s="613"/>
      <c r="JLF715" s="613"/>
      <c r="JLG715" s="613"/>
      <c r="JLH715" s="613"/>
      <c r="JLI715" s="613"/>
      <c r="JLJ715" s="613"/>
      <c r="JLK715" s="613"/>
      <c r="JLL715" s="613"/>
      <c r="JLM715" s="613"/>
      <c r="JLN715" s="613"/>
      <c r="JLO715" s="613"/>
      <c r="JLP715" s="613"/>
      <c r="JLQ715" s="613"/>
      <c r="JLR715" s="613"/>
      <c r="JLS715" s="613"/>
      <c r="JLT715" s="613"/>
      <c r="JLU715" s="613"/>
      <c r="JLV715" s="613"/>
      <c r="JLW715" s="613"/>
      <c r="JLX715" s="613"/>
      <c r="JLY715" s="613"/>
      <c r="JLZ715" s="613"/>
      <c r="JMA715" s="613"/>
      <c r="JMB715" s="613"/>
      <c r="JMC715" s="613"/>
      <c r="JMD715" s="613"/>
      <c r="JME715" s="613"/>
      <c r="JMF715" s="613"/>
      <c r="JMG715" s="613"/>
      <c r="JMH715" s="613"/>
      <c r="JMI715" s="613"/>
      <c r="JMJ715" s="613"/>
      <c r="JMK715" s="613"/>
      <c r="JML715" s="613"/>
      <c r="JMM715" s="613"/>
      <c r="JMN715" s="613"/>
      <c r="JMO715" s="613"/>
      <c r="JMP715" s="613"/>
      <c r="JMQ715" s="613"/>
      <c r="JMR715" s="613"/>
      <c r="JMS715" s="613"/>
      <c r="JMT715" s="613"/>
      <c r="JMU715" s="613"/>
      <c r="JMV715" s="613"/>
      <c r="JMW715" s="613"/>
      <c r="JMX715" s="613"/>
      <c r="JMY715" s="613"/>
      <c r="JMZ715" s="613"/>
      <c r="JNA715" s="613"/>
      <c r="JNB715" s="613"/>
      <c r="JNC715" s="613"/>
      <c r="JND715" s="613"/>
      <c r="JNE715" s="613"/>
      <c r="JNF715" s="613"/>
      <c r="JNG715" s="613"/>
      <c r="JNH715" s="613"/>
      <c r="JNI715" s="613"/>
      <c r="JNJ715" s="613"/>
      <c r="JNK715" s="613"/>
      <c r="JNL715" s="613"/>
      <c r="JNM715" s="613"/>
      <c r="JNN715" s="613"/>
      <c r="JNO715" s="613"/>
      <c r="JNP715" s="613"/>
      <c r="JNQ715" s="613"/>
      <c r="JNR715" s="613"/>
      <c r="JNS715" s="613"/>
      <c r="JNT715" s="613"/>
      <c r="JNU715" s="613"/>
      <c r="JNV715" s="613"/>
      <c r="JNW715" s="613"/>
      <c r="JNX715" s="613"/>
      <c r="JNY715" s="613"/>
      <c r="JNZ715" s="613"/>
      <c r="JOA715" s="613"/>
      <c r="JOB715" s="613"/>
      <c r="JOC715" s="613"/>
      <c r="JOD715" s="613"/>
      <c r="JOE715" s="613"/>
      <c r="JOF715" s="613"/>
      <c r="JOG715" s="613"/>
      <c r="JOH715" s="613"/>
      <c r="JOI715" s="613"/>
      <c r="JOJ715" s="613"/>
      <c r="JOK715" s="613"/>
      <c r="JOL715" s="613"/>
      <c r="JOM715" s="613"/>
      <c r="JON715" s="613"/>
      <c r="JOO715" s="613"/>
      <c r="JOP715" s="613"/>
      <c r="JOQ715" s="613"/>
      <c r="JOR715" s="613"/>
      <c r="JOS715" s="613"/>
      <c r="JOT715" s="613"/>
      <c r="JOU715" s="613"/>
      <c r="JOV715" s="613"/>
      <c r="JOW715" s="613"/>
      <c r="JOX715" s="613"/>
      <c r="JOY715" s="613"/>
      <c r="JOZ715" s="613"/>
      <c r="JPA715" s="613"/>
      <c r="JPB715" s="613"/>
      <c r="JPC715" s="613"/>
      <c r="JPD715" s="613"/>
      <c r="JPE715" s="613"/>
      <c r="JPF715" s="613"/>
      <c r="JPG715" s="613"/>
      <c r="JPH715" s="613"/>
      <c r="JPI715" s="613"/>
      <c r="JPJ715" s="613"/>
      <c r="JPK715" s="613"/>
      <c r="JPL715" s="613"/>
      <c r="JPM715" s="613"/>
      <c r="JPN715" s="613"/>
      <c r="JPO715" s="613"/>
      <c r="JPP715" s="613"/>
      <c r="JPQ715" s="613"/>
      <c r="JPR715" s="613"/>
      <c r="JPS715" s="613"/>
      <c r="JPT715" s="613"/>
      <c r="JPU715" s="613"/>
      <c r="JPV715" s="613"/>
      <c r="JPW715" s="613"/>
      <c r="JPX715" s="613"/>
      <c r="JPY715" s="613"/>
      <c r="JPZ715" s="613"/>
      <c r="JQA715" s="613"/>
      <c r="JQB715" s="613"/>
      <c r="JQC715" s="613"/>
      <c r="JQD715" s="613"/>
      <c r="JQE715" s="613"/>
      <c r="JQF715" s="613"/>
      <c r="JQG715" s="613"/>
      <c r="JQH715" s="613"/>
      <c r="JQI715" s="613"/>
      <c r="JQJ715" s="613"/>
      <c r="JQK715" s="613"/>
      <c r="JQL715" s="613"/>
      <c r="JQM715" s="613"/>
      <c r="JQN715" s="613"/>
      <c r="JQO715" s="613"/>
      <c r="JQP715" s="613"/>
      <c r="JQQ715" s="613"/>
      <c r="JQR715" s="613"/>
      <c r="JQS715" s="613"/>
      <c r="JQT715" s="613"/>
      <c r="JQU715" s="613"/>
      <c r="JQV715" s="613"/>
      <c r="JQW715" s="613"/>
      <c r="JQX715" s="613"/>
      <c r="JQY715" s="613"/>
      <c r="JQZ715" s="613"/>
      <c r="JRA715" s="613"/>
      <c r="JRB715" s="613"/>
      <c r="JRC715" s="613"/>
      <c r="JRD715" s="613"/>
      <c r="JRE715" s="613"/>
      <c r="JRF715" s="613"/>
      <c r="JRG715" s="613"/>
      <c r="JRH715" s="613"/>
      <c r="JRI715" s="613"/>
      <c r="JRJ715" s="613"/>
      <c r="JRK715" s="613"/>
      <c r="JRL715" s="613"/>
      <c r="JRM715" s="613"/>
      <c r="JRN715" s="613"/>
      <c r="JRO715" s="613"/>
      <c r="JRP715" s="613"/>
      <c r="JRQ715" s="613"/>
      <c r="JRR715" s="613"/>
      <c r="JRS715" s="613"/>
      <c r="JRT715" s="613"/>
      <c r="JRU715" s="613"/>
      <c r="JRV715" s="613"/>
      <c r="JRW715" s="613"/>
      <c r="JRX715" s="613"/>
      <c r="JRY715" s="613"/>
      <c r="JRZ715" s="613"/>
      <c r="JSA715" s="613"/>
      <c r="JSB715" s="613"/>
      <c r="JSC715" s="613"/>
      <c r="JSD715" s="613"/>
      <c r="JSE715" s="613"/>
      <c r="JSF715" s="613"/>
      <c r="JSG715" s="613"/>
      <c r="JSH715" s="613"/>
      <c r="JSI715" s="613"/>
      <c r="JSJ715" s="613"/>
      <c r="JSK715" s="613"/>
      <c r="JSL715" s="613"/>
      <c r="JSM715" s="613"/>
      <c r="JSN715" s="613"/>
      <c r="JSO715" s="613"/>
      <c r="JSP715" s="613"/>
      <c r="JSQ715" s="613"/>
      <c r="JSR715" s="613"/>
      <c r="JSS715" s="613"/>
      <c r="JST715" s="613"/>
      <c r="JSU715" s="613"/>
      <c r="JSV715" s="613"/>
      <c r="JSW715" s="613"/>
      <c r="JSX715" s="613"/>
      <c r="JSY715" s="613"/>
      <c r="JSZ715" s="613"/>
      <c r="JTA715" s="613"/>
      <c r="JTB715" s="613"/>
      <c r="JTC715" s="613"/>
      <c r="JTD715" s="613"/>
      <c r="JTE715" s="613"/>
      <c r="JTF715" s="613"/>
      <c r="JTG715" s="613"/>
      <c r="JTH715" s="613"/>
      <c r="JTI715" s="613"/>
      <c r="JTJ715" s="613"/>
      <c r="JTK715" s="613"/>
      <c r="JTL715" s="613"/>
      <c r="JTM715" s="613"/>
      <c r="JTN715" s="613"/>
      <c r="JTO715" s="613"/>
      <c r="JTP715" s="613"/>
      <c r="JTQ715" s="613"/>
      <c r="JTR715" s="613"/>
      <c r="JTS715" s="613"/>
      <c r="JTT715" s="613"/>
      <c r="JTU715" s="613"/>
      <c r="JTV715" s="613"/>
      <c r="JTW715" s="613"/>
      <c r="JTX715" s="613"/>
      <c r="JTY715" s="613"/>
      <c r="JTZ715" s="613"/>
      <c r="JUA715" s="613"/>
      <c r="JUB715" s="613"/>
      <c r="JUC715" s="613"/>
      <c r="JUD715" s="613"/>
      <c r="JUE715" s="613"/>
      <c r="JUF715" s="613"/>
      <c r="JUG715" s="613"/>
      <c r="JUH715" s="613"/>
      <c r="JUI715" s="613"/>
      <c r="JUJ715" s="613"/>
      <c r="JUK715" s="613"/>
      <c r="JUL715" s="613"/>
      <c r="JUM715" s="613"/>
      <c r="JUN715" s="613"/>
      <c r="JUO715" s="613"/>
      <c r="JUP715" s="613"/>
      <c r="JUQ715" s="613"/>
      <c r="JUR715" s="613"/>
      <c r="JUS715" s="613"/>
      <c r="JUT715" s="613"/>
      <c r="JUU715" s="613"/>
      <c r="JUV715" s="613"/>
      <c r="JUW715" s="613"/>
      <c r="JUX715" s="613"/>
      <c r="JUY715" s="613"/>
      <c r="JUZ715" s="613"/>
      <c r="JVA715" s="613"/>
      <c r="JVB715" s="613"/>
      <c r="JVC715" s="613"/>
      <c r="JVD715" s="613"/>
      <c r="JVE715" s="613"/>
      <c r="JVF715" s="613"/>
      <c r="JVG715" s="613"/>
      <c r="JVH715" s="613"/>
      <c r="JVI715" s="613"/>
      <c r="JVJ715" s="613"/>
      <c r="JVK715" s="613"/>
      <c r="JVL715" s="613"/>
      <c r="JVM715" s="613"/>
      <c r="JVN715" s="613"/>
      <c r="JVO715" s="613"/>
      <c r="JVP715" s="613"/>
      <c r="JVQ715" s="613"/>
      <c r="JVR715" s="613"/>
      <c r="JVS715" s="613"/>
      <c r="JVT715" s="613"/>
      <c r="JVU715" s="613"/>
      <c r="JVV715" s="613"/>
      <c r="JVW715" s="613"/>
      <c r="JVX715" s="613"/>
      <c r="JVY715" s="613"/>
      <c r="JVZ715" s="613"/>
      <c r="JWA715" s="613"/>
      <c r="JWB715" s="613"/>
      <c r="JWC715" s="613"/>
      <c r="JWD715" s="613"/>
      <c r="JWE715" s="613"/>
      <c r="JWF715" s="613"/>
      <c r="JWG715" s="613"/>
      <c r="JWH715" s="613"/>
      <c r="JWI715" s="613"/>
      <c r="JWJ715" s="613"/>
      <c r="JWK715" s="613"/>
      <c r="JWL715" s="613"/>
      <c r="JWM715" s="613"/>
      <c r="JWN715" s="613"/>
      <c r="JWO715" s="613"/>
      <c r="JWP715" s="613"/>
      <c r="JWQ715" s="613"/>
      <c r="JWR715" s="613"/>
      <c r="JWS715" s="613"/>
      <c r="JWT715" s="613"/>
      <c r="JWU715" s="613"/>
      <c r="JWV715" s="613"/>
      <c r="JWW715" s="613"/>
      <c r="JWX715" s="613"/>
      <c r="JWY715" s="613"/>
      <c r="JWZ715" s="613"/>
      <c r="JXA715" s="613"/>
      <c r="JXB715" s="613"/>
      <c r="JXC715" s="613"/>
      <c r="JXD715" s="613"/>
      <c r="JXE715" s="613"/>
      <c r="JXF715" s="613"/>
      <c r="JXG715" s="613"/>
      <c r="JXH715" s="613"/>
      <c r="JXI715" s="613"/>
      <c r="JXJ715" s="613"/>
      <c r="JXK715" s="613"/>
      <c r="JXL715" s="613"/>
      <c r="JXM715" s="613"/>
      <c r="JXN715" s="613"/>
      <c r="JXO715" s="613"/>
      <c r="JXP715" s="613"/>
      <c r="JXQ715" s="613"/>
      <c r="JXR715" s="613"/>
      <c r="JXS715" s="613"/>
      <c r="JXT715" s="613"/>
      <c r="JXU715" s="613"/>
      <c r="JXV715" s="613"/>
      <c r="JXW715" s="613"/>
      <c r="JXX715" s="613"/>
      <c r="JXY715" s="613"/>
      <c r="JXZ715" s="613"/>
      <c r="JYA715" s="613"/>
      <c r="JYB715" s="613"/>
      <c r="JYC715" s="613"/>
      <c r="JYD715" s="613"/>
      <c r="JYE715" s="613"/>
      <c r="JYF715" s="613"/>
      <c r="JYG715" s="613"/>
      <c r="JYH715" s="613"/>
      <c r="JYI715" s="613"/>
      <c r="JYJ715" s="613"/>
      <c r="JYK715" s="613"/>
      <c r="JYL715" s="613"/>
      <c r="JYM715" s="613"/>
      <c r="JYN715" s="613"/>
      <c r="JYO715" s="613"/>
      <c r="JYP715" s="613"/>
      <c r="JYQ715" s="613"/>
      <c r="JYR715" s="613"/>
      <c r="JYS715" s="613"/>
      <c r="JYT715" s="613"/>
      <c r="JYU715" s="613"/>
      <c r="JYV715" s="613"/>
      <c r="JYW715" s="613"/>
      <c r="JYX715" s="613"/>
      <c r="JYY715" s="613"/>
      <c r="JYZ715" s="613"/>
      <c r="JZA715" s="613"/>
      <c r="JZB715" s="613"/>
      <c r="JZC715" s="613"/>
      <c r="JZD715" s="613"/>
      <c r="JZE715" s="613"/>
      <c r="JZF715" s="613"/>
      <c r="JZG715" s="613"/>
      <c r="JZH715" s="613"/>
      <c r="JZI715" s="613"/>
      <c r="JZJ715" s="613"/>
      <c r="JZK715" s="613"/>
      <c r="JZL715" s="613"/>
      <c r="JZM715" s="613"/>
      <c r="JZN715" s="613"/>
      <c r="JZO715" s="613"/>
      <c r="JZP715" s="613"/>
      <c r="JZQ715" s="613"/>
      <c r="JZR715" s="613"/>
      <c r="JZS715" s="613"/>
      <c r="JZT715" s="613"/>
      <c r="JZU715" s="613"/>
      <c r="JZV715" s="613"/>
      <c r="JZW715" s="613"/>
      <c r="JZX715" s="613"/>
      <c r="JZY715" s="613"/>
      <c r="JZZ715" s="613"/>
      <c r="KAA715" s="613"/>
      <c r="KAB715" s="613"/>
      <c r="KAC715" s="613"/>
      <c r="KAD715" s="613"/>
      <c r="KAE715" s="613"/>
      <c r="KAF715" s="613"/>
      <c r="KAG715" s="613"/>
      <c r="KAH715" s="613"/>
      <c r="KAI715" s="613"/>
      <c r="KAJ715" s="613"/>
      <c r="KAK715" s="613"/>
      <c r="KAL715" s="613"/>
      <c r="KAM715" s="613"/>
      <c r="KAN715" s="613"/>
      <c r="KAO715" s="613"/>
      <c r="KAP715" s="613"/>
      <c r="KAQ715" s="613"/>
      <c r="KAR715" s="613"/>
      <c r="KAS715" s="613"/>
      <c r="KAT715" s="613"/>
      <c r="KAU715" s="613"/>
      <c r="KAV715" s="613"/>
      <c r="KAW715" s="613"/>
      <c r="KAX715" s="613"/>
      <c r="KAY715" s="613"/>
      <c r="KAZ715" s="613"/>
      <c r="KBA715" s="613"/>
      <c r="KBB715" s="613"/>
      <c r="KBC715" s="613"/>
      <c r="KBD715" s="613"/>
      <c r="KBE715" s="613"/>
      <c r="KBF715" s="613"/>
      <c r="KBG715" s="613"/>
      <c r="KBH715" s="613"/>
      <c r="KBI715" s="613"/>
      <c r="KBJ715" s="613"/>
      <c r="KBK715" s="613"/>
      <c r="KBL715" s="613"/>
      <c r="KBM715" s="613"/>
      <c r="KBN715" s="613"/>
      <c r="KBO715" s="613"/>
      <c r="KBP715" s="613"/>
      <c r="KBQ715" s="613"/>
      <c r="KBR715" s="613"/>
      <c r="KBS715" s="613"/>
      <c r="KBT715" s="613"/>
      <c r="KBU715" s="613"/>
      <c r="KBV715" s="613"/>
      <c r="KBW715" s="613"/>
      <c r="KBX715" s="613"/>
      <c r="KBY715" s="613"/>
      <c r="KBZ715" s="613"/>
      <c r="KCA715" s="613"/>
      <c r="KCB715" s="613"/>
      <c r="KCC715" s="613"/>
      <c r="KCD715" s="613"/>
      <c r="KCE715" s="613"/>
      <c r="KCF715" s="613"/>
      <c r="KCG715" s="613"/>
      <c r="KCH715" s="613"/>
      <c r="KCI715" s="613"/>
      <c r="KCJ715" s="613"/>
      <c r="KCK715" s="613"/>
      <c r="KCL715" s="613"/>
      <c r="KCM715" s="613"/>
      <c r="KCN715" s="613"/>
      <c r="KCO715" s="613"/>
      <c r="KCP715" s="613"/>
      <c r="KCQ715" s="613"/>
      <c r="KCR715" s="613"/>
      <c r="KCS715" s="613"/>
      <c r="KCT715" s="613"/>
      <c r="KCU715" s="613"/>
      <c r="KCV715" s="613"/>
      <c r="KCW715" s="613"/>
      <c r="KCX715" s="613"/>
      <c r="KCY715" s="613"/>
      <c r="KCZ715" s="613"/>
      <c r="KDA715" s="613"/>
      <c r="KDB715" s="613"/>
      <c r="KDC715" s="613"/>
      <c r="KDD715" s="613"/>
      <c r="KDE715" s="613"/>
      <c r="KDF715" s="613"/>
      <c r="KDG715" s="613"/>
      <c r="KDH715" s="613"/>
      <c r="KDI715" s="613"/>
      <c r="KDJ715" s="613"/>
      <c r="KDK715" s="613"/>
      <c r="KDL715" s="613"/>
      <c r="KDM715" s="613"/>
      <c r="KDN715" s="613"/>
      <c r="KDO715" s="613"/>
      <c r="KDP715" s="613"/>
      <c r="KDQ715" s="613"/>
      <c r="KDR715" s="613"/>
      <c r="KDS715" s="613"/>
      <c r="KDT715" s="613"/>
      <c r="KDU715" s="613"/>
      <c r="KDV715" s="613"/>
      <c r="KDW715" s="613"/>
      <c r="KDX715" s="613"/>
      <c r="KDY715" s="613"/>
      <c r="KDZ715" s="613"/>
      <c r="KEA715" s="613"/>
      <c r="KEB715" s="613"/>
      <c r="KEC715" s="613"/>
      <c r="KED715" s="613"/>
      <c r="KEE715" s="613"/>
      <c r="KEF715" s="613"/>
      <c r="KEG715" s="613"/>
      <c r="KEH715" s="613"/>
      <c r="KEI715" s="613"/>
      <c r="KEJ715" s="613"/>
      <c r="KEK715" s="613"/>
      <c r="KEL715" s="613"/>
      <c r="KEM715" s="613"/>
      <c r="KEN715" s="613"/>
      <c r="KEO715" s="613"/>
      <c r="KEP715" s="613"/>
      <c r="KEQ715" s="613"/>
      <c r="KER715" s="613"/>
      <c r="KES715" s="613"/>
      <c r="KET715" s="613"/>
      <c r="KEU715" s="613"/>
      <c r="KEV715" s="613"/>
      <c r="KEW715" s="613"/>
      <c r="KEX715" s="613"/>
      <c r="KEY715" s="613"/>
      <c r="KEZ715" s="613"/>
      <c r="KFA715" s="613"/>
      <c r="KFB715" s="613"/>
      <c r="KFC715" s="613"/>
      <c r="KFD715" s="613"/>
      <c r="KFE715" s="613"/>
      <c r="KFF715" s="613"/>
      <c r="KFG715" s="613"/>
      <c r="KFH715" s="613"/>
      <c r="KFI715" s="613"/>
      <c r="KFJ715" s="613"/>
      <c r="KFK715" s="613"/>
      <c r="KFL715" s="613"/>
      <c r="KFM715" s="613"/>
      <c r="KFN715" s="613"/>
      <c r="KFO715" s="613"/>
      <c r="KFP715" s="613"/>
      <c r="KFQ715" s="613"/>
      <c r="KFR715" s="613"/>
      <c r="KFS715" s="613"/>
      <c r="KFT715" s="613"/>
      <c r="KFU715" s="613"/>
      <c r="KFV715" s="613"/>
      <c r="KFW715" s="613"/>
      <c r="KFX715" s="613"/>
      <c r="KFY715" s="613"/>
      <c r="KFZ715" s="613"/>
      <c r="KGA715" s="613"/>
      <c r="KGB715" s="613"/>
      <c r="KGC715" s="613"/>
      <c r="KGD715" s="613"/>
      <c r="KGE715" s="613"/>
      <c r="KGF715" s="613"/>
      <c r="KGG715" s="613"/>
      <c r="KGH715" s="613"/>
      <c r="KGI715" s="613"/>
      <c r="KGJ715" s="613"/>
      <c r="KGK715" s="613"/>
      <c r="KGL715" s="613"/>
      <c r="KGM715" s="613"/>
      <c r="KGN715" s="613"/>
      <c r="KGO715" s="613"/>
      <c r="KGP715" s="613"/>
      <c r="KGQ715" s="613"/>
      <c r="KGR715" s="613"/>
      <c r="KGS715" s="613"/>
      <c r="KGT715" s="613"/>
      <c r="KGU715" s="613"/>
      <c r="KGV715" s="613"/>
      <c r="KGW715" s="613"/>
      <c r="KGX715" s="613"/>
      <c r="KGY715" s="613"/>
      <c r="KGZ715" s="613"/>
      <c r="KHA715" s="613"/>
      <c r="KHB715" s="613"/>
      <c r="KHC715" s="613"/>
      <c r="KHD715" s="613"/>
      <c r="KHE715" s="613"/>
      <c r="KHF715" s="613"/>
      <c r="KHG715" s="613"/>
      <c r="KHH715" s="613"/>
      <c r="KHI715" s="613"/>
      <c r="KHJ715" s="613"/>
      <c r="KHK715" s="613"/>
      <c r="KHL715" s="613"/>
      <c r="KHM715" s="613"/>
      <c r="KHN715" s="613"/>
      <c r="KHO715" s="613"/>
      <c r="KHP715" s="613"/>
      <c r="KHQ715" s="613"/>
      <c r="KHR715" s="613"/>
      <c r="KHS715" s="613"/>
      <c r="KHT715" s="613"/>
      <c r="KHU715" s="613"/>
      <c r="KHV715" s="613"/>
      <c r="KHW715" s="613"/>
      <c r="KHX715" s="613"/>
      <c r="KHY715" s="613"/>
      <c r="KHZ715" s="613"/>
      <c r="KIA715" s="613"/>
      <c r="KIB715" s="613"/>
      <c r="KIC715" s="613"/>
      <c r="KID715" s="613"/>
      <c r="KIE715" s="613"/>
      <c r="KIF715" s="613"/>
      <c r="KIG715" s="613"/>
      <c r="KIH715" s="613"/>
      <c r="KII715" s="613"/>
      <c r="KIJ715" s="613"/>
      <c r="KIK715" s="613"/>
      <c r="KIL715" s="613"/>
      <c r="KIM715" s="613"/>
      <c r="KIN715" s="613"/>
      <c r="KIO715" s="613"/>
      <c r="KIP715" s="613"/>
      <c r="KIQ715" s="613"/>
      <c r="KIR715" s="613"/>
      <c r="KIS715" s="613"/>
      <c r="KIT715" s="613"/>
      <c r="KIU715" s="613"/>
      <c r="KIV715" s="613"/>
      <c r="KIW715" s="613"/>
      <c r="KIX715" s="613"/>
      <c r="KIY715" s="613"/>
      <c r="KIZ715" s="613"/>
      <c r="KJA715" s="613"/>
      <c r="KJB715" s="613"/>
      <c r="KJC715" s="613"/>
      <c r="KJD715" s="613"/>
      <c r="KJE715" s="613"/>
      <c r="KJF715" s="613"/>
      <c r="KJG715" s="613"/>
      <c r="KJH715" s="613"/>
      <c r="KJI715" s="613"/>
      <c r="KJJ715" s="613"/>
      <c r="KJK715" s="613"/>
      <c r="KJL715" s="613"/>
      <c r="KJM715" s="613"/>
      <c r="KJN715" s="613"/>
      <c r="KJO715" s="613"/>
      <c r="KJP715" s="613"/>
      <c r="KJQ715" s="613"/>
      <c r="KJR715" s="613"/>
      <c r="KJS715" s="613"/>
      <c r="KJT715" s="613"/>
      <c r="KJU715" s="613"/>
      <c r="KJV715" s="613"/>
      <c r="KJW715" s="613"/>
      <c r="KJX715" s="613"/>
      <c r="KJY715" s="613"/>
      <c r="KJZ715" s="613"/>
      <c r="KKA715" s="613"/>
      <c r="KKB715" s="613"/>
      <c r="KKC715" s="613"/>
      <c r="KKD715" s="613"/>
      <c r="KKE715" s="613"/>
      <c r="KKF715" s="613"/>
      <c r="KKG715" s="613"/>
      <c r="KKH715" s="613"/>
      <c r="KKI715" s="613"/>
      <c r="KKJ715" s="613"/>
      <c r="KKK715" s="613"/>
      <c r="KKL715" s="613"/>
      <c r="KKM715" s="613"/>
      <c r="KKN715" s="613"/>
      <c r="KKO715" s="613"/>
      <c r="KKP715" s="613"/>
      <c r="KKQ715" s="613"/>
      <c r="KKR715" s="613"/>
      <c r="KKS715" s="613"/>
      <c r="KKT715" s="613"/>
      <c r="KKU715" s="613"/>
      <c r="KKV715" s="613"/>
      <c r="KKW715" s="613"/>
      <c r="KKX715" s="613"/>
      <c r="KKY715" s="613"/>
      <c r="KKZ715" s="613"/>
      <c r="KLA715" s="613"/>
      <c r="KLB715" s="613"/>
      <c r="KLC715" s="613"/>
      <c r="KLD715" s="613"/>
      <c r="KLE715" s="613"/>
      <c r="KLF715" s="613"/>
      <c r="KLG715" s="613"/>
      <c r="KLH715" s="613"/>
      <c r="KLI715" s="613"/>
      <c r="KLJ715" s="613"/>
      <c r="KLK715" s="613"/>
      <c r="KLL715" s="613"/>
      <c r="KLM715" s="613"/>
      <c r="KLN715" s="613"/>
      <c r="KLO715" s="613"/>
      <c r="KLP715" s="613"/>
      <c r="KLQ715" s="613"/>
      <c r="KLR715" s="613"/>
      <c r="KLS715" s="613"/>
      <c r="KLT715" s="613"/>
      <c r="KLU715" s="613"/>
      <c r="KLV715" s="613"/>
      <c r="KLW715" s="613"/>
      <c r="KLX715" s="613"/>
      <c r="KLY715" s="613"/>
      <c r="KLZ715" s="613"/>
      <c r="KMA715" s="613"/>
      <c r="KMB715" s="613"/>
      <c r="KMC715" s="613"/>
      <c r="KMD715" s="613"/>
      <c r="KME715" s="613"/>
      <c r="KMF715" s="613"/>
      <c r="KMG715" s="613"/>
      <c r="KMH715" s="613"/>
      <c r="KMI715" s="613"/>
      <c r="KMJ715" s="613"/>
      <c r="KMK715" s="613"/>
      <c r="KML715" s="613"/>
      <c r="KMM715" s="613"/>
      <c r="KMN715" s="613"/>
      <c r="KMO715" s="613"/>
      <c r="KMP715" s="613"/>
      <c r="KMQ715" s="613"/>
      <c r="KMR715" s="613"/>
      <c r="KMS715" s="613"/>
      <c r="KMT715" s="613"/>
      <c r="KMU715" s="613"/>
      <c r="KMV715" s="613"/>
      <c r="KMW715" s="613"/>
      <c r="KMX715" s="613"/>
      <c r="KMY715" s="613"/>
      <c r="KMZ715" s="613"/>
      <c r="KNA715" s="613"/>
      <c r="KNB715" s="613"/>
      <c r="KNC715" s="613"/>
      <c r="KND715" s="613"/>
      <c r="KNE715" s="613"/>
      <c r="KNF715" s="613"/>
      <c r="KNG715" s="613"/>
      <c r="KNH715" s="613"/>
      <c r="KNI715" s="613"/>
      <c r="KNJ715" s="613"/>
      <c r="KNK715" s="613"/>
      <c r="KNL715" s="613"/>
      <c r="KNM715" s="613"/>
      <c r="KNN715" s="613"/>
      <c r="KNO715" s="613"/>
      <c r="KNP715" s="613"/>
      <c r="KNQ715" s="613"/>
      <c r="KNR715" s="613"/>
      <c r="KNS715" s="613"/>
      <c r="KNT715" s="613"/>
      <c r="KNU715" s="613"/>
      <c r="KNV715" s="613"/>
      <c r="KNW715" s="613"/>
      <c r="KNX715" s="613"/>
      <c r="KNY715" s="613"/>
      <c r="KNZ715" s="613"/>
      <c r="KOA715" s="613"/>
      <c r="KOB715" s="613"/>
      <c r="KOC715" s="613"/>
      <c r="KOD715" s="613"/>
      <c r="KOE715" s="613"/>
      <c r="KOF715" s="613"/>
      <c r="KOG715" s="613"/>
      <c r="KOH715" s="613"/>
      <c r="KOI715" s="613"/>
      <c r="KOJ715" s="613"/>
      <c r="KOK715" s="613"/>
      <c r="KOL715" s="613"/>
      <c r="KOM715" s="613"/>
      <c r="KON715" s="613"/>
      <c r="KOO715" s="613"/>
      <c r="KOP715" s="613"/>
      <c r="KOQ715" s="613"/>
      <c r="KOR715" s="613"/>
      <c r="KOS715" s="613"/>
      <c r="KOT715" s="613"/>
      <c r="KOU715" s="613"/>
      <c r="KOV715" s="613"/>
      <c r="KOW715" s="613"/>
      <c r="KOX715" s="613"/>
      <c r="KOY715" s="613"/>
      <c r="KOZ715" s="613"/>
      <c r="KPA715" s="613"/>
      <c r="KPB715" s="613"/>
      <c r="KPC715" s="613"/>
      <c r="KPD715" s="613"/>
      <c r="KPE715" s="613"/>
      <c r="KPF715" s="613"/>
      <c r="KPG715" s="613"/>
      <c r="KPH715" s="613"/>
      <c r="KPI715" s="613"/>
      <c r="KPJ715" s="613"/>
      <c r="KPK715" s="613"/>
      <c r="KPL715" s="613"/>
      <c r="KPM715" s="613"/>
      <c r="KPN715" s="613"/>
      <c r="KPO715" s="613"/>
      <c r="KPP715" s="613"/>
      <c r="KPQ715" s="613"/>
      <c r="KPR715" s="613"/>
      <c r="KPS715" s="613"/>
      <c r="KPT715" s="613"/>
      <c r="KPU715" s="613"/>
      <c r="KPV715" s="613"/>
      <c r="KPW715" s="613"/>
      <c r="KPX715" s="613"/>
      <c r="KPY715" s="613"/>
      <c r="KPZ715" s="613"/>
      <c r="KQA715" s="613"/>
      <c r="KQB715" s="613"/>
      <c r="KQC715" s="613"/>
      <c r="KQD715" s="613"/>
      <c r="KQE715" s="613"/>
      <c r="KQF715" s="613"/>
      <c r="KQG715" s="613"/>
      <c r="KQH715" s="613"/>
      <c r="KQI715" s="613"/>
      <c r="KQJ715" s="613"/>
      <c r="KQK715" s="613"/>
      <c r="KQL715" s="613"/>
      <c r="KQM715" s="613"/>
      <c r="KQN715" s="613"/>
      <c r="KQO715" s="613"/>
      <c r="KQP715" s="613"/>
      <c r="KQQ715" s="613"/>
      <c r="KQR715" s="613"/>
      <c r="KQS715" s="613"/>
      <c r="KQT715" s="613"/>
      <c r="KQU715" s="613"/>
      <c r="KQV715" s="613"/>
      <c r="KQW715" s="613"/>
      <c r="KQX715" s="613"/>
      <c r="KQY715" s="613"/>
      <c r="KQZ715" s="613"/>
      <c r="KRA715" s="613"/>
      <c r="KRB715" s="613"/>
      <c r="KRC715" s="613"/>
      <c r="KRD715" s="613"/>
      <c r="KRE715" s="613"/>
      <c r="KRF715" s="613"/>
      <c r="KRG715" s="613"/>
      <c r="KRH715" s="613"/>
      <c r="KRI715" s="613"/>
      <c r="KRJ715" s="613"/>
      <c r="KRK715" s="613"/>
      <c r="KRL715" s="613"/>
      <c r="KRM715" s="613"/>
      <c r="KRN715" s="613"/>
      <c r="KRO715" s="613"/>
      <c r="KRP715" s="613"/>
      <c r="KRQ715" s="613"/>
      <c r="KRR715" s="613"/>
      <c r="KRS715" s="613"/>
      <c r="KRT715" s="613"/>
      <c r="KRU715" s="613"/>
      <c r="KRV715" s="613"/>
      <c r="KRW715" s="613"/>
      <c r="KRX715" s="613"/>
      <c r="KRY715" s="613"/>
      <c r="KRZ715" s="613"/>
      <c r="KSA715" s="613"/>
      <c r="KSB715" s="613"/>
      <c r="KSC715" s="613"/>
      <c r="KSD715" s="613"/>
      <c r="KSE715" s="613"/>
      <c r="KSF715" s="613"/>
      <c r="KSG715" s="613"/>
      <c r="KSH715" s="613"/>
      <c r="KSI715" s="613"/>
      <c r="KSJ715" s="613"/>
      <c r="KSK715" s="613"/>
      <c r="KSL715" s="613"/>
      <c r="KSM715" s="613"/>
      <c r="KSN715" s="613"/>
      <c r="KSO715" s="613"/>
      <c r="KSP715" s="613"/>
      <c r="KSQ715" s="613"/>
      <c r="KSR715" s="613"/>
      <c r="KSS715" s="613"/>
      <c r="KST715" s="613"/>
      <c r="KSU715" s="613"/>
      <c r="KSV715" s="613"/>
      <c r="KSW715" s="613"/>
      <c r="KSX715" s="613"/>
      <c r="KSY715" s="613"/>
      <c r="KSZ715" s="613"/>
      <c r="KTA715" s="613"/>
      <c r="KTB715" s="613"/>
      <c r="KTC715" s="613"/>
      <c r="KTD715" s="613"/>
      <c r="KTE715" s="613"/>
      <c r="KTF715" s="613"/>
      <c r="KTG715" s="613"/>
      <c r="KTH715" s="613"/>
      <c r="KTI715" s="613"/>
      <c r="KTJ715" s="613"/>
      <c r="KTK715" s="613"/>
      <c r="KTL715" s="613"/>
      <c r="KTM715" s="613"/>
      <c r="KTN715" s="613"/>
      <c r="KTO715" s="613"/>
      <c r="KTP715" s="613"/>
      <c r="KTQ715" s="613"/>
      <c r="KTR715" s="613"/>
      <c r="KTS715" s="613"/>
      <c r="KTT715" s="613"/>
      <c r="KTU715" s="613"/>
      <c r="KTV715" s="613"/>
      <c r="KTW715" s="613"/>
      <c r="KTX715" s="613"/>
      <c r="KTY715" s="613"/>
      <c r="KTZ715" s="613"/>
      <c r="KUA715" s="613"/>
      <c r="KUB715" s="613"/>
      <c r="KUC715" s="613"/>
      <c r="KUD715" s="613"/>
      <c r="KUE715" s="613"/>
      <c r="KUF715" s="613"/>
      <c r="KUG715" s="613"/>
      <c r="KUH715" s="613"/>
      <c r="KUI715" s="613"/>
      <c r="KUJ715" s="613"/>
      <c r="KUK715" s="613"/>
      <c r="KUL715" s="613"/>
      <c r="KUM715" s="613"/>
      <c r="KUN715" s="613"/>
      <c r="KUO715" s="613"/>
      <c r="KUP715" s="613"/>
      <c r="KUQ715" s="613"/>
      <c r="KUR715" s="613"/>
      <c r="KUS715" s="613"/>
      <c r="KUT715" s="613"/>
      <c r="KUU715" s="613"/>
      <c r="KUV715" s="613"/>
      <c r="KUW715" s="613"/>
      <c r="KUX715" s="613"/>
      <c r="KUY715" s="613"/>
      <c r="KUZ715" s="613"/>
      <c r="KVA715" s="613"/>
      <c r="KVB715" s="613"/>
      <c r="KVC715" s="613"/>
      <c r="KVD715" s="613"/>
      <c r="KVE715" s="613"/>
      <c r="KVF715" s="613"/>
      <c r="KVG715" s="613"/>
      <c r="KVH715" s="613"/>
      <c r="KVI715" s="613"/>
      <c r="KVJ715" s="613"/>
      <c r="KVK715" s="613"/>
      <c r="KVL715" s="613"/>
      <c r="KVM715" s="613"/>
      <c r="KVN715" s="613"/>
      <c r="KVO715" s="613"/>
      <c r="KVP715" s="613"/>
      <c r="KVQ715" s="613"/>
      <c r="KVR715" s="613"/>
      <c r="KVS715" s="613"/>
      <c r="KVT715" s="613"/>
      <c r="KVU715" s="613"/>
      <c r="KVV715" s="613"/>
      <c r="KVW715" s="613"/>
      <c r="KVX715" s="613"/>
      <c r="KVY715" s="613"/>
      <c r="KVZ715" s="613"/>
      <c r="KWA715" s="613"/>
      <c r="KWB715" s="613"/>
      <c r="KWC715" s="613"/>
      <c r="KWD715" s="613"/>
      <c r="KWE715" s="613"/>
      <c r="KWF715" s="613"/>
      <c r="KWG715" s="613"/>
      <c r="KWH715" s="613"/>
      <c r="KWI715" s="613"/>
      <c r="KWJ715" s="613"/>
      <c r="KWK715" s="613"/>
      <c r="KWL715" s="613"/>
      <c r="KWM715" s="613"/>
      <c r="KWN715" s="613"/>
      <c r="KWO715" s="613"/>
      <c r="KWP715" s="613"/>
      <c r="KWQ715" s="613"/>
      <c r="KWR715" s="613"/>
      <c r="KWS715" s="613"/>
      <c r="KWT715" s="613"/>
      <c r="KWU715" s="613"/>
      <c r="KWV715" s="613"/>
      <c r="KWW715" s="613"/>
      <c r="KWX715" s="613"/>
      <c r="KWY715" s="613"/>
      <c r="KWZ715" s="613"/>
      <c r="KXA715" s="613"/>
      <c r="KXB715" s="613"/>
      <c r="KXC715" s="613"/>
      <c r="KXD715" s="613"/>
      <c r="KXE715" s="613"/>
      <c r="KXF715" s="613"/>
      <c r="KXG715" s="613"/>
      <c r="KXH715" s="613"/>
      <c r="KXI715" s="613"/>
      <c r="KXJ715" s="613"/>
      <c r="KXK715" s="613"/>
      <c r="KXL715" s="613"/>
      <c r="KXM715" s="613"/>
      <c r="KXN715" s="613"/>
      <c r="KXO715" s="613"/>
      <c r="KXP715" s="613"/>
      <c r="KXQ715" s="613"/>
      <c r="KXR715" s="613"/>
      <c r="KXS715" s="613"/>
      <c r="KXT715" s="613"/>
      <c r="KXU715" s="613"/>
      <c r="KXV715" s="613"/>
      <c r="KXW715" s="613"/>
      <c r="KXX715" s="613"/>
      <c r="KXY715" s="613"/>
      <c r="KXZ715" s="613"/>
      <c r="KYA715" s="613"/>
      <c r="KYB715" s="613"/>
      <c r="KYC715" s="613"/>
      <c r="KYD715" s="613"/>
      <c r="KYE715" s="613"/>
      <c r="KYF715" s="613"/>
      <c r="KYG715" s="613"/>
      <c r="KYH715" s="613"/>
      <c r="KYI715" s="613"/>
      <c r="KYJ715" s="613"/>
      <c r="KYK715" s="613"/>
      <c r="KYL715" s="613"/>
      <c r="KYM715" s="613"/>
      <c r="KYN715" s="613"/>
      <c r="KYO715" s="613"/>
      <c r="KYP715" s="613"/>
      <c r="KYQ715" s="613"/>
      <c r="KYR715" s="613"/>
      <c r="KYS715" s="613"/>
      <c r="KYT715" s="613"/>
      <c r="KYU715" s="613"/>
      <c r="KYV715" s="613"/>
      <c r="KYW715" s="613"/>
      <c r="KYX715" s="613"/>
      <c r="KYY715" s="613"/>
      <c r="KYZ715" s="613"/>
      <c r="KZA715" s="613"/>
      <c r="KZB715" s="613"/>
      <c r="KZC715" s="613"/>
      <c r="KZD715" s="613"/>
      <c r="KZE715" s="613"/>
      <c r="KZF715" s="613"/>
      <c r="KZG715" s="613"/>
      <c r="KZH715" s="613"/>
      <c r="KZI715" s="613"/>
      <c r="KZJ715" s="613"/>
      <c r="KZK715" s="613"/>
      <c r="KZL715" s="613"/>
      <c r="KZM715" s="613"/>
      <c r="KZN715" s="613"/>
      <c r="KZO715" s="613"/>
      <c r="KZP715" s="613"/>
      <c r="KZQ715" s="613"/>
      <c r="KZR715" s="613"/>
      <c r="KZS715" s="613"/>
      <c r="KZT715" s="613"/>
      <c r="KZU715" s="613"/>
      <c r="KZV715" s="613"/>
      <c r="KZW715" s="613"/>
      <c r="KZX715" s="613"/>
      <c r="KZY715" s="613"/>
      <c r="KZZ715" s="613"/>
      <c r="LAA715" s="613"/>
      <c r="LAB715" s="613"/>
      <c r="LAC715" s="613"/>
      <c r="LAD715" s="613"/>
      <c r="LAE715" s="613"/>
      <c r="LAF715" s="613"/>
      <c r="LAG715" s="613"/>
      <c r="LAH715" s="613"/>
      <c r="LAI715" s="613"/>
      <c r="LAJ715" s="613"/>
      <c r="LAK715" s="613"/>
      <c r="LAL715" s="613"/>
      <c r="LAM715" s="613"/>
      <c r="LAN715" s="613"/>
      <c r="LAO715" s="613"/>
      <c r="LAP715" s="613"/>
      <c r="LAQ715" s="613"/>
      <c r="LAR715" s="613"/>
      <c r="LAS715" s="613"/>
      <c r="LAT715" s="613"/>
      <c r="LAU715" s="613"/>
      <c r="LAV715" s="613"/>
      <c r="LAW715" s="613"/>
      <c r="LAX715" s="613"/>
      <c r="LAY715" s="613"/>
      <c r="LAZ715" s="613"/>
      <c r="LBA715" s="613"/>
      <c r="LBB715" s="613"/>
      <c r="LBC715" s="613"/>
      <c r="LBD715" s="613"/>
      <c r="LBE715" s="613"/>
      <c r="LBF715" s="613"/>
      <c r="LBG715" s="613"/>
      <c r="LBH715" s="613"/>
      <c r="LBI715" s="613"/>
      <c r="LBJ715" s="613"/>
      <c r="LBK715" s="613"/>
      <c r="LBL715" s="613"/>
      <c r="LBM715" s="613"/>
      <c r="LBN715" s="613"/>
      <c r="LBO715" s="613"/>
      <c r="LBP715" s="613"/>
      <c r="LBQ715" s="613"/>
      <c r="LBR715" s="613"/>
      <c r="LBS715" s="613"/>
      <c r="LBT715" s="613"/>
      <c r="LBU715" s="613"/>
      <c r="LBV715" s="613"/>
      <c r="LBW715" s="613"/>
      <c r="LBX715" s="613"/>
      <c r="LBY715" s="613"/>
      <c r="LBZ715" s="613"/>
      <c r="LCA715" s="613"/>
      <c r="LCB715" s="613"/>
      <c r="LCC715" s="613"/>
      <c r="LCD715" s="613"/>
      <c r="LCE715" s="613"/>
      <c r="LCF715" s="613"/>
      <c r="LCG715" s="613"/>
      <c r="LCH715" s="613"/>
      <c r="LCI715" s="613"/>
      <c r="LCJ715" s="613"/>
      <c r="LCK715" s="613"/>
      <c r="LCL715" s="613"/>
      <c r="LCM715" s="613"/>
      <c r="LCN715" s="613"/>
      <c r="LCO715" s="613"/>
      <c r="LCP715" s="613"/>
      <c r="LCQ715" s="613"/>
      <c r="LCR715" s="613"/>
      <c r="LCS715" s="613"/>
      <c r="LCT715" s="613"/>
      <c r="LCU715" s="613"/>
      <c r="LCV715" s="613"/>
      <c r="LCW715" s="613"/>
      <c r="LCX715" s="613"/>
      <c r="LCY715" s="613"/>
      <c r="LCZ715" s="613"/>
      <c r="LDA715" s="613"/>
      <c r="LDB715" s="613"/>
      <c r="LDC715" s="613"/>
      <c r="LDD715" s="613"/>
      <c r="LDE715" s="613"/>
      <c r="LDF715" s="613"/>
      <c r="LDG715" s="613"/>
      <c r="LDH715" s="613"/>
      <c r="LDI715" s="613"/>
      <c r="LDJ715" s="613"/>
      <c r="LDK715" s="613"/>
      <c r="LDL715" s="613"/>
      <c r="LDM715" s="613"/>
      <c r="LDN715" s="613"/>
      <c r="LDO715" s="613"/>
      <c r="LDP715" s="613"/>
      <c r="LDQ715" s="613"/>
      <c r="LDR715" s="613"/>
      <c r="LDS715" s="613"/>
      <c r="LDT715" s="613"/>
      <c r="LDU715" s="613"/>
      <c r="LDV715" s="613"/>
      <c r="LDW715" s="613"/>
      <c r="LDX715" s="613"/>
      <c r="LDY715" s="613"/>
      <c r="LDZ715" s="613"/>
      <c r="LEA715" s="613"/>
      <c r="LEB715" s="613"/>
      <c r="LEC715" s="613"/>
      <c r="LED715" s="613"/>
      <c r="LEE715" s="613"/>
      <c r="LEF715" s="613"/>
      <c r="LEG715" s="613"/>
      <c r="LEH715" s="613"/>
      <c r="LEI715" s="613"/>
      <c r="LEJ715" s="613"/>
      <c r="LEK715" s="613"/>
      <c r="LEL715" s="613"/>
      <c r="LEM715" s="613"/>
      <c r="LEN715" s="613"/>
      <c r="LEO715" s="613"/>
      <c r="LEP715" s="613"/>
      <c r="LEQ715" s="613"/>
      <c r="LER715" s="613"/>
      <c r="LES715" s="613"/>
      <c r="LET715" s="613"/>
      <c r="LEU715" s="613"/>
      <c r="LEV715" s="613"/>
      <c r="LEW715" s="613"/>
      <c r="LEX715" s="613"/>
      <c r="LEY715" s="613"/>
      <c r="LEZ715" s="613"/>
      <c r="LFA715" s="613"/>
      <c r="LFB715" s="613"/>
      <c r="LFC715" s="613"/>
      <c r="LFD715" s="613"/>
      <c r="LFE715" s="613"/>
      <c r="LFF715" s="613"/>
      <c r="LFG715" s="613"/>
      <c r="LFH715" s="613"/>
      <c r="LFI715" s="613"/>
      <c r="LFJ715" s="613"/>
      <c r="LFK715" s="613"/>
      <c r="LFL715" s="613"/>
      <c r="LFM715" s="613"/>
      <c r="LFN715" s="613"/>
      <c r="LFO715" s="613"/>
      <c r="LFP715" s="613"/>
      <c r="LFQ715" s="613"/>
      <c r="LFR715" s="613"/>
      <c r="LFS715" s="613"/>
      <c r="LFT715" s="613"/>
      <c r="LFU715" s="613"/>
      <c r="LFV715" s="613"/>
      <c r="LFW715" s="613"/>
      <c r="LFX715" s="613"/>
      <c r="LFY715" s="613"/>
      <c r="LFZ715" s="613"/>
      <c r="LGA715" s="613"/>
      <c r="LGB715" s="613"/>
      <c r="LGC715" s="613"/>
      <c r="LGD715" s="613"/>
      <c r="LGE715" s="613"/>
      <c r="LGF715" s="613"/>
      <c r="LGG715" s="613"/>
      <c r="LGH715" s="613"/>
      <c r="LGI715" s="613"/>
      <c r="LGJ715" s="613"/>
      <c r="LGK715" s="613"/>
      <c r="LGL715" s="613"/>
      <c r="LGM715" s="613"/>
      <c r="LGN715" s="613"/>
      <c r="LGO715" s="613"/>
      <c r="LGP715" s="613"/>
      <c r="LGQ715" s="613"/>
      <c r="LGR715" s="613"/>
      <c r="LGS715" s="613"/>
      <c r="LGT715" s="613"/>
      <c r="LGU715" s="613"/>
      <c r="LGV715" s="613"/>
      <c r="LGW715" s="613"/>
      <c r="LGX715" s="613"/>
      <c r="LGY715" s="613"/>
      <c r="LGZ715" s="613"/>
      <c r="LHA715" s="613"/>
      <c r="LHB715" s="613"/>
      <c r="LHC715" s="613"/>
      <c r="LHD715" s="613"/>
      <c r="LHE715" s="613"/>
      <c r="LHF715" s="613"/>
      <c r="LHG715" s="613"/>
      <c r="LHH715" s="613"/>
      <c r="LHI715" s="613"/>
      <c r="LHJ715" s="613"/>
      <c r="LHK715" s="613"/>
      <c r="LHL715" s="613"/>
      <c r="LHM715" s="613"/>
      <c r="LHN715" s="613"/>
      <c r="LHO715" s="613"/>
      <c r="LHP715" s="613"/>
      <c r="LHQ715" s="613"/>
      <c r="LHR715" s="613"/>
      <c r="LHS715" s="613"/>
      <c r="LHT715" s="613"/>
      <c r="LHU715" s="613"/>
      <c r="LHV715" s="613"/>
      <c r="LHW715" s="613"/>
      <c r="LHX715" s="613"/>
      <c r="LHY715" s="613"/>
      <c r="LHZ715" s="613"/>
      <c r="LIA715" s="613"/>
      <c r="LIB715" s="613"/>
      <c r="LIC715" s="613"/>
      <c r="LID715" s="613"/>
      <c r="LIE715" s="613"/>
      <c r="LIF715" s="613"/>
      <c r="LIG715" s="613"/>
      <c r="LIH715" s="613"/>
      <c r="LII715" s="613"/>
      <c r="LIJ715" s="613"/>
      <c r="LIK715" s="613"/>
      <c r="LIL715" s="613"/>
      <c r="LIM715" s="613"/>
      <c r="LIN715" s="613"/>
      <c r="LIO715" s="613"/>
      <c r="LIP715" s="613"/>
      <c r="LIQ715" s="613"/>
      <c r="LIR715" s="613"/>
      <c r="LIS715" s="613"/>
      <c r="LIT715" s="613"/>
      <c r="LIU715" s="613"/>
      <c r="LIV715" s="613"/>
      <c r="LIW715" s="613"/>
      <c r="LIX715" s="613"/>
      <c r="LIY715" s="613"/>
      <c r="LIZ715" s="613"/>
      <c r="LJA715" s="613"/>
      <c r="LJB715" s="613"/>
      <c r="LJC715" s="613"/>
      <c r="LJD715" s="613"/>
      <c r="LJE715" s="613"/>
      <c r="LJF715" s="613"/>
      <c r="LJG715" s="613"/>
      <c r="LJH715" s="613"/>
      <c r="LJI715" s="613"/>
      <c r="LJJ715" s="613"/>
      <c r="LJK715" s="613"/>
      <c r="LJL715" s="613"/>
      <c r="LJM715" s="613"/>
      <c r="LJN715" s="613"/>
      <c r="LJO715" s="613"/>
      <c r="LJP715" s="613"/>
      <c r="LJQ715" s="613"/>
      <c r="LJR715" s="613"/>
      <c r="LJS715" s="613"/>
      <c r="LJT715" s="613"/>
      <c r="LJU715" s="613"/>
      <c r="LJV715" s="613"/>
      <c r="LJW715" s="613"/>
      <c r="LJX715" s="613"/>
      <c r="LJY715" s="613"/>
      <c r="LJZ715" s="613"/>
      <c r="LKA715" s="613"/>
      <c r="LKB715" s="613"/>
      <c r="LKC715" s="613"/>
      <c r="LKD715" s="613"/>
      <c r="LKE715" s="613"/>
      <c r="LKF715" s="613"/>
      <c r="LKG715" s="613"/>
      <c r="LKH715" s="613"/>
      <c r="LKI715" s="613"/>
      <c r="LKJ715" s="613"/>
      <c r="LKK715" s="613"/>
      <c r="LKL715" s="613"/>
      <c r="LKM715" s="613"/>
      <c r="LKN715" s="613"/>
      <c r="LKO715" s="613"/>
      <c r="LKP715" s="613"/>
      <c r="LKQ715" s="613"/>
      <c r="LKR715" s="613"/>
      <c r="LKS715" s="613"/>
      <c r="LKT715" s="613"/>
      <c r="LKU715" s="613"/>
      <c r="LKV715" s="613"/>
      <c r="LKW715" s="613"/>
      <c r="LKX715" s="613"/>
      <c r="LKY715" s="613"/>
      <c r="LKZ715" s="613"/>
      <c r="LLA715" s="613"/>
      <c r="LLB715" s="613"/>
      <c r="LLC715" s="613"/>
      <c r="LLD715" s="613"/>
      <c r="LLE715" s="613"/>
      <c r="LLF715" s="613"/>
      <c r="LLG715" s="613"/>
      <c r="LLH715" s="613"/>
      <c r="LLI715" s="613"/>
      <c r="LLJ715" s="613"/>
      <c r="LLK715" s="613"/>
      <c r="LLL715" s="613"/>
      <c r="LLM715" s="613"/>
      <c r="LLN715" s="613"/>
      <c r="LLO715" s="613"/>
      <c r="LLP715" s="613"/>
      <c r="LLQ715" s="613"/>
      <c r="LLR715" s="613"/>
      <c r="LLS715" s="613"/>
      <c r="LLT715" s="613"/>
      <c r="LLU715" s="613"/>
      <c r="LLV715" s="613"/>
      <c r="LLW715" s="613"/>
      <c r="LLX715" s="613"/>
      <c r="LLY715" s="613"/>
      <c r="LLZ715" s="613"/>
      <c r="LMA715" s="613"/>
      <c r="LMB715" s="613"/>
      <c r="LMC715" s="613"/>
      <c r="LMD715" s="613"/>
      <c r="LME715" s="613"/>
      <c r="LMF715" s="613"/>
      <c r="LMG715" s="613"/>
      <c r="LMH715" s="613"/>
      <c r="LMI715" s="613"/>
      <c r="LMJ715" s="613"/>
      <c r="LMK715" s="613"/>
      <c r="LML715" s="613"/>
      <c r="LMM715" s="613"/>
      <c r="LMN715" s="613"/>
      <c r="LMO715" s="613"/>
      <c r="LMP715" s="613"/>
      <c r="LMQ715" s="613"/>
      <c r="LMR715" s="613"/>
      <c r="LMS715" s="613"/>
      <c r="LMT715" s="613"/>
      <c r="LMU715" s="613"/>
      <c r="LMV715" s="613"/>
      <c r="LMW715" s="613"/>
      <c r="LMX715" s="613"/>
      <c r="LMY715" s="613"/>
      <c r="LMZ715" s="613"/>
      <c r="LNA715" s="613"/>
      <c r="LNB715" s="613"/>
      <c r="LNC715" s="613"/>
      <c r="LND715" s="613"/>
      <c r="LNE715" s="613"/>
      <c r="LNF715" s="613"/>
      <c r="LNG715" s="613"/>
      <c r="LNH715" s="613"/>
      <c r="LNI715" s="613"/>
      <c r="LNJ715" s="613"/>
      <c r="LNK715" s="613"/>
      <c r="LNL715" s="613"/>
      <c r="LNM715" s="613"/>
      <c r="LNN715" s="613"/>
      <c r="LNO715" s="613"/>
      <c r="LNP715" s="613"/>
      <c r="LNQ715" s="613"/>
      <c r="LNR715" s="613"/>
      <c r="LNS715" s="613"/>
      <c r="LNT715" s="613"/>
      <c r="LNU715" s="613"/>
      <c r="LNV715" s="613"/>
      <c r="LNW715" s="613"/>
      <c r="LNX715" s="613"/>
      <c r="LNY715" s="613"/>
      <c r="LNZ715" s="613"/>
      <c r="LOA715" s="613"/>
      <c r="LOB715" s="613"/>
      <c r="LOC715" s="613"/>
      <c r="LOD715" s="613"/>
      <c r="LOE715" s="613"/>
      <c r="LOF715" s="613"/>
      <c r="LOG715" s="613"/>
      <c r="LOH715" s="613"/>
      <c r="LOI715" s="613"/>
      <c r="LOJ715" s="613"/>
      <c r="LOK715" s="613"/>
      <c r="LOL715" s="613"/>
      <c r="LOM715" s="613"/>
      <c r="LON715" s="613"/>
      <c r="LOO715" s="613"/>
      <c r="LOP715" s="613"/>
      <c r="LOQ715" s="613"/>
      <c r="LOR715" s="613"/>
      <c r="LOS715" s="613"/>
      <c r="LOT715" s="613"/>
      <c r="LOU715" s="613"/>
      <c r="LOV715" s="613"/>
      <c r="LOW715" s="613"/>
      <c r="LOX715" s="613"/>
      <c r="LOY715" s="613"/>
      <c r="LOZ715" s="613"/>
      <c r="LPA715" s="613"/>
      <c r="LPB715" s="613"/>
      <c r="LPC715" s="613"/>
      <c r="LPD715" s="613"/>
      <c r="LPE715" s="613"/>
      <c r="LPF715" s="613"/>
      <c r="LPG715" s="613"/>
      <c r="LPH715" s="613"/>
      <c r="LPI715" s="613"/>
      <c r="LPJ715" s="613"/>
      <c r="LPK715" s="613"/>
      <c r="LPL715" s="613"/>
      <c r="LPM715" s="613"/>
      <c r="LPN715" s="613"/>
      <c r="LPO715" s="613"/>
      <c r="LPP715" s="613"/>
      <c r="LPQ715" s="613"/>
      <c r="LPR715" s="613"/>
      <c r="LPS715" s="613"/>
      <c r="LPT715" s="613"/>
      <c r="LPU715" s="613"/>
      <c r="LPV715" s="613"/>
      <c r="LPW715" s="613"/>
      <c r="LPX715" s="613"/>
      <c r="LPY715" s="613"/>
      <c r="LPZ715" s="613"/>
      <c r="LQA715" s="613"/>
      <c r="LQB715" s="613"/>
      <c r="LQC715" s="613"/>
      <c r="LQD715" s="613"/>
      <c r="LQE715" s="613"/>
      <c r="LQF715" s="613"/>
      <c r="LQG715" s="613"/>
      <c r="LQH715" s="613"/>
      <c r="LQI715" s="613"/>
      <c r="LQJ715" s="613"/>
      <c r="LQK715" s="613"/>
      <c r="LQL715" s="613"/>
      <c r="LQM715" s="613"/>
      <c r="LQN715" s="613"/>
      <c r="LQO715" s="613"/>
      <c r="LQP715" s="613"/>
      <c r="LQQ715" s="613"/>
      <c r="LQR715" s="613"/>
      <c r="LQS715" s="613"/>
      <c r="LQT715" s="613"/>
      <c r="LQU715" s="613"/>
      <c r="LQV715" s="613"/>
      <c r="LQW715" s="613"/>
      <c r="LQX715" s="613"/>
      <c r="LQY715" s="613"/>
      <c r="LQZ715" s="613"/>
      <c r="LRA715" s="613"/>
      <c r="LRB715" s="613"/>
      <c r="LRC715" s="613"/>
      <c r="LRD715" s="613"/>
      <c r="LRE715" s="613"/>
      <c r="LRF715" s="613"/>
      <c r="LRG715" s="613"/>
      <c r="LRH715" s="613"/>
      <c r="LRI715" s="613"/>
      <c r="LRJ715" s="613"/>
      <c r="LRK715" s="613"/>
      <c r="LRL715" s="613"/>
      <c r="LRM715" s="613"/>
      <c r="LRN715" s="613"/>
      <c r="LRO715" s="613"/>
      <c r="LRP715" s="613"/>
      <c r="LRQ715" s="613"/>
      <c r="LRR715" s="613"/>
      <c r="LRS715" s="613"/>
      <c r="LRT715" s="613"/>
      <c r="LRU715" s="613"/>
      <c r="LRV715" s="613"/>
      <c r="LRW715" s="613"/>
      <c r="LRX715" s="613"/>
      <c r="LRY715" s="613"/>
      <c r="LRZ715" s="613"/>
      <c r="LSA715" s="613"/>
      <c r="LSB715" s="613"/>
      <c r="LSC715" s="613"/>
      <c r="LSD715" s="613"/>
      <c r="LSE715" s="613"/>
      <c r="LSF715" s="613"/>
      <c r="LSG715" s="613"/>
      <c r="LSH715" s="613"/>
      <c r="LSI715" s="613"/>
      <c r="LSJ715" s="613"/>
      <c r="LSK715" s="613"/>
      <c r="LSL715" s="613"/>
      <c r="LSM715" s="613"/>
      <c r="LSN715" s="613"/>
      <c r="LSO715" s="613"/>
      <c r="LSP715" s="613"/>
      <c r="LSQ715" s="613"/>
      <c r="LSR715" s="613"/>
      <c r="LSS715" s="613"/>
      <c r="LST715" s="613"/>
      <c r="LSU715" s="613"/>
      <c r="LSV715" s="613"/>
      <c r="LSW715" s="613"/>
      <c r="LSX715" s="613"/>
      <c r="LSY715" s="613"/>
      <c r="LSZ715" s="613"/>
      <c r="LTA715" s="613"/>
      <c r="LTB715" s="613"/>
      <c r="LTC715" s="613"/>
      <c r="LTD715" s="613"/>
      <c r="LTE715" s="613"/>
      <c r="LTF715" s="613"/>
      <c r="LTG715" s="613"/>
      <c r="LTH715" s="613"/>
      <c r="LTI715" s="613"/>
      <c r="LTJ715" s="613"/>
      <c r="LTK715" s="613"/>
      <c r="LTL715" s="613"/>
      <c r="LTM715" s="613"/>
      <c r="LTN715" s="613"/>
      <c r="LTO715" s="613"/>
      <c r="LTP715" s="613"/>
      <c r="LTQ715" s="613"/>
      <c r="LTR715" s="613"/>
      <c r="LTS715" s="613"/>
      <c r="LTT715" s="613"/>
      <c r="LTU715" s="613"/>
      <c r="LTV715" s="613"/>
      <c r="LTW715" s="613"/>
      <c r="LTX715" s="613"/>
      <c r="LTY715" s="613"/>
      <c r="LTZ715" s="613"/>
      <c r="LUA715" s="613"/>
      <c r="LUB715" s="613"/>
      <c r="LUC715" s="613"/>
      <c r="LUD715" s="613"/>
      <c r="LUE715" s="613"/>
      <c r="LUF715" s="613"/>
      <c r="LUG715" s="613"/>
      <c r="LUH715" s="613"/>
      <c r="LUI715" s="613"/>
      <c r="LUJ715" s="613"/>
      <c r="LUK715" s="613"/>
      <c r="LUL715" s="613"/>
      <c r="LUM715" s="613"/>
      <c r="LUN715" s="613"/>
      <c r="LUO715" s="613"/>
      <c r="LUP715" s="613"/>
      <c r="LUQ715" s="613"/>
      <c r="LUR715" s="613"/>
      <c r="LUS715" s="613"/>
      <c r="LUT715" s="613"/>
      <c r="LUU715" s="613"/>
      <c r="LUV715" s="613"/>
      <c r="LUW715" s="613"/>
      <c r="LUX715" s="613"/>
      <c r="LUY715" s="613"/>
      <c r="LUZ715" s="613"/>
      <c r="LVA715" s="613"/>
      <c r="LVB715" s="613"/>
      <c r="LVC715" s="613"/>
      <c r="LVD715" s="613"/>
      <c r="LVE715" s="613"/>
      <c r="LVF715" s="613"/>
      <c r="LVG715" s="613"/>
      <c r="LVH715" s="613"/>
      <c r="LVI715" s="613"/>
      <c r="LVJ715" s="613"/>
      <c r="LVK715" s="613"/>
      <c r="LVL715" s="613"/>
      <c r="LVM715" s="613"/>
      <c r="LVN715" s="613"/>
      <c r="LVO715" s="613"/>
      <c r="LVP715" s="613"/>
      <c r="LVQ715" s="613"/>
      <c r="LVR715" s="613"/>
      <c r="LVS715" s="613"/>
      <c r="LVT715" s="613"/>
      <c r="LVU715" s="613"/>
      <c r="LVV715" s="613"/>
      <c r="LVW715" s="613"/>
      <c r="LVX715" s="613"/>
      <c r="LVY715" s="613"/>
      <c r="LVZ715" s="613"/>
      <c r="LWA715" s="613"/>
      <c r="LWB715" s="613"/>
      <c r="LWC715" s="613"/>
      <c r="LWD715" s="613"/>
      <c r="LWE715" s="613"/>
      <c r="LWF715" s="613"/>
      <c r="LWG715" s="613"/>
      <c r="LWH715" s="613"/>
      <c r="LWI715" s="613"/>
      <c r="LWJ715" s="613"/>
      <c r="LWK715" s="613"/>
      <c r="LWL715" s="613"/>
      <c r="LWM715" s="613"/>
      <c r="LWN715" s="613"/>
      <c r="LWO715" s="613"/>
      <c r="LWP715" s="613"/>
      <c r="LWQ715" s="613"/>
      <c r="LWR715" s="613"/>
      <c r="LWS715" s="613"/>
      <c r="LWT715" s="613"/>
      <c r="LWU715" s="613"/>
      <c r="LWV715" s="613"/>
      <c r="LWW715" s="613"/>
      <c r="LWX715" s="613"/>
      <c r="LWY715" s="613"/>
      <c r="LWZ715" s="613"/>
      <c r="LXA715" s="613"/>
      <c r="LXB715" s="613"/>
      <c r="LXC715" s="613"/>
      <c r="LXD715" s="613"/>
      <c r="LXE715" s="613"/>
      <c r="LXF715" s="613"/>
      <c r="LXG715" s="613"/>
      <c r="LXH715" s="613"/>
      <c r="LXI715" s="613"/>
      <c r="LXJ715" s="613"/>
      <c r="LXK715" s="613"/>
      <c r="LXL715" s="613"/>
      <c r="LXM715" s="613"/>
      <c r="LXN715" s="613"/>
      <c r="LXO715" s="613"/>
      <c r="LXP715" s="613"/>
      <c r="LXQ715" s="613"/>
      <c r="LXR715" s="613"/>
      <c r="LXS715" s="613"/>
      <c r="LXT715" s="613"/>
      <c r="LXU715" s="613"/>
      <c r="LXV715" s="613"/>
      <c r="LXW715" s="613"/>
      <c r="LXX715" s="613"/>
      <c r="LXY715" s="613"/>
      <c r="LXZ715" s="613"/>
      <c r="LYA715" s="613"/>
      <c r="LYB715" s="613"/>
      <c r="LYC715" s="613"/>
      <c r="LYD715" s="613"/>
      <c r="LYE715" s="613"/>
      <c r="LYF715" s="613"/>
      <c r="LYG715" s="613"/>
      <c r="LYH715" s="613"/>
      <c r="LYI715" s="613"/>
      <c r="LYJ715" s="613"/>
      <c r="LYK715" s="613"/>
      <c r="LYL715" s="613"/>
      <c r="LYM715" s="613"/>
      <c r="LYN715" s="613"/>
      <c r="LYO715" s="613"/>
      <c r="LYP715" s="613"/>
      <c r="LYQ715" s="613"/>
      <c r="LYR715" s="613"/>
      <c r="LYS715" s="613"/>
      <c r="LYT715" s="613"/>
      <c r="LYU715" s="613"/>
      <c r="LYV715" s="613"/>
      <c r="LYW715" s="613"/>
      <c r="LYX715" s="613"/>
      <c r="LYY715" s="613"/>
      <c r="LYZ715" s="613"/>
      <c r="LZA715" s="613"/>
      <c r="LZB715" s="613"/>
      <c r="LZC715" s="613"/>
      <c r="LZD715" s="613"/>
      <c r="LZE715" s="613"/>
      <c r="LZF715" s="613"/>
      <c r="LZG715" s="613"/>
      <c r="LZH715" s="613"/>
      <c r="LZI715" s="613"/>
      <c r="LZJ715" s="613"/>
      <c r="LZK715" s="613"/>
      <c r="LZL715" s="613"/>
      <c r="LZM715" s="613"/>
      <c r="LZN715" s="613"/>
      <c r="LZO715" s="613"/>
      <c r="LZP715" s="613"/>
      <c r="LZQ715" s="613"/>
      <c r="LZR715" s="613"/>
      <c r="LZS715" s="613"/>
      <c r="LZT715" s="613"/>
      <c r="LZU715" s="613"/>
      <c r="LZV715" s="613"/>
      <c r="LZW715" s="613"/>
      <c r="LZX715" s="613"/>
      <c r="LZY715" s="613"/>
      <c r="LZZ715" s="613"/>
      <c r="MAA715" s="613"/>
      <c r="MAB715" s="613"/>
      <c r="MAC715" s="613"/>
      <c r="MAD715" s="613"/>
      <c r="MAE715" s="613"/>
      <c r="MAF715" s="613"/>
      <c r="MAG715" s="613"/>
      <c r="MAH715" s="613"/>
      <c r="MAI715" s="613"/>
      <c r="MAJ715" s="613"/>
      <c r="MAK715" s="613"/>
      <c r="MAL715" s="613"/>
      <c r="MAM715" s="613"/>
      <c r="MAN715" s="613"/>
      <c r="MAO715" s="613"/>
      <c r="MAP715" s="613"/>
      <c r="MAQ715" s="613"/>
      <c r="MAR715" s="613"/>
      <c r="MAS715" s="613"/>
      <c r="MAT715" s="613"/>
      <c r="MAU715" s="613"/>
      <c r="MAV715" s="613"/>
      <c r="MAW715" s="613"/>
      <c r="MAX715" s="613"/>
      <c r="MAY715" s="613"/>
      <c r="MAZ715" s="613"/>
      <c r="MBA715" s="613"/>
      <c r="MBB715" s="613"/>
      <c r="MBC715" s="613"/>
      <c r="MBD715" s="613"/>
      <c r="MBE715" s="613"/>
      <c r="MBF715" s="613"/>
      <c r="MBG715" s="613"/>
      <c r="MBH715" s="613"/>
      <c r="MBI715" s="613"/>
      <c r="MBJ715" s="613"/>
      <c r="MBK715" s="613"/>
      <c r="MBL715" s="613"/>
      <c r="MBM715" s="613"/>
      <c r="MBN715" s="613"/>
      <c r="MBO715" s="613"/>
      <c r="MBP715" s="613"/>
      <c r="MBQ715" s="613"/>
      <c r="MBR715" s="613"/>
      <c r="MBS715" s="613"/>
      <c r="MBT715" s="613"/>
      <c r="MBU715" s="613"/>
      <c r="MBV715" s="613"/>
      <c r="MBW715" s="613"/>
      <c r="MBX715" s="613"/>
      <c r="MBY715" s="613"/>
      <c r="MBZ715" s="613"/>
      <c r="MCA715" s="613"/>
      <c r="MCB715" s="613"/>
      <c r="MCC715" s="613"/>
      <c r="MCD715" s="613"/>
      <c r="MCE715" s="613"/>
      <c r="MCF715" s="613"/>
      <c r="MCG715" s="613"/>
      <c r="MCH715" s="613"/>
      <c r="MCI715" s="613"/>
      <c r="MCJ715" s="613"/>
      <c r="MCK715" s="613"/>
      <c r="MCL715" s="613"/>
      <c r="MCM715" s="613"/>
      <c r="MCN715" s="613"/>
      <c r="MCO715" s="613"/>
      <c r="MCP715" s="613"/>
      <c r="MCQ715" s="613"/>
      <c r="MCR715" s="613"/>
      <c r="MCS715" s="613"/>
      <c r="MCT715" s="613"/>
      <c r="MCU715" s="613"/>
      <c r="MCV715" s="613"/>
      <c r="MCW715" s="613"/>
      <c r="MCX715" s="613"/>
      <c r="MCY715" s="613"/>
      <c r="MCZ715" s="613"/>
      <c r="MDA715" s="613"/>
      <c r="MDB715" s="613"/>
      <c r="MDC715" s="613"/>
      <c r="MDD715" s="613"/>
      <c r="MDE715" s="613"/>
      <c r="MDF715" s="613"/>
      <c r="MDG715" s="613"/>
      <c r="MDH715" s="613"/>
      <c r="MDI715" s="613"/>
      <c r="MDJ715" s="613"/>
      <c r="MDK715" s="613"/>
      <c r="MDL715" s="613"/>
      <c r="MDM715" s="613"/>
      <c r="MDN715" s="613"/>
      <c r="MDO715" s="613"/>
      <c r="MDP715" s="613"/>
      <c r="MDQ715" s="613"/>
      <c r="MDR715" s="613"/>
      <c r="MDS715" s="613"/>
      <c r="MDT715" s="613"/>
      <c r="MDU715" s="613"/>
      <c r="MDV715" s="613"/>
      <c r="MDW715" s="613"/>
      <c r="MDX715" s="613"/>
      <c r="MDY715" s="613"/>
      <c r="MDZ715" s="613"/>
      <c r="MEA715" s="613"/>
      <c r="MEB715" s="613"/>
      <c r="MEC715" s="613"/>
      <c r="MED715" s="613"/>
      <c r="MEE715" s="613"/>
      <c r="MEF715" s="613"/>
      <c r="MEG715" s="613"/>
      <c r="MEH715" s="613"/>
      <c r="MEI715" s="613"/>
      <c r="MEJ715" s="613"/>
      <c r="MEK715" s="613"/>
      <c r="MEL715" s="613"/>
      <c r="MEM715" s="613"/>
      <c r="MEN715" s="613"/>
      <c r="MEO715" s="613"/>
      <c r="MEP715" s="613"/>
      <c r="MEQ715" s="613"/>
      <c r="MER715" s="613"/>
      <c r="MES715" s="613"/>
      <c r="MET715" s="613"/>
      <c r="MEU715" s="613"/>
      <c r="MEV715" s="613"/>
      <c r="MEW715" s="613"/>
      <c r="MEX715" s="613"/>
      <c r="MEY715" s="613"/>
      <c r="MEZ715" s="613"/>
      <c r="MFA715" s="613"/>
      <c r="MFB715" s="613"/>
      <c r="MFC715" s="613"/>
      <c r="MFD715" s="613"/>
      <c r="MFE715" s="613"/>
      <c r="MFF715" s="613"/>
      <c r="MFG715" s="613"/>
      <c r="MFH715" s="613"/>
      <c r="MFI715" s="613"/>
      <c r="MFJ715" s="613"/>
      <c r="MFK715" s="613"/>
      <c r="MFL715" s="613"/>
      <c r="MFM715" s="613"/>
      <c r="MFN715" s="613"/>
      <c r="MFO715" s="613"/>
      <c r="MFP715" s="613"/>
      <c r="MFQ715" s="613"/>
      <c r="MFR715" s="613"/>
      <c r="MFS715" s="613"/>
      <c r="MFT715" s="613"/>
      <c r="MFU715" s="613"/>
      <c r="MFV715" s="613"/>
      <c r="MFW715" s="613"/>
      <c r="MFX715" s="613"/>
      <c r="MFY715" s="613"/>
      <c r="MFZ715" s="613"/>
      <c r="MGA715" s="613"/>
      <c r="MGB715" s="613"/>
      <c r="MGC715" s="613"/>
      <c r="MGD715" s="613"/>
      <c r="MGE715" s="613"/>
      <c r="MGF715" s="613"/>
      <c r="MGG715" s="613"/>
      <c r="MGH715" s="613"/>
      <c r="MGI715" s="613"/>
      <c r="MGJ715" s="613"/>
      <c r="MGK715" s="613"/>
      <c r="MGL715" s="613"/>
      <c r="MGM715" s="613"/>
      <c r="MGN715" s="613"/>
      <c r="MGO715" s="613"/>
      <c r="MGP715" s="613"/>
      <c r="MGQ715" s="613"/>
      <c r="MGR715" s="613"/>
      <c r="MGS715" s="613"/>
      <c r="MGT715" s="613"/>
      <c r="MGU715" s="613"/>
      <c r="MGV715" s="613"/>
      <c r="MGW715" s="613"/>
      <c r="MGX715" s="613"/>
      <c r="MGY715" s="613"/>
      <c r="MGZ715" s="613"/>
      <c r="MHA715" s="613"/>
      <c r="MHB715" s="613"/>
      <c r="MHC715" s="613"/>
      <c r="MHD715" s="613"/>
      <c r="MHE715" s="613"/>
      <c r="MHF715" s="613"/>
      <c r="MHG715" s="613"/>
      <c r="MHH715" s="613"/>
      <c r="MHI715" s="613"/>
      <c r="MHJ715" s="613"/>
      <c r="MHK715" s="613"/>
      <c r="MHL715" s="613"/>
      <c r="MHM715" s="613"/>
      <c r="MHN715" s="613"/>
      <c r="MHO715" s="613"/>
      <c r="MHP715" s="613"/>
      <c r="MHQ715" s="613"/>
      <c r="MHR715" s="613"/>
      <c r="MHS715" s="613"/>
      <c r="MHT715" s="613"/>
      <c r="MHU715" s="613"/>
      <c r="MHV715" s="613"/>
      <c r="MHW715" s="613"/>
      <c r="MHX715" s="613"/>
      <c r="MHY715" s="613"/>
      <c r="MHZ715" s="613"/>
      <c r="MIA715" s="613"/>
      <c r="MIB715" s="613"/>
      <c r="MIC715" s="613"/>
      <c r="MID715" s="613"/>
      <c r="MIE715" s="613"/>
      <c r="MIF715" s="613"/>
      <c r="MIG715" s="613"/>
      <c r="MIH715" s="613"/>
      <c r="MII715" s="613"/>
      <c r="MIJ715" s="613"/>
      <c r="MIK715" s="613"/>
      <c r="MIL715" s="613"/>
      <c r="MIM715" s="613"/>
      <c r="MIN715" s="613"/>
      <c r="MIO715" s="613"/>
      <c r="MIP715" s="613"/>
      <c r="MIQ715" s="613"/>
      <c r="MIR715" s="613"/>
      <c r="MIS715" s="613"/>
      <c r="MIT715" s="613"/>
      <c r="MIU715" s="613"/>
      <c r="MIV715" s="613"/>
      <c r="MIW715" s="613"/>
      <c r="MIX715" s="613"/>
      <c r="MIY715" s="613"/>
      <c r="MIZ715" s="613"/>
      <c r="MJA715" s="613"/>
      <c r="MJB715" s="613"/>
      <c r="MJC715" s="613"/>
      <c r="MJD715" s="613"/>
      <c r="MJE715" s="613"/>
      <c r="MJF715" s="613"/>
      <c r="MJG715" s="613"/>
      <c r="MJH715" s="613"/>
      <c r="MJI715" s="613"/>
      <c r="MJJ715" s="613"/>
      <c r="MJK715" s="613"/>
      <c r="MJL715" s="613"/>
      <c r="MJM715" s="613"/>
      <c r="MJN715" s="613"/>
      <c r="MJO715" s="613"/>
      <c r="MJP715" s="613"/>
      <c r="MJQ715" s="613"/>
      <c r="MJR715" s="613"/>
      <c r="MJS715" s="613"/>
      <c r="MJT715" s="613"/>
      <c r="MJU715" s="613"/>
      <c r="MJV715" s="613"/>
      <c r="MJW715" s="613"/>
      <c r="MJX715" s="613"/>
      <c r="MJY715" s="613"/>
      <c r="MJZ715" s="613"/>
      <c r="MKA715" s="613"/>
      <c r="MKB715" s="613"/>
      <c r="MKC715" s="613"/>
      <c r="MKD715" s="613"/>
      <c r="MKE715" s="613"/>
      <c r="MKF715" s="613"/>
      <c r="MKG715" s="613"/>
      <c r="MKH715" s="613"/>
      <c r="MKI715" s="613"/>
      <c r="MKJ715" s="613"/>
      <c r="MKK715" s="613"/>
      <c r="MKL715" s="613"/>
      <c r="MKM715" s="613"/>
      <c r="MKN715" s="613"/>
      <c r="MKO715" s="613"/>
      <c r="MKP715" s="613"/>
      <c r="MKQ715" s="613"/>
      <c r="MKR715" s="613"/>
      <c r="MKS715" s="613"/>
      <c r="MKT715" s="613"/>
      <c r="MKU715" s="613"/>
      <c r="MKV715" s="613"/>
      <c r="MKW715" s="613"/>
      <c r="MKX715" s="613"/>
      <c r="MKY715" s="613"/>
      <c r="MKZ715" s="613"/>
      <c r="MLA715" s="613"/>
      <c r="MLB715" s="613"/>
      <c r="MLC715" s="613"/>
      <c r="MLD715" s="613"/>
      <c r="MLE715" s="613"/>
      <c r="MLF715" s="613"/>
      <c r="MLG715" s="613"/>
      <c r="MLH715" s="613"/>
      <c r="MLI715" s="613"/>
      <c r="MLJ715" s="613"/>
      <c r="MLK715" s="613"/>
      <c r="MLL715" s="613"/>
      <c r="MLM715" s="613"/>
      <c r="MLN715" s="613"/>
      <c r="MLO715" s="613"/>
      <c r="MLP715" s="613"/>
      <c r="MLQ715" s="613"/>
      <c r="MLR715" s="613"/>
      <c r="MLS715" s="613"/>
      <c r="MLT715" s="613"/>
      <c r="MLU715" s="613"/>
      <c r="MLV715" s="613"/>
      <c r="MLW715" s="613"/>
      <c r="MLX715" s="613"/>
      <c r="MLY715" s="613"/>
      <c r="MLZ715" s="613"/>
      <c r="MMA715" s="613"/>
      <c r="MMB715" s="613"/>
      <c r="MMC715" s="613"/>
      <c r="MMD715" s="613"/>
      <c r="MME715" s="613"/>
      <c r="MMF715" s="613"/>
      <c r="MMG715" s="613"/>
      <c r="MMH715" s="613"/>
      <c r="MMI715" s="613"/>
      <c r="MMJ715" s="613"/>
      <c r="MMK715" s="613"/>
      <c r="MML715" s="613"/>
      <c r="MMM715" s="613"/>
      <c r="MMN715" s="613"/>
      <c r="MMO715" s="613"/>
      <c r="MMP715" s="613"/>
      <c r="MMQ715" s="613"/>
      <c r="MMR715" s="613"/>
      <c r="MMS715" s="613"/>
      <c r="MMT715" s="613"/>
      <c r="MMU715" s="613"/>
      <c r="MMV715" s="613"/>
      <c r="MMW715" s="613"/>
      <c r="MMX715" s="613"/>
      <c r="MMY715" s="613"/>
      <c r="MMZ715" s="613"/>
      <c r="MNA715" s="613"/>
      <c r="MNB715" s="613"/>
      <c r="MNC715" s="613"/>
      <c r="MND715" s="613"/>
      <c r="MNE715" s="613"/>
      <c r="MNF715" s="613"/>
      <c r="MNG715" s="613"/>
      <c r="MNH715" s="613"/>
      <c r="MNI715" s="613"/>
      <c r="MNJ715" s="613"/>
      <c r="MNK715" s="613"/>
      <c r="MNL715" s="613"/>
      <c r="MNM715" s="613"/>
      <c r="MNN715" s="613"/>
      <c r="MNO715" s="613"/>
      <c r="MNP715" s="613"/>
      <c r="MNQ715" s="613"/>
      <c r="MNR715" s="613"/>
      <c r="MNS715" s="613"/>
      <c r="MNT715" s="613"/>
      <c r="MNU715" s="613"/>
      <c r="MNV715" s="613"/>
      <c r="MNW715" s="613"/>
      <c r="MNX715" s="613"/>
      <c r="MNY715" s="613"/>
      <c r="MNZ715" s="613"/>
      <c r="MOA715" s="613"/>
      <c r="MOB715" s="613"/>
      <c r="MOC715" s="613"/>
      <c r="MOD715" s="613"/>
      <c r="MOE715" s="613"/>
      <c r="MOF715" s="613"/>
      <c r="MOG715" s="613"/>
      <c r="MOH715" s="613"/>
      <c r="MOI715" s="613"/>
      <c r="MOJ715" s="613"/>
      <c r="MOK715" s="613"/>
      <c r="MOL715" s="613"/>
      <c r="MOM715" s="613"/>
      <c r="MON715" s="613"/>
      <c r="MOO715" s="613"/>
      <c r="MOP715" s="613"/>
      <c r="MOQ715" s="613"/>
      <c r="MOR715" s="613"/>
      <c r="MOS715" s="613"/>
      <c r="MOT715" s="613"/>
      <c r="MOU715" s="613"/>
      <c r="MOV715" s="613"/>
      <c r="MOW715" s="613"/>
      <c r="MOX715" s="613"/>
      <c r="MOY715" s="613"/>
      <c r="MOZ715" s="613"/>
      <c r="MPA715" s="613"/>
      <c r="MPB715" s="613"/>
      <c r="MPC715" s="613"/>
      <c r="MPD715" s="613"/>
      <c r="MPE715" s="613"/>
      <c r="MPF715" s="613"/>
      <c r="MPG715" s="613"/>
      <c r="MPH715" s="613"/>
      <c r="MPI715" s="613"/>
      <c r="MPJ715" s="613"/>
      <c r="MPK715" s="613"/>
      <c r="MPL715" s="613"/>
      <c r="MPM715" s="613"/>
      <c r="MPN715" s="613"/>
      <c r="MPO715" s="613"/>
      <c r="MPP715" s="613"/>
      <c r="MPQ715" s="613"/>
      <c r="MPR715" s="613"/>
      <c r="MPS715" s="613"/>
      <c r="MPT715" s="613"/>
      <c r="MPU715" s="613"/>
      <c r="MPV715" s="613"/>
      <c r="MPW715" s="613"/>
      <c r="MPX715" s="613"/>
      <c r="MPY715" s="613"/>
      <c r="MPZ715" s="613"/>
      <c r="MQA715" s="613"/>
      <c r="MQB715" s="613"/>
      <c r="MQC715" s="613"/>
      <c r="MQD715" s="613"/>
      <c r="MQE715" s="613"/>
      <c r="MQF715" s="613"/>
      <c r="MQG715" s="613"/>
      <c r="MQH715" s="613"/>
      <c r="MQI715" s="613"/>
      <c r="MQJ715" s="613"/>
      <c r="MQK715" s="613"/>
      <c r="MQL715" s="613"/>
      <c r="MQM715" s="613"/>
      <c r="MQN715" s="613"/>
      <c r="MQO715" s="613"/>
      <c r="MQP715" s="613"/>
      <c r="MQQ715" s="613"/>
      <c r="MQR715" s="613"/>
      <c r="MQS715" s="613"/>
      <c r="MQT715" s="613"/>
      <c r="MQU715" s="613"/>
      <c r="MQV715" s="613"/>
      <c r="MQW715" s="613"/>
      <c r="MQX715" s="613"/>
      <c r="MQY715" s="613"/>
      <c r="MQZ715" s="613"/>
      <c r="MRA715" s="613"/>
      <c r="MRB715" s="613"/>
      <c r="MRC715" s="613"/>
      <c r="MRD715" s="613"/>
      <c r="MRE715" s="613"/>
      <c r="MRF715" s="613"/>
      <c r="MRG715" s="613"/>
      <c r="MRH715" s="613"/>
      <c r="MRI715" s="613"/>
      <c r="MRJ715" s="613"/>
      <c r="MRK715" s="613"/>
      <c r="MRL715" s="613"/>
      <c r="MRM715" s="613"/>
      <c r="MRN715" s="613"/>
      <c r="MRO715" s="613"/>
      <c r="MRP715" s="613"/>
      <c r="MRQ715" s="613"/>
      <c r="MRR715" s="613"/>
      <c r="MRS715" s="613"/>
      <c r="MRT715" s="613"/>
      <c r="MRU715" s="613"/>
      <c r="MRV715" s="613"/>
      <c r="MRW715" s="613"/>
      <c r="MRX715" s="613"/>
      <c r="MRY715" s="613"/>
      <c r="MRZ715" s="613"/>
      <c r="MSA715" s="613"/>
      <c r="MSB715" s="613"/>
      <c r="MSC715" s="613"/>
      <c r="MSD715" s="613"/>
      <c r="MSE715" s="613"/>
      <c r="MSF715" s="613"/>
      <c r="MSG715" s="613"/>
      <c r="MSH715" s="613"/>
      <c r="MSI715" s="613"/>
      <c r="MSJ715" s="613"/>
      <c r="MSK715" s="613"/>
      <c r="MSL715" s="613"/>
      <c r="MSM715" s="613"/>
      <c r="MSN715" s="613"/>
      <c r="MSO715" s="613"/>
      <c r="MSP715" s="613"/>
      <c r="MSQ715" s="613"/>
      <c r="MSR715" s="613"/>
      <c r="MSS715" s="613"/>
      <c r="MST715" s="613"/>
      <c r="MSU715" s="613"/>
      <c r="MSV715" s="613"/>
      <c r="MSW715" s="613"/>
      <c r="MSX715" s="613"/>
      <c r="MSY715" s="613"/>
      <c r="MSZ715" s="613"/>
      <c r="MTA715" s="613"/>
      <c r="MTB715" s="613"/>
      <c r="MTC715" s="613"/>
      <c r="MTD715" s="613"/>
      <c r="MTE715" s="613"/>
      <c r="MTF715" s="613"/>
      <c r="MTG715" s="613"/>
      <c r="MTH715" s="613"/>
      <c r="MTI715" s="613"/>
      <c r="MTJ715" s="613"/>
      <c r="MTK715" s="613"/>
      <c r="MTL715" s="613"/>
      <c r="MTM715" s="613"/>
      <c r="MTN715" s="613"/>
      <c r="MTO715" s="613"/>
      <c r="MTP715" s="613"/>
      <c r="MTQ715" s="613"/>
      <c r="MTR715" s="613"/>
      <c r="MTS715" s="613"/>
      <c r="MTT715" s="613"/>
      <c r="MTU715" s="613"/>
      <c r="MTV715" s="613"/>
      <c r="MTW715" s="613"/>
      <c r="MTX715" s="613"/>
      <c r="MTY715" s="613"/>
      <c r="MTZ715" s="613"/>
      <c r="MUA715" s="613"/>
      <c r="MUB715" s="613"/>
      <c r="MUC715" s="613"/>
      <c r="MUD715" s="613"/>
      <c r="MUE715" s="613"/>
      <c r="MUF715" s="613"/>
      <c r="MUG715" s="613"/>
      <c r="MUH715" s="613"/>
      <c r="MUI715" s="613"/>
      <c r="MUJ715" s="613"/>
      <c r="MUK715" s="613"/>
      <c r="MUL715" s="613"/>
      <c r="MUM715" s="613"/>
      <c r="MUN715" s="613"/>
      <c r="MUO715" s="613"/>
      <c r="MUP715" s="613"/>
      <c r="MUQ715" s="613"/>
      <c r="MUR715" s="613"/>
      <c r="MUS715" s="613"/>
      <c r="MUT715" s="613"/>
      <c r="MUU715" s="613"/>
      <c r="MUV715" s="613"/>
      <c r="MUW715" s="613"/>
      <c r="MUX715" s="613"/>
      <c r="MUY715" s="613"/>
      <c r="MUZ715" s="613"/>
      <c r="MVA715" s="613"/>
      <c r="MVB715" s="613"/>
      <c r="MVC715" s="613"/>
      <c r="MVD715" s="613"/>
      <c r="MVE715" s="613"/>
      <c r="MVF715" s="613"/>
      <c r="MVG715" s="613"/>
      <c r="MVH715" s="613"/>
      <c r="MVI715" s="613"/>
      <c r="MVJ715" s="613"/>
      <c r="MVK715" s="613"/>
      <c r="MVL715" s="613"/>
      <c r="MVM715" s="613"/>
      <c r="MVN715" s="613"/>
      <c r="MVO715" s="613"/>
      <c r="MVP715" s="613"/>
      <c r="MVQ715" s="613"/>
      <c r="MVR715" s="613"/>
      <c r="MVS715" s="613"/>
      <c r="MVT715" s="613"/>
      <c r="MVU715" s="613"/>
      <c r="MVV715" s="613"/>
      <c r="MVW715" s="613"/>
      <c r="MVX715" s="613"/>
      <c r="MVY715" s="613"/>
      <c r="MVZ715" s="613"/>
      <c r="MWA715" s="613"/>
      <c r="MWB715" s="613"/>
      <c r="MWC715" s="613"/>
      <c r="MWD715" s="613"/>
      <c r="MWE715" s="613"/>
      <c r="MWF715" s="613"/>
      <c r="MWG715" s="613"/>
      <c r="MWH715" s="613"/>
      <c r="MWI715" s="613"/>
      <c r="MWJ715" s="613"/>
      <c r="MWK715" s="613"/>
      <c r="MWL715" s="613"/>
      <c r="MWM715" s="613"/>
      <c r="MWN715" s="613"/>
      <c r="MWO715" s="613"/>
      <c r="MWP715" s="613"/>
      <c r="MWQ715" s="613"/>
      <c r="MWR715" s="613"/>
      <c r="MWS715" s="613"/>
      <c r="MWT715" s="613"/>
      <c r="MWU715" s="613"/>
      <c r="MWV715" s="613"/>
      <c r="MWW715" s="613"/>
      <c r="MWX715" s="613"/>
      <c r="MWY715" s="613"/>
      <c r="MWZ715" s="613"/>
      <c r="MXA715" s="613"/>
      <c r="MXB715" s="613"/>
      <c r="MXC715" s="613"/>
      <c r="MXD715" s="613"/>
      <c r="MXE715" s="613"/>
      <c r="MXF715" s="613"/>
      <c r="MXG715" s="613"/>
      <c r="MXH715" s="613"/>
      <c r="MXI715" s="613"/>
      <c r="MXJ715" s="613"/>
      <c r="MXK715" s="613"/>
      <c r="MXL715" s="613"/>
      <c r="MXM715" s="613"/>
      <c r="MXN715" s="613"/>
      <c r="MXO715" s="613"/>
      <c r="MXP715" s="613"/>
      <c r="MXQ715" s="613"/>
      <c r="MXR715" s="613"/>
      <c r="MXS715" s="613"/>
      <c r="MXT715" s="613"/>
      <c r="MXU715" s="613"/>
      <c r="MXV715" s="613"/>
      <c r="MXW715" s="613"/>
      <c r="MXX715" s="613"/>
      <c r="MXY715" s="613"/>
      <c r="MXZ715" s="613"/>
      <c r="MYA715" s="613"/>
      <c r="MYB715" s="613"/>
      <c r="MYC715" s="613"/>
      <c r="MYD715" s="613"/>
      <c r="MYE715" s="613"/>
      <c r="MYF715" s="613"/>
      <c r="MYG715" s="613"/>
      <c r="MYH715" s="613"/>
      <c r="MYI715" s="613"/>
      <c r="MYJ715" s="613"/>
      <c r="MYK715" s="613"/>
      <c r="MYL715" s="613"/>
      <c r="MYM715" s="613"/>
      <c r="MYN715" s="613"/>
      <c r="MYO715" s="613"/>
      <c r="MYP715" s="613"/>
      <c r="MYQ715" s="613"/>
      <c r="MYR715" s="613"/>
      <c r="MYS715" s="613"/>
      <c r="MYT715" s="613"/>
      <c r="MYU715" s="613"/>
      <c r="MYV715" s="613"/>
      <c r="MYW715" s="613"/>
      <c r="MYX715" s="613"/>
      <c r="MYY715" s="613"/>
      <c r="MYZ715" s="613"/>
      <c r="MZA715" s="613"/>
      <c r="MZB715" s="613"/>
      <c r="MZC715" s="613"/>
      <c r="MZD715" s="613"/>
      <c r="MZE715" s="613"/>
      <c r="MZF715" s="613"/>
      <c r="MZG715" s="613"/>
      <c r="MZH715" s="613"/>
      <c r="MZI715" s="613"/>
      <c r="MZJ715" s="613"/>
      <c r="MZK715" s="613"/>
      <c r="MZL715" s="613"/>
      <c r="MZM715" s="613"/>
      <c r="MZN715" s="613"/>
      <c r="MZO715" s="613"/>
      <c r="MZP715" s="613"/>
      <c r="MZQ715" s="613"/>
      <c r="MZR715" s="613"/>
      <c r="MZS715" s="613"/>
      <c r="MZT715" s="613"/>
      <c r="MZU715" s="613"/>
      <c r="MZV715" s="613"/>
      <c r="MZW715" s="613"/>
      <c r="MZX715" s="613"/>
      <c r="MZY715" s="613"/>
      <c r="MZZ715" s="613"/>
      <c r="NAA715" s="613"/>
      <c r="NAB715" s="613"/>
      <c r="NAC715" s="613"/>
      <c r="NAD715" s="613"/>
      <c r="NAE715" s="613"/>
      <c r="NAF715" s="613"/>
      <c r="NAG715" s="613"/>
      <c r="NAH715" s="613"/>
      <c r="NAI715" s="613"/>
      <c r="NAJ715" s="613"/>
      <c r="NAK715" s="613"/>
      <c r="NAL715" s="613"/>
      <c r="NAM715" s="613"/>
      <c r="NAN715" s="613"/>
      <c r="NAO715" s="613"/>
      <c r="NAP715" s="613"/>
      <c r="NAQ715" s="613"/>
      <c r="NAR715" s="613"/>
      <c r="NAS715" s="613"/>
      <c r="NAT715" s="613"/>
      <c r="NAU715" s="613"/>
      <c r="NAV715" s="613"/>
      <c r="NAW715" s="613"/>
      <c r="NAX715" s="613"/>
      <c r="NAY715" s="613"/>
      <c r="NAZ715" s="613"/>
      <c r="NBA715" s="613"/>
      <c r="NBB715" s="613"/>
      <c r="NBC715" s="613"/>
      <c r="NBD715" s="613"/>
      <c r="NBE715" s="613"/>
      <c r="NBF715" s="613"/>
      <c r="NBG715" s="613"/>
      <c r="NBH715" s="613"/>
      <c r="NBI715" s="613"/>
      <c r="NBJ715" s="613"/>
      <c r="NBK715" s="613"/>
      <c r="NBL715" s="613"/>
      <c r="NBM715" s="613"/>
      <c r="NBN715" s="613"/>
      <c r="NBO715" s="613"/>
      <c r="NBP715" s="613"/>
      <c r="NBQ715" s="613"/>
      <c r="NBR715" s="613"/>
      <c r="NBS715" s="613"/>
      <c r="NBT715" s="613"/>
      <c r="NBU715" s="613"/>
      <c r="NBV715" s="613"/>
      <c r="NBW715" s="613"/>
      <c r="NBX715" s="613"/>
      <c r="NBY715" s="613"/>
      <c r="NBZ715" s="613"/>
      <c r="NCA715" s="613"/>
      <c r="NCB715" s="613"/>
      <c r="NCC715" s="613"/>
      <c r="NCD715" s="613"/>
      <c r="NCE715" s="613"/>
      <c r="NCF715" s="613"/>
      <c r="NCG715" s="613"/>
      <c r="NCH715" s="613"/>
      <c r="NCI715" s="613"/>
      <c r="NCJ715" s="613"/>
      <c r="NCK715" s="613"/>
      <c r="NCL715" s="613"/>
      <c r="NCM715" s="613"/>
      <c r="NCN715" s="613"/>
      <c r="NCO715" s="613"/>
      <c r="NCP715" s="613"/>
      <c r="NCQ715" s="613"/>
      <c r="NCR715" s="613"/>
      <c r="NCS715" s="613"/>
      <c r="NCT715" s="613"/>
      <c r="NCU715" s="613"/>
      <c r="NCV715" s="613"/>
      <c r="NCW715" s="613"/>
      <c r="NCX715" s="613"/>
      <c r="NCY715" s="613"/>
      <c r="NCZ715" s="613"/>
      <c r="NDA715" s="613"/>
      <c r="NDB715" s="613"/>
      <c r="NDC715" s="613"/>
      <c r="NDD715" s="613"/>
      <c r="NDE715" s="613"/>
      <c r="NDF715" s="613"/>
      <c r="NDG715" s="613"/>
      <c r="NDH715" s="613"/>
      <c r="NDI715" s="613"/>
      <c r="NDJ715" s="613"/>
      <c r="NDK715" s="613"/>
      <c r="NDL715" s="613"/>
      <c r="NDM715" s="613"/>
      <c r="NDN715" s="613"/>
      <c r="NDO715" s="613"/>
      <c r="NDP715" s="613"/>
      <c r="NDQ715" s="613"/>
      <c r="NDR715" s="613"/>
      <c r="NDS715" s="613"/>
      <c r="NDT715" s="613"/>
      <c r="NDU715" s="613"/>
      <c r="NDV715" s="613"/>
      <c r="NDW715" s="613"/>
      <c r="NDX715" s="613"/>
      <c r="NDY715" s="613"/>
      <c r="NDZ715" s="613"/>
      <c r="NEA715" s="613"/>
      <c r="NEB715" s="613"/>
      <c r="NEC715" s="613"/>
      <c r="NED715" s="613"/>
      <c r="NEE715" s="613"/>
      <c r="NEF715" s="613"/>
      <c r="NEG715" s="613"/>
      <c r="NEH715" s="613"/>
      <c r="NEI715" s="613"/>
      <c r="NEJ715" s="613"/>
      <c r="NEK715" s="613"/>
      <c r="NEL715" s="613"/>
      <c r="NEM715" s="613"/>
      <c r="NEN715" s="613"/>
      <c r="NEO715" s="613"/>
      <c r="NEP715" s="613"/>
      <c r="NEQ715" s="613"/>
      <c r="NER715" s="613"/>
      <c r="NES715" s="613"/>
      <c r="NET715" s="613"/>
      <c r="NEU715" s="613"/>
      <c r="NEV715" s="613"/>
      <c r="NEW715" s="613"/>
      <c r="NEX715" s="613"/>
      <c r="NEY715" s="613"/>
      <c r="NEZ715" s="613"/>
      <c r="NFA715" s="613"/>
      <c r="NFB715" s="613"/>
      <c r="NFC715" s="613"/>
      <c r="NFD715" s="613"/>
      <c r="NFE715" s="613"/>
      <c r="NFF715" s="613"/>
      <c r="NFG715" s="613"/>
      <c r="NFH715" s="613"/>
      <c r="NFI715" s="613"/>
      <c r="NFJ715" s="613"/>
      <c r="NFK715" s="613"/>
      <c r="NFL715" s="613"/>
      <c r="NFM715" s="613"/>
      <c r="NFN715" s="613"/>
      <c r="NFO715" s="613"/>
      <c r="NFP715" s="613"/>
      <c r="NFQ715" s="613"/>
      <c r="NFR715" s="613"/>
      <c r="NFS715" s="613"/>
      <c r="NFT715" s="613"/>
      <c r="NFU715" s="613"/>
      <c r="NFV715" s="613"/>
      <c r="NFW715" s="613"/>
      <c r="NFX715" s="613"/>
      <c r="NFY715" s="613"/>
      <c r="NFZ715" s="613"/>
      <c r="NGA715" s="613"/>
      <c r="NGB715" s="613"/>
      <c r="NGC715" s="613"/>
      <c r="NGD715" s="613"/>
      <c r="NGE715" s="613"/>
      <c r="NGF715" s="613"/>
      <c r="NGG715" s="613"/>
      <c r="NGH715" s="613"/>
      <c r="NGI715" s="613"/>
      <c r="NGJ715" s="613"/>
      <c r="NGK715" s="613"/>
      <c r="NGL715" s="613"/>
      <c r="NGM715" s="613"/>
      <c r="NGN715" s="613"/>
      <c r="NGO715" s="613"/>
      <c r="NGP715" s="613"/>
      <c r="NGQ715" s="613"/>
      <c r="NGR715" s="613"/>
      <c r="NGS715" s="613"/>
      <c r="NGT715" s="613"/>
      <c r="NGU715" s="613"/>
      <c r="NGV715" s="613"/>
      <c r="NGW715" s="613"/>
      <c r="NGX715" s="613"/>
      <c r="NGY715" s="613"/>
      <c r="NGZ715" s="613"/>
      <c r="NHA715" s="613"/>
      <c r="NHB715" s="613"/>
      <c r="NHC715" s="613"/>
      <c r="NHD715" s="613"/>
      <c r="NHE715" s="613"/>
      <c r="NHF715" s="613"/>
      <c r="NHG715" s="613"/>
      <c r="NHH715" s="613"/>
      <c r="NHI715" s="613"/>
      <c r="NHJ715" s="613"/>
      <c r="NHK715" s="613"/>
      <c r="NHL715" s="613"/>
      <c r="NHM715" s="613"/>
      <c r="NHN715" s="613"/>
      <c r="NHO715" s="613"/>
      <c r="NHP715" s="613"/>
      <c r="NHQ715" s="613"/>
      <c r="NHR715" s="613"/>
      <c r="NHS715" s="613"/>
      <c r="NHT715" s="613"/>
      <c r="NHU715" s="613"/>
      <c r="NHV715" s="613"/>
      <c r="NHW715" s="613"/>
      <c r="NHX715" s="613"/>
      <c r="NHY715" s="613"/>
      <c r="NHZ715" s="613"/>
      <c r="NIA715" s="613"/>
      <c r="NIB715" s="613"/>
      <c r="NIC715" s="613"/>
      <c r="NID715" s="613"/>
      <c r="NIE715" s="613"/>
      <c r="NIF715" s="613"/>
      <c r="NIG715" s="613"/>
      <c r="NIH715" s="613"/>
      <c r="NII715" s="613"/>
      <c r="NIJ715" s="613"/>
      <c r="NIK715" s="613"/>
      <c r="NIL715" s="613"/>
      <c r="NIM715" s="613"/>
      <c r="NIN715" s="613"/>
      <c r="NIO715" s="613"/>
      <c r="NIP715" s="613"/>
      <c r="NIQ715" s="613"/>
      <c r="NIR715" s="613"/>
      <c r="NIS715" s="613"/>
      <c r="NIT715" s="613"/>
      <c r="NIU715" s="613"/>
      <c r="NIV715" s="613"/>
      <c r="NIW715" s="613"/>
      <c r="NIX715" s="613"/>
      <c r="NIY715" s="613"/>
      <c r="NIZ715" s="613"/>
      <c r="NJA715" s="613"/>
      <c r="NJB715" s="613"/>
      <c r="NJC715" s="613"/>
      <c r="NJD715" s="613"/>
      <c r="NJE715" s="613"/>
      <c r="NJF715" s="613"/>
      <c r="NJG715" s="613"/>
      <c r="NJH715" s="613"/>
      <c r="NJI715" s="613"/>
      <c r="NJJ715" s="613"/>
      <c r="NJK715" s="613"/>
      <c r="NJL715" s="613"/>
      <c r="NJM715" s="613"/>
      <c r="NJN715" s="613"/>
      <c r="NJO715" s="613"/>
      <c r="NJP715" s="613"/>
      <c r="NJQ715" s="613"/>
      <c r="NJR715" s="613"/>
      <c r="NJS715" s="613"/>
      <c r="NJT715" s="613"/>
      <c r="NJU715" s="613"/>
      <c r="NJV715" s="613"/>
      <c r="NJW715" s="613"/>
      <c r="NJX715" s="613"/>
      <c r="NJY715" s="613"/>
      <c r="NJZ715" s="613"/>
      <c r="NKA715" s="613"/>
      <c r="NKB715" s="613"/>
      <c r="NKC715" s="613"/>
      <c r="NKD715" s="613"/>
      <c r="NKE715" s="613"/>
      <c r="NKF715" s="613"/>
      <c r="NKG715" s="613"/>
      <c r="NKH715" s="613"/>
      <c r="NKI715" s="613"/>
      <c r="NKJ715" s="613"/>
      <c r="NKK715" s="613"/>
      <c r="NKL715" s="613"/>
      <c r="NKM715" s="613"/>
      <c r="NKN715" s="613"/>
      <c r="NKO715" s="613"/>
      <c r="NKP715" s="613"/>
      <c r="NKQ715" s="613"/>
      <c r="NKR715" s="613"/>
      <c r="NKS715" s="613"/>
      <c r="NKT715" s="613"/>
      <c r="NKU715" s="613"/>
      <c r="NKV715" s="613"/>
      <c r="NKW715" s="613"/>
      <c r="NKX715" s="613"/>
      <c r="NKY715" s="613"/>
      <c r="NKZ715" s="613"/>
      <c r="NLA715" s="613"/>
      <c r="NLB715" s="613"/>
      <c r="NLC715" s="613"/>
      <c r="NLD715" s="613"/>
      <c r="NLE715" s="613"/>
      <c r="NLF715" s="613"/>
      <c r="NLG715" s="613"/>
      <c r="NLH715" s="613"/>
      <c r="NLI715" s="613"/>
      <c r="NLJ715" s="613"/>
      <c r="NLK715" s="613"/>
      <c r="NLL715" s="613"/>
      <c r="NLM715" s="613"/>
      <c r="NLN715" s="613"/>
      <c r="NLO715" s="613"/>
      <c r="NLP715" s="613"/>
      <c r="NLQ715" s="613"/>
      <c r="NLR715" s="613"/>
      <c r="NLS715" s="613"/>
      <c r="NLT715" s="613"/>
      <c r="NLU715" s="613"/>
      <c r="NLV715" s="613"/>
      <c r="NLW715" s="613"/>
      <c r="NLX715" s="613"/>
      <c r="NLY715" s="613"/>
      <c r="NLZ715" s="613"/>
      <c r="NMA715" s="613"/>
      <c r="NMB715" s="613"/>
      <c r="NMC715" s="613"/>
      <c r="NMD715" s="613"/>
      <c r="NME715" s="613"/>
      <c r="NMF715" s="613"/>
      <c r="NMG715" s="613"/>
      <c r="NMH715" s="613"/>
      <c r="NMI715" s="613"/>
      <c r="NMJ715" s="613"/>
      <c r="NMK715" s="613"/>
      <c r="NML715" s="613"/>
      <c r="NMM715" s="613"/>
      <c r="NMN715" s="613"/>
      <c r="NMO715" s="613"/>
      <c r="NMP715" s="613"/>
      <c r="NMQ715" s="613"/>
      <c r="NMR715" s="613"/>
      <c r="NMS715" s="613"/>
      <c r="NMT715" s="613"/>
      <c r="NMU715" s="613"/>
      <c r="NMV715" s="613"/>
      <c r="NMW715" s="613"/>
      <c r="NMX715" s="613"/>
      <c r="NMY715" s="613"/>
      <c r="NMZ715" s="613"/>
      <c r="NNA715" s="613"/>
      <c r="NNB715" s="613"/>
      <c r="NNC715" s="613"/>
      <c r="NND715" s="613"/>
      <c r="NNE715" s="613"/>
      <c r="NNF715" s="613"/>
      <c r="NNG715" s="613"/>
      <c r="NNH715" s="613"/>
      <c r="NNI715" s="613"/>
      <c r="NNJ715" s="613"/>
      <c r="NNK715" s="613"/>
      <c r="NNL715" s="613"/>
      <c r="NNM715" s="613"/>
      <c r="NNN715" s="613"/>
      <c r="NNO715" s="613"/>
      <c r="NNP715" s="613"/>
      <c r="NNQ715" s="613"/>
      <c r="NNR715" s="613"/>
      <c r="NNS715" s="613"/>
      <c r="NNT715" s="613"/>
      <c r="NNU715" s="613"/>
      <c r="NNV715" s="613"/>
      <c r="NNW715" s="613"/>
      <c r="NNX715" s="613"/>
      <c r="NNY715" s="613"/>
      <c r="NNZ715" s="613"/>
      <c r="NOA715" s="613"/>
      <c r="NOB715" s="613"/>
      <c r="NOC715" s="613"/>
      <c r="NOD715" s="613"/>
      <c r="NOE715" s="613"/>
      <c r="NOF715" s="613"/>
      <c r="NOG715" s="613"/>
      <c r="NOH715" s="613"/>
      <c r="NOI715" s="613"/>
      <c r="NOJ715" s="613"/>
      <c r="NOK715" s="613"/>
      <c r="NOL715" s="613"/>
      <c r="NOM715" s="613"/>
      <c r="NON715" s="613"/>
      <c r="NOO715" s="613"/>
      <c r="NOP715" s="613"/>
      <c r="NOQ715" s="613"/>
      <c r="NOR715" s="613"/>
      <c r="NOS715" s="613"/>
      <c r="NOT715" s="613"/>
      <c r="NOU715" s="613"/>
      <c r="NOV715" s="613"/>
      <c r="NOW715" s="613"/>
      <c r="NOX715" s="613"/>
      <c r="NOY715" s="613"/>
      <c r="NOZ715" s="613"/>
      <c r="NPA715" s="613"/>
      <c r="NPB715" s="613"/>
      <c r="NPC715" s="613"/>
      <c r="NPD715" s="613"/>
      <c r="NPE715" s="613"/>
      <c r="NPF715" s="613"/>
      <c r="NPG715" s="613"/>
      <c r="NPH715" s="613"/>
      <c r="NPI715" s="613"/>
      <c r="NPJ715" s="613"/>
      <c r="NPK715" s="613"/>
      <c r="NPL715" s="613"/>
      <c r="NPM715" s="613"/>
      <c r="NPN715" s="613"/>
      <c r="NPO715" s="613"/>
      <c r="NPP715" s="613"/>
      <c r="NPQ715" s="613"/>
      <c r="NPR715" s="613"/>
      <c r="NPS715" s="613"/>
      <c r="NPT715" s="613"/>
      <c r="NPU715" s="613"/>
      <c r="NPV715" s="613"/>
      <c r="NPW715" s="613"/>
      <c r="NPX715" s="613"/>
      <c r="NPY715" s="613"/>
      <c r="NPZ715" s="613"/>
      <c r="NQA715" s="613"/>
      <c r="NQB715" s="613"/>
      <c r="NQC715" s="613"/>
      <c r="NQD715" s="613"/>
      <c r="NQE715" s="613"/>
      <c r="NQF715" s="613"/>
      <c r="NQG715" s="613"/>
      <c r="NQH715" s="613"/>
      <c r="NQI715" s="613"/>
      <c r="NQJ715" s="613"/>
      <c r="NQK715" s="613"/>
      <c r="NQL715" s="613"/>
      <c r="NQM715" s="613"/>
      <c r="NQN715" s="613"/>
      <c r="NQO715" s="613"/>
      <c r="NQP715" s="613"/>
      <c r="NQQ715" s="613"/>
      <c r="NQR715" s="613"/>
      <c r="NQS715" s="613"/>
      <c r="NQT715" s="613"/>
      <c r="NQU715" s="613"/>
      <c r="NQV715" s="613"/>
      <c r="NQW715" s="613"/>
      <c r="NQX715" s="613"/>
      <c r="NQY715" s="613"/>
      <c r="NQZ715" s="613"/>
      <c r="NRA715" s="613"/>
      <c r="NRB715" s="613"/>
      <c r="NRC715" s="613"/>
      <c r="NRD715" s="613"/>
      <c r="NRE715" s="613"/>
      <c r="NRF715" s="613"/>
      <c r="NRG715" s="613"/>
      <c r="NRH715" s="613"/>
      <c r="NRI715" s="613"/>
      <c r="NRJ715" s="613"/>
      <c r="NRK715" s="613"/>
      <c r="NRL715" s="613"/>
      <c r="NRM715" s="613"/>
      <c r="NRN715" s="613"/>
      <c r="NRO715" s="613"/>
      <c r="NRP715" s="613"/>
      <c r="NRQ715" s="613"/>
      <c r="NRR715" s="613"/>
      <c r="NRS715" s="613"/>
      <c r="NRT715" s="613"/>
      <c r="NRU715" s="613"/>
      <c r="NRV715" s="613"/>
      <c r="NRW715" s="613"/>
      <c r="NRX715" s="613"/>
      <c r="NRY715" s="613"/>
      <c r="NRZ715" s="613"/>
      <c r="NSA715" s="613"/>
      <c r="NSB715" s="613"/>
      <c r="NSC715" s="613"/>
      <c r="NSD715" s="613"/>
      <c r="NSE715" s="613"/>
      <c r="NSF715" s="613"/>
      <c r="NSG715" s="613"/>
      <c r="NSH715" s="613"/>
      <c r="NSI715" s="613"/>
      <c r="NSJ715" s="613"/>
      <c r="NSK715" s="613"/>
      <c r="NSL715" s="613"/>
      <c r="NSM715" s="613"/>
      <c r="NSN715" s="613"/>
      <c r="NSO715" s="613"/>
      <c r="NSP715" s="613"/>
      <c r="NSQ715" s="613"/>
      <c r="NSR715" s="613"/>
      <c r="NSS715" s="613"/>
      <c r="NST715" s="613"/>
      <c r="NSU715" s="613"/>
      <c r="NSV715" s="613"/>
      <c r="NSW715" s="613"/>
      <c r="NSX715" s="613"/>
      <c r="NSY715" s="613"/>
      <c r="NSZ715" s="613"/>
      <c r="NTA715" s="613"/>
      <c r="NTB715" s="613"/>
      <c r="NTC715" s="613"/>
      <c r="NTD715" s="613"/>
      <c r="NTE715" s="613"/>
      <c r="NTF715" s="613"/>
      <c r="NTG715" s="613"/>
      <c r="NTH715" s="613"/>
      <c r="NTI715" s="613"/>
      <c r="NTJ715" s="613"/>
      <c r="NTK715" s="613"/>
      <c r="NTL715" s="613"/>
      <c r="NTM715" s="613"/>
      <c r="NTN715" s="613"/>
      <c r="NTO715" s="613"/>
      <c r="NTP715" s="613"/>
      <c r="NTQ715" s="613"/>
      <c r="NTR715" s="613"/>
      <c r="NTS715" s="613"/>
      <c r="NTT715" s="613"/>
      <c r="NTU715" s="613"/>
      <c r="NTV715" s="613"/>
      <c r="NTW715" s="613"/>
      <c r="NTX715" s="613"/>
      <c r="NTY715" s="613"/>
      <c r="NTZ715" s="613"/>
      <c r="NUA715" s="613"/>
      <c r="NUB715" s="613"/>
      <c r="NUC715" s="613"/>
      <c r="NUD715" s="613"/>
      <c r="NUE715" s="613"/>
      <c r="NUF715" s="613"/>
      <c r="NUG715" s="613"/>
      <c r="NUH715" s="613"/>
      <c r="NUI715" s="613"/>
      <c r="NUJ715" s="613"/>
      <c r="NUK715" s="613"/>
      <c r="NUL715" s="613"/>
      <c r="NUM715" s="613"/>
      <c r="NUN715" s="613"/>
      <c r="NUO715" s="613"/>
      <c r="NUP715" s="613"/>
      <c r="NUQ715" s="613"/>
      <c r="NUR715" s="613"/>
      <c r="NUS715" s="613"/>
      <c r="NUT715" s="613"/>
      <c r="NUU715" s="613"/>
      <c r="NUV715" s="613"/>
      <c r="NUW715" s="613"/>
      <c r="NUX715" s="613"/>
      <c r="NUY715" s="613"/>
      <c r="NUZ715" s="613"/>
      <c r="NVA715" s="613"/>
      <c r="NVB715" s="613"/>
      <c r="NVC715" s="613"/>
      <c r="NVD715" s="613"/>
      <c r="NVE715" s="613"/>
      <c r="NVF715" s="613"/>
      <c r="NVG715" s="613"/>
      <c r="NVH715" s="613"/>
      <c r="NVI715" s="613"/>
      <c r="NVJ715" s="613"/>
      <c r="NVK715" s="613"/>
      <c r="NVL715" s="613"/>
      <c r="NVM715" s="613"/>
      <c r="NVN715" s="613"/>
      <c r="NVO715" s="613"/>
      <c r="NVP715" s="613"/>
      <c r="NVQ715" s="613"/>
      <c r="NVR715" s="613"/>
      <c r="NVS715" s="613"/>
      <c r="NVT715" s="613"/>
      <c r="NVU715" s="613"/>
      <c r="NVV715" s="613"/>
      <c r="NVW715" s="613"/>
      <c r="NVX715" s="613"/>
      <c r="NVY715" s="613"/>
      <c r="NVZ715" s="613"/>
      <c r="NWA715" s="613"/>
      <c r="NWB715" s="613"/>
      <c r="NWC715" s="613"/>
      <c r="NWD715" s="613"/>
      <c r="NWE715" s="613"/>
      <c r="NWF715" s="613"/>
      <c r="NWG715" s="613"/>
      <c r="NWH715" s="613"/>
      <c r="NWI715" s="613"/>
      <c r="NWJ715" s="613"/>
      <c r="NWK715" s="613"/>
      <c r="NWL715" s="613"/>
      <c r="NWM715" s="613"/>
      <c r="NWN715" s="613"/>
      <c r="NWO715" s="613"/>
      <c r="NWP715" s="613"/>
      <c r="NWQ715" s="613"/>
      <c r="NWR715" s="613"/>
      <c r="NWS715" s="613"/>
      <c r="NWT715" s="613"/>
      <c r="NWU715" s="613"/>
      <c r="NWV715" s="613"/>
      <c r="NWW715" s="613"/>
      <c r="NWX715" s="613"/>
      <c r="NWY715" s="613"/>
      <c r="NWZ715" s="613"/>
      <c r="NXA715" s="613"/>
      <c r="NXB715" s="613"/>
      <c r="NXC715" s="613"/>
      <c r="NXD715" s="613"/>
      <c r="NXE715" s="613"/>
      <c r="NXF715" s="613"/>
      <c r="NXG715" s="613"/>
      <c r="NXH715" s="613"/>
      <c r="NXI715" s="613"/>
      <c r="NXJ715" s="613"/>
      <c r="NXK715" s="613"/>
      <c r="NXL715" s="613"/>
      <c r="NXM715" s="613"/>
      <c r="NXN715" s="613"/>
      <c r="NXO715" s="613"/>
      <c r="NXP715" s="613"/>
      <c r="NXQ715" s="613"/>
      <c r="NXR715" s="613"/>
      <c r="NXS715" s="613"/>
      <c r="NXT715" s="613"/>
      <c r="NXU715" s="613"/>
      <c r="NXV715" s="613"/>
      <c r="NXW715" s="613"/>
      <c r="NXX715" s="613"/>
      <c r="NXY715" s="613"/>
      <c r="NXZ715" s="613"/>
      <c r="NYA715" s="613"/>
      <c r="NYB715" s="613"/>
      <c r="NYC715" s="613"/>
      <c r="NYD715" s="613"/>
      <c r="NYE715" s="613"/>
      <c r="NYF715" s="613"/>
      <c r="NYG715" s="613"/>
      <c r="NYH715" s="613"/>
      <c r="NYI715" s="613"/>
      <c r="NYJ715" s="613"/>
      <c r="NYK715" s="613"/>
      <c r="NYL715" s="613"/>
      <c r="NYM715" s="613"/>
      <c r="NYN715" s="613"/>
      <c r="NYO715" s="613"/>
      <c r="NYP715" s="613"/>
      <c r="NYQ715" s="613"/>
      <c r="NYR715" s="613"/>
      <c r="NYS715" s="613"/>
      <c r="NYT715" s="613"/>
      <c r="NYU715" s="613"/>
      <c r="NYV715" s="613"/>
      <c r="NYW715" s="613"/>
      <c r="NYX715" s="613"/>
      <c r="NYY715" s="613"/>
      <c r="NYZ715" s="613"/>
      <c r="NZA715" s="613"/>
      <c r="NZB715" s="613"/>
      <c r="NZC715" s="613"/>
      <c r="NZD715" s="613"/>
      <c r="NZE715" s="613"/>
      <c r="NZF715" s="613"/>
      <c r="NZG715" s="613"/>
      <c r="NZH715" s="613"/>
      <c r="NZI715" s="613"/>
      <c r="NZJ715" s="613"/>
      <c r="NZK715" s="613"/>
      <c r="NZL715" s="613"/>
      <c r="NZM715" s="613"/>
      <c r="NZN715" s="613"/>
      <c r="NZO715" s="613"/>
      <c r="NZP715" s="613"/>
      <c r="NZQ715" s="613"/>
      <c r="NZR715" s="613"/>
      <c r="NZS715" s="613"/>
      <c r="NZT715" s="613"/>
      <c r="NZU715" s="613"/>
      <c r="NZV715" s="613"/>
      <c r="NZW715" s="613"/>
      <c r="NZX715" s="613"/>
      <c r="NZY715" s="613"/>
      <c r="NZZ715" s="613"/>
      <c r="OAA715" s="613"/>
      <c r="OAB715" s="613"/>
      <c r="OAC715" s="613"/>
      <c r="OAD715" s="613"/>
      <c r="OAE715" s="613"/>
      <c r="OAF715" s="613"/>
      <c r="OAG715" s="613"/>
      <c r="OAH715" s="613"/>
      <c r="OAI715" s="613"/>
      <c r="OAJ715" s="613"/>
      <c r="OAK715" s="613"/>
      <c r="OAL715" s="613"/>
      <c r="OAM715" s="613"/>
      <c r="OAN715" s="613"/>
      <c r="OAO715" s="613"/>
      <c r="OAP715" s="613"/>
      <c r="OAQ715" s="613"/>
      <c r="OAR715" s="613"/>
      <c r="OAS715" s="613"/>
      <c r="OAT715" s="613"/>
      <c r="OAU715" s="613"/>
      <c r="OAV715" s="613"/>
      <c r="OAW715" s="613"/>
      <c r="OAX715" s="613"/>
      <c r="OAY715" s="613"/>
      <c r="OAZ715" s="613"/>
      <c r="OBA715" s="613"/>
      <c r="OBB715" s="613"/>
      <c r="OBC715" s="613"/>
      <c r="OBD715" s="613"/>
      <c r="OBE715" s="613"/>
      <c r="OBF715" s="613"/>
      <c r="OBG715" s="613"/>
      <c r="OBH715" s="613"/>
      <c r="OBI715" s="613"/>
      <c r="OBJ715" s="613"/>
      <c r="OBK715" s="613"/>
      <c r="OBL715" s="613"/>
      <c r="OBM715" s="613"/>
      <c r="OBN715" s="613"/>
      <c r="OBO715" s="613"/>
      <c r="OBP715" s="613"/>
      <c r="OBQ715" s="613"/>
      <c r="OBR715" s="613"/>
      <c r="OBS715" s="613"/>
      <c r="OBT715" s="613"/>
      <c r="OBU715" s="613"/>
      <c r="OBV715" s="613"/>
      <c r="OBW715" s="613"/>
      <c r="OBX715" s="613"/>
      <c r="OBY715" s="613"/>
      <c r="OBZ715" s="613"/>
      <c r="OCA715" s="613"/>
      <c r="OCB715" s="613"/>
      <c r="OCC715" s="613"/>
      <c r="OCD715" s="613"/>
      <c r="OCE715" s="613"/>
      <c r="OCF715" s="613"/>
      <c r="OCG715" s="613"/>
      <c r="OCH715" s="613"/>
      <c r="OCI715" s="613"/>
      <c r="OCJ715" s="613"/>
      <c r="OCK715" s="613"/>
      <c r="OCL715" s="613"/>
      <c r="OCM715" s="613"/>
      <c r="OCN715" s="613"/>
      <c r="OCO715" s="613"/>
      <c r="OCP715" s="613"/>
      <c r="OCQ715" s="613"/>
      <c r="OCR715" s="613"/>
      <c r="OCS715" s="613"/>
      <c r="OCT715" s="613"/>
      <c r="OCU715" s="613"/>
      <c r="OCV715" s="613"/>
      <c r="OCW715" s="613"/>
      <c r="OCX715" s="613"/>
      <c r="OCY715" s="613"/>
      <c r="OCZ715" s="613"/>
      <c r="ODA715" s="613"/>
      <c r="ODB715" s="613"/>
      <c r="ODC715" s="613"/>
      <c r="ODD715" s="613"/>
      <c r="ODE715" s="613"/>
      <c r="ODF715" s="613"/>
      <c r="ODG715" s="613"/>
      <c r="ODH715" s="613"/>
      <c r="ODI715" s="613"/>
      <c r="ODJ715" s="613"/>
      <c r="ODK715" s="613"/>
      <c r="ODL715" s="613"/>
      <c r="ODM715" s="613"/>
      <c r="ODN715" s="613"/>
      <c r="ODO715" s="613"/>
      <c r="ODP715" s="613"/>
      <c r="ODQ715" s="613"/>
      <c r="ODR715" s="613"/>
      <c r="ODS715" s="613"/>
      <c r="ODT715" s="613"/>
      <c r="ODU715" s="613"/>
      <c r="ODV715" s="613"/>
      <c r="ODW715" s="613"/>
      <c r="ODX715" s="613"/>
      <c r="ODY715" s="613"/>
      <c r="ODZ715" s="613"/>
      <c r="OEA715" s="613"/>
      <c r="OEB715" s="613"/>
      <c r="OEC715" s="613"/>
      <c r="OED715" s="613"/>
      <c r="OEE715" s="613"/>
      <c r="OEF715" s="613"/>
      <c r="OEG715" s="613"/>
      <c r="OEH715" s="613"/>
      <c r="OEI715" s="613"/>
      <c r="OEJ715" s="613"/>
      <c r="OEK715" s="613"/>
      <c r="OEL715" s="613"/>
      <c r="OEM715" s="613"/>
      <c r="OEN715" s="613"/>
      <c r="OEO715" s="613"/>
      <c r="OEP715" s="613"/>
      <c r="OEQ715" s="613"/>
      <c r="OER715" s="613"/>
      <c r="OES715" s="613"/>
      <c r="OET715" s="613"/>
      <c r="OEU715" s="613"/>
      <c r="OEV715" s="613"/>
      <c r="OEW715" s="613"/>
      <c r="OEX715" s="613"/>
      <c r="OEY715" s="613"/>
      <c r="OEZ715" s="613"/>
      <c r="OFA715" s="613"/>
      <c r="OFB715" s="613"/>
      <c r="OFC715" s="613"/>
      <c r="OFD715" s="613"/>
      <c r="OFE715" s="613"/>
      <c r="OFF715" s="613"/>
      <c r="OFG715" s="613"/>
      <c r="OFH715" s="613"/>
      <c r="OFI715" s="613"/>
      <c r="OFJ715" s="613"/>
      <c r="OFK715" s="613"/>
      <c r="OFL715" s="613"/>
      <c r="OFM715" s="613"/>
      <c r="OFN715" s="613"/>
      <c r="OFO715" s="613"/>
      <c r="OFP715" s="613"/>
      <c r="OFQ715" s="613"/>
      <c r="OFR715" s="613"/>
      <c r="OFS715" s="613"/>
      <c r="OFT715" s="613"/>
      <c r="OFU715" s="613"/>
      <c r="OFV715" s="613"/>
      <c r="OFW715" s="613"/>
      <c r="OFX715" s="613"/>
      <c r="OFY715" s="613"/>
      <c r="OFZ715" s="613"/>
      <c r="OGA715" s="613"/>
      <c r="OGB715" s="613"/>
      <c r="OGC715" s="613"/>
      <c r="OGD715" s="613"/>
      <c r="OGE715" s="613"/>
      <c r="OGF715" s="613"/>
      <c r="OGG715" s="613"/>
      <c r="OGH715" s="613"/>
      <c r="OGI715" s="613"/>
      <c r="OGJ715" s="613"/>
      <c r="OGK715" s="613"/>
      <c r="OGL715" s="613"/>
      <c r="OGM715" s="613"/>
      <c r="OGN715" s="613"/>
      <c r="OGO715" s="613"/>
      <c r="OGP715" s="613"/>
      <c r="OGQ715" s="613"/>
      <c r="OGR715" s="613"/>
      <c r="OGS715" s="613"/>
      <c r="OGT715" s="613"/>
      <c r="OGU715" s="613"/>
      <c r="OGV715" s="613"/>
      <c r="OGW715" s="613"/>
      <c r="OGX715" s="613"/>
      <c r="OGY715" s="613"/>
      <c r="OGZ715" s="613"/>
      <c r="OHA715" s="613"/>
      <c r="OHB715" s="613"/>
      <c r="OHC715" s="613"/>
      <c r="OHD715" s="613"/>
      <c r="OHE715" s="613"/>
      <c r="OHF715" s="613"/>
      <c r="OHG715" s="613"/>
      <c r="OHH715" s="613"/>
      <c r="OHI715" s="613"/>
      <c r="OHJ715" s="613"/>
      <c r="OHK715" s="613"/>
      <c r="OHL715" s="613"/>
      <c r="OHM715" s="613"/>
      <c r="OHN715" s="613"/>
      <c r="OHO715" s="613"/>
      <c r="OHP715" s="613"/>
      <c r="OHQ715" s="613"/>
      <c r="OHR715" s="613"/>
      <c r="OHS715" s="613"/>
      <c r="OHT715" s="613"/>
      <c r="OHU715" s="613"/>
      <c r="OHV715" s="613"/>
      <c r="OHW715" s="613"/>
      <c r="OHX715" s="613"/>
      <c r="OHY715" s="613"/>
      <c r="OHZ715" s="613"/>
      <c r="OIA715" s="613"/>
      <c r="OIB715" s="613"/>
      <c r="OIC715" s="613"/>
      <c r="OID715" s="613"/>
      <c r="OIE715" s="613"/>
      <c r="OIF715" s="613"/>
      <c r="OIG715" s="613"/>
      <c r="OIH715" s="613"/>
      <c r="OII715" s="613"/>
      <c r="OIJ715" s="613"/>
      <c r="OIK715" s="613"/>
      <c r="OIL715" s="613"/>
      <c r="OIM715" s="613"/>
      <c r="OIN715" s="613"/>
      <c r="OIO715" s="613"/>
      <c r="OIP715" s="613"/>
      <c r="OIQ715" s="613"/>
      <c r="OIR715" s="613"/>
      <c r="OIS715" s="613"/>
      <c r="OIT715" s="613"/>
      <c r="OIU715" s="613"/>
      <c r="OIV715" s="613"/>
      <c r="OIW715" s="613"/>
      <c r="OIX715" s="613"/>
      <c r="OIY715" s="613"/>
      <c r="OIZ715" s="613"/>
      <c r="OJA715" s="613"/>
      <c r="OJB715" s="613"/>
      <c r="OJC715" s="613"/>
      <c r="OJD715" s="613"/>
      <c r="OJE715" s="613"/>
      <c r="OJF715" s="613"/>
      <c r="OJG715" s="613"/>
      <c r="OJH715" s="613"/>
      <c r="OJI715" s="613"/>
      <c r="OJJ715" s="613"/>
      <c r="OJK715" s="613"/>
      <c r="OJL715" s="613"/>
      <c r="OJM715" s="613"/>
      <c r="OJN715" s="613"/>
      <c r="OJO715" s="613"/>
      <c r="OJP715" s="613"/>
      <c r="OJQ715" s="613"/>
      <c r="OJR715" s="613"/>
      <c r="OJS715" s="613"/>
      <c r="OJT715" s="613"/>
      <c r="OJU715" s="613"/>
      <c r="OJV715" s="613"/>
      <c r="OJW715" s="613"/>
      <c r="OJX715" s="613"/>
      <c r="OJY715" s="613"/>
      <c r="OJZ715" s="613"/>
      <c r="OKA715" s="613"/>
      <c r="OKB715" s="613"/>
      <c r="OKC715" s="613"/>
      <c r="OKD715" s="613"/>
      <c r="OKE715" s="613"/>
      <c r="OKF715" s="613"/>
      <c r="OKG715" s="613"/>
      <c r="OKH715" s="613"/>
      <c r="OKI715" s="613"/>
      <c r="OKJ715" s="613"/>
      <c r="OKK715" s="613"/>
      <c r="OKL715" s="613"/>
      <c r="OKM715" s="613"/>
      <c r="OKN715" s="613"/>
      <c r="OKO715" s="613"/>
      <c r="OKP715" s="613"/>
      <c r="OKQ715" s="613"/>
      <c r="OKR715" s="613"/>
      <c r="OKS715" s="613"/>
      <c r="OKT715" s="613"/>
      <c r="OKU715" s="613"/>
      <c r="OKV715" s="613"/>
      <c r="OKW715" s="613"/>
      <c r="OKX715" s="613"/>
      <c r="OKY715" s="613"/>
      <c r="OKZ715" s="613"/>
      <c r="OLA715" s="613"/>
      <c r="OLB715" s="613"/>
      <c r="OLC715" s="613"/>
      <c r="OLD715" s="613"/>
      <c r="OLE715" s="613"/>
      <c r="OLF715" s="613"/>
      <c r="OLG715" s="613"/>
      <c r="OLH715" s="613"/>
      <c r="OLI715" s="613"/>
      <c r="OLJ715" s="613"/>
      <c r="OLK715" s="613"/>
      <c r="OLL715" s="613"/>
      <c r="OLM715" s="613"/>
      <c r="OLN715" s="613"/>
      <c r="OLO715" s="613"/>
      <c r="OLP715" s="613"/>
      <c r="OLQ715" s="613"/>
      <c r="OLR715" s="613"/>
      <c r="OLS715" s="613"/>
      <c r="OLT715" s="613"/>
      <c r="OLU715" s="613"/>
      <c r="OLV715" s="613"/>
      <c r="OLW715" s="613"/>
      <c r="OLX715" s="613"/>
      <c r="OLY715" s="613"/>
      <c r="OLZ715" s="613"/>
      <c r="OMA715" s="613"/>
      <c r="OMB715" s="613"/>
      <c r="OMC715" s="613"/>
      <c r="OMD715" s="613"/>
      <c r="OME715" s="613"/>
      <c r="OMF715" s="613"/>
      <c r="OMG715" s="613"/>
      <c r="OMH715" s="613"/>
      <c r="OMI715" s="613"/>
      <c r="OMJ715" s="613"/>
      <c r="OMK715" s="613"/>
      <c r="OML715" s="613"/>
      <c r="OMM715" s="613"/>
      <c r="OMN715" s="613"/>
      <c r="OMO715" s="613"/>
      <c r="OMP715" s="613"/>
      <c r="OMQ715" s="613"/>
      <c r="OMR715" s="613"/>
      <c r="OMS715" s="613"/>
      <c r="OMT715" s="613"/>
      <c r="OMU715" s="613"/>
      <c r="OMV715" s="613"/>
      <c r="OMW715" s="613"/>
      <c r="OMX715" s="613"/>
      <c r="OMY715" s="613"/>
      <c r="OMZ715" s="613"/>
      <c r="ONA715" s="613"/>
      <c r="ONB715" s="613"/>
      <c r="ONC715" s="613"/>
      <c r="OND715" s="613"/>
      <c r="ONE715" s="613"/>
      <c r="ONF715" s="613"/>
      <c r="ONG715" s="613"/>
      <c r="ONH715" s="613"/>
      <c r="ONI715" s="613"/>
      <c r="ONJ715" s="613"/>
      <c r="ONK715" s="613"/>
      <c r="ONL715" s="613"/>
      <c r="ONM715" s="613"/>
      <c r="ONN715" s="613"/>
      <c r="ONO715" s="613"/>
      <c r="ONP715" s="613"/>
      <c r="ONQ715" s="613"/>
      <c r="ONR715" s="613"/>
      <c r="ONS715" s="613"/>
      <c r="ONT715" s="613"/>
      <c r="ONU715" s="613"/>
      <c r="ONV715" s="613"/>
      <c r="ONW715" s="613"/>
      <c r="ONX715" s="613"/>
      <c r="ONY715" s="613"/>
      <c r="ONZ715" s="613"/>
      <c r="OOA715" s="613"/>
      <c r="OOB715" s="613"/>
      <c r="OOC715" s="613"/>
      <c r="OOD715" s="613"/>
      <c r="OOE715" s="613"/>
      <c r="OOF715" s="613"/>
      <c r="OOG715" s="613"/>
      <c r="OOH715" s="613"/>
      <c r="OOI715" s="613"/>
      <c r="OOJ715" s="613"/>
      <c r="OOK715" s="613"/>
      <c r="OOL715" s="613"/>
      <c r="OOM715" s="613"/>
      <c r="OON715" s="613"/>
      <c r="OOO715" s="613"/>
      <c r="OOP715" s="613"/>
      <c r="OOQ715" s="613"/>
      <c r="OOR715" s="613"/>
      <c r="OOS715" s="613"/>
      <c r="OOT715" s="613"/>
      <c r="OOU715" s="613"/>
      <c r="OOV715" s="613"/>
      <c r="OOW715" s="613"/>
      <c r="OOX715" s="613"/>
      <c r="OOY715" s="613"/>
      <c r="OOZ715" s="613"/>
      <c r="OPA715" s="613"/>
      <c r="OPB715" s="613"/>
      <c r="OPC715" s="613"/>
      <c r="OPD715" s="613"/>
      <c r="OPE715" s="613"/>
      <c r="OPF715" s="613"/>
      <c r="OPG715" s="613"/>
      <c r="OPH715" s="613"/>
      <c r="OPI715" s="613"/>
      <c r="OPJ715" s="613"/>
      <c r="OPK715" s="613"/>
      <c r="OPL715" s="613"/>
      <c r="OPM715" s="613"/>
      <c r="OPN715" s="613"/>
      <c r="OPO715" s="613"/>
      <c r="OPP715" s="613"/>
      <c r="OPQ715" s="613"/>
      <c r="OPR715" s="613"/>
      <c r="OPS715" s="613"/>
      <c r="OPT715" s="613"/>
      <c r="OPU715" s="613"/>
      <c r="OPV715" s="613"/>
      <c r="OPW715" s="613"/>
      <c r="OPX715" s="613"/>
      <c r="OPY715" s="613"/>
      <c r="OPZ715" s="613"/>
      <c r="OQA715" s="613"/>
      <c r="OQB715" s="613"/>
      <c r="OQC715" s="613"/>
      <c r="OQD715" s="613"/>
      <c r="OQE715" s="613"/>
      <c r="OQF715" s="613"/>
      <c r="OQG715" s="613"/>
      <c r="OQH715" s="613"/>
      <c r="OQI715" s="613"/>
      <c r="OQJ715" s="613"/>
      <c r="OQK715" s="613"/>
      <c r="OQL715" s="613"/>
      <c r="OQM715" s="613"/>
      <c r="OQN715" s="613"/>
      <c r="OQO715" s="613"/>
      <c r="OQP715" s="613"/>
      <c r="OQQ715" s="613"/>
      <c r="OQR715" s="613"/>
      <c r="OQS715" s="613"/>
      <c r="OQT715" s="613"/>
      <c r="OQU715" s="613"/>
      <c r="OQV715" s="613"/>
      <c r="OQW715" s="613"/>
      <c r="OQX715" s="613"/>
      <c r="OQY715" s="613"/>
      <c r="OQZ715" s="613"/>
      <c r="ORA715" s="613"/>
      <c r="ORB715" s="613"/>
      <c r="ORC715" s="613"/>
      <c r="ORD715" s="613"/>
      <c r="ORE715" s="613"/>
      <c r="ORF715" s="613"/>
      <c r="ORG715" s="613"/>
      <c r="ORH715" s="613"/>
      <c r="ORI715" s="613"/>
      <c r="ORJ715" s="613"/>
      <c r="ORK715" s="613"/>
      <c r="ORL715" s="613"/>
      <c r="ORM715" s="613"/>
      <c r="ORN715" s="613"/>
      <c r="ORO715" s="613"/>
      <c r="ORP715" s="613"/>
      <c r="ORQ715" s="613"/>
      <c r="ORR715" s="613"/>
      <c r="ORS715" s="613"/>
      <c r="ORT715" s="613"/>
      <c r="ORU715" s="613"/>
      <c r="ORV715" s="613"/>
      <c r="ORW715" s="613"/>
      <c r="ORX715" s="613"/>
      <c r="ORY715" s="613"/>
      <c r="ORZ715" s="613"/>
      <c r="OSA715" s="613"/>
      <c r="OSB715" s="613"/>
      <c r="OSC715" s="613"/>
      <c r="OSD715" s="613"/>
      <c r="OSE715" s="613"/>
      <c r="OSF715" s="613"/>
      <c r="OSG715" s="613"/>
      <c r="OSH715" s="613"/>
      <c r="OSI715" s="613"/>
      <c r="OSJ715" s="613"/>
      <c r="OSK715" s="613"/>
      <c r="OSL715" s="613"/>
      <c r="OSM715" s="613"/>
      <c r="OSN715" s="613"/>
      <c r="OSO715" s="613"/>
      <c r="OSP715" s="613"/>
      <c r="OSQ715" s="613"/>
      <c r="OSR715" s="613"/>
      <c r="OSS715" s="613"/>
      <c r="OST715" s="613"/>
      <c r="OSU715" s="613"/>
      <c r="OSV715" s="613"/>
      <c r="OSW715" s="613"/>
      <c r="OSX715" s="613"/>
      <c r="OSY715" s="613"/>
      <c r="OSZ715" s="613"/>
      <c r="OTA715" s="613"/>
      <c r="OTB715" s="613"/>
      <c r="OTC715" s="613"/>
      <c r="OTD715" s="613"/>
      <c r="OTE715" s="613"/>
      <c r="OTF715" s="613"/>
      <c r="OTG715" s="613"/>
      <c r="OTH715" s="613"/>
      <c r="OTI715" s="613"/>
      <c r="OTJ715" s="613"/>
      <c r="OTK715" s="613"/>
      <c r="OTL715" s="613"/>
      <c r="OTM715" s="613"/>
      <c r="OTN715" s="613"/>
      <c r="OTO715" s="613"/>
      <c r="OTP715" s="613"/>
      <c r="OTQ715" s="613"/>
      <c r="OTR715" s="613"/>
      <c r="OTS715" s="613"/>
      <c r="OTT715" s="613"/>
      <c r="OTU715" s="613"/>
      <c r="OTV715" s="613"/>
      <c r="OTW715" s="613"/>
      <c r="OTX715" s="613"/>
      <c r="OTY715" s="613"/>
      <c r="OTZ715" s="613"/>
      <c r="OUA715" s="613"/>
      <c r="OUB715" s="613"/>
      <c r="OUC715" s="613"/>
      <c r="OUD715" s="613"/>
      <c r="OUE715" s="613"/>
      <c r="OUF715" s="613"/>
      <c r="OUG715" s="613"/>
      <c r="OUH715" s="613"/>
      <c r="OUI715" s="613"/>
      <c r="OUJ715" s="613"/>
      <c r="OUK715" s="613"/>
      <c r="OUL715" s="613"/>
      <c r="OUM715" s="613"/>
      <c r="OUN715" s="613"/>
      <c r="OUO715" s="613"/>
      <c r="OUP715" s="613"/>
      <c r="OUQ715" s="613"/>
      <c r="OUR715" s="613"/>
      <c r="OUS715" s="613"/>
      <c r="OUT715" s="613"/>
      <c r="OUU715" s="613"/>
      <c r="OUV715" s="613"/>
      <c r="OUW715" s="613"/>
      <c r="OUX715" s="613"/>
      <c r="OUY715" s="613"/>
      <c r="OUZ715" s="613"/>
      <c r="OVA715" s="613"/>
      <c r="OVB715" s="613"/>
      <c r="OVC715" s="613"/>
      <c r="OVD715" s="613"/>
      <c r="OVE715" s="613"/>
      <c r="OVF715" s="613"/>
      <c r="OVG715" s="613"/>
      <c r="OVH715" s="613"/>
      <c r="OVI715" s="613"/>
      <c r="OVJ715" s="613"/>
      <c r="OVK715" s="613"/>
      <c r="OVL715" s="613"/>
      <c r="OVM715" s="613"/>
      <c r="OVN715" s="613"/>
      <c r="OVO715" s="613"/>
      <c r="OVP715" s="613"/>
      <c r="OVQ715" s="613"/>
      <c r="OVR715" s="613"/>
      <c r="OVS715" s="613"/>
      <c r="OVT715" s="613"/>
      <c r="OVU715" s="613"/>
      <c r="OVV715" s="613"/>
      <c r="OVW715" s="613"/>
      <c r="OVX715" s="613"/>
      <c r="OVY715" s="613"/>
      <c r="OVZ715" s="613"/>
      <c r="OWA715" s="613"/>
      <c r="OWB715" s="613"/>
      <c r="OWC715" s="613"/>
      <c r="OWD715" s="613"/>
      <c r="OWE715" s="613"/>
      <c r="OWF715" s="613"/>
      <c r="OWG715" s="613"/>
      <c r="OWH715" s="613"/>
      <c r="OWI715" s="613"/>
      <c r="OWJ715" s="613"/>
      <c r="OWK715" s="613"/>
      <c r="OWL715" s="613"/>
      <c r="OWM715" s="613"/>
      <c r="OWN715" s="613"/>
      <c r="OWO715" s="613"/>
      <c r="OWP715" s="613"/>
      <c r="OWQ715" s="613"/>
      <c r="OWR715" s="613"/>
      <c r="OWS715" s="613"/>
      <c r="OWT715" s="613"/>
      <c r="OWU715" s="613"/>
      <c r="OWV715" s="613"/>
      <c r="OWW715" s="613"/>
      <c r="OWX715" s="613"/>
      <c r="OWY715" s="613"/>
      <c r="OWZ715" s="613"/>
      <c r="OXA715" s="613"/>
      <c r="OXB715" s="613"/>
      <c r="OXC715" s="613"/>
      <c r="OXD715" s="613"/>
      <c r="OXE715" s="613"/>
      <c r="OXF715" s="613"/>
      <c r="OXG715" s="613"/>
      <c r="OXH715" s="613"/>
      <c r="OXI715" s="613"/>
      <c r="OXJ715" s="613"/>
      <c r="OXK715" s="613"/>
      <c r="OXL715" s="613"/>
      <c r="OXM715" s="613"/>
      <c r="OXN715" s="613"/>
      <c r="OXO715" s="613"/>
      <c r="OXP715" s="613"/>
      <c r="OXQ715" s="613"/>
      <c r="OXR715" s="613"/>
      <c r="OXS715" s="613"/>
      <c r="OXT715" s="613"/>
      <c r="OXU715" s="613"/>
      <c r="OXV715" s="613"/>
      <c r="OXW715" s="613"/>
      <c r="OXX715" s="613"/>
      <c r="OXY715" s="613"/>
      <c r="OXZ715" s="613"/>
      <c r="OYA715" s="613"/>
      <c r="OYB715" s="613"/>
      <c r="OYC715" s="613"/>
      <c r="OYD715" s="613"/>
      <c r="OYE715" s="613"/>
      <c r="OYF715" s="613"/>
      <c r="OYG715" s="613"/>
      <c r="OYH715" s="613"/>
      <c r="OYI715" s="613"/>
      <c r="OYJ715" s="613"/>
      <c r="OYK715" s="613"/>
      <c r="OYL715" s="613"/>
      <c r="OYM715" s="613"/>
      <c r="OYN715" s="613"/>
      <c r="OYO715" s="613"/>
      <c r="OYP715" s="613"/>
      <c r="OYQ715" s="613"/>
      <c r="OYR715" s="613"/>
      <c r="OYS715" s="613"/>
      <c r="OYT715" s="613"/>
      <c r="OYU715" s="613"/>
      <c r="OYV715" s="613"/>
      <c r="OYW715" s="613"/>
      <c r="OYX715" s="613"/>
      <c r="OYY715" s="613"/>
      <c r="OYZ715" s="613"/>
      <c r="OZA715" s="613"/>
      <c r="OZB715" s="613"/>
      <c r="OZC715" s="613"/>
      <c r="OZD715" s="613"/>
      <c r="OZE715" s="613"/>
      <c r="OZF715" s="613"/>
      <c r="OZG715" s="613"/>
      <c r="OZH715" s="613"/>
      <c r="OZI715" s="613"/>
      <c r="OZJ715" s="613"/>
      <c r="OZK715" s="613"/>
      <c r="OZL715" s="613"/>
      <c r="OZM715" s="613"/>
      <c r="OZN715" s="613"/>
      <c r="OZO715" s="613"/>
      <c r="OZP715" s="613"/>
      <c r="OZQ715" s="613"/>
      <c r="OZR715" s="613"/>
      <c r="OZS715" s="613"/>
      <c r="OZT715" s="613"/>
      <c r="OZU715" s="613"/>
      <c r="OZV715" s="613"/>
      <c r="OZW715" s="613"/>
      <c r="OZX715" s="613"/>
      <c r="OZY715" s="613"/>
      <c r="OZZ715" s="613"/>
      <c r="PAA715" s="613"/>
      <c r="PAB715" s="613"/>
      <c r="PAC715" s="613"/>
      <c r="PAD715" s="613"/>
      <c r="PAE715" s="613"/>
      <c r="PAF715" s="613"/>
      <c r="PAG715" s="613"/>
      <c r="PAH715" s="613"/>
      <c r="PAI715" s="613"/>
      <c r="PAJ715" s="613"/>
      <c r="PAK715" s="613"/>
      <c r="PAL715" s="613"/>
      <c r="PAM715" s="613"/>
      <c r="PAN715" s="613"/>
      <c r="PAO715" s="613"/>
      <c r="PAP715" s="613"/>
      <c r="PAQ715" s="613"/>
      <c r="PAR715" s="613"/>
      <c r="PAS715" s="613"/>
      <c r="PAT715" s="613"/>
      <c r="PAU715" s="613"/>
      <c r="PAV715" s="613"/>
      <c r="PAW715" s="613"/>
      <c r="PAX715" s="613"/>
      <c r="PAY715" s="613"/>
      <c r="PAZ715" s="613"/>
      <c r="PBA715" s="613"/>
      <c r="PBB715" s="613"/>
      <c r="PBC715" s="613"/>
      <c r="PBD715" s="613"/>
      <c r="PBE715" s="613"/>
      <c r="PBF715" s="613"/>
      <c r="PBG715" s="613"/>
      <c r="PBH715" s="613"/>
      <c r="PBI715" s="613"/>
      <c r="PBJ715" s="613"/>
      <c r="PBK715" s="613"/>
      <c r="PBL715" s="613"/>
      <c r="PBM715" s="613"/>
      <c r="PBN715" s="613"/>
      <c r="PBO715" s="613"/>
      <c r="PBP715" s="613"/>
      <c r="PBQ715" s="613"/>
      <c r="PBR715" s="613"/>
      <c r="PBS715" s="613"/>
      <c r="PBT715" s="613"/>
      <c r="PBU715" s="613"/>
      <c r="PBV715" s="613"/>
      <c r="PBW715" s="613"/>
      <c r="PBX715" s="613"/>
      <c r="PBY715" s="613"/>
      <c r="PBZ715" s="613"/>
      <c r="PCA715" s="613"/>
      <c r="PCB715" s="613"/>
      <c r="PCC715" s="613"/>
      <c r="PCD715" s="613"/>
      <c r="PCE715" s="613"/>
      <c r="PCF715" s="613"/>
      <c r="PCG715" s="613"/>
      <c r="PCH715" s="613"/>
      <c r="PCI715" s="613"/>
      <c r="PCJ715" s="613"/>
      <c r="PCK715" s="613"/>
      <c r="PCL715" s="613"/>
      <c r="PCM715" s="613"/>
      <c r="PCN715" s="613"/>
      <c r="PCO715" s="613"/>
      <c r="PCP715" s="613"/>
      <c r="PCQ715" s="613"/>
      <c r="PCR715" s="613"/>
      <c r="PCS715" s="613"/>
      <c r="PCT715" s="613"/>
      <c r="PCU715" s="613"/>
      <c r="PCV715" s="613"/>
      <c r="PCW715" s="613"/>
      <c r="PCX715" s="613"/>
      <c r="PCY715" s="613"/>
      <c r="PCZ715" s="613"/>
      <c r="PDA715" s="613"/>
      <c r="PDB715" s="613"/>
      <c r="PDC715" s="613"/>
      <c r="PDD715" s="613"/>
      <c r="PDE715" s="613"/>
      <c r="PDF715" s="613"/>
      <c r="PDG715" s="613"/>
      <c r="PDH715" s="613"/>
      <c r="PDI715" s="613"/>
      <c r="PDJ715" s="613"/>
      <c r="PDK715" s="613"/>
      <c r="PDL715" s="613"/>
      <c r="PDM715" s="613"/>
      <c r="PDN715" s="613"/>
      <c r="PDO715" s="613"/>
      <c r="PDP715" s="613"/>
      <c r="PDQ715" s="613"/>
      <c r="PDR715" s="613"/>
      <c r="PDS715" s="613"/>
      <c r="PDT715" s="613"/>
      <c r="PDU715" s="613"/>
      <c r="PDV715" s="613"/>
      <c r="PDW715" s="613"/>
      <c r="PDX715" s="613"/>
      <c r="PDY715" s="613"/>
      <c r="PDZ715" s="613"/>
      <c r="PEA715" s="613"/>
      <c r="PEB715" s="613"/>
      <c r="PEC715" s="613"/>
      <c r="PED715" s="613"/>
      <c r="PEE715" s="613"/>
      <c r="PEF715" s="613"/>
      <c r="PEG715" s="613"/>
      <c r="PEH715" s="613"/>
      <c r="PEI715" s="613"/>
      <c r="PEJ715" s="613"/>
      <c r="PEK715" s="613"/>
      <c r="PEL715" s="613"/>
      <c r="PEM715" s="613"/>
      <c r="PEN715" s="613"/>
      <c r="PEO715" s="613"/>
      <c r="PEP715" s="613"/>
      <c r="PEQ715" s="613"/>
      <c r="PER715" s="613"/>
      <c r="PES715" s="613"/>
      <c r="PET715" s="613"/>
      <c r="PEU715" s="613"/>
      <c r="PEV715" s="613"/>
      <c r="PEW715" s="613"/>
      <c r="PEX715" s="613"/>
      <c r="PEY715" s="613"/>
      <c r="PEZ715" s="613"/>
      <c r="PFA715" s="613"/>
      <c r="PFB715" s="613"/>
      <c r="PFC715" s="613"/>
      <c r="PFD715" s="613"/>
      <c r="PFE715" s="613"/>
      <c r="PFF715" s="613"/>
      <c r="PFG715" s="613"/>
      <c r="PFH715" s="613"/>
      <c r="PFI715" s="613"/>
      <c r="PFJ715" s="613"/>
      <c r="PFK715" s="613"/>
      <c r="PFL715" s="613"/>
      <c r="PFM715" s="613"/>
      <c r="PFN715" s="613"/>
      <c r="PFO715" s="613"/>
      <c r="PFP715" s="613"/>
      <c r="PFQ715" s="613"/>
      <c r="PFR715" s="613"/>
      <c r="PFS715" s="613"/>
      <c r="PFT715" s="613"/>
      <c r="PFU715" s="613"/>
      <c r="PFV715" s="613"/>
      <c r="PFW715" s="613"/>
      <c r="PFX715" s="613"/>
      <c r="PFY715" s="613"/>
      <c r="PFZ715" s="613"/>
      <c r="PGA715" s="613"/>
      <c r="PGB715" s="613"/>
      <c r="PGC715" s="613"/>
      <c r="PGD715" s="613"/>
      <c r="PGE715" s="613"/>
      <c r="PGF715" s="613"/>
      <c r="PGG715" s="613"/>
      <c r="PGH715" s="613"/>
      <c r="PGI715" s="613"/>
      <c r="PGJ715" s="613"/>
      <c r="PGK715" s="613"/>
      <c r="PGL715" s="613"/>
      <c r="PGM715" s="613"/>
      <c r="PGN715" s="613"/>
      <c r="PGO715" s="613"/>
      <c r="PGP715" s="613"/>
      <c r="PGQ715" s="613"/>
      <c r="PGR715" s="613"/>
      <c r="PGS715" s="613"/>
      <c r="PGT715" s="613"/>
      <c r="PGU715" s="613"/>
      <c r="PGV715" s="613"/>
      <c r="PGW715" s="613"/>
      <c r="PGX715" s="613"/>
      <c r="PGY715" s="613"/>
      <c r="PGZ715" s="613"/>
      <c r="PHA715" s="613"/>
      <c r="PHB715" s="613"/>
      <c r="PHC715" s="613"/>
      <c r="PHD715" s="613"/>
      <c r="PHE715" s="613"/>
      <c r="PHF715" s="613"/>
      <c r="PHG715" s="613"/>
      <c r="PHH715" s="613"/>
      <c r="PHI715" s="613"/>
      <c r="PHJ715" s="613"/>
      <c r="PHK715" s="613"/>
      <c r="PHL715" s="613"/>
      <c r="PHM715" s="613"/>
      <c r="PHN715" s="613"/>
      <c r="PHO715" s="613"/>
      <c r="PHP715" s="613"/>
      <c r="PHQ715" s="613"/>
      <c r="PHR715" s="613"/>
      <c r="PHS715" s="613"/>
      <c r="PHT715" s="613"/>
      <c r="PHU715" s="613"/>
      <c r="PHV715" s="613"/>
      <c r="PHW715" s="613"/>
      <c r="PHX715" s="613"/>
      <c r="PHY715" s="613"/>
      <c r="PHZ715" s="613"/>
      <c r="PIA715" s="613"/>
      <c r="PIB715" s="613"/>
      <c r="PIC715" s="613"/>
      <c r="PID715" s="613"/>
      <c r="PIE715" s="613"/>
      <c r="PIF715" s="613"/>
      <c r="PIG715" s="613"/>
      <c r="PIH715" s="613"/>
      <c r="PII715" s="613"/>
      <c r="PIJ715" s="613"/>
      <c r="PIK715" s="613"/>
      <c r="PIL715" s="613"/>
      <c r="PIM715" s="613"/>
      <c r="PIN715" s="613"/>
      <c r="PIO715" s="613"/>
      <c r="PIP715" s="613"/>
      <c r="PIQ715" s="613"/>
      <c r="PIR715" s="613"/>
      <c r="PIS715" s="613"/>
      <c r="PIT715" s="613"/>
      <c r="PIU715" s="613"/>
      <c r="PIV715" s="613"/>
      <c r="PIW715" s="613"/>
      <c r="PIX715" s="613"/>
      <c r="PIY715" s="613"/>
      <c r="PIZ715" s="613"/>
      <c r="PJA715" s="613"/>
      <c r="PJB715" s="613"/>
      <c r="PJC715" s="613"/>
      <c r="PJD715" s="613"/>
      <c r="PJE715" s="613"/>
      <c r="PJF715" s="613"/>
      <c r="PJG715" s="613"/>
      <c r="PJH715" s="613"/>
      <c r="PJI715" s="613"/>
      <c r="PJJ715" s="613"/>
      <c r="PJK715" s="613"/>
      <c r="PJL715" s="613"/>
      <c r="PJM715" s="613"/>
      <c r="PJN715" s="613"/>
      <c r="PJO715" s="613"/>
      <c r="PJP715" s="613"/>
      <c r="PJQ715" s="613"/>
      <c r="PJR715" s="613"/>
      <c r="PJS715" s="613"/>
      <c r="PJT715" s="613"/>
      <c r="PJU715" s="613"/>
      <c r="PJV715" s="613"/>
      <c r="PJW715" s="613"/>
      <c r="PJX715" s="613"/>
      <c r="PJY715" s="613"/>
      <c r="PJZ715" s="613"/>
      <c r="PKA715" s="613"/>
      <c r="PKB715" s="613"/>
      <c r="PKC715" s="613"/>
      <c r="PKD715" s="613"/>
      <c r="PKE715" s="613"/>
      <c r="PKF715" s="613"/>
      <c r="PKG715" s="613"/>
      <c r="PKH715" s="613"/>
      <c r="PKI715" s="613"/>
      <c r="PKJ715" s="613"/>
      <c r="PKK715" s="613"/>
      <c r="PKL715" s="613"/>
      <c r="PKM715" s="613"/>
      <c r="PKN715" s="613"/>
      <c r="PKO715" s="613"/>
      <c r="PKP715" s="613"/>
      <c r="PKQ715" s="613"/>
      <c r="PKR715" s="613"/>
      <c r="PKS715" s="613"/>
      <c r="PKT715" s="613"/>
      <c r="PKU715" s="613"/>
      <c r="PKV715" s="613"/>
      <c r="PKW715" s="613"/>
      <c r="PKX715" s="613"/>
      <c r="PKY715" s="613"/>
      <c r="PKZ715" s="613"/>
      <c r="PLA715" s="613"/>
      <c r="PLB715" s="613"/>
      <c r="PLC715" s="613"/>
      <c r="PLD715" s="613"/>
      <c r="PLE715" s="613"/>
      <c r="PLF715" s="613"/>
      <c r="PLG715" s="613"/>
      <c r="PLH715" s="613"/>
      <c r="PLI715" s="613"/>
      <c r="PLJ715" s="613"/>
      <c r="PLK715" s="613"/>
      <c r="PLL715" s="613"/>
      <c r="PLM715" s="613"/>
      <c r="PLN715" s="613"/>
      <c r="PLO715" s="613"/>
      <c r="PLP715" s="613"/>
      <c r="PLQ715" s="613"/>
      <c r="PLR715" s="613"/>
      <c r="PLS715" s="613"/>
      <c r="PLT715" s="613"/>
      <c r="PLU715" s="613"/>
      <c r="PLV715" s="613"/>
      <c r="PLW715" s="613"/>
      <c r="PLX715" s="613"/>
      <c r="PLY715" s="613"/>
      <c r="PLZ715" s="613"/>
      <c r="PMA715" s="613"/>
      <c r="PMB715" s="613"/>
      <c r="PMC715" s="613"/>
      <c r="PMD715" s="613"/>
      <c r="PME715" s="613"/>
      <c r="PMF715" s="613"/>
      <c r="PMG715" s="613"/>
      <c r="PMH715" s="613"/>
      <c r="PMI715" s="613"/>
      <c r="PMJ715" s="613"/>
      <c r="PMK715" s="613"/>
      <c r="PML715" s="613"/>
      <c r="PMM715" s="613"/>
      <c r="PMN715" s="613"/>
      <c r="PMO715" s="613"/>
      <c r="PMP715" s="613"/>
      <c r="PMQ715" s="613"/>
      <c r="PMR715" s="613"/>
      <c r="PMS715" s="613"/>
      <c r="PMT715" s="613"/>
      <c r="PMU715" s="613"/>
      <c r="PMV715" s="613"/>
      <c r="PMW715" s="613"/>
      <c r="PMX715" s="613"/>
      <c r="PMY715" s="613"/>
      <c r="PMZ715" s="613"/>
      <c r="PNA715" s="613"/>
      <c r="PNB715" s="613"/>
      <c r="PNC715" s="613"/>
      <c r="PND715" s="613"/>
      <c r="PNE715" s="613"/>
      <c r="PNF715" s="613"/>
      <c r="PNG715" s="613"/>
      <c r="PNH715" s="613"/>
      <c r="PNI715" s="613"/>
      <c r="PNJ715" s="613"/>
      <c r="PNK715" s="613"/>
      <c r="PNL715" s="613"/>
      <c r="PNM715" s="613"/>
      <c r="PNN715" s="613"/>
      <c r="PNO715" s="613"/>
      <c r="PNP715" s="613"/>
      <c r="PNQ715" s="613"/>
      <c r="PNR715" s="613"/>
      <c r="PNS715" s="613"/>
      <c r="PNT715" s="613"/>
      <c r="PNU715" s="613"/>
      <c r="PNV715" s="613"/>
      <c r="PNW715" s="613"/>
      <c r="PNX715" s="613"/>
      <c r="PNY715" s="613"/>
      <c r="PNZ715" s="613"/>
      <c r="POA715" s="613"/>
      <c r="POB715" s="613"/>
      <c r="POC715" s="613"/>
      <c r="POD715" s="613"/>
      <c r="POE715" s="613"/>
      <c r="POF715" s="613"/>
      <c r="POG715" s="613"/>
      <c r="POH715" s="613"/>
      <c r="POI715" s="613"/>
      <c r="POJ715" s="613"/>
      <c r="POK715" s="613"/>
      <c r="POL715" s="613"/>
      <c r="POM715" s="613"/>
      <c r="PON715" s="613"/>
      <c r="POO715" s="613"/>
      <c r="POP715" s="613"/>
      <c r="POQ715" s="613"/>
      <c r="POR715" s="613"/>
      <c r="POS715" s="613"/>
      <c r="POT715" s="613"/>
      <c r="POU715" s="613"/>
      <c r="POV715" s="613"/>
      <c r="POW715" s="613"/>
      <c r="POX715" s="613"/>
      <c r="POY715" s="613"/>
      <c r="POZ715" s="613"/>
      <c r="PPA715" s="613"/>
      <c r="PPB715" s="613"/>
      <c r="PPC715" s="613"/>
      <c r="PPD715" s="613"/>
      <c r="PPE715" s="613"/>
      <c r="PPF715" s="613"/>
      <c r="PPG715" s="613"/>
      <c r="PPH715" s="613"/>
      <c r="PPI715" s="613"/>
      <c r="PPJ715" s="613"/>
      <c r="PPK715" s="613"/>
      <c r="PPL715" s="613"/>
      <c r="PPM715" s="613"/>
      <c r="PPN715" s="613"/>
      <c r="PPO715" s="613"/>
      <c r="PPP715" s="613"/>
      <c r="PPQ715" s="613"/>
      <c r="PPR715" s="613"/>
      <c r="PPS715" s="613"/>
      <c r="PPT715" s="613"/>
      <c r="PPU715" s="613"/>
      <c r="PPV715" s="613"/>
      <c r="PPW715" s="613"/>
      <c r="PPX715" s="613"/>
      <c r="PPY715" s="613"/>
      <c r="PPZ715" s="613"/>
      <c r="PQA715" s="613"/>
      <c r="PQB715" s="613"/>
      <c r="PQC715" s="613"/>
      <c r="PQD715" s="613"/>
      <c r="PQE715" s="613"/>
      <c r="PQF715" s="613"/>
      <c r="PQG715" s="613"/>
      <c r="PQH715" s="613"/>
      <c r="PQI715" s="613"/>
      <c r="PQJ715" s="613"/>
      <c r="PQK715" s="613"/>
      <c r="PQL715" s="613"/>
      <c r="PQM715" s="613"/>
      <c r="PQN715" s="613"/>
      <c r="PQO715" s="613"/>
      <c r="PQP715" s="613"/>
      <c r="PQQ715" s="613"/>
      <c r="PQR715" s="613"/>
      <c r="PQS715" s="613"/>
      <c r="PQT715" s="613"/>
      <c r="PQU715" s="613"/>
      <c r="PQV715" s="613"/>
      <c r="PQW715" s="613"/>
      <c r="PQX715" s="613"/>
      <c r="PQY715" s="613"/>
      <c r="PQZ715" s="613"/>
      <c r="PRA715" s="613"/>
      <c r="PRB715" s="613"/>
      <c r="PRC715" s="613"/>
      <c r="PRD715" s="613"/>
      <c r="PRE715" s="613"/>
      <c r="PRF715" s="613"/>
      <c r="PRG715" s="613"/>
      <c r="PRH715" s="613"/>
      <c r="PRI715" s="613"/>
      <c r="PRJ715" s="613"/>
      <c r="PRK715" s="613"/>
      <c r="PRL715" s="613"/>
      <c r="PRM715" s="613"/>
      <c r="PRN715" s="613"/>
      <c r="PRO715" s="613"/>
      <c r="PRP715" s="613"/>
      <c r="PRQ715" s="613"/>
      <c r="PRR715" s="613"/>
      <c r="PRS715" s="613"/>
      <c r="PRT715" s="613"/>
      <c r="PRU715" s="613"/>
      <c r="PRV715" s="613"/>
      <c r="PRW715" s="613"/>
      <c r="PRX715" s="613"/>
      <c r="PRY715" s="613"/>
      <c r="PRZ715" s="613"/>
      <c r="PSA715" s="613"/>
      <c r="PSB715" s="613"/>
      <c r="PSC715" s="613"/>
      <c r="PSD715" s="613"/>
      <c r="PSE715" s="613"/>
      <c r="PSF715" s="613"/>
      <c r="PSG715" s="613"/>
      <c r="PSH715" s="613"/>
      <c r="PSI715" s="613"/>
      <c r="PSJ715" s="613"/>
      <c r="PSK715" s="613"/>
      <c r="PSL715" s="613"/>
      <c r="PSM715" s="613"/>
      <c r="PSN715" s="613"/>
      <c r="PSO715" s="613"/>
      <c r="PSP715" s="613"/>
      <c r="PSQ715" s="613"/>
      <c r="PSR715" s="613"/>
      <c r="PSS715" s="613"/>
      <c r="PST715" s="613"/>
      <c r="PSU715" s="613"/>
      <c r="PSV715" s="613"/>
      <c r="PSW715" s="613"/>
      <c r="PSX715" s="613"/>
      <c r="PSY715" s="613"/>
      <c r="PSZ715" s="613"/>
      <c r="PTA715" s="613"/>
      <c r="PTB715" s="613"/>
      <c r="PTC715" s="613"/>
      <c r="PTD715" s="613"/>
      <c r="PTE715" s="613"/>
      <c r="PTF715" s="613"/>
      <c r="PTG715" s="613"/>
      <c r="PTH715" s="613"/>
      <c r="PTI715" s="613"/>
      <c r="PTJ715" s="613"/>
      <c r="PTK715" s="613"/>
      <c r="PTL715" s="613"/>
      <c r="PTM715" s="613"/>
      <c r="PTN715" s="613"/>
      <c r="PTO715" s="613"/>
      <c r="PTP715" s="613"/>
      <c r="PTQ715" s="613"/>
      <c r="PTR715" s="613"/>
      <c r="PTS715" s="613"/>
      <c r="PTT715" s="613"/>
      <c r="PTU715" s="613"/>
      <c r="PTV715" s="613"/>
      <c r="PTW715" s="613"/>
      <c r="PTX715" s="613"/>
      <c r="PTY715" s="613"/>
      <c r="PTZ715" s="613"/>
      <c r="PUA715" s="613"/>
      <c r="PUB715" s="613"/>
      <c r="PUC715" s="613"/>
      <c r="PUD715" s="613"/>
      <c r="PUE715" s="613"/>
      <c r="PUF715" s="613"/>
      <c r="PUG715" s="613"/>
      <c r="PUH715" s="613"/>
      <c r="PUI715" s="613"/>
      <c r="PUJ715" s="613"/>
      <c r="PUK715" s="613"/>
      <c r="PUL715" s="613"/>
      <c r="PUM715" s="613"/>
      <c r="PUN715" s="613"/>
      <c r="PUO715" s="613"/>
      <c r="PUP715" s="613"/>
      <c r="PUQ715" s="613"/>
      <c r="PUR715" s="613"/>
      <c r="PUS715" s="613"/>
      <c r="PUT715" s="613"/>
      <c r="PUU715" s="613"/>
      <c r="PUV715" s="613"/>
      <c r="PUW715" s="613"/>
      <c r="PUX715" s="613"/>
      <c r="PUY715" s="613"/>
      <c r="PUZ715" s="613"/>
      <c r="PVA715" s="613"/>
      <c r="PVB715" s="613"/>
      <c r="PVC715" s="613"/>
      <c r="PVD715" s="613"/>
      <c r="PVE715" s="613"/>
      <c r="PVF715" s="613"/>
      <c r="PVG715" s="613"/>
      <c r="PVH715" s="613"/>
      <c r="PVI715" s="613"/>
      <c r="PVJ715" s="613"/>
      <c r="PVK715" s="613"/>
      <c r="PVL715" s="613"/>
      <c r="PVM715" s="613"/>
      <c r="PVN715" s="613"/>
      <c r="PVO715" s="613"/>
      <c r="PVP715" s="613"/>
      <c r="PVQ715" s="613"/>
      <c r="PVR715" s="613"/>
      <c r="PVS715" s="613"/>
      <c r="PVT715" s="613"/>
      <c r="PVU715" s="613"/>
      <c r="PVV715" s="613"/>
      <c r="PVW715" s="613"/>
      <c r="PVX715" s="613"/>
      <c r="PVY715" s="613"/>
      <c r="PVZ715" s="613"/>
      <c r="PWA715" s="613"/>
      <c r="PWB715" s="613"/>
      <c r="PWC715" s="613"/>
      <c r="PWD715" s="613"/>
      <c r="PWE715" s="613"/>
      <c r="PWF715" s="613"/>
      <c r="PWG715" s="613"/>
      <c r="PWH715" s="613"/>
      <c r="PWI715" s="613"/>
      <c r="PWJ715" s="613"/>
      <c r="PWK715" s="613"/>
      <c r="PWL715" s="613"/>
      <c r="PWM715" s="613"/>
      <c r="PWN715" s="613"/>
      <c r="PWO715" s="613"/>
      <c r="PWP715" s="613"/>
      <c r="PWQ715" s="613"/>
      <c r="PWR715" s="613"/>
      <c r="PWS715" s="613"/>
      <c r="PWT715" s="613"/>
      <c r="PWU715" s="613"/>
      <c r="PWV715" s="613"/>
      <c r="PWW715" s="613"/>
      <c r="PWX715" s="613"/>
      <c r="PWY715" s="613"/>
      <c r="PWZ715" s="613"/>
      <c r="PXA715" s="613"/>
      <c r="PXB715" s="613"/>
      <c r="PXC715" s="613"/>
      <c r="PXD715" s="613"/>
      <c r="PXE715" s="613"/>
      <c r="PXF715" s="613"/>
      <c r="PXG715" s="613"/>
      <c r="PXH715" s="613"/>
      <c r="PXI715" s="613"/>
      <c r="PXJ715" s="613"/>
      <c r="PXK715" s="613"/>
      <c r="PXL715" s="613"/>
      <c r="PXM715" s="613"/>
      <c r="PXN715" s="613"/>
      <c r="PXO715" s="613"/>
      <c r="PXP715" s="613"/>
      <c r="PXQ715" s="613"/>
      <c r="PXR715" s="613"/>
      <c r="PXS715" s="613"/>
      <c r="PXT715" s="613"/>
      <c r="PXU715" s="613"/>
      <c r="PXV715" s="613"/>
      <c r="PXW715" s="613"/>
      <c r="PXX715" s="613"/>
      <c r="PXY715" s="613"/>
      <c r="PXZ715" s="613"/>
      <c r="PYA715" s="613"/>
      <c r="PYB715" s="613"/>
      <c r="PYC715" s="613"/>
      <c r="PYD715" s="613"/>
      <c r="PYE715" s="613"/>
      <c r="PYF715" s="613"/>
      <c r="PYG715" s="613"/>
      <c r="PYH715" s="613"/>
      <c r="PYI715" s="613"/>
      <c r="PYJ715" s="613"/>
      <c r="PYK715" s="613"/>
      <c r="PYL715" s="613"/>
      <c r="PYM715" s="613"/>
      <c r="PYN715" s="613"/>
      <c r="PYO715" s="613"/>
      <c r="PYP715" s="613"/>
      <c r="PYQ715" s="613"/>
      <c r="PYR715" s="613"/>
      <c r="PYS715" s="613"/>
      <c r="PYT715" s="613"/>
      <c r="PYU715" s="613"/>
      <c r="PYV715" s="613"/>
      <c r="PYW715" s="613"/>
      <c r="PYX715" s="613"/>
      <c r="PYY715" s="613"/>
      <c r="PYZ715" s="613"/>
      <c r="PZA715" s="613"/>
      <c r="PZB715" s="613"/>
      <c r="PZC715" s="613"/>
      <c r="PZD715" s="613"/>
      <c r="PZE715" s="613"/>
      <c r="PZF715" s="613"/>
      <c r="PZG715" s="613"/>
      <c r="PZH715" s="613"/>
      <c r="PZI715" s="613"/>
      <c r="PZJ715" s="613"/>
      <c r="PZK715" s="613"/>
      <c r="PZL715" s="613"/>
      <c r="PZM715" s="613"/>
      <c r="PZN715" s="613"/>
      <c r="PZO715" s="613"/>
      <c r="PZP715" s="613"/>
      <c r="PZQ715" s="613"/>
      <c r="PZR715" s="613"/>
      <c r="PZS715" s="613"/>
      <c r="PZT715" s="613"/>
      <c r="PZU715" s="613"/>
      <c r="PZV715" s="613"/>
      <c r="PZW715" s="613"/>
      <c r="PZX715" s="613"/>
      <c r="PZY715" s="613"/>
      <c r="PZZ715" s="613"/>
      <c r="QAA715" s="613"/>
      <c r="QAB715" s="613"/>
      <c r="QAC715" s="613"/>
      <c r="QAD715" s="613"/>
      <c r="QAE715" s="613"/>
      <c r="QAF715" s="613"/>
      <c r="QAG715" s="613"/>
      <c r="QAH715" s="613"/>
      <c r="QAI715" s="613"/>
      <c r="QAJ715" s="613"/>
      <c r="QAK715" s="613"/>
      <c r="QAL715" s="613"/>
      <c r="QAM715" s="613"/>
      <c r="QAN715" s="613"/>
      <c r="QAO715" s="613"/>
      <c r="QAP715" s="613"/>
      <c r="QAQ715" s="613"/>
      <c r="QAR715" s="613"/>
      <c r="QAS715" s="613"/>
      <c r="QAT715" s="613"/>
      <c r="QAU715" s="613"/>
      <c r="QAV715" s="613"/>
      <c r="QAW715" s="613"/>
      <c r="QAX715" s="613"/>
      <c r="QAY715" s="613"/>
      <c r="QAZ715" s="613"/>
      <c r="QBA715" s="613"/>
      <c r="QBB715" s="613"/>
      <c r="QBC715" s="613"/>
      <c r="QBD715" s="613"/>
      <c r="QBE715" s="613"/>
      <c r="QBF715" s="613"/>
      <c r="QBG715" s="613"/>
      <c r="QBH715" s="613"/>
      <c r="QBI715" s="613"/>
      <c r="QBJ715" s="613"/>
      <c r="QBK715" s="613"/>
      <c r="QBL715" s="613"/>
      <c r="QBM715" s="613"/>
      <c r="QBN715" s="613"/>
      <c r="QBO715" s="613"/>
      <c r="QBP715" s="613"/>
      <c r="QBQ715" s="613"/>
      <c r="QBR715" s="613"/>
      <c r="QBS715" s="613"/>
      <c r="QBT715" s="613"/>
      <c r="QBU715" s="613"/>
      <c r="QBV715" s="613"/>
      <c r="QBW715" s="613"/>
      <c r="QBX715" s="613"/>
      <c r="QBY715" s="613"/>
      <c r="QBZ715" s="613"/>
      <c r="QCA715" s="613"/>
      <c r="QCB715" s="613"/>
      <c r="QCC715" s="613"/>
      <c r="QCD715" s="613"/>
      <c r="QCE715" s="613"/>
      <c r="QCF715" s="613"/>
      <c r="QCG715" s="613"/>
      <c r="QCH715" s="613"/>
      <c r="QCI715" s="613"/>
      <c r="QCJ715" s="613"/>
      <c r="QCK715" s="613"/>
      <c r="QCL715" s="613"/>
      <c r="QCM715" s="613"/>
      <c r="QCN715" s="613"/>
      <c r="QCO715" s="613"/>
      <c r="QCP715" s="613"/>
      <c r="QCQ715" s="613"/>
      <c r="QCR715" s="613"/>
      <c r="QCS715" s="613"/>
      <c r="QCT715" s="613"/>
      <c r="QCU715" s="613"/>
      <c r="QCV715" s="613"/>
      <c r="QCW715" s="613"/>
      <c r="QCX715" s="613"/>
      <c r="QCY715" s="613"/>
      <c r="QCZ715" s="613"/>
      <c r="QDA715" s="613"/>
      <c r="QDB715" s="613"/>
      <c r="QDC715" s="613"/>
      <c r="QDD715" s="613"/>
      <c r="QDE715" s="613"/>
      <c r="QDF715" s="613"/>
      <c r="QDG715" s="613"/>
      <c r="QDH715" s="613"/>
      <c r="QDI715" s="613"/>
      <c r="QDJ715" s="613"/>
      <c r="QDK715" s="613"/>
      <c r="QDL715" s="613"/>
      <c r="QDM715" s="613"/>
      <c r="QDN715" s="613"/>
      <c r="QDO715" s="613"/>
      <c r="QDP715" s="613"/>
      <c r="QDQ715" s="613"/>
      <c r="QDR715" s="613"/>
      <c r="QDS715" s="613"/>
      <c r="QDT715" s="613"/>
      <c r="QDU715" s="613"/>
      <c r="QDV715" s="613"/>
      <c r="QDW715" s="613"/>
      <c r="QDX715" s="613"/>
      <c r="QDY715" s="613"/>
      <c r="QDZ715" s="613"/>
      <c r="QEA715" s="613"/>
      <c r="QEB715" s="613"/>
      <c r="QEC715" s="613"/>
      <c r="QED715" s="613"/>
      <c r="QEE715" s="613"/>
      <c r="QEF715" s="613"/>
      <c r="QEG715" s="613"/>
      <c r="QEH715" s="613"/>
      <c r="QEI715" s="613"/>
      <c r="QEJ715" s="613"/>
      <c r="QEK715" s="613"/>
      <c r="QEL715" s="613"/>
      <c r="QEM715" s="613"/>
      <c r="QEN715" s="613"/>
      <c r="QEO715" s="613"/>
      <c r="QEP715" s="613"/>
      <c r="QEQ715" s="613"/>
      <c r="QER715" s="613"/>
      <c r="QES715" s="613"/>
      <c r="QET715" s="613"/>
      <c r="QEU715" s="613"/>
      <c r="QEV715" s="613"/>
      <c r="QEW715" s="613"/>
      <c r="QEX715" s="613"/>
      <c r="QEY715" s="613"/>
      <c r="QEZ715" s="613"/>
      <c r="QFA715" s="613"/>
      <c r="QFB715" s="613"/>
      <c r="QFC715" s="613"/>
      <c r="QFD715" s="613"/>
      <c r="QFE715" s="613"/>
      <c r="QFF715" s="613"/>
      <c r="QFG715" s="613"/>
      <c r="QFH715" s="613"/>
      <c r="QFI715" s="613"/>
      <c r="QFJ715" s="613"/>
      <c r="QFK715" s="613"/>
      <c r="QFL715" s="613"/>
      <c r="QFM715" s="613"/>
      <c r="QFN715" s="613"/>
      <c r="QFO715" s="613"/>
      <c r="QFP715" s="613"/>
      <c r="QFQ715" s="613"/>
      <c r="QFR715" s="613"/>
      <c r="QFS715" s="613"/>
      <c r="QFT715" s="613"/>
      <c r="QFU715" s="613"/>
      <c r="QFV715" s="613"/>
      <c r="QFW715" s="613"/>
      <c r="QFX715" s="613"/>
      <c r="QFY715" s="613"/>
      <c r="QFZ715" s="613"/>
      <c r="QGA715" s="613"/>
      <c r="QGB715" s="613"/>
      <c r="QGC715" s="613"/>
      <c r="QGD715" s="613"/>
      <c r="QGE715" s="613"/>
      <c r="QGF715" s="613"/>
      <c r="QGG715" s="613"/>
      <c r="QGH715" s="613"/>
      <c r="QGI715" s="613"/>
      <c r="QGJ715" s="613"/>
      <c r="QGK715" s="613"/>
      <c r="QGL715" s="613"/>
      <c r="QGM715" s="613"/>
      <c r="QGN715" s="613"/>
      <c r="QGO715" s="613"/>
      <c r="QGP715" s="613"/>
      <c r="QGQ715" s="613"/>
      <c r="QGR715" s="613"/>
      <c r="QGS715" s="613"/>
      <c r="QGT715" s="613"/>
      <c r="QGU715" s="613"/>
      <c r="QGV715" s="613"/>
      <c r="QGW715" s="613"/>
      <c r="QGX715" s="613"/>
      <c r="QGY715" s="613"/>
      <c r="QGZ715" s="613"/>
      <c r="QHA715" s="613"/>
      <c r="QHB715" s="613"/>
      <c r="QHC715" s="613"/>
      <c r="QHD715" s="613"/>
      <c r="QHE715" s="613"/>
      <c r="QHF715" s="613"/>
      <c r="QHG715" s="613"/>
      <c r="QHH715" s="613"/>
      <c r="QHI715" s="613"/>
      <c r="QHJ715" s="613"/>
      <c r="QHK715" s="613"/>
      <c r="QHL715" s="613"/>
      <c r="QHM715" s="613"/>
      <c r="QHN715" s="613"/>
      <c r="QHO715" s="613"/>
      <c r="QHP715" s="613"/>
      <c r="QHQ715" s="613"/>
      <c r="QHR715" s="613"/>
      <c r="QHS715" s="613"/>
      <c r="QHT715" s="613"/>
      <c r="QHU715" s="613"/>
      <c r="QHV715" s="613"/>
      <c r="QHW715" s="613"/>
      <c r="QHX715" s="613"/>
      <c r="QHY715" s="613"/>
      <c r="QHZ715" s="613"/>
      <c r="QIA715" s="613"/>
      <c r="QIB715" s="613"/>
      <c r="QIC715" s="613"/>
      <c r="QID715" s="613"/>
      <c r="QIE715" s="613"/>
      <c r="QIF715" s="613"/>
      <c r="QIG715" s="613"/>
      <c r="QIH715" s="613"/>
      <c r="QII715" s="613"/>
      <c r="QIJ715" s="613"/>
      <c r="QIK715" s="613"/>
      <c r="QIL715" s="613"/>
      <c r="QIM715" s="613"/>
      <c r="QIN715" s="613"/>
      <c r="QIO715" s="613"/>
      <c r="QIP715" s="613"/>
      <c r="QIQ715" s="613"/>
      <c r="QIR715" s="613"/>
      <c r="QIS715" s="613"/>
      <c r="QIT715" s="613"/>
      <c r="QIU715" s="613"/>
      <c r="QIV715" s="613"/>
      <c r="QIW715" s="613"/>
      <c r="QIX715" s="613"/>
      <c r="QIY715" s="613"/>
      <c r="QIZ715" s="613"/>
      <c r="QJA715" s="613"/>
      <c r="QJB715" s="613"/>
      <c r="QJC715" s="613"/>
      <c r="QJD715" s="613"/>
      <c r="QJE715" s="613"/>
      <c r="QJF715" s="613"/>
      <c r="QJG715" s="613"/>
      <c r="QJH715" s="613"/>
      <c r="QJI715" s="613"/>
      <c r="QJJ715" s="613"/>
      <c r="QJK715" s="613"/>
      <c r="QJL715" s="613"/>
      <c r="QJM715" s="613"/>
      <c r="QJN715" s="613"/>
      <c r="QJO715" s="613"/>
      <c r="QJP715" s="613"/>
      <c r="QJQ715" s="613"/>
      <c r="QJR715" s="613"/>
      <c r="QJS715" s="613"/>
      <c r="QJT715" s="613"/>
      <c r="QJU715" s="613"/>
      <c r="QJV715" s="613"/>
      <c r="QJW715" s="613"/>
      <c r="QJX715" s="613"/>
      <c r="QJY715" s="613"/>
      <c r="QJZ715" s="613"/>
      <c r="QKA715" s="613"/>
      <c r="QKB715" s="613"/>
      <c r="QKC715" s="613"/>
      <c r="QKD715" s="613"/>
      <c r="QKE715" s="613"/>
      <c r="QKF715" s="613"/>
      <c r="QKG715" s="613"/>
      <c r="QKH715" s="613"/>
      <c r="QKI715" s="613"/>
      <c r="QKJ715" s="613"/>
      <c r="QKK715" s="613"/>
      <c r="QKL715" s="613"/>
      <c r="QKM715" s="613"/>
      <c r="QKN715" s="613"/>
      <c r="QKO715" s="613"/>
      <c r="QKP715" s="613"/>
      <c r="QKQ715" s="613"/>
      <c r="QKR715" s="613"/>
      <c r="QKS715" s="613"/>
      <c r="QKT715" s="613"/>
      <c r="QKU715" s="613"/>
      <c r="QKV715" s="613"/>
      <c r="QKW715" s="613"/>
      <c r="QKX715" s="613"/>
      <c r="QKY715" s="613"/>
      <c r="QKZ715" s="613"/>
      <c r="QLA715" s="613"/>
      <c r="QLB715" s="613"/>
      <c r="QLC715" s="613"/>
      <c r="QLD715" s="613"/>
      <c r="QLE715" s="613"/>
      <c r="QLF715" s="613"/>
      <c r="QLG715" s="613"/>
      <c r="QLH715" s="613"/>
      <c r="QLI715" s="613"/>
      <c r="QLJ715" s="613"/>
      <c r="QLK715" s="613"/>
      <c r="QLL715" s="613"/>
      <c r="QLM715" s="613"/>
      <c r="QLN715" s="613"/>
      <c r="QLO715" s="613"/>
      <c r="QLP715" s="613"/>
      <c r="QLQ715" s="613"/>
      <c r="QLR715" s="613"/>
      <c r="QLS715" s="613"/>
      <c r="QLT715" s="613"/>
      <c r="QLU715" s="613"/>
      <c r="QLV715" s="613"/>
      <c r="QLW715" s="613"/>
      <c r="QLX715" s="613"/>
      <c r="QLY715" s="613"/>
      <c r="QLZ715" s="613"/>
      <c r="QMA715" s="613"/>
      <c r="QMB715" s="613"/>
      <c r="QMC715" s="613"/>
      <c r="QMD715" s="613"/>
      <c r="QME715" s="613"/>
      <c r="QMF715" s="613"/>
      <c r="QMG715" s="613"/>
      <c r="QMH715" s="613"/>
      <c r="QMI715" s="613"/>
      <c r="QMJ715" s="613"/>
      <c r="QMK715" s="613"/>
      <c r="QML715" s="613"/>
      <c r="QMM715" s="613"/>
      <c r="QMN715" s="613"/>
      <c r="QMO715" s="613"/>
      <c r="QMP715" s="613"/>
      <c r="QMQ715" s="613"/>
      <c r="QMR715" s="613"/>
      <c r="QMS715" s="613"/>
      <c r="QMT715" s="613"/>
      <c r="QMU715" s="613"/>
      <c r="QMV715" s="613"/>
      <c r="QMW715" s="613"/>
      <c r="QMX715" s="613"/>
      <c r="QMY715" s="613"/>
      <c r="QMZ715" s="613"/>
      <c r="QNA715" s="613"/>
      <c r="QNB715" s="613"/>
      <c r="QNC715" s="613"/>
      <c r="QND715" s="613"/>
      <c r="QNE715" s="613"/>
      <c r="QNF715" s="613"/>
      <c r="QNG715" s="613"/>
      <c r="QNH715" s="613"/>
      <c r="QNI715" s="613"/>
      <c r="QNJ715" s="613"/>
      <c r="QNK715" s="613"/>
      <c r="QNL715" s="613"/>
      <c r="QNM715" s="613"/>
      <c r="QNN715" s="613"/>
      <c r="QNO715" s="613"/>
      <c r="QNP715" s="613"/>
      <c r="QNQ715" s="613"/>
      <c r="QNR715" s="613"/>
      <c r="QNS715" s="613"/>
      <c r="QNT715" s="613"/>
      <c r="QNU715" s="613"/>
      <c r="QNV715" s="613"/>
      <c r="QNW715" s="613"/>
      <c r="QNX715" s="613"/>
      <c r="QNY715" s="613"/>
      <c r="QNZ715" s="613"/>
      <c r="QOA715" s="613"/>
      <c r="QOB715" s="613"/>
      <c r="QOC715" s="613"/>
      <c r="QOD715" s="613"/>
      <c r="QOE715" s="613"/>
      <c r="QOF715" s="613"/>
      <c r="QOG715" s="613"/>
      <c r="QOH715" s="613"/>
      <c r="QOI715" s="613"/>
      <c r="QOJ715" s="613"/>
      <c r="QOK715" s="613"/>
      <c r="QOL715" s="613"/>
      <c r="QOM715" s="613"/>
      <c r="QON715" s="613"/>
      <c r="QOO715" s="613"/>
      <c r="QOP715" s="613"/>
      <c r="QOQ715" s="613"/>
      <c r="QOR715" s="613"/>
      <c r="QOS715" s="613"/>
      <c r="QOT715" s="613"/>
      <c r="QOU715" s="613"/>
      <c r="QOV715" s="613"/>
      <c r="QOW715" s="613"/>
      <c r="QOX715" s="613"/>
      <c r="QOY715" s="613"/>
      <c r="QOZ715" s="613"/>
      <c r="QPA715" s="613"/>
      <c r="QPB715" s="613"/>
      <c r="QPC715" s="613"/>
      <c r="QPD715" s="613"/>
      <c r="QPE715" s="613"/>
      <c r="QPF715" s="613"/>
      <c r="QPG715" s="613"/>
      <c r="QPH715" s="613"/>
      <c r="QPI715" s="613"/>
      <c r="QPJ715" s="613"/>
      <c r="QPK715" s="613"/>
      <c r="QPL715" s="613"/>
      <c r="QPM715" s="613"/>
      <c r="QPN715" s="613"/>
      <c r="QPO715" s="613"/>
      <c r="QPP715" s="613"/>
      <c r="QPQ715" s="613"/>
      <c r="QPR715" s="613"/>
      <c r="QPS715" s="613"/>
      <c r="QPT715" s="613"/>
      <c r="QPU715" s="613"/>
      <c r="QPV715" s="613"/>
      <c r="QPW715" s="613"/>
      <c r="QPX715" s="613"/>
      <c r="QPY715" s="613"/>
      <c r="QPZ715" s="613"/>
      <c r="QQA715" s="613"/>
      <c r="QQB715" s="613"/>
      <c r="QQC715" s="613"/>
      <c r="QQD715" s="613"/>
      <c r="QQE715" s="613"/>
      <c r="QQF715" s="613"/>
      <c r="QQG715" s="613"/>
      <c r="QQH715" s="613"/>
      <c r="QQI715" s="613"/>
      <c r="QQJ715" s="613"/>
      <c r="QQK715" s="613"/>
      <c r="QQL715" s="613"/>
      <c r="QQM715" s="613"/>
      <c r="QQN715" s="613"/>
      <c r="QQO715" s="613"/>
      <c r="QQP715" s="613"/>
      <c r="QQQ715" s="613"/>
      <c r="QQR715" s="613"/>
      <c r="QQS715" s="613"/>
      <c r="QQT715" s="613"/>
      <c r="QQU715" s="613"/>
      <c r="QQV715" s="613"/>
      <c r="QQW715" s="613"/>
      <c r="QQX715" s="613"/>
      <c r="QQY715" s="613"/>
      <c r="QQZ715" s="613"/>
      <c r="QRA715" s="613"/>
      <c r="QRB715" s="613"/>
      <c r="QRC715" s="613"/>
      <c r="QRD715" s="613"/>
      <c r="QRE715" s="613"/>
      <c r="QRF715" s="613"/>
      <c r="QRG715" s="613"/>
      <c r="QRH715" s="613"/>
      <c r="QRI715" s="613"/>
      <c r="QRJ715" s="613"/>
      <c r="QRK715" s="613"/>
      <c r="QRL715" s="613"/>
      <c r="QRM715" s="613"/>
      <c r="QRN715" s="613"/>
      <c r="QRO715" s="613"/>
      <c r="QRP715" s="613"/>
      <c r="QRQ715" s="613"/>
      <c r="QRR715" s="613"/>
      <c r="QRS715" s="613"/>
      <c r="QRT715" s="613"/>
      <c r="QRU715" s="613"/>
      <c r="QRV715" s="613"/>
      <c r="QRW715" s="613"/>
      <c r="QRX715" s="613"/>
      <c r="QRY715" s="613"/>
      <c r="QRZ715" s="613"/>
      <c r="QSA715" s="613"/>
      <c r="QSB715" s="613"/>
      <c r="QSC715" s="613"/>
      <c r="QSD715" s="613"/>
      <c r="QSE715" s="613"/>
      <c r="QSF715" s="613"/>
      <c r="QSG715" s="613"/>
      <c r="QSH715" s="613"/>
      <c r="QSI715" s="613"/>
      <c r="QSJ715" s="613"/>
      <c r="QSK715" s="613"/>
      <c r="QSL715" s="613"/>
      <c r="QSM715" s="613"/>
      <c r="QSN715" s="613"/>
      <c r="QSO715" s="613"/>
      <c r="QSP715" s="613"/>
      <c r="QSQ715" s="613"/>
      <c r="QSR715" s="613"/>
      <c r="QSS715" s="613"/>
      <c r="QST715" s="613"/>
      <c r="QSU715" s="613"/>
      <c r="QSV715" s="613"/>
      <c r="QSW715" s="613"/>
      <c r="QSX715" s="613"/>
      <c r="QSY715" s="613"/>
      <c r="QSZ715" s="613"/>
      <c r="QTA715" s="613"/>
      <c r="QTB715" s="613"/>
      <c r="QTC715" s="613"/>
      <c r="QTD715" s="613"/>
      <c r="QTE715" s="613"/>
      <c r="QTF715" s="613"/>
      <c r="QTG715" s="613"/>
      <c r="QTH715" s="613"/>
      <c r="QTI715" s="613"/>
      <c r="QTJ715" s="613"/>
      <c r="QTK715" s="613"/>
      <c r="QTL715" s="613"/>
      <c r="QTM715" s="613"/>
      <c r="QTN715" s="613"/>
      <c r="QTO715" s="613"/>
      <c r="QTP715" s="613"/>
      <c r="QTQ715" s="613"/>
      <c r="QTR715" s="613"/>
      <c r="QTS715" s="613"/>
      <c r="QTT715" s="613"/>
      <c r="QTU715" s="613"/>
      <c r="QTV715" s="613"/>
      <c r="QTW715" s="613"/>
      <c r="QTX715" s="613"/>
      <c r="QTY715" s="613"/>
      <c r="QTZ715" s="613"/>
      <c r="QUA715" s="613"/>
      <c r="QUB715" s="613"/>
      <c r="QUC715" s="613"/>
      <c r="QUD715" s="613"/>
      <c r="QUE715" s="613"/>
      <c r="QUF715" s="613"/>
      <c r="QUG715" s="613"/>
      <c r="QUH715" s="613"/>
      <c r="QUI715" s="613"/>
      <c r="QUJ715" s="613"/>
      <c r="QUK715" s="613"/>
      <c r="QUL715" s="613"/>
      <c r="QUM715" s="613"/>
      <c r="QUN715" s="613"/>
      <c r="QUO715" s="613"/>
      <c r="QUP715" s="613"/>
      <c r="QUQ715" s="613"/>
      <c r="QUR715" s="613"/>
      <c r="QUS715" s="613"/>
      <c r="QUT715" s="613"/>
      <c r="QUU715" s="613"/>
      <c r="QUV715" s="613"/>
      <c r="QUW715" s="613"/>
      <c r="QUX715" s="613"/>
      <c r="QUY715" s="613"/>
      <c r="QUZ715" s="613"/>
      <c r="QVA715" s="613"/>
      <c r="QVB715" s="613"/>
      <c r="QVC715" s="613"/>
      <c r="QVD715" s="613"/>
      <c r="QVE715" s="613"/>
      <c r="QVF715" s="613"/>
      <c r="QVG715" s="613"/>
      <c r="QVH715" s="613"/>
      <c r="QVI715" s="613"/>
      <c r="QVJ715" s="613"/>
      <c r="QVK715" s="613"/>
      <c r="QVL715" s="613"/>
      <c r="QVM715" s="613"/>
      <c r="QVN715" s="613"/>
      <c r="QVO715" s="613"/>
      <c r="QVP715" s="613"/>
      <c r="QVQ715" s="613"/>
      <c r="QVR715" s="613"/>
      <c r="QVS715" s="613"/>
      <c r="QVT715" s="613"/>
      <c r="QVU715" s="613"/>
      <c r="QVV715" s="613"/>
      <c r="QVW715" s="613"/>
      <c r="QVX715" s="613"/>
      <c r="QVY715" s="613"/>
      <c r="QVZ715" s="613"/>
      <c r="QWA715" s="613"/>
      <c r="QWB715" s="613"/>
      <c r="QWC715" s="613"/>
      <c r="QWD715" s="613"/>
      <c r="QWE715" s="613"/>
      <c r="QWF715" s="613"/>
      <c r="QWG715" s="613"/>
      <c r="QWH715" s="613"/>
      <c r="QWI715" s="613"/>
      <c r="QWJ715" s="613"/>
      <c r="QWK715" s="613"/>
      <c r="QWL715" s="613"/>
      <c r="QWM715" s="613"/>
      <c r="QWN715" s="613"/>
      <c r="QWO715" s="613"/>
      <c r="QWP715" s="613"/>
      <c r="QWQ715" s="613"/>
      <c r="QWR715" s="613"/>
      <c r="QWS715" s="613"/>
      <c r="QWT715" s="613"/>
      <c r="QWU715" s="613"/>
      <c r="QWV715" s="613"/>
      <c r="QWW715" s="613"/>
      <c r="QWX715" s="613"/>
      <c r="QWY715" s="613"/>
      <c r="QWZ715" s="613"/>
      <c r="QXA715" s="613"/>
      <c r="QXB715" s="613"/>
      <c r="QXC715" s="613"/>
      <c r="QXD715" s="613"/>
      <c r="QXE715" s="613"/>
      <c r="QXF715" s="613"/>
      <c r="QXG715" s="613"/>
      <c r="QXH715" s="613"/>
      <c r="QXI715" s="613"/>
      <c r="QXJ715" s="613"/>
      <c r="QXK715" s="613"/>
      <c r="QXL715" s="613"/>
      <c r="QXM715" s="613"/>
      <c r="QXN715" s="613"/>
      <c r="QXO715" s="613"/>
      <c r="QXP715" s="613"/>
      <c r="QXQ715" s="613"/>
      <c r="QXR715" s="613"/>
      <c r="QXS715" s="613"/>
      <c r="QXT715" s="613"/>
      <c r="QXU715" s="613"/>
      <c r="QXV715" s="613"/>
      <c r="QXW715" s="613"/>
      <c r="QXX715" s="613"/>
      <c r="QXY715" s="613"/>
      <c r="QXZ715" s="613"/>
      <c r="QYA715" s="613"/>
      <c r="QYB715" s="613"/>
      <c r="QYC715" s="613"/>
      <c r="QYD715" s="613"/>
      <c r="QYE715" s="613"/>
      <c r="QYF715" s="613"/>
      <c r="QYG715" s="613"/>
      <c r="QYH715" s="613"/>
      <c r="QYI715" s="613"/>
      <c r="QYJ715" s="613"/>
      <c r="QYK715" s="613"/>
      <c r="QYL715" s="613"/>
      <c r="QYM715" s="613"/>
      <c r="QYN715" s="613"/>
      <c r="QYO715" s="613"/>
      <c r="QYP715" s="613"/>
      <c r="QYQ715" s="613"/>
      <c r="QYR715" s="613"/>
      <c r="QYS715" s="613"/>
      <c r="QYT715" s="613"/>
      <c r="QYU715" s="613"/>
      <c r="QYV715" s="613"/>
      <c r="QYW715" s="613"/>
      <c r="QYX715" s="613"/>
      <c r="QYY715" s="613"/>
      <c r="QYZ715" s="613"/>
      <c r="QZA715" s="613"/>
      <c r="QZB715" s="613"/>
      <c r="QZC715" s="613"/>
      <c r="QZD715" s="613"/>
      <c r="QZE715" s="613"/>
      <c r="QZF715" s="613"/>
      <c r="QZG715" s="613"/>
      <c r="QZH715" s="613"/>
      <c r="QZI715" s="613"/>
      <c r="QZJ715" s="613"/>
      <c r="QZK715" s="613"/>
      <c r="QZL715" s="613"/>
      <c r="QZM715" s="613"/>
      <c r="QZN715" s="613"/>
      <c r="QZO715" s="613"/>
      <c r="QZP715" s="613"/>
      <c r="QZQ715" s="613"/>
      <c r="QZR715" s="613"/>
      <c r="QZS715" s="613"/>
      <c r="QZT715" s="613"/>
      <c r="QZU715" s="613"/>
      <c r="QZV715" s="613"/>
      <c r="QZW715" s="613"/>
      <c r="QZX715" s="613"/>
      <c r="QZY715" s="613"/>
      <c r="QZZ715" s="613"/>
      <c r="RAA715" s="613"/>
      <c r="RAB715" s="613"/>
      <c r="RAC715" s="613"/>
      <c r="RAD715" s="613"/>
      <c r="RAE715" s="613"/>
      <c r="RAF715" s="613"/>
      <c r="RAG715" s="613"/>
      <c r="RAH715" s="613"/>
      <c r="RAI715" s="613"/>
      <c r="RAJ715" s="613"/>
      <c r="RAK715" s="613"/>
      <c r="RAL715" s="613"/>
      <c r="RAM715" s="613"/>
      <c r="RAN715" s="613"/>
      <c r="RAO715" s="613"/>
      <c r="RAP715" s="613"/>
      <c r="RAQ715" s="613"/>
      <c r="RAR715" s="613"/>
      <c r="RAS715" s="613"/>
      <c r="RAT715" s="613"/>
      <c r="RAU715" s="613"/>
      <c r="RAV715" s="613"/>
      <c r="RAW715" s="613"/>
      <c r="RAX715" s="613"/>
      <c r="RAY715" s="613"/>
      <c r="RAZ715" s="613"/>
      <c r="RBA715" s="613"/>
      <c r="RBB715" s="613"/>
      <c r="RBC715" s="613"/>
      <c r="RBD715" s="613"/>
      <c r="RBE715" s="613"/>
      <c r="RBF715" s="613"/>
      <c r="RBG715" s="613"/>
      <c r="RBH715" s="613"/>
      <c r="RBI715" s="613"/>
      <c r="RBJ715" s="613"/>
      <c r="RBK715" s="613"/>
      <c r="RBL715" s="613"/>
      <c r="RBM715" s="613"/>
      <c r="RBN715" s="613"/>
      <c r="RBO715" s="613"/>
      <c r="RBP715" s="613"/>
      <c r="RBQ715" s="613"/>
      <c r="RBR715" s="613"/>
      <c r="RBS715" s="613"/>
      <c r="RBT715" s="613"/>
      <c r="RBU715" s="613"/>
      <c r="RBV715" s="613"/>
      <c r="RBW715" s="613"/>
      <c r="RBX715" s="613"/>
      <c r="RBY715" s="613"/>
      <c r="RBZ715" s="613"/>
      <c r="RCA715" s="613"/>
      <c r="RCB715" s="613"/>
      <c r="RCC715" s="613"/>
      <c r="RCD715" s="613"/>
      <c r="RCE715" s="613"/>
      <c r="RCF715" s="613"/>
      <c r="RCG715" s="613"/>
      <c r="RCH715" s="613"/>
      <c r="RCI715" s="613"/>
      <c r="RCJ715" s="613"/>
      <c r="RCK715" s="613"/>
      <c r="RCL715" s="613"/>
      <c r="RCM715" s="613"/>
      <c r="RCN715" s="613"/>
      <c r="RCO715" s="613"/>
      <c r="RCP715" s="613"/>
      <c r="RCQ715" s="613"/>
      <c r="RCR715" s="613"/>
      <c r="RCS715" s="613"/>
      <c r="RCT715" s="613"/>
      <c r="RCU715" s="613"/>
      <c r="RCV715" s="613"/>
      <c r="RCW715" s="613"/>
      <c r="RCX715" s="613"/>
      <c r="RCY715" s="613"/>
      <c r="RCZ715" s="613"/>
      <c r="RDA715" s="613"/>
      <c r="RDB715" s="613"/>
      <c r="RDC715" s="613"/>
      <c r="RDD715" s="613"/>
      <c r="RDE715" s="613"/>
      <c r="RDF715" s="613"/>
      <c r="RDG715" s="613"/>
      <c r="RDH715" s="613"/>
      <c r="RDI715" s="613"/>
      <c r="RDJ715" s="613"/>
      <c r="RDK715" s="613"/>
      <c r="RDL715" s="613"/>
      <c r="RDM715" s="613"/>
      <c r="RDN715" s="613"/>
      <c r="RDO715" s="613"/>
      <c r="RDP715" s="613"/>
      <c r="RDQ715" s="613"/>
      <c r="RDR715" s="613"/>
      <c r="RDS715" s="613"/>
      <c r="RDT715" s="613"/>
      <c r="RDU715" s="613"/>
      <c r="RDV715" s="613"/>
      <c r="RDW715" s="613"/>
      <c r="RDX715" s="613"/>
      <c r="RDY715" s="613"/>
      <c r="RDZ715" s="613"/>
      <c r="REA715" s="613"/>
      <c r="REB715" s="613"/>
      <c r="REC715" s="613"/>
      <c r="RED715" s="613"/>
      <c r="REE715" s="613"/>
      <c r="REF715" s="613"/>
      <c r="REG715" s="613"/>
      <c r="REH715" s="613"/>
      <c r="REI715" s="613"/>
      <c r="REJ715" s="613"/>
      <c r="REK715" s="613"/>
      <c r="REL715" s="613"/>
      <c r="REM715" s="613"/>
      <c r="REN715" s="613"/>
      <c r="REO715" s="613"/>
      <c r="REP715" s="613"/>
      <c r="REQ715" s="613"/>
      <c r="RER715" s="613"/>
      <c r="RES715" s="613"/>
      <c r="RET715" s="613"/>
      <c r="REU715" s="613"/>
      <c r="REV715" s="613"/>
      <c r="REW715" s="613"/>
      <c r="REX715" s="613"/>
      <c r="REY715" s="613"/>
      <c r="REZ715" s="613"/>
      <c r="RFA715" s="613"/>
      <c r="RFB715" s="613"/>
      <c r="RFC715" s="613"/>
      <c r="RFD715" s="613"/>
      <c r="RFE715" s="613"/>
      <c r="RFF715" s="613"/>
      <c r="RFG715" s="613"/>
      <c r="RFH715" s="613"/>
      <c r="RFI715" s="613"/>
      <c r="RFJ715" s="613"/>
      <c r="RFK715" s="613"/>
      <c r="RFL715" s="613"/>
      <c r="RFM715" s="613"/>
      <c r="RFN715" s="613"/>
      <c r="RFO715" s="613"/>
      <c r="RFP715" s="613"/>
      <c r="RFQ715" s="613"/>
      <c r="RFR715" s="613"/>
      <c r="RFS715" s="613"/>
      <c r="RFT715" s="613"/>
      <c r="RFU715" s="613"/>
      <c r="RFV715" s="613"/>
      <c r="RFW715" s="613"/>
      <c r="RFX715" s="613"/>
      <c r="RFY715" s="613"/>
      <c r="RFZ715" s="613"/>
      <c r="RGA715" s="613"/>
      <c r="RGB715" s="613"/>
      <c r="RGC715" s="613"/>
      <c r="RGD715" s="613"/>
      <c r="RGE715" s="613"/>
      <c r="RGF715" s="613"/>
      <c r="RGG715" s="613"/>
      <c r="RGH715" s="613"/>
      <c r="RGI715" s="613"/>
      <c r="RGJ715" s="613"/>
      <c r="RGK715" s="613"/>
      <c r="RGL715" s="613"/>
      <c r="RGM715" s="613"/>
      <c r="RGN715" s="613"/>
      <c r="RGO715" s="613"/>
      <c r="RGP715" s="613"/>
      <c r="RGQ715" s="613"/>
      <c r="RGR715" s="613"/>
      <c r="RGS715" s="613"/>
      <c r="RGT715" s="613"/>
      <c r="RGU715" s="613"/>
      <c r="RGV715" s="613"/>
      <c r="RGW715" s="613"/>
      <c r="RGX715" s="613"/>
      <c r="RGY715" s="613"/>
      <c r="RGZ715" s="613"/>
      <c r="RHA715" s="613"/>
      <c r="RHB715" s="613"/>
      <c r="RHC715" s="613"/>
      <c r="RHD715" s="613"/>
      <c r="RHE715" s="613"/>
      <c r="RHF715" s="613"/>
      <c r="RHG715" s="613"/>
      <c r="RHH715" s="613"/>
      <c r="RHI715" s="613"/>
      <c r="RHJ715" s="613"/>
      <c r="RHK715" s="613"/>
      <c r="RHL715" s="613"/>
      <c r="RHM715" s="613"/>
      <c r="RHN715" s="613"/>
      <c r="RHO715" s="613"/>
      <c r="RHP715" s="613"/>
      <c r="RHQ715" s="613"/>
      <c r="RHR715" s="613"/>
      <c r="RHS715" s="613"/>
      <c r="RHT715" s="613"/>
      <c r="RHU715" s="613"/>
      <c r="RHV715" s="613"/>
      <c r="RHW715" s="613"/>
      <c r="RHX715" s="613"/>
      <c r="RHY715" s="613"/>
      <c r="RHZ715" s="613"/>
      <c r="RIA715" s="613"/>
      <c r="RIB715" s="613"/>
      <c r="RIC715" s="613"/>
      <c r="RID715" s="613"/>
      <c r="RIE715" s="613"/>
      <c r="RIF715" s="613"/>
      <c r="RIG715" s="613"/>
      <c r="RIH715" s="613"/>
      <c r="RII715" s="613"/>
      <c r="RIJ715" s="613"/>
      <c r="RIK715" s="613"/>
      <c r="RIL715" s="613"/>
      <c r="RIM715" s="613"/>
      <c r="RIN715" s="613"/>
      <c r="RIO715" s="613"/>
      <c r="RIP715" s="613"/>
      <c r="RIQ715" s="613"/>
      <c r="RIR715" s="613"/>
      <c r="RIS715" s="613"/>
      <c r="RIT715" s="613"/>
      <c r="RIU715" s="613"/>
      <c r="RIV715" s="613"/>
      <c r="RIW715" s="613"/>
      <c r="RIX715" s="613"/>
      <c r="RIY715" s="613"/>
      <c r="RIZ715" s="613"/>
      <c r="RJA715" s="613"/>
      <c r="RJB715" s="613"/>
      <c r="RJC715" s="613"/>
      <c r="RJD715" s="613"/>
      <c r="RJE715" s="613"/>
      <c r="RJF715" s="613"/>
      <c r="RJG715" s="613"/>
      <c r="RJH715" s="613"/>
      <c r="RJI715" s="613"/>
      <c r="RJJ715" s="613"/>
      <c r="RJK715" s="613"/>
      <c r="RJL715" s="613"/>
      <c r="RJM715" s="613"/>
      <c r="RJN715" s="613"/>
      <c r="RJO715" s="613"/>
      <c r="RJP715" s="613"/>
      <c r="RJQ715" s="613"/>
      <c r="RJR715" s="613"/>
      <c r="RJS715" s="613"/>
      <c r="RJT715" s="613"/>
      <c r="RJU715" s="613"/>
      <c r="RJV715" s="613"/>
      <c r="RJW715" s="613"/>
      <c r="RJX715" s="613"/>
      <c r="RJY715" s="613"/>
      <c r="RJZ715" s="613"/>
      <c r="RKA715" s="613"/>
      <c r="RKB715" s="613"/>
      <c r="RKC715" s="613"/>
      <c r="RKD715" s="613"/>
      <c r="RKE715" s="613"/>
      <c r="RKF715" s="613"/>
      <c r="RKG715" s="613"/>
      <c r="RKH715" s="613"/>
      <c r="RKI715" s="613"/>
      <c r="RKJ715" s="613"/>
      <c r="RKK715" s="613"/>
      <c r="RKL715" s="613"/>
      <c r="RKM715" s="613"/>
      <c r="RKN715" s="613"/>
      <c r="RKO715" s="613"/>
      <c r="RKP715" s="613"/>
      <c r="RKQ715" s="613"/>
      <c r="RKR715" s="613"/>
      <c r="RKS715" s="613"/>
      <c r="RKT715" s="613"/>
      <c r="RKU715" s="613"/>
      <c r="RKV715" s="613"/>
      <c r="RKW715" s="613"/>
      <c r="RKX715" s="613"/>
      <c r="RKY715" s="613"/>
      <c r="RKZ715" s="613"/>
      <c r="RLA715" s="613"/>
      <c r="RLB715" s="613"/>
      <c r="RLC715" s="613"/>
      <c r="RLD715" s="613"/>
      <c r="RLE715" s="613"/>
      <c r="RLF715" s="613"/>
      <c r="RLG715" s="613"/>
      <c r="RLH715" s="613"/>
      <c r="RLI715" s="613"/>
      <c r="RLJ715" s="613"/>
      <c r="RLK715" s="613"/>
      <c r="RLL715" s="613"/>
      <c r="RLM715" s="613"/>
      <c r="RLN715" s="613"/>
      <c r="RLO715" s="613"/>
      <c r="RLP715" s="613"/>
      <c r="RLQ715" s="613"/>
      <c r="RLR715" s="613"/>
      <c r="RLS715" s="613"/>
      <c r="RLT715" s="613"/>
      <c r="RLU715" s="613"/>
      <c r="RLV715" s="613"/>
      <c r="RLW715" s="613"/>
      <c r="RLX715" s="613"/>
      <c r="RLY715" s="613"/>
      <c r="RLZ715" s="613"/>
      <c r="RMA715" s="613"/>
      <c r="RMB715" s="613"/>
      <c r="RMC715" s="613"/>
      <c r="RMD715" s="613"/>
      <c r="RME715" s="613"/>
      <c r="RMF715" s="613"/>
      <c r="RMG715" s="613"/>
      <c r="RMH715" s="613"/>
      <c r="RMI715" s="613"/>
      <c r="RMJ715" s="613"/>
      <c r="RMK715" s="613"/>
      <c r="RML715" s="613"/>
      <c r="RMM715" s="613"/>
      <c r="RMN715" s="613"/>
      <c r="RMO715" s="613"/>
      <c r="RMP715" s="613"/>
      <c r="RMQ715" s="613"/>
      <c r="RMR715" s="613"/>
      <c r="RMS715" s="613"/>
      <c r="RMT715" s="613"/>
      <c r="RMU715" s="613"/>
      <c r="RMV715" s="613"/>
      <c r="RMW715" s="613"/>
      <c r="RMX715" s="613"/>
      <c r="RMY715" s="613"/>
      <c r="RMZ715" s="613"/>
      <c r="RNA715" s="613"/>
      <c r="RNB715" s="613"/>
      <c r="RNC715" s="613"/>
      <c r="RND715" s="613"/>
      <c r="RNE715" s="613"/>
      <c r="RNF715" s="613"/>
      <c r="RNG715" s="613"/>
      <c r="RNH715" s="613"/>
      <c r="RNI715" s="613"/>
      <c r="RNJ715" s="613"/>
      <c r="RNK715" s="613"/>
      <c r="RNL715" s="613"/>
      <c r="RNM715" s="613"/>
      <c r="RNN715" s="613"/>
      <c r="RNO715" s="613"/>
      <c r="RNP715" s="613"/>
      <c r="RNQ715" s="613"/>
      <c r="RNR715" s="613"/>
      <c r="RNS715" s="613"/>
      <c r="RNT715" s="613"/>
      <c r="RNU715" s="613"/>
      <c r="RNV715" s="613"/>
      <c r="RNW715" s="613"/>
      <c r="RNX715" s="613"/>
      <c r="RNY715" s="613"/>
      <c r="RNZ715" s="613"/>
      <c r="ROA715" s="613"/>
      <c r="ROB715" s="613"/>
      <c r="ROC715" s="613"/>
      <c r="ROD715" s="613"/>
      <c r="ROE715" s="613"/>
      <c r="ROF715" s="613"/>
      <c r="ROG715" s="613"/>
      <c r="ROH715" s="613"/>
      <c r="ROI715" s="613"/>
      <c r="ROJ715" s="613"/>
      <c r="ROK715" s="613"/>
      <c r="ROL715" s="613"/>
      <c r="ROM715" s="613"/>
      <c r="RON715" s="613"/>
      <c r="ROO715" s="613"/>
      <c r="ROP715" s="613"/>
      <c r="ROQ715" s="613"/>
      <c r="ROR715" s="613"/>
      <c r="ROS715" s="613"/>
      <c r="ROT715" s="613"/>
      <c r="ROU715" s="613"/>
      <c r="ROV715" s="613"/>
      <c r="ROW715" s="613"/>
      <c r="ROX715" s="613"/>
      <c r="ROY715" s="613"/>
      <c r="ROZ715" s="613"/>
      <c r="RPA715" s="613"/>
      <c r="RPB715" s="613"/>
      <c r="RPC715" s="613"/>
      <c r="RPD715" s="613"/>
      <c r="RPE715" s="613"/>
      <c r="RPF715" s="613"/>
      <c r="RPG715" s="613"/>
      <c r="RPH715" s="613"/>
      <c r="RPI715" s="613"/>
      <c r="RPJ715" s="613"/>
      <c r="RPK715" s="613"/>
      <c r="RPL715" s="613"/>
      <c r="RPM715" s="613"/>
      <c r="RPN715" s="613"/>
      <c r="RPO715" s="613"/>
      <c r="RPP715" s="613"/>
      <c r="RPQ715" s="613"/>
      <c r="RPR715" s="613"/>
      <c r="RPS715" s="613"/>
      <c r="RPT715" s="613"/>
      <c r="RPU715" s="613"/>
      <c r="RPV715" s="613"/>
      <c r="RPW715" s="613"/>
      <c r="RPX715" s="613"/>
      <c r="RPY715" s="613"/>
      <c r="RPZ715" s="613"/>
      <c r="RQA715" s="613"/>
      <c r="RQB715" s="613"/>
      <c r="RQC715" s="613"/>
      <c r="RQD715" s="613"/>
      <c r="RQE715" s="613"/>
      <c r="RQF715" s="613"/>
      <c r="RQG715" s="613"/>
      <c r="RQH715" s="613"/>
      <c r="RQI715" s="613"/>
      <c r="RQJ715" s="613"/>
      <c r="RQK715" s="613"/>
      <c r="RQL715" s="613"/>
      <c r="RQM715" s="613"/>
      <c r="RQN715" s="613"/>
      <c r="RQO715" s="613"/>
      <c r="RQP715" s="613"/>
      <c r="RQQ715" s="613"/>
      <c r="RQR715" s="613"/>
      <c r="RQS715" s="613"/>
      <c r="RQT715" s="613"/>
      <c r="RQU715" s="613"/>
      <c r="RQV715" s="613"/>
      <c r="RQW715" s="613"/>
      <c r="RQX715" s="613"/>
      <c r="RQY715" s="613"/>
      <c r="RQZ715" s="613"/>
      <c r="RRA715" s="613"/>
      <c r="RRB715" s="613"/>
      <c r="RRC715" s="613"/>
      <c r="RRD715" s="613"/>
      <c r="RRE715" s="613"/>
      <c r="RRF715" s="613"/>
      <c r="RRG715" s="613"/>
      <c r="RRH715" s="613"/>
      <c r="RRI715" s="613"/>
      <c r="RRJ715" s="613"/>
      <c r="RRK715" s="613"/>
      <c r="RRL715" s="613"/>
      <c r="RRM715" s="613"/>
      <c r="RRN715" s="613"/>
      <c r="RRO715" s="613"/>
      <c r="RRP715" s="613"/>
      <c r="RRQ715" s="613"/>
      <c r="RRR715" s="613"/>
      <c r="RRS715" s="613"/>
      <c r="RRT715" s="613"/>
      <c r="RRU715" s="613"/>
      <c r="RRV715" s="613"/>
      <c r="RRW715" s="613"/>
      <c r="RRX715" s="613"/>
      <c r="RRY715" s="613"/>
      <c r="RRZ715" s="613"/>
      <c r="RSA715" s="613"/>
      <c r="RSB715" s="613"/>
      <c r="RSC715" s="613"/>
      <c r="RSD715" s="613"/>
      <c r="RSE715" s="613"/>
      <c r="RSF715" s="613"/>
      <c r="RSG715" s="613"/>
      <c r="RSH715" s="613"/>
      <c r="RSI715" s="613"/>
      <c r="RSJ715" s="613"/>
      <c r="RSK715" s="613"/>
      <c r="RSL715" s="613"/>
      <c r="RSM715" s="613"/>
      <c r="RSN715" s="613"/>
      <c r="RSO715" s="613"/>
      <c r="RSP715" s="613"/>
      <c r="RSQ715" s="613"/>
      <c r="RSR715" s="613"/>
      <c r="RSS715" s="613"/>
      <c r="RST715" s="613"/>
      <c r="RSU715" s="613"/>
      <c r="RSV715" s="613"/>
      <c r="RSW715" s="613"/>
      <c r="RSX715" s="613"/>
      <c r="RSY715" s="613"/>
      <c r="RSZ715" s="613"/>
      <c r="RTA715" s="613"/>
      <c r="RTB715" s="613"/>
      <c r="RTC715" s="613"/>
      <c r="RTD715" s="613"/>
      <c r="RTE715" s="613"/>
      <c r="RTF715" s="613"/>
      <c r="RTG715" s="613"/>
      <c r="RTH715" s="613"/>
      <c r="RTI715" s="613"/>
      <c r="RTJ715" s="613"/>
      <c r="RTK715" s="613"/>
      <c r="RTL715" s="613"/>
      <c r="RTM715" s="613"/>
      <c r="RTN715" s="613"/>
      <c r="RTO715" s="613"/>
      <c r="RTP715" s="613"/>
      <c r="RTQ715" s="613"/>
      <c r="RTR715" s="613"/>
      <c r="RTS715" s="613"/>
      <c r="RTT715" s="613"/>
      <c r="RTU715" s="613"/>
      <c r="RTV715" s="613"/>
      <c r="RTW715" s="613"/>
      <c r="RTX715" s="613"/>
      <c r="RTY715" s="613"/>
      <c r="RTZ715" s="613"/>
      <c r="RUA715" s="613"/>
      <c r="RUB715" s="613"/>
      <c r="RUC715" s="613"/>
      <c r="RUD715" s="613"/>
      <c r="RUE715" s="613"/>
      <c r="RUF715" s="613"/>
      <c r="RUG715" s="613"/>
      <c r="RUH715" s="613"/>
      <c r="RUI715" s="613"/>
      <c r="RUJ715" s="613"/>
      <c r="RUK715" s="613"/>
      <c r="RUL715" s="613"/>
      <c r="RUM715" s="613"/>
      <c r="RUN715" s="613"/>
      <c r="RUO715" s="613"/>
      <c r="RUP715" s="613"/>
      <c r="RUQ715" s="613"/>
      <c r="RUR715" s="613"/>
      <c r="RUS715" s="613"/>
      <c r="RUT715" s="613"/>
      <c r="RUU715" s="613"/>
      <c r="RUV715" s="613"/>
      <c r="RUW715" s="613"/>
      <c r="RUX715" s="613"/>
      <c r="RUY715" s="613"/>
      <c r="RUZ715" s="613"/>
      <c r="RVA715" s="613"/>
      <c r="RVB715" s="613"/>
      <c r="RVC715" s="613"/>
      <c r="RVD715" s="613"/>
      <c r="RVE715" s="613"/>
      <c r="RVF715" s="613"/>
      <c r="RVG715" s="613"/>
      <c r="RVH715" s="613"/>
      <c r="RVI715" s="613"/>
      <c r="RVJ715" s="613"/>
      <c r="RVK715" s="613"/>
      <c r="RVL715" s="613"/>
      <c r="RVM715" s="613"/>
      <c r="RVN715" s="613"/>
      <c r="RVO715" s="613"/>
      <c r="RVP715" s="613"/>
      <c r="RVQ715" s="613"/>
      <c r="RVR715" s="613"/>
      <c r="RVS715" s="613"/>
      <c r="RVT715" s="613"/>
      <c r="RVU715" s="613"/>
      <c r="RVV715" s="613"/>
      <c r="RVW715" s="613"/>
      <c r="RVX715" s="613"/>
      <c r="RVY715" s="613"/>
      <c r="RVZ715" s="613"/>
      <c r="RWA715" s="613"/>
      <c r="RWB715" s="613"/>
      <c r="RWC715" s="613"/>
      <c r="RWD715" s="613"/>
      <c r="RWE715" s="613"/>
      <c r="RWF715" s="613"/>
      <c r="RWG715" s="613"/>
      <c r="RWH715" s="613"/>
      <c r="RWI715" s="613"/>
      <c r="RWJ715" s="613"/>
      <c r="RWK715" s="613"/>
      <c r="RWL715" s="613"/>
      <c r="RWM715" s="613"/>
      <c r="RWN715" s="613"/>
      <c r="RWO715" s="613"/>
      <c r="RWP715" s="613"/>
      <c r="RWQ715" s="613"/>
      <c r="RWR715" s="613"/>
      <c r="RWS715" s="613"/>
      <c r="RWT715" s="613"/>
      <c r="RWU715" s="613"/>
      <c r="RWV715" s="613"/>
      <c r="RWW715" s="613"/>
      <c r="RWX715" s="613"/>
      <c r="RWY715" s="613"/>
      <c r="RWZ715" s="613"/>
      <c r="RXA715" s="613"/>
      <c r="RXB715" s="613"/>
      <c r="RXC715" s="613"/>
      <c r="RXD715" s="613"/>
      <c r="RXE715" s="613"/>
      <c r="RXF715" s="613"/>
      <c r="RXG715" s="613"/>
      <c r="RXH715" s="613"/>
      <c r="RXI715" s="613"/>
      <c r="RXJ715" s="613"/>
      <c r="RXK715" s="613"/>
      <c r="RXL715" s="613"/>
      <c r="RXM715" s="613"/>
      <c r="RXN715" s="613"/>
      <c r="RXO715" s="613"/>
      <c r="RXP715" s="613"/>
      <c r="RXQ715" s="613"/>
      <c r="RXR715" s="613"/>
      <c r="RXS715" s="613"/>
      <c r="RXT715" s="613"/>
      <c r="RXU715" s="613"/>
      <c r="RXV715" s="613"/>
      <c r="RXW715" s="613"/>
      <c r="RXX715" s="613"/>
      <c r="RXY715" s="613"/>
      <c r="RXZ715" s="613"/>
      <c r="RYA715" s="613"/>
      <c r="RYB715" s="613"/>
      <c r="RYC715" s="613"/>
      <c r="RYD715" s="613"/>
      <c r="RYE715" s="613"/>
      <c r="RYF715" s="613"/>
      <c r="RYG715" s="613"/>
      <c r="RYH715" s="613"/>
      <c r="RYI715" s="613"/>
      <c r="RYJ715" s="613"/>
      <c r="RYK715" s="613"/>
      <c r="RYL715" s="613"/>
      <c r="RYM715" s="613"/>
      <c r="RYN715" s="613"/>
      <c r="RYO715" s="613"/>
      <c r="RYP715" s="613"/>
      <c r="RYQ715" s="613"/>
      <c r="RYR715" s="613"/>
      <c r="RYS715" s="613"/>
      <c r="RYT715" s="613"/>
      <c r="RYU715" s="613"/>
      <c r="RYV715" s="613"/>
      <c r="RYW715" s="613"/>
      <c r="RYX715" s="613"/>
      <c r="RYY715" s="613"/>
      <c r="RYZ715" s="613"/>
      <c r="RZA715" s="613"/>
      <c r="RZB715" s="613"/>
      <c r="RZC715" s="613"/>
      <c r="RZD715" s="613"/>
      <c r="RZE715" s="613"/>
      <c r="RZF715" s="613"/>
      <c r="RZG715" s="613"/>
      <c r="RZH715" s="613"/>
      <c r="RZI715" s="613"/>
      <c r="RZJ715" s="613"/>
      <c r="RZK715" s="613"/>
      <c r="RZL715" s="613"/>
      <c r="RZM715" s="613"/>
      <c r="RZN715" s="613"/>
      <c r="RZO715" s="613"/>
      <c r="RZP715" s="613"/>
      <c r="RZQ715" s="613"/>
      <c r="RZR715" s="613"/>
      <c r="RZS715" s="613"/>
      <c r="RZT715" s="613"/>
      <c r="RZU715" s="613"/>
      <c r="RZV715" s="613"/>
      <c r="RZW715" s="613"/>
      <c r="RZX715" s="613"/>
      <c r="RZY715" s="613"/>
      <c r="RZZ715" s="613"/>
      <c r="SAA715" s="613"/>
      <c r="SAB715" s="613"/>
      <c r="SAC715" s="613"/>
      <c r="SAD715" s="613"/>
      <c r="SAE715" s="613"/>
      <c r="SAF715" s="613"/>
      <c r="SAG715" s="613"/>
      <c r="SAH715" s="613"/>
      <c r="SAI715" s="613"/>
      <c r="SAJ715" s="613"/>
      <c r="SAK715" s="613"/>
      <c r="SAL715" s="613"/>
      <c r="SAM715" s="613"/>
      <c r="SAN715" s="613"/>
      <c r="SAO715" s="613"/>
      <c r="SAP715" s="613"/>
      <c r="SAQ715" s="613"/>
      <c r="SAR715" s="613"/>
      <c r="SAS715" s="613"/>
      <c r="SAT715" s="613"/>
      <c r="SAU715" s="613"/>
      <c r="SAV715" s="613"/>
      <c r="SAW715" s="613"/>
      <c r="SAX715" s="613"/>
      <c r="SAY715" s="613"/>
      <c r="SAZ715" s="613"/>
      <c r="SBA715" s="613"/>
      <c r="SBB715" s="613"/>
      <c r="SBC715" s="613"/>
      <c r="SBD715" s="613"/>
      <c r="SBE715" s="613"/>
      <c r="SBF715" s="613"/>
      <c r="SBG715" s="613"/>
      <c r="SBH715" s="613"/>
      <c r="SBI715" s="613"/>
      <c r="SBJ715" s="613"/>
      <c r="SBK715" s="613"/>
      <c r="SBL715" s="613"/>
      <c r="SBM715" s="613"/>
      <c r="SBN715" s="613"/>
      <c r="SBO715" s="613"/>
      <c r="SBP715" s="613"/>
      <c r="SBQ715" s="613"/>
      <c r="SBR715" s="613"/>
      <c r="SBS715" s="613"/>
      <c r="SBT715" s="613"/>
      <c r="SBU715" s="613"/>
      <c r="SBV715" s="613"/>
      <c r="SBW715" s="613"/>
      <c r="SBX715" s="613"/>
      <c r="SBY715" s="613"/>
      <c r="SBZ715" s="613"/>
      <c r="SCA715" s="613"/>
      <c r="SCB715" s="613"/>
      <c r="SCC715" s="613"/>
      <c r="SCD715" s="613"/>
      <c r="SCE715" s="613"/>
      <c r="SCF715" s="613"/>
      <c r="SCG715" s="613"/>
      <c r="SCH715" s="613"/>
      <c r="SCI715" s="613"/>
      <c r="SCJ715" s="613"/>
      <c r="SCK715" s="613"/>
      <c r="SCL715" s="613"/>
      <c r="SCM715" s="613"/>
      <c r="SCN715" s="613"/>
      <c r="SCO715" s="613"/>
      <c r="SCP715" s="613"/>
      <c r="SCQ715" s="613"/>
      <c r="SCR715" s="613"/>
      <c r="SCS715" s="613"/>
      <c r="SCT715" s="613"/>
      <c r="SCU715" s="613"/>
      <c r="SCV715" s="613"/>
      <c r="SCW715" s="613"/>
      <c r="SCX715" s="613"/>
      <c r="SCY715" s="613"/>
      <c r="SCZ715" s="613"/>
      <c r="SDA715" s="613"/>
      <c r="SDB715" s="613"/>
      <c r="SDC715" s="613"/>
      <c r="SDD715" s="613"/>
      <c r="SDE715" s="613"/>
      <c r="SDF715" s="613"/>
      <c r="SDG715" s="613"/>
      <c r="SDH715" s="613"/>
      <c r="SDI715" s="613"/>
      <c r="SDJ715" s="613"/>
      <c r="SDK715" s="613"/>
      <c r="SDL715" s="613"/>
      <c r="SDM715" s="613"/>
      <c r="SDN715" s="613"/>
      <c r="SDO715" s="613"/>
      <c r="SDP715" s="613"/>
      <c r="SDQ715" s="613"/>
      <c r="SDR715" s="613"/>
      <c r="SDS715" s="613"/>
      <c r="SDT715" s="613"/>
      <c r="SDU715" s="613"/>
      <c r="SDV715" s="613"/>
      <c r="SDW715" s="613"/>
      <c r="SDX715" s="613"/>
      <c r="SDY715" s="613"/>
      <c r="SDZ715" s="613"/>
      <c r="SEA715" s="613"/>
      <c r="SEB715" s="613"/>
      <c r="SEC715" s="613"/>
      <c r="SED715" s="613"/>
      <c r="SEE715" s="613"/>
      <c r="SEF715" s="613"/>
      <c r="SEG715" s="613"/>
      <c r="SEH715" s="613"/>
      <c r="SEI715" s="613"/>
      <c r="SEJ715" s="613"/>
      <c r="SEK715" s="613"/>
      <c r="SEL715" s="613"/>
      <c r="SEM715" s="613"/>
      <c r="SEN715" s="613"/>
      <c r="SEO715" s="613"/>
      <c r="SEP715" s="613"/>
      <c r="SEQ715" s="613"/>
      <c r="SER715" s="613"/>
      <c r="SES715" s="613"/>
      <c r="SET715" s="613"/>
      <c r="SEU715" s="613"/>
      <c r="SEV715" s="613"/>
      <c r="SEW715" s="613"/>
      <c r="SEX715" s="613"/>
      <c r="SEY715" s="613"/>
      <c r="SEZ715" s="613"/>
      <c r="SFA715" s="613"/>
      <c r="SFB715" s="613"/>
      <c r="SFC715" s="613"/>
      <c r="SFD715" s="613"/>
      <c r="SFE715" s="613"/>
      <c r="SFF715" s="613"/>
      <c r="SFG715" s="613"/>
      <c r="SFH715" s="613"/>
      <c r="SFI715" s="613"/>
      <c r="SFJ715" s="613"/>
      <c r="SFK715" s="613"/>
      <c r="SFL715" s="613"/>
      <c r="SFM715" s="613"/>
      <c r="SFN715" s="613"/>
      <c r="SFO715" s="613"/>
      <c r="SFP715" s="613"/>
      <c r="SFQ715" s="613"/>
      <c r="SFR715" s="613"/>
      <c r="SFS715" s="613"/>
      <c r="SFT715" s="613"/>
      <c r="SFU715" s="613"/>
      <c r="SFV715" s="613"/>
      <c r="SFW715" s="613"/>
      <c r="SFX715" s="613"/>
      <c r="SFY715" s="613"/>
      <c r="SFZ715" s="613"/>
      <c r="SGA715" s="613"/>
      <c r="SGB715" s="613"/>
      <c r="SGC715" s="613"/>
      <c r="SGD715" s="613"/>
      <c r="SGE715" s="613"/>
      <c r="SGF715" s="613"/>
      <c r="SGG715" s="613"/>
      <c r="SGH715" s="613"/>
      <c r="SGI715" s="613"/>
      <c r="SGJ715" s="613"/>
      <c r="SGK715" s="613"/>
      <c r="SGL715" s="613"/>
      <c r="SGM715" s="613"/>
      <c r="SGN715" s="613"/>
      <c r="SGO715" s="613"/>
      <c r="SGP715" s="613"/>
      <c r="SGQ715" s="613"/>
      <c r="SGR715" s="613"/>
      <c r="SGS715" s="613"/>
      <c r="SGT715" s="613"/>
      <c r="SGU715" s="613"/>
      <c r="SGV715" s="613"/>
      <c r="SGW715" s="613"/>
      <c r="SGX715" s="613"/>
      <c r="SGY715" s="613"/>
      <c r="SGZ715" s="613"/>
      <c r="SHA715" s="613"/>
      <c r="SHB715" s="613"/>
      <c r="SHC715" s="613"/>
      <c r="SHD715" s="613"/>
      <c r="SHE715" s="613"/>
      <c r="SHF715" s="613"/>
      <c r="SHG715" s="613"/>
      <c r="SHH715" s="613"/>
      <c r="SHI715" s="613"/>
      <c r="SHJ715" s="613"/>
      <c r="SHK715" s="613"/>
      <c r="SHL715" s="613"/>
      <c r="SHM715" s="613"/>
      <c r="SHN715" s="613"/>
      <c r="SHO715" s="613"/>
      <c r="SHP715" s="613"/>
      <c r="SHQ715" s="613"/>
      <c r="SHR715" s="613"/>
      <c r="SHS715" s="613"/>
      <c r="SHT715" s="613"/>
      <c r="SHU715" s="613"/>
      <c r="SHV715" s="613"/>
      <c r="SHW715" s="613"/>
      <c r="SHX715" s="613"/>
      <c r="SHY715" s="613"/>
      <c r="SHZ715" s="613"/>
      <c r="SIA715" s="613"/>
      <c r="SIB715" s="613"/>
      <c r="SIC715" s="613"/>
      <c r="SID715" s="613"/>
      <c r="SIE715" s="613"/>
      <c r="SIF715" s="613"/>
      <c r="SIG715" s="613"/>
      <c r="SIH715" s="613"/>
      <c r="SII715" s="613"/>
      <c r="SIJ715" s="613"/>
      <c r="SIK715" s="613"/>
      <c r="SIL715" s="613"/>
      <c r="SIM715" s="613"/>
      <c r="SIN715" s="613"/>
      <c r="SIO715" s="613"/>
      <c r="SIP715" s="613"/>
      <c r="SIQ715" s="613"/>
      <c r="SIR715" s="613"/>
      <c r="SIS715" s="613"/>
      <c r="SIT715" s="613"/>
      <c r="SIU715" s="613"/>
      <c r="SIV715" s="613"/>
      <c r="SIW715" s="613"/>
      <c r="SIX715" s="613"/>
      <c r="SIY715" s="613"/>
      <c r="SIZ715" s="613"/>
      <c r="SJA715" s="613"/>
      <c r="SJB715" s="613"/>
      <c r="SJC715" s="613"/>
      <c r="SJD715" s="613"/>
      <c r="SJE715" s="613"/>
      <c r="SJF715" s="613"/>
      <c r="SJG715" s="613"/>
      <c r="SJH715" s="613"/>
      <c r="SJI715" s="613"/>
      <c r="SJJ715" s="613"/>
      <c r="SJK715" s="613"/>
      <c r="SJL715" s="613"/>
      <c r="SJM715" s="613"/>
      <c r="SJN715" s="613"/>
      <c r="SJO715" s="613"/>
      <c r="SJP715" s="613"/>
      <c r="SJQ715" s="613"/>
      <c r="SJR715" s="613"/>
      <c r="SJS715" s="613"/>
      <c r="SJT715" s="613"/>
      <c r="SJU715" s="613"/>
      <c r="SJV715" s="613"/>
      <c r="SJW715" s="613"/>
      <c r="SJX715" s="613"/>
      <c r="SJY715" s="613"/>
      <c r="SJZ715" s="613"/>
      <c r="SKA715" s="613"/>
      <c r="SKB715" s="613"/>
      <c r="SKC715" s="613"/>
      <c r="SKD715" s="613"/>
      <c r="SKE715" s="613"/>
      <c r="SKF715" s="613"/>
      <c r="SKG715" s="613"/>
      <c r="SKH715" s="613"/>
      <c r="SKI715" s="613"/>
      <c r="SKJ715" s="613"/>
      <c r="SKK715" s="613"/>
      <c r="SKL715" s="613"/>
      <c r="SKM715" s="613"/>
      <c r="SKN715" s="613"/>
      <c r="SKO715" s="613"/>
      <c r="SKP715" s="613"/>
      <c r="SKQ715" s="613"/>
      <c r="SKR715" s="613"/>
      <c r="SKS715" s="613"/>
      <c r="SKT715" s="613"/>
      <c r="SKU715" s="613"/>
      <c r="SKV715" s="613"/>
      <c r="SKW715" s="613"/>
      <c r="SKX715" s="613"/>
      <c r="SKY715" s="613"/>
      <c r="SKZ715" s="613"/>
      <c r="SLA715" s="613"/>
      <c r="SLB715" s="613"/>
      <c r="SLC715" s="613"/>
      <c r="SLD715" s="613"/>
      <c r="SLE715" s="613"/>
      <c r="SLF715" s="613"/>
      <c r="SLG715" s="613"/>
      <c r="SLH715" s="613"/>
      <c r="SLI715" s="613"/>
      <c r="SLJ715" s="613"/>
      <c r="SLK715" s="613"/>
      <c r="SLL715" s="613"/>
      <c r="SLM715" s="613"/>
      <c r="SLN715" s="613"/>
      <c r="SLO715" s="613"/>
      <c r="SLP715" s="613"/>
      <c r="SLQ715" s="613"/>
      <c r="SLR715" s="613"/>
      <c r="SLS715" s="613"/>
      <c r="SLT715" s="613"/>
      <c r="SLU715" s="613"/>
      <c r="SLV715" s="613"/>
      <c r="SLW715" s="613"/>
      <c r="SLX715" s="613"/>
      <c r="SLY715" s="613"/>
      <c r="SLZ715" s="613"/>
      <c r="SMA715" s="613"/>
      <c r="SMB715" s="613"/>
      <c r="SMC715" s="613"/>
      <c r="SMD715" s="613"/>
      <c r="SME715" s="613"/>
      <c r="SMF715" s="613"/>
      <c r="SMG715" s="613"/>
      <c r="SMH715" s="613"/>
      <c r="SMI715" s="613"/>
      <c r="SMJ715" s="613"/>
      <c r="SMK715" s="613"/>
      <c r="SML715" s="613"/>
      <c r="SMM715" s="613"/>
      <c r="SMN715" s="613"/>
      <c r="SMO715" s="613"/>
      <c r="SMP715" s="613"/>
      <c r="SMQ715" s="613"/>
      <c r="SMR715" s="613"/>
      <c r="SMS715" s="613"/>
      <c r="SMT715" s="613"/>
      <c r="SMU715" s="613"/>
      <c r="SMV715" s="613"/>
      <c r="SMW715" s="613"/>
      <c r="SMX715" s="613"/>
      <c r="SMY715" s="613"/>
      <c r="SMZ715" s="613"/>
      <c r="SNA715" s="613"/>
      <c r="SNB715" s="613"/>
      <c r="SNC715" s="613"/>
      <c r="SND715" s="613"/>
      <c r="SNE715" s="613"/>
      <c r="SNF715" s="613"/>
      <c r="SNG715" s="613"/>
      <c r="SNH715" s="613"/>
      <c r="SNI715" s="613"/>
      <c r="SNJ715" s="613"/>
      <c r="SNK715" s="613"/>
      <c r="SNL715" s="613"/>
      <c r="SNM715" s="613"/>
      <c r="SNN715" s="613"/>
      <c r="SNO715" s="613"/>
      <c r="SNP715" s="613"/>
      <c r="SNQ715" s="613"/>
      <c r="SNR715" s="613"/>
      <c r="SNS715" s="613"/>
      <c r="SNT715" s="613"/>
      <c r="SNU715" s="613"/>
      <c r="SNV715" s="613"/>
      <c r="SNW715" s="613"/>
      <c r="SNX715" s="613"/>
      <c r="SNY715" s="613"/>
      <c r="SNZ715" s="613"/>
      <c r="SOA715" s="613"/>
      <c r="SOB715" s="613"/>
      <c r="SOC715" s="613"/>
      <c r="SOD715" s="613"/>
      <c r="SOE715" s="613"/>
      <c r="SOF715" s="613"/>
      <c r="SOG715" s="613"/>
      <c r="SOH715" s="613"/>
      <c r="SOI715" s="613"/>
      <c r="SOJ715" s="613"/>
      <c r="SOK715" s="613"/>
      <c r="SOL715" s="613"/>
      <c r="SOM715" s="613"/>
      <c r="SON715" s="613"/>
      <c r="SOO715" s="613"/>
      <c r="SOP715" s="613"/>
      <c r="SOQ715" s="613"/>
      <c r="SOR715" s="613"/>
      <c r="SOS715" s="613"/>
      <c r="SOT715" s="613"/>
      <c r="SOU715" s="613"/>
      <c r="SOV715" s="613"/>
      <c r="SOW715" s="613"/>
      <c r="SOX715" s="613"/>
      <c r="SOY715" s="613"/>
      <c r="SOZ715" s="613"/>
      <c r="SPA715" s="613"/>
      <c r="SPB715" s="613"/>
      <c r="SPC715" s="613"/>
      <c r="SPD715" s="613"/>
      <c r="SPE715" s="613"/>
      <c r="SPF715" s="613"/>
      <c r="SPG715" s="613"/>
      <c r="SPH715" s="613"/>
      <c r="SPI715" s="613"/>
      <c r="SPJ715" s="613"/>
      <c r="SPK715" s="613"/>
      <c r="SPL715" s="613"/>
      <c r="SPM715" s="613"/>
      <c r="SPN715" s="613"/>
      <c r="SPO715" s="613"/>
      <c r="SPP715" s="613"/>
      <c r="SPQ715" s="613"/>
      <c r="SPR715" s="613"/>
      <c r="SPS715" s="613"/>
      <c r="SPT715" s="613"/>
      <c r="SPU715" s="613"/>
      <c r="SPV715" s="613"/>
      <c r="SPW715" s="613"/>
      <c r="SPX715" s="613"/>
      <c r="SPY715" s="613"/>
      <c r="SPZ715" s="613"/>
      <c r="SQA715" s="613"/>
      <c r="SQB715" s="613"/>
      <c r="SQC715" s="613"/>
      <c r="SQD715" s="613"/>
      <c r="SQE715" s="613"/>
      <c r="SQF715" s="613"/>
      <c r="SQG715" s="613"/>
      <c r="SQH715" s="613"/>
      <c r="SQI715" s="613"/>
      <c r="SQJ715" s="613"/>
      <c r="SQK715" s="613"/>
      <c r="SQL715" s="613"/>
      <c r="SQM715" s="613"/>
      <c r="SQN715" s="613"/>
      <c r="SQO715" s="613"/>
      <c r="SQP715" s="613"/>
      <c r="SQQ715" s="613"/>
      <c r="SQR715" s="613"/>
      <c r="SQS715" s="613"/>
      <c r="SQT715" s="613"/>
      <c r="SQU715" s="613"/>
      <c r="SQV715" s="613"/>
      <c r="SQW715" s="613"/>
      <c r="SQX715" s="613"/>
      <c r="SQY715" s="613"/>
      <c r="SQZ715" s="613"/>
      <c r="SRA715" s="613"/>
      <c r="SRB715" s="613"/>
      <c r="SRC715" s="613"/>
      <c r="SRD715" s="613"/>
      <c r="SRE715" s="613"/>
      <c r="SRF715" s="613"/>
      <c r="SRG715" s="613"/>
      <c r="SRH715" s="613"/>
      <c r="SRI715" s="613"/>
      <c r="SRJ715" s="613"/>
      <c r="SRK715" s="613"/>
      <c r="SRL715" s="613"/>
      <c r="SRM715" s="613"/>
      <c r="SRN715" s="613"/>
      <c r="SRO715" s="613"/>
      <c r="SRP715" s="613"/>
      <c r="SRQ715" s="613"/>
      <c r="SRR715" s="613"/>
      <c r="SRS715" s="613"/>
      <c r="SRT715" s="613"/>
      <c r="SRU715" s="613"/>
      <c r="SRV715" s="613"/>
      <c r="SRW715" s="613"/>
      <c r="SRX715" s="613"/>
      <c r="SRY715" s="613"/>
      <c r="SRZ715" s="613"/>
      <c r="SSA715" s="613"/>
      <c r="SSB715" s="613"/>
      <c r="SSC715" s="613"/>
      <c r="SSD715" s="613"/>
      <c r="SSE715" s="613"/>
      <c r="SSF715" s="613"/>
      <c r="SSG715" s="613"/>
      <c r="SSH715" s="613"/>
      <c r="SSI715" s="613"/>
      <c r="SSJ715" s="613"/>
      <c r="SSK715" s="613"/>
      <c r="SSL715" s="613"/>
      <c r="SSM715" s="613"/>
      <c r="SSN715" s="613"/>
      <c r="SSO715" s="613"/>
      <c r="SSP715" s="613"/>
      <c r="SSQ715" s="613"/>
      <c r="SSR715" s="613"/>
      <c r="SSS715" s="613"/>
      <c r="SST715" s="613"/>
      <c r="SSU715" s="613"/>
      <c r="SSV715" s="613"/>
      <c r="SSW715" s="613"/>
      <c r="SSX715" s="613"/>
      <c r="SSY715" s="613"/>
      <c r="SSZ715" s="613"/>
      <c r="STA715" s="613"/>
      <c r="STB715" s="613"/>
      <c r="STC715" s="613"/>
      <c r="STD715" s="613"/>
      <c r="STE715" s="613"/>
      <c r="STF715" s="613"/>
      <c r="STG715" s="613"/>
      <c r="STH715" s="613"/>
      <c r="STI715" s="613"/>
      <c r="STJ715" s="613"/>
      <c r="STK715" s="613"/>
      <c r="STL715" s="613"/>
      <c r="STM715" s="613"/>
      <c r="STN715" s="613"/>
      <c r="STO715" s="613"/>
      <c r="STP715" s="613"/>
      <c r="STQ715" s="613"/>
      <c r="STR715" s="613"/>
      <c r="STS715" s="613"/>
      <c r="STT715" s="613"/>
      <c r="STU715" s="613"/>
      <c r="STV715" s="613"/>
      <c r="STW715" s="613"/>
      <c r="STX715" s="613"/>
      <c r="STY715" s="613"/>
      <c r="STZ715" s="613"/>
      <c r="SUA715" s="613"/>
      <c r="SUB715" s="613"/>
      <c r="SUC715" s="613"/>
      <c r="SUD715" s="613"/>
      <c r="SUE715" s="613"/>
      <c r="SUF715" s="613"/>
      <c r="SUG715" s="613"/>
      <c r="SUH715" s="613"/>
      <c r="SUI715" s="613"/>
      <c r="SUJ715" s="613"/>
      <c r="SUK715" s="613"/>
      <c r="SUL715" s="613"/>
      <c r="SUM715" s="613"/>
      <c r="SUN715" s="613"/>
      <c r="SUO715" s="613"/>
      <c r="SUP715" s="613"/>
      <c r="SUQ715" s="613"/>
      <c r="SUR715" s="613"/>
      <c r="SUS715" s="613"/>
      <c r="SUT715" s="613"/>
      <c r="SUU715" s="613"/>
      <c r="SUV715" s="613"/>
      <c r="SUW715" s="613"/>
      <c r="SUX715" s="613"/>
      <c r="SUY715" s="613"/>
      <c r="SUZ715" s="613"/>
      <c r="SVA715" s="613"/>
      <c r="SVB715" s="613"/>
      <c r="SVC715" s="613"/>
      <c r="SVD715" s="613"/>
      <c r="SVE715" s="613"/>
      <c r="SVF715" s="613"/>
      <c r="SVG715" s="613"/>
      <c r="SVH715" s="613"/>
      <c r="SVI715" s="613"/>
      <c r="SVJ715" s="613"/>
      <c r="SVK715" s="613"/>
      <c r="SVL715" s="613"/>
      <c r="SVM715" s="613"/>
      <c r="SVN715" s="613"/>
      <c r="SVO715" s="613"/>
      <c r="SVP715" s="613"/>
      <c r="SVQ715" s="613"/>
      <c r="SVR715" s="613"/>
      <c r="SVS715" s="613"/>
      <c r="SVT715" s="613"/>
      <c r="SVU715" s="613"/>
      <c r="SVV715" s="613"/>
      <c r="SVW715" s="613"/>
      <c r="SVX715" s="613"/>
      <c r="SVY715" s="613"/>
      <c r="SVZ715" s="613"/>
      <c r="SWA715" s="613"/>
      <c r="SWB715" s="613"/>
      <c r="SWC715" s="613"/>
      <c r="SWD715" s="613"/>
      <c r="SWE715" s="613"/>
      <c r="SWF715" s="613"/>
      <c r="SWG715" s="613"/>
      <c r="SWH715" s="613"/>
      <c r="SWI715" s="613"/>
      <c r="SWJ715" s="613"/>
      <c r="SWK715" s="613"/>
      <c r="SWL715" s="613"/>
      <c r="SWM715" s="613"/>
      <c r="SWN715" s="613"/>
      <c r="SWO715" s="613"/>
      <c r="SWP715" s="613"/>
      <c r="SWQ715" s="613"/>
      <c r="SWR715" s="613"/>
      <c r="SWS715" s="613"/>
      <c r="SWT715" s="613"/>
      <c r="SWU715" s="613"/>
      <c r="SWV715" s="613"/>
      <c r="SWW715" s="613"/>
      <c r="SWX715" s="613"/>
      <c r="SWY715" s="613"/>
      <c r="SWZ715" s="613"/>
      <c r="SXA715" s="613"/>
      <c r="SXB715" s="613"/>
      <c r="SXC715" s="613"/>
      <c r="SXD715" s="613"/>
      <c r="SXE715" s="613"/>
      <c r="SXF715" s="613"/>
      <c r="SXG715" s="613"/>
      <c r="SXH715" s="613"/>
      <c r="SXI715" s="613"/>
      <c r="SXJ715" s="613"/>
      <c r="SXK715" s="613"/>
      <c r="SXL715" s="613"/>
      <c r="SXM715" s="613"/>
      <c r="SXN715" s="613"/>
      <c r="SXO715" s="613"/>
      <c r="SXP715" s="613"/>
      <c r="SXQ715" s="613"/>
      <c r="SXR715" s="613"/>
      <c r="SXS715" s="613"/>
      <c r="SXT715" s="613"/>
      <c r="SXU715" s="613"/>
      <c r="SXV715" s="613"/>
      <c r="SXW715" s="613"/>
      <c r="SXX715" s="613"/>
      <c r="SXY715" s="613"/>
      <c r="SXZ715" s="613"/>
      <c r="SYA715" s="613"/>
      <c r="SYB715" s="613"/>
      <c r="SYC715" s="613"/>
      <c r="SYD715" s="613"/>
      <c r="SYE715" s="613"/>
      <c r="SYF715" s="613"/>
      <c r="SYG715" s="613"/>
      <c r="SYH715" s="613"/>
      <c r="SYI715" s="613"/>
      <c r="SYJ715" s="613"/>
      <c r="SYK715" s="613"/>
      <c r="SYL715" s="613"/>
      <c r="SYM715" s="613"/>
      <c r="SYN715" s="613"/>
      <c r="SYO715" s="613"/>
      <c r="SYP715" s="613"/>
      <c r="SYQ715" s="613"/>
      <c r="SYR715" s="613"/>
      <c r="SYS715" s="613"/>
      <c r="SYT715" s="613"/>
      <c r="SYU715" s="613"/>
      <c r="SYV715" s="613"/>
      <c r="SYW715" s="613"/>
      <c r="SYX715" s="613"/>
      <c r="SYY715" s="613"/>
      <c r="SYZ715" s="613"/>
      <c r="SZA715" s="613"/>
      <c r="SZB715" s="613"/>
      <c r="SZC715" s="613"/>
      <c r="SZD715" s="613"/>
      <c r="SZE715" s="613"/>
      <c r="SZF715" s="613"/>
      <c r="SZG715" s="613"/>
      <c r="SZH715" s="613"/>
      <c r="SZI715" s="613"/>
      <c r="SZJ715" s="613"/>
      <c r="SZK715" s="613"/>
      <c r="SZL715" s="613"/>
      <c r="SZM715" s="613"/>
      <c r="SZN715" s="613"/>
      <c r="SZO715" s="613"/>
      <c r="SZP715" s="613"/>
      <c r="SZQ715" s="613"/>
      <c r="SZR715" s="613"/>
      <c r="SZS715" s="613"/>
      <c r="SZT715" s="613"/>
      <c r="SZU715" s="613"/>
      <c r="SZV715" s="613"/>
      <c r="SZW715" s="613"/>
      <c r="SZX715" s="613"/>
      <c r="SZY715" s="613"/>
      <c r="SZZ715" s="613"/>
      <c r="TAA715" s="613"/>
      <c r="TAB715" s="613"/>
      <c r="TAC715" s="613"/>
      <c r="TAD715" s="613"/>
      <c r="TAE715" s="613"/>
      <c r="TAF715" s="613"/>
      <c r="TAG715" s="613"/>
      <c r="TAH715" s="613"/>
      <c r="TAI715" s="613"/>
      <c r="TAJ715" s="613"/>
      <c r="TAK715" s="613"/>
      <c r="TAL715" s="613"/>
      <c r="TAM715" s="613"/>
      <c r="TAN715" s="613"/>
      <c r="TAO715" s="613"/>
      <c r="TAP715" s="613"/>
      <c r="TAQ715" s="613"/>
      <c r="TAR715" s="613"/>
      <c r="TAS715" s="613"/>
      <c r="TAT715" s="613"/>
      <c r="TAU715" s="613"/>
      <c r="TAV715" s="613"/>
      <c r="TAW715" s="613"/>
      <c r="TAX715" s="613"/>
      <c r="TAY715" s="613"/>
      <c r="TAZ715" s="613"/>
      <c r="TBA715" s="613"/>
      <c r="TBB715" s="613"/>
      <c r="TBC715" s="613"/>
      <c r="TBD715" s="613"/>
      <c r="TBE715" s="613"/>
      <c r="TBF715" s="613"/>
      <c r="TBG715" s="613"/>
      <c r="TBH715" s="613"/>
      <c r="TBI715" s="613"/>
      <c r="TBJ715" s="613"/>
      <c r="TBK715" s="613"/>
      <c r="TBL715" s="613"/>
      <c r="TBM715" s="613"/>
      <c r="TBN715" s="613"/>
      <c r="TBO715" s="613"/>
      <c r="TBP715" s="613"/>
      <c r="TBQ715" s="613"/>
      <c r="TBR715" s="613"/>
      <c r="TBS715" s="613"/>
      <c r="TBT715" s="613"/>
      <c r="TBU715" s="613"/>
      <c r="TBV715" s="613"/>
      <c r="TBW715" s="613"/>
      <c r="TBX715" s="613"/>
      <c r="TBY715" s="613"/>
      <c r="TBZ715" s="613"/>
      <c r="TCA715" s="613"/>
      <c r="TCB715" s="613"/>
      <c r="TCC715" s="613"/>
      <c r="TCD715" s="613"/>
      <c r="TCE715" s="613"/>
      <c r="TCF715" s="613"/>
      <c r="TCG715" s="613"/>
      <c r="TCH715" s="613"/>
      <c r="TCI715" s="613"/>
      <c r="TCJ715" s="613"/>
      <c r="TCK715" s="613"/>
      <c r="TCL715" s="613"/>
      <c r="TCM715" s="613"/>
      <c r="TCN715" s="613"/>
      <c r="TCO715" s="613"/>
      <c r="TCP715" s="613"/>
      <c r="TCQ715" s="613"/>
      <c r="TCR715" s="613"/>
      <c r="TCS715" s="613"/>
      <c r="TCT715" s="613"/>
      <c r="TCU715" s="613"/>
      <c r="TCV715" s="613"/>
      <c r="TCW715" s="613"/>
      <c r="TCX715" s="613"/>
      <c r="TCY715" s="613"/>
      <c r="TCZ715" s="613"/>
      <c r="TDA715" s="613"/>
      <c r="TDB715" s="613"/>
      <c r="TDC715" s="613"/>
      <c r="TDD715" s="613"/>
      <c r="TDE715" s="613"/>
      <c r="TDF715" s="613"/>
      <c r="TDG715" s="613"/>
      <c r="TDH715" s="613"/>
      <c r="TDI715" s="613"/>
      <c r="TDJ715" s="613"/>
      <c r="TDK715" s="613"/>
      <c r="TDL715" s="613"/>
      <c r="TDM715" s="613"/>
      <c r="TDN715" s="613"/>
      <c r="TDO715" s="613"/>
      <c r="TDP715" s="613"/>
      <c r="TDQ715" s="613"/>
      <c r="TDR715" s="613"/>
      <c r="TDS715" s="613"/>
      <c r="TDT715" s="613"/>
      <c r="TDU715" s="613"/>
      <c r="TDV715" s="613"/>
      <c r="TDW715" s="613"/>
      <c r="TDX715" s="613"/>
      <c r="TDY715" s="613"/>
      <c r="TDZ715" s="613"/>
      <c r="TEA715" s="613"/>
      <c r="TEB715" s="613"/>
      <c r="TEC715" s="613"/>
      <c r="TED715" s="613"/>
      <c r="TEE715" s="613"/>
      <c r="TEF715" s="613"/>
      <c r="TEG715" s="613"/>
      <c r="TEH715" s="613"/>
      <c r="TEI715" s="613"/>
      <c r="TEJ715" s="613"/>
      <c r="TEK715" s="613"/>
      <c r="TEL715" s="613"/>
      <c r="TEM715" s="613"/>
      <c r="TEN715" s="613"/>
      <c r="TEO715" s="613"/>
      <c r="TEP715" s="613"/>
      <c r="TEQ715" s="613"/>
      <c r="TER715" s="613"/>
      <c r="TES715" s="613"/>
      <c r="TET715" s="613"/>
      <c r="TEU715" s="613"/>
      <c r="TEV715" s="613"/>
      <c r="TEW715" s="613"/>
      <c r="TEX715" s="613"/>
      <c r="TEY715" s="613"/>
      <c r="TEZ715" s="613"/>
      <c r="TFA715" s="613"/>
      <c r="TFB715" s="613"/>
      <c r="TFC715" s="613"/>
      <c r="TFD715" s="613"/>
      <c r="TFE715" s="613"/>
      <c r="TFF715" s="613"/>
      <c r="TFG715" s="613"/>
      <c r="TFH715" s="613"/>
      <c r="TFI715" s="613"/>
      <c r="TFJ715" s="613"/>
      <c r="TFK715" s="613"/>
      <c r="TFL715" s="613"/>
      <c r="TFM715" s="613"/>
      <c r="TFN715" s="613"/>
      <c r="TFO715" s="613"/>
      <c r="TFP715" s="613"/>
      <c r="TFQ715" s="613"/>
      <c r="TFR715" s="613"/>
      <c r="TFS715" s="613"/>
      <c r="TFT715" s="613"/>
      <c r="TFU715" s="613"/>
      <c r="TFV715" s="613"/>
      <c r="TFW715" s="613"/>
      <c r="TFX715" s="613"/>
      <c r="TFY715" s="613"/>
      <c r="TFZ715" s="613"/>
      <c r="TGA715" s="613"/>
      <c r="TGB715" s="613"/>
      <c r="TGC715" s="613"/>
      <c r="TGD715" s="613"/>
      <c r="TGE715" s="613"/>
      <c r="TGF715" s="613"/>
      <c r="TGG715" s="613"/>
      <c r="TGH715" s="613"/>
      <c r="TGI715" s="613"/>
      <c r="TGJ715" s="613"/>
      <c r="TGK715" s="613"/>
      <c r="TGL715" s="613"/>
      <c r="TGM715" s="613"/>
      <c r="TGN715" s="613"/>
      <c r="TGO715" s="613"/>
      <c r="TGP715" s="613"/>
      <c r="TGQ715" s="613"/>
      <c r="TGR715" s="613"/>
      <c r="TGS715" s="613"/>
      <c r="TGT715" s="613"/>
      <c r="TGU715" s="613"/>
      <c r="TGV715" s="613"/>
      <c r="TGW715" s="613"/>
      <c r="TGX715" s="613"/>
      <c r="TGY715" s="613"/>
      <c r="TGZ715" s="613"/>
      <c r="THA715" s="613"/>
      <c r="THB715" s="613"/>
      <c r="THC715" s="613"/>
      <c r="THD715" s="613"/>
      <c r="THE715" s="613"/>
      <c r="THF715" s="613"/>
      <c r="THG715" s="613"/>
      <c r="THH715" s="613"/>
      <c r="THI715" s="613"/>
      <c r="THJ715" s="613"/>
      <c r="THK715" s="613"/>
      <c r="THL715" s="613"/>
      <c r="THM715" s="613"/>
      <c r="THN715" s="613"/>
      <c r="THO715" s="613"/>
      <c r="THP715" s="613"/>
      <c r="THQ715" s="613"/>
      <c r="THR715" s="613"/>
      <c r="THS715" s="613"/>
      <c r="THT715" s="613"/>
      <c r="THU715" s="613"/>
      <c r="THV715" s="613"/>
      <c r="THW715" s="613"/>
      <c r="THX715" s="613"/>
      <c r="THY715" s="613"/>
      <c r="THZ715" s="613"/>
      <c r="TIA715" s="613"/>
      <c r="TIB715" s="613"/>
      <c r="TIC715" s="613"/>
      <c r="TID715" s="613"/>
      <c r="TIE715" s="613"/>
      <c r="TIF715" s="613"/>
      <c r="TIG715" s="613"/>
      <c r="TIH715" s="613"/>
      <c r="TII715" s="613"/>
      <c r="TIJ715" s="613"/>
      <c r="TIK715" s="613"/>
      <c r="TIL715" s="613"/>
      <c r="TIM715" s="613"/>
      <c r="TIN715" s="613"/>
      <c r="TIO715" s="613"/>
      <c r="TIP715" s="613"/>
      <c r="TIQ715" s="613"/>
      <c r="TIR715" s="613"/>
      <c r="TIS715" s="613"/>
      <c r="TIT715" s="613"/>
      <c r="TIU715" s="613"/>
      <c r="TIV715" s="613"/>
      <c r="TIW715" s="613"/>
      <c r="TIX715" s="613"/>
      <c r="TIY715" s="613"/>
      <c r="TIZ715" s="613"/>
      <c r="TJA715" s="613"/>
      <c r="TJB715" s="613"/>
      <c r="TJC715" s="613"/>
      <c r="TJD715" s="613"/>
      <c r="TJE715" s="613"/>
      <c r="TJF715" s="613"/>
      <c r="TJG715" s="613"/>
      <c r="TJH715" s="613"/>
      <c r="TJI715" s="613"/>
      <c r="TJJ715" s="613"/>
      <c r="TJK715" s="613"/>
      <c r="TJL715" s="613"/>
      <c r="TJM715" s="613"/>
      <c r="TJN715" s="613"/>
      <c r="TJO715" s="613"/>
      <c r="TJP715" s="613"/>
      <c r="TJQ715" s="613"/>
      <c r="TJR715" s="613"/>
      <c r="TJS715" s="613"/>
      <c r="TJT715" s="613"/>
      <c r="TJU715" s="613"/>
      <c r="TJV715" s="613"/>
      <c r="TJW715" s="613"/>
      <c r="TJX715" s="613"/>
      <c r="TJY715" s="613"/>
      <c r="TJZ715" s="613"/>
      <c r="TKA715" s="613"/>
      <c r="TKB715" s="613"/>
      <c r="TKC715" s="613"/>
      <c r="TKD715" s="613"/>
      <c r="TKE715" s="613"/>
      <c r="TKF715" s="613"/>
      <c r="TKG715" s="613"/>
      <c r="TKH715" s="613"/>
      <c r="TKI715" s="613"/>
      <c r="TKJ715" s="613"/>
      <c r="TKK715" s="613"/>
      <c r="TKL715" s="613"/>
      <c r="TKM715" s="613"/>
      <c r="TKN715" s="613"/>
      <c r="TKO715" s="613"/>
      <c r="TKP715" s="613"/>
      <c r="TKQ715" s="613"/>
      <c r="TKR715" s="613"/>
      <c r="TKS715" s="613"/>
      <c r="TKT715" s="613"/>
      <c r="TKU715" s="613"/>
      <c r="TKV715" s="613"/>
      <c r="TKW715" s="613"/>
      <c r="TKX715" s="613"/>
      <c r="TKY715" s="613"/>
      <c r="TKZ715" s="613"/>
      <c r="TLA715" s="613"/>
      <c r="TLB715" s="613"/>
      <c r="TLC715" s="613"/>
      <c r="TLD715" s="613"/>
      <c r="TLE715" s="613"/>
      <c r="TLF715" s="613"/>
      <c r="TLG715" s="613"/>
      <c r="TLH715" s="613"/>
      <c r="TLI715" s="613"/>
      <c r="TLJ715" s="613"/>
      <c r="TLK715" s="613"/>
      <c r="TLL715" s="613"/>
      <c r="TLM715" s="613"/>
      <c r="TLN715" s="613"/>
      <c r="TLO715" s="613"/>
      <c r="TLP715" s="613"/>
      <c r="TLQ715" s="613"/>
      <c r="TLR715" s="613"/>
      <c r="TLS715" s="613"/>
      <c r="TLT715" s="613"/>
      <c r="TLU715" s="613"/>
      <c r="TLV715" s="613"/>
      <c r="TLW715" s="613"/>
      <c r="TLX715" s="613"/>
      <c r="TLY715" s="613"/>
      <c r="TLZ715" s="613"/>
      <c r="TMA715" s="613"/>
      <c r="TMB715" s="613"/>
      <c r="TMC715" s="613"/>
      <c r="TMD715" s="613"/>
      <c r="TME715" s="613"/>
      <c r="TMF715" s="613"/>
      <c r="TMG715" s="613"/>
      <c r="TMH715" s="613"/>
      <c r="TMI715" s="613"/>
      <c r="TMJ715" s="613"/>
      <c r="TMK715" s="613"/>
      <c r="TML715" s="613"/>
      <c r="TMM715" s="613"/>
      <c r="TMN715" s="613"/>
      <c r="TMO715" s="613"/>
      <c r="TMP715" s="613"/>
      <c r="TMQ715" s="613"/>
      <c r="TMR715" s="613"/>
      <c r="TMS715" s="613"/>
      <c r="TMT715" s="613"/>
      <c r="TMU715" s="613"/>
      <c r="TMV715" s="613"/>
      <c r="TMW715" s="613"/>
      <c r="TMX715" s="613"/>
      <c r="TMY715" s="613"/>
      <c r="TMZ715" s="613"/>
      <c r="TNA715" s="613"/>
      <c r="TNB715" s="613"/>
      <c r="TNC715" s="613"/>
      <c r="TND715" s="613"/>
      <c r="TNE715" s="613"/>
      <c r="TNF715" s="613"/>
      <c r="TNG715" s="613"/>
      <c r="TNH715" s="613"/>
      <c r="TNI715" s="613"/>
      <c r="TNJ715" s="613"/>
      <c r="TNK715" s="613"/>
      <c r="TNL715" s="613"/>
      <c r="TNM715" s="613"/>
      <c r="TNN715" s="613"/>
      <c r="TNO715" s="613"/>
      <c r="TNP715" s="613"/>
      <c r="TNQ715" s="613"/>
      <c r="TNR715" s="613"/>
      <c r="TNS715" s="613"/>
      <c r="TNT715" s="613"/>
      <c r="TNU715" s="613"/>
      <c r="TNV715" s="613"/>
      <c r="TNW715" s="613"/>
      <c r="TNX715" s="613"/>
      <c r="TNY715" s="613"/>
      <c r="TNZ715" s="613"/>
      <c r="TOA715" s="613"/>
      <c r="TOB715" s="613"/>
      <c r="TOC715" s="613"/>
      <c r="TOD715" s="613"/>
      <c r="TOE715" s="613"/>
      <c r="TOF715" s="613"/>
      <c r="TOG715" s="613"/>
      <c r="TOH715" s="613"/>
      <c r="TOI715" s="613"/>
      <c r="TOJ715" s="613"/>
      <c r="TOK715" s="613"/>
      <c r="TOL715" s="613"/>
      <c r="TOM715" s="613"/>
      <c r="TON715" s="613"/>
      <c r="TOO715" s="613"/>
      <c r="TOP715" s="613"/>
      <c r="TOQ715" s="613"/>
      <c r="TOR715" s="613"/>
      <c r="TOS715" s="613"/>
      <c r="TOT715" s="613"/>
      <c r="TOU715" s="613"/>
      <c r="TOV715" s="613"/>
      <c r="TOW715" s="613"/>
      <c r="TOX715" s="613"/>
      <c r="TOY715" s="613"/>
      <c r="TOZ715" s="613"/>
      <c r="TPA715" s="613"/>
      <c r="TPB715" s="613"/>
      <c r="TPC715" s="613"/>
      <c r="TPD715" s="613"/>
      <c r="TPE715" s="613"/>
      <c r="TPF715" s="613"/>
      <c r="TPG715" s="613"/>
      <c r="TPH715" s="613"/>
      <c r="TPI715" s="613"/>
      <c r="TPJ715" s="613"/>
      <c r="TPK715" s="613"/>
      <c r="TPL715" s="613"/>
      <c r="TPM715" s="613"/>
      <c r="TPN715" s="613"/>
      <c r="TPO715" s="613"/>
      <c r="TPP715" s="613"/>
      <c r="TPQ715" s="613"/>
      <c r="TPR715" s="613"/>
      <c r="TPS715" s="613"/>
      <c r="TPT715" s="613"/>
      <c r="TPU715" s="613"/>
      <c r="TPV715" s="613"/>
      <c r="TPW715" s="613"/>
      <c r="TPX715" s="613"/>
      <c r="TPY715" s="613"/>
      <c r="TPZ715" s="613"/>
      <c r="TQA715" s="613"/>
      <c r="TQB715" s="613"/>
      <c r="TQC715" s="613"/>
      <c r="TQD715" s="613"/>
      <c r="TQE715" s="613"/>
      <c r="TQF715" s="613"/>
      <c r="TQG715" s="613"/>
      <c r="TQH715" s="613"/>
      <c r="TQI715" s="613"/>
      <c r="TQJ715" s="613"/>
      <c r="TQK715" s="613"/>
      <c r="TQL715" s="613"/>
      <c r="TQM715" s="613"/>
      <c r="TQN715" s="613"/>
      <c r="TQO715" s="613"/>
      <c r="TQP715" s="613"/>
      <c r="TQQ715" s="613"/>
      <c r="TQR715" s="613"/>
      <c r="TQS715" s="613"/>
      <c r="TQT715" s="613"/>
      <c r="TQU715" s="613"/>
      <c r="TQV715" s="613"/>
      <c r="TQW715" s="613"/>
      <c r="TQX715" s="613"/>
      <c r="TQY715" s="613"/>
      <c r="TQZ715" s="613"/>
      <c r="TRA715" s="613"/>
      <c r="TRB715" s="613"/>
      <c r="TRC715" s="613"/>
      <c r="TRD715" s="613"/>
      <c r="TRE715" s="613"/>
      <c r="TRF715" s="613"/>
      <c r="TRG715" s="613"/>
      <c r="TRH715" s="613"/>
      <c r="TRI715" s="613"/>
      <c r="TRJ715" s="613"/>
      <c r="TRK715" s="613"/>
      <c r="TRL715" s="613"/>
      <c r="TRM715" s="613"/>
      <c r="TRN715" s="613"/>
      <c r="TRO715" s="613"/>
      <c r="TRP715" s="613"/>
      <c r="TRQ715" s="613"/>
      <c r="TRR715" s="613"/>
      <c r="TRS715" s="613"/>
      <c r="TRT715" s="613"/>
      <c r="TRU715" s="613"/>
      <c r="TRV715" s="613"/>
      <c r="TRW715" s="613"/>
      <c r="TRX715" s="613"/>
      <c r="TRY715" s="613"/>
      <c r="TRZ715" s="613"/>
      <c r="TSA715" s="613"/>
      <c r="TSB715" s="613"/>
      <c r="TSC715" s="613"/>
      <c r="TSD715" s="613"/>
      <c r="TSE715" s="613"/>
      <c r="TSF715" s="613"/>
      <c r="TSG715" s="613"/>
      <c r="TSH715" s="613"/>
      <c r="TSI715" s="613"/>
      <c r="TSJ715" s="613"/>
      <c r="TSK715" s="613"/>
      <c r="TSL715" s="613"/>
      <c r="TSM715" s="613"/>
      <c r="TSN715" s="613"/>
      <c r="TSO715" s="613"/>
      <c r="TSP715" s="613"/>
      <c r="TSQ715" s="613"/>
      <c r="TSR715" s="613"/>
      <c r="TSS715" s="613"/>
      <c r="TST715" s="613"/>
      <c r="TSU715" s="613"/>
      <c r="TSV715" s="613"/>
      <c r="TSW715" s="613"/>
      <c r="TSX715" s="613"/>
      <c r="TSY715" s="613"/>
      <c r="TSZ715" s="613"/>
      <c r="TTA715" s="613"/>
      <c r="TTB715" s="613"/>
      <c r="TTC715" s="613"/>
      <c r="TTD715" s="613"/>
      <c r="TTE715" s="613"/>
      <c r="TTF715" s="613"/>
      <c r="TTG715" s="613"/>
      <c r="TTH715" s="613"/>
      <c r="TTI715" s="613"/>
      <c r="TTJ715" s="613"/>
      <c r="TTK715" s="613"/>
      <c r="TTL715" s="613"/>
      <c r="TTM715" s="613"/>
      <c r="TTN715" s="613"/>
      <c r="TTO715" s="613"/>
      <c r="TTP715" s="613"/>
      <c r="TTQ715" s="613"/>
      <c r="TTR715" s="613"/>
      <c r="TTS715" s="613"/>
      <c r="TTT715" s="613"/>
      <c r="TTU715" s="613"/>
      <c r="TTV715" s="613"/>
      <c r="TTW715" s="613"/>
      <c r="TTX715" s="613"/>
      <c r="TTY715" s="613"/>
      <c r="TTZ715" s="613"/>
      <c r="TUA715" s="613"/>
      <c r="TUB715" s="613"/>
      <c r="TUC715" s="613"/>
      <c r="TUD715" s="613"/>
      <c r="TUE715" s="613"/>
      <c r="TUF715" s="613"/>
      <c r="TUG715" s="613"/>
      <c r="TUH715" s="613"/>
      <c r="TUI715" s="613"/>
      <c r="TUJ715" s="613"/>
      <c r="TUK715" s="613"/>
      <c r="TUL715" s="613"/>
      <c r="TUM715" s="613"/>
      <c r="TUN715" s="613"/>
      <c r="TUO715" s="613"/>
      <c r="TUP715" s="613"/>
      <c r="TUQ715" s="613"/>
      <c r="TUR715" s="613"/>
      <c r="TUS715" s="613"/>
      <c r="TUT715" s="613"/>
      <c r="TUU715" s="613"/>
      <c r="TUV715" s="613"/>
      <c r="TUW715" s="613"/>
      <c r="TUX715" s="613"/>
      <c r="TUY715" s="613"/>
      <c r="TUZ715" s="613"/>
      <c r="TVA715" s="613"/>
      <c r="TVB715" s="613"/>
      <c r="TVC715" s="613"/>
      <c r="TVD715" s="613"/>
      <c r="TVE715" s="613"/>
      <c r="TVF715" s="613"/>
      <c r="TVG715" s="613"/>
      <c r="TVH715" s="613"/>
      <c r="TVI715" s="613"/>
      <c r="TVJ715" s="613"/>
      <c r="TVK715" s="613"/>
      <c r="TVL715" s="613"/>
      <c r="TVM715" s="613"/>
      <c r="TVN715" s="613"/>
      <c r="TVO715" s="613"/>
      <c r="TVP715" s="613"/>
      <c r="TVQ715" s="613"/>
      <c r="TVR715" s="613"/>
      <c r="TVS715" s="613"/>
      <c r="TVT715" s="613"/>
      <c r="TVU715" s="613"/>
      <c r="TVV715" s="613"/>
      <c r="TVW715" s="613"/>
      <c r="TVX715" s="613"/>
      <c r="TVY715" s="613"/>
      <c r="TVZ715" s="613"/>
      <c r="TWA715" s="613"/>
      <c r="TWB715" s="613"/>
      <c r="TWC715" s="613"/>
      <c r="TWD715" s="613"/>
      <c r="TWE715" s="613"/>
      <c r="TWF715" s="613"/>
      <c r="TWG715" s="613"/>
      <c r="TWH715" s="613"/>
      <c r="TWI715" s="613"/>
      <c r="TWJ715" s="613"/>
      <c r="TWK715" s="613"/>
      <c r="TWL715" s="613"/>
      <c r="TWM715" s="613"/>
      <c r="TWN715" s="613"/>
      <c r="TWO715" s="613"/>
      <c r="TWP715" s="613"/>
      <c r="TWQ715" s="613"/>
      <c r="TWR715" s="613"/>
      <c r="TWS715" s="613"/>
      <c r="TWT715" s="613"/>
      <c r="TWU715" s="613"/>
      <c r="TWV715" s="613"/>
      <c r="TWW715" s="613"/>
      <c r="TWX715" s="613"/>
      <c r="TWY715" s="613"/>
      <c r="TWZ715" s="613"/>
      <c r="TXA715" s="613"/>
      <c r="TXB715" s="613"/>
      <c r="TXC715" s="613"/>
      <c r="TXD715" s="613"/>
      <c r="TXE715" s="613"/>
      <c r="TXF715" s="613"/>
      <c r="TXG715" s="613"/>
      <c r="TXH715" s="613"/>
      <c r="TXI715" s="613"/>
      <c r="TXJ715" s="613"/>
      <c r="TXK715" s="613"/>
      <c r="TXL715" s="613"/>
      <c r="TXM715" s="613"/>
      <c r="TXN715" s="613"/>
      <c r="TXO715" s="613"/>
      <c r="TXP715" s="613"/>
      <c r="TXQ715" s="613"/>
      <c r="TXR715" s="613"/>
      <c r="TXS715" s="613"/>
      <c r="TXT715" s="613"/>
      <c r="TXU715" s="613"/>
      <c r="TXV715" s="613"/>
      <c r="TXW715" s="613"/>
      <c r="TXX715" s="613"/>
      <c r="TXY715" s="613"/>
      <c r="TXZ715" s="613"/>
      <c r="TYA715" s="613"/>
      <c r="TYB715" s="613"/>
      <c r="TYC715" s="613"/>
      <c r="TYD715" s="613"/>
      <c r="TYE715" s="613"/>
      <c r="TYF715" s="613"/>
      <c r="TYG715" s="613"/>
      <c r="TYH715" s="613"/>
      <c r="TYI715" s="613"/>
      <c r="TYJ715" s="613"/>
      <c r="TYK715" s="613"/>
      <c r="TYL715" s="613"/>
      <c r="TYM715" s="613"/>
      <c r="TYN715" s="613"/>
      <c r="TYO715" s="613"/>
      <c r="TYP715" s="613"/>
      <c r="TYQ715" s="613"/>
      <c r="TYR715" s="613"/>
      <c r="TYS715" s="613"/>
      <c r="TYT715" s="613"/>
      <c r="TYU715" s="613"/>
      <c r="TYV715" s="613"/>
      <c r="TYW715" s="613"/>
      <c r="TYX715" s="613"/>
      <c r="TYY715" s="613"/>
      <c r="TYZ715" s="613"/>
      <c r="TZA715" s="613"/>
      <c r="TZB715" s="613"/>
      <c r="TZC715" s="613"/>
      <c r="TZD715" s="613"/>
      <c r="TZE715" s="613"/>
      <c r="TZF715" s="613"/>
      <c r="TZG715" s="613"/>
      <c r="TZH715" s="613"/>
      <c r="TZI715" s="613"/>
      <c r="TZJ715" s="613"/>
      <c r="TZK715" s="613"/>
      <c r="TZL715" s="613"/>
      <c r="TZM715" s="613"/>
      <c r="TZN715" s="613"/>
      <c r="TZO715" s="613"/>
      <c r="TZP715" s="613"/>
      <c r="TZQ715" s="613"/>
      <c r="TZR715" s="613"/>
      <c r="TZS715" s="613"/>
      <c r="TZT715" s="613"/>
      <c r="TZU715" s="613"/>
      <c r="TZV715" s="613"/>
      <c r="TZW715" s="613"/>
      <c r="TZX715" s="613"/>
      <c r="TZY715" s="613"/>
      <c r="TZZ715" s="613"/>
      <c r="UAA715" s="613"/>
      <c r="UAB715" s="613"/>
      <c r="UAC715" s="613"/>
      <c r="UAD715" s="613"/>
      <c r="UAE715" s="613"/>
      <c r="UAF715" s="613"/>
      <c r="UAG715" s="613"/>
      <c r="UAH715" s="613"/>
      <c r="UAI715" s="613"/>
      <c r="UAJ715" s="613"/>
      <c r="UAK715" s="613"/>
      <c r="UAL715" s="613"/>
      <c r="UAM715" s="613"/>
      <c r="UAN715" s="613"/>
      <c r="UAO715" s="613"/>
      <c r="UAP715" s="613"/>
      <c r="UAQ715" s="613"/>
      <c r="UAR715" s="613"/>
      <c r="UAS715" s="613"/>
      <c r="UAT715" s="613"/>
      <c r="UAU715" s="613"/>
      <c r="UAV715" s="613"/>
      <c r="UAW715" s="613"/>
      <c r="UAX715" s="613"/>
      <c r="UAY715" s="613"/>
      <c r="UAZ715" s="613"/>
      <c r="UBA715" s="613"/>
      <c r="UBB715" s="613"/>
      <c r="UBC715" s="613"/>
      <c r="UBD715" s="613"/>
      <c r="UBE715" s="613"/>
      <c r="UBF715" s="613"/>
      <c r="UBG715" s="613"/>
      <c r="UBH715" s="613"/>
      <c r="UBI715" s="613"/>
      <c r="UBJ715" s="613"/>
      <c r="UBK715" s="613"/>
      <c r="UBL715" s="613"/>
      <c r="UBM715" s="613"/>
      <c r="UBN715" s="613"/>
      <c r="UBO715" s="613"/>
      <c r="UBP715" s="613"/>
      <c r="UBQ715" s="613"/>
      <c r="UBR715" s="613"/>
      <c r="UBS715" s="613"/>
      <c r="UBT715" s="613"/>
      <c r="UBU715" s="613"/>
      <c r="UBV715" s="613"/>
      <c r="UBW715" s="613"/>
      <c r="UBX715" s="613"/>
      <c r="UBY715" s="613"/>
      <c r="UBZ715" s="613"/>
      <c r="UCA715" s="613"/>
      <c r="UCB715" s="613"/>
      <c r="UCC715" s="613"/>
      <c r="UCD715" s="613"/>
      <c r="UCE715" s="613"/>
      <c r="UCF715" s="613"/>
      <c r="UCG715" s="613"/>
      <c r="UCH715" s="613"/>
      <c r="UCI715" s="613"/>
      <c r="UCJ715" s="613"/>
      <c r="UCK715" s="613"/>
      <c r="UCL715" s="613"/>
      <c r="UCM715" s="613"/>
      <c r="UCN715" s="613"/>
      <c r="UCO715" s="613"/>
      <c r="UCP715" s="613"/>
      <c r="UCQ715" s="613"/>
      <c r="UCR715" s="613"/>
      <c r="UCS715" s="613"/>
      <c r="UCT715" s="613"/>
      <c r="UCU715" s="613"/>
      <c r="UCV715" s="613"/>
      <c r="UCW715" s="613"/>
      <c r="UCX715" s="613"/>
      <c r="UCY715" s="613"/>
      <c r="UCZ715" s="613"/>
      <c r="UDA715" s="613"/>
      <c r="UDB715" s="613"/>
      <c r="UDC715" s="613"/>
      <c r="UDD715" s="613"/>
      <c r="UDE715" s="613"/>
      <c r="UDF715" s="613"/>
      <c r="UDG715" s="613"/>
      <c r="UDH715" s="613"/>
      <c r="UDI715" s="613"/>
      <c r="UDJ715" s="613"/>
      <c r="UDK715" s="613"/>
      <c r="UDL715" s="613"/>
      <c r="UDM715" s="613"/>
      <c r="UDN715" s="613"/>
      <c r="UDO715" s="613"/>
      <c r="UDP715" s="613"/>
      <c r="UDQ715" s="613"/>
      <c r="UDR715" s="613"/>
      <c r="UDS715" s="613"/>
      <c r="UDT715" s="613"/>
      <c r="UDU715" s="613"/>
      <c r="UDV715" s="613"/>
      <c r="UDW715" s="613"/>
      <c r="UDX715" s="613"/>
      <c r="UDY715" s="613"/>
      <c r="UDZ715" s="613"/>
      <c r="UEA715" s="613"/>
      <c r="UEB715" s="613"/>
      <c r="UEC715" s="613"/>
      <c r="UED715" s="613"/>
      <c r="UEE715" s="613"/>
      <c r="UEF715" s="613"/>
      <c r="UEG715" s="613"/>
      <c r="UEH715" s="613"/>
      <c r="UEI715" s="613"/>
      <c r="UEJ715" s="613"/>
      <c r="UEK715" s="613"/>
      <c r="UEL715" s="613"/>
      <c r="UEM715" s="613"/>
      <c r="UEN715" s="613"/>
      <c r="UEO715" s="613"/>
      <c r="UEP715" s="613"/>
      <c r="UEQ715" s="613"/>
      <c r="UER715" s="613"/>
      <c r="UES715" s="613"/>
      <c r="UET715" s="613"/>
      <c r="UEU715" s="613"/>
      <c r="UEV715" s="613"/>
      <c r="UEW715" s="613"/>
      <c r="UEX715" s="613"/>
      <c r="UEY715" s="613"/>
      <c r="UEZ715" s="613"/>
      <c r="UFA715" s="613"/>
      <c r="UFB715" s="613"/>
      <c r="UFC715" s="613"/>
      <c r="UFD715" s="613"/>
      <c r="UFE715" s="613"/>
      <c r="UFF715" s="613"/>
      <c r="UFG715" s="613"/>
      <c r="UFH715" s="613"/>
      <c r="UFI715" s="613"/>
      <c r="UFJ715" s="613"/>
      <c r="UFK715" s="613"/>
      <c r="UFL715" s="613"/>
      <c r="UFM715" s="613"/>
      <c r="UFN715" s="613"/>
      <c r="UFO715" s="613"/>
      <c r="UFP715" s="613"/>
      <c r="UFQ715" s="613"/>
      <c r="UFR715" s="613"/>
      <c r="UFS715" s="613"/>
      <c r="UFT715" s="613"/>
      <c r="UFU715" s="613"/>
      <c r="UFV715" s="613"/>
      <c r="UFW715" s="613"/>
      <c r="UFX715" s="613"/>
      <c r="UFY715" s="613"/>
      <c r="UFZ715" s="613"/>
      <c r="UGA715" s="613"/>
      <c r="UGB715" s="613"/>
      <c r="UGC715" s="613"/>
      <c r="UGD715" s="613"/>
      <c r="UGE715" s="613"/>
      <c r="UGF715" s="613"/>
      <c r="UGG715" s="613"/>
      <c r="UGH715" s="613"/>
      <c r="UGI715" s="613"/>
      <c r="UGJ715" s="613"/>
      <c r="UGK715" s="613"/>
      <c r="UGL715" s="613"/>
      <c r="UGM715" s="613"/>
      <c r="UGN715" s="613"/>
      <c r="UGO715" s="613"/>
      <c r="UGP715" s="613"/>
      <c r="UGQ715" s="613"/>
      <c r="UGR715" s="613"/>
      <c r="UGS715" s="613"/>
      <c r="UGT715" s="613"/>
      <c r="UGU715" s="613"/>
      <c r="UGV715" s="613"/>
      <c r="UGW715" s="613"/>
      <c r="UGX715" s="613"/>
      <c r="UGY715" s="613"/>
      <c r="UGZ715" s="613"/>
      <c r="UHA715" s="613"/>
      <c r="UHB715" s="613"/>
      <c r="UHC715" s="613"/>
      <c r="UHD715" s="613"/>
      <c r="UHE715" s="613"/>
      <c r="UHF715" s="613"/>
      <c r="UHG715" s="613"/>
      <c r="UHH715" s="613"/>
      <c r="UHI715" s="613"/>
      <c r="UHJ715" s="613"/>
      <c r="UHK715" s="613"/>
      <c r="UHL715" s="613"/>
      <c r="UHM715" s="613"/>
      <c r="UHN715" s="613"/>
      <c r="UHO715" s="613"/>
      <c r="UHP715" s="613"/>
      <c r="UHQ715" s="613"/>
      <c r="UHR715" s="613"/>
      <c r="UHS715" s="613"/>
      <c r="UHT715" s="613"/>
      <c r="UHU715" s="613"/>
      <c r="UHV715" s="613"/>
      <c r="UHW715" s="613"/>
      <c r="UHX715" s="613"/>
      <c r="UHY715" s="613"/>
      <c r="UHZ715" s="613"/>
      <c r="UIA715" s="613"/>
      <c r="UIB715" s="613"/>
      <c r="UIC715" s="613"/>
      <c r="UID715" s="613"/>
      <c r="UIE715" s="613"/>
      <c r="UIF715" s="613"/>
      <c r="UIG715" s="613"/>
      <c r="UIH715" s="613"/>
      <c r="UII715" s="613"/>
      <c r="UIJ715" s="613"/>
      <c r="UIK715" s="613"/>
      <c r="UIL715" s="613"/>
      <c r="UIM715" s="613"/>
      <c r="UIN715" s="613"/>
      <c r="UIO715" s="613"/>
      <c r="UIP715" s="613"/>
      <c r="UIQ715" s="613"/>
      <c r="UIR715" s="613"/>
      <c r="UIS715" s="613"/>
      <c r="UIT715" s="613"/>
      <c r="UIU715" s="613"/>
      <c r="UIV715" s="613"/>
      <c r="UIW715" s="613"/>
      <c r="UIX715" s="613"/>
      <c r="UIY715" s="613"/>
      <c r="UIZ715" s="613"/>
      <c r="UJA715" s="613"/>
      <c r="UJB715" s="613"/>
      <c r="UJC715" s="613"/>
      <c r="UJD715" s="613"/>
      <c r="UJE715" s="613"/>
      <c r="UJF715" s="613"/>
      <c r="UJG715" s="613"/>
      <c r="UJH715" s="613"/>
      <c r="UJI715" s="613"/>
      <c r="UJJ715" s="613"/>
      <c r="UJK715" s="613"/>
      <c r="UJL715" s="613"/>
      <c r="UJM715" s="613"/>
      <c r="UJN715" s="613"/>
      <c r="UJO715" s="613"/>
      <c r="UJP715" s="613"/>
      <c r="UJQ715" s="613"/>
      <c r="UJR715" s="613"/>
      <c r="UJS715" s="613"/>
      <c r="UJT715" s="613"/>
      <c r="UJU715" s="613"/>
      <c r="UJV715" s="613"/>
      <c r="UJW715" s="613"/>
      <c r="UJX715" s="613"/>
      <c r="UJY715" s="613"/>
      <c r="UJZ715" s="613"/>
      <c r="UKA715" s="613"/>
      <c r="UKB715" s="613"/>
      <c r="UKC715" s="613"/>
      <c r="UKD715" s="613"/>
      <c r="UKE715" s="613"/>
      <c r="UKF715" s="613"/>
      <c r="UKG715" s="613"/>
      <c r="UKH715" s="613"/>
      <c r="UKI715" s="613"/>
      <c r="UKJ715" s="613"/>
      <c r="UKK715" s="613"/>
      <c r="UKL715" s="613"/>
      <c r="UKM715" s="613"/>
      <c r="UKN715" s="613"/>
      <c r="UKO715" s="613"/>
      <c r="UKP715" s="613"/>
      <c r="UKQ715" s="613"/>
      <c r="UKR715" s="613"/>
      <c r="UKS715" s="613"/>
      <c r="UKT715" s="613"/>
      <c r="UKU715" s="613"/>
      <c r="UKV715" s="613"/>
      <c r="UKW715" s="613"/>
      <c r="UKX715" s="613"/>
      <c r="UKY715" s="613"/>
      <c r="UKZ715" s="613"/>
      <c r="ULA715" s="613"/>
      <c r="ULB715" s="613"/>
      <c r="ULC715" s="613"/>
      <c r="ULD715" s="613"/>
      <c r="ULE715" s="613"/>
      <c r="ULF715" s="613"/>
      <c r="ULG715" s="613"/>
      <c r="ULH715" s="613"/>
      <c r="ULI715" s="613"/>
      <c r="ULJ715" s="613"/>
      <c r="ULK715" s="613"/>
      <c r="ULL715" s="613"/>
      <c r="ULM715" s="613"/>
      <c r="ULN715" s="613"/>
      <c r="ULO715" s="613"/>
      <c r="ULP715" s="613"/>
      <c r="ULQ715" s="613"/>
      <c r="ULR715" s="613"/>
      <c r="ULS715" s="613"/>
      <c r="ULT715" s="613"/>
      <c r="ULU715" s="613"/>
      <c r="ULV715" s="613"/>
      <c r="ULW715" s="613"/>
      <c r="ULX715" s="613"/>
      <c r="ULY715" s="613"/>
      <c r="ULZ715" s="613"/>
      <c r="UMA715" s="613"/>
      <c r="UMB715" s="613"/>
      <c r="UMC715" s="613"/>
      <c r="UMD715" s="613"/>
      <c r="UME715" s="613"/>
      <c r="UMF715" s="613"/>
      <c r="UMG715" s="613"/>
      <c r="UMH715" s="613"/>
      <c r="UMI715" s="613"/>
      <c r="UMJ715" s="613"/>
      <c r="UMK715" s="613"/>
      <c r="UML715" s="613"/>
      <c r="UMM715" s="613"/>
      <c r="UMN715" s="613"/>
      <c r="UMO715" s="613"/>
      <c r="UMP715" s="613"/>
      <c r="UMQ715" s="613"/>
      <c r="UMR715" s="613"/>
      <c r="UMS715" s="613"/>
      <c r="UMT715" s="613"/>
      <c r="UMU715" s="613"/>
      <c r="UMV715" s="613"/>
      <c r="UMW715" s="613"/>
      <c r="UMX715" s="613"/>
      <c r="UMY715" s="613"/>
      <c r="UMZ715" s="613"/>
      <c r="UNA715" s="613"/>
      <c r="UNB715" s="613"/>
      <c r="UNC715" s="613"/>
      <c r="UND715" s="613"/>
      <c r="UNE715" s="613"/>
      <c r="UNF715" s="613"/>
      <c r="UNG715" s="613"/>
      <c r="UNH715" s="613"/>
      <c r="UNI715" s="613"/>
      <c r="UNJ715" s="613"/>
      <c r="UNK715" s="613"/>
      <c r="UNL715" s="613"/>
      <c r="UNM715" s="613"/>
      <c r="UNN715" s="613"/>
      <c r="UNO715" s="613"/>
      <c r="UNP715" s="613"/>
      <c r="UNQ715" s="613"/>
      <c r="UNR715" s="613"/>
      <c r="UNS715" s="613"/>
      <c r="UNT715" s="613"/>
      <c r="UNU715" s="613"/>
      <c r="UNV715" s="613"/>
      <c r="UNW715" s="613"/>
      <c r="UNX715" s="613"/>
      <c r="UNY715" s="613"/>
      <c r="UNZ715" s="613"/>
      <c r="UOA715" s="613"/>
      <c r="UOB715" s="613"/>
      <c r="UOC715" s="613"/>
      <c r="UOD715" s="613"/>
      <c r="UOE715" s="613"/>
      <c r="UOF715" s="613"/>
      <c r="UOG715" s="613"/>
      <c r="UOH715" s="613"/>
      <c r="UOI715" s="613"/>
      <c r="UOJ715" s="613"/>
      <c r="UOK715" s="613"/>
      <c r="UOL715" s="613"/>
      <c r="UOM715" s="613"/>
      <c r="UON715" s="613"/>
      <c r="UOO715" s="613"/>
      <c r="UOP715" s="613"/>
      <c r="UOQ715" s="613"/>
      <c r="UOR715" s="613"/>
      <c r="UOS715" s="613"/>
      <c r="UOT715" s="613"/>
      <c r="UOU715" s="613"/>
      <c r="UOV715" s="613"/>
      <c r="UOW715" s="613"/>
      <c r="UOX715" s="613"/>
      <c r="UOY715" s="613"/>
      <c r="UOZ715" s="613"/>
      <c r="UPA715" s="613"/>
      <c r="UPB715" s="613"/>
      <c r="UPC715" s="613"/>
      <c r="UPD715" s="613"/>
      <c r="UPE715" s="613"/>
      <c r="UPF715" s="613"/>
      <c r="UPG715" s="613"/>
      <c r="UPH715" s="613"/>
      <c r="UPI715" s="613"/>
      <c r="UPJ715" s="613"/>
      <c r="UPK715" s="613"/>
      <c r="UPL715" s="613"/>
      <c r="UPM715" s="613"/>
      <c r="UPN715" s="613"/>
      <c r="UPO715" s="613"/>
      <c r="UPP715" s="613"/>
      <c r="UPQ715" s="613"/>
      <c r="UPR715" s="613"/>
      <c r="UPS715" s="613"/>
      <c r="UPT715" s="613"/>
      <c r="UPU715" s="613"/>
      <c r="UPV715" s="613"/>
      <c r="UPW715" s="613"/>
      <c r="UPX715" s="613"/>
      <c r="UPY715" s="613"/>
      <c r="UPZ715" s="613"/>
      <c r="UQA715" s="613"/>
      <c r="UQB715" s="613"/>
      <c r="UQC715" s="613"/>
      <c r="UQD715" s="613"/>
      <c r="UQE715" s="613"/>
      <c r="UQF715" s="613"/>
      <c r="UQG715" s="613"/>
      <c r="UQH715" s="613"/>
      <c r="UQI715" s="613"/>
      <c r="UQJ715" s="613"/>
      <c r="UQK715" s="613"/>
      <c r="UQL715" s="613"/>
      <c r="UQM715" s="613"/>
      <c r="UQN715" s="613"/>
      <c r="UQO715" s="613"/>
      <c r="UQP715" s="613"/>
      <c r="UQQ715" s="613"/>
      <c r="UQR715" s="613"/>
      <c r="UQS715" s="613"/>
      <c r="UQT715" s="613"/>
      <c r="UQU715" s="613"/>
      <c r="UQV715" s="613"/>
      <c r="UQW715" s="613"/>
      <c r="UQX715" s="613"/>
      <c r="UQY715" s="613"/>
      <c r="UQZ715" s="613"/>
      <c r="URA715" s="613"/>
      <c r="URB715" s="613"/>
      <c r="URC715" s="613"/>
      <c r="URD715" s="613"/>
      <c r="URE715" s="613"/>
      <c r="URF715" s="613"/>
      <c r="URG715" s="613"/>
      <c r="URH715" s="613"/>
      <c r="URI715" s="613"/>
      <c r="URJ715" s="613"/>
      <c r="URK715" s="613"/>
      <c r="URL715" s="613"/>
      <c r="URM715" s="613"/>
      <c r="URN715" s="613"/>
      <c r="URO715" s="613"/>
      <c r="URP715" s="613"/>
      <c r="URQ715" s="613"/>
      <c r="URR715" s="613"/>
      <c r="URS715" s="613"/>
      <c r="URT715" s="613"/>
      <c r="URU715" s="613"/>
      <c r="URV715" s="613"/>
      <c r="URW715" s="613"/>
      <c r="URX715" s="613"/>
      <c r="URY715" s="613"/>
      <c r="URZ715" s="613"/>
      <c r="USA715" s="613"/>
      <c r="USB715" s="613"/>
      <c r="USC715" s="613"/>
      <c r="USD715" s="613"/>
      <c r="USE715" s="613"/>
      <c r="USF715" s="613"/>
      <c r="USG715" s="613"/>
      <c r="USH715" s="613"/>
      <c r="USI715" s="613"/>
      <c r="USJ715" s="613"/>
      <c r="USK715" s="613"/>
      <c r="USL715" s="613"/>
      <c r="USM715" s="613"/>
      <c r="USN715" s="613"/>
      <c r="USO715" s="613"/>
      <c r="USP715" s="613"/>
      <c r="USQ715" s="613"/>
      <c r="USR715" s="613"/>
      <c r="USS715" s="613"/>
      <c r="UST715" s="613"/>
      <c r="USU715" s="613"/>
      <c r="USV715" s="613"/>
      <c r="USW715" s="613"/>
      <c r="USX715" s="613"/>
      <c r="USY715" s="613"/>
      <c r="USZ715" s="613"/>
      <c r="UTA715" s="613"/>
      <c r="UTB715" s="613"/>
      <c r="UTC715" s="613"/>
      <c r="UTD715" s="613"/>
      <c r="UTE715" s="613"/>
      <c r="UTF715" s="613"/>
      <c r="UTG715" s="613"/>
      <c r="UTH715" s="613"/>
      <c r="UTI715" s="613"/>
      <c r="UTJ715" s="613"/>
      <c r="UTK715" s="613"/>
      <c r="UTL715" s="613"/>
      <c r="UTM715" s="613"/>
      <c r="UTN715" s="613"/>
      <c r="UTO715" s="613"/>
      <c r="UTP715" s="613"/>
      <c r="UTQ715" s="613"/>
      <c r="UTR715" s="613"/>
      <c r="UTS715" s="613"/>
      <c r="UTT715" s="613"/>
      <c r="UTU715" s="613"/>
      <c r="UTV715" s="613"/>
      <c r="UTW715" s="613"/>
      <c r="UTX715" s="613"/>
      <c r="UTY715" s="613"/>
      <c r="UTZ715" s="613"/>
      <c r="UUA715" s="613"/>
      <c r="UUB715" s="613"/>
      <c r="UUC715" s="613"/>
      <c r="UUD715" s="613"/>
      <c r="UUE715" s="613"/>
      <c r="UUF715" s="613"/>
      <c r="UUG715" s="613"/>
      <c r="UUH715" s="613"/>
      <c r="UUI715" s="613"/>
      <c r="UUJ715" s="613"/>
      <c r="UUK715" s="613"/>
      <c r="UUL715" s="613"/>
      <c r="UUM715" s="613"/>
      <c r="UUN715" s="613"/>
      <c r="UUO715" s="613"/>
      <c r="UUP715" s="613"/>
      <c r="UUQ715" s="613"/>
      <c r="UUR715" s="613"/>
      <c r="UUS715" s="613"/>
      <c r="UUT715" s="613"/>
      <c r="UUU715" s="613"/>
      <c r="UUV715" s="613"/>
      <c r="UUW715" s="613"/>
      <c r="UUX715" s="613"/>
      <c r="UUY715" s="613"/>
      <c r="UUZ715" s="613"/>
      <c r="UVA715" s="613"/>
      <c r="UVB715" s="613"/>
      <c r="UVC715" s="613"/>
      <c r="UVD715" s="613"/>
      <c r="UVE715" s="613"/>
      <c r="UVF715" s="613"/>
      <c r="UVG715" s="613"/>
      <c r="UVH715" s="613"/>
      <c r="UVI715" s="613"/>
      <c r="UVJ715" s="613"/>
      <c r="UVK715" s="613"/>
      <c r="UVL715" s="613"/>
      <c r="UVM715" s="613"/>
      <c r="UVN715" s="613"/>
      <c r="UVO715" s="613"/>
      <c r="UVP715" s="613"/>
      <c r="UVQ715" s="613"/>
      <c r="UVR715" s="613"/>
      <c r="UVS715" s="613"/>
      <c r="UVT715" s="613"/>
      <c r="UVU715" s="613"/>
      <c r="UVV715" s="613"/>
      <c r="UVW715" s="613"/>
      <c r="UVX715" s="613"/>
      <c r="UVY715" s="613"/>
      <c r="UVZ715" s="613"/>
      <c r="UWA715" s="613"/>
      <c r="UWB715" s="613"/>
      <c r="UWC715" s="613"/>
      <c r="UWD715" s="613"/>
      <c r="UWE715" s="613"/>
      <c r="UWF715" s="613"/>
      <c r="UWG715" s="613"/>
      <c r="UWH715" s="613"/>
      <c r="UWI715" s="613"/>
      <c r="UWJ715" s="613"/>
      <c r="UWK715" s="613"/>
      <c r="UWL715" s="613"/>
      <c r="UWM715" s="613"/>
      <c r="UWN715" s="613"/>
      <c r="UWO715" s="613"/>
      <c r="UWP715" s="613"/>
      <c r="UWQ715" s="613"/>
      <c r="UWR715" s="613"/>
      <c r="UWS715" s="613"/>
      <c r="UWT715" s="613"/>
      <c r="UWU715" s="613"/>
      <c r="UWV715" s="613"/>
      <c r="UWW715" s="613"/>
      <c r="UWX715" s="613"/>
      <c r="UWY715" s="613"/>
      <c r="UWZ715" s="613"/>
      <c r="UXA715" s="613"/>
      <c r="UXB715" s="613"/>
      <c r="UXC715" s="613"/>
      <c r="UXD715" s="613"/>
      <c r="UXE715" s="613"/>
      <c r="UXF715" s="613"/>
      <c r="UXG715" s="613"/>
      <c r="UXH715" s="613"/>
      <c r="UXI715" s="613"/>
      <c r="UXJ715" s="613"/>
      <c r="UXK715" s="613"/>
      <c r="UXL715" s="613"/>
      <c r="UXM715" s="613"/>
      <c r="UXN715" s="613"/>
      <c r="UXO715" s="613"/>
      <c r="UXP715" s="613"/>
      <c r="UXQ715" s="613"/>
      <c r="UXR715" s="613"/>
      <c r="UXS715" s="613"/>
      <c r="UXT715" s="613"/>
      <c r="UXU715" s="613"/>
      <c r="UXV715" s="613"/>
      <c r="UXW715" s="613"/>
      <c r="UXX715" s="613"/>
      <c r="UXY715" s="613"/>
      <c r="UXZ715" s="613"/>
      <c r="UYA715" s="613"/>
      <c r="UYB715" s="613"/>
      <c r="UYC715" s="613"/>
      <c r="UYD715" s="613"/>
      <c r="UYE715" s="613"/>
      <c r="UYF715" s="613"/>
      <c r="UYG715" s="613"/>
      <c r="UYH715" s="613"/>
      <c r="UYI715" s="613"/>
      <c r="UYJ715" s="613"/>
      <c r="UYK715" s="613"/>
      <c r="UYL715" s="613"/>
      <c r="UYM715" s="613"/>
      <c r="UYN715" s="613"/>
      <c r="UYO715" s="613"/>
      <c r="UYP715" s="613"/>
      <c r="UYQ715" s="613"/>
      <c r="UYR715" s="613"/>
      <c r="UYS715" s="613"/>
      <c r="UYT715" s="613"/>
      <c r="UYU715" s="613"/>
      <c r="UYV715" s="613"/>
      <c r="UYW715" s="613"/>
      <c r="UYX715" s="613"/>
      <c r="UYY715" s="613"/>
      <c r="UYZ715" s="613"/>
      <c r="UZA715" s="613"/>
      <c r="UZB715" s="613"/>
      <c r="UZC715" s="613"/>
      <c r="UZD715" s="613"/>
      <c r="UZE715" s="613"/>
      <c r="UZF715" s="613"/>
      <c r="UZG715" s="613"/>
      <c r="UZH715" s="613"/>
      <c r="UZI715" s="613"/>
      <c r="UZJ715" s="613"/>
      <c r="UZK715" s="613"/>
      <c r="UZL715" s="613"/>
      <c r="UZM715" s="613"/>
      <c r="UZN715" s="613"/>
      <c r="UZO715" s="613"/>
      <c r="UZP715" s="613"/>
      <c r="UZQ715" s="613"/>
      <c r="UZR715" s="613"/>
      <c r="UZS715" s="613"/>
      <c r="UZT715" s="613"/>
      <c r="UZU715" s="613"/>
      <c r="UZV715" s="613"/>
      <c r="UZW715" s="613"/>
      <c r="UZX715" s="613"/>
      <c r="UZY715" s="613"/>
      <c r="UZZ715" s="613"/>
      <c r="VAA715" s="613"/>
      <c r="VAB715" s="613"/>
      <c r="VAC715" s="613"/>
      <c r="VAD715" s="613"/>
      <c r="VAE715" s="613"/>
      <c r="VAF715" s="613"/>
      <c r="VAG715" s="613"/>
      <c r="VAH715" s="613"/>
      <c r="VAI715" s="613"/>
      <c r="VAJ715" s="613"/>
      <c r="VAK715" s="613"/>
      <c r="VAL715" s="613"/>
      <c r="VAM715" s="613"/>
      <c r="VAN715" s="613"/>
      <c r="VAO715" s="613"/>
      <c r="VAP715" s="613"/>
      <c r="VAQ715" s="613"/>
      <c r="VAR715" s="613"/>
      <c r="VAS715" s="613"/>
      <c r="VAT715" s="613"/>
      <c r="VAU715" s="613"/>
      <c r="VAV715" s="613"/>
      <c r="VAW715" s="613"/>
      <c r="VAX715" s="613"/>
      <c r="VAY715" s="613"/>
      <c r="VAZ715" s="613"/>
      <c r="VBA715" s="613"/>
      <c r="VBB715" s="613"/>
      <c r="VBC715" s="613"/>
      <c r="VBD715" s="613"/>
      <c r="VBE715" s="613"/>
      <c r="VBF715" s="613"/>
      <c r="VBG715" s="613"/>
      <c r="VBH715" s="613"/>
      <c r="VBI715" s="613"/>
      <c r="VBJ715" s="613"/>
      <c r="VBK715" s="613"/>
      <c r="VBL715" s="613"/>
      <c r="VBM715" s="613"/>
      <c r="VBN715" s="613"/>
      <c r="VBO715" s="613"/>
      <c r="VBP715" s="613"/>
      <c r="VBQ715" s="613"/>
      <c r="VBR715" s="613"/>
      <c r="VBS715" s="613"/>
      <c r="VBT715" s="613"/>
      <c r="VBU715" s="613"/>
      <c r="VBV715" s="613"/>
      <c r="VBW715" s="613"/>
      <c r="VBX715" s="613"/>
      <c r="VBY715" s="613"/>
      <c r="VBZ715" s="613"/>
      <c r="VCA715" s="613"/>
      <c r="VCB715" s="613"/>
      <c r="VCC715" s="613"/>
      <c r="VCD715" s="613"/>
      <c r="VCE715" s="613"/>
      <c r="VCF715" s="613"/>
      <c r="VCG715" s="613"/>
      <c r="VCH715" s="613"/>
      <c r="VCI715" s="613"/>
      <c r="VCJ715" s="613"/>
      <c r="VCK715" s="613"/>
      <c r="VCL715" s="613"/>
      <c r="VCM715" s="613"/>
      <c r="VCN715" s="613"/>
      <c r="VCO715" s="613"/>
      <c r="VCP715" s="613"/>
      <c r="VCQ715" s="613"/>
      <c r="VCR715" s="613"/>
      <c r="VCS715" s="613"/>
      <c r="VCT715" s="613"/>
      <c r="VCU715" s="613"/>
      <c r="VCV715" s="613"/>
      <c r="VCW715" s="613"/>
      <c r="VCX715" s="613"/>
      <c r="VCY715" s="613"/>
      <c r="VCZ715" s="613"/>
      <c r="VDA715" s="613"/>
      <c r="VDB715" s="613"/>
      <c r="VDC715" s="613"/>
      <c r="VDD715" s="613"/>
      <c r="VDE715" s="613"/>
      <c r="VDF715" s="613"/>
      <c r="VDG715" s="613"/>
      <c r="VDH715" s="613"/>
      <c r="VDI715" s="613"/>
      <c r="VDJ715" s="613"/>
      <c r="VDK715" s="613"/>
      <c r="VDL715" s="613"/>
      <c r="VDM715" s="613"/>
      <c r="VDN715" s="613"/>
      <c r="VDO715" s="613"/>
      <c r="VDP715" s="613"/>
      <c r="VDQ715" s="613"/>
      <c r="VDR715" s="613"/>
      <c r="VDS715" s="613"/>
      <c r="VDT715" s="613"/>
      <c r="VDU715" s="613"/>
      <c r="VDV715" s="613"/>
      <c r="VDW715" s="613"/>
      <c r="VDX715" s="613"/>
      <c r="VDY715" s="613"/>
      <c r="VDZ715" s="613"/>
      <c r="VEA715" s="613"/>
      <c r="VEB715" s="613"/>
      <c r="VEC715" s="613"/>
      <c r="VED715" s="613"/>
      <c r="VEE715" s="613"/>
      <c r="VEF715" s="613"/>
      <c r="VEG715" s="613"/>
      <c r="VEH715" s="613"/>
      <c r="VEI715" s="613"/>
      <c r="VEJ715" s="613"/>
      <c r="VEK715" s="613"/>
      <c r="VEL715" s="613"/>
      <c r="VEM715" s="613"/>
      <c r="VEN715" s="613"/>
      <c r="VEO715" s="613"/>
      <c r="VEP715" s="613"/>
      <c r="VEQ715" s="613"/>
      <c r="VER715" s="613"/>
      <c r="VES715" s="613"/>
      <c r="VET715" s="613"/>
      <c r="VEU715" s="613"/>
      <c r="VEV715" s="613"/>
      <c r="VEW715" s="613"/>
      <c r="VEX715" s="613"/>
      <c r="VEY715" s="613"/>
      <c r="VEZ715" s="613"/>
      <c r="VFA715" s="613"/>
      <c r="VFB715" s="613"/>
      <c r="VFC715" s="613"/>
      <c r="VFD715" s="613"/>
      <c r="VFE715" s="613"/>
      <c r="VFF715" s="613"/>
      <c r="VFG715" s="613"/>
      <c r="VFH715" s="613"/>
      <c r="VFI715" s="613"/>
      <c r="VFJ715" s="613"/>
      <c r="VFK715" s="613"/>
      <c r="VFL715" s="613"/>
      <c r="VFM715" s="613"/>
      <c r="VFN715" s="613"/>
      <c r="VFO715" s="613"/>
      <c r="VFP715" s="613"/>
      <c r="VFQ715" s="613"/>
      <c r="VFR715" s="613"/>
      <c r="VFS715" s="613"/>
      <c r="VFT715" s="613"/>
      <c r="VFU715" s="613"/>
      <c r="VFV715" s="613"/>
      <c r="VFW715" s="613"/>
      <c r="VFX715" s="613"/>
      <c r="VFY715" s="613"/>
      <c r="VFZ715" s="613"/>
      <c r="VGA715" s="613"/>
      <c r="VGB715" s="613"/>
      <c r="VGC715" s="613"/>
      <c r="VGD715" s="613"/>
      <c r="VGE715" s="613"/>
      <c r="VGF715" s="613"/>
      <c r="VGG715" s="613"/>
      <c r="VGH715" s="613"/>
      <c r="VGI715" s="613"/>
      <c r="VGJ715" s="613"/>
      <c r="VGK715" s="613"/>
      <c r="VGL715" s="613"/>
      <c r="VGM715" s="613"/>
      <c r="VGN715" s="613"/>
      <c r="VGO715" s="613"/>
      <c r="VGP715" s="613"/>
      <c r="VGQ715" s="613"/>
      <c r="VGR715" s="613"/>
      <c r="VGS715" s="613"/>
      <c r="VGT715" s="613"/>
      <c r="VGU715" s="613"/>
      <c r="VGV715" s="613"/>
      <c r="VGW715" s="613"/>
      <c r="VGX715" s="613"/>
      <c r="VGY715" s="613"/>
      <c r="VGZ715" s="613"/>
      <c r="VHA715" s="613"/>
      <c r="VHB715" s="613"/>
      <c r="VHC715" s="613"/>
      <c r="VHD715" s="613"/>
      <c r="VHE715" s="613"/>
      <c r="VHF715" s="613"/>
      <c r="VHG715" s="613"/>
      <c r="VHH715" s="613"/>
      <c r="VHI715" s="613"/>
      <c r="VHJ715" s="613"/>
      <c r="VHK715" s="613"/>
      <c r="VHL715" s="613"/>
      <c r="VHM715" s="613"/>
      <c r="VHN715" s="613"/>
      <c r="VHO715" s="613"/>
      <c r="VHP715" s="613"/>
      <c r="VHQ715" s="613"/>
      <c r="VHR715" s="613"/>
      <c r="VHS715" s="613"/>
      <c r="VHT715" s="613"/>
      <c r="VHU715" s="613"/>
      <c r="VHV715" s="613"/>
      <c r="VHW715" s="613"/>
      <c r="VHX715" s="613"/>
      <c r="VHY715" s="613"/>
      <c r="VHZ715" s="613"/>
      <c r="VIA715" s="613"/>
      <c r="VIB715" s="613"/>
      <c r="VIC715" s="613"/>
      <c r="VID715" s="613"/>
      <c r="VIE715" s="613"/>
      <c r="VIF715" s="613"/>
      <c r="VIG715" s="613"/>
      <c r="VIH715" s="613"/>
      <c r="VII715" s="613"/>
      <c r="VIJ715" s="613"/>
      <c r="VIK715" s="613"/>
      <c r="VIL715" s="613"/>
      <c r="VIM715" s="613"/>
      <c r="VIN715" s="613"/>
      <c r="VIO715" s="613"/>
      <c r="VIP715" s="613"/>
      <c r="VIQ715" s="613"/>
      <c r="VIR715" s="613"/>
      <c r="VIS715" s="613"/>
      <c r="VIT715" s="613"/>
      <c r="VIU715" s="613"/>
      <c r="VIV715" s="613"/>
      <c r="VIW715" s="613"/>
      <c r="VIX715" s="613"/>
      <c r="VIY715" s="613"/>
      <c r="VIZ715" s="613"/>
      <c r="VJA715" s="613"/>
      <c r="VJB715" s="613"/>
      <c r="VJC715" s="613"/>
      <c r="VJD715" s="613"/>
      <c r="VJE715" s="613"/>
      <c r="VJF715" s="613"/>
      <c r="VJG715" s="613"/>
      <c r="VJH715" s="613"/>
      <c r="VJI715" s="613"/>
      <c r="VJJ715" s="613"/>
      <c r="VJK715" s="613"/>
      <c r="VJL715" s="613"/>
      <c r="VJM715" s="613"/>
      <c r="VJN715" s="613"/>
      <c r="VJO715" s="613"/>
      <c r="VJP715" s="613"/>
      <c r="VJQ715" s="613"/>
      <c r="VJR715" s="613"/>
      <c r="VJS715" s="613"/>
      <c r="VJT715" s="613"/>
      <c r="VJU715" s="613"/>
      <c r="VJV715" s="613"/>
      <c r="VJW715" s="613"/>
      <c r="VJX715" s="613"/>
      <c r="VJY715" s="613"/>
      <c r="VJZ715" s="613"/>
      <c r="VKA715" s="613"/>
      <c r="VKB715" s="613"/>
      <c r="VKC715" s="613"/>
      <c r="VKD715" s="613"/>
      <c r="VKE715" s="613"/>
      <c r="VKF715" s="613"/>
      <c r="VKG715" s="613"/>
      <c r="VKH715" s="613"/>
      <c r="VKI715" s="613"/>
      <c r="VKJ715" s="613"/>
      <c r="VKK715" s="613"/>
      <c r="VKL715" s="613"/>
      <c r="VKM715" s="613"/>
      <c r="VKN715" s="613"/>
      <c r="VKO715" s="613"/>
      <c r="VKP715" s="613"/>
      <c r="VKQ715" s="613"/>
      <c r="VKR715" s="613"/>
      <c r="VKS715" s="613"/>
      <c r="VKT715" s="613"/>
      <c r="VKU715" s="613"/>
      <c r="VKV715" s="613"/>
      <c r="VKW715" s="613"/>
      <c r="VKX715" s="613"/>
      <c r="VKY715" s="613"/>
      <c r="VKZ715" s="613"/>
      <c r="VLA715" s="613"/>
      <c r="VLB715" s="613"/>
      <c r="VLC715" s="613"/>
      <c r="VLD715" s="613"/>
      <c r="VLE715" s="613"/>
      <c r="VLF715" s="613"/>
      <c r="VLG715" s="613"/>
      <c r="VLH715" s="613"/>
      <c r="VLI715" s="613"/>
      <c r="VLJ715" s="613"/>
      <c r="VLK715" s="613"/>
      <c r="VLL715" s="613"/>
      <c r="VLM715" s="613"/>
      <c r="VLN715" s="613"/>
      <c r="VLO715" s="613"/>
      <c r="VLP715" s="613"/>
      <c r="VLQ715" s="613"/>
      <c r="VLR715" s="613"/>
      <c r="VLS715" s="613"/>
      <c r="VLT715" s="613"/>
      <c r="VLU715" s="613"/>
      <c r="VLV715" s="613"/>
      <c r="VLW715" s="613"/>
      <c r="VLX715" s="613"/>
      <c r="VLY715" s="613"/>
      <c r="VLZ715" s="613"/>
      <c r="VMA715" s="613"/>
      <c r="VMB715" s="613"/>
      <c r="VMC715" s="613"/>
      <c r="VMD715" s="613"/>
      <c r="VME715" s="613"/>
      <c r="VMF715" s="613"/>
      <c r="VMG715" s="613"/>
      <c r="VMH715" s="613"/>
      <c r="VMI715" s="613"/>
      <c r="VMJ715" s="613"/>
      <c r="VMK715" s="613"/>
      <c r="VML715" s="613"/>
      <c r="VMM715" s="613"/>
      <c r="VMN715" s="613"/>
      <c r="VMO715" s="613"/>
      <c r="VMP715" s="613"/>
      <c r="VMQ715" s="613"/>
      <c r="VMR715" s="613"/>
      <c r="VMS715" s="613"/>
      <c r="VMT715" s="613"/>
      <c r="VMU715" s="613"/>
      <c r="VMV715" s="613"/>
      <c r="VMW715" s="613"/>
      <c r="VMX715" s="613"/>
      <c r="VMY715" s="613"/>
      <c r="VMZ715" s="613"/>
      <c r="VNA715" s="613"/>
      <c r="VNB715" s="613"/>
      <c r="VNC715" s="613"/>
      <c r="VND715" s="613"/>
      <c r="VNE715" s="613"/>
      <c r="VNF715" s="613"/>
      <c r="VNG715" s="613"/>
      <c r="VNH715" s="613"/>
      <c r="VNI715" s="613"/>
      <c r="VNJ715" s="613"/>
      <c r="VNK715" s="613"/>
      <c r="VNL715" s="613"/>
      <c r="VNM715" s="613"/>
      <c r="VNN715" s="613"/>
      <c r="VNO715" s="613"/>
      <c r="VNP715" s="613"/>
      <c r="VNQ715" s="613"/>
      <c r="VNR715" s="613"/>
      <c r="VNS715" s="613"/>
      <c r="VNT715" s="613"/>
      <c r="VNU715" s="613"/>
      <c r="VNV715" s="613"/>
      <c r="VNW715" s="613"/>
      <c r="VNX715" s="613"/>
      <c r="VNY715" s="613"/>
      <c r="VNZ715" s="613"/>
      <c r="VOA715" s="613"/>
      <c r="VOB715" s="613"/>
      <c r="VOC715" s="613"/>
      <c r="VOD715" s="613"/>
      <c r="VOE715" s="613"/>
      <c r="VOF715" s="613"/>
      <c r="VOG715" s="613"/>
      <c r="VOH715" s="613"/>
      <c r="VOI715" s="613"/>
      <c r="VOJ715" s="613"/>
      <c r="VOK715" s="613"/>
      <c r="VOL715" s="613"/>
      <c r="VOM715" s="613"/>
      <c r="VON715" s="613"/>
      <c r="VOO715" s="613"/>
      <c r="VOP715" s="613"/>
      <c r="VOQ715" s="613"/>
      <c r="VOR715" s="613"/>
      <c r="VOS715" s="613"/>
      <c r="VOT715" s="613"/>
      <c r="VOU715" s="613"/>
      <c r="VOV715" s="613"/>
      <c r="VOW715" s="613"/>
      <c r="VOX715" s="613"/>
      <c r="VOY715" s="613"/>
      <c r="VOZ715" s="613"/>
      <c r="VPA715" s="613"/>
      <c r="VPB715" s="613"/>
      <c r="VPC715" s="613"/>
      <c r="VPD715" s="613"/>
      <c r="VPE715" s="613"/>
      <c r="VPF715" s="613"/>
      <c r="VPG715" s="613"/>
      <c r="VPH715" s="613"/>
      <c r="VPI715" s="613"/>
      <c r="VPJ715" s="613"/>
      <c r="VPK715" s="613"/>
      <c r="VPL715" s="613"/>
      <c r="VPM715" s="613"/>
      <c r="VPN715" s="613"/>
      <c r="VPO715" s="613"/>
      <c r="VPP715" s="613"/>
      <c r="VPQ715" s="613"/>
      <c r="VPR715" s="613"/>
      <c r="VPS715" s="613"/>
      <c r="VPT715" s="613"/>
      <c r="VPU715" s="613"/>
      <c r="VPV715" s="613"/>
      <c r="VPW715" s="613"/>
      <c r="VPX715" s="613"/>
      <c r="VPY715" s="613"/>
      <c r="VPZ715" s="613"/>
      <c r="VQA715" s="613"/>
      <c r="VQB715" s="613"/>
      <c r="VQC715" s="613"/>
      <c r="VQD715" s="613"/>
      <c r="VQE715" s="613"/>
      <c r="VQF715" s="613"/>
      <c r="VQG715" s="613"/>
      <c r="VQH715" s="613"/>
      <c r="VQI715" s="613"/>
      <c r="VQJ715" s="613"/>
      <c r="VQK715" s="613"/>
      <c r="VQL715" s="613"/>
      <c r="VQM715" s="613"/>
      <c r="VQN715" s="613"/>
      <c r="VQO715" s="613"/>
      <c r="VQP715" s="613"/>
      <c r="VQQ715" s="613"/>
      <c r="VQR715" s="613"/>
      <c r="VQS715" s="613"/>
      <c r="VQT715" s="613"/>
      <c r="VQU715" s="613"/>
      <c r="VQV715" s="613"/>
      <c r="VQW715" s="613"/>
      <c r="VQX715" s="613"/>
      <c r="VQY715" s="613"/>
      <c r="VQZ715" s="613"/>
      <c r="VRA715" s="613"/>
      <c r="VRB715" s="613"/>
      <c r="VRC715" s="613"/>
      <c r="VRD715" s="613"/>
      <c r="VRE715" s="613"/>
      <c r="VRF715" s="613"/>
      <c r="VRG715" s="613"/>
      <c r="VRH715" s="613"/>
      <c r="VRI715" s="613"/>
      <c r="VRJ715" s="613"/>
      <c r="VRK715" s="613"/>
      <c r="VRL715" s="613"/>
      <c r="VRM715" s="613"/>
      <c r="VRN715" s="613"/>
      <c r="VRO715" s="613"/>
      <c r="VRP715" s="613"/>
      <c r="VRQ715" s="613"/>
      <c r="VRR715" s="613"/>
      <c r="VRS715" s="613"/>
      <c r="VRT715" s="613"/>
      <c r="VRU715" s="613"/>
      <c r="VRV715" s="613"/>
      <c r="VRW715" s="613"/>
      <c r="VRX715" s="613"/>
      <c r="VRY715" s="613"/>
      <c r="VRZ715" s="613"/>
      <c r="VSA715" s="613"/>
      <c r="VSB715" s="613"/>
      <c r="VSC715" s="613"/>
      <c r="VSD715" s="613"/>
      <c r="VSE715" s="613"/>
      <c r="VSF715" s="613"/>
      <c r="VSG715" s="613"/>
      <c r="VSH715" s="613"/>
      <c r="VSI715" s="613"/>
      <c r="VSJ715" s="613"/>
      <c r="VSK715" s="613"/>
      <c r="VSL715" s="613"/>
      <c r="VSM715" s="613"/>
      <c r="VSN715" s="613"/>
      <c r="VSO715" s="613"/>
      <c r="VSP715" s="613"/>
      <c r="VSQ715" s="613"/>
      <c r="VSR715" s="613"/>
      <c r="VSS715" s="613"/>
      <c r="VST715" s="613"/>
      <c r="VSU715" s="613"/>
      <c r="VSV715" s="613"/>
      <c r="VSW715" s="613"/>
      <c r="VSX715" s="613"/>
      <c r="VSY715" s="613"/>
      <c r="VSZ715" s="613"/>
      <c r="VTA715" s="613"/>
      <c r="VTB715" s="613"/>
      <c r="VTC715" s="613"/>
      <c r="VTD715" s="613"/>
      <c r="VTE715" s="613"/>
      <c r="VTF715" s="613"/>
      <c r="VTG715" s="613"/>
      <c r="VTH715" s="613"/>
      <c r="VTI715" s="613"/>
      <c r="VTJ715" s="613"/>
      <c r="VTK715" s="613"/>
      <c r="VTL715" s="613"/>
      <c r="VTM715" s="613"/>
      <c r="VTN715" s="613"/>
      <c r="VTO715" s="613"/>
      <c r="VTP715" s="613"/>
      <c r="VTQ715" s="613"/>
      <c r="VTR715" s="613"/>
      <c r="VTS715" s="613"/>
      <c r="VTT715" s="613"/>
      <c r="VTU715" s="613"/>
      <c r="VTV715" s="613"/>
      <c r="VTW715" s="613"/>
      <c r="VTX715" s="613"/>
      <c r="VTY715" s="613"/>
      <c r="VTZ715" s="613"/>
      <c r="VUA715" s="613"/>
      <c r="VUB715" s="613"/>
      <c r="VUC715" s="613"/>
      <c r="VUD715" s="613"/>
      <c r="VUE715" s="613"/>
      <c r="VUF715" s="613"/>
      <c r="VUG715" s="613"/>
      <c r="VUH715" s="613"/>
      <c r="VUI715" s="613"/>
      <c r="VUJ715" s="613"/>
      <c r="VUK715" s="613"/>
      <c r="VUL715" s="613"/>
      <c r="VUM715" s="613"/>
      <c r="VUN715" s="613"/>
      <c r="VUO715" s="613"/>
      <c r="VUP715" s="613"/>
      <c r="VUQ715" s="613"/>
      <c r="VUR715" s="613"/>
      <c r="VUS715" s="613"/>
      <c r="VUT715" s="613"/>
      <c r="VUU715" s="613"/>
      <c r="VUV715" s="613"/>
      <c r="VUW715" s="613"/>
      <c r="VUX715" s="613"/>
      <c r="VUY715" s="613"/>
      <c r="VUZ715" s="613"/>
      <c r="VVA715" s="613"/>
      <c r="VVB715" s="613"/>
      <c r="VVC715" s="613"/>
      <c r="VVD715" s="613"/>
      <c r="VVE715" s="613"/>
      <c r="VVF715" s="613"/>
      <c r="VVG715" s="613"/>
      <c r="VVH715" s="613"/>
      <c r="VVI715" s="613"/>
      <c r="VVJ715" s="613"/>
      <c r="VVK715" s="613"/>
      <c r="VVL715" s="613"/>
      <c r="VVM715" s="613"/>
      <c r="VVN715" s="613"/>
      <c r="VVO715" s="613"/>
      <c r="VVP715" s="613"/>
      <c r="VVQ715" s="613"/>
      <c r="VVR715" s="613"/>
      <c r="VVS715" s="613"/>
      <c r="VVT715" s="613"/>
      <c r="VVU715" s="613"/>
      <c r="VVV715" s="613"/>
      <c r="VVW715" s="613"/>
      <c r="VVX715" s="613"/>
      <c r="VVY715" s="613"/>
      <c r="VVZ715" s="613"/>
      <c r="VWA715" s="613"/>
      <c r="VWB715" s="613"/>
      <c r="VWC715" s="613"/>
      <c r="VWD715" s="613"/>
      <c r="VWE715" s="613"/>
      <c r="VWF715" s="613"/>
      <c r="VWG715" s="613"/>
      <c r="VWH715" s="613"/>
      <c r="VWI715" s="613"/>
      <c r="VWJ715" s="613"/>
      <c r="VWK715" s="613"/>
      <c r="VWL715" s="613"/>
      <c r="VWM715" s="613"/>
      <c r="VWN715" s="613"/>
      <c r="VWO715" s="613"/>
      <c r="VWP715" s="613"/>
      <c r="VWQ715" s="613"/>
      <c r="VWR715" s="613"/>
      <c r="VWS715" s="613"/>
      <c r="VWT715" s="613"/>
      <c r="VWU715" s="613"/>
      <c r="VWV715" s="613"/>
      <c r="VWW715" s="613"/>
      <c r="VWX715" s="613"/>
      <c r="VWY715" s="613"/>
      <c r="VWZ715" s="613"/>
      <c r="VXA715" s="613"/>
      <c r="VXB715" s="613"/>
      <c r="VXC715" s="613"/>
      <c r="VXD715" s="613"/>
      <c r="VXE715" s="613"/>
      <c r="VXF715" s="613"/>
      <c r="VXG715" s="613"/>
      <c r="VXH715" s="613"/>
      <c r="VXI715" s="613"/>
      <c r="VXJ715" s="613"/>
      <c r="VXK715" s="613"/>
      <c r="VXL715" s="613"/>
      <c r="VXM715" s="613"/>
      <c r="VXN715" s="613"/>
      <c r="VXO715" s="613"/>
      <c r="VXP715" s="613"/>
      <c r="VXQ715" s="613"/>
      <c r="VXR715" s="613"/>
      <c r="VXS715" s="613"/>
      <c r="VXT715" s="613"/>
      <c r="VXU715" s="613"/>
      <c r="VXV715" s="613"/>
      <c r="VXW715" s="613"/>
      <c r="VXX715" s="613"/>
      <c r="VXY715" s="613"/>
      <c r="VXZ715" s="613"/>
      <c r="VYA715" s="613"/>
      <c r="VYB715" s="613"/>
      <c r="VYC715" s="613"/>
      <c r="VYD715" s="613"/>
      <c r="VYE715" s="613"/>
      <c r="VYF715" s="613"/>
      <c r="VYG715" s="613"/>
      <c r="VYH715" s="613"/>
      <c r="VYI715" s="613"/>
      <c r="VYJ715" s="613"/>
      <c r="VYK715" s="613"/>
      <c r="VYL715" s="613"/>
      <c r="VYM715" s="613"/>
      <c r="VYN715" s="613"/>
      <c r="VYO715" s="613"/>
      <c r="VYP715" s="613"/>
      <c r="VYQ715" s="613"/>
      <c r="VYR715" s="613"/>
      <c r="VYS715" s="613"/>
      <c r="VYT715" s="613"/>
      <c r="VYU715" s="613"/>
      <c r="VYV715" s="613"/>
      <c r="VYW715" s="613"/>
      <c r="VYX715" s="613"/>
      <c r="VYY715" s="613"/>
      <c r="VYZ715" s="613"/>
      <c r="VZA715" s="613"/>
      <c r="VZB715" s="613"/>
      <c r="VZC715" s="613"/>
      <c r="VZD715" s="613"/>
      <c r="VZE715" s="613"/>
      <c r="VZF715" s="613"/>
      <c r="VZG715" s="613"/>
      <c r="VZH715" s="613"/>
      <c r="VZI715" s="613"/>
      <c r="VZJ715" s="613"/>
      <c r="VZK715" s="613"/>
      <c r="VZL715" s="613"/>
      <c r="VZM715" s="613"/>
      <c r="VZN715" s="613"/>
      <c r="VZO715" s="613"/>
      <c r="VZP715" s="613"/>
      <c r="VZQ715" s="613"/>
      <c r="VZR715" s="613"/>
      <c r="VZS715" s="613"/>
      <c r="VZT715" s="613"/>
      <c r="VZU715" s="613"/>
      <c r="VZV715" s="613"/>
      <c r="VZW715" s="613"/>
      <c r="VZX715" s="613"/>
      <c r="VZY715" s="613"/>
      <c r="VZZ715" s="613"/>
      <c r="WAA715" s="613"/>
      <c r="WAB715" s="613"/>
      <c r="WAC715" s="613"/>
      <c r="WAD715" s="613"/>
      <c r="WAE715" s="613"/>
      <c r="WAF715" s="613"/>
      <c r="WAG715" s="613"/>
      <c r="WAH715" s="613"/>
      <c r="WAI715" s="613"/>
      <c r="WAJ715" s="613"/>
      <c r="WAK715" s="613"/>
      <c r="WAL715" s="613"/>
      <c r="WAM715" s="613"/>
      <c r="WAN715" s="613"/>
      <c r="WAO715" s="613"/>
      <c r="WAP715" s="613"/>
      <c r="WAQ715" s="613"/>
      <c r="WAR715" s="613"/>
      <c r="WAS715" s="613"/>
      <c r="WAT715" s="613"/>
      <c r="WAU715" s="613"/>
      <c r="WAV715" s="613"/>
      <c r="WAW715" s="613"/>
      <c r="WAX715" s="613"/>
      <c r="WAY715" s="613"/>
      <c r="WAZ715" s="613"/>
      <c r="WBA715" s="613"/>
      <c r="WBB715" s="613"/>
      <c r="WBC715" s="613"/>
      <c r="WBD715" s="613"/>
      <c r="WBE715" s="613"/>
      <c r="WBF715" s="613"/>
      <c r="WBG715" s="613"/>
      <c r="WBH715" s="613"/>
      <c r="WBI715" s="613"/>
      <c r="WBJ715" s="613"/>
      <c r="WBK715" s="613"/>
      <c r="WBL715" s="613"/>
      <c r="WBM715" s="613"/>
      <c r="WBN715" s="613"/>
      <c r="WBO715" s="613"/>
      <c r="WBP715" s="613"/>
      <c r="WBQ715" s="613"/>
      <c r="WBR715" s="613"/>
      <c r="WBS715" s="613"/>
      <c r="WBT715" s="613"/>
      <c r="WBU715" s="613"/>
      <c r="WBV715" s="613"/>
      <c r="WBW715" s="613"/>
      <c r="WBX715" s="613"/>
      <c r="WBY715" s="613"/>
      <c r="WBZ715" s="613"/>
      <c r="WCA715" s="613"/>
      <c r="WCB715" s="613"/>
      <c r="WCC715" s="613"/>
      <c r="WCD715" s="613"/>
      <c r="WCE715" s="613"/>
      <c r="WCF715" s="613"/>
      <c r="WCG715" s="613"/>
      <c r="WCH715" s="613"/>
      <c r="WCI715" s="613"/>
      <c r="WCJ715" s="613"/>
      <c r="WCK715" s="613"/>
      <c r="WCL715" s="613"/>
      <c r="WCM715" s="613"/>
      <c r="WCN715" s="613"/>
      <c r="WCO715" s="613"/>
      <c r="WCP715" s="613"/>
      <c r="WCQ715" s="613"/>
      <c r="WCR715" s="613"/>
      <c r="WCS715" s="613"/>
      <c r="WCT715" s="613"/>
      <c r="WCU715" s="613"/>
      <c r="WCV715" s="613"/>
      <c r="WCW715" s="613"/>
      <c r="WCX715" s="613"/>
      <c r="WCY715" s="613"/>
      <c r="WCZ715" s="613"/>
      <c r="WDA715" s="613"/>
      <c r="WDB715" s="613"/>
      <c r="WDC715" s="613"/>
      <c r="WDD715" s="613"/>
      <c r="WDE715" s="613"/>
      <c r="WDF715" s="613"/>
      <c r="WDG715" s="613"/>
      <c r="WDH715" s="613"/>
      <c r="WDI715" s="613"/>
      <c r="WDJ715" s="613"/>
      <c r="WDK715" s="613"/>
      <c r="WDL715" s="613"/>
      <c r="WDM715" s="613"/>
      <c r="WDN715" s="613"/>
      <c r="WDO715" s="613"/>
      <c r="WDP715" s="613"/>
      <c r="WDQ715" s="613"/>
      <c r="WDR715" s="613"/>
      <c r="WDS715" s="613"/>
      <c r="WDT715" s="613"/>
      <c r="WDU715" s="613"/>
      <c r="WDV715" s="613"/>
      <c r="WDW715" s="613"/>
      <c r="WDX715" s="613"/>
      <c r="WDY715" s="613"/>
      <c r="WDZ715" s="613"/>
      <c r="WEA715" s="613"/>
      <c r="WEB715" s="613"/>
      <c r="WEC715" s="613"/>
      <c r="WED715" s="613"/>
      <c r="WEE715" s="613"/>
      <c r="WEF715" s="613"/>
      <c r="WEG715" s="613"/>
      <c r="WEH715" s="613"/>
      <c r="WEI715" s="613"/>
      <c r="WEJ715" s="613"/>
      <c r="WEK715" s="613"/>
      <c r="WEL715" s="613"/>
      <c r="WEM715" s="613"/>
      <c r="WEN715" s="613"/>
      <c r="WEO715" s="613"/>
      <c r="WEP715" s="613"/>
      <c r="WEQ715" s="613"/>
      <c r="WER715" s="613"/>
      <c r="WES715" s="613"/>
      <c r="WET715" s="613"/>
      <c r="WEU715" s="613"/>
      <c r="WEV715" s="613"/>
      <c r="WEW715" s="613"/>
      <c r="WEX715" s="613"/>
      <c r="WEY715" s="613"/>
      <c r="WEZ715" s="613"/>
      <c r="WFA715" s="613"/>
      <c r="WFB715" s="613"/>
      <c r="WFC715" s="613"/>
      <c r="WFD715" s="613"/>
      <c r="WFE715" s="613"/>
      <c r="WFF715" s="613"/>
      <c r="WFG715" s="613"/>
      <c r="WFH715" s="613"/>
      <c r="WFI715" s="613"/>
      <c r="WFJ715" s="613"/>
      <c r="WFK715" s="613"/>
      <c r="WFL715" s="613"/>
      <c r="WFM715" s="613"/>
      <c r="WFN715" s="613"/>
      <c r="WFO715" s="613"/>
      <c r="WFP715" s="613"/>
      <c r="WFQ715" s="613"/>
      <c r="WFR715" s="613"/>
      <c r="WFS715" s="613"/>
      <c r="WFT715" s="613"/>
      <c r="WFU715" s="613"/>
      <c r="WFV715" s="613"/>
      <c r="WFW715" s="613"/>
      <c r="WFX715" s="613"/>
      <c r="WFY715" s="613"/>
      <c r="WFZ715" s="613"/>
      <c r="WGA715" s="613"/>
      <c r="WGB715" s="613"/>
      <c r="WGC715" s="613"/>
      <c r="WGD715" s="613"/>
      <c r="WGE715" s="613"/>
      <c r="WGF715" s="613"/>
      <c r="WGG715" s="613"/>
      <c r="WGH715" s="613"/>
      <c r="WGI715" s="613"/>
      <c r="WGJ715" s="613"/>
      <c r="WGK715" s="613"/>
      <c r="WGL715" s="613"/>
      <c r="WGM715" s="613"/>
      <c r="WGN715" s="613"/>
      <c r="WGO715" s="613"/>
      <c r="WGP715" s="613"/>
      <c r="WGQ715" s="613"/>
      <c r="WGR715" s="613"/>
      <c r="WGS715" s="613"/>
      <c r="WGT715" s="613"/>
      <c r="WGU715" s="613"/>
      <c r="WGV715" s="613"/>
      <c r="WGW715" s="613"/>
      <c r="WGX715" s="613"/>
      <c r="WGY715" s="613"/>
      <c r="WGZ715" s="613"/>
      <c r="WHA715" s="613"/>
      <c r="WHB715" s="613"/>
      <c r="WHC715" s="613"/>
      <c r="WHD715" s="613"/>
      <c r="WHE715" s="613"/>
      <c r="WHF715" s="613"/>
      <c r="WHG715" s="613"/>
      <c r="WHH715" s="613"/>
      <c r="WHI715" s="613"/>
      <c r="WHJ715" s="613"/>
      <c r="WHK715" s="613"/>
      <c r="WHL715" s="613"/>
      <c r="WHM715" s="613"/>
      <c r="WHN715" s="613"/>
      <c r="WHO715" s="613"/>
      <c r="WHP715" s="613"/>
      <c r="WHQ715" s="613"/>
      <c r="WHR715" s="613"/>
      <c r="WHS715" s="613"/>
      <c r="WHT715" s="613"/>
      <c r="WHU715" s="613"/>
      <c r="WHV715" s="613"/>
      <c r="WHW715" s="613"/>
      <c r="WHX715" s="613"/>
      <c r="WHY715" s="613"/>
      <c r="WHZ715" s="613"/>
      <c r="WIA715" s="613"/>
      <c r="WIB715" s="613"/>
      <c r="WIC715" s="613"/>
      <c r="WID715" s="613"/>
      <c r="WIE715" s="613"/>
      <c r="WIF715" s="613"/>
      <c r="WIG715" s="613"/>
      <c r="WIH715" s="613"/>
      <c r="WII715" s="613"/>
      <c r="WIJ715" s="613"/>
      <c r="WIK715" s="613"/>
      <c r="WIL715" s="613"/>
      <c r="WIM715" s="613"/>
      <c r="WIN715" s="613"/>
      <c r="WIO715" s="613"/>
      <c r="WIP715" s="613"/>
      <c r="WIQ715" s="613"/>
      <c r="WIR715" s="613"/>
      <c r="WIS715" s="613"/>
      <c r="WIT715" s="613"/>
      <c r="WIU715" s="613"/>
      <c r="WIV715" s="613"/>
      <c r="WIW715" s="613"/>
      <c r="WIX715" s="613"/>
      <c r="WIY715" s="613"/>
      <c r="WIZ715" s="613"/>
      <c r="WJA715" s="613"/>
      <c r="WJB715" s="613"/>
      <c r="WJC715" s="613"/>
      <c r="WJD715" s="613"/>
      <c r="WJE715" s="613"/>
      <c r="WJF715" s="613"/>
      <c r="WJG715" s="613"/>
      <c r="WJH715" s="613"/>
      <c r="WJI715" s="613"/>
      <c r="WJJ715" s="613"/>
      <c r="WJK715" s="613"/>
      <c r="WJL715" s="613"/>
      <c r="WJM715" s="613"/>
      <c r="WJN715" s="613"/>
      <c r="WJO715" s="613"/>
      <c r="WJP715" s="613"/>
      <c r="WJQ715" s="613"/>
      <c r="WJR715" s="613"/>
      <c r="WJS715" s="613"/>
      <c r="WJT715" s="613"/>
      <c r="WJU715" s="613"/>
      <c r="WJV715" s="613"/>
      <c r="WJW715" s="613"/>
      <c r="WJX715" s="613"/>
      <c r="WJY715" s="613"/>
      <c r="WJZ715" s="613"/>
      <c r="WKA715" s="613"/>
      <c r="WKB715" s="613"/>
      <c r="WKC715" s="613"/>
      <c r="WKD715" s="613"/>
      <c r="WKE715" s="613"/>
      <c r="WKF715" s="613"/>
      <c r="WKG715" s="613"/>
      <c r="WKH715" s="613"/>
      <c r="WKI715" s="613"/>
      <c r="WKJ715" s="613"/>
      <c r="WKK715" s="613"/>
      <c r="WKL715" s="613"/>
      <c r="WKM715" s="613"/>
      <c r="WKN715" s="613"/>
      <c r="WKO715" s="613"/>
      <c r="WKP715" s="613"/>
      <c r="WKQ715" s="613"/>
      <c r="WKR715" s="613"/>
      <c r="WKS715" s="613"/>
      <c r="WKT715" s="613"/>
      <c r="WKU715" s="613"/>
      <c r="WKV715" s="613"/>
      <c r="WKW715" s="613"/>
      <c r="WKX715" s="613"/>
      <c r="WKY715" s="613"/>
      <c r="WKZ715" s="613"/>
      <c r="WLA715" s="613"/>
      <c r="WLB715" s="613"/>
      <c r="WLC715" s="613"/>
      <c r="WLD715" s="613"/>
      <c r="WLE715" s="613"/>
      <c r="WLF715" s="613"/>
      <c r="WLG715" s="613"/>
      <c r="WLH715" s="613"/>
      <c r="WLI715" s="613"/>
      <c r="WLJ715" s="613"/>
      <c r="WLK715" s="613"/>
      <c r="WLL715" s="613"/>
      <c r="WLM715" s="613"/>
      <c r="WLN715" s="613"/>
      <c r="WLO715" s="613"/>
      <c r="WLP715" s="613"/>
      <c r="WLQ715" s="613"/>
      <c r="WLR715" s="613"/>
      <c r="WLS715" s="613"/>
      <c r="WLT715" s="613"/>
      <c r="WLU715" s="613"/>
      <c r="WLV715" s="613"/>
      <c r="WLW715" s="613"/>
      <c r="WLX715" s="613"/>
      <c r="WLY715" s="613"/>
      <c r="WLZ715" s="613"/>
      <c r="WMA715" s="613"/>
      <c r="WMB715" s="613"/>
      <c r="WMC715" s="613"/>
      <c r="WMD715" s="613"/>
      <c r="WME715" s="613"/>
      <c r="WMF715" s="613"/>
      <c r="WMG715" s="613"/>
      <c r="WMH715" s="613"/>
      <c r="WMI715" s="613"/>
      <c r="WMJ715" s="613"/>
      <c r="WMK715" s="613"/>
      <c r="WML715" s="613"/>
      <c r="WMM715" s="613"/>
      <c r="WMN715" s="613"/>
      <c r="WMO715" s="613"/>
      <c r="WMP715" s="613"/>
      <c r="WMQ715" s="613"/>
      <c r="WMR715" s="613"/>
      <c r="WMS715" s="613"/>
      <c r="WMT715" s="613"/>
      <c r="WMU715" s="613"/>
      <c r="WMV715" s="613"/>
      <c r="WMW715" s="613"/>
      <c r="WMX715" s="613"/>
      <c r="WMY715" s="613"/>
      <c r="WMZ715" s="613"/>
      <c r="WNA715" s="613"/>
      <c r="WNB715" s="613"/>
      <c r="WNC715" s="613"/>
      <c r="WND715" s="613"/>
      <c r="WNE715" s="613"/>
      <c r="WNF715" s="613"/>
      <c r="WNG715" s="613"/>
      <c r="WNH715" s="613"/>
      <c r="WNI715" s="613"/>
      <c r="WNJ715" s="613"/>
      <c r="WNK715" s="613"/>
      <c r="WNL715" s="613"/>
      <c r="WNM715" s="613"/>
      <c r="WNN715" s="613"/>
      <c r="WNO715" s="613"/>
      <c r="WNP715" s="613"/>
      <c r="WNQ715" s="613"/>
      <c r="WNR715" s="613"/>
      <c r="WNS715" s="613"/>
      <c r="WNT715" s="613"/>
      <c r="WNU715" s="613"/>
      <c r="WNV715" s="613"/>
      <c r="WNW715" s="613"/>
      <c r="WNX715" s="613"/>
      <c r="WNY715" s="613"/>
      <c r="WNZ715" s="613"/>
      <c r="WOA715" s="613"/>
      <c r="WOB715" s="613"/>
      <c r="WOC715" s="613"/>
      <c r="WOD715" s="613"/>
      <c r="WOE715" s="613"/>
      <c r="WOF715" s="613"/>
      <c r="WOG715" s="613"/>
      <c r="WOH715" s="613"/>
      <c r="WOI715" s="613"/>
      <c r="WOJ715" s="613"/>
      <c r="WOK715" s="613"/>
      <c r="WOL715" s="613"/>
      <c r="WOM715" s="613"/>
      <c r="WON715" s="613"/>
      <c r="WOO715" s="613"/>
      <c r="WOP715" s="613"/>
      <c r="WOQ715" s="613"/>
      <c r="WOR715" s="613"/>
      <c r="WOS715" s="613"/>
      <c r="WOT715" s="613"/>
      <c r="WOU715" s="613"/>
      <c r="WOV715" s="613"/>
      <c r="WOW715" s="613"/>
      <c r="WOX715" s="613"/>
      <c r="WOY715" s="613"/>
      <c r="WOZ715" s="613"/>
      <c r="WPA715" s="613"/>
      <c r="WPB715" s="613"/>
      <c r="WPC715" s="613"/>
      <c r="WPD715" s="613"/>
      <c r="WPE715" s="613"/>
      <c r="WPF715" s="613"/>
      <c r="WPG715" s="613"/>
      <c r="WPH715" s="613"/>
      <c r="WPI715" s="613"/>
      <c r="WPJ715" s="613"/>
      <c r="WPK715" s="613"/>
      <c r="WPL715" s="613"/>
      <c r="WPM715" s="613"/>
      <c r="WPN715" s="613"/>
      <c r="WPO715" s="613"/>
      <c r="WPP715" s="613"/>
      <c r="WPQ715" s="613"/>
      <c r="WPR715" s="613"/>
      <c r="WPS715" s="613"/>
      <c r="WPT715" s="613"/>
      <c r="WPU715" s="613"/>
      <c r="WPV715" s="613"/>
      <c r="WPW715" s="613"/>
      <c r="WPX715" s="613"/>
      <c r="WPY715" s="613"/>
      <c r="WPZ715" s="613"/>
      <c r="WQA715" s="613"/>
      <c r="WQB715" s="613"/>
      <c r="WQC715" s="613"/>
      <c r="WQD715" s="613"/>
      <c r="WQE715" s="613"/>
      <c r="WQF715" s="613"/>
      <c r="WQG715" s="613"/>
      <c r="WQH715" s="613"/>
      <c r="WQI715" s="613"/>
      <c r="WQJ715" s="613"/>
      <c r="WQK715" s="613"/>
      <c r="WQL715" s="613"/>
      <c r="WQM715" s="613"/>
      <c r="WQN715" s="613"/>
      <c r="WQO715" s="613"/>
      <c r="WQP715" s="613"/>
      <c r="WQQ715" s="613"/>
      <c r="WQR715" s="613"/>
      <c r="WQS715" s="613"/>
      <c r="WQT715" s="613"/>
      <c r="WQU715" s="613"/>
      <c r="WQV715" s="613"/>
      <c r="WQW715" s="613"/>
      <c r="WQX715" s="613"/>
      <c r="WQY715" s="613"/>
      <c r="WQZ715" s="613"/>
      <c r="WRA715" s="613"/>
      <c r="WRB715" s="613"/>
      <c r="WRC715" s="613"/>
      <c r="WRD715" s="613"/>
      <c r="WRE715" s="613"/>
      <c r="WRF715" s="613"/>
      <c r="WRG715" s="613"/>
      <c r="WRH715" s="613"/>
      <c r="WRI715" s="613"/>
      <c r="WRJ715" s="613"/>
      <c r="WRK715" s="613"/>
      <c r="WRL715" s="613"/>
      <c r="WRM715" s="613"/>
      <c r="WRN715" s="613"/>
      <c r="WRO715" s="613"/>
      <c r="WRP715" s="613"/>
      <c r="WRQ715" s="613"/>
      <c r="WRR715" s="613"/>
      <c r="WRS715" s="613"/>
      <c r="WRT715" s="613"/>
      <c r="WRU715" s="613"/>
      <c r="WRV715" s="613"/>
      <c r="WRW715" s="613"/>
      <c r="WRX715" s="613"/>
      <c r="WRY715" s="613"/>
      <c r="WRZ715" s="613"/>
      <c r="WSA715" s="613"/>
      <c r="WSB715" s="613"/>
      <c r="WSC715" s="613"/>
      <c r="WSD715" s="613"/>
      <c r="WSE715" s="613"/>
      <c r="WSF715" s="613"/>
      <c r="WSG715" s="613"/>
      <c r="WSH715" s="613"/>
      <c r="WSI715" s="613"/>
      <c r="WSJ715" s="613"/>
      <c r="WSK715" s="613"/>
      <c r="WSL715" s="613"/>
      <c r="WSM715" s="613"/>
      <c r="WSN715" s="613"/>
      <c r="WSO715" s="613"/>
      <c r="WSP715" s="613"/>
      <c r="WSQ715" s="613"/>
      <c r="WSR715" s="613"/>
      <c r="WSS715" s="613"/>
      <c r="WST715" s="613"/>
      <c r="WSU715" s="613"/>
      <c r="WSV715" s="613"/>
      <c r="WSW715" s="613"/>
      <c r="WSX715" s="613"/>
      <c r="WSY715" s="613"/>
      <c r="WSZ715" s="613"/>
      <c r="WTA715" s="613"/>
      <c r="WTB715" s="613"/>
      <c r="WTC715" s="613"/>
      <c r="WTD715" s="613"/>
      <c r="WTE715" s="613"/>
      <c r="WTF715" s="613"/>
      <c r="WTG715" s="613"/>
      <c r="WTH715" s="613"/>
      <c r="WTI715" s="613"/>
      <c r="WTJ715" s="613"/>
      <c r="WTK715" s="613"/>
      <c r="WTL715" s="613"/>
      <c r="WTM715" s="613"/>
      <c r="WTN715" s="613"/>
      <c r="WTO715" s="613"/>
      <c r="WTP715" s="613"/>
      <c r="WTQ715" s="613"/>
      <c r="WTR715" s="613"/>
      <c r="WTS715" s="613"/>
      <c r="WTT715" s="613"/>
      <c r="WTU715" s="613"/>
      <c r="WTV715" s="613"/>
      <c r="WTW715" s="613"/>
      <c r="WTX715" s="613"/>
      <c r="WTY715" s="613"/>
      <c r="WTZ715" s="613"/>
      <c r="WUA715" s="613"/>
      <c r="WUB715" s="613"/>
      <c r="WUC715" s="613"/>
      <c r="WUD715" s="613"/>
      <c r="WUE715" s="613"/>
      <c r="WUF715" s="613"/>
      <c r="WUG715" s="613"/>
      <c r="WUH715" s="613"/>
      <c r="WUI715" s="613"/>
      <c r="WUJ715" s="613"/>
      <c r="WUK715" s="613"/>
      <c r="WUL715" s="613"/>
      <c r="WUM715" s="613"/>
      <c r="WUN715" s="613"/>
      <c r="WUO715" s="613"/>
      <c r="WUP715" s="613"/>
      <c r="WUQ715" s="613"/>
      <c r="WUR715" s="613"/>
      <c r="WUS715" s="613"/>
      <c r="WUT715" s="613"/>
      <c r="WUU715" s="613"/>
      <c r="WUV715" s="613"/>
      <c r="WUW715" s="613"/>
      <c r="WUX715" s="613"/>
      <c r="WUY715" s="613"/>
      <c r="WUZ715" s="613"/>
      <c r="WVA715" s="613"/>
      <c r="WVB715" s="613"/>
      <c r="WVC715" s="613"/>
      <c r="WVD715" s="613"/>
      <c r="WVE715" s="613"/>
      <c r="WVF715" s="613"/>
      <c r="WVG715" s="613"/>
      <c r="WVH715" s="613"/>
      <c r="WVI715" s="613"/>
      <c r="WVJ715" s="613"/>
      <c r="WVK715" s="613"/>
      <c r="WVL715" s="613"/>
      <c r="WVM715" s="613"/>
      <c r="WVN715" s="613"/>
      <c r="WVO715" s="613"/>
      <c r="WVP715" s="613"/>
      <c r="WVQ715" s="613"/>
      <c r="WVR715" s="613"/>
      <c r="WVS715" s="613"/>
      <c r="WVT715" s="613"/>
      <c r="WVU715" s="613"/>
      <c r="WVV715" s="613"/>
      <c r="WVW715" s="613"/>
      <c r="WVX715" s="613"/>
      <c r="WVY715" s="613"/>
      <c r="WVZ715" s="613"/>
      <c r="WWA715" s="613"/>
      <c r="WWB715" s="613"/>
      <c r="WWC715" s="613"/>
      <c r="WWD715" s="613"/>
      <c r="WWE715" s="613"/>
      <c r="WWF715" s="613"/>
      <c r="WWG715" s="613"/>
      <c r="WWH715" s="613"/>
      <c r="WWI715" s="613"/>
      <c r="WWJ715" s="613"/>
      <c r="WWK715" s="613"/>
      <c r="WWL715" s="613"/>
      <c r="WWM715" s="613"/>
      <c r="WWN715" s="613"/>
      <c r="WWO715" s="613"/>
      <c r="WWP715" s="613"/>
      <c r="WWQ715" s="613"/>
      <c r="WWR715" s="613"/>
      <c r="WWS715" s="613"/>
      <c r="WWT715" s="613"/>
      <c r="WWU715" s="613"/>
      <c r="WWV715" s="613"/>
      <c r="WWW715" s="613"/>
      <c r="WWX715" s="613"/>
      <c r="WWY715" s="613"/>
      <c r="WWZ715" s="613"/>
      <c r="WXA715" s="613"/>
      <c r="WXB715" s="613"/>
      <c r="WXC715" s="613"/>
      <c r="WXD715" s="613"/>
      <c r="WXE715" s="613"/>
      <c r="WXF715" s="613"/>
      <c r="WXG715" s="613"/>
      <c r="WXH715" s="613"/>
      <c r="WXI715" s="613"/>
      <c r="WXJ715" s="613"/>
      <c r="WXK715" s="613"/>
      <c r="WXL715" s="613"/>
      <c r="WXM715" s="613"/>
      <c r="WXN715" s="613"/>
      <c r="WXO715" s="613"/>
      <c r="WXP715" s="613"/>
      <c r="WXQ715" s="613"/>
      <c r="WXR715" s="613"/>
      <c r="WXS715" s="613"/>
      <c r="WXT715" s="613"/>
      <c r="WXU715" s="613"/>
      <c r="WXV715" s="613"/>
      <c r="WXW715" s="613"/>
      <c r="WXX715" s="613"/>
      <c r="WXY715" s="613"/>
      <c r="WXZ715" s="613"/>
      <c r="WYA715" s="613"/>
      <c r="WYB715" s="613"/>
      <c r="WYC715" s="613"/>
      <c r="WYD715" s="613"/>
      <c r="WYE715" s="613"/>
      <c r="WYF715" s="613"/>
      <c r="WYG715" s="613"/>
      <c r="WYH715" s="613"/>
      <c r="WYI715" s="613"/>
      <c r="WYJ715" s="613"/>
      <c r="WYK715" s="613"/>
      <c r="WYL715" s="613"/>
      <c r="WYM715" s="613"/>
      <c r="WYN715" s="613"/>
      <c r="WYO715" s="613"/>
      <c r="WYP715" s="613"/>
      <c r="WYQ715" s="613"/>
      <c r="WYR715" s="613"/>
      <c r="WYS715" s="613"/>
      <c r="WYT715" s="613"/>
      <c r="WYU715" s="613"/>
      <c r="WYV715" s="613"/>
      <c r="WYW715" s="613"/>
      <c r="WYX715" s="613"/>
      <c r="WYY715" s="613"/>
      <c r="WYZ715" s="613"/>
      <c r="WZA715" s="613"/>
      <c r="WZB715" s="613"/>
      <c r="WZC715" s="613"/>
      <c r="WZD715" s="613"/>
      <c r="WZE715" s="613"/>
      <c r="WZF715" s="613"/>
      <c r="WZG715" s="613"/>
      <c r="WZH715" s="613"/>
      <c r="WZI715" s="613"/>
      <c r="WZJ715" s="613"/>
      <c r="WZK715" s="613"/>
      <c r="WZL715" s="613"/>
      <c r="WZM715" s="613"/>
      <c r="WZN715" s="613"/>
      <c r="WZO715" s="613"/>
      <c r="WZP715" s="613"/>
      <c r="WZQ715" s="613"/>
      <c r="WZR715" s="613"/>
      <c r="WZS715" s="613"/>
      <c r="WZT715" s="613"/>
      <c r="WZU715" s="613"/>
      <c r="WZV715" s="613"/>
      <c r="WZW715" s="613"/>
      <c r="WZX715" s="613"/>
      <c r="WZY715" s="613"/>
      <c r="WZZ715" s="613"/>
      <c r="XAA715" s="613"/>
      <c r="XAB715" s="613"/>
      <c r="XAC715" s="613"/>
      <c r="XAD715" s="613"/>
      <c r="XAE715" s="613"/>
      <c r="XAF715" s="613"/>
      <c r="XAG715" s="613"/>
      <c r="XAH715" s="613"/>
      <c r="XAI715" s="613"/>
      <c r="XAJ715" s="613"/>
      <c r="XAK715" s="613"/>
      <c r="XAL715" s="613"/>
      <c r="XAM715" s="613"/>
      <c r="XAN715" s="613"/>
      <c r="XAO715" s="613"/>
      <c r="XAP715" s="613"/>
      <c r="XAQ715" s="613"/>
      <c r="XAR715" s="613"/>
      <c r="XAS715" s="613"/>
      <c r="XAT715" s="613"/>
      <c r="XAU715" s="613"/>
      <c r="XAV715" s="613"/>
      <c r="XAW715" s="613"/>
      <c r="XAX715" s="613"/>
      <c r="XAY715" s="613"/>
      <c r="XAZ715" s="613"/>
      <c r="XBA715" s="613"/>
      <c r="XBB715" s="613"/>
      <c r="XBC715" s="613"/>
      <c r="XBD715" s="613"/>
      <c r="XBE715" s="613"/>
      <c r="XBF715" s="613"/>
      <c r="XBG715" s="613"/>
      <c r="XBH715" s="613"/>
      <c r="XBI715" s="613"/>
      <c r="XBJ715" s="613"/>
      <c r="XBK715" s="613"/>
      <c r="XBL715" s="613"/>
      <c r="XBM715" s="613"/>
      <c r="XBN715" s="613"/>
      <c r="XBO715" s="613"/>
      <c r="XBP715" s="613"/>
      <c r="XBQ715" s="613"/>
      <c r="XBR715" s="613"/>
      <c r="XBS715" s="613"/>
      <c r="XBT715" s="613"/>
      <c r="XBU715" s="613"/>
      <c r="XBV715" s="613"/>
      <c r="XBW715" s="613"/>
      <c r="XBX715" s="613"/>
      <c r="XBY715" s="613"/>
      <c r="XBZ715" s="613"/>
      <c r="XCA715" s="613"/>
      <c r="XCB715" s="613"/>
      <c r="XCC715" s="613"/>
      <c r="XCD715" s="613"/>
      <c r="XCE715" s="613"/>
      <c r="XCF715" s="613"/>
      <c r="XCG715" s="613"/>
      <c r="XCH715" s="613"/>
      <c r="XCI715" s="613"/>
      <c r="XCJ715" s="613"/>
      <c r="XCK715" s="613"/>
      <c r="XCL715" s="613"/>
      <c r="XCM715" s="613"/>
      <c r="XCN715" s="613"/>
      <c r="XCO715" s="613"/>
      <c r="XCP715" s="613"/>
      <c r="XCQ715" s="613"/>
    </row>
    <row r="716" spans="1:16319" ht="56.1" customHeight="1" x14ac:dyDescent="0.2">
      <c r="A716" s="494"/>
      <c r="B716" s="499"/>
      <c r="C716" s="494"/>
      <c r="D716" s="481">
        <v>275</v>
      </c>
      <c r="E716" s="481"/>
      <c r="F716" s="481" t="s">
        <v>2481</v>
      </c>
      <c r="G716" s="482" t="s">
        <v>53</v>
      </c>
      <c r="H716" s="765" t="s">
        <v>329</v>
      </c>
      <c r="I716" s="654" t="s">
        <v>500</v>
      </c>
      <c r="J716" s="654" t="s">
        <v>501</v>
      </c>
      <c r="K716" s="495" t="s">
        <v>512</v>
      </c>
      <c r="L716" s="767"/>
      <c r="M716" s="484" t="s">
        <v>58</v>
      </c>
      <c r="N716" s="328" t="s">
        <v>1362</v>
      </c>
      <c r="O716" s="484" t="s">
        <v>2996</v>
      </c>
      <c r="P716" s="484" t="s">
        <v>81</v>
      </c>
      <c r="Q716" s="667" t="s">
        <v>334</v>
      </c>
      <c r="R716" s="484" t="s">
        <v>334</v>
      </c>
      <c r="S716" s="484" t="s">
        <v>181</v>
      </c>
      <c r="T716" s="484"/>
      <c r="U716" s="620" t="s">
        <v>63</v>
      </c>
      <c r="V716" s="620" t="s">
        <v>63</v>
      </c>
      <c r="W716" s="723">
        <v>228836</v>
      </c>
      <c r="X716" s="723"/>
      <c r="Y716" s="654" t="s">
        <v>226</v>
      </c>
      <c r="Z716" s="654"/>
      <c r="AA716" s="723">
        <v>228836</v>
      </c>
      <c r="AB716" s="652" t="s">
        <v>82</v>
      </c>
      <c r="AC716" s="652"/>
      <c r="AD716" s="496"/>
      <c r="AE716" s="496"/>
      <c r="AF716" s="487" t="s">
        <v>66</v>
      </c>
      <c r="AG716" s="496"/>
      <c r="AH716" s="496"/>
      <c r="AI716" s="496"/>
      <c r="AJ716" s="496"/>
      <c r="AK716" s="496"/>
      <c r="AL716" s="496"/>
      <c r="AM716" s="496"/>
      <c r="AN716" s="496"/>
      <c r="AO716" s="496"/>
      <c r="AP716" s="496"/>
      <c r="AQ716" s="496"/>
      <c r="AR716" s="496"/>
      <c r="AS716" s="496"/>
      <c r="AT716" s="496"/>
      <c r="AU716" s="487"/>
      <c r="AV716" s="487"/>
      <c r="AW716" s="487"/>
      <c r="AX716" s="487"/>
      <c r="AY716" s="487"/>
      <c r="AZ716" s="487"/>
      <c r="BA716" s="484"/>
      <c r="BB716" s="484"/>
      <c r="BC716" s="484"/>
      <c r="BD716" s="494"/>
      <c r="BE716" s="494"/>
      <c r="BF716" s="613"/>
      <c r="BG716" s="613"/>
      <c r="BH716" s="613"/>
      <c r="BI716" s="613"/>
      <c r="BJ716" s="613"/>
      <c r="BK716" s="613"/>
      <c r="BL716" s="613"/>
      <c r="BM716" s="613"/>
      <c r="BN716" s="613"/>
      <c r="BO716" s="613"/>
      <c r="BP716" s="613"/>
      <c r="BQ716" s="613"/>
      <c r="BR716" s="613"/>
      <c r="BS716" s="613"/>
      <c r="BT716" s="613"/>
      <c r="BU716" s="613"/>
      <c r="BV716" s="613"/>
      <c r="BW716" s="613"/>
      <c r="BX716" s="613"/>
      <c r="BY716" s="613"/>
      <c r="BZ716" s="613"/>
      <c r="CA716" s="613"/>
      <c r="CB716" s="613"/>
      <c r="CC716" s="613"/>
      <c r="CD716" s="613"/>
      <c r="CE716" s="613"/>
      <c r="CF716" s="613"/>
      <c r="CG716" s="613"/>
      <c r="CH716" s="613"/>
      <c r="CI716" s="613"/>
      <c r="CJ716" s="613"/>
      <c r="CK716" s="613"/>
      <c r="CL716" s="613"/>
      <c r="CM716" s="613"/>
      <c r="CN716" s="613"/>
      <c r="CO716" s="613"/>
      <c r="CP716" s="613"/>
      <c r="CQ716" s="613"/>
      <c r="CR716" s="613"/>
      <c r="CS716" s="613"/>
      <c r="CT716" s="613"/>
      <c r="CU716" s="613"/>
      <c r="CV716" s="613"/>
      <c r="CW716" s="613"/>
      <c r="CX716" s="613"/>
      <c r="CY716" s="613"/>
      <c r="CZ716" s="613"/>
      <c r="DA716" s="613"/>
      <c r="DB716" s="613"/>
      <c r="DC716" s="613"/>
      <c r="DD716" s="613"/>
      <c r="DE716" s="613"/>
      <c r="DF716" s="613"/>
      <c r="DG716" s="613"/>
      <c r="DH716" s="613"/>
      <c r="DI716" s="613"/>
      <c r="DJ716" s="613"/>
      <c r="DK716" s="613"/>
      <c r="DL716" s="613"/>
      <c r="DM716" s="613"/>
      <c r="DN716" s="613"/>
      <c r="DO716" s="613"/>
      <c r="DP716" s="613"/>
      <c r="DQ716" s="613"/>
      <c r="DR716" s="613"/>
      <c r="DS716" s="613"/>
      <c r="DT716" s="613"/>
      <c r="DU716" s="613"/>
      <c r="DV716" s="613"/>
      <c r="DW716" s="613"/>
      <c r="DX716" s="613"/>
      <c r="DY716" s="613"/>
      <c r="DZ716" s="613"/>
      <c r="EA716" s="613"/>
      <c r="EB716" s="613"/>
      <c r="EC716" s="613"/>
      <c r="ED716" s="613"/>
      <c r="EE716" s="613"/>
      <c r="EF716" s="613"/>
      <c r="EG716" s="613"/>
      <c r="EH716" s="613"/>
      <c r="EI716" s="613"/>
      <c r="EJ716" s="613"/>
      <c r="EK716" s="613"/>
      <c r="EL716" s="613"/>
      <c r="EM716" s="613"/>
      <c r="EN716" s="613"/>
      <c r="EO716" s="613"/>
      <c r="EP716" s="613"/>
      <c r="EQ716" s="613"/>
      <c r="ER716" s="613"/>
      <c r="ES716" s="613"/>
      <c r="ET716" s="613"/>
      <c r="EU716" s="613"/>
      <c r="EV716" s="613"/>
      <c r="EW716" s="613"/>
      <c r="EX716" s="613"/>
      <c r="EY716" s="613"/>
      <c r="EZ716" s="613"/>
      <c r="FA716" s="613"/>
      <c r="FB716" s="613"/>
      <c r="FC716" s="613"/>
      <c r="FD716" s="613"/>
      <c r="FE716" s="613"/>
      <c r="FF716" s="613"/>
      <c r="FG716" s="613"/>
      <c r="FH716" s="613"/>
      <c r="FI716" s="613"/>
      <c r="FJ716" s="613"/>
      <c r="FK716" s="613"/>
      <c r="FL716" s="613"/>
      <c r="FM716" s="613"/>
      <c r="FN716" s="613"/>
      <c r="FO716" s="613"/>
      <c r="FP716" s="613"/>
      <c r="FQ716" s="613"/>
      <c r="FR716" s="613"/>
      <c r="FS716" s="613"/>
      <c r="FT716" s="613"/>
      <c r="FU716" s="613"/>
      <c r="FV716" s="613"/>
      <c r="FW716" s="613"/>
      <c r="FX716" s="613"/>
      <c r="FY716" s="613"/>
      <c r="FZ716" s="613"/>
      <c r="GA716" s="613"/>
      <c r="GB716" s="613"/>
      <c r="GC716" s="613"/>
      <c r="GD716" s="613"/>
      <c r="GE716" s="613"/>
      <c r="GF716" s="613"/>
      <c r="GG716" s="613"/>
      <c r="GH716" s="613"/>
      <c r="GI716" s="613"/>
      <c r="GJ716" s="613"/>
      <c r="GK716" s="613"/>
      <c r="GL716" s="613"/>
      <c r="GM716" s="613"/>
      <c r="GN716" s="613"/>
      <c r="GO716" s="613"/>
      <c r="GP716" s="613"/>
      <c r="GQ716" s="613"/>
      <c r="GR716" s="613"/>
      <c r="GS716" s="613"/>
      <c r="GT716" s="613"/>
      <c r="GU716" s="613"/>
      <c r="GV716" s="613"/>
      <c r="GW716" s="613"/>
      <c r="GX716" s="613"/>
      <c r="GY716" s="613"/>
      <c r="GZ716" s="613"/>
      <c r="HA716" s="613"/>
      <c r="HB716" s="613"/>
      <c r="HC716" s="613"/>
      <c r="HD716" s="613"/>
      <c r="HE716" s="613"/>
      <c r="HF716" s="613"/>
      <c r="HG716" s="613"/>
      <c r="HH716" s="613"/>
      <c r="HI716" s="613"/>
      <c r="HJ716" s="613"/>
      <c r="HK716" s="613"/>
      <c r="HL716" s="613"/>
      <c r="HM716" s="613"/>
      <c r="HN716" s="613"/>
      <c r="HO716" s="613"/>
      <c r="HP716" s="613"/>
      <c r="HQ716" s="613"/>
      <c r="HR716" s="613"/>
      <c r="HS716" s="613"/>
      <c r="HT716" s="613"/>
      <c r="HU716" s="613"/>
      <c r="HV716" s="613"/>
      <c r="HW716" s="613"/>
      <c r="HX716" s="613"/>
      <c r="HY716" s="613"/>
      <c r="HZ716" s="613"/>
      <c r="IA716" s="613"/>
      <c r="IB716" s="613"/>
      <c r="IC716" s="613"/>
      <c r="ID716" s="613"/>
      <c r="IE716" s="613"/>
      <c r="IF716" s="613"/>
      <c r="IG716" s="613"/>
      <c r="IH716" s="613"/>
      <c r="II716" s="613"/>
      <c r="IJ716" s="613"/>
      <c r="IK716" s="613"/>
      <c r="IL716" s="613"/>
      <c r="IM716" s="613"/>
      <c r="IN716" s="613"/>
      <c r="IO716" s="613"/>
      <c r="IP716" s="613"/>
      <c r="IQ716" s="613"/>
      <c r="IR716" s="613"/>
      <c r="IS716" s="613"/>
      <c r="IT716" s="613"/>
      <c r="IU716" s="613"/>
      <c r="IV716" s="613"/>
      <c r="IW716" s="613"/>
      <c r="IX716" s="613"/>
      <c r="IY716" s="613"/>
      <c r="IZ716" s="613"/>
      <c r="JA716" s="613"/>
      <c r="JB716" s="613"/>
      <c r="JC716" s="613"/>
      <c r="JD716" s="613"/>
      <c r="JE716" s="613"/>
      <c r="JF716" s="613"/>
      <c r="JG716" s="613"/>
      <c r="JH716" s="613"/>
      <c r="JI716" s="613"/>
      <c r="JJ716" s="613"/>
      <c r="JK716" s="613"/>
      <c r="JL716" s="613"/>
      <c r="JM716" s="613"/>
      <c r="JN716" s="613"/>
      <c r="JO716" s="613"/>
      <c r="JP716" s="613"/>
      <c r="JQ716" s="613"/>
      <c r="JR716" s="613"/>
      <c r="JS716" s="613"/>
      <c r="JT716" s="613"/>
      <c r="JU716" s="613"/>
      <c r="JV716" s="613"/>
      <c r="JW716" s="613"/>
      <c r="JX716" s="613"/>
      <c r="JY716" s="613"/>
      <c r="JZ716" s="613"/>
      <c r="KA716" s="613"/>
      <c r="KB716" s="613"/>
      <c r="KC716" s="613"/>
      <c r="KD716" s="613"/>
      <c r="KE716" s="613"/>
      <c r="KF716" s="613"/>
      <c r="KG716" s="613"/>
      <c r="KH716" s="613"/>
      <c r="KI716" s="613"/>
      <c r="KJ716" s="613"/>
      <c r="KK716" s="613"/>
      <c r="KL716" s="613"/>
      <c r="KM716" s="613"/>
      <c r="KN716" s="613"/>
      <c r="KO716" s="613"/>
      <c r="KP716" s="613"/>
      <c r="KQ716" s="613"/>
      <c r="KR716" s="613"/>
      <c r="KS716" s="613"/>
      <c r="KT716" s="613"/>
      <c r="KU716" s="613"/>
      <c r="KV716" s="613"/>
      <c r="KW716" s="613"/>
      <c r="KX716" s="613"/>
      <c r="KY716" s="613"/>
      <c r="KZ716" s="613"/>
      <c r="LA716" s="613"/>
      <c r="LB716" s="613"/>
      <c r="LC716" s="613"/>
      <c r="LD716" s="613"/>
      <c r="LE716" s="613"/>
      <c r="LF716" s="613"/>
      <c r="LG716" s="613"/>
      <c r="LH716" s="613"/>
      <c r="LI716" s="613"/>
      <c r="LJ716" s="613"/>
      <c r="LK716" s="613"/>
      <c r="LL716" s="613"/>
      <c r="LM716" s="613"/>
      <c r="LN716" s="613"/>
      <c r="LO716" s="613"/>
      <c r="LP716" s="613"/>
      <c r="LQ716" s="613"/>
      <c r="LR716" s="613"/>
      <c r="LS716" s="613"/>
      <c r="LT716" s="613"/>
      <c r="LU716" s="613"/>
      <c r="LV716" s="613"/>
      <c r="LW716" s="613"/>
      <c r="LX716" s="613"/>
      <c r="LY716" s="613"/>
      <c r="LZ716" s="613"/>
      <c r="MA716" s="613"/>
      <c r="MB716" s="613"/>
      <c r="MC716" s="613"/>
      <c r="MD716" s="613"/>
      <c r="ME716" s="613"/>
      <c r="MF716" s="613"/>
      <c r="MG716" s="613"/>
      <c r="MH716" s="613"/>
      <c r="MI716" s="613"/>
      <c r="MJ716" s="613"/>
      <c r="MK716" s="613"/>
      <c r="ML716" s="613"/>
      <c r="MM716" s="613"/>
      <c r="MN716" s="613"/>
      <c r="MO716" s="613"/>
      <c r="MP716" s="613"/>
      <c r="MQ716" s="613"/>
      <c r="MR716" s="613"/>
      <c r="MS716" s="613"/>
      <c r="MT716" s="613"/>
      <c r="MU716" s="613"/>
      <c r="MV716" s="613"/>
      <c r="MW716" s="613"/>
      <c r="MX716" s="613"/>
      <c r="MY716" s="613"/>
      <c r="MZ716" s="613"/>
      <c r="NA716" s="613"/>
      <c r="NB716" s="613"/>
      <c r="NC716" s="613"/>
      <c r="ND716" s="613"/>
      <c r="NE716" s="613"/>
      <c r="NF716" s="613"/>
      <c r="NG716" s="613"/>
      <c r="NH716" s="613"/>
      <c r="NI716" s="613"/>
      <c r="NJ716" s="613"/>
      <c r="NK716" s="613"/>
      <c r="NL716" s="613"/>
      <c r="NM716" s="613"/>
      <c r="NN716" s="613"/>
      <c r="NO716" s="613"/>
      <c r="NP716" s="613"/>
      <c r="NQ716" s="613"/>
      <c r="NR716" s="613"/>
      <c r="NS716" s="613"/>
      <c r="NT716" s="613"/>
      <c r="NU716" s="613"/>
      <c r="NV716" s="613"/>
      <c r="NW716" s="613"/>
      <c r="NX716" s="613"/>
      <c r="NY716" s="613"/>
      <c r="NZ716" s="613"/>
      <c r="OA716" s="613"/>
      <c r="OB716" s="613"/>
      <c r="OC716" s="613"/>
      <c r="OD716" s="613"/>
      <c r="OE716" s="613"/>
      <c r="OF716" s="613"/>
      <c r="OG716" s="613"/>
      <c r="OH716" s="613"/>
      <c r="OI716" s="613"/>
      <c r="OJ716" s="613"/>
      <c r="OK716" s="613"/>
      <c r="OL716" s="613"/>
      <c r="OM716" s="613"/>
      <c r="ON716" s="613"/>
      <c r="OO716" s="613"/>
      <c r="OP716" s="613"/>
      <c r="OQ716" s="613"/>
      <c r="OR716" s="613"/>
      <c r="OS716" s="613"/>
      <c r="OT716" s="613"/>
      <c r="OU716" s="613"/>
      <c r="OV716" s="613"/>
      <c r="OW716" s="613"/>
      <c r="OX716" s="613"/>
      <c r="OY716" s="613"/>
      <c r="OZ716" s="613"/>
      <c r="PA716" s="613"/>
      <c r="PB716" s="613"/>
      <c r="PC716" s="613"/>
      <c r="PD716" s="613"/>
      <c r="PE716" s="613"/>
      <c r="PF716" s="613"/>
      <c r="PG716" s="613"/>
      <c r="PH716" s="613"/>
      <c r="PI716" s="613"/>
      <c r="PJ716" s="613"/>
      <c r="PK716" s="613"/>
      <c r="PL716" s="613"/>
      <c r="PM716" s="613"/>
      <c r="PN716" s="613"/>
      <c r="PO716" s="613"/>
      <c r="PP716" s="613"/>
      <c r="PQ716" s="613"/>
      <c r="PR716" s="613"/>
      <c r="PS716" s="613"/>
      <c r="PT716" s="613"/>
      <c r="PU716" s="613"/>
      <c r="PV716" s="613"/>
      <c r="PW716" s="613"/>
      <c r="PX716" s="613"/>
      <c r="PY716" s="613"/>
      <c r="PZ716" s="613"/>
      <c r="QA716" s="613"/>
      <c r="QB716" s="613"/>
      <c r="QC716" s="613"/>
      <c r="QD716" s="613"/>
      <c r="QE716" s="613"/>
      <c r="QF716" s="613"/>
      <c r="QG716" s="613"/>
      <c r="QH716" s="613"/>
      <c r="QI716" s="613"/>
      <c r="QJ716" s="613"/>
      <c r="QK716" s="613"/>
      <c r="QL716" s="613"/>
      <c r="QM716" s="613"/>
      <c r="QN716" s="613"/>
      <c r="QO716" s="613"/>
      <c r="QP716" s="613"/>
      <c r="QQ716" s="613"/>
      <c r="QR716" s="613"/>
      <c r="QS716" s="613"/>
      <c r="QT716" s="613"/>
      <c r="QU716" s="613"/>
      <c r="QV716" s="613"/>
      <c r="QW716" s="613"/>
      <c r="QX716" s="613"/>
      <c r="QY716" s="613"/>
      <c r="QZ716" s="613"/>
      <c r="RA716" s="613"/>
      <c r="RB716" s="613"/>
      <c r="RC716" s="613"/>
      <c r="RD716" s="613"/>
      <c r="RE716" s="613"/>
      <c r="RF716" s="613"/>
      <c r="RG716" s="613"/>
      <c r="RH716" s="613"/>
      <c r="RI716" s="613"/>
      <c r="RJ716" s="613"/>
      <c r="RK716" s="613"/>
      <c r="RL716" s="613"/>
      <c r="RM716" s="613"/>
      <c r="RN716" s="613"/>
      <c r="RO716" s="613"/>
      <c r="RP716" s="613"/>
      <c r="RQ716" s="613"/>
      <c r="RR716" s="613"/>
      <c r="RS716" s="613"/>
      <c r="RT716" s="613"/>
      <c r="RU716" s="613"/>
      <c r="RV716" s="613"/>
      <c r="RW716" s="613"/>
      <c r="RX716" s="613"/>
      <c r="RY716" s="613"/>
      <c r="RZ716" s="613"/>
      <c r="SA716" s="613"/>
      <c r="SB716" s="613"/>
      <c r="SC716" s="613"/>
      <c r="SD716" s="613"/>
      <c r="SE716" s="613"/>
      <c r="SF716" s="613"/>
      <c r="SG716" s="613"/>
      <c r="SH716" s="613"/>
      <c r="SI716" s="613"/>
      <c r="SJ716" s="613"/>
      <c r="SK716" s="613"/>
      <c r="SL716" s="613"/>
      <c r="SM716" s="613"/>
      <c r="SN716" s="613"/>
      <c r="SO716" s="613"/>
      <c r="SP716" s="613"/>
      <c r="SQ716" s="613"/>
      <c r="SR716" s="613"/>
      <c r="SS716" s="613"/>
      <c r="ST716" s="613"/>
      <c r="SU716" s="613"/>
      <c r="SV716" s="613"/>
      <c r="SW716" s="613"/>
      <c r="SX716" s="613"/>
      <c r="SY716" s="613"/>
      <c r="SZ716" s="613"/>
      <c r="TA716" s="613"/>
      <c r="TB716" s="613"/>
      <c r="TC716" s="613"/>
      <c r="TD716" s="613"/>
      <c r="TE716" s="613"/>
      <c r="TF716" s="613"/>
      <c r="TG716" s="613"/>
      <c r="TH716" s="613"/>
      <c r="TI716" s="613"/>
      <c r="TJ716" s="613"/>
      <c r="TK716" s="613"/>
      <c r="TL716" s="613"/>
      <c r="TM716" s="613"/>
      <c r="TN716" s="613"/>
      <c r="TO716" s="613"/>
      <c r="TP716" s="613"/>
      <c r="TQ716" s="613"/>
      <c r="TR716" s="613"/>
      <c r="TS716" s="613"/>
      <c r="TT716" s="613"/>
      <c r="TU716" s="613"/>
      <c r="TV716" s="613"/>
      <c r="TW716" s="613"/>
      <c r="TX716" s="613"/>
      <c r="TY716" s="613"/>
      <c r="TZ716" s="613"/>
      <c r="UA716" s="613"/>
      <c r="UB716" s="613"/>
      <c r="UC716" s="613"/>
      <c r="UD716" s="613"/>
      <c r="UE716" s="613"/>
      <c r="UF716" s="613"/>
      <c r="UG716" s="613"/>
      <c r="UH716" s="613"/>
      <c r="UI716" s="613"/>
      <c r="UJ716" s="613"/>
      <c r="UK716" s="613"/>
      <c r="UL716" s="613"/>
      <c r="UM716" s="613"/>
      <c r="UN716" s="613"/>
      <c r="UO716" s="613"/>
      <c r="UP716" s="613"/>
      <c r="UQ716" s="613"/>
      <c r="UR716" s="613"/>
      <c r="US716" s="613"/>
      <c r="UT716" s="613"/>
      <c r="UU716" s="613"/>
      <c r="UV716" s="613"/>
      <c r="UW716" s="613"/>
      <c r="UX716" s="613"/>
      <c r="UY716" s="613"/>
      <c r="UZ716" s="613"/>
      <c r="VA716" s="613"/>
      <c r="VB716" s="613"/>
      <c r="VC716" s="613"/>
      <c r="VD716" s="613"/>
      <c r="VE716" s="613"/>
      <c r="VF716" s="613"/>
      <c r="VG716" s="613"/>
      <c r="VH716" s="613"/>
      <c r="VI716" s="613"/>
      <c r="VJ716" s="613"/>
      <c r="VK716" s="613"/>
      <c r="VL716" s="613"/>
      <c r="VM716" s="613"/>
      <c r="VN716" s="613"/>
      <c r="VO716" s="613"/>
      <c r="VP716" s="613"/>
      <c r="VQ716" s="613"/>
      <c r="VR716" s="613"/>
      <c r="VS716" s="613"/>
      <c r="VT716" s="613"/>
      <c r="VU716" s="613"/>
      <c r="VV716" s="613"/>
      <c r="VW716" s="613"/>
      <c r="VX716" s="613"/>
      <c r="VY716" s="613"/>
      <c r="VZ716" s="613"/>
      <c r="WA716" s="613"/>
      <c r="WB716" s="613"/>
      <c r="WC716" s="613"/>
      <c r="WD716" s="613"/>
      <c r="WE716" s="613"/>
      <c r="WF716" s="613"/>
      <c r="WG716" s="613"/>
      <c r="WH716" s="613"/>
      <c r="WI716" s="613"/>
      <c r="WJ716" s="613"/>
      <c r="WK716" s="613"/>
      <c r="WL716" s="613"/>
      <c r="WM716" s="613"/>
      <c r="WN716" s="613"/>
      <c r="WO716" s="613"/>
      <c r="WP716" s="613"/>
      <c r="WQ716" s="613"/>
      <c r="WR716" s="613"/>
      <c r="WS716" s="613"/>
      <c r="WT716" s="613"/>
      <c r="WU716" s="613"/>
      <c r="WV716" s="613"/>
      <c r="WW716" s="613"/>
      <c r="WX716" s="613"/>
      <c r="WY716" s="613"/>
      <c r="WZ716" s="613"/>
      <c r="XA716" s="613"/>
      <c r="XB716" s="613"/>
      <c r="XC716" s="613"/>
      <c r="XD716" s="613"/>
      <c r="XE716" s="613"/>
      <c r="XF716" s="613"/>
      <c r="XG716" s="613"/>
      <c r="XH716" s="613"/>
      <c r="XI716" s="613"/>
      <c r="XJ716" s="613"/>
      <c r="XK716" s="613"/>
      <c r="XL716" s="613"/>
      <c r="XM716" s="613"/>
      <c r="XN716" s="613"/>
      <c r="XO716" s="613"/>
      <c r="XP716" s="613"/>
      <c r="XQ716" s="613"/>
      <c r="XR716" s="613"/>
      <c r="XS716" s="613"/>
      <c r="XT716" s="613"/>
      <c r="XU716" s="613"/>
      <c r="XV716" s="613"/>
      <c r="XW716" s="613"/>
      <c r="XX716" s="613"/>
      <c r="XY716" s="613"/>
      <c r="XZ716" s="613"/>
      <c r="YA716" s="613"/>
      <c r="YB716" s="613"/>
      <c r="YC716" s="613"/>
      <c r="YD716" s="613"/>
      <c r="YE716" s="613"/>
      <c r="YF716" s="613"/>
      <c r="YG716" s="613"/>
      <c r="YH716" s="613"/>
      <c r="YI716" s="613"/>
      <c r="YJ716" s="613"/>
      <c r="YK716" s="613"/>
      <c r="YL716" s="613"/>
      <c r="YM716" s="613"/>
      <c r="YN716" s="613"/>
      <c r="YO716" s="613"/>
      <c r="YP716" s="613"/>
      <c r="YQ716" s="613"/>
      <c r="YR716" s="613"/>
      <c r="YS716" s="613"/>
      <c r="YT716" s="613"/>
      <c r="YU716" s="613"/>
      <c r="YV716" s="613"/>
      <c r="YW716" s="613"/>
      <c r="YX716" s="613"/>
      <c r="YY716" s="613"/>
      <c r="YZ716" s="613"/>
      <c r="ZA716" s="613"/>
      <c r="ZB716" s="613"/>
      <c r="ZC716" s="613"/>
      <c r="ZD716" s="613"/>
      <c r="ZE716" s="613"/>
      <c r="ZF716" s="613"/>
      <c r="ZG716" s="613"/>
      <c r="ZH716" s="613"/>
      <c r="ZI716" s="613"/>
      <c r="ZJ716" s="613"/>
      <c r="ZK716" s="613"/>
      <c r="ZL716" s="613"/>
      <c r="ZM716" s="613"/>
      <c r="ZN716" s="613"/>
      <c r="ZO716" s="613"/>
      <c r="ZP716" s="613"/>
      <c r="ZQ716" s="613"/>
      <c r="ZR716" s="613"/>
      <c r="ZS716" s="613"/>
      <c r="ZT716" s="613"/>
      <c r="ZU716" s="613"/>
      <c r="ZV716" s="613"/>
      <c r="ZW716" s="613"/>
      <c r="ZX716" s="613"/>
      <c r="ZY716" s="613"/>
      <c r="ZZ716" s="613"/>
      <c r="AAA716" s="613"/>
      <c r="AAB716" s="613"/>
      <c r="AAC716" s="613"/>
      <c r="AAD716" s="613"/>
      <c r="AAE716" s="613"/>
      <c r="AAF716" s="613"/>
      <c r="AAG716" s="613"/>
      <c r="AAH716" s="613"/>
      <c r="AAI716" s="613"/>
      <c r="AAJ716" s="613"/>
      <c r="AAK716" s="613"/>
      <c r="AAL716" s="613"/>
      <c r="AAM716" s="613"/>
      <c r="AAN716" s="613"/>
      <c r="AAO716" s="613"/>
      <c r="AAP716" s="613"/>
      <c r="AAQ716" s="613"/>
      <c r="AAR716" s="613"/>
      <c r="AAS716" s="613"/>
      <c r="AAT716" s="613"/>
      <c r="AAU716" s="613"/>
      <c r="AAV716" s="613"/>
      <c r="AAW716" s="613"/>
      <c r="AAX716" s="613"/>
      <c r="AAY716" s="613"/>
      <c r="AAZ716" s="613"/>
      <c r="ABA716" s="613"/>
      <c r="ABB716" s="613"/>
      <c r="ABC716" s="613"/>
      <c r="ABD716" s="613"/>
      <c r="ABE716" s="613"/>
      <c r="ABF716" s="613"/>
      <c r="ABG716" s="613"/>
      <c r="ABH716" s="613"/>
      <c r="ABI716" s="613"/>
      <c r="ABJ716" s="613"/>
      <c r="ABK716" s="613"/>
      <c r="ABL716" s="613"/>
      <c r="ABM716" s="613"/>
      <c r="ABN716" s="613"/>
      <c r="ABO716" s="613"/>
      <c r="ABP716" s="613"/>
      <c r="ABQ716" s="613"/>
      <c r="ABR716" s="613"/>
      <c r="ABS716" s="613"/>
      <c r="ABT716" s="613"/>
      <c r="ABU716" s="613"/>
      <c r="ABV716" s="613"/>
      <c r="ABW716" s="613"/>
      <c r="ABX716" s="613"/>
      <c r="ABY716" s="613"/>
      <c r="ABZ716" s="613"/>
      <c r="ACA716" s="613"/>
      <c r="ACB716" s="613"/>
      <c r="ACC716" s="613"/>
      <c r="ACD716" s="613"/>
      <c r="ACE716" s="613"/>
      <c r="ACF716" s="613"/>
      <c r="ACG716" s="613"/>
      <c r="ACH716" s="613"/>
      <c r="ACI716" s="613"/>
      <c r="ACJ716" s="613"/>
      <c r="ACK716" s="613"/>
      <c r="ACL716" s="613"/>
      <c r="ACM716" s="613"/>
      <c r="ACN716" s="613"/>
      <c r="ACO716" s="613"/>
      <c r="ACP716" s="613"/>
      <c r="ACQ716" s="613"/>
      <c r="ACR716" s="613"/>
      <c r="ACS716" s="613"/>
      <c r="ACT716" s="613"/>
      <c r="ACU716" s="613"/>
      <c r="ACV716" s="613"/>
      <c r="ACW716" s="613"/>
      <c r="ACX716" s="613"/>
      <c r="ACY716" s="613"/>
      <c r="ACZ716" s="613"/>
      <c r="ADA716" s="613"/>
      <c r="ADB716" s="613"/>
      <c r="ADC716" s="613"/>
      <c r="ADD716" s="613"/>
      <c r="ADE716" s="613"/>
      <c r="ADF716" s="613"/>
      <c r="ADG716" s="613"/>
      <c r="ADH716" s="613"/>
      <c r="ADI716" s="613"/>
      <c r="ADJ716" s="613"/>
      <c r="ADK716" s="613"/>
      <c r="ADL716" s="613"/>
      <c r="ADM716" s="613"/>
      <c r="ADN716" s="613"/>
      <c r="ADO716" s="613"/>
      <c r="ADP716" s="613"/>
      <c r="ADQ716" s="613"/>
      <c r="ADR716" s="613"/>
      <c r="ADS716" s="613"/>
      <c r="ADT716" s="613"/>
      <c r="ADU716" s="613"/>
      <c r="ADV716" s="613"/>
      <c r="ADW716" s="613"/>
      <c r="ADX716" s="613"/>
      <c r="ADY716" s="613"/>
      <c r="ADZ716" s="613"/>
      <c r="AEA716" s="613"/>
      <c r="AEB716" s="613"/>
      <c r="AEC716" s="613"/>
      <c r="AED716" s="613"/>
      <c r="AEE716" s="613"/>
      <c r="AEF716" s="613"/>
      <c r="AEG716" s="613"/>
      <c r="AEH716" s="613"/>
      <c r="AEI716" s="613"/>
      <c r="AEJ716" s="613"/>
      <c r="AEK716" s="613"/>
      <c r="AEL716" s="613"/>
      <c r="AEM716" s="613"/>
      <c r="AEN716" s="613"/>
      <c r="AEO716" s="613"/>
      <c r="AEP716" s="613"/>
      <c r="AEQ716" s="613"/>
      <c r="AER716" s="613"/>
      <c r="AES716" s="613"/>
      <c r="AET716" s="613"/>
      <c r="AEU716" s="613"/>
      <c r="AEV716" s="613"/>
      <c r="AEW716" s="613"/>
      <c r="AEX716" s="613"/>
      <c r="AEY716" s="613"/>
      <c r="AEZ716" s="613"/>
      <c r="AFA716" s="613"/>
      <c r="AFB716" s="613"/>
      <c r="AFC716" s="613"/>
      <c r="AFD716" s="613"/>
      <c r="AFE716" s="613"/>
      <c r="AFF716" s="613"/>
      <c r="AFG716" s="613"/>
      <c r="AFH716" s="613"/>
      <c r="AFI716" s="613"/>
      <c r="AFJ716" s="613"/>
      <c r="AFK716" s="613"/>
      <c r="AFL716" s="613"/>
      <c r="AFM716" s="613"/>
      <c r="AFN716" s="613"/>
      <c r="AFO716" s="613"/>
      <c r="AFP716" s="613"/>
      <c r="AFQ716" s="613"/>
      <c r="AFR716" s="613"/>
      <c r="AFS716" s="613"/>
      <c r="AFT716" s="613"/>
      <c r="AFU716" s="613"/>
      <c r="AFV716" s="613"/>
      <c r="AFW716" s="613"/>
      <c r="AFX716" s="613"/>
      <c r="AFY716" s="613"/>
      <c r="AFZ716" s="613"/>
      <c r="AGA716" s="613"/>
      <c r="AGB716" s="613"/>
      <c r="AGC716" s="613"/>
      <c r="AGD716" s="613"/>
      <c r="AGE716" s="613"/>
      <c r="AGF716" s="613"/>
      <c r="AGG716" s="613"/>
      <c r="AGH716" s="613"/>
      <c r="AGI716" s="613"/>
      <c r="AGJ716" s="613"/>
      <c r="AGK716" s="613"/>
      <c r="AGL716" s="613"/>
      <c r="AGM716" s="613"/>
      <c r="AGN716" s="613"/>
      <c r="AGO716" s="613"/>
      <c r="AGP716" s="613"/>
      <c r="AGQ716" s="613"/>
      <c r="AGR716" s="613"/>
      <c r="AGS716" s="613"/>
      <c r="AGT716" s="613"/>
      <c r="AGU716" s="613"/>
      <c r="AGV716" s="613"/>
      <c r="AGW716" s="613"/>
      <c r="AGX716" s="613"/>
      <c r="AGY716" s="613"/>
      <c r="AGZ716" s="613"/>
      <c r="AHA716" s="613"/>
      <c r="AHB716" s="613"/>
      <c r="AHC716" s="613"/>
      <c r="AHD716" s="613"/>
      <c r="AHE716" s="613"/>
      <c r="AHF716" s="613"/>
      <c r="AHG716" s="613"/>
      <c r="AHH716" s="613"/>
      <c r="AHI716" s="613"/>
      <c r="AHJ716" s="613"/>
      <c r="AHK716" s="613"/>
      <c r="AHL716" s="613"/>
      <c r="AHM716" s="613"/>
      <c r="AHN716" s="613"/>
      <c r="AHO716" s="613"/>
      <c r="AHP716" s="613"/>
      <c r="AHQ716" s="613"/>
      <c r="AHR716" s="613"/>
      <c r="AHS716" s="613"/>
      <c r="AHT716" s="613"/>
      <c r="AHU716" s="613"/>
      <c r="AHV716" s="613"/>
      <c r="AHW716" s="613"/>
      <c r="AHX716" s="613"/>
      <c r="AHY716" s="613"/>
      <c r="AHZ716" s="613"/>
      <c r="AIA716" s="613"/>
      <c r="AIB716" s="613"/>
      <c r="AIC716" s="613"/>
      <c r="AID716" s="613"/>
      <c r="AIE716" s="613"/>
      <c r="AIF716" s="613"/>
      <c r="AIG716" s="613"/>
      <c r="AIH716" s="613"/>
      <c r="AII716" s="613"/>
      <c r="AIJ716" s="613"/>
      <c r="AIK716" s="613"/>
      <c r="AIL716" s="613"/>
      <c r="AIM716" s="613"/>
      <c r="AIN716" s="613"/>
      <c r="AIO716" s="613"/>
      <c r="AIP716" s="613"/>
      <c r="AIQ716" s="613"/>
      <c r="AIR716" s="613"/>
      <c r="AIS716" s="613"/>
      <c r="AIT716" s="613"/>
      <c r="AIU716" s="613"/>
      <c r="AIV716" s="613"/>
      <c r="AIW716" s="613"/>
      <c r="AIX716" s="613"/>
      <c r="AIY716" s="613"/>
      <c r="AIZ716" s="613"/>
      <c r="AJA716" s="613"/>
      <c r="AJB716" s="613"/>
      <c r="AJC716" s="613"/>
      <c r="AJD716" s="613"/>
      <c r="AJE716" s="613"/>
      <c r="AJF716" s="613"/>
      <c r="AJG716" s="613"/>
      <c r="AJH716" s="613"/>
      <c r="AJI716" s="613"/>
      <c r="AJJ716" s="613"/>
      <c r="AJK716" s="613"/>
      <c r="AJL716" s="613"/>
      <c r="AJM716" s="613"/>
      <c r="AJN716" s="613"/>
      <c r="AJO716" s="613"/>
      <c r="AJP716" s="613"/>
      <c r="AJQ716" s="613"/>
      <c r="AJR716" s="613"/>
      <c r="AJS716" s="613"/>
      <c r="AJT716" s="613"/>
      <c r="AJU716" s="613"/>
      <c r="AJV716" s="613"/>
      <c r="AJW716" s="613"/>
      <c r="AJX716" s="613"/>
      <c r="AJY716" s="613"/>
      <c r="AJZ716" s="613"/>
      <c r="AKA716" s="613"/>
      <c r="AKB716" s="613"/>
      <c r="AKC716" s="613"/>
      <c r="AKD716" s="613"/>
      <c r="AKE716" s="613"/>
      <c r="AKF716" s="613"/>
      <c r="AKG716" s="613"/>
      <c r="AKH716" s="613"/>
      <c r="AKI716" s="613"/>
      <c r="AKJ716" s="613"/>
      <c r="AKK716" s="613"/>
      <c r="AKL716" s="613"/>
      <c r="AKM716" s="613"/>
      <c r="AKN716" s="613"/>
      <c r="AKO716" s="613"/>
      <c r="AKP716" s="613"/>
      <c r="AKQ716" s="613"/>
      <c r="AKR716" s="613"/>
      <c r="AKS716" s="613"/>
      <c r="AKT716" s="613"/>
      <c r="AKU716" s="613"/>
      <c r="AKV716" s="613"/>
      <c r="AKW716" s="613"/>
      <c r="AKX716" s="613"/>
      <c r="AKY716" s="613"/>
      <c r="AKZ716" s="613"/>
      <c r="ALA716" s="613"/>
      <c r="ALB716" s="613"/>
      <c r="ALC716" s="613"/>
      <c r="ALD716" s="613"/>
      <c r="ALE716" s="613"/>
      <c r="ALF716" s="613"/>
      <c r="ALG716" s="613"/>
      <c r="ALH716" s="613"/>
      <c r="ALI716" s="613"/>
      <c r="ALJ716" s="613"/>
      <c r="ALK716" s="613"/>
      <c r="ALL716" s="613"/>
      <c r="ALM716" s="613"/>
      <c r="ALN716" s="613"/>
      <c r="ALO716" s="613"/>
      <c r="ALP716" s="613"/>
      <c r="ALQ716" s="613"/>
      <c r="ALR716" s="613"/>
      <c r="ALS716" s="613"/>
      <c r="ALT716" s="613"/>
      <c r="ALU716" s="613"/>
      <c r="ALV716" s="613"/>
      <c r="ALW716" s="613"/>
      <c r="ALX716" s="613"/>
      <c r="ALY716" s="613"/>
      <c r="ALZ716" s="613"/>
      <c r="AMA716" s="613"/>
      <c r="AMB716" s="613"/>
      <c r="AMC716" s="613"/>
      <c r="AMD716" s="613"/>
      <c r="AME716" s="613"/>
      <c r="AMF716" s="613"/>
      <c r="AMG716" s="613"/>
      <c r="AMH716" s="613"/>
      <c r="AMI716" s="613"/>
      <c r="AMJ716" s="613"/>
      <c r="AMK716" s="613"/>
      <c r="AML716" s="613"/>
      <c r="AMM716" s="613"/>
      <c r="AMN716" s="613"/>
      <c r="AMO716" s="613"/>
      <c r="AMP716" s="613"/>
      <c r="AMQ716" s="613"/>
      <c r="AMR716" s="613"/>
      <c r="AMS716" s="613"/>
      <c r="AMT716" s="613"/>
      <c r="AMU716" s="613"/>
      <c r="AMV716" s="613"/>
      <c r="AMW716" s="613"/>
      <c r="AMX716" s="613"/>
      <c r="AMY716" s="613"/>
      <c r="AMZ716" s="613"/>
      <c r="ANA716" s="613"/>
      <c r="ANB716" s="613"/>
      <c r="ANC716" s="613"/>
      <c r="AND716" s="613"/>
      <c r="ANE716" s="613"/>
      <c r="ANF716" s="613"/>
      <c r="ANG716" s="613"/>
      <c r="ANH716" s="613"/>
      <c r="ANI716" s="613"/>
      <c r="ANJ716" s="613"/>
      <c r="ANK716" s="613"/>
      <c r="ANL716" s="613"/>
      <c r="ANM716" s="613"/>
      <c r="ANN716" s="613"/>
      <c r="ANO716" s="613"/>
      <c r="ANP716" s="613"/>
      <c r="ANQ716" s="613"/>
      <c r="ANR716" s="613"/>
      <c r="ANS716" s="613"/>
      <c r="ANT716" s="613"/>
      <c r="ANU716" s="613"/>
      <c r="ANV716" s="613"/>
      <c r="ANW716" s="613"/>
      <c r="ANX716" s="613"/>
      <c r="ANY716" s="613"/>
      <c r="ANZ716" s="613"/>
      <c r="AOA716" s="613"/>
      <c r="AOB716" s="613"/>
      <c r="AOC716" s="613"/>
      <c r="AOD716" s="613"/>
      <c r="AOE716" s="613"/>
      <c r="AOF716" s="613"/>
      <c r="AOG716" s="613"/>
      <c r="AOH716" s="613"/>
      <c r="AOI716" s="613"/>
      <c r="AOJ716" s="613"/>
      <c r="AOK716" s="613"/>
      <c r="AOL716" s="613"/>
      <c r="AOM716" s="613"/>
      <c r="AON716" s="613"/>
      <c r="AOO716" s="613"/>
      <c r="AOP716" s="613"/>
      <c r="AOQ716" s="613"/>
      <c r="AOR716" s="613"/>
      <c r="AOS716" s="613"/>
      <c r="AOT716" s="613"/>
      <c r="AOU716" s="613"/>
      <c r="AOV716" s="613"/>
      <c r="AOW716" s="613"/>
      <c r="AOX716" s="613"/>
      <c r="AOY716" s="613"/>
      <c r="AOZ716" s="613"/>
      <c r="APA716" s="613"/>
      <c r="APB716" s="613"/>
      <c r="APC716" s="613"/>
      <c r="APD716" s="613"/>
      <c r="APE716" s="613"/>
      <c r="APF716" s="613"/>
      <c r="APG716" s="613"/>
      <c r="APH716" s="613"/>
      <c r="API716" s="613"/>
      <c r="APJ716" s="613"/>
      <c r="APK716" s="613"/>
      <c r="APL716" s="613"/>
      <c r="APM716" s="613"/>
      <c r="APN716" s="613"/>
      <c r="APO716" s="613"/>
      <c r="APP716" s="613"/>
      <c r="APQ716" s="613"/>
      <c r="APR716" s="613"/>
      <c r="APS716" s="613"/>
      <c r="APT716" s="613"/>
      <c r="APU716" s="613"/>
      <c r="APV716" s="613"/>
      <c r="APW716" s="613"/>
      <c r="APX716" s="613"/>
      <c r="APY716" s="613"/>
      <c r="APZ716" s="613"/>
      <c r="AQA716" s="613"/>
      <c r="AQB716" s="613"/>
      <c r="AQC716" s="613"/>
      <c r="AQD716" s="613"/>
      <c r="AQE716" s="613"/>
      <c r="AQF716" s="613"/>
      <c r="AQG716" s="613"/>
      <c r="AQH716" s="613"/>
      <c r="AQI716" s="613"/>
      <c r="AQJ716" s="613"/>
      <c r="AQK716" s="613"/>
      <c r="AQL716" s="613"/>
      <c r="AQM716" s="613"/>
      <c r="AQN716" s="613"/>
      <c r="AQO716" s="613"/>
      <c r="AQP716" s="613"/>
      <c r="AQQ716" s="613"/>
      <c r="AQR716" s="613"/>
      <c r="AQS716" s="613"/>
      <c r="AQT716" s="613"/>
      <c r="AQU716" s="613"/>
      <c r="AQV716" s="613"/>
      <c r="AQW716" s="613"/>
      <c r="AQX716" s="613"/>
      <c r="AQY716" s="613"/>
      <c r="AQZ716" s="613"/>
      <c r="ARA716" s="613"/>
      <c r="ARB716" s="613"/>
      <c r="ARC716" s="613"/>
      <c r="ARD716" s="613"/>
      <c r="ARE716" s="613"/>
      <c r="ARF716" s="613"/>
      <c r="ARG716" s="613"/>
      <c r="ARH716" s="613"/>
      <c r="ARI716" s="613"/>
      <c r="ARJ716" s="613"/>
      <c r="ARK716" s="613"/>
      <c r="ARL716" s="613"/>
      <c r="ARM716" s="613"/>
      <c r="ARN716" s="613"/>
      <c r="ARO716" s="613"/>
      <c r="ARP716" s="613"/>
      <c r="ARQ716" s="613"/>
      <c r="ARR716" s="613"/>
      <c r="ARS716" s="613"/>
      <c r="ART716" s="613"/>
      <c r="ARU716" s="613"/>
      <c r="ARV716" s="613"/>
      <c r="ARW716" s="613"/>
      <c r="ARX716" s="613"/>
      <c r="ARY716" s="613"/>
      <c r="ARZ716" s="613"/>
      <c r="ASA716" s="613"/>
      <c r="ASB716" s="613"/>
      <c r="ASC716" s="613"/>
      <c r="ASD716" s="613"/>
      <c r="ASE716" s="613"/>
      <c r="ASF716" s="613"/>
      <c r="ASG716" s="613"/>
      <c r="ASH716" s="613"/>
      <c r="ASI716" s="613"/>
      <c r="ASJ716" s="613"/>
      <c r="ASK716" s="613"/>
      <c r="ASL716" s="613"/>
      <c r="ASM716" s="613"/>
      <c r="ASN716" s="613"/>
      <c r="ASO716" s="613"/>
      <c r="ASP716" s="613"/>
      <c r="ASQ716" s="613"/>
      <c r="ASR716" s="613"/>
      <c r="ASS716" s="613"/>
      <c r="AST716" s="613"/>
      <c r="ASU716" s="613"/>
      <c r="ASV716" s="613"/>
      <c r="ASW716" s="613"/>
      <c r="ASX716" s="613"/>
      <c r="ASY716" s="613"/>
      <c r="ASZ716" s="613"/>
      <c r="ATA716" s="613"/>
      <c r="ATB716" s="613"/>
      <c r="ATC716" s="613"/>
      <c r="ATD716" s="613"/>
      <c r="ATE716" s="613"/>
      <c r="ATF716" s="613"/>
      <c r="ATG716" s="613"/>
      <c r="ATH716" s="613"/>
      <c r="ATI716" s="613"/>
      <c r="ATJ716" s="613"/>
      <c r="ATK716" s="613"/>
      <c r="ATL716" s="613"/>
      <c r="ATM716" s="613"/>
      <c r="ATN716" s="613"/>
      <c r="ATO716" s="613"/>
      <c r="ATP716" s="613"/>
      <c r="ATQ716" s="613"/>
      <c r="ATR716" s="613"/>
      <c r="ATS716" s="613"/>
      <c r="ATT716" s="613"/>
      <c r="ATU716" s="613"/>
      <c r="ATV716" s="613"/>
      <c r="ATW716" s="613"/>
      <c r="ATX716" s="613"/>
      <c r="ATY716" s="613"/>
      <c r="ATZ716" s="613"/>
      <c r="AUA716" s="613"/>
      <c r="AUB716" s="613"/>
      <c r="AUC716" s="613"/>
      <c r="AUD716" s="613"/>
      <c r="AUE716" s="613"/>
      <c r="AUF716" s="613"/>
      <c r="AUG716" s="613"/>
      <c r="AUH716" s="613"/>
      <c r="AUI716" s="613"/>
      <c r="AUJ716" s="613"/>
      <c r="AUK716" s="613"/>
      <c r="AUL716" s="613"/>
      <c r="AUM716" s="613"/>
      <c r="AUN716" s="613"/>
      <c r="AUO716" s="613"/>
      <c r="AUP716" s="613"/>
      <c r="AUQ716" s="613"/>
      <c r="AUR716" s="613"/>
      <c r="AUS716" s="613"/>
      <c r="AUT716" s="613"/>
      <c r="AUU716" s="613"/>
      <c r="AUV716" s="613"/>
      <c r="AUW716" s="613"/>
      <c r="AUX716" s="613"/>
      <c r="AUY716" s="613"/>
      <c r="AUZ716" s="613"/>
      <c r="AVA716" s="613"/>
      <c r="AVB716" s="613"/>
      <c r="AVC716" s="613"/>
      <c r="AVD716" s="613"/>
      <c r="AVE716" s="613"/>
      <c r="AVF716" s="613"/>
      <c r="AVG716" s="613"/>
      <c r="AVH716" s="613"/>
      <c r="AVI716" s="613"/>
      <c r="AVJ716" s="613"/>
      <c r="AVK716" s="613"/>
      <c r="AVL716" s="613"/>
      <c r="AVM716" s="613"/>
      <c r="AVN716" s="613"/>
      <c r="AVO716" s="613"/>
      <c r="AVP716" s="613"/>
      <c r="AVQ716" s="613"/>
      <c r="AVR716" s="613"/>
      <c r="AVS716" s="613"/>
      <c r="AVT716" s="613"/>
      <c r="AVU716" s="613"/>
      <c r="AVV716" s="613"/>
      <c r="AVW716" s="613"/>
      <c r="AVX716" s="613"/>
      <c r="AVY716" s="613"/>
      <c r="AVZ716" s="613"/>
      <c r="AWA716" s="613"/>
      <c r="AWB716" s="613"/>
      <c r="AWC716" s="613"/>
      <c r="AWD716" s="613"/>
      <c r="AWE716" s="613"/>
      <c r="AWF716" s="613"/>
      <c r="AWG716" s="613"/>
      <c r="AWH716" s="613"/>
      <c r="AWI716" s="613"/>
      <c r="AWJ716" s="613"/>
      <c r="AWK716" s="613"/>
      <c r="AWL716" s="613"/>
      <c r="AWM716" s="613"/>
      <c r="AWN716" s="613"/>
      <c r="AWO716" s="613"/>
      <c r="AWP716" s="613"/>
      <c r="AWQ716" s="613"/>
      <c r="AWR716" s="613"/>
      <c r="AWS716" s="613"/>
      <c r="AWT716" s="613"/>
      <c r="AWU716" s="613"/>
      <c r="AWV716" s="613"/>
      <c r="AWW716" s="613"/>
      <c r="AWX716" s="613"/>
      <c r="AWY716" s="613"/>
      <c r="AWZ716" s="613"/>
      <c r="AXA716" s="613"/>
      <c r="AXB716" s="613"/>
      <c r="AXC716" s="613"/>
      <c r="AXD716" s="613"/>
      <c r="AXE716" s="613"/>
      <c r="AXF716" s="613"/>
      <c r="AXG716" s="613"/>
      <c r="AXH716" s="613"/>
      <c r="AXI716" s="613"/>
      <c r="AXJ716" s="613"/>
      <c r="AXK716" s="613"/>
      <c r="AXL716" s="613"/>
      <c r="AXM716" s="613"/>
      <c r="AXN716" s="613"/>
      <c r="AXO716" s="613"/>
      <c r="AXP716" s="613"/>
      <c r="AXQ716" s="613"/>
      <c r="AXR716" s="613"/>
      <c r="AXS716" s="613"/>
      <c r="AXT716" s="613"/>
      <c r="AXU716" s="613"/>
      <c r="AXV716" s="613"/>
      <c r="AXW716" s="613"/>
      <c r="AXX716" s="613"/>
      <c r="AXY716" s="613"/>
      <c r="AXZ716" s="613"/>
      <c r="AYA716" s="613"/>
      <c r="AYB716" s="613"/>
      <c r="AYC716" s="613"/>
      <c r="AYD716" s="613"/>
      <c r="AYE716" s="613"/>
      <c r="AYF716" s="613"/>
      <c r="AYG716" s="613"/>
      <c r="AYH716" s="613"/>
      <c r="AYI716" s="613"/>
      <c r="AYJ716" s="613"/>
      <c r="AYK716" s="613"/>
      <c r="AYL716" s="613"/>
      <c r="AYM716" s="613"/>
      <c r="AYN716" s="613"/>
      <c r="AYO716" s="613"/>
      <c r="AYP716" s="613"/>
      <c r="AYQ716" s="613"/>
      <c r="AYR716" s="613"/>
      <c r="AYS716" s="613"/>
      <c r="AYT716" s="613"/>
      <c r="AYU716" s="613"/>
      <c r="AYV716" s="613"/>
      <c r="AYW716" s="613"/>
      <c r="AYX716" s="613"/>
      <c r="AYY716" s="613"/>
      <c r="AYZ716" s="613"/>
      <c r="AZA716" s="613"/>
      <c r="AZB716" s="613"/>
      <c r="AZC716" s="613"/>
      <c r="AZD716" s="613"/>
      <c r="AZE716" s="613"/>
      <c r="AZF716" s="613"/>
      <c r="AZG716" s="613"/>
      <c r="AZH716" s="613"/>
      <c r="AZI716" s="613"/>
      <c r="AZJ716" s="613"/>
      <c r="AZK716" s="613"/>
      <c r="AZL716" s="613"/>
      <c r="AZM716" s="613"/>
      <c r="AZN716" s="613"/>
      <c r="AZO716" s="613"/>
      <c r="AZP716" s="613"/>
      <c r="AZQ716" s="613"/>
      <c r="AZR716" s="613"/>
      <c r="AZS716" s="613"/>
      <c r="AZT716" s="613"/>
      <c r="AZU716" s="613"/>
      <c r="AZV716" s="613"/>
      <c r="AZW716" s="613"/>
      <c r="AZX716" s="613"/>
      <c r="AZY716" s="613"/>
      <c r="AZZ716" s="613"/>
      <c r="BAA716" s="613"/>
      <c r="BAB716" s="613"/>
      <c r="BAC716" s="613"/>
      <c r="BAD716" s="613"/>
      <c r="BAE716" s="613"/>
      <c r="BAF716" s="613"/>
      <c r="BAG716" s="613"/>
      <c r="BAH716" s="613"/>
      <c r="BAI716" s="613"/>
      <c r="BAJ716" s="613"/>
      <c r="BAK716" s="613"/>
      <c r="BAL716" s="613"/>
      <c r="BAM716" s="613"/>
      <c r="BAN716" s="613"/>
      <c r="BAO716" s="613"/>
      <c r="BAP716" s="613"/>
      <c r="BAQ716" s="613"/>
      <c r="BAR716" s="613"/>
      <c r="BAS716" s="613"/>
      <c r="BAT716" s="613"/>
      <c r="BAU716" s="613"/>
      <c r="BAV716" s="613"/>
      <c r="BAW716" s="613"/>
      <c r="BAX716" s="613"/>
      <c r="BAY716" s="613"/>
      <c r="BAZ716" s="613"/>
      <c r="BBA716" s="613"/>
      <c r="BBB716" s="613"/>
      <c r="BBC716" s="613"/>
      <c r="BBD716" s="613"/>
      <c r="BBE716" s="613"/>
      <c r="BBF716" s="613"/>
      <c r="BBG716" s="613"/>
      <c r="BBH716" s="613"/>
      <c r="BBI716" s="613"/>
      <c r="BBJ716" s="613"/>
      <c r="BBK716" s="613"/>
      <c r="BBL716" s="613"/>
      <c r="BBM716" s="613"/>
      <c r="BBN716" s="613"/>
      <c r="BBO716" s="613"/>
      <c r="BBP716" s="613"/>
      <c r="BBQ716" s="613"/>
      <c r="BBR716" s="613"/>
      <c r="BBS716" s="613"/>
      <c r="BBT716" s="613"/>
      <c r="BBU716" s="613"/>
      <c r="BBV716" s="613"/>
      <c r="BBW716" s="613"/>
      <c r="BBX716" s="613"/>
      <c r="BBY716" s="613"/>
      <c r="BBZ716" s="613"/>
      <c r="BCA716" s="613"/>
      <c r="BCB716" s="613"/>
      <c r="BCC716" s="613"/>
      <c r="BCD716" s="613"/>
      <c r="BCE716" s="613"/>
      <c r="BCF716" s="613"/>
      <c r="BCG716" s="613"/>
      <c r="BCH716" s="613"/>
      <c r="BCI716" s="613"/>
      <c r="BCJ716" s="613"/>
      <c r="BCK716" s="613"/>
      <c r="BCL716" s="613"/>
      <c r="BCM716" s="613"/>
      <c r="BCN716" s="613"/>
      <c r="BCO716" s="613"/>
      <c r="BCP716" s="613"/>
      <c r="BCQ716" s="613"/>
      <c r="BCR716" s="613"/>
      <c r="BCS716" s="613"/>
      <c r="BCT716" s="613"/>
      <c r="BCU716" s="613"/>
      <c r="BCV716" s="613"/>
      <c r="BCW716" s="613"/>
      <c r="BCX716" s="613"/>
      <c r="BCY716" s="613"/>
      <c r="BCZ716" s="613"/>
      <c r="BDA716" s="613"/>
      <c r="BDB716" s="613"/>
      <c r="BDC716" s="613"/>
      <c r="BDD716" s="613"/>
      <c r="BDE716" s="613"/>
      <c r="BDF716" s="613"/>
      <c r="BDG716" s="613"/>
      <c r="BDH716" s="613"/>
      <c r="BDI716" s="613"/>
      <c r="BDJ716" s="613"/>
      <c r="BDK716" s="613"/>
      <c r="BDL716" s="613"/>
      <c r="BDM716" s="613"/>
      <c r="BDN716" s="613"/>
      <c r="BDO716" s="613"/>
      <c r="BDP716" s="613"/>
      <c r="BDQ716" s="613"/>
      <c r="BDR716" s="613"/>
      <c r="BDS716" s="613"/>
      <c r="BDT716" s="613"/>
      <c r="BDU716" s="613"/>
      <c r="BDV716" s="613"/>
      <c r="BDW716" s="613"/>
      <c r="BDX716" s="613"/>
      <c r="BDY716" s="613"/>
      <c r="BDZ716" s="613"/>
      <c r="BEA716" s="613"/>
      <c r="BEB716" s="613"/>
      <c r="BEC716" s="613"/>
      <c r="BED716" s="613"/>
      <c r="BEE716" s="613"/>
      <c r="BEF716" s="613"/>
      <c r="BEG716" s="613"/>
      <c r="BEH716" s="613"/>
      <c r="BEI716" s="613"/>
      <c r="BEJ716" s="613"/>
      <c r="BEK716" s="613"/>
      <c r="BEL716" s="613"/>
      <c r="BEM716" s="613"/>
      <c r="BEN716" s="613"/>
      <c r="BEO716" s="613"/>
      <c r="BEP716" s="613"/>
      <c r="BEQ716" s="613"/>
      <c r="BER716" s="613"/>
      <c r="BES716" s="613"/>
      <c r="BET716" s="613"/>
      <c r="BEU716" s="613"/>
      <c r="BEV716" s="613"/>
      <c r="BEW716" s="613"/>
      <c r="BEX716" s="613"/>
      <c r="BEY716" s="613"/>
      <c r="BEZ716" s="613"/>
      <c r="BFA716" s="613"/>
      <c r="BFB716" s="613"/>
      <c r="BFC716" s="613"/>
      <c r="BFD716" s="613"/>
      <c r="BFE716" s="613"/>
      <c r="BFF716" s="613"/>
      <c r="BFG716" s="613"/>
      <c r="BFH716" s="613"/>
      <c r="BFI716" s="613"/>
      <c r="BFJ716" s="613"/>
      <c r="BFK716" s="613"/>
      <c r="BFL716" s="613"/>
      <c r="BFM716" s="613"/>
      <c r="BFN716" s="613"/>
      <c r="BFO716" s="613"/>
      <c r="BFP716" s="613"/>
      <c r="BFQ716" s="613"/>
      <c r="BFR716" s="613"/>
      <c r="BFS716" s="613"/>
      <c r="BFT716" s="613"/>
      <c r="BFU716" s="613"/>
      <c r="BFV716" s="613"/>
      <c r="BFW716" s="613"/>
      <c r="BFX716" s="613"/>
      <c r="BFY716" s="613"/>
      <c r="BFZ716" s="613"/>
      <c r="BGA716" s="613"/>
      <c r="BGB716" s="613"/>
      <c r="BGC716" s="613"/>
      <c r="BGD716" s="613"/>
      <c r="BGE716" s="613"/>
      <c r="BGF716" s="613"/>
      <c r="BGG716" s="613"/>
      <c r="BGH716" s="613"/>
      <c r="BGI716" s="613"/>
      <c r="BGJ716" s="613"/>
      <c r="BGK716" s="613"/>
      <c r="BGL716" s="613"/>
      <c r="BGM716" s="613"/>
      <c r="BGN716" s="613"/>
      <c r="BGO716" s="613"/>
      <c r="BGP716" s="613"/>
      <c r="BGQ716" s="613"/>
      <c r="BGR716" s="613"/>
      <c r="BGS716" s="613"/>
      <c r="BGT716" s="613"/>
      <c r="BGU716" s="613"/>
      <c r="BGV716" s="613"/>
      <c r="BGW716" s="613"/>
      <c r="BGX716" s="613"/>
      <c r="BGY716" s="613"/>
      <c r="BGZ716" s="613"/>
      <c r="BHA716" s="613"/>
      <c r="BHB716" s="613"/>
      <c r="BHC716" s="613"/>
      <c r="BHD716" s="613"/>
      <c r="BHE716" s="613"/>
      <c r="BHF716" s="613"/>
      <c r="BHG716" s="613"/>
      <c r="BHH716" s="613"/>
      <c r="BHI716" s="613"/>
      <c r="BHJ716" s="613"/>
      <c r="BHK716" s="613"/>
      <c r="BHL716" s="613"/>
      <c r="BHM716" s="613"/>
      <c r="BHN716" s="613"/>
      <c r="BHO716" s="613"/>
      <c r="BHP716" s="613"/>
      <c r="BHQ716" s="613"/>
      <c r="BHR716" s="613"/>
      <c r="BHS716" s="613"/>
      <c r="BHT716" s="613"/>
      <c r="BHU716" s="613"/>
      <c r="BHV716" s="613"/>
      <c r="BHW716" s="613"/>
      <c r="BHX716" s="613"/>
      <c r="BHY716" s="613"/>
      <c r="BHZ716" s="613"/>
      <c r="BIA716" s="613"/>
      <c r="BIB716" s="613"/>
      <c r="BIC716" s="613"/>
      <c r="BID716" s="613"/>
      <c r="BIE716" s="613"/>
      <c r="BIF716" s="613"/>
      <c r="BIG716" s="613"/>
      <c r="BIH716" s="613"/>
      <c r="BII716" s="613"/>
      <c r="BIJ716" s="613"/>
      <c r="BIK716" s="613"/>
      <c r="BIL716" s="613"/>
      <c r="BIM716" s="613"/>
      <c r="BIN716" s="613"/>
      <c r="BIO716" s="613"/>
      <c r="BIP716" s="613"/>
      <c r="BIQ716" s="613"/>
      <c r="BIR716" s="613"/>
      <c r="BIS716" s="613"/>
      <c r="BIT716" s="613"/>
      <c r="BIU716" s="613"/>
      <c r="BIV716" s="613"/>
      <c r="BIW716" s="613"/>
      <c r="BIX716" s="613"/>
      <c r="BIY716" s="613"/>
      <c r="BIZ716" s="613"/>
      <c r="BJA716" s="613"/>
      <c r="BJB716" s="613"/>
      <c r="BJC716" s="613"/>
      <c r="BJD716" s="613"/>
      <c r="BJE716" s="613"/>
      <c r="BJF716" s="613"/>
      <c r="BJG716" s="613"/>
      <c r="BJH716" s="613"/>
      <c r="BJI716" s="613"/>
      <c r="BJJ716" s="613"/>
      <c r="BJK716" s="613"/>
      <c r="BJL716" s="613"/>
      <c r="BJM716" s="613"/>
      <c r="BJN716" s="613"/>
      <c r="BJO716" s="613"/>
      <c r="BJP716" s="613"/>
      <c r="BJQ716" s="613"/>
      <c r="BJR716" s="613"/>
      <c r="BJS716" s="613"/>
      <c r="BJT716" s="613"/>
      <c r="BJU716" s="613"/>
      <c r="BJV716" s="613"/>
      <c r="BJW716" s="613"/>
      <c r="BJX716" s="613"/>
      <c r="BJY716" s="613"/>
      <c r="BJZ716" s="613"/>
      <c r="BKA716" s="613"/>
      <c r="BKB716" s="613"/>
      <c r="BKC716" s="613"/>
      <c r="BKD716" s="613"/>
      <c r="BKE716" s="613"/>
      <c r="BKF716" s="613"/>
      <c r="BKG716" s="613"/>
      <c r="BKH716" s="613"/>
      <c r="BKI716" s="613"/>
      <c r="BKJ716" s="613"/>
      <c r="BKK716" s="613"/>
      <c r="BKL716" s="613"/>
      <c r="BKM716" s="613"/>
      <c r="BKN716" s="613"/>
      <c r="BKO716" s="613"/>
      <c r="BKP716" s="613"/>
      <c r="BKQ716" s="613"/>
      <c r="BKR716" s="613"/>
      <c r="BKS716" s="613"/>
      <c r="BKT716" s="613"/>
      <c r="BKU716" s="613"/>
      <c r="BKV716" s="613"/>
      <c r="BKW716" s="613"/>
      <c r="BKX716" s="613"/>
      <c r="BKY716" s="613"/>
      <c r="BKZ716" s="613"/>
      <c r="BLA716" s="613"/>
      <c r="BLB716" s="613"/>
      <c r="BLC716" s="613"/>
      <c r="BLD716" s="613"/>
      <c r="BLE716" s="613"/>
      <c r="BLF716" s="613"/>
      <c r="BLG716" s="613"/>
      <c r="BLH716" s="613"/>
      <c r="BLI716" s="613"/>
      <c r="BLJ716" s="613"/>
      <c r="BLK716" s="613"/>
      <c r="BLL716" s="613"/>
      <c r="BLM716" s="613"/>
      <c r="BLN716" s="613"/>
      <c r="BLO716" s="613"/>
      <c r="BLP716" s="613"/>
      <c r="BLQ716" s="613"/>
      <c r="BLR716" s="613"/>
      <c r="BLS716" s="613"/>
      <c r="BLT716" s="613"/>
      <c r="BLU716" s="613"/>
      <c r="BLV716" s="613"/>
      <c r="BLW716" s="613"/>
      <c r="BLX716" s="613"/>
      <c r="BLY716" s="613"/>
      <c r="BLZ716" s="613"/>
      <c r="BMA716" s="613"/>
      <c r="BMB716" s="613"/>
      <c r="BMC716" s="613"/>
      <c r="BMD716" s="613"/>
      <c r="BME716" s="613"/>
      <c r="BMF716" s="613"/>
      <c r="BMG716" s="613"/>
      <c r="BMH716" s="613"/>
      <c r="BMI716" s="613"/>
      <c r="BMJ716" s="613"/>
      <c r="BMK716" s="613"/>
      <c r="BML716" s="613"/>
      <c r="BMM716" s="613"/>
      <c r="BMN716" s="613"/>
      <c r="BMO716" s="613"/>
      <c r="BMP716" s="613"/>
      <c r="BMQ716" s="613"/>
      <c r="BMR716" s="613"/>
      <c r="BMS716" s="613"/>
      <c r="BMT716" s="613"/>
      <c r="BMU716" s="613"/>
      <c r="BMV716" s="613"/>
      <c r="BMW716" s="613"/>
      <c r="BMX716" s="613"/>
      <c r="BMY716" s="613"/>
      <c r="BMZ716" s="613"/>
      <c r="BNA716" s="613"/>
      <c r="BNB716" s="613"/>
      <c r="BNC716" s="613"/>
      <c r="BND716" s="613"/>
      <c r="BNE716" s="613"/>
      <c r="BNF716" s="613"/>
      <c r="BNG716" s="613"/>
      <c r="BNH716" s="613"/>
      <c r="BNI716" s="613"/>
      <c r="BNJ716" s="613"/>
      <c r="BNK716" s="613"/>
      <c r="BNL716" s="613"/>
      <c r="BNM716" s="613"/>
      <c r="BNN716" s="613"/>
      <c r="BNO716" s="613"/>
      <c r="BNP716" s="613"/>
      <c r="BNQ716" s="613"/>
      <c r="BNR716" s="613"/>
      <c r="BNS716" s="613"/>
      <c r="BNT716" s="613"/>
      <c r="BNU716" s="613"/>
      <c r="BNV716" s="613"/>
      <c r="BNW716" s="613"/>
      <c r="BNX716" s="613"/>
      <c r="BNY716" s="613"/>
      <c r="BNZ716" s="613"/>
      <c r="BOA716" s="613"/>
      <c r="BOB716" s="613"/>
      <c r="BOC716" s="613"/>
      <c r="BOD716" s="613"/>
      <c r="BOE716" s="613"/>
      <c r="BOF716" s="613"/>
      <c r="BOG716" s="613"/>
      <c r="BOH716" s="613"/>
      <c r="BOI716" s="613"/>
      <c r="BOJ716" s="613"/>
      <c r="BOK716" s="613"/>
      <c r="BOL716" s="613"/>
      <c r="BOM716" s="613"/>
      <c r="BON716" s="613"/>
      <c r="BOO716" s="613"/>
      <c r="BOP716" s="613"/>
      <c r="BOQ716" s="613"/>
      <c r="BOR716" s="613"/>
      <c r="BOS716" s="613"/>
      <c r="BOT716" s="613"/>
      <c r="BOU716" s="613"/>
      <c r="BOV716" s="613"/>
      <c r="BOW716" s="613"/>
      <c r="BOX716" s="613"/>
      <c r="BOY716" s="613"/>
      <c r="BOZ716" s="613"/>
      <c r="BPA716" s="613"/>
      <c r="BPB716" s="613"/>
      <c r="BPC716" s="613"/>
      <c r="BPD716" s="613"/>
      <c r="BPE716" s="613"/>
      <c r="BPF716" s="613"/>
      <c r="BPG716" s="613"/>
      <c r="BPH716" s="613"/>
      <c r="BPI716" s="613"/>
      <c r="BPJ716" s="613"/>
      <c r="BPK716" s="613"/>
      <c r="BPL716" s="613"/>
      <c r="BPM716" s="613"/>
      <c r="BPN716" s="613"/>
      <c r="BPO716" s="613"/>
      <c r="BPP716" s="613"/>
      <c r="BPQ716" s="613"/>
      <c r="BPR716" s="613"/>
      <c r="BPS716" s="613"/>
      <c r="BPT716" s="613"/>
      <c r="BPU716" s="613"/>
      <c r="BPV716" s="613"/>
      <c r="BPW716" s="613"/>
      <c r="BPX716" s="613"/>
      <c r="BPY716" s="613"/>
      <c r="BPZ716" s="613"/>
      <c r="BQA716" s="613"/>
      <c r="BQB716" s="613"/>
      <c r="BQC716" s="613"/>
      <c r="BQD716" s="613"/>
      <c r="BQE716" s="613"/>
      <c r="BQF716" s="613"/>
      <c r="BQG716" s="613"/>
      <c r="BQH716" s="613"/>
      <c r="BQI716" s="613"/>
      <c r="BQJ716" s="613"/>
      <c r="BQK716" s="613"/>
      <c r="BQL716" s="613"/>
      <c r="BQM716" s="613"/>
      <c r="BQN716" s="613"/>
      <c r="BQO716" s="613"/>
      <c r="BQP716" s="613"/>
      <c r="BQQ716" s="613"/>
      <c r="BQR716" s="613"/>
      <c r="BQS716" s="613"/>
      <c r="BQT716" s="613"/>
      <c r="BQU716" s="613"/>
      <c r="BQV716" s="613"/>
      <c r="BQW716" s="613"/>
      <c r="BQX716" s="613"/>
      <c r="BQY716" s="613"/>
      <c r="BQZ716" s="613"/>
      <c r="BRA716" s="613"/>
      <c r="BRB716" s="613"/>
      <c r="BRC716" s="613"/>
      <c r="BRD716" s="613"/>
      <c r="BRE716" s="613"/>
      <c r="BRF716" s="613"/>
      <c r="BRG716" s="613"/>
      <c r="BRH716" s="613"/>
      <c r="BRI716" s="613"/>
      <c r="BRJ716" s="613"/>
      <c r="BRK716" s="613"/>
      <c r="BRL716" s="613"/>
      <c r="BRM716" s="613"/>
      <c r="BRN716" s="613"/>
      <c r="BRO716" s="613"/>
      <c r="BRP716" s="613"/>
      <c r="BRQ716" s="613"/>
      <c r="BRR716" s="613"/>
      <c r="BRS716" s="613"/>
      <c r="BRT716" s="613"/>
      <c r="BRU716" s="613"/>
      <c r="BRV716" s="613"/>
      <c r="BRW716" s="613"/>
      <c r="BRX716" s="613"/>
      <c r="BRY716" s="613"/>
      <c r="BRZ716" s="613"/>
      <c r="BSA716" s="613"/>
      <c r="BSB716" s="613"/>
      <c r="BSC716" s="613"/>
      <c r="BSD716" s="613"/>
      <c r="BSE716" s="613"/>
      <c r="BSF716" s="613"/>
      <c r="BSG716" s="613"/>
      <c r="BSH716" s="613"/>
      <c r="BSI716" s="613"/>
      <c r="BSJ716" s="613"/>
      <c r="BSK716" s="613"/>
      <c r="BSL716" s="613"/>
      <c r="BSM716" s="613"/>
      <c r="BSN716" s="613"/>
      <c r="BSO716" s="613"/>
      <c r="BSP716" s="613"/>
      <c r="BSQ716" s="613"/>
      <c r="BSR716" s="613"/>
      <c r="BSS716" s="613"/>
      <c r="BST716" s="613"/>
      <c r="BSU716" s="613"/>
      <c r="BSV716" s="613"/>
      <c r="BSW716" s="613"/>
      <c r="BSX716" s="613"/>
      <c r="BSY716" s="613"/>
      <c r="BSZ716" s="613"/>
      <c r="BTA716" s="613"/>
      <c r="BTB716" s="613"/>
      <c r="BTC716" s="613"/>
      <c r="BTD716" s="613"/>
      <c r="BTE716" s="613"/>
      <c r="BTF716" s="613"/>
      <c r="BTG716" s="613"/>
      <c r="BTH716" s="613"/>
      <c r="BTI716" s="613"/>
      <c r="BTJ716" s="613"/>
      <c r="BTK716" s="613"/>
      <c r="BTL716" s="613"/>
      <c r="BTM716" s="613"/>
      <c r="BTN716" s="613"/>
      <c r="BTO716" s="613"/>
      <c r="BTP716" s="613"/>
      <c r="BTQ716" s="613"/>
      <c r="BTR716" s="613"/>
      <c r="BTS716" s="613"/>
      <c r="BTT716" s="613"/>
      <c r="BTU716" s="613"/>
      <c r="BTV716" s="613"/>
      <c r="BTW716" s="613"/>
      <c r="BTX716" s="613"/>
      <c r="BTY716" s="613"/>
      <c r="BTZ716" s="613"/>
      <c r="BUA716" s="613"/>
      <c r="BUB716" s="613"/>
      <c r="BUC716" s="613"/>
      <c r="BUD716" s="613"/>
      <c r="BUE716" s="613"/>
      <c r="BUF716" s="613"/>
      <c r="BUG716" s="613"/>
      <c r="BUH716" s="613"/>
      <c r="BUI716" s="613"/>
      <c r="BUJ716" s="613"/>
      <c r="BUK716" s="613"/>
      <c r="BUL716" s="613"/>
      <c r="BUM716" s="613"/>
      <c r="BUN716" s="613"/>
      <c r="BUO716" s="613"/>
      <c r="BUP716" s="613"/>
      <c r="BUQ716" s="613"/>
      <c r="BUR716" s="613"/>
      <c r="BUS716" s="613"/>
      <c r="BUT716" s="613"/>
      <c r="BUU716" s="613"/>
      <c r="BUV716" s="613"/>
      <c r="BUW716" s="613"/>
      <c r="BUX716" s="613"/>
      <c r="BUY716" s="613"/>
      <c r="BUZ716" s="613"/>
      <c r="BVA716" s="613"/>
      <c r="BVB716" s="613"/>
      <c r="BVC716" s="613"/>
      <c r="BVD716" s="613"/>
      <c r="BVE716" s="613"/>
      <c r="BVF716" s="613"/>
      <c r="BVG716" s="613"/>
      <c r="BVH716" s="613"/>
      <c r="BVI716" s="613"/>
      <c r="BVJ716" s="613"/>
      <c r="BVK716" s="613"/>
      <c r="BVL716" s="613"/>
      <c r="BVM716" s="613"/>
      <c r="BVN716" s="613"/>
      <c r="BVO716" s="613"/>
      <c r="BVP716" s="613"/>
      <c r="BVQ716" s="613"/>
      <c r="BVR716" s="613"/>
      <c r="BVS716" s="613"/>
      <c r="BVT716" s="613"/>
      <c r="BVU716" s="613"/>
      <c r="BVV716" s="613"/>
      <c r="BVW716" s="613"/>
      <c r="BVX716" s="613"/>
      <c r="BVY716" s="613"/>
      <c r="BVZ716" s="613"/>
      <c r="BWA716" s="613"/>
      <c r="BWB716" s="613"/>
      <c r="BWC716" s="613"/>
      <c r="BWD716" s="613"/>
      <c r="BWE716" s="613"/>
      <c r="BWF716" s="613"/>
      <c r="BWG716" s="613"/>
      <c r="BWH716" s="613"/>
      <c r="BWI716" s="613"/>
      <c r="BWJ716" s="613"/>
      <c r="BWK716" s="613"/>
      <c r="BWL716" s="613"/>
      <c r="BWM716" s="613"/>
      <c r="BWN716" s="613"/>
      <c r="BWO716" s="613"/>
      <c r="BWP716" s="613"/>
      <c r="BWQ716" s="613"/>
      <c r="BWR716" s="613"/>
      <c r="BWS716" s="613"/>
      <c r="BWT716" s="613"/>
      <c r="BWU716" s="613"/>
      <c r="BWV716" s="613"/>
      <c r="BWW716" s="613"/>
      <c r="BWX716" s="613"/>
      <c r="BWY716" s="613"/>
      <c r="BWZ716" s="613"/>
      <c r="BXA716" s="613"/>
      <c r="BXB716" s="613"/>
      <c r="BXC716" s="613"/>
      <c r="BXD716" s="613"/>
      <c r="BXE716" s="613"/>
      <c r="BXF716" s="613"/>
      <c r="BXG716" s="613"/>
      <c r="BXH716" s="613"/>
      <c r="BXI716" s="613"/>
      <c r="BXJ716" s="613"/>
      <c r="BXK716" s="613"/>
      <c r="BXL716" s="613"/>
      <c r="BXM716" s="613"/>
      <c r="BXN716" s="613"/>
      <c r="BXO716" s="613"/>
      <c r="BXP716" s="613"/>
      <c r="BXQ716" s="613"/>
      <c r="BXR716" s="613"/>
      <c r="BXS716" s="613"/>
      <c r="BXT716" s="613"/>
      <c r="BXU716" s="613"/>
      <c r="BXV716" s="613"/>
      <c r="BXW716" s="613"/>
      <c r="BXX716" s="613"/>
      <c r="BXY716" s="613"/>
      <c r="BXZ716" s="613"/>
      <c r="BYA716" s="613"/>
      <c r="BYB716" s="613"/>
      <c r="BYC716" s="613"/>
      <c r="BYD716" s="613"/>
      <c r="BYE716" s="613"/>
      <c r="BYF716" s="613"/>
      <c r="BYG716" s="613"/>
      <c r="BYH716" s="613"/>
      <c r="BYI716" s="613"/>
      <c r="BYJ716" s="613"/>
      <c r="BYK716" s="613"/>
      <c r="BYL716" s="613"/>
      <c r="BYM716" s="613"/>
      <c r="BYN716" s="613"/>
      <c r="BYO716" s="613"/>
      <c r="BYP716" s="613"/>
      <c r="BYQ716" s="613"/>
      <c r="BYR716" s="613"/>
      <c r="BYS716" s="613"/>
      <c r="BYT716" s="613"/>
      <c r="BYU716" s="613"/>
      <c r="BYV716" s="613"/>
      <c r="BYW716" s="613"/>
      <c r="BYX716" s="613"/>
      <c r="BYY716" s="613"/>
      <c r="BYZ716" s="613"/>
      <c r="BZA716" s="613"/>
      <c r="BZB716" s="613"/>
      <c r="BZC716" s="613"/>
      <c r="BZD716" s="613"/>
      <c r="BZE716" s="613"/>
      <c r="BZF716" s="613"/>
      <c r="BZG716" s="613"/>
      <c r="BZH716" s="613"/>
      <c r="BZI716" s="613"/>
      <c r="BZJ716" s="613"/>
      <c r="BZK716" s="613"/>
      <c r="BZL716" s="613"/>
      <c r="BZM716" s="613"/>
      <c r="BZN716" s="613"/>
      <c r="BZO716" s="613"/>
      <c r="BZP716" s="613"/>
      <c r="BZQ716" s="613"/>
      <c r="BZR716" s="613"/>
      <c r="BZS716" s="613"/>
      <c r="BZT716" s="613"/>
      <c r="BZU716" s="613"/>
      <c r="BZV716" s="613"/>
      <c r="BZW716" s="613"/>
      <c r="BZX716" s="613"/>
      <c r="BZY716" s="613"/>
      <c r="BZZ716" s="613"/>
      <c r="CAA716" s="613"/>
      <c r="CAB716" s="613"/>
      <c r="CAC716" s="613"/>
      <c r="CAD716" s="613"/>
      <c r="CAE716" s="613"/>
      <c r="CAF716" s="613"/>
      <c r="CAG716" s="613"/>
      <c r="CAH716" s="613"/>
      <c r="CAI716" s="613"/>
      <c r="CAJ716" s="613"/>
      <c r="CAK716" s="613"/>
      <c r="CAL716" s="613"/>
      <c r="CAM716" s="613"/>
      <c r="CAN716" s="613"/>
      <c r="CAO716" s="613"/>
      <c r="CAP716" s="613"/>
      <c r="CAQ716" s="613"/>
      <c r="CAR716" s="613"/>
      <c r="CAS716" s="613"/>
      <c r="CAT716" s="613"/>
      <c r="CAU716" s="613"/>
      <c r="CAV716" s="613"/>
      <c r="CAW716" s="613"/>
      <c r="CAX716" s="613"/>
      <c r="CAY716" s="613"/>
      <c r="CAZ716" s="613"/>
      <c r="CBA716" s="613"/>
      <c r="CBB716" s="613"/>
      <c r="CBC716" s="613"/>
      <c r="CBD716" s="613"/>
      <c r="CBE716" s="613"/>
      <c r="CBF716" s="613"/>
      <c r="CBG716" s="613"/>
      <c r="CBH716" s="613"/>
      <c r="CBI716" s="613"/>
      <c r="CBJ716" s="613"/>
      <c r="CBK716" s="613"/>
      <c r="CBL716" s="613"/>
      <c r="CBM716" s="613"/>
      <c r="CBN716" s="613"/>
      <c r="CBO716" s="613"/>
      <c r="CBP716" s="613"/>
      <c r="CBQ716" s="613"/>
      <c r="CBR716" s="613"/>
      <c r="CBS716" s="613"/>
      <c r="CBT716" s="613"/>
      <c r="CBU716" s="613"/>
      <c r="CBV716" s="613"/>
      <c r="CBW716" s="613"/>
      <c r="CBX716" s="613"/>
      <c r="CBY716" s="613"/>
      <c r="CBZ716" s="613"/>
      <c r="CCA716" s="613"/>
      <c r="CCB716" s="613"/>
      <c r="CCC716" s="613"/>
      <c r="CCD716" s="613"/>
      <c r="CCE716" s="613"/>
      <c r="CCF716" s="613"/>
      <c r="CCG716" s="613"/>
      <c r="CCH716" s="613"/>
      <c r="CCI716" s="613"/>
      <c r="CCJ716" s="613"/>
      <c r="CCK716" s="613"/>
      <c r="CCL716" s="613"/>
      <c r="CCM716" s="613"/>
      <c r="CCN716" s="613"/>
      <c r="CCO716" s="613"/>
      <c r="CCP716" s="613"/>
      <c r="CCQ716" s="613"/>
      <c r="CCR716" s="613"/>
      <c r="CCS716" s="613"/>
      <c r="CCT716" s="613"/>
      <c r="CCU716" s="613"/>
      <c r="CCV716" s="613"/>
      <c r="CCW716" s="613"/>
      <c r="CCX716" s="613"/>
      <c r="CCY716" s="613"/>
      <c r="CCZ716" s="613"/>
      <c r="CDA716" s="613"/>
      <c r="CDB716" s="613"/>
      <c r="CDC716" s="613"/>
      <c r="CDD716" s="613"/>
      <c r="CDE716" s="613"/>
      <c r="CDF716" s="613"/>
      <c r="CDG716" s="613"/>
      <c r="CDH716" s="613"/>
      <c r="CDI716" s="613"/>
      <c r="CDJ716" s="613"/>
      <c r="CDK716" s="613"/>
      <c r="CDL716" s="613"/>
      <c r="CDM716" s="613"/>
      <c r="CDN716" s="613"/>
      <c r="CDO716" s="613"/>
      <c r="CDP716" s="613"/>
      <c r="CDQ716" s="613"/>
      <c r="CDR716" s="613"/>
      <c r="CDS716" s="613"/>
      <c r="CDT716" s="613"/>
      <c r="CDU716" s="613"/>
      <c r="CDV716" s="613"/>
      <c r="CDW716" s="613"/>
      <c r="CDX716" s="613"/>
      <c r="CDY716" s="613"/>
      <c r="CDZ716" s="613"/>
      <c r="CEA716" s="613"/>
      <c r="CEB716" s="613"/>
      <c r="CEC716" s="613"/>
      <c r="CED716" s="613"/>
      <c r="CEE716" s="613"/>
      <c r="CEF716" s="613"/>
      <c r="CEG716" s="613"/>
      <c r="CEH716" s="613"/>
      <c r="CEI716" s="613"/>
      <c r="CEJ716" s="613"/>
      <c r="CEK716" s="613"/>
      <c r="CEL716" s="613"/>
      <c r="CEM716" s="613"/>
      <c r="CEN716" s="613"/>
      <c r="CEO716" s="613"/>
      <c r="CEP716" s="613"/>
      <c r="CEQ716" s="613"/>
      <c r="CER716" s="613"/>
      <c r="CES716" s="613"/>
      <c r="CET716" s="613"/>
      <c r="CEU716" s="613"/>
      <c r="CEV716" s="613"/>
      <c r="CEW716" s="613"/>
      <c r="CEX716" s="613"/>
      <c r="CEY716" s="613"/>
      <c r="CEZ716" s="613"/>
      <c r="CFA716" s="613"/>
      <c r="CFB716" s="613"/>
      <c r="CFC716" s="613"/>
      <c r="CFD716" s="613"/>
      <c r="CFE716" s="613"/>
      <c r="CFF716" s="613"/>
      <c r="CFG716" s="613"/>
      <c r="CFH716" s="613"/>
      <c r="CFI716" s="613"/>
      <c r="CFJ716" s="613"/>
      <c r="CFK716" s="613"/>
      <c r="CFL716" s="613"/>
      <c r="CFM716" s="613"/>
      <c r="CFN716" s="613"/>
      <c r="CFO716" s="613"/>
      <c r="CFP716" s="613"/>
      <c r="CFQ716" s="613"/>
      <c r="CFR716" s="613"/>
      <c r="CFS716" s="613"/>
      <c r="CFT716" s="613"/>
      <c r="CFU716" s="613"/>
      <c r="CFV716" s="613"/>
      <c r="CFW716" s="613"/>
      <c r="CFX716" s="613"/>
      <c r="CFY716" s="613"/>
      <c r="CFZ716" s="613"/>
      <c r="CGA716" s="613"/>
      <c r="CGB716" s="613"/>
      <c r="CGC716" s="613"/>
      <c r="CGD716" s="613"/>
      <c r="CGE716" s="613"/>
      <c r="CGF716" s="613"/>
      <c r="CGG716" s="613"/>
      <c r="CGH716" s="613"/>
      <c r="CGI716" s="613"/>
      <c r="CGJ716" s="613"/>
      <c r="CGK716" s="613"/>
      <c r="CGL716" s="613"/>
      <c r="CGM716" s="613"/>
      <c r="CGN716" s="613"/>
      <c r="CGO716" s="613"/>
      <c r="CGP716" s="613"/>
      <c r="CGQ716" s="613"/>
      <c r="CGR716" s="613"/>
      <c r="CGS716" s="613"/>
      <c r="CGT716" s="613"/>
      <c r="CGU716" s="613"/>
      <c r="CGV716" s="613"/>
      <c r="CGW716" s="613"/>
      <c r="CGX716" s="613"/>
      <c r="CGY716" s="613"/>
      <c r="CGZ716" s="613"/>
      <c r="CHA716" s="613"/>
      <c r="CHB716" s="613"/>
      <c r="CHC716" s="613"/>
      <c r="CHD716" s="613"/>
      <c r="CHE716" s="613"/>
      <c r="CHF716" s="613"/>
      <c r="CHG716" s="613"/>
      <c r="CHH716" s="613"/>
      <c r="CHI716" s="613"/>
      <c r="CHJ716" s="613"/>
      <c r="CHK716" s="613"/>
      <c r="CHL716" s="613"/>
      <c r="CHM716" s="613"/>
      <c r="CHN716" s="613"/>
      <c r="CHO716" s="613"/>
      <c r="CHP716" s="613"/>
      <c r="CHQ716" s="613"/>
      <c r="CHR716" s="613"/>
      <c r="CHS716" s="613"/>
      <c r="CHT716" s="613"/>
      <c r="CHU716" s="613"/>
      <c r="CHV716" s="613"/>
      <c r="CHW716" s="613"/>
      <c r="CHX716" s="613"/>
      <c r="CHY716" s="613"/>
      <c r="CHZ716" s="613"/>
      <c r="CIA716" s="613"/>
      <c r="CIB716" s="613"/>
      <c r="CIC716" s="613"/>
      <c r="CID716" s="613"/>
      <c r="CIE716" s="613"/>
      <c r="CIF716" s="613"/>
      <c r="CIG716" s="613"/>
      <c r="CIH716" s="613"/>
      <c r="CII716" s="613"/>
      <c r="CIJ716" s="613"/>
      <c r="CIK716" s="613"/>
      <c r="CIL716" s="613"/>
      <c r="CIM716" s="613"/>
      <c r="CIN716" s="613"/>
      <c r="CIO716" s="613"/>
      <c r="CIP716" s="613"/>
      <c r="CIQ716" s="613"/>
      <c r="CIR716" s="613"/>
      <c r="CIS716" s="613"/>
      <c r="CIT716" s="613"/>
      <c r="CIU716" s="613"/>
      <c r="CIV716" s="613"/>
      <c r="CIW716" s="613"/>
      <c r="CIX716" s="613"/>
      <c r="CIY716" s="613"/>
      <c r="CIZ716" s="613"/>
      <c r="CJA716" s="613"/>
      <c r="CJB716" s="613"/>
      <c r="CJC716" s="613"/>
      <c r="CJD716" s="613"/>
      <c r="CJE716" s="613"/>
      <c r="CJF716" s="613"/>
      <c r="CJG716" s="613"/>
      <c r="CJH716" s="613"/>
      <c r="CJI716" s="613"/>
      <c r="CJJ716" s="613"/>
      <c r="CJK716" s="613"/>
      <c r="CJL716" s="613"/>
      <c r="CJM716" s="613"/>
      <c r="CJN716" s="613"/>
      <c r="CJO716" s="613"/>
      <c r="CJP716" s="613"/>
      <c r="CJQ716" s="613"/>
      <c r="CJR716" s="613"/>
      <c r="CJS716" s="613"/>
      <c r="CJT716" s="613"/>
      <c r="CJU716" s="613"/>
      <c r="CJV716" s="613"/>
      <c r="CJW716" s="613"/>
      <c r="CJX716" s="613"/>
      <c r="CJY716" s="613"/>
      <c r="CJZ716" s="613"/>
      <c r="CKA716" s="613"/>
      <c r="CKB716" s="613"/>
      <c r="CKC716" s="613"/>
      <c r="CKD716" s="613"/>
      <c r="CKE716" s="613"/>
      <c r="CKF716" s="613"/>
      <c r="CKG716" s="613"/>
      <c r="CKH716" s="613"/>
      <c r="CKI716" s="613"/>
      <c r="CKJ716" s="613"/>
      <c r="CKK716" s="613"/>
      <c r="CKL716" s="613"/>
      <c r="CKM716" s="613"/>
      <c r="CKN716" s="613"/>
      <c r="CKO716" s="613"/>
      <c r="CKP716" s="613"/>
      <c r="CKQ716" s="613"/>
      <c r="CKR716" s="613"/>
      <c r="CKS716" s="613"/>
      <c r="CKT716" s="613"/>
      <c r="CKU716" s="613"/>
      <c r="CKV716" s="613"/>
      <c r="CKW716" s="613"/>
      <c r="CKX716" s="613"/>
      <c r="CKY716" s="613"/>
      <c r="CKZ716" s="613"/>
      <c r="CLA716" s="613"/>
      <c r="CLB716" s="613"/>
      <c r="CLC716" s="613"/>
      <c r="CLD716" s="613"/>
      <c r="CLE716" s="613"/>
      <c r="CLF716" s="613"/>
      <c r="CLG716" s="613"/>
      <c r="CLH716" s="613"/>
      <c r="CLI716" s="613"/>
      <c r="CLJ716" s="613"/>
      <c r="CLK716" s="613"/>
      <c r="CLL716" s="613"/>
      <c r="CLM716" s="613"/>
      <c r="CLN716" s="613"/>
      <c r="CLO716" s="613"/>
      <c r="CLP716" s="613"/>
      <c r="CLQ716" s="613"/>
      <c r="CLR716" s="613"/>
      <c r="CLS716" s="613"/>
      <c r="CLT716" s="613"/>
      <c r="CLU716" s="613"/>
      <c r="CLV716" s="613"/>
      <c r="CLW716" s="613"/>
      <c r="CLX716" s="613"/>
      <c r="CLY716" s="613"/>
      <c r="CLZ716" s="613"/>
      <c r="CMA716" s="613"/>
      <c r="CMB716" s="613"/>
      <c r="CMC716" s="613"/>
      <c r="CMD716" s="613"/>
      <c r="CME716" s="613"/>
      <c r="CMF716" s="613"/>
      <c r="CMG716" s="613"/>
      <c r="CMH716" s="613"/>
      <c r="CMI716" s="613"/>
      <c r="CMJ716" s="613"/>
      <c r="CMK716" s="613"/>
      <c r="CML716" s="613"/>
      <c r="CMM716" s="613"/>
      <c r="CMN716" s="613"/>
      <c r="CMO716" s="613"/>
      <c r="CMP716" s="613"/>
      <c r="CMQ716" s="613"/>
      <c r="CMR716" s="613"/>
      <c r="CMS716" s="613"/>
      <c r="CMT716" s="613"/>
      <c r="CMU716" s="613"/>
      <c r="CMV716" s="613"/>
      <c r="CMW716" s="613"/>
      <c r="CMX716" s="613"/>
      <c r="CMY716" s="613"/>
      <c r="CMZ716" s="613"/>
      <c r="CNA716" s="613"/>
      <c r="CNB716" s="613"/>
      <c r="CNC716" s="613"/>
      <c r="CND716" s="613"/>
      <c r="CNE716" s="613"/>
      <c r="CNF716" s="613"/>
      <c r="CNG716" s="613"/>
      <c r="CNH716" s="613"/>
      <c r="CNI716" s="613"/>
      <c r="CNJ716" s="613"/>
      <c r="CNK716" s="613"/>
      <c r="CNL716" s="613"/>
      <c r="CNM716" s="613"/>
      <c r="CNN716" s="613"/>
      <c r="CNO716" s="613"/>
      <c r="CNP716" s="613"/>
      <c r="CNQ716" s="613"/>
      <c r="CNR716" s="613"/>
      <c r="CNS716" s="613"/>
      <c r="CNT716" s="613"/>
      <c r="CNU716" s="613"/>
      <c r="CNV716" s="613"/>
      <c r="CNW716" s="613"/>
      <c r="CNX716" s="613"/>
      <c r="CNY716" s="613"/>
      <c r="CNZ716" s="613"/>
      <c r="COA716" s="613"/>
      <c r="COB716" s="613"/>
      <c r="COC716" s="613"/>
      <c r="COD716" s="613"/>
      <c r="COE716" s="613"/>
      <c r="COF716" s="613"/>
      <c r="COG716" s="613"/>
      <c r="COH716" s="613"/>
      <c r="COI716" s="613"/>
      <c r="COJ716" s="613"/>
      <c r="COK716" s="613"/>
      <c r="COL716" s="613"/>
      <c r="COM716" s="613"/>
      <c r="CON716" s="613"/>
      <c r="COO716" s="613"/>
      <c r="COP716" s="613"/>
      <c r="COQ716" s="613"/>
      <c r="COR716" s="613"/>
      <c r="COS716" s="613"/>
      <c r="COT716" s="613"/>
      <c r="COU716" s="613"/>
      <c r="COV716" s="613"/>
      <c r="COW716" s="613"/>
      <c r="COX716" s="613"/>
      <c r="COY716" s="613"/>
      <c r="COZ716" s="613"/>
      <c r="CPA716" s="613"/>
      <c r="CPB716" s="613"/>
      <c r="CPC716" s="613"/>
      <c r="CPD716" s="613"/>
      <c r="CPE716" s="613"/>
      <c r="CPF716" s="613"/>
      <c r="CPG716" s="613"/>
      <c r="CPH716" s="613"/>
      <c r="CPI716" s="613"/>
      <c r="CPJ716" s="613"/>
      <c r="CPK716" s="613"/>
      <c r="CPL716" s="613"/>
      <c r="CPM716" s="613"/>
      <c r="CPN716" s="613"/>
      <c r="CPO716" s="613"/>
      <c r="CPP716" s="613"/>
      <c r="CPQ716" s="613"/>
      <c r="CPR716" s="613"/>
      <c r="CPS716" s="613"/>
      <c r="CPT716" s="613"/>
      <c r="CPU716" s="613"/>
      <c r="CPV716" s="613"/>
      <c r="CPW716" s="613"/>
      <c r="CPX716" s="613"/>
      <c r="CPY716" s="613"/>
      <c r="CPZ716" s="613"/>
      <c r="CQA716" s="613"/>
      <c r="CQB716" s="613"/>
      <c r="CQC716" s="613"/>
      <c r="CQD716" s="613"/>
      <c r="CQE716" s="613"/>
      <c r="CQF716" s="613"/>
      <c r="CQG716" s="613"/>
      <c r="CQH716" s="613"/>
      <c r="CQI716" s="613"/>
      <c r="CQJ716" s="613"/>
      <c r="CQK716" s="613"/>
      <c r="CQL716" s="613"/>
      <c r="CQM716" s="613"/>
      <c r="CQN716" s="613"/>
      <c r="CQO716" s="613"/>
      <c r="CQP716" s="613"/>
      <c r="CQQ716" s="613"/>
      <c r="CQR716" s="613"/>
      <c r="CQS716" s="613"/>
      <c r="CQT716" s="613"/>
      <c r="CQU716" s="613"/>
      <c r="CQV716" s="613"/>
      <c r="CQW716" s="613"/>
      <c r="CQX716" s="613"/>
      <c r="CQY716" s="613"/>
      <c r="CQZ716" s="613"/>
      <c r="CRA716" s="613"/>
      <c r="CRB716" s="613"/>
      <c r="CRC716" s="613"/>
      <c r="CRD716" s="613"/>
      <c r="CRE716" s="613"/>
      <c r="CRF716" s="613"/>
      <c r="CRG716" s="613"/>
      <c r="CRH716" s="613"/>
      <c r="CRI716" s="613"/>
      <c r="CRJ716" s="613"/>
      <c r="CRK716" s="613"/>
      <c r="CRL716" s="613"/>
      <c r="CRM716" s="613"/>
      <c r="CRN716" s="613"/>
      <c r="CRO716" s="613"/>
      <c r="CRP716" s="613"/>
      <c r="CRQ716" s="613"/>
      <c r="CRR716" s="613"/>
      <c r="CRS716" s="613"/>
      <c r="CRT716" s="613"/>
      <c r="CRU716" s="613"/>
      <c r="CRV716" s="613"/>
      <c r="CRW716" s="613"/>
      <c r="CRX716" s="613"/>
      <c r="CRY716" s="613"/>
      <c r="CRZ716" s="613"/>
      <c r="CSA716" s="613"/>
      <c r="CSB716" s="613"/>
      <c r="CSC716" s="613"/>
      <c r="CSD716" s="613"/>
      <c r="CSE716" s="613"/>
      <c r="CSF716" s="613"/>
      <c r="CSG716" s="613"/>
      <c r="CSH716" s="613"/>
      <c r="CSI716" s="613"/>
      <c r="CSJ716" s="613"/>
      <c r="CSK716" s="613"/>
      <c r="CSL716" s="613"/>
      <c r="CSM716" s="613"/>
      <c r="CSN716" s="613"/>
      <c r="CSO716" s="613"/>
      <c r="CSP716" s="613"/>
      <c r="CSQ716" s="613"/>
      <c r="CSR716" s="613"/>
      <c r="CSS716" s="613"/>
      <c r="CST716" s="613"/>
      <c r="CSU716" s="613"/>
      <c r="CSV716" s="613"/>
      <c r="CSW716" s="613"/>
      <c r="CSX716" s="613"/>
      <c r="CSY716" s="613"/>
      <c r="CSZ716" s="613"/>
      <c r="CTA716" s="613"/>
      <c r="CTB716" s="613"/>
      <c r="CTC716" s="613"/>
      <c r="CTD716" s="613"/>
      <c r="CTE716" s="613"/>
      <c r="CTF716" s="613"/>
      <c r="CTG716" s="613"/>
      <c r="CTH716" s="613"/>
      <c r="CTI716" s="613"/>
      <c r="CTJ716" s="613"/>
      <c r="CTK716" s="613"/>
      <c r="CTL716" s="613"/>
      <c r="CTM716" s="613"/>
      <c r="CTN716" s="613"/>
      <c r="CTO716" s="613"/>
      <c r="CTP716" s="613"/>
      <c r="CTQ716" s="613"/>
      <c r="CTR716" s="613"/>
      <c r="CTS716" s="613"/>
      <c r="CTT716" s="613"/>
      <c r="CTU716" s="613"/>
      <c r="CTV716" s="613"/>
      <c r="CTW716" s="613"/>
      <c r="CTX716" s="613"/>
      <c r="CTY716" s="613"/>
      <c r="CTZ716" s="613"/>
      <c r="CUA716" s="613"/>
      <c r="CUB716" s="613"/>
      <c r="CUC716" s="613"/>
      <c r="CUD716" s="613"/>
      <c r="CUE716" s="613"/>
      <c r="CUF716" s="613"/>
      <c r="CUG716" s="613"/>
      <c r="CUH716" s="613"/>
      <c r="CUI716" s="613"/>
      <c r="CUJ716" s="613"/>
      <c r="CUK716" s="613"/>
      <c r="CUL716" s="613"/>
      <c r="CUM716" s="613"/>
      <c r="CUN716" s="613"/>
      <c r="CUO716" s="613"/>
      <c r="CUP716" s="613"/>
      <c r="CUQ716" s="613"/>
      <c r="CUR716" s="613"/>
      <c r="CUS716" s="613"/>
      <c r="CUT716" s="613"/>
      <c r="CUU716" s="613"/>
      <c r="CUV716" s="613"/>
      <c r="CUW716" s="613"/>
      <c r="CUX716" s="613"/>
      <c r="CUY716" s="613"/>
      <c r="CUZ716" s="613"/>
      <c r="CVA716" s="613"/>
      <c r="CVB716" s="613"/>
      <c r="CVC716" s="613"/>
      <c r="CVD716" s="613"/>
      <c r="CVE716" s="613"/>
      <c r="CVF716" s="613"/>
      <c r="CVG716" s="613"/>
      <c r="CVH716" s="613"/>
      <c r="CVI716" s="613"/>
      <c r="CVJ716" s="613"/>
      <c r="CVK716" s="613"/>
      <c r="CVL716" s="613"/>
      <c r="CVM716" s="613"/>
      <c r="CVN716" s="613"/>
      <c r="CVO716" s="613"/>
      <c r="CVP716" s="613"/>
      <c r="CVQ716" s="613"/>
      <c r="CVR716" s="613"/>
      <c r="CVS716" s="613"/>
      <c r="CVT716" s="613"/>
      <c r="CVU716" s="613"/>
      <c r="CVV716" s="613"/>
      <c r="CVW716" s="613"/>
      <c r="CVX716" s="613"/>
      <c r="CVY716" s="613"/>
      <c r="CVZ716" s="613"/>
      <c r="CWA716" s="613"/>
      <c r="CWB716" s="613"/>
      <c r="CWC716" s="613"/>
      <c r="CWD716" s="613"/>
      <c r="CWE716" s="613"/>
      <c r="CWF716" s="613"/>
      <c r="CWG716" s="613"/>
      <c r="CWH716" s="613"/>
      <c r="CWI716" s="613"/>
      <c r="CWJ716" s="613"/>
      <c r="CWK716" s="613"/>
      <c r="CWL716" s="613"/>
      <c r="CWM716" s="613"/>
      <c r="CWN716" s="613"/>
      <c r="CWO716" s="613"/>
      <c r="CWP716" s="613"/>
      <c r="CWQ716" s="613"/>
      <c r="CWR716" s="613"/>
      <c r="CWS716" s="613"/>
      <c r="CWT716" s="613"/>
      <c r="CWU716" s="613"/>
      <c r="CWV716" s="613"/>
      <c r="CWW716" s="613"/>
      <c r="CWX716" s="613"/>
      <c r="CWY716" s="613"/>
      <c r="CWZ716" s="613"/>
      <c r="CXA716" s="613"/>
      <c r="CXB716" s="613"/>
      <c r="CXC716" s="613"/>
      <c r="CXD716" s="613"/>
      <c r="CXE716" s="613"/>
      <c r="CXF716" s="613"/>
      <c r="CXG716" s="613"/>
      <c r="CXH716" s="613"/>
      <c r="CXI716" s="613"/>
      <c r="CXJ716" s="613"/>
      <c r="CXK716" s="613"/>
      <c r="CXL716" s="613"/>
      <c r="CXM716" s="613"/>
      <c r="CXN716" s="613"/>
      <c r="CXO716" s="613"/>
      <c r="CXP716" s="613"/>
      <c r="CXQ716" s="613"/>
      <c r="CXR716" s="613"/>
      <c r="CXS716" s="613"/>
      <c r="CXT716" s="613"/>
      <c r="CXU716" s="613"/>
      <c r="CXV716" s="613"/>
      <c r="CXW716" s="613"/>
      <c r="CXX716" s="613"/>
      <c r="CXY716" s="613"/>
      <c r="CXZ716" s="613"/>
      <c r="CYA716" s="613"/>
      <c r="CYB716" s="613"/>
      <c r="CYC716" s="613"/>
      <c r="CYD716" s="613"/>
      <c r="CYE716" s="613"/>
      <c r="CYF716" s="613"/>
      <c r="CYG716" s="613"/>
      <c r="CYH716" s="613"/>
      <c r="CYI716" s="613"/>
      <c r="CYJ716" s="613"/>
      <c r="CYK716" s="613"/>
      <c r="CYL716" s="613"/>
      <c r="CYM716" s="613"/>
      <c r="CYN716" s="613"/>
      <c r="CYO716" s="613"/>
      <c r="CYP716" s="613"/>
      <c r="CYQ716" s="613"/>
      <c r="CYR716" s="613"/>
      <c r="CYS716" s="613"/>
      <c r="CYT716" s="613"/>
      <c r="CYU716" s="613"/>
      <c r="CYV716" s="613"/>
      <c r="CYW716" s="613"/>
      <c r="CYX716" s="613"/>
      <c r="CYY716" s="613"/>
      <c r="CYZ716" s="613"/>
      <c r="CZA716" s="613"/>
      <c r="CZB716" s="613"/>
      <c r="CZC716" s="613"/>
      <c r="CZD716" s="613"/>
      <c r="CZE716" s="613"/>
      <c r="CZF716" s="613"/>
      <c r="CZG716" s="613"/>
      <c r="CZH716" s="613"/>
      <c r="CZI716" s="613"/>
      <c r="CZJ716" s="613"/>
      <c r="CZK716" s="613"/>
      <c r="CZL716" s="613"/>
      <c r="CZM716" s="613"/>
      <c r="CZN716" s="613"/>
      <c r="CZO716" s="613"/>
      <c r="CZP716" s="613"/>
      <c r="CZQ716" s="613"/>
      <c r="CZR716" s="613"/>
      <c r="CZS716" s="613"/>
      <c r="CZT716" s="613"/>
      <c r="CZU716" s="613"/>
      <c r="CZV716" s="613"/>
      <c r="CZW716" s="613"/>
      <c r="CZX716" s="613"/>
      <c r="CZY716" s="613"/>
      <c r="CZZ716" s="613"/>
      <c r="DAA716" s="613"/>
      <c r="DAB716" s="613"/>
      <c r="DAC716" s="613"/>
      <c r="DAD716" s="613"/>
      <c r="DAE716" s="613"/>
      <c r="DAF716" s="613"/>
      <c r="DAG716" s="613"/>
      <c r="DAH716" s="613"/>
      <c r="DAI716" s="613"/>
      <c r="DAJ716" s="613"/>
      <c r="DAK716" s="613"/>
      <c r="DAL716" s="613"/>
      <c r="DAM716" s="613"/>
      <c r="DAN716" s="613"/>
      <c r="DAO716" s="613"/>
      <c r="DAP716" s="613"/>
      <c r="DAQ716" s="613"/>
      <c r="DAR716" s="613"/>
      <c r="DAS716" s="613"/>
      <c r="DAT716" s="613"/>
      <c r="DAU716" s="613"/>
      <c r="DAV716" s="613"/>
      <c r="DAW716" s="613"/>
      <c r="DAX716" s="613"/>
      <c r="DAY716" s="613"/>
      <c r="DAZ716" s="613"/>
      <c r="DBA716" s="613"/>
      <c r="DBB716" s="613"/>
      <c r="DBC716" s="613"/>
      <c r="DBD716" s="613"/>
      <c r="DBE716" s="613"/>
      <c r="DBF716" s="613"/>
      <c r="DBG716" s="613"/>
      <c r="DBH716" s="613"/>
      <c r="DBI716" s="613"/>
      <c r="DBJ716" s="613"/>
      <c r="DBK716" s="613"/>
      <c r="DBL716" s="613"/>
      <c r="DBM716" s="613"/>
      <c r="DBN716" s="613"/>
      <c r="DBO716" s="613"/>
      <c r="DBP716" s="613"/>
      <c r="DBQ716" s="613"/>
      <c r="DBR716" s="613"/>
      <c r="DBS716" s="613"/>
      <c r="DBT716" s="613"/>
      <c r="DBU716" s="613"/>
      <c r="DBV716" s="613"/>
      <c r="DBW716" s="613"/>
      <c r="DBX716" s="613"/>
      <c r="DBY716" s="613"/>
      <c r="DBZ716" s="613"/>
      <c r="DCA716" s="613"/>
      <c r="DCB716" s="613"/>
      <c r="DCC716" s="613"/>
      <c r="DCD716" s="613"/>
      <c r="DCE716" s="613"/>
      <c r="DCF716" s="613"/>
      <c r="DCG716" s="613"/>
      <c r="DCH716" s="613"/>
      <c r="DCI716" s="613"/>
      <c r="DCJ716" s="613"/>
      <c r="DCK716" s="613"/>
      <c r="DCL716" s="613"/>
      <c r="DCM716" s="613"/>
      <c r="DCN716" s="613"/>
      <c r="DCO716" s="613"/>
      <c r="DCP716" s="613"/>
      <c r="DCQ716" s="613"/>
      <c r="DCR716" s="613"/>
      <c r="DCS716" s="613"/>
      <c r="DCT716" s="613"/>
      <c r="DCU716" s="613"/>
      <c r="DCV716" s="613"/>
      <c r="DCW716" s="613"/>
      <c r="DCX716" s="613"/>
      <c r="DCY716" s="613"/>
      <c r="DCZ716" s="613"/>
      <c r="DDA716" s="613"/>
      <c r="DDB716" s="613"/>
      <c r="DDC716" s="613"/>
      <c r="DDD716" s="613"/>
      <c r="DDE716" s="613"/>
      <c r="DDF716" s="613"/>
      <c r="DDG716" s="613"/>
      <c r="DDH716" s="613"/>
      <c r="DDI716" s="613"/>
      <c r="DDJ716" s="613"/>
      <c r="DDK716" s="613"/>
      <c r="DDL716" s="613"/>
      <c r="DDM716" s="613"/>
      <c r="DDN716" s="613"/>
      <c r="DDO716" s="613"/>
      <c r="DDP716" s="613"/>
      <c r="DDQ716" s="613"/>
      <c r="DDR716" s="613"/>
      <c r="DDS716" s="613"/>
      <c r="DDT716" s="613"/>
      <c r="DDU716" s="613"/>
      <c r="DDV716" s="613"/>
      <c r="DDW716" s="613"/>
      <c r="DDX716" s="613"/>
      <c r="DDY716" s="613"/>
      <c r="DDZ716" s="613"/>
      <c r="DEA716" s="613"/>
      <c r="DEB716" s="613"/>
      <c r="DEC716" s="613"/>
      <c r="DED716" s="613"/>
      <c r="DEE716" s="613"/>
      <c r="DEF716" s="613"/>
      <c r="DEG716" s="613"/>
      <c r="DEH716" s="613"/>
      <c r="DEI716" s="613"/>
      <c r="DEJ716" s="613"/>
      <c r="DEK716" s="613"/>
      <c r="DEL716" s="613"/>
      <c r="DEM716" s="613"/>
      <c r="DEN716" s="613"/>
      <c r="DEO716" s="613"/>
      <c r="DEP716" s="613"/>
      <c r="DEQ716" s="613"/>
      <c r="DER716" s="613"/>
      <c r="DES716" s="613"/>
      <c r="DET716" s="613"/>
      <c r="DEU716" s="613"/>
      <c r="DEV716" s="613"/>
      <c r="DEW716" s="613"/>
      <c r="DEX716" s="613"/>
      <c r="DEY716" s="613"/>
      <c r="DEZ716" s="613"/>
      <c r="DFA716" s="613"/>
      <c r="DFB716" s="613"/>
      <c r="DFC716" s="613"/>
      <c r="DFD716" s="613"/>
      <c r="DFE716" s="613"/>
      <c r="DFF716" s="613"/>
      <c r="DFG716" s="613"/>
      <c r="DFH716" s="613"/>
      <c r="DFI716" s="613"/>
      <c r="DFJ716" s="613"/>
      <c r="DFK716" s="613"/>
      <c r="DFL716" s="613"/>
      <c r="DFM716" s="613"/>
      <c r="DFN716" s="613"/>
      <c r="DFO716" s="613"/>
      <c r="DFP716" s="613"/>
      <c r="DFQ716" s="613"/>
      <c r="DFR716" s="613"/>
      <c r="DFS716" s="613"/>
      <c r="DFT716" s="613"/>
      <c r="DFU716" s="613"/>
      <c r="DFV716" s="613"/>
      <c r="DFW716" s="613"/>
      <c r="DFX716" s="613"/>
      <c r="DFY716" s="613"/>
      <c r="DFZ716" s="613"/>
      <c r="DGA716" s="613"/>
      <c r="DGB716" s="613"/>
      <c r="DGC716" s="613"/>
      <c r="DGD716" s="613"/>
      <c r="DGE716" s="613"/>
      <c r="DGF716" s="613"/>
      <c r="DGG716" s="613"/>
      <c r="DGH716" s="613"/>
      <c r="DGI716" s="613"/>
      <c r="DGJ716" s="613"/>
      <c r="DGK716" s="613"/>
      <c r="DGL716" s="613"/>
      <c r="DGM716" s="613"/>
      <c r="DGN716" s="613"/>
      <c r="DGO716" s="613"/>
      <c r="DGP716" s="613"/>
      <c r="DGQ716" s="613"/>
      <c r="DGR716" s="613"/>
      <c r="DGS716" s="613"/>
      <c r="DGT716" s="613"/>
      <c r="DGU716" s="613"/>
      <c r="DGV716" s="613"/>
      <c r="DGW716" s="613"/>
      <c r="DGX716" s="613"/>
      <c r="DGY716" s="613"/>
      <c r="DGZ716" s="613"/>
      <c r="DHA716" s="613"/>
      <c r="DHB716" s="613"/>
      <c r="DHC716" s="613"/>
      <c r="DHD716" s="613"/>
      <c r="DHE716" s="613"/>
      <c r="DHF716" s="613"/>
      <c r="DHG716" s="613"/>
      <c r="DHH716" s="613"/>
      <c r="DHI716" s="613"/>
      <c r="DHJ716" s="613"/>
      <c r="DHK716" s="613"/>
      <c r="DHL716" s="613"/>
      <c r="DHM716" s="613"/>
      <c r="DHN716" s="613"/>
      <c r="DHO716" s="613"/>
      <c r="DHP716" s="613"/>
      <c r="DHQ716" s="613"/>
      <c r="DHR716" s="613"/>
      <c r="DHS716" s="613"/>
      <c r="DHT716" s="613"/>
      <c r="DHU716" s="613"/>
      <c r="DHV716" s="613"/>
      <c r="DHW716" s="613"/>
      <c r="DHX716" s="613"/>
      <c r="DHY716" s="613"/>
      <c r="DHZ716" s="613"/>
      <c r="DIA716" s="613"/>
      <c r="DIB716" s="613"/>
      <c r="DIC716" s="613"/>
      <c r="DID716" s="613"/>
      <c r="DIE716" s="613"/>
      <c r="DIF716" s="613"/>
      <c r="DIG716" s="613"/>
      <c r="DIH716" s="613"/>
      <c r="DII716" s="613"/>
      <c r="DIJ716" s="613"/>
      <c r="DIK716" s="613"/>
      <c r="DIL716" s="613"/>
      <c r="DIM716" s="613"/>
      <c r="DIN716" s="613"/>
      <c r="DIO716" s="613"/>
      <c r="DIP716" s="613"/>
      <c r="DIQ716" s="613"/>
      <c r="DIR716" s="613"/>
      <c r="DIS716" s="613"/>
      <c r="DIT716" s="613"/>
      <c r="DIU716" s="613"/>
      <c r="DIV716" s="613"/>
      <c r="DIW716" s="613"/>
      <c r="DIX716" s="613"/>
      <c r="DIY716" s="613"/>
      <c r="DIZ716" s="613"/>
      <c r="DJA716" s="613"/>
      <c r="DJB716" s="613"/>
      <c r="DJC716" s="613"/>
      <c r="DJD716" s="613"/>
      <c r="DJE716" s="613"/>
      <c r="DJF716" s="613"/>
      <c r="DJG716" s="613"/>
      <c r="DJH716" s="613"/>
      <c r="DJI716" s="613"/>
      <c r="DJJ716" s="613"/>
      <c r="DJK716" s="613"/>
      <c r="DJL716" s="613"/>
      <c r="DJM716" s="613"/>
      <c r="DJN716" s="613"/>
      <c r="DJO716" s="613"/>
      <c r="DJP716" s="613"/>
      <c r="DJQ716" s="613"/>
      <c r="DJR716" s="613"/>
      <c r="DJS716" s="613"/>
      <c r="DJT716" s="613"/>
      <c r="DJU716" s="613"/>
      <c r="DJV716" s="613"/>
      <c r="DJW716" s="613"/>
      <c r="DJX716" s="613"/>
      <c r="DJY716" s="613"/>
      <c r="DJZ716" s="613"/>
      <c r="DKA716" s="613"/>
      <c r="DKB716" s="613"/>
      <c r="DKC716" s="613"/>
      <c r="DKD716" s="613"/>
      <c r="DKE716" s="613"/>
      <c r="DKF716" s="613"/>
      <c r="DKG716" s="613"/>
      <c r="DKH716" s="613"/>
      <c r="DKI716" s="613"/>
      <c r="DKJ716" s="613"/>
      <c r="DKK716" s="613"/>
      <c r="DKL716" s="613"/>
      <c r="DKM716" s="613"/>
      <c r="DKN716" s="613"/>
      <c r="DKO716" s="613"/>
      <c r="DKP716" s="613"/>
      <c r="DKQ716" s="613"/>
      <c r="DKR716" s="613"/>
      <c r="DKS716" s="613"/>
      <c r="DKT716" s="613"/>
      <c r="DKU716" s="613"/>
      <c r="DKV716" s="613"/>
      <c r="DKW716" s="613"/>
      <c r="DKX716" s="613"/>
      <c r="DKY716" s="613"/>
      <c r="DKZ716" s="613"/>
      <c r="DLA716" s="613"/>
      <c r="DLB716" s="613"/>
      <c r="DLC716" s="613"/>
      <c r="DLD716" s="613"/>
      <c r="DLE716" s="613"/>
      <c r="DLF716" s="613"/>
      <c r="DLG716" s="613"/>
      <c r="DLH716" s="613"/>
      <c r="DLI716" s="613"/>
      <c r="DLJ716" s="613"/>
      <c r="DLK716" s="613"/>
      <c r="DLL716" s="613"/>
      <c r="DLM716" s="613"/>
      <c r="DLN716" s="613"/>
      <c r="DLO716" s="613"/>
      <c r="DLP716" s="613"/>
      <c r="DLQ716" s="613"/>
      <c r="DLR716" s="613"/>
      <c r="DLS716" s="613"/>
      <c r="DLT716" s="613"/>
      <c r="DLU716" s="613"/>
      <c r="DLV716" s="613"/>
      <c r="DLW716" s="613"/>
      <c r="DLX716" s="613"/>
      <c r="DLY716" s="613"/>
      <c r="DLZ716" s="613"/>
      <c r="DMA716" s="613"/>
      <c r="DMB716" s="613"/>
      <c r="DMC716" s="613"/>
      <c r="DMD716" s="613"/>
      <c r="DME716" s="613"/>
      <c r="DMF716" s="613"/>
      <c r="DMG716" s="613"/>
      <c r="DMH716" s="613"/>
      <c r="DMI716" s="613"/>
      <c r="DMJ716" s="613"/>
      <c r="DMK716" s="613"/>
      <c r="DML716" s="613"/>
      <c r="DMM716" s="613"/>
      <c r="DMN716" s="613"/>
      <c r="DMO716" s="613"/>
      <c r="DMP716" s="613"/>
      <c r="DMQ716" s="613"/>
      <c r="DMR716" s="613"/>
      <c r="DMS716" s="613"/>
      <c r="DMT716" s="613"/>
      <c r="DMU716" s="613"/>
      <c r="DMV716" s="613"/>
      <c r="DMW716" s="613"/>
      <c r="DMX716" s="613"/>
      <c r="DMY716" s="613"/>
      <c r="DMZ716" s="613"/>
      <c r="DNA716" s="613"/>
      <c r="DNB716" s="613"/>
      <c r="DNC716" s="613"/>
      <c r="DND716" s="613"/>
      <c r="DNE716" s="613"/>
      <c r="DNF716" s="613"/>
      <c r="DNG716" s="613"/>
      <c r="DNH716" s="613"/>
      <c r="DNI716" s="613"/>
      <c r="DNJ716" s="613"/>
      <c r="DNK716" s="613"/>
      <c r="DNL716" s="613"/>
      <c r="DNM716" s="613"/>
      <c r="DNN716" s="613"/>
      <c r="DNO716" s="613"/>
      <c r="DNP716" s="613"/>
      <c r="DNQ716" s="613"/>
      <c r="DNR716" s="613"/>
      <c r="DNS716" s="613"/>
      <c r="DNT716" s="613"/>
      <c r="DNU716" s="613"/>
      <c r="DNV716" s="613"/>
      <c r="DNW716" s="613"/>
      <c r="DNX716" s="613"/>
      <c r="DNY716" s="613"/>
      <c r="DNZ716" s="613"/>
      <c r="DOA716" s="613"/>
      <c r="DOB716" s="613"/>
      <c r="DOC716" s="613"/>
      <c r="DOD716" s="613"/>
      <c r="DOE716" s="613"/>
      <c r="DOF716" s="613"/>
      <c r="DOG716" s="613"/>
      <c r="DOH716" s="613"/>
      <c r="DOI716" s="613"/>
      <c r="DOJ716" s="613"/>
      <c r="DOK716" s="613"/>
      <c r="DOL716" s="613"/>
      <c r="DOM716" s="613"/>
      <c r="DON716" s="613"/>
      <c r="DOO716" s="613"/>
      <c r="DOP716" s="613"/>
      <c r="DOQ716" s="613"/>
      <c r="DOR716" s="613"/>
      <c r="DOS716" s="613"/>
      <c r="DOT716" s="613"/>
      <c r="DOU716" s="613"/>
      <c r="DOV716" s="613"/>
      <c r="DOW716" s="613"/>
      <c r="DOX716" s="613"/>
      <c r="DOY716" s="613"/>
      <c r="DOZ716" s="613"/>
      <c r="DPA716" s="613"/>
      <c r="DPB716" s="613"/>
      <c r="DPC716" s="613"/>
      <c r="DPD716" s="613"/>
      <c r="DPE716" s="613"/>
      <c r="DPF716" s="613"/>
      <c r="DPG716" s="613"/>
      <c r="DPH716" s="613"/>
      <c r="DPI716" s="613"/>
      <c r="DPJ716" s="613"/>
      <c r="DPK716" s="613"/>
      <c r="DPL716" s="613"/>
      <c r="DPM716" s="613"/>
      <c r="DPN716" s="613"/>
      <c r="DPO716" s="613"/>
      <c r="DPP716" s="613"/>
      <c r="DPQ716" s="613"/>
      <c r="DPR716" s="613"/>
      <c r="DPS716" s="613"/>
      <c r="DPT716" s="613"/>
      <c r="DPU716" s="613"/>
      <c r="DPV716" s="613"/>
      <c r="DPW716" s="613"/>
      <c r="DPX716" s="613"/>
      <c r="DPY716" s="613"/>
      <c r="DPZ716" s="613"/>
      <c r="DQA716" s="613"/>
      <c r="DQB716" s="613"/>
      <c r="DQC716" s="613"/>
      <c r="DQD716" s="613"/>
      <c r="DQE716" s="613"/>
      <c r="DQF716" s="613"/>
      <c r="DQG716" s="613"/>
      <c r="DQH716" s="613"/>
      <c r="DQI716" s="613"/>
      <c r="DQJ716" s="613"/>
      <c r="DQK716" s="613"/>
      <c r="DQL716" s="613"/>
      <c r="DQM716" s="613"/>
      <c r="DQN716" s="613"/>
      <c r="DQO716" s="613"/>
      <c r="DQP716" s="613"/>
      <c r="DQQ716" s="613"/>
      <c r="DQR716" s="613"/>
      <c r="DQS716" s="613"/>
      <c r="DQT716" s="613"/>
      <c r="DQU716" s="613"/>
      <c r="DQV716" s="613"/>
      <c r="DQW716" s="613"/>
      <c r="DQX716" s="613"/>
      <c r="DQY716" s="613"/>
      <c r="DQZ716" s="613"/>
      <c r="DRA716" s="613"/>
      <c r="DRB716" s="613"/>
      <c r="DRC716" s="613"/>
      <c r="DRD716" s="613"/>
      <c r="DRE716" s="613"/>
      <c r="DRF716" s="613"/>
      <c r="DRG716" s="613"/>
      <c r="DRH716" s="613"/>
      <c r="DRI716" s="613"/>
      <c r="DRJ716" s="613"/>
      <c r="DRK716" s="613"/>
      <c r="DRL716" s="613"/>
      <c r="DRM716" s="613"/>
      <c r="DRN716" s="613"/>
      <c r="DRO716" s="613"/>
      <c r="DRP716" s="613"/>
      <c r="DRQ716" s="613"/>
      <c r="DRR716" s="613"/>
      <c r="DRS716" s="613"/>
      <c r="DRT716" s="613"/>
      <c r="DRU716" s="613"/>
      <c r="DRV716" s="613"/>
      <c r="DRW716" s="613"/>
      <c r="DRX716" s="613"/>
      <c r="DRY716" s="613"/>
      <c r="DRZ716" s="613"/>
      <c r="DSA716" s="613"/>
      <c r="DSB716" s="613"/>
      <c r="DSC716" s="613"/>
      <c r="DSD716" s="613"/>
      <c r="DSE716" s="613"/>
      <c r="DSF716" s="613"/>
      <c r="DSG716" s="613"/>
      <c r="DSH716" s="613"/>
      <c r="DSI716" s="613"/>
      <c r="DSJ716" s="613"/>
      <c r="DSK716" s="613"/>
      <c r="DSL716" s="613"/>
      <c r="DSM716" s="613"/>
      <c r="DSN716" s="613"/>
      <c r="DSO716" s="613"/>
      <c r="DSP716" s="613"/>
      <c r="DSQ716" s="613"/>
      <c r="DSR716" s="613"/>
      <c r="DSS716" s="613"/>
      <c r="DST716" s="613"/>
      <c r="DSU716" s="613"/>
      <c r="DSV716" s="613"/>
      <c r="DSW716" s="613"/>
      <c r="DSX716" s="613"/>
      <c r="DSY716" s="613"/>
      <c r="DSZ716" s="613"/>
      <c r="DTA716" s="613"/>
      <c r="DTB716" s="613"/>
      <c r="DTC716" s="613"/>
      <c r="DTD716" s="613"/>
      <c r="DTE716" s="613"/>
      <c r="DTF716" s="613"/>
      <c r="DTG716" s="613"/>
      <c r="DTH716" s="613"/>
      <c r="DTI716" s="613"/>
      <c r="DTJ716" s="613"/>
      <c r="DTK716" s="613"/>
      <c r="DTL716" s="613"/>
      <c r="DTM716" s="613"/>
      <c r="DTN716" s="613"/>
      <c r="DTO716" s="613"/>
      <c r="DTP716" s="613"/>
      <c r="DTQ716" s="613"/>
      <c r="DTR716" s="613"/>
      <c r="DTS716" s="613"/>
      <c r="DTT716" s="613"/>
      <c r="DTU716" s="613"/>
      <c r="DTV716" s="613"/>
      <c r="DTW716" s="613"/>
      <c r="DTX716" s="613"/>
      <c r="DTY716" s="613"/>
      <c r="DTZ716" s="613"/>
      <c r="DUA716" s="613"/>
      <c r="DUB716" s="613"/>
      <c r="DUC716" s="613"/>
      <c r="DUD716" s="613"/>
      <c r="DUE716" s="613"/>
      <c r="DUF716" s="613"/>
      <c r="DUG716" s="613"/>
      <c r="DUH716" s="613"/>
      <c r="DUI716" s="613"/>
      <c r="DUJ716" s="613"/>
      <c r="DUK716" s="613"/>
      <c r="DUL716" s="613"/>
      <c r="DUM716" s="613"/>
      <c r="DUN716" s="613"/>
      <c r="DUO716" s="613"/>
      <c r="DUP716" s="613"/>
      <c r="DUQ716" s="613"/>
      <c r="DUR716" s="613"/>
      <c r="DUS716" s="613"/>
      <c r="DUT716" s="613"/>
      <c r="DUU716" s="613"/>
      <c r="DUV716" s="613"/>
      <c r="DUW716" s="613"/>
      <c r="DUX716" s="613"/>
      <c r="DUY716" s="613"/>
      <c r="DUZ716" s="613"/>
      <c r="DVA716" s="613"/>
      <c r="DVB716" s="613"/>
      <c r="DVC716" s="613"/>
      <c r="DVD716" s="613"/>
      <c r="DVE716" s="613"/>
      <c r="DVF716" s="613"/>
      <c r="DVG716" s="613"/>
      <c r="DVH716" s="613"/>
      <c r="DVI716" s="613"/>
      <c r="DVJ716" s="613"/>
      <c r="DVK716" s="613"/>
      <c r="DVL716" s="613"/>
      <c r="DVM716" s="613"/>
      <c r="DVN716" s="613"/>
      <c r="DVO716" s="613"/>
      <c r="DVP716" s="613"/>
      <c r="DVQ716" s="613"/>
      <c r="DVR716" s="613"/>
      <c r="DVS716" s="613"/>
      <c r="DVT716" s="613"/>
      <c r="DVU716" s="613"/>
      <c r="DVV716" s="613"/>
      <c r="DVW716" s="613"/>
      <c r="DVX716" s="613"/>
      <c r="DVY716" s="613"/>
      <c r="DVZ716" s="613"/>
      <c r="DWA716" s="613"/>
      <c r="DWB716" s="613"/>
      <c r="DWC716" s="613"/>
      <c r="DWD716" s="613"/>
      <c r="DWE716" s="613"/>
      <c r="DWF716" s="613"/>
      <c r="DWG716" s="613"/>
      <c r="DWH716" s="613"/>
      <c r="DWI716" s="613"/>
      <c r="DWJ716" s="613"/>
      <c r="DWK716" s="613"/>
      <c r="DWL716" s="613"/>
      <c r="DWM716" s="613"/>
      <c r="DWN716" s="613"/>
      <c r="DWO716" s="613"/>
      <c r="DWP716" s="613"/>
      <c r="DWQ716" s="613"/>
      <c r="DWR716" s="613"/>
      <c r="DWS716" s="613"/>
      <c r="DWT716" s="613"/>
      <c r="DWU716" s="613"/>
      <c r="DWV716" s="613"/>
      <c r="DWW716" s="613"/>
      <c r="DWX716" s="613"/>
      <c r="DWY716" s="613"/>
      <c r="DWZ716" s="613"/>
      <c r="DXA716" s="613"/>
      <c r="DXB716" s="613"/>
      <c r="DXC716" s="613"/>
      <c r="DXD716" s="613"/>
      <c r="DXE716" s="613"/>
      <c r="DXF716" s="613"/>
      <c r="DXG716" s="613"/>
      <c r="DXH716" s="613"/>
      <c r="DXI716" s="613"/>
      <c r="DXJ716" s="613"/>
      <c r="DXK716" s="613"/>
      <c r="DXL716" s="613"/>
      <c r="DXM716" s="613"/>
      <c r="DXN716" s="613"/>
      <c r="DXO716" s="613"/>
      <c r="DXP716" s="613"/>
      <c r="DXQ716" s="613"/>
      <c r="DXR716" s="613"/>
      <c r="DXS716" s="613"/>
      <c r="DXT716" s="613"/>
      <c r="DXU716" s="613"/>
      <c r="DXV716" s="613"/>
      <c r="DXW716" s="613"/>
      <c r="DXX716" s="613"/>
      <c r="DXY716" s="613"/>
      <c r="DXZ716" s="613"/>
      <c r="DYA716" s="613"/>
      <c r="DYB716" s="613"/>
      <c r="DYC716" s="613"/>
      <c r="DYD716" s="613"/>
      <c r="DYE716" s="613"/>
      <c r="DYF716" s="613"/>
      <c r="DYG716" s="613"/>
      <c r="DYH716" s="613"/>
      <c r="DYI716" s="613"/>
      <c r="DYJ716" s="613"/>
      <c r="DYK716" s="613"/>
      <c r="DYL716" s="613"/>
      <c r="DYM716" s="613"/>
      <c r="DYN716" s="613"/>
      <c r="DYO716" s="613"/>
      <c r="DYP716" s="613"/>
      <c r="DYQ716" s="613"/>
      <c r="DYR716" s="613"/>
      <c r="DYS716" s="613"/>
      <c r="DYT716" s="613"/>
      <c r="DYU716" s="613"/>
      <c r="DYV716" s="613"/>
      <c r="DYW716" s="613"/>
      <c r="DYX716" s="613"/>
      <c r="DYY716" s="613"/>
      <c r="DYZ716" s="613"/>
      <c r="DZA716" s="613"/>
      <c r="DZB716" s="613"/>
      <c r="DZC716" s="613"/>
      <c r="DZD716" s="613"/>
      <c r="DZE716" s="613"/>
      <c r="DZF716" s="613"/>
      <c r="DZG716" s="613"/>
      <c r="DZH716" s="613"/>
      <c r="DZI716" s="613"/>
      <c r="DZJ716" s="613"/>
      <c r="DZK716" s="613"/>
      <c r="DZL716" s="613"/>
      <c r="DZM716" s="613"/>
      <c r="DZN716" s="613"/>
      <c r="DZO716" s="613"/>
      <c r="DZP716" s="613"/>
      <c r="DZQ716" s="613"/>
      <c r="DZR716" s="613"/>
      <c r="DZS716" s="613"/>
      <c r="DZT716" s="613"/>
      <c r="DZU716" s="613"/>
      <c r="DZV716" s="613"/>
      <c r="DZW716" s="613"/>
      <c r="DZX716" s="613"/>
      <c r="DZY716" s="613"/>
      <c r="DZZ716" s="613"/>
      <c r="EAA716" s="613"/>
      <c r="EAB716" s="613"/>
      <c r="EAC716" s="613"/>
      <c r="EAD716" s="613"/>
      <c r="EAE716" s="613"/>
      <c r="EAF716" s="613"/>
      <c r="EAG716" s="613"/>
      <c r="EAH716" s="613"/>
      <c r="EAI716" s="613"/>
      <c r="EAJ716" s="613"/>
      <c r="EAK716" s="613"/>
      <c r="EAL716" s="613"/>
      <c r="EAM716" s="613"/>
      <c r="EAN716" s="613"/>
      <c r="EAO716" s="613"/>
      <c r="EAP716" s="613"/>
      <c r="EAQ716" s="613"/>
      <c r="EAR716" s="613"/>
      <c r="EAS716" s="613"/>
      <c r="EAT716" s="613"/>
      <c r="EAU716" s="613"/>
      <c r="EAV716" s="613"/>
      <c r="EAW716" s="613"/>
      <c r="EAX716" s="613"/>
      <c r="EAY716" s="613"/>
      <c r="EAZ716" s="613"/>
      <c r="EBA716" s="613"/>
      <c r="EBB716" s="613"/>
      <c r="EBC716" s="613"/>
      <c r="EBD716" s="613"/>
      <c r="EBE716" s="613"/>
      <c r="EBF716" s="613"/>
      <c r="EBG716" s="613"/>
      <c r="EBH716" s="613"/>
      <c r="EBI716" s="613"/>
      <c r="EBJ716" s="613"/>
      <c r="EBK716" s="613"/>
      <c r="EBL716" s="613"/>
      <c r="EBM716" s="613"/>
      <c r="EBN716" s="613"/>
      <c r="EBO716" s="613"/>
      <c r="EBP716" s="613"/>
      <c r="EBQ716" s="613"/>
      <c r="EBR716" s="613"/>
      <c r="EBS716" s="613"/>
      <c r="EBT716" s="613"/>
      <c r="EBU716" s="613"/>
      <c r="EBV716" s="613"/>
      <c r="EBW716" s="613"/>
      <c r="EBX716" s="613"/>
      <c r="EBY716" s="613"/>
      <c r="EBZ716" s="613"/>
      <c r="ECA716" s="613"/>
      <c r="ECB716" s="613"/>
      <c r="ECC716" s="613"/>
      <c r="ECD716" s="613"/>
      <c r="ECE716" s="613"/>
      <c r="ECF716" s="613"/>
      <c r="ECG716" s="613"/>
      <c r="ECH716" s="613"/>
      <c r="ECI716" s="613"/>
      <c r="ECJ716" s="613"/>
      <c r="ECK716" s="613"/>
      <c r="ECL716" s="613"/>
      <c r="ECM716" s="613"/>
      <c r="ECN716" s="613"/>
      <c r="ECO716" s="613"/>
      <c r="ECP716" s="613"/>
      <c r="ECQ716" s="613"/>
      <c r="ECR716" s="613"/>
      <c r="ECS716" s="613"/>
      <c r="ECT716" s="613"/>
      <c r="ECU716" s="613"/>
      <c r="ECV716" s="613"/>
      <c r="ECW716" s="613"/>
      <c r="ECX716" s="613"/>
      <c r="ECY716" s="613"/>
      <c r="ECZ716" s="613"/>
      <c r="EDA716" s="613"/>
      <c r="EDB716" s="613"/>
      <c r="EDC716" s="613"/>
      <c r="EDD716" s="613"/>
      <c r="EDE716" s="613"/>
      <c r="EDF716" s="613"/>
      <c r="EDG716" s="613"/>
      <c r="EDH716" s="613"/>
      <c r="EDI716" s="613"/>
      <c r="EDJ716" s="613"/>
      <c r="EDK716" s="613"/>
      <c r="EDL716" s="613"/>
      <c r="EDM716" s="613"/>
      <c r="EDN716" s="613"/>
      <c r="EDO716" s="613"/>
      <c r="EDP716" s="613"/>
      <c r="EDQ716" s="613"/>
      <c r="EDR716" s="613"/>
      <c r="EDS716" s="613"/>
      <c r="EDT716" s="613"/>
      <c r="EDU716" s="613"/>
      <c r="EDV716" s="613"/>
      <c r="EDW716" s="613"/>
      <c r="EDX716" s="613"/>
      <c r="EDY716" s="613"/>
      <c r="EDZ716" s="613"/>
      <c r="EEA716" s="613"/>
      <c r="EEB716" s="613"/>
      <c r="EEC716" s="613"/>
      <c r="EED716" s="613"/>
      <c r="EEE716" s="613"/>
      <c r="EEF716" s="613"/>
      <c r="EEG716" s="613"/>
      <c r="EEH716" s="613"/>
      <c r="EEI716" s="613"/>
      <c r="EEJ716" s="613"/>
      <c r="EEK716" s="613"/>
      <c r="EEL716" s="613"/>
      <c r="EEM716" s="613"/>
      <c r="EEN716" s="613"/>
      <c r="EEO716" s="613"/>
      <c r="EEP716" s="613"/>
      <c r="EEQ716" s="613"/>
      <c r="EER716" s="613"/>
      <c r="EES716" s="613"/>
      <c r="EET716" s="613"/>
      <c r="EEU716" s="613"/>
      <c r="EEV716" s="613"/>
      <c r="EEW716" s="613"/>
      <c r="EEX716" s="613"/>
      <c r="EEY716" s="613"/>
      <c r="EEZ716" s="613"/>
      <c r="EFA716" s="613"/>
      <c r="EFB716" s="613"/>
      <c r="EFC716" s="613"/>
      <c r="EFD716" s="613"/>
      <c r="EFE716" s="613"/>
      <c r="EFF716" s="613"/>
      <c r="EFG716" s="613"/>
      <c r="EFH716" s="613"/>
      <c r="EFI716" s="613"/>
      <c r="EFJ716" s="613"/>
      <c r="EFK716" s="613"/>
      <c r="EFL716" s="613"/>
      <c r="EFM716" s="613"/>
      <c r="EFN716" s="613"/>
      <c r="EFO716" s="613"/>
      <c r="EFP716" s="613"/>
      <c r="EFQ716" s="613"/>
      <c r="EFR716" s="613"/>
      <c r="EFS716" s="613"/>
      <c r="EFT716" s="613"/>
      <c r="EFU716" s="613"/>
      <c r="EFV716" s="613"/>
      <c r="EFW716" s="613"/>
      <c r="EFX716" s="613"/>
      <c r="EFY716" s="613"/>
      <c r="EFZ716" s="613"/>
      <c r="EGA716" s="613"/>
      <c r="EGB716" s="613"/>
      <c r="EGC716" s="613"/>
      <c r="EGD716" s="613"/>
      <c r="EGE716" s="613"/>
      <c r="EGF716" s="613"/>
      <c r="EGG716" s="613"/>
      <c r="EGH716" s="613"/>
      <c r="EGI716" s="613"/>
      <c r="EGJ716" s="613"/>
      <c r="EGK716" s="613"/>
      <c r="EGL716" s="613"/>
      <c r="EGM716" s="613"/>
      <c r="EGN716" s="613"/>
      <c r="EGO716" s="613"/>
      <c r="EGP716" s="613"/>
      <c r="EGQ716" s="613"/>
      <c r="EGR716" s="613"/>
      <c r="EGS716" s="613"/>
      <c r="EGT716" s="613"/>
      <c r="EGU716" s="613"/>
      <c r="EGV716" s="613"/>
      <c r="EGW716" s="613"/>
      <c r="EGX716" s="613"/>
      <c r="EGY716" s="613"/>
      <c r="EGZ716" s="613"/>
      <c r="EHA716" s="613"/>
      <c r="EHB716" s="613"/>
      <c r="EHC716" s="613"/>
      <c r="EHD716" s="613"/>
      <c r="EHE716" s="613"/>
      <c r="EHF716" s="613"/>
      <c r="EHG716" s="613"/>
      <c r="EHH716" s="613"/>
      <c r="EHI716" s="613"/>
      <c r="EHJ716" s="613"/>
      <c r="EHK716" s="613"/>
      <c r="EHL716" s="613"/>
      <c r="EHM716" s="613"/>
      <c r="EHN716" s="613"/>
      <c r="EHO716" s="613"/>
      <c r="EHP716" s="613"/>
      <c r="EHQ716" s="613"/>
      <c r="EHR716" s="613"/>
      <c r="EHS716" s="613"/>
      <c r="EHT716" s="613"/>
      <c r="EHU716" s="613"/>
      <c r="EHV716" s="613"/>
      <c r="EHW716" s="613"/>
      <c r="EHX716" s="613"/>
      <c r="EHY716" s="613"/>
      <c r="EHZ716" s="613"/>
      <c r="EIA716" s="613"/>
      <c r="EIB716" s="613"/>
      <c r="EIC716" s="613"/>
      <c r="EID716" s="613"/>
      <c r="EIE716" s="613"/>
      <c r="EIF716" s="613"/>
      <c r="EIG716" s="613"/>
      <c r="EIH716" s="613"/>
      <c r="EII716" s="613"/>
      <c r="EIJ716" s="613"/>
      <c r="EIK716" s="613"/>
      <c r="EIL716" s="613"/>
      <c r="EIM716" s="613"/>
      <c r="EIN716" s="613"/>
      <c r="EIO716" s="613"/>
      <c r="EIP716" s="613"/>
      <c r="EIQ716" s="613"/>
      <c r="EIR716" s="613"/>
      <c r="EIS716" s="613"/>
      <c r="EIT716" s="613"/>
      <c r="EIU716" s="613"/>
      <c r="EIV716" s="613"/>
      <c r="EIW716" s="613"/>
      <c r="EIX716" s="613"/>
      <c r="EIY716" s="613"/>
      <c r="EIZ716" s="613"/>
      <c r="EJA716" s="613"/>
      <c r="EJB716" s="613"/>
      <c r="EJC716" s="613"/>
      <c r="EJD716" s="613"/>
      <c r="EJE716" s="613"/>
      <c r="EJF716" s="613"/>
      <c r="EJG716" s="613"/>
      <c r="EJH716" s="613"/>
      <c r="EJI716" s="613"/>
      <c r="EJJ716" s="613"/>
      <c r="EJK716" s="613"/>
      <c r="EJL716" s="613"/>
      <c r="EJM716" s="613"/>
      <c r="EJN716" s="613"/>
      <c r="EJO716" s="613"/>
      <c r="EJP716" s="613"/>
      <c r="EJQ716" s="613"/>
      <c r="EJR716" s="613"/>
      <c r="EJS716" s="613"/>
      <c r="EJT716" s="613"/>
      <c r="EJU716" s="613"/>
      <c r="EJV716" s="613"/>
      <c r="EJW716" s="613"/>
      <c r="EJX716" s="613"/>
      <c r="EJY716" s="613"/>
      <c r="EJZ716" s="613"/>
      <c r="EKA716" s="613"/>
      <c r="EKB716" s="613"/>
      <c r="EKC716" s="613"/>
      <c r="EKD716" s="613"/>
      <c r="EKE716" s="613"/>
      <c r="EKF716" s="613"/>
      <c r="EKG716" s="613"/>
      <c r="EKH716" s="613"/>
      <c r="EKI716" s="613"/>
      <c r="EKJ716" s="613"/>
      <c r="EKK716" s="613"/>
      <c r="EKL716" s="613"/>
      <c r="EKM716" s="613"/>
      <c r="EKN716" s="613"/>
      <c r="EKO716" s="613"/>
      <c r="EKP716" s="613"/>
      <c r="EKQ716" s="613"/>
      <c r="EKR716" s="613"/>
      <c r="EKS716" s="613"/>
      <c r="EKT716" s="613"/>
      <c r="EKU716" s="613"/>
      <c r="EKV716" s="613"/>
      <c r="EKW716" s="613"/>
      <c r="EKX716" s="613"/>
      <c r="EKY716" s="613"/>
      <c r="EKZ716" s="613"/>
      <c r="ELA716" s="613"/>
      <c r="ELB716" s="613"/>
      <c r="ELC716" s="613"/>
      <c r="ELD716" s="613"/>
      <c r="ELE716" s="613"/>
      <c r="ELF716" s="613"/>
      <c r="ELG716" s="613"/>
      <c r="ELH716" s="613"/>
      <c r="ELI716" s="613"/>
      <c r="ELJ716" s="613"/>
      <c r="ELK716" s="613"/>
      <c r="ELL716" s="613"/>
      <c r="ELM716" s="613"/>
      <c r="ELN716" s="613"/>
      <c r="ELO716" s="613"/>
      <c r="ELP716" s="613"/>
      <c r="ELQ716" s="613"/>
      <c r="ELR716" s="613"/>
      <c r="ELS716" s="613"/>
      <c r="ELT716" s="613"/>
      <c r="ELU716" s="613"/>
      <c r="ELV716" s="613"/>
      <c r="ELW716" s="613"/>
      <c r="ELX716" s="613"/>
      <c r="ELY716" s="613"/>
      <c r="ELZ716" s="613"/>
      <c r="EMA716" s="613"/>
      <c r="EMB716" s="613"/>
      <c r="EMC716" s="613"/>
      <c r="EMD716" s="613"/>
      <c r="EME716" s="613"/>
      <c r="EMF716" s="613"/>
      <c r="EMG716" s="613"/>
      <c r="EMH716" s="613"/>
      <c r="EMI716" s="613"/>
      <c r="EMJ716" s="613"/>
      <c r="EMK716" s="613"/>
      <c r="EML716" s="613"/>
      <c r="EMM716" s="613"/>
      <c r="EMN716" s="613"/>
      <c r="EMO716" s="613"/>
      <c r="EMP716" s="613"/>
      <c r="EMQ716" s="613"/>
      <c r="EMR716" s="613"/>
      <c r="EMS716" s="613"/>
      <c r="EMT716" s="613"/>
      <c r="EMU716" s="613"/>
      <c r="EMV716" s="613"/>
      <c r="EMW716" s="613"/>
      <c r="EMX716" s="613"/>
      <c r="EMY716" s="613"/>
      <c r="EMZ716" s="613"/>
      <c r="ENA716" s="613"/>
      <c r="ENB716" s="613"/>
      <c r="ENC716" s="613"/>
      <c r="END716" s="613"/>
      <c r="ENE716" s="613"/>
      <c r="ENF716" s="613"/>
      <c r="ENG716" s="613"/>
      <c r="ENH716" s="613"/>
      <c r="ENI716" s="613"/>
      <c r="ENJ716" s="613"/>
      <c r="ENK716" s="613"/>
      <c r="ENL716" s="613"/>
      <c r="ENM716" s="613"/>
      <c r="ENN716" s="613"/>
      <c r="ENO716" s="613"/>
      <c r="ENP716" s="613"/>
      <c r="ENQ716" s="613"/>
      <c r="ENR716" s="613"/>
      <c r="ENS716" s="613"/>
      <c r="ENT716" s="613"/>
      <c r="ENU716" s="613"/>
      <c r="ENV716" s="613"/>
      <c r="ENW716" s="613"/>
      <c r="ENX716" s="613"/>
      <c r="ENY716" s="613"/>
      <c r="ENZ716" s="613"/>
      <c r="EOA716" s="613"/>
      <c r="EOB716" s="613"/>
      <c r="EOC716" s="613"/>
      <c r="EOD716" s="613"/>
      <c r="EOE716" s="613"/>
      <c r="EOF716" s="613"/>
      <c r="EOG716" s="613"/>
      <c r="EOH716" s="613"/>
      <c r="EOI716" s="613"/>
      <c r="EOJ716" s="613"/>
      <c r="EOK716" s="613"/>
      <c r="EOL716" s="613"/>
      <c r="EOM716" s="613"/>
      <c r="EON716" s="613"/>
      <c r="EOO716" s="613"/>
      <c r="EOP716" s="613"/>
      <c r="EOQ716" s="613"/>
      <c r="EOR716" s="613"/>
      <c r="EOS716" s="613"/>
      <c r="EOT716" s="613"/>
      <c r="EOU716" s="613"/>
      <c r="EOV716" s="613"/>
      <c r="EOW716" s="613"/>
      <c r="EOX716" s="613"/>
      <c r="EOY716" s="613"/>
      <c r="EOZ716" s="613"/>
      <c r="EPA716" s="613"/>
      <c r="EPB716" s="613"/>
      <c r="EPC716" s="613"/>
      <c r="EPD716" s="613"/>
      <c r="EPE716" s="613"/>
      <c r="EPF716" s="613"/>
      <c r="EPG716" s="613"/>
      <c r="EPH716" s="613"/>
      <c r="EPI716" s="613"/>
      <c r="EPJ716" s="613"/>
      <c r="EPK716" s="613"/>
      <c r="EPL716" s="613"/>
      <c r="EPM716" s="613"/>
      <c r="EPN716" s="613"/>
      <c r="EPO716" s="613"/>
      <c r="EPP716" s="613"/>
      <c r="EPQ716" s="613"/>
      <c r="EPR716" s="613"/>
      <c r="EPS716" s="613"/>
      <c r="EPT716" s="613"/>
      <c r="EPU716" s="613"/>
      <c r="EPV716" s="613"/>
      <c r="EPW716" s="613"/>
      <c r="EPX716" s="613"/>
      <c r="EPY716" s="613"/>
      <c r="EPZ716" s="613"/>
      <c r="EQA716" s="613"/>
      <c r="EQB716" s="613"/>
      <c r="EQC716" s="613"/>
      <c r="EQD716" s="613"/>
      <c r="EQE716" s="613"/>
      <c r="EQF716" s="613"/>
      <c r="EQG716" s="613"/>
      <c r="EQH716" s="613"/>
      <c r="EQI716" s="613"/>
      <c r="EQJ716" s="613"/>
      <c r="EQK716" s="613"/>
      <c r="EQL716" s="613"/>
      <c r="EQM716" s="613"/>
      <c r="EQN716" s="613"/>
      <c r="EQO716" s="613"/>
      <c r="EQP716" s="613"/>
      <c r="EQQ716" s="613"/>
      <c r="EQR716" s="613"/>
      <c r="EQS716" s="613"/>
      <c r="EQT716" s="613"/>
      <c r="EQU716" s="613"/>
      <c r="EQV716" s="613"/>
      <c r="EQW716" s="613"/>
      <c r="EQX716" s="613"/>
      <c r="EQY716" s="613"/>
      <c r="EQZ716" s="613"/>
      <c r="ERA716" s="613"/>
      <c r="ERB716" s="613"/>
      <c r="ERC716" s="613"/>
      <c r="ERD716" s="613"/>
      <c r="ERE716" s="613"/>
      <c r="ERF716" s="613"/>
      <c r="ERG716" s="613"/>
      <c r="ERH716" s="613"/>
      <c r="ERI716" s="613"/>
      <c r="ERJ716" s="613"/>
      <c r="ERK716" s="613"/>
      <c r="ERL716" s="613"/>
      <c r="ERM716" s="613"/>
      <c r="ERN716" s="613"/>
      <c r="ERO716" s="613"/>
      <c r="ERP716" s="613"/>
      <c r="ERQ716" s="613"/>
      <c r="ERR716" s="613"/>
      <c r="ERS716" s="613"/>
      <c r="ERT716" s="613"/>
      <c r="ERU716" s="613"/>
      <c r="ERV716" s="613"/>
      <c r="ERW716" s="613"/>
      <c r="ERX716" s="613"/>
      <c r="ERY716" s="613"/>
      <c r="ERZ716" s="613"/>
      <c r="ESA716" s="613"/>
      <c r="ESB716" s="613"/>
      <c r="ESC716" s="613"/>
      <c r="ESD716" s="613"/>
      <c r="ESE716" s="613"/>
      <c r="ESF716" s="613"/>
      <c r="ESG716" s="613"/>
      <c r="ESH716" s="613"/>
      <c r="ESI716" s="613"/>
      <c r="ESJ716" s="613"/>
      <c r="ESK716" s="613"/>
      <c r="ESL716" s="613"/>
      <c r="ESM716" s="613"/>
      <c r="ESN716" s="613"/>
      <c r="ESO716" s="613"/>
      <c r="ESP716" s="613"/>
      <c r="ESQ716" s="613"/>
      <c r="ESR716" s="613"/>
      <c r="ESS716" s="613"/>
      <c r="EST716" s="613"/>
      <c r="ESU716" s="613"/>
      <c r="ESV716" s="613"/>
      <c r="ESW716" s="613"/>
      <c r="ESX716" s="613"/>
      <c r="ESY716" s="613"/>
      <c r="ESZ716" s="613"/>
      <c r="ETA716" s="613"/>
      <c r="ETB716" s="613"/>
      <c r="ETC716" s="613"/>
      <c r="ETD716" s="613"/>
      <c r="ETE716" s="613"/>
      <c r="ETF716" s="613"/>
      <c r="ETG716" s="613"/>
      <c r="ETH716" s="613"/>
      <c r="ETI716" s="613"/>
      <c r="ETJ716" s="613"/>
      <c r="ETK716" s="613"/>
      <c r="ETL716" s="613"/>
      <c r="ETM716" s="613"/>
      <c r="ETN716" s="613"/>
      <c r="ETO716" s="613"/>
      <c r="ETP716" s="613"/>
      <c r="ETQ716" s="613"/>
      <c r="ETR716" s="613"/>
      <c r="ETS716" s="613"/>
      <c r="ETT716" s="613"/>
      <c r="ETU716" s="613"/>
      <c r="ETV716" s="613"/>
      <c r="ETW716" s="613"/>
      <c r="ETX716" s="613"/>
      <c r="ETY716" s="613"/>
      <c r="ETZ716" s="613"/>
      <c r="EUA716" s="613"/>
      <c r="EUB716" s="613"/>
      <c r="EUC716" s="613"/>
      <c r="EUD716" s="613"/>
      <c r="EUE716" s="613"/>
      <c r="EUF716" s="613"/>
      <c r="EUG716" s="613"/>
      <c r="EUH716" s="613"/>
      <c r="EUI716" s="613"/>
      <c r="EUJ716" s="613"/>
      <c r="EUK716" s="613"/>
      <c r="EUL716" s="613"/>
      <c r="EUM716" s="613"/>
      <c r="EUN716" s="613"/>
      <c r="EUO716" s="613"/>
      <c r="EUP716" s="613"/>
      <c r="EUQ716" s="613"/>
      <c r="EUR716" s="613"/>
      <c r="EUS716" s="613"/>
      <c r="EUT716" s="613"/>
      <c r="EUU716" s="613"/>
      <c r="EUV716" s="613"/>
      <c r="EUW716" s="613"/>
      <c r="EUX716" s="613"/>
      <c r="EUY716" s="613"/>
      <c r="EUZ716" s="613"/>
      <c r="EVA716" s="613"/>
      <c r="EVB716" s="613"/>
      <c r="EVC716" s="613"/>
      <c r="EVD716" s="613"/>
      <c r="EVE716" s="613"/>
      <c r="EVF716" s="613"/>
      <c r="EVG716" s="613"/>
      <c r="EVH716" s="613"/>
      <c r="EVI716" s="613"/>
      <c r="EVJ716" s="613"/>
      <c r="EVK716" s="613"/>
      <c r="EVL716" s="613"/>
      <c r="EVM716" s="613"/>
      <c r="EVN716" s="613"/>
      <c r="EVO716" s="613"/>
      <c r="EVP716" s="613"/>
      <c r="EVQ716" s="613"/>
      <c r="EVR716" s="613"/>
      <c r="EVS716" s="613"/>
      <c r="EVT716" s="613"/>
      <c r="EVU716" s="613"/>
      <c r="EVV716" s="613"/>
      <c r="EVW716" s="613"/>
      <c r="EVX716" s="613"/>
      <c r="EVY716" s="613"/>
      <c r="EVZ716" s="613"/>
      <c r="EWA716" s="613"/>
      <c r="EWB716" s="613"/>
      <c r="EWC716" s="613"/>
      <c r="EWD716" s="613"/>
      <c r="EWE716" s="613"/>
      <c r="EWF716" s="613"/>
      <c r="EWG716" s="613"/>
      <c r="EWH716" s="613"/>
      <c r="EWI716" s="613"/>
      <c r="EWJ716" s="613"/>
      <c r="EWK716" s="613"/>
      <c r="EWL716" s="613"/>
      <c r="EWM716" s="613"/>
      <c r="EWN716" s="613"/>
      <c r="EWO716" s="613"/>
      <c r="EWP716" s="613"/>
      <c r="EWQ716" s="613"/>
      <c r="EWR716" s="613"/>
      <c r="EWS716" s="613"/>
      <c r="EWT716" s="613"/>
      <c r="EWU716" s="613"/>
      <c r="EWV716" s="613"/>
      <c r="EWW716" s="613"/>
      <c r="EWX716" s="613"/>
      <c r="EWY716" s="613"/>
      <c r="EWZ716" s="613"/>
      <c r="EXA716" s="613"/>
      <c r="EXB716" s="613"/>
      <c r="EXC716" s="613"/>
      <c r="EXD716" s="613"/>
      <c r="EXE716" s="613"/>
      <c r="EXF716" s="613"/>
      <c r="EXG716" s="613"/>
      <c r="EXH716" s="613"/>
      <c r="EXI716" s="613"/>
      <c r="EXJ716" s="613"/>
      <c r="EXK716" s="613"/>
      <c r="EXL716" s="613"/>
      <c r="EXM716" s="613"/>
      <c r="EXN716" s="613"/>
      <c r="EXO716" s="613"/>
      <c r="EXP716" s="613"/>
      <c r="EXQ716" s="613"/>
      <c r="EXR716" s="613"/>
      <c r="EXS716" s="613"/>
      <c r="EXT716" s="613"/>
      <c r="EXU716" s="613"/>
      <c r="EXV716" s="613"/>
      <c r="EXW716" s="613"/>
      <c r="EXX716" s="613"/>
      <c r="EXY716" s="613"/>
      <c r="EXZ716" s="613"/>
      <c r="EYA716" s="613"/>
      <c r="EYB716" s="613"/>
      <c r="EYC716" s="613"/>
      <c r="EYD716" s="613"/>
      <c r="EYE716" s="613"/>
      <c r="EYF716" s="613"/>
      <c r="EYG716" s="613"/>
      <c r="EYH716" s="613"/>
      <c r="EYI716" s="613"/>
      <c r="EYJ716" s="613"/>
      <c r="EYK716" s="613"/>
      <c r="EYL716" s="613"/>
      <c r="EYM716" s="613"/>
      <c r="EYN716" s="613"/>
      <c r="EYO716" s="613"/>
      <c r="EYP716" s="613"/>
      <c r="EYQ716" s="613"/>
      <c r="EYR716" s="613"/>
      <c r="EYS716" s="613"/>
      <c r="EYT716" s="613"/>
      <c r="EYU716" s="613"/>
      <c r="EYV716" s="613"/>
      <c r="EYW716" s="613"/>
      <c r="EYX716" s="613"/>
      <c r="EYY716" s="613"/>
      <c r="EYZ716" s="613"/>
      <c r="EZA716" s="613"/>
      <c r="EZB716" s="613"/>
      <c r="EZC716" s="613"/>
      <c r="EZD716" s="613"/>
      <c r="EZE716" s="613"/>
      <c r="EZF716" s="613"/>
      <c r="EZG716" s="613"/>
      <c r="EZH716" s="613"/>
      <c r="EZI716" s="613"/>
      <c r="EZJ716" s="613"/>
      <c r="EZK716" s="613"/>
      <c r="EZL716" s="613"/>
      <c r="EZM716" s="613"/>
      <c r="EZN716" s="613"/>
      <c r="EZO716" s="613"/>
      <c r="EZP716" s="613"/>
      <c r="EZQ716" s="613"/>
      <c r="EZR716" s="613"/>
      <c r="EZS716" s="613"/>
      <c r="EZT716" s="613"/>
      <c r="EZU716" s="613"/>
      <c r="EZV716" s="613"/>
      <c r="EZW716" s="613"/>
      <c r="EZX716" s="613"/>
      <c r="EZY716" s="613"/>
      <c r="EZZ716" s="613"/>
      <c r="FAA716" s="613"/>
      <c r="FAB716" s="613"/>
      <c r="FAC716" s="613"/>
      <c r="FAD716" s="613"/>
      <c r="FAE716" s="613"/>
      <c r="FAF716" s="613"/>
      <c r="FAG716" s="613"/>
      <c r="FAH716" s="613"/>
      <c r="FAI716" s="613"/>
      <c r="FAJ716" s="613"/>
      <c r="FAK716" s="613"/>
      <c r="FAL716" s="613"/>
      <c r="FAM716" s="613"/>
      <c r="FAN716" s="613"/>
      <c r="FAO716" s="613"/>
      <c r="FAP716" s="613"/>
      <c r="FAQ716" s="613"/>
      <c r="FAR716" s="613"/>
      <c r="FAS716" s="613"/>
      <c r="FAT716" s="613"/>
      <c r="FAU716" s="613"/>
      <c r="FAV716" s="613"/>
      <c r="FAW716" s="613"/>
      <c r="FAX716" s="613"/>
      <c r="FAY716" s="613"/>
      <c r="FAZ716" s="613"/>
      <c r="FBA716" s="613"/>
      <c r="FBB716" s="613"/>
      <c r="FBC716" s="613"/>
      <c r="FBD716" s="613"/>
      <c r="FBE716" s="613"/>
      <c r="FBF716" s="613"/>
      <c r="FBG716" s="613"/>
      <c r="FBH716" s="613"/>
      <c r="FBI716" s="613"/>
      <c r="FBJ716" s="613"/>
      <c r="FBK716" s="613"/>
      <c r="FBL716" s="613"/>
      <c r="FBM716" s="613"/>
      <c r="FBN716" s="613"/>
      <c r="FBO716" s="613"/>
      <c r="FBP716" s="613"/>
      <c r="FBQ716" s="613"/>
      <c r="FBR716" s="613"/>
      <c r="FBS716" s="613"/>
      <c r="FBT716" s="613"/>
      <c r="FBU716" s="613"/>
      <c r="FBV716" s="613"/>
      <c r="FBW716" s="613"/>
      <c r="FBX716" s="613"/>
      <c r="FBY716" s="613"/>
      <c r="FBZ716" s="613"/>
      <c r="FCA716" s="613"/>
      <c r="FCB716" s="613"/>
      <c r="FCC716" s="613"/>
      <c r="FCD716" s="613"/>
      <c r="FCE716" s="613"/>
      <c r="FCF716" s="613"/>
      <c r="FCG716" s="613"/>
      <c r="FCH716" s="613"/>
      <c r="FCI716" s="613"/>
      <c r="FCJ716" s="613"/>
      <c r="FCK716" s="613"/>
      <c r="FCL716" s="613"/>
      <c r="FCM716" s="613"/>
      <c r="FCN716" s="613"/>
      <c r="FCO716" s="613"/>
      <c r="FCP716" s="613"/>
      <c r="FCQ716" s="613"/>
      <c r="FCR716" s="613"/>
      <c r="FCS716" s="613"/>
      <c r="FCT716" s="613"/>
      <c r="FCU716" s="613"/>
      <c r="FCV716" s="613"/>
      <c r="FCW716" s="613"/>
      <c r="FCX716" s="613"/>
      <c r="FCY716" s="613"/>
      <c r="FCZ716" s="613"/>
      <c r="FDA716" s="613"/>
      <c r="FDB716" s="613"/>
      <c r="FDC716" s="613"/>
      <c r="FDD716" s="613"/>
      <c r="FDE716" s="613"/>
      <c r="FDF716" s="613"/>
      <c r="FDG716" s="613"/>
      <c r="FDH716" s="613"/>
      <c r="FDI716" s="613"/>
      <c r="FDJ716" s="613"/>
      <c r="FDK716" s="613"/>
      <c r="FDL716" s="613"/>
      <c r="FDM716" s="613"/>
      <c r="FDN716" s="613"/>
      <c r="FDO716" s="613"/>
      <c r="FDP716" s="613"/>
      <c r="FDQ716" s="613"/>
      <c r="FDR716" s="613"/>
      <c r="FDS716" s="613"/>
      <c r="FDT716" s="613"/>
      <c r="FDU716" s="613"/>
      <c r="FDV716" s="613"/>
      <c r="FDW716" s="613"/>
      <c r="FDX716" s="613"/>
      <c r="FDY716" s="613"/>
      <c r="FDZ716" s="613"/>
      <c r="FEA716" s="613"/>
      <c r="FEB716" s="613"/>
      <c r="FEC716" s="613"/>
      <c r="FED716" s="613"/>
      <c r="FEE716" s="613"/>
      <c r="FEF716" s="613"/>
      <c r="FEG716" s="613"/>
      <c r="FEH716" s="613"/>
      <c r="FEI716" s="613"/>
      <c r="FEJ716" s="613"/>
      <c r="FEK716" s="613"/>
      <c r="FEL716" s="613"/>
      <c r="FEM716" s="613"/>
      <c r="FEN716" s="613"/>
      <c r="FEO716" s="613"/>
      <c r="FEP716" s="613"/>
      <c r="FEQ716" s="613"/>
      <c r="FER716" s="613"/>
      <c r="FES716" s="613"/>
      <c r="FET716" s="613"/>
      <c r="FEU716" s="613"/>
      <c r="FEV716" s="613"/>
      <c r="FEW716" s="613"/>
      <c r="FEX716" s="613"/>
      <c r="FEY716" s="613"/>
      <c r="FEZ716" s="613"/>
      <c r="FFA716" s="613"/>
      <c r="FFB716" s="613"/>
      <c r="FFC716" s="613"/>
      <c r="FFD716" s="613"/>
      <c r="FFE716" s="613"/>
      <c r="FFF716" s="613"/>
      <c r="FFG716" s="613"/>
      <c r="FFH716" s="613"/>
      <c r="FFI716" s="613"/>
      <c r="FFJ716" s="613"/>
      <c r="FFK716" s="613"/>
      <c r="FFL716" s="613"/>
      <c r="FFM716" s="613"/>
      <c r="FFN716" s="613"/>
      <c r="FFO716" s="613"/>
      <c r="FFP716" s="613"/>
      <c r="FFQ716" s="613"/>
      <c r="FFR716" s="613"/>
      <c r="FFS716" s="613"/>
      <c r="FFT716" s="613"/>
      <c r="FFU716" s="613"/>
      <c r="FFV716" s="613"/>
      <c r="FFW716" s="613"/>
      <c r="FFX716" s="613"/>
      <c r="FFY716" s="613"/>
      <c r="FFZ716" s="613"/>
      <c r="FGA716" s="613"/>
      <c r="FGB716" s="613"/>
      <c r="FGC716" s="613"/>
      <c r="FGD716" s="613"/>
      <c r="FGE716" s="613"/>
      <c r="FGF716" s="613"/>
      <c r="FGG716" s="613"/>
      <c r="FGH716" s="613"/>
      <c r="FGI716" s="613"/>
      <c r="FGJ716" s="613"/>
      <c r="FGK716" s="613"/>
      <c r="FGL716" s="613"/>
      <c r="FGM716" s="613"/>
      <c r="FGN716" s="613"/>
      <c r="FGO716" s="613"/>
      <c r="FGP716" s="613"/>
      <c r="FGQ716" s="613"/>
      <c r="FGR716" s="613"/>
      <c r="FGS716" s="613"/>
      <c r="FGT716" s="613"/>
      <c r="FGU716" s="613"/>
      <c r="FGV716" s="613"/>
      <c r="FGW716" s="613"/>
      <c r="FGX716" s="613"/>
      <c r="FGY716" s="613"/>
      <c r="FGZ716" s="613"/>
      <c r="FHA716" s="613"/>
      <c r="FHB716" s="613"/>
      <c r="FHC716" s="613"/>
      <c r="FHD716" s="613"/>
      <c r="FHE716" s="613"/>
      <c r="FHF716" s="613"/>
      <c r="FHG716" s="613"/>
      <c r="FHH716" s="613"/>
      <c r="FHI716" s="613"/>
      <c r="FHJ716" s="613"/>
      <c r="FHK716" s="613"/>
      <c r="FHL716" s="613"/>
      <c r="FHM716" s="613"/>
      <c r="FHN716" s="613"/>
      <c r="FHO716" s="613"/>
      <c r="FHP716" s="613"/>
      <c r="FHQ716" s="613"/>
      <c r="FHR716" s="613"/>
      <c r="FHS716" s="613"/>
      <c r="FHT716" s="613"/>
      <c r="FHU716" s="613"/>
      <c r="FHV716" s="613"/>
      <c r="FHW716" s="613"/>
      <c r="FHX716" s="613"/>
      <c r="FHY716" s="613"/>
      <c r="FHZ716" s="613"/>
      <c r="FIA716" s="613"/>
      <c r="FIB716" s="613"/>
      <c r="FIC716" s="613"/>
      <c r="FID716" s="613"/>
      <c r="FIE716" s="613"/>
      <c r="FIF716" s="613"/>
      <c r="FIG716" s="613"/>
      <c r="FIH716" s="613"/>
      <c r="FII716" s="613"/>
      <c r="FIJ716" s="613"/>
      <c r="FIK716" s="613"/>
      <c r="FIL716" s="613"/>
      <c r="FIM716" s="613"/>
      <c r="FIN716" s="613"/>
      <c r="FIO716" s="613"/>
      <c r="FIP716" s="613"/>
      <c r="FIQ716" s="613"/>
      <c r="FIR716" s="613"/>
      <c r="FIS716" s="613"/>
      <c r="FIT716" s="613"/>
      <c r="FIU716" s="613"/>
      <c r="FIV716" s="613"/>
      <c r="FIW716" s="613"/>
      <c r="FIX716" s="613"/>
      <c r="FIY716" s="613"/>
      <c r="FIZ716" s="613"/>
      <c r="FJA716" s="613"/>
      <c r="FJB716" s="613"/>
      <c r="FJC716" s="613"/>
      <c r="FJD716" s="613"/>
      <c r="FJE716" s="613"/>
      <c r="FJF716" s="613"/>
      <c r="FJG716" s="613"/>
      <c r="FJH716" s="613"/>
      <c r="FJI716" s="613"/>
      <c r="FJJ716" s="613"/>
      <c r="FJK716" s="613"/>
      <c r="FJL716" s="613"/>
      <c r="FJM716" s="613"/>
      <c r="FJN716" s="613"/>
      <c r="FJO716" s="613"/>
      <c r="FJP716" s="613"/>
      <c r="FJQ716" s="613"/>
      <c r="FJR716" s="613"/>
      <c r="FJS716" s="613"/>
      <c r="FJT716" s="613"/>
      <c r="FJU716" s="613"/>
      <c r="FJV716" s="613"/>
      <c r="FJW716" s="613"/>
      <c r="FJX716" s="613"/>
      <c r="FJY716" s="613"/>
      <c r="FJZ716" s="613"/>
      <c r="FKA716" s="613"/>
      <c r="FKB716" s="613"/>
      <c r="FKC716" s="613"/>
      <c r="FKD716" s="613"/>
      <c r="FKE716" s="613"/>
      <c r="FKF716" s="613"/>
      <c r="FKG716" s="613"/>
      <c r="FKH716" s="613"/>
      <c r="FKI716" s="613"/>
      <c r="FKJ716" s="613"/>
      <c r="FKK716" s="613"/>
      <c r="FKL716" s="613"/>
      <c r="FKM716" s="613"/>
      <c r="FKN716" s="613"/>
      <c r="FKO716" s="613"/>
      <c r="FKP716" s="613"/>
      <c r="FKQ716" s="613"/>
      <c r="FKR716" s="613"/>
      <c r="FKS716" s="613"/>
      <c r="FKT716" s="613"/>
      <c r="FKU716" s="613"/>
      <c r="FKV716" s="613"/>
      <c r="FKW716" s="613"/>
      <c r="FKX716" s="613"/>
      <c r="FKY716" s="613"/>
      <c r="FKZ716" s="613"/>
      <c r="FLA716" s="613"/>
      <c r="FLB716" s="613"/>
      <c r="FLC716" s="613"/>
      <c r="FLD716" s="613"/>
      <c r="FLE716" s="613"/>
      <c r="FLF716" s="613"/>
      <c r="FLG716" s="613"/>
      <c r="FLH716" s="613"/>
      <c r="FLI716" s="613"/>
      <c r="FLJ716" s="613"/>
      <c r="FLK716" s="613"/>
      <c r="FLL716" s="613"/>
      <c r="FLM716" s="613"/>
      <c r="FLN716" s="613"/>
      <c r="FLO716" s="613"/>
      <c r="FLP716" s="613"/>
      <c r="FLQ716" s="613"/>
      <c r="FLR716" s="613"/>
      <c r="FLS716" s="613"/>
      <c r="FLT716" s="613"/>
      <c r="FLU716" s="613"/>
      <c r="FLV716" s="613"/>
      <c r="FLW716" s="613"/>
      <c r="FLX716" s="613"/>
      <c r="FLY716" s="613"/>
      <c r="FLZ716" s="613"/>
      <c r="FMA716" s="613"/>
      <c r="FMB716" s="613"/>
      <c r="FMC716" s="613"/>
      <c r="FMD716" s="613"/>
      <c r="FME716" s="613"/>
      <c r="FMF716" s="613"/>
      <c r="FMG716" s="613"/>
      <c r="FMH716" s="613"/>
      <c r="FMI716" s="613"/>
      <c r="FMJ716" s="613"/>
      <c r="FMK716" s="613"/>
      <c r="FML716" s="613"/>
      <c r="FMM716" s="613"/>
      <c r="FMN716" s="613"/>
      <c r="FMO716" s="613"/>
      <c r="FMP716" s="613"/>
      <c r="FMQ716" s="613"/>
      <c r="FMR716" s="613"/>
      <c r="FMS716" s="613"/>
      <c r="FMT716" s="613"/>
      <c r="FMU716" s="613"/>
      <c r="FMV716" s="613"/>
      <c r="FMW716" s="613"/>
      <c r="FMX716" s="613"/>
      <c r="FMY716" s="613"/>
      <c r="FMZ716" s="613"/>
      <c r="FNA716" s="613"/>
      <c r="FNB716" s="613"/>
      <c r="FNC716" s="613"/>
      <c r="FND716" s="613"/>
      <c r="FNE716" s="613"/>
      <c r="FNF716" s="613"/>
      <c r="FNG716" s="613"/>
      <c r="FNH716" s="613"/>
      <c r="FNI716" s="613"/>
      <c r="FNJ716" s="613"/>
      <c r="FNK716" s="613"/>
      <c r="FNL716" s="613"/>
      <c r="FNM716" s="613"/>
      <c r="FNN716" s="613"/>
      <c r="FNO716" s="613"/>
      <c r="FNP716" s="613"/>
      <c r="FNQ716" s="613"/>
      <c r="FNR716" s="613"/>
      <c r="FNS716" s="613"/>
      <c r="FNT716" s="613"/>
      <c r="FNU716" s="613"/>
      <c r="FNV716" s="613"/>
      <c r="FNW716" s="613"/>
      <c r="FNX716" s="613"/>
      <c r="FNY716" s="613"/>
      <c r="FNZ716" s="613"/>
      <c r="FOA716" s="613"/>
      <c r="FOB716" s="613"/>
      <c r="FOC716" s="613"/>
      <c r="FOD716" s="613"/>
      <c r="FOE716" s="613"/>
      <c r="FOF716" s="613"/>
      <c r="FOG716" s="613"/>
      <c r="FOH716" s="613"/>
      <c r="FOI716" s="613"/>
      <c r="FOJ716" s="613"/>
      <c r="FOK716" s="613"/>
      <c r="FOL716" s="613"/>
      <c r="FOM716" s="613"/>
      <c r="FON716" s="613"/>
      <c r="FOO716" s="613"/>
      <c r="FOP716" s="613"/>
      <c r="FOQ716" s="613"/>
      <c r="FOR716" s="613"/>
      <c r="FOS716" s="613"/>
      <c r="FOT716" s="613"/>
      <c r="FOU716" s="613"/>
      <c r="FOV716" s="613"/>
      <c r="FOW716" s="613"/>
      <c r="FOX716" s="613"/>
      <c r="FOY716" s="613"/>
      <c r="FOZ716" s="613"/>
      <c r="FPA716" s="613"/>
      <c r="FPB716" s="613"/>
      <c r="FPC716" s="613"/>
      <c r="FPD716" s="613"/>
      <c r="FPE716" s="613"/>
      <c r="FPF716" s="613"/>
      <c r="FPG716" s="613"/>
      <c r="FPH716" s="613"/>
      <c r="FPI716" s="613"/>
      <c r="FPJ716" s="613"/>
      <c r="FPK716" s="613"/>
      <c r="FPL716" s="613"/>
      <c r="FPM716" s="613"/>
      <c r="FPN716" s="613"/>
      <c r="FPO716" s="613"/>
      <c r="FPP716" s="613"/>
      <c r="FPQ716" s="613"/>
      <c r="FPR716" s="613"/>
      <c r="FPS716" s="613"/>
      <c r="FPT716" s="613"/>
      <c r="FPU716" s="613"/>
      <c r="FPV716" s="613"/>
      <c r="FPW716" s="613"/>
      <c r="FPX716" s="613"/>
      <c r="FPY716" s="613"/>
      <c r="FPZ716" s="613"/>
      <c r="FQA716" s="613"/>
      <c r="FQB716" s="613"/>
      <c r="FQC716" s="613"/>
      <c r="FQD716" s="613"/>
      <c r="FQE716" s="613"/>
      <c r="FQF716" s="613"/>
      <c r="FQG716" s="613"/>
      <c r="FQH716" s="613"/>
      <c r="FQI716" s="613"/>
      <c r="FQJ716" s="613"/>
      <c r="FQK716" s="613"/>
      <c r="FQL716" s="613"/>
      <c r="FQM716" s="613"/>
      <c r="FQN716" s="613"/>
      <c r="FQO716" s="613"/>
      <c r="FQP716" s="613"/>
      <c r="FQQ716" s="613"/>
      <c r="FQR716" s="613"/>
      <c r="FQS716" s="613"/>
      <c r="FQT716" s="613"/>
      <c r="FQU716" s="613"/>
      <c r="FQV716" s="613"/>
      <c r="FQW716" s="613"/>
      <c r="FQX716" s="613"/>
      <c r="FQY716" s="613"/>
      <c r="FQZ716" s="613"/>
      <c r="FRA716" s="613"/>
      <c r="FRB716" s="613"/>
      <c r="FRC716" s="613"/>
      <c r="FRD716" s="613"/>
      <c r="FRE716" s="613"/>
      <c r="FRF716" s="613"/>
      <c r="FRG716" s="613"/>
      <c r="FRH716" s="613"/>
      <c r="FRI716" s="613"/>
      <c r="FRJ716" s="613"/>
      <c r="FRK716" s="613"/>
      <c r="FRL716" s="613"/>
      <c r="FRM716" s="613"/>
      <c r="FRN716" s="613"/>
      <c r="FRO716" s="613"/>
      <c r="FRP716" s="613"/>
      <c r="FRQ716" s="613"/>
      <c r="FRR716" s="613"/>
      <c r="FRS716" s="613"/>
      <c r="FRT716" s="613"/>
      <c r="FRU716" s="613"/>
      <c r="FRV716" s="613"/>
      <c r="FRW716" s="613"/>
      <c r="FRX716" s="613"/>
      <c r="FRY716" s="613"/>
      <c r="FRZ716" s="613"/>
      <c r="FSA716" s="613"/>
      <c r="FSB716" s="613"/>
      <c r="FSC716" s="613"/>
      <c r="FSD716" s="613"/>
      <c r="FSE716" s="613"/>
      <c r="FSF716" s="613"/>
      <c r="FSG716" s="613"/>
      <c r="FSH716" s="613"/>
      <c r="FSI716" s="613"/>
      <c r="FSJ716" s="613"/>
      <c r="FSK716" s="613"/>
      <c r="FSL716" s="613"/>
      <c r="FSM716" s="613"/>
      <c r="FSN716" s="613"/>
      <c r="FSO716" s="613"/>
      <c r="FSP716" s="613"/>
      <c r="FSQ716" s="613"/>
      <c r="FSR716" s="613"/>
      <c r="FSS716" s="613"/>
      <c r="FST716" s="613"/>
      <c r="FSU716" s="613"/>
      <c r="FSV716" s="613"/>
      <c r="FSW716" s="613"/>
      <c r="FSX716" s="613"/>
      <c r="FSY716" s="613"/>
      <c r="FSZ716" s="613"/>
      <c r="FTA716" s="613"/>
      <c r="FTB716" s="613"/>
      <c r="FTC716" s="613"/>
      <c r="FTD716" s="613"/>
      <c r="FTE716" s="613"/>
      <c r="FTF716" s="613"/>
      <c r="FTG716" s="613"/>
      <c r="FTH716" s="613"/>
      <c r="FTI716" s="613"/>
      <c r="FTJ716" s="613"/>
      <c r="FTK716" s="613"/>
      <c r="FTL716" s="613"/>
      <c r="FTM716" s="613"/>
      <c r="FTN716" s="613"/>
      <c r="FTO716" s="613"/>
      <c r="FTP716" s="613"/>
      <c r="FTQ716" s="613"/>
      <c r="FTR716" s="613"/>
      <c r="FTS716" s="613"/>
      <c r="FTT716" s="613"/>
      <c r="FTU716" s="613"/>
      <c r="FTV716" s="613"/>
      <c r="FTW716" s="613"/>
      <c r="FTX716" s="613"/>
      <c r="FTY716" s="613"/>
      <c r="FTZ716" s="613"/>
      <c r="FUA716" s="613"/>
      <c r="FUB716" s="613"/>
      <c r="FUC716" s="613"/>
      <c r="FUD716" s="613"/>
      <c r="FUE716" s="613"/>
      <c r="FUF716" s="613"/>
      <c r="FUG716" s="613"/>
      <c r="FUH716" s="613"/>
      <c r="FUI716" s="613"/>
      <c r="FUJ716" s="613"/>
      <c r="FUK716" s="613"/>
      <c r="FUL716" s="613"/>
      <c r="FUM716" s="613"/>
      <c r="FUN716" s="613"/>
      <c r="FUO716" s="613"/>
      <c r="FUP716" s="613"/>
      <c r="FUQ716" s="613"/>
      <c r="FUR716" s="613"/>
      <c r="FUS716" s="613"/>
      <c r="FUT716" s="613"/>
      <c r="FUU716" s="613"/>
      <c r="FUV716" s="613"/>
      <c r="FUW716" s="613"/>
      <c r="FUX716" s="613"/>
      <c r="FUY716" s="613"/>
      <c r="FUZ716" s="613"/>
      <c r="FVA716" s="613"/>
      <c r="FVB716" s="613"/>
      <c r="FVC716" s="613"/>
      <c r="FVD716" s="613"/>
      <c r="FVE716" s="613"/>
      <c r="FVF716" s="613"/>
      <c r="FVG716" s="613"/>
      <c r="FVH716" s="613"/>
      <c r="FVI716" s="613"/>
      <c r="FVJ716" s="613"/>
      <c r="FVK716" s="613"/>
      <c r="FVL716" s="613"/>
      <c r="FVM716" s="613"/>
      <c r="FVN716" s="613"/>
      <c r="FVO716" s="613"/>
      <c r="FVP716" s="613"/>
      <c r="FVQ716" s="613"/>
      <c r="FVR716" s="613"/>
      <c r="FVS716" s="613"/>
      <c r="FVT716" s="613"/>
      <c r="FVU716" s="613"/>
      <c r="FVV716" s="613"/>
      <c r="FVW716" s="613"/>
      <c r="FVX716" s="613"/>
      <c r="FVY716" s="613"/>
      <c r="FVZ716" s="613"/>
      <c r="FWA716" s="613"/>
      <c r="FWB716" s="613"/>
      <c r="FWC716" s="613"/>
      <c r="FWD716" s="613"/>
      <c r="FWE716" s="613"/>
      <c r="FWF716" s="613"/>
      <c r="FWG716" s="613"/>
      <c r="FWH716" s="613"/>
      <c r="FWI716" s="613"/>
      <c r="FWJ716" s="613"/>
      <c r="FWK716" s="613"/>
      <c r="FWL716" s="613"/>
      <c r="FWM716" s="613"/>
      <c r="FWN716" s="613"/>
      <c r="FWO716" s="613"/>
      <c r="FWP716" s="613"/>
      <c r="FWQ716" s="613"/>
      <c r="FWR716" s="613"/>
      <c r="FWS716" s="613"/>
      <c r="FWT716" s="613"/>
      <c r="FWU716" s="613"/>
      <c r="FWV716" s="613"/>
      <c r="FWW716" s="613"/>
      <c r="FWX716" s="613"/>
      <c r="FWY716" s="613"/>
      <c r="FWZ716" s="613"/>
      <c r="FXA716" s="613"/>
      <c r="FXB716" s="613"/>
      <c r="FXC716" s="613"/>
      <c r="FXD716" s="613"/>
      <c r="FXE716" s="613"/>
      <c r="FXF716" s="613"/>
      <c r="FXG716" s="613"/>
      <c r="FXH716" s="613"/>
      <c r="FXI716" s="613"/>
      <c r="FXJ716" s="613"/>
      <c r="FXK716" s="613"/>
      <c r="FXL716" s="613"/>
      <c r="FXM716" s="613"/>
      <c r="FXN716" s="613"/>
      <c r="FXO716" s="613"/>
      <c r="FXP716" s="613"/>
      <c r="FXQ716" s="613"/>
      <c r="FXR716" s="613"/>
      <c r="FXS716" s="613"/>
      <c r="FXT716" s="613"/>
      <c r="FXU716" s="613"/>
      <c r="FXV716" s="613"/>
      <c r="FXW716" s="613"/>
      <c r="FXX716" s="613"/>
      <c r="FXY716" s="613"/>
      <c r="FXZ716" s="613"/>
      <c r="FYA716" s="613"/>
      <c r="FYB716" s="613"/>
      <c r="FYC716" s="613"/>
      <c r="FYD716" s="613"/>
      <c r="FYE716" s="613"/>
      <c r="FYF716" s="613"/>
      <c r="FYG716" s="613"/>
      <c r="FYH716" s="613"/>
      <c r="FYI716" s="613"/>
      <c r="FYJ716" s="613"/>
      <c r="FYK716" s="613"/>
      <c r="FYL716" s="613"/>
      <c r="FYM716" s="613"/>
      <c r="FYN716" s="613"/>
      <c r="FYO716" s="613"/>
      <c r="FYP716" s="613"/>
      <c r="FYQ716" s="613"/>
      <c r="FYR716" s="613"/>
      <c r="FYS716" s="613"/>
      <c r="FYT716" s="613"/>
      <c r="FYU716" s="613"/>
      <c r="FYV716" s="613"/>
      <c r="FYW716" s="613"/>
      <c r="FYX716" s="613"/>
      <c r="FYY716" s="613"/>
      <c r="FYZ716" s="613"/>
      <c r="FZA716" s="613"/>
      <c r="FZB716" s="613"/>
      <c r="FZC716" s="613"/>
      <c r="FZD716" s="613"/>
      <c r="FZE716" s="613"/>
      <c r="FZF716" s="613"/>
      <c r="FZG716" s="613"/>
      <c r="FZH716" s="613"/>
      <c r="FZI716" s="613"/>
      <c r="FZJ716" s="613"/>
      <c r="FZK716" s="613"/>
      <c r="FZL716" s="613"/>
      <c r="FZM716" s="613"/>
      <c r="FZN716" s="613"/>
      <c r="FZO716" s="613"/>
      <c r="FZP716" s="613"/>
      <c r="FZQ716" s="613"/>
      <c r="FZR716" s="613"/>
      <c r="FZS716" s="613"/>
      <c r="FZT716" s="613"/>
      <c r="FZU716" s="613"/>
      <c r="FZV716" s="613"/>
      <c r="FZW716" s="613"/>
      <c r="FZX716" s="613"/>
      <c r="FZY716" s="613"/>
      <c r="FZZ716" s="613"/>
      <c r="GAA716" s="613"/>
      <c r="GAB716" s="613"/>
      <c r="GAC716" s="613"/>
      <c r="GAD716" s="613"/>
      <c r="GAE716" s="613"/>
      <c r="GAF716" s="613"/>
      <c r="GAG716" s="613"/>
      <c r="GAH716" s="613"/>
      <c r="GAI716" s="613"/>
      <c r="GAJ716" s="613"/>
      <c r="GAK716" s="613"/>
      <c r="GAL716" s="613"/>
      <c r="GAM716" s="613"/>
      <c r="GAN716" s="613"/>
      <c r="GAO716" s="613"/>
      <c r="GAP716" s="613"/>
      <c r="GAQ716" s="613"/>
      <c r="GAR716" s="613"/>
      <c r="GAS716" s="613"/>
      <c r="GAT716" s="613"/>
      <c r="GAU716" s="613"/>
      <c r="GAV716" s="613"/>
      <c r="GAW716" s="613"/>
      <c r="GAX716" s="613"/>
      <c r="GAY716" s="613"/>
      <c r="GAZ716" s="613"/>
      <c r="GBA716" s="613"/>
      <c r="GBB716" s="613"/>
      <c r="GBC716" s="613"/>
      <c r="GBD716" s="613"/>
      <c r="GBE716" s="613"/>
      <c r="GBF716" s="613"/>
      <c r="GBG716" s="613"/>
      <c r="GBH716" s="613"/>
      <c r="GBI716" s="613"/>
      <c r="GBJ716" s="613"/>
      <c r="GBK716" s="613"/>
      <c r="GBL716" s="613"/>
      <c r="GBM716" s="613"/>
      <c r="GBN716" s="613"/>
      <c r="GBO716" s="613"/>
      <c r="GBP716" s="613"/>
      <c r="GBQ716" s="613"/>
      <c r="GBR716" s="613"/>
      <c r="GBS716" s="613"/>
      <c r="GBT716" s="613"/>
      <c r="GBU716" s="613"/>
      <c r="GBV716" s="613"/>
      <c r="GBW716" s="613"/>
      <c r="GBX716" s="613"/>
      <c r="GBY716" s="613"/>
      <c r="GBZ716" s="613"/>
      <c r="GCA716" s="613"/>
      <c r="GCB716" s="613"/>
      <c r="GCC716" s="613"/>
      <c r="GCD716" s="613"/>
      <c r="GCE716" s="613"/>
      <c r="GCF716" s="613"/>
      <c r="GCG716" s="613"/>
      <c r="GCH716" s="613"/>
      <c r="GCI716" s="613"/>
      <c r="GCJ716" s="613"/>
      <c r="GCK716" s="613"/>
      <c r="GCL716" s="613"/>
      <c r="GCM716" s="613"/>
      <c r="GCN716" s="613"/>
      <c r="GCO716" s="613"/>
      <c r="GCP716" s="613"/>
      <c r="GCQ716" s="613"/>
      <c r="GCR716" s="613"/>
      <c r="GCS716" s="613"/>
      <c r="GCT716" s="613"/>
      <c r="GCU716" s="613"/>
      <c r="GCV716" s="613"/>
      <c r="GCW716" s="613"/>
      <c r="GCX716" s="613"/>
      <c r="GCY716" s="613"/>
      <c r="GCZ716" s="613"/>
      <c r="GDA716" s="613"/>
      <c r="GDB716" s="613"/>
      <c r="GDC716" s="613"/>
      <c r="GDD716" s="613"/>
      <c r="GDE716" s="613"/>
      <c r="GDF716" s="613"/>
      <c r="GDG716" s="613"/>
      <c r="GDH716" s="613"/>
      <c r="GDI716" s="613"/>
      <c r="GDJ716" s="613"/>
      <c r="GDK716" s="613"/>
      <c r="GDL716" s="613"/>
      <c r="GDM716" s="613"/>
      <c r="GDN716" s="613"/>
      <c r="GDO716" s="613"/>
      <c r="GDP716" s="613"/>
      <c r="GDQ716" s="613"/>
      <c r="GDR716" s="613"/>
      <c r="GDS716" s="613"/>
      <c r="GDT716" s="613"/>
      <c r="GDU716" s="613"/>
      <c r="GDV716" s="613"/>
      <c r="GDW716" s="613"/>
      <c r="GDX716" s="613"/>
      <c r="GDY716" s="613"/>
      <c r="GDZ716" s="613"/>
      <c r="GEA716" s="613"/>
      <c r="GEB716" s="613"/>
      <c r="GEC716" s="613"/>
      <c r="GED716" s="613"/>
      <c r="GEE716" s="613"/>
      <c r="GEF716" s="613"/>
      <c r="GEG716" s="613"/>
      <c r="GEH716" s="613"/>
      <c r="GEI716" s="613"/>
      <c r="GEJ716" s="613"/>
      <c r="GEK716" s="613"/>
      <c r="GEL716" s="613"/>
      <c r="GEM716" s="613"/>
      <c r="GEN716" s="613"/>
      <c r="GEO716" s="613"/>
      <c r="GEP716" s="613"/>
      <c r="GEQ716" s="613"/>
      <c r="GER716" s="613"/>
      <c r="GES716" s="613"/>
      <c r="GET716" s="613"/>
      <c r="GEU716" s="613"/>
      <c r="GEV716" s="613"/>
      <c r="GEW716" s="613"/>
      <c r="GEX716" s="613"/>
      <c r="GEY716" s="613"/>
      <c r="GEZ716" s="613"/>
      <c r="GFA716" s="613"/>
      <c r="GFB716" s="613"/>
      <c r="GFC716" s="613"/>
      <c r="GFD716" s="613"/>
      <c r="GFE716" s="613"/>
      <c r="GFF716" s="613"/>
      <c r="GFG716" s="613"/>
      <c r="GFH716" s="613"/>
      <c r="GFI716" s="613"/>
      <c r="GFJ716" s="613"/>
      <c r="GFK716" s="613"/>
      <c r="GFL716" s="613"/>
      <c r="GFM716" s="613"/>
      <c r="GFN716" s="613"/>
      <c r="GFO716" s="613"/>
      <c r="GFP716" s="613"/>
      <c r="GFQ716" s="613"/>
      <c r="GFR716" s="613"/>
      <c r="GFS716" s="613"/>
      <c r="GFT716" s="613"/>
      <c r="GFU716" s="613"/>
      <c r="GFV716" s="613"/>
      <c r="GFW716" s="613"/>
      <c r="GFX716" s="613"/>
      <c r="GFY716" s="613"/>
      <c r="GFZ716" s="613"/>
      <c r="GGA716" s="613"/>
      <c r="GGB716" s="613"/>
      <c r="GGC716" s="613"/>
      <c r="GGD716" s="613"/>
      <c r="GGE716" s="613"/>
      <c r="GGF716" s="613"/>
      <c r="GGG716" s="613"/>
      <c r="GGH716" s="613"/>
      <c r="GGI716" s="613"/>
      <c r="GGJ716" s="613"/>
      <c r="GGK716" s="613"/>
      <c r="GGL716" s="613"/>
      <c r="GGM716" s="613"/>
      <c r="GGN716" s="613"/>
      <c r="GGO716" s="613"/>
      <c r="GGP716" s="613"/>
      <c r="GGQ716" s="613"/>
      <c r="GGR716" s="613"/>
      <c r="GGS716" s="613"/>
      <c r="GGT716" s="613"/>
      <c r="GGU716" s="613"/>
      <c r="GGV716" s="613"/>
      <c r="GGW716" s="613"/>
      <c r="GGX716" s="613"/>
      <c r="GGY716" s="613"/>
      <c r="GGZ716" s="613"/>
      <c r="GHA716" s="613"/>
      <c r="GHB716" s="613"/>
      <c r="GHC716" s="613"/>
      <c r="GHD716" s="613"/>
      <c r="GHE716" s="613"/>
      <c r="GHF716" s="613"/>
      <c r="GHG716" s="613"/>
      <c r="GHH716" s="613"/>
      <c r="GHI716" s="613"/>
      <c r="GHJ716" s="613"/>
      <c r="GHK716" s="613"/>
      <c r="GHL716" s="613"/>
      <c r="GHM716" s="613"/>
      <c r="GHN716" s="613"/>
      <c r="GHO716" s="613"/>
      <c r="GHP716" s="613"/>
      <c r="GHQ716" s="613"/>
      <c r="GHR716" s="613"/>
      <c r="GHS716" s="613"/>
      <c r="GHT716" s="613"/>
      <c r="GHU716" s="613"/>
      <c r="GHV716" s="613"/>
      <c r="GHW716" s="613"/>
      <c r="GHX716" s="613"/>
      <c r="GHY716" s="613"/>
      <c r="GHZ716" s="613"/>
      <c r="GIA716" s="613"/>
      <c r="GIB716" s="613"/>
      <c r="GIC716" s="613"/>
      <c r="GID716" s="613"/>
      <c r="GIE716" s="613"/>
      <c r="GIF716" s="613"/>
      <c r="GIG716" s="613"/>
      <c r="GIH716" s="613"/>
      <c r="GII716" s="613"/>
      <c r="GIJ716" s="613"/>
      <c r="GIK716" s="613"/>
      <c r="GIL716" s="613"/>
      <c r="GIM716" s="613"/>
      <c r="GIN716" s="613"/>
      <c r="GIO716" s="613"/>
      <c r="GIP716" s="613"/>
      <c r="GIQ716" s="613"/>
      <c r="GIR716" s="613"/>
      <c r="GIS716" s="613"/>
      <c r="GIT716" s="613"/>
      <c r="GIU716" s="613"/>
      <c r="GIV716" s="613"/>
      <c r="GIW716" s="613"/>
      <c r="GIX716" s="613"/>
      <c r="GIY716" s="613"/>
      <c r="GIZ716" s="613"/>
      <c r="GJA716" s="613"/>
      <c r="GJB716" s="613"/>
      <c r="GJC716" s="613"/>
      <c r="GJD716" s="613"/>
      <c r="GJE716" s="613"/>
      <c r="GJF716" s="613"/>
      <c r="GJG716" s="613"/>
      <c r="GJH716" s="613"/>
      <c r="GJI716" s="613"/>
      <c r="GJJ716" s="613"/>
      <c r="GJK716" s="613"/>
      <c r="GJL716" s="613"/>
      <c r="GJM716" s="613"/>
      <c r="GJN716" s="613"/>
      <c r="GJO716" s="613"/>
      <c r="GJP716" s="613"/>
      <c r="GJQ716" s="613"/>
      <c r="GJR716" s="613"/>
      <c r="GJS716" s="613"/>
      <c r="GJT716" s="613"/>
      <c r="GJU716" s="613"/>
      <c r="GJV716" s="613"/>
      <c r="GJW716" s="613"/>
      <c r="GJX716" s="613"/>
      <c r="GJY716" s="613"/>
      <c r="GJZ716" s="613"/>
      <c r="GKA716" s="613"/>
      <c r="GKB716" s="613"/>
      <c r="GKC716" s="613"/>
      <c r="GKD716" s="613"/>
      <c r="GKE716" s="613"/>
      <c r="GKF716" s="613"/>
      <c r="GKG716" s="613"/>
      <c r="GKH716" s="613"/>
      <c r="GKI716" s="613"/>
      <c r="GKJ716" s="613"/>
      <c r="GKK716" s="613"/>
      <c r="GKL716" s="613"/>
      <c r="GKM716" s="613"/>
      <c r="GKN716" s="613"/>
      <c r="GKO716" s="613"/>
      <c r="GKP716" s="613"/>
      <c r="GKQ716" s="613"/>
      <c r="GKR716" s="613"/>
      <c r="GKS716" s="613"/>
      <c r="GKT716" s="613"/>
      <c r="GKU716" s="613"/>
      <c r="GKV716" s="613"/>
      <c r="GKW716" s="613"/>
      <c r="GKX716" s="613"/>
      <c r="GKY716" s="613"/>
      <c r="GKZ716" s="613"/>
      <c r="GLA716" s="613"/>
      <c r="GLB716" s="613"/>
      <c r="GLC716" s="613"/>
      <c r="GLD716" s="613"/>
      <c r="GLE716" s="613"/>
      <c r="GLF716" s="613"/>
      <c r="GLG716" s="613"/>
      <c r="GLH716" s="613"/>
      <c r="GLI716" s="613"/>
      <c r="GLJ716" s="613"/>
      <c r="GLK716" s="613"/>
      <c r="GLL716" s="613"/>
      <c r="GLM716" s="613"/>
      <c r="GLN716" s="613"/>
      <c r="GLO716" s="613"/>
      <c r="GLP716" s="613"/>
      <c r="GLQ716" s="613"/>
      <c r="GLR716" s="613"/>
      <c r="GLS716" s="613"/>
      <c r="GLT716" s="613"/>
      <c r="GLU716" s="613"/>
      <c r="GLV716" s="613"/>
      <c r="GLW716" s="613"/>
      <c r="GLX716" s="613"/>
      <c r="GLY716" s="613"/>
      <c r="GLZ716" s="613"/>
      <c r="GMA716" s="613"/>
      <c r="GMB716" s="613"/>
      <c r="GMC716" s="613"/>
      <c r="GMD716" s="613"/>
      <c r="GME716" s="613"/>
      <c r="GMF716" s="613"/>
      <c r="GMG716" s="613"/>
      <c r="GMH716" s="613"/>
      <c r="GMI716" s="613"/>
      <c r="GMJ716" s="613"/>
      <c r="GMK716" s="613"/>
      <c r="GML716" s="613"/>
      <c r="GMM716" s="613"/>
      <c r="GMN716" s="613"/>
      <c r="GMO716" s="613"/>
      <c r="GMP716" s="613"/>
      <c r="GMQ716" s="613"/>
      <c r="GMR716" s="613"/>
      <c r="GMS716" s="613"/>
      <c r="GMT716" s="613"/>
      <c r="GMU716" s="613"/>
      <c r="GMV716" s="613"/>
      <c r="GMW716" s="613"/>
      <c r="GMX716" s="613"/>
      <c r="GMY716" s="613"/>
      <c r="GMZ716" s="613"/>
      <c r="GNA716" s="613"/>
      <c r="GNB716" s="613"/>
      <c r="GNC716" s="613"/>
      <c r="GND716" s="613"/>
      <c r="GNE716" s="613"/>
      <c r="GNF716" s="613"/>
      <c r="GNG716" s="613"/>
      <c r="GNH716" s="613"/>
      <c r="GNI716" s="613"/>
      <c r="GNJ716" s="613"/>
      <c r="GNK716" s="613"/>
      <c r="GNL716" s="613"/>
      <c r="GNM716" s="613"/>
      <c r="GNN716" s="613"/>
      <c r="GNO716" s="613"/>
      <c r="GNP716" s="613"/>
      <c r="GNQ716" s="613"/>
      <c r="GNR716" s="613"/>
      <c r="GNS716" s="613"/>
      <c r="GNT716" s="613"/>
      <c r="GNU716" s="613"/>
      <c r="GNV716" s="613"/>
      <c r="GNW716" s="613"/>
      <c r="GNX716" s="613"/>
      <c r="GNY716" s="613"/>
      <c r="GNZ716" s="613"/>
      <c r="GOA716" s="613"/>
      <c r="GOB716" s="613"/>
      <c r="GOC716" s="613"/>
      <c r="GOD716" s="613"/>
      <c r="GOE716" s="613"/>
      <c r="GOF716" s="613"/>
      <c r="GOG716" s="613"/>
      <c r="GOH716" s="613"/>
      <c r="GOI716" s="613"/>
      <c r="GOJ716" s="613"/>
      <c r="GOK716" s="613"/>
      <c r="GOL716" s="613"/>
      <c r="GOM716" s="613"/>
      <c r="GON716" s="613"/>
      <c r="GOO716" s="613"/>
      <c r="GOP716" s="613"/>
      <c r="GOQ716" s="613"/>
      <c r="GOR716" s="613"/>
      <c r="GOS716" s="613"/>
      <c r="GOT716" s="613"/>
      <c r="GOU716" s="613"/>
      <c r="GOV716" s="613"/>
      <c r="GOW716" s="613"/>
      <c r="GOX716" s="613"/>
      <c r="GOY716" s="613"/>
      <c r="GOZ716" s="613"/>
      <c r="GPA716" s="613"/>
      <c r="GPB716" s="613"/>
      <c r="GPC716" s="613"/>
      <c r="GPD716" s="613"/>
      <c r="GPE716" s="613"/>
      <c r="GPF716" s="613"/>
      <c r="GPG716" s="613"/>
      <c r="GPH716" s="613"/>
      <c r="GPI716" s="613"/>
      <c r="GPJ716" s="613"/>
      <c r="GPK716" s="613"/>
      <c r="GPL716" s="613"/>
      <c r="GPM716" s="613"/>
      <c r="GPN716" s="613"/>
      <c r="GPO716" s="613"/>
      <c r="GPP716" s="613"/>
      <c r="GPQ716" s="613"/>
      <c r="GPR716" s="613"/>
      <c r="GPS716" s="613"/>
      <c r="GPT716" s="613"/>
      <c r="GPU716" s="613"/>
      <c r="GPV716" s="613"/>
      <c r="GPW716" s="613"/>
      <c r="GPX716" s="613"/>
      <c r="GPY716" s="613"/>
      <c r="GPZ716" s="613"/>
      <c r="GQA716" s="613"/>
      <c r="GQB716" s="613"/>
      <c r="GQC716" s="613"/>
      <c r="GQD716" s="613"/>
      <c r="GQE716" s="613"/>
      <c r="GQF716" s="613"/>
      <c r="GQG716" s="613"/>
      <c r="GQH716" s="613"/>
      <c r="GQI716" s="613"/>
      <c r="GQJ716" s="613"/>
      <c r="GQK716" s="613"/>
      <c r="GQL716" s="613"/>
      <c r="GQM716" s="613"/>
      <c r="GQN716" s="613"/>
      <c r="GQO716" s="613"/>
      <c r="GQP716" s="613"/>
      <c r="GQQ716" s="613"/>
      <c r="GQR716" s="613"/>
      <c r="GQS716" s="613"/>
      <c r="GQT716" s="613"/>
      <c r="GQU716" s="613"/>
      <c r="GQV716" s="613"/>
      <c r="GQW716" s="613"/>
      <c r="GQX716" s="613"/>
      <c r="GQY716" s="613"/>
      <c r="GQZ716" s="613"/>
      <c r="GRA716" s="613"/>
      <c r="GRB716" s="613"/>
      <c r="GRC716" s="613"/>
      <c r="GRD716" s="613"/>
      <c r="GRE716" s="613"/>
      <c r="GRF716" s="613"/>
      <c r="GRG716" s="613"/>
      <c r="GRH716" s="613"/>
      <c r="GRI716" s="613"/>
      <c r="GRJ716" s="613"/>
      <c r="GRK716" s="613"/>
      <c r="GRL716" s="613"/>
      <c r="GRM716" s="613"/>
      <c r="GRN716" s="613"/>
      <c r="GRO716" s="613"/>
      <c r="GRP716" s="613"/>
      <c r="GRQ716" s="613"/>
      <c r="GRR716" s="613"/>
      <c r="GRS716" s="613"/>
      <c r="GRT716" s="613"/>
      <c r="GRU716" s="613"/>
      <c r="GRV716" s="613"/>
      <c r="GRW716" s="613"/>
      <c r="GRX716" s="613"/>
      <c r="GRY716" s="613"/>
      <c r="GRZ716" s="613"/>
      <c r="GSA716" s="613"/>
      <c r="GSB716" s="613"/>
      <c r="GSC716" s="613"/>
      <c r="GSD716" s="613"/>
      <c r="GSE716" s="613"/>
      <c r="GSF716" s="613"/>
      <c r="GSG716" s="613"/>
      <c r="GSH716" s="613"/>
      <c r="GSI716" s="613"/>
      <c r="GSJ716" s="613"/>
      <c r="GSK716" s="613"/>
      <c r="GSL716" s="613"/>
      <c r="GSM716" s="613"/>
      <c r="GSN716" s="613"/>
      <c r="GSO716" s="613"/>
      <c r="GSP716" s="613"/>
      <c r="GSQ716" s="613"/>
      <c r="GSR716" s="613"/>
      <c r="GSS716" s="613"/>
      <c r="GST716" s="613"/>
      <c r="GSU716" s="613"/>
      <c r="GSV716" s="613"/>
      <c r="GSW716" s="613"/>
      <c r="GSX716" s="613"/>
      <c r="GSY716" s="613"/>
      <c r="GSZ716" s="613"/>
      <c r="GTA716" s="613"/>
      <c r="GTB716" s="613"/>
      <c r="GTC716" s="613"/>
      <c r="GTD716" s="613"/>
      <c r="GTE716" s="613"/>
      <c r="GTF716" s="613"/>
      <c r="GTG716" s="613"/>
      <c r="GTH716" s="613"/>
      <c r="GTI716" s="613"/>
      <c r="GTJ716" s="613"/>
      <c r="GTK716" s="613"/>
      <c r="GTL716" s="613"/>
      <c r="GTM716" s="613"/>
      <c r="GTN716" s="613"/>
      <c r="GTO716" s="613"/>
      <c r="GTP716" s="613"/>
      <c r="GTQ716" s="613"/>
      <c r="GTR716" s="613"/>
      <c r="GTS716" s="613"/>
      <c r="GTT716" s="613"/>
      <c r="GTU716" s="613"/>
      <c r="GTV716" s="613"/>
      <c r="GTW716" s="613"/>
      <c r="GTX716" s="613"/>
      <c r="GTY716" s="613"/>
      <c r="GTZ716" s="613"/>
      <c r="GUA716" s="613"/>
      <c r="GUB716" s="613"/>
      <c r="GUC716" s="613"/>
      <c r="GUD716" s="613"/>
      <c r="GUE716" s="613"/>
      <c r="GUF716" s="613"/>
      <c r="GUG716" s="613"/>
      <c r="GUH716" s="613"/>
      <c r="GUI716" s="613"/>
      <c r="GUJ716" s="613"/>
      <c r="GUK716" s="613"/>
      <c r="GUL716" s="613"/>
      <c r="GUM716" s="613"/>
      <c r="GUN716" s="613"/>
      <c r="GUO716" s="613"/>
      <c r="GUP716" s="613"/>
      <c r="GUQ716" s="613"/>
      <c r="GUR716" s="613"/>
      <c r="GUS716" s="613"/>
      <c r="GUT716" s="613"/>
      <c r="GUU716" s="613"/>
      <c r="GUV716" s="613"/>
      <c r="GUW716" s="613"/>
      <c r="GUX716" s="613"/>
      <c r="GUY716" s="613"/>
      <c r="GUZ716" s="613"/>
      <c r="GVA716" s="613"/>
      <c r="GVB716" s="613"/>
      <c r="GVC716" s="613"/>
      <c r="GVD716" s="613"/>
      <c r="GVE716" s="613"/>
      <c r="GVF716" s="613"/>
      <c r="GVG716" s="613"/>
      <c r="GVH716" s="613"/>
      <c r="GVI716" s="613"/>
      <c r="GVJ716" s="613"/>
      <c r="GVK716" s="613"/>
      <c r="GVL716" s="613"/>
      <c r="GVM716" s="613"/>
      <c r="GVN716" s="613"/>
      <c r="GVO716" s="613"/>
      <c r="GVP716" s="613"/>
      <c r="GVQ716" s="613"/>
      <c r="GVR716" s="613"/>
      <c r="GVS716" s="613"/>
      <c r="GVT716" s="613"/>
      <c r="GVU716" s="613"/>
      <c r="GVV716" s="613"/>
      <c r="GVW716" s="613"/>
      <c r="GVX716" s="613"/>
      <c r="GVY716" s="613"/>
      <c r="GVZ716" s="613"/>
      <c r="GWA716" s="613"/>
      <c r="GWB716" s="613"/>
      <c r="GWC716" s="613"/>
      <c r="GWD716" s="613"/>
      <c r="GWE716" s="613"/>
      <c r="GWF716" s="613"/>
      <c r="GWG716" s="613"/>
      <c r="GWH716" s="613"/>
      <c r="GWI716" s="613"/>
      <c r="GWJ716" s="613"/>
      <c r="GWK716" s="613"/>
      <c r="GWL716" s="613"/>
      <c r="GWM716" s="613"/>
      <c r="GWN716" s="613"/>
      <c r="GWO716" s="613"/>
      <c r="GWP716" s="613"/>
      <c r="GWQ716" s="613"/>
      <c r="GWR716" s="613"/>
      <c r="GWS716" s="613"/>
      <c r="GWT716" s="613"/>
      <c r="GWU716" s="613"/>
      <c r="GWV716" s="613"/>
      <c r="GWW716" s="613"/>
      <c r="GWX716" s="613"/>
      <c r="GWY716" s="613"/>
      <c r="GWZ716" s="613"/>
      <c r="GXA716" s="613"/>
      <c r="GXB716" s="613"/>
      <c r="GXC716" s="613"/>
      <c r="GXD716" s="613"/>
      <c r="GXE716" s="613"/>
      <c r="GXF716" s="613"/>
      <c r="GXG716" s="613"/>
      <c r="GXH716" s="613"/>
      <c r="GXI716" s="613"/>
      <c r="GXJ716" s="613"/>
      <c r="GXK716" s="613"/>
      <c r="GXL716" s="613"/>
      <c r="GXM716" s="613"/>
      <c r="GXN716" s="613"/>
      <c r="GXO716" s="613"/>
      <c r="GXP716" s="613"/>
      <c r="GXQ716" s="613"/>
      <c r="GXR716" s="613"/>
      <c r="GXS716" s="613"/>
      <c r="GXT716" s="613"/>
      <c r="GXU716" s="613"/>
      <c r="GXV716" s="613"/>
      <c r="GXW716" s="613"/>
      <c r="GXX716" s="613"/>
      <c r="GXY716" s="613"/>
      <c r="GXZ716" s="613"/>
      <c r="GYA716" s="613"/>
      <c r="GYB716" s="613"/>
      <c r="GYC716" s="613"/>
      <c r="GYD716" s="613"/>
      <c r="GYE716" s="613"/>
      <c r="GYF716" s="613"/>
      <c r="GYG716" s="613"/>
      <c r="GYH716" s="613"/>
      <c r="GYI716" s="613"/>
      <c r="GYJ716" s="613"/>
      <c r="GYK716" s="613"/>
      <c r="GYL716" s="613"/>
      <c r="GYM716" s="613"/>
      <c r="GYN716" s="613"/>
      <c r="GYO716" s="613"/>
      <c r="GYP716" s="613"/>
      <c r="GYQ716" s="613"/>
      <c r="GYR716" s="613"/>
      <c r="GYS716" s="613"/>
      <c r="GYT716" s="613"/>
      <c r="GYU716" s="613"/>
      <c r="GYV716" s="613"/>
      <c r="GYW716" s="613"/>
      <c r="GYX716" s="613"/>
      <c r="GYY716" s="613"/>
      <c r="GYZ716" s="613"/>
      <c r="GZA716" s="613"/>
      <c r="GZB716" s="613"/>
      <c r="GZC716" s="613"/>
      <c r="GZD716" s="613"/>
      <c r="GZE716" s="613"/>
      <c r="GZF716" s="613"/>
      <c r="GZG716" s="613"/>
      <c r="GZH716" s="613"/>
      <c r="GZI716" s="613"/>
      <c r="GZJ716" s="613"/>
      <c r="GZK716" s="613"/>
      <c r="GZL716" s="613"/>
      <c r="GZM716" s="613"/>
      <c r="GZN716" s="613"/>
      <c r="GZO716" s="613"/>
      <c r="GZP716" s="613"/>
      <c r="GZQ716" s="613"/>
      <c r="GZR716" s="613"/>
      <c r="GZS716" s="613"/>
      <c r="GZT716" s="613"/>
      <c r="GZU716" s="613"/>
      <c r="GZV716" s="613"/>
      <c r="GZW716" s="613"/>
      <c r="GZX716" s="613"/>
      <c r="GZY716" s="613"/>
      <c r="GZZ716" s="613"/>
      <c r="HAA716" s="613"/>
      <c r="HAB716" s="613"/>
      <c r="HAC716" s="613"/>
      <c r="HAD716" s="613"/>
      <c r="HAE716" s="613"/>
      <c r="HAF716" s="613"/>
      <c r="HAG716" s="613"/>
      <c r="HAH716" s="613"/>
      <c r="HAI716" s="613"/>
      <c r="HAJ716" s="613"/>
      <c r="HAK716" s="613"/>
      <c r="HAL716" s="613"/>
      <c r="HAM716" s="613"/>
      <c r="HAN716" s="613"/>
      <c r="HAO716" s="613"/>
      <c r="HAP716" s="613"/>
      <c r="HAQ716" s="613"/>
      <c r="HAR716" s="613"/>
      <c r="HAS716" s="613"/>
      <c r="HAT716" s="613"/>
      <c r="HAU716" s="613"/>
      <c r="HAV716" s="613"/>
      <c r="HAW716" s="613"/>
      <c r="HAX716" s="613"/>
      <c r="HAY716" s="613"/>
      <c r="HAZ716" s="613"/>
      <c r="HBA716" s="613"/>
      <c r="HBB716" s="613"/>
      <c r="HBC716" s="613"/>
      <c r="HBD716" s="613"/>
      <c r="HBE716" s="613"/>
      <c r="HBF716" s="613"/>
      <c r="HBG716" s="613"/>
      <c r="HBH716" s="613"/>
      <c r="HBI716" s="613"/>
      <c r="HBJ716" s="613"/>
      <c r="HBK716" s="613"/>
      <c r="HBL716" s="613"/>
      <c r="HBM716" s="613"/>
      <c r="HBN716" s="613"/>
      <c r="HBO716" s="613"/>
      <c r="HBP716" s="613"/>
      <c r="HBQ716" s="613"/>
      <c r="HBR716" s="613"/>
      <c r="HBS716" s="613"/>
      <c r="HBT716" s="613"/>
      <c r="HBU716" s="613"/>
      <c r="HBV716" s="613"/>
      <c r="HBW716" s="613"/>
      <c r="HBX716" s="613"/>
      <c r="HBY716" s="613"/>
      <c r="HBZ716" s="613"/>
      <c r="HCA716" s="613"/>
      <c r="HCB716" s="613"/>
      <c r="HCC716" s="613"/>
      <c r="HCD716" s="613"/>
      <c r="HCE716" s="613"/>
      <c r="HCF716" s="613"/>
      <c r="HCG716" s="613"/>
      <c r="HCH716" s="613"/>
      <c r="HCI716" s="613"/>
      <c r="HCJ716" s="613"/>
      <c r="HCK716" s="613"/>
      <c r="HCL716" s="613"/>
      <c r="HCM716" s="613"/>
      <c r="HCN716" s="613"/>
      <c r="HCO716" s="613"/>
      <c r="HCP716" s="613"/>
      <c r="HCQ716" s="613"/>
      <c r="HCR716" s="613"/>
      <c r="HCS716" s="613"/>
      <c r="HCT716" s="613"/>
      <c r="HCU716" s="613"/>
      <c r="HCV716" s="613"/>
      <c r="HCW716" s="613"/>
      <c r="HCX716" s="613"/>
      <c r="HCY716" s="613"/>
      <c r="HCZ716" s="613"/>
      <c r="HDA716" s="613"/>
      <c r="HDB716" s="613"/>
      <c r="HDC716" s="613"/>
      <c r="HDD716" s="613"/>
      <c r="HDE716" s="613"/>
      <c r="HDF716" s="613"/>
      <c r="HDG716" s="613"/>
      <c r="HDH716" s="613"/>
      <c r="HDI716" s="613"/>
      <c r="HDJ716" s="613"/>
      <c r="HDK716" s="613"/>
      <c r="HDL716" s="613"/>
      <c r="HDM716" s="613"/>
      <c r="HDN716" s="613"/>
      <c r="HDO716" s="613"/>
      <c r="HDP716" s="613"/>
      <c r="HDQ716" s="613"/>
      <c r="HDR716" s="613"/>
      <c r="HDS716" s="613"/>
      <c r="HDT716" s="613"/>
      <c r="HDU716" s="613"/>
      <c r="HDV716" s="613"/>
      <c r="HDW716" s="613"/>
      <c r="HDX716" s="613"/>
      <c r="HDY716" s="613"/>
      <c r="HDZ716" s="613"/>
      <c r="HEA716" s="613"/>
      <c r="HEB716" s="613"/>
      <c r="HEC716" s="613"/>
      <c r="HED716" s="613"/>
      <c r="HEE716" s="613"/>
      <c r="HEF716" s="613"/>
      <c r="HEG716" s="613"/>
      <c r="HEH716" s="613"/>
      <c r="HEI716" s="613"/>
      <c r="HEJ716" s="613"/>
      <c r="HEK716" s="613"/>
      <c r="HEL716" s="613"/>
      <c r="HEM716" s="613"/>
      <c r="HEN716" s="613"/>
      <c r="HEO716" s="613"/>
      <c r="HEP716" s="613"/>
      <c r="HEQ716" s="613"/>
      <c r="HER716" s="613"/>
      <c r="HES716" s="613"/>
      <c r="HET716" s="613"/>
      <c r="HEU716" s="613"/>
      <c r="HEV716" s="613"/>
      <c r="HEW716" s="613"/>
      <c r="HEX716" s="613"/>
      <c r="HEY716" s="613"/>
      <c r="HEZ716" s="613"/>
      <c r="HFA716" s="613"/>
      <c r="HFB716" s="613"/>
      <c r="HFC716" s="613"/>
      <c r="HFD716" s="613"/>
      <c r="HFE716" s="613"/>
      <c r="HFF716" s="613"/>
      <c r="HFG716" s="613"/>
      <c r="HFH716" s="613"/>
      <c r="HFI716" s="613"/>
      <c r="HFJ716" s="613"/>
      <c r="HFK716" s="613"/>
      <c r="HFL716" s="613"/>
      <c r="HFM716" s="613"/>
      <c r="HFN716" s="613"/>
      <c r="HFO716" s="613"/>
      <c r="HFP716" s="613"/>
      <c r="HFQ716" s="613"/>
      <c r="HFR716" s="613"/>
      <c r="HFS716" s="613"/>
      <c r="HFT716" s="613"/>
      <c r="HFU716" s="613"/>
      <c r="HFV716" s="613"/>
      <c r="HFW716" s="613"/>
      <c r="HFX716" s="613"/>
      <c r="HFY716" s="613"/>
      <c r="HFZ716" s="613"/>
      <c r="HGA716" s="613"/>
      <c r="HGB716" s="613"/>
      <c r="HGC716" s="613"/>
      <c r="HGD716" s="613"/>
      <c r="HGE716" s="613"/>
      <c r="HGF716" s="613"/>
      <c r="HGG716" s="613"/>
      <c r="HGH716" s="613"/>
      <c r="HGI716" s="613"/>
      <c r="HGJ716" s="613"/>
      <c r="HGK716" s="613"/>
      <c r="HGL716" s="613"/>
      <c r="HGM716" s="613"/>
      <c r="HGN716" s="613"/>
      <c r="HGO716" s="613"/>
      <c r="HGP716" s="613"/>
      <c r="HGQ716" s="613"/>
      <c r="HGR716" s="613"/>
      <c r="HGS716" s="613"/>
      <c r="HGT716" s="613"/>
      <c r="HGU716" s="613"/>
      <c r="HGV716" s="613"/>
      <c r="HGW716" s="613"/>
      <c r="HGX716" s="613"/>
      <c r="HGY716" s="613"/>
      <c r="HGZ716" s="613"/>
      <c r="HHA716" s="613"/>
      <c r="HHB716" s="613"/>
      <c r="HHC716" s="613"/>
      <c r="HHD716" s="613"/>
      <c r="HHE716" s="613"/>
      <c r="HHF716" s="613"/>
      <c r="HHG716" s="613"/>
      <c r="HHH716" s="613"/>
      <c r="HHI716" s="613"/>
      <c r="HHJ716" s="613"/>
      <c r="HHK716" s="613"/>
      <c r="HHL716" s="613"/>
      <c r="HHM716" s="613"/>
      <c r="HHN716" s="613"/>
      <c r="HHO716" s="613"/>
      <c r="HHP716" s="613"/>
      <c r="HHQ716" s="613"/>
      <c r="HHR716" s="613"/>
      <c r="HHS716" s="613"/>
      <c r="HHT716" s="613"/>
      <c r="HHU716" s="613"/>
      <c r="HHV716" s="613"/>
      <c r="HHW716" s="613"/>
      <c r="HHX716" s="613"/>
      <c r="HHY716" s="613"/>
      <c r="HHZ716" s="613"/>
      <c r="HIA716" s="613"/>
      <c r="HIB716" s="613"/>
      <c r="HIC716" s="613"/>
      <c r="HID716" s="613"/>
      <c r="HIE716" s="613"/>
      <c r="HIF716" s="613"/>
      <c r="HIG716" s="613"/>
      <c r="HIH716" s="613"/>
      <c r="HII716" s="613"/>
      <c r="HIJ716" s="613"/>
      <c r="HIK716" s="613"/>
      <c r="HIL716" s="613"/>
      <c r="HIM716" s="613"/>
      <c r="HIN716" s="613"/>
      <c r="HIO716" s="613"/>
      <c r="HIP716" s="613"/>
      <c r="HIQ716" s="613"/>
      <c r="HIR716" s="613"/>
      <c r="HIS716" s="613"/>
      <c r="HIT716" s="613"/>
      <c r="HIU716" s="613"/>
      <c r="HIV716" s="613"/>
      <c r="HIW716" s="613"/>
      <c r="HIX716" s="613"/>
      <c r="HIY716" s="613"/>
      <c r="HIZ716" s="613"/>
      <c r="HJA716" s="613"/>
      <c r="HJB716" s="613"/>
      <c r="HJC716" s="613"/>
      <c r="HJD716" s="613"/>
      <c r="HJE716" s="613"/>
      <c r="HJF716" s="613"/>
      <c r="HJG716" s="613"/>
      <c r="HJH716" s="613"/>
      <c r="HJI716" s="613"/>
      <c r="HJJ716" s="613"/>
      <c r="HJK716" s="613"/>
      <c r="HJL716" s="613"/>
      <c r="HJM716" s="613"/>
      <c r="HJN716" s="613"/>
      <c r="HJO716" s="613"/>
      <c r="HJP716" s="613"/>
      <c r="HJQ716" s="613"/>
      <c r="HJR716" s="613"/>
      <c r="HJS716" s="613"/>
      <c r="HJT716" s="613"/>
      <c r="HJU716" s="613"/>
      <c r="HJV716" s="613"/>
      <c r="HJW716" s="613"/>
      <c r="HJX716" s="613"/>
      <c r="HJY716" s="613"/>
      <c r="HJZ716" s="613"/>
      <c r="HKA716" s="613"/>
      <c r="HKB716" s="613"/>
      <c r="HKC716" s="613"/>
      <c r="HKD716" s="613"/>
      <c r="HKE716" s="613"/>
      <c r="HKF716" s="613"/>
      <c r="HKG716" s="613"/>
      <c r="HKH716" s="613"/>
      <c r="HKI716" s="613"/>
      <c r="HKJ716" s="613"/>
      <c r="HKK716" s="613"/>
      <c r="HKL716" s="613"/>
      <c r="HKM716" s="613"/>
      <c r="HKN716" s="613"/>
      <c r="HKO716" s="613"/>
      <c r="HKP716" s="613"/>
      <c r="HKQ716" s="613"/>
      <c r="HKR716" s="613"/>
      <c r="HKS716" s="613"/>
      <c r="HKT716" s="613"/>
      <c r="HKU716" s="613"/>
      <c r="HKV716" s="613"/>
      <c r="HKW716" s="613"/>
      <c r="HKX716" s="613"/>
      <c r="HKY716" s="613"/>
      <c r="HKZ716" s="613"/>
      <c r="HLA716" s="613"/>
      <c r="HLB716" s="613"/>
      <c r="HLC716" s="613"/>
      <c r="HLD716" s="613"/>
      <c r="HLE716" s="613"/>
      <c r="HLF716" s="613"/>
      <c r="HLG716" s="613"/>
      <c r="HLH716" s="613"/>
      <c r="HLI716" s="613"/>
      <c r="HLJ716" s="613"/>
      <c r="HLK716" s="613"/>
      <c r="HLL716" s="613"/>
      <c r="HLM716" s="613"/>
      <c r="HLN716" s="613"/>
      <c r="HLO716" s="613"/>
      <c r="HLP716" s="613"/>
      <c r="HLQ716" s="613"/>
      <c r="HLR716" s="613"/>
      <c r="HLS716" s="613"/>
      <c r="HLT716" s="613"/>
      <c r="HLU716" s="613"/>
      <c r="HLV716" s="613"/>
      <c r="HLW716" s="613"/>
      <c r="HLX716" s="613"/>
      <c r="HLY716" s="613"/>
      <c r="HLZ716" s="613"/>
      <c r="HMA716" s="613"/>
      <c r="HMB716" s="613"/>
      <c r="HMC716" s="613"/>
      <c r="HMD716" s="613"/>
      <c r="HME716" s="613"/>
      <c r="HMF716" s="613"/>
      <c r="HMG716" s="613"/>
      <c r="HMH716" s="613"/>
      <c r="HMI716" s="613"/>
      <c r="HMJ716" s="613"/>
      <c r="HMK716" s="613"/>
      <c r="HML716" s="613"/>
      <c r="HMM716" s="613"/>
      <c r="HMN716" s="613"/>
      <c r="HMO716" s="613"/>
      <c r="HMP716" s="613"/>
      <c r="HMQ716" s="613"/>
      <c r="HMR716" s="613"/>
      <c r="HMS716" s="613"/>
      <c r="HMT716" s="613"/>
      <c r="HMU716" s="613"/>
      <c r="HMV716" s="613"/>
      <c r="HMW716" s="613"/>
      <c r="HMX716" s="613"/>
      <c r="HMY716" s="613"/>
      <c r="HMZ716" s="613"/>
      <c r="HNA716" s="613"/>
      <c r="HNB716" s="613"/>
      <c r="HNC716" s="613"/>
      <c r="HND716" s="613"/>
      <c r="HNE716" s="613"/>
      <c r="HNF716" s="613"/>
      <c r="HNG716" s="613"/>
      <c r="HNH716" s="613"/>
      <c r="HNI716" s="613"/>
      <c r="HNJ716" s="613"/>
      <c r="HNK716" s="613"/>
      <c r="HNL716" s="613"/>
      <c r="HNM716" s="613"/>
      <c r="HNN716" s="613"/>
      <c r="HNO716" s="613"/>
      <c r="HNP716" s="613"/>
      <c r="HNQ716" s="613"/>
      <c r="HNR716" s="613"/>
      <c r="HNS716" s="613"/>
      <c r="HNT716" s="613"/>
      <c r="HNU716" s="613"/>
      <c r="HNV716" s="613"/>
      <c r="HNW716" s="613"/>
      <c r="HNX716" s="613"/>
      <c r="HNY716" s="613"/>
      <c r="HNZ716" s="613"/>
      <c r="HOA716" s="613"/>
      <c r="HOB716" s="613"/>
      <c r="HOC716" s="613"/>
      <c r="HOD716" s="613"/>
      <c r="HOE716" s="613"/>
      <c r="HOF716" s="613"/>
      <c r="HOG716" s="613"/>
      <c r="HOH716" s="613"/>
      <c r="HOI716" s="613"/>
      <c r="HOJ716" s="613"/>
      <c r="HOK716" s="613"/>
      <c r="HOL716" s="613"/>
      <c r="HOM716" s="613"/>
      <c r="HON716" s="613"/>
      <c r="HOO716" s="613"/>
      <c r="HOP716" s="613"/>
      <c r="HOQ716" s="613"/>
      <c r="HOR716" s="613"/>
      <c r="HOS716" s="613"/>
      <c r="HOT716" s="613"/>
      <c r="HOU716" s="613"/>
      <c r="HOV716" s="613"/>
      <c r="HOW716" s="613"/>
      <c r="HOX716" s="613"/>
      <c r="HOY716" s="613"/>
      <c r="HOZ716" s="613"/>
      <c r="HPA716" s="613"/>
      <c r="HPB716" s="613"/>
      <c r="HPC716" s="613"/>
      <c r="HPD716" s="613"/>
      <c r="HPE716" s="613"/>
      <c r="HPF716" s="613"/>
      <c r="HPG716" s="613"/>
      <c r="HPH716" s="613"/>
      <c r="HPI716" s="613"/>
      <c r="HPJ716" s="613"/>
      <c r="HPK716" s="613"/>
      <c r="HPL716" s="613"/>
      <c r="HPM716" s="613"/>
      <c r="HPN716" s="613"/>
      <c r="HPO716" s="613"/>
      <c r="HPP716" s="613"/>
      <c r="HPQ716" s="613"/>
      <c r="HPR716" s="613"/>
      <c r="HPS716" s="613"/>
      <c r="HPT716" s="613"/>
      <c r="HPU716" s="613"/>
      <c r="HPV716" s="613"/>
      <c r="HPW716" s="613"/>
      <c r="HPX716" s="613"/>
      <c r="HPY716" s="613"/>
      <c r="HPZ716" s="613"/>
      <c r="HQA716" s="613"/>
      <c r="HQB716" s="613"/>
      <c r="HQC716" s="613"/>
      <c r="HQD716" s="613"/>
      <c r="HQE716" s="613"/>
      <c r="HQF716" s="613"/>
      <c r="HQG716" s="613"/>
      <c r="HQH716" s="613"/>
      <c r="HQI716" s="613"/>
      <c r="HQJ716" s="613"/>
      <c r="HQK716" s="613"/>
      <c r="HQL716" s="613"/>
      <c r="HQM716" s="613"/>
      <c r="HQN716" s="613"/>
      <c r="HQO716" s="613"/>
      <c r="HQP716" s="613"/>
      <c r="HQQ716" s="613"/>
      <c r="HQR716" s="613"/>
      <c r="HQS716" s="613"/>
      <c r="HQT716" s="613"/>
      <c r="HQU716" s="613"/>
      <c r="HQV716" s="613"/>
      <c r="HQW716" s="613"/>
      <c r="HQX716" s="613"/>
      <c r="HQY716" s="613"/>
      <c r="HQZ716" s="613"/>
      <c r="HRA716" s="613"/>
      <c r="HRB716" s="613"/>
      <c r="HRC716" s="613"/>
      <c r="HRD716" s="613"/>
      <c r="HRE716" s="613"/>
      <c r="HRF716" s="613"/>
      <c r="HRG716" s="613"/>
      <c r="HRH716" s="613"/>
      <c r="HRI716" s="613"/>
      <c r="HRJ716" s="613"/>
      <c r="HRK716" s="613"/>
      <c r="HRL716" s="613"/>
      <c r="HRM716" s="613"/>
      <c r="HRN716" s="613"/>
      <c r="HRO716" s="613"/>
      <c r="HRP716" s="613"/>
      <c r="HRQ716" s="613"/>
      <c r="HRR716" s="613"/>
      <c r="HRS716" s="613"/>
      <c r="HRT716" s="613"/>
      <c r="HRU716" s="613"/>
      <c r="HRV716" s="613"/>
      <c r="HRW716" s="613"/>
      <c r="HRX716" s="613"/>
      <c r="HRY716" s="613"/>
      <c r="HRZ716" s="613"/>
      <c r="HSA716" s="613"/>
      <c r="HSB716" s="613"/>
      <c r="HSC716" s="613"/>
      <c r="HSD716" s="613"/>
      <c r="HSE716" s="613"/>
      <c r="HSF716" s="613"/>
      <c r="HSG716" s="613"/>
      <c r="HSH716" s="613"/>
      <c r="HSI716" s="613"/>
      <c r="HSJ716" s="613"/>
      <c r="HSK716" s="613"/>
      <c r="HSL716" s="613"/>
      <c r="HSM716" s="613"/>
      <c r="HSN716" s="613"/>
      <c r="HSO716" s="613"/>
      <c r="HSP716" s="613"/>
      <c r="HSQ716" s="613"/>
      <c r="HSR716" s="613"/>
      <c r="HSS716" s="613"/>
      <c r="HST716" s="613"/>
      <c r="HSU716" s="613"/>
      <c r="HSV716" s="613"/>
      <c r="HSW716" s="613"/>
      <c r="HSX716" s="613"/>
      <c r="HSY716" s="613"/>
      <c r="HSZ716" s="613"/>
      <c r="HTA716" s="613"/>
      <c r="HTB716" s="613"/>
      <c r="HTC716" s="613"/>
      <c r="HTD716" s="613"/>
      <c r="HTE716" s="613"/>
      <c r="HTF716" s="613"/>
      <c r="HTG716" s="613"/>
      <c r="HTH716" s="613"/>
      <c r="HTI716" s="613"/>
      <c r="HTJ716" s="613"/>
      <c r="HTK716" s="613"/>
      <c r="HTL716" s="613"/>
      <c r="HTM716" s="613"/>
      <c r="HTN716" s="613"/>
      <c r="HTO716" s="613"/>
      <c r="HTP716" s="613"/>
      <c r="HTQ716" s="613"/>
      <c r="HTR716" s="613"/>
      <c r="HTS716" s="613"/>
      <c r="HTT716" s="613"/>
      <c r="HTU716" s="613"/>
      <c r="HTV716" s="613"/>
      <c r="HTW716" s="613"/>
      <c r="HTX716" s="613"/>
      <c r="HTY716" s="613"/>
      <c r="HTZ716" s="613"/>
      <c r="HUA716" s="613"/>
      <c r="HUB716" s="613"/>
      <c r="HUC716" s="613"/>
      <c r="HUD716" s="613"/>
      <c r="HUE716" s="613"/>
      <c r="HUF716" s="613"/>
      <c r="HUG716" s="613"/>
      <c r="HUH716" s="613"/>
      <c r="HUI716" s="613"/>
      <c r="HUJ716" s="613"/>
      <c r="HUK716" s="613"/>
      <c r="HUL716" s="613"/>
      <c r="HUM716" s="613"/>
      <c r="HUN716" s="613"/>
      <c r="HUO716" s="613"/>
      <c r="HUP716" s="613"/>
      <c r="HUQ716" s="613"/>
      <c r="HUR716" s="613"/>
      <c r="HUS716" s="613"/>
      <c r="HUT716" s="613"/>
      <c r="HUU716" s="613"/>
      <c r="HUV716" s="613"/>
      <c r="HUW716" s="613"/>
      <c r="HUX716" s="613"/>
      <c r="HUY716" s="613"/>
      <c r="HUZ716" s="613"/>
      <c r="HVA716" s="613"/>
      <c r="HVB716" s="613"/>
      <c r="HVC716" s="613"/>
      <c r="HVD716" s="613"/>
      <c r="HVE716" s="613"/>
      <c r="HVF716" s="613"/>
      <c r="HVG716" s="613"/>
      <c r="HVH716" s="613"/>
      <c r="HVI716" s="613"/>
      <c r="HVJ716" s="613"/>
      <c r="HVK716" s="613"/>
      <c r="HVL716" s="613"/>
      <c r="HVM716" s="613"/>
      <c r="HVN716" s="613"/>
      <c r="HVO716" s="613"/>
      <c r="HVP716" s="613"/>
      <c r="HVQ716" s="613"/>
      <c r="HVR716" s="613"/>
      <c r="HVS716" s="613"/>
      <c r="HVT716" s="613"/>
      <c r="HVU716" s="613"/>
      <c r="HVV716" s="613"/>
      <c r="HVW716" s="613"/>
      <c r="HVX716" s="613"/>
      <c r="HVY716" s="613"/>
      <c r="HVZ716" s="613"/>
      <c r="HWA716" s="613"/>
      <c r="HWB716" s="613"/>
      <c r="HWC716" s="613"/>
      <c r="HWD716" s="613"/>
      <c r="HWE716" s="613"/>
      <c r="HWF716" s="613"/>
      <c r="HWG716" s="613"/>
      <c r="HWH716" s="613"/>
      <c r="HWI716" s="613"/>
      <c r="HWJ716" s="613"/>
      <c r="HWK716" s="613"/>
      <c r="HWL716" s="613"/>
      <c r="HWM716" s="613"/>
      <c r="HWN716" s="613"/>
      <c r="HWO716" s="613"/>
      <c r="HWP716" s="613"/>
      <c r="HWQ716" s="613"/>
      <c r="HWR716" s="613"/>
      <c r="HWS716" s="613"/>
      <c r="HWT716" s="613"/>
      <c r="HWU716" s="613"/>
      <c r="HWV716" s="613"/>
      <c r="HWW716" s="613"/>
      <c r="HWX716" s="613"/>
      <c r="HWY716" s="613"/>
      <c r="HWZ716" s="613"/>
      <c r="HXA716" s="613"/>
      <c r="HXB716" s="613"/>
      <c r="HXC716" s="613"/>
      <c r="HXD716" s="613"/>
      <c r="HXE716" s="613"/>
      <c r="HXF716" s="613"/>
      <c r="HXG716" s="613"/>
      <c r="HXH716" s="613"/>
      <c r="HXI716" s="613"/>
      <c r="HXJ716" s="613"/>
      <c r="HXK716" s="613"/>
      <c r="HXL716" s="613"/>
      <c r="HXM716" s="613"/>
      <c r="HXN716" s="613"/>
      <c r="HXO716" s="613"/>
      <c r="HXP716" s="613"/>
      <c r="HXQ716" s="613"/>
      <c r="HXR716" s="613"/>
      <c r="HXS716" s="613"/>
      <c r="HXT716" s="613"/>
      <c r="HXU716" s="613"/>
      <c r="HXV716" s="613"/>
      <c r="HXW716" s="613"/>
      <c r="HXX716" s="613"/>
      <c r="HXY716" s="613"/>
      <c r="HXZ716" s="613"/>
      <c r="HYA716" s="613"/>
      <c r="HYB716" s="613"/>
      <c r="HYC716" s="613"/>
      <c r="HYD716" s="613"/>
      <c r="HYE716" s="613"/>
      <c r="HYF716" s="613"/>
      <c r="HYG716" s="613"/>
      <c r="HYH716" s="613"/>
      <c r="HYI716" s="613"/>
      <c r="HYJ716" s="613"/>
      <c r="HYK716" s="613"/>
      <c r="HYL716" s="613"/>
      <c r="HYM716" s="613"/>
      <c r="HYN716" s="613"/>
      <c r="HYO716" s="613"/>
      <c r="HYP716" s="613"/>
      <c r="HYQ716" s="613"/>
      <c r="HYR716" s="613"/>
      <c r="HYS716" s="613"/>
      <c r="HYT716" s="613"/>
      <c r="HYU716" s="613"/>
      <c r="HYV716" s="613"/>
      <c r="HYW716" s="613"/>
      <c r="HYX716" s="613"/>
      <c r="HYY716" s="613"/>
      <c r="HYZ716" s="613"/>
      <c r="HZA716" s="613"/>
      <c r="HZB716" s="613"/>
      <c r="HZC716" s="613"/>
      <c r="HZD716" s="613"/>
      <c r="HZE716" s="613"/>
      <c r="HZF716" s="613"/>
      <c r="HZG716" s="613"/>
      <c r="HZH716" s="613"/>
      <c r="HZI716" s="613"/>
      <c r="HZJ716" s="613"/>
      <c r="HZK716" s="613"/>
      <c r="HZL716" s="613"/>
      <c r="HZM716" s="613"/>
      <c r="HZN716" s="613"/>
      <c r="HZO716" s="613"/>
      <c r="HZP716" s="613"/>
      <c r="HZQ716" s="613"/>
      <c r="HZR716" s="613"/>
      <c r="HZS716" s="613"/>
      <c r="HZT716" s="613"/>
      <c r="HZU716" s="613"/>
      <c r="HZV716" s="613"/>
      <c r="HZW716" s="613"/>
      <c r="HZX716" s="613"/>
      <c r="HZY716" s="613"/>
      <c r="HZZ716" s="613"/>
      <c r="IAA716" s="613"/>
      <c r="IAB716" s="613"/>
      <c r="IAC716" s="613"/>
      <c r="IAD716" s="613"/>
      <c r="IAE716" s="613"/>
      <c r="IAF716" s="613"/>
      <c r="IAG716" s="613"/>
      <c r="IAH716" s="613"/>
      <c r="IAI716" s="613"/>
      <c r="IAJ716" s="613"/>
      <c r="IAK716" s="613"/>
      <c r="IAL716" s="613"/>
      <c r="IAM716" s="613"/>
      <c r="IAN716" s="613"/>
      <c r="IAO716" s="613"/>
      <c r="IAP716" s="613"/>
      <c r="IAQ716" s="613"/>
      <c r="IAR716" s="613"/>
      <c r="IAS716" s="613"/>
      <c r="IAT716" s="613"/>
      <c r="IAU716" s="613"/>
      <c r="IAV716" s="613"/>
      <c r="IAW716" s="613"/>
      <c r="IAX716" s="613"/>
      <c r="IAY716" s="613"/>
      <c r="IAZ716" s="613"/>
      <c r="IBA716" s="613"/>
      <c r="IBB716" s="613"/>
      <c r="IBC716" s="613"/>
      <c r="IBD716" s="613"/>
      <c r="IBE716" s="613"/>
      <c r="IBF716" s="613"/>
      <c r="IBG716" s="613"/>
      <c r="IBH716" s="613"/>
      <c r="IBI716" s="613"/>
      <c r="IBJ716" s="613"/>
      <c r="IBK716" s="613"/>
      <c r="IBL716" s="613"/>
      <c r="IBM716" s="613"/>
      <c r="IBN716" s="613"/>
      <c r="IBO716" s="613"/>
      <c r="IBP716" s="613"/>
      <c r="IBQ716" s="613"/>
      <c r="IBR716" s="613"/>
      <c r="IBS716" s="613"/>
      <c r="IBT716" s="613"/>
      <c r="IBU716" s="613"/>
      <c r="IBV716" s="613"/>
      <c r="IBW716" s="613"/>
      <c r="IBX716" s="613"/>
      <c r="IBY716" s="613"/>
      <c r="IBZ716" s="613"/>
      <c r="ICA716" s="613"/>
      <c r="ICB716" s="613"/>
      <c r="ICC716" s="613"/>
      <c r="ICD716" s="613"/>
      <c r="ICE716" s="613"/>
      <c r="ICF716" s="613"/>
      <c r="ICG716" s="613"/>
      <c r="ICH716" s="613"/>
      <c r="ICI716" s="613"/>
      <c r="ICJ716" s="613"/>
      <c r="ICK716" s="613"/>
      <c r="ICL716" s="613"/>
      <c r="ICM716" s="613"/>
      <c r="ICN716" s="613"/>
      <c r="ICO716" s="613"/>
      <c r="ICP716" s="613"/>
      <c r="ICQ716" s="613"/>
      <c r="ICR716" s="613"/>
      <c r="ICS716" s="613"/>
      <c r="ICT716" s="613"/>
      <c r="ICU716" s="613"/>
      <c r="ICV716" s="613"/>
      <c r="ICW716" s="613"/>
      <c r="ICX716" s="613"/>
      <c r="ICY716" s="613"/>
      <c r="ICZ716" s="613"/>
      <c r="IDA716" s="613"/>
      <c r="IDB716" s="613"/>
      <c r="IDC716" s="613"/>
      <c r="IDD716" s="613"/>
      <c r="IDE716" s="613"/>
      <c r="IDF716" s="613"/>
      <c r="IDG716" s="613"/>
      <c r="IDH716" s="613"/>
      <c r="IDI716" s="613"/>
      <c r="IDJ716" s="613"/>
      <c r="IDK716" s="613"/>
      <c r="IDL716" s="613"/>
      <c r="IDM716" s="613"/>
      <c r="IDN716" s="613"/>
      <c r="IDO716" s="613"/>
      <c r="IDP716" s="613"/>
      <c r="IDQ716" s="613"/>
      <c r="IDR716" s="613"/>
      <c r="IDS716" s="613"/>
      <c r="IDT716" s="613"/>
      <c r="IDU716" s="613"/>
      <c r="IDV716" s="613"/>
      <c r="IDW716" s="613"/>
      <c r="IDX716" s="613"/>
      <c r="IDY716" s="613"/>
      <c r="IDZ716" s="613"/>
      <c r="IEA716" s="613"/>
      <c r="IEB716" s="613"/>
      <c r="IEC716" s="613"/>
      <c r="IED716" s="613"/>
      <c r="IEE716" s="613"/>
      <c r="IEF716" s="613"/>
      <c r="IEG716" s="613"/>
      <c r="IEH716" s="613"/>
      <c r="IEI716" s="613"/>
      <c r="IEJ716" s="613"/>
      <c r="IEK716" s="613"/>
      <c r="IEL716" s="613"/>
      <c r="IEM716" s="613"/>
      <c r="IEN716" s="613"/>
      <c r="IEO716" s="613"/>
      <c r="IEP716" s="613"/>
      <c r="IEQ716" s="613"/>
      <c r="IER716" s="613"/>
      <c r="IES716" s="613"/>
      <c r="IET716" s="613"/>
      <c r="IEU716" s="613"/>
      <c r="IEV716" s="613"/>
      <c r="IEW716" s="613"/>
      <c r="IEX716" s="613"/>
      <c r="IEY716" s="613"/>
      <c r="IEZ716" s="613"/>
      <c r="IFA716" s="613"/>
      <c r="IFB716" s="613"/>
      <c r="IFC716" s="613"/>
      <c r="IFD716" s="613"/>
      <c r="IFE716" s="613"/>
      <c r="IFF716" s="613"/>
      <c r="IFG716" s="613"/>
      <c r="IFH716" s="613"/>
      <c r="IFI716" s="613"/>
      <c r="IFJ716" s="613"/>
      <c r="IFK716" s="613"/>
      <c r="IFL716" s="613"/>
      <c r="IFM716" s="613"/>
      <c r="IFN716" s="613"/>
      <c r="IFO716" s="613"/>
      <c r="IFP716" s="613"/>
      <c r="IFQ716" s="613"/>
      <c r="IFR716" s="613"/>
      <c r="IFS716" s="613"/>
      <c r="IFT716" s="613"/>
      <c r="IFU716" s="613"/>
      <c r="IFV716" s="613"/>
      <c r="IFW716" s="613"/>
      <c r="IFX716" s="613"/>
      <c r="IFY716" s="613"/>
      <c r="IFZ716" s="613"/>
      <c r="IGA716" s="613"/>
      <c r="IGB716" s="613"/>
      <c r="IGC716" s="613"/>
      <c r="IGD716" s="613"/>
      <c r="IGE716" s="613"/>
      <c r="IGF716" s="613"/>
      <c r="IGG716" s="613"/>
      <c r="IGH716" s="613"/>
      <c r="IGI716" s="613"/>
      <c r="IGJ716" s="613"/>
      <c r="IGK716" s="613"/>
      <c r="IGL716" s="613"/>
      <c r="IGM716" s="613"/>
      <c r="IGN716" s="613"/>
      <c r="IGO716" s="613"/>
      <c r="IGP716" s="613"/>
      <c r="IGQ716" s="613"/>
      <c r="IGR716" s="613"/>
      <c r="IGS716" s="613"/>
      <c r="IGT716" s="613"/>
      <c r="IGU716" s="613"/>
      <c r="IGV716" s="613"/>
      <c r="IGW716" s="613"/>
      <c r="IGX716" s="613"/>
      <c r="IGY716" s="613"/>
      <c r="IGZ716" s="613"/>
      <c r="IHA716" s="613"/>
      <c r="IHB716" s="613"/>
      <c r="IHC716" s="613"/>
      <c r="IHD716" s="613"/>
      <c r="IHE716" s="613"/>
      <c r="IHF716" s="613"/>
      <c r="IHG716" s="613"/>
      <c r="IHH716" s="613"/>
      <c r="IHI716" s="613"/>
      <c r="IHJ716" s="613"/>
      <c r="IHK716" s="613"/>
      <c r="IHL716" s="613"/>
      <c r="IHM716" s="613"/>
      <c r="IHN716" s="613"/>
      <c r="IHO716" s="613"/>
      <c r="IHP716" s="613"/>
      <c r="IHQ716" s="613"/>
      <c r="IHR716" s="613"/>
      <c r="IHS716" s="613"/>
      <c r="IHT716" s="613"/>
      <c r="IHU716" s="613"/>
      <c r="IHV716" s="613"/>
      <c r="IHW716" s="613"/>
      <c r="IHX716" s="613"/>
      <c r="IHY716" s="613"/>
      <c r="IHZ716" s="613"/>
      <c r="IIA716" s="613"/>
      <c r="IIB716" s="613"/>
      <c r="IIC716" s="613"/>
      <c r="IID716" s="613"/>
      <c r="IIE716" s="613"/>
      <c r="IIF716" s="613"/>
      <c r="IIG716" s="613"/>
      <c r="IIH716" s="613"/>
      <c r="III716" s="613"/>
      <c r="IIJ716" s="613"/>
      <c r="IIK716" s="613"/>
      <c r="IIL716" s="613"/>
      <c r="IIM716" s="613"/>
      <c r="IIN716" s="613"/>
      <c r="IIO716" s="613"/>
      <c r="IIP716" s="613"/>
      <c r="IIQ716" s="613"/>
      <c r="IIR716" s="613"/>
      <c r="IIS716" s="613"/>
      <c r="IIT716" s="613"/>
      <c r="IIU716" s="613"/>
      <c r="IIV716" s="613"/>
      <c r="IIW716" s="613"/>
      <c r="IIX716" s="613"/>
      <c r="IIY716" s="613"/>
      <c r="IIZ716" s="613"/>
      <c r="IJA716" s="613"/>
      <c r="IJB716" s="613"/>
      <c r="IJC716" s="613"/>
      <c r="IJD716" s="613"/>
      <c r="IJE716" s="613"/>
      <c r="IJF716" s="613"/>
      <c r="IJG716" s="613"/>
      <c r="IJH716" s="613"/>
      <c r="IJI716" s="613"/>
      <c r="IJJ716" s="613"/>
      <c r="IJK716" s="613"/>
      <c r="IJL716" s="613"/>
      <c r="IJM716" s="613"/>
      <c r="IJN716" s="613"/>
      <c r="IJO716" s="613"/>
      <c r="IJP716" s="613"/>
      <c r="IJQ716" s="613"/>
      <c r="IJR716" s="613"/>
      <c r="IJS716" s="613"/>
      <c r="IJT716" s="613"/>
      <c r="IJU716" s="613"/>
      <c r="IJV716" s="613"/>
      <c r="IJW716" s="613"/>
      <c r="IJX716" s="613"/>
      <c r="IJY716" s="613"/>
      <c r="IJZ716" s="613"/>
      <c r="IKA716" s="613"/>
      <c r="IKB716" s="613"/>
      <c r="IKC716" s="613"/>
      <c r="IKD716" s="613"/>
      <c r="IKE716" s="613"/>
      <c r="IKF716" s="613"/>
      <c r="IKG716" s="613"/>
      <c r="IKH716" s="613"/>
      <c r="IKI716" s="613"/>
      <c r="IKJ716" s="613"/>
      <c r="IKK716" s="613"/>
      <c r="IKL716" s="613"/>
      <c r="IKM716" s="613"/>
      <c r="IKN716" s="613"/>
      <c r="IKO716" s="613"/>
      <c r="IKP716" s="613"/>
      <c r="IKQ716" s="613"/>
      <c r="IKR716" s="613"/>
      <c r="IKS716" s="613"/>
      <c r="IKT716" s="613"/>
      <c r="IKU716" s="613"/>
      <c r="IKV716" s="613"/>
      <c r="IKW716" s="613"/>
      <c r="IKX716" s="613"/>
      <c r="IKY716" s="613"/>
      <c r="IKZ716" s="613"/>
      <c r="ILA716" s="613"/>
      <c r="ILB716" s="613"/>
      <c r="ILC716" s="613"/>
      <c r="ILD716" s="613"/>
      <c r="ILE716" s="613"/>
      <c r="ILF716" s="613"/>
      <c r="ILG716" s="613"/>
      <c r="ILH716" s="613"/>
      <c r="ILI716" s="613"/>
      <c r="ILJ716" s="613"/>
      <c r="ILK716" s="613"/>
      <c r="ILL716" s="613"/>
      <c r="ILM716" s="613"/>
      <c r="ILN716" s="613"/>
      <c r="ILO716" s="613"/>
      <c r="ILP716" s="613"/>
      <c r="ILQ716" s="613"/>
      <c r="ILR716" s="613"/>
      <c r="ILS716" s="613"/>
      <c r="ILT716" s="613"/>
      <c r="ILU716" s="613"/>
      <c r="ILV716" s="613"/>
      <c r="ILW716" s="613"/>
      <c r="ILX716" s="613"/>
      <c r="ILY716" s="613"/>
      <c r="ILZ716" s="613"/>
      <c r="IMA716" s="613"/>
      <c r="IMB716" s="613"/>
      <c r="IMC716" s="613"/>
      <c r="IMD716" s="613"/>
      <c r="IME716" s="613"/>
      <c r="IMF716" s="613"/>
      <c r="IMG716" s="613"/>
      <c r="IMH716" s="613"/>
      <c r="IMI716" s="613"/>
      <c r="IMJ716" s="613"/>
      <c r="IMK716" s="613"/>
      <c r="IML716" s="613"/>
      <c r="IMM716" s="613"/>
      <c r="IMN716" s="613"/>
      <c r="IMO716" s="613"/>
      <c r="IMP716" s="613"/>
      <c r="IMQ716" s="613"/>
      <c r="IMR716" s="613"/>
      <c r="IMS716" s="613"/>
      <c r="IMT716" s="613"/>
      <c r="IMU716" s="613"/>
      <c r="IMV716" s="613"/>
      <c r="IMW716" s="613"/>
      <c r="IMX716" s="613"/>
      <c r="IMY716" s="613"/>
      <c r="IMZ716" s="613"/>
      <c r="INA716" s="613"/>
      <c r="INB716" s="613"/>
      <c r="INC716" s="613"/>
      <c r="IND716" s="613"/>
      <c r="INE716" s="613"/>
      <c r="INF716" s="613"/>
      <c r="ING716" s="613"/>
      <c r="INH716" s="613"/>
      <c r="INI716" s="613"/>
      <c r="INJ716" s="613"/>
      <c r="INK716" s="613"/>
      <c r="INL716" s="613"/>
      <c r="INM716" s="613"/>
      <c r="INN716" s="613"/>
      <c r="INO716" s="613"/>
      <c r="INP716" s="613"/>
      <c r="INQ716" s="613"/>
      <c r="INR716" s="613"/>
      <c r="INS716" s="613"/>
      <c r="INT716" s="613"/>
      <c r="INU716" s="613"/>
      <c r="INV716" s="613"/>
      <c r="INW716" s="613"/>
      <c r="INX716" s="613"/>
      <c r="INY716" s="613"/>
      <c r="INZ716" s="613"/>
      <c r="IOA716" s="613"/>
      <c r="IOB716" s="613"/>
      <c r="IOC716" s="613"/>
      <c r="IOD716" s="613"/>
      <c r="IOE716" s="613"/>
      <c r="IOF716" s="613"/>
      <c r="IOG716" s="613"/>
      <c r="IOH716" s="613"/>
      <c r="IOI716" s="613"/>
      <c r="IOJ716" s="613"/>
      <c r="IOK716" s="613"/>
      <c r="IOL716" s="613"/>
      <c r="IOM716" s="613"/>
      <c r="ION716" s="613"/>
      <c r="IOO716" s="613"/>
      <c r="IOP716" s="613"/>
      <c r="IOQ716" s="613"/>
      <c r="IOR716" s="613"/>
      <c r="IOS716" s="613"/>
      <c r="IOT716" s="613"/>
      <c r="IOU716" s="613"/>
      <c r="IOV716" s="613"/>
      <c r="IOW716" s="613"/>
      <c r="IOX716" s="613"/>
      <c r="IOY716" s="613"/>
      <c r="IOZ716" s="613"/>
      <c r="IPA716" s="613"/>
      <c r="IPB716" s="613"/>
      <c r="IPC716" s="613"/>
      <c r="IPD716" s="613"/>
      <c r="IPE716" s="613"/>
      <c r="IPF716" s="613"/>
      <c r="IPG716" s="613"/>
      <c r="IPH716" s="613"/>
      <c r="IPI716" s="613"/>
      <c r="IPJ716" s="613"/>
      <c r="IPK716" s="613"/>
      <c r="IPL716" s="613"/>
      <c r="IPM716" s="613"/>
      <c r="IPN716" s="613"/>
      <c r="IPO716" s="613"/>
      <c r="IPP716" s="613"/>
      <c r="IPQ716" s="613"/>
      <c r="IPR716" s="613"/>
      <c r="IPS716" s="613"/>
      <c r="IPT716" s="613"/>
      <c r="IPU716" s="613"/>
      <c r="IPV716" s="613"/>
      <c r="IPW716" s="613"/>
      <c r="IPX716" s="613"/>
      <c r="IPY716" s="613"/>
      <c r="IPZ716" s="613"/>
      <c r="IQA716" s="613"/>
      <c r="IQB716" s="613"/>
      <c r="IQC716" s="613"/>
      <c r="IQD716" s="613"/>
      <c r="IQE716" s="613"/>
      <c r="IQF716" s="613"/>
      <c r="IQG716" s="613"/>
      <c r="IQH716" s="613"/>
      <c r="IQI716" s="613"/>
      <c r="IQJ716" s="613"/>
      <c r="IQK716" s="613"/>
      <c r="IQL716" s="613"/>
      <c r="IQM716" s="613"/>
      <c r="IQN716" s="613"/>
      <c r="IQO716" s="613"/>
      <c r="IQP716" s="613"/>
      <c r="IQQ716" s="613"/>
      <c r="IQR716" s="613"/>
      <c r="IQS716" s="613"/>
      <c r="IQT716" s="613"/>
      <c r="IQU716" s="613"/>
      <c r="IQV716" s="613"/>
      <c r="IQW716" s="613"/>
      <c r="IQX716" s="613"/>
      <c r="IQY716" s="613"/>
      <c r="IQZ716" s="613"/>
      <c r="IRA716" s="613"/>
      <c r="IRB716" s="613"/>
      <c r="IRC716" s="613"/>
      <c r="IRD716" s="613"/>
      <c r="IRE716" s="613"/>
      <c r="IRF716" s="613"/>
      <c r="IRG716" s="613"/>
      <c r="IRH716" s="613"/>
      <c r="IRI716" s="613"/>
      <c r="IRJ716" s="613"/>
      <c r="IRK716" s="613"/>
      <c r="IRL716" s="613"/>
      <c r="IRM716" s="613"/>
      <c r="IRN716" s="613"/>
      <c r="IRO716" s="613"/>
      <c r="IRP716" s="613"/>
      <c r="IRQ716" s="613"/>
      <c r="IRR716" s="613"/>
      <c r="IRS716" s="613"/>
      <c r="IRT716" s="613"/>
      <c r="IRU716" s="613"/>
      <c r="IRV716" s="613"/>
      <c r="IRW716" s="613"/>
      <c r="IRX716" s="613"/>
      <c r="IRY716" s="613"/>
      <c r="IRZ716" s="613"/>
      <c r="ISA716" s="613"/>
      <c r="ISB716" s="613"/>
      <c r="ISC716" s="613"/>
      <c r="ISD716" s="613"/>
      <c r="ISE716" s="613"/>
      <c r="ISF716" s="613"/>
      <c r="ISG716" s="613"/>
      <c r="ISH716" s="613"/>
      <c r="ISI716" s="613"/>
      <c r="ISJ716" s="613"/>
      <c r="ISK716" s="613"/>
      <c r="ISL716" s="613"/>
      <c r="ISM716" s="613"/>
      <c r="ISN716" s="613"/>
      <c r="ISO716" s="613"/>
      <c r="ISP716" s="613"/>
      <c r="ISQ716" s="613"/>
      <c r="ISR716" s="613"/>
      <c r="ISS716" s="613"/>
      <c r="IST716" s="613"/>
      <c r="ISU716" s="613"/>
      <c r="ISV716" s="613"/>
      <c r="ISW716" s="613"/>
      <c r="ISX716" s="613"/>
      <c r="ISY716" s="613"/>
      <c r="ISZ716" s="613"/>
      <c r="ITA716" s="613"/>
      <c r="ITB716" s="613"/>
      <c r="ITC716" s="613"/>
      <c r="ITD716" s="613"/>
      <c r="ITE716" s="613"/>
      <c r="ITF716" s="613"/>
      <c r="ITG716" s="613"/>
      <c r="ITH716" s="613"/>
      <c r="ITI716" s="613"/>
      <c r="ITJ716" s="613"/>
      <c r="ITK716" s="613"/>
      <c r="ITL716" s="613"/>
      <c r="ITM716" s="613"/>
      <c r="ITN716" s="613"/>
      <c r="ITO716" s="613"/>
      <c r="ITP716" s="613"/>
      <c r="ITQ716" s="613"/>
      <c r="ITR716" s="613"/>
      <c r="ITS716" s="613"/>
      <c r="ITT716" s="613"/>
      <c r="ITU716" s="613"/>
      <c r="ITV716" s="613"/>
      <c r="ITW716" s="613"/>
      <c r="ITX716" s="613"/>
      <c r="ITY716" s="613"/>
      <c r="ITZ716" s="613"/>
      <c r="IUA716" s="613"/>
      <c r="IUB716" s="613"/>
      <c r="IUC716" s="613"/>
      <c r="IUD716" s="613"/>
      <c r="IUE716" s="613"/>
      <c r="IUF716" s="613"/>
      <c r="IUG716" s="613"/>
      <c r="IUH716" s="613"/>
      <c r="IUI716" s="613"/>
      <c r="IUJ716" s="613"/>
      <c r="IUK716" s="613"/>
      <c r="IUL716" s="613"/>
      <c r="IUM716" s="613"/>
      <c r="IUN716" s="613"/>
      <c r="IUO716" s="613"/>
      <c r="IUP716" s="613"/>
      <c r="IUQ716" s="613"/>
      <c r="IUR716" s="613"/>
      <c r="IUS716" s="613"/>
      <c r="IUT716" s="613"/>
      <c r="IUU716" s="613"/>
      <c r="IUV716" s="613"/>
      <c r="IUW716" s="613"/>
      <c r="IUX716" s="613"/>
      <c r="IUY716" s="613"/>
      <c r="IUZ716" s="613"/>
      <c r="IVA716" s="613"/>
      <c r="IVB716" s="613"/>
      <c r="IVC716" s="613"/>
      <c r="IVD716" s="613"/>
      <c r="IVE716" s="613"/>
      <c r="IVF716" s="613"/>
      <c r="IVG716" s="613"/>
      <c r="IVH716" s="613"/>
      <c r="IVI716" s="613"/>
      <c r="IVJ716" s="613"/>
      <c r="IVK716" s="613"/>
      <c r="IVL716" s="613"/>
      <c r="IVM716" s="613"/>
      <c r="IVN716" s="613"/>
      <c r="IVO716" s="613"/>
      <c r="IVP716" s="613"/>
      <c r="IVQ716" s="613"/>
      <c r="IVR716" s="613"/>
      <c r="IVS716" s="613"/>
      <c r="IVT716" s="613"/>
      <c r="IVU716" s="613"/>
      <c r="IVV716" s="613"/>
      <c r="IVW716" s="613"/>
      <c r="IVX716" s="613"/>
      <c r="IVY716" s="613"/>
      <c r="IVZ716" s="613"/>
      <c r="IWA716" s="613"/>
      <c r="IWB716" s="613"/>
      <c r="IWC716" s="613"/>
      <c r="IWD716" s="613"/>
      <c r="IWE716" s="613"/>
      <c r="IWF716" s="613"/>
      <c r="IWG716" s="613"/>
      <c r="IWH716" s="613"/>
      <c r="IWI716" s="613"/>
      <c r="IWJ716" s="613"/>
      <c r="IWK716" s="613"/>
      <c r="IWL716" s="613"/>
      <c r="IWM716" s="613"/>
      <c r="IWN716" s="613"/>
      <c r="IWO716" s="613"/>
      <c r="IWP716" s="613"/>
      <c r="IWQ716" s="613"/>
      <c r="IWR716" s="613"/>
      <c r="IWS716" s="613"/>
      <c r="IWT716" s="613"/>
      <c r="IWU716" s="613"/>
      <c r="IWV716" s="613"/>
      <c r="IWW716" s="613"/>
      <c r="IWX716" s="613"/>
      <c r="IWY716" s="613"/>
      <c r="IWZ716" s="613"/>
      <c r="IXA716" s="613"/>
      <c r="IXB716" s="613"/>
      <c r="IXC716" s="613"/>
      <c r="IXD716" s="613"/>
      <c r="IXE716" s="613"/>
      <c r="IXF716" s="613"/>
      <c r="IXG716" s="613"/>
      <c r="IXH716" s="613"/>
      <c r="IXI716" s="613"/>
      <c r="IXJ716" s="613"/>
      <c r="IXK716" s="613"/>
      <c r="IXL716" s="613"/>
      <c r="IXM716" s="613"/>
      <c r="IXN716" s="613"/>
      <c r="IXO716" s="613"/>
      <c r="IXP716" s="613"/>
      <c r="IXQ716" s="613"/>
      <c r="IXR716" s="613"/>
      <c r="IXS716" s="613"/>
      <c r="IXT716" s="613"/>
      <c r="IXU716" s="613"/>
      <c r="IXV716" s="613"/>
      <c r="IXW716" s="613"/>
      <c r="IXX716" s="613"/>
      <c r="IXY716" s="613"/>
      <c r="IXZ716" s="613"/>
      <c r="IYA716" s="613"/>
      <c r="IYB716" s="613"/>
      <c r="IYC716" s="613"/>
      <c r="IYD716" s="613"/>
      <c r="IYE716" s="613"/>
      <c r="IYF716" s="613"/>
      <c r="IYG716" s="613"/>
      <c r="IYH716" s="613"/>
      <c r="IYI716" s="613"/>
      <c r="IYJ716" s="613"/>
      <c r="IYK716" s="613"/>
      <c r="IYL716" s="613"/>
      <c r="IYM716" s="613"/>
      <c r="IYN716" s="613"/>
      <c r="IYO716" s="613"/>
      <c r="IYP716" s="613"/>
      <c r="IYQ716" s="613"/>
      <c r="IYR716" s="613"/>
      <c r="IYS716" s="613"/>
      <c r="IYT716" s="613"/>
      <c r="IYU716" s="613"/>
      <c r="IYV716" s="613"/>
      <c r="IYW716" s="613"/>
      <c r="IYX716" s="613"/>
      <c r="IYY716" s="613"/>
      <c r="IYZ716" s="613"/>
      <c r="IZA716" s="613"/>
      <c r="IZB716" s="613"/>
      <c r="IZC716" s="613"/>
      <c r="IZD716" s="613"/>
      <c r="IZE716" s="613"/>
      <c r="IZF716" s="613"/>
      <c r="IZG716" s="613"/>
      <c r="IZH716" s="613"/>
      <c r="IZI716" s="613"/>
      <c r="IZJ716" s="613"/>
      <c r="IZK716" s="613"/>
      <c r="IZL716" s="613"/>
      <c r="IZM716" s="613"/>
      <c r="IZN716" s="613"/>
      <c r="IZO716" s="613"/>
      <c r="IZP716" s="613"/>
      <c r="IZQ716" s="613"/>
      <c r="IZR716" s="613"/>
      <c r="IZS716" s="613"/>
      <c r="IZT716" s="613"/>
      <c r="IZU716" s="613"/>
      <c r="IZV716" s="613"/>
      <c r="IZW716" s="613"/>
      <c r="IZX716" s="613"/>
      <c r="IZY716" s="613"/>
      <c r="IZZ716" s="613"/>
      <c r="JAA716" s="613"/>
      <c r="JAB716" s="613"/>
      <c r="JAC716" s="613"/>
      <c r="JAD716" s="613"/>
      <c r="JAE716" s="613"/>
      <c r="JAF716" s="613"/>
      <c r="JAG716" s="613"/>
      <c r="JAH716" s="613"/>
      <c r="JAI716" s="613"/>
      <c r="JAJ716" s="613"/>
      <c r="JAK716" s="613"/>
      <c r="JAL716" s="613"/>
      <c r="JAM716" s="613"/>
      <c r="JAN716" s="613"/>
      <c r="JAO716" s="613"/>
      <c r="JAP716" s="613"/>
      <c r="JAQ716" s="613"/>
      <c r="JAR716" s="613"/>
      <c r="JAS716" s="613"/>
      <c r="JAT716" s="613"/>
      <c r="JAU716" s="613"/>
      <c r="JAV716" s="613"/>
      <c r="JAW716" s="613"/>
      <c r="JAX716" s="613"/>
      <c r="JAY716" s="613"/>
      <c r="JAZ716" s="613"/>
      <c r="JBA716" s="613"/>
      <c r="JBB716" s="613"/>
      <c r="JBC716" s="613"/>
      <c r="JBD716" s="613"/>
      <c r="JBE716" s="613"/>
      <c r="JBF716" s="613"/>
      <c r="JBG716" s="613"/>
      <c r="JBH716" s="613"/>
      <c r="JBI716" s="613"/>
      <c r="JBJ716" s="613"/>
      <c r="JBK716" s="613"/>
      <c r="JBL716" s="613"/>
      <c r="JBM716" s="613"/>
      <c r="JBN716" s="613"/>
      <c r="JBO716" s="613"/>
      <c r="JBP716" s="613"/>
      <c r="JBQ716" s="613"/>
      <c r="JBR716" s="613"/>
      <c r="JBS716" s="613"/>
      <c r="JBT716" s="613"/>
      <c r="JBU716" s="613"/>
      <c r="JBV716" s="613"/>
      <c r="JBW716" s="613"/>
      <c r="JBX716" s="613"/>
      <c r="JBY716" s="613"/>
      <c r="JBZ716" s="613"/>
      <c r="JCA716" s="613"/>
      <c r="JCB716" s="613"/>
      <c r="JCC716" s="613"/>
      <c r="JCD716" s="613"/>
      <c r="JCE716" s="613"/>
      <c r="JCF716" s="613"/>
      <c r="JCG716" s="613"/>
      <c r="JCH716" s="613"/>
      <c r="JCI716" s="613"/>
      <c r="JCJ716" s="613"/>
      <c r="JCK716" s="613"/>
      <c r="JCL716" s="613"/>
      <c r="JCM716" s="613"/>
      <c r="JCN716" s="613"/>
      <c r="JCO716" s="613"/>
      <c r="JCP716" s="613"/>
      <c r="JCQ716" s="613"/>
      <c r="JCR716" s="613"/>
      <c r="JCS716" s="613"/>
      <c r="JCT716" s="613"/>
      <c r="JCU716" s="613"/>
      <c r="JCV716" s="613"/>
      <c r="JCW716" s="613"/>
      <c r="JCX716" s="613"/>
      <c r="JCY716" s="613"/>
      <c r="JCZ716" s="613"/>
      <c r="JDA716" s="613"/>
      <c r="JDB716" s="613"/>
      <c r="JDC716" s="613"/>
      <c r="JDD716" s="613"/>
      <c r="JDE716" s="613"/>
      <c r="JDF716" s="613"/>
      <c r="JDG716" s="613"/>
      <c r="JDH716" s="613"/>
      <c r="JDI716" s="613"/>
      <c r="JDJ716" s="613"/>
      <c r="JDK716" s="613"/>
      <c r="JDL716" s="613"/>
      <c r="JDM716" s="613"/>
      <c r="JDN716" s="613"/>
      <c r="JDO716" s="613"/>
      <c r="JDP716" s="613"/>
      <c r="JDQ716" s="613"/>
      <c r="JDR716" s="613"/>
      <c r="JDS716" s="613"/>
      <c r="JDT716" s="613"/>
      <c r="JDU716" s="613"/>
      <c r="JDV716" s="613"/>
      <c r="JDW716" s="613"/>
      <c r="JDX716" s="613"/>
      <c r="JDY716" s="613"/>
      <c r="JDZ716" s="613"/>
      <c r="JEA716" s="613"/>
      <c r="JEB716" s="613"/>
      <c r="JEC716" s="613"/>
      <c r="JED716" s="613"/>
      <c r="JEE716" s="613"/>
      <c r="JEF716" s="613"/>
      <c r="JEG716" s="613"/>
      <c r="JEH716" s="613"/>
      <c r="JEI716" s="613"/>
      <c r="JEJ716" s="613"/>
      <c r="JEK716" s="613"/>
      <c r="JEL716" s="613"/>
      <c r="JEM716" s="613"/>
      <c r="JEN716" s="613"/>
      <c r="JEO716" s="613"/>
      <c r="JEP716" s="613"/>
      <c r="JEQ716" s="613"/>
      <c r="JER716" s="613"/>
      <c r="JES716" s="613"/>
      <c r="JET716" s="613"/>
      <c r="JEU716" s="613"/>
      <c r="JEV716" s="613"/>
      <c r="JEW716" s="613"/>
      <c r="JEX716" s="613"/>
      <c r="JEY716" s="613"/>
      <c r="JEZ716" s="613"/>
      <c r="JFA716" s="613"/>
      <c r="JFB716" s="613"/>
      <c r="JFC716" s="613"/>
      <c r="JFD716" s="613"/>
      <c r="JFE716" s="613"/>
      <c r="JFF716" s="613"/>
      <c r="JFG716" s="613"/>
      <c r="JFH716" s="613"/>
      <c r="JFI716" s="613"/>
      <c r="JFJ716" s="613"/>
      <c r="JFK716" s="613"/>
      <c r="JFL716" s="613"/>
      <c r="JFM716" s="613"/>
      <c r="JFN716" s="613"/>
      <c r="JFO716" s="613"/>
      <c r="JFP716" s="613"/>
      <c r="JFQ716" s="613"/>
      <c r="JFR716" s="613"/>
      <c r="JFS716" s="613"/>
      <c r="JFT716" s="613"/>
      <c r="JFU716" s="613"/>
      <c r="JFV716" s="613"/>
      <c r="JFW716" s="613"/>
      <c r="JFX716" s="613"/>
      <c r="JFY716" s="613"/>
      <c r="JFZ716" s="613"/>
      <c r="JGA716" s="613"/>
      <c r="JGB716" s="613"/>
      <c r="JGC716" s="613"/>
      <c r="JGD716" s="613"/>
      <c r="JGE716" s="613"/>
      <c r="JGF716" s="613"/>
      <c r="JGG716" s="613"/>
      <c r="JGH716" s="613"/>
      <c r="JGI716" s="613"/>
      <c r="JGJ716" s="613"/>
      <c r="JGK716" s="613"/>
      <c r="JGL716" s="613"/>
      <c r="JGM716" s="613"/>
      <c r="JGN716" s="613"/>
      <c r="JGO716" s="613"/>
      <c r="JGP716" s="613"/>
      <c r="JGQ716" s="613"/>
      <c r="JGR716" s="613"/>
      <c r="JGS716" s="613"/>
      <c r="JGT716" s="613"/>
      <c r="JGU716" s="613"/>
      <c r="JGV716" s="613"/>
      <c r="JGW716" s="613"/>
      <c r="JGX716" s="613"/>
      <c r="JGY716" s="613"/>
      <c r="JGZ716" s="613"/>
      <c r="JHA716" s="613"/>
      <c r="JHB716" s="613"/>
      <c r="JHC716" s="613"/>
      <c r="JHD716" s="613"/>
      <c r="JHE716" s="613"/>
      <c r="JHF716" s="613"/>
      <c r="JHG716" s="613"/>
      <c r="JHH716" s="613"/>
      <c r="JHI716" s="613"/>
      <c r="JHJ716" s="613"/>
      <c r="JHK716" s="613"/>
      <c r="JHL716" s="613"/>
      <c r="JHM716" s="613"/>
      <c r="JHN716" s="613"/>
      <c r="JHO716" s="613"/>
      <c r="JHP716" s="613"/>
      <c r="JHQ716" s="613"/>
      <c r="JHR716" s="613"/>
      <c r="JHS716" s="613"/>
      <c r="JHT716" s="613"/>
      <c r="JHU716" s="613"/>
      <c r="JHV716" s="613"/>
      <c r="JHW716" s="613"/>
      <c r="JHX716" s="613"/>
      <c r="JHY716" s="613"/>
      <c r="JHZ716" s="613"/>
      <c r="JIA716" s="613"/>
      <c r="JIB716" s="613"/>
      <c r="JIC716" s="613"/>
      <c r="JID716" s="613"/>
      <c r="JIE716" s="613"/>
      <c r="JIF716" s="613"/>
      <c r="JIG716" s="613"/>
      <c r="JIH716" s="613"/>
      <c r="JII716" s="613"/>
      <c r="JIJ716" s="613"/>
      <c r="JIK716" s="613"/>
      <c r="JIL716" s="613"/>
      <c r="JIM716" s="613"/>
      <c r="JIN716" s="613"/>
      <c r="JIO716" s="613"/>
      <c r="JIP716" s="613"/>
      <c r="JIQ716" s="613"/>
      <c r="JIR716" s="613"/>
      <c r="JIS716" s="613"/>
      <c r="JIT716" s="613"/>
      <c r="JIU716" s="613"/>
      <c r="JIV716" s="613"/>
      <c r="JIW716" s="613"/>
      <c r="JIX716" s="613"/>
      <c r="JIY716" s="613"/>
      <c r="JIZ716" s="613"/>
      <c r="JJA716" s="613"/>
      <c r="JJB716" s="613"/>
      <c r="JJC716" s="613"/>
      <c r="JJD716" s="613"/>
      <c r="JJE716" s="613"/>
      <c r="JJF716" s="613"/>
      <c r="JJG716" s="613"/>
      <c r="JJH716" s="613"/>
      <c r="JJI716" s="613"/>
      <c r="JJJ716" s="613"/>
      <c r="JJK716" s="613"/>
      <c r="JJL716" s="613"/>
      <c r="JJM716" s="613"/>
      <c r="JJN716" s="613"/>
      <c r="JJO716" s="613"/>
      <c r="JJP716" s="613"/>
      <c r="JJQ716" s="613"/>
      <c r="JJR716" s="613"/>
      <c r="JJS716" s="613"/>
      <c r="JJT716" s="613"/>
      <c r="JJU716" s="613"/>
      <c r="JJV716" s="613"/>
      <c r="JJW716" s="613"/>
      <c r="JJX716" s="613"/>
      <c r="JJY716" s="613"/>
      <c r="JJZ716" s="613"/>
      <c r="JKA716" s="613"/>
      <c r="JKB716" s="613"/>
      <c r="JKC716" s="613"/>
      <c r="JKD716" s="613"/>
      <c r="JKE716" s="613"/>
      <c r="JKF716" s="613"/>
      <c r="JKG716" s="613"/>
      <c r="JKH716" s="613"/>
      <c r="JKI716" s="613"/>
      <c r="JKJ716" s="613"/>
      <c r="JKK716" s="613"/>
      <c r="JKL716" s="613"/>
      <c r="JKM716" s="613"/>
      <c r="JKN716" s="613"/>
      <c r="JKO716" s="613"/>
      <c r="JKP716" s="613"/>
      <c r="JKQ716" s="613"/>
      <c r="JKR716" s="613"/>
      <c r="JKS716" s="613"/>
      <c r="JKT716" s="613"/>
      <c r="JKU716" s="613"/>
      <c r="JKV716" s="613"/>
      <c r="JKW716" s="613"/>
      <c r="JKX716" s="613"/>
      <c r="JKY716" s="613"/>
      <c r="JKZ716" s="613"/>
      <c r="JLA716" s="613"/>
      <c r="JLB716" s="613"/>
      <c r="JLC716" s="613"/>
      <c r="JLD716" s="613"/>
      <c r="JLE716" s="613"/>
      <c r="JLF716" s="613"/>
      <c r="JLG716" s="613"/>
      <c r="JLH716" s="613"/>
      <c r="JLI716" s="613"/>
      <c r="JLJ716" s="613"/>
      <c r="JLK716" s="613"/>
      <c r="JLL716" s="613"/>
      <c r="JLM716" s="613"/>
      <c r="JLN716" s="613"/>
      <c r="JLO716" s="613"/>
      <c r="JLP716" s="613"/>
      <c r="JLQ716" s="613"/>
      <c r="JLR716" s="613"/>
      <c r="JLS716" s="613"/>
      <c r="JLT716" s="613"/>
      <c r="JLU716" s="613"/>
      <c r="JLV716" s="613"/>
      <c r="JLW716" s="613"/>
      <c r="JLX716" s="613"/>
      <c r="JLY716" s="613"/>
      <c r="JLZ716" s="613"/>
      <c r="JMA716" s="613"/>
      <c r="JMB716" s="613"/>
      <c r="JMC716" s="613"/>
      <c r="JMD716" s="613"/>
      <c r="JME716" s="613"/>
      <c r="JMF716" s="613"/>
      <c r="JMG716" s="613"/>
      <c r="JMH716" s="613"/>
      <c r="JMI716" s="613"/>
      <c r="JMJ716" s="613"/>
      <c r="JMK716" s="613"/>
      <c r="JML716" s="613"/>
      <c r="JMM716" s="613"/>
      <c r="JMN716" s="613"/>
      <c r="JMO716" s="613"/>
      <c r="JMP716" s="613"/>
      <c r="JMQ716" s="613"/>
      <c r="JMR716" s="613"/>
      <c r="JMS716" s="613"/>
      <c r="JMT716" s="613"/>
      <c r="JMU716" s="613"/>
      <c r="JMV716" s="613"/>
      <c r="JMW716" s="613"/>
      <c r="JMX716" s="613"/>
      <c r="JMY716" s="613"/>
      <c r="JMZ716" s="613"/>
      <c r="JNA716" s="613"/>
      <c r="JNB716" s="613"/>
      <c r="JNC716" s="613"/>
      <c r="JND716" s="613"/>
      <c r="JNE716" s="613"/>
      <c r="JNF716" s="613"/>
      <c r="JNG716" s="613"/>
      <c r="JNH716" s="613"/>
      <c r="JNI716" s="613"/>
      <c r="JNJ716" s="613"/>
      <c r="JNK716" s="613"/>
      <c r="JNL716" s="613"/>
      <c r="JNM716" s="613"/>
      <c r="JNN716" s="613"/>
      <c r="JNO716" s="613"/>
      <c r="JNP716" s="613"/>
      <c r="JNQ716" s="613"/>
      <c r="JNR716" s="613"/>
      <c r="JNS716" s="613"/>
      <c r="JNT716" s="613"/>
      <c r="JNU716" s="613"/>
      <c r="JNV716" s="613"/>
      <c r="JNW716" s="613"/>
      <c r="JNX716" s="613"/>
      <c r="JNY716" s="613"/>
      <c r="JNZ716" s="613"/>
      <c r="JOA716" s="613"/>
      <c r="JOB716" s="613"/>
      <c r="JOC716" s="613"/>
      <c r="JOD716" s="613"/>
      <c r="JOE716" s="613"/>
      <c r="JOF716" s="613"/>
      <c r="JOG716" s="613"/>
      <c r="JOH716" s="613"/>
      <c r="JOI716" s="613"/>
      <c r="JOJ716" s="613"/>
      <c r="JOK716" s="613"/>
      <c r="JOL716" s="613"/>
      <c r="JOM716" s="613"/>
      <c r="JON716" s="613"/>
      <c r="JOO716" s="613"/>
      <c r="JOP716" s="613"/>
      <c r="JOQ716" s="613"/>
      <c r="JOR716" s="613"/>
      <c r="JOS716" s="613"/>
      <c r="JOT716" s="613"/>
      <c r="JOU716" s="613"/>
      <c r="JOV716" s="613"/>
      <c r="JOW716" s="613"/>
      <c r="JOX716" s="613"/>
      <c r="JOY716" s="613"/>
      <c r="JOZ716" s="613"/>
      <c r="JPA716" s="613"/>
      <c r="JPB716" s="613"/>
      <c r="JPC716" s="613"/>
      <c r="JPD716" s="613"/>
      <c r="JPE716" s="613"/>
      <c r="JPF716" s="613"/>
      <c r="JPG716" s="613"/>
      <c r="JPH716" s="613"/>
      <c r="JPI716" s="613"/>
      <c r="JPJ716" s="613"/>
      <c r="JPK716" s="613"/>
      <c r="JPL716" s="613"/>
      <c r="JPM716" s="613"/>
      <c r="JPN716" s="613"/>
      <c r="JPO716" s="613"/>
      <c r="JPP716" s="613"/>
      <c r="JPQ716" s="613"/>
      <c r="JPR716" s="613"/>
      <c r="JPS716" s="613"/>
      <c r="JPT716" s="613"/>
      <c r="JPU716" s="613"/>
      <c r="JPV716" s="613"/>
      <c r="JPW716" s="613"/>
      <c r="JPX716" s="613"/>
      <c r="JPY716" s="613"/>
      <c r="JPZ716" s="613"/>
      <c r="JQA716" s="613"/>
      <c r="JQB716" s="613"/>
      <c r="JQC716" s="613"/>
      <c r="JQD716" s="613"/>
      <c r="JQE716" s="613"/>
      <c r="JQF716" s="613"/>
      <c r="JQG716" s="613"/>
      <c r="JQH716" s="613"/>
      <c r="JQI716" s="613"/>
      <c r="JQJ716" s="613"/>
      <c r="JQK716" s="613"/>
      <c r="JQL716" s="613"/>
      <c r="JQM716" s="613"/>
      <c r="JQN716" s="613"/>
      <c r="JQO716" s="613"/>
      <c r="JQP716" s="613"/>
      <c r="JQQ716" s="613"/>
      <c r="JQR716" s="613"/>
      <c r="JQS716" s="613"/>
      <c r="JQT716" s="613"/>
      <c r="JQU716" s="613"/>
      <c r="JQV716" s="613"/>
      <c r="JQW716" s="613"/>
      <c r="JQX716" s="613"/>
      <c r="JQY716" s="613"/>
      <c r="JQZ716" s="613"/>
      <c r="JRA716" s="613"/>
      <c r="JRB716" s="613"/>
      <c r="JRC716" s="613"/>
      <c r="JRD716" s="613"/>
      <c r="JRE716" s="613"/>
      <c r="JRF716" s="613"/>
      <c r="JRG716" s="613"/>
      <c r="JRH716" s="613"/>
      <c r="JRI716" s="613"/>
      <c r="JRJ716" s="613"/>
      <c r="JRK716" s="613"/>
      <c r="JRL716" s="613"/>
      <c r="JRM716" s="613"/>
      <c r="JRN716" s="613"/>
      <c r="JRO716" s="613"/>
      <c r="JRP716" s="613"/>
      <c r="JRQ716" s="613"/>
      <c r="JRR716" s="613"/>
      <c r="JRS716" s="613"/>
      <c r="JRT716" s="613"/>
      <c r="JRU716" s="613"/>
      <c r="JRV716" s="613"/>
      <c r="JRW716" s="613"/>
      <c r="JRX716" s="613"/>
      <c r="JRY716" s="613"/>
      <c r="JRZ716" s="613"/>
      <c r="JSA716" s="613"/>
      <c r="JSB716" s="613"/>
      <c r="JSC716" s="613"/>
      <c r="JSD716" s="613"/>
      <c r="JSE716" s="613"/>
      <c r="JSF716" s="613"/>
      <c r="JSG716" s="613"/>
      <c r="JSH716" s="613"/>
      <c r="JSI716" s="613"/>
      <c r="JSJ716" s="613"/>
      <c r="JSK716" s="613"/>
      <c r="JSL716" s="613"/>
      <c r="JSM716" s="613"/>
      <c r="JSN716" s="613"/>
      <c r="JSO716" s="613"/>
      <c r="JSP716" s="613"/>
      <c r="JSQ716" s="613"/>
      <c r="JSR716" s="613"/>
      <c r="JSS716" s="613"/>
      <c r="JST716" s="613"/>
      <c r="JSU716" s="613"/>
      <c r="JSV716" s="613"/>
      <c r="JSW716" s="613"/>
      <c r="JSX716" s="613"/>
      <c r="JSY716" s="613"/>
      <c r="JSZ716" s="613"/>
      <c r="JTA716" s="613"/>
      <c r="JTB716" s="613"/>
      <c r="JTC716" s="613"/>
      <c r="JTD716" s="613"/>
      <c r="JTE716" s="613"/>
      <c r="JTF716" s="613"/>
      <c r="JTG716" s="613"/>
      <c r="JTH716" s="613"/>
      <c r="JTI716" s="613"/>
      <c r="JTJ716" s="613"/>
      <c r="JTK716" s="613"/>
      <c r="JTL716" s="613"/>
      <c r="JTM716" s="613"/>
      <c r="JTN716" s="613"/>
      <c r="JTO716" s="613"/>
      <c r="JTP716" s="613"/>
      <c r="JTQ716" s="613"/>
      <c r="JTR716" s="613"/>
      <c r="JTS716" s="613"/>
      <c r="JTT716" s="613"/>
      <c r="JTU716" s="613"/>
      <c r="JTV716" s="613"/>
      <c r="JTW716" s="613"/>
      <c r="JTX716" s="613"/>
      <c r="JTY716" s="613"/>
      <c r="JTZ716" s="613"/>
      <c r="JUA716" s="613"/>
      <c r="JUB716" s="613"/>
      <c r="JUC716" s="613"/>
      <c r="JUD716" s="613"/>
      <c r="JUE716" s="613"/>
      <c r="JUF716" s="613"/>
      <c r="JUG716" s="613"/>
      <c r="JUH716" s="613"/>
      <c r="JUI716" s="613"/>
      <c r="JUJ716" s="613"/>
      <c r="JUK716" s="613"/>
      <c r="JUL716" s="613"/>
      <c r="JUM716" s="613"/>
      <c r="JUN716" s="613"/>
      <c r="JUO716" s="613"/>
      <c r="JUP716" s="613"/>
      <c r="JUQ716" s="613"/>
      <c r="JUR716" s="613"/>
      <c r="JUS716" s="613"/>
      <c r="JUT716" s="613"/>
      <c r="JUU716" s="613"/>
      <c r="JUV716" s="613"/>
      <c r="JUW716" s="613"/>
      <c r="JUX716" s="613"/>
      <c r="JUY716" s="613"/>
      <c r="JUZ716" s="613"/>
      <c r="JVA716" s="613"/>
      <c r="JVB716" s="613"/>
      <c r="JVC716" s="613"/>
      <c r="JVD716" s="613"/>
      <c r="JVE716" s="613"/>
      <c r="JVF716" s="613"/>
      <c r="JVG716" s="613"/>
      <c r="JVH716" s="613"/>
      <c r="JVI716" s="613"/>
      <c r="JVJ716" s="613"/>
      <c r="JVK716" s="613"/>
      <c r="JVL716" s="613"/>
      <c r="JVM716" s="613"/>
      <c r="JVN716" s="613"/>
      <c r="JVO716" s="613"/>
      <c r="JVP716" s="613"/>
      <c r="JVQ716" s="613"/>
      <c r="JVR716" s="613"/>
      <c r="JVS716" s="613"/>
      <c r="JVT716" s="613"/>
      <c r="JVU716" s="613"/>
      <c r="JVV716" s="613"/>
      <c r="JVW716" s="613"/>
      <c r="JVX716" s="613"/>
      <c r="JVY716" s="613"/>
      <c r="JVZ716" s="613"/>
      <c r="JWA716" s="613"/>
      <c r="JWB716" s="613"/>
      <c r="JWC716" s="613"/>
      <c r="JWD716" s="613"/>
      <c r="JWE716" s="613"/>
      <c r="JWF716" s="613"/>
      <c r="JWG716" s="613"/>
      <c r="JWH716" s="613"/>
      <c r="JWI716" s="613"/>
      <c r="JWJ716" s="613"/>
      <c r="JWK716" s="613"/>
      <c r="JWL716" s="613"/>
      <c r="JWM716" s="613"/>
      <c r="JWN716" s="613"/>
      <c r="JWO716" s="613"/>
      <c r="JWP716" s="613"/>
      <c r="JWQ716" s="613"/>
      <c r="JWR716" s="613"/>
      <c r="JWS716" s="613"/>
      <c r="JWT716" s="613"/>
      <c r="JWU716" s="613"/>
      <c r="JWV716" s="613"/>
      <c r="JWW716" s="613"/>
      <c r="JWX716" s="613"/>
      <c r="JWY716" s="613"/>
      <c r="JWZ716" s="613"/>
      <c r="JXA716" s="613"/>
      <c r="JXB716" s="613"/>
      <c r="JXC716" s="613"/>
      <c r="JXD716" s="613"/>
      <c r="JXE716" s="613"/>
      <c r="JXF716" s="613"/>
      <c r="JXG716" s="613"/>
      <c r="JXH716" s="613"/>
      <c r="JXI716" s="613"/>
      <c r="JXJ716" s="613"/>
      <c r="JXK716" s="613"/>
      <c r="JXL716" s="613"/>
      <c r="JXM716" s="613"/>
      <c r="JXN716" s="613"/>
      <c r="JXO716" s="613"/>
      <c r="JXP716" s="613"/>
      <c r="JXQ716" s="613"/>
      <c r="JXR716" s="613"/>
      <c r="JXS716" s="613"/>
      <c r="JXT716" s="613"/>
      <c r="JXU716" s="613"/>
      <c r="JXV716" s="613"/>
      <c r="JXW716" s="613"/>
      <c r="JXX716" s="613"/>
      <c r="JXY716" s="613"/>
      <c r="JXZ716" s="613"/>
      <c r="JYA716" s="613"/>
      <c r="JYB716" s="613"/>
      <c r="JYC716" s="613"/>
      <c r="JYD716" s="613"/>
      <c r="JYE716" s="613"/>
      <c r="JYF716" s="613"/>
      <c r="JYG716" s="613"/>
      <c r="JYH716" s="613"/>
      <c r="JYI716" s="613"/>
      <c r="JYJ716" s="613"/>
      <c r="JYK716" s="613"/>
      <c r="JYL716" s="613"/>
      <c r="JYM716" s="613"/>
      <c r="JYN716" s="613"/>
      <c r="JYO716" s="613"/>
      <c r="JYP716" s="613"/>
      <c r="JYQ716" s="613"/>
      <c r="JYR716" s="613"/>
      <c r="JYS716" s="613"/>
      <c r="JYT716" s="613"/>
      <c r="JYU716" s="613"/>
      <c r="JYV716" s="613"/>
      <c r="JYW716" s="613"/>
      <c r="JYX716" s="613"/>
      <c r="JYY716" s="613"/>
      <c r="JYZ716" s="613"/>
      <c r="JZA716" s="613"/>
      <c r="JZB716" s="613"/>
      <c r="JZC716" s="613"/>
      <c r="JZD716" s="613"/>
      <c r="JZE716" s="613"/>
      <c r="JZF716" s="613"/>
      <c r="JZG716" s="613"/>
      <c r="JZH716" s="613"/>
      <c r="JZI716" s="613"/>
      <c r="JZJ716" s="613"/>
      <c r="JZK716" s="613"/>
      <c r="JZL716" s="613"/>
      <c r="JZM716" s="613"/>
      <c r="JZN716" s="613"/>
      <c r="JZO716" s="613"/>
      <c r="JZP716" s="613"/>
      <c r="JZQ716" s="613"/>
      <c r="JZR716" s="613"/>
      <c r="JZS716" s="613"/>
      <c r="JZT716" s="613"/>
      <c r="JZU716" s="613"/>
      <c r="JZV716" s="613"/>
      <c r="JZW716" s="613"/>
      <c r="JZX716" s="613"/>
      <c r="JZY716" s="613"/>
      <c r="JZZ716" s="613"/>
      <c r="KAA716" s="613"/>
      <c r="KAB716" s="613"/>
      <c r="KAC716" s="613"/>
      <c r="KAD716" s="613"/>
      <c r="KAE716" s="613"/>
      <c r="KAF716" s="613"/>
      <c r="KAG716" s="613"/>
      <c r="KAH716" s="613"/>
      <c r="KAI716" s="613"/>
      <c r="KAJ716" s="613"/>
      <c r="KAK716" s="613"/>
      <c r="KAL716" s="613"/>
      <c r="KAM716" s="613"/>
      <c r="KAN716" s="613"/>
      <c r="KAO716" s="613"/>
      <c r="KAP716" s="613"/>
      <c r="KAQ716" s="613"/>
      <c r="KAR716" s="613"/>
      <c r="KAS716" s="613"/>
      <c r="KAT716" s="613"/>
      <c r="KAU716" s="613"/>
      <c r="KAV716" s="613"/>
      <c r="KAW716" s="613"/>
      <c r="KAX716" s="613"/>
      <c r="KAY716" s="613"/>
      <c r="KAZ716" s="613"/>
      <c r="KBA716" s="613"/>
      <c r="KBB716" s="613"/>
      <c r="KBC716" s="613"/>
      <c r="KBD716" s="613"/>
      <c r="KBE716" s="613"/>
      <c r="KBF716" s="613"/>
      <c r="KBG716" s="613"/>
      <c r="KBH716" s="613"/>
      <c r="KBI716" s="613"/>
      <c r="KBJ716" s="613"/>
      <c r="KBK716" s="613"/>
      <c r="KBL716" s="613"/>
      <c r="KBM716" s="613"/>
      <c r="KBN716" s="613"/>
      <c r="KBO716" s="613"/>
      <c r="KBP716" s="613"/>
      <c r="KBQ716" s="613"/>
      <c r="KBR716" s="613"/>
      <c r="KBS716" s="613"/>
      <c r="KBT716" s="613"/>
      <c r="KBU716" s="613"/>
      <c r="KBV716" s="613"/>
      <c r="KBW716" s="613"/>
      <c r="KBX716" s="613"/>
      <c r="KBY716" s="613"/>
      <c r="KBZ716" s="613"/>
      <c r="KCA716" s="613"/>
      <c r="KCB716" s="613"/>
      <c r="KCC716" s="613"/>
      <c r="KCD716" s="613"/>
      <c r="KCE716" s="613"/>
      <c r="KCF716" s="613"/>
      <c r="KCG716" s="613"/>
      <c r="KCH716" s="613"/>
      <c r="KCI716" s="613"/>
      <c r="KCJ716" s="613"/>
      <c r="KCK716" s="613"/>
      <c r="KCL716" s="613"/>
      <c r="KCM716" s="613"/>
      <c r="KCN716" s="613"/>
      <c r="KCO716" s="613"/>
      <c r="KCP716" s="613"/>
      <c r="KCQ716" s="613"/>
      <c r="KCR716" s="613"/>
      <c r="KCS716" s="613"/>
      <c r="KCT716" s="613"/>
      <c r="KCU716" s="613"/>
      <c r="KCV716" s="613"/>
      <c r="KCW716" s="613"/>
      <c r="KCX716" s="613"/>
      <c r="KCY716" s="613"/>
      <c r="KCZ716" s="613"/>
      <c r="KDA716" s="613"/>
      <c r="KDB716" s="613"/>
      <c r="KDC716" s="613"/>
      <c r="KDD716" s="613"/>
      <c r="KDE716" s="613"/>
      <c r="KDF716" s="613"/>
      <c r="KDG716" s="613"/>
      <c r="KDH716" s="613"/>
      <c r="KDI716" s="613"/>
      <c r="KDJ716" s="613"/>
      <c r="KDK716" s="613"/>
      <c r="KDL716" s="613"/>
      <c r="KDM716" s="613"/>
      <c r="KDN716" s="613"/>
      <c r="KDO716" s="613"/>
      <c r="KDP716" s="613"/>
      <c r="KDQ716" s="613"/>
      <c r="KDR716" s="613"/>
      <c r="KDS716" s="613"/>
      <c r="KDT716" s="613"/>
      <c r="KDU716" s="613"/>
      <c r="KDV716" s="613"/>
      <c r="KDW716" s="613"/>
      <c r="KDX716" s="613"/>
      <c r="KDY716" s="613"/>
      <c r="KDZ716" s="613"/>
      <c r="KEA716" s="613"/>
      <c r="KEB716" s="613"/>
      <c r="KEC716" s="613"/>
      <c r="KED716" s="613"/>
      <c r="KEE716" s="613"/>
      <c r="KEF716" s="613"/>
      <c r="KEG716" s="613"/>
      <c r="KEH716" s="613"/>
      <c r="KEI716" s="613"/>
      <c r="KEJ716" s="613"/>
      <c r="KEK716" s="613"/>
      <c r="KEL716" s="613"/>
      <c r="KEM716" s="613"/>
      <c r="KEN716" s="613"/>
      <c r="KEO716" s="613"/>
      <c r="KEP716" s="613"/>
      <c r="KEQ716" s="613"/>
      <c r="KER716" s="613"/>
      <c r="KES716" s="613"/>
      <c r="KET716" s="613"/>
      <c r="KEU716" s="613"/>
      <c r="KEV716" s="613"/>
      <c r="KEW716" s="613"/>
      <c r="KEX716" s="613"/>
      <c r="KEY716" s="613"/>
      <c r="KEZ716" s="613"/>
      <c r="KFA716" s="613"/>
      <c r="KFB716" s="613"/>
      <c r="KFC716" s="613"/>
      <c r="KFD716" s="613"/>
      <c r="KFE716" s="613"/>
      <c r="KFF716" s="613"/>
      <c r="KFG716" s="613"/>
      <c r="KFH716" s="613"/>
      <c r="KFI716" s="613"/>
      <c r="KFJ716" s="613"/>
      <c r="KFK716" s="613"/>
      <c r="KFL716" s="613"/>
      <c r="KFM716" s="613"/>
      <c r="KFN716" s="613"/>
      <c r="KFO716" s="613"/>
      <c r="KFP716" s="613"/>
      <c r="KFQ716" s="613"/>
      <c r="KFR716" s="613"/>
      <c r="KFS716" s="613"/>
      <c r="KFT716" s="613"/>
      <c r="KFU716" s="613"/>
      <c r="KFV716" s="613"/>
      <c r="KFW716" s="613"/>
      <c r="KFX716" s="613"/>
      <c r="KFY716" s="613"/>
      <c r="KFZ716" s="613"/>
      <c r="KGA716" s="613"/>
      <c r="KGB716" s="613"/>
      <c r="KGC716" s="613"/>
      <c r="KGD716" s="613"/>
      <c r="KGE716" s="613"/>
      <c r="KGF716" s="613"/>
      <c r="KGG716" s="613"/>
      <c r="KGH716" s="613"/>
      <c r="KGI716" s="613"/>
      <c r="KGJ716" s="613"/>
      <c r="KGK716" s="613"/>
      <c r="KGL716" s="613"/>
      <c r="KGM716" s="613"/>
      <c r="KGN716" s="613"/>
      <c r="KGO716" s="613"/>
      <c r="KGP716" s="613"/>
      <c r="KGQ716" s="613"/>
      <c r="KGR716" s="613"/>
      <c r="KGS716" s="613"/>
      <c r="KGT716" s="613"/>
      <c r="KGU716" s="613"/>
      <c r="KGV716" s="613"/>
      <c r="KGW716" s="613"/>
      <c r="KGX716" s="613"/>
      <c r="KGY716" s="613"/>
      <c r="KGZ716" s="613"/>
      <c r="KHA716" s="613"/>
      <c r="KHB716" s="613"/>
      <c r="KHC716" s="613"/>
      <c r="KHD716" s="613"/>
      <c r="KHE716" s="613"/>
      <c r="KHF716" s="613"/>
      <c r="KHG716" s="613"/>
      <c r="KHH716" s="613"/>
      <c r="KHI716" s="613"/>
      <c r="KHJ716" s="613"/>
      <c r="KHK716" s="613"/>
      <c r="KHL716" s="613"/>
      <c r="KHM716" s="613"/>
      <c r="KHN716" s="613"/>
      <c r="KHO716" s="613"/>
      <c r="KHP716" s="613"/>
      <c r="KHQ716" s="613"/>
      <c r="KHR716" s="613"/>
      <c r="KHS716" s="613"/>
      <c r="KHT716" s="613"/>
      <c r="KHU716" s="613"/>
      <c r="KHV716" s="613"/>
      <c r="KHW716" s="613"/>
      <c r="KHX716" s="613"/>
      <c r="KHY716" s="613"/>
      <c r="KHZ716" s="613"/>
      <c r="KIA716" s="613"/>
      <c r="KIB716" s="613"/>
      <c r="KIC716" s="613"/>
      <c r="KID716" s="613"/>
      <c r="KIE716" s="613"/>
      <c r="KIF716" s="613"/>
      <c r="KIG716" s="613"/>
      <c r="KIH716" s="613"/>
      <c r="KII716" s="613"/>
      <c r="KIJ716" s="613"/>
      <c r="KIK716" s="613"/>
      <c r="KIL716" s="613"/>
      <c r="KIM716" s="613"/>
      <c r="KIN716" s="613"/>
      <c r="KIO716" s="613"/>
      <c r="KIP716" s="613"/>
      <c r="KIQ716" s="613"/>
      <c r="KIR716" s="613"/>
      <c r="KIS716" s="613"/>
      <c r="KIT716" s="613"/>
      <c r="KIU716" s="613"/>
      <c r="KIV716" s="613"/>
      <c r="KIW716" s="613"/>
      <c r="KIX716" s="613"/>
      <c r="KIY716" s="613"/>
      <c r="KIZ716" s="613"/>
      <c r="KJA716" s="613"/>
      <c r="KJB716" s="613"/>
      <c r="KJC716" s="613"/>
      <c r="KJD716" s="613"/>
      <c r="KJE716" s="613"/>
      <c r="KJF716" s="613"/>
      <c r="KJG716" s="613"/>
      <c r="KJH716" s="613"/>
      <c r="KJI716" s="613"/>
      <c r="KJJ716" s="613"/>
      <c r="KJK716" s="613"/>
      <c r="KJL716" s="613"/>
      <c r="KJM716" s="613"/>
      <c r="KJN716" s="613"/>
      <c r="KJO716" s="613"/>
      <c r="KJP716" s="613"/>
      <c r="KJQ716" s="613"/>
      <c r="KJR716" s="613"/>
      <c r="KJS716" s="613"/>
      <c r="KJT716" s="613"/>
      <c r="KJU716" s="613"/>
      <c r="KJV716" s="613"/>
      <c r="KJW716" s="613"/>
      <c r="KJX716" s="613"/>
      <c r="KJY716" s="613"/>
      <c r="KJZ716" s="613"/>
      <c r="KKA716" s="613"/>
      <c r="KKB716" s="613"/>
      <c r="KKC716" s="613"/>
      <c r="KKD716" s="613"/>
      <c r="KKE716" s="613"/>
      <c r="KKF716" s="613"/>
      <c r="KKG716" s="613"/>
      <c r="KKH716" s="613"/>
      <c r="KKI716" s="613"/>
      <c r="KKJ716" s="613"/>
      <c r="KKK716" s="613"/>
      <c r="KKL716" s="613"/>
      <c r="KKM716" s="613"/>
      <c r="KKN716" s="613"/>
      <c r="KKO716" s="613"/>
      <c r="KKP716" s="613"/>
      <c r="KKQ716" s="613"/>
      <c r="KKR716" s="613"/>
      <c r="KKS716" s="613"/>
      <c r="KKT716" s="613"/>
      <c r="KKU716" s="613"/>
      <c r="KKV716" s="613"/>
      <c r="KKW716" s="613"/>
      <c r="KKX716" s="613"/>
      <c r="KKY716" s="613"/>
      <c r="KKZ716" s="613"/>
      <c r="KLA716" s="613"/>
      <c r="KLB716" s="613"/>
      <c r="KLC716" s="613"/>
      <c r="KLD716" s="613"/>
      <c r="KLE716" s="613"/>
      <c r="KLF716" s="613"/>
      <c r="KLG716" s="613"/>
      <c r="KLH716" s="613"/>
      <c r="KLI716" s="613"/>
      <c r="KLJ716" s="613"/>
      <c r="KLK716" s="613"/>
      <c r="KLL716" s="613"/>
      <c r="KLM716" s="613"/>
      <c r="KLN716" s="613"/>
      <c r="KLO716" s="613"/>
      <c r="KLP716" s="613"/>
      <c r="KLQ716" s="613"/>
      <c r="KLR716" s="613"/>
      <c r="KLS716" s="613"/>
      <c r="KLT716" s="613"/>
      <c r="KLU716" s="613"/>
      <c r="KLV716" s="613"/>
      <c r="KLW716" s="613"/>
      <c r="KLX716" s="613"/>
      <c r="KLY716" s="613"/>
      <c r="KLZ716" s="613"/>
      <c r="KMA716" s="613"/>
      <c r="KMB716" s="613"/>
      <c r="KMC716" s="613"/>
      <c r="KMD716" s="613"/>
      <c r="KME716" s="613"/>
      <c r="KMF716" s="613"/>
      <c r="KMG716" s="613"/>
      <c r="KMH716" s="613"/>
      <c r="KMI716" s="613"/>
      <c r="KMJ716" s="613"/>
      <c r="KMK716" s="613"/>
      <c r="KML716" s="613"/>
      <c r="KMM716" s="613"/>
      <c r="KMN716" s="613"/>
      <c r="KMO716" s="613"/>
      <c r="KMP716" s="613"/>
      <c r="KMQ716" s="613"/>
      <c r="KMR716" s="613"/>
      <c r="KMS716" s="613"/>
      <c r="KMT716" s="613"/>
      <c r="KMU716" s="613"/>
      <c r="KMV716" s="613"/>
      <c r="KMW716" s="613"/>
      <c r="KMX716" s="613"/>
      <c r="KMY716" s="613"/>
      <c r="KMZ716" s="613"/>
      <c r="KNA716" s="613"/>
      <c r="KNB716" s="613"/>
      <c r="KNC716" s="613"/>
      <c r="KND716" s="613"/>
      <c r="KNE716" s="613"/>
      <c r="KNF716" s="613"/>
      <c r="KNG716" s="613"/>
      <c r="KNH716" s="613"/>
      <c r="KNI716" s="613"/>
      <c r="KNJ716" s="613"/>
      <c r="KNK716" s="613"/>
      <c r="KNL716" s="613"/>
      <c r="KNM716" s="613"/>
      <c r="KNN716" s="613"/>
      <c r="KNO716" s="613"/>
      <c r="KNP716" s="613"/>
      <c r="KNQ716" s="613"/>
      <c r="KNR716" s="613"/>
      <c r="KNS716" s="613"/>
      <c r="KNT716" s="613"/>
      <c r="KNU716" s="613"/>
      <c r="KNV716" s="613"/>
      <c r="KNW716" s="613"/>
      <c r="KNX716" s="613"/>
      <c r="KNY716" s="613"/>
      <c r="KNZ716" s="613"/>
      <c r="KOA716" s="613"/>
      <c r="KOB716" s="613"/>
      <c r="KOC716" s="613"/>
      <c r="KOD716" s="613"/>
      <c r="KOE716" s="613"/>
      <c r="KOF716" s="613"/>
      <c r="KOG716" s="613"/>
      <c r="KOH716" s="613"/>
      <c r="KOI716" s="613"/>
      <c r="KOJ716" s="613"/>
      <c r="KOK716" s="613"/>
      <c r="KOL716" s="613"/>
      <c r="KOM716" s="613"/>
      <c r="KON716" s="613"/>
      <c r="KOO716" s="613"/>
      <c r="KOP716" s="613"/>
      <c r="KOQ716" s="613"/>
      <c r="KOR716" s="613"/>
      <c r="KOS716" s="613"/>
      <c r="KOT716" s="613"/>
      <c r="KOU716" s="613"/>
      <c r="KOV716" s="613"/>
      <c r="KOW716" s="613"/>
      <c r="KOX716" s="613"/>
      <c r="KOY716" s="613"/>
      <c r="KOZ716" s="613"/>
      <c r="KPA716" s="613"/>
      <c r="KPB716" s="613"/>
      <c r="KPC716" s="613"/>
      <c r="KPD716" s="613"/>
      <c r="KPE716" s="613"/>
      <c r="KPF716" s="613"/>
      <c r="KPG716" s="613"/>
      <c r="KPH716" s="613"/>
      <c r="KPI716" s="613"/>
      <c r="KPJ716" s="613"/>
      <c r="KPK716" s="613"/>
      <c r="KPL716" s="613"/>
      <c r="KPM716" s="613"/>
      <c r="KPN716" s="613"/>
      <c r="KPO716" s="613"/>
      <c r="KPP716" s="613"/>
      <c r="KPQ716" s="613"/>
      <c r="KPR716" s="613"/>
      <c r="KPS716" s="613"/>
      <c r="KPT716" s="613"/>
      <c r="KPU716" s="613"/>
      <c r="KPV716" s="613"/>
      <c r="KPW716" s="613"/>
      <c r="KPX716" s="613"/>
      <c r="KPY716" s="613"/>
      <c r="KPZ716" s="613"/>
      <c r="KQA716" s="613"/>
      <c r="KQB716" s="613"/>
      <c r="KQC716" s="613"/>
      <c r="KQD716" s="613"/>
      <c r="KQE716" s="613"/>
      <c r="KQF716" s="613"/>
      <c r="KQG716" s="613"/>
      <c r="KQH716" s="613"/>
      <c r="KQI716" s="613"/>
      <c r="KQJ716" s="613"/>
      <c r="KQK716" s="613"/>
      <c r="KQL716" s="613"/>
      <c r="KQM716" s="613"/>
      <c r="KQN716" s="613"/>
      <c r="KQO716" s="613"/>
      <c r="KQP716" s="613"/>
      <c r="KQQ716" s="613"/>
      <c r="KQR716" s="613"/>
      <c r="KQS716" s="613"/>
      <c r="KQT716" s="613"/>
      <c r="KQU716" s="613"/>
      <c r="KQV716" s="613"/>
      <c r="KQW716" s="613"/>
      <c r="KQX716" s="613"/>
      <c r="KQY716" s="613"/>
      <c r="KQZ716" s="613"/>
      <c r="KRA716" s="613"/>
      <c r="KRB716" s="613"/>
      <c r="KRC716" s="613"/>
      <c r="KRD716" s="613"/>
      <c r="KRE716" s="613"/>
      <c r="KRF716" s="613"/>
      <c r="KRG716" s="613"/>
      <c r="KRH716" s="613"/>
      <c r="KRI716" s="613"/>
      <c r="KRJ716" s="613"/>
      <c r="KRK716" s="613"/>
      <c r="KRL716" s="613"/>
      <c r="KRM716" s="613"/>
      <c r="KRN716" s="613"/>
      <c r="KRO716" s="613"/>
      <c r="KRP716" s="613"/>
      <c r="KRQ716" s="613"/>
      <c r="KRR716" s="613"/>
      <c r="KRS716" s="613"/>
      <c r="KRT716" s="613"/>
      <c r="KRU716" s="613"/>
      <c r="KRV716" s="613"/>
      <c r="KRW716" s="613"/>
      <c r="KRX716" s="613"/>
      <c r="KRY716" s="613"/>
      <c r="KRZ716" s="613"/>
      <c r="KSA716" s="613"/>
      <c r="KSB716" s="613"/>
      <c r="KSC716" s="613"/>
      <c r="KSD716" s="613"/>
      <c r="KSE716" s="613"/>
      <c r="KSF716" s="613"/>
      <c r="KSG716" s="613"/>
      <c r="KSH716" s="613"/>
      <c r="KSI716" s="613"/>
      <c r="KSJ716" s="613"/>
      <c r="KSK716" s="613"/>
      <c r="KSL716" s="613"/>
      <c r="KSM716" s="613"/>
      <c r="KSN716" s="613"/>
      <c r="KSO716" s="613"/>
      <c r="KSP716" s="613"/>
      <c r="KSQ716" s="613"/>
      <c r="KSR716" s="613"/>
      <c r="KSS716" s="613"/>
      <c r="KST716" s="613"/>
      <c r="KSU716" s="613"/>
      <c r="KSV716" s="613"/>
      <c r="KSW716" s="613"/>
      <c r="KSX716" s="613"/>
      <c r="KSY716" s="613"/>
      <c r="KSZ716" s="613"/>
      <c r="KTA716" s="613"/>
      <c r="KTB716" s="613"/>
      <c r="KTC716" s="613"/>
      <c r="KTD716" s="613"/>
      <c r="KTE716" s="613"/>
      <c r="KTF716" s="613"/>
      <c r="KTG716" s="613"/>
      <c r="KTH716" s="613"/>
      <c r="KTI716" s="613"/>
      <c r="KTJ716" s="613"/>
      <c r="KTK716" s="613"/>
      <c r="KTL716" s="613"/>
      <c r="KTM716" s="613"/>
      <c r="KTN716" s="613"/>
      <c r="KTO716" s="613"/>
      <c r="KTP716" s="613"/>
      <c r="KTQ716" s="613"/>
      <c r="KTR716" s="613"/>
      <c r="KTS716" s="613"/>
      <c r="KTT716" s="613"/>
      <c r="KTU716" s="613"/>
      <c r="KTV716" s="613"/>
      <c r="KTW716" s="613"/>
      <c r="KTX716" s="613"/>
      <c r="KTY716" s="613"/>
      <c r="KTZ716" s="613"/>
      <c r="KUA716" s="613"/>
      <c r="KUB716" s="613"/>
      <c r="KUC716" s="613"/>
      <c r="KUD716" s="613"/>
      <c r="KUE716" s="613"/>
      <c r="KUF716" s="613"/>
      <c r="KUG716" s="613"/>
      <c r="KUH716" s="613"/>
      <c r="KUI716" s="613"/>
      <c r="KUJ716" s="613"/>
      <c r="KUK716" s="613"/>
      <c r="KUL716" s="613"/>
      <c r="KUM716" s="613"/>
      <c r="KUN716" s="613"/>
      <c r="KUO716" s="613"/>
      <c r="KUP716" s="613"/>
      <c r="KUQ716" s="613"/>
      <c r="KUR716" s="613"/>
      <c r="KUS716" s="613"/>
      <c r="KUT716" s="613"/>
      <c r="KUU716" s="613"/>
      <c r="KUV716" s="613"/>
      <c r="KUW716" s="613"/>
      <c r="KUX716" s="613"/>
      <c r="KUY716" s="613"/>
      <c r="KUZ716" s="613"/>
      <c r="KVA716" s="613"/>
      <c r="KVB716" s="613"/>
      <c r="KVC716" s="613"/>
      <c r="KVD716" s="613"/>
      <c r="KVE716" s="613"/>
      <c r="KVF716" s="613"/>
      <c r="KVG716" s="613"/>
      <c r="KVH716" s="613"/>
      <c r="KVI716" s="613"/>
      <c r="KVJ716" s="613"/>
      <c r="KVK716" s="613"/>
      <c r="KVL716" s="613"/>
      <c r="KVM716" s="613"/>
      <c r="KVN716" s="613"/>
      <c r="KVO716" s="613"/>
      <c r="KVP716" s="613"/>
      <c r="KVQ716" s="613"/>
      <c r="KVR716" s="613"/>
      <c r="KVS716" s="613"/>
      <c r="KVT716" s="613"/>
      <c r="KVU716" s="613"/>
      <c r="KVV716" s="613"/>
      <c r="KVW716" s="613"/>
      <c r="KVX716" s="613"/>
      <c r="KVY716" s="613"/>
      <c r="KVZ716" s="613"/>
      <c r="KWA716" s="613"/>
      <c r="KWB716" s="613"/>
      <c r="KWC716" s="613"/>
      <c r="KWD716" s="613"/>
      <c r="KWE716" s="613"/>
      <c r="KWF716" s="613"/>
      <c r="KWG716" s="613"/>
      <c r="KWH716" s="613"/>
      <c r="KWI716" s="613"/>
      <c r="KWJ716" s="613"/>
      <c r="KWK716" s="613"/>
      <c r="KWL716" s="613"/>
      <c r="KWM716" s="613"/>
      <c r="KWN716" s="613"/>
      <c r="KWO716" s="613"/>
      <c r="KWP716" s="613"/>
      <c r="KWQ716" s="613"/>
      <c r="KWR716" s="613"/>
      <c r="KWS716" s="613"/>
      <c r="KWT716" s="613"/>
      <c r="KWU716" s="613"/>
      <c r="KWV716" s="613"/>
      <c r="KWW716" s="613"/>
      <c r="KWX716" s="613"/>
      <c r="KWY716" s="613"/>
      <c r="KWZ716" s="613"/>
      <c r="KXA716" s="613"/>
      <c r="KXB716" s="613"/>
      <c r="KXC716" s="613"/>
      <c r="KXD716" s="613"/>
      <c r="KXE716" s="613"/>
      <c r="KXF716" s="613"/>
      <c r="KXG716" s="613"/>
      <c r="KXH716" s="613"/>
      <c r="KXI716" s="613"/>
      <c r="KXJ716" s="613"/>
      <c r="KXK716" s="613"/>
      <c r="KXL716" s="613"/>
      <c r="KXM716" s="613"/>
      <c r="KXN716" s="613"/>
      <c r="KXO716" s="613"/>
      <c r="KXP716" s="613"/>
      <c r="KXQ716" s="613"/>
      <c r="KXR716" s="613"/>
      <c r="KXS716" s="613"/>
      <c r="KXT716" s="613"/>
      <c r="KXU716" s="613"/>
      <c r="KXV716" s="613"/>
      <c r="KXW716" s="613"/>
      <c r="KXX716" s="613"/>
      <c r="KXY716" s="613"/>
      <c r="KXZ716" s="613"/>
      <c r="KYA716" s="613"/>
      <c r="KYB716" s="613"/>
      <c r="KYC716" s="613"/>
      <c r="KYD716" s="613"/>
      <c r="KYE716" s="613"/>
      <c r="KYF716" s="613"/>
      <c r="KYG716" s="613"/>
      <c r="KYH716" s="613"/>
      <c r="KYI716" s="613"/>
      <c r="KYJ716" s="613"/>
      <c r="KYK716" s="613"/>
      <c r="KYL716" s="613"/>
      <c r="KYM716" s="613"/>
      <c r="KYN716" s="613"/>
      <c r="KYO716" s="613"/>
      <c r="KYP716" s="613"/>
      <c r="KYQ716" s="613"/>
      <c r="KYR716" s="613"/>
      <c r="KYS716" s="613"/>
      <c r="KYT716" s="613"/>
      <c r="KYU716" s="613"/>
      <c r="KYV716" s="613"/>
      <c r="KYW716" s="613"/>
      <c r="KYX716" s="613"/>
      <c r="KYY716" s="613"/>
      <c r="KYZ716" s="613"/>
      <c r="KZA716" s="613"/>
      <c r="KZB716" s="613"/>
      <c r="KZC716" s="613"/>
      <c r="KZD716" s="613"/>
      <c r="KZE716" s="613"/>
      <c r="KZF716" s="613"/>
      <c r="KZG716" s="613"/>
      <c r="KZH716" s="613"/>
      <c r="KZI716" s="613"/>
      <c r="KZJ716" s="613"/>
      <c r="KZK716" s="613"/>
      <c r="KZL716" s="613"/>
      <c r="KZM716" s="613"/>
      <c r="KZN716" s="613"/>
      <c r="KZO716" s="613"/>
      <c r="KZP716" s="613"/>
      <c r="KZQ716" s="613"/>
      <c r="KZR716" s="613"/>
      <c r="KZS716" s="613"/>
      <c r="KZT716" s="613"/>
      <c r="KZU716" s="613"/>
      <c r="KZV716" s="613"/>
      <c r="KZW716" s="613"/>
      <c r="KZX716" s="613"/>
      <c r="KZY716" s="613"/>
      <c r="KZZ716" s="613"/>
      <c r="LAA716" s="613"/>
      <c r="LAB716" s="613"/>
      <c r="LAC716" s="613"/>
      <c r="LAD716" s="613"/>
      <c r="LAE716" s="613"/>
      <c r="LAF716" s="613"/>
      <c r="LAG716" s="613"/>
      <c r="LAH716" s="613"/>
      <c r="LAI716" s="613"/>
      <c r="LAJ716" s="613"/>
      <c r="LAK716" s="613"/>
      <c r="LAL716" s="613"/>
      <c r="LAM716" s="613"/>
      <c r="LAN716" s="613"/>
      <c r="LAO716" s="613"/>
      <c r="LAP716" s="613"/>
      <c r="LAQ716" s="613"/>
      <c r="LAR716" s="613"/>
      <c r="LAS716" s="613"/>
      <c r="LAT716" s="613"/>
      <c r="LAU716" s="613"/>
      <c r="LAV716" s="613"/>
      <c r="LAW716" s="613"/>
      <c r="LAX716" s="613"/>
      <c r="LAY716" s="613"/>
      <c r="LAZ716" s="613"/>
      <c r="LBA716" s="613"/>
      <c r="LBB716" s="613"/>
      <c r="LBC716" s="613"/>
      <c r="LBD716" s="613"/>
      <c r="LBE716" s="613"/>
      <c r="LBF716" s="613"/>
      <c r="LBG716" s="613"/>
      <c r="LBH716" s="613"/>
      <c r="LBI716" s="613"/>
      <c r="LBJ716" s="613"/>
      <c r="LBK716" s="613"/>
      <c r="LBL716" s="613"/>
      <c r="LBM716" s="613"/>
      <c r="LBN716" s="613"/>
      <c r="LBO716" s="613"/>
      <c r="LBP716" s="613"/>
      <c r="LBQ716" s="613"/>
      <c r="LBR716" s="613"/>
      <c r="LBS716" s="613"/>
      <c r="LBT716" s="613"/>
      <c r="LBU716" s="613"/>
      <c r="LBV716" s="613"/>
      <c r="LBW716" s="613"/>
      <c r="LBX716" s="613"/>
      <c r="LBY716" s="613"/>
      <c r="LBZ716" s="613"/>
      <c r="LCA716" s="613"/>
      <c r="LCB716" s="613"/>
      <c r="LCC716" s="613"/>
      <c r="LCD716" s="613"/>
      <c r="LCE716" s="613"/>
      <c r="LCF716" s="613"/>
      <c r="LCG716" s="613"/>
      <c r="LCH716" s="613"/>
      <c r="LCI716" s="613"/>
      <c r="LCJ716" s="613"/>
      <c r="LCK716" s="613"/>
      <c r="LCL716" s="613"/>
      <c r="LCM716" s="613"/>
      <c r="LCN716" s="613"/>
      <c r="LCO716" s="613"/>
      <c r="LCP716" s="613"/>
      <c r="LCQ716" s="613"/>
      <c r="LCR716" s="613"/>
      <c r="LCS716" s="613"/>
      <c r="LCT716" s="613"/>
      <c r="LCU716" s="613"/>
      <c r="LCV716" s="613"/>
      <c r="LCW716" s="613"/>
      <c r="LCX716" s="613"/>
      <c r="LCY716" s="613"/>
      <c r="LCZ716" s="613"/>
      <c r="LDA716" s="613"/>
      <c r="LDB716" s="613"/>
      <c r="LDC716" s="613"/>
      <c r="LDD716" s="613"/>
      <c r="LDE716" s="613"/>
      <c r="LDF716" s="613"/>
      <c r="LDG716" s="613"/>
      <c r="LDH716" s="613"/>
      <c r="LDI716" s="613"/>
      <c r="LDJ716" s="613"/>
      <c r="LDK716" s="613"/>
      <c r="LDL716" s="613"/>
      <c r="LDM716" s="613"/>
      <c r="LDN716" s="613"/>
      <c r="LDO716" s="613"/>
      <c r="LDP716" s="613"/>
      <c r="LDQ716" s="613"/>
      <c r="LDR716" s="613"/>
      <c r="LDS716" s="613"/>
      <c r="LDT716" s="613"/>
      <c r="LDU716" s="613"/>
      <c r="LDV716" s="613"/>
      <c r="LDW716" s="613"/>
      <c r="LDX716" s="613"/>
      <c r="LDY716" s="613"/>
      <c r="LDZ716" s="613"/>
      <c r="LEA716" s="613"/>
      <c r="LEB716" s="613"/>
      <c r="LEC716" s="613"/>
      <c r="LED716" s="613"/>
      <c r="LEE716" s="613"/>
      <c r="LEF716" s="613"/>
      <c r="LEG716" s="613"/>
      <c r="LEH716" s="613"/>
      <c r="LEI716" s="613"/>
      <c r="LEJ716" s="613"/>
      <c r="LEK716" s="613"/>
      <c r="LEL716" s="613"/>
      <c r="LEM716" s="613"/>
      <c r="LEN716" s="613"/>
      <c r="LEO716" s="613"/>
      <c r="LEP716" s="613"/>
      <c r="LEQ716" s="613"/>
      <c r="LER716" s="613"/>
      <c r="LES716" s="613"/>
      <c r="LET716" s="613"/>
      <c r="LEU716" s="613"/>
      <c r="LEV716" s="613"/>
      <c r="LEW716" s="613"/>
      <c r="LEX716" s="613"/>
      <c r="LEY716" s="613"/>
      <c r="LEZ716" s="613"/>
      <c r="LFA716" s="613"/>
      <c r="LFB716" s="613"/>
      <c r="LFC716" s="613"/>
      <c r="LFD716" s="613"/>
      <c r="LFE716" s="613"/>
      <c r="LFF716" s="613"/>
      <c r="LFG716" s="613"/>
      <c r="LFH716" s="613"/>
      <c r="LFI716" s="613"/>
      <c r="LFJ716" s="613"/>
      <c r="LFK716" s="613"/>
      <c r="LFL716" s="613"/>
      <c r="LFM716" s="613"/>
      <c r="LFN716" s="613"/>
      <c r="LFO716" s="613"/>
      <c r="LFP716" s="613"/>
      <c r="LFQ716" s="613"/>
      <c r="LFR716" s="613"/>
      <c r="LFS716" s="613"/>
      <c r="LFT716" s="613"/>
      <c r="LFU716" s="613"/>
      <c r="LFV716" s="613"/>
      <c r="LFW716" s="613"/>
      <c r="LFX716" s="613"/>
      <c r="LFY716" s="613"/>
      <c r="LFZ716" s="613"/>
      <c r="LGA716" s="613"/>
      <c r="LGB716" s="613"/>
      <c r="LGC716" s="613"/>
      <c r="LGD716" s="613"/>
      <c r="LGE716" s="613"/>
      <c r="LGF716" s="613"/>
      <c r="LGG716" s="613"/>
      <c r="LGH716" s="613"/>
      <c r="LGI716" s="613"/>
      <c r="LGJ716" s="613"/>
      <c r="LGK716" s="613"/>
      <c r="LGL716" s="613"/>
      <c r="LGM716" s="613"/>
      <c r="LGN716" s="613"/>
      <c r="LGO716" s="613"/>
      <c r="LGP716" s="613"/>
      <c r="LGQ716" s="613"/>
      <c r="LGR716" s="613"/>
      <c r="LGS716" s="613"/>
      <c r="LGT716" s="613"/>
      <c r="LGU716" s="613"/>
      <c r="LGV716" s="613"/>
      <c r="LGW716" s="613"/>
      <c r="LGX716" s="613"/>
      <c r="LGY716" s="613"/>
      <c r="LGZ716" s="613"/>
      <c r="LHA716" s="613"/>
      <c r="LHB716" s="613"/>
      <c r="LHC716" s="613"/>
      <c r="LHD716" s="613"/>
      <c r="LHE716" s="613"/>
      <c r="LHF716" s="613"/>
      <c r="LHG716" s="613"/>
      <c r="LHH716" s="613"/>
      <c r="LHI716" s="613"/>
      <c r="LHJ716" s="613"/>
      <c r="LHK716" s="613"/>
      <c r="LHL716" s="613"/>
      <c r="LHM716" s="613"/>
      <c r="LHN716" s="613"/>
      <c r="LHO716" s="613"/>
      <c r="LHP716" s="613"/>
      <c r="LHQ716" s="613"/>
      <c r="LHR716" s="613"/>
      <c r="LHS716" s="613"/>
      <c r="LHT716" s="613"/>
      <c r="LHU716" s="613"/>
      <c r="LHV716" s="613"/>
      <c r="LHW716" s="613"/>
      <c r="LHX716" s="613"/>
      <c r="LHY716" s="613"/>
      <c r="LHZ716" s="613"/>
      <c r="LIA716" s="613"/>
      <c r="LIB716" s="613"/>
      <c r="LIC716" s="613"/>
      <c r="LID716" s="613"/>
      <c r="LIE716" s="613"/>
      <c r="LIF716" s="613"/>
      <c r="LIG716" s="613"/>
      <c r="LIH716" s="613"/>
      <c r="LII716" s="613"/>
      <c r="LIJ716" s="613"/>
      <c r="LIK716" s="613"/>
      <c r="LIL716" s="613"/>
      <c r="LIM716" s="613"/>
      <c r="LIN716" s="613"/>
      <c r="LIO716" s="613"/>
      <c r="LIP716" s="613"/>
      <c r="LIQ716" s="613"/>
      <c r="LIR716" s="613"/>
      <c r="LIS716" s="613"/>
      <c r="LIT716" s="613"/>
      <c r="LIU716" s="613"/>
      <c r="LIV716" s="613"/>
      <c r="LIW716" s="613"/>
      <c r="LIX716" s="613"/>
      <c r="LIY716" s="613"/>
      <c r="LIZ716" s="613"/>
      <c r="LJA716" s="613"/>
      <c r="LJB716" s="613"/>
      <c r="LJC716" s="613"/>
      <c r="LJD716" s="613"/>
      <c r="LJE716" s="613"/>
      <c r="LJF716" s="613"/>
      <c r="LJG716" s="613"/>
      <c r="LJH716" s="613"/>
      <c r="LJI716" s="613"/>
      <c r="LJJ716" s="613"/>
      <c r="LJK716" s="613"/>
      <c r="LJL716" s="613"/>
      <c r="LJM716" s="613"/>
      <c r="LJN716" s="613"/>
      <c r="LJO716" s="613"/>
      <c r="LJP716" s="613"/>
      <c r="LJQ716" s="613"/>
      <c r="LJR716" s="613"/>
      <c r="LJS716" s="613"/>
      <c r="LJT716" s="613"/>
      <c r="LJU716" s="613"/>
      <c r="LJV716" s="613"/>
      <c r="LJW716" s="613"/>
      <c r="LJX716" s="613"/>
      <c r="LJY716" s="613"/>
      <c r="LJZ716" s="613"/>
      <c r="LKA716" s="613"/>
      <c r="LKB716" s="613"/>
      <c r="LKC716" s="613"/>
      <c r="LKD716" s="613"/>
      <c r="LKE716" s="613"/>
      <c r="LKF716" s="613"/>
      <c r="LKG716" s="613"/>
      <c r="LKH716" s="613"/>
      <c r="LKI716" s="613"/>
      <c r="LKJ716" s="613"/>
      <c r="LKK716" s="613"/>
      <c r="LKL716" s="613"/>
      <c r="LKM716" s="613"/>
      <c r="LKN716" s="613"/>
      <c r="LKO716" s="613"/>
      <c r="LKP716" s="613"/>
      <c r="LKQ716" s="613"/>
      <c r="LKR716" s="613"/>
      <c r="LKS716" s="613"/>
      <c r="LKT716" s="613"/>
      <c r="LKU716" s="613"/>
      <c r="LKV716" s="613"/>
      <c r="LKW716" s="613"/>
      <c r="LKX716" s="613"/>
      <c r="LKY716" s="613"/>
      <c r="LKZ716" s="613"/>
      <c r="LLA716" s="613"/>
      <c r="LLB716" s="613"/>
      <c r="LLC716" s="613"/>
      <c r="LLD716" s="613"/>
      <c r="LLE716" s="613"/>
      <c r="LLF716" s="613"/>
      <c r="LLG716" s="613"/>
      <c r="LLH716" s="613"/>
      <c r="LLI716" s="613"/>
      <c r="LLJ716" s="613"/>
      <c r="LLK716" s="613"/>
      <c r="LLL716" s="613"/>
      <c r="LLM716" s="613"/>
      <c r="LLN716" s="613"/>
      <c r="LLO716" s="613"/>
      <c r="LLP716" s="613"/>
      <c r="LLQ716" s="613"/>
      <c r="LLR716" s="613"/>
      <c r="LLS716" s="613"/>
      <c r="LLT716" s="613"/>
      <c r="LLU716" s="613"/>
      <c r="LLV716" s="613"/>
      <c r="LLW716" s="613"/>
      <c r="LLX716" s="613"/>
      <c r="LLY716" s="613"/>
      <c r="LLZ716" s="613"/>
      <c r="LMA716" s="613"/>
      <c r="LMB716" s="613"/>
      <c r="LMC716" s="613"/>
      <c r="LMD716" s="613"/>
      <c r="LME716" s="613"/>
      <c r="LMF716" s="613"/>
      <c r="LMG716" s="613"/>
      <c r="LMH716" s="613"/>
      <c r="LMI716" s="613"/>
      <c r="LMJ716" s="613"/>
      <c r="LMK716" s="613"/>
      <c r="LML716" s="613"/>
      <c r="LMM716" s="613"/>
      <c r="LMN716" s="613"/>
      <c r="LMO716" s="613"/>
      <c r="LMP716" s="613"/>
      <c r="LMQ716" s="613"/>
      <c r="LMR716" s="613"/>
      <c r="LMS716" s="613"/>
      <c r="LMT716" s="613"/>
      <c r="LMU716" s="613"/>
      <c r="LMV716" s="613"/>
      <c r="LMW716" s="613"/>
      <c r="LMX716" s="613"/>
      <c r="LMY716" s="613"/>
      <c r="LMZ716" s="613"/>
      <c r="LNA716" s="613"/>
      <c r="LNB716" s="613"/>
      <c r="LNC716" s="613"/>
      <c r="LND716" s="613"/>
      <c r="LNE716" s="613"/>
      <c r="LNF716" s="613"/>
      <c r="LNG716" s="613"/>
      <c r="LNH716" s="613"/>
      <c r="LNI716" s="613"/>
      <c r="LNJ716" s="613"/>
      <c r="LNK716" s="613"/>
      <c r="LNL716" s="613"/>
      <c r="LNM716" s="613"/>
      <c r="LNN716" s="613"/>
      <c r="LNO716" s="613"/>
      <c r="LNP716" s="613"/>
      <c r="LNQ716" s="613"/>
      <c r="LNR716" s="613"/>
      <c r="LNS716" s="613"/>
      <c r="LNT716" s="613"/>
      <c r="LNU716" s="613"/>
      <c r="LNV716" s="613"/>
      <c r="LNW716" s="613"/>
      <c r="LNX716" s="613"/>
      <c r="LNY716" s="613"/>
      <c r="LNZ716" s="613"/>
      <c r="LOA716" s="613"/>
      <c r="LOB716" s="613"/>
      <c r="LOC716" s="613"/>
      <c r="LOD716" s="613"/>
      <c r="LOE716" s="613"/>
      <c r="LOF716" s="613"/>
      <c r="LOG716" s="613"/>
      <c r="LOH716" s="613"/>
      <c r="LOI716" s="613"/>
      <c r="LOJ716" s="613"/>
      <c r="LOK716" s="613"/>
      <c r="LOL716" s="613"/>
      <c r="LOM716" s="613"/>
      <c r="LON716" s="613"/>
      <c r="LOO716" s="613"/>
      <c r="LOP716" s="613"/>
      <c r="LOQ716" s="613"/>
      <c r="LOR716" s="613"/>
      <c r="LOS716" s="613"/>
      <c r="LOT716" s="613"/>
      <c r="LOU716" s="613"/>
      <c r="LOV716" s="613"/>
      <c r="LOW716" s="613"/>
      <c r="LOX716" s="613"/>
      <c r="LOY716" s="613"/>
      <c r="LOZ716" s="613"/>
      <c r="LPA716" s="613"/>
      <c r="LPB716" s="613"/>
      <c r="LPC716" s="613"/>
      <c r="LPD716" s="613"/>
      <c r="LPE716" s="613"/>
      <c r="LPF716" s="613"/>
      <c r="LPG716" s="613"/>
      <c r="LPH716" s="613"/>
      <c r="LPI716" s="613"/>
      <c r="LPJ716" s="613"/>
      <c r="LPK716" s="613"/>
      <c r="LPL716" s="613"/>
      <c r="LPM716" s="613"/>
      <c r="LPN716" s="613"/>
      <c r="LPO716" s="613"/>
      <c r="LPP716" s="613"/>
      <c r="LPQ716" s="613"/>
      <c r="LPR716" s="613"/>
      <c r="LPS716" s="613"/>
      <c r="LPT716" s="613"/>
      <c r="LPU716" s="613"/>
      <c r="LPV716" s="613"/>
      <c r="LPW716" s="613"/>
      <c r="LPX716" s="613"/>
      <c r="LPY716" s="613"/>
      <c r="LPZ716" s="613"/>
      <c r="LQA716" s="613"/>
      <c r="LQB716" s="613"/>
      <c r="LQC716" s="613"/>
      <c r="LQD716" s="613"/>
      <c r="LQE716" s="613"/>
      <c r="LQF716" s="613"/>
      <c r="LQG716" s="613"/>
      <c r="LQH716" s="613"/>
      <c r="LQI716" s="613"/>
      <c r="LQJ716" s="613"/>
      <c r="LQK716" s="613"/>
      <c r="LQL716" s="613"/>
      <c r="LQM716" s="613"/>
      <c r="LQN716" s="613"/>
      <c r="LQO716" s="613"/>
      <c r="LQP716" s="613"/>
      <c r="LQQ716" s="613"/>
      <c r="LQR716" s="613"/>
      <c r="LQS716" s="613"/>
      <c r="LQT716" s="613"/>
      <c r="LQU716" s="613"/>
      <c r="LQV716" s="613"/>
      <c r="LQW716" s="613"/>
      <c r="LQX716" s="613"/>
      <c r="LQY716" s="613"/>
      <c r="LQZ716" s="613"/>
      <c r="LRA716" s="613"/>
      <c r="LRB716" s="613"/>
      <c r="LRC716" s="613"/>
      <c r="LRD716" s="613"/>
      <c r="LRE716" s="613"/>
      <c r="LRF716" s="613"/>
      <c r="LRG716" s="613"/>
      <c r="LRH716" s="613"/>
      <c r="LRI716" s="613"/>
      <c r="LRJ716" s="613"/>
      <c r="LRK716" s="613"/>
      <c r="LRL716" s="613"/>
      <c r="LRM716" s="613"/>
      <c r="LRN716" s="613"/>
      <c r="LRO716" s="613"/>
      <c r="LRP716" s="613"/>
      <c r="LRQ716" s="613"/>
      <c r="LRR716" s="613"/>
      <c r="LRS716" s="613"/>
      <c r="LRT716" s="613"/>
      <c r="LRU716" s="613"/>
      <c r="LRV716" s="613"/>
      <c r="LRW716" s="613"/>
      <c r="LRX716" s="613"/>
      <c r="LRY716" s="613"/>
      <c r="LRZ716" s="613"/>
      <c r="LSA716" s="613"/>
      <c r="LSB716" s="613"/>
      <c r="LSC716" s="613"/>
      <c r="LSD716" s="613"/>
      <c r="LSE716" s="613"/>
      <c r="LSF716" s="613"/>
      <c r="LSG716" s="613"/>
      <c r="LSH716" s="613"/>
      <c r="LSI716" s="613"/>
      <c r="LSJ716" s="613"/>
      <c r="LSK716" s="613"/>
      <c r="LSL716" s="613"/>
      <c r="LSM716" s="613"/>
      <c r="LSN716" s="613"/>
      <c r="LSO716" s="613"/>
      <c r="LSP716" s="613"/>
      <c r="LSQ716" s="613"/>
      <c r="LSR716" s="613"/>
      <c r="LSS716" s="613"/>
      <c r="LST716" s="613"/>
      <c r="LSU716" s="613"/>
      <c r="LSV716" s="613"/>
      <c r="LSW716" s="613"/>
      <c r="LSX716" s="613"/>
      <c r="LSY716" s="613"/>
      <c r="LSZ716" s="613"/>
      <c r="LTA716" s="613"/>
      <c r="LTB716" s="613"/>
      <c r="LTC716" s="613"/>
      <c r="LTD716" s="613"/>
      <c r="LTE716" s="613"/>
      <c r="LTF716" s="613"/>
      <c r="LTG716" s="613"/>
      <c r="LTH716" s="613"/>
      <c r="LTI716" s="613"/>
      <c r="LTJ716" s="613"/>
      <c r="LTK716" s="613"/>
      <c r="LTL716" s="613"/>
      <c r="LTM716" s="613"/>
      <c r="LTN716" s="613"/>
      <c r="LTO716" s="613"/>
      <c r="LTP716" s="613"/>
      <c r="LTQ716" s="613"/>
      <c r="LTR716" s="613"/>
      <c r="LTS716" s="613"/>
      <c r="LTT716" s="613"/>
      <c r="LTU716" s="613"/>
      <c r="LTV716" s="613"/>
      <c r="LTW716" s="613"/>
      <c r="LTX716" s="613"/>
      <c r="LTY716" s="613"/>
      <c r="LTZ716" s="613"/>
      <c r="LUA716" s="613"/>
      <c r="LUB716" s="613"/>
      <c r="LUC716" s="613"/>
      <c r="LUD716" s="613"/>
      <c r="LUE716" s="613"/>
      <c r="LUF716" s="613"/>
      <c r="LUG716" s="613"/>
      <c r="LUH716" s="613"/>
      <c r="LUI716" s="613"/>
      <c r="LUJ716" s="613"/>
      <c r="LUK716" s="613"/>
      <c r="LUL716" s="613"/>
      <c r="LUM716" s="613"/>
      <c r="LUN716" s="613"/>
      <c r="LUO716" s="613"/>
      <c r="LUP716" s="613"/>
      <c r="LUQ716" s="613"/>
      <c r="LUR716" s="613"/>
      <c r="LUS716" s="613"/>
      <c r="LUT716" s="613"/>
      <c r="LUU716" s="613"/>
      <c r="LUV716" s="613"/>
      <c r="LUW716" s="613"/>
      <c r="LUX716" s="613"/>
      <c r="LUY716" s="613"/>
      <c r="LUZ716" s="613"/>
      <c r="LVA716" s="613"/>
      <c r="LVB716" s="613"/>
      <c r="LVC716" s="613"/>
      <c r="LVD716" s="613"/>
      <c r="LVE716" s="613"/>
      <c r="LVF716" s="613"/>
      <c r="LVG716" s="613"/>
      <c r="LVH716" s="613"/>
      <c r="LVI716" s="613"/>
      <c r="LVJ716" s="613"/>
      <c r="LVK716" s="613"/>
      <c r="LVL716" s="613"/>
      <c r="LVM716" s="613"/>
      <c r="LVN716" s="613"/>
      <c r="LVO716" s="613"/>
      <c r="LVP716" s="613"/>
      <c r="LVQ716" s="613"/>
      <c r="LVR716" s="613"/>
      <c r="LVS716" s="613"/>
      <c r="LVT716" s="613"/>
      <c r="LVU716" s="613"/>
      <c r="LVV716" s="613"/>
      <c r="LVW716" s="613"/>
      <c r="LVX716" s="613"/>
      <c r="LVY716" s="613"/>
      <c r="LVZ716" s="613"/>
      <c r="LWA716" s="613"/>
      <c r="LWB716" s="613"/>
      <c r="LWC716" s="613"/>
      <c r="LWD716" s="613"/>
      <c r="LWE716" s="613"/>
      <c r="LWF716" s="613"/>
      <c r="LWG716" s="613"/>
      <c r="LWH716" s="613"/>
      <c r="LWI716" s="613"/>
      <c r="LWJ716" s="613"/>
      <c r="LWK716" s="613"/>
      <c r="LWL716" s="613"/>
      <c r="LWM716" s="613"/>
      <c r="LWN716" s="613"/>
      <c r="LWO716" s="613"/>
      <c r="LWP716" s="613"/>
      <c r="LWQ716" s="613"/>
      <c r="LWR716" s="613"/>
      <c r="LWS716" s="613"/>
      <c r="LWT716" s="613"/>
      <c r="LWU716" s="613"/>
      <c r="LWV716" s="613"/>
      <c r="LWW716" s="613"/>
      <c r="LWX716" s="613"/>
      <c r="LWY716" s="613"/>
      <c r="LWZ716" s="613"/>
      <c r="LXA716" s="613"/>
      <c r="LXB716" s="613"/>
      <c r="LXC716" s="613"/>
      <c r="LXD716" s="613"/>
      <c r="LXE716" s="613"/>
      <c r="LXF716" s="613"/>
      <c r="LXG716" s="613"/>
      <c r="LXH716" s="613"/>
      <c r="LXI716" s="613"/>
      <c r="LXJ716" s="613"/>
      <c r="LXK716" s="613"/>
      <c r="LXL716" s="613"/>
      <c r="LXM716" s="613"/>
      <c r="LXN716" s="613"/>
      <c r="LXO716" s="613"/>
      <c r="LXP716" s="613"/>
      <c r="LXQ716" s="613"/>
      <c r="LXR716" s="613"/>
      <c r="LXS716" s="613"/>
      <c r="LXT716" s="613"/>
      <c r="LXU716" s="613"/>
      <c r="LXV716" s="613"/>
      <c r="LXW716" s="613"/>
      <c r="LXX716" s="613"/>
      <c r="LXY716" s="613"/>
      <c r="LXZ716" s="613"/>
      <c r="LYA716" s="613"/>
      <c r="LYB716" s="613"/>
      <c r="LYC716" s="613"/>
      <c r="LYD716" s="613"/>
      <c r="LYE716" s="613"/>
      <c r="LYF716" s="613"/>
      <c r="LYG716" s="613"/>
      <c r="LYH716" s="613"/>
      <c r="LYI716" s="613"/>
      <c r="LYJ716" s="613"/>
      <c r="LYK716" s="613"/>
      <c r="LYL716" s="613"/>
      <c r="LYM716" s="613"/>
      <c r="LYN716" s="613"/>
      <c r="LYO716" s="613"/>
      <c r="LYP716" s="613"/>
      <c r="LYQ716" s="613"/>
      <c r="LYR716" s="613"/>
      <c r="LYS716" s="613"/>
      <c r="LYT716" s="613"/>
      <c r="LYU716" s="613"/>
      <c r="LYV716" s="613"/>
      <c r="LYW716" s="613"/>
      <c r="LYX716" s="613"/>
      <c r="LYY716" s="613"/>
      <c r="LYZ716" s="613"/>
      <c r="LZA716" s="613"/>
      <c r="LZB716" s="613"/>
      <c r="LZC716" s="613"/>
      <c r="LZD716" s="613"/>
      <c r="LZE716" s="613"/>
      <c r="LZF716" s="613"/>
      <c r="LZG716" s="613"/>
      <c r="LZH716" s="613"/>
      <c r="LZI716" s="613"/>
      <c r="LZJ716" s="613"/>
      <c r="LZK716" s="613"/>
      <c r="LZL716" s="613"/>
      <c r="LZM716" s="613"/>
      <c r="LZN716" s="613"/>
      <c r="LZO716" s="613"/>
      <c r="LZP716" s="613"/>
      <c r="LZQ716" s="613"/>
      <c r="LZR716" s="613"/>
      <c r="LZS716" s="613"/>
      <c r="LZT716" s="613"/>
      <c r="LZU716" s="613"/>
      <c r="LZV716" s="613"/>
      <c r="LZW716" s="613"/>
      <c r="LZX716" s="613"/>
      <c r="LZY716" s="613"/>
      <c r="LZZ716" s="613"/>
      <c r="MAA716" s="613"/>
      <c r="MAB716" s="613"/>
      <c r="MAC716" s="613"/>
      <c r="MAD716" s="613"/>
      <c r="MAE716" s="613"/>
      <c r="MAF716" s="613"/>
      <c r="MAG716" s="613"/>
      <c r="MAH716" s="613"/>
      <c r="MAI716" s="613"/>
      <c r="MAJ716" s="613"/>
      <c r="MAK716" s="613"/>
      <c r="MAL716" s="613"/>
      <c r="MAM716" s="613"/>
      <c r="MAN716" s="613"/>
      <c r="MAO716" s="613"/>
      <c r="MAP716" s="613"/>
      <c r="MAQ716" s="613"/>
      <c r="MAR716" s="613"/>
      <c r="MAS716" s="613"/>
      <c r="MAT716" s="613"/>
      <c r="MAU716" s="613"/>
      <c r="MAV716" s="613"/>
      <c r="MAW716" s="613"/>
      <c r="MAX716" s="613"/>
      <c r="MAY716" s="613"/>
      <c r="MAZ716" s="613"/>
      <c r="MBA716" s="613"/>
      <c r="MBB716" s="613"/>
      <c r="MBC716" s="613"/>
      <c r="MBD716" s="613"/>
      <c r="MBE716" s="613"/>
      <c r="MBF716" s="613"/>
      <c r="MBG716" s="613"/>
      <c r="MBH716" s="613"/>
      <c r="MBI716" s="613"/>
      <c r="MBJ716" s="613"/>
      <c r="MBK716" s="613"/>
      <c r="MBL716" s="613"/>
      <c r="MBM716" s="613"/>
      <c r="MBN716" s="613"/>
      <c r="MBO716" s="613"/>
      <c r="MBP716" s="613"/>
      <c r="MBQ716" s="613"/>
      <c r="MBR716" s="613"/>
      <c r="MBS716" s="613"/>
      <c r="MBT716" s="613"/>
      <c r="MBU716" s="613"/>
      <c r="MBV716" s="613"/>
      <c r="MBW716" s="613"/>
      <c r="MBX716" s="613"/>
      <c r="MBY716" s="613"/>
      <c r="MBZ716" s="613"/>
      <c r="MCA716" s="613"/>
      <c r="MCB716" s="613"/>
      <c r="MCC716" s="613"/>
      <c r="MCD716" s="613"/>
      <c r="MCE716" s="613"/>
      <c r="MCF716" s="613"/>
      <c r="MCG716" s="613"/>
      <c r="MCH716" s="613"/>
      <c r="MCI716" s="613"/>
      <c r="MCJ716" s="613"/>
      <c r="MCK716" s="613"/>
      <c r="MCL716" s="613"/>
      <c r="MCM716" s="613"/>
      <c r="MCN716" s="613"/>
      <c r="MCO716" s="613"/>
      <c r="MCP716" s="613"/>
      <c r="MCQ716" s="613"/>
      <c r="MCR716" s="613"/>
      <c r="MCS716" s="613"/>
      <c r="MCT716" s="613"/>
      <c r="MCU716" s="613"/>
      <c r="MCV716" s="613"/>
      <c r="MCW716" s="613"/>
      <c r="MCX716" s="613"/>
      <c r="MCY716" s="613"/>
      <c r="MCZ716" s="613"/>
      <c r="MDA716" s="613"/>
      <c r="MDB716" s="613"/>
      <c r="MDC716" s="613"/>
      <c r="MDD716" s="613"/>
      <c r="MDE716" s="613"/>
      <c r="MDF716" s="613"/>
      <c r="MDG716" s="613"/>
      <c r="MDH716" s="613"/>
      <c r="MDI716" s="613"/>
      <c r="MDJ716" s="613"/>
      <c r="MDK716" s="613"/>
      <c r="MDL716" s="613"/>
      <c r="MDM716" s="613"/>
      <c r="MDN716" s="613"/>
      <c r="MDO716" s="613"/>
      <c r="MDP716" s="613"/>
      <c r="MDQ716" s="613"/>
      <c r="MDR716" s="613"/>
      <c r="MDS716" s="613"/>
      <c r="MDT716" s="613"/>
      <c r="MDU716" s="613"/>
      <c r="MDV716" s="613"/>
      <c r="MDW716" s="613"/>
      <c r="MDX716" s="613"/>
      <c r="MDY716" s="613"/>
      <c r="MDZ716" s="613"/>
      <c r="MEA716" s="613"/>
      <c r="MEB716" s="613"/>
      <c r="MEC716" s="613"/>
      <c r="MED716" s="613"/>
      <c r="MEE716" s="613"/>
      <c r="MEF716" s="613"/>
      <c r="MEG716" s="613"/>
      <c r="MEH716" s="613"/>
      <c r="MEI716" s="613"/>
      <c r="MEJ716" s="613"/>
      <c r="MEK716" s="613"/>
      <c r="MEL716" s="613"/>
      <c r="MEM716" s="613"/>
      <c r="MEN716" s="613"/>
      <c r="MEO716" s="613"/>
      <c r="MEP716" s="613"/>
      <c r="MEQ716" s="613"/>
      <c r="MER716" s="613"/>
      <c r="MES716" s="613"/>
      <c r="MET716" s="613"/>
      <c r="MEU716" s="613"/>
      <c r="MEV716" s="613"/>
      <c r="MEW716" s="613"/>
      <c r="MEX716" s="613"/>
      <c r="MEY716" s="613"/>
      <c r="MEZ716" s="613"/>
      <c r="MFA716" s="613"/>
      <c r="MFB716" s="613"/>
      <c r="MFC716" s="613"/>
      <c r="MFD716" s="613"/>
      <c r="MFE716" s="613"/>
      <c r="MFF716" s="613"/>
      <c r="MFG716" s="613"/>
      <c r="MFH716" s="613"/>
      <c r="MFI716" s="613"/>
      <c r="MFJ716" s="613"/>
      <c r="MFK716" s="613"/>
      <c r="MFL716" s="613"/>
      <c r="MFM716" s="613"/>
      <c r="MFN716" s="613"/>
      <c r="MFO716" s="613"/>
      <c r="MFP716" s="613"/>
      <c r="MFQ716" s="613"/>
      <c r="MFR716" s="613"/>
      <c r="MFS716" s="613"/>
      <c r="MFT716" s="613"/>
      <c r="MFU716" s="613"/>
      <c r="MFV716" s="613"/>
      <c r="MFW716" s="613"/>
      <c r="MFX716" s="613"/>
      <c r="MFY716" s="613"/>
      <c r="MFZ716" s="613"/>
      <c r="MGA716" s="613"/>
      <c r="MGB716" s="613"/>
      <c r="MGC716" s="613"/>
      <c r="MGD716" s="613"/>
      <c r="MGE716" s="613"/>
      <c r="MGF716" s="613"/>
      <c r="MGG716" s="613"/>
      <c r="MGH716" s="613"/>
      <c r="MGI716" s="613"/>
      <c r="MGJ716" s="613"/>
      <c r="MGK716" s="613"/>
      <c r="MGL716" s="613"/>
      <c r="MGM716" s="613"/>
      <c r="MGN716" s="613"/>
      <c r="MGO716" s="613"/>
      <c r="MGP716" s="613"/>
      <c r="MGQ716" s="613"/>
      <c r="MGR716" s="613"/>
      <c r="MGS716" s="613"/>
      <c r="MGT716" s="613"/>
      <c r="MGU716" s="613"/>
      <c r="MGV716" s="613"/>
      <c r="MGW716" s="613"/>
      <c r="MGX716" s="613"/>
      <c r="MGY716" s="613"/>
      <c r="MGZ716" s="613"/>
      <c r="MHA716" s="613"/>
      <c r="MHB716" s="613"/>
      <c r="MHC716" s="613"/>
      <c r="MHD716" s="613"/>
      <c r="MHE716" s="613"/>
      <c r="MHF716" s="613"/>
      <c r="MHG716" s="613"/>
      <c r="MHH716" s="613"/>
      <c r="MHI716" s="613"/>
      <c r="MHJ716" s="613"/>
      <c r="MHK716" s="613"/>
      <c r="MHL716" s="613"/>
      <c r="MHM716" s="613"/>
      <c r="MHN716" s="613"/>
      <c r="MHO716" s="613"/>
      <c r="MHP716" s="613"/>
      <c r="MHQ716" s="613"/>
      <c r="MHR716" s="613"/>
      <c r="MHS716" s="613"/>
      <c r="MHT716" s="613"/>
      <c r="MHU716" s="613"/>
      <c r="MHV716" s="613"/>
      <c r="MHW716" s="613"/>
      <c r="MHX716" s="613"/>
      <c r="MHY716" s="613"/>
      <c r="MHZ716" s="613"/>
      <c r="MIA716" s="613"/>
      <c r="MIB716" s="613"/>
      <c r="MIC716" s="613"/>
      <c r="MID716" s="613"/>
      <c r="MIE716" s="613"/>
      <c r="MIF716" s="613"/>
      <c r="MIG716" s="613"/>
      <c r="MIH716" s="613"/>
      <c r="MII716" s="613"/>
      <c r="MIJ716" s="613"/>
      <c r="MIK716" s="613"/>
      <c r="MIL716" s="613"/>
      <c r="MIM716" s="613"/>
      <c r="MIN716" s="613"/>
      <c r="MIO716" s="613"/>
      <c r="MIP716" s="613"/>
      <c r="MIQ716" s="613"/>
      <c r="MIR716" s="613"/>
      <c r="MIS716" s="613"/>
      <c r="MIT716" s="613"/>
      <c r="MIU716" s="613"/>
      <c r="MIV716" s="613"/>
      <c r="MIW716" s="613"/>
      <c r="MIX716" s="613"/>
      <c r="MIY716" s="613"/>
      <c r="MIZ716" s="613"/>
      <c r="MJA716" s="613"/>
      <c r="MJB716" s="613"/>
      <c r="MJC716" s="613"/>
      <c r="MJD716" s="613"/>
      <c r="MJE716" s="613"/>
      <c r="MJF716" s="613"/>
      <c r="MJG716" s="613"/>
      <c r="MJH716" s="613"/>
      <c r="MJI716" s="613"/>
      <c r="MJJ716" s="613"/>
      <c r="MJK716" s="613"/>
      <c r="MJL716" s="613"/>
      <c r="MJM716" s="613"/>
      <c r="MJN716" s="613"/>
      <c r="MJO716" s="613"/>
      <c r="MJP716" s="613"/>
      <c r="MJQ716" s="613"/>
      <c r="MJR716" s="613"/>
      <c r="MJS716" s="613"/>
      <c r="MJT716" s="613"/>
      <c r="MJU716" s="613"/>
      <c r="MJV716" s="613"/>
      <c r="MJW716" s="613"/>
      <c r="MJX716" s="613"/>
      <c r="MJY716" s="613"/>
      <c r="MJZ716" s="613"/>
      <c r="MKA716" s="613"/>
      <c r="MKB716" s="613"/>
      <c r="MKC716" s="613"/>
      <c r="MKD716" s="613"/>
      <c r="MKE716" s="613"/>
      <c r="MKF716" s="613"/>
      <c r="MKG716" s="613"/>
      <c r="MKH716" s="613"/>
      <c r="MKI716" s="613"/>
      <c r="MKJ716" s="613"/>
      <c r="MKK716" s="613"/>
      <c r="MKL716" s="613"/>
      <c r="MKM716" s="613"/>
      <c r="MKN716" s="613"/>
      <c r="MKO716" s="613"/>
      <c r="MKP716" s="613"/>
      <c r="MKQ716" s="613"/>
      <c r="MKR716" s="613"/>
      <c r="MKS716" s="613"/>
      <c r="MKT716" s="613"/>
      <c r="MKU716" s="613"/>
      <c r="MKV716" s="613"/>
      <c r="MKW716" s="613"/>
      <c r="MKX716" s="613"/>
      <c r="MKY716" s="613"/>
      <c r="MKZ716" s="613"/>
      <c r="MLA716" s="613"/>
      <c r="MLB716" s="613"/>
      <c r="MLC716" s="613"/>
      <c r="MLD716" s="613"/>
      <c r="MLE716" s="613"/>
      <c r="MLF716" s="613"/>
      <c r="MLG716" s="613"/>
      <c r="MLH716" s="613"/>
      <c r="MLI716" s="613"/>
      <c r="MLJ716" s="613"/>
      <c r="MLK716" s="613"/>
      <c r="MLL716" s="613"/>
      <c r="MLM716" s="613"/>
      <c r="MLN716" s="613"/>
      <c r="MLO716" s="613"/>
      <c r="MLP716" s="613"/>
      <c r="MLQ716" s="613"/>
      <c r="MLR716" s="613"/>
      <c r="MLS716" s="613"/>
      <c r="MLT716" s="613"/>
      <c r="MLU716" s="613"/>
      <c r="MLV716" s="613"/>
      <c r="MLW716" s="613"/>
      <c r="MLX716" s="613"/>
      <c r="MLY716" s="613"/>
      <c r="MLZ716" s="613"/>
      <c r="MMA716" s="613"/>
      <c r="MMB716" s="613"/>
      <c r="MMC716" s="613"/>
      <c r="MMD716" s="613"/>
      <c r="MME716" s="613"/>
      <c r="MMF716" s="613"/>
      <c r="MMG716" s="613"/>
      <c r="MMH716" s="613"/>
      <c r="MMI716" s="613"/>
      <c r="MMJ716" s="613"/>
      <c r="MMK716" s="613"/>
      <c r="MML716" s="613"/>
      <c r="MMM716" s="613"/>
      <c r="MMN716" s="613"/>
      <c r="MMO716" s="613"/>
      <c r="MMP716" s="613"/>
      <c r="MMQ716" s="613"/>
      <c r="MMR716" s="613"/>
      <c r="MMS716" s="613"/>
      <c r="MMT716" s="613"/>
      <c r="MMU716" s="613"/>
      <c r="MMV716" s="613"/>
      <c r="MMW716" s="613"/>
      <c r="MMX716" s="613"/>
      <c r="MMY716" s="613"/>
      <c r="MMZ716" s="613"/>
      <c r="MNA716" s="613"/>
      <c r="MNB716" s="613"/>
      <c r="MNC716" s="613"/>
      <c r="MND716" s="613"/>
      <c r="MNE716" s="613"/>
      <c r="MNF716" s="613"/>
      <c r="MNG716" s="613"/>
      <c r="MNH716" s="613"/>
      <c r="MNI716" s="613"/>
      <c r="MNJ716" s="613"/>
      <c r="MNK716" s="613"/>
      <c r="MNL716" s="613"/>
      <c r="MNM716" s="613"/>
      <c r="MNN716" s="613"/>
      <c r="MNO716" s="613"/>
      <c r="MNP716" s="613"/>
      <c r="MNQ716" s="613"/>
      <c r="MNR716" s="613"/>
      <c r="MNS716" s="613"/>
      <c r="MNT716" s="613"/>
      <c r="MNU716" s="613"/>
      <c r="MNV716" s="613"/>
      <c r="MNW716" s="613"/>
      <c r="MNX716" s="613"/>
      <c r="MNY716" s="613"/>
      <c r="MNZ716" s="613"/>
      <c r="MOA716" s="613"/>
      <c r="MOB716" s="613"/>
      <c r="MOC716" s="613"/>
      <c r="MOD716" s="613"/>
      <c r="MOE716" s="613"/>
      <c r="MOF716" s="613"/>
      <c r="MOG716" s="613"/>
      <c r="MOH716" s="613"/>
      <c r="MOI716" s="613"/>
      <c r="MOJ716" s="613"/>
      <c r="MOK716" s="613"/>
      <c r="MOL716" s="613"/>
      <c r="MOM716" s="613"/>
      <c r="MON716" s="613"/>
      <c r="MOO716" s="613"/>
      <c r="MOP716" s="613"/>
      <c r="MOQ716" s="613"/>
      <c r="MOR716" s="613"/>
      <c r="MOS716" s="613"/>
      <c r="MOT716" s="613"/>
      <c r="MOU716" s="613"/>
      <c r="MOV716" s="613"/>
      <c r="MOW716" s="613"/>
      <c r="MOX716" s="613"/>
      <c r="MOY716" s="613"/>
      <c r="MOZ716" s="613"/>
      <c r="MPA716" s="613"/>
      <c r="MPB716" s="613"/>
      <c r="MPC716" s="613"/>
      <c r="MPD716" s="613"/>
      <c r="MPE716" s="613"/>
      <c r="MPF716" s="613"/>
      <c r="MPG716" s="613"/>
      <c r="MPH716" s="613"/>
      <c r="MPI716" s="613"/>
      <c r="MPJ716" s="613"/>
      <c r="MPK716" s="613"/>
      <c r="MPL716" s="613"/>
      <c r="MPM716" s="613"/>
      <c r="MPN716" s="613"/>
      <c r="MPO716" s="613"/>
      <c r="MPP716" s="613"/>
      <c r="MPQ716" s="613"/>
      <c r="MPR716" s="613"/>
      <c r="MPS716" s="613"/>
      <c r="MPT716" s="613"/>
      <c r="MPU716" s="613"/>
      <c r="MPV716" s="613"/>
      <c r="MPW716" s="613"/>
      <c r="MPX716" s="613"/>
      <c r="MPY716" s="613"/>
      <c r="MPZ716" s="613"/>
      <c r="MQA716" s="613"/>
      <c r="MQB716" s="613"/>
      <c r="MQC716" s="613"/>
      <c r="MQD716" s="613"/>
      <c r="MQE716" s="613"/>
      <c r="MQF716" s="613"/>
      <c r="MQG716" s="613"/>
      <c r="MQH716" s="613"/>
      <c r="MQI716" s="613"/>
      <c r="MQJ716" s="613"/>
      <c r="MQK716" s="613"/>
      <c r="MQL716" s="613"/>
      <c r="MQM716" s="613"/>
      <c r="MQN716" s="613"/>
      <c r="MQO716" s="613"/>
      <c r="MQP716" s="613"/>
      <c r="MQQ716" s="613"/>
      <c r="MQR716" s="613"/>
      <c r="MQS716" s="613"/>
      <c r="MQT716" s="613"/>
      <c r="MQU716" s="613"/>
      <c r="MQV716" s="613"/>
      <c r="MQW716" s="613"/>
      <c r="MQX716" s="613"/>
      <c r="MQY716" s="613"/>
      <c r="MQZ716" s="613"/>
      <c r="MRA716" s="613"/>
      <c r="MRB716" s="613"/>
      <c r="MRC716" s="613"/>
      <c r="MRD716" s="613"/>
      <c r="MRE716" s="613"/>
      <c r="MRF716" s="613"/>
      <c r="MRG716" s="613"/>
      <c r="MRH716" s="613"/>
      <c r="MRI716" s="613"/>
      <c r="MRJ716" s="613"/>
      <c r="MRK716" s="613"/>
      <c r="MRL716" s="613"/>
      <c r="MRM716" s="613"/>
      <c r="MRN716" s="613"/>
      <c r="MRO716" s="613"/>
      <c r="MRP716" s="613"/>
      <c r="MRQ716" s="613"/>
      <c r="MRR716" s="613"/>
      <c r="MRS716" s="613"/>
      <c r="MRT716" s="613"/>
      <c r="MRU716" s="613"/>
      <c r="MRV716" s="613"/>
      <c r="MRW716" s="613"/>
      <c r="MRX716" s="613"/>
      <c r="MRY716" s="613"/>
      <c r="MRZ716" s="613"/>
      <c r="MSA716" s="613"/>
      <c r="MSB716" s="613"/>
      <c r="MSC716" s="613"/>
      <c r="MSD716" s="613"/>
      <c r="MSE716" s="613"/>
      <c r="MSF716" s="613"/>
      <c r="MSG716" s="613"/>
      <c r="MSH716" s="613"/>
      <c r="MSI716" s="613"/>
      <c r="MSJ716" s="613"/>
      <c r="MSK716" s="613"/>
      <c r="MSL716" s="613"/>
      <c r="MSM716" s="613"/>
      <c r="MSN716" s="613"/>
      <c r="MSO716" s="613"/>
      <c r="MSP716" s="613"/>
      <c r="MSQ716" s="613"/>
      <c r="MSR716" s="613"/>
      <c r="MSS716" s="613"/>
      <c r="MST716" s="613"/>
      <c r="MSU716" s="613"/>
      <c r="MSV716" s="613"/>
      <c r="MSW716" s="613"/>
      <c r="MSX716" s="613"/>
      <c r="MSY716" s="613"/>
      <c r="MSZ716" s="613"/>
      <c r="MTA716" s="613"/>
      <c r="MTB716" s="613"/>
      <c r="MTC716" s="613"/>
      <c r="MTD716" s="613"/>
      <c r="MTE716" s="613"/>
      <c r="MTF716" s="613"/>
      <c r="MTG716" s="613"/>
      <c r="MTH716" s="613"/>
      <c r="MTI716" s="613"/>
      <c r="MTJ716" s="613"/>
      <c r="MTK716" s="613"/>
      <c r="MTL716" s="613"/>
      <c r="MTM716" s="613"/>
      <c r="MTN716" s="613"/>
      <c r="MTO716" s="613"/>
      <c r="MTP716" s="613"/>
      <c r="MTQ716" s="613"/>
      <c r="MTR716" s="613"/>
      <c r="MTS716" s="613"/>
      <c r="MTT716" s="613"/>
      <c r="MTU716" s="613"/>
      <c r="MTV716" s="613"/>
      <c r="MTW716" s="613"/>
      <c r="MTX716" s="613"/>
      <c r="MTY716" s="613"/>
      <c r="MTZ716" s="613"/>
      <c r="MUA716" s="613"/>
      <c r="MUB716" s="613"/>
      <c r="MUC716" s="613"/>
      <c r="MUD716" s="613"/>
      <c r="MUE716" s="613"/>
      <c r="MUF716" s="613"/>
      <c r="MUG716" s="613"/>
      <c r="MUH716" s="613"/>
      <c r="MUI716" s="613"/>
      <c r="MUJ716" s="613"/>
      <c r="MUK716" s="613"/>
      <c r="MUL716" s="613"/>
      <c r="MUM716" s="613"/>
      <c r="MUN716" s="613"/>
      <c r="MUO716" s="613"/>
      <c r="MUP716" s="613"/>
      <c r="MUQ716" s="613"/>
      <c r="MUR716" s="613"/>
      <c r="MUS716" s="613"/>
      <c r="MUT716" s="613"/>
      <c r="MUU716" s="613"/>
      <c r="MUV716" s="613"/>
      <c r="MUW716" s="613"/>
      <c r="MUX716" s="613"/>
      <c r="MUY716" s="613"/>
      <c r="MUZ716" s="613"/>
      <c r="MVA716" s="613"/>
      <c r="MVB716" s="613"/>
      <c r="MVC716" s="613"/>
      <c r="MVD716" s="613"/>
      <c r="MVE716" s="613"/>
      <c r="MVF716" s="613"/>
      <c r="MVG716" s="613"/>
      <c r="MVH716" s="613"/>
      <c r="MVI716" s="613"/>
      <c r="MVJ716" s="613"/>
      <c r="MVK716" s="613"/>
      <c r="MVL716" s="613"/>
      <c r="MVM716" s="613"/>
      <c r="MVN716" s="613"/>
      <c r="MVO716" s="613"/>
      <c r="MVP716" s="613"/>
      <c r="MVQ716" s="613"/>
      <c r="MVR716" s="613"/>
      <c r="MVS716" s="613"/>
      <c r="MVT716" s="613"/>
      <c r="MVU716" s="613"/>
      <c r="MVV716" s="613"/>
      <c r="MVW716" s="613"/>
      <c r="MVX716" s="613"/>
      <c r="MVY716" s="613"/>
      <c r="MVZ716" s="613"/>
      <c r="MWA716" s="613"/>
      <c r="MWB716" s="613"/>
      <c r="MWC716" s="613"/>
      <c r="MWD716" s="613"/>
      <c r="MWE716" s="613"/>
      <c r="MWF716" s="613"/>
      <c r="MWG716" s="613"/>
      <c r="MWH716" s="613"/>
      <c r="MWI716" s="613"/>
      <c r="MWJ716" s="613"/>
      <c r="MWK716" s="613"/>
      <c r="MWL716" s="613"/>
      <c r="MWM716" s="613"/>
      <c r="MWN716" s="613"/>
      <c r="MWO716" s="613"/>
      <c r="MWP716" s="613"/>
      <c r="MWQ716" s="613"/>
      <c r="MWR716" s="613"/>
      <c r="MWS716" s="613"/>
      <c r="MWT716" s="613"/>
      <c r="MWU716" s="613"/>
      <c r="MWV716" s="613"/>
      <c r="MWW716" s="613"/>
      <c r="MWX716" s="613"/>
      <c r="MWY716" s="613"/>
      <c r="MWZ716" s="613"/>
      <c r="MXA716" s="613"/>
      <c r="MXB716" s="613"/>
      <c r="MXC716" s="613"/>
      <c r="MXD716" s="613"/>
      <c r="MXE716" s="613"/>
      <c r="MXF716" s="613"/>
      <c r="MXG716" s="613"/>
      <c r="MXH716" s="613"/>
      <c r="MXI716" s="613"/>
      <c r="MXJ716" s="613"/>
      <c r="MXK716" s="613"/>
      <c r="MXL716" s="613"/>
      <c r="MXM716" s="613"/>
      <c r="MXN716" s="613"/>
      <c r="MXO716" s="613"/>
      <c r="MXP716" s="613"/>
      <c r="MXQ716" s="613"/>
      <c r="MXR716" s="613"/>
      <c r="MXS716" s="613"/>
      <c r="MXT716" s="613"/>
      <c r="MXU716" s="613"/>
      <c r="MXV716" s="613"/>
      <c r="MXW716" s="613"/>
      <c r="MXX716" s="613"/>
      <c r="MXY716" s="613"/>
      <c r="MXZ716" s="613"/>
      <c r="MYA716" s="613"/>
      <c r="MYB716" s="613"/>
      <c r="MYC716" s="613"/>
      <c r="MYD716" s="613"/>
      <c r="MYE716" s="613"/>
      <c r="MYF716" s="613"/>
      <c r="MYG716" s="613"/>
      <c r="MYH716" s="613"/>
      <c r="MYI716" s="613"/>
      <c r="MYJ716" s="613"/>
      <c r="MYK716" s="613"/>
      <c r="MYL716" s="613"/>
      <c r="MYM716" s="613"/>
      <c r="MYN716" s="613"/>
      <c r="MYO716" s="613"/>
      <c r="MYP716" s="613"/>
      <c r="MYQ716" s="613"/>
      <c r="MYR716" s="613"/>
      <c r="MYS716" s="613"/>
      <c r="MYT716" s="613"/>
      <c r="MYU716" s="613"/>
      <c r="MYV716" s="613"/>
      <c r="MYW716" s="613"/>
      <c r="MYX716" s="613"/>
      <c r="MYY716" s="613"/>
      <c r="MYZ716" s="613"/>
      <c r="MZA716" s="613"/>
      <c r="MZB716" s="613"/>
      <c r="MZC716" s="613"/>
      <c r="MZD716" s="613"/>
      <c r="MZE716" s="613"/>
      <c r="MZF716" s="613"/>
      <c r="MZG716" s="613"/>
      <c r="MZH716" s="613"/>
      <c r="MZI716" s="613"/>
      <c r="MZJ716" s="613"/>
      <c r="MZK716" s="613"/>
      <c r="MZL716" s="613"/>
      <c r="MZM716" s="613"/>
      <c r="MZN716" s="613"/>
      <c r="MZO716" s="613"/>
      <c r="MZP716" s="613"/>
      <c r="MZQ716" s="613"/>
      <c r="MZR716" s="613"/>
      <c r="MZS716" s="613"/>
      <c r="MZT716" s="613"/>
      <c r="MZU716" s="613"/>
      <c r="MZV716" s="613"/>
      <c r="MZW716" s="613"/>
      <c r="MZX716" s="613"/>
      <c r="MZY716" s="613"/>
      <c r="MZZ716" s="613"/>
      <c r="NAA716" s="613"/>
      <c r="NAB716" s="613"/>
      <c r="NAC716" s="613"/>
      <c r="NAD716" s="613"/>
      <c r="NAE716" s="613"/>
      <c r="NAF716" s="613"/>
      <c r="NAG716" s="613"/>
      <c r="NAH716" s="613"/>
      <c r="NAI716" s="613"/>
      <c r="NAJ716" s="613"/>
      <c r="NAK716" s="613"/>
      <c r="NAL716" s="613"/>
      <c r="NAM716" s="613"/>
      <c r="NAN716" s="613"/>
      <c r="NAO716" s="613"/>
      <c r="NAP716" s="613"/>
      <c r="NAQ716" s="613"/>
      <c r="NAR716" s="613"/>
      <c r="NAS716" s="613"/>
      <c r="NAT716" s="613"/>
      <c r="NAU716" s="613"/>
      <c r="NAV716" s="613"/>
      <c r="NAW716" s="613"/>
      <c r="NAX716" s="613"/>
      <c r="NAY716" s="613"/>
      <c r="NAZ716" s="613"/>
      <c r="NBA716" s="613"/>
      <c r="NBB716" s="613"/>
      <c r="NBC716" s="613"/>
      <c r="NBD716" s="613"/>
      <c r="NBE716" s="613"/>
      <c r="NBF716" s="613"/>
      <c r="NBG716" s="613"/>
      <c r="NBH716" s="613"/>
      <c r="NBI716" s="613"/>
      <c r="NBJ716" s="613"/>
      <c r="NBK716" s="613"/>
      <c r="NBL716" s="613"/>
      <c r="NBM716" s="613"/>
      <c r="NBN716" s="613"/>
      <c r="NBO716" s="613"/>
      <c r="NBP716" s="613"/>
      <c r="NBQ716" s="613"/>
      <c r="NBR716" s="613"/>
      <c r="NBS716" s="613"/>
      <c r="NBT716" s="613"/>
      <c r="NBU716" s="613"/>
      <c r="NBV716" s="613"/>
      <c r="NBW716" s="613"/>
      <c r="NBX716" s="613"/>
      <c r="NBY716" s="613"/>
      <c r="NBZ716" s="613"/>
      <c r="NCA716" s="613"/>
      <c r="NCB716" s="613"/>
      <c r="NCC716" s="613"/>
      <c r="NCD716" s="613"/>
      <c r="NCE716" s="613"/>
      <c r="NCF716" s="613"/>
      <c r="NCG716" s="613"/>
      <c r="NCH716" s="613"/>
      <c r="NCI716" s="613"/>
      <c r="NCJ716" s="613"/>
      <c r="NCK716" s="613"/>
      <c r="NCL716" s="613"/>
      <c r="NCM716" s="613"/>
      <c r="NCN716" s="613"/>
      <c r="NCO716" s="613"/>
      <c r="NCP716" s="613"/>
      <c r="NCQ716" s="613"/>
      <c r="NCR716" s="613"/>
      <c r="NCS716" s="613"/>
      <c r="NCT716" s="613"/>
      <c r="NCU716" s="613"/>
      <c r="NCV716" s="613"/>
      <c r="NCW716" s="613"/>
      <c r="NCX716" s="613"/>
      <c r="NCY716" s="613"/>
      <c r="NCZ716" s="613"/>
      <c r="NDA716" s="613"/>
      <c r="NDB716" s="613"/>
      <c r="NDC716" s="613"/>
      <c r="NDD716" s="613"/>
      <c r="NDE716" s="613"/>
      <c r="NDF716" s="613"/>
      <c r="NDG716" s="613"/>
      <c r="NDH716" s="613"/>
      <c r="NDI716" s="613"/>
      <c r="NDJ716" s="613"/>
      <c r="NDK716" s="613"/>
      <c r="NDL716" s="613"/>
      <c r="NDM716" s="613"/>
      <c r="NDN716" s="613"/>
      <c r="NDO716" s="613"/>
      <c r="NDP716" s="613"/>
      <c r="NDQ716" s="613"/>
      <c r="NDR716" s="613"/>
      <c r="NDS716" s="613"/>
      <c r="NDT716" s="613"/>
      <c r="NDU716" s="613"/>
      <c r="NDV716" s="613"/>
      <c r="NDW716" s="613"/>
      <c r="NDX716" s="613"/>
      <c r="NDY716" s="613"/>
      <c r="NDZ716" s="613"/>
      <c r="NEA716" s="613"/>
      <c r="NEB716" s="613"/>
      <c r="NEC716" s="613"/>
      <c r="NED716" s="613"/>
      <c r="NEE716" s="613"/>
      <c r="NEF716" s="613"/>
      <c r="NEG716" s="613"/>
      <c r="NEH716" s="613"/>
      <c r="NEI716" s="613"/>
      <c r="NEJ716" s="613"/>
      <c r="NEK716" s="613"/>
      <c r="NEL716" s="613"/>
      <c r="NEM716" s="613"/>
      <c r="NEN716" s="613"/>
      <c r="NEO716" s="613"/>
      <c r="NEP716" s="613"/>
      <c r="NEQ716" s="613"/>
      <c r="NER716" s="613"/>
      <c r="NES716" s="613"/>
      <c r="NET716" s="613"/>
      <c r="NEU716" s="613"/>
      <c r="NEV716" s="613"/>
      <c r="NEW716" s="613"/>
      <c r="NEX716" s="613"/>
      <c r="NEY716" s="613"/>
      <c r="NEZ716" s="613"/>
      <c r="NFA716" s="613"/>
      <c r="NFB716" s="613"/>
      <c r="NFC716" s="613"/>
      <c r="NFD716" s="613"/>
      <c r="NFE716" s="613"/>
      <c r="NFF716" s="613"/>
      <c r="NFG716" s="613"/>
      <c r="NFH716" s="613"/>
      <c r="NFI716" s="613"/>
      <c r="NFJ716" s="613"/>
      <c r="NFK716" s="613"/>
      <c r="NFL716" s="613"/>
      <c r="NFM716" s="613"/>
      <c r="NFN716" s="613"/>
      <c r="NFO716" s="613"/>
      <c r="NFP716" s="613"/>
      <c r="NFQ716" s="613"/>
      <c r="NFR716" s="613"/>
      <c r="NFS716" s="613"/>
      <c r="NFT716" s="613"/>
      <c r="NFU716" s="613"/>
      <c r="NFV716" s="613"/>
      <c r="NFW716" s="613"/>
      <c r="NFX716" s="613"/>
      <c r="NFY716" s="613"/>
      <c r="NFZ716" s="613"/>
      <c r="NGA716" s="613"/>
      <c r="NGB716" s="613"/>
      <c r="NGC716" s="613"/>
      <c r="NGD716" s="613"/>
      <c r="NGE716" s="613"/>
      <c r="NGF716" s="613"/>
      <c r="NGG716" s="613"/>
      <c r="NGH716" s="613"/>
      <c r="NGI716" s="613"/>
      <c r="NGJ716" s="613"/>
      <c r="NGK716" s="613"/>
      <c r="NGL716" s="613"/>
      <c r="NGM716" s="613"/>
      <c r="NGN716" s="613"/>
      <c r="NGO716" s="613"/>
      <c r="NGP716" s="613"/>
      <c r="NGQ716" s="613"/>
      <c r="NGR716" s="613"/>
      <c r="NGS716" s="613"/>
      <c r="NGT716" s="613"/>
      <c r="NGU716" s="613"/>
      <c r="NGV716" s="613"/>
      <c r="NGW716" s="613"/>
      <c r="NGX716" s="613"/>
      <c r="NGY716" s="613"/>
      <c r="NGZ716" s="613"/>
      <c r="NHA716" s="613"/>
      <c r="NHB716" s="613"/>
      <c r="NHC716" s="613"/>
      <c r="NHD716" s="613"/>
      <c r="NHE716" s="613"/>
      <c r="NHF716" s="613"/>
      <c r="NHG716" s="613"/>
      <c r="NHH716" s="613"/>
      <c r="NHI716" s="613"/>
      <c r="NHJ716" s="613"/>
      <c r="NHK716" s="613"/>
      <c r="NHL716" s="613"/>
      <c r="NHM716" s="613"/>
      <c r="NHN716" s="613"/>
      <c r="NHO716" s="613"/>
      <c r="NHP716" s="613"/>
      <c r="NHQ716" s="613"/>
      <c r="NHR716" s="613"/>
      <c r="NHS716" s="613"/>
      <c r="NHT716" s="613"/>
      <c r="NHU716" s="613"/>
      <c r="NHV716" s="613"/>
      <c r="NHW716" s="613"/>
      <c r="NHX716" s="613"/>
      <c r="NHY716" s="613"/>
      <c r="NHZ716" s="613"/>
      <c r="NIA716" s="613"/>
      <c r="NIB716" s="613"/>
      <c r="NIC716" s="613"/>
      <c r="NID716" s="613"/>
      <c r="NIE716" s="613"/>
      <c r="NIF716" s="613"/>
      <c r="NIG716" s="613"/>
      <c r="NIH716" s="613"/>
      <c r="NII716" s="613"/>
      <c r="NIJ716" s="613"/>
      <c r="NIK716" s="613"/>
      <c r="NIL716" s="613"/>
      <c r="NIM716" s="613"/>
      <c r="NIN716" s="613"/>
      <c r="NIO716" s="613"/>
      <c r="NIP716" s="613"/>
      <c r="NIQ716" s="613"/>
      <c r="NIR716" s="613"/>
      <c r="NIS716" s="613"/>
      <c r="NIT716" s="613"/>
      <c r="NIU716" s="613"/>
      <c r="NIV716" s="613"/>
      <c r="NIW716" s="613"/>
      <c r="NIX716" s="613"/>
      <c r="NIY716" s="613"/>
      <c r="NIZ716" s="613"/>
      <c r="NJA716" s="613"/>
      <c r="NJB716" s="613"/>
      <c r="NJC716" s="613"/>
      <c r="NJD716" s="613"/>
      <c r="NJE716" s="613"/>
      <c r="NJF716" s="613"/>
      <c r="NJG716" s="613"/>
      <c r="NJH716" s="613"/>
      <c r="NJI716" s="613"/>
      <c r="NJJ716" s="613"/>
      <c r="NJK716" s="613"/>
      <c r="NJL716" s="613"/>
      <c r="NJM716" s="613"/>
      <c r="NJN716" s="613"/>
      <c r="NJO716" s="613"/>
      <c r="NJP716" s="613"/>
      <c r="NJQ716" s="613"/>
      <c r="NJR716" s="613"/>
      <c r="NJS716" s="613"/>
      <c r="NJT716" s="613"/>
      <c r="NJU716" s="613"/>
      <c r="NJV716" s="613"/>
      <c r="NJW716" s="613"/>
      <c r="NJX716" s="613"/>
      <c r="NJY716" s="613"/>
      <c r="NJZ716" s="613"/>
      <c r="NKA716" s="613"/>
      <c r="NKB716" s="613"/>
      <c r="NKC716" s="613"/>
      <c r="NKD716" s="613"/>
      <c r="NKE716" s="613"/>
      <c r="NKF716" s="613"/>
      <c r="NKG716" s="613"/>
      <c r="NKH716" s="613"/>
      <c r="NKI716" s="613"/>
      <c r="NKJ716" s="613"/>
      <c r="NKK716" s="613"/>
      <c r="NKL716" s="613"/>
      <c r="NKM716" s="613"/>
      <c r="NKN716" s="613"/>
      <c r="NKO716" s="613"/>
      <c r="NKP716" s="613"/>
      <c r="NKQ716" s="613"/>
      <c r="NKR716" s="613"/>
      <c r="NKS716" s="613"/>
      <c r="NKT716" s="613"/>
      <c r="NKU716" s="613"/>
      <c r="NKV716" s="613"/>
      <c r="NKW716" s="613"/>
      <c r="NKX716" s="613"/>
      <c r="NKY716" s="613"/>
      <c r="NKZ716" s="613"/>
      <c r="NLA716" s="613"/>
      <c r="NLB716" s="613"/>
      <c r="NLC716" s="613"/>
      <c r="NLD716" s="613"/>
      <c r="NLE716" s="613"/>
      <c r="NLF716" s="613"/>
      <c r="NLG716" s="613"/>
      <c r="NLH716" s="613"/>
      <c r="NLI716" s="613"/>
      <c r="NLJ716" s="613"/>
      <c r="NLK716" s="613"/>
      <c r="NLL716" s="613"/>
      <c r="NLM716" s="613"/>
      <c r="NLN716" s="613"/>
      <c r="NLO716" s="613"/>
      <c r="NLP716" s="613"/>
      <c r="NLQ716" s="613"/>
      <c r="NLR716" s="613"/>
      <c r="NLS716" s="613"/>
      <c r="NLT716" s="613"/>
      <c r="NLU716" s="613"/>
      <c r="NLV716" s="613"/>
      <c r="NLW716" s="613"/>
      <c r="NLX716" s="613"/>
      <c r="NLY716" s="613"/>
      <c r="NLZ716" s="613"/>
      <c r="NMA716" s="613"/>
      <c r="NMB716" s="613"/>
      <c r="NMC716" s="613"/>
      <c r="NMD716" s="613"/>
      <c r="NME716" s="613"/>
      <c r="NMF716" s="613"/>
      <c r="NMG716" s="613"/>
      <c r="NMH716" s="613"/>
      <c r="NMI716" s="613"/>
      <c r="NMJ716" s="613"/>
      <c r="NMK716" s="613"/>
      <c r="NML716" s="613"/>
      <c r="NMM716" s="613"/>
      <c r="NMN716" s="613"/>
      <c r="NMO716" s="613"/>
      <c r="NMP716" s="613"/>
      <c r="NMQ716" s="613"/>
      <c r="NMR716" s="613"/>
      <c r="NMS716" s="613"/>
      <c r="NMT716" s="613"/>
      <c r="NMU716" s="613"/>
      <c r="NMV716" s="613"/>
      <c r="NMW716" s="613"/>
      <c r="NMX716" s="613"/>
      <c r="NMY716" s="613"/>
      <c r="NMZ716" s="613"/>
      <c r="NNA716" s="613"/>
      <c r="NNB716" s="613"/>
      <c r="NNC716" s="613"/>
      <c r="NND716" s="613"/>
      <c r="NNE716" s="613"/>
      <c r="NNF716" s="613"/>
      <c r="NNG716" s="613"/>
      <c r="NNH716" s="613"/>
      <c r="NNI716" s="613"/>
      <c r="NNJ716" s="613"/>
      <c r="NNK716" s="613"/>
      <c r="NNL716" s="613"/>
      <c r="NNM716" s="613"/>
      <c r="NNN716" s="613"/>
      <c r="NNO716" s="613"/>
      <c r="NNP716" s="613"/>
      <c r="NNQ716" s="613"/>
      <c r="NNR716" s="613"/>
      <c r="NNS716" s="613"/>
      <c r="NNT716" s="613"/>
      <c r="NNU716" s="613"/>
      <c r="NNV716" s="613"/>
      <c r="NNW716" s="613"/>
      <c r="NNX716" s="613"/>
      <c r="NNY716" s="613"/>
      <c r="NNZ716" s="613"/>
      <c r="NOA716" s="613"/>
      <c r="NOB716" s="613"/>
      <c r="NOC716" s="613"/>
      <c r="NOD716" s="613"/>
      <c r="NOE716" s="613"/>
      <c r="NOF716" s="613"/>
      <c r="NOG716" s="613"/>
      <c r="NOH716" s="613"/>
      <c r="NOI716" s="613"/>
      <c r="NOJ716" s="613"/>
      <c r="NOK716" s="613"/>
      <c r="NOL716" s="613"/>
      <c r="NOM716" s="613"/>
      <c r="NON716" s="613"/>
      <c r="NOO716" s="613"/>
      <c r="NOP716" s="613"/>
      <c r="NOQ716" s="613"/>
      <c r="NOR716" s="613"/>
      <c r="NOS716" s="613"/>
      <c r="NOT716" s="613"/>
      <c r="NOU716" s="613"/>
      <c r="NOV716" s="613"/>
      <c r="NOW716" s="613"/>
      <c r="NOX716" s="613"/>
      <c r="NOY716" s="613"/>
      <c r="NOZ716" s="613"/>
      <c r="NPA716" s="613"/>
      <c r="NPB716" s="613"/>
      <c r="NPC716" s="613"/>
      <c r="NPD716" s="613"/>
      <c r="NPE716" s="613"/>
      <c r="NPF716" s="613"/>
      <c r="NPG716" s="613"/>
      <c r="NPH716" s="613"/>
      <c r="NPI716" s="613"/>
      <c r="NPJ716" s="613"/>
      <c r="NPK716" s="613"/>
      <c r="NPL716" s="613"/>
      <c r="NPM716" s="613"/>
      <c r="NPN716" s="613"/>
      <c r="NPO716" s="613"/>
      <c r="NPP716" s="613"/>
      <c r="NPQ716" s="613"/>
      <c r="NPR716" s="613"/>
      <c r="NPS716" s="613"/>
      <c r="NPT716" s="613"/>
      <c r="NPU716" s="613"/>
      <c r="NPV716" s="613"/>
      <c r="NPW716" s="613"/>
      <c r="NPX716" s="613"/>
      <c r="NPY716" s="613"/>
      <c r="NPZ716" s="613"/>
      <c r="NQA716" s="613"/>
      <c r="NQB716" s="613"/>
      <c r="NQC716" s="613"/>
      <c r="NQD716" s="613"/>
      <c r="NQE716" s="613"/>
      <c r="NQF716" s="613"/>
      <c r="NQG716" s="613"/>
      <c r="NQH716" s="613"/>
      <c r="NQI716" s="613"/>
      <c r="NQJ716" s="613"/>
      <c r="NQK716" s="613"/>
      <c r="NQL716" s="613"/>
      <c r="NQM716" s="613"/>
      <c r="NQN716" s="613"/>
      <c r="NQO716" s="613"/>
      <c r="NQP716" s="613"/>
      <c r="NQQ716" s="613"/>
      <c r="NQR716" s="613"/>
      <c r="NQS716" s="613"/>
      <c r="NQT716" s="613"/>
      <c r="NQU716" s="613"/>
      <c r="NQV716" s="613"/>
      <c r="NQW716" s="613"/>
      <c r="NQX716" s="613"/>
      <c r="NQY716" s="613"/>
      <c r="NQZ716" s="613"/>
      <c r="NRA716" s="613"/>
      <c r="NRB716" s="613"/>
      <c r="NRC716" s="613"/>
      <c r="NRD716" s="613"/>
      <c r="NRE716" s="613"/>
      <c r="NRF716" s="613"/>
      <c r="NRG716" s="613"/>
      <c r="NRH716" s="613"/>
      <c r="NRI716" s="613"/>
      <c r="NRJ716" s="613"/>
      <c r="NRK716" s="613"/>
      <c r="NRL716" s="613"/>
      <c r="NRM716" s="613"/>
      <c r="NRN716" s="613"/>
      <c r="NRO716" s="613"/>
      <c r="NRP716" s="613"/>
      <c r="NRQ716" s="613"/>
      <c r="NRR716" s="613"/>
      <c r="NRS716" s="613"/>
      <c r="NRT716" s="613"/>
      <c r="NRU716" s="613"/>
      <c r="NRV716" s="613"/>
      <c r="NRW716" s="613"/>
      <c r="NRX716" s="613"/>
      <c r="NRY716" s="613"/>
      <c r="NRZ716" s="613"/>
      <c r="NSA716" s="613"/>
      <c r="NSB716" s="613"/>
      <c r="NSC716" s="613"/>
      <c r="NSD716" s="613"/>
      <c r="NSE716" s="613"/>
      <c r="NSF716" s="613"/>
      <c r="NSG716" s="613"/>
      <c r="NSH716" s="613"/>
      <c r="NSI716" s="613"/>
      <c r="NSJ716" s="613"/>
      <c r="NSK716" s="613"/>
      <c r="NSL716" s="613"/>
      <c r="NSM716" s="613"/>
      <c r="NSN716" s="613"/>
      <c r="NSO716" s="613"/>
      <c r="NSP716" s="613"/>
      <c r="NSQ716" s="613"/>
      <c r="NSR716" s="613"/>
      <c r="NSS716" s="613"/>
      <c r="NST716" s="613"/>
      <c r="NSU716" s="613"/>
      <c r="NSV716" s="613"/>
      <c r="NSW716" s="613"/>
      <c r="NSX716" s="613"/>
      <c r="NSY716" s="613"/>
      <c r="NSZ716" s="613"/>
      <c r="NTA716" s="613"/>
      <c r="NTB716" s="613"/>
      <c r="NTC716" s="613"/>
      <c r="NTD716" s="613"/>
      <c r="NTE716" s="613"/>
      <c r="NTF716" s="613"/>
      <c r="NTG716" s="613"/>
      <c r="NTH716" s="613"/>
      <c r="NTI716" s="613"/>
      <c r="NTJ716" s="613"/>
      <c r="NTK716" s="613"/>
      <c r="NTL716" s="613"/>
      <c r="NTM716" s="613"/>
      <c r="NTN716" s="613"/>
      <c r="NTO716" s="613"/>
      <c r="NTP716" s="613"/>
      <c r="NTQ716" s="613"/>
      <c r="NTR716" s="613"/>
      <c r="NTS716" s="613"/>
      <c r="NTT716" s="613"/>
      <c r="NTU716" s="613"/>
      <c r="NTV716" s="613"/>
      <c r="NTW716" s="613"/>
      <c r="NTX716" s="613"/>
      <c r="NTY716" s="613"/>
      <c r="NTZ716" s="613"/>
      <c r="NUA716" s="613"/>
      <c r="NUB716" s="613"/>
      <c r="NUC716" s="613"/>
      <c r="NUD716" s="613"/>
      <c r="NUE716" s="613"/>
      <c r="NUF716" s="613"/>
      <c r="NUG716" s="613"/>
      <c r="NUH716" s="613"/>
      <c r="NUI716" s="613"/>
      <c r="NUJ716" s="613"/>
      <c r="NUK716" s="613"/>
      <c r="NUL716" s="613"/>
      <c r="NUM716" s="613"/>
      <c r="NUN716" s="613"/>
      <c r="NUO716" s="613"/>
      <c r="NUP716" s="613"/>
      <c r="NUQ716" s="613"/>
      <c r="NUR716" s="613"/>
      <c r="NUS716" s="613"/>
      <c r="NUT716" s="613"/>
      <c r="NUU716" s="613"/>
      <c r="NUV716" s="613"/>
      <c r="NUW716" s="613"/>
      <c r="NUX716" s="613"/>
      <c r="NUY716" s="613"/>
      <c r="NUZ716" s="613"/>
      <c r="NVA716" s="613"/>
      <c r="NVB716" s="613"/>
      <c r="NVC716" s="613"/>
      <c r="NVD716" s="613"/>
      <c r="NVE716" s="613"/>
      <c r="NVF716" s="613"/>
      <c r="NVG716" s="613"/>
      <c r="NVH716" s="613"/>
      <c r="NVI716" s="613"/>
      <c r="NVJ716" s="613"/>
      <c r="NVK716" s="613"/>
      <c r="NVL716" s="613"/>
      <c r="NVM716" s="613"/>
      <c r="NVN716" s="613"/>
      <c r="NVO716" s="613"/>
      <c r="NVP716" s="613"/>
      <c r="NVQ716" s="613"/>
      <c r="NVR716" s="613"/>
      <c r="NVS716" s="613"/>
      <c r="NVT716" s="613"/>
      <c r="NVU716" s="613"/>
      <c r="NVV716" s="613"/>
      <c r="NVW716" s="613"/>
      <c r="NVX716" s="613"/>
      <c r="NVY716" s="613"/>
      <c r="NVZ716" s="613"/>
      <c r="NWA716" s="613"/>
      <c r="NWB716" s="613"/>
      <c r="NWC716" s="613"/>
      <c r="NWD716" s="613"/>
      <c r="NWE716" s="613"/>
      <c r="NWF716" s="613"/>
      <c r="NWG716" s="613"/>
      <c r="NWH716" s="613"/>
      <c r="NWI716" s="613"/>
      <c r="NWJ716" s="613"/>
      <c r="NWK716" s="613"/>
      <c r="NWL716" s="613"/>
      <c r="NWM716" s="613"/>
      <c r="NWN716" s="613"/>
      <c r="NWO716" s="613"/>
      <c r="NWP716" s="613"/>
      <c r="NWQ716" s="613"/>
      <c r="NWR716" s="613"/>
      <c r="NWS716" s="613"/>
      <c r="NWT716" s="613"/>
      <c r="NWU716" s="613"/>
      <c r="NWV716" s="613"/>
      <c r="NWW716" s="613"/>
      <c r="NWX716" s="613"/>
      <c r="NWY716" s="613"/>
      <c r="NWZ716" s="613"/>
      <c r="NXA716" s="613"/>
      <c r="NXB716" s="613"/>
      <c r="NXC716" s="613"/>
      <c r="NXD716" s="613"/>
      <c r="NXE716" s="613"/>
      <c r="NXF716" s="613"/>
      <c r="NXG716" s="613"/>
      <c r="NXH716" s="613"/>
      <c r="NXI716" s="613"/>
      <c r="NXJ716" s="613"/>
      <c r="NXK716" s="613"/>
      <c r="NXL716" s="613"/>
      <c r="NXM716" s="613"/>
      <c r="NXN716" s="613"/>
      <c r="NXO716" s="613"/>
      <c r="NXP716" s="613"/>
      <c r="NXQ716" s="613"/>
      <c r="NXR716" s="613"/>
      <c r="NXS716" s="613"/>
      <c r="NXT716" s="613"/>
      <c r="NXU716" s="613"/>
      <c r="NXV716" s="613"/>
      <c r="NXW716" s="613"/>
      <c r="NXX716" s="613"/>
      <c r="NXY716" s="613"/>
      <c r="NXZ716" s="613"/>
      <c r="NYA716" s="613"/>
      <c r="NYB716" s="613"/>
      <c r="NYC716" s="613"/>
      <c r="NYD716" s="613"/>
      <c r="NYE716" s="613"/>
      <c r="NYF716" s="613"/>
      <c r="NYG716" s="613"/>
      <c r="NYH716" s="613"/>
      <c r="NYI716" s="613"/>
      <c r="NYJ716" s="613"/>
      <c r="NYK716" s="613"/>
      <c r="NYL716" s="613"/>
      <c r="NYM716" s="613"/>
      <c r="NYN716" s="613"/>
      <c r="NYO716" s="613"/>
      <c r="NYP716" s="613"/>
      <c r="NYQ716" s="613"/>
      <c r="NYR716" s="613"/>
      <c r="NYS716" s="613"/>
      <c r="NYT716" s="613"/>
      <c r="NYU716" s="613"/>
      <c r="NYV716" s="613"/>
      <c r="NYW716" s="613"/>
      <c r="NYX716" s="613"/>
      <c r="NYY716" s="613"/>
      <c r="NYZ716" s="613"/>
      <c r="NZA716" s="613"/>
      <c r="NZB716" s="613"/>
      <c r="NZC716" s="613"/>
      <c r="NZD716" s="613"/>
      <c r="NZE716" s="613"/>
      <c r="NZF716" s="613"/>
      <c r="NZG716" s="613"/>
      <c r="NZH716" s="613"/>
      <c r="NZI716" s="613"/>
      <c r="NZJ716" s="613"/>
      <c r="NZK716" s="613"/>
      <c r="NZL716" s="613"/>
      <c r="NZM716" s="613"/>
      <c r="NZN716" s="613"/>
      <c r="NZO716" s="613"/>
      <c r="NZP716" s="613"/>
      <c r="NZQ716" s="613"/>
      <c r="NZR716" s="613"/>
      <c r="NZS716" s="613"/>
      <c r="NZT716" s="613"/>
      <c r="NZU716" s="613"/>
      <c r="NZV716" s="613"/>
      <c r="NZW716" s="613"/>
      <c r="NZX716" s="613"/>
      <c r="NZY716" s="613"/>
      <c r="NZZ716" s="613"/>
      <c r="OAA716" s="613"/>
      <c r="OAB716" s="613"/>
      <c r="OAC716" s="613"/>
      <c r="OAD716" s="613"/>
      <c r="OAE716" s="613"/>
      <c r="OAF716" s="613"/>
      <c r="OAG716" s="613"/>
      <c r="OAH716" s="613"/>
      <c r="OAI716" s="613"/>
      <c r="OAJ716" s="613"/>
      <c r="OAK716" s="613"/>
      <c r="OAL716" s="613"/>
      <c r="OAM716" s="613"/>
      <c r="OAN716" s="613"/>
      <c r="OAO716" s="613"/>
      <c r="OAP716" s="613"/>
      <c r="OAQ716" s="613"/>
      <c r="OAR716" s="613"/>
      <c r="OAS716" s="613"/>
      <c r="OAT716" s="613"/>
      <c r="OAU716" s="613"/>
      <c r="OAV716" s="613"/>
      <c r="OAW716" s="613"/>
      <c r="OAX716" s="613"/>
      <c r="OAY716" s="613"/>
      <c r="OAZ716" s="613"/>
      <c r="OBA716" s="613"/>
      <c r="OBB716" s="613"/>
      <c r="OBC716" s="613"/>
      <c r="OBD716" s="613"/>
      <c r="OBE716" s="613"/>
      <c r="OBF716" s="613"/>
      <c r="OBG716" s="613"/>
      <c r="OBH716" s="613"/>
      <c r="OBI716" s="613"/>
      <c r="OBJ716" s="613"/>
      <c r="OBK716" s="613"/>
      <c r="OBL716" s="613"/>
      <c r="OBM716" s="613"/>
      <c r="OBN716" s="613"/>
      <c r="OBO716" s="613"/>
      <c r="OBP716" s="613"/>
      <c r="OBQ716" s="613"/>
      <c r="OBR716" s="613"/>
      <c r="OBS716" s="613"/>
      <c r="OBT716" s="613"/>
      <c r="OBU716" s="613"/>
      <c r="OBV716" s="613"/>
      <c r="OBW716" s="613"/>
      <c r="OBX716" s="613"/>
      <c r="OBY716" s="613"/>
      <c r="OBZ716" s="613"/>
      <c r="OCA716" s="613"/>
      <c r="OCB716" s="613"/>
      <c r="OCC716" s="613"/>
      <c r="OCD716" s="613"/>
      <c r="OCE716" s="613"/>
      <c r="OCF716" s="613"/>
      <c r="OCG716" s="613"/>
      <c r="OCH716" s="613"/>
      <c r="OCI716" s="613"/>
      <c r="OCJ716" s="613"/>
      <c r="OCK716" s="613"/>
      <c r="OCL716" s="613"/>
      <c r="OCM716" s="613"/>
      <c r="OCN716" s="613"/>
      <c r="OCO716" s="613"/>
      <c r="OCP716" s="613"/>
      <c r="OCQ716" s="613"/>
      <c r="OCR716" s="613"/>
      <c r="OCS716" s="613"/>
      <c r="OCT716" s="613"/>
      <c r="OCU716" s="613"/>
      <c r="OCV716" s="613"/>
      <c r="OCW716" s="613"/>
      <c r="OCX716" s="613"/>
      <c r="OCY716" s="613"/>
      <c r="OCZ716" s="613"/>
      <c r="ODA716" s="613"/>
      <c r="ODB716" s="613"/>
      <c r="ODC716" s="613"/>
      <c r="ODD716" s="613"/>
      <c r="ODE716" s="613"/>
      <c r="ODF716" s="613"/>
      <c r="ODG716" s="613"/>
      <c r="ODH716" s="613"/>
      <c r="ODI716" s="613"/>
      <c r="ODJ716" s="613"/>
      <c r="ODK716" s="613"/>
      <c r="ODL716" s="613"/>
      <c r="ODM716" s="613"/>
      <c r="ODN716" s="613"/>
      <c r="ODO716" s="613"/>
      <c r="ODP716" s="613"/>
      <c r="ODQ716" s="613"/>
      <c r="ODR716" s="613"/>
      <c r="ODS716" s="613"/>
      <c r="ODT716" s="613"/>
      <c r="ODU716" s="613"/>
      <c r="ODV716" s="613"/>
      <c r="ODW716" s="613"/>
      <c r="ODX716" s="613"/>
      <c r="ODY716" s="613"/>
      <c r="ODZ716" s="613"/>
      <c r="OEA716" s="613"/>
      <c r="OEB716" s="613"/>
      <c r="OEC716" s="613"/>
      <c r="OED716" s="613"/>
      <c r="OEE716" s="613"/>
      <c r="OEF716" s="613"/>
      <c r="OEG716" s="613"/>
      <c r="OEH716" s="613"/>
      <c r="OEI716" s="613"/>
      <c r="OEJ716" s="613"/>
      <c r="OEK716" s="613"/>
      <c r="OEL716" s="613"/>
      <c r="OEM716" s="613"/>
      <c r="OEN716" s="613"/>
      <c r="OEO716" s="613"/>
      <c r="OEP716" s="613"/>
      <c r="OEQ716" s="613"/>
      <c r="OER716" s="613"/>
      <c r="OES716" s="613"/>
      <c r="OET716" s="613"/>
      <c r="OEU716" s="613"/>
      <c r="OEV716" s="613"/>
      <c r="OEW716" s="613"/>
      <c r="OEX716" s="613"/>
      <c r="OEY716" s="613"/>
      <c r="OEZ716" s="613"/>
      <c r="OFA716" s="613"/>
      <c r="OFB716" s="613"/>
      <c r="OFC716" s="613"/>
      <c r="OFD716" s="613"/>
      <c r="OFE716" s="613"/>
      <c r="OFF716" s="613"/>
      <c r="OFG716" s="613"/>
      <c r="OFH716" s="613"/>
      <c r="OFI716" s="613"/>
      <c r="OFJ716" s="613"/>
      <c r="OFK716" s="613"/>
      <c r="OFL716" s="613"/>
      <c r="OFM716" s="613"/>
      <c r="OFN716" s="613"/>
      <c r="OFO716" s="613"/>
      <c r="OFP716" s="613"/>
      <c r="OFQ716" s="613"/>
      <c r="OFR716" s="613"/>
      <c r="OFS716" s="613"/>
      <c r="OFT716" s="613"/>
      <c r="OFU716" s="613"/>
      <c r="OFV716" s="613"/>
      <c r="OFW716" s="613"/>
      <c r="OFX716" s="613"/>
      <c r="OFY716" s="613"/>
      <c r="OFZ716" s="613"/>
      <c r="OGA716" s="613"/>
      <c r="OGB716" s="613"/>
      <c r="OGC716" s="613"/>
      <c r="OGD716" s="613"/>
      <c r="OGE716" s="613"/>
      <c r="OGF716" s="613"/>
      <c r="OGG716" s="613"/>
      <c r="OGH716" s="613"/>
      <c r="OGI716" s="613"/>
      <c r="OGJ716" s="613"/>
      <c r="OGK716" s="613"/>
      <c r="OGL716" s="613"/>
      <c r="OGM716" s="613"/>
      <c r="OGN716" s="613"/>
      <c r="OGO716" s="613"/>
      <c r="OGP716" s="613"/>
      <c r="OGQ716" s="613"/>
      <c r="OGR716" s="613"/>
      <c r="OGS716" s="613"/>
      <c r="OGT716" s="613"/>
      <c r="OGU716" s="613"/>
      <c r="OGV716" s="613"/>
      <c r="OGW716" s="613"/>
      <c r="OGX716" s="613"/>
      <c r="OGY716" s="613"/>
      <c r="OGZ716" s="613"/>
      <c r="OHA716" s="613"/>
      <c r="OHB716" s="613"/>
      <c r="OHC716" s="613"/>
      <c r="OHD716" s="613"/>
      <c r="OHE716" s="613"/>
      <c r="OHF716" s="613"/>
      <c r="OHG716" s="613"/>
      <c r="OHH716" s="613"/>
      <c r="OHI716" s="613"/>
      <c r="OHJ716" s="613"/>
      <c r="OHK716" s="613"/>
      <c r="OHL716" s="613"/>
      <c r="OHM716" s="613"/>
      <c r="OHN716" s="613"/>
      <c r="OHO716" s="613"/>
      <c r="OHP716" s="613"/>
      <c r="OHQ716" s="613"/>
      <c r="OHR716" s="613"/>
      <c r="OHS716" s="613"/>
      <c r="OHT716" s="613"/>
      <c r="OHU716" s="613"/>
      <c r="OHV716" s="613"/>
      <c r="OHW716" s="613"/>
      <c r="OHX716" s="613"/>
      <c r="OHY716" s="613"/>
      <c r="OHZ716" s="613"/>
      <c r="OIA716" s="613"/>
      <c r="OIB716" s="613"/>
      <c r="OIC716" s="613"/>
      <c r="OID716" s="613"/>
      <c r="OIE716" s="613"/>
      <c r="OIF716" s="613"/>
      <c r="OIG716" s="613"/>
      <c r="OIH716" s="613"/>
      <c r="OII716" s="613"/>
      <c r="OIJ716" s="613"/>
      <c r="OIK716" s="613"/>
      <c r="OIL716" s="613"/>
      <c r="OIM716" s="613"/>
      <c r="OIN716" s="613"/>
      <c r="OIO716" s="613"/>
      <c r="OIP716" s="613"/>
      <c r="OIQ716" s="613"/>
      <c r="OIR716" s="613"/>
      <c r="OIS716" s="613"/>
      <c r="OIT716" s="613"/>
      <c r="OIU716" s="613"/>
      <c r="OIV716" s="613"/>
      <c r="OIW716" s="613"/>
      <c r="OIX716" s="613"/>
      <c r="OIY716" s="613"/>
      <c r="OIZ716" s="613"/>
      <c r="OJA716" s="613"/>
      <c r="OJB716" s="613"/>
      <c r="OJC716" s="613"/>
      <c r="OJD716" s="613"/>
      <c r="OJE716" s="613"/>
      <c r="OJF716" s="613"/>
      <c r="OJG716" s="613"/>
      <c r="OJH716" s="613"/>
      <c r="OJI716" s="613"/>
      <c r="OJJ716" s="613"/>
      <c r="OJK716" s="613"/>
      <c r="OJL716" s="613"/>
      <c r="OJM716" s="613"/>
      <c r="OJN716" s="613"/>
      <c r="OJO716" s="613"/>
      <c r="OJP716" s="613"/>
      <c r="OJQ716" s="613"/>
      <c r="OJR716" s="613"/>
      <c r="OJS716" s="613"/>
      <c r="OJT716" s="613"/>
      <c r="OJU716" s="613"/>
      <c r="OJV716" s="613"/>
      <c r="OJW716" s="613"/>
      <c r="OJX716" s="613"/>
      <c r="OJY716" s="613"/>
      <c r="OJZ716" s="613"/>
      <c r="OKA716" s="613"/>
      <c r="OKB716" s="613"/>
      <c r="OKC716" s="613"/>
      <c r="OKD716" s="613"/>
      <c r="OKE716" s="613"/>
      <c r="OKF716" s="613"/>
      <c r="OKG716" s="613"/>
      <c r="OKH716" s="613"/>
      <c r="OKI716" s="613"/>
      <c r="OKJ716" s="613"/>
      <c r="OKK716" s="613"/>
      <c r="OKL716" s="613"/>
      <c r="OKM716" s="613"/>
      <c r="OKN716" s="613"/>
      <c r="OKO716" s="613"/>
      <c r="OKP716" s="613"/>
      <c r="OKQ716" s="613"/>
      <c r="OKR716" s="613"/>
      <c r="OKS716" s="613"/>
      <c r="OKT716" s="613"/>
      <c r="OKU716" s="613"/>
      <c r="OKV716" s="613"/>
      <c r="OKW716" s="613"/>
      <c r="OKX716" s="613"/>
      <c r="OKY716" s="613"/>
      <c r="OKZ716" s="613"/>
      <c r="OLA716" s="613"/>
      <c r="OLB716" s="613"/>
      <c r="OLC716" s="613"/>
      <c r="OLD716" s="613"/>
      <c r="OLE716" s="613"/>
      <c r="OLF716" s="613"/>
      <c r="OLG716" s="613"/>
      <c r="OLH716" s="613"/>
      <c r="OLI716" s="613"/>
      <c r="OLJ716" s="613"/>
      <c r="OLK716" s="613"/>
      <c r="OLL716" s="613"/>
      <c r="OLM716" s="613"/>
      <c r="OLN716" s="613"/>
      <c r="OLO716" s="613"/>
      <c r="OLP716" s="613"/>
      <c r="OLQ716" s="613"/>
      <c r="OLR716" s="613"/>
      <c r="OLS716" s="613"/>
      <c r="OLT716" s="613"/>
      <c r="OLU716" s="613"/>
      <c r="OLV716" s="613"/>
      <c r="OLW716" s="613"/>
      <c r="OLX716" s="613"/>
      <c r="OLY716" s="613"/>
      <c r="OLZ716" s="613"/>
      <c r="OMA716" s="613"/>
      <c r="OMB716" s="613"/>
      <c r="OMC716" s="613"/>
      <c r="OMD716" s="613"/>
      <c r="OME716" s="613"/>
      <c r="OMF716" s="613"/>
      <c r="OMG716" s="613"/>
      <c r="OMH716" s="613"/>
      <c r="OMI716" s="613"/>
      <c r="OMJ716" s="613"/>
      <c r="OMK716" s="613"/>
      <c r="OML716" s="613"/>
      <c r="OMM716" s="613"/>
      <c r="OMN716" s="613"/>
      <c r="OMO716" s="613"/>
      <c r="OMP716" s="613"/>
      <c r="OMQ716" s="613"/>
      <c r="OMR716" s="613"/>
      <c r="OMS716" s="613"/>
      <c r="OMT716" s="613"/>
      <c r="OMU716" s="613"/>
      <c r="OMV716" s="613"/>
      <c r="OMW716" s="613"/>
      <c r="OMX716" s="613"/>
      <c r="OMY716" s="613"/>
      <c r="OMZ716" s="613"/>
      <c r="ONA716" s="613"/>
      <c r="ONB716" s="613"/>
      <c r="ONC716" s="613"/>
      <c r="OND716" s="613"/>
      <c r="ONE716" s="613"/>
      <c r="ONF716" s="613"/>
      <c r="ONG716" s="613"/>
      <c r="ONH716" s="613"/>
      <c r="ONI716" s="613"/>
      <c r="ONJ716" s="613"/>
      <c r="ONK716" s="613"/>
      <c r="ONL716" s="613"/>
      <c r="ONM716" s="613"/>
      <c r="ONN716" s="613"/>
      <c r="ONO716" s="613"/>
      <c r="ONP716" s="613"/>
      <c r="ONQ716" s="613"/>
      <c r="ONR716" s="613"/>
      <c r="ONS716" s="613"/>
      <c r="ONT716" s="613"/>
      <c r="ONU716" s="613"/>
      <c r="ONV716" s="613"/>
      <c r="ONW716" s="613"/>
      <c r="ONX716" s="613"/>
      <c r="ONY716" s="613"/>
      <c r="ONZ716" s="613"/>
      <c r="OOA716" s="613"/>
      <c r="OOB716" s="613"/>
      <c r="OOC716" s="613"/>
      <c r="OOD716" s="613"/>
      <c r="OOE716" s="613"/>
      <c r="OOF716" s="613"/>
      <c r="OOG716" s="613"/>
      <c r="OOH716" s="613"/>
      <c r="OOI716" s="613"/>
      <c r="OOJ716" s="613"/>
      <c r="OOK716" s="613"/>
      <c r="OOL716" s="613"/>
      <c r="OOM716" s="613"/>
      <c r="OON716" s="613"/>
      <c r="OOO716" s="613"/>
      <c r="OOP716" s="613"/>
      <c r="OOQ716" s="613"/>
      <c r="OOR716" s="613"/>
      <c r="OOS716" s="613"/>
      <c r="OOT716" s="613"/>
      <c r="OOU716" s="613"/>
      <c r="OOV716" s="613"/>
      <c r="OOW716" s="613"/>
      <c r="OOX716" s="613"/>
      <c r="OOY716" s="613"/>
      <c r="OOZ716" s="613"/>
      <c r="OPA716" s="613"/>
      <c r="OPB716" s="613"/>
      <c r="OPC716" s="613"/>
      <c r="OPD716" s="613"/>
      <c r="OPE716" s="613"/>
      <c r="OPF716" s="613"/>
      <c r="OPG716" s="613"/>
      <c r="OPH716" s="613"/>
      <c r="OPI716" s="613"/>
      <c r="OPJ716" s="613"/>
      <c r="OPK716" s="613"/>
      <c r="OPL716" s="613"/>
      <c r="OPM716" s="613"/>
      <c r="OPN716" s="613"/>
      <c r="OPO716" s="613"/>
      <c r="OPP716" s="613"/>
      <c r="OPQ716" s="613"/>
      <c r="OPR716" s="613"/>
      <c r="OPS716" s="613"/>
      <c r="OPT716" s="613"/>
      <c r="OPU716" s="613"/>
      <c r="OPV716" s="613"/>
      <c r="OPW716" s="613"/>
      <c r="OPX716" s="613"/>
      <c r="OPY716" s="613"/>
      <c r="OPZ716" s="613"/>
      <c r="OQA716" s="613"/>
      <c r="OQB716" s="613"/>
      <c r="OQC716" s="613"/>
      <c r="OQD716" s="613"/>
      <c r="OQE716" s="613"/>
      <c r="OQF716" s="613"/>
      <c r="OQG716" s="613"/>
      <c r="OQH716" s="613"/>
      <c r="OQI716" s="613"/>
      <c r="OQJ716" s="613"/>
      <c r="OQK716" s="613"/>
      <c r="OQL716" s="613"/>
      <c r="OQM716" s="613"/>
      <c r="OQN716" s="613"/>
      <c r="OQO716" s="613"/>
      <c r="OQP716" s="613"/>
      <c r="OQQ716" s="613"/>
      <c r="OQR716" s="613"/>
      <c r="OQS716" s="613"/>
      <c r="OQT716" s="613"/>
      <c r="OQU716" s="613"/>
      <c r="OQV716" s="613"/>
      <c r="OQW716" s="613"/>
      <c r="OQX716" s="613"/>
      <c r="OQY716" s="613"/>
      <c r="OQZ716" s="613"/>
      <c r="ORA716" s="613"/>
      <c r="ORB716" s="613"/>
      <c r="ORC716" s="613"/>
      <c r="ORD716" s="613"/>
      <c r="ORE716" s="613"/>
      <c r="ORF716" s="613"/>
      <c r="ORG716" s="613"/>
      <c r="ORH716" s="613"/>
      <c r="ORI716" s="613"/>
      <c r="ORJ716" s="613"/>
      <c r="ORK716" s="613"/>
      <c r="ORL716" s="613"/>
      <c r="ORM716" s="613"/>
      <c r="ORN716" s="613"/>
      <c r="ORO716" s="613"/>
      <c r="ORP716" s="613"/>
      <c r="ORQ716" s="613"/>
      <c r="ORR716" s="613"/>
      <c r="ORS716" s="613"/>
      <c r="ORT716" s="613"/>
      <c r="ORU716" s="613"/>
      <c r="ORV716" s="613"/>
      <c r="ORW716" s="613"/>
      <c r="ORX716" s="613"/>
      <c r="ORY716" s="613"/>
      <c r="ORZ716" s="613"/>
      <c r="OSA716" s="613"/>
      <c r="OSB716" s="613"/>
      <c r="OSC716" s="613"/>
      <c r="OSD716" s="613"/>
      <c r="OSE716" s="613"/>
      <c r="OSF716" s="613"/>
      <c r="OSG716" s="613"/>
      <c r="OSH716" s="613"/>
      <c r="OSI716" s="613"/>
      <c r="OSJ716" s="613"/>
      <c r="OSK716" s="613"/>
      <c r="OSL716" s="613"/>
      <c r="OSM716" s="613"/>
      <c r="OSN716" s="613"/>
      <c r="OSO716" s="613"/>
      <c r="OSP716" s="613"/>
      <c r="OSQ716" s="613"/>
      <c r="OSR716" s="613"/>
      <c r="OSS716" s="613"/>
      <c r="OST716" s="613"/>
      <c r="OSU716" s="613"/>
      <c r="OSV716" s="613"/>
      <c r="OSW716" s="613"/>
      <c r="OSX716" s="613"/>
      <c r="OSY716" s="613"/>
      <c r="OSZ716" s="613"/>
      <c r="OTA716" s="613"/>
      <c r="OTB716" s="613"/>
      <c r="OTC716" s="613"/>
      <c r="OTD716" s="613"/>
      <c r="OTE716" s="613"/>
      <c r="OTF716" s="613"/>
      <c r="OTG716" s="613"/>
      <c r="OTH716" s="613"/>
      <c r="OTI716" s="613"/>
      <c r="OTJ716" s="613"/>
      <c r="OTK716" s="613"/>
      <c r="OTL716" s="613"/>
      <c r="OTM716" s="613"/>
      <c r="OTN716" s="613"/>
      <c r="OTO716" s="613"/>
      <c r="OTP716" s="613"/>
      <c r="OTQ716" s="613"/>
      <c r="OTR716" s="613"/>
      <c r="OTS716" s="613"/>
      <c r="OTT716" s="613"/>
      <c r="OTU716" s="613"/>
      <c r="OTV716" s="613"/>
      <c r="OTW716" s="613"/>
      <c r="OTX716" s="613"/>
      <c r="OTY716" s="613"/>
      <c r="OTZ716" s="613"/>
      <c r="OUA716" s="613"/>
      <c r="OUB716" s="613"/>
      <c r="OUC716" s="613"/>
      <c r="OUD716" s="613"/>
      <c r="OUE716" s="613"/>
      <c r="OUF716" s="613"/>
      <c r="OUG716" s="613"/>
      <c r="OUH716" s="613"/>
      <c r="OUI716" s="613"/>
      <c r="OUJ716" s="613"/>
      <c r="OUK716" s="613"/>
      <c r="OUL716" s="613"/>
      <c r="OUM716" s="613"/>
      <c r="OUN716" s="613"/>
      <c r="OUO716" s="613"/>
      <c r="OUP716" s="613"/>
      <c r="OUQ716" s="613"/>
      <c r="OUR716" s="613"/>
      <c r="OUS716" s="613"/>
      <c r="OUT716" s="613"/>
      <c r="OUU716" s="613"/>
      <c r="OUV716" s="613"/>
      <c r="OUW716" s="613"/>
      <c r="OUX716" s="613"/>
      <c r="OUY716" s="613"/>
      <c r="OUZ716" s="613"/>
      <c r="OVA716" s="613"/>
      <c r="OVB716" s="613"/>
      <c r="OVC716" s="613"/>
      <c r="OVD716" s="613"/>
      <c r="OVE716" s="613"/>
      <c r="OVF716" s="613"/>
      <c r="OVG716" s="613"/>
      <c r="OVH716" s="613"/>
      <c r="OVI716" s="613"/>
      <c r="OVJ716" s="613"/>
      <c r="OVK716" s="613"/>
      <c r="OVL716" s="613"/>
      <c r="OVM716" s="613"/>
      <c r="OVN716" s="613"/>
      <c r="OVO716" s="613"/>
      <c r="OVP716" s="613"/>
      <c r="OVQ716" s="613"/>
      <c r="OVR716" s="613"/>
      <c r="OVS716" s="613"/>
      <c r="OVT716" s="613"/>
      <c r="OVU716" s="613"/>
      <c r="OVV716" s="613"/>
      <c r="OVW716" s="613"/>
      <c r="OVX716" s="613"/>
      <c r="OVY716" s="613"/>
      <c r="OVZ716" s="613"/>
      <c r="OWA716" s="613"/>
      <c r="OWB716" s="613"/>
      <c r="OWC716" s="613"/>
      <c r="OWD716" s="613"/>
      <c r="OWE716" s="613"/>
      <c r="OWF716" s="613"/>
      <c r="OWG716" s="613"/>
      <c r="OWH716" s="613"/>
      <c r="OWI716" s="613"/>
      <c r="OWJ716" s="613"/>
      <c r="OWK716" s="613"/>
      <c r="OWL716" s="613"/>
      <c r="OWM716" s="613"/>
      <c r="OWN716" s="613"/>
      <c r="OWO716" s="613"/>
      <c r="OWP716" s="613"/>
      <c r="OWQ716" s="613"/>
      <c r="OWR716" s="613"/>
      <c r="OWS716" s="613"/>
      <c r="OWT716" s="613"/>
      <c r="OWU716" s="613"/>
      <c r="OWV716" s="613"/>
      <c r="OWW716" s="613"/>
      <c r="OWX716" s="613"/>
      <c r="OWY716" s="613"/>
      <c r="OWZ716" s="613"/>
      <c r="OXA716" s="613"/>
      <c r="OXB716" s="613"/>
      <c r="OXC716" s="613"/>
      <c r="OXD716" s="613"/>
      <c r="OXE716" s="613"/>
      <c r="OXF716" s="613"/>
      <c r="OXG716" s="613"/>
      <c r="OXH716" s="613"/>
      <c r="OXI716" s="613"/>
      <c r="OXJ716" s="613"/>
      <c r="OXK716" s="613"/>
      <c r="OXL716" s="613"/>
      <c r="OXM716" s="613"/>
      <c r="OXN716" s="613"/>
      <c r="OXO716" s="613"/>
      <c r="OXP716" s="613"/>
      <c r="OXQ716" s="613"/>
      <c r="OXR716" s="613"/>
      <c r="OXS716" s="613"/>
      <c r="OXT716" s="613"/>
      <c r="OXU716" s="613"/>
      <c r="OXV716" s="613"/>
      <c r="OXW716" s="613"/>
      <c r="OXX716" s="613"/>
      <c r="OXY716" s="613"/>
      <c r="OXZ716" s="613"/>
      <c r="OYA716" s="613"/>
      <c r="OYB716" s="613"/>
      <c r="OYC716" s="613"/>
      <c r="OYD716" s="613"/>
      <c r="OYE716" s="613"/>
      <c r="OYF716" s="613"/>
      <c r="OYG716" s="613"/>
      <c r="OYH716" s="613"/>
      <c r="OYI716" s="613"/>
      <c r="OYJ716" s="613"/>
      <c r="OYK716" s="613"/>
      <c r="OYL716" s="613"/>
      <c r="OYM716" s="613"/>
      <c r="OYN716" s="613"/>
      <c r="OYO716" s="613"/>
      <c r="OYP716" s="613"/>
      <c r="OYQ716" s="613"/>
      <c r="OYR716" s="613"/>
      <c r="OYS716" s="613"/>
      <c r="OYT716" s="613"/>
      <c r="OYU716" s="613"/>
      <c r="OYV716" s="613"/>
      <c r="OYW716" s="613"/>
      <c r="OYX716" s="613"/>
      <c r="OYY716" s="613"/>
      <c r="OYZ716" s="613"/>
      <c r="OZA716" s="613"/>
      <c r="OZB716" s="613"/>
      <c r="OZC716" s="613"/>
      <c r="OZD716" s="613"/>
      <c r="OZE716" s="613"/>
      <c r="OZF716" s="613"/>
      <c r="OZG716" s="613"/>
      <c r="OZH716" s="613"/>
      <c r="OZI716" s="613"/>
      <c r="OZJ716" s="613"/>
      <c r="OZK716" s="613"/>
      <c r="OZL716" s="613"/>
      <c r="OZM716" s="613"/>
      <c r="OZN716" s="613"/>
      <c r="OZO716" s="613"/>
      <c r="OZP716" s="613"/>
      <c r="OZQ716" s="613"/>
      <c r="OZR716" s="613"/>
      <c r="OZS716" s="613"/>
      <c r="OZT716" s="613"/>
      <c r="OZU716" s="613"/>
      <c r="OZV716" s="613"/>
      <c r="OZW716" s="613"/>
      <c r="OZX716" s="613"/>
      <c r="OZY716" s="613"/>
      <c r="OZZ716" s="613"/>
      <c r="PAA716" s="613"/>
      <c r="PAB716" s="613"/>
      <c r="PAC716" s="613"/>
      <c r="PAD716" s="613"/>
      <c r="PAE716" s="613"/>
      <c r="PAF716" s="613"/>
      <c r="PAG716" s="613"/>
      <c r="PAH716" s="613"/>
      <c r="PAI716" s="613"/>
      <c r="PAJ716" s="613"/>
      <c r="PAK716" s="613"/>
      <c r="PAL716" s="613"/>
      <c r="PAM716" s="613"/>
      <c r="PAN716" s="613"/>
      <c r="PAO716" s="613"/>
      <c r="PAP716" s="613"/>
      <c r="PAQ716" s="613"/>
      <c r="PAR716" s="613"/>
      <c r="PAS716" s="613"/>
      <c r="PAT716" s="613"/>
      <c r="PAU716" s="613"/>
      <c r="PAV716" s="613"/>
      <c r="PAW716" s="613"/>
      <c r="PAX716" s="613"/>
      <c r="PAY716" s="613"/>
      <c r="PAZ716" s="613"/>
      <c r="PBA716" s="613"/>
      <c r="PBB716" s="613"/>
      <c r="PBC716" s="613"/>
      <c r="PBD716" s="613"/>
      <c r="PBE716" s="613"/>
      <c r="PBF716" s="613"/>
      <c r="PBG716" s="613"/>
      <c r="PBH716" s="613"/>
      <c r="PBI716" s="613"/>
      <c r="PBJ716" s="613"/>
      <c r="PBK716" s="613"/>
      <c r="PBL716" s="613"/>
      <c r="PBM716" s="613"/>
      <c r="PBN716" s="613"/>
      <c r="PBO716" s="613"/>
      <c r="PBP716" s="613"/>
      <c r="PBQ716" s="613"/>
      <c r="PBR716" s="613"/>
      <c r="PBS716" s="613"/>
      <c r="PBT716" s="613"/>
      <c r="PBU716" s="613"/>
      <c r="PBV716" s="613"/>
      <c r="PBW716" s="613"/>
      <c r="PBX716" s="613"/>
      <c r="PBY716" s="613"/>
      <c r="PBZ716" s="613"/>
      <c r="PCA716" s="613"/>
      <c r="PCB716" s="613"/>
      <c r="PCC716" s="613"/>
      <c r="PCD716" s="613"/>
      <c r="PCE716" s="613"/>
      <c r="PCF716" s="613"/>
      <c r="PCG716" s="613"/>
      <c r="PCH716" s="613"/>
      <c r="PCI716" s="613"/>
      <c r="PCJ716" s="613"/>
      <c r="PCK716" s="613"/>
      <c r="PCL716" s="613"/>
      <c r="PCM716" s="613"/>
      <c r="PCN716" s="613"/>
      <c r="PCO716" s="613"/>
      <c r="PCP716" s="613"/>
      <c r="PCQ716" s="613"/>
      <c r="PCR716" s="613"/>
      <c r="PCS716" s="613"/>
      <c r="PCT716" s="613"/>
      <c r="PCU716" s="613"/>
      <c r="PCV716" s="613"/>
      <c r="PCW716" s="613"/>
      <c r="PCX716" s="613"/>
      <c r="PCY716" s="613"/>
      <c r="PCZ716" s="613"/>
      <c r="PDA716" s="613"/>
      <c r="PDB716" s="613"/>
      <c r="PDC716" s="613"/>
      <c r="PDD716" s="613"/>
      <c r="PDE716" s="613"/>
      <c r="PDF716" s="613"/>
      <c r="PDG716" s="613"/>
      <c r="PDH716" s="613"/>
      <c r="PDI716" s="613"/>
      <c r="PDJ716" s="613"/>
      <c r="PDK716" s="613"/>
      <c r="PDL716" s="613"/>
      <c r="PDM716" s="613"/>
      <c r="PDN716" s="613"/>
      <c r="PDO716" s="613"/>
      <c r="PDP716" s="613"/>
      <c r="PDQ716" s="613"/>
      <c r="PDR716" s="613"/>
      <c r="PDS716" s="613"/>
      <c r="PDT716" s="613"/>
      <c r="PDU716" s="613"/>
      <c r="PDV716" s="613"/>
      <c r="PDW716" s="613"/>
      <c r="PDX716" s="613"/>
      <c r="PDY716" s="613"/>
      <c r="PDZ716" s="613"/>
      <c r="PEA716" s="613"/>
      <c r="PEB716" s="613"/>
      <c r="PEC716" s="613"/>
      <c r="PED716" s="613"/>
      <c r="PEE716" s="613"/>
      <c r="PEF716" s="613"/>
      <c r="PEG716" s="613"/>
      <c r="PEH716" s="613"/>
      <c r="PEI716" s="613"/>
      <c r="PEJ716" s="613"/>
      <c r="PEK716" s="613"/>
      <c r="PEL716" s="613"/>
      <c r="PEM716" s="613"/>
      <c r="PEN716" s="613"/>
      <c r="PEO716" s="613"/>
      <c r="PEP716" s="613"/>
      <c r="PEQ716" s="613"/>
      <c r="PER716" s="613"/>
      <c r="PES716" s="613"/>
      <c r="PET716" s="613"/>
      <c r="PEU716" s="613"/>
      <c r="PEV716" s="613"/>
      <c r="PEW716" s="613"/>
      <c r="PEX716" s="613"/>
      <c r="PEY716" s="613"/>
      <c r="PEZ716" s="613"/>
      <c r="PFA716" s="613"/>
      <c r="PFB716" s="613"/>
      <c r="PFC716" s="613"/>
      <c r="PFD716" s="613"/>
      <c r="PFE716" s="613"/>
      <c r="PFF716" s="613"/>
      <c r="PFG716" s="613"/>
      <c r="PFH716" s="613"/>
      <c r="PFI716" s="613"/>
      <c r="PFJ716" s="613"/>
      <c r="PFK716" s="613"/>
      <c r="PFL716" s="613"/>
      <c r="PFM716" s="613"/>
      <c r="PFN716" s="613"/>
      <c r="PFO716" s="613"/>
      <c r="PFP716" s="613"/>
      <c r="PFQ716" s="613"/>
      <c r="PFR716" s="613"/>
      <c r="PFS716" s="613"/>
      <c r="PFT716" s="613"/>
      <c r="PFU716" s="613"/>
      <c r="PFV716" s="613"/>
      <c r="PFW716" s="613"/>
      <c r="PFX716" s="613"/>
      <c r="PFY716" s="613"/>
      <c r="PFZ716" s="613"/>
      <c r="PGA716" s="613"/>
      <c r="PGB716" s="613"/>
      <c r="PGC716" s="613"/>
      <c r="PGD716" s="613"/>
      <c r="PGE716" s="613"/>
      <c r="PGF716" s="613"/>
      <c r="PGG716" s="613"/>
      <c r="PGH716" s="613"/>
      <c r="PGI716" s="613"/>
      <c r="PGJ716" s="613"/>
      <c r="PGK716" s="613"/>
      <c r="PGL716" s="613"/>
      <c r="PGM716" s="613"/>
      <c r="PGN716" s="613"/>
      <c r="PGO716" s="613"/>
      <c r="PGP716" s="613"/>
      <c r="PGQ716" s="613"/>
      <c r="PGR716" s="613"/>
      <c r="PGS716" s="613"/>
      <c r="PGT716" s="613"/>
      <c r="PGU716" s="613"/>
      <c r="PGV716" s="613"/>
      <c r="PGW716" s="613"/>
      <c r="PGX716" s="613"/>
      <c r="PGY716" s="613"/>
      <c r="PGZ716" s="613"/>
      <c r="PHA716" s="613"/>
      <c r="PHB716" s="613"/>
      <c r="PHC716" s="613"/>
      <c r="PHD716" s="613"/>
      <c r="PHE716" s="613"/>
      <c r="PHF716" s="613"/>
      <c r="PHG716" s="613"/>
      <c r="PHH716" s="613"/>
      <c r="PHI716" s="613"/>
      <c r="PHJ716" s="613"/>
      <c r="PHK716" s="613"/>
      <c r="PHL716" s="613"/>
      <c r="PHM716" s="613"/>
      <c r="PHN716" s="613"/>
      <c r="PHO716" s="613"/>
      <c r="PHP716" s="613"/>
      <c r="PHQ716" s="613"/>
      <c r="PHR716" s="613"/>
      <c r="PHS716" s="613"/>
      <c r="PHT716" s="613"/>
      <c r="PHU716" s="613"/>
      <c r="PHV716" s="613"/>
      <c r="PHW716" s="613"/>
      <c r="PHX716" s="613"/>
      <c r="PHY716" s="613"/>
      <c r="PHZ716" s="613"/>
      <c r="PIA716" s="613"/>
      <c r="PIB716" s="613"/>
      <c r="PIC716" s="613"/>
      <c r="PID716" s="613"/>
      <c r="PIE716" s="613"/>
      <c r="PIF716" s="613"/>
      <c r="PIG716" s="613"/>
      <c r="PIH716" s="613"/>
      <c r="PII716" s="613"/>
      <c r="PIJ716" s="613"/>
      <c r="PIK716" s="613"/>
      <c r="PIL716" s="613"/>
      <c r="PIM716" s="613"/>
      <c r="PIN716" s="613"/>
      <c r="PIO716" s="613"/>
      <c r="PIP716" s="613"/>
      <c r="PIQ716" s="613"/>
      <c r="PIR716" s="613"/>
      <c r="PIS716" s="613"/>
      <c r="PIT716" s="613"/>
      <c r="PIU716" s="613"/>
      <c r="PIV716" s="613"/>
      <c r="PIW716" s="613"/>
      <c r="PIX716" s="613"/>
      <c r="PIY716" s="613"/>
      <c r="PIZ716" s="613"/>
      <c r="PJA716" s="613"/>
      <c r="PJB716" s="613"/>
      <c r="PJC716" s="613"/>
      <c r="PJD716" s="613"/>
      <c r="PJE716" s="613"/>
      <c r="PJF716" s="613"/>
      <c r="PJG716" s="613"/>
      <c r="PJH716" s="613"/>
      <c r="PJI716" s="613"/>
      <c r="PJJ716" s="613"/>
      <c r="PJK716" s="613"/>
      <c r="PJL716" s="613"/>
      <c r="PJM716" s="613"/>
      <c r="PJN716" s="613"/>
      <c r="PJO716" s="613"/>
      <c r="PJP716" s="613"/>
      <c r="PJQ716" s="613"/>
      <c r="PJR716" s="613"/>
      <c r="PJS716" s="613"/>
      <c r="PJT716" s="613"/>
      <c r="PJU716" s="613"/>
      <c r="PJV716" s="613"/>
      <c r="PJW716" s="613"/>
      <c r="PJX716" s="613"/>
      <c r="PJY716" s="613"/>
      <c r="PJZ716" s="613"/>
      <c r="PKA716" s="613"/>
      <c r="PKB716" s="613"/>
      <c r="PKC716" s="613"/>
      <c r="PKD716" s="613"/>
      <c r="PKE716" s="613"/>
      <c r="PKF716" s="613"/>
      <c r="PKG716" s="613"/>
      <c r="PKH716" s="613"/>
      <c r="PKI716" s="613"/>
      <c r="PKJ716" s="613"/>
      <c r="PKK716" s="613"/>
      <c r="PKL716" s="613"/>
      <c r="PKM716" s="613"/>
      <c r="PKN716" s="613"/>
      <c r="PKO716" s="613"/>
      <c r="PKP716" s="613"/>
      <c r="PKQ716" s="613"/>
      <c r="PKR716" s="613"/>
      <c r="PKS716" s="613"/>
      <c r="PKT716" s="613"/>
      <c r="PKU716" s="613"/>
      <c r="PKV716" s="613"/>
      <c r="PKW716" s="613"/>
      <c r="PKX716" s="613"/>
      <c r="PKY716" s="613"/>
      <c r="PKZ716" s="613"/>
      <c r="PLA716" s="613"/>
      <c r="PLB716" s="613"/>
      <c r="PLC716" s="613"/>
      <c r="PLD716" s="613"/>
      <c r="PLE716" s="613"/>
      <c r="PLF716" s="613"/>
      <c r="PLG716" s="613"/>
      <c r="PLH716" s="613"/>
      <c r="PLI716" s="613"/>
      <c r="PLJ716" s="613"/>
      <c r="PLK716" s="613"/>
      <c r="PLL716" s="613"/>
      <c r="PLM716" s="613"/>
      <c r="PLN716" s="613"/>
      <c r="PLO716" s="613"/>
      <c r="PLP716" s="613"/>
      <c r="PLQ716" s="613"/>
      <c r="PLR716" s="613"/>
      <c r="PLS716" s="613"/>
      <c r="PLT716" s="613"/>
      <c r="PLU716" s="613"/>
      <c r="PLV716" s="613"/>
      <c r="PLW716" s="613"/>
      <c r="PLX716" s="613"/>
      <c r="PLY716" s="613"/>
      <c r="PLZ716" s="613"/>
      <c r="PMA716" s="613"/>
      <c r="PMB716" s="613"/>
      <c r="PMC716" s="613"/>
      <c r="PMD716" s="613"/>
      <c r="PME716" s="613"/>
      <c r="PMF716" s="613"/>
      <c r="PMG716" s="613"/>
      <c r="PMH716" s="613"/>
      <c r="PMI716" s="613"/>
      <c r="PMJ716" s="613"/>
      <c r="PMK716" s="613"/>
      <c r="PML716" s="613"/>
      <c r="PMM716" s="613"/>
      <c r="PMN716" s="613"/>
      <c r="PMO716" s="613"/>
      <c r="PMP716" s="613"/>
      <c r="PMQ716" s="613"/>
      <c r="PMR716" s="613"/>
      <c r="PMS716" s="613"/>
      <c r="PMT716" s="613"/>
      <c r="PMU716" s="613"/>
      <c r="PMV716" s="613"/>
      <c r="PMW716" s="613"/>
      <c r="PMX716" s="613"/>
      <c r="PMY716" s="613"/>
      <c r="PMZ716" s="613"/>
      <c r="PNA716" s="613"/>
      <c r="PNB716" s="613"/>
      <c r="PNC716" s="613"/>
      <c r="PND716" s="613"/>
      <c r="PNE716" s="613"/>
      <c r="PNF716" s="613"/>
      <c r="PNG716" s="613"/>
      <c r="PNH716" s="613"/>
      <c r="PNI716" s="613"/>
      <c r="PNJ716" s="613"/>
      <c r="PNK716" s="613"/>
      <c r="PNL716" s="613"/>
      <c r="PNM716" s="613"/>
      <c r="PNN716" s="613"/>
      <c r="PNO716" s="613"/>
      <c r="PNP716" s="613"/>
      <c r="PNQ716" s="613"/>
      <c r="PNR716" s="613"/>
      <c r="PNS716" s="613"/>
      <c r="PNT716" s="613"/>
      <c r="PNU716" s="613"/>
      <c r="PNV716" s="613"/>
      <c r="PNW716" s="613"/>
      <c r="PNX716" s="613"/>
      <c r="PNY716" s="613"/>
      <c r="PNZ716" s="613"/>
      <c r="POA716" s="613"/>
      <c r="POB716" s="613"/>
      <c r="POC716" s="613"/>
      <c r="POD716" s="613"/>
      <c r="POE716" s="613"/>
      <c r="POF716" s="613"/>
      <c r="POG716" s="613"/>
      <c r="POH716" s="613"/>
      <c r="POI716" s="613"/>
      <c r="POJ716" s="613"/>
      <c r="POK716" s="613"/>
      <c r="POL716" s="613"/>
      <c r="POM716" s="613"/>
      <c r="PON716" s="613"/>
      <c r="POO716" s="613"/>
      <c r="POP716" s="613"/>
      <c r="POQ716" s="613"/>
      <c r="POR716" s="613"/>
      <c r="POS716" s="613"/>
      <c r="POT716" s="613"/>
      <c r="POU716" s="613"/>
      <c r="POV716" s="613"/>
      <c r="POW716" s="613"/>
      <c r="POX716" s="613"/>
      <c r="POY716" s="613"/>
      <c r="POZ716" s="613"/>
      <c r="PPA716" s="613"/>
      <c r="PPB716" s="613"/>
      <c r="PPC716" s="613"/>
      <c r="PPD716" s="613"/>
      <c r="PPE716" s="613"/>
      <c r="PPF716" s="613"/>
      <c r="PPG716" s="613"/>
      <c r="PPH716" s="613"/>
      <c r="PPI716" s="613"/>
      <c r="PPJ716" s="613"/>
      <c r="PPK716" s="613"/>
      <c r="PPL716" s="613"/>
      <c r="PPM716" s="613"/>
      <c r="PPN716" s="613"/>
      <c r="PPO716" s="613"/>
      <c r="PPP716" s="613"/>
      <c r="PPQ716" s="613"/>
      <c r="PPR716" s="613"/>
      <c r="PPS716" s="613"/>
      <c r="PPT716" s="613"/>
      <c r="PPU716" s="613"/>
      <c r="PPV716" s="613"/>
      <c r="PPW716" s="613"/>
      <c r="PPX716" s="613"/>
      <c r="PPY716" s="613"/>
      <c r="PPZ716" s="613"/>
      <c r="PQA716" s="613"/>
      <c r="PQB716" s="613"/>
      <c r="PQC716" s="613"/>
      <c r="PQD716" s="613"/>
      <c r="PQE716" s="613"/>
      <c r="PQF716" s="613"/>
      <c r="PQG716" s="613"/>
      <c r="PQH716" s="613"/>
      <c r="PQI716" s="613"/>
      <c r="PQJ716" s="613"/>
      <c r="PQK716" s="613"/>
      <c r="PQL716" s="613"/>
      <c r="PQM716" s="613"/>
      <c r="PQN716" s="613"/>
      <c r="PQO716" s="613"/>
      <c r="PQP716" s="613"/>
      <c r="PQQ716" s="613"/>
      <c r="PQR716" s="613"/>
      <c r="PQS716" s="613"/>
      <c r="PQT716" s="613"/>
      <c r="PQU716" s="613"/>
      <c r="PQV716" s="613"/>
      <c r="PQW716" s="613"/>
      <c r="PQX716" s="613"/>
      <c r="PQY716" s="613"/>
      <c r="PQZ716" s="613"/>
      <c r="PRA716" s="613"/>
      <c r="PRB716" s="613"/>
      <c r="PRC716" s="613"/>
      <c r="PRD716" s="613"/>
      <c r="PRE716" s="613"/>
      <c r="PRF716" s="613"/>
      <c r="PRG716" s="613"/>
      <c r="PRH716" s="613"/>
      <c r="PRI716" s="613"/>
      <c r="PRJ716" s="613"/>
      <c r="PRK716" s="613"/>
      <c r="PRL716" s="613"/>
      <c r="PRM716" s="613"/>
      <c r="PRN716" s="613"/>
      <c r="PRO716" s="613"/>
      <c r="PRP716" s="613"/>
      <c r="PRQ716" s="613"/>
      <c r="PRR716" s="613"/>
      <c r="PRS716" s="613"/>
      <c r="PRT716" s="613"/>
      <c r="PRU716" s="613"/>
      <c r="PRV716" s="613"/>
      <c r="PRW716" s="613"/>
      <c r="PRX716" s="613"/>
      <c r="PRY716" s="613"/>
      <c r="PRZ716" s="613"/>
      <c r="PSA716" s="613"/>
      <c r="PSB716" s="613"/>
      <c r="PSC716" s="613"/>
      <c r="PSD716" s="613"/>
      <c r="PSE716" s="613"/>
      <c r="PSF716" s="613"/>
      <c r="PSG716" s="613"/>
      <c r="PSH716" s="613"/>
      <c r="PSI716" s="613"/>
      <c r="PSJ716" s="613"/>
      <c r="PSK716" s="613"/>
      <c r="PSL716" s="613"/>
      <c r="PSM716" s="613"/>
      <c r="PSN716" s="613"/>
      <c r="PSO716" s="613"/>
      <c r="PSP716" s="613"/>
      <c r="PSQ716" s="613"/>
      <c r="PSR716" s="613"/>
      <c r="PSS716" s="613"/>
      <c r="PST716" s="613"/>
      <c r="PSU716" s="613"/>
      <c r="PSV716" s="613"/>
      <c r="PSW716" s="613"/>
      <c r="PSX716" s="613"/>
      <c r="PSY716" s="613"/>
      <c r="PSZ716" s="613"/>
      <c r="PTA716" s="613"/>
      <c r="PTB716" s="613"/>
      <c r="PTC716" s="613"/>
      <c r="PTD716" s="613"/>
      <c r="PTE716" s="613"/>
      <c r="PTF716" s="613"/>
      <c r="PTG716" s="613"/>
      <c r="PTH716" s="613"/>
      <c r="PTI716" s="613"/>
      <c r="PTJ716" s="613"/>
      <c r="PTK716" s="613"/>
      <c r="PTL716" s="613"/>
      <c r="PTM716" s="613"/>
      <c r="PTN716" s="613"/>
      <c r="PTO716" s="613"/>
      <c r="PTP716" s="613"/>
      <c r="PTQ716" s="613"/>
      <c r="PTR716" s="613"/>
      <c r="PTS716" s="613"/>
      <c r="PTT716" s="613"/>
      <c r="PTU716" s="613"/>
      <c r="PTV716" s="613"/>
      <c r="PTW716" s="613"/>
      <c r="PTX716" s="613"/>
      <c r="PTY716" s="613"/>
      <c r="PTZ716" s="613"/>
      <c r="PUA716" s="613"/>
      <c r="PUB716" s="613"/>
      <c r="PUC716" s="613"/>
      <c r="PUD716" s="613"/>
      <c r="PUE716" s="613"/>
      <c r="PUF716" s="613"/>
      <c r="PUG716" s="613"/>
      <c r="PUH716" s="613"/>
      <c r="PUI716" s="613"/>
      <c r="PUJ716" s="613"/>
      <c r="PUK716" s="613"/>
      <c r="PUL716" s="613"/>
      <c r="PUM716" s="613"/>
      <c r="PUN716" s="613"/>
      <c r="PUO716" s="613"/>
      <c r="PUP716" s="613"/>
      <c r="PUQ716" s="613"/>
      <c r="PUR716" s="613"/>
      <c r="PUS716" s="613"/>
      <c r="PUT716" s="613"/>
      <c r="PUU716" s="613"/>
      <c r="PUV716" s="613"/>
      <c r="PUW716" s="613"/>
      <c r="PUX716" s="613"/>
      <c r="PUY716" s="613"/>
      <c r="PUZ716" s="613"/>
      <c r="PVA716" s="613"/>
      <c r="PVB716" s="613"/>
      <c r="PVC716" s="613"/>
      <c r="PVD716" s="613"/>
      <c r="PVE716" s="613"/>
      <c r="PVF716" s="613"/>
      <c r="PVG716" s="613"/>
      <c r="PVH716" s="613"/>
      <c r="PVI716" s="613"/>
      <c r="PVJ716" s="613"/>
      <c r="PVK716" s="613"/>
      <c r="PVL716" s="613"/>
      <c r="PVM716" s="613"/>
      <c r="PVN716" s="613"/>
      <c r="PVO716" s="613"/>
      <c r="PVP716" s="613"/>
      <c r="PVQ716" s="613"/>
      <c r="PVR716" s="613"/>
      <c r="PVS716" s="613"/>
      <c r="PVT716" s="613"/>
      <c r="PVU716" s="613"/>
      <c r="PVV716" s="613"/>
      <c r="PVW716" s="613"/>
      <c r="PVX716" s="613"/>
      <c r="PVY716" s="613"/>
      <c r="PVZ716" s="613"/>
      <c r="PWA716" s="613"/>
      <c r="PWB716" s="613"/>
      <c r="PWC716" s="613"/>
      <c r="PWD716" s="613"/>
      <c r="PWE716" s="613"/>
      <c r="PWF716" s="613"/>
      <c r="PWG716" s="613"/>
      <c r="PWH716" s="613"/>
      <c r="PWI716" s="613"/>
      <c r="PWJ716" s="613"/>
      <c r="PWK716" s="613"/>
      <c r="PWL716" s="613"/>
      <c r="PWM716" s="613"/>
      <c r="PWN716" s="613"/>
      <c r="PWO716" s="613"/>
      <c r="PWP716" s="613"/>
      <c r="PWQ716" s="613"/>
      <c r="PWR716" s="613"/>
      <c r="PWS716" s="613"/>
      <c r="PWT716" s="613"/>
      <c r="PWU716" s="613"/>
      <c r="PWV716" s="613"/>
      <c r="PWW716" s="613"/>
      <c r="PWX716" s="613"/>
      <c r="PWY716" s="613"/>
      <c r="PWZ716" s="613"/>
      <c r="PXA716" s="613"/>
      <c r="PXB716" s="613"/>
      <c r="PXC716" s="613"/>
      <c r="PXD716" s="613"/>
      <c r="PXE716" s="613"/>
      <c r="PXF716" s="613"/>
      <c r="PXG716" s="613"/>
      <c r="PXH716" s="613"/>
      <c r="PXI716" s="613"/>
      <c r="PXJ716" s="613"/>
      <c r="PXK716" s="613"/>
      <c r="PXL716" s="613"/>
      <c r="PXM716" s="613"/>
      <c r="PXN716" s="613"/>
      <c r="PXO716" s="613"/>
      <c r="PXP716" s="613"/>
      <c r="PXQ716" s="613"/>
      <c r="PXR716" s="613"/>
      <c r="PXS716" s="613"/>
      <c r="PXT716" s="613"/>
      <c r="PXU716" s="613"/>
      <c r="PXV716" s="613"/>
      <c r="PXW716" s="613"/>
      <c r="PXX716" s="613"/>
      <c r="PXY716" s="613"/>
      <c r="PXZ716" s="613"/>
      <c r="PYA716" s="613"/>
      <c r="PYB716" s="613"/>
      <c r="PYC716" s="613"/>
      <c r="PYD716" s="613"/>
      <c r="PYE716" s="613"/>
      <c r="PYF716" s="613"/>
      <c r="PYG716" s="613"/>
      <c r="PYH716" s="613"/>
      <c r="PYI716" s="613"/>
      <c r="PYJ716" s="613"/>
      <c r="PYK716" s="613"/>
      <c r="PYL716" s="613"/>
      <c r="PYM716" s="613"/>
      <c r="PYN716" s="613"/>
      <c r="PYO716" s="613"/>
      <c r="PYP716" s="613"/>
      <c r="PYQ716" s="613"/>
      <c r="PYR716" s="613"/>
      <c r="PYS716" s="613"/>
      <c r="PYT716" s="613"/>
      <c r="PYU716" s="613"/>
      <c r="PYV716" s="613"/>
      <c r="PYW716" s="613"/>
      <c r="PYX716" s="613"/>
      <c r="PYY716" s="613"/>
      <c r="PYZ716" s="613"/>
      <c r="PZA716" s="613"/>
      <c r="PZB716" s="613"/>
      <c r="PZC716" s="613"/>
      <c r="PZD716" s="613"/>
      <c r="PZE716" s="613"/>
      <c r="PZF716" s="613"/>
      <c r="PZG716" s="613"/>
      <c r="PZH716" s="613"/>
      <c r="PZI716" s="613"/>
      <c r="PZJ716" s="613"/>
      <c r="PZK716" s="613"/>
      <c r="PZL716" s="613"/>
      <c r="PZM716" s="613"/>
      <c r="PZN716" s="613"/>
      <c r="PZO716" s="613"/>
      <c r="PZP716" s="613"/>
      <c r="PZQ716" s="613"/>
      <c r="PZR716" s="613"/>
      <c r="PZS716" s="613"/>
      <c r="PZT716" s="613"/>
      <c r="PZU716" s="613"/>
      <c r="PZV716" s="613"/>
      <c r="PZW716" s="613"/>
      <c r="PZX716" s="613"/>
      <c r="PZY716" s="613"/>
      <c r="PZZ716" s="613"/>
      <c r="QAA716" s="613"/>
      <c r="QAB716" s="613"/>
      <c r="QAC716" s="613"/>
      <c r="QAD716" s="613"/>
      <c r="QAE716" s="613"/>
      <c r="QAF716" s="613"/>
      <c r="QAG716" s="613"/>
      <c r="QAH716" s="613"/>
      <c r="QAI716" s="613"/>
      <c r="QAJ716" s="613"/>
      <c r="QAK716" s="613"/>
      <c r="QAL716" s="613"/>
      <c r="QAM716" s="613"/>
      <c r="QAN716" s="613"/>
      <c r="QAO716" s="613"/>
      <c r="QAP716" s="613"/>
      <c r="QAQ716" s="613"/>
      <c r="QAR716" s="613"/>
      <c r="QAS716" s="613"/>
      <c r="QAT716" s="613"/>
      <c r="QAU716" s="613"/>
      <c r="QAV716" s="613"/>
      <c r="QAW716" s="613"/>
      <c r="QAX716" s="613"/>
      <c r="QAY716" s="613"/>
      <c r="QAZ716" s="613"/>
      <c r="QBA716" s="613"/>
      <c r="QBB716" s="613"/>
      <c r="QBC716" s="613"/>
      <c r="QBD716" s="613"/>
      <c r="QBE716" s="613"/>
      <c r="QBF716" s="613"/>
      <c r="QBG716" s="613"/>
      <c r="QBH716" s="613"/>
      <c r="QBI716" s="613"/>
      <c r="QBJ716" s="613"/>
      <c r="QBK716" s="613"/>
      <c r="QBL716" s="613"/>
      <c r="QBM716" s="613"/>
      <c r="QBN716" s="613"/>
      <c r="QBO716" s="613"/>
      <c r="QBP716" s="613"/>
      <c r="QBQ716" s="613"/>
      <c r="QBR716" s="613"/>
      <c r="QBS716" s="613"/>
      <c r="QBT716" s="613"/>
      <c r="QBU716" s="613"/>
      <c r="QBV716" s="613"/>
      <c r="QBW716" s="613"/>
      <c r="QBX716" s="613"/>
      <c r="QBY716" s="613"/>
      <c r="QBZ716" s="613"/>
      <c r="QCA716" s="613"/>
      <c r="QCB716" s="613"/>
      <c r="QCC716" s="613"/>
      <c r="QCD716" s="613"/>
      <c r="QCE716" s="613"/>
      <c r="QCF716" s="613"/>
      <c r="QCG716" s="613"/>
      <c r="QCH716" s="613"/>
      <c r="QCI716" s="613"/>
      <c r="QCJ716" s="613"/>
      <c r="QCK716" s="613"/>
      <c r="QCL716" s="613"/>
      <c r="QCM716" s="613"/>
      <c r="QCN716" s="613"/>
      <c r="QCO716" s="613"/>
      <c r="QCP716" s="613"/>
      <c r="QCQ716" s="613"/>
      <c r="QCR716" s="613"/>
      <c r="QCS716" s="613"/>
      <c r="QCT716" s="613"/>
      <c r="QCU716" s="613"/>
      <c r="QCV716" s="613"/>
      <c r="QCW716" s="613"/>
      <c r="QCX716" s="613"/>
      <c r="QCY716" s="613"/>
      <c r="QCZ716" s="613"/>
      <c r="QDA716" s="613"/>
      <c r="QDB716" s="613"/>
      <c r="QDC716" s="613"/>
      <c r="QDD716" s="613"/>
      <c r="QDE716" s="613"/>
      <c r="QDF716" s="613"/>
      <c r="QDG716" s="613"/>
      <c r="QDH716" s="613"/>
      <c r="QDI716" s="613"/>
      <c r="QDJ716" s="613"/>
      <c r="QDK716" s="613"/>
      <c r="QDL716" s="613"/>
      <c r="QDM716" s="613"/>
      <c r="QDN716" s="613"/>
      <c r="QDO716" s="613"/>
      <c r="QDP716" s="613"/>
      <c r="QDQ716" s="613"/>
      <c r="QDR716" s="613"/>
      <c r="QDS716" s="613"/>
      <c r="QDT716" s="613"/>
      <c r="QDU716" s="613"/>
      <c r="QDV716" s="613"/>
      <c r="QDW716" s="613"/>
      <c r="QDX716" s="613"/>
      <c r="QDY716" s="613"/>
      <c r="QDZ716" s="613"/>
      <c r="QEA716" s="613"/>
      <c r="QEB716" s="613"/>
      <c r="QEC716" s="613"/>
      <c r="QED716" s="613"/>
      <c r="QEE716" s="613"/>
      <c r="QEF716" s="613"/>
      <c r="QEG716" s="613"/>
      <c r="QEH716" s="613"/>
      <c r="QEI716" s="613"/>
      <c r="QEJ716" s="613"/>
      <c r="QEK716" s="613"/>
      <c r="QEL716" s="613"/>
      <c r="QEM716" s="613"/>
      <c r="QEN716" s="613"/>
      <c r="QEO716" s="613"/>
      <c r="QEP716" s="613"/>
      <c r="QEQ716" s="613"/>
      <c r="QER716" s="613"/>
      <c r="QES716" s="613"/>
      <c r="QET716" s="613"/>
      <c r="QEU716" s="613"/>
      <c r="QEV716" s="613"/>
      <c r="QEW716" s="613"/>
      <c r="QEX716" s="613"/>
      <c r="QEY716" s="613"/>
      <c r="QEZ716" s="613"/>
      <c r="QFA716" s="613"/>
      <c r="QFB716" s="613"/>
      <c r="QFC716" s="613"/>
      <c r="QFD716" s="613"/>
      <c r="QFE716" s="613"/>
      <c r="QFF716" s="613"/>
      <c r="QFG716" s="613"/>
      <c r="QFH716" s="613"/>
      <c r="QFI716" s="613"/>
      <c r="QFJ716" s="613"/>
      <c r="QFK716" s="613"/>
      <c r="QFL716" s="613"/>
      <c r="QFM716" s="613"/>
      <c r="QFN716" s="613"/>
      <c r="QFO716" s="613"/>
      <c r="QFP716" s="613"/>
      <c r="QFQ716" s="613"/>
      <c r="QFR716" s="613"/>
      <c r="QFS716" s="613"/>
      <c r="QFT716" s="613"/>
      <c r="QFU716" s="613"/>
      <c r="QFV716" s="613"/>
      <c r="QFW716" s="613"/>
      <c r="QFX716" s="613"/>
      <c r="QFY716" s="613"/>
      <c r="QFZ716" s="613"/>
      <c r="QGA716" s="613"/>
      <c r="QGB716" s="613"/>
      <c r="QGC716" s="613"/>
      <c r="QGD716" s="613"/>
      <c r="QGE716" s="613"/>
      <c r="QGF716" s="613"/>
      <c r="QGG716" s="613"/>
      <c r="QGH716" s="613"/>
      <c r="QGI716" s="613"/>
      <c r="QGJ716" s="613"/>
      <c r="QGK716" s="613"/>
      <c r="QGL716" s="613"/>
      <c r="QGM716" s="613"/>
      <c r="QGN716" s="613"/>
      <c r="QGO716" s="613"/>
      <c r="QGP716" s="613"/>
      <c r="QGQ716" s="613"/>
      <c r="QGR716" s="613"/>
      <c r="QGS716" s="613"/>
      <c r="QGT716" s="613"/>
      <c r="QGU716" s="613"/>
      <c r="QGV716" s="613"/>
      <c r="QGW716" s="613"/>
      <c r="QGX716" s="613"/>
      <c r="QGY716" s="613"/>
      <c r="QGZ716" s="613"/>
      <c r="QHA716" s="613"/>
      <c r="QHB716" s="613"/>
      <c r="QHC716" s="613"/>
      <c r="QHD716" s="613"/>
      <c r="QHE716" s="613"/>
      <c r="QHF716" s="613"/>
      <c r="QHG716" s="613"/>
      <c r="QHH716" s="613"/>
      <c r="QHI716" s="613"/>
      <c r="QHJ716" s="613"/>
      <c r="QHK716" s="613"/>
      <c r="QHL716" s="613"/>
      <c r="QHM716" s="613"/>
      <c r="QHN716" s="613"/>
      <c r="QHO716" s="613"/>
      <c r="QHP716" s="613"/>
      <c r="QHQ716" s="613"/>
      <c r="QHR716" s="613"/>
      <c r="QHS716" s="613"/>
      <c r="QHT716" s="613"/>
      <c r="QHU716" s="613"/>
      <c r="QHV716" s="613"/>
      <c r="QHW716" s="613"/>
      <c r="QHX716" s="613"/>
      <c r="QHY716" s="613"/>
      <c r="QHZ716" s="613"/>
      <c r="QIA716" s="613"/>
      <c r="QIB716" s="613"/>
      <c r="QIC716" s="613"/>
      <c r="QID716" s="613"/>
      <c r="QIE716" s="613"/>
      <c r="QIF716" s="613"/>
      <c r="QIG716" s="613"/>
      <c r="QIH716" s="613"/>
      <c r="QII716" s="613"/>
      <c r="QIJ716" s="613"/>
      <c r="QIK716" s="613"/>
      <c r="QIL716" s="613"/>
      <c r="QIM716" s="613"/>
      <c r="QIN716" s="613"/>
      <c r="QIO716" s="613"/>
      <c r="QIP716" s="613"/>
      <c r="QIQ716" s="613"/>
      <c r="QIR716" s="613"/>
      <c r="QIS716" s="613"/>
      <c r="QIT716" s="613"/>
      <c r="QIU716" s="613"/>
      <c r="QIV716" s="613"/>
      <c r="QIW716" s="613"/>
      <c r="QIX716" s="613"/>
      <c r="QIY716" s="613"/>
      <c r="QIZ716" s="613"/>
      <c r="QJA716" s="613"/>
      <c r="QJB716" s="613"/>
      <c r="QJC716" s="613"/>
      <c r="QJD716" s="613"/>
      <c r="QJE716" s="613"/>
      <c r="QJF716" s="613"/>
      <c r="QJG716" s="613"/>
      <c r="QJH716" s="613"/>
      <c r="QJI716" s="613"/>
      <c r="QJJ716" s="613"/>
      <c r="QJK716" s="613"/>
      <c r="QJL716" s="613"/>
      <c r="QJM716" s="613"/>
      <c r="QJN716" s="613"/>
      <c r="QJO716" s="613"/>
      <c r="QJP716" s="613"/>
      <c r="QJQ716" s="613"/>
      <c r="QJR716" s="613"/>
      <c r="QJS716" s="613"/>
      <c r="QJT716" s="613"/>
      <c r="QJU716" s="613"/>
      <c r="QJV716" s="613"/>
      <c r="QJW716" s="613"/>
      <c r="QJX716" s="613"/>
      <c r="QJY716" s="613"/>
      <c r="QJZ716" s="613"/>
      <c r="QKA716" s="613"/>
      <c r="QKB716" s="613"/>
      <c r="QKC716" s="613"/>
      <c r="QKD716" s="613"/>
      <c r="QKE716" s="613"/>
      <c r="QKF716" s="613"/>
      <c r="QKG716" s="613"/>
      <c r="QKH716" s="613"/>
      <c r="QKI716" s="613"/>
      <c r="QKJ716" s="613"/>
      <c r="QKK716" s="613"/>
      <c r="QKL716" s="613"/>
      <c r="QKM716" s="613"/>
      <c r="QKN716" s="613"/>
      <c r="QKO716" s="613"/>
      <c r="QKP716" s="613"/>
      <c r="QKQ716" s="613"/>
      <c r="QKR716" s="613"/>
      <c r="QKS716" s="613"/>
      <c r="QKT716" s="613"/>
      <c r="QKU716" s="613"/>
      <c r="QKV716" s="613"/>
      <c r="QKW716" s="613"/>
      <c r="QKX716" s="613"/>
      <c r="QKY716" s="613"/>
      <c r="QKZ716" s="613"/>
      <c r="QLA716" s="613"/>
      <c r="QLB716" s="613"/>
      <c r="QLC716" s="613"/>
      <c r="QLD716" s="613"/>
      <c r="QLE716" s="613"/>
      <c r="QLF716" s="613"/>
      <c r="QLG716" s="613"/>
      <c r="QLH716" s="613"/>
      <c r="QLI716" s="613"/>
      <c r="QLJ716" s="613"/>
      <c r="QLK716" s="613"/>
      <c r="QLL716" s="613"/>
      <c r="QLM716" s="613"/>
      <c r="QLN716" s="613"/>
      <c r="QLO716" s="613"/>
      <c r="QLP716" s="613"/>
      <c r="QLQ716" s="613"/>
      <c r="QLR716" s="613"/>
      <c r="QLS716" s="613"/>
      <c r="QLT716" s="613"/>
      <c r="QLU716" s="613"/>
      <c r="QLV716" s="613"/>
      <c r="QLW716" s="613"/>
      <c r="QLX716" s="613"/>
      <c r="QLY716" s="613"/>
      <c r="QLZ716" s="613"/>
      <c r="QMA716" s="613"/>
      <c r="QMB716" s="613"/>
      <c r="QMC716" s="613"/>
      <c r="QMD716" s="613"/>
      <c r="QME716" s="613"/>
      <c r="QMF716" s="613"/>
      <c r="QMG716" s="613"/>
      <c r="QMH716" s="613"/>
      <c r="QMI716" s="613"/>
      <c r="QMJ716" s="613"/>
      <c r="QMK716" s="613"/>
      <c r="QML716" s="613"/>
      <c r="QMM716" s="613"/>
      <c r="QMN716" s="613"/>
      <c r="QMO716" s="613"/>
      <c r="QMP716" s="613"/>
      <c r="QMQ716" s="613"/>
      <c r="QMR716" s="613"/>
      <c r="QMS716" s="613"/>
      <c r="QMT716" s="613"/>
      <c r="QMU716" s="613"/>
      <c r="QMV716" s="613"/>
      <c r="QMW716" s="613"/>
      <c r="QMX716" s="613"/>
      <c r="QMY716" s="613"/>
      <c r="QMZ716" s="613"/>
      <c r="QNA716" s="613"/>
      <c r="QNB716" s="613"/>
      <c r="QNC716" s="613"/>
      <c r="QND716" s="613"/>
      <c r="QNE716" s="613"/>
      <c r="QNF716" s="613"/>
      <c r="QNG716" s="613"/>
      <c r="QNH716" s="613"/>
      <c r="QNI716" s="613"/>
      <c r="QNJ716" s="613"/>
      <c r="QNK716" s="613"/>
      <c r="QNL716" s="613"/>
      <c r="QNM716" s="613"/>
      <c r="QNN716" s="613"/>
      <c r="QNO716" s="613"/>
      <c r="QNP716" s="613"/>
      <c r="QNQ716" s="613"/>
      <c r="QNR716" s="613"/>
      <c r="QNS716" s="613"/>
      <c r="QNT716" s="613"/>
      <c r="QNU716" s="613"/>
      <c r="QNV716" s="613"/>
      <c r="QNW716" s="613"/>
      <c r="QNX716" s="613"/>
      <c r="QNY716" s="613"/>
      <c r="QNZ716" s="613"/>
      <c r="QOA716" s="613"/>
      <c r="QOB716" s="613"/>
      <c r="QOC716" s="613"/>
      <c r="QOD716" s="613"/>
      <c r="QOE716" s="613"/>
      <c r="QOF716" s="613"/>
      <c r="QOG716" s="613"/>
      <c r="QOH716" s="613"/>
      <c r="QOI716" s="613"/>
      <c r="QOJ716" s="613"/>
      <c r="QOK716" s="613"/>
      <c r="QOL716" s="613"/>
      <c r="QOM716" s="613"/>
      <c r="QON716" s="613"/>
      <c r="QOO716" s="613"/>
      <c r="QOP716" s="613"/>
      <c r="QOQ716" s="613"/>
      <c r="QOR716" s="613"/>
      <c r="QOS716" s="613"/>
      <c r="QOT716" s="613"/>
      <c r="QOU716" s="613"/>
      <c r="QOV716" s="613"/>
      <c r="QOW716" s="613"/>
      <c r="QOX716" s="613"/>
      <c r="QOY716" s="613"/>
      <c r="QOZ716" s="613"/>
      <c r="QPA716" s="613"/>
      <c r="QPB716" s="613"/>
      <c r="QPC716" s="613"/>
      <c r="QPD716" s="613"/>
      <c r="QPE716" s="613"/>
      <c r="QPF716" s="613"/>
      <c r="QPG716" s="613"/>
      <c r="QPH716" s="613"/>
      <c r="QPI716" s="613"/>
      <c r="QPJ716" s="613"/>
      <c r="QPK716" s="613"/>
      <c r="QPL716" s="613"/>
      <c r="QPM716" s="613"/>
      <c r="QPN716" s="613"/>
      <c r="QPO716" s="613"/>
      <c r="QPP716" s="613"/>
      <c r="QPQ716" s="613"/>
      <c r="QPR716" s="613"/>
      <c r="QPS716" s="613"/>
      <c r="QPT716" s="613"/>
      <c r="QPU716" s="613"/>
      <c r="QPV716" s="613"/>
      <c r="QPW716" s="613"/>
      <c r="QPX716" s="613"/>
      <c r="QPY716" s="613"/>
      <c r="QPZ716" s="613"/>
      <c r="QQA716" s="613"/>
      <c r="QQB716" s="613"/>
      <c r="QQC716" s="613"/>
      <c r="QQD716" s="613"/>
      <c r="QQE716" s="613"/>
      <c r="QQF716" s="613"/>
      <c r="QQG716" s="613"/>
      <c r="QQH716" s="613"/>
      <c r="QQI716" s="613"/>
      <c r="QQJ716" s="613"/>
      <c r="QQK716" s="613"/>
      <c r="QQL716" s="613"/>
      <c r="QQM716" s="613"/>
      <c r="QQN716" s="613"/>
      <c r="QQO716" s="613"/>
      <c r="QQP716" s="613"/>
      <c r="QQQ716" s="613"/>
      <c r="QQR716" s="613"/>
      <c r="QQS716" s="613"/>
      <c r="QQT716" s="613"/>
      <c r="QQU716" s="613"/>
      <c r="QQV716" s="613"/>
      <c r="QQW716" s="613"/>
      <c r="QQX716" s="613"/>
      <c r="QQY716" s="613"/>
      <c r="QQZ716" s="613"/>
      <c r="QRA716" s="613"/>
      <c r="QRB716" s="613"/>
      <c r="QRC716" s="613"/>
      <c r="QRD716" s="613"/>
      <c r="QRE716" s="613"/>
      <c r="QRF716" s="613"/>
      <c r="QRG716" s="613"/>
      <c r="QRH716" s="613"/>
      <c r="QRI716" s="613"/>
      <c r="QRJ716" s="613"/>
      <c r="QRK716" s="613"/>
      <c r="QRL716" s="613"/>
      <c r="QRM716" s="613"/>
      <c r="QRN716" s="613"/>
      <c r="QRO716" s="613"/>
      <c r="QRP716" s="613"/>
      <c r="QRQ716" s="613"/>
      <c r="QRR716" s="613"/>
      <c r="QRS716" s="613"/>
      <c r="QRT716" s="613"/>
      <c r="QRU716" s="613"/>
      <c r="QRV716" s="613"/>
      <c r="QRW716" s="613"/>
      <c r="QRX716" s="613"/>
      <c r="QRY716" s="613"/>
      <c r="QRZ716" s="613"/>
      <c r="QSA716" s="613"/>
      <c r="QSB716" s="613"/>
      <c r="QSC716" s="613"/>
      <c r="QSD716" s="613"/>
      <c r="QSE716" s="613"/>
      <c r="QSF716" s="613"/>
      <c r="QSG716" s="613"/>
      <c r="QSH716" s="613"/>
      <c r="QSI716" s="613"/>
      <c r="QSJ716" s="613"/>
      <c r="QSK716" s="613"/>
      <c r="QSL716" s="613"/>
      <c r="QSM716" s="613"/>
      <c r="QSN716" s="613"/>
      <c r="QSO716" s="613"/>
      <c r="QSP716" s="613"/>
      <c r="QSQ716" s="613"/>
      <c r="QSR716" s="613"/>
      <c r="QSS716" s="613"/>
      <c r="QST716" s="613"/>
      <c r="QSU716" s="613"/>
      <c r="QSV716" s="613"/>
      <c r="QSW716" s="613"/>
      <c r="QSX716" s="613"/>
      <c r="QSY716" s="613"/>
      <c r="QSZ716" s="613"/>
      <c r="QTA716" s="613"/>
      <c r="QTB716" s="613"/>
      <c r="QTC716" s="613"/>
      <c r="QTD716" s="613"/>
      <c r="QTE716" s="613"/>
      <c r="QTF716" s="613"/>
      <c r="QTG716" s="613"/>
      <c r="QTH716" s="613"/>
      <c r="QTI716" s="613"/>
      <c r="QTJ716" s="613"/>
      <c r="QTK716" s="613"/>
      <c r="QTL716" s="613"/>
      <c r="QTM716" s="613"/>
      <c r="QTN716" s="613"/>
      <c r="QTO716" s="613"/>
      <c r="QTP716" s="613"/>
      <c r="QTQ716" s="613"/>
      <c r="QTR716" s="613"/>
      <c r="QTS716" s="613"/>
      <c r="QTT716" s="613"/>
      <c r="QTU716" s="613"/>
      <c r="QTV716" s="613"/>
      <c r="QTW716" s="613"/>
      <c r="QTX716" s="613"/>
      <c r="QTY716" s="613"/>
      <c r="QTZ716" s="613"/>
      <c r="QUA716" s="613"/>
      <c r="QUB716" s="613"/>
      <c r="QUC716" s="613"/>
      <c r="QUD716" s="613"/>
      <c r="QUE716" s="613"/>
      <c r="QUF716" s="613"/>
      <c r="QUG716" s="613"/>
      <c r="QUH716" s="613"/>
      <c r="QUI716" s="613"/>
      <c r="QUJ716" s="613"/>
      <c r="QUK716" s="613"/>
      <c r="QUL716" s="613"/>
      <c r="QUM716" s="613"/>
      <c r="QUN716" s="613"/>
      <c r="QUO716" s="613"/>
      <c r="QUP716" s="613"/>
      <c r="QUQ716" s="613"/>
      <c r="QUR716" s="613"/>
      <c r="QUS716" s="613"/>
      <c r="QUT716" s="613"/>
      <c r="QUU716" s="613"/>
      <c r="QUV716" s="613"/>
      <c r="QUW716" s="613"/>
      <c r="QUX716" s="613"/>
      <c r="QUY716" s="613"/>
      <c r="QUZ716" s="613"/>
      <c r="QVA716" s="613"/>
      <c r="QVB716" s="613"/>
      <c r="QVC716" s="613"/>
      <c r="QVD716" s="613"/>
      <c r="QVE716" s="613"/>
      <c r="QVF716" s="613"/>
      <c r="QVG716" s="613"/>
      <c r="QVH716" s="613"/>
      <c r="QVI716" s="613"/>
      <c r="QVJ716" s="613"/>
      <c r="QVK716" s="613"/>
      <c r="QVL716" s="613"/>
      <c r="QVM716" s="613"/>
      <c r="QVN716" s="613"/>
      <c r="QVO716" s="613"/>
      <c r="QVP716" s="613"/>
      <c r="QVQ716" s="613"/>
      <c r="QVR716" s="613"/>
      <c r="QVS716" s="613"/>
      <c r="QVT716" s="613"/>
      <c r="QVU716" s="613"/>
      <c r="QVV716" s="613"/>
      <c r="QVW716" s="613"/>
      <c r="QVX716" s="613"/>
      <c r="QVY716" s="613"/>
      <c r="QVZ716" s="613"/>
      <c r="QWA716" s="613"/>
      <c r="QWB716" s="613"/>
      <c r="QWC716" s="613"/>
      <c r="QWD716" s="613"/>
      <c r="QWE716" s="613"/>
      <c r="QWF716" s="613"/>
      <c r="QWG716" s="613"/>
      <c r="QWH716" s="613"/>
      <c r="QWI716" s="613"/>
      <c r="QWJ716" s="613"/>
      <c r="QWK716" s="613"/>
      <c r="QWL716" s="613"/>
      <c r="QWM716" s="613"/>
      <c r="QWN716" s="613"/>
      <c r="QWO716" s="613"/>
      <c r="QWP716" s="613"/>
      <c r="QWQ716" s="613"/>
      <c r="QWR716" s="613"/>
      <c r="QWS716" s="613"/>
      <c r="QWT716" s="613"/>
      <c r="QWU716" s="613"/>
      <c r="QWV716" s="613"/>
      <c r="QWW716" s="613"/>
      <c r="QWX716" s="613"/>
      <c r="QWY716" s="613"/>
      <c r="QWZ716" s="613"/>
      <c r="QXA716" s="613"/>
      <c r="QXB716" s="613"/>
      <c r="QXC716" s="613"/>
      <c r="QXD716" s="613"/>
      <c r="QXE716" s="613"/>
      <c r="QXF716" s="613"/>
      <c r="QXG716" s="613"/>
      <c r="QXH716" s="613"/>
      <c r="QXI716" s="613"/>
      <c r="QXJ716" s="613"/>
      <c r="QXK716" s="613"/>
      <c r="QXL716" s="613"/>
      <c r="QXM716" s="613"/>
      <c r="QXN716" s="613"/>
      <c r="QXO716" s="613"/>
      <c r="QXP716" s="613"/>
      <c r="QXQ716" s="613"/>
      <c r="QXR716" s="613"/>
      <c r="QXS716" s="613"/>
      <c r="QXT716" s="613"/>
      <c r="QXU716" s="613"/>
      <c r="QXV716" s="613"/>
      <c r="QXW716" s="613"/>
      <c r="QXX716" s="613"/>
      <c r="QXY716" s="613"/>
      <c r="QXZ716" s="613"/>
      <c r="QYA716" s="613"/>
      <c r="QYB716" s="613"/>
      <c r="QYC716" s="613"/>
      <c r="QYD716" s="613"/>
      <c r="QYE716" s="613"/>
      <c r="QYF716" s="613"/>
      <c r="QYG716" s="613"/>
      <c r="QYH716" s="613"/>
      <c r="QYI716" s="613"/>
      <c r="QYJ716" s="613"/>
      <c r="QYK716" s="613"/>
      <c r="QYL716" s="613"/>
      <c r="QYM716" s="613"/>
      <c r="QYN716" s="613"/>
      <c r="QYO716" s="613"/>
      <c r="QYP716" s="613"/>
      <c r="QYQ716" s="613"/>
      <c r="QYR716" s="613"/>
      <c r="QYS716" s="613"/>
      <c r="QYT716" s="613"/>
      <c r="QYU716" s="613"/>
      <c r="QYV716" s="613"/>
      <c r="QYW716" s="613"/>
      <c r="QYX716" s="613"/>
      <c r="QYY716" s="613"/>
      <c r="QYZ716" s="613"/>
      <c r="QZA716" s="613"/>
      <c r="QZB716" s="613"/>
      <c r="QZC716" s="613"/>
      <c r="QZD716" s="613"/>
      <c r="QZE716" s="613"/>
      <c r="QZF716" s="613"/>
      <c r="QZG716" s="613"/>
      <c r="QZH716" s="613"/>
      <c r="QZI716" s="613"/>
      <c r="QZJ716" s="613"/>
      <c r="QZK716" s="613"/>
      <c r="QZL716" s="613"/>
      <c r="QZM716" s="613"/>
      <c r="QZN716" s="613"/>
      <c r="QZO716" s="613"/>
      <c r="QZP716" s="613"/>
      <c r="QZQ716" s="613"/>
      <c r="QZR716" s="613"/>
      <c r="QZS716" s="613"/>
      <c r="QZT716" s="613"/>
      <c r="QZU716" s="613"/>
      <c r="QZV716" s="613"/>
      <c r="QZW716" s="613"/>
      <c r="QZX716" s="613"/>
      <c r="QZY716" s="613"/>
      <c r="QZZ716" s="613"/>
      <c r="RAA716" s="613"/>
      <c r="RAB716" s="613"/>
      <c r="RAC716" s="613"/>
      <c r="RAD716" s="613"/>
      <c r="RAE716" s="613"/>
      <c r="RAF716" s="613"/>
      <c r="RAG716" s="613"/>
      <c r="RAH716" s="613"/>
      <c r="RAI716" s="613"/>
      <c r="RAJ716" s="613"/>
      <c r="RAK716" s="613"/>
      <c r="RAL716" s="613"/>
      <c r="RAM716" s="613"/>
      <c r="RAN716" s="613"/>
      <c r="RAO716" s="613"/>
      <c r="RAP716" s="613"/>
      <c r="RAQ716" s="613"/>
      <c r="RAR716" s="613"/>
      <c r="RAS716" s="613"/>
      <c r="RAT716" s="613"/>
      <c r="RAU716" s="613"/>
      <c r="RAV716" s="613"/>
      <c r="RAW716" s="613"/>
      <c r="RAX716" s="613"/>
      <c r="RAY716" s="613"/>
      <c r="RAZ716" s="613"/>
      <c r="RBA716" s="613"/>
      <c r="RBB716" s="613"/>
      <c r="RBC716" s="613"/>
      <c r="RBD716" s="613"/>
      <c r="RBE716" s="613"/>
      <c r="RBF716" s="613"/>
      <c r="RBG716" s="613"/>
      <c r="RBH716" s="613"/>
      <c r="RBI716" s="613"/>
      <c r="RBJ716" s="613"/>
      <c r="RBK716" s="613"/>
      <c r="RBL716" s="613"/>
      <c r="RBM716" s="613"/>
      <c r="RBN716" s="613"/>
      <c r="RBO716" s="613"/>
      <c r="RBP716" s="613"/>
      <c r="RBQ716" s="613"/>
      <c r="RBR716" s="613"/>
      <c r="RBS716" s="613"/>
      <c r="RBT716" s="613"/>
      <c r="RBU716" s="613"/>
      <c r="RBV716" s="613"/>
      <c r="RBW716" s="613"/>
      <c r="RBX716" s="613"/>
      <c r="RBY716" s="613"/>
      <c r="RBZ716" s="613"/>
      <c r="RCA716" s="613"/>
      <c r="RCB716" s="613"/>
      <c r="RCC716" s="613"/>
      <c r="RCD716" s="613"/>
      <c r="RCE716" s="613"/>
      <c r="RCF716" s="613"/>
      <c r="RCG716" s="613"/>
      <c r="RCH716" s="613"/>
      <c r="RCI716" s="613"/>
      <c r="RCJ716" s="613"/>
      <c r="RCK716" s="613"/>
      <c r="RCL716" s="613"/>
      <c r="RCM716" s="613"/>
      <c r="RCN716" s="613"/>
      <c r="RCO716" s="613"/>
      <c r="RCP716" s="613"/>
      <c r="RCQ716" s="613"/>
      <c r="RCR716" s="613"/>
      <c r="RCS716" s="613"/>
      <c r="RCT716" s="613"/>
      <c r="RCU716" s="613"/>
      <c r="RCV716" s="613"/>
      <c r="RCW716" s="613"/>
      <c r="RCX716" s="613"/>
      <c r="RCY716" s="613"/>
      <c r="RCZ716" s="613"/>
      <c r="RDA716" s="613"/>
      <c r="RDB716" s="613"/>
      <c r="RDC716" s="613"/>
      <c r="RDD716" s="613"/>
      <c r="RDE716" s="613"/>
      <c r="RDF716" s="613"/>
      <c r="RDG716" s="613"/>
      <c r="RDH716" s="613"/>
      <c r="RDI716" s="613"/>
      <c r="RDJ716" s="613"/>
      <c r="RDK716" s="613"/>
      <c r="RDL716" s="613"/>
      <c r="RDM716" s="613"/>
      <c r="RDN716" s="613"/>
      <c r="RDO716" s="613"/>
      <c r="RDP716" s="613"/>
      <c r="RDQ716" s="613"/>
      <c r="RDR716" s="613"/>
      <c r="RDS716" s="613"/>
      <c r="RDT716" s="613"/>
      <c r="RDU716" s="613"/>
      <c r="RDV716" s="613"/>
      <c r="RDW716" s="613"/>
      <c r="RDX716" s="613"/>
      <c r="RDY716" s="613"/>
      <c r="RDZ716" s="613"/>
      <c r="REA716" s="613"/>
      <c r="REB716" s="613"/>
      <c r="REC716" s="613"/>
      <c r="RED716" s="613"/>
      <c r="REE716" s="613"/>
      <c r="REF716" s="613"/>
      <c r="REG716" s="613"/>
      <c r="REH716" s="613"/>
      <c r="REI716" s="613"/>
      <c r="REJ716" s="613"/>
      <c r="REK716" s="613"/>
      <c r="REL716" s="613"/>
      <c r="REM716" s="613"/>
      <c r="REN716" s="613"/>
      <c r="REO716" s="613"/>
      <c r="REP716" s="613"/>
      <c r="REQ716" s="613"/>
      <c r="RER716" s="613"/>
      <c r="RES716" s="613"/>
      <c r="RET716" s="613"/>
      <c r="REU716" s="613"/>
      <c r="REV716" s="613"/>
      <c r="REW716" s="613"/>
      <c r="REX716" s="613"/>
      <c r="REY716" s="613"/>
      <c r="REZ716" s="613"/>
      <c r="RFA716" s="613"/>
      <c r="RFB716" s="613"/>
      <c r="RFC716" s="613"/>
      <c r="RFD716" s="613"/>
      <c r="RFE716" s="613"/>
      <c r="RFF716" s="613"/>
      <c r="RFG716" s="613"/>
      <c r="RFH716" s="613"/>
      <c r="RFI716" s="613"/>
      <c r="RFJ716" s="613"/>
      <c r="RFK716" s="613"/>
      <c r="RFL716" s="613"/>
      <c r="RFM716" s="613"/>
      <c r="RFN716" s="613"/>
      <c r="RFO716" s="613"/>
      <c r="RFP716" s="613"/>
      <c r="RFQ716" s="613"/>
      <c r="RFR716" s="613"/>
      <c r="RFS716" s="613"/>
      <c r="RFT716" s="613"/>
      <c r="RFU716" s="613"/>
      <c r="RFV716" s="613"/>
      <c r="RFW716" s="613"/>
      <c r="RFX716" s="613"/>
      <c r="RFY716" s="613"/>
      <c r="RFZ716" s="613"/>
      <c r="RGA716" s="613"/>
      <c r="RGB716" s="613"/>
      <c r="RGC716" s="613"/>
      <c r="RGD716" s="613"/>
      <c r="RGE716" s="613"/>
      <c r="RGF716" s="613"/>
      <c r="RGG716" s="613"/>
      <c r="RGH716" s="613"/>
      <c r="RGI716" s="613"/>
      <c r="RGJ716" s="613"/>
      <c r="RGK716" s="613"/>
      <c r="RGL716" s="613"/>
      <c r="RGM716" s="613"/>
      <c r="RGN716" s="613"/>
      <c r="RGO716" s="613"/>
      <c r="RGP716" s="613"/>
      <c r="RGQ716" s="613"/>
      <c r="RGR716" s="613"/>
      <c r="RGS716" s="613"/>
      <c r="RGT716" s="613"/>
      <c r="RGU716" s="613"/>
      <c r="RGV716" s="613"/>
      <c r="RGW716" s="613"/>
      <c r="RGX716" s="613"/>
      <c r="RGY716" s="613"/>
      <c r="RGZ716" s="613"/>
      <c r="RHA716" s="613"/>
      <c r="RHB716" s="613"/>
      <c r="RHC716" s="613"/>
      <c r="RHD716" s="613"/>
      <c r="RHE716" s="613"/>
      <c r="RHF716" s="613"/>
      <c r="RHG716" s="613"/>
      <c r="RHH716" s="613"/>
      <c r="RHI716" s="613"/>
      <c r="RHJ716" s="613"/>
      <c r="RHK716" s="613"/>
      <c r="RHL716" s="613"/>
      <c r="RHM716" s="613"/>
      <c r="RHN716" s="613"/>
      <c r="RHO716" s="613"/>
      <c r="RHP716" s="613"/>
      <c r="RHQ716" s="613"/>
      <c r="RHR716" s="613"/>
      <c r="RHS716" s="613"/>
      <c r="RHT716" s="613"/>
      <c r="RHU716" s="613"/>
      <c r="RHV716" s="613"/>
      <c r="RHW716" s="613"/>
      <c r="RHX716" s="613"/>
      <c r="RHY716" s="613"/>
      <c r="RHZ716" s="613"/>
      <c r="RIA716" s="613"/>
      <c r="RIB716" s="613"/>
      <c r="RIC716" s="613"/>
      <c r="RID716" s="613"/>
      <c r="RIE716" s="613"/>
      <c r="RIF716" s="613"/>
      <c r="RIG716" s="613"/>
      <c r="RIH716" s="613"/>
      <c r="RII716" s="613"/>
      <c r="RIJ716" s="613"/>
      <c r="RIK716" s="613"/>
      <c r="RIL716" s="613"/>
      <c r="RIM716" s="613"/>
      <c r="RIN716" s="613"/>
      <c r="RIO716" s="613"/>
      <c r="RIP716" s="613"/>
      <c r="RIQ716" s="613"/>
      <c r="RIR716" s="613"/>
      <c r="RIS716" s="613"/>
      <c r="RIT716" s="613"/>
      <c r="RIU716" s="613"/>
      <c r="RIV716" s="613"/>
      <c r="RIW716" s="613"/>
      <c r="RIX716" s="613"/>
      <c r="RIY716" s="613"/>
      <c r="RIZ716" s="613"/>
      <c r="RJA716" s="613"/>
      <c r="RJB716" s="613"/>
      <c r="RJC716" s="613"/>
      <c r="RJD716" s="613"/>
      <c r="RJE716" s="613"/>
      <c r="RJF716" s="613"/>
      <c r="RJG716" s="613"/>
      <c r="RJH716" s="613"/>
      <c r="RJI716" s="613"/>
      <c r="RJJ716" s="613"/>
      <c r="RJK716" s="613"/>
      <c r="RJL716" s="613"/>
      <c r="RJM716" s="613"/>
      <c r="RJN716" s="613"/>
      <c r="RJO716" s="613"/>
      <c r="RJP716" s="613"/>
      <c r="RJQ716" s="613"/>
      <c r="RJR716" s="613"/>
      <c r="RJS716" s="613"/>
      <c r="RJT716" s="613"/>
      <c r="RJU716" s="613"/>
      <c r="RJV716" s="613"/>
      <c r="RJW716" s="613"/>
      <c r="RJX716" s="613"/>
      <c r="RJY716" s="613"/>
      <c r="RJZ716" s="613"/>
      <c r="RKA716" s="613"/>
      <c r="RKB716" s="613"/>
      <c r="RKC716" s="613"/>
      <c r="RKD716" s="613"/>
      <c r="RKE716" s="613"/>
      <c r="RKF716" s="613"/>
      <c r="RKG716" s="613"/>
      <c r="RKH716" s="613"/>
      <c r="RKI716" s="613"/>
      <c r="RKJ716" s="613"/>
      <c r="RKK716" s="613"/>
      <c r="RKL716" s="613"/>
      <c r="RKM716" s="613"/>
      <c r="RKN716" s="613"/>
      <c r="RKO716" s="613"/>
      <c r="RKP716" s="613"/>
      <c r="RKQ716" s="613"/>
      <c r="RKR716" s="613"/>
      <c r="RKS716" s="613"/>
      <c r="RKT716" s="613"/>
      <c r="RKU716" s="613"/>
      <c r="RKV716" s="613"/>
      <c r="RKW716" s="613"/>
      <c r="RKX716" s="613"/>
      <c r="RKY716" s="613"/>
      <c r="RKZ716" s="613"/>
      <c r="RLA716" s="613"/>
      <c r="RLB716" s="613"/>
      <c r="RLC716" s="613"/>
      <c r="RLD716" s="613"/>
      <c r="RLE716" s="613"/>
      <c r="RLF716" s="613"/>
      <c r="RLG716" s="613"/>
      <c r="RLH716" s="613"/>
      <c r="RLI716" s="613"/>
      <c r="RLJ716" s="613"/>
      <c r="RLK716" s="613"/>
      <c r="RLL716" s="613"/>
      <c r="RLM716" s="613"/>
      <c r="RLN716" s="613"/>
      <c r="RLO716" s="613"/>
      <c r="RLP716" s="613"/>
      <c r="RLQ716" s="613"/>
      <c r="RLR716" s="613"/>
      <c r="RLS716" s="613"/>
      <c r="RLT716" s="613"/>
      <c r="RLU716" s="613"/>
      <c r="RLV716" s="613"/>
      <c r="RLW716" s="613"/>
      <c r="RLX716" s="613"/>
      <c r="RLY716" s="613"/>
      <c r="RLZ716" s="613"/>
      <c r="RMA716" s="613"/>
      <c r="RMB716" s="613"/>
      <c r="RMC716" s="613"/>
      <c r="RMD716" s="613"/>
      <c r="RME716" s="613"/>
      <c r="RMF716" s="613"/>
      <c r="RMG716" s="613"/>
      <c r="RMH716" s="613"/>
      <c r="RMI716" s="613"/>
      <c r="RMJ716" s="613"/>
      <c r="RMK716" s="613"/>
      <c r="RML716" s="613"/>
      <c r="RMM716" s="613"/>
      <c r="RMN716" s="613"/>
      <c r="RMO716" s="613"/>
      <c r="RMP716" s="613"/>
      <c r="RMQ716" s="613"/>
      <c r="RMR716" s="613"/>
      <c r="RMS716" s="613"/>
      <c r="RMT716" s="613"/>
      <c r="RMU716" s="613"/>
      <c r="RMV716" s="613"/>
      <c r="RMW716" s="613"/>
      <c r="RMX716" s="613"/>
      <c r="RMY716" s="613"/>
      <c r="RMZ716" s="613"/>
      <c r="RNA716" s="613"/>
      <c r="RNB716" s="613"/>
      <c r="RNC716" s="613"/>
      <c r="RND716" s="613"/>
      <c r="RNE716" s="613"/>
      <c r="RNF716" s="613"/>
      <c r="RNG716" s="613"/>
      <c r="RNH716" s="613"/>
      <c r="RNI716" s="613"/>
      <c r="RNJ716" s="613"/>
      <c r="RNK716" s="613"/>
      <c r="RNL716" s="613"/>
      <c r="RNM716" s="613"/>
      <c r="RNN716" s="613"/>
      <c r="RNO716" s="613"/>
      <c r="RNP716" s="613"/>
      <c r="RNQ716" s="613"/>
      <c r="RNR716" s="613"/>
      <c r="RNS716" s="613"/>
      <c r="RNT716" s="613"/>
      <c r="RNU716" s="613"/>
      <c r="RNV716" s="613"/>
      <c r="RNW716" s="613"/>
      <c r="RNX716" s="613"/>
      <c r="RNY716" s="613"/>
      <c r="RNZ716" s="613"/>
      <c r="ROA716" s="613"/>
      <c r="ROB716" s="613"/>
      <c r="ROC716" s="613"/>
      <c r="ROD716" s="613"/>
      <c r="ROE716" s="613"/>
      <c r="ROF716" s="613"/>
      <c r="ROG716" s="613"/>
      <c r="ROH716" s="613"/>
      <c r="ROI716" s="613"/>
      <c r="ROJ716" s="613"/>
      <c r="ROK716" s="613"/>
      <c r="ROL716" s="613"/>
      <c r="ROM716" s="613"/>
      <c r="RON716" s="613"/>
      <c r="ROO716" s="613"/>
      <c r="ROP716" s="613"/>
      <c r="ROQ716" s="613"/>
      <c r="ROR716" s="613"/>
      <c r="ROS716" s="613"/>
      <c r="ROT716" s="613"/>
      <c r="ROU716" s="613"/>
      <c r="ROV716" s="613"/>
      <c r="ROW716" s="613"/>
      <c r="ROX716" s="613"/>
      <c r="ROY716" s="613"/>
      <c r="ROZ716" s="613"/>
      <c r="RPA716" s="613"/>
      <c r="RPB716" s="613"/>
      <c r="RPC716" s="613"/>
      <c r="RPD716" s="613"/>
      <c r="RPE716" s="613"/>
      <c r="RPF716" s="613"/>
      <c r="RPG716" s="613"/>
      <c r="RPH716" s="613"/>
      <c r="RPI716" s="613"/>
      <c r="RPJ716" s="613"/>
      <c r="RPK716" s="613"/>
      <c r="RPL716" s="613"/>
      <c r="RPM716" s="613"/>
      <c r="RPN716" s="613"/>
      <c r="RPO716" s="613"/>
      <c r="RPP716" s="613"/>
      <c r="RPQ716" s="613"/>
      <c r="RPR716" s="613"/>
      <c r="RPS716" s="613"/>
      <c r="RPT716" s="613"/>
      <c r="RPU716" s="613"/>
      <c r="RPV716" s="613"/>
      <c r="RPW716" s="613"/>
      <c r="RPX716" s="613"/>
      <c r="RPY716" s="613"/>
      <c r="RPZ716" s="613"/>
      <c r="RQA716" s="613"/>
      <c r="RQB716" s="613"/>
      <c r="RQC716" s="613"/>
      <c r="RQD716" s="613"/>
      <c r="RQE716" s="613"/>
      <c r="RQF716" s="613"/>
      <c r="RQG716" s="613"/>
      <c r="RQH716" s="613"/>
      <c r="RQI716" s="613"/>
      <c r="RQJ716" s="613"/>
      <c r="RQK716" s="613"/>
      <c r="RQL716" s="613"/>
      <c r="RQM716" s="613"/>
      <c r="RQN716" s="613"/>
      <c r="RQO716" s="613"/>
      <c r="RQP716" s="613"/>
      <c r="RQQ716" s="613"/>
      <c r="RQR716" s="613"/>
      <c r="RQS716" s="613"/>
      <c r="RQT716" s="613"/>
      <c r="RQU716" s="613"/>
      <c r="RQV716" s="613"/>
      <c r="RQW716" s="613"/>
      <c r="RQX716" s="613"/>
      <c r="RQY716" s="613"/>
      <c r="RQZ716" s="613"/>
      <c r="RRA716" s="613"/>
      <c r="RRB716" s="613"/>
      <c r="RRC716" s="613"/>
      <c r="RRD716" s="613"/>
      <c r="RRE716" s="613"/>
      <c r="RRF716" s="613"/>
      <c r="RRG716" s="613"/>
      <c r="RRH716" s="613"/>
      <c r="RRI716" s="613"/>
      <c r="RRJ716" s="613"/>
      <c r="RRK716" s="613"/>
      <c r="RRL716" s="613"/>
      <c r="RRM716" s="613"/>
      <c r="RRN716" s="613"/>
      <c r="RRO716" s="613"/>
      <c r="RRP716" s="613"/>
      <c r="RRQ716" s="613"/>
      <c r="RRR716" s="613"/>
      <c r="RRS716" s="613"/>
      <c r="RRT716" s="613"/>
      <c r="RRU716" s="613"/>
      <c r="RRV716" s="613"/>
      <c r="RRW716" s="613"/>
      <c r="RRX716" s="613"/>
      <c r="RRY716" s="613"/>
      <c r="RRZ716" s="613"/>
      <c r="RSA716" s="613"/>
      <c r="RSB716" s="613"/>
      <c r="RSC716" s="613"/>
      <c r="RSD716" s="613"/>
      <c r="RSE716" s="613"/>
      <c r="RSF716" s="613"/>
      <c r="RSG716" s="613"/>
      <c r="RSH716" s="613"/>
      <c r="RSI716" s="613"/>
      <c r="RSJ716" s="613"/>
      <c r="RSK716" s="613"/>
      <c r="RSL716" s="613"/>
      <c r="RSM716" s="613"/>
      <c r="RSN716" s="613"/>
      <c r="RSO716" s="613"/>
      <c r="RSP716" s="613"/>
      <c r="RSQ716" s="613"/>
      <c r="RSR716" s="613"/>
      <c r="RSS716" s="613"/>
      <c r="RST716" s="613"/>
      <c r="RSU716" s="613"/>
      <c r="RSV716" s="613"/>
      <c r="RSW716" s="613"/>
      <c r="RSX716" s="613"/>
      <c r="RSY716" s="613"/>
      <c r="RSZ716" s="613"/>
      <c r="RTA716" s="613"/>
      <c r="RTB716" s="613"/>
      <c r="RTC716" s="613"/>
      <c r="RTD716" s="613"/>
      <c r="RTE716" s="613"/>
      <c r="RTF716" s="613"/>
      <c r="RTG716" s="613"/>
      <c r="RTH716" s="613"/>
      <c r="RTI716" s="613"/>
      <c r="RTJ716" s="613"/>
      <c r="RTK716" s="613"/>
      <c r="RTL716" s="613"/>
      <c r="RTM716" s="613"/>
      <c r="RTN716" s="613"/>
      <c r="RTO716" s="613"/>
      <c r="RTP716" s="613"/>
      <c r="RTQ716" s="613"/>
      <c r="RTR716" s="613"/>
      <c r="RTS716" s="613"/>
      <c r="RTT716" s="613"/>
      <c r="RTU716" s="613"/>
      <c r="RTV716" s="613"/>
      <c r="RTW716" s="613"/>
      <c r="RTX716" s="613"/>
      <c r="RTY716" s="613"/>
      <c r="RTZ716" s="613"/>
      <c r="RUA716" s="613"/>
      <c r="RUB716" s="613"/>
      <c r="RUC716" s="613"/>
      <c r="RUD716" s="613"/>
      <c r="RUE716" s="613"/>
      <c r="RUF716" s="613"/>
      <c r="RUG716" s="613"/>
      <c r="RUH716" s="613"/>
      <c r="RUI716" s="613"/>
      <c r="RUJ716" s="613"/>
      <c r="RUK716" s="613"/>
      <c r="RUL716" s="613"/>
      <c r="RUM716" s="613"/>
      <c r="RUN716" s="613"/>
      <c r="RUO716" s="613"/>
      <c r="RUP716" s="613"/>
      <c r="RUQ716" s="613"/>
      <c r="RUR716" s="613"/>
      <c r="RUS716" s="613"/>
      <c r="RUT716" s="613"/>
      <c r="RUU716" s="613"/>
      <c r="RUV716" s="613"/>
      <c r="RUW716" s="613"/>
      <c r="RUX716" s="613"/>
      <c r="RUY716" s="613"/>
      <c r="RUZ716" s="613"/>
      <c r="RVA716" s="613"/>
      <c r="RVB716" s="613"/>
      <c r="RVC716" s="613"/>
      <c r="RVD716" s="613"/>
      <c r="RVE716" s="613"/>
      <c r="RVF716" s="613"/>
      <c r="RVG716" s="613"/>
      <c r="RVH716" s="613"/>
      <c r="RVI716" s="613"/>
      <c r="RVJ716" s="613"/>
      <c r="RVK716" s="613"/>
      <c r="RVL716" s="613"/>
      <c r="RVM716" s="613"/>
      <c r="RVN716" s="613"/>
      <c r="RVO716" s="613"/>
      <c r="RVP716" s="613"/>
      <c r="RVQ716" s="613"/>
      <c r="RVR716" s="613"/>
      <c r="RVS716" s="613"/>
      <c r="RVT716" s="613"/>
      <c r="RVU716" s="613"/>
      <c r="RVV716" s="613"/>
      <c r="RVW716" s="613"/>
      <c r="RVX716" s="613"/>
      <c r="RVY716" s="613"/>
      <c r="RVZ716" s="613"/>
      <c r="RWA716" s="613"/>
      <c r="RWB716" s="613"/>
      <c r="RWC716" s="613"/>
      <c r="RWD716" s="613"/>
      <c r="RWE716" s="613"/>
      <c r="RWF716" s="613"/>
      <c r="RWG716" s="613"/>
      <c r="RWH716" s="613"/>
      <c r="RWI716" s="613"/>
      <c r="RWJ716" s="613"/>
      <c r="RWK716" s="613"/>
      <c r="RWL716" s="613"/>
      <c r="RWM716" s="613"/>
      <c r="RWN716" s="613"/>
      <c r="RWO716" s="613"/>
      <c r="RWP716" s="613"/>
      <c r="RWQ716" s="613"/>
      <c r="RWR716" s="613"/>
      <c r="RWS716" s="613"/>
      <c r="RWT716" s="613"/>
      <c r="RWU716" s="613"/>
      <c r="RWV716" s="613"/>
      <c r="RWW716" s="613"/>
      <c r="RWX716" s="613"/>
      <c r="RWY716" s="613"/>
      <c r="RWZ716" s="613"/>
      <c r="RXA716" s="613"/>
      <c r="RXB716" s="613"/>
      <c r="RXC716" s="613"/>
      <c r="RXD716" s="613"/>
      <c r="RXE716" s="613"/>
      <c r="RXF716" s="613"/>
      <c r="RXG716" s="613"/>
      <c r="RXH716" s="613"/>
      <c r="RXI716" s="613"/>
      <c r="RXJ716" s="613"/>
      <c r="RXK716" s="613"/>
      <c r="RXL716" s="613"/>
      <c r="RXM716" s="613"/>
      <c r="RXN716" s="613"/>
      <c r="RXO716" s="613"/>
      <c r="RXP716" s="613"/>
      <c r="RXQ716" s="613"/>
      <c r="RXR716" s="613"/>
      <c r="RXS716" s="613"/>
      <c r="RXT716" s="613"/>
      <c r="RXU716" s="613"/>
      <c r="RXV716" s="613"/>
      <c r="RXW716" s="613"/>
      <c r="RXX716" s="613"/>
      <c r="RXY716" s="613"/>
      <c r="RXZ716" s="613"/>
      <c r="RYA716" s="613"/>
      <c r="RYB716" s="613"/>
      <c r="RYC716" s="613"/>
      <c r="RYD716" s="613"/>
      <c r="RYE716" s="613"/>
      <c r="RYF716" s="613"/>
      <c r="RYG716" s="613"/>
      <c r="RYH716" s="613"/>
      <c r="RYI716" s="613"/>
      <c r="RYJ716" s="613"/>
      <c r="RYK716" s="613"/>
      <c r="RYL716" s="613"/>
      <c r="RYM716" s="613"/>
      <c r="RYN716" s="613"/>
      <c r="RYO716" s="613"/>
      <c r="RYP716" s="613"/>
      <c r="RYQ716" s="613"/>
      <c r="RYR716" s="613"/>
      <c r="RYS716" s="613"/>
      <c r="RYT716" s="613"/>
      <c r="RYU716" s="613"/>
      <c r="RYV716" s="613"/>
      <c r="RYW716" s="613"/>
      <c r="RYX716" s="613"/>
      <c r="RYY716" s="613"/>
      <c r="RYZ716" s="613"/>
      <c r="RZA716" s="613"/>
      <c r="RZB716" s="613"/>
      <c r="RZC716" s="613"/>
      <c r="RZD716" s="613"/>
      <c r="RZE716" s="613"/>
      <c r="RZF716" s="613"/>
      <c r="RZG716" s="613"/>
      <c r="RZH716" s="613"/>
      <c r="RZI716" s="613"/>
      <c r="RZJ716" s="613"/>
      <c r="RZK716" s="613"/>
      <c r="RZL716" s="613"/>
      <c r="RZM716" s="613"/>
      <c r="RZN716" s="613"/>
      <c r="RZO716" s="613"/>
      <c r="RZP716" s="613"/>
      <c r="RZQ716" s="613"/>
      <c r="RZR716" s="613"/>
      <c r="RZS716" s="613"/>
      <c r="RZT716" s="613"/>
      <c r="RZU716" s="613"/>
      <c r="RZV716" s="613"/>
      <c r="RZW716" s="613"/>
      <c r="RZX716" s="613"/>
      <c r="RZY716" s="613"/>
      <c r="RZZ716" s="613"/>
      <c r="SAA716" s="613"/>
      <c r="SAB716" s="613"/>
      <c r="SAC716" s="613"/>
      <c r="SAD716" s="613"/>
      <c r="SAE716" s="613"/>
      <c r="SAF716" s="613"/>
      <c r="SAG716" s="613"/>
      <c r="SAH716" s="613"/>
      <c r="SAI716" s="613"/>
      <c r="SAJ716" s="613"/>
      <c r="SAK716" s="613"/>
      <c r="SAL716" s="613"/>
      <c r="SAM716" s="613"/>
      <c r="SAN716" s="613"/>
      <c r="SAO716" s="613"/>
      <c r="SAP716" s="613"/>
      <c r="SAQ716" s="613"/>
      <c r="SAR716" s="613"/>
      <c r="SAS716" s="613"/>
      <c r="SAT716" s="613"/>
      <c r="SAU716" s="613"/>
      <c r="SAV716" s="613"/>
      <c r="SAW716" s="613"/>
      <c r="SAX716" s="613"/>
      <c r="SAY716" s="613"/>
      <c r="SAZ716" s="613"/>
      <c r="SBA716" s="613"/>
      <c r="SBB716" s="613"/>
      <c r="SBC716" s="613"/>
      <c r="SBD716" s="613"/>
      <c r="SBE716" s="613"/>
      <c r="SBF716" s="613"/>
      <c r="SBG716" s="613"/>
      <c r="SBH716" s="613"/>
      <c r="SBI716" s="613"/>
      <c r="SBJ716" s="613"/>
      <c r="SBK716" s="613"/>
      <c r="SBL716" s="613"/>
      <c r="SBM716" s="613"/>
      <c r="SBN716" s="613"/>
      <c r="SBO716" s="613"/>
      <c r="SBP716" s="613"/>
      <c r="SBQ716" s="613"/>
      <c r="SBR716" s="613"/>
      <c r="SBS716" s="613"/>
      <c r="SBT716" s="613"/>
      <c r="SBU716" s="613"/>
      <c r="SBV716" s="613"/>
      <c r="SBW716" s="613"/>
      <c r="SBX716" s="613"/>
      <c r="SBY716" s="613"/>
      <c r="SBZ716" s="613"/>
      <c r="SCA716" s="613"/>
      <c r="SCB716" s="613"/>
      <c r="SCC716" s="613"/>
      <c r="SCD716" s="613"/>
      <c r="SCE716" s="613"/>
      <c r="SCF716" s="613"/>
      <c r="SCG716" s="613"/>
      <c r="SCH716" s="613"/>
      <c r="SCI716" s="613"/>
      <c r="SCJ716" s="613"/>
      <c r="SCK716" s="613"/>
      <c r="SCL716" s="613"/>
      <c r="SCM716" s="613"/>
      <c r="SCN716" s="613"/>
      <c r="SCO716" s="613"/>
      <c r="SCP716" s="613"/>
      <c r="SCQ716" s="613"/>
      <c r="SCR716" s="613"/>
      <c r="SCS716" s="613"/>
      <c r="SCT716" s="613"/>
      <c r="SCU716" s="613"/>
      <c r="SCV716" s="613"/>
      <c r="SCW716" s="613"/>
      <c r="SCX716" s="613"/>
      <c r="SCY716" s="613"/>
      <c r="SCZ716" s="613"/>
      <c r="SDA716" s="613"/>
      <c r="SDB716" s="613"/>
      <c r="SDC716" s="613"/>
      <c r="SDD716" s="613"/>
      <c r="SDE716" s="613"/>
      <c r="SDF716" s="613"/>
      <c r="SDG716" s="613"/>
      <c r="SDH716" s="613"/>
      <c r="SDI716" s="613"/>
      <c r="SDJ716" s="613"/>
      <c r="SDK716" s="613"/>
      <c r="SDL716" s="613"/>
      <c r="SDM716" s="613"/>
      <c r="SDN716" s="613"/>
      <c r="SDO716" s="613"/>
      <c r="SDP716" s="613"/>
      <c r="SDQ716" s="613"/>
      <c r="SDR716" s="613"/>
      <c r="SDS716" s="613"/>
      <c r="SDT716" s="613"/>
      <c r="SDU716" s="613"/>
      <c r="SDV716" s="613"/>
      <c r="SDW716" s="613"/>
      <c r="SDX716" s="613"/>
      <c r="SDY716" s="613"/>
      <c r="SDZ716" s="613"/>
      <c r="SEA716" s="613"/>
      <c r="SEB716" s="613"/>
      <c r="SEC716" s="613"/>
      <c r="SED716" s="613"/>
      <c r="SEE716" s="613"/>
      <c r="SEF716" s="613"/>
      <c r="SEG716" s="613"/>
      <c r="SEH716" s="613"/>
      <c r="SEI716" s="613"/>
      <c r="SEJ716" s="613"/>
      <c r="SEK716" s="613"/>
      <c r="SEL716" s="613"/>
      <c r="SEM716" s="613"/>
      <c r="SEN716" s="613"/>
      <c r="SEO716" s="613"/>
      <c r="SEP716" s="613"/>
      <c r="SEQ716" s="613"/>
      <c r="SER716" s="613"/>
      <c r="SES716" s="613"/>
      <c r="SET716" s="613"/>
      <c r="SEU716" s="613"/>
      <c r="SEV716" s="613"/>
      <c r="SEW716" s="613"/>
      <c r="SEX716" s="613"/>
      <c r="SEY716" s="613"/>
      <c r="SEZ716" s="613"/>
      <c r="SFA716" s="613"/>
      <c r="SFB716" s="613"/>
      <c r="SFC716" s="613"/>
      <c r="SFD716" s="613"/>
      <c r="SFE716" s="613"/>
      <c r="SFF716" s="613"/>
      <c r="SFG716" s="613"/>
      <c r="SFH716" s="613"/>
      <c r="SFI716" s="613"/>
      <c r="SFJ716" s="613"/>
      <c r="SFK716" s="613"/>
      <c r="SFL716" s="613"/>
      <c r="SFM716" s="613"/>
      <c r="SFN716" s="613"/>
      <c r="SFO716" s="613"/>
      <c r="SFP716" s="613"/>
      <c r="SFQ716" s="613"/>
      <c r="SFR716" s="613"/>
      <c r="SFS716" s="613"/>
      <c r="SFT716" s="613"/>
      <c r="SFU716" s="613"/>
      <c r="SFV716" s="613"/>
      <c r="SFW716" s="613"/>
      <c r="SFX716" s="613"/>
      <c r="SFY716" s="613"/>
      <c r="SFZ716" s="613"/>
      <c r="SGA716" s="613"/>
      <c r="SGB716" s="613"/>
      <c r="SGC716" s="613"/>
      <c r="SGD716" s="613"/>
      <c r="SGE716" s="613"/>
      <c r="SGF716" s="613"/>
      <c r="SGG716" s="613"/>
      <c r="SGH716" s="613"/>
      <c r="SGI716" s="613"/>
      <c r="SGJ716" s="613"/>
      <c r="SGK716" s="613"/>
      <c r="SGL716" s="613"/>
      <c r="SGM716" s="613"/>
      <c r="SGN716" s="613"/>
      <c r="SGO716" s="613"/>
      <c r="SGP716" s="613"/>
      <c r="SGQ716" s="613"/>
      <c r="SGR716" s="613"/>
      <c r="SGS716" s="613"/>
      <c r="SGT716" s="613"/>
      <c r="SGU716" s="613"/>
      <c r="SGV716" s="613"/>
      <c r="SGW716" s="613"/>
      <c r="SGX716" s="613"/>
      <c r="SGY716" s="613"/>
      <c r="SGZ716" s="613"/>
      <c r="SHA716" s="613"/>
      <c r="SHB716" s="613"/>
      <c r="SHC716" s="613"/>
      <c r="SHD716" s="613"/>
      <c r="SHE716" s="613"/>
      <c r="SHF716" s="613"/>
      <c r="SHG716" s="613"/>
      <c r="SHH716" s="613"/>
      <c r="SHI716" s="613"/>
      <c r="SHJ716" s="613"/>
      <c r="SHK716" s="613"/>
      <c r="SHL716" s="613"/>
      <c r="SHM716" s="613"/>
      <c r="SHN716" s="613"/>
      <c r="SHO716" s="613"/>
      <c r="SHP716" s="613"/>
      <c r="SHQ716" s="613"/>
      <c r="SHR716" s="613"/>
      <c r="SHS716" s="613"/>
      <c r="SHT716" s="613"/>
      <c r="SHU716" s="613"/>
      <c r="SHV716" s="613"/>
      <c r="SHW716" s="613"/>
      <c r="SHX716" s="613"/>
      <c r="SHY716" s="613"/>
      <c r="SHZ716" s="613"/>
      <c r="SIA716" s="613"/>
      <c r="SIB716" s="613"/>
      <c r="SIC716" s="613"/>
      <c r="SID716" s="613"/>
      <c r="SIE716" s="613"/>
      <c r="SIF716" s="613"/>
      <c r="SIG716" s="613"/>
      <c r="SIH716" s="613"/>
      <c r="SII716" s="613"/>
      <c r="SIJ716" s="613"/>
      <c r="SIK716" s="613"/>
      <c r="SIL716" s="613"/>
      <c r="SIM716" s="613"/>
      <c r="SIN716" s="613"/>
      <c r="SIO716" s="613"/>
      <c r="SIP716" s="613"/>
      <c r="SIQ716" s="613"/>
      <c r="SIR716" s="613"/>
      <c r="SIS716" s="613"/>
      <c r="SIT716" s="613"/>
      <c r="SIU716" s="613"/>
      <c r="SIV716" s="613"/>
      <c r="SIW716" s="613"/>
      <c r="SIX716" s="613"/>
      <c r="SIY716" s="613"/>
      <c r="SIZ716" s="613"/>
      <c r="SJA716" s="613"/>
      <c r="SJB716" s="613"/>
      <c r="SJC716" s="613"/>
      <c r="SJD716" s="613"/>
      <c r="SJE716" s="613"/>
      <c r="SJF716" s="613"/>
      <c r="SJG716" s="613"/>
      <c r="SJH716" s="613"/>
      <c r="SJI716" s="613"/>
      <c r="SJJ716" s="613"/>
      <c r="SJK716" s="613"/>
      <c r="SJL716" s="613"/>
      <c r="SJM716" s="613"/>
      <c r="SJN716" s="613"/>
      <c r="SJO716" s="613"/>
      <c r="SJP716" s="613"/>
      <c r="SJQ716" s="613"/>
      <c r="SJR716" s="613"/>
      <c r="SJS716" s="613"/>
      <c r="SJT716" s="613"/>
      <c r="SJU716" s="613"/>
      <c r="SJV716" s="613"/>
      <c r="SJW716" s="613"/>
      <c r="SJX716" s="613"/>
      <c r="SJY716" s="613"/>
      <c r="SJZ716" s="613"/>
      <c r="SKA716" s="613"/>
      <c r="SKB716" s="613"/>
      <c r="SKC716" s="613"/>
      <c r="SKD716" s="613"/>
      <c r="SKE716" s="613"/>
      <c r="SKF716" s="613"/>
      <c r="SKG716" s="613"/>
      <c r="SKH716" s="613"/>
      <c r="SKI716" s="613"/>
      <c r="SKJ716" s="613"/>
      <c r="SKK716" s="613"/>
      <c r="SKL716" s="613"/>
      <c r="SKM716" s="613"/>
      <c r="SKN716" s="613"/>
      <c r="SKO716" s="613"/>
      <c r="SKP716" s="613"/>
      <c r="SKQ716" s="613"/>
      <c r="SKR716" s="613"/>
      <c r="SKS716" s="613"/>
      <c r="SKT716" s="613"/>
      <c r="SKU716" s="613"/>
      <c r="SKV716" s="613"/>
      <c r="SKW716" s="613"/>
      <c r="SKX716" s="613"/>
      <c r="SKY716" s="613"/>
      <c r="SKZ716" s="613"/>
      <c r="SLA716" s="613"/>
      <c r="SLB716" s="613"/>
      <c r="SLC716" s="613"/>
      <c r="SLD716" s="613"/>
      <c r="SLE716" s="613"/>
      <c r="SLF716" s="613"/>
      <c r="SLG716" s="613"/>
      <c r="SLH716" s="613"/>
      <c r="SLI716" s="613"/>
      <c r="SLJ716" s="613"/>
      <c r="SLK716" s="613"/>
      <c r="SLL716" s="613"/>
      <c r="SLM716" s="613"/>
      <c r="SLN716" s="613"/>
      <c r="SLO716" s="613"/>
      <c r="SLP716" s="613"/>
      <c r="SLQ716" s="613"/>
      <c r="SLR716" s="613"/>
      <c r="SLS716" s="613"/>
      <c r="SLT716" s="613"/>
      <c r="SLU716" s="613"/>
      <c r="SLV716" s="613"/>
      <c r="SLW716" s="613"/>
      <c r="SLX716" s="613"/>
      <c r="SLY716" s="613"/>
      <c r="SLZ716" s="613"/>
      <c r="SMA716" s="613"/>
      <c r="SMB716" s="613"/>
      <c r="SMC716" s="613"/>
      <c r="SMD716" s="613"/>
      <c r="SME716" s="613"/>
      <c r="SMF716" s="613"/>
      <c r="SMG716" s="613"/>
      <c r="SMH716" s="613"/>
      <c r="SMI716" s="613"/>
      <c r="SMJ716" s="613"/>
      <c r="SMK716" s="613"/>
      <c r="SML716" s="613"/>
      <c r="SMM716" s="613"/>
      <c r="SMN716" s="613"/>
      <c r="SMO716" s="613"/>
      <c r="SMP716" s="613"/>
      <c r="SMQ716" s="613"/>
      <c r="SMR716" s="613"/>
      <c r="SMS716" s="613"/>
      <c r="SMT716" s="613"/>
      <c r="SMU716" s="613"/>
      <c r="SMV716" s="613"/>
      <c r="SMW716" s="613"/>
      <c r="SMX716" s="613"/>
      <c r="SMY716" s="613"/>
      <c r="SMZ716" s="613"/>
      <c r="SNA716" s="613"/>
      <c r="SNB716" s="613"/>
      <c r="SNC716" s="613"/>
      <c r="SND716" s="613"/>
      <c r="SNE716" s="613"/>
      <c r="SNF716" s="613"/>
      <c r="SNG716" s="613"/>
      <c r="SNH716" s="613"/>
      <c r="SNI716" s="613"/>
      <c r="SNJ716" s="613"/>
      <c r="SNK716" s="613"/>
      <c r="SNL716" s="613"/>
      <c r="SNM716" s="613"/>
      <c r="SNN716" s="613"/>
      <c r="SNO716" s="613"/>
      <c r="SNP716" s="613"/>
      <c r="SNQ716" s="613"/>
      <c r="SNR716" s="613"/>
      <c r="SNS716" s="613"/>
      <c r="SNT716" s="613"/>
      <c r="SNU716" s="613"/>
      <c r="SNV716" s="613"/>
      <c r="SNW716" s="613"/>
      <c r="SNX716" s="613"/>
      <c r="SNY716" s="613"/>
      <c r="SNZ716" s="613"/>
      <c r="SOA716" s="613"/>
      <c r="SOB716" s="613"/>
      <c r="SOC716" s="613"/>
      <c r="SOD716" s="613"/>
      <c r="SOE716" s="613"/>
      <c r="SOF716" s="613"/>
      <c r="SOG716" s="613"/>
      <c r="SOH716" s="613"/>
      <c r="SOI716" s="613"/>
      <c r="SOJ716" s="613"/>
      <c r="SOK716" s="613"/>
      <c r="SOL716" s="613"/>
      <c r="SOM716" s="613"/>
      <c r="SON716" s="613"/>
      <c r="SOO716" s="613"/>
      <c r="SOP716" s="613"/>
      <c r="SOQ716" s="613"/>
      <c r="SOR716" s="613"/>
      <c r="SOS716" s="613"/>
      <c r="SOT716" s="613"/>
      <c r="SOU716" s="613"/>
      <c r="SOV716" s="613"/>
      <c r="SOW716" s="613"/>
      <c r="SOX716" s="613"/>
      <c r="SOY716" s="613"/>
      <c r="SOZ716" s="613"/>
      <c r="SPA716" s="613"/>
      <c r="SPB716" s="613"/>
      <c r="SPC716" s="613"/>
      <c r="SPD716" s="613"/>
      <c r="SPE716" s="613"/>
      <c r="SPF716" s="613"/>
      <c r="SPG716" s="613"/>
      <c r="SPH716" s="613"/>
      <c r="SPI716" s="613"/>
      <c r="SPJ716" s="613"/>
      <c r="SPK716" s="613"/>
      <c r="SPL716" s="613"/>
      <c r="SPM716" s="613"/>
      <c r="SPN716" s="613"/>
      <c r="SPO716" s="613"/>
      <c r="SPP716" s="613"/>
      <c r="SPQ716" s="613"/>
      <c r="SPR716" s="613"/>
      <c r="SPS716" s="613"/>
      <c r="SPT716" s="613"/>
      <c r="SPU716" s="613"/>
      <c r="SPV716" s="613"/>
      <c r="SPW716" s="613"/>
      <c r="SPX716" s="613"/>
      <c r="SPY716" s="613"/>
      <c r="SPZ716" s="613"/>
      <c r="SQA716" s="613"/>
      <c r="SQB716" s="613"/>
      <c r="SQC716" s="613"/>
      <c r="SQD716" s="613"/>
      <c r="SQE716" s="613"/>
      <c r="SQF716" s="613"/>
      <c r="SQG716" s="613"/>
      <c r="SQH716" s="613"/>
      <c r="SQI716" s="613"/>
      <c r="SQJ716" s="613"/>
      <c r="SQK716" s="613"/>
      <c r="SQL716" s="613"/>
      <c r="SQM716" s="613"/>
      <c r="SQN716" s="613"/>
      <c r="SQO716" s="613"/>
      <c r="SQP716" s="613"/>
      <c r="SQQ716" s="613"/>
      <c r="SQR716" s="613"/>
      <c r="SQS716" s="613"/>
      <c r="SQT716" s="613"/>
      <c r="SQU716" s="613"/>
      <c r="SQV716" s="613"/>
      <c r="SQW716" s="613"/>
      <c r="SQX716" s="613"/>
      <c r="SQY716" s="613"/>
      <c r="SQZ716" s="613"/>
      <c r="SRA716" s="613"/>
      <c r="SRB716" s="613"/>
      <c r="SRC716" s="613"/>
      <c r="SRD716" s="613"/>
      <c r="SRE716" s="613"/>
      <c r="SRF716" s="613"/>
      <c r="SRG716" s="613"/>
      <c r="SRH716" s="613"/>
      <c r="SRI716" s="613"/>
      <c r="SRJ716" s="613"/>
      <c r="SRK716" s="613"/>
      <c r="SRL716" s="613"/>
      <c r="SRM716" s="613"/>
      <c r="SRN716" s="613"/>
      <c r="SRO716" s="613"/>
      <c r="SRP716" s="613"/>
      <c r="SRQ716" s="613"/>
      <c r="SRR716" s="613"/>
      <c r="SRS716" s="613"/>
      <c r="SRT716" s="613"/>
      <c r="SRU716" s="613"/>
      <c r="SRV716" s="613"/>
      <c r="SRW716" s="613"/>
      <c r="SRX716" s="613"/>
      <c r="SRY716" s="613"/>
      <c r="SRZ716" s="613"/>
      <c r="SSA716" s="613"/>
      <c r="SSB716" s="613"/>
      <c r="SSC716" s="613"/>
      <c r="SSD716" s="613"/>
      <c r="SSE716" s="613"/>
      <c r="SSF716" s="613"/>
      <c r="SSG716" s="613"/>
      <c r="SSH716" s="613"/>
      <c r="SSI716" s="613"/>
      <c r="SSJ716" s="613"/>
      <c r="SSK716" s="613"/>
      <c r="SSL716" s="613"/>
      <c r="SSM716" s="613"/>
      <c r="SSN716" s="613"/>
      <c r="SSO716" s="613"/>
      <c r="SSP716" s="613"/>
      <c r="SSQ716" s="613"/>
      <c r="SSR716" s="613"/>
      <c r="SSS716" s="613"/>
      <c r="SST716" s="613"/>
      <c r="SSU716" s="613"/>
      <c r="SSV716" s="613"/>
      <c r="SSW716" s="613"/>
      <c r="SSX716" s="613"/>
      <c r="SSY716" s="613"/>
      <c r="SSZ716" s="613"/>
      <c r="STA716" s="613"/>
      <c r="STB716" s="613"/>
      <c r="STC716" s="613"/>
      <c r="STD716" s="613"/>
      <c r="STE716" s="613"/>
      <c r="STF716" s="613"/>
      <c r="STG716" s="613"/>
      <c r="STH716" s="613"/>
      <c r="STI716" s="613"/>
      <c r="STJ716" s="613"/>
      <c r="STK716" s="613"/>
      <c r="STL716" s="613"/>
      <c r="STM716" s="613"/>
      <c r="STN716" s="613"/>
      <c r="STO716" s="613"/>
      <c r="STP716" s="613"/>
      <c r="STQ716" s="613"/>
      <c r="STR716" s="613"/>
      <c r="STS716" s="613"/>
      <c r="STT716" s="613"/>
      <c r="STU716" s="613"/>
      <c r="STV716" s="613"/>
      <c r="STW716" s="613"/>
      <c r="STX716" s="613"/>
      <c r="STY716" s="613"/>
      <c r="STZ716" s="613"/>
      <c r="SUA716" s="613"/>
      <c r="SUB716" s="613"/>
      <c r="SUC716" s="613"/>
      <c r="SUD716" s="613"/>
      <c r="SUE716" s="613"/>
      <c r="SUF716" s="613"/>
      <c r="SUG716" s="613"/>
      <c r="SUH716" s="613"/>
      <c r="SUI716" s="613"/>
      <c r="SUJ716" s="613"/>
      <c r="SUK716" s="613"/>
      <c r="SUL716" s="613"/>
      <c r="SUM716" s="613"/>
      <c r="SUN716" s="613"/>
      <c r="SUO716" s="613"/>
      <c r="SUP716" s="613"/>
      <c r="SUQ716" s="613"/>
      <c r="SUR716" s="613"/>
      <c r="SUS716" s="613"/>
      <c r="SUT716" s="613"/>
      <c r="SUU716" s="613"/>
      <c r="SUV716" s="613"/>
      <c r="SUW716" s="613"/>
      <c r="SUX716" s="613"/>
      <c r="SUY716" s="613"/>
      <c r="SUZ716" s="613"/>
      <c r="SVA716" s="613"/>
      <c r="SVB716" s="613"/>
      <c r="SVC716" s="613"/>
      <c r="SVD716" s="613"/>
      <c r="SVE716" s="613"/>
      <c r="SVF716" s="613"/>
      <c r="SVG716" s="613"/>
      <c r="SVH716" s="613"/>
      <c r="SVI716" s="613"/>
      <c r="SVJ716" s="613"/>
      <c r="SVK716" s="613"/>
      <c r="SVL716" s="613"/>
      <c r="SVM716" s="613"/>
      <c r="SVN716" s="613"/>
      <c r="SVO716" s="613"/>
      <c r="SVP716" s="613"/>
      <c r="SVQ716" s="613"/>
      <c r="SVR716" s="613"/>
      <c r="SVS716" s="613"/>
      <c r="SVT716" s="613"/>
      <c r="SVU716" s="613"/>
      <c r="SVV716" s="613"/>
      <c r="SVW716" s="613"/>
      <c r="SVX716" s="613"/>
      <c r="SVY716" s="613"/>
      <c r="SVZ716" s="613"/>
      <c r="SWA716" s="613"/>
      <c r="SWB716" s="613"/>
      <c r="SWC716" s="613"/>
      <c r="SWD716" s="613"/>
      <c r="SWE716" s="613"/>
      <c r="SWF716" s="613"/>
      <c r="SWG716" s="613"/>
      <c r="SWH716" s="613"/>
      <c r="SWI716" s="613"/>
      <c r="SWJ716" s="613"/>
      <c r="SWK716" s="613"/>
      <c r="SWL716" s="613"/>
      <c r="SWM716" s="613"/>
      <c r="SWN716" s="613"/>
      <c r="SWO716" s="613"/>
      <c r="SWP716" s="613"/>
      <c r="SWQ716" s="613"/>
      <c r="SWR716" s="613"/>
      <c r="SWS716" s="613"/>
      <c r="SWT716" s="613"/>
      <c r="SWU716" s="613"/>
      <c r="SWV716" s="613"/>
      <c r="SWW716" s="613"/>
      <c r="SWX716" s="613"/>
      <c r="SWY716" s="613"/>
      <c r="SWZ716" s="613"/>
      <c r="SXA716" s="613"/>
      <c r="SXB716" s="613"/>
      <c r="SXC716" s="613"/>
      <c r="SXD716" s="613"/>
      <c r="SXE716" s="613"/>
      <c r="SXF716" s="613"/>
      <c r="SXG716" s="613"/>
      <c r="SXH716" s="613"/>
      <c r="SXI716" s="613"/>
      <c r="SXJ716" s="613"/>
      <c r="SXK716" s="613"/>
      <c r="SXL716" s="613"/>
      <c r="SXM716" s="613"/>
      <c r="SXN716" s="613"/>
      <c r="SXO716" s="613"/>
      <c r="SXP716" s="613"/>
      <c r="SXQ716" s="613"/>
      <c r="SXR716" s="613"/>
      <c r="SXS716" s="613"/>
      <c r="SXT716" s="613"/>
      <c r="SXU716" s="613"/>
      <c r="SXV716" s="613"/>
      <c r="SXW716" s="613"/>
      <c r="SXX716" s="613"/>
      <c r="SXY716" s="613"/>
      <c r="SXZ716" s="613"/>
      <c r="SYA716" s="613"/>
      <c r="SYB716" s="613"/>
      <c r="SYC716" s="613"/>
      <c r="SYD716" s="613"/>
      <c r="SYE716" s="613"/>
      <c r="SYF716" s="613"/>
      <c r="SYG716" s="613"/>
      <c r="SYH716" s="613"/>
      <c r="SYI716" s="613"/>
      <c r="SYJ716" s="613"/>
      <c r="SYK716" s="613"/>
      <c r="SYL716" s="613"/>
      <c r="SYM716" s="613"/>
      <c r="SYN716" s="613"/>
      <c r="SYO716" s="613"/>
      <c r="SYP716" s="613"/>
      <c r="SYQ716" s="613"/>
      <c r="SYR716" s="613"/>
      <c r="SYS716" s="613"/>
      <c r="SYT716" s="613"/>
      <c r="SYU716" s="613"/>
      <c r="SYV716" s="613"/>
      <c r="SYW716" s="613"/>
      <c r="SYX716" s="613"/>
      <c r="SYY716" s="613"/>
      <c r="SYZ716" s="613"/>
      <c r="SZA716" s="613"/>
      <c r="SZB716" s="613"/>
      <c r="SZC716" s="613"/>
      <c r="SZD716" s="613"/>
      <c r="SZE716" s="613"/>
      <c r="SZF716" s="613"/>
      <c r="SZG716" s="613"/>
      <c r="SZH716" s="613"/>
      <c r="SZI716" s="613"/>
      <c r="SZJ716" s="613"/>
      <c r="SZK716" s="613"/>
      <c r="SZL716" s="613"/>
      <c r="SZM716" s="613"/>
      <c r="SZN716" s="613"/>
      <c r="SZO716" s="613"/>
      <c r="SZP716" s="613"/>
      <c r="SZQ716" s="613"/>
      <c r="SZR716" s="613"/>
      <c r="SZS716" s="613"/>
      <c r="SZT716" s="613"/>
      <c r="SZU716" s="613"/>
      <c r="SZV716" s="613"/>
      <c r="SZW716" s="613"/>
      <c r="SZX716" s="613"/>
      <c r="SZY716" s="613"/>
      <c r="SZZ716" s="613"/>
      <c r="TAA716" s="613"/>
      <c r="TAB716" s="613"/>
      <c r="TAC716" s="613"/>
      <c r="TAD716" s="613"/>
      <c r="TAE716" s="613"/>
      <c r="TAF716" s="613"/>
      <c r="TAG716" s="613"/>
      <c r="TAH716" s="613"/>
      <c r="TAI716" s="613"/>
      <c r="TAJ716" s="613"/>
      <c r="TAK716" s="613"/>
      <c r="TAL716" s="613"/>
      <c r="TAM716" s="613"/>
      <c r="TAN716" s="613"/>
      <c r="TAO716" s="613"/>
      <c r="TAP716" s="613"/>
      <c r="TAQ716" s="613"/>
      <c r="TAR716" s="613"/>
      <c r="TAS716" s="613"/>
      <c r="TAT716" s="613"/>
      <c r="TAU716" s="613"/>
      <c r="TAV716" s="613"/>
      <c r="TAW716" s="613"/>
      <c r="TAX716" s="613"/>
      <c r="TAY716" s="613"/>
      <c r="TAZ716" s="613"/>
      <c r="TBA716" s="613"/>
      <c r="TBB716" s="613"/>
      <c r="TBC716" s="613"/>
      <c r="TBD716" s="613"/>
      <c r="TBE716" s="613"/>
      <c r="TBF716" s="613"/>
      <c r="TBG716" s="613"/>
      <c r="TBH716" s="613"/>
      <c r="TBI716" s="613"/>
      <c r="TBJ716" s="613"/>
      <c r="TBK716" s="613"/>
      <c r="TBL716" s="613"/>
      <c r="TBM716" s="613"/>
      <c r="TBN716" s="613"/>
      <c r="TBO716" s="613"/>
      <c r="TBP716" s="613"/>
      <c r="TBQ716" s="613"/>
      <c r="TBR716" s="613"/>
      <c r="TBS716" s="613"/>
      <c r="TBT716" s="613"/>
      <c r="TBU716" s="613"/>
      <c r="TBV716" s="613"/>
      <c r="TBW716" s="613"/>
      <c r="TBX716" s="613"/>
      <c r="TBY716" s="613"/>
      <c r="TBZ716" s="613"/>
      <c r="TCA716" s="613"/>
      <c r="TCB716" s="613"/>
      <c r="TCC716" s="613"/>
      <c r="TCD716" s="613"/>
      <c r="TCE716" s="613"/>
      <c r="TCF716" s="613"/>
      <c r="TCG716" s="613"/>
      <c r="TCH716" s="613"/>
      <c r="TCI716" s="613"/>
      <c r="TCJ716" s="613"/>
      <c r="TCK716" s="613"/>
      <c r="TCL716" s="613"/>
      <c r="TCM716" s="613"/>
      <c r="TCN716" s="613"/>
      <c r="TCO716" s="613"/>
      <c r="TCP716" s="613"/>
      <c r="TCQ716" s="613"/>
      <c r="TCR716" s="613"/>
      <c r="TCS716" s="613"/>
      <c r="TCT716" s="613"/>
      <c r="TCU716" s="613"/>
      <c r="TCV716" s="613"/>
      <c r="TCW716" s="613"/>
      <c r="TCX716" s="613"/>
      <c r="TCY716" s="613"/>
      <c r="TCZ716" s="613"/>
      <c r="TDA716" s="613"/>
      <c r="TDB716" s="613"/>
      <c r="TDC716" s="613"/>
      <c r="TDD716" s="613"/>
      <c r="TDE716" s="613"/>
      <c r="TDF716" s="613"/>
      <c r="TDG716" s="613"/>
      <c r="TDH716" s="613"/>
      <c r="TDI716" s="613"/>
      <c r="TDJ716" s="613"/>
      <c r="TDK716" s="613"/>
      <c r="TDL716" s="613"/>
      <c r="TDM716" s="613"/>
      <c r="TDN716" s="613"/>
      <c r="TDO716" s="613"/>
      <c r="TDP716" s="613"/>
      <c r="TDQ716" s="613"/>
      <c r="TDR716" s="613"/>
      <c r="TDS716" s="613"/>
      <c r="TDT716" s="613"/>
      <c r="TDU716" s="613"/>
      <c r="TDV716" s="613"/>
      <c r="TDW716" s="613"/>
      <c r="TDX716" s="613"/>
      <c r="TDY716" s="613"/>
      <c r="TDZ716" s="613"/>
      <c r="TEA716" s="613"/>
      <c r="TEB716" s="613"/>
      <c r="TEC716" s="613"/>
      <c r="TED716" s="613"/>
      <c r="TEE716" s="613"/>
      <c r="TEF716" s="613"/>
      <c r="TEG716" s="613"/>
      <c r="TEH716" s="613"/>
      <c r="TEI716" s="613"/>
      <c r="TEJ716" s="613"/>
      <c r="TEK716" s="613"/>
      <c r="TEL716" s="613"/>
      <c r="TEM716" s="613"/>
      <c r="TEN716" s="613"/>
      <c r="TEO716" s="613"/>
      <c r="TEP716" s="613"/>
      <c r="TEQ716" s="613"/>
      <c r="TER716" s="613"/>
      <c r="TES716" s="613"/>
      <c r="TET716" s="613"/>
      <c r="TEU716" s="613"/>
      <c r="TEV716" s="613"/>
      <c r="TEW716" s="613"/>
      <c r="TEX716" s="613"/>
      <c r="TEY716" s="613"/>
      <c r="TEZ716" s="613"/>
      <c r="TFA716" s="613"/>
      <c r="TFB716" s="613"/>
      <c r="TFC716" s="613"/>
      <c r="TFD716" s="613"/>
      <c r="TFE716" s="613"/>
      <c r="TFF716" s="613"/>
      <c r="TFG716" s="613"/>
      <c r="TFH716" s="613"/>
      <c r="TFI716" s="613"/>
      <c r="TFJ716" s="613"/>
      <c r="TFK716" s="613"/>
      <c r="TFL716" s="613"/>
      <c r="TFM716" s="613"/>
      <c r="TFN716" s="613"/>
      <c r="TFO716" s="613"/>
      <c r="TFP716" s="613"/>
      <c r="TFQ716" s="613"/>
      <c r="TFR716" s="613"/>
      <c r="TFS716" s="613"/>
      <c r="TFT716" s="613"/>
      <c r="TFU716" s="613"/>
      <c r="TFV716" s="613"/>
      <c r="TFW716" s="613"/>
      <c r="TFX716" s="613"/>
      <c r="TFY716" s="613"/>
      <c r="TFZ716" s="613"/>
      <c r="TGA716" s="613"/>
      <c r="TGB716" s="613"/>
      <c r="TGC716" s="613"/>
      <c r="TGD716" s="613"/>
      <c r="TGE716" s="613"/>
      <c r="TGF716" s="613"/>
      <c r="TGG716" s="613"/>
      <c r="TGH716" s="613"/>
      <c r="TGI716" s="613"/>
      <c r="TGJ716" s="613"/>
      <c r="TGK716" s="613"/>
      <c r="TGL716" s="613"/>
      <c r="TGM716" s="613"/>
      <c r="TGN716" s="613"/>
      <c r="TGO716" s="613"/>
      <c r="TGP716" s="613"/>
      <c r="TGQ716" s="613"/>
      <c r="TGR716" s="613"/>
      <c r="TGS716" s="613"/>
      <c r="TGT716" s="613"/>
      <c r="TGU716" s="613"/>
      <c r="TGV716" s="613"/>
      <c r="TGW716" s="613"/>
      <c r="TGX716" s="613"/>
      <c r="TGY716" s="613"/>
      <c r="TGZ716" s="613"/>
      <c r="THA716" s="613"/>
      <c r="THB716" s="613"/>
      <c r="THC716" s="613"/>
      <c r="THD716" s="613"/>
      <c r="THE716" s="613"/>
      <c r="THF716" s="613"/>
      <c r="THG716" s="613"/>
      <c r="THH716" s="613"/>
      <c r="THI716" s="613"/>
      <c r="THJ716" s="613"/>
      <c r="THK716" s="613"/>
      <c r="THL716" s="613"/>
      <c r="THM716" s="613"/>
      <c r="THN716" s="613"/>
      <c r="THO716" s="613"/>
      <c r="THP716" s="613"/>
      <c r="THQ716" s="613"/>
      <c r="THR716" s="613"/>
      <c r="THS716" s="613"/>
      <c r="THT716" s="613"/>
      <c r="THU716" s="613"/>
      <c r="THV716" s="613"/>
      <c r="THW716" s="613"/>
      <c r="THX716" s="613"/>
      <c r="THY716" s="613"/>
      <c r="THZ716" s="613"/>
      <c r="TIA716" s="613"/>
      <c r="TIB716" s="613"/>
      <c r="TIC716" s="613"/>
      <c r="TID716" s="613"/>
      <c r="TIE716" s="613"/>
      <c r="TIF716" s="613"/>
      <c r="TIG716" s="613"/>
      <c r="TIH716" s="613"/>
      <c r="TII716" s="613"/>
      <c r="TIJ716" s="613"/>
      <c r="TIK716" s="613"/>
      <c r="TIL716" s="613"/>
      <c r="TIM716" s="613"/>
      <c r="TIN716" s="613"/>
      <c r="TIO716" s="613"/>
      <c r="TIP716" s="613"/>
      <c r="TIQ716" s="613"/>
      <c r="TIR716" s="613"/>
      <c r="TIS716" s="613"/>
      <c r="TIT716" s="613"/>
      <c r="TIU716" s="613"/>
      <c r="TIV716" s="613"/>
      <c r="TIW716" s="613"/>
      <c r="TIX716" s="613"/>
      <c r="TIY716" s="613"/>
      <c r="TIZ716" s="613"/>
      <c r="TJA716" s="613"/>
      <c r="TJB716" s="613"/>
      <c r="TJC716" s="613"/>
      <c r="TJD716" s="613"/>
      <c r="TJE716" s="613"/>
      <c r="TJF716" s="613"/>
      <c r="TJG716" s="613"/>
      <c r="TJH716" s="613"/>
      <c r="TJI716" s="613"/>
      <c r="TJJ716" s="613"/>
      <c r="TJK716" s="613"/>
      <c r="TJL716" s="613"/>
      <c r="TJM716" s="613"/>
      <c r="TJN716" s="613"/>
      <c r="TJO716" s="613"/>
      <c r="TJP716" s="613"/>
      <c r="TJQ716" s="613"/>
      <c r="TJR716" s="613"/>
      <c r="TJS716" s="613"/>
      <c r="TJT716" s="613"/>
      <c r="TJU716" s="613"/>
      <c r="TJV716" s="613"/>
      <c r="TJW716" s="613"/>
      <c r="TJX716" s="613"/>
      <c r="TJY716" s="613"/>
      <c r="TJZ716" s="613"/>
      <c r="TKA716" s="613"/>
      <c r="TKB716" s="613"/>
      <c r="TKC716" s="613"/>
      <c r="TKD716" s="613"/>
      <c r="TKE716" s="613"/>
      <c r="TKF716" s="613"/>
      <c r="TKG716" s="613"/>
      <c r="TKH716" s="613"/>
      <c r="TKI716" s="613"/>
      <c r="TKJ716" s="613"/>
      <c r="TKK716" s="613"/>
      <c r="TKL716" s="613"/>
      <c r="TKM716" s="613"/>
      <c r="TKN716" s="613"/>
      <c r="TKO716" s="613"/>
      <c r="TKP716" s="613"/>
      <c r="TKQ716" s="613"/>
      <c r="TKR716" s="613"/>
      <c r="TKS716" s="613"/>
      <c r="TKT716" s="613"/>
      <c r="TKU716" s="613"/>
      <c r="TKV716" s="613"/>
      <c r="TKW716" s="613"/>
      <c r="TKX716" s="613"/>
      <c r="TKY716" s="613"/>
      <c r="TKZ716" s="613"/>
      <c r="TLA716" s="613"/>
      <c r="TLB716" s="613"/>
      <c r="TLC716" s="613"/>
      <c r="TLD716" s="613"/>
      <c r="TLE716" s="613"/>
      <c r="TLF716" s="613"/>
      <c r="TLG716" s="613"/>
      <c r="TLH716" s="613"/>
      <c r="TLI716" s="613"/>
      <c r="TLJ716" s="613"/>
      <c r="TLK716" s="613"/>
      <c r="TLL716" s="613"/>
      <c r="TLM716" s="613"/>
      <c r="TLN716" s="613"/>
      <c r="TLO716" s="613"/>
      <c r="TLP716" s="613"/>
      <c r="TLQ716" s="613"/>
      <c r="TLR716" s="613"/>
      <c r="TLS716" s="613"/>
      <c r="TLT716" s="613"/>
      <c r="TLU716" s="613"/>
      <c r="TLV716" s="613"/>
      <c r="TLW716" s="613"/>
      <c r="TLX716" s="613"/>
      <c r="TLY716" s="613"/>
      <c r="TLZ716" s="613"/>
      <c r="TMA716" s="613"/>
      <c r="TMB716" s="613"/>
      <c r="TMC716" s="613"/>
      <c r="TMD716" s="613"/>
      <c r="TME716" s="613"/>
      <c r="TMF716" s="613"/>
      <c r="TMG716" s="613"/>
      <c r="TMH716" s="613"/>
      <c r="TMI716" s="613"/>
      <c r="TMJ716" s="613"/>
      <c r="TMK716" s="613"/>
      <c r="TML716" s="613"/>
      <c r="TMM716" s="613"/>
      <c r="TMN716" s="613"/>
      <c r="TMO716" s="613"/>
      <c r="TMP716" s="613"/>
      <c r="TMQ716" s="613"/>
      <c r="TMR716" s="613"/>
      <c r="TMS716" s="613"/>
      <c r="TMT716" s="613"/>
      <c r="TMU716" s="613"/>
      <c r="TMV716" s="613"/>
      <c r="TMW716" s="613"/>
      <c r="TMX716" s="613"/>
      <c r="TMY716" s="613"/>
      <c r="TMZ716" s="613"/>
      <c r="TNA716" s="613"/>
      <c r="TNB716" s="613"/>
      <c r="TNC716" s="613"/>
      <c r="TND716" s="613"/>
      <c r="TNE716" s="613"/>
      <c r="TNF716" s="613"/>
      <c r="TNG716" s="613"/>
      <c r="TNH716" s="613"/>
      <c r="TNI716" s="613"/>
      <c r="TNJ716" s="613"/>
      <c r="TNK716" s="613"/>
      <c r="TNL716" s="613"/>
      <c r="TNM716" s="613"/>
      <c r="TNN716" s="613"/>
      <c r="TNO716" s="613"/>
      <c r="TNP716" s="613"/>
      <c r="TNQ716" s="613"/>
      <c r="TNR716" s="613"/>
      <c r="TNS716" s="613"/>
      <c r="TNT716" s="613"/>
      <c r="TNU716" s="613"/>
      <c r="TNV716" s="613"/>
      <c r="TNW716" s="613"/>
      <c r="TNX716" s="613"/>
      <c r="TNY716" s="613"/>
      <c r="TNZ716" s="613"/>
      <c r="TOA716" s="613"/>
      <c r="TOB716" s="613"/>
      <c r="TOC716" s="613"/>
      <c r="TOD716" s="613"/>
      <c r="TOE716" s="613"/>
      <c r="TOF716" s="613"/>
      <c r="TOG716" s="613"/>
      <c r="TOH716" s="613"/>
      <c r="TOI716" s="613"/>
      <c r="TOJ716" s="613"/>
      <c r="TOK716" s="613"/>
      <c r="TOL716" s="613"/>
      <c r="TOM716" s="613"/>
      <c r="TON716" s="613"/>
      <c r="TOO716" s="613"/>
      <c r="TOP716" s="613"/>
      <c r="TOQ716" s="613"/>
      <c r="TOR716" s="613"/>
      <c r="TOS716" s="613"/>
      <c r="TOT716" s="613"/>
      <c r="TOU716" s="613"/>
      <c r="TOV716" s="613"/>
      <c r="TOW716" s="613"/>
      <c r="TOX716" s="613"/>
      <c r="TOY716" s="613"/>
      <c r="TOZ716" s="613"/>
      <c r="TPA716" s="613"/>
      <c r="TPB716" s="613"/>
      <c r="TPC716" s="613"/>
      <c r="TPD716" s="613"/>
      <c r="TPE716" s="613"/>
      <c r="TPF716" s="613"/>
      <c r="TPG716" s="613"/>
      <c r="TPH716" s="613"/>
      <c r="TPI716" s="613"/>
      <c r="TPJ716" s="613"/>
      <c r="TPK716" s="613"/>
      <c r="TPL716" s="613"/>
      <c r="TPM716" s="613"/>
      <c r="TPN716" s="613"/>
      <c r="TPO716" s="613"/>
      <c r="TPP716" s="613"/>
      <c r="TPQ716" s="613"/>
      <c r="TPR716" s="613"/>
      <c r="TPS716" s="613"/>
      <c r="TPT716" s="613"/>
      <c r="TPU716" s="613"/>
      <c r="TPV716" s="613"/>
      <c r="TPW716" s="613"/>
      <c r="TPX716" s="613"/>
      <c r="TPY716" s="613"/>
      <c r="TPZ716" s="613"/>
      <c r="TQA716" s="613"/>
      <c r="TQB716" s="613"/>
      <c r="TQC716" s="613"/>
      <c r="TQD716" s="613"/>
      <c r="TQE716" s="613"/>
      <c r="TQF716" s="613"/>
      <c r="TQG716" s="613"/>
      <c r="TQH716" s="613"/>
      <c r="TQI716" s="613"/>
      <c r="TQJ716" s="613"/>
      <c r="TQK716" s="613"/>
      <c r="TQL716" s="613"/>
      <c r="TQM716" s="613"/>
      <c r="TQN716" s="613"/>
      <c r="TQO716" s="613"/>
      <c r="TQP716" s="613"/>
      <c r="TQQ716" s="613"/>
      <c r="TQR716" s="613"/>
      <c r="TQS716" s="613"/>
      <c r="TQT716" s="613"/>
      <c r="TQU716" s="613"/>
      <c r="TQV716" s="613"/>
      <c r="TQW716" s="613"/>
      <c r="TQX716" s="613"/>
      <c r="TQY716" s="613"/>
      <c r="TQZ716" s="613"/>
      <c r="TRA716" s="613"/>
      <c r="TRB716" s="613"/>
      <c r="TRC716" s="613"/>
      <c r="TRD716" s="613"/>
      <c r="TRE716" s="613"/>
      <c r="TRF716" s="613"/>
      <c r="TRG716" s="613"/>
      <c r="TRH716" s="613"/>
      <c r="TRI716" s="613"/>
      <c r="TRJ716" s="613"/>
      <c r="TRK716" s="613"/>
      <c r="TRL716" s="613"/>
      <c r="TRM716" s="613"/>
      <c r="TRN716" s="613"/>
      <c r="TRO716" s="613"/>
      <c r="TRP716" s="613"/>
      <c r="TRQ716" s="613"/>
      <c r="TRR716" s="613"/>
      <c r="TRS716" s="613"/>
      <c r="TRT716" s="613"/>
      <c r="TRU716" s="613"/>
      <c r="TRV716" s="613"/>
      <c r="TRW716" s="613"/>
      <c r="TRX716" s="613"/>
      <c r="TRY716" s="613"/>
      <c r="TRZ716" s="613"/>
      <c r="TSA716" s="613"/>
      <c r="TSB716" s="613"/>
      <c r="TSC716" s="613"/>
      <c r="TSD716" s="613"/>
      <c r="TSE716" s="613"/>
      <c r="TSF716" s="613"/>
      <c r="TSG716" s="613"/>
      <c r="TSH716" s="613"/>
      <c r="TSI716" s="613"/>
      <c r="TSJ716" s="613"/>
      <c r="TSK716" s="613"/>
      <c r="TSL716" s="613"/>
      <c r="TSM716" s="613"/>
      <c r="TSN716" s="613"/>
      <c r="TSO716" s="613"/>
      <c r="TSP716" s="613"/>
      <c r="TSQ716" s="613"/>
      <c r="TSR716" s="613"/>
      <c r="TSS716" s="613"/>
      <c r="TST716" s="613"/>
      <c r="TSU716" s="613"/>
      <c r="TSV716" s="613"/>
      <c r="TSW716" s="613"/>
      <c r="TSX716" s="613"/>
      <c r="TSY716" s="613"/>
      <c r="TSZ716" s="613"/>
      <c r="TTA716" s="613"/>
      <c r="TTB716" s="613"/>
      <c r="TTC716" s="613"/>
      <c r="TTD716" s="613"/>
      <c r="TTE716" s="613"/>
      <c r="TTF716" s="613"/>
      <c r="TTG716" s="613"/>
      <c r="TTH716" s="613"/>
      <c r="TTI716" s="613"/>
      <c r="TTJ716" s="613"/>
      <c r="TTK716" s="613"/>
      <c r="TTL716" s="613"/>
      <c r="TTM716" s="613"/>
      <c r="TTN716" s="613"/>
      <c r="TTO716" s="613"/>
      <c r="TTP716" s="613"/>
      <c r="TTQ716" s="613"/>
      <c r="TTR716" s="613"/>
      <c r="TTS716" s="613"/>
      <c r="TTT716" s="613"/>
      <c r="TTU716" s="613"/>
      <c r="TTV716" s="613"/>
      <c r="TTW716" s="613"/>
      <c r="TTX716" s="613"/>
      <c r="TTY716" s="613"/>
      <c r="TTZ716" s="613"/>
      <c r="TUA716" s="613"/>
      <c r="TUB716" s="613"/>
      <c r="TUC716" s="613"/>
      <c r="TUD716" s="613"/>
      <c r="TUE716" s="613"/>
      <c r="TUF716" s="613"/>
      <c r="TUG716" s="613"/>
      <c r="TUH716" s="613"/>
      <c r="TUI716" s="613"/>
      <c r="TUJ716" s="613"/>
      <c r="TUK716" s="613"/>
      <c r="TUL716" s="613"/>
      <c r="TUM716" s="613"/>
      <c r="TUN716" s="613"/>
      <c r="TUO716" s="613"/>
      <c r="TUP716" s="613"/>
      <c r="TUQ716" s="613"/>
      <c r="TUR716" s="613"/>
      <c r="TUS716" s="613"/>
      <c r="TUT716" s="613"/>
      <c r="TUU716" s="613"/>
      <c r="TUV716" s="613"/>
      <c r="TUW716" s="613"/>
      <c r="TUX716" s="613"/>
      <c r="TUY716" s="613"/>
      <c r="TUZ716" s="613"/>
      <c r="TVA716" s="613"/>
      <c r="TVB716" s="613"/>
      <c r="TVC716" s="613"/>
      <c r="TVD716" s="613"/>
      <c r="TVE716" s="613"/>
      <c r="TVF716" s="613"/>
      <c r="TVG716" s="613"/>
      <c r="TVH716" s="613"/>
      <c r="TVI716" s="613"/>
      <c r="TVJ716" s="613"/>
      <c r="TVK716" s="613"/>
      <c r="TVL716" s="613"/>
      <c r="TVM716" s="613"/>
      <c r="TVN716" s="613"/>
      <c r="TVO716" s="613"/>
      <c r="TVP716" s="613"/>
      <c r="TVQ716" s="613"/>
      <c r="TVR716" s="613"/>
      <c r="TVS716" s="613"/>
      <c r="TVT716" s="613"/>
      <c r="TVU716" s="613"/>
      <c r="TVV716" s="613"/>
      <c r="TVW716" s="613"/>
      <c r="TVX716" s="613"/>
      <c r="TVY716" s="613"/>
      <c r="TVZ716" s="613"/>
      <c r="TWA716" s="613"/>
      <c r="TWB716" s="613"/>
      <c r="TWC716" s="613"/>
      <c r="TWD716" s="613"/>
      <c r="TWE716" s="613"/>
      <c r="TWF716" s="613"/>
      <c r="TWG716" s="613"/>
      <c r="TWH716" s="613"/>
      <c r="TWI716" s="613"/>
      <c r="TWJ716" s="613"/>
      <c r="TWK716" s="613"/>
      <c r="TWL716" s="613"/>
      <c r="TWM716" s="613"/>
      <c r="TWN716" s="613"/>
      <c r="TWO716" s="613"/>
      <c r="TWP716" s="613"/>
      <c r="TWQ716" s="613"/>
      <c r="TWR716" s="613"/>
      <c r="TWS716" s="613"/>
      <c r="TWT716" s="613"/>
      <c r="TWU716" s="613"/>
      <c r="TWV716" s="613"/>
      <c r="TWW716" s="613"/>
      <c r="TWX716" s="613"/>
      <c r="TWY716" s="613"/>
      <c r="TWZ716" s="613"/>
      <c r="TXA716" s="613"/>
      <c r="TXB716" s="613"/>
      <c r="TXC716" s="613"/>
      <c r="TXD716" s="613"/>
      <c r="TXE716" s="613"/>
      <c r="TXF716" s="613"/>
      <c r="TXG716" s="613"/>
      <c r="TXH716" s="613"/>
      <c r="TXI716" s="613"/>
      <c r="TXJ716" s="613"/>
      <c r="TXK716" s="613"/>
      <c r="TXL716" s="613"/>
      <c r="TXM716" s="613"/>
      <c r="TXN716" s="613"/>
      <c r="TXO716" s="613"/>
      <c r="TXP716" s="613"/>
      <c r="TXQ716" s="613"/>
      <c r="TXR716" s="613"/>
      <c r="TXS716" s="613"/>
      <c r="TXT716" s="613"/>
      <c r="TXU716" s="613"/>
      <c r="TXV716" s="613"/>
      <c r="TXW716" s="613"/>
      <c r="TXX716" s="613"/>
      <c r="TXY716" s="613"/>
      <c r="TXZ716" s="613"/>
      <c r="TYA716" s="613"/>
      <c r="TYB716" s="613"/>
      <c r="TYC716" s="613"/>
      <c r="TYD716" s="613"/>
      <c r="TYE716" s="613"/>
      <c r="TYF716" s="613"/>
      <c r="TYG716" s="613"/>
      <c r="TYH716" s="613"/>
      <c r="TYI716" s="613"/>
      <c r="TYJ716" s="613"/>
      <c r="TYK716" s="613"/>
      <c r="TYL716" s="613"/>
      <c r="TYM716" s="613"/>
      <c r="TYN716" s="613"/>
      <c r="TYO716" s="613"/>
      <c r="TYP716" s="613"/>
      <c r="TYQ716" s="613"/>
      <c r="TYR716" s="613"/>
      <c r="TYS716" s="613"/>
      <c r="TYT716" s="613"/>
      <c r="TYU716" s="613"/>
      <c r="TYV716" s="613"/>
      <c r="TYW716" s="613"/>
      <c r="TYX716" s="613"/>
      <c r="TYY716" s="613"/>
      <c r="TYZ716" s="613"/>
      <c r="TZA716" s="613"/>
      <c r="TZB716" s="613"/>
      <c r="TZC716" s="613"/>
      <c r="TZD716" s="613"/>
      <c r="TZE716" s="613"/>
      <c r="TZF716" s="613"/>
      <c r="TZG716" s="613"/>
      <c r="TZH716" s="613"/>
      <c r="TZI716" s="613"/>
      <c r="TZJ716" s="613"/>
      <c r="TZK716" s="613"/>
      <c r="TZL716" s="613"/>
      <c r="TZM716" s="613"/>
      <c r="TZN716" s="613"/>
      <c r="TZO716" s="613"/>
      <c r="TZP716" s="613"/>
      <c r="TZQ716" s="613"/>
      <c r="TZR716" s="613"/>
      <c r="TZS716" s="613"/>
      <c r="TZT716" s="613"/>
      <c r="TZU716" s="613"/>
      <c r="TZV716" s="613"/>
      <c r="TZW716" s="613"/>
      <c r="TZX716" s="613"/>
      <c r="TZY716" s="613"/>
      <c r="TZZ716" s="613"/>
      <c r="UAA716" s="613"/>
      <c r="UAB716" s="613"/>
      <c r="UAC716" s="613"/>
      <c r="UAD716" s="613"/>
      <c r="UAE716" s="613"/>
      <c r="UAF716" s="613"/>
      <c r="UAG716" s="613"/>
      <c r="UAH716" s="613"/>
      <c r="UAI716" s="613"/>
      <c r="UAJ716" s="613"/>
      <c r="UAK716" s="613"/>
      <c r="UAL716" s="613"/>
      <c r="UAM716" s="613"/>
      <c r="UAN716" s="613"/>
      <c r="UAO716" s="613"/>
      <c r="UAP716" s="613"/>
      <c r="UAQ716" s="613"/>
      <c r="UAR716" s="613"/>
      <c r="UAS716" s="613"/>
      <c r="UAT716" s="613"/>
      <c r="UAU716" s="613"/>
      <c r="UAV716" s="613"/>
      <c r="UAW716" s="613"/>
      <c r="UAX716" s="613"/>
      <c r="UAY716" s="613"/>
      <c r="UAZ716" s="613"/>
      <c r="UBA716" s="613"/>
      <c r="UBB716" s="613"/>
      <c r="UBC716" s="613"/>
      <c r="UBD716" s="613"/>
      <c r="UBE716" s="613"/>
      <c r="UBF716" s="613"/>
      <c r="UBG716" s="613"/>
      <c r="UBH716" s="613"/>
      <c r="UBI716" s="613"/>
      <c r="UBJ716" s="613"/>
      <c r="UBK716" s="613"/>
      <c r="UBL716" s="613"/>
      <c r="UBM716" s="613"/>
      <c r="UBN716" s="613"/>
      <c r="UBO716" s="613"/>
      <c r="UBP716" s="613"/>
      <c r="UBQ716" s="613"/>
      <c r="UBR716" s="613"/>
      <c r="UBS716" s="613"/>
      <c r="UBT716" s="613"/>
      <c r="UBU716" s="613"/>
      <c r="UBV716" s="613"/>
      <c r="UBW716" s="613"/>
      <c r="UBX716" s="613"/>
      <c r="UBY716" s="613"/>
      <c r="UBZ716" s="613"/>
      <c r="UCA716" s="613"/>
      <c r="UCB716" s="613"/>
      <c r="UCC716" s="613"/>
      <c r="UCD716" s="613"/>
      <c r="UCE716" s="613"/>
      <c r="UCF716" s="613"/>
      <c r="UCG716" s="613"/>
      <c r="UCH716" s="613"/>
      <c r="UCI716" s="613"/>
      <c r="UCJ716" s="613"/>
      <c r="UCK716" s="613"/>
      <c r="UCL716" s="613"/>
      <c r="UCM716" s="613"/>
      <c r="UCN716" s="613"/>
      <c r="UCO716" s="613"/>
      <c r="UCP716" s="613"/>
      <c r="UCQ716" s="613"/>
      <c r="UCR716" s="613"/>
      <c r="UCS716" s="613"/>
      <c r="UCT716" s="613"/>
      <c r="UCU716" s="613"/>
      <c r="UCV716" s="613"/>
      <c r="UCW716" s="613"/>
      <c r="UCX716" s="613"/>
      <c r="UCY716" s="613"/>
      <c r="UCZ716" s="613"/>
      <c r="UDA716" s="613"/>
      <c r="UDB716" s="613"/>
      <c r="UDC716" s="613"/>
      <c r="UDD716" s="613"/>
      <c r="UDE716" s="613"/>
      <c r="UDF716" s="613"/>
      <c r="UDG716" s="613"/>
      <c r="UDH716" s="613"/>
      <c r="UDI716" s="613"/>
      <c r="UDJ716" s="613"/>
      <c r="UDK716" s="613"/>
      <c r="UDL716" s="613"/>
      <c r="UDM716" s="613"/>
      <c r="UDN716" s="613"/>
      <c r="UDO716" s="613"/>
      <c r="UDP716" s="613"/>
      <c r="UDQ716" s="613"/>
      <c r="UDR716" s="613"/>
      <c r="UDS716" s="613"/>
      <c r="UDT716" s="613"/>
      <c r="UDU716" s="613"/>
      <c r="UDV716" s="613"/>
      <c r="UDW716" s="613"/>
      <c r="UDX716" s="613"/>
      <c r="UDY716" s="613"/>
      <c r="UDZ716" s="613"/>
      <c r="UEA716" s="613"/>
      <c r="UEB716" s="613"/>
      <c r="UEC716" s="613"/>
      <c r="UED716" s="613"/>
      <c r="UEE716" s="613"/>
      <c r="UEF716" s="613"/>
      <c r="UEG716" s="613"/>
      <c r="UEH716" s="613"/>
      <c r="UEI716" s="613"/>
      <c r="UEJ716" s="613"/>
      <c r="UEK716" s="613"/>
      <c r="UEL716" s="613"/>
      <c r="UEM716" s="613"/>
      <c r="UEN716" s="613"/>
      <c r="UEO716" s="613"/>
      <c r="UEP716" s="613"/>
      <c r="UEQ716" s="613"/>
      <c r="UER716" s="613"/>
      <c r="UES716" s="613"/>
      <c r="UET716" s="613"/>
      <c r="UEU716" s="613"/>
      <c r="UEV716" s="613"/>
      <c r="UEW716" s="613"/>
      <c r="UEX716" s="613"/>
      <c r="UEY716" s="613"/>
      <c r="UEZ716" s="613"/>
      <c r="UFA716" s="613"/>
      <c r="UFB716" s="613"/>
      <c r="UFC716" s="613"/>
      <c r="UFD716" s="613"/>
      <c r="UFE716" s="613"/>
      <c r="UFF716" s="613"/>
      <c r="UFG716" s="613"/>
      <c r="UFH716" s="613"/>
      <c r="UFI716" s="613"/>
      <c r="UFJ716" s="613"/>
      <c r="UFK716" s="613"/>
      <c r="UFL716" s="613"/>
      <c r="UFM716" s="613"/>
      <c r="UFN716" s="613"/>
      <c r="UFO716" s="613"/>
      <c r="UFP716" s="613"/>
      <c r="UFQ716" s="613"/>
      <c r="UFR716" s="613"/>
      <c r="UFS716" s="613"/>
      <c r="UFT716" s="613"/>
      <c r="UFU716" s="613"/>
      <c r="UFV716" s="613"/>
      <c r="UFW716" s="613"/>
      <c r="UFX716" s="613"/>
      <c r="UFY716" s="613"/>
      <c r="UFZ716" s="613"/>
      <c r="UGA716" s="613"/>
      <c r="UGB716" s="613"/>
      <c r="UGC716" s="613"/>
      <c r="UGD716" s="613"/>
      <c r="UGE716" s="613"/>
      <c r="UGF716" s="613"/>
      <c r="UGG716" s="613"/>
      <c r="UGH716" s="613"/>
      <c r="UGI716" s="613"/>
      <c r="UGJ716" s="613"/>
      <c r="UGK716" s="613"/>
      <c r="UGL716" s="613"/>
      <c r="UGM716" s="613"/>
      <c r="UGN716" s="613"/>
      <c r="UGO716" s="613"/>
      <c r="UGP716" s="613"/>
      <c r="UGQ716" s="613"/>
      <c r="UGR716" s="613"/>
      <c r="UGS716" s="613"/>
      <c r="UGT716" s="613"/>
      <c r="UGU716" s="613"/>
      <c r="UGV716" s="613"/>
      <c r="UGW716" s="613"/>
      <c r="UGX716" s="613"/>
      <c r="UGY716" s="613"/>
      <c r="UGZ716" s="613"/>
      <c r="UHA716" s="613"/>
      <c r="UHB716" s="613"/>
      <c r="UHC716" s="613"/>
      <c r="UHD716" s="613"/>
      <c r="UHE716" s="613"/>
      <c r="UHF716" s="613"/>
      <c r="UHG716" s="613"/>
      <c r="UHH716" s="613"/>
      <c r="UHI716" s="613"/>
      <c r="UHJ716" s="613"/>
      <c r="UHK716" s="613"/>
      <c r="UHL716" s="613"/>
      <c r="UHM716" s="613"/>
      <c r="UHN716" s="613"/>
      <c r="UHO716" s="613"/>
      <c r="UHP716" s="613"/>
      <c r="UHQ716" s="613"/>
      <c r="UHR716" s="613"/>
      <c r="UHS716" s="613"/>
      <c r="UHT716" s="613"/>
      <c r="UHU716" s="613"/>
      <c r="UHV716" s="613"/>
      <c r="UHW716" s="613"/>
      <c r="UHX716" s="613"/>
      <c r="UHY716" s="613"/>
      <c r="UHZ716" s="613"/>
      <c r="UIA716" s="613"/>
      <c r="UIB716" s="613"/>
      <c r="UIC716" s="613"/>
      <c r="UID716" s="613"/>
      <c r="UIE716" s="613"/>
      <c r="UIF716" s="613"/>
      <c r="UIG716" s="613"/>
      <c r="UIH716" s="613"/>
      <c r="UII716" s="613"/>
      <c r="UIJ716" s="613"/>
      <c r="UIK716" s="613"/>
      <c r="UIL716" s="613"/>
      <c r="UIM716" s="613"/>
      <c r="UIN716" s="613"/>
      <c r="UIO716" s="613"/>
      <c r="UIP716" s="613"/>
      <c r="UIQ716" s="613"/>
      <c r="UIR716" s="613"/>
      <c r="UIS716" s="613"/>
      <c r="UIT716" s="613"/>
      <c r="UIU716" s="613"/>
      <c r="UIV716" s="613"/>
      <c r="UIW716" s="613"/>
      <c r="UIX716" s="613"/>
      <c r="UIY716" s="613"/>
      <c r="UIZ716" s="613"/>
      <c r="UJA716" s="613"/>
      <c r="UJB716" s="613"/>
      <c r="UJC716" s="613"/>
      <c r="UJD716" s="613"/>
      <c r="UJE716" s="613"/>
      <c r="UJF716" s="613"/>
      <c r="UJG716" s="613"/>
      <c r="UJH716" s="613"/>
      <c r="UJI716" s="613"/>
      <c r="UJJ716" s="613"/>
      <c r="UJK716" s="613"/>
      <c r="UJL716" s="613"/>
      <c r="UJM716" s="613"/>
      <c r="UJN716" s="613"/>
      <c r="UJO716" s="613"/>
      <c r="UJP716" s="613"/>
      <c r="UJQ716" s="613"/>
      <c r="UJR716" s="613"/>
      <c r="UJS716" s="613"/>
      <c r="UJT716" s="613"/>
      <c r="UJU716" s="613"/>
      <c r="UJV716" s="613"/>
      <c r="UJW716" s="613"/>
      <c r="UJX716" s="613"/>
      <c r="UJY716" s="613"/>
      <c r="UJZ716" s="613"/>
      <c r="UKA716" s="613"/>
      <c r="UKB716" s="613"/>
      <c r="UKC716" s="613"/>
      <c r="UKD716" s="613"/>
      <c r="UKE716" s="613"/>
      <c r="UKF716" s="613"/>
      <c r="UKG716" s="613"/>
      <c r="UKH716" s="613"/>
      <c r="UKI716" s="613"/>
      <c r="UKJ716" s="613"/>
      <c r="UKK716" s="613"/>
      <c r="UKL716" s="613"/>
      <c r="UKM716" s="613"/>
      <c r="UKN716" s="613"/>
      <c r="UKO716" s="613"/>
      <c r="UKP716" s="613"/>
      <c r="UKQ716" s="613"/>
      <c r="UKR716" s="613"/>
      <c r="UKS716" s="613"/>
      <c r="UKT716" s="613"/>
      <c r="UKU716" s="613"/>
      <c r="UKV716" s="613"/>
      <c r="UKW716" s="613"/>
      <c r="UKX716" s="613"/>
      <c r="UKY716" s="613"/>
      <c r="UKZ716" s="613"/>
      <c r="ULA716" s="613"/>
      <c r="ULB716" s="613"/>
      <c r="ULC716" s="613"/>
      <c r="ULD716" s="613"/>
      <c r="ULE716" s="613"/>
      <c r="ULF716" s="613"/>
      <c r="ULG716" s="613"/>
      <c r="ULH716" s="613"/>
      <c r="ULI716" s="613"/>
      <c r="ULJ716" s="613"/>
      <c r="ULK716" s="613"/>
      <c r="ULL716" s="613"/>
      <c r="ULM716" s="613"/>
      <c r="ULN716" s="613"/>
      <c r="ULO716" s="613"/>
      <c r="ULP716" s="613"/>
      <c r="ULQ716" s="613"/>
      <c r="ULR716" s="613"/>
      <c r="ULS716" s="613"/>
      <c r="ULT716" s="613"/>
      <c r="ULU716" s="613"/>
      <c r="ULV716" s="613"/>
      <c r="ULW716" s="613"/>
      <c r="ULX716" s="613"/>
      <c r="ULY716" s="613"/>
      <c r="ULZ716" s="613"/>
      <c r="UMA716" s="613"/>
      <c r="UMB716" s="613"/>
      <c r="UMC716" s="613"/>
      <c r="UMD716" s="613"/>
      <c r="UME716" s="613"/>
      <c r="UMF716" s="613"/>
      <c r="UMG716" s="613"/>
      <c r="UMH716" s="613"/>
      <c r="UMI716" s="613"/>
      <c r="UMJ716" s="613"/>
      <c r="UMK716" s="613"/>
      <c r="UML716" s="613"/>
      <c r="UMM716" s="613"/>
      <c r="UMN716" s="613"/>
      <c r="UMO716" s="613"/>
      <c r="UMP716" s="613"/>
      <c r="UMQ716" s="613"/>
      <c r="UMR716" s="613"/>
      <c r="UMS716" s="613"/>
      <c r="UMT716" s="613"/>
      <c r="UMU716" s="613"/>
      <c r="UMV716" s="613"/>
      <c r="UMW716" s="613"/>
      <c r="UMX716" s="613"/>
      <c r="UMY716" s="613"/>
      <c r="UMZ716" s="613"/>
      <c r="UNA716" s="613"/>
      <c r="UNB716" s="613"/>
      <c r="UNC716" s="613"/>
      <c r="UND716" s="613"/>
      <c r="UNE716" s="613"/>
      <c r="UNF716" s="613"/>
      <c r="UNG716" s="613"/>
      <c r="UNH716" s="613"/>
      <c r="UNI716" s="613"/>
      <c r="UNJ716" s="613"/>
      <c r="UNK716" s="613"/>
      <c r="UNL716" s="613"/>
      <c r="UNM716" s="613"/>
      <c r="UNN716" s="613"/>
      <c r="UNO716" s="613"/>
      <c r="UNP716" s="613"/>
      <c r="UNQ716" s="613"/>
      <c r="UNR716" s="613"/>
      <c r="UNS716" s="613"/>
      <c r="UNT716" s="613"/>
      <c r="UNU716" s="613"/>
      <c r="UNV716" s="613"/>
      <c r="UNW716" s="613"/>
      <c r="UNX716" s="613"/>
      <c r="UNY716" s="613"/>
      <c r="UNZ716" s="613"/>
      <c r="UOA716" s="613"/>
      <c r="UOB716" s="613"/>
      <c r="UOC716" s="613"/>
      <c r="UOD716" s="613"/>
      <c r="UOE716" s="613"/>
      <c r="UOF716" s="613"/>
      <c r="UOG716" s="613"/>
      <c r="UOH716" s="613"/>
      <c r="UOI716" s="613"/>
      <c r="UOJ716" s="613"/>
      <c r="UOK716" s="613"/>
      <c r="UOL716" s="613"/>
      <c r="UOM716" s="613"/>
      <c r="UON716" s="613"/>
      <c r="UOO716" s="613"/>
      <c r="UOP716" s="613"/>
      <c r="UOQ716" s="613"/>
      <c r="UOR716" s="613"/>
      <c r="UOS716" s="613"/>
      <c r="UOT716" s="613"/>
      <c r="UOU716" s="613"/>
      <c r="UOV716" s="613"/>
      <c r="UOW716" s="613"/>
      <c r="UOX716" s="613"/>
      <c r="UOY716" s="613"/>
      <c r="UOZ716" s="613"/>
      <c r="UPA716" s="613"/>
      <c r="UPB716" s="613"/>
      <c r="UPC716" s="613"/>
      <c r="UPD716" s="613"/>
      <c r="UPE716" s="613"/>
      <c r="UPF716" s="613"/>
      <c r="UPG716" s="613"/>
      <c r="UPH716" s="613"/>
      <c r="UPI716" s="613"/>
      <c r="UPJ716" s="613"/>
      <c r="UPK716" s="613"/>
      <c r="UPL716" s="613"/>
      <c r="UPM716" s="613"/>
      <c r="UPN716" s="613"/>
      <c r="UPO716" s="613"/>
      <c r="UPP716" s="613"/>
      <c r="UPQ716" s="613"/>
      <c r="UPR716" s="613"/>
      <c r="UPS716" s="613"/>
      <c r="UPT716" s="613"/>
      <c r="UPU716" s="613"/>
      <c r="UPV716" s="613"/>
      <c r="UPW716" s="613"/>
      <c r="UPX716" s="613"/>
      <c r="UPY716" s="613"/>
      <c r="UPZ716" s="613"/>
      <c r="UQA716" s="613"/>
      <c r="UQB716" s="613"/>
      <c r="UQC716" s="613"/>
      <c r="UQD716" s="613"/>
      <c r="UQE716" s="613"/>
      <c r="UQF716" s="613"/>
      <c r="UQG716" s="613"/>
      <c r="UQH716" s="613"/>
      <c r="UQI716" s="613"/>
      <c r="UQJ716" s="613"/>
      <c r="UQK716" s="613"/>
      <c r="UQL716" s="613"/>
      <c r="UQM716" s="613"/>
      <c r="UQN716" s="613"/>
      <c r="UQO716" s="613"/>
      <c r="UQP716" s="613"/>
      <c r="UQQ716" s="613"/>
      <c r="UQR716" s="613"/>
      <c r="UQS716" s="613"/>
      <c r="UQT716" s="613"/>
      <c r="UQU716" s="613"/>
      <c r="UQV716" s="613"/>
      <c r="UQW716" s="613"/>
      <c r="UQX716" s="613"/>
      <c r="UQY716" s="613"/>
      <c r="UQZ716" s="613"/>
      <c r="URA716" s="613"/>
      <c r="URB716" s="613"/>
      <c r="URC716" s="613"/>
      <c r="URD716" s="613"/>
      <c r="URE716" s="613"/>
      <c r="URF716" s="613"/>
      <c r="URG716" s="613"/>
      <c r="URH716" s="613"/>
      <c r="URI716" s="613"/>
      <c r="URJ716" s="613"/>
      <c r="URK716" s="613"/>
      <c r="URL716" s="613"/>
      <c r="URM716" s="613"/>
      <c r="URN716" s="613"/>
      <c r="URO716" s="613"/>
      <c r="URP716" s="613"/>
      <c r="URQ716" s="613"/>
      <c r="URR716" s="613"/>
      <c r="URS716" s="613"/>
      <c r="URT716" s="613"/>
      <c r="URU716" s="613"/>
      <c r="URV716" s="613"/>
      <c r="URW716" s="613"/>
      <c r="URX716" s="613"/>
      <c r="URY716" s="613"/>
      <c r="URZ716" s="613"/>
      <c r="USA716" s="613"/>
      <c r="USB716" s="613"/>
      <c r="USC716" s="613"/>
      <c r="USD716" s="613"/>
      <c r="USE716" s="613"/>
      <c r="USF716" s="613"/>
      <c r="USG716" s="613"/>
      <c r="USH716" s="613"/>
      <c r="USI716" s="613"/>
      <c r="USJ716" s="613"/>
      <c r="USK716" s="613"/>
      <c r="USL716" s="613"/>
      <c r="USM716" s="613"/>
      <c r="USN716" s="613"/>
      <c r="USO716" s="613"/>
      <c r="USP716" s="613"/>
      <c r="USQ716" s="613"/>
      <c r="USR716" s="613"/>
      <c r="USS716" s="613"/>
      <c r="UST716" s="613"/>
      <c r="USU716" s="613"/>
      <c r="USV716" s="613"/>
      <c r="USW716" s="613"/>
      <c r="USX716" s="613"/>
      <c r="USY716" s="613"/>
      <c r="USZ716" s="613"/>
      <c r="UTA716" s="613"/>
      <c r="UTB716" s="613"/>
      <c r="UTC716" s="613"/>
      <c r="UTD716" s="613"/>
      <c r="UTE716" s="613"/>
      <c r="UTF716" s="613"/>
      <c r="UTG716" s="613"/>
      <c r="UTH716" s="613"/>
      <c r="UTI716" s="613"/>
      <c r="UTJ716" s="613"/>
      <c r="UTK716" s="613"/>
      <c r="UTL716" s="613"/>
      <c r="UTM716" s="613"/>
      <c r="UTN716" s="613"/>
      <c r="UTO716" s="613"/>
      <c r="UTP716" s="613"/>
      <c r="UTQ716" s="613"/>
      <c r="UTR716" s="613"/>
      <c r="UTS716" s="613"/>
      <c r="UTT716" s="613"/>
      <c r="UTU716" s="613"/>
      <c r="UTV716" s="613"/>
      <c r="UTW716" s="613"/>
      <c r="UTX716" s="613"/>
      <c r="UTY716" s="613"/>
      <c r="UTZ716" s="613"/>
      <c r="UUA716" s="613"/>
      <c r="UUB716" s="613"/>
      <c r="UUC716" s="613"/>
      <c r="UUD716" s="613"/>
      <c r="UUE716" s="613"/>
      <c r="UUF716" s="613"/>
      <c r="UUG716" s="613"/>
      <c r="UUH716" s="613"/>
      <c r="UUI716" s="613"/>
      <c r="UUJ716" s="613"/>
      <c r="UUK716" s="613"/>
      <c r="UUL716" s="613"/>
      <c r="UUM716" s="613"/>
      <c r="UUN716" s="613"/>
      <c r="UUO716" s="613"/>
      <c r="UUP716" s="613"/>
      <c r="UUQ716" s="613"/>
      <c r="UUR716" s="613"/>
      <c r="UUS716" s="613"/>
      <c r="UUT716" s="613"/>
      <c r="UUU716" s="613"/>
      <c r="UUV716" s="613"/>
      <c r="UUW716" s="613"/>
      <c r="UUX716" s="613"/>
      <c r="UUY716" s="613"/>
      <c r="UUZ716" s="613"/>
      <c r="UVA716" s="613"/>
      <c r="UVB716" s="613"/>
      <c r="UVC716" s="613"/>
      <c r="UVD716" s="613"/>
      <c r="UVE716" s="613"/>
      <c r="UVF716" s="613"/>
      <c r="UVG716" s="613"/>
      <c r="UVH716" s="613"/>
      <c r="UVI716" s="613"/>
      <c r="UVJ716" s="613"/>
      <c r="UVK716" s="613"/>
      <c r="UVL716" s="613"/>
      <c r="UVM716" s="613"/>
      <c r="UVN716" s="613"/>
      <c r="UVO716" s="613"/>
      <c r="UVP716" s="613"/>
      <c r="UVQ716" s="613"/>
      <c r="UVR716" s="613"/>
      <c r="UVS716" s="613"/>
      <c r="UVT716" s="613"/>
      <c r="UVU716" s="613"/>
      <c r="UVV716" s="613"/>
      <c r="UVW716" s="613"/>
      <c r="UVX716" s="613"/>
      <c r="UVY716" s="613"/>
      <c r="UVZ716" s="613"/>
      <c r="UWA716" s="613"/>
      <c r="UWB716" s="613"/>
      <c r="UWC716" s="613"/>
      <c r="UWD716" s="613"/>
      <c r="UWE716" s="613"/>
      <c r="UWF716" s="613"/>
      <c r="UWG716" s="613"/>
      <c r="UWH716" s="613"/>
      <c r="UWI716" s="613"/>
      <c r="UWJ716" s="613"/>
      <c r="UWK716" s="613"/>
      <c r="UWL716" s="613"/>
      <c r="UWM716" s="613"/>
      <c r="UWN716" s="613"/>
      <c r="UWO716" s="613"/>
      <c r="UWP716" s="613"/>
      <c r="UWQ716" s="613"/>
      <c r="UWR716" s="613"/>
      <c r="UWS716" s="613"/>
      <c r="UWT716" s="613"/>
      <c r="UWU716" s="613"/>
      <c r="UWV716" s="613"/>
      <c r="UWW716" s="613"/>
      <c r="UWX716" s="613"/>
      <c r="UWY716" s="613"/>
      <c r="UWZ716" s="613"/>
      <c r="UXA716" s="613"/>
      <c r="UXB716" s="613"/>
      <c r="UXC716" s="613"/>
      <c r="UXD716" s="613"/>
      <c r="UXE716" s="613"/>
      <c r="UXF716" s="613"/>
      <c r="UXG716" s="613"/>
      <c r="UXH716" s="613"/>
      <c r="UXI716" s="613"/>
      <c r="UXJ716" s="613"/>
      <c r="UXK716" s="613"/>
      <c r="UXL716" s="613"/>
      <c r="UXM716" s="613"/>
      <c r="UXN716" s="613"/>
      <c r="UXO716" s="613"/>
      <c r="UXP716" s="613"/>
      <c r="UXQ716" s="613"/>
      <c r="UXR716" s="613"/>
      <c r="UXS716" s="613"/>
      <c r="UXT716" s="613"/>
      <c r="UXU716" s="613"/>
      <c r="UXV716" s="613"/>
      <c r="UXW716" s="613"/>
      <c r="UXX716" s="613"/>
      <c r="UXY716" s="613"/>
      <c r="UXZ716" s="613"/>
      <c r="UYA716" s="613"/>
      <c r="UYB716" s="613"/>
      <c r="UYC716" s="613"/>
      <c r="UYD716" s="613"/>
      <c r="UYE716" s="613"/>
      <c r="UYF716" s="613"/>
      <c r="UYG716" s="613"/>
      <c r="UYH716" s="613"/>
      <c r="UYI716" s="613"/>
      <c r="UYJ716" s="613"/>
      <c r="UYK716" s="613"/>
      <c r="UYL716" s="613"/>
      <c r="UYM716" s="613"/>
      <c r="UYN716" s="613"/>
      <c r="UYO716" s="613"/>
      <c r="UYP716" s="613"/>
      <c r="UYQ716" s="613"/>
      <c r="UYR716" s="613"/>
      <c r="UYS716" s="613"/>
      <c r="UYT716" s="613"/>
      <c r="UYU716" s="613"/>
      <c r="UYV716" s="613"/>
      <c r="UYW716" s="613"/>
      <c r="UYX716" s="613"/>
      <c r="UYY716" s="613"/>
      <c r="UYZ716" s="613"/>
      <c r="UZA716" s="613"/>
      <c r="UZB716" s="613"/>
      <c r="UZC716" s="613"/>
      <c r="UZD716" s="613"/>
      <c r="UZE716" s="613"/>
      <c r="UZF716" s="613"/>
      <c r="UZG716" s="613"/>
      <c r="UZH716" s="613"/>
      <c r="UZI716" s="613"/>
      <c r="UZJ716" s="613"/>
      <c r="UZK716" s="613"/>
      <c r="UZL716" s="613"/>
      <c r="UZM716" s="613"/>
      <c r="UZN716" s="613"/>
      <c r="UZO716" s="613"/>
      <c r="UZP716" s="613"/>
      <c r="UZQ716" s="613"/>
      <c r="UZR716" s="613"/>
      <c r="UZS716" s="613"/>
      <c r="UZT716" s="613"/>
      <c r="UZU716" s="613"/>
      <c r="UZV716" s="613"/>
      <c r="UZW716" s="613"/>
      <c r="UZX716" s="613"/>
      <c r="UZY716" s="613"/>
      <c r="UZZ716" s="613"/>
      <c r="VAA716" s="613"/>
      <c r="VAB716" s="613"/>
      <c r="VAC716" s="613"/>
      <c r="VAD716" s="613"/>
      <c r="VAE716" s="613"/>
      <c r="VAF716" s="613"/>
      <c r="VAG716" s="613"/>
      <c r="VAH716" s="613"/>
      <c r="VAI716" s="613"/>
      <c r="VAJ716" s="613"/>
      <c r="VAK716" s="613"/>
      <c r="VAL716" s="613"/>
      <c r="VAM716" s="613"/>
      <c r="VAN716" s="613"/>
      <c r="VAO716" s="613"/>
      <c r="VAP716" s="613"/>
      <c r="VAQ716" s="613"/>
      <c r="VAR716" s="613"/>
      <c r="VAS716" s="613"/>
      <c r="VAT716" s="613"/>
      <c r="VAU716" s="613"/>
      <c r="VAV716" s="613"/>
      <c r="VAW716" s="613"/>
      <c r="VAX716" s="613"/>
      <c r="VAY716" s="613"/>
      <c r="VAZ716" s="613"/>
      <c r="VBA716" s="613"/>
      <c r="VBB716" s="613"/>
      <c r="VBC716" s="613"/>
      <c r="VBD716" s="613"/>
      <c r="VBE716" s="613"/>
      <c r="VBF716" s="613"/>
      <c r="VBG716" s="613"/>
      <c r="VBH716" s="613"/>
      <c r="VBI716" s="613"/>
      <c r="VBJ716" s="613"/>
      <c r="VBK716" s="613"/>
      <c r="VBL716" s="613"/>
      <c r="VBM716" s="613"/>
      <c r="VBN716" s="613"/>
      <c r="VBO716" s="613"/>
      <c r="VBP716" s="613"/>
      <c r="VBQ716" s="613"/>
      <c r="VBR716" s="613"/>
      <c r="VBS716" s="613"/>
      <c r="VBT716" s="613"/>
      <c r="VBU716" s="613"/>
      <c r="VBV716" s="613"/>
      <c r="VBW716" s="613"/>
      <c r="VBX716" s="613"/>
      <c r="VBY716" s="613"/>
      <c r="VBZ716" s="613"/>
      <c r="VCA716" s="613"/>
      <c r="VCB716" s="613"/>
      <c r="VCC716" s="613"/>
      <c r="VCD716" s="613"/>
      <c r="VCE716" s="613"/>
      <c r="VCF716" s="613"/>
      <c r="VCG716" s="613"/>
      <c r="VCH716" s="613"/>
      <c r="VCI716" s="613"/>
      <c r="VCJ716" s="613"/>
      <c r="VCK716" s="613"/>
      <c r="VCL716" s="613"/>
      <c r="VCM716" s="613"/>
      <c r="VCN716" s="613"/>
      <c r="VCO716" s="613"/>
      <c r="VCP716" s="613"/>
      <c r="VCQ716" s="613"/>
      <c r="VCR716" s="613"/>
      <c r="VCS716" s="613"/>
      <c r="VCT716" s="613"/>
      <c r="VCU716" s="613"/>
      <c r="VCV716" s="613"/>
      <c r="VCW716" s="613"/>
      <c r="VCX716" s="613"/>
      <c r="VCY716" s="613"/>
      <c r="VCZ716" s="613"/>
      <c r="VDA716" s="613"/>
      <c r="VDB716" s="613"/>
      <c r="VDC716" s="613"/>
      <c r="VDD716" s="613"/>
      <c r="VDE716" s="613"/>
      <c r="VDF716" s="613"/>
      <c r="VDG716" s="613"/>
      <c r="VDH716" s="613"/>
      <c r="VDI716" s="613"/>
      <c r="VDJ716" s="613"/>
      <c r="VDK716" s="613"/>
      <c r="VDL716" s="613"/>
      <c r="VDM716" s="613"/>
      <c r="VDN716" s="613"/>
      <c r="VDO716" s="613"/>
      <c r="VDP716" s="613"/>
      <c r="VDQ716" s="613"/>
      <c r="VDR716" s="613"/>
      <c r="VDS716" s="613"/>
      <c r="VDT716" s="613"/>
      <c r="VDU716" s="613"/>
      <c r="VDV716" s="613"/>
      <c r="VDW716" s="613"/>
      <c r="VDX716" s="613"/>
      <c r="VDY716" s="613"/>
      <c r="VDZ716" s="613"/>
      <c r="VEA716" s="613"/>
      <c r="VEB716" s="613"/>
      <c r="VEC716" s="613"/>
      <c r="VED716" s="613"/>
      <c r="VEE716" s="613"/>
      <c r="VEF716" s="613"/>
      <c r="VEG716" s="613"/>
      <c r="VEH716" s="613"/>
      <c r="VEI716" s="613"/>
      <c r="VEJ716" s="613"/>
      <c r="VEK716" s="613"/>
      <c r="VEL716" s="613"/>
      <c r="VEM716" s="613"/>
      <c r="VEN716" s="613"/>
      <c r="VEO716" s="613"/>
      <c r="VEP716" s="613"/>
      <c r="VEQ716" s="613"/>
      <c r="VER716" s="613"/>
      <c r="VES716" s="613"/>
      <c r="VET716" s="613"/>
      <c r="VEU716" s="613"/>
      <c r="VEV716" s="613"/>
      <c r="VEW716" s="613"/>
      <c r="VEX716" s="613"/>
      <c r="VEY716" s="613"/>
      <c r="VEZ716" s="613"/>
      <c r="VFA716" s="613"/>
      <c r="VFB716" s="613"/>
      <c r="VFC716" s="613"/>
      <c r="VFD716" s="613"/>
      <c r="VFE716" s="613"/>
      <c r="VFF716" s="613"/>
      <c r="VFG716" s="613"/>
      <c r="VFH716" s="613"/>
      <c r="VFI716" s="613"/>
      <c r="VFJ716" s="613"/>
      <c r="VFK716" s="613"/>
      <c r="VFL716" s="613"/>
      <c r="VFM716" s="613"/>
      <c r="VFN716" s="613"/>
      <c r="VFO716" s="613"/>
      <c r="VFP716" s="613"/>
      <c r="VFQ716" s="613"/>
      <c r="VFR716" s="613"/>
      <c r="VFS716" s="613"/>
      <c r="VFT716" s="613"/>
      <c r="VFU716" s="613"/>
      <c r="VFV716" s="613"/>
      <c r="VFW716" s="613"/>
      <c r="VFX716" s="613"/>
      <c r="VFY716" s="613"/>
      <c r="VFZ716" s="613"/>
      <c r="VGA716" s="613"/>
      <c r="VGB716" s="613"/>
      <c r="VGC716" s="613"/>
      <c r="VGD716" s="613"/>
      <c r="VGE716" s="613"/>
      <c r="VGF716" s="613"/>
      <c r="VGG716" s="613"/>
      <c r="VGH716" s="613"/>
      <c r="VGI716" s="613"/>
      <c r="VGJ716" s="613"/>
      <c r="VGK716" s="613"/>
      <c r="VGL716" s="613"/>
      <c r="VGM716" s="613"/>
      <c r="VGN716" s="613"/>
      <c r="VGO716" s="613"/>
      <c r="VGP716" s="613"/>
      <c r="VGQ716" s="613"/>
      <c r="VGR716" s="613"/>
      <c r="VGS716" s="613"/>
      <c r="VGT716" s="613"/>
      <c r="VGU716" s="613"/>
      <c r="VGV716" s="613"/>
      <c r="VGW716" s="613"/>
      <c r="VGX716" s="613"/>
      <c r="VGY716" s="613"/>
      <c r="VGZ716" s="613"/>
      <c r="VHA716" s="613"/>
      <c r="VHB716" s="613"/>
      <c r="VHC716" s="613"/>
      <c r="VHD716" s="613"/>
      <c r="VHE716" s="613"/>
      <c r="VHF716" s="613"/>
      <c r="VHG716" s="613"/>
      <c r="VHH716" s="613"/>
      <c r="VHI716" s="613"/>
      <c r="VHJ716" s="613"/>
      <c r="VHK716" s="613"/>
      <c r="VHL716" s="613"/>
      <c r="VHM716" s="613"/>
      <c r="VHN716" s="613"/>
      <c r="VHO716" s="613"/>
      <c r="VHP716" s="613"/>
      <c r="VHQ716" s="613"/>
      <c r="VHR716" s="613"/>
      <c r="VHS716" s="613"/>
      <c r="VHT716" s="613"/>
      <c r="VHU716" s="613"/>
      <c r="VHV716" s="613"/>
      <c r="VHW716" s="613"/>
      <c r="VHX716" s="613"/>
      <c r="VHY716" s="613"/>
      <c r="VHZ716" s="613"/>
      <c r="VIA716" s="613"/>
      <c r="VIB716" s="613"/>
      <c r="VIC716" s="613"/>
      <c r="VID716" s="613"/>
      <c r="VIE716" s="613"/>
      <c r="VIF716" s="613"/>
      <c r="VIG716" s="613"/>
      <c r="VIH716" s="613"/>
      <c r="VII716" s="613"/>
      <c r="VIJ716" s="613"/>
      <c r="VIK716" s="613"/>
      <c r="VIL716" s="613"/>
      <c r="VIM716" s="613"/>
      <c r="VIN716" s="613"/>
      <c r="VIO716" s="613"/>
      <c r="VIP716" s="613"/>
      <c r="VIQ716" s="613"/>
      <c r="VIR716" s="613"/>
      <c r="VIS716" s="613"/>
      <c r="VIT716" s="613"/>
      <c r="VIU716" s="613"/>
      <c r="VIV716" s="613"/>
      <c r="VIW716" s="613"/>
      <c r="VIX716" s="613"/>
      <c r="VIY716" s="613"/>
      <c r="VIZ716" s="613"/>
      <c r="VJA716" s="613"/>
      <c r="VJB716" s="613"/>
      <c r="VJC716" s="613"/>
      <c r="VJD716" s="613"/>
      <c r="VJE716" s="613"/>
      <c r="VJF716" s="613"/>
      <c r="VJG716" s="613"/>
      <c r="VJH716" s="613"/>
      <c r="VJI716" s="613"/>
      <c r="VJJ716" s="613"/>
      <c r="VJK716" s="613"/>
      <c r="VJL716" s="613"/>
      <c r="VJM716" s="613"/>
      <c r="VJN716" s="613"/>
      <c r="VJO716" s="613"/>
      <c r="VJP716" s="613"/>
      <c r="VJQ716" s="613"/>
      <c r="VJR716" s="613"/>
      <c r="VJS716" s="613"/>
      <c r="VJT716" s="613"/>
      <c r="VJU716" s="613"/>
      <c r="VJV716" s="613"/>
      <c r="VJW716" s="613"/>
      <c r="VJX716" s="613"/>
      <c r="VJY716" s="613"/>
      <c r="VJZ716" s="613"/>
      <c r="VKA716" s="613"/>
      <c r="VKB716" s="613"/>
      <c r="VKC716" s="613"/>
      <c r="VKD716" s="613"/>
      <c r="VKE716" s="613"/>
      <c r="VKF716" s="613"/>
      <c r="VKG716" s="613"/>
      <c r="VKH716" s="613"/>
      <c r="VKI716" s="613"/>
      <c r="VKJ716" s="613"/>
      <c r="VKK716" s="613"/>
      <c r="VKL716" s="613"/>
      <c r="VKM716" s="613"/>
      <c r="VKN716" s="613"/>
      <c r="VKO716" s="613"/>
      <c r="VKP716" s="613"/>
      <c r="VKQ716" s="613"/>
      <c r="VKR716" s="613"/>
      <c r="VKS716" s="613"/>
      <c r="VKT716" s="613"/>
      <c r="VKU716" s="613"/>
      <c r="VKV716" s="613"/>
      <c r="VKW716" s="613"/>
      <c r="VKX716" s="613"/>
      <c r="VKY716" s="613"/>
      <c r="VKZ716" s="613"/>
      <c r="VLA716" s="613"/>
      <c r="VLB716" s="613"/>
      <c r="VLC716" s="613"/>
      <c r="VLD716" s="613"/>
      <c r="VLE716" s="613"/>
      <c r="VLF716" s="613"/>
      <c r="VLG716" s="613"/>
      <c r="VLH716" s="613"/>
      <c r="VLI716" s="613"/>
      <c r="VLJ716" s="613"/>
      <c r="VLK716" s="613"/>
      <c r="VLL716" s="613"/>
      <c r="VLM716" s="613"/>
      <c r="VLN716" s="613"/>
      <c r="VLO716" s="613"/>
      <c r="VLP716" s="613"/>
      <c r="VLQ716" s="613"/>
      <c r="VLR716" s="613"/>
      <c r="VLS716" s="613"/>
      <c r="VLT716" s="613"/>
      <c r="VLU716" s="613"/>
      <c r="VLV716" s="613"/>
      <c r="VLW716" s="613"/>
      <c r="VLX716" s="613"/>
      <c r="VLY716" s="613"/>
      <c r="VLZ716" s="613"/>
      <c r="VMA716" s="613"/>
      <c r="VMB716" s="613"/>
      <c r="VMC716" s="613"/>
      <c r="VMD716" s="613"/>
      <c r="VME716" s="613"/>
      <c r="VMF716" s="613"/>
      <c r="VMG716" s="613"/>
      <c r="VMH716" s="613"/>
      <c r="VMI716" s="613"/>
      <c r="VMJ716" s="613"/>
      <c r="VMK716" s="613"/>
      <c r="VML716" s="613"/>
      <c r="VMM716" s="613"/>
      <c r="VMN716" s="613"/>
      <c r="VMO716" s="613"/>
      <c r="VMP716" s="613"/>
      <c r="VMQ716" s="613"/>
      <c r="VMR716" s="613"/>
      <c r="VMS716" s="613"/>
      <c r="VMT716" s="613"/>
      <c r="VMU716" s="613"/>
      <c r="VMV716" s="613"/>
      <c r="VMW716" s="613"/>
      <c r="VMX716" s="613"/>
      <c r="VMY716" s="613"/>
      <c r="VMZ716" s="613"/>
      <c r="VNA716" s="613"/>
      <c r="VNB716" s="613"/>
      <c r="VNC716" s="613"/>
      <c r="VND716" s="613"/>
      <c r="VNE716" s="613"/>
      <c r="VNF716" s="613"/>
      <c r="VNG716" s="613"/>
      <c r="VNH716" s="613"/>
      <c r="VNI716" s="613"/>
      <c r="VNJ716" s="613"/>
      <c r="VNK716" s="613"/>
      <c r="VNL716" s="613"/>
      <c r="VNM716" s="613"/>
      <c r="VNN716" s="613"/>
      <c r="VNO716" s="613"/>
      <c r="VNP716" s="613"/>
      <c r="VNQ716" s="613"/>
      <c r="VNR716" s="613"/>
      <c r="VNS716" s="613"/>
      <c r="VNT716" s="613"/>
      <c r="VNU716" s="613"/>
      <c r="VNV716" s="613"/>
      <c r="VNW716" s="613"/>
      <c r="VNX716" s="613"/>
      <c r="VNY716" s="613"/>
      <c r="VNZ716" s="613"/>
      <c r="VOA716" s="613"/>
      <c r="VOB716" s="613"/>
      <c r="VOC716" s="613"/>
      <c r="VOD716" s="613"/>
      <c r="VOE716" s="613"/>
      <c r="VOF716" s="613"/>
      <c r="VOG716" s="613"/>
      <c r="VOH716" s="613"/>
      <c r="VOI716" s="613"/>
      <c r="VOJ716" s="613"/>
      <c r="VOK716" s="613"/>
      <c r="VOL716" s="613"/>
      <c r="VOM716" s="613"/>
      <c r="VON716" s="613"/>
      <c r="VOO716" s="613"/>
      <c r="VOP716" s="613"/>
      <c r="VOQ716" s="613"/>
      <c r="VOR716" s="613"/>
      <c r="VOS716" s="613"/>
      <c r="VOT716" s="613"/>
      <c r="VOU716" s="613"/>
      <c r="VOV716" s="613"/>
      <c r="VOW716" s="613"/>
      <c r="VOX716" s="613"/>
      <c r="VOY716" s="613"/>
      <c r="VOZ716" s="613"/>
      <c r="VPA716" s="613"/>
      <c r="VPB716" s="613"/>
      <c r="VPC716" s="613"/>
      <c r="VPD716" s="613"/>
      <c r="VPE716" s="613"/>
      <c r="VPF716" s="613"/>
      <c r="VPG716" s="613"/>
      <c r="VPH716" s="613"/>
      <c r="VPI716" s="613"/>
      <c r="VPJ716" s="613"/>
      <c r="VPK716" s="613"/>
      <c r="VPL716" s="613"/>
      <c r="VPM716" s="613"/>
      <c r="VPN716" s="613"/>
      <c r="VPO716" s="613"/>
      <c r="VPP716" s="613"/>
      <c r="VPQ716" s="613"/>
      <c r="VPR716" s="613"/>
      <c r="VPS716" s="613"/>
      <c r="VPT716" s="613"/>
      <c r="VPU716" s="613"/>
      <c r="VPV716" s="613"/>
      <c r="VPW716" s="613"/>
      <c r="VPX716" s="613"/>
      <c r="VPY716" s="613"/>
      <c r="VPZ716" s="613"/>
      <c r="VQA716" s="613"/>
      <c r="VQB716" s="613"/>
      <c r="VQC716" s="613"/>
      <c r="VQD716" s="613"/>
      <c r="VQE716" s="613"/>
      <c r="VQF716" s="613"/>
      <c r="VQG716" s="613"/>
      <c r="VQH716" s="613"/>
      <c r="VQI716" s="613"/>
      <c r="VQJ716" s="613"/>
      <c r="VQK716" s="613"/>
      <c r="VQL716" s="613"/>
      <c r="VQM716" s="613"/>
      <c r="VQN716" s="613"/>
      <c r="VQO716" s="613"/>
      <c r="VQP716" s="613"/>
      <c r="VQQ716" s="613"/>
      <c r="VQR716" s="613"/>
      <c r="VQS716" s="613"/>
      <c r="VQT716" s="613"/>
      <c r="VQU716" s="613"/>
      <c r="VQV716" s="613"/>
      <c r="VQW716" s="613"/>
      <c r="VQX716" s="613"/>
      <c r="VQY716" s="613"/>
      <c r="VQZ716" s="613"/>
      <c r="VRA716" s="613"/>
      <c r="VRB716" s="613"/>
      <c r="VRC716" s="613"/>
      <c r="VRD716" s="613"/>
      <c r="VRE716" s="613"/>
      <c r="VRF716" s="613"/>
      <c r="VRG716" s="613"/>
      <c r="VRH716" s="613"/>
      <c r="VRI716" s="613"/>
      <c r="VRJ716" s="613"/>
      <c r="VRK716" s="613"/>
      <c r="VRL716" s="613"/>
      <c r="VRM716" s="613"/>
      <c r="VRN716" s="613"/>
      <c r="VRO716" s="613"/>
      <c r="VRP716" s="613"/>
      <c r="VRQ716" s="613"/>
      <c r="VRR716" s="613"/>
      <c r="VRS716" s="613"/>
      <c r="VRT716" s="613"/>
      <c r="VRU716" s="613"/>
      <c r="VRV716" s="613"/>
      <c r="VRW716" s="613"/>
      <c r="VRX716" s="613"/>
      <c r="VRY716" s="613"/>
      <c r="VRZ716" s="613"/>
      <c r="VSA716" s="613"/>
      <c r="VSB716" s="613"/>
      <c r="VSC716" s="613"/>
      <c r="VSD716" s="613"/>
      <c r="VSE716" s="613"/>
      <c r="VSF716" s="613"/>
      <c r="VSG716" s="613"/>
      <c r="VSH716" s="613"/>
      <c r="VSI716" s="613"/>
      <c r="VSJ716" s="613"/>
      <c r="VSK716" s="613"/>
      <c r="VSL716" s="613"/>
      <c r="VSM716" s="613"/>
      <c r="VSN716" s="613"/>
      <c r="VSO716" s="613"/>
      <c r="VSP716" s="613"/>
      <c r="VSQ716" s="613"/>
      <c r="VSR716" s="613"/>
      <c r="VSS716" s="613"/>
      <c r="VST716" s="613"/>
      <c r="VSU716" s="613"/>
      <c r="VSV716" s="613"/>
      <c r="VSW716" s="613"/>
      <c r="VSX716" s="613"/>
      <c r="VSY716" s="613"/>
      <c r="VSZ716" s="613"/>
      <c r="VTA716" s="613"/>
      <c r="VTB716" s="613"/>
      <c r="VTC716" s="613"/>
      <c r="VTD716" s="613"/>
      <c r="VTE716" s="613"/>
      <c r="VTF716" s="613"/>
      <c r="VTG716" s="613"/>
      <c r="VTH716" s="613"/>
      <c r="VTI716" s="613"/>
      <c r="VTJ716" s="613"/>
      <c r="VTK716" s="613"/>
      <c r="VTL716" s="613"/>
      <c r="VTM716" s="613"/>
      <c r="VTN716" s="613"/>
      <c r="VTO716" s="613"/>
      <c r="VTP716" s="613"/>
      <c r="VTQ716" s="613"/>
      <c r="VTR716" s="613"/>
      <c r="VTS716" s="613"/>
      <c r="VTT716" s="613"/>
      <c r="VTU716" s="613"/>
      <c r="VTV716" s="613"/>
      <c r="VTW716" s="613"/>
      <c r="VTX716" s="613"/>
      <c r="VTY716" s="613"/>
      <c r="VTZ716" s="613"/>
      <c r="VUA716" s="613"/>
      <c r="VUB716" s="613"/>
      <c r="VUC716" s="613"/>
      <c r="VUD716" s="613"/>
      <c r="VUE716" s="613"/>
      <c r="VUF716" s="613"/>
      <c r="VUG716" s="613"/>
      <c r="VUH716" s="613"/>
      <c r="VUI716" s="613"/>
      <c r="VUJ716" s="613"/>
      <c r="VUK716" s="613"/>
      <c r="VUL716" s="613"/>
      <c r="VUM716" s="613"/>
      <c r="VUN716" s="613"/>
      <c r="VUO716" s="613"/>
      <c r="VUP716" s="613"/>
      <c r="VUQ716" s="613"/>
      <c r="VUR716" s="613"/>
      <c r="VUS716" s="613"/>
      <c r="VUT716" s="613"/>
      <c r="VUU716" s="613"/>
      <c r="VUV716" s="613"/>
      <c r="VUW716" s="613"/>
      <c r="VUX716" s="613"/>
      <c r="VUY716" s="613"/>
      <c r="VUZ716" s="613"/>
      <c r="VVA716" s="613"/>
      <c r="VVB716" s="613"/>
      <c r="VVC716" s="613"/>
      <c r="VVD716" s="613"/>
      <c r="VVE716" s="613"/>
      <c r="VVF716" s="613"/>
      <c r="VVG716" s="613"/>
      <c r="VVH716" s="613"/>
      <c r="VVI716" s="613"/>
      <c r="VVJ716" s="613"/>
      <c r="VVK716" s="613"/>
      <c r="VVL716" s="613"/>
      <c r="VVM716" s="613"/>
      <c r="VVN716" s="613"/>
      <c r="VVO716" s="613"/>
      <c r="VVP716" s="613"/>
      <c r="VVQ716" s="613"/>
      <c r="VVR716" s="613"/>
      <c r="VVS716" s="613"/>
      <c r="VVT716" s="613"/>
      <c r="VVU716" s="613"/>
      <c r="VVV716" s="613"/>
      <c r="VVW716" s="613"/>
      <c r="VVX716" s="613"/>
      <c r="VVY716" s="613"/>
      <c r="VVZ716" s="613"/>
      <c r="VWA716" s="613"/>
      <c r="VWB716" s="613"/>
      <c r="VWC716" s="613"/>
      <c r="VWD716" s="613"/>
      <c r="VWE716" s="613"/>
      <c r="VWF716" s="613"/>
      <c r="VWG716" s="613"/>
      <c r="VWH716" s="613"/>
      <c r="VWI716" s="613"/>
      <c r="VWJ716" s="613"/>
      <c r="VWK716" s="613"/>
      <c r="VWL716" s="613"/>
      <c r="VWM716" s="613"/>
      <c r="VWN716" s="613"/>
      <c r="VWO716" s="613"/>
      <c r="VWP716" s="613"/>
      <c r="VWQ716" s="613"/>
      <c r="VWR716" s="613"/>
      <c r="VWS716" s="613"/>
      <c r="VWT716" s="613"/>
      <c r="VWU716" s="613"/>
      <c r="VWV716" s="613"/>
      <c r="VWW716" s="613"/>
      <c r="VWX716" s="613"/>
      <c r="VWY716" s="613"/>
      <c r="VWZ716" s="613"/>
      <c r="VXA716" s="613"/>
      <c r="VXB716" s="613"/>
      <c r="VXC716" s="613"/>
      <c r="VXD716" s="613"/>
      <c r="VXE716" s="613"/>
      <c r="VXF716" s="613"/>
      <c r="VXG716" s="613"/>
      <c r="VXH716" s="613"/>
      <c r="VXI716" s="613"/>
      <c r="VXJ716" s="613"/>
      <c r="VXK716" s="613"/>
      <c r="VXL716" s="613"/>
      <c r="VXM716" s="613"/>
      <c r="VXN716" s="613"/>
      <c r="VXO716" s="613"/>
      <c r="VXP716" s="613"/>
      <c r="VXQ716" s="613"/>
      <c r="VXR716" s="613"/>
      <c r="VXS716" s="613"/>
      <c r="VXT716" s="613"/>
      <c r="VXU716" s="613"/>
      <c r="VXV716" s="613"/>
      <c r="VXW716" s="613"/>
      <c r="VXX716" s="613"/>
      <c r="VXY716" s="613"/>
      <c r="VXZ716" s="613"/>
      <c r="VYA716" s="613"/>
      <c r="VYB716" s="613"/>
      <c r="VYC716" s="613"/>
      <c r="VYD716" s="613"/>
      <c r="VYE716" s="613"/>
      <c r="VYF716" s="613"/>
      <c r="VYG716" s="613"/>
      <c r="VYH716" s="613"/>
      <c r="VYI716" s="613"/>
      <c r="VYJ716" s="613"/>
      <c r="VYK716" s="613"/>
      <c r="VYL716" s="613"/>
      <c r="VYM716" s="613"/>
      <c r="VYN716" s="613"/>
      <c r="VYO716" s="613"/>
      <c r="VYP716" s="613"/>
      <c r="VYQ716" s="613"/>
      <c r="VYR716" s="613"/>
      <c r="VYS716" s="613"/>
      <c r="VYT716" s="613"/>
      <c r="VYU716" s="613"/>
      <c r="VYV716" s="613"/>
      <c r="VYW716" s="613"/>
      <c r="VYX716" s="613"/>
      <c r="VYY716" s="613"/>
      <c r="VYZ716" s="613"/>
      <c r="VZA716" s="613"/>
      <c r="VZB716" s="613"/>
      <c r="VZC716" s="613"/>
      <c r="VZD716" s="613"/>
      <c r="VZE716" s="613"/>
      <c r="VZF716" s="613"/>
      <c r="VZG716" s="613"/>
      <c r="VZH716" s="613"/>
      <c r="VZI716" s="613"/>
      <c r="VZJ716" s="613"/>
      <c r="VZK716" s="613"/>
      <c r="VZL716" s="613"/>
      <c r="VZM716" s="613"/>
      <c r="VZN716" s="613"/>
      <c r="VZO716" s="613"/>
      <c r="VZP716" s="613"/>
      <c r="VZQ716" s="613"/>
      <c r="VZR716" s="613"/>
      <c r="VZS716" s="613"/>
      <c r="VZT716" s="613"/>
      <c r="VZU716" s="613"/>
      <c r="VZV716" s="613"/>
      <c r="VZW716" s="613"/>
      <c r="VZX716" s="613"/>
      <c r="VZY716" s="613"/>
      <c r="VZZ716" s="613"/>
      <c r="WAA716" s="613"/>
      <c r="WAB716" s="613"/>
      <c r="WAC716" s="613"/>
      <c r="WAD716" s="613"/>
      <c r="WAE716" s="613"/>
      <c r="WAF716" s="613"/>
      <c r="WAG716" s="613"/>
      <c r="WAH716" s="613"/>
      <c r="WAI716" s="613"/>
      <c r="WAJ716" s="613"/>
      <c r="WAK716" s="613"/>
      <c r="WAL716" s="613"/>
      <c r="WAM716" s="613"/>
      <c r="WAN716" s="613"/>
      <c r="WAO716" s="613"/>
      <c r="WAP716" s="613"/>
      <c r="WAQ716" s="613"/>
      <c r="WAR716" s="613"/>
      <c r="WAS716" s="613"/>
      <c r="WAT716" s="613"/>
      <c r="WAU716" s="613"/>
      <c r="WAV716" s="613"/>
      <c r="WAW716" s="613"/>
      <c r="WAX716" s="613"/>
      <c r="WAY716" s="613"/>
      <c r="WAZ716" s="613"/>
      <c r="WBA716" s="613"/>
      <c r="WBB716" s="613"/>
      <c r="WBC716" s="613"/>
      <c r="WBD716" s="613"/>
      <c r="WBE716" s="613"/>
      <c r="WBF716" s="613"/>
      <c r="WBG716" s="613"/>
      <c r="WBH716" s="613"/>
      <c r="WBI716" s="613"/>
      <c r="WBJ716" s="613"/>
      <c r="WBK716" s="613"/>
      <c r="WBL716" s="613"/>
      <c r="WBM716" s="613"/>
      <c r="WBN716" s="613"/>
      <c r="WBO716" s="613"/>
      <c r="WBP716" s="613"/>
      <c r="WBQ716" s="613"/>
      <c r="WBR716" s="613"/>
      <c r="WBS716" s="613"/>
      <c r="WBT716" s="613"/>
      <c r="WBU716" s="613"/>
      <c r="WBV716" s="613"/>
      <c r="WBW716" s="613"/>
      <c r="WBX716" s="613"/>
      <c r="WBY716" s="613"/>
      <c r="WBZ716" s="613"/>
      <c r="WCA716" s="613"/>
      <c r="WCB716" s="613"/>
      <c r="WCC716" s="613"/>
      <c r="WCD716" s="613"/>
      <c r="WCE716" s="613"/>
      <c r="WCF716" s="613"/>
      <c r="WCG716" s="613"/>
      <c r="WCH716" s="613"/>
      <c r="WCI716" s="613"/>
      <c r="WCJ716" s="613"/>
      <c r="WCK716" s="613"/>
      <c r="WCL716" s="613"/>
      <c r="WCM716" s="613"/>
      <c r="WCN716" s="613"/>
      <c r="WCO716" s="613"/>
      <c r="WCP716" s="613"/>
      <c r="WCQ716" s="613"/>
      <c r="WCR716" s="613"/>
      <c r="WCS716" s="613"/>
      <c r="WCT716" s="613"/>
      <c r="WCU716" s="613"/>
      <c r="WCV716" s="613"/>
      <c r="WCW716" s="613"/>
      <c r="WCX716" s="613"/>
      <c r="WCY716" s="613"/>
      <c r="WCZ716" s="613"/>
      <c r="WDA716" s="613"/>
      <c r="WDB716" s="613"/>
      <c r="WDC716" s="613"/>
      <c r="WDD716" s="613"/>
      <c r="WDE716" s="613"/>
      <c r="WDF716" s="613"/>
      <c r="WDG716" s="613"/>
      <c r="WDH716" s="613"/>
      <c r="WDI716" s="613"/>
      <c r="WDJ716" s="613"/>
      <c r="WDK716" s="613"/>
      <c r="WDL716" s="613"/>
      <c r="WDM716" s="613"/>
      <c r="WDN716" s="613"/>
      <c r="WDO716" s="613"/>
      <c r="WDP716" s="613"/>
      <c r="WDQ716" s="613"/>
      <c r="WDR716" s="613"/>
      <c r="WDS716" s="613"/>
      <c r="WDT716" s="613"/>
      <c r="WDU716" s="613"/>
      <c r="WDV716" s="613"/>
      <c r="WDW716" s="613"/>
      <c r="WDX716" s="613"/>
      <c r="WDY716" s="613"/>
      <c r="WDZ716" s="613"/>
      <c r="WEA716" s="613"/>
      <c r="WEB716" s="613"/>
      <c r="WEC716" s="613"/>
      <c r="WED716" s="613"/>
      <c r="WEE716" s="613"/>
      <c r="WEF716" s="613"/>
      <c r="WEG716" s="613"/>
      <c r="WEH716" s="613"/>
      <c r="WEI716" s="613"/>
      <c r="WEJ716" s="613"/>
      <c r="WEK716" s="613"/>
      <c r="WEL716" s="613"/>
      <c r="WEM716" s="613"/>
      <c r="WEN716" s="613"/>
      <c r="WEO716" s="613"/>
      <c r="WEP716" s="613"/>
      <c r="WEQ716" s="613"/>
      <c r="WER716" s="613"/>
      <c r="WES716" s="613"/>
      <c r="WET716" s="613"/>
      <c r="WEU716" s="613"/>
      <c r="WEV716" s="613"/>
      <c r="WEW716" s="613"/>
      <c r="WEX716" s="613"/>
      <c r="WEY716" s="613"/>
      <c r="WEZ716" s="613"/>
      <c r="WFA716" s="613"/>
      <c r="WFB716" s="613"/>
      <c r="WFC716" s="613"/>
      <c r="WFD716" s="613"/>
      <c r="WFE716" s="613"/>
      <c r="WFF716" s="613"/>
      <c r="WFG716" s="613"/>
      <c r="WFH716" s="613"/>
      <c r="WFI716" s="613"/>
      <c r="WFJ716" s="613"/>
      <c r="WFK716" s="613"/>
      <c r="WFL716" s="613"/>
      <c r="WFM716" s="613"/>
      <c r="WFN716" s="613"/>
      <c r="WFO716" s="613"/>
      <c r="WFP716" s="613"/>
      <c r="WFQ716" s="613"/>
      <c r="WFR716" s="613"/>
      <c r="WFS716" s="613"/>
      <c r="WFT716" s="613"/>
      <c r="WFU716" s="613"/>
      <c r="WFV716" s="613"/>
      <c r="WFW716" s="613"/>
      <c r="WFX716" s="613"/>
      <c r="WFY716" s="613"/>
      <c r="WFZ716" s="613"/>
      <c r="WGA716" s="613"/>
      <c r="WGB716" s="613"/>
      <c r="WGC716" s="613"/>
      <c r="WGD716" s="613"/>
      <c r="WGE716" s="613"/>
      <c r="WGF716" s="613"/>
      <c r="WGG716" s="613"/>
      <c r="WGH716" s="613"/>
      <c r="WGI716" s="613"/>
      <c r="WGJ716" s="613"/>
      <c r="WGK716" s="613"/>
      <c r="WGL716" s="613"/>
      <c r="WGM716" s="613"/>
      <c r="WGN716" s="613"/>
      <c r="WGO716" s="613"/>
      <c r="WGP716" s="613"/>
      <c r="WGQ716" s="613"/>
      <c r="WGR716" s="613"/>
      <c r="WGS716" s="613"/>
      <c r="WGT716" s="613"/>
      <c r="WGU716" s="613"/>
      <c r="WGV716" s="613"/>
      <c r="WGW716" s="613"/>
      <c r="WGX716" s="613"/>
      <c r="WGY716" s="613"/>
      <c r="WGZ716" s="613"/>
      <c r="WHA716" s="613"/>
      <c r="WHB716" s="613"/>
      <c r="WHC716" s="613"/>
      <c r="WHD716" s="613"/>
      <c r="WHE716" s="613"/>
      <c r="WHF716" s="613"/>
      <c r="WHG716" s="613"/>
      <c r="WHH716" s="613"/>
      <c r="WHI716" s="613"/>
      <c r="WHJ716" s="613"/>
      <c r="WHK716" s="613"/>
      <c r="WHL716" s="613"/>
      <c r="WHM716" s="613"/>
      <c r="WHN716" s="613"/>
      <c r="WHO716" s="613"/>
      <c r="WHP716" s="613"/>
      <c r="WHQ716" s="613"/>
      <c r="WHR716" s="613"/>
      <c r="WHS716" s="613"/>
      <c r="WHT716" s="613"/>
      <c r="WHU716" s="613"/>
      <c r="WHV716" s="613"/>
      <c r="WHW716" s="613"/>
      <c r="WHX716" s="613"/>
      <c r="WHY716" s="613"/>
      <c r="WHZ716" s="613"/>
      <c r="WIA716" s="613"/>
      <c r="WIB716" s="613"/>
      <c r="WIC716" s="613"/>
      <c r="WID716" s="613"/>
      <c r="WIE716" s="613"/>
      <c r="WIF716" s="613"/>
      <c r="WIG716" s="613"/>
      <c r="WIH716" s="613"/>
      <c r="WII716" s="613"/>
      <c r="WIJ716" s="613"/>
      <c r="WIK716" s="613"/>
      <c r="WIL716" s="613"/>
      <c r="WIM716" s="613"/>
      <c r="WIN716" s="613"/>
      <c r="WIO716" s="613"/>
      <c r="WIP716" s="613"/>
      <c r="WIQ716" s="613"/>
      <c r="WIR716" s="613"/>
      <c r="WIS716" s="613"/>
      <c r="WIT716" s="613"/>
      <c r="WIU716" s="613"/>
      <c r="WIV716" s="613"/>
      <c r="WIW716" s="613"/>
      <c r="WIX716" s="613"/>
      <c r="WIY716" s="613"/>
      <c r="WIZ716" s="613"/>
      <c r="WJA716" s="613"/>
      <c r="WJB716" s="613"/>
      <c r="WJC716" s="613"/>
      <c r="WJD716" s="613"/>
      <c r="WJE716" s="613"/>
      <c r="WJF716" s="613"/>
      <c r="WJG716" s="613"/>
      <c r="WJH716" s="613"/>
      <c r="WJI716" s="613"/>
      <c r="WJJ716" s="613"/>
      <c r="WJK716" s="613"/>
      <c r="WJL716" s="613"/>
      <c r="WJM716" s="613"/>
      <c r="WJN716" s="613"/>
      <c r="WJO716" s="613"/>
      <c r="WJP716" s="613"/>
      <c r="WJQ716" s="613"/>
      <c r="WJR716" s="613"/>
      <c r="WJS716" s="613"/>
      <c r="WJT716" s="613"/>
      <c r="WJU716" s="613"/>
      <c r="WJV716" s="613"/>
      <c r="WJW716" s="613"/>
      <c r="WJX716" s="613"/>
      <c r="WJY716" s="613"/>
      <c r="WJZ716" s="613"/>
      <c r="WKA716" s="613"/>
      <c r="WKB716" s="613"/>
      <c r="WKC716" s="613"/>
      <c r="WKD716" s="613"/>
      <c r="WKE716" s="613"/>
      <c r="WKF716" s="613"/>
      <c r="WKG716" s="613"/>
      <c r="WKH716" s="613"/>
      <c r="WKI716" s="613"/>
      <c r="WKJ716" s="613"/>
      <c r="WKK716" s="613"/>
      <c r="WKL716" s="613"/>
      <c r="WKM716" s="613"/>
      <c r="WKN716" s="613"/>
      <c r="WKO716" s="613"/>
      <c r="WKP716" s="613"/>
      <c r="WKQ716" s="613"/>
      <c r="WKR716" s="613"/>
      <c r="WKS716" s="613"/>
      <c r="WKT716" s="613"/>
      <c r="WKU716" s="613"/>
      <c r="WKV716" s="613"/>
      <c r="WKW716" s="613"/>
      <c r="WKX716" s="613"/>
      <c r="WKY716" s="613"/>
      <c r="WKZ716" s="613"/>
      <c r="WLA716" s="613"/>
      <c r="WLB716" s="613"/>
      <c r="WLC716" s="613"/>
      <c r="WLD716" s="613"/>
      <c r="WLE716" s="613"/>
      <c r="WLF716" s="613"/>
      <c r="WLG716" s="613"/>
      <c r="WLH716" s="613"/>
      <c r="WLI716" s="613"/>
      <c r="WLJ716" s="613"/>
      <c r="WLK716" s="613"/>
      <c r="WLL716" s="613"/>
      <c r="WLM716" s="613"/>
      <c r="WLN716" s="613"/>
      <c r="WLO716" s="613"/>
      <c r="WLP716" s="613"/>
      <c r="WLQ716" s="613"/>
      <c r="WLR716" s="613"/>
      <c r="WLS716" s="613"/>
      <c r="WLT716" s="613"/>
      <c r="WLU716" s="613"/>
      <c r="WLV716" s="613"/>
      <c r="WLW716" s="613"/>
      <c r="WLX716" s="613"/>
      <c r="WLY716" s="613"/>
      <c r="WLZ716" s="613"/>
      <c r="WMA716" s="613"/>
      <c r="WMB716" s="613"/>
      <c r="WMC716" s="613"/>
      <c r="WMD716" s="613"/>
      <c r="WME716" s="613"/>
      <c r="WMF716" s="613"/>
      <c r="WMG716" s="613"/>
      <c r="WMH716" s="613"/>
      <c r="WMI716" s="613"/>
      <c r="WMJ716" s="613"/>
      <c r="WMK716" s="613"/>
      <c r="WML716" s="613"/>
      <c r="WMM716" s="613"/>
      <c r="WMN716" s="613"/>
      <c r="WMO716" s="613"/>
      <c r="WMP716" s="613"/>
      <c r="WMQ716" s="613"/>
      <c r="WMR716" s="613"/>
      <c r="WMS716" s="613"/>
      <c r="WMT716" s="613"/>
      <c r="WMU716" s="613"/>
      <c r="WMV716" s="613"/>
      <c r="WMW716" s="613"/>
      <c r="WMX716" s="613"/>
      <c r="WMY716" s="613"/>
      <c r="WMZ716" s="613"/>
      <c r="WNA716" s="613"/>
      <c r="WNB716" s="613"/>
      <c r="WNC716" s="613"/>
      <c r="WND716" s="613"/>
      <c r="WNE716" s="613"/>
      <c r="WNF716" s="613"/>
      <c r="WNG716" s="613"/>
      <c r="WNH716" s="613"/>
      <c r="WNI716" s="613"/>
      <c r="WNJ716" s="613"/>
      <c r="WNK716" s="613"/>
      <c r="WNL716" s="613"/>
      <c r="WNM716" s="613"/>
      <c r="WNN716" s="613"/>
      <c r="WNO716" s="613"/>
      <c r="WNP716" s="613"/>
      <c r="WNQ716" s="613"/>
      <c r="WNR716" s="613"/>
      <c r="WNS716" s="613"/>
      <c r="WNT716" s="613"/>
      <c r="WNU716" s="613"/>
      <c r="WNV716" s="613"/>
      <c r="WNW716" s="613"/>
      <c r="WNX716" s="613"/>
      <c r="WNY716" s="613"/>
      <c r="WNZ716" s="613"/>
      <c r="WOA716" s="613"/>
      <c r="WOB716" s="613"/>
      <c r="WOC716" s="613"/>
      <c r="WOD716" s="613"/>
      <c r="WOE716" s="613"/>
      <c r="WOF716" s="613"/>
      <c r="WOG716" s="613"/>
      <c r="WOH716" s="613"/>
      <c r="WOI716" s="613"/>
      <c r="WOJ716" s="613"/>
      <c r="WOK716" s="613"/>
      <c r="WOL716" s="613"/>
      <c r="WOM716" s="613"/>
      <c r="WON716" s="613"/>
      <c r="WOO716" s="613"/>
      <c r="WOP716" s="613"/>
      <c r="WOQ716" s="613"/>
      <c r="WOR716" s="613"/>
      <c r="WOS716" s="613"/>
      <c r="WOT716" s="613"/>
      <c r="WOU716" s="613"/>
      <c r="WOV716" s="613"/>
      <c r="WOW716" s="613"/>
      <c r="WOX716" s="613"/>
      <c r="WOY716" s="613"/>
      <c r="WOZ716" s="613"/>
      <c r="WPA716" s="613"/>
      <c r="WPB716" s="613"/>
      <c r="WPC716" s="613"/>
      <c r="WPD716" s="613"/>
      <c r="WPE716" s="613"/>
      <c r="WPF716" s="613"/>
      <c r="WPG716" s="613"/>
      <c r="WPH716" s="613"/>
      <c r="WPI716" s="613"/>
      <c r="WPJ716" s="613"/>
      <c r="WPK716" s="613"/>
      <c r="WPL716" s="613"/>
      <c r="WPM716" s="613"/>
      <c r="WPN716" s="613"/>
      <c r="WPO716" s="613"/>
      <c r="WPP716" s="613"/>
      <c r="WPQ716" s="613"/>
      <c r="WPR716" s="613"/>
      <c r="WPS716" s="613"/>
      <c r="WPT716" s="613"/>
      <c r="WPU716" s="613"/>
      <c r="WPV716" s="613"/>
      <c r="WPW716" s="613"/>
      <c r="WPX716" s="613"/>
      <c r="WPY716" s="613"/>
      <c r="WPZ716" s="613"/>
      <c r="WQA716" s="613"/>
      <c r="WQB716" s="613"/>
      <c r="WQC716" s="613"/>
      <c r="WQD716" s="613"/>
      <c r="WQE716" s="613"/>
      <c r="WQF716" s="613"/>
      <c r="WQG716" s="613"/>
      <c r="WQH716" s="613"/>
      <c r="WQI716" s="613"/>
      <c r="WQJ716" s="613"/>
      <c r="WQK716" s="613"/>
      <c r="WQL716" s="613"/>
      <c r="WQM716" s="613"/>
      <c r="WQN716" s="613"/>
      <c r="WQO716" s="613"/>
      <c r="WQP716" s="613"/>
      <c r="WQQ716" s="613"/>
      <c r="WQR716" s="613"/>
      <c r="WQS716" s="613"/>
      <c r="WQT716" s="613"/>
      <c r="WQU716" s="613"/>
      <c r="WQV716" s="613"/>
      <c r="WQW716" s="613"/>
      <c r="WQX716" s="613"/>
      <c r="WQY716" s="613"/>
      <c r="WQZ716" s="613"/>
      <c r="WRA716" s="613"/>
      <c r="WRB716" s="613"/>
      <c r="WRC716" s="613"/>
      <c r="WRD716" s="613"/>
      <c r="WRE716" s="613"/>
      <c r="WRF716" s="613"/>
      <c r="WRG716" s="613"/>
      <c r="WRH716" s="613"/>
      <c r="WRI716" s="613"/>
      <c r="WRJ716" s="613"/>
      <c r="WRK716" s="613"/>
      <c r="WRL716" s="613"/>
      <c r="WRM716" s="613"/>
      <c r="WRN716" s="613"/>
      <c r="WRO716" s="613"/>
      <c r="WRP716" s="613"/>
      <c r="WRQ716" s="613"/>
      <c r="WRR716" s="613"/>
      <c r="WRS716" s="613"/>
      <c r="WRT716" s="613"/>
      <c r="WRU716" s="613"/>
      <c r="WRV716" s="613"/>
      <c r="WRW716" s="613"/>
      <c r="WRX716" s="613"/>
      <c r="WRY716" s="613"/>
      <c r="WRZ716" s="613"/>
      <c r="WSA716" s="613"/>
      <c r="WSB716" s="613"/>
      <c r="WSC716" s="613"/>
      <c r="WSD716" s="613"/>
      <c r="WSE716" s="613"/>
      <c r="WSF716" s="613"/>
      <c r="WSG716" s="613"/>
      <c r="WSH716" s="613"/>
      <c r="WSI716" s="613"/>
      <c r="WSJ716" s="613"/>
      <c r="WSK716" s="613"/>
      <c r="WSL716" s="613"/>
      <c r="WSM716" s="613"/>
      <c r="WSN716" s="613"/>
      <c r="WSO716" s="613"/>
      <c r="WSP716" s="613"/>
      <c r="WSQ716" s="613"/>
      <c r="WSR716" s="613"/>
      <c r="WSS716" s="613"/>
      <c r="WST716" s="613"/>
      <c r="WSU716" s="613"/>
      <c r="WSV716" s="613"/>
      <c r="WSW716" s="613"/>
      <c r="WSX716" s="613"/>
      <c r="WSY716" s="613"/>
      <c r="WSZ716" s="613"/>
      <c r="WTA716" s="613"/>
      <c r="WTB716" s="613"/>
      <c r="WTC716" s="613"/>
      <c r="WTD716" s="613"/>
      <c r="WTE716" s="613"/>
      <c r="WTF716" s="613"/>
      <c r="WTG716" s="613"/>
      <c r="WTH716" s="613"/>
      <c r="WTI716" s="613"/>
      <c r="WTJ716" s="613"/>
      <c r="WTK716" s="613"/>
      <c r="WTL716" s="613"/>
      <c r="WTM716" s="613"/>
      <c r="WTN716" s="613"/>
      <c r="WTO716" s="613"/>
      <c r="WTP716" s="613"/>
      <c r="WTQ716" s="613"/>
      <c r="WTR716" s="613"/>
      <c r="WTS716" s="613"/>
      <c r="WTT716" s="613"/>
      <c r="WTU716" s="613"/>
      <c r="WTV716" s="613"/>
      <c r="WTW716" s="613"/>
      <c r="WTX716" s="613"/>
      <c r="WTY716" s="613"/>
      <c r="WTZ716" s="613"/>
      <c r="WUA716" s="613"/>
      <c r="WUB716" s="613"/>
      <c r="WUC716" s="613"/>
      <c r="WUD716" s="613"/>
      <c r="WUE716" s="613"/>
      <c r="WUF716" s="613"/>
      <c r="WUG716" s="613"/>
      <c r="WUH716" s="613"/>
      <c r="WUI716" s="613"/>
      <c r="WUJ716" s="613"/>
      <c r="WUK716" s="613"/>
      <c r="WUL716" s="613"/>
      <c r="WUM716" s="613"/>
      <c r="WUN716" s="613"/>
      <c r="WUO716" s="613"/>
      <c r="WUP716" s="613"/>
      <c r="WUQ716" s="613"/>
      <c r="WUR716" s="613"/>
      <c r="WUS716" s="613"/>
      <c r="WUT716" s="613"/>
      <c r="WUU716" s="613"/>
      <c r="WUV716" s="613"/>
      <c r="WUW716" s="613"/>
      <c r="WUX716" s="613"/>
      <c r="WUY716" s="613"/>
      <c r="WUZ716" s="613"/>
      <c r="WVA716" s="613"/>
      <c r="WVB716" s="613"/>
      <c r="WVC716" s="613"/>
      <c r="WVD716" s="613"/>
      <c r="WVE716" s="613"/>
      <c r="WVF716" s="613"/>
      <c r="WVG716" s="613"/>
      <c r="WVH716" s="613"/>
      <c r="WVI716" s="613"/>
      <c r="WVJ716" s="613"/>
      <c r="WVK716" s="613"/>
      <c r="WVL716" s="613"/>
      <c r="WVM716" s="613"/>
      <c r="WVN716" s="613"/>
      <c r="WVO716" s="613"/>
      <c r="WVP716" s="613"/>
      <c r="WVQ716" s="613"/>
      <c r="WVR716" s="613"/>
      <c r="WVS716" s="613"/>
      <c r="WVT716" s="613"/>
      <c r="WVU716" s="613"/>
      <c r="WVV716" s="613"/>
      <c r="WVW716" s="613"/>
      <c r="WVX716" s="613"/>
      <c r="WVY716" s="613"/>
      <c r="WVZ716" s="613"/>
      <c r="WWA716" s="613"/>
      <c r="WWB716" s="613"/>
      <c r="WWC716" s="613"/>
      <c r="WWD716" s="613"/>
      <c r="WWE716" s="613"/>
      <c r="WWF716" s="613"/>
      <c r="WWG716" s="613"/>
      <c r="WWH716" s="613"/>
      <c r="WWI716" s="613"/>
      <c r="WWJ716" s="613"/>
      <c r="WWK716" s="613"/>
      <c r="WWL716" s="613"/>
      <c r="WWM716" s="613"/>
      <c r="WWN716" s="613"/>
      <c r="WWO716" s="613"/>
      <c r="WWP716" s="613"/>
      <c r="WWQ716" s="613"/>
      <c r="WWR716" s="613"/>
      <c r="WWS716" s="613"/>
      <c r="WWT716" s="613"/>
      <c r="WWU716" s="613"/>
      <c r="WWV716" s="613"/>
      <c r="WWW716" s="613"/>
      <c r="WWX716" s="613"/>
      <c r="WWY716" s="613"/>
      <c r="WWZ716" s="613"/>
      <c r="WXA716" s="613"/>
      <c r="WXB716" s="613"/>
      <c r="WXC716" s="613"/>
      <c r="WXD716" s="613"/>
      <c r="WXE716" s="613"/>
      <c r="WXF716" s="613"/>
      <c r="WXG716" s="613"/>
      <c r="WXH716" s="613"/>
      <c r="WXI716" s="613"/>
      <c r="WXJ716" s="613"/>
      <c r="WXK716" s="613"/>
      <c r="WXL716" s="613"/>
      <c r="WXM716" s="613"/>
      <c r="WXN716" s="613"/>
      <c r="WXO716" s="613"/>
      <c r="WXP716" s="613"/>
      <c r="WXQ716" s="613"/>
      <c r="WXR716" s="613"/>
      <c r="WXS716" s="613"/>
      <c r="WXT716" s="613"/>
      <c r="WXU716" s="613"/>
      <c r="WXV716" s="613"/>
      <c r="WXW716" s="613"/>
      <c r="WXX716" s="613"/>
      <c r="WXY716" s="613"/>
      <c r="WXZ716" s="613"/>
      <c r="WYA716" s="613"/>
      <c r="WYB716" s="613"/>
      <c r="WYC716" s="613"/>
      <c r="WYD716" s="613"/>
      <c r="WYE716" s="613"/>
      <c r="WYF716" s="613"/>
      <c r="WYG716" s="613"/>
      <c r="WYH716" s="613"/>
      <c r="WYI716" s="613"/>
      <c r="WYJ716" s="613"/>
      <c r="WYK716" s="613"/>
      <c r="WYL716" s="613"/>
      <c r="WYM716" s="613"/>
      <c r="WYN716" s="613"/>
      <c r="WYO716" s="613"/>
      <c r="WYP716" s="613"/>
      <c r="WYQ716" s="613"/>
      <c r="WYR716" s="613"/>
      <c r="WYS716" s="613"/>
      <c r="WYT716" s="613"/>
      <c r="WYU716" s="613"/>
      <c r="WYV716" s="613"/>
      <c r="WYW716" s="613"/>
      <c r="WYX716" s="613"/>
      <c r="WYY716" s="613"/>
      <c r="WYZ716" s="613"/>
      <c r="WZA716" s="613"/>
      <c r="WZB716" s="613"/>
      <c r="WZC716" s="613"/>
      <c r="WZD716" s="613"/>
      <c r="WZE716" s="613"/>
      <c r="WZF716" s="613"/>
      <c r="WZG716" s="613"/>
      <c r="WZH716" s="613"/>
      <c r="WZI716" s="613"/>
      <c r="WZJ716" s="613"/>
      <c r="WZK716" s="613"/>
      <c r="WZL716" s="613"/>
      <c r="WZM716" s="613"/>
      <c r="WZN716" s="613"/>
      <c r="WZO716" s="613"/>
      <c r="WZP716" s="613"/>
      <c r="WZQ716" s="613"/>
      <c r="WZR716" s="613"/>
      <c r="WZS716" s="613"/>
      <c r="WZT716" s="613"/>
      <c r="WZU716" s="613"/>
      <c r="WZV716" s="613"/>
      <c r="WZW716" s="613"/>
      <c r="WZX716" s="613"/>
      <c r="WZY716" s="613"/>
      <c r="WZZ716" s="613"/>
      <c r="XAA716" s="613"/>
      <c r="XAB716" s="613"/>
      <c r="XAC716" s="613"/>
      <c r="XAD716" s="613"/>
      <c r="XAE716" s="613"/>
      <c r="XAF716" s="613"/>
      <c r="XAG716" s="613"/>
      <c r="XAH716" s="613"/>
      <c r="XAI716" s="613"/>
      <c r="XAJ716" s="613"/>
      <c r="XAK716" s="613"/>
      <c r="XAL716" s="613"/>
      <c r="XAM716" s="613"/>
      <c r="XAN716" s="613"/>
      <c r="XAO716" s="613"/>
      <c r="XAP716" s="613"/>
      <c r="XAQ716" s="613"/>
      <c r="XAR716" s="613"/>
      <c r="XAS716" s="613"/>
      <c r="XAT716" s="613"/>
      <c r="XAU716" s="613"/>
      <c r="XAV716" s="613"/>
      <c r="XAW716" s="613"/>
      <c r="XAX716" s="613"/>
      <c r="XAY716" s="613"/>
      <c r="XAZ716" s="613"/>
      <c r="XBA716" s="613"/>
      <c r="XBB716" s="613"/>
      <c r="XBC716" s="613"/>
      <c r="XBD716" s="613"/>
      <c r="XBE716" s="613"/>
      <c r="XBF716" s="613"/>
      <c r="XBG716" s="613"/>
      <c r="XBH716" s="613"/>
      <c r="XBI716" s="613"/>
      <c r="XBJ716" s="613"/>
      <c r="XBK716" s="613"/>
      <c r="XBL716" s="613"/>
      <c r="XBM716" s="613"/>
      <c r="XBN716" s="613"/>
      <c r="XBO716" s="613"/>
      <c r="XBP716" s="613"/>
      <c r="XBQ716" s="613"/>
      <c r="XBR716" s="613"/>
      <c r="XBS716" s="613"/>
      <c r="XBT716" s="613"/>
      <c r="XBU716" s="613"/>
      <c r="XBV716" s="613"/>
      <c r="XBW716" s="613"/>
      <c r="XBX716" s="613"/>
      <c r="XBY716" s="613"/>
      <c r="XBZ716" s="613"/>
      <c r="XCA716" s="613"/>
      <c r="XCB716" s="613"/>
      <c r="XCC716" s="613"/>
      <c r="XCD716" s="613"/>
      <c r="XCE716" s="613"/>
      <c r="XCF716" s="613"/>
      <c r="XCG716" s="613"/>
      <c r="XCH716" s="613"/>
      <c r="XCI716" s="613"/>
      <c r="XCJ716" s="613"/>
      <c r="XCK716" s="613"/>
      <c r="XCL716" s="613"/>
      <c r="XCM716" s="613"/>
      <c r="XCN716" s="613"/>
      <c r="XCO716" s="613"/>
      <c r="XCP716" s="613"/>
      <c r="XCQ716" s="613"/>
    </row>
    <row r="717" spans="1:16319" ht="56.1" customHeight="1" x14ac:dyDescent="0.2">
      <c r="A717" s="494"/>
      <c r="B717" s="499"/>
      <c r="C717" s="494"/>
      <c r="D717" s="481">
        <v>286</v>
      </c>
      <c r="E717" s="481"/>
      <c r="F717" s="481" t="s">
        <v>2481</v>
      </c>
      <c r="G717" s="482" t="s">
        <v>53</v>
      </c>
      <c r="H717" s="765" t="s">
        <v>329</v>
      </c>
      <c r="I717" s="654" t="s">
        <v>500</v>
      </c>
      <c r="J717" s="654" t="s">
        <v>501</v>
      </c>
      <c r="K717" s="495" t="s">
        <v>513</v>
      </c>
      <c r="L717" s="767"/>
      <c r="M717" s="484" t="s">
        <v>58</v>
      </c>
      <c r="N717" s="327" t="s">
        <v>2609</v>
      </c>
      <c r="O717" s="484" t="s">
        <v>2996</v>
      </c>
      <c r="P717" s="484" t="s">
        <v>81</v>
      </c>
      <c r="Q717" s="667" t="s">
        <v>334</v>
      </c>
      <c r="R717" s="484" t="s">
        <v>334</v>
      </c>
      <c r="S717" s="484" t="s">
        <v>187</v>
      </c>
      <c r="T717" s="484"/>
      <c r="U717" s="620" t="s">
        <v>63</v>
      </c>
      <c r="V717" s="620" t="s">
        <v>63</v>
      </c>
      <c r="W717" s="723">
        <v>177984</v>
      </c>
      <c r="X717" s="723"/>
      <c r="Y717" s="654" t="s">
        <v>226</v>
      </c>
      <c r="Z717" s="654"/>
      <c r="AA717" s="723">
        <v>177984</v>
      </c>
      <c r="AB717" s="652" t="s">
        <v>82</v>
      </c>
      <c r="AC717" s="652"/>
      <c r="AD717" s="496"/>
      <c r="AE717" s="496"/>
      <c r="AF717" s="496"/>
      <c r="AG717" s="496"/>
      <c r="AH717" s="496"/>
      <c r="AI717" s="487"/>
      <c r="AJ717" s="496"/>
      <c r="AK717" s="496"/>
      <c r="AL717" s="496"/>
      <c r="AM717" s="496"/>
      <c r="AN717" s="496"/>
      <c r="AO717" s="496"/>
      <c r="AP717" s="496"/>
      <c r="AQ717" s="496" t="s">
        <v>66</v>
      </c>
      <c r="AR717" s="496"/>
      <c r="AS717" s="496"/>
      <c r="AT717" s="496"/>
      <c r="AU717" s="487"/>
      <c r="AV717" s="487"/>
      <c r="AW717" s="487"/>
      <c r="AX717" s="487"/>
      <c r="AY717" s="487"/>
      <c r="AZ717" s="487"/>
      <c r="BA717" s="484"/>
      <c r="BB717" s="484"/>
      <c r="BC717" s="484"/>
      <c r="BD717" s="494"/>
      <c r="BE717" s="494"/>
      <c r="BF717" s="613"/>
      <c r="BG717" s="613"/>
      <c r="BH717" s="613"/>
      <c r="BI717" s="613"/>
      <c r="BJ717" s="613"/>
      <c r="BK717" s="613"/>
      <c r="BL717" s="613"/>
      <c r="BM717" s="613"/>
      <c r="BN717" s="613"/>
      <c r="BO717" s="613"/>
      <c r="BP717" s="613"/>
      <c r="BQ717" s="613"/>
      <c r="BR717" s="613"/>
      <c r="BS717" s="613"/>
      <c r="BT717" s="613"/>
      <c r="BU717" s="613"/>
      <c r="BV717" s="613"/>
      <c r="BW717" s="613"/>
      <c r="BX717" s="613"/>
      <c r="BY717" s="613"/>
      <c r="BZ717" s="613"/>
      <c r="CA717" s="613"/>
      <c r="CB717" s="613"/>
      <c r="CC717" s="613"/>
      <c r="CD717" s="613"/>
      <c r="CE717" s="613"/>
      <c r="CF717" s="613"/>
      <c r="CG717" s="613"/>
      <c r="CH717" s="613"/>
      <c r="CI717" s="613"/>
      <c r="CJ717" s="613"/>
      <c r="CK717" s="613"/>
      <c r="CL717" s="613"/>
      <c r="CM717" s="613"/>
      <c r="CN717" s="613"/>
      <c r="CO717" s="613"/>
      <c r="CP717" s="613"/>
      <c r="CQ717" s="613"/>
      <c r="CR717" s="613"/>
      <c r="CS717" s="613"/>
      <c r="CT717" s="613"/>
      <c r="CU717" s="613"/>
      <c r="CV717" s="613"/>
      <c r="CW717" s="613"/>
      <c r="CX717" s="613"/>
      <c r="CY717" s="613"/>
      <c r="CZ717" s="613"/>
      <c r="DA717" s="613"/>
      <c r="DB717" s="613"/>
      <c r="DC717" s="613"/>
      <c r="DD717" s="613"/>
      <c r="DE717" s="613"/>
      <c r="DF717" s="613"/>
      <c r="DG717" s="613"/>
      <c r="DH717" s="613"/>
      <c r="DI717" s="613"/>
      <c r="DJ717" s="613"/>
      <c r="DK717" s="613"/>
      <c r="DL717" s="613"/>
      <c r="DM717" s="613"/>
      <c r="DN717" s="613"/>
      <c r="DO717" s="613"/>
      <c r="DP717" s="613"/>
      <c r="DQ717" s="613"/>
      <c r="DR717" s="613"/>
      <c r="DS717" s="613"/>
      <c r="DT717" s="613"/>
      <c r="DU717" s="613"/>
      <c r="DV717" s="613"/>
      <c r="DW717" s="613"/>
      <c r="DX717" s="613"/>
      <c r="DY717" s="613"/>
      <c r="DZ717" s="613"/>
      <c r="EA717" s="613"/>
      <c r="EB717" s="613"/>
      <c r="EC717" s="613"/>
      <c r="ED717" s="613"/>
      <c r="EE717" s="613"/>
      <c r="EF717" s="613"/>
      <c r="EG717" s="613"/>
      <c r="EH717" s="613"/>
      <c r="EI717" s="613"/>
      <c r="EJ717" s="613"/>
      <c r="EK717" s="613"/>
      <c r="EL717" s="613"/>
      <c r="EM717" s="613"/>
      <c r="EN717" s="613"/>
      <c r="EO717" s="613"/>
      <c r="EP717" s="613"/>
      <c r="EQ717" s="613"/>
      <c r="ER717" s="613"/>
      <c r="ES717" s="613"/>
      <c r="ET717" s="613"/>
      <c r="EU717" s="613"/>
      <c r="EV717" s="613"/>
      <c r="EW717" s="613"/>
      <c r="EX717" s="613"/>
      <c r="EY717" s="613"/>
      <c r="EZ717" s="613"/>
      <c r="FA717" s="613"/>
      <c r="FB717" s="613"/>
      <c r="FC717" s="613"/>
      <c r="FD717" s="613"/>
      <c r="FE717" s="613"/>
      <c r="FF717" s="613"/>
      <c r="FG717" s="613"/>
      <c r="FH717" s="613"/>
      <c r="FI717" s="613"/>
      <c r="FJ717" s="613"/>
      <c r="FK717" s="613"/>
      <c r="FL717" s="613"/>
      <c r="FM717" s="613"/>
      <c r="FN717" s="613"/>
      <c r="FO717" s="613"/>
      <c r="FP717" s="613"/>
      <c r="FQ717" s="613"/>
      <c r="FR717" s="613"/>
      <c r="FS717" s="613"/>
      <c r="FT717" s="613"/>
      <c r="FU717" s="613"/>
      <c r="FV717" s="613"/>
      <c r="FW717" s="613"/>
      <c r="FX717" s="613"/>
      <c r="FY717" s="613"/>
      <c r="FZ717" s="613"/>
      <c r="GA717" s="613"/>
      <c r="GB717" s="613"/>
      <c r="GC717" s="613"/>
      <c r="GD717" s="613"/>
      <c r="GE717" s="613"/>
      <c r="GF717" s="613"/>
      <c r="GG717" s="613"/>
      <c r="GH717" s="613"/>
      <c r="GI717" s="613"/>
      <c r="GJ717" s="613"/>
      <c r="GK717" s="613"/>
      <c r="GL717" s="613"/>
      <c r="GM717" s="613"/>
      <c r="GN717" s="613"/>
      <c r="GO717" s="613"/>
      <c r="GP717" s="613"/>
      <c r="GQ717" s="613"/>
      <c r="GR717" s="613"/>
      <c r="GS717" s="613"/>
      <c r="GT717" s="613"/>
      <c r="GU717" s="613"/>
      <c r="GV717" s="613"/>
      <c r="GW717" s="613"/>
      <c r="GX717" s="613"/>
      <c r="GY717" s="613"/>
      <c r="GZ717" s="613"/>
      <c r="HA717" s="613"/>
      <c r="HB717" s="613"/>
      <c r="HC717" s="613"/>
      <c r="HD717" s="613"/>
      <c r="HE717" s="613"/>
      <c r="HF717" s="613"/>
      <c r="HG717" s="613"/>
      <c r="HH717" s="613"/>
      <c r="HI717" s="613"/>
      <c r="HJ717" s="613"/>
      <c r="HK717" s="613"/>
      <c r="HL717" s="613"/>
      <c r="HM717" s="613"/>
      <c r="HN717" s="613"/>
      <c r="HO717" s="613"/>
      <c r="HP717" s="613"/>
      <c r="HQ717" s="613"/>
      <c r="HR717" s="613"/>
      <c r="HS717" s="613"/>
      <c r="HT717" s="613"/>
      <c r="HU717" s="613"/>
      <c r="HV717" s="613"/>
      <c r="HW717" s="613"/>
      <c r="HX717" s="613"/>
      <c r="HY717" s="613"/>
      <c r="HZ717" s="613"/>
      <c r="IA717" s="613"/>
      <c r="IB717" s="613"/>
      <c r="IC717" s="613"/>
      <c r="ID717" s="613"/>
      <c r="IE717" s="613"/>
      <c r="IF717" s="613"/>
      <c r="IG717" s="613"/>
      <c r="IH717" s="613"/>
      <c r="II717" s="613"/>
      <c r="IJ717" s="613"/>
      <c r="IK717" s="613"/>
      <c r="IL717" s="613"/>
      <c r="IM717" s="613"/>
      <c r="IN717" s="613"/>
      <c r="IO717" s="613"/>
      <c r="IP717" s="613"/>
      <c r="IQ717" s="613"/>
      <c r="IR717" s="613"/>
      <c r="IS717" s="613"/>
      <c r="IT717" s="613"/>
      <c r="IU717" s="613"/>
      <c r="IV717" s="613"/>
      <c r="IW717" s="613"/>
      <c r="IX717" s="613"/>
      <c r="IY717" s="613"/>
      <c r="IZ717" s="613"/>
      <c r="JA717" s="613"/>
      <c r="JB717" s="613"/>
      <c r="JC717" s="613"/>
      <c r="JD717" s="613"/>
      <c r="JE717" s="613"/>
      <c r="JF717" s="613"/>
      <c r="JG717" s="613"/>
      <c r="JH717" s="613"/>
      <c r="JI717" s="613"/>
      <c r="JJ717" s="613"/>
      <c r="JK717" s="613"/>
      <c r="JL717" s="613"/>
      <c r="JM717" s="613"/>
      <c r="JN717" s="613"/>
      <c r="JO717" s="613"/>
      <c r="JP717" s="613"/>
      <c r="JQ717" s="613"/>
      <c r="JR717" s="613"/>
      <c r="JS717" s="613"/>
      <c r="JT717" s="613"/>
      <c r="JU717" s="613"/>
      <c r="JV717" s="613"/>
      <c r="JW717" s="613"/>
      <c r="JX717" s="613"/>
      <c r="JY717" s="613"/>
      <c r="JZ717" s="613"/>
      <c r="KA717" s="613"/>
      <c r="KB717" s="613"/>
      <c r="KC717" s="613"/>
      <c r="KD717" s="613"/>
      <c r="KE717" s="613"/>
      <c r="KF717" s="613"/>
      <c r="KG717" s="613"/>
      <c r="KH717" s="613"/>
      <c r="KI717" s="613"/>
      <c r="KJ717" s="613"/>
      <c r="KK717" s="613"/>
      <c r="KL717" s="613"/>
      <c r="KM717" s="613"/>
      <c r="KN717" s="613"/>
      <c r="KO717" s="613"/>
      <c r="KP717" s="613"/>
      <c r="KQ717" s="613"/>
      <c r="KR717" s="613"/>
      <c r="KS717" s="613"/>
      <c r="KT717" s="613"/>
      <c r="KU717" s="613"/>
      <c r="KV717" s="613"/>
      <c r="KW717" s="613"/>
      <c r="KX717" s="613"/>
      <c r="KY717" s="613"/>
      <c r="KZ717" s="613"/>
      <c r="LA717" s="613"/>
      <c r="LB717" s="613"/>
      <c r="LC717" s="613"/>
      <c r="LD717" s="613"/>
      <c r="LE717" s="613"/>
      <c r="LF717" s="613"/>
      <c r="LG717" s="613"/>
      <c r="LH717" s="613"/>
      <c r="LI717" s="613"/>
      <c r="LJ717" s="613"/>
      <c r="LK717" s="613"/>
      <c r="LL717" s="613"/>
      <c r="LM717" s="613"/>
      <c r="LN717" s="613"/>
      <c r="LO717" s="613"/>
      <c r="LP717" s="613"/>
      <c r="LQ717" s="613"/>
      <c r="LR717" s="613"/>
      <c r="LS717" s="613"/>
      <c r="LT717" s="613"/>
      <c r="LU717" s="613"/>
      <c r="LV717" s="613"/>
      <c r="LW717" s="613"/>
      <c r="LX717" s="613"/>
      <c r="LY717" s="613"/>
      <c r="LZ717" s="613"/>
      <c r="MA717" s="613"/>
      <c r="MB717" s="613"/>
      <c r="MC717" s="613"/>
      <c r="MD717" s="613"/>
      <c r="ME717" s="613"/>
      <c r="MF717" s="613"/>
      <c r="MG717" s="613"/>
      <c r="MH717" s="613"/>
      <c r="MI717" s="613"/>
      <c r="MJ717" s="613"/>
      <c r="MK717" s="613"/>
      <c r="ML717" s="613"/>
      <c r="MM717" s="613"/>
      <c r="MN717" s="613"/>
      <c r="MO717" s="613"/>
      <c r="MP717" s="613"/>
      <c r="MQ717" s="613"/>
      <c r="MR717" s="613"/>
      <c r="MS717" s="613"/>
      <c r="MT717" s="613"/>
      <c r="MU717" s="613"/>
      <c r="MV717" s="613"/>
      <c r="MW717" s="613"/>
      <c r="MX717" s="613"/>
      <c r="MY717" s="613"/>
      <c r="MZ717" s="613"/>
      <c r="NA717" s="613"/>
      <c r="NB717" s="613"/>
      <c r="NC717" s="613"/>
      <c r="ND717" s="613"/>
      <c r="NE717" s="613"/>
      <c r="NF717" s="613"/>
      <c r="NG717" s="613"/>
      <c r="NH717" s="613"/>
      <c r="NI717" s="613"/>
      <c r="NJ717" s="613"/>
      <c r="NK717" s="613"/>
      <c r="NL717" s="613"/>
      <c r="NM717" s="613"/>
      <c r="NN717" s="613"/>
      <c r="NO717" s="613"/>
      <c r="NP717" s="613"/>
      <c r="NQ717" s="613"/>
      <c r="NR717" s="613"/>
      <c r="NS717" s="613"/>
      <c r="NT717" s="613"/>
      <c r="NU717" s="613"/>
      <c r="NV717" s="613"/>
      <c r="NW717" s="613"/>
      <c r="NX717" s="613"/>
      <c r="NY717" s="613"/>
      <c r="NZ717" s="613"/>
      <c r="OA717" s="613"/>
      <c r="OB717" s="613"/>
      <c r="OC717" s="613"/>
      <c r="OD717" s="613"/>
      <c r="OE717" s="613"/>
      <c r="OF717" s="613"/>
      <c r="OG717" s="613"/>
      <c r="OH717" s="613"/>
      <c r="OI717" s="613"/>
      <c r="OJ717" s="613"/>
      <c r="OK717" s="613"/>
      <c r="OL717" s="613"/>
      <c r="OM717" s="613"/>
      <c r="ON717" s="613"/>
      <c r="OO717" s="613"/>
      <c r="OP717" s="613"/>
      <c r="OQ717" s="613"/>
      <c r="OR717" s="613"/>
      <c r="OS717" s="613"/>
      <c r="OT717" s="613"/>
      <c r="OU717" s="613"/>
      <c r="OV717" s="613"/>
      <c r="OW717" s="613"/>
      <c r="OX717" s="613"/>
      <c r="OY717" s="613"/>
      <c r="OZ717" s="613"/>
      <c r="PA717" s="613"/>
      <c r="PB717" s="613"/>
      <c r="PC717" s="613"/>
      <c r="PD717" s="613"/>
      <c r="PE717" s="613"/>
      <c r="PF717" s="613"/>
      <c r="PG717" s="613"/>
      <c r="PH717" s="613"/>
      <c r="PI717" s="613"/>
      <c r="PJ717" s="613"/>
      <c r="PK717" s="613"/>
      <c r="PL717" s="613"/>
      <c r="PM717" s="613"/>
      <c r="PN717" s="613"/>
      <c r="PO717" s="613"/>
      <c r="PP717" s="613"/>
      <c r="PQ717" s="613"/>
      <c r="PR717" s="613"/>
      <c r="PS717" s="613"/>
      <c r="PT717" s="613"/>
      <c r="PU717" s="613"/>
      <c r="PV717" s="613"/>
      <c r="PW717" s="613"/>
      <c r="PX717" s="613"/>
      <c r="PY717" s="613"/>
      <c r="PZ717" s="613"/>
      <c r="QA717" s="613"/>
      <c r="QB717" s="613"/>
      <c r="QC717" s="613"/>
      <c r="QD717" s="613"/>
      <c r="QE717" s="613"/>
      <c r="QF717" s="613"/>
      <c r="QG717" s="613"/>
      <c r="QH717" s="613"/>
      <c r="QI717" s="613"/>
      <c r="QJ717" s="613"/>
      <c r="QK717" s="613"/>
      <c r="QL717" s="613"/>
      <c r="QM717" s="613"/>
      <c r="QN717" s="613"/>
      <c r="QO717" s="613"/>
      <c r="QP717" s="613"/>
      <c r="QQ717" s="613"/>
      <c r="QR717" s="613"/>
      <c r="QS717" s="613"/>
      <c r="QT717" s="613"/>
      <c r="QU717" s="613"/>
      <c r="QV717" s="613"/>
      <c r="QW717" s="613"/>
      <c r="QX717" s="613"/>
      <c r="QY717" s="613"/>
      <c r="QZ717" s="613"/>
      <c r="RA717" s="613"/>
      <c r="RB717" s="613"/>
      <c r="RC717" s="613"/>
      <c r="RD717" s="613"/>
      <c r="RE717" s="613"/>
      <c r="RF717" s="613"/>
      <c r="RG717" s="613"/>
      <c r="RH717" s="613"/>
      <c r="RI717" s="613"/>
      <c r="RJ717" s="613"/>
      <c r="RK717" s="613"/>
      <c r="RL717" s="613"/>
      <c r="RM717" s="613"/>
      <c r="RN717" s="613"/>
      <c r="RO717" s="613"/>
      <c r="RP717" s="613"/>
      <c r="RQ717" s="613"/>
      <c r="RR717" s="613"/>
      <c r="RS717" s="613"/>
      <c r="RT717" s="613"/>
      <c r="RU717" s="613"/>
      <c r="RV717" s="613"/>
      <c r="RW717" s="613"/>
      <c r="RX717" s="613"/>
      <c r="RY717" s="613"/>
      <c r="RZ717" s="613"/>
      <c r="SA717" s="613"/>
      <c r="SB717" s="613"/>
      <c r="SC717" s="613"/>
      <c r="SD717" s="613"/>
      <c r="SE717" s="613"/>
      <c r="SF717" s="613"/>
      <c r="SG717" s="613"/>
      <c r="SH717" s="613"/>
      <c r="SI717" s="613"/>
      <c r="SJ717" s="613"/>
      <c r="SK717" s="613"/>
      <c r="SL717" s="613"/>
      <c r="SM717" s="613"/>
      <c r="SN717" s="613"/>
      <c r="SO717" s="613"/>
      <c r="SP717" s="613"/>
      <c r="SQ717" s="613"/>
      <c r="SR717" s="613"/>
      <c r="SS717" s="613"/>
      <c r="ST717" s="613"/>
      <c r="SU717" s="613"/>
      <c r="SV717" s="613"/>
      <c r="SW717" s="613"/>
      <c r="SX717" s="613"/>
      <c r="SY717" s="613"/>
      <c r="SZ717" s="613"/>
      <c r="TA717" s="613"/>
      <c r="TB717" s="613"/>
      <c r="TC717" s="613"/>
      <c r="TD717" s="613"/>
      <c r="TE717" s="613"/>
      <c r="TF717" s="613"/>
      <c r="TG717" s="613"/>
      <c r="TH717" s="613"/>
      <c r="TI717" s="613"/>
      <c r="TJ717" s="613"/>
      <c r="TK717" s="613"/>
      <c r="TL717" s="613"/>
      <c r="TM717" s="613"/>
      <c r="TN717" s="613"/>
      <c r="TO717" s="613"/>
      <c r="TP717" s="613"/>
      <c r="TQ717" s="613"/>
      <c r="TR717" s="613"/>
      <c r="TS717" s="613"/>
      <c r="TT717" s="613"/>
      <c r="TU717" s="613"/>
      <c r="TV717" s="613"/>
      <c r="TW717" s="613"/>
      <c r="TX717" s="613"/>
      <c r="TY717" s="613"/>
      <c r="TZ717" s="613"/>
      <c r="UA717" s="613"/>
      <c r="UB717" s="613"/>
      <c r="UC717" s="613"/>
      <c r="UD717" s="613"/>
      <c r="UE717" s="613"/>
      <c r="UF717" s="613"/>
      <c r="UG717" s="613"/>
      <c r="UH717" s="613"/>
      <c r="UI717" s="613"/>
      <c r="UJ717" s="613"/>
      <c r="UK717" s="613"/>
      <c r="UL717" s="613"/>
      <c r="UM717" s="613"/>
      <c r="UN717" s="613"/>
      <c r="UO717" s="613"/>
      <c r="UP717" s="613"/>
      <c r="UQ717" s="613"/>
      <c r="UR717" s="613"/>
      <c r="US717" s="613"/>
      <c r="UT717" s="613"/>
      <c r="UU717" s="613"/>
      <c r="UV717" s="613"/>
      <c r="UW717" s="613"/>
      <c r="UX717" s="613"/>
      <c r="UY717" s="613"/>
      <c r="UZ717" s="613"/>
      <c r="VA717" s="613"/>
      <c r="VB717" s="613"/>
      <c r="VC717" s="613"/>
      <c r="VD717" s="613"/>
      <c r="VE717" s="613"/>
      <c r="VF717" s="613"/>
      <c r="VG717" s="613"/>
      <c r="VH717" s="613"/>
      <c r="VI717" s="613"/>
      <c r="VJ717" s="613"/>
      <c r="VK717" s="613"/>
      <c r="VL717" s="613"/>
      <c r="VM717" s="613"/>
      <c r="VN717" s="613"/>
      <c r="VO717" s="613"/>
      <c r="VP717" s="613"/>
      <c r="VQ717" s="613"/>
      <c r="VR717" s="613"/>
      <c r="VS717" s="613"/>
      <c r="VT717" s="613"/>
      <c r="VU717" s="613"/>
      <c r="VV717" s="613"/>
      <c r="VW717" s="613"/>
      <c r="VX717" s="613"/>
      <c r="VY717" s="613"/>
      <c r="VZ717" s="613"/>
      <c r="WA717" s="613"/>
      <c r="WB717" s="613"/>
      <c r="WC717" s="613"/>
      <c r="WD717" s="613"/>
      <c r="WE717" s="613"/>
      <c r="WF717" s="613"/>
      <c r="WG717" s="613"/>
      <c r="WH717" s="613"/>
      <c r="WI717" s="613"/>
      <c r="WJ717" s="613"/>
      <c r="WK717" s="613"/>
      <c r="WL717" s="613"/>
      <c r="WM717" s="613"/>
      <c r="WN717" s="613"/>
      <c r="WO717" s="613"/>
      <c r="WP717" s="613"/>
      <c r="WQ717" s="613"/>
      <c r="WR717" s="613"/>
      <c r="WS717" s="613"/>
      <c r="WT717" s="613"/>
      <c r="WU717" s="613"/>
      <c r="WV717" s="613"/>
      <c r="WW717" s="613"/>
      <c r="WX717" s="613"/>
      <c r="WY717" s="613"/>
      <c r="WZ717" s="613"/>
      <c r="XA717" s="613"/>
      <c r="XB717" s="613"/>
      <c r="XC717" s="613"/>
      <c r="XD717" s="613"/>
      <c r="XE717" s="613"/>
      <c r="XF717" s="613"/>
      <c r="XG717" s="613"/>
      <c r="XH717" s="613"/>
      <c r="XI717" s="613"/>
      <c r="XJ717" s="613"/>
      <c r="XK717" s="613"/>
      <c r="XL717" s="613"/>
      <c r="XM717" s="613"/>
      <c r="XN717" s="613"/>
      <c r="XO717" s="613"/>
      <c r="XP717" s="613"/>
      <c r="XQ717" s="613"/>
      <c r="XR717" s="613"/>
      <c r="XS717" s="613"/>
      <c r="XT717" s="613"/>
      <c r="XU717" s="613"/>
      <c r="XV717" s="613"/>
      <c r="XW717" s="613"/>
      <c r="XX717" s="613"/>
      <c r="XY717" s="613"/>
      <c r="XZ717" s="613"/>
      <c r="YA717" s="613"/>
      <c r="YB717" s="613"/>
      <c r="YC717" s="613"/>
      <c r="YD717" s="613"/>
      <c r="YE717" s="613"/>
      <c r="YF717" s="613"/>
      <c r="YG717" s="613"/>
      <c r="YH717" s="613"/>
      <c r="YI717" s="613"/>
      <c r="YJ717" s="613"/>
      <c r="YK717" s="613"/>
      <c r="YL717" s="613"/>
      <c r="YM717" s="613"/>
      <c r="YN717" s="613"/>
      <c r="YO717" s="613"/>
      <c r="YP717" s="613"/>
      <c r="YQ717" s="613"/>
      <c r="YR717" s="613"/>
      <c r="YS717" s="613"/>
      <c r="YT717" s="613"/>
      <c r="YU717" s="613"/>
      <c r="YV717" s="613"/>
      <c r="YW717" s="613"/>
      <c r="YX717" s="613"/>
      <c r="YY717" s="613"/>
      <c r="YZ717" s="613"/>
      <c r="ZA717" s="613"/>
      <c r="ZB717" s="613"/>
      <c r="ZC717" s="613"/>
      <c r="ZD717" s="613"/>
      <c r="ZE717" s="613"/>
      <c r="ZF717" s="613"/>
      <c r="ZG717" s="613"/>
      <c r="ZH717" s="613"/>
      <c r="ZI717" s="613"/>
      <c r="ZJ717" s="613"/>
      <c r="ZK717" s="613"/>
      <c r="ZL717" s="613"/>
      <c r="ZM717" s="613"/>
      <c r="ZN717" s="613"/>
      <c r="ZO717" s="613"/>
      <c r="ZP717" s="613"/>
      <c r="ZQ717" s="613"/>
      <c r="ZR717" s="613"/>
      <c r="ZS717" s="613"/>
      <c r="ZT717" s="613"/>
      <c r="ZU717" s="613"/>
      <c r="ZV717" s="613"/>
      <c r="ZW717" s="613"/>
      <c r="ZX717" s="613"/>
      <c r="ZY717" s="613"/>
      <c r="ZZ717" s="613"/>
      <c r="AAA717" s="613"/>
      <c r="AAB717" s="613"/>
      <c r="AAC717" s="613"/>
      <c r="AAD717" s="613"/>
      <c r="AAE717" s="613"/>
      <c r="AAF717" s="613"/>
      <c r="AAG717" s="613"/>
      <c r="AAH717" s="613"/>
      <c r="AAI717" s="613"/>
      <c r="AAJ717" s="613"/>
      <c r="AAK717" s="613"/>
      <c r="AAL717" s="613"/>
      <c r="AAM717" s="613"/>
      <c r="AAN717" s="613"/>
      <c r="AAO717" s="613"/>
      <c r="AAP717" s="613"/>
      <c r="AAQ717" s="613"/>
      <c r="AAR717" s="613"/>
      <c r="AAS717" s="613"/>
      <c r="AAT717" s="613"/>
      <c r="AAU717" s="613"/>
      <c r="AAV717" s="613"/>
      <c r="AAW717" s="613"/>
      <c r="AAX717" s="613"/>
      <c r="AAY717" s="613"/>
      <c r="AAZ717" s="613"/>
      <c r="ABA717" s="613"/>
      <c r="ABB717" s="613"/>
      <c r="ABC717" s="613"/>
      <c r="ABD717" s="613"/>
      <c r="ABE717" s="613"/>
      <c r="ABF717" s="613"/>
      <c r="ABG717" s="613"/>
      <c r="ABH717" s="613"/>
      <c r="ABI717" s="613"/>
      <c r="ABJ717" s="613"/>
      <c r="ABK717" s="613"/>
      <c r="ABL717" s="613"/>
      <c r="ABM717" s="613"/>
      <c r="ABN717" s="613"/>
      <c r="ABO717" s="613"/>
      <c r="ABP717" s="613"/>
      <c r="ABQ717" s="613"/>
      <c r="ABR717" s="613"/>
      <c r="ABS717" s="613"/>
      <c r="ABT717" s="613"/>
      <c r="ABU717" s="613"/>
      <c r="ABV717" s="613"/>
      <c r="ABW717" s="613"/>
      <c r="ABX717" s="613"/>
      <c r="ABY717" s="613"/>
      <c r="ABZ717" s="613"/>
      <c r="ACA717" s="613"/>
      <c r="ACB717" s="613"/>
      <c r="ACC717" s="613"/>
      <c r="ACD717" s="613"/>
      <c r="ACE717" s="613"/>
      <c r="ACF717" s="613"/>
      <c r="ACG717" s="613"/>
      <c r="ACH717" s="613"/>
      <c r="ACI717" s="613"/>
      <c r="ACJ717" s="613"/>
      <c r="ACK717" s="613"/>
      <c r="ACL717" s="613"/>
      <c r="ACM717" s="613"/>
      <c r="ACN717" s="613"/>
      <c r="ACO717" s="613"/>
      <c r="ACP717" s="613"/>
      <c r="ACQ717" s="613"/>
      <c r="ACR717" s="613"/>
      <c r="ACS717" s="613"/>
      <c r="ACT717" s="613"/>
      <c r="ACU717" s="613"/>
      <c r="ACV717" s="613"/>
      <c r="ACW717" s="613"/>
      <c r="ACX717" s="613"/>
      <c r="ACY717" s="613"/>
      <c r="ACZ717" s="613"/>
      <c r="ADA717" s="613"/>
      <c r="ADB717" s="613"/>
      <c r="ADC717" s="613"/>
      <c r="ADD717" s="613"/>
      <c r="ADE717" s="613"/>
      <c r="ADF717" s="613"/>
      <c r="ADG717" s="613"/>
      <c r="ADH717" s="613"/>
      <c r="ADI717" s="613"/>
      <c r="ADJ717" s="613"/>
      <c r="ADK717" s="613"/>
      <c r="ADL717" s="613"/>
      <c r="ADM717" s="613"/>
      <c r="ADN717" s="613"/>
      <c r="ADO717" s="613"/>
      <c r="ADP717" s="613"/>
      <c r="ADQ717" s="613"/>
      <c r="ADR717" s="613"/>
      <c r="ADS717" s="613"/>
      <c r="ADT717" s="613"/>
      <c r="ADU717" s="613"/>
      <c r="ADV717" s="613"/>
      <c r="ADW717" s="613"/>
      <c r="ADX717" s="613"/>
      <c r="ADY717" s="613"/>
      <c r="ADZ717" s="613"/>
      <c r="AEA717" s="613"/>
      <c r="AEB717" s="613"/>
      <c r="AEC717" s="613"/>
      <c r="AED717" s="613"/>
      <c r="AEE717" s="613"/>
      <c r="AEF717" s="613"/>
      <c r="AEG717" s="613"/>
      <c r="AEH717" s="613"/>
      <c r="AEI717" s="613"/>
      <c r="AEJ717" s="613"/>
      <c r="AEK717" s="613"/>
      <c r="AEL717" s="613"/>
      <c r="AEM717" s="613"/>
      <c r="AEN717" s="613"/>
      <c r="AEO717" s="613"/>
      <c r="AEP717" s="613"/>
      <c r="AEQ717" s="613"/>
      <c r="AER717" s="613"/>
      <c r="AES717" s="613"/>
      <c r="AET717" s="613"/>
      <c r="AEU717" s="613"/>
      <c r="AEV717" s="613"/>
      <c r="AEW717" s="613"/>
      <c r="AEX717" s="613"/>
      <c r="AEY717" s="613"/>
      <c r="AEZ717" s="613"/>
      <c r="AFA717" s="613"/>
      <c r="AFB717" s="613"/>
      <c r="AFC717" s="613"/>
      <c r="AFD717" s="613"/>
      <c r="AFE717" s="613"/>
      <c r="AFF717" s="613"/>
      <c r="AFG717" s="613"/>
      <c r="AFH717" s="613"/>
      <c r="AFI717" s="613"/>
      <c r="AFJ717" s="613"/>
      <c r="AFK717" s="613"/>
      <c r="AFL717" s="613"/>
      <c r="AFM717" s="613"/>
      <c r="AFN717" s="613"/>
      <c r="AFO717" s="613"/>
      <c r="AFP717" s="613"/>
      <c r="AFQ717" s="613"/>
      <c r="AFR717" s="613"/>
      <c r="AFS717" s="613"/>
      <c r="AFT717" s="613"/>
      <c r="AFU717" s="613"/>
      <c r="AFV717" s="613"/>
      <c r="AFW717" s="613"/>
      <c r="AFX717" s="613"/>
      <c r="AFY717" s="613"/>
      <c r="AFZ717" s="613"/>
      <c r="AGA717" s="613"/>
      <c r="AGB717" s="613"/>
      <c r="AGC717" s="613"/>
      <c r="AGD717" s="613"/>
      <c r="AGE717" s="613"/>
      <c r="AGF717" s="613"/>
      <c r="AGG717" s="613"/>
      <c r="AGH717" s="613"/>
      <c r="AGI717" s="613"/>
      <c r="AGJ717" s="613"/>
      <c r="AGK717" s="613"/>
      <c r="AGL717" s="613"/>
      <c r="AGM717" s="613"/>
      <c r="AGN717" s="613"/>
      <c r="AGO717" s="613"/>
      <c r="AGP717" s="613"/>
      <c r="AGQ717" s="613"/>
      <c r="AGR717" s="613"/>
      <c r="AGS717" s="613"/>
      <c r="AGT717" s="613"/>
      <c r="AGU717" s="613"/>
      <c r="AGV717" s="613"/>
      <c r="AGW717" s="613"/>
      <c r="AGX717" s="613"/>
      <c r="AGY717" s="613"/>
      <c r="AGZ717" s="613"/>
      <c r="AHA717" s="613"/>
      <c r="AHB717" s="613"/>
      <c r="AHC717" s="613"/>
      <c r="AHD717" s="613"/>
      <c r="AHE717" s="613"/>
      <c r="AHF717" s="613"/>
      <c r="AHG717" s="613"/>
      <c r="AHH717" s="613"/>
      <c r="AHI717" s="613"/>
      <c r="AHJ717" s="613"/>
      <c r="AHK717" s="613"/>
      <c r="AHL717" s="613"/>
      <c r="AHM717" s="613"/>
      <c r="AHN717" s="613"/>
      <c r="AHO717" s="613"/>
      <c r="AHP717" s="613"/>
      <c r="AHQ717" s="613"/>
      <c r="AHR717" s="613"/>
      <c r="AHS717" s="613"/>
      <c r="AHT717" s="613"/>
      <c r="AHU717" s="613"/>
      <c r="AHV717" s="613"/>
      <c r="AHW717" s="613"/>
      <c r="AHX717" s="613"/>
      <c r="AHY717" s="613"/>
      <c r="AHZ717" s="613"/>
      <c r="AIA717" s="613"/>
      <c r="AIB717" s="613"/>
      <c r="AIC717" s="613"/>
      <c r="AID717" s="613"/>
      <c r="AIE717" s="613"/>
      <c r="AIF717" s="613"/>
      <c r="AIG717" s="613"/>
      <c r="AIH717" s="613"/>
      <c r="AII717" s="613"/>
      <c r="AIJ717" s="613"/>
      <c r="AIK717" s="613"/>
      <c r="AIL717" s="613"/>
      <c r="AIM717" s="613"/>
      <c r="AIN717" s="613"/>
      <c r="AIO717" s="613"/>
      <c r="AIP717" s="613"/>
      <c r="AIQ717" s="613"/>
      <c r="AIR717" s="613"/>
      <c r="AIS717" s="613"/>
      <c r="AIT717" s="613"/>
      <c r="AIU717" s="613"/>
      <c r="AIV717" s="613"/>
      <c r="AIW717" s="613"/>
      <c r="AIX717" s="613"/>
      <c r="AIY717" s="613"/>
      <c r="AIZ717" s="613"/>
      <c r="AJA717" s="613"/>
      <c r="AJB717" s="613"/>
      <c r="AJC717" s="613"/>
      <c r="AJD717" s="613"/>
      <c r="AJE717" s="613"/>
      <c r="AJF717" s="613"/>
      <c r="AJG717" s="613"/>
      <c r="AJH717" s="613"/>
      <c r="AJI717" s="613"/>
      <c r="AJJ717" s="613"/>
      <c r="AJK717" s="613"/>
      <c r="AJL717" s="613"/>
      <c r="AJM717" s="613"/>
      <c r="AJN717" s="613"/>
      <c r="AJO717" s="613"/>
      <c r="AJP717" s="613"/>
      <c r="AJQ717" s="613"/>
      <c r="AJR717" s="613"/>
      <c r="AJS717" s="613"/>
      <c r="AJT717" s="613"/>
      <c r="AJU717" s="613"/>
      <c r="AJV717" s="613"/>
      <c r="AJW717" s="613"/>
      <c r="AJX717" s="613"/>
      <c r="AJY717" s="613"/>
      <c r="AJZ717" s="613"/>
      <c r="AKA717" s="613"/>
      <c r="AKB717" s="613"/>
      <c r="AKC717" s="613"/>
      <c r="AKD717" s="613"/>
      <c r="AKE717" s="613"/>
      <c r="AKF717" s="613"/>
      <c r="AKG717" s="613"/>
      <c r="AKH717" s="613"/>
      <c r="AKI717" s="613"/>
      <c r="AKJ717" s="613"/>
      <c r="AKK717" s="613"/>
      <c r="AKL717" s="613"/>
      <c r="AKM717" s="613"/>
      <c r="AKN717" s="613"/>
      <c r="AKO717" s="613"/>
      <c r="AKP717" s="613"/>
      <c r="AKQ717" s="613"/>
      <c r="AKR717" s="613"/>
      <c r="AKS717" s="613"/>
      <c r="AKT717" s="613"/>
      <c r="AKU717" s="613"/>
      <c r="AKV717" s="613"/>
      <c r="AKW717" s="613"/>
      <c r="AKX717" s="613"/>
      <c r="AKY717" s="613"/>
      <c r="AKZ717" s="613"/>
      <c r="ALA717" s="613"/>
      <c r="ALB717" s="613"/>
      <c r="ALC717" s="613"/>
      <c r="ALD717" s="613"/>
      <c r="ALE717" s="613"/>
      <c r="ALF717" s="613"/>
      <c r="ALG717" s="613"/>
      <c r="ALH717" s="613"/>
      <c r="ALI717" s="613"/>
      <c r="ALJ717" s="613"/>
      <c r="ALK717" s="613"/>
      <c r="ALL717" s="613"/>
      <c r="ALM717" s="613"/>
      <c r="ALN717" s="613"/>
      <c r="ALO717" s="613"/>
      <c r="ALP717" s="613"/>
      <c r="ALQ717" s="613"/>
      <c r="ALR717" s="613"/>
      <c r="ALS717" s="613"/>
      <c r="ALT717" s="613"/>
      <c r="ALU717" s="613"/>
      <c r="ALV717" s="613"/>
      <c r="ALW717" s="613"/>
      <c r="ALX717" s="613"/>
      <c r="ALY717" s="613"/>
      <c r="ALZ717" s="613"/>
      <c r="AMA717" s="613"/>
      <c r="AMB717" s="613"/>
      <c r="AMC717" s="613"/>
      <c r="AMD717" s="613"/>
      <c r="AME717" s="613"/>
      <c r="AMF717" s="613"/>
      <c r="AMG717" s="613"/>
      <c r="AMH717" s="613"/>
      <c r="AMI717" s="613"/>
      <c r="AMJ717" s="613"/>
      <c r="AMK717" s="613"/>
      <c r="AML717" s="613"/>
      <c r="AMM717" s="613"/>
      <c r="AMN717" s="613"/>
      <c r="AMO717" s="613"/>
      <c r="AMP717" s="613"/>
      <c r="AMQ717" s="613"/>
      <c r="AMR717" s="613"/>
      <c r="AMS717" s="613"/>
      <c r="AMT717" s="613"/>
      <c r="AMU717" s="613"/>
      <c r="AMV717" s="613"/>
      <c r="AMW717" s="613"/>
      <c r="AMX717" s="613"/>
      <c r="AMY717" s="613"/>
      <c r="AMZ717" s="613"/>
      <c r="ANA717" s="613"/>
      <c r="ANB717" s="613"/>
      <c r="ANC717" s="613"/>
      <c r="AND717" s="613"/>
      <c r="ANE717" s="613"/>
      <c r="ANF717" s="613"/>
      <c r="ANG717" s="613"/>
      <c r="ANH717" s="613"/>
      <c r="ANI717" s="613"/>
      <c r="ANJ717" s="613"/>
      <c r="ANK717" s="613"/>
      <c r="ANL717" s="613"/>
      <c r="ANM717" s="613"/>
      <c r="ANN717" s="613"/>
      <c r="ANO717" s="613"/>
      <c r="ANP717" s="613"/>
      <c r="ANQ717" s="613"/>
      <c r="ANR717" s="613"/>
      <c r="ANS717" s="613"/>
      <c r="ANT717" s="613"/>
      <c r="ANU717" s="613"/>
      <c r="ANV717" s="613"/>
      <c r="ANW717" s="613"/>
      <c r="ANX717" s="613"/>
      <c r="ANY717" s="613"/>
      <c r="ANZ717" s="613"/>
      <c r="AOA717" s="613"/>
      <c r="AOB717" s="613"/>
      <c r="AOC717" s="613"/>
      <c r="AOD717" s="613"/>
      <c r="AOE717" s="613"/>
      <c r="AOF717" s="613"/>
      <c r="AOG717" s="613"/>
      <c r="AOH717" s="613"/>
      <c r="AOI717" s="613"/>
      <c r="AOJ717" s="613"/>
      <c r="AOK717" s="613"/>
      <c r="AOL717" s="613"/>
      <c r="AOM717" s="613"/>
      <c r="AON717" s="613"/>
      <c r="AOO717" s="613"/>
      <c r="AOP717" s="613"/>
      <c r="AOQ717" s="613"/>
      <c r="AOR717" s="613"/>
      <c r="AOS717" s="613"/>
      <c r="AOT717" s="613"/>
      <c r="AOU717" s="613"/>
      <c r="AOV717" s="613"/>
      <c r="AOW717" s="613"/>
      <c r="AOX717" s="613"/>
      <c r="AOY717" s="613"/>
      <c r="AOZ717" s="613"/>
      <c r="APA717" s="613"/>
      <c r="APB717" s="613"/>
      <c r="APC717" s="613"/>
      <c r="APD717" s="613"/>
      <c r="APE717" s="613"/>
      <c r="APF717" s="613"/>
      <c r="APG717" s="613"/>
      <c r="APH717" s="613"/>
      <c r="API717" s="613"/>
      <c r="APJ717" s="613"/>
      <c r="APK717" s="613"/>
      <c r="APL717" s="613"/>
      <c r="APM717" s="613"/>
      <c r="APN717" s="613"/>
      <c r="APO717" s="613"/>
      <c r="APP717" s="613"/>
      <c r="APQ717" s="613"/>
      <c r="APR717" s="613"/>
      <c r="APS717" s="613"/>
      <c r="APT717" s="613"/>
      <c r="APU717" s="613"/>
      <c r="APV717" s="613"/>
      <c r="APW717" s="613"/>
      <c r="APX717" s="613"/>
      <c r="APY717" s="613"/>
      <c r="APZ717" s="613"/>
      <c r="AQA717" s="613"/>
      <c r="AQB717" s="613"/>
      <c r="AQC717" s="613"/>
      <c r="AQD717" s="613"/>
      <c r="AQE717" s="613"/>
      <c r="AQF717" s="613"/>
      <c r="AQG717" s="613"/>
      <c r="AQH717" s="613"/>
      <c r="AQI717" s="613"/>
      <c r="AQJ717" s="613"/>
      <c r="AQK717" s="613"/>
      <c r="AQL717" s="613"/>
      <c r="AQM717" s="613"/>
      <c r="AQN717" s="613"/>
      <c r="AQO717" s="613"/>
      <c r="AQP717" s="613"/>
      <c r="AQQ717" s="613"/>
      <c r="AQR717" s="613"/>
      <c r="AQS717" s="613"/>
      <c r="AQT717" s="613"/>
      <c r="AQU717" s="613"/>
      <c r="AQV717" s="613"/>
      <c r="AQW717" s="613"/>
      <c r="AQX717" s="613"/>
      <c r="AQY717" s="613"/>
      <c r="AQZ717" s="613"/>
      <c r="ARA717" s="613"/>
      <c r="ARB717" s="613"/>
      <c r="ARC717" s="613"/>
      <c r="ARD717" s="613"/>
      <c r="ARE717" s="613"/>
      <c r="ARF717" s="613"/>
      <c r="ARG717" s="613"/>
      <c r="ARH717" s="613"/>
      <c r="ARI717" s="613"/>
      <c r="ARJ717" s="613"/>
      <c r="ARK717" s="613"/>
      <c r="ARL717" s="613"/>
      <c r="ARM717" s="613"/>
      <c r="ARN717" s="613"/>
      <c r="ARO717" s="613"/>
      <c r="ARP717" s="613"/>
      <c r="ARQ717" s="613"/>
      <c r="ARR717" s="613"/>
      <c r="ARS717" s="613"/>
      <c r="ART717" s="613"/>
      <c r="ARU717" s="613"/>
      <c r="ARV717" s="613"/>
      <c r="ARW717" s="613"/>
      <c r="ARX717" s="613"/>
      <c r="ARY717" s="613"/>
      <c r="ARZ717" s="613"/>
      <c r="ASA717" s="613"/>
      <c r="ASB717" s="613"/>
      <c r="ASC717" s="613"/>
      <c r="ASD717" s="613"/>
      <c r="ASE717" s="613"/>
      <c r="ASF717" s="613"/>
      <c r="ASG717" s="613"/>
      <c r="ASH717" s="613"/>
      <c r="ASI717" s="613"/>
      <c r="ASJ717" s="613"/>
      <c r="ASK717" s="613"/>
      <c r="ASL717" s="613"/>
      <c r="ASM717" s="613"/>
      <c r="ASN717" s="613"/>
      <c r="ASO717" s="613"/>
      <c r="ASP717" s="613"/>
      <c r="ASQ717" s="613"/>
      <c r="ASR717" s="613"/>
      <c r="ASS717" s="613"/>
      <c r="AST717" s="613"/>
      <c r="ASU717" s="613"/>
      <c r="ASV717" s="613"/>
      <c r="ASW717" s="613"/>
      <c r="ASX717" s="613"/>
      <c r="ASY717" s="613"/>
      <c r="ASZ717" s="613"/>
      <c r="ATA717" s="613"/>
      <c r="ATB717" s="613"/>
      <c r="ATC717" s="613"/>
      <c r="ATD717" s="613"/>
      <c r="ATE717" s="613"/>
      <c r="ATF717" s="613"/>
      <c r="ATG717" s="613"/>
      <c r="ATH717" s="613"/>
      <c r="ATI717" s="613"/>
      <c r="ATJ717" s="613"/>
      <c r="ATK717" s="613"/>
      <c r="ATL717" s="613"/>
      <c r="ATM717" s="613"/>
      <c r="ATN717" s="613"/>
      <c r="ATO717" s="613"/>
      <c r="ATP717" s="613"/>
      <c r="ATQ717" s="613"/>
      <c r="ATR717" s="613"/>
      <c r="ATS717" s="613"/>
      <c r="ATT717" s="613"/>
      <c r="ATU717" s="613"/>
      <c r="ATV717" s="613"/>
      <c r="ATW717" s="613"/>
      <c r="ATX717" s="613"/>
      <c r="ATY717" s="613"/>
      <c r="ATZ717" s="613"/>
      <c r="AUA717" s="613"/>
      <c r="AUB717" s="613"/>
      <c r="AUC717" s="613"/>
      <c r="AUD717" s="613"/>
      <c r="AUE717" s="613"/>
      <c r="AUF717" s="613"/>
      <c r="AUG717" s="613"/>
      <c r="AUH717" s="613"/>
      <c r="AUI717" s="613"/>
      <c r="AUJ717" s="613"/>
      <c r="AUK717" s="613"/>
      <c r="AUL717" s="613"/>
      <c r="AUM717" s="613"/>
      <c r="AUN717" s="613"/>
      <c r="AUO717" s="613"/>
      <c r="AUP717" s="613"/>
      <c r="AUQ717" s="613"/>
      <c r="AUR717" s="613"/>
      <c r="AUS717" s="613"/>
      <c r="AUT717" s="613"/>
      <c r="AUU717" s="613"/>
      <c r="AUV717" s="613"/>
      <c r="AUW717" s="613"/>
      <c r="AUX717" s="613"/>
      <c r="AUY717" s="613"/>
      <c r="AUZ717" s="613"/>
      <c r="AVA717" s="613"/>
      <c r="AVB717" s="613"/>
      <c r="AVC717" s="613"/>
      <c r="AVD717" s="613"/>
      <c r="AVE717" s="613"/>
      <c r="AVF717" s="613"/>
      <c r="AVG717" s="613"/>
      <c r="AVH717" s="613"/>
      <c r="AVI717" s="613"/>
      <c r="AVJ717" s="613"/>
      <c r="AVK717" s="613"/>
      <c r="AVL717" s="613"/>
      <c r="AVM717" s="613"/>
      <c r="AVN717" s="613"/>
      <c r="AVO717" s="613"/>
      <c r="AVP717" s="613"/>
      <c r="AVQ717" s="613"/>
      <c r="AVR717" s="613"/>
      <c r="AVS717" s="613"/>
      <c r="AVT717" s="613"/>
      <c r="AVU717" s="613"/>
      <c r="AVV717" s="613"/>
      <c r="AVW717" s="613"/>
      <c r="AVX717" s="613"/>
      <c r="AVY717" s="613"/>
      <c r="AVZ717" s="613"/>
      <c r="AWA717" s="613"/>
      <c r="AWB717" s="613"/>
      <c r="AWC717" s="613"/>
      <c r="AWD717" s="613"/>
      <c r="AWE717" s="613"/>
      <c r="AWF717" s="613"/>
      <c r="AWG717" s="613"/>
      <c r="AWH717" s="613"/>
      <c r="AWI717" s="613"/>
      <c r="AWJ717" s="613"/>
      <c r="AWK717" s="613"/>
      <c r="AWL717" s="613"/>
      <c r="AWM717" s="613"/>
      <c r="AWN717" s="613"/>
      <c r="AWO717" s="613"/>
      <c r="AWP717" s="613"/>
      <c r="AWQ717" s="613"/>
      <c r="AWR717" s="613"/>
      <c r="AWS717" s="613"/>
      <c r="AWT717" s="613"/>
      <c r="AWU717" s="613"/>
      <c r="AWV717" s="613"/>
      <c r="AWW717" s="613"/>
      <c r="AWX717" s="613"/>
      <c r="AWY717" s="613"/>
      <c r="AWZ717" s="613"/>
      <c r="AXA717" s="613"/>
      <c r="AXB717" s="613"/>
      <c r="AXC717" s="613"/>
      <c r="AXD717" s="613"/>
      <c r="AXE717" s="613"/>
      <c r="AXF717" s="613"/>
      <c r="AXG717" s="613"/>
      <c r="AXH717" s="613"/>
      <c r="AXI717" s="613"/>
      <c r="AXJ717" s="613"/>
      <c r="AXK717" s="613"/>
      <c r="AXL717" s="613"/>
      <c r="AXM717" s="613"/>
      <c r="AXN717" s="613"/>
      <c r="AXO717" s="613"/>
      <c r="AXP717" s="613"/>
      <c r="AXQ717" s="613"/>
      <c r="AXR717" s="613"/>
      <c r="AXS717" s="613"/>
      <c r="AXT717" s="613"/>
      <c r="AXU717" s="613"/>
      <c r="AXV717" s="613"/>
      <c r="AXW717" s="613"/>
      <c r="AXX717" s="613"/>
      <c r="AXY717" s="613"/>
      <c r="AXZ717" s="613"/>
      <c r="AYA717" s="613"/>
      <c r="AYB717" s="613"/>
      <c r="AYC717" s="613"/>
      <c r="AYD717" s="613"/>
      <c r="AYE717" s="613"/>
      <c r="AYF717" s="613"/>
      <c r="AYG717" s="613"/>
      <c r="AYH717" s="613"/>
      <c r="AYI717" s="613"/>
      <c r="AYJ717" s="613"/>
      <c r="AYK717" s="613"/>
      <c r="AYL717" s="613"/>
      <c r="AYM717" s="613"/>
      <c r="AYN717" s="613"/>
      <c r="AYO717" s="613"/>
      <c r="AYP717" s="613"/>
      <c r="AYQ717" s="613"/>
      <c r="AYR717" s="613"/>
      <c r="AYS717" s="613"/>
      <c r="AYT717" s="613"/>
      <c r="AYU717" s="613"/>
      <c r="AYV717" s="613"/>
      <c r="AYW717" s="613"/>
      <c r="AYX717" s="613"/>
      <c r="AYY717" s="613"/>
      <c r="AYZ717" s="613"/>
      <c r="AZA717" s="613"/>
      <c r="AZB717" s="613"/>
      <c r="AZC717" s="613"/>
      <c r="AZD717" s="613"/>
      <c r="AZE717" s="613"/>
      <c r="AZF717" s="613"/>
      <c r="AZG717" s="613"/>
      <c r="AZH717" s="613"/>
      <c r="AZI717" s="613"/>
      <c r="AZJ717" s="613"/>
      <c r="AZK717" s="613"/>
      <c r="AZL717" s="613"/>
      <c r="AZM717" s="613"/>
      <c r="AZN717" s="613"/>
      <c r="AZO717" s="613"/>
      <c r="AZP717" s="613"/>
      <c r="AZQ717" s="613"/>
      <c r="AZR717" s="613"/>
      <c r="AZS717" s="613"/>
      <c r="AZT717" s="613"/>
      <c r="AZU717" s="613"/>
      <c r="AZV717" s="613"/>
      <c r="AZW717" s="613"/>
      <c r="AZX717" s="613"/>
      <c r="AZY717" s="613"/>
      <c r="AZZ717" s="613"/>
      <c r="BAA717" s="613"/>
      <c r="BAB717" s="613"/>
      <c r="BAC717" s="613"/>
      <c r="BAD717" s="613"/>
      <c r="BAE717" s="613"/>
      <c r="BAF717" s="613"/>
      <c r="BAG717" s="613"/>
      <c r="BAH717" s="613"/>
      <c r="BAI717" s="613"/>
      <c r="BAJ717" s="613"/>
      <c r="BAK717" s="613"/>
      <c r="BAL717" s="613"/>
      <c r="BAM717" s="613"/>
      <c r="BAN717" s="613"/>
      <c r="BAO717" s="613"/>
      <c r="BAP717" s="613"/>
      <c r="BAQ717" s="613"/>
      <c r="BAR717" s="613"/>
      <c r="BAS717" s="613"/>
      <c r="BAT717" s="613"/>
      <c r="BAU717" s="613"/>
      <c r="BAV717" s="613"/>
      <c r="BAW717" s="613"/>
      <c r="BAX717" s="613"/>
      <c r="BAY717" s="613"/>
      <c r="BAZ717" s="613"/>
      <c r="BBA717" s="613"/>
      <c r="BBB717" s="613"/>
      <c r="BBC717" s="613"/>
      <c r="BBD717" s="613"/>
      <c r="BBE717" s="613"/>
      <c r="BBF717" s="613"/>
      <c r="BBG717" s="613"/>
      <c r="BBH717" s="613"/>
      <c r="BBI717" s="613"/>
      <c r="BBJ717" s="613"/>
      <c r="BBK717" s="613"/>
      <c r="BBL717" s="613"/>
      <c r="BBM717" s="613"/>
      <c r="BBN717" s="613"/>
      <c r="BBO717" s="613"/>
      <c r="BBP717" s="613"/>
      <c r="BBQ717" s="613"/>
      <c r="BBR717" s="613"/>
      <c r="BBS717" s="613"/>
      <c r="BBT717" s="613"/>
      <c r="BBU717" s="613"/>
      <c r="BBV717" s="613"/>
      <c r="BBW717" s="613"/>
      <c r="BBX717" s="613"/>
      <c r="BBY717" s="613"/>
      <c r="BBZ717" s="613"/>
      <c r="BCA717" s="613"/>
      <c r="BCB717" s="613"/>
      <c r="BCC717" s="613"/>
      <c r="BCD717" s="613"/>
      <c r="BCE717" s="613"/>
      <c r="BCF717" s="613"/>
      <c r="BCG717" s="613"/>
      <c r="BCH717" s="613"/>
      <c r="BCI717" s="613"/>
      <c r="BCJ717" s="613"/>
      <c r="BCK717" s="613"/>
      <c r="BCL717" s="613"/>
      <c r="BCM717" s="613"/>
      <c r="BCN717" s="613"/>
      <c r="BCO717" s="613"/>
      <c r="BCP717" s="613"/>
      <c r="BCQ717" s="613"/>
      <c r="BCR717" s="613"/>
      <c r="BCS717" s="613"/>
      <c r="BCT717" s="613"/>
      <c r="BCU717" s="613"/>
      <c r="BCV717" s="613"/>
      <c r="BCW717" s="613"/>
      <c r="BCX717" s="613"/>
      <c r="BCY717" s="613"/>
      <c r="BCZ717" s="613"/>
      <c r="BDA717" s="613"/>
      <c r="BDB717" s="613"/>
      <c r="BDC717" s="613"/>
      <c r="BDD717" s="613"/>
      <c r="BDE717" s="613"/>
      <c r="BDF717" s="613"/>
      <c r="BDG717" s="613"/>
      <c r="BDH717" s="613"/>
      <c r="BDI717" s="613"/>
      <c r="BDJ717" s="613"/>
      <c r="BDK717" s="613"/>
      <c r="BDL717" s="613"/>
      <c r="BDM717" s="613"/>
      <c r="BDN717" s="613"/>
      <c r="BDO717" s="613"/>
      <c r="BDP717" s="613"/>
      <c r="BDQ717" s="613"/>
      <c r="BDR717" s="613"/>
      <c r="BDS717" s="613"/>
      <c r="BDT717" s="613"/>
      <c r="BDU717" s="613"/>
      <c r="BDV717" s="613"/>
      <c r="BDW717" s="613"/>
      <c r="BDX717" s="613"/>
      <c r="BDY717" s="613"/>
      <c r="BDZ717" s="613"/>
      <c r="BEA717" s="613"/>
      <c r="BEB717" s="613"/>
      <c r="BEC717" s="613"/>
      <c r="BED717" s="613"/>
      <c r="BEE717" s="613"/>
      <c r="BEF717" s="613"/>
      <c r="BEG717" s="613"/>
      <c r="BEH717" s="613"/>
      <c r="BEI717" s="613"/>
      <c r="BEJ717" s="613"/>
      <c r="BEK717" s="613"/>
      <c r="BEL717" s="613"/>
      <c r="BEM717" s="613"/>
      <c r="BEN717" s="613"/>
      <c r="BEO717" s="613"/>
      <c r="BEP717" s="613"/>
      <c r="BEQ717" s="613"/>
      <c r="BER717" s="613"/>
      <c r="BES717" s="613"/>
      <c r="BET717" s="613"/>
      <c r="BEU717" s="613"/>
      <c r="BEV717" s="613"/>
      <c r="BEW717" s="613"/>
      <c r="BEX717" s="613"/>
      <c r="BEY717" s="613"/>
      <c r="BEZ717" s="613"/>
      <c r="BFA717" s="613"/>
      <c r="BFB717" s="613"/>
      <c r="BFC717" s="613"/>
      <c r="BFD717" s="613"/>
      <c r="BFE717" s="613"/>
      <c r="BFF717" s="613"/>
      <c r="BFG717" s="613"/>
      <c r="BFH717" s="613"/>
      <c r="BFI717" s="613"/>
      <c r="BFJ717" s="613"/>
      <c r="BFK717" s="613"/>
      <c r="BFL717" s="613"/>
      <c r="BFM717" s="613"/>
      <c r="BFN717" s="613"/>
      <c r="BFO717" s="613"/>
      <c r="BFP717" s="613"/>
      <c r="BFQ717" s="613"/>
      <c r="BFR717" s="613"/>
      <c r="BFS717" s="613"/>
      <c r="BFT717" s="613"/>
      <c r="BFU717" s="613"/>
      <c r="BFV717" s="613"/>
      <c r="BFW717" s="613"/>
      <c r="BFX717" s="613"/>
      <c r="BFY717" s="613"/>
      <c r="BFZ717" s="613"/>
      <c r="BGA717" s="613"/>
      <c r="BGB717" s="613"/>
      <c r="BGC717" s="613"/>
      <c r="BGD717" s="613"/>
      <c r="BGE717" s="613"/>
      <c r="BGF717" s="613"/>
      <c r="BGG717" s="613"/>
      <c r="BGH717" s="613"/>
      <c r="BGI717" s="613"/>
      <c r="BGJ717" s="613"/>
      <c r="BGK717" s="613"/>
      <c r="BGL717" s="613"/>
      <c r="BGM717" s="613"/>
      <c r="BGN717" s="613"/>
      <c r="BGO717" s="613"/>
      <c r="BGP717" s="613"/>
      <c r="BGQ717" s="613"/>
      <c r="BGR717" s="613"/>
      <c r="BGS717" s="613"/>
      <c r="BGT717" s="613"/>
      <c r="BGU717" s="613"/>
      <c r="BGV717" s="613"/>
      <c r="BGW717" s="613"/>
      <c r="BGX717" s="613"/>
      <c r="BGY717" s="613"/>
      <c r="BGZ717" s="613"/>
      <c r="BHA717" s="613"/>
      <c r="BHB717" s="613"/>
      <c r="BHC717" s="613"/>
      <c r="BHD717" s="613"/>
      <c r="BHE717" s="613"/>
      <c r="BHF717" s="613"/>
      <c r="BHG717" s="613"/>
      <c r="BHH717" s="613"/>
      <c r="BHI717" s="613"/>
      <c r="BHJ717" s="613"/>
      <c r="BHK717" s="613"/>
      <c r="BHL717" s="613"/>
      <c r="BHM717" s="613"/>
      <c r="BHN717" s="613"/>
      <c r="BHO717" s="613"/>
      <c r="BHP717" s="613"/>
      <c r="BHQ717" s="613"/>
      <c r="BHR717" s="613"/>
      <c r="BHS717" s="613"/>
      <c r="BHT717" s="613"/>
      <c r="BHU717" s="613"/>
      <c r="BHV717" s="613"/>
      <c r="BHW717" s="613"/>
      <c r="BHX717" s="613"/>
      <c r="BHY717" s="613"/>
      <c r="BHZ717" s="613"/>
      <c r="BIA717" s="613"/>
      <c r="BIB717" s="613"/>
      <c r="BIC717" s="613"/>
      <c r="BID717" s="613"/>
      <c r="BIE717" s="613"/>
      <c r="BIF717" s="613"/>
      <c r="BIG717" s="613"/>
      <c r="BIH717" s="613"/>
      <c r="BII717" s="613"/>
      <c r="BIJ717" s="613"/>
      <c r="BIK717" s="613"/>
      <c r="BIL717" s="613"/>
      <c r="BIM717" s="613"/>
      <c r="BIN717" s="613"/>
      <c r="BIO717" s="613"/>
      <c r="BIP717" s="613"/>
      <c r="BIQ717" s="613"/>
      <c r="BIR717" s="613"/>
      <c r="BIS717" s="613"/>
      <c r="BIT717" s="613"/>
      <c r="BIU717" s="613"/>
      <c r="BIV717" s="613"/>
      <c r="BIW717" s="613"/>
      <c r="BIX717" s="613"/>
      <c r="BIY717" s="613"/>
      <c r="BIZ717" s="613"/>
      <c r="BJA717" s="613"/>
      <c r="BJB717" s="613"/>
      <c r="BJC717" s="613"/>
      <c r="BJD717" s="613"/>
      <c r="BJE717" s="613"/>
      <c r="BJF717" s="613"/>
      <c r="BJG717" s="613"/>
      <c r="BJH717" s="613"/>
      <c r="BJI717" s="613"/>
      <c r="BJJ717" s="613"/>
      <c r="BJK717" s="613"/>
      <c r="BJL717" s="613"/>
      <c r="BJM717" s="613"/>
      <c r="BJN717" s="613"/>
      <c r="BJO717" s="613"/>
      <c r="BJP717" s="613"/>
      <c r="BJQ717" s="613"/>
      <c r="BJR717" s="613"/>
      <c r="BJS717" s="613"/>
      <c r="BJT717" s="613"/>
      <c r="BJU717" s="613"/>
      <c r="BJV717" s="613"/>
      <c r="BJW717" s="613"/>
      <c r="BJX717" s="613"/>
      <c r="BJY717" s="613"/>
      <c r="BJZ717" s="613"/>
      <c r="BKA717" s="613"/>
      <c r="BKB717" s="613"/>
      <c r="BKC717" s="613"/>
      <c r="BKD717" s="613"/>
      <c r="BKE717" s="613"/>
      <c r="BKF717" s="613"/>
      <c r="BKG717" s="613"/>
      <c r="BKH717" s="613"/>
      <c r="BKI717" s="613"/>
      <c r="BKJ717" s="613"/>
      <c r="BKK717" s="613"/>
      <c r="BKL717" s="613"/>
      <c r="BKM717" s="613"/>
      <c r="BKN717" s="613"/>
      <c r="BKO717" s="613"/>
      <c r="BKP717" s="613"/>
      <c r="BKQ717" s="613"/>
      <c r="BKR717" s="613"/>
      <c r="BKS717" s="613"/>
      <c r="BKT717" s="613"/>
      <c r="BKU717" s="613"/>
      <c r="BKV717" s="613"/>
      <c r="BKW717" s="613"/>
      <c r="BKX717" s="613"/>
      <c r="BKY717" s="613"/>
      <c r="BKZ717" s="613"/>
      <c r="BLA717" s="613"/>
      <c r="BLB717" s="613"/>
      <c r="BLC717" s="613"/>
      <c r="BLD717" s="613"/>
      <c r="BLE717" s="613"/>
      <c r="BLF717" s="613"/>
      <c r="BLG717" s="613"/>
      <c r="BLH717" s="613"/>
      <c r="BLI717" s="613"/>
      <c r="BLJ717" s="613"/>
      <c r="BLK717" s="613"/>
      <c r="BLL717" s="613"/>
      <c r="BLM717" s="613"/>
      <c r="BLN717" s="613"/>
      <c r="BLO717" s="613"/>
      <c r="BLP717" s="613"/>
      <c r="BLQ717" s="613"/>
      <c r="BLR717" s="613"/>
      <c r="BLS717" s="613"/>
      <c r="BLT717" s="613"/>
      <c r="BLU717" s="613"/>
      <c r="BLV717" s="613"/>
      <c r="BLW717" s="613"/>
      <c r="BLX717" s="613"/>
      <c r="BLY717" s="613"/>
      <c r="BLZ717" s="613"/>
      <c r="BMA717" s="613"/>
      <c r="BMB717" s="613"/>
      <c r="BMC717" s="613"/>
      <c r="BMD717" s="613"/>
      <c r="BME717" s="613"/>
      <c r="BMF717" s="613"/>
      <c r="BMG717" s="613"/>
      <c r="BMH717" s="613"/>
      <c r="BMI717" s="613"/>
      <c r="BMJ717" s="613"/>
      <c r="BMK717" s="613"/>
      <c r="BML717" s="613"/>
      <c r="BMM717" s="613"/>
      <c r="BMN717" s="613"/>
      <c r="BMO717" s="613"/>
      <c r="BMP717" s="613"/>
      <c r="BMQ717" s="613"/>
      <c r="BMR717" s="613"/>
      <c r="BMS717" s="613"/>
      <c r="BMT717" s="613"/>
      <c r="BMU717" s="613"/>
      <c r="BMV717" s="613"/>
      <c r="BMW717" s="613"/>
      <c r="BMX717" s="613"/>
      <c r="BMY717" s="613"/>
      <c r="BMZ717" s="613"/>
      <c r="BNA717" s="613"/>
      <c r="BNB717" s="613"/>
      <c r="BNC717" s="613"/>
      <c r="BND717" s="613"/>
      <c r="BNE717" s="613"/>
      <c r="BNF717" s="613"/>
      <c r="BNG717" s="613"/>
      <c r="BNH717" s="613"/>
      <c r="BNI717" s="613"/>
      <c r="BNJ717" s="613"/>
      <c r="BNK717" s="613"/>
      <c r="BNL717" s="613"/>
      <c r="BNM717" s="613"/>
      <c r="BNN717" s="613"/>
      <c r="BNO717" s="613"/>
      <c r="BNP717" s="613"/>
      <c r="BNQ717" s="613"/>
      <c r="BNR717" s="613"/>
      <c r="BNS717" s="613"/>
      <c r="BNT717" s="613"/>
      <c r="BNU717" s="613"/>
      <c r="BNV717" s="613"/>
      <c r="BNW717" s="613"/>
      <c r="BNX717" s="613"/>
      <c r="BNY717" s="613"/>
      <c r="BNZ717" s="613"/>
      <c r="BOA717" s="613"/>
      <c r="BOB717" s="613"/>
      <c r="BOC717" s="613"/>
      <c r="BOD717" s="613"/>
      <c r="BOE717" s="613"/>
      <c r="BOF717" s="613"/>
      <c r="BOG717" s="613"/>
      <c r="BOH717" s="613"/>
      <c r="BOI717" s="613"/>
      <c r="BOJ717" s="613"/>
      <c r="BOK717" s="613"/>
      <c r="BOL717" s="613"/>
      <c r="BOM717" s="613"/>
      <c r="BON717" s="613"/>
      <c r="BOO717" s="613"/>
      <c r="BOP717" s="613"/>
      <c r="BOQ717" s="613"/>
      <c r="BOR717" s="613"/>
      <c r="BOS717" s="613"/>
      <c r="BOT717" s="613"/>
      <c r="BOU717" s="613"/>
      <c r="BOV717" s="613"/>
      <c r="BOW717" s="613"/>
      <c r="BOX717" s="613"/>
      <c r="BOY717" s="613"/>
      <c r="BOZ717" s="613"/>
      <c r="BPA717" s="613"/>
      <c r="BPB717" s="613"/>
      <c r="BPC717" s="613"/>
      <c r="BPD717" s="613"/>
      <c r="BPE717" s="613"/>
      <c r="BPF717" s="613"/>
      <c r="BPG717" s="613"/>
      <c r="BPH717" s="613"/>
      <c r="BPI717" s="613"/>
      <c r="BPJ717" s="613"/>
      <c r="BPK717" s="613"/>
      <c r="BPL717" s="613"/>
      <c r="BPM717" s="613"/>
      <c r="BPN717" s="613"/>
      <c r="BPO717" s="613"/>
      <c r="BPP717" s="613"/>
      <c r="BPQ717" s="613"/>
      <c r="BPR717" s="613"/>
      <c r="BPS717" s="613"/>
      <c r="BPT717" s="613"/>
      <c r="BPU717" s="613"/>
      <c r="BPV717" s="613"/>
      <c r="BPW717" s="613"/>
      <c r="BPX717" s="613"/>
      <c r="BPY717" s="613"/>
      <c r="BPZ717" s="613"/>
      <c r="BQA717" s="613"/>
      <c r="BQB717" s="613"/>
      <c r="BQC717" s="613"/>
      <c r="BQD717" s="613"/>
      <c r="BQE717" s="613"/>
      <c r="BQF717" s="613"/>
      <c r="BQG717" s="613"/>
      <c r="BQH717" s="613"/>
      <c r="BQI717" s="613"/>
      <c r="BQJ717" s="613"/>
      <c r="BQK717" s="613"/>
      <c r="BQL717" s="613"/>
      <c r="BQM717" s="613"/>
      <c r="BQN717" s="613"/>
      <c r="BQO717" s="613"/>
      <c r="BQP717" s="613"/>
      <c r="BQQ717" s="613"/>
      <c r="BQR717" s="613"/>
      <c r="BQS717" s="613"/>
      <c r="BQT717" s="613"/>
      <c r="BQU717" s="613"/>
      <c r="BQV717" s="613"/>
      <c r="BQW717" s="613"/>
      <c r="BQX717" s="613"/>
      <c r="BQY717" s="613"/>
      <c r="BQZ717" s="613"/>
      <c r="BRA717" s="613"/>
      <c r="BRB717" s="613"/>
      <c r="BRC717" s="613"/>
      <c r="BRD717" s="613"/>
      <c r="BRE717" s="613"/>
      <c r="BRF717" s="613"/>
      <c r="BRG717" s="613"/>
      <c r="BRH717" s="613"/>
      <c r="BRI717" s="613"/>
      <c r="BRJ717" s="613"/>
      <c r="BRK717" s="613"/>
      <c r="BRL717" s="613"/>
      <c r="BRM717" s="613"/>
      <c r="BRN717" s="613"/>
      <c r="BRO717" s="613"/>
      <c r="BRP717" s="613"/>
      <c r="BRQ717" s="613"/>
      <c r="BRR717" s="613"/>
      <c r="BRS717" s="613"/>
      <c r="BRT717" s="613"/>
      <c r="BRU717" s="613"/>
      <c r="BRV717" s="613"/>
      <c r="BRW717" s="613"/>
      <c r="BRX717" s="613"/>
      <c r="BRY717" s="613"/>
      <c r="BRZ717" s="613"/>
      <c r="BSA717" s="613"/>
      <c r="BSB717" s="613"/>
      <c r="BSC717" s="613"/>
      <c r="BSD717" s="613"/>
      <c r="BSE717" s="613"/>
      <c r="BSF717" s="613"/>
      <c r="BSG717" s="613"/>
      <c r="BSH717" s="613"/>
      <c r="BSI717" s="613"/>
      <c r="BSJ717" s="613"/>
      <c r="BSK717" s="613"/>
      <c r="BSL717" s="613"/>
      <c r="BSM717" s="613"/>
      <c r="BSN717" s="613"/>
      <c r="BSO717" s="613"/>
      <c r="BSP717" s="613"/>
      <c r="BSQ717" s="613"/>
      <c r="BSR717" s="613"/>
      <c r="BSS717" s="613"/>
      <c r="BST717" s="613"/>
      <c r="BSU717" s="613"/>
      <c r="BSV717" s="613"/>
      <c r="BSW717" s="613"/>
      <c r="BSX717" s="613"/>
      <c r="BSY717" s="613"/>
      <c r="BSZ717" s="613"/>
      <c r="BTA717" s="613"/>
      <c r="BTB717" s="613"/>
      <c r="BTC717" s="613"/>
      <c r="BTD717" s="613"/>
      <c r="BTE717" s="613"/>
      <c r="BTF717" s="613"/>
      <c r="BTG717" s="613"/>
      <c r="BTH717" s="613"/>
      <c r="BTI717" s="613"/>
      <c r="BTJ717" s="613"/>
      <c r="BTK717" s="613"/>
      <c r="BTL717" s="613"/>
      <c r="BTM717" s="613"/>
      <c r="BTN717" s="613"/>
      <c r="BTO717" s="613"/>
      <c r="BTP717" s="613"/>
      <c r="BTQ717" s="613"/>
      <c r="BTR717" s="613"/>
      <c r="BTS717" s="613"/>
      <c r="BTT717" s="613"/>
      <c r="BTU717" s="613"/>
      <c r="BTV717" s="613"/>
      <c r="BTW717" s="613"/>
      <c r="BTX717" s="613"/>
      <c r="BTY717" s="613"/>
      <c r="BTZ717" s="613"/>
      <c r="BUA717" s="613"/>
      <c r="BUB717" s="613"/>
      <c r="BUC717" s="613"/>
      <c r="BUD717" s="613"/>
      <c r="BUE717" s="613"/>
      <c r="BUF717" s="613"/>
      <c r="BUG717" s="613"/>
      <c r="BUH717" s="613"/>
      <c r="BUI717" s="613"/>
      <c r="BUJ717" s="613"/>
      <c r="BUK717" s="613"/>
      <c r="BUL717" s="613"/>
      <c r="BUM717" s="613"/>
      <c r="BUN717" s="613"/>
      <c r="BUO717" s="613"/>
      <c r="BUP717" s="613"/>
      <c r="BUQ717" s="613"/>
      <c r="BUR717" s="613"/>
      <c r="BUS717" s="613"/>
      <c r="BUT717" s="613"/>
      <c r="BUU717" s="613"/>
      <c r="BUV717" s="613"/>
      <c r="BUW717" s="613"/>
      <c r="BUX717" s="613"/>
      <c r="BUY717" s="613"/>
      <c r="BUZ717" s="613"/>
      <c r="BVA717" s="613"/>
      <c r="BVB717" s="613"/>
      <c r="BVC717" s="613"/>
      <c r="BVD717" s="613"/>
      <c r="BVE717" s="613"/>
      <c r="BVF717" s="613"/>
      <c r="BVG717" s="613"/>
      <c r="BVH717" s="613"/>
      <c r="BVI717" s="613"/>
      <c r="BVJ717" s="613"/>
      <c r="BVK717" s="613"/>
      <c r="BVL717" s="613"/>
      <c r="BVM717" s="613"/>
      <c r="BVN717" s="613"/>
      <c r="BVO717" s="613"/>
      <c r="BVP717" s="613"/>
      <c r="BVQ717" s="613"/>
      <c r="BVR717" s="613"/>
      <c r="BVS717" s="613"/>
      <c r="BVT717" s="613"/>
      <c r="BVU717" s="613"/>
      <c r="BVV717" s="613"/>
      <c r="BVW717" s="613"/>
      <c r="BVX717" s="613"/>
      <c r="BVY717" s="613"/>
      <c r="BVZ717" s="613"/>
      <c r="BWA717" s="613"/>
      <c r="BWB717" s="613"/>
      <c r="BWC717" s="613"/>
      <c r="BWD717" s="613"/>
      <c r="BWE717" s="613"/>
      <c r="BWF717" s="613"/>
      <c r="BWG717" s="613"/>
      <c r="BWH717" s="613"/>
      <c r="BWI717" s="613"/>
      <c r="BWJ717" s="613"/>
      <c r="BWK717" s="613"/>
      <c r="BWL717" s="613"/>
      <c r="BWM717" s="613"/>
      <c r="BWN717" s="613"/>
      <c r="BWO717" s="613"/>
      <c r="BWP717" s="613"/>
      <c r="BWQ717" s="613"/>
      <c r="BWR717" s="613"/>
      <c r="BWS717" s="613"/>
      <c r="BWT717" s="613"/>
      <c r="BWU717" s="613"/>
      <c r="BWV717" s="613"/>
      <c r="BWW717" s="613"/>
      <c r="BWX717" s="613"/>
      <c r="BWY717" s="613"/>
      <c r="BWZ717" s="613"/>
      <c r="BXA717" s="613"/>
      <c r="BXB717" s="613"/>
      <c r="BXC717" s="613"/>
      <c r="BXD717" s="613"/>
      <c r="BXE717" s="613"/>
      <c r="BXF717" s="613"/>
      <c r="BXG717" s="613"/>
      <c r="BXH717" s="613"/>
      <c r="BXI717" s="613"/>
      <c r="BXJ717" s="613"/>
      <c r="BXK717" s="613"/>
      <c r="BXL717" s="613"/>
      <c r="BXM717" s="613"/>
      <c r="BXN717" s="613"/>
      <c r="BXO717" s="613"/>
      <c r="BXP717" s="613"/>
      <c r="BXQ717" s="613"/>
      <c r="BXR717" s="613"/>
      <c r="BXS717" s="613"/>
      <c r="BXT717" s="613"/>
      <c r="BXU717" s="613"/>
      <c r="BXV717" s="613"/>
      <c r="BXW717" s="613"/>
      <c r="BXX717" s="613"/>
      <c r="BXY717" s="613"/>
      <c r="BXZ717" s="613"/>
      <c r="BYA717" s="613"/>
      <c r="BYB717" s="613"/>
      <c r="BYC717" s="613"/>
      <c r="BYD717" s="613"/>
      <c r="BYE717" s="613"/>
      <c r="BYF717" s="613"/>
      <c r="BYG717" s="613"/>
      <c r="BYH717" s="613"/>
      <c r="BYI717" s="613"/>
      <c r="BYJ717" s="613"/>
      <c r="BYK717" s="613"/>
      <c r="BYL717" s="613"/>
      <c r="BYM717" s="613"/>
      <c r="BYN717" s="613"/>
      <c r="BYO717" s="613"/>
      <c r="BYP717" s="613"/>
      <c r="BYQ717" s="613"/>
      <c r="BYR717" s="613"/>
      <c r="BYS717" s="613"/>
      <c r="BYT717" s="613"/>
      <c r="BYU717" s="613"/>
      <c r="BYV717" s="613"/>
      <c r="BYW717" s="613"/>
      <c r="BYX717" s="613"/>
      <c r="BYY717" s="613"/>
      <c r="BYZ717" s="613"/>
      <c r="BZA717" s="613"/>
      <c r="BZB717" s="613"/>
      <c r="BZC717" s="613"/>
      <c r="BZD717" s="613"/>
      <c r="BZE717" s="613"/>
      <c r="BZF717" s="613"/>
      <c r="BZG717" s="613"/>
      <c r="BZH717" s="613"/>
      <c r="BZI717" s="613"/>
      <c r="BZJ717" s="613"/>
      <c r="BZK717" s="613"/>
      <c r="BZL717" s="613"/>
      <c r="BZM717" s="613"/>
      <c r="BZN717" s="613"/>
      <c r="BZO717" s="613"/>
      <c r="BZP717" s="613"/>
      <c r="BZQ717" s="613"/>
      <c r="BZR717" s="613"/>
      <c r="BZS717" s="613"/>
      <c r="BZT717" s="613"/>
      <c r="BZU717" s="613"/>
      <c r="BZV717" s="613"/>
      <c r="BZW717" s="613"/>
      <c r="BZX717" s="613"/>
      <c r="BZY717" s="613"/>
      <c r="BZZ717" s="613"/>
      <c r="CAA717" s="613"/>
      <c r="CAB717" s="613"/>
      <c r="CAC717" s="613"/>
      <c r="CAD717" s="613"/>
      <c r="CAE717" s="613"/>
      <c r="CAF717" s="613"/>
      <c r="CAG717" s="613"/>
      <c r="CAH717" s="613"/>
      <c r="CAI717" s="613"/>
      <c r="CAJ717" s="613"/>
      <c r="CAK717" s="613"/>
      <c r="CAL717" s="613"/>
      <c r="CAM717" s="613"/>
      <c r="CAN717" s="613"/>
      <c r="CAO717" s="613"/>
      <c r="CAP717" s="613"/>
      <c r="CAQ717" s="613"/>
      <c r="CAR717" s="613"/>
      <c r="CAS717" s="613"/>
      <c r="CAT717" s="613"/>
      <c r="CAU717" s="613"/>
      <c r="CAV717" s="613"/>
      <c r="CAW717" s="613"/>
      <c r="CAX717" s="613"/>
      <c r="CAY717" s="613"/>
      <c r="CAZ717" s="613"/>
      <c r="CBA717" s="613"/>
      <c r="CBB717" s="613"/>
      <c r="CBC717" s="613"/>
      <c r="CBD717" s="613"/>
      <c r="CBE717" s="613"/>
      <c r="CBF717" s="613"/>
      <c r="CBG717" s="613"/>
      <c r="CBH717" s="613"/>
      <c r="CBI717" s="613"/>
      <c r="CBJ717" s="613"/>
      <c r="CBK717" s="613"/>
      <c r="CBL717" s="613"/>
      <c r="CBM717" s="613"/>
      <c r="CBN717" s="613"/>
      <c r="CBO717" s="613"/>
      <c r="CBP717" s="613"/>
      <c r="CBQ717" s="613"/>
      <c r="CBR717" s="613"/>
      <c r="CBS717" s="613"/>
      <c r="CBT717" s="613"/>
      <c r="CBU717" s="613"/>
      <c r="CBV717" s="613"/>
      <c r="CBW717" s="613"/>
      <c r="CBX717" s="613"/>
      <c r="CBY717" s="613"/>
      <c r="CBZ717" s="613"/>
      <c r="CCA717" s="613"/>
      <c r="CCB717" s="613"/>
      <c r="CCC717" s="613"/>
      <c r="CCD717" s="613"/>
      <c r="CCE717" s="613"/>
      <c r="CCF717" s="613"/>
      <c r="CCG717" s="613"/>
      <c r="CCH717" s="613"/>
      <c r="CCI717" s="613"/>
      <c r="CCJ717" s="613"/>
      <c r="CCK717" s="613"/>
      <c r="CCL717" s="613"/>
      <c r="CCM717" s="613"/>
      <c r="CCN717" s="613"/>
      <c r="CCO717" s="613"/>
      <c r="CCP717" s="613"/>
      <c r="CCQ717" s="613"/>
      <c r="CCR717" s="613"/>
      <c r="CCS717" s="613"/>
      <c r="CCT717" s="613"/>
      <c r="CCU717" s="613"/>
      <c r="CCV717" s="613"/>
      <c r="CCW717" s="613"/>
      <c r="CCX717" s="613"/>
      <c r="CCY717" s="613"/>
      <c r="CCZ717" s="613"/>
      <c r="CDA717" s="613"/>
      <c r="CDB717" s="613"/>
      <c r="CDC717" s="613"/>
      <c r="CDD717" s="613"/>
      <c r="CDE717" s="613"/>
      <c r="CDF717" s="613"/>
      <c r="CDG717" s="613"/>
      <c r="CDH717" s="613"/>
      <c r="CDI717" s="613"/>
      <c r="CDJ717" s="613"/>
      <c r="CDK717" s="613"/>
      <c r="CDL717" s="613"/>
      <c r="CDM717" s="613"/>
      <c r="CDN717" s="613"/>
      <c r="CDO717" s="613"/>
      <c r="CDP717" s="613"/>
      <c r="CDQ717" s="613"/>
      <c r="CDR717" s="613"/>
      <c r="CDS717" s="613"/>
      <c r="CDT717" s="613"/>
      <c r="CDU717" s="613"/>
      <c r="CDV717" s="613"/>
      <c r="CDW717" s="613"/>
      <c r="CDX717" s="613"/>
      <c r="CDY717" s="613"/>
      <c r="CDZ717" s="613"/>
      <c r="CEA717" s="613"/>
      <c r="CEB717" s="613"/>
      <c r="CEC717" s="613"/>
      <c r="CED717" s="613"/>
      <c r="CEE717" s="613"/>
      <c r="CEF717" s="613"/>
      <c r="CEG717" s="613"/>
      <c r="CEH717" s="613"/>
      <c r="CEI717" s="613"/>
      <c r="CEJ717" s="613"/>
      <c r="CEK717" s="613"/>
      <c r="CEL717" s="613"/>
      <c r="CEM717" s="613"/>
      <c r="CEN717" s="613"/>
      <c r="CEO717" s="613"/>
      <c r="CEP717" s="613"/>
      <c r="CEQ717" s="613"/>
      <c r="CER717" s="613"/>
      <c r="CES717" s="613"/>
      <c r="CET717" s="613"/>
      <c r="CEU717" s="613"/>
      <c r="CEV717" s="613"/>
      <c r="CEW717" s="613"/>
      <c r="CEX717" s="613"/>
      <c r="CEY717" s="613"/>
      <c r="CEZ717" s="613"/>
      <c r="CFA717" s="613"/>
      <c r="CFB717" s="613"/>
      <c r="CFC717" s="613"/>
      <c r="CFD717" s="613"/>
      <c r="CFE717" s="613"/>
      <c r="CFF717" s="613"/>
      <c r="CFG717" s="613"/>
      <c r="CFH717" s="613"/>
      <c r="CFI717" s="613"/>
      <c r="CFJ717" s="613"/>
      <c r="CFK717" s="613"/>
      <c r="CFL717" s="613"/>
      <c r="CFM717" s="613"/>
      <c r="CFN717" s="613"/>
      <c r="CFO717" s="613"/>
      <c r="CFP717" s="613"/>
      <c r="CFQ717" s="613"/>
      <c r="CFR717" s="613"/>
      <c r="CFS717" s="613"/>
      <c r="CFT717" s="613"/>
      <c r="CFU717" s="613"/>
      <c r="CFV717" s="613"/>
      <c r="CFW717" s="613"/>
      <c r="CFX717" s="613"/>
      <c r="CFY717" s="613"/>
      <c r="CFZ717" s="613"/>
      <c r="CGA717" s="613"/>
      <c r="CGB717" s="613"/>
      <c r="CGC717" s="613"/>
      <c r="CGD717" s="613"/>
      <c r="CGE717" s="613"/>
      <c r="CGF717" s="613"/>
      <c r="CGG717" s="613"/>
      <c r="CGH717" s="613"/>
      <c r="CGI717" s="613"/>
      <c r="CGJ717" s="613"/>
      <c r="CGK717" s="613"/>
      <c r="CGL717" s="613"/>
      <c r="CGM717" s="613"/>
      <c r="CGN717" s="613"/>
      <c r="CGO717" s="613"/>
      <c r="CGP717" s="613"/>
      <c r="CGQ717" s="613"/>
      <c r="CGR717" s="613"/>
      <c r="CGS717" s="613"/>
      <c r="CGT717" s="613"/>
      <c r="CGU717" s="613"/>
      <c r="CGV717" s="613"/>
      <c r="CGW717" s="613"/>
      <c r="CGX717" s="613"/>
      <c r="CGY717" s="613"/>
      <c r="CGZ717" s="613"/>
      <c r="CHA717" s="613"/>
      <c r="CHB717" s="613"/>
      <c r="CHC717" s="613"/>
      <c r="CHD717" s="613"/>
      <c r="CHE717" s="613"/>
      <c r="CHF717" s="613"/>
      <c r="CHG717" s="613"/>
      <c r="CHH717" s="613"/>
      <c r="CHI717" s="613"/>
      <c r="CHJ717" s="613"/>
      <c r="CHK717" s="613"/>
      <c r="CHL717" s="613"/>
      <c r="CHM717" s="613"/>
      <c r="CHN717" s="613"/>
      <c r="CHO717" s="613"/>
      <c r="CHP717" s="613"/>
      <c r="CHQ717" s="613"/>
      <c r="CHR717" s="613"/>
      <c r="CHS717" s="613"/>
      <c r="CHT717" s="613"/>
      <c r="CHU717" s="613"/>
      <c r="CHV717" s="613"/>
      <c r="CHW717" s="613"/>
      <c r="CHX717" s="613"/>
      <c r="CHY717" s="613"/>
      <c r="CHZ717" s="613"/>
      <c r="CIA717" s="613"/>
      <c r="CIB717" s="613"/>
      <c r="CIC717" s="613"/>
      <c r="CID717" s="613"/>
      <c r="CIE717" s="613"/>
      <c r="CIF717" s="613"/>
      <c r="CIG717" s="613"/>
      <c r="CIH717" s="613"/>
      <c r="CII717" s="613"/>
      <c r="CIJ717" s="613"/>
      <c r="CIK717" s="613"/>
      <c r="CIL717" s="613"/>
      <c r="CIM717" s="613"/>
      <c r="CIN717" s="613"/>
      <c r="CIO717" s="613"/>
      <c r="CIP717" s="613"/>
      <c r="CIQ717" s="613"/>
      <c r="CIR717" s="613"/>
      <c r="CIS717" s="613"/>
      <c r="CIT717" s="613"/>
      <c r="CIU717" s="613"/>
      <c r="CIV717" s="613"/>
      <c r="CIW717" s="613"/>
      <c r="CIX717" s="613"/>
      <c r="CIY717" s="613"/>
      <c r="CIZ717" s="613"/>
      <c r="CJA717" s="613"/>
      <c r="CJB717" s="613"/>
      <c r="CJC717" s="613"/>
      <c r="CJD717" s="613"/>
      <c r="CJE717" s="613"/>
      <c r="CJF717" s="613"/>
      <c r="CJG717" s="613"/>
      <c r="CJH717" s="613"/>
      <c r="CJI717" s="613"/>
      <c r="CJJ717" s="613"/>
      <c r="CJK717" s="613"/>
      <c r="CJL717" s="613"/>
      <c r="CJM717" s="613"/>
      <c r="CJN717" s="613"/>
      <c r="CJO717" s="613"/>
      <c r="CJP717" s="613"/>
      <c r="CJQ717" s="613"/>
      <c r="CJR717" s="613"/>
      <c r="CJS717" s="613"/>
      <c r="CJT717" s="613"/>
      <c r="CJU717" s="613"/>
      <c r="CJV717" s="613"/>
      <c r="CJW717" s="613"/>
      <c r="CJX717" s="613"/>
      <c r="CJY717" s="613"/>
      <c r="CJZ717" s="613"/>
      <c r="CKA717" s="613"/>
      <c r="CKB717" s="613"/>
      <c r="CKC717" s="613"/>
      <c r="CKD717" s="613"/>
      <c r="CKE717" s="613"/>
      <c r="CKF717" s="613"/>
      <c r="CKG717" s="613"/>
      <c r="CKH717" s="613"/>
      <c r="CKI717" s="613"/>
      <c r="CKJ717" s="613"/>
      <c r="CKK717" s="613"/>
      <c r="CKL717" s="613"/>
      <c r="CKM717" s="613"/>
      <c r="CKN717" s="613"/>
      <c r="CKO717" s="613"/>
      <c r="CKP717" s="613"/>
      <c r="CKQ717" s="613"/>
      <c r="CKR717" s="613"/>
      <c r="CKS717" s="613"/>
      <c r="CKT717" s="613"/>
      <c r="CKU717" s="613"/>
      <c r="CKV717" s="613"/>
      <c r="CKW717" s="613"/>
      <c r="CKX717" s="613"/>
      <c r="CKY717" s="613"/>
      <c r="CKZ717" s="613"/>
      <c r="CLA717" s="613"/>
      <c r="CLB717" s="613"/>
      <c r="CLC717" s="613"/>
      <c r="CLD717" s="613"/>
      <c r="CLE717" s="613"/>
      <c r="CLF717" s="613"/>
      <c r="CLG717" s="613"/>
      <c r="CLH717" s="613"/>
      <c r="CLI717" s="613"/>
      <c r="CLJ717" s="613"/>
      <c r="CLK717" s="613"/>
      <c r="CLL717" s="613"/>
      <c r="CLM717" s="613"/>
      <c r="CLN717" s="613"/>
      <c r="CLO717" s="613"/>
      <c r="CLP717" s="613"/>
      <c r="CLQ717" s="613"/>
      <c r="CLR717" s="613"/>
      <c r="CLS717" s="613"/>
      <c r="CLT717" s="613"/>
      <c r="CLU717" s="613"/>
      <c r="CLV717" s="613"/>
      <c r="CLW717" s="613"/>
      <c r="CLX717" s="613"/>
      <c r="CLY717" s="613"/>
      <c r="CLZ717" s="613"/>
      <c r="CMA717" s="613"/>
      <c r="CMB717" s="613"/>
      <c r="CMC717" s="613"/>
      <c r="CMD717" s="613"/>
      <c r="CME717" s="613"/>
      <c r="CMF717" s="613"/>
      <c r="CMG717" s="613"/>
      <c r="CMH717" s="613"/>
      <c r="CMI717" s="613"/>
      <c r="CMJ717" s="613"/>
      <c r="CMK717" s="613"/>
      <c r="CML717" s="613"/>
      <c r="CMM717" s="613"/>
      <c r="CMN717" s="613"/>
      <c r="CMO717" s="613"/>
      <c r="CMP717" s="613"/>
      <c r="CMQ717" s="613"/>
      <c r="CMR717" s="613"/>
      <c r="CMS717" s="613"/>
      <c r="CMT717" s="613"/>
      <c r="CMU717" s="613"/>
      <c r="CMV717" s="613"/>
      <c r="CMW717" s="613"/>
      <c r="CMX717" s="613"/>
      <c r="CMY717" s="613"/>
      <c r="CMZ717" s="613"/>
      <c r="CNA717" s="613"/>
      <c r="CNB717" s="613"/>
      <c r="CNC717" s="613"/>
      <c r="CND717" s="613"/>
      <c r="CNE717" s="613"/>
      <c r="CNF717" s="613"/>
      <c r="CNG717" s="613"/>
      <c r="CNH717" s="613"/>
      <c r="CNI717" s="613"/>
      <c r="CNJ717" s="613"/>
      <c r="CNK717" s="613"/>
      <c r="CNL717" s="613"/>
      <c r="CNM717" s="613"/>
      <c r="CNN717" s="613"/>
      <c r="CNO717" s="613"/>
      <c r="CNP717" s="613"/>
      <c r="CNQ717" s="613"/>
      <c r="CNR717" s="613"/>
      <c r="CNS717" s="613"/>
      <c r="CNT717" s="613"/>
      <c r="CNU717" s="613"/>
      <c r="CNV717" s="613"/>
      <c r="CNW717" s="613"/>
      <c r="CNX717" s="613"/>
      <c r="CNY717" s="613"/>
      <c r="CNZ717" s="613"/>
      <c r="COA717" s="613"/>
      <c r="COB717" s="613"/>
      <c r="COC717" s="613"/>
      <c r="COD717" s="613"/>
      <c r="COE717" s="613"/>
      <c r="COF717" s="613"/>
      <c r="COG717" s="613"/>
      <c r="COH717" s="613"/>
      <c r="COI717" s="613"/>
      <c r="COJ717" s="613"/>
      <c r="COK717" s="613"/>
      <c r="COL717" s="613"/>
      <c r="COM717" s="613"/>
      <c r="CON717" s="613"/>
      <c r="COO717" s="613"/>
      <c r="COP717" s="613"/>
      <c r="COQ717" s="613"/>
      <c r="COR717" s="613"/>
      <c r="COS717" s="613"/>
      <c r="COT717" s="613"/>
      <c r="COU717" s="613"/>
      <c r="COV717" s="613"/>
      <c r="COW717" s="613"/>
      <c r="COX717" s="613"/>
      <c r="COY717" s="613"/>
      <c r="COZ717" s="613"/>
      <c r="CPA717" s="613"/>
      <c r="CPB717" s="613"/>
      <c r="CPC717" s="613"/>
      <c r="CPD717" s="613"/>
      <c r="CPE717" s="613"/>
      <c r="CPF717" s="613"/>
      <c r="CPG717" s="613"/>
      <c r="CPH717" s="613"/>
      <c r="CPI717" s="613"/>
      <c r="CPJ717" s="613"/>
      <c r="CPK717" s="613"/>
      <c r="CPL717" s="613"/>
      <c r="CPM717" s="613"/>
      <c r="CPN717" s="613"/>
      <c r="CPO717" s="613"/>
      <c r="CPP717" s="613"/>
      <c r="CPQ717" s="613"/>
      <c r="CPR717" s="613"/>
      <c r="CPS717" s="613"/>
      <c r="CPT717" s="613"/>
      <c r="CPU717" s="613"/>
      <c r="CPV717" s="613"/>
      <c r="CPW717" s="613"/>
      <c r="CPX717" s="613"/>
      <c r="CPY717" s="613"/>
      <c r="CPZ717" s="613"/>
      <c r="CQA717" s="613"/>
      <c r="CQB717" s="613"/>
      <c r="CQC717" s="613"/>
      <c r="CQD717" s="613"/>
      <c r="CQE717" s="613"/>
      <c r="CQF717" s="613"/>
      <c r="CQG717" s="613"/>
      <c r="CQH717" s="613"/>
      <c r="CQI717" s="613"/>
      <c r="CQJ717" s="613"/>
      <c r="CQK717" s="613"/>
      <c r="CQL717" s="613"/>
      <c r="CQM717" s="613"/>
      <c r="CQN717" s="613"/>
      <c r="CQO717" s="613"/>
      <c r="CQP717" s="613"/>
      <c r="CQQ717" s="613"/>
      <c r="CQR717" s="613"/>
      <c r="CQS717" s="613"/>
      <c r="CQT717" s="613"/>
      <c r="CQU717" s="613"/>
      <c r="CQV717" s="613"/>
      <c r="CQW717" s="613"/>
      <c r="CQX717" s="613"/>
      <c r="CQY717" s="613"/>
      <c r="CQZ717" s="613"/>
      <c r="CRA717" s="613"/>
      <c r="CRB717" s="613"/>
      <c r="CRC717" s="613"/>
      <c r="CRD717" s="613"/>
      <c r="CRE717" s="613"/>
      <c r="CRF717" s="613"/>
      <c r="CRG717" s="613"/>
      <c r="CRH717" s="613"/>
      <c r="CRI717" s="613"/>
      <c r="CRJ717" s="613"/>
      <c r="CRK717" s="613"/>
      <c r="CRL717" s="613"/>
      <c r="CRM717" s="613"/>
      <c r="CRN717" s="613"/>
      <c r="CRO717" s="613"/>
      <c r="CRP717" s="613"/>
      <c r="CRQ717" s="613"/>
      <c r="CRR717" s="613"/>
      <c r="CRS717" s="613"/>
      <c r="CRT717" s="613"/>
      <c r="CRU717" s="613"/>
      <c r="CRV717" s="613"/>
      <c r="CRW717" s="613"/>
      <c r="CRX717" s="613"/>
      <c r="CRY717" s="613"/>
      <c r="CRZ717" s="613"/>
      <c r="CSA717" s="613"/>
      <c r="CSB717" s="613"/>
      <c r="CSC717" s="613"/>
      <c r="CSD717" s="613"/>
      <c r="CSE717" s="613"/>
      <c r="CSF717" s="613"/>
      <c r="CSG717" s="613"/>
      <c r="CSH717" s="613"/>
      <c r="CSI717" s="613"/>
      <c r="CSJ717" s="613"/>
      <c r="CSK717" s="613"/>
      <c r="CSL717" s="613"/>
      <c r="CSM717" s="613"/>
      <c r="CSN717" s="613"/>
      <c r="CSO717" s="613"/>
      <c r="CSP717" s="613"/>
      <c r="CSQ717" s="613"/>
      <c r="CSR717" s="613"/>
      <c r="CSS717" s="613"/>
      <c r="CST717" s="613"/>
      <c r="CSU717" s="613"/>
      <c r="CSV717" s="613"/>
      <c r="CSW717" s="613"/>
      <c r="CSX717" s="613"/>
      <c r="CSY717" s="613"/>
      <c r="CSZ717" s="613"/>
      <c r="CTA717" s="613"/>
      <c r="CTB717" s="613"/>
      <c r="CTC717" s="613"/>
      <c r="CTD717" s="613"/>
      <c r="CTE717" s="613"/>
      <c r="CTF717" s="613"/>
      <c r="CTG717" s="613"/>
      <c r="CTH717" s="613"/>
      <c r="CTI717" s="613"/>
      <c r="CTJ717" s="613"/>
      <c r="CTK717" s="613"/>
      <c r="CTL717" s="613"/>
      <c r="CTM717" s="613"/>
      <c r="CTN717" s="613"/>
      <c r="CTO717" s="613"/>
      <c r="CTP717" s="613"/>
      <c r="CTQ717" s="613"/>
      <c r="CTR717" s="613"/>
      <c r="CTS717" s="613"/>
      <c r="CTT717" s="613"/>
      <c r="CTU717" s="613"/>
      <c r="CTV717" s="613"/>
      <c r="CTW717" s="613"/>
      <c r="CTX717" s="613"/>
      <c r="CTY717" s="613"/>
      <c r="CTZ717" s="613"/>
      <c r="CUA717" s="613"/>
      <c r="CUB717" s="613"/>
      <c r="CUC717" s="613"/>
      <c r="CUD717" s="613"/>
      <c r="CUE717" s="613"/>
      <c r="CUF717" s="613"/>
      <c r="CUG717" s="613"/>
      <c r="CUH717" s="613"/>
      <c r="CUI717" s="613"/>
      <c r="CUJ717" s="613"/>
      <c r="CUK717" s="613"/>
      <c r="CUL717" s="613"/>
      <c r="CUM717" s="613"/>
      <c r="CUN717" s="613"/>
      <c r="CUO717" s="613"/>
      <c r="CUP717" s="613"/>
      <c r="CUQ717" s="613"/>
      <c r="CUR717" s="613"/>
      <c r="CUS717" s="613"/>
      <c r="CUT717" s="613"/>
      <c r="CUU717" s="613"/>
      <c r="CUV717" s="613"/>
      <c r="CUW717" s="613"/>
      <c r="CUX717" s="613"/>
      <c r="CUY717" s="613"/>
      <c r="CUZ717" s="613"/>
      <c r="CVA717" s="613"/>
      <c r="CVB717" s="613"/>
      <c r="CVC717" s="613"/>
      <c r="CVD717" s="613"/>
      <c r="CVE717" s="613"/>
      <c r="CVF717" s="613"/>
      <c r="CVG717" s="613"/>
      <c r="CVH717" s="613"/>
      <c r="CVI717" s="613"/>
      <c r="CVJ717" s="613"/>
      <c r="CVK717" s="613"/>
      <c r="CVL717" s="613"/>
      <c r="CVM717" s="613"/>
      <c r="CVN717" s="613"/>
      <c r="CVO717" s="613"/>
      <c r="CVP717" s="613"/>
      <c r="CVQ717" s="613"/>
      <c r="CVR717" s="613"/>
      <c r="CVS717" s="613"/>
      <c r="CVT717" s="613"/>
      <c r="CVU717" s="613"/>
      <c r="CVV717" s="613"/>
      <c r="CVW717" s="613"/>
      <c r="CVX717" s="613"/>
      <c r="CVY717" s="613"/>
      <c r="CVZ717" s="613"/>
      <c r="CWA717" s="613"/>
      <c r="CWB717" s="613"/>
      <c r="CWC717" s="613"/>
      <c r="CWD717" s="613"/>
      <c r="CWE717" s="613"/>
      <c r="CWF717" s="613"/>
      <c r="CWG717" s="613"/>
      <c r="CWH717" s="613"/>
      <c r="CWI717" s="613"/>
      <c r="CWJ717" s="613"/>
      <c r="CWK717" s="613"/>
      <c r="CWL717" s="613"/>
      <c r="CWM717" s="613"/>
      <c r="CWN717" s="613"/>
      <c r="CWO717" s="613"/>
      <c r="CWP717" s="613"/>
      <c r="CWQ717" s="613"/>
      <c r="CWR717" s="613"/>
      <c r="CWS717" s="613"/>
      <c r="CWT717" s="613"/>
      <c r="CWU717" s="613"/>
      <c r="CWV717" s="613"/>
      <c r="CWW717" s="613"/>
      <c r="CWX717" s="613"/>
      <c r="CWY717" s="613"/>
      <c r="CWZ717" s="613"/>
      <c r="CXA717" s="613"/>
      <c r="CXB717" s="613"/>
      <c r="CXC717" s="613"/>
      <c r="CXD717" s="613"/>
      <c r="CXE717" s="613"/>
      <c r="CXF717" s="613"/>
      <c r="CXG717" s="613"/>
      <c r="CXH717" s="613"/>
      <c r="CXI717" s="613"/>
      <c r="CXJ717" s="613"/>
      <c r="CXK717" s="613"/>
      <c r="CXL717" s="613"/>
      <c r="CXM717" s="613"/>
      <c r="CXN717" s="613"/>
      <c r="CXO717" s="613"/>
      <c r="CXP717" s="613"/>
      <c r="CXQ717" s="613"/>
      <c r="CXR717" s="613"/>
      <c r="CXS717" s="613"/>
      <c r="CXT717" s="613"/>
      <c r="CXU717" s="613"/>
      <c r="CXV717" s="613"/>
      <c r="CXW717" s="613"/>
      <c r="CXX717" s="613"/>
      <c r="CXY717" s="613"/>
      <c r="CXZ717" s="613"/>
      <c r="CYA717" s="613"/>
      <c r="CYB717" s="613"/>
      <c r="CYC717" s="613"/>
      <c r="CYD717" s="613"/>
      <c r="CYE717" s="613"/>
      <c r="CYF717" s="613"/>
      <c r="CYG717" s="613"/>
      <c r="CYH717" s="613"/>
      <c r="CYI717" s="613"/>
      <c r="CYJ717" s="613"/>
      <c r="CYK717" s="613"/>
      <c r="CYL717" s="613"/>
      <c r="CYM717" s="613"/>
      <c r="CYN717" s="613"/>
      <c r="CYO717" s="613"/>
      <c r="CYP717" s="613"/>
      <c r="CYQ717" s="613"/>
      <c r="CYR717" s="613"/>
      <c r="CYS717" s="613"/>
      <c r="CYT717" s="613"/>
      <c r="CYU717" s="613"/>
      <c r="CYV717" s="613"/>
      <c r="CYW717" s="613"/>
      <c r="CYX717" s="613"/>
      <c r="CYY717" s="613"/>
      <c r="CYZ717" s="613"/>
      <c r="CZA717" s="613"/>
      <c r="CZB717" s="613"/>
      <c r="CZC717" s="613"/>
      <c r="CZD717" s="613"/>
      <c r="CZE717" s="613"/>
      <c r="CZF717" s="613"/>
      <c r="CZG717" s="613"/>
      <c r="CZH717" s="613"/>
      <c r="CZI717" s="613"/>
      <c r="CZJ717" s="613"/>
      <c r="CZK717" s="613"/>
      <c r="CZL717" s="613"/>
      <c r="CZM717" s="613"/>
      <c r="CZN717" s="613"/>
      <c r="CZO717" s="613"/>
      <c r="CZP717" s="613"/>
      <c r="CZQ717" s="613"/>
      <c r="CZR717" s="613"/>
      <c r="CZS717" s="613"/>
      <c r="CZT717" s="613"/>
      <c r="CZU717" s="613"/>
      <c r="CZV717" s="613"/>
      <c r="CZW717" s="613"/>
      <c r="CZX717" s="613"/>
      <c r="CZY717" s="613"/>
      <c r="CZZ717" s="613"/>
      <c r="DAA717" s="613"/>
      <c r="DAB717" s="613"/>
      <c r="DAC717" s="613"/>
      <c r="DAD717" s="613"/>
      <c r="DAE717" s="613"/>
      <c r="DAF717" s="613"/>
      <c r="DAG717" s="613"/>
      <c r="DAH717" s="613"/>
      <c r="DAI717" s="613"/>
      <c r="DAJ717" s="613"/>
      <c r="DAK717" s="613"/>
      <c r="DAL717" s="613"/>
      <c r="DAM717" s="613"/>
      <c r="DAN717" s="613"/>
      <c r="DAO717" s="613"/>
      <c r="DAP717" s="613"/>
      <c r="DAQ717" s="613"/>
      <c r="DAR717" s="613"/>
      <c r="DAS717" s="613"/>
      <c r="DAT717" s="613"/>
      <c r="DAU717" s="613"/>
      <c r="DAV717" s="613"/>
      <c r="DAW717" s="613"/>
      <c r="DAX717" s="613"/>
      <c r="DAY717" s="613"/>
      <c r="DAZ717" s="613"/>
      <c r="DBA717" s="613"/>
      <c r="DBB717" s="613"/>
      <c r="DBC717" s="613"/>
      <c r="DBD717" s="613"/>
      <c r="DBE717" s="613"/>
      <c r="DBF717" s="613"/>
      <c r="DBG717" s="613"/>
      <c r="DBH717" s="613"/>
      <c r="DBI717" s="613"/>
      <c r="DBJ717" s="613"/>
      <c r="DBK717" s="613"/>
      <c r="DBL717" s="613"/>
      <c r="DBM717" s="613"/>
      <c r="DBN717" s="613"/>
      <c r="DBO717" s="613"/>
      <c r="DBP717" s="613"/>
      <c r="DBQ717" s="613"/>
      <c r="DBR717" s="613"/>
      <c r="DBS717" s="613"/>
      <c r="DBT717" s="613"/>
      <c r="DBU717" s="613"/>
      <c r="DBV717" s="613"/>
      <c r="DBW717" s="613"/>
      <c r="DBX717" s="613"/>
      <c r="DBY717" s="613"/>
      <c r="DBZ717" s="613"/>
      <c r="DCA717" s="613"/>
      <c r="DCB717" s="613"/>
      <c r="DCC717" s="613"/>
      <c r="DCD717" s="613"/>
      <c r="DCE717" s="613"/>
      <c r="DCF717" s="613"/>
      <c r="DCG717" s="613"/>
      <c r="DCH717" s="613"/>
      <c r="DCI717" s="613"/>
      <c r="DCJ717" s="613"/>
      <c r="DCK717" s="613"/>
      <c r="DCL717" s="613"/>
      <c r="DCM717" s="613"/>
      <c r="DCN717" s="613"/>
      <c r="DCO717" s="613"/>
      <c r="DCP717" s="613"/>
      <c r="DCQ717" s="613"/>
      <c r="DCR717" s="613"/>
      <c r="DCS717" s="613"/>
      <c r="DCT717" s="613"/>
      <c r="DCU717" s="613"/>
      <c r="DCV717" s="613"/>
      <c r="DCW717" s="613"/>
      <c r="DCX717" s="613"/>
      <c r="DCY717" s="613"/>
      <c r="DCZ717" s="613"/>
      <c r="DDA717" s="613"/>
      <c r="DDB717" s="613"/>
      <c r="DDC717" s="613"/>
      <c r="DDD717" s="613"/>
      <c r="DDE717" s="613"/>
      <c r="DDF717" s="613"/>
      <c r="DDG717" s="613"/>
      <c r="DDH717" s="613"/>
      <c r="DDI717" s="613"/>
      <c r="DDJ717" s="613"/>
      <c r="DDK717" s="613"/>
      <c r="DDL717" s="613"/>
      <c r="DDM717" s="613"/>
      <c r="DDN717" s="613"/>
      <c r="DDO717" s="613"/>
      <c r="DDP717" s="613"/>
      <c r="DDQ717" s="613"/>
      <c r="DDR717" s="613"/>
      <c r="DDS717" s="613"/>
      <c r="DDT717" s="613"/>
      <c r="DDU717" s="613"/>
      <c r="DDV717" s="613"/>
      <c r="DDW717" s="613"/>
      <c r="DDX717" s="613"/>
      <c r="DDY717" s="613"/>
      <c r="DDZ717" s="613"/>
      <c r="DEA717" s="613"/>
      <c r="DEB717" s="613"/>
      <c r="DEC717" s="613"/>
      <c r="DED717" s="613"/>
      <c r="DEE717" s="613"/>
      <c r="DEF717" s="613"/>
      <c r="DEG717" s="613"/>
      <c r="DEH717" s="613"/>
      <c r="DEI717" s="613"/>
      <c r="DEJ717" s="613"/>
      <c r="DEK717" s="613"/>
      <c r="DEL717" s="613"/>
      <c r="DEM717" s="613"/>
      <c r="DEN717" s="613"/>
      <c r="DEO717" s="613"/>
      <c r="DEP717" s="613"/>
      <c r="DEQ717" s="613"/>
      <c r="DER717" s="613"/>
      <c r="DES717" s="613"/>
      <c r="DET717" s="613"/>
      <c r="DEU717" s="613"/>
      <c r="DEV717" s="613"/>
      <c r="DEW717" s="613"/>
      <c r="DEX717" s="613"/>
      <c r="DEY717" s="613"/>
      <c r="DEZ717" s="613"/>
      <c r="DFA717" s="613"/>
      <c r="DFB717" s="613"/>
      <c r="DFC717" s="613"/>
      <c r="DFD717" s="613"/>
      <c r="DFE717" s="613"/>
      <c r="DFF717" s="613"/>
      <c r="DFG717" s="613"/>
      <c r="DFH717" s="613"/>
      <c r="DFI717" s="613"/>
      <c r="DFJ717" s="613"/>
      <c r="DFK717" s="613"/>
      <c r="DFL717" s="613"/>
      <c r="DFM717" s="613"/>
      <c r="DFN717" s="613"/>
      <c r="DFO717" s="613"/>
      <c r="DFP717" s="613"/>
      <c r="DFQ717" s="613"/>
      <c r="DFR717" s="613"/>
      <c r="DFS717" s="613"/>
      <c r="DFT717" s="613"/>
      <c r="DFU717" s="613"/>
      <c r="DFV717" s="613"/>
      <c r="DFW717" s="613"/>
      <c r="DFX717" s="613"/>
      <c r="DFY717" s="613"/>
      <c r="DFZ717" s="613"/>
      <c r="DGA717" s="613"/>
      <c r="DGB717" s="613"/>
      <c r="DGC717" s="613"/>
      <c r="DGD717" s="613"/>
      <c r="DGE717" s="613"/>
      <c r="DGF717" s="613"/>
      <c r="DGG717" s="613"/>
      <c r="DGH717" s="613"/>
      <c r="DGI717" s="613"/>
      <c r="DGJ717" s="613"/>
      <c r="DGK717" s="613"/>
      <c r="DGL717" s="613"/>
      <c r="DGM717" s="613"/>
      <c r="DGN717" s="613"/>
      <c r="DGO717" s="613"/>
      <c r="DGP717" s="613"/>
      <c r="DGQ717" s="613"/>
      <c r="DGR717" s="613"/>
      <c r="DGS717" s="613"/>
      <c r="DGT717" s="613"/>
      <c r="DGU717" s="613"/>
      <c r="DGV717" s="613"/>
      <c r="DGW717" s="613"/>
      <c r="DGX717" s="613"/>
      <c r="DGY717" s="613"/>
      <c r="DGZ717" s="613"/>
      <c r="DHA717" s="613"/>
      <c r="DHB717" s="613"/>
      <c r="DHC717" s="613"/>
      <c r="DHD717" s="613"/>
      <c r="DHE717" s="613"/>
      <c r="DHF717" s="613"/>
      <c r="DHG717" s="613"/>
      <c r="DHH717" s="613"/>
      <c r="DHI717" s="613"/>
      <c r="DHJ717" s="613"/>
      <c r="DHK717" s="613"/>
      <c r="DHL717" s="613"/>
      <c r="DHM717" s="613"/>
      <c r="DHN717" s="613"/>
      <c r="DHO717" s="613"/>
      <c r="DHP717" s="613"/>
      <c r="DHQ717" s="613"/>
      <c r="DHR717" s="613"/>
      <c r="DHS717" s="613"/>
      <c r="DHT717" s="613"/>
      <c r="DHU717" s="613"/>
      <c r="DHV717" s="613"/>
      <c r="DHW717" s="613"/>
      <c r="DHX717" s="613"/>
      <c r="DHY717" s="613"/>
      <c r="DHZ717" s="613"/>
      <c r="DIA717" s="613"/>
      <c r="DIB717" s="613"/>
      <c r="DIC717" s="613"/>
      <c r="DID717" s="613"/>
      <c r="DIE717" s="613"/>
      <c r="DIF717" s="613"/>
      <c r="DIG717" s="613"/>
      <c r="DIH717" s="613"/>
      <c r="DII717" s="613"/>
      <c r="DIJ717" s="613"/>
      <c r="DIK717" s="613"/>
      <c r="DIL717" s="613"/>
      <c r="DIM717" s="613"/>
      <c r="DIN717" s="613"/>
      <c r="DIO717" s="613"/>
      <c r="DIP717" s="613"/>
      <c r="DIQ717" s="613"/>
      <c r="DIR717" s="613"/>
      <c r="DIS717" s="613"/>
      <c r="DIT717" s="613"/>
      <c r="DIU717" s="613"/>
      <c r="DIV717" s="613"/>
      <c r="DIW717" s="613"/>
      <c r="DIX717" s="613"/>
      <c r="DIY717" s="613"/>
      <c r="DIZ717" s="613"/>
      <c r="DJA717" s="613"/>
      <c r="DJB717" s="613"/>
      <c r="DJC717" s="613"/>
      <c r="DJD717" s="613"/>
      <c r="DJE717" s="613"/>
      <c r="DJF717" s="613"/>
      <c r="DJG717" s="613"/>
      <c r="DJH717" s="613"/>
      <c r="DJI717" s="613"/>
      <c r="DJJ717" s="613"/>
      <c r="DJK717" s="613"/>
      <c r="DJL717" s="613"/>
      <c r="DJM717" s="613"/>
      <c r="DJN717" s="613"/>
      <c r="DJO717" s="613"/>
      <c r="DJP717" s="613"/>
      <c r="DJQ717" s="613"/>
      <c r="DJR717" s="613"/>
      <c r="DJS717" s="613"/>
      <c r="DJT717" s="613"/>
      <c r="DJU717" s="613"/>
      <c r="DJV717" s="613"/>
      <c r="DJW717" s="613"/>
      <c r="DJX717" s="613"/>
      <c r="DJY717" s="613"/>
      <c r="DJZ717" s="613"/>
      <c r="DKA717" s="613"/>
      <c r="DKB717" s="613"/>
      <c r="DKC717" s="613"/>
      <c r="DKD717" s="613"/>
      <c r="DKE717" s="613"/>
      <c r="DKF717" s="613"/>
      <c r="DKG717" s="613"/>
      <c r="DKH717" s="613"/>
      <c r="DKI717" s="613"/>
      <c r="DKJ717" s="613"/>
      <c r="DKK717" s="613"/>
      <c r="DKL717" s="613"/>
      <c r="DKM717" s="613"/>
      <c r="DKN717" s="613"/>
      <c r="DKO717" s="613"/>
      <c r="DKP717" s="613"/>
      <c r="DKQ717" s="613"/>
      <c r="DKR717" s="613"/>
      <c r="DKS717" s="613"/>
      <c r="DKT717" s="613"/>
      <c r="DKU717" s="613"/>
      <c r="DKV717" s="613"/>
      <c r="DKW717" s="613"/>
      <c r="DKX717" s="613"/>
      <c r="DKY717" s="613"/>
      <c r="DKZ717" s="613"/>
      <c r="DLA717" s="613"/>
      <c r="DLB717" s="613"/>
      <c r="DLC717" s="613"/>
      <c r="DLD717" s="613"/>
      <c r="DLE717" s="613"/>
      <c r="DLF717" s="613"/>
      <c r="DLG717" s="613"/>
      <c r="DLH717" s="613"/>
      <c r="DLI717" s="613"/>
      <c r="DLJ717" s="613"/>
      <c r="DLK717" s="613"/>
      <c r="DLL717" s="613"/>
      <c r="DLM717" s="613"/>
      <c r="DLN717" s="613"/>
      <c r="DLO717" s="613"/>
      <c r="DLP717" s="613"/>
      <c r="DLQ717" s="613"/>
      <c r="DLR717" s="613"/>
      <c r="DLS717" s="613"/>
      <c r="DLT717" s="613"/>
      <c r="DLU717" s="613"/>
      <c r="DLV717" s="613"/>
      <c r="DLW717" s="613"/>
      <c r="DLX717" s="613"/>
      <c r="DLY717" s="613"/>
      <c r="DLZ717" s="613"/>
      <c r="DMA717" s="613"/>
      <c r="DMB717" s="613"/>
      <c r="DMC717" s="613"/>
      <c r="DMD717" s="613"/>
      <c r="DME717" s="613"/>
      <c r="DMF717" s="613"/>
      <c r="DMG717" s="613"/>
      <c r="DMH717" s="613"/>
      <c r="DMI717" s="613"/>
      <c r="DMJ717" s="613"/>
      <c r="DMK717" s="613"/>
      <c r="DML717" s="613"/>
      <c r="DMM717" s="613"/>
      <c r="DMN717" s="613"/>
      <c r="DMO717" s="613"/>
      <c r="DMP717" s="613"/>
      <c r="DMQ717" s="613"/>
      <c r="DMR717" s="613"/>
      <c r="DMS717" s="613"/>
      <c r="DMT717" s="613"/>
      <c r="DMU717" s="613"/>
      <c r="DMV717" s="613"/>
      <c r="DMW717" s="613"/>
      <c r="DMX717" s="613"/>
      <c r="DMY717" s="613"/>
      <c r="DMZ717" s="613"/>
      <c r="DNA717" s="613"/>
      <c r="DNB717" s="613"/>
      <c r="DNC717" s="613"/>
      <c r="DND717" s="613"/>
      <c r="DNE717" s="613"/>
      <c r="DNF717" s="613"/>
      <c r="DNG717" s="613"/>
      <c r="DNH717" s="613"/>
      <c r="DNI717" s="613"/>
      <c r="DNJ717" s="613"/>
      <c r="DNK717" s="613"/>
      <c r="DNL717" s="613"/>
      <c r="DNM717" s="613"/>
      <c r="DNN717" s="613"/>
      <c r="DNO717" s="613"/>
      <c r="DNP717" s="613"/>
      <c r="DNQ717" s="613"/>
      <c r="DNR717" s="613"/>
      <c r="DNS717" s="613"/>
      <c r="DNT717" s="613"/>
      <c r="DNU717" s="613"/>
      <c r="DNV717" s="613"/>
      <c r="DNW717" s="613"/>
      <c r="DNX717" s="613"/>
      <c r="DNY717" s="613"/>
      <c r="DNZ717" s="613"/>
      <c r="DOA717" s="613"/>
      <c r="DOB717" s="613"/>
      <c r="DOC717" s="613"/>
      <c r="DOD717" s="613"/>
      <c r="DOE717" s="613"/>
      <c r="DOF717" s="613"/>
      <c r="DOG717" s="613"/>
      <c r="DOH717" s="613"/>
      <c r="DOI717" s="613"/>
      <c r="DOJ717" s="613"/>
      <c r="DOK717" s="613"/>
      <c r="DOL717" s="613"/>
      <c r="DOM717" s="613"/>
      <c r="DON717" s="613"/>
      <c r="DOO717" s="613"/>
      <c r="DOP717" s="613"/>
      <c r="DOQ717" s="613"/>
      <c r="DOR717" s="613"/>
      <c r="DOS717" s="613"/>
      <c r="DOT717" s="613"/>
      <c r="DOU717" s="613"/>
      <c r="DOV717" s="613"/>
      <c r="DOW717" s="613"/>
      <c r="DOX717" s="613"/>
      <c r="DOY717" s="613"/>
      <c r="DOZ717" s="613"/>
      <c r="DPA717" s="613"/>
      <c r="DPB717" s="613"/>
      <c r="DPC717" s="613"/>
      <c r="DPD717" s="613"/>
      <c r="DPE717" s="613"/>
      <c r="DPF717" s="613"/>
      <c r="DPG717" s="613"/>
      <c r="DPH717" s="613"/>
      <c r="DPI717" s="613"/>
      <c r="DPJ717" s="613"/>
      <c r="DPK717" s="613"/>
      <c r="DPL717" s="613"/>
      <c r="DPM717" s="613"/>
      <c r="DPN717" s="613"/>
      <c r="DPO717" s="613"/>
      <c r="DPP717" s="613"/>
      <c r="DPQ717" s="613"/>
      <c r="DPR717" s="613"/>
      <c r="DPS717" s="613"/>
      <c r="DPT717" s="613"/>
      <c r="DPU717" s="613"/>
      <c r="DPV717" s="613"/>
      <c r="DPW717" s="613"/>
      <c r="DPX717" s="613"/>
      <c r="DPY717" s="613"/>
      <c r="DPZ717" s="613"/>
      <c r="DQA717" s="613"/>
      <c r="DQB717" s="613"/>
      <c r="DQC717" s="613"/>
      <c r="DQD717" s="613"/>
      <c r="DQE717" s="613"/>
      <c r="DQF717" s="613"/>
      <c r="DQG717" s="613"/>
      <c r="DQH717" s="613"/>
      <c r="DQI717" s="613"/>
      <c r="DQJ717" s="613"/>
      <c r="DQK717" s="613"/>
      <c r="DQL717" s="613"/>
      <c r="DQM717" s="613"/>
      <c r="DQN717" s="613"/>
      <c r="DQO717" s="613"/>
      <c r="DQP717" s="613"/>
      <c r="DQQ717" s="613"/>
      <c r="DQR717" s="613"/>
      <c r="DQS717" s="613"/>
      <c r="DQT717" s="613"/>
      <c r="DQU717" s="613"/>
      <c r="DQV717" s="613"/>
      <c r="DQW717" s="613"/>
      <c r="DQX717" s="613"/>
      <c r="DQY717" s="613"/>
      <c r="DQZ717" s="613"/>
      <c r="DRA717" s="613"/>
      <c r="DRB717" s="613"/>
      <c r="DRC717" s="613"/>
      <c r="DRD717" s="613"/>
      <c r="DRE717" s="613"/>
      <c r="DRF717" s="613"/>
      <c r="DRG717" s="613"/>
      <c r="DRH717" s="613"/>
      <c r="DRI717" s="613"/>
      <c r="DRJ717" s="613"/>
      <c r="DRK717" s="613"/>
      <c r="DRL717" s="613"/>
      <c r="DRM717" s="613"/>
      <c r="DRN717" s="613"/>
      <c r="DRO717" s="613"/>
      <c r="DRP717" s="613"/>
      <c r="DRQ717" s="613"/>
      <c r="DRR717" s="613"/>
      <c r="DRS717" s="613"/>
      <c r="DRT717" s="613"/>
      <c r="DRU717" s="613"/>
      <c r="DRV717" s="613"/>
      <c r="DRW717" s="613"/>
      <c r="DRX717" s="613"/>
      <c r="DRY717" s="613"/>
      <c r="DRZ717" s="613"/>
      <c r="DSA717" s="613"/>
      <c r="DSB717" s="613"/>
      <c r="DSC717" s="613"/>
      <c r="DSD717" s="613"/>
      <c r="DSE717" s="613"/>
      <c r="DSF717" s="613"/>
      <c r="DSG717" s="613"/>
      <c r="DSH717" s="613"/>
      <c r="DSI717" s="613"/>
      <c r="DSJ717" s="613"/>
      <c r="DSK717" s="613"/>
      <c r="DSL717" s="613"/>
      <c r="DSM717" s="613"/>
      <c r="DSN717" s="613"/>
      <c r="DSO717" s="613"/>
      <c r="DSP717" s="613"/>
      <c r="DSQ717" s="613"/>
      <c r="DSR717" s="613"/>
      <c r="DSS717" s="613"/>
      <c r="DST717" s="613"/>
      <c r="DSU717" s="613"/>
      <c r="DSV717" s="613"/>
      <c r="DSW717" s="613"/>
      <c r="DSX717" s="613"/>
      <c r="DSY717" s="613"/>
      <c r="DSZ717" s="613"/>
      <c r="DTA717" s="613"/>
      <c r="DTB717" s="613"/>
      <c r="DTC717" s="613"/>
      <c r="DTD717" s="613"/>
      <c r="DTE717" s="613"/>
      <c r="DTF717" s="613"/>
      <c r="DTG717" s="613"/>
      <c r="DTH717" s="613"/>
      <c r="DTI717" s="613"/>
      <c r="DTJ717" s="613"/>
      <c r="DTK717" s="613"/>
      <c r="DTL717" s="613"/>
      <c r="DTM717" s="613"/>
      <c r="DTN717" s="613"/>
      <c r="DTO717" s="613"/>
      <c r="DTP717" s="613"/>
      <c r="DTQ717" s="613"/>
      <c r="DTR717" s="613"/>
      <c r="DTS717" s="613"/>
      <c r="DTT717" s="613"/>
      <c r="DTU717" s="613"/>
      <c r="DTV717" s="613"/>
      <c r="DTW717" s="613"/>
      <c r="DTX717" s="613"/>
      <c r="DTY717" s="613"/>
      <c r="DTZ717" s="613"/>
      <c r="DUA717" s="613"/>
      <c r="DUB717" s="613"/>
      <c r="DUC717" s="613"/>
      <c r="DUD717" s="613"/>
      <c r="DUE717" s="613"/>
      <c r="DUF717" s="613"/>
      <c r="DUG717" s="613"/>
      <c r="DUH717" s="613"/>
      <c r="DUI717" s="613"/>
      <c r="DUJ717" s="613"/>
      <c r="DUK717" s="613"/>
      <c r="DUL717" s="613"/>
      <c r="DUM717" s="613"/>
      <c r="DUN717" s="613"/>
      <c r="DUO717" s="613"/>
      <c r="DUP717" s="613"/>
      <c r="DUQ717" s="613"/>
      <c r="DUR717" s="613"/>
      <c r="DUS717" s="613"/>
      <c r="DUT717" s="613"/>
      <c r="DUU717" s="613"/>
      <c r="DUV717" s="613"/>
      <c r="DUW717" s="613"/>
      <c r="DUX717" s="613"/>
      <c r="DUY717" s="613"/>
      <c r="DUZ717" s="613"/>
      <c r="DVA717" s="613"/>
      <c r="DVB717" s="613"/>
      <c r="DVC717" s="613"/>
      <c r="DVD717" s="613"/>
      <c r="DVE717" s="613"/>
      <c r="DVF717" s="613"/>
      <c r="DVG717" s="613"/>
      <c r="DVH717" s="613"/>
      <c r="DVI717" s="613"/>
      <c r="DVJ717" s="613"/>
      <c r="DVK717" s="613"/>
      <c r="DVL717" s="613"/>
      <c r="DVM717" s="613"/>
      <c r="DVN717" s="613"/>
      <c r="DVO717" s="613"/>
      <c r="DVP717" s="613"/>
      <c r="DVQ717" s="613"/>
      <c r="DVR717" s="613"/>
      <c r="DVS717" s="613"/>
      <c r="DVT717" s="613"/>
      <c r="DVU717" s="613"/>
      <c r="DVV717" s="613"/>
      <c r="DVW717" s="613"/>
      <c r="DVX717" s="613"/>
      <c r="DVY717" s="613"/>
      <c r="DVZ717" s="613"/>
      <c r="DWA717" s="613"/>
      <c r="DWB717" s="613"/>
      <c r="DWC717" s="613"/>
      <c r="DWD717" s="613"/>
      <c r="DWE717" s="613"/>
      <c r="DWF717" s="613"/>
      <c r="DWG717" s="613"/>
      <c r="DWH717" s="613"/>
      <c r="DWI717" s="613"/>
      <c r="DWJ717" s="613"/>
      <c r="DWK717" s="613"/>
      <c r="DWL717" s="613"/>
      <c r="DWM717" s="613"/>
      <c r="DWN717" s="613"/>
      <c r="DWO717" s="613"/>
      <c r="DWP717" s="613"/>
      <c r="DWQ717" s="613"/>
      <c r="DWR717" s="613"/>
      <c r="DWS717" s="613"/>
      <c r="DWT717" s="613"/>
      <c r="DWU717" s="613"/>
      <c r="DWV717" s="613"/>
      <c r="DWW717" s="613"/>
      <c r="DWX717" s="613"/>
      <c r="DWY717" s="613"/>
      <c r="DWZ717" s="613"/>
      <c r="DXA717" s="613"/>
      <c r="DXB717" s="613"/>
      <c r="DXC717" s="613"/>
      <c r="DXD717" s="613"/>
      <c r="DXE717" s="613"/>
      <c r="DXF717" s="613"/>
      <c r="DXG717" s="613"/>
      <c r="DXH717" s="613"/>
      <c r="DXI717" s="613"/>
      <c r="DXJ717" s="613"/>
      <c r="DXK717" s="613"/>
      <c r="DXL717" s="613"/>
      <c r="DXM717" s="613"/>
      <c r="DXN717" s="613"/>
      <c r="DXO717" s="613"/>
      <c r="DXP717" s="613"/>
      <c r="DXQ717" s="613"/>
      <c r="DXR717" s="613"/>
      <c r="DXS717" s="613"/>
      <c r="DXT717" s="613"/>
      <c r="DXU717" s="613"/>
      <c r="DXV717" s="613"/>
      <c r="DXW717" s="613"/>
      <c r="DXX717" s="613"/>
      <c r="DXY717" s="613"/>
      <c r="DXZ717" s="613"/>
      <c r="DYA717" s="613"/>
      <c r="DYB717" s="613"/>
      <c r="DYC717" s="613"/>
      <c r="DYD717" s="613"/>
      <c r="DYE717" s="613"/>
      <c r="DYF717" s="613"/>
      <c r="DYG717" s="613"/>
      <c r="DYH717" s="613"/>
      <c r="DYI717" s="613"/>
      <c r="DYJ717" s="613"/>
      <c r="DYK717" s="613"/>
      <c r="DYL717" s="613"/>
      <c r="DYM717" s="613"/>
      <c r="DYN717" s="613"/>
      <c r="DYO717" s="613"/>
      <c r="DYP717" s="613"/>
      <c r="DYQ717" s="613"/>
      <c r="DYR717" s="613"/>
      <c r="DYS717" s="613"/>
      <c r="DYT717" s="613"/>
      <c r="DYU717" s="613"/>
      <c r="DYV717" s="613"/>
      <c r="DYW717" s="613"/>
      <c r="DYX717" s="613"/>
      <c r="DYY717" s="613"/>
      <c r="DYZ717" s="613"/>
      <c r="DZA717" s="613"/>
      <c r="DZB717" s="613"/>
      <c r="DZC717" s="613"/>
      <c r="DZD717" s="613"/>
      <c r="DZE717" s="613"/>
      <c r="DZF717" s="613"/>
      <c r="DZG717" s="613"/>
      <c r="DZH717" s="613"/>
      <c r="DZI717" s="613"/>
      <c r="DZJ717" s="613"/>
      <c r="DZK717" s="613"/>
      <c r="DZL717" s="613"/>
      <c r="DZM717" s="613"/>
      <c r="DZN717" s="613"/>
      <c r="DZO717" s="613"/>
      <c r="DZP717" s="613"/>
      <c r="DZQ717" s="613"/>
      <c r="DZR717" s="613"/>
      <c r="DZS717" s="613"/>
      <c r="DZT717" s="613"/>
      <c r="DZU717" s="613"/>
      <c r="DZV717" s="613"/>
      <c r="DZW717" s="613"/>
      <c r="DZX717" s="613"/>
      <c r="DZY717" s="613"/>
      <c r="DZZ717" s="613"/>
      <c r="EAA717" s="613"/>
      <c r="EAB717" s="613"/>
      <c r="EAC717" s="613"/>
      <c r="EAD717" s="613"/>
      <c r="EAE717" s="613"/>
      <c r="EAF717" s="613"/>
      <c r="EAG717" s="613"/>
      <c r="EAH717" s="613"/>
      <c r="EAI717" s="613"/>
      <c r="EAJ717" s="613"/>
      <c r="EAK717" s="613"/>
      <c r="EAL717" s="613"/>
      <c r="EAM717" s="613"/>
      <c r="EAN717" s="613"/>
      <c r="EAO717" s="613"/>
      <c r="EAP717" s="613"/>
      <c r="EAQ717" s="613"/>
      <c r="EAR717" s="613"/>
      <c r="EAS717" s="613"/>
      <c r="EAT717" s="613"/>
      <c r="EAU717" s="613"/>
      <c r="EAV717" s="613"/>
      <c r="EAW717" s="613"/>
      <c r="EAX717" s="613"/>
      <c r="EAY717" s="613"/>
      <c r="EAZ717" s="613"/>
      <c r="EBA717" s="613"/>
      <c r="EBB717" s="613"/>
      <c r="EBC717" s="613"/>
      <c r="EBD717" s="613"/>
      <c r="EBE717" s="613"/>
      <c r="EBF717" s="613"/>
      <c r="EBG717" s="613"/>
      <c r="EBH717" s="613"/>
      <c r="EBI717" s="613"/>
      <c r="EBJ717" s="613"/>
      <c r="EBK717" s="613"/>
      <c r="EBL717" s="613"/>
      <c r="EBM717" s="613"/>
      <c r="EBN717" s="613"/>
      <c r="EBO717" s="613"/>
      <c r="EBP717" s="613"/>
      <c r="EBQ717" s="613"/>
      <c r="EBR717" s="613"/>
      <c r="EBS717" s="613"/>
      <c r="EBT717" s="613"/>
      <c r="EBU717" s="613"/>
      <c r="EBV717" s="613"/>
      <c r="EBW717" s="613"/>
      <c r="EBX717" s="613"/>
      <c r="EBY717" s="613"/>
      <c r="EBZ717" s="613"/>
      <c r="ECA717" s="613"/>
      <c r="ECB717" s="613"/>
      <c r="ECC717" s="613"/>
      <c r="ECD717" s="613"/>
      <c r="ECE717" s="613"/>
      <c r="ECF717" s="613"/>
      <c r="ECG717" s="613"/>
      <c r="ECH717" s="613"/>
      <c r="ECI717" s="613"/>
      <c r="ECJ717" s="613"/>
      <c r="ECK717" s="613"/>
      <c r="ECL717" s="613"/>
      <c r="ECM717" s="613"/>
      <c r="ECN717" s="613"/>
      <c r="ECO717" s="613"/>
      <c r="ECP717" s="613"/>
      <c r="ECQ717" s="613"/>
      <c r="ECR717" s="613"/>
      <c r="ECS717" s="613"/>
      <c r="ECT717" s="613"/>
      <c r="ECU717" s="613"/>
      <c r="ECV717" s="613"/>
      <c r="ECW717" s="613"/>
      <c r="ECX717" s="613"/>
      <c r="ECY717" s="613"/>
      <c r="ECZ717" s="613"/>
      <c r="EDA717" s="613"/>
      <c r="EDB717" s="613"/>
      <c r="EDC717" s="613"/>
      <c r="EDD717" s="613"/>
      <c r="EDE717" s="613"/>
      <c r="EDF717" s="613"/>
      <c r="EDG717" s="613"/>
      <c r="EDH717" s="613"/>
      <c r="EDI717" s="613"/>
      <c r="EDJ717" s="613"/>
      <c r="EDK717" s="613"/>
      <c r="EDL717" s="613"/>
      <c r="EDM717" s="613"/>
      <c r="EDN717" s="613"/>
      <c r="EDO717" s="613"/>
      <c r="EDP717" s="613"/>
      <c r="EDQ717" s="613"/>
      <c r="EDR717" s="613"/>
      <c r="EDS717" s="613"/>
      <c r="EDT717" s="613"/>
      <c r="EDU717" s="613"/>
      <c r="EDV717" s="613"/>
      <c r="EDW717" s="613"/>
      <c r="EDX717" s="613"/>
      <c r="EDY717" s="613"/>
      <c r="EDZ717" s="613"/>
      <c r="EEA717" s="613"/>
      <c r="EEB717" s="613"/>
      <c r="EEC717" s="613"/>
      <c r="EED717" s="613"/>
      <c r="EEE717" s="613"/>
      <c r="EEF717" s="613"/>
      <c r="EEG717" s="613"/>
      <c r="EEH717" s="613"/>
      <c r="EEI717" s="613"/>
      <c r="EEJ717" s="613"/>
      <c r="EEK717" s="613"/>
      <c r="EEL717" s="613"/>
      <c r="EEM717" s="613"/>
      <c r="EEN717" s="613"/>
      <c r="EEO717" s="613"/>
      <c r="EEP717" s="613"/>
      <c r="EEQ717" s="613"/>
      <c r="EER717" s="613"/>
      <c r="EES717" s="613"/>
      <c r="EET717" s="613"/>
      <c r="EEU717" s="613"/>
      <c r="EEV717" s="613"/>
      <c r="EEW717" s="613"/>
      <c r="EEX717" s="613"/>
      <c r="EEY717" s="613"/>
      <c r="EEZ717" s="613"/>
      <c r="EFA717" s="613"/>
      <c r="EFB717" s="613"/>
      <c r="EFC717" s="613"/>
      <c r="EFD717" s="613"/>
      <c r="EFE717" s="613"/>
      <c r="EFF717" s="613"/>
      <c r="EFG717" s="613"/>
      <c r="EFH717" s="613"/>
      <c r="EFI717" s="613"/>
      <c r="EFJ717" s="613"/>
      <c r="EFK717" s="613"/>
      <c r="EFL717" s="613"/>
      <c r="EFM717" s="613"/>
      <c r="EFN717" s="613"/>
      <c r="EFO717" s="613"/>
      <c r="EFP717" s="613"/>
      <c r="EFQ717" s="613"/>
      <c r="EFR717" s="613"/>
      <c r="EFS717" s="613"/>
      <c r="EFT717" s="613"/>
      <c r="EFU717" s="613"/>
      <c r="EFV717" s="613"/>
      <c r="EFW717" s="613"/>
      <c r="EFX717" s="613"/>
      <c r="EFY717" s="613"/>
      <c r="EFZ717" s="613"/>
      <c r="EGA717" s="613"/>
      <c r="EGB717" s="613"/>
      <c r="EGC717" s="613"/>
      <c r="EGD717" s="613"/>
      <c r="EGE717" s="613"/>
      <c r="EGF717" s="613"/>
      <c r="EGG717" s="613"/>
      <c r="EGH717" s="613"/>
      <c r="EGI717" s="613"/>
      <c r="EGJ717" s="613"/>
      <c r="EGK717" s="613"/>
      <c r="EGL717" s="613"/>
      <c r="EGM717" s="613"/>
      <c r="EGN717" s="613"/>
      <c r="EGO717" s="613"/>
      <c r="EGP717" s="613"/>
      <c r="EGQ717" s="613"/>
      <c r="EGR717" s="613"/>
      <c r="EGS717" s="613"/>
      <c r="EGT717" s="613"/>
      <c r="EGU717" s="613"/>
      <c r="EGV717" s="613"/>
      <c r="EGW717" s="613"/>
      <c r="EGX717" s="613"/>
      <c r="EGY717" s="613"/>
      <c r="EGZ717" s="613"/>
      <c r="EHA717" s="613"/>
      <c r="EHB717" s="613"/>
      <c r="EHC717" s="613"/>
      <c r="EHD717" s="613"/>
      <c r="EHE717" s="613"/>
      <c r="EHF717" s="613"/>
      <c r="EHG717" s="613"/>
      <c r="EHH717" s="613"/>
      <c r="EHI717" s="613"/>
      <c r="EHJ717" s="613"/>
      <c r="EHK717" s="613"/>
      <c r="EHL717" s="613"/>
      <c r="EHM717" s="613"/>
      <c r="EHN717" s="613"/>
      <c r="EHO717" s="613"/>
      <c r="EHP717" s="613"/>
      <c r="EHQ717" s="613"/>
      <c r="EHR717" s="613"/>
      <c r="EHS717" s="613"/>
      <c r="EHT717" s="613"/>
      <c r="EHU717" s="613"/>
      <c r="EHV717" s="613"/>
      <c r="EHW717" s="613"/>
      <c r="EHX717" s="613"/>
      <c r="EHY717" s="613"/>
      <c r="EHZ717" s="613"/>
      <c r="EIA717" s="613"/>
      <c r="EIB717" s="613"/>
      <c r="EIC717" s="613"/>
      <c r="EID717" s="613"/>
      <c r="EIE717" s="613"/>
      <c r="EIF717" s="613"/>
      <c r="EIG717" s="613"/>
      <c r="EIH717" s="613"/>
      <c r="EII717" s="613"/>
      <c r="EIJ717" s="613"/>
      <c r="EIK717" s="613"/>
      <c r="EIL717" s="613"/>
      <c r="EIM717" s="613"/>
      <c r="EIN717" s="613"/>
      <c r="EIO717" s="613"/>
      <c r="EIP717" s="613"/>
      <c r="EIQ717" s="613"/>
      <c r="EIR717" s="613"/>
      <c r="EIS717" s="613"/>
      <c r="EIT717" s="613"/>
      <c r="EIU717" s="613"/>
      <c r="EIV717" s="613"/>
      <c r="EIW717" s="613"/>
      <c r="EIX717" s="613"/>
      <c r="EIY717" s="613"/>
      <c r="EIZ717" s="613"/>
      <c r="EJA717" s="613"/>
      <c r="EJB717" s="613"/>
      <c r="EJC717" s="613"/>
      <c r="EJD717" s="613"/>
      <c r="EJE717" s="613"/>
      <c r="EJF717" s="613"/>
      <c r="EJG717" s="613"/>
      <c r="EJH717" s="613"/>
      <c r="EJI717" s="613"/>
      <c r="EJJ717" s="613"/>
      <c r="EJK717" s="613"/>
      <c r="EJL717" s="613"/>
      <c r="EJM717" s="613"/>
      <c r="EJN717" s="613"/>
      <c r="EJO717" s="613"/>
      <c r="EJP717" s="613"/>
      <c r="EJQ717" s="613"/>
      <c r="EJR717" s="613"/>
      <c r="EJS717" s="613"/>
      <c r="EJT717" s="613"/>
      <c r="EJU717" s="613"/>
      <c r="EJV717" s="613"/>
      <c r="EJW717" s="613"/>
      <c r="EJX717" s="613"/>
      <c r="EJY717" s="613"/>
      <c r="EJZ717" s="613"/>
      <c r="EKA717" s="613"/>
      <c r="EKB717" s="613"/>
      <c r="EKC717" s="613"/>
      <c r="EKD717" s="613"/>
      <c r="EKE717" s="613"/>
      <c r="EKF717" s="613"/>
      <c r="EKG717" s="613"/>
      <c r="EKH717" s="613"/>
      <c r="EKI717" s="613"/>
      <c r="EKJ717" s="613"/>
      <c r="EKK717" s="613"/>
      <c r="EKL717" s="613"/>
      <c r="EKM717" s="613"/>
      <c r="EKN717" s="613"/>
      <c r="EKO717" s="613"/>
      <c r="EKP717" s="613"/>
      <c r="EKQ717" s="613"/>
      <c r="EKR717" s="613"/>
      <c r="EKS717" s="613"/>
      <c r="EKT717" s="613"/>
      <c r="EKU717" s="613"/>
      <c r="EKV717" s="613"/>
      <c r="EKW717" s="613"/>
      <c r="EKX717" s="613"/>
      <c r="EKY717" s="613"/>
      <c r="EKZ717" s="613"/>
      <c r="ELA717" s="613"/>
      <c r="ELB717" s="613"/>
      <c r="ELC717" s="613"/>
      <c r="ELD717" s="613"/>
      <c r="ELE717" s="613"/>
      <c r="ELF717" s="613"/>
      <c r="ELG717" s="613"/>
      <c r="ELH717" s="613"/>
      <c r="ELI717" s="613"/>
      <c r="ELJ717" s="613"/>
      <c r="ELK717" s="613"/>
      <c r="ELL717" s="613"/>
      <c r="ELM717" s="613"/>
      <c r="ELN717" s="613"/>
      <c r="ELO717" s="613"/>
      <c r="ELP717" s="613"/>
      <c r="ELQ717" s="613"/>
      <c r="ELR717" s="613"/>
      <c r="ELS717" s="613"/>
      <c r="ELT717" s="613"/>
      <c r="ELU717" s="613"/>
      <c r="ELV717" s="613"/>
      <c r="ELW717" s="613"/>
      <c r="ELX717" s="613"/>
      <c r="ELY717" s="613"/>
      <c r="ELZ717" s="613"/>
      <c r="EMA717" s="613"/>
      <c r="EMB717" s="613"/>
      <c r="EMC717" s="613"/>
      <c r="EMD717" s="613"/>
      <c r="EME717" s="613"/>
      <c r="EMF717" s="613"/>
      <c r="EMG717" s="613"/>
      <c r="EMH717" s="613"/>
      <c r="EMI717" s="613"/>
      <c r="EMJ717" s="613"/>
      <c r="EMK717" s="613"/>
      <c r="EML717" s="613"/>
      <c r="EMM717" s="613"/>
      <c r="EMN717" s="613"/>
      <c r="EMO717" s="613"/>
      <c r="EMP717" s="613"/>
      <c r="EMQ717" s="613"/>
      <c r="EMR717" s="613"/>
      <c r="EMS717" s="613"/>
      <c r="EMT717" s="613"/>
      <c r="EMU717" s="613"/>
      <c r="EMV717" s="613"/>
      <c r="EMW717" s="613"/>
      <c r="EMX717" s="613"/>
      <c r="EMY717" s="613"/>
      <c r="EMZ717" s="613"/>
      <c r="ENA717" s="613"/>
      <c r="ENB717" s="613"/>
      <c r="ENC717" s="613"/>
      <c r="END717" s="613"/>
      <c r="ENE717" s="613"/>
      <c r="ENF717" s="613"/>
      <c r="ENG717" s="613"/>
      <c r="ENH717" s="613"/>
      <c r="ENI717" s="613"/>
      <c r="ENJ717" s="613"/>
      <c r="ENK717" s="613"/>
      <c r="ENL717" s="613"/>
      <c r="ENM717" s="613"/>
      <c r="ENN717" s="613"/>
      <c r="ENO717" s="613"/>
      <c r="ENP717" s="613"/>
      <c r="ENQ717" s="613"/>
      <c r="ENR717" s="613"/>
      <c r="ENS717" s="613"/>
      <c r="ENT717" s="613"/>
      <c r="ENU717" s="613"/>
      <c r="ENV717" s="613"/>
      <c r="ENW717" s="613"/>
      <c r="ENX717" s="613"/>
      <c r="ENY717" s="613"/>
      <c r="ENZ717" s="613"/>
      <c r="EOA717" s="613"/>
      <c r="EOB717" s="613"/>
      <c r="EOC717" s="613"/>
      <c r="EOD717" s="613"/>
      <c r="EOE717" s="613"/>
      <c r="EOF717" s="613"/>
      <c r="EOG717" s="613"/>
      <c r="EOH717" s="613"/>
      <c r="EOI717" s="613"/>
      <c r="EOJ717" s="613"/>
      <c r="EOK717" s="613"/>
      <c r="EOL717" s="613"/>
      <c r="EOM717" s="613"/>
      <c r="EON717" s="613"/>
      <c r="EOO717" s="613"/>
      <c r="EOP717" s="613"/>
      <c r="EOQ717" s="613"/>
      <c r="EOR717" s="613"/>
      <c r="EOS717" s="613"/>
      <c r="EOT717" s="613"/>
      <c r="EOU717" s="613"/>
      <c r="EOV717" s="613"/>
      <c r="EOW717" s="613"/>
      <c r="EOX717" s="613"/>
      <c r="EOY717" s="613"/>
      <c r="EOZ717" s="613"/>
      <c r="EPA717" s="613"/>
      <c r="EPB717" s="613"/>
      <c r="EPC717" s="613"/>
      <c r="EPD717" s="613"/>
      <c r="EPE717" s="613"/>
      <c r="EPF717" s="613"/>
      <c r="EPG717" s="613"/>
      <c r="EPH717" s="613"/>
      <c r="EPI717" s="613"/>
      <c r="EPJ717" s="613"/>
      <c r="EPK717" s="613"/>
      <c r="EPL717" s="613"/>
      <c r="EPM717" s="613"/>
      <c r="EPN717" s="613"/>
      <c r="EPO717" s="613"/>
      <c r="EPP717" s="613"/>
      <c r="EPQ717" s="613"/>
      <c r="EPR717" s="613"/>
      <c r="EPS717" s="613"/>
      <c r="EPT717" s="613"/>
      <c r="EPU717" s="613"/>
      <c r="EPV717" s="613"/>
      <c r="EPW717" s="613"/>
      <c r="EPX717" s="613"/>
      <c r="EPY717" s="613"/>
      <c r="EPZ717" s="613"/>
      <c r="EQA717" s="613"/>
      <c r="EQB717" s="613"/>
      <c r="EQC717" s="613"/>
      <c r="EQD717" s="613"/>
      <c r="EQE717" s="613"/>
      <c r="EQF717" s="613"/>
      <c r="EQG717" s="613"/>
      <c r="EQH717" s="613"/>
      <c r="EQI717" s="613"/>
      <c r="EQJ717" s="613"/>
      <c r="EQK717" s="613"/>
      <c r="EQL717" s="613"/>
      <c r="EQM717" s="613"/>
      <c r="EQN717" s="613"/>
      <c r="EQO717" s="613"/>
      <c r="EQP717" s="613"/>
      <c r="EQQ717" s="613"/>
      <c r="EQR717" s="613"/>
      <c r="EQS717" s="613"/>
      <c r="EQT717" s="613"/>
      <c r="EQU717" s="613"/>
      <c r="EQV717" s="613"/>
      <c r="EQW717" s="613"/>
      <c r="EQX717" s="613"/>
      <c r="EQY717" s="613"/>
      <c r="EQZ717" s="613"/>
      <c r="ERA717" s="613"/>
      <c r="ERB717" s="613"/>
      <c r="ERC717" s="613"/>
      <c r="ERD717" s="613"/>
      <c r="ERE717" s="613"/>
      <c r="ERF717" s="613"/>
      <c r="ERG717" s="613"/>
      <c r="ERH717" s="613"/>
      <c r="ERI717" s="613"/>
      <c r="ERJ717" s="613"/>
      <c r="ERK717" s="613"/>
      <c r="ERL717" s="613"/>
      <c r="ERM717" s="613"/>
      <c r="ERN717" s="613"/>
      <c r="ERO717" s="613"/>
      <c r="ERP717" s="613"/>
      <c r="ERQ717" s="613"/>
      <c r="ERR717" s="613"/>
      <c r="ERS717" s="613"/>
      <c r="ERT717" s="613"/>
      <c r="ERU717" s="613"/>
      <c r="ERV717" s="613"/>
      <c r="ERW717" s="613"/>
      <c r="ERX717" s="613"/>
      <c r="ERY717" s="613"/>
      <c r="ERZ717" s="613"/>
      <c r="ESA717" s="613"/>
      <c r="ESB717" s="613"/>
      <c r="ESC717" s="613"/>
      <c r="ESD717" s="613"/>
      <c r="ESE717" s="613"/>
      <c r="ESF717" s="613"/>
      <c r="ESG717" s="613"/>
      <c r="ESH717" s="613"/>
      <c r="ESI717" s="613"/>
      <c r="ESJ717" s="613"/>
      <c r="ESK717" s="613"/>
      <c r="ESL717" s="613"/>
      <c r="ESM717" s="613"/>
      <c r="ESN717" s="613"/>
      <c r="ESO717" s="613"/>
      <c r="ESP717" s="613"/>
      <c r="ESQ717" s="613"/>
      <c r="ESR717" s="613"/>
      <c r="ESS717" s="613"/>
      <c r="EST717" s="613"/>
      <c r="ESU717" s="613"/>
      <c r="ESV717" s="613"/>
      <c r="ESW717" s="613"/>
      <c r="ESX717" s="613"/>
      <c r="ESY717" s="613"/>
      <c r="ESZ717" s="613"/>
      <c r="ETA717" s="613"/>
      <c r="ETB717" s="613"/>
      <c r="ETC717" s="613"/>
      <c r="ETD717" s="613"/>
      <c r="ETE717" s="613"/>
      <c r="ETF717" s="613"/>
      <c r="ETG717" s="613"/>
      <c r="ETH717" s="613"/>
      <c r="ETI717" s="613"/>
      <c r="ETJ717" s="613"/>
      <c r="ETK717" s="613"/>
      <c r="ETL717" s="613"/>
      <c r="ETM717" s="613"/>
      <c r="ETN717" s="613"/>
      <c r="ETO717" s="613"/>
      <c r="ETP717" s="613"/>
      <c r="ETQ717" s="613"/>
      <c r="ETR717" s="613"/>
      <c r="ETS717" s="613"/>
      <c r="ETT717" s="613"/>
      <c r="ETU717" s="613"/>
      <c r="ETV717" s="613"/>
      <c r="ETW717" s="613"/>
      <c r="ETX717" s="613"/>
      <c r="ETY717" s="613"/>
      <c r="ETZ717" s="613"/>
      <c r="EUA717" s="613"/>
      <c r="EUB717" s="613"/>
      <c r="EUC717" s="613"/>
      <c r="EUD717" s="613"/>
      <c r="EUE717" s="613"/>
      <c r="EUF717" s="613"/>
      <c r="EUG717" s="613"/>
      <c r="EUH717" s="613"/>
      <c r="EUI717" s="613"/>
      <c r="EUJ717" s="613"/>
      <c r="EUK717" s="613"/>
      <c r="EUL717" s="613"/>
      <c r="EUM717" s="613"/>
      <c r="EUN717" s="613"/>
      <c r="EUO717" s="613"/>
      <c r="EUP717" s="613"/>
      <c r="EUQ717" s="613"/>
      <c r="EUR717" s="613"/>
      <c r="EUS717" s="613"/>
      <c r="EUT717" s="613"/>
      <c r="EUU717" s="613"/>
      <c r="EUV717" s="613"/>
      <c r="EUW717" s="613"/>
      <c r="EUX717" s="613"/>
      <c r="EUY717" s="613"/>
      <c r="EUZ717" s="613"/>
      <c r="EVA717" s="613"/>
      <c r="EVB717" s="613"/>
      <c r="EVC717" s="613"/>
      <c r="EVD717" s="613"/>
      <c r="EVE717" s="613"/>
      <c r="EVF717" s="613"/>
      <c r="EVG717" s="613"/>
      <c r="EVH717" s="613"/>
      <c r="EVI717" s="613"/>
      <c r="EVJ717" s="613"/>
      <c r="EVK717" s="613"/>
      <c r="EVL717" s="613"/>
      <c r="EVM717" s="613"/>
      <c r="EVN717" s="613"/>
      <c r="EVO717" s="613"/>
      <c r="EVP717" s="613"/>
      <c r="EVQ717" s="613"/>
      <c r="EVR717" s="613"/>
      <c r="EVS717" s="613"/>
      <c r="EVT717" s="613"/>
      <c r="EVU717" s="613"/>
      <c r="EVV717" s="613"/>
      <c r="EVW717" s="613"/>
      <c r="EVX717" s="613"/>
      <c r="EVY717" s="613"/>
      <c r="EVZ717" s="613"/>
      <c r="EWA717" s="613"/>
      <c r="EWB717" s="613"/>
      <c r="EWC717" s="613"/>
      <c r="EWD717" s="613"/>
      <c r="EWE717" s="613"/>
      <c r="EWF717" s="613"/>
      <c r="EWG717" s="613"/>
      <c r="EWH717" s="613"/>
      <c r="EWI717" s="613"/>
      <c r="EWJ717" s="613"/>
      <c r="EWK717" s="613"/>
      <c r="EWL717" s="613"/>
      <c r="EWM717" s="613"/>
      <c r="EWN717" s="613"/>
      <c r="EWO717" s="613"/>
      <c r="EWP717" s="613"/>
      <c r="EWQ717" s="613"/>
      <c r="EWR717" s="613"/>
      <c r="EWS717" s="613"/>
      <c r="EWT717" s="613"/>
      <c r="EWU717" s="613"/>
      <c r="EWV717" s="613"/>
      <c r="EWW717" s="613"/>
      <c r="EWX717" s="613"/>
      <c r="EWY717" s="613"/>
      <c r="EWZ717" s="613"/>
      <c r="EXA717" s="613"/>
      <c r="EXB717" s="613"/>
      <c r="EXC717" s="613"/>
      <c r="EXD717" s="613"/>
      <c r="EXE717" s="613"/>
      <c r="EXF717" s="613"/>
      <c r="EXG717" s="613"/>
      <c r="EXH717" s="613"/>
      <c r="EXI717" s="613"/>
      <c r="EXJ717" s="613"/>
      <c r="EXK717" s="613"/>
      <c r="EXL717" s="613"/>
      <c r="EXM717" s="613"/>
      <c r="EXN717" s="613"/>
      <c r="EXO717" s="613"/>
      <c r="EXP717" s="613"/>
      <c r="EXQ717" s="613"/>
      <c r="EXR717" s="613"/>
      <c r="EXS717" s="613"/>
      <c r="EXT717" s="613"/>
      <c r="EXU717" s="613"/>
      <c r="EXV717" s="613"/>
      <c r="EXW717" s="613"/>
      <c r="EXX717" s="613"/>
      <c r="EXY717" s="613"/>
      <c r="EXZ717" s="613"/>
      <c r="EYA717" s="613"/>
      <c r="EYB717" s="613"/>
      <c r="EYC717" s="613"/>
      <c r="EYD717" s="613"/>
      <c r="EYE717" s="613"/>
      <c r="EYF717" s="613"/>
      <c r="EYG717" s="613"/>
      <c r="EYH717" s="613"/>
      <c r="EYI717" s="613"/>
      <c r="EYJ717" s="613"/>
      <c r="EYK717" s="613"/>
      <c r="EYL717" s="613"/>
      <c r="EYM717" s="613"/>
      <c r="EYN717" s="613"/>
      <c r="EYO717" s="613"/>
      <c r="EYP717" s="613"/>
      <c r="EYQ717" s="613"/>
      <c r="EYR717" s="613"/>
      <c r="EYS717" s="613"/>
      <c r="EYT717" s="613"/>
      <c r="EYU717" s="613"/>
      <c r="EYV717" s="613"/>
      <c r="EYW717" s="613"/>
      <c r="EYX717" s="613"/>
      <c r="EYY717" s="613"/>
      <c r="EYZ717" s="613"/>
      <c r="EZA717" s="613"/>
      <c r="EZB717" s="613"/>
      <c r="EZC717" s="613"/>
      <c r="EZD717" s="613"/>
      <c r="EZE717" s="613"/>
      <c r="EZF717" s="613"/>
      <c r="EZG717" s="613"/>
      <c r="EZH717" s="613"/>
      <c r="EZI717" s="613"/>
      <c r="EZJ717" s="613"/>
      <c r="EZK717" s="613"/>
      <c r="EZL717" s="613"/>
      <c r="EZM717" s="613"/>
      <c r="EZN717" s="613"/>
      <c r="EZO717" s="613"/>
      <c r="EZP717" s="613"/>
      <c r="EZQ717" s="613"/>
      <c r="EZR717" s="613"/>
      <c r="EZS717" s="613"/>
      <c r="EZT717" s="613"/>
      <c r="EZU717" s="613"/>
      <c r="EZV717" s="613"/>
      <c r="EZW717" s="613"/>
      <c r="EZX717" s="613"/>
      <c r="EZY717" s="613"/>
      <c r="EZZ717" s="613"/>
      <c r="FAA717" s="613"/>
      <c r="FAB717" s="613"/>
      <c r="FAC717" s="613"/>
      <c r="FAD717" s="613"/>
      <c r="FAE717" s="613"/>
      <c r="FAF717" s="613"/>
      <c r="FAG717" s="613"/>
      <c r="FAH717" s="613"/>
      <c r="FAI717" s="613"/>
      <c r="FAJ717" s="613"/>
      <c r="FAK717" s="613"/>
      <c r="FAL717" s="613"/>
      <c r="FAM717" s="613"/>
      <c r="FAN717" s="613"/>
      <c r="FAO717" s="613"/>
      <c r="FAP717" s="613"/>
      <c r="FAQ717" s="613"/>
      <c r="FAR717" s="613"/>
      <c r="FAS717" s="613"/>
      <c r="FAT717" s="613"/>
      <c r="FAU717" s="613"/>
      <c r="FAV717" s="613"/>
      <c r="FAW717" s="613"/>
      <c r="FAX717" s="613"/>
      <c r="FAY717" s="613"/>
      <c r="FAZ717" s="613"/>
      <c r="FBA717" s="613"/>
      <c r="FBB717" s="613"/>
      <c r="FBC717" s="613"/>
      <c r="FBD717" s="613"/>
      <c r="FBE717" s="613"/>
      <c r="FBF717" s="613"/>
      <c r="FBG717" s="613"/>
      <c r="FBH717" s="613"/>
      <c r="FBI717" s="613"/>
      <c r="FBJ717" s="613"/>
      <c r="FBK717" s="613"/>
      <c r="FBL717" s="613"/>
      <c r="FBM717" s="613"/>
      <c r="FBN717" s="613"/>
      <c r="FBO717" s="613"/>
      <c r="FBP717" s="613"/>
      <c r="FBQ717" s="613"/>
      <c r="FBR717" s="613"/>
      <c r="FBS717" s="613"/>
      <c r="FBT717" s="613"/>
      <c r="FBU717" s="613"/>
      <c r="FBV717" s="613"/>
      <c r="FBW717" s="613"/>
      <c r="FBX717" s="613"/>
      <c r="FBY717" s="613"/>
      <c r="FBZ717" s="613"/>
      <c r="FCA717" s="613"/>
      <c r="FCB717" s="613"/>
      <c r="FCC717" s="613"/>
      <c r="FCD717" s="613"/>
      <c r="FCE717" s="613"/>
      <c r="FCF717" s="613"/>
      <c r="FCG717" s="613"/>
      <c r="FCH717" s="613"/>
      <c r="FCI717" s="613"/>
      <c r="FCJ717" s="613"/>
      <c r="FCK717" s="613"/>
      <c r="FCL717" s="613"/>
      <c r="FCM717" s="613"/>
      <c r="FCN717" s="613"/>
      <c r="FCO717" s="613"/>
      <c r="FCP717" s="613"/>
      <c r="FCQ717" s="613"/>
      <c r="FCR717" s="613"/>
      <c r="FCS717" s="613"/>
      <c r="FCT717" s="613"/>
      <c r="FCU717" s="613"/>
      <c r="FCV717" s="613"/>
      <c r="FCW717" s="613"/>
      <c r="FCX717" s="613"/>
      <c r="FCY717" s="613"/>
      <c r="FCZ717" s="613"/>
      <c r="FDA717" s="613"/>
      <c r="FDB717" s="613"/>
      <c r="FDC717" s="613"/>
      <c r="FDD717" s="613"/>
      <c r="FDE717" s="613"/>
      <c r="FDF717" s="613"/>
      <c r="FDG717" s="613"/>
      <c r="FDH717" s="613"/>
      <c r="FDI717" s="613"/>
      <c r="FDJ717" s="613"/>
      <c r="FDK717" s="613"/>
      <c r="FDL717" s="613"/>
      <c r="FDM717" s="613"/>
      <c r="FDN717" s="613"/>
      <c r="FDO717" s="613"/>
      <c r="FDP717" s="613"/>
      <c r="FDQ717" s="613"/>
      <c r="FDR717" s="613"/>
      <c r="FDS717" s="613"/>
      <c r="FDT717" s="613"/>
      <c r="FDU717" s="613"/>
      <c r="FDV717" s="613"/>
      <c r="FDW717" s="613"/>
      <c r="FDX717" s="613"/>
      <c r="FDY717" s="613"/>
      <c r="FDZ717" s="613"/>
      <c r="FEA717" s="613"/>
      <c r="FEB717" s="613"/>
      <c r="FEC717" s="613"/>
      <c r="FED717" s="613"/>
      <c r="FEE717" s="613"/>
      <c r="FEF717" s="613"/>
      <c r="FEG717" s="613"/>
      <c r="FEH717" s="613"/>
      <c r="FEI717" s="613"/>
      <c r="FEJ717" s="613"/>
      <c r="FEK717" s="613"/>
      <c r="FEL717" s="613"/>
      <c r="FEM717" s="613"/>
      <c r="FEN717" s="613"/>
      <c r="FEO717" s="613"/>
      <c r="FEP717" s="613"/>
      <c r="FEQ717" s="613"/>
      <c r="FER717" s="613"/>
      <c r="FES717" s="613"/>
      <c r="FET717" s="613"/>
      <c r="FEU717" s="613"/>
      <c r="FEV717" s="613"/>
      <c r="FEW717" s="613"/>
      <c r="FEX717" s="613"/>
      <c r="FEY717" s="613"/>
      <c r="FEZ717" s="613"/>
      <c r="FFA717" s="613"/>
      <c r="FFB717" s="613"/>
      <c r="FFC717" s="613"/>
      <c r="FFD717" s="613"/>
      <c r="FFE717" s="613"/>
      <c r="FFF717" s="613"/>
      <c r="FFG717" s="613"/>
      <c r="FFH717" s="613"/>
      <c r="FFI717" s="613"/>
      <c r="FFJ717" s="613"/>
      <c r="FFK717" s="613"/>
      <c r="FFL717" s="613"/>
      <c r="FFM717" s="613"/>
      <c r="FFN717" s="613"/>
      <c r="FFO717" s="613"/>
      <c r="FFP717" s="613"/>
      <c r="FFQ717" s="613"/>
      <c r="FFR717" s="613"/>
      <c r="FFS717" s="613"/>
      <c r="FFT717" s="613"/>
      <c r="FFU717" s="613"/>
      <c r="FFV717" s="613"/>
      <c r="FFW717" s="613"/>
      <c r="FFX717" s="613"/>
      <c r="FFY717" s="613"/>
      <c r="FFZ717" s="613"/>
      <c r="FGA717" s="613"/>
      <c r="FGB717" s="613"/>
      <c r="FGC717" s="613"/>
      <c r="FGD717" s="613"/>
      <c r="FGE717" s="613"/>
      <c r="FGF717" s="613"/>
      <c r="FGG717" s="613"/>
      <c r="FGH717" s="613"/>
      <c r="FGI717" s="613"/>
      <c r="FGJ717" s="613"/>
      <c r="FGK717" s="613"/>
      <c r="FGL717" s="613"/>
      <c r="FGM717" s="613"/>
      <c r="FGN717" s="613"/>
      <c r="FGO717" s="613"/>
      <c r="FGP717" s="613"/>
      <c r="FGQ717" s="613"/>
      <c r="FGR717" s="613"/>
      <c r="FGS717" s="613"/>
      <c r="FGT717" s="613"/>
      <c r="FGU717" s="613"/>
      <c r="FGV717" s="613"/>
      <c r="FGW717" s="613"/>
      <c r="FGX717" s="613"/>
      <c r="FGY717" s="613"/>
      <c r="FGZ717" s="613"/>
      <c r="FHA717" s="613"/>
      <c r="FHB717" s="613"/>
      <c r="FHC717" s="613"/>
      <c r="FHD717" s="613"/>
      <c r="FHE717" s="613"/>
      <c r="FHF717" s="613"/>
      <c r="FHG717" s="613"/>
      <c r="FHH717" s="613"/>
      <c r="FHI717" s="613"/>
      <c r="FHJ717" s="613"/>
      <c r="FHK717" s="613"/>
      <c r="FHL717" s="613"/>
      <c r="FHM717" s="613"/>
      <c r="FHN717" s="613"/>
      <c r="FHO717" s="613"/>
      <c r="FHP717" s="613"/>
      <c r="FHQ717" s="613"/>
      <c r="FHR717" s="613"/>
      <c r="FHS717" s="613"/>
      <c r="FHT717" s="613"/>
      <c r="FHU717" s="613"/>
      <c r="FHV717" s="613"/>
      <c r="FHW717" s="613"/>
      <c r="FHX717" s="613"/>
      <c r="FHY717" s="613"/>
      <c r="FHZ717" s="613"/>
      <c r="FIA717" s="613"/>
      <c r="FIB717" s="613"/>
      <c r="FIC717" s="613"/>
      <c r="FID717" s="613"/>
      <c r="FIE717" s="613"/>
      <c r="FIF717" s="613"/>
      <c r="FIG717" s="613"/>
      <c r="FIH717" s="613"/>
      <c r="FII717" s="613"/>
      <c r="FIJ717" s="613"/>
      <c r="FIK717" s="613"/>
      <c r="FIL717" s="613"/>
      <c r="FIM717" s="613"/>
      <c r="FIN717" s="613"/>
      <c r="FIO717" s="613"/>
      <c r="FIP717" s="613"/>
      <c r="FIQ717" s="613"/>
      <c r="FIR717" s="613"/>
      <c r="FIS717" s="613"/>
      <c r="FIT717" s="613"/>
      <c r="FIU717" s="613"/>
      <c r="FIV717" s="613"/>
      <c r="FIW717" s="613"/>
      <c r="FIX717" s="613"/>
      <c r="FIY717" s="613"/>
      <c r="FIZ717" s="613"/>
      <c r="FJA717" s="613"/>
      <c r="FJB717" s="613"/>
      <c r="FJC717" s="613"/>
      <c r="FJD717" s="613"/>
      <c r="FJE717" s="613"/>
      <c r="FJF717" s="613"/>
      <c r="FJG717" s="613"/>
      <c r="FJH717" s="613"/>
      <c r="FJI717" s="613"/>
      <c r="FJJ717" s="613"/>
      <c r="FJK717" s="613"/>
      <c r="FJL717" s="613"/>
      <c r="FJM717" s="613"/>
      <c r="FJN717" s="613"/>
      <c r="FJO717" s="613"/>
      <c r="FJP717" s="613"/>
      <c r="FJQ717" s="613"/>
      <c r="FJR717" s="613"/>
      <c r="FJS717" s="613"/>
      <c r="FJT717" s="613"/>
      <c r="FJU717" s="613"/>
      <c r="FJV717" s="613"/>
      <c r="FJW717" s="613"/>
      <c r="FJX717" s="613"/>
      <c r="FJY717" s="613"/>
      <c r="FJZ717" s="613"/>
      <c r="FKA717" s="613"/>
      <c r="FKB717" s="613"/>
      <c r="FKC717" s="613"/>
      <c r="FKD717" s="613"/>
      <c r="FKE717" s="613"/>
      <c r="FKF717" s="613"/>
      <c r="FKG717" s="613"/>
      <c r="FKH717" s="613"/>
      <c r="FKI717" s="613"/>
      <c r="FKJ717" s="613"/>
      <c r="FKK717" s="613"/>
      <c r="FKL717" s="613"/>
      <c r="FKM717" s="613"/>
      <c r="FKN717" s="613"/>
      <c r="FKO717" s="613"/>
      <c r="FKP717" s="613"/>
      <c r="FKQ717" s="613"/>
      <c r="FKR717" s="613"/>
      <c r="FKS717" s="613"/>
      <c r="FKT717" s="613"/>
      <c r="FKU717" s="613"/>
      <c r="FKV717" s="613"/>
      <c r="FKW717" s="613"/>
      <c r="FKX717" s="613"/>
      <c r="FKY717" s="613"/>
      <c r="FKZ717" s="613"/>
      <c r="FLA717" s="613"/>
      <c r="FLB717" s="613"/>
      <c r="FLC717" s="613"/>
      <c r="FLD717" s="613"/>
      <c r="FLE717" s="613"/>
      <c r="FLF717" s="613"/>
      <c r="FLG717" s="613"/>
      <c r="FLH717" s="613"/>
      <c r="FLI717" s="613"/>
      <c r="FLJ717" s="613"/>
      <c r="FLK717" s="613"/>
      <c r="FLL717" s="613"/>
      <c r="FLM717" s="613"/>
      <c r="FLN717" s="613"/>
      <c r="FLO717" s="613"/>
      <c r="FLP717" s="613"/>
      <c r="FLQ717" s="613"/>
      <c r="FLR717" s="613"/>
      <c r="FLS717" s="613"/>
      <c r="FLT717" s="613"/>
      <c r="FLU717" s="613"/>
      <c r="FLV717" s="613"/>
      <c r="FLW717" s="613"/>
      <c r="FLX717" s="613"/>
      <c r="FLY717" s="613"/>
      <c r="FLZ717" s="613"/>
      <c r="FMA717" s="613"/>
      <c r="FMB717" s="613"/>
      <c r="FMC717" s="613"/>
      <c r="FMD717" s="613"/>
      <c r="FME717" s="613"/>
      <c r="FMF717" s="613"/>
      <c r="FMG717" s="613"/>
      <c r="FMH717" s="613"/>
      <c r="FMI717" s="613"/>
      <c r="FMJ717" s="613"/>
      <c r="FMK717" s="613"/>
      <c r="FML717" s="613"/>
      <c r="FMM717" s="613"/>
      <c r="FMN717" s="613"/>
      <c r="FMO717" s="613"/>
      <c r="FMP717" s="613"/>
      <c r="FMQ717" s="613"/>
      <c r="FMR717" s="613"/>
      <c r="FMS717" s="613"/>
      <c r="FMT717" s="613"/>
      <c r="FMU717" s="613"/>
      <c r="FMV717" s="613"/>
      <c r="FMW717" s="613"/>
      <c r="FMX717" s="613"/>
      <c r="FMY717" s="613"/>
      <c r="FMZ717" s="613"/>
      <c r="FNA717" s="613"/>
      <c r="FNB717" s="613"/>
      <c r="FNC717" s="613"/>
      <c r="FND717" s="613"/>
      <c r="FNE717" s="613"/>
      <c r="FNF717" s="613"/>
      <c r="FNG717" s="613"/>
      <c r="FNH717" s="613"/>
      <c r="FNI717" s="613"/>
      <c r="FNJ717" s="613"/>
      <c r="FNK717" s="613"/>
      <c r="FNL717" s="613"/>
      <c r="FNM717" s="613"/>
      <c r="FNN717" s="613"/>
      <c r="FNO717" s="613"/>
      <c r="FNP717" s="613"/>
      <c r="FNQ717" s="613"/>
      <c r="FNR717" s="613"/>
      <c r="FNS717" s="613"/>
      <c r="FNT717" s="613"/>
      <c r="FNU717" s="613"/>
      <c r="FNV717" s="613"/>
      <c r="FNW717" s="613"/>
      <c r="FNX717" s="613"/>
      <c r="FNY717" s="613"/>
      <c r="FNZ717" s="613"/>
      <c r="FOA717" s="613"/>
      <c r="FOB717" s="613"/>
      <c r="FOC717" s="613"/>
      <c r="FOD717" s="613"/>
      <c r="FOE717" s="613"/>
      <c r="FOF717" s="613"/>
      <c r="FOG717" s="613"/>
      <c r="FOH717" s="613"/>
      <c r="FOI717" s="613"/>
      <c r="FOJ717" s="613"/>
      <c r="FOK717" s="613"/>
      <c r="FOL717" s="613"/>
      <c r="FOM717" s="613"/>
      <c r="FON717" s="613"/>
      <c r="FOO717" s="613"/>
      <c r="FOP717" s="613"/>
      <c r="FOQ717" s="613"/>
      <c r="FOR717" s="613"/>
      <c r="FOS717" s="613"/>
      <c r="FOT717" s="613"/>
      <c r="FOU717" s="613"/>
      <c r="FOV717" s="613"/>
      <c r="FOW717" s="613"/>
      <c r="FOX717" s="613"/>
      <c r="FOY717" s="613"/>
      <c r="FOZ717" s="613"/>
      <c r="FPA717" s="613"/>
      <c r="FPB717" s="613"/>
      <c r="FPC717" s="613"/>
      <c r="FPD717" s="613"/>
      <c r="FPE717" s="613"/>
      <c r="FPF717" s="613"/>
      <c r="FPG717" s="613"/>
      <c r="FPH717" s="613"/>
      <c r="FPI717" s="613"/>
      <c r="FPJ717" s="613"/>
      <c r="FPK717" s="613"/>
      <c r="FPL717" s="613"/>
      <c r="FPM717" s="613"/>
      <c r="FPN717" s="613"/>
      <c r="FPO717" s="613"/>
      <c r="FPP717" s="613"/>
      <c r="FPQ717" s="613"/>
      <c r="FPR717" s="613"/>
      <c r="FPS717" s="613"/>
      <c r="FPT717" s="613"/>
      <c r="FPU717" s="613"/>
      <c r="FPV717" s="613"/>
      <c r="FPW717" s="613"/>
      <c r="FPX717" s="613"/>
      <c r="FPY717" s="613"/>
      <c r="FPZ717" s="613"/>
      <c r="FQA717" s="613"/>
      <c r="FQB717" s="613"/>
      <c r="FQC717" s="613"/>
      <c r="FQD717" s="613"/>
      <c r="FQE717" s="613"/>
      <c r="FQF717" s="613"/>
      <c r="FQG717" s="613"/>
      <c r="FQH717" s="613"/>
      <c r="FQI717" s="613"/>
      <c r="FQJ717" s="613"/>
      <c r="FQK717" s="613"/>
      <c r="FQL717" s="613"/>
      <c r="FQM717" s="613"/>
      <c r="FQN717" s="613"/>
      <c r="FQO717" s="613"/>
      <c r="FQP717" s="613"/>
      <c r="FQQ717" s="613"/>
      <c r="FQR717" s="613"/>
      <c r="FQS717" s="613"/>
      <c r="FQT717" s="613"/>
      <c r="FQU717" s="613"/>
      <c r="FQV717" s="613"/>
      <c r="FQW717" s="613"/>
      <c r="FQX717" s="613"/>
      <c r="FQY717" s="613"/>
      <c r="FQZ717" s="613"/>
      <c r="FRA717" s="613"/>
      <c r="FRB717" s="613"/>
      <c r="FRC717" s="613"/>
      <c r="FRD717" s="613"/>
      <c r="FRE717" s="613"/>
      <c r="FRF717" s="613"/>
      <c r="FRG717" s="613"/>
      <c r="FRH717" s="613"/>
      <c r="FRI717" s="613"/>
      <c r="FRJ717" s="613"/>
      <c r="FRK717" s="613"/>
      <c r="FRL717" s="613"/>
      <c r="FRM717" s="613"/>
      <c r="FRN717" s="613"/>
      <c r="FRO717" s="613"/>
      <c r="FRP717" s="613"/>
      <c r="FRQ717" s="613"/>
      <c r="FRR717" s="613"/>
      <c r="FRS717" s="613"/>
      <c r="FRT717" s="613"/>
      <c r="FRU717" s="613"/>
      <c r="FRV717" s="613"/>
      <c r="FRW717" s="613"/>
      <c r="FRX717" s="613"/>
      <c r="FRY717" s="613"/>
      <c r="FRZ717" s="613"/>
      <c r="FSA717" s="613"/>
      <c r="FSB717" s="613"/>
      <c r="FSC717" s="613"/>
      <c r="FSD717" s="613"/>
      <c r="FSE717" s="613"/>
      <c r="FSF717" s="613"/>
      <c r="FSG717" s="613"/>
      <c r="FSH717" s="613"/>
      <c r="FSI717" s="613"/>
      <c r="FSJ717" s="613"/>
      <c r="FSK717" s="613"/>
      <c r="FSL717" s="613"/>
      <c r="FSM717" s="613"/>
      <c r="FSN717" s="613"/>
      <c r="FSO717" s="613"/>
      <c r="FSP717" s="613"/>
      <c r="FSQ717" s="613"/>
      <c r="FSR717" s="613"/>
      <c r="FSS717" s="613"/>
      <c r="FST717" s="613"/>
      <c r="FSU717" s="613"/>
      <c r="FSV717" s="613"/>
      <c r="FSW717" s="613"/>
      <c r="FSX717" s="613"/>
      <c r="FSY717" s="613"/>
      <c r="FSZ717" s="613"/>
      <c r="FTA717" s="613"/>
      <c r="FTB717" s="613"/>
      <c r="FTC717" s="613"/>
      <c r="FTD717" s="613"/>
      <c r="FTE717" s="613"/>
      <c r="FTF717" s="613"/>
      <c r="FTG717" s="613"/>
      <c r="FTH717" s="613"/>
      <c r="FTI717" s="613"/>
      <c r="FTJ717" s="613"/>
      <c r="FTK717" s="613"/>
      <c r="FTL717" s="613"/>
      <c r="FTM717" s="613"/>
      <c r="FTN717" s="613"/>
      <c r="FTO717" s="613"/>
      <c r="FTP717" s="613"/>
      <c r="FTQ717" s="613"/>
      <c r="FTR717" s="613"/>
      <c r="FTS717" s="613"/>
      <c r="FTT717" s="613"/>
      <c r="FTU717" s="613"/>
      <c r="FTV717" s="613"/>
      <c r="FTW717" s="613"/>
      <c r="FTX717" s="613"/>
      <c r="FTY717" s="613"/>
      <c r="FTZ717" s="613"/>
      <c r="FUA717" s="613"/>
      <c r="FUB717" s="613"/>
      <c r="FUC717" s="613"/>
      <c r="FUD717" s="613"/>
      <c r="FUE717" s="613"/>
      <c r="FUF717" s="613"/>
      <c r="FUG717" s="613"/>
      <c r="FUH717" s="613"/>
      <c r="FUI717" s="613"/>
      <c r="FUJ717" s="613"/>
      <c r="FUK717" s="613"/>
      <c r="FUL717" s="613"/>
      <c r="FUM717" s="613"/>
      <c r="FUN717" s="613"/>
      <c r="FUO717" s="613"/>
      <c r="FUP717" s="613"/>
      <c r="FUQ717" s="613"/>
      <c r="FUR717" s="613"/>
      <c r="FUS717" s="613"/>
      <c r="FUT717" s="613"/>
      <c r="FUU717" s="613"/>
      <c r="FUV717" s="613"/>
      <c r="FUW717" s="613"/>
      <c r="FUX717" s="613"/>
      <c r="FUY717" s="613"/>
      <c r="FUZ717" s="613"/>
      <c r="FVA717" s="613"/>
      <c r="FVB717" s="613"/>
      <c r="FVC717" s="613"/>
      <c r="FVD717" s="613"/>
      <c r="FVE717" s="613"/>
      <c r="FVF717" s="613"/>
      <c r="FVG717" s="613"/>
      <c r="FVH717" s="613"/>
      <c r="FVI717" s="613"/>
      <c r="FVJ717" s="613"/>
      <c r="FVK717" s="613"/>
      <c r="FVL717" s="613"/>
      <c r="FVM717" s="613"/>
      <c r="FVN717" s="613"/>
      <c r="FVO717" s="613"/>
      <c r="FVP717" s="613"/>
      <c r="FVQ717" s="613"/>
      <c r="FVR717" s="613"/>
      <c r="FVS717" s="613"/>
      <c r="FVT717" s="613"/>
      <c r="FVU717" s="613"/>
      <c r="FVV717" s="613"/>
      <c r="FVW717" s="613"/>
      <c r="FVX717" s="613"/>
      <c r="FVY717" s="613"/>
      <c r="FVZ717" s="613"/>
      <c r="FWA717" s="613"/>
      <c r="FWB717" s="613"/>
      <c r="FWC717" s="613"/>
      <c r="FWD717" s="613"/>
      <c r="FWE717" s="613"/>
      <c r="FWF717" s="613"/>
      <c r="FWG717" s="613"/>
      <c r="FWH717" s="613"/>
      <c r="FWI717" s="613"/>
      <c r="FWJ717" s="613"/>
      <c r="FWK717" s="613"/>
      <c r="FWL717" s="613"/>
      <c r="FWM717" s="613"/>
      <c r="FWN717" s="613"/>
      <c r="FWO717" s="613"/>
      <c r="FWP717" s="613"/>
      <c r="FWQ717" s="613"/>
      <c r="FWR717" s="613"/>
      <c r="FWS717" s="613"/>
      <c r="FWT717" s="613"/>
      <c r="FWU717" s="613"/>
      <c r="FWV717" s="613"/>
      <c r="FWW717" s="613"/>
      <c r="FWX717" s="613"/>
      <c r="FWY717" s="613"/>
      <c r="FWZ717" s="613"/>
      <c r="FXA717" s="613"/>
      <c r="FXB717" s="613"/>
      <c r="FXC717" s="613"/>
      <c r="FXD717" s="613"/>
      <c r="FXE717" s="613"/>
      <c r="FXF717" s="613"/>
      <c r="FXG717" s="613"/>
      <c r="FXH717" s="613"/>
      <c r="FXI717" s="613"/>
      <c r="FXJ717" s="613"/>
      <c r="FXK717" s="613"/>
      <c r="FXL717" s="613"/>
      <c r="FXM717" s="613"/>
      <c r="FXN717" s="613"/>
      <c r="FXO717" s="613"/>
      <c r="FXP717" s="613"/>
      <c r="FXQ717" s="613"/>
      <c r="FXR717" s="613"/>
      <c r="FXS717" s="613"/>
      <c r="FXT717" s="613"/>
      <c r="FXU717" s="613"/>
      <c r="FXV717" s="613"/>
      <c r="FXW717" s="613"/>
      <c r="FXX717" s="613"/>
      <c r="FXY717" s="613"/>
      <c r="FXZ717" s="613"/>
      <c r="FYA717" s="613"/>
      <c r="FYB717" s="613"/>
      <c r="FYC717" s="613"/>
      <c r="FYD717" s="613"/>
      <c r="FYE717" s="613"/>
      <c r="FYF717" s="613"/>
      <c r="FYG717" s="613"/>
      <c r="FYH717" s="613"/>
      <c r="FYI717" s="613"/>
      <c r="FYJ717" s="613"/>
      <c r="FYK717" s="613"/>
      <c r="FYL717" s="613"/>
      <c r="FYM717" s="613"/>
      <c r="FYN717" s="613"/>
      <c r="FYO717" s="613"/>
      <c r="FYP717" s="613"/>
      <c r="FYQ717" s="613"/>
      <c r="FYR717" s="613"/>
      <c r="FYS717" s="613"/>
      <c r="FYT717" s="613"/>
      <c r="FYU717" s="613"/>
      <c r="FYV717" s="613"/>
      <c r="FYW717" s="613"/>
      <c r="FYX717" s="613"/>
      <c r="FYY717" s="613"/>
      <c r="FYZ717" s="613"/>
      <c r="FZA717" s="613"/>
      <c r="FZB717" s="613"/>
      <c r="FZC717" s="613"/>
      <c r="FZD717" s="613"/>
      <c r="FZE717" s="613"/>
      <c r="FZF717" s="613"/>
      <c r="FZG717" s="613"/>
      <c r="FZH717" s="613"/>
      <c r="FZI717" s="613"/>
      <c r="FZJ717" s="613"/>
      <c r="FZK717" s="613"/>
      <c r="FZL717" s="613"/>
      <c r="FZM717" s="613"/>
      <c r="FZN717" s="613"/>
      <c r="FZO717" s="613"/>
      <c r="FZP717" s="613"/>
      <c r="FZQ717" s="613"/>
      <c r="FZR717" s="613"/>
      <c r="FZS717" s="613"/>
      <c r="FZT717" s="613"/>
      <c r="FZU717" s="613"/>
      <c r="FZV717" s="613"/>
      <c r="FZW717" s="613"/>
      <c r="FZX717" s="613"/>
      <c r="FZY717" s="613"/>
      <c r="FZZ717" s="613"/>
      <c r="GAA717" s="613"/>
      <c r="GAB717" s="613"/>
      <c r="GAC717" s="613"/>
      <c r="GAD717" s="613"/>
      <c r="GAE717" s="613"/>
      <c r="GAF717" s="613"/>
      <c r="GAG717" s="613"/>
      <c r="GAH717" s="613"/>
      <c r="GAI717" s="613"/>
      <c r="GAJ717" s="613"/>
      <c r="GAK717" s="613"/>
      <c r="GAL717" s="613"/>
      <c r="GAM717" s="613"/>
      <c r="GAN717" s="613"/>
      <c r="GAO717" s="613"/>
      <c r="GAP717" s="613"/>
      <c r="GAQ717" s="613"/>
      <c r="GAR717" s="613"/>
      <c r="GAS717" s="613"/>
      <c r="GAT717" s="613"/>
      <c r="GAU717" s="613"/>
      <c r="GAV717" s="613"/>
      <c r="GAW717" s="613"/>
      <c r="GAX717" s="613"/>
      <c r="GAY717" s="613"/>
      <c r="GAZ717" s="613"/>
      <c r="GBA717" s="613"/>
      <c r="GBB717" s="613"/>
      <c r="GBC717" s="613"/>
      <c r="GBD717" s="613"/>
      <c r="GBE717" s="613"/>
      <c r="GBF717" s="613"/>
      <c r="GBG717" s="613"/>
      <c r="GBH717" s="613"/>
      <c r="GBI717" s="613"/>
      <c r="GBJ717" s="613"/>
      <c r="GBK717" s="613"/>
      <c r="GBL717" s="613"/>
      <c r="GBM717" s="613"/>
      <c r="GBN717" s="613"/>
      <c r="GBO717" s="613"/>
      <c r="GBP717" s="613"/>
      <c r="GBQ717" s="613"/>
      <c r="GBR717" s="613"/>
      <c r="GBS717" s="613"/>
      <c r="GBT717" s="613"/>
      <c r="GBU717" s="613"/>
      <c r="GBV717" s="613"/>
      <c r="GBW717" s="613"/>
      <c r="GBX717" s="613"/>
      <c r="GBY717" s="613"/>
      <c r="GBZ717" s="613"/>
      <c r="GCA717" s="613"/>
      <c r="GCB717" s="613"/>
      <c r="GCC717" s="613"/>
      <c r="GCD717" s="613"/>
      <c r="GCE717" s="613"/>
      <c r="GCF717" s="613"/>
      <c r="GCG717" s="613"/>
      <c r="GCH717" s="613"/>
      <c r="GCI717" s="613"/>
      <c r="GCJ717" s="613"/>
      <c r="GCK717" s="613"/>
      <c r="GCL717" s="613"/>
      <c r="GCM717" s="613"/>
      <c r="GCN717" s="613"/>
      <c r="GCO717" s="613"/>
      <c r="GCP717" s="613"/>
      <c r="GCQ717" s="613"/>
      <c r="GCR717" s="613"/>
      <c r="GCS717" s="613"/>
      <c r="GCT717" s="613"/>
      <c r="GCU717" s="613"/>
      <c r="GCV717" s="613"/>
      <c r="GCW717" s="613"/>
      <c r="GCX717" s="613"/>
      <c r="GCY717" s="613"/>
      <c r="GCZ717" s="613"/>
      <c r="GDA717" s="613"/>
      <c r="GDB717" s="613"/>
      <c r="GDC717" s="613"/>
      <c r="GDD717" s="613"/>
      <c r="GDE717" s="613"/>
      <c r="GDF717" s="613"/>
      <c r="GDG717" s="613"/>
      <c r="GDH717" s="613"/>
      <c r="GDI717" s="613"/>
      <c r="GDJ717" s="613"/>
      <c r="GDK717" s="613"/>
      <c r="GDL717" s="613"/>
      <c r="GDM717" s="613"/>
      <c r="GDN717" s="613"/>
      <c r="GDO717" s="613"/>
      <c r="GDP717" s="613"/>
      <c r="GDQ717" s="613"/>
      <c r="GDR717" s="613"/>
      <c r="GDS717" s="613"/>
      <c r="GDT717" s="613"/>
      <c r="GDU717" s="613"/>
      <c r="GDV717" s="613"/>
      <c r="GDW717" s="613"/>
      <c r="GDX717" s="613"/>
      <c r="GDY717" s="613"/>
      <c r="GDZ717" s="613"/>
      <c r="GEA717" s="613"/>
      <c r="GEB717" s="613"/>
      <c r="GEC717" s="613"/>
      <c r="GED717" s="613"/>
      <c r="GEE717" s="613"/>
      <c r="GEF717" s="613"/>
      <c r="GEG717" s="613"/>
      <c r="GEH717" s="613"/>
      <c r="GEI717" s="613"/>
      <c r="GEJ717" s="613"/>
      <c r="GEK717" s="613"/>
      <c r="GEL717" s="613"/>
      <c r="GEM717" s="613"/>
      <c r="GEN717" s="613"/>
      <c r="GEO717" s="613"/>
      <c r="GEP717" s="613"/>
      <c r="GEQ717" s="613"/>
      <c r="GER717" s="613"/>
      <c r="GES717" s="613"/>
      <c r="GET717" s="613"/>
      <c r="GEU717" s="613"/>
      <c r="GEV717" s="613"/>
      <c r="GEW717" s="613"/>
      <c r="GEX717" s="613"/>
      <c r="GEY717" s="613"/>
      <c r="GEZ717" s="613"/>
      <c r="GFA717" s="613"/>
      <c r="GFB717" s="613"/>
      <c r="GFC717" s="613"/>
      <c r="GFD717" s="613"/>
      <c r="GFE717" s="613"/>
      <c r="GFF717" s="613"/>
      <c r="GFG717" s="613"/>
      <c r="GFH717" s="613"/>
      <c r="GFI717" s="613"/>
      <c r="GFJ717" s="613"/>
      <c r="GFK717" s="613"/>
      <c r="GFL717" s="613"/>
      <c r="GFM717" s="613"/>
      <c r="GFN717" s="613"/>
      <c r="GFO717" s="613"/>
      <c r="GFP717" s="613"/>
      <c r="GFQ717" s="613"/>
      <c r="GFR717" s="613"/>
      <c r="GFS717" s="613"/>
      <c r="GFT717" s="613"/>
      <c r="GFU717" s="613"/>
      <c r="GFV717" s="613"/>
      <c r="GFW717" s="613"/>
      <c r="GFX717" s="613"/>
      <c r="GFY717" s="613"/>
      <c r="GFZ717" s="613"/>
      <c r="GGA717" s="613"/>
      <c r="GGB717" s="613"/>
      <c r="GGC717" s="613"/>
      <c r="GGD717" s="613"/>
      <c r="GGE717" s="613"/>
      <c r="GGF717" s="613"/>
      <c r="GGG717" s="613"/>
      <c r="GGH717" s="613"/>
      <c r="GGI717" s="613"/>
      <c r="GGJ717" s="613"/>
      <c r="GGK717" s="613"/>
      <c r="GGL717" s="613"/>
      <c r="GGM717" s="613"/>
      <c r="GGN717" s="613"/>
      <c r="GGO717" s="613"/>
      <c r="GGP717" s="613"/>
      <c r="GGQ717" s="613"/>
      <c r="GGR717" s="613"/>
      <c r="GGS717" s="613"/>
      <c r="GGT717" s="613"/>
      <c r="GGU717" s="613"/>
      <c r="GGV717" s="613"/>
      <c r="GGW717" s="613"/>
      <c r="GGX717" s="613"/>
      <c r="GGY717" s="613"/>
      <c r="GGZ717" s="613"/>
      <c r="GHA717" s="613"/>
      <c r="GHB717" s="613"/>
      <c r="GHC717" s="613"/>
      <c r="GHD717" s="613"/>
      <c r="GHE717" s="613"/>
      <c r="GHF717" s="613"/>
      <c r="GHG717" s="613"/>
      <c r="GHH717" s="613"/>
      <c r="GHI717" s="613"/>
      <c r="GHJ717" s="613"/>
      <c r="GHK717" s="613"/>
      <c r="GHL717" s="613"/>
      <c r="GHM717" s="613"/>
      <c r="GHN717" s="613"/>
      <c r="GHO717" s="613"/>
      <c r="GHP717" s="613"/>
      <c r="GHQ717" s="613"/>
      <c r="GHR717" s="613"/>
      <c r="GHS717" s="613"/>
      <c r="GHT717" s="613"/>
      <c r="GHU717" s="613"/>
      <c r="GHV717" s="613"/>
      <c r="GHW717" s="613"/>
      <c r="GHX717" s="613"/>
      <c r="GHY717" s="613"/>
      <c r="GHZ717" s="613"/>
      <c r="GIA717" s="613"/>
      <c r="GIB717" s="613"/>
      <c r="GIC717" s="613"/>
      <c r="GID717" s="613"/>
      <c r="GIE717" s="613"/>
      <c r="GIF717" s="613"/>
      <c r="GIG717" s="613"/>
      <c r="GIH717" s="613"/>
      <c r="GII717" s="613"/>
      <c r="GIJ717" s="613"/>
      <c r="GIK717" s="613"/>
      <c r="GIL717" s="613"/>
      <c r="GIM717" s="613"/>
      <c r="GIN717" s="613"/>
      <c r="GIO717" s="613"/>
      <c r="GIP717" s="613"/>
      <c r="GIQ717" s="613"/>
      <c r="GIR717" s="613"/>
      <c r="GIS717" s="613"/>
      <c r="GIT717" s="613"/>
      <c r="GIU717" s="613"/>
      <c r="GIV717" s="613"/>
      <c r="GIW717" s="613"/>
      <c r="GIX717" s="613"/>
      <c r="GIY717" s="613"/>
      <c r="GIZ717" s="613"/>
      <c r="GJA717" s="613"/>
      <c r="GJB717" s="613"/>
      <c r="GJC717" s="613"/>
      <c r="GJD717" s="613"/>
      <c r="GJE717" s="613"/>
      <c r="GJF717" s="613"/>
      <c r="GJG717" s="613"/>
      <c r="GJH717" s="613"/>
      <c r="GJI717" s="613"/>
      <c r="GJJ717" s="613"/>
      <c r="GJK717" s="613"/>
      <c r="GJL717" s="613"/>
      <c r="GJM717" s="613"/>
      <c r="GJN717" s="613"/>
      <c r="GJO717" s="613"/>
      <c r="GJP717" s="613"/>
      <c r="GJQ717" s="613"/>
      <c r="GJR717" s="613"/>
      <c r="GJS717" s="613"/>
      <c r="GJT717" s="613"/>
      <c r="GJU717" s="613"/>
      <c r="GJV717" s="613"/>
      <c r="GJW717" s="613"/>
      <c r="GJX717" s="613"/>
      <c r="GJY717" s="613"/>
      <c r="GJZ717" s="613"/>
      <c r="GKA717" s="613"/>
      <c r="GKB717" s="613"/>
      <c r="GKC717" s="613"/>
      <c r="GKD717" s="613"/>
      <c r="GKE717" s="613"/>
      <c r="GKF717" s="613"/>
      <c r="GKG717" s="613"/>
      <c r="GKH717" s="613"/>
      <c r="GKI717" s="613"/>
      <c r="GKJ717" s="613"/>
      <c r="GKK717" s="613"/>
      <c r="GKL717" s="613"/>
      <c r="GKM717" s="613"/>
      <c r="GKN717" s="613"/>
      <c r="GKO717" s="613"/>
      <c r="GKP717" s="613"/>
      <c r="GKQ717" s="613"/>
      <c r="GKR717" s="613"/>
      <c r="GKS717" s="613"/>
      <c r="GKT717" s="613"/>
      <c r="GKU717" s="613"/>
      <c r="GKV717" s="613"/>
      <c r="GKW717" s="613"/>
      <c r="GKX717" s="613"/>
      <c r="GKY717" s="613"/>
      <c r="GKZ717" s="613"/>
      <c r="GLA717" s="613"/>
      <c r="GLB717" s="613"/>
      <c r="GLC717" s="613"/>
      <c r="GLD717" s="613"/>
      <c r="GLE717" s="613"/>
      <c r="GLF717" s="613"/>
      <c r="GLG717" s="613"/>
      <c r="GLH717" s="613"/>
      <c r="GLI717" s="613"/>
      <c r="GLJ717" s="613"/>
      <c r="GLK717" s="613"/>
      <c r="GLL717" s="613"/>
      <c r="GLM717" s="613"/>
      <c r="GLN717" s="613"/>
      <c r="GLO717" s="613"/>
      <c r="GLP717" s="613"/>
      <c r="GLQ717" s="613"/>
      <c r="GLR717" s="613"/>
      <c r="GLS717" s="613"/>
      <c r="GLT717" s="613"/>
      <c r="GLU717" s="613"/>
      <c r="GLV717" s="613"/>
      <c r="GLW717" s="613"/>
      <c r="GLX717" s="613"/>
      <c r="GLY717" s="613"/>
      <c r="GLZ717" s="613"/>
      <c r="GMA717" s="613"/>
      <c r="GMB717" s="613"/>
      <c r="GMC717" s="613"/>
      <c r="GMD717" s="613"/>
      <c r="GME717" s="613"/>
      <c r="GMF717" s="613"/>
      <c r="GMG717" s="613"/>
      <c r="GMH717" s="613"/>
      <c r="GMI717" s="613"/>
      <c r="GMJ717" s="613"/>
      <c r="GMK717" s="613"/>
      <c r="GML717" s="613"/>
      <c r="GMM717" s="613"/>
      <c r="GMN717" s="613"/>
      <c r="GMO717" s="613"/>
      <c r="GMP717" s="613"/>
      <c r="GMQ717" s="613"/>
      <c r="GMR717" s="613"/>
      <c r="GMS717" s="613"/>
      <c r="GMT717" s="613"/>
      <c r="GMU717" s="613"/>
      <c r="GMV717" s="613"/>
      <c r="GMW717" s="613"/>
      <c r="GMX717" s="613"/>
      <c r="GMY717" s="613"/>
      <c r="GMZ717" s="613"/>
      <c r="GNA717" s="613"/>
      <c r="GNB717" s="613"/>
      <c r="GNC717" s="613"/>
      <c r="GND717" s="613"/>
      <c r="GNE717" s="613"/>
      <c r="GNF717" s="613"/>
      <c r="GNG717" s="613"/>
      <c r="GNH717" s="613"/>
      <c r="GNI717" s="613"/>
      <c r="GNJ717" s="613"/>
      <c r="GNK717" s="613"/>
      <c r="GNL717" s="613"/>
      <c r="GNM717" s="613"/>
      <c r="GNN717" s="613"/>
      <c r="GNO717" s="613"/>
      <c r="GNP717" s="613"/>
      <c r="GNQ717" s="613"/>
      <c r="GNR717" s="613"/>
      <c r="GNS717" s="613"/>
      <c r="GNT717" s="613"/>
      <c r="GNU717" s="613"/>
      <c r="GNV717" s="613"/>
      <c r="GNW717" s="613"/>
      <c r="GNX717" s="613"/>
      <c r="GNY717" s="613"/>
      <c r="GNZ717" s="613"/>
      <c r="GOA717" s="613"/>
      <c r="GOB717" s="613"/>
      <c r="GOC717" s="613"/>
      <c r="GOD717" s="613"/>
      <c r="GOE717" s="613"/>
      <c r="GOF717" s="613"/>
      <c r="GOG717" s="613"/>
      <c r="GOH717" s="613"/>
      <c r="GOI717" s="613"/>
      <c r="GOJ717" s="613"/>
      <c r="GOK717" s="613"/>
      <c r="GOL717" s="613"/>
      <c r="GOM717" s="613"/>
      <c r="GON717" s="613"/>
      <c r="GOO717" s="613"/>
      <c r="GOP717" s="613"/>
      <c r="GOQ717" s="613"/>
      <c r="GOR717" s="613"/>
      <c r="GOS717" s="613"/>
      <c r="GOT717" s="613"/>
      <c r="GOU717" s="613"/>
      <c r="GOV717" s="613"/>
      <c r="GOW717" s="613"/>
      <c r="GOX717" s="613"/>
      <c r="GOY717" s="613"/>
      <c r="GOZ717" s="613"/>
      <c r="GPA717" s="613"/>
      <c r="GPB717" s="613"/>
      <c r="GPC717" s="613"/>
      <c r="GPD717" s="613"/>
      <c r="GPE717" s="613"/>
      <c r="GPF717" s="613"/>
      <c r="GPG717" s="613"/>
      <c r="GPH717" s="613"/>
      <c r="GPI717" s="613"/>
      <c r="GPJ717" s="613"/>
      <c r="GPK717" s="613"/>
      <c r="GPL717" s="613"/>
      <c r="GPM717" s="613"/>
      <c r="GPN717" s="613"/>
      <c r="GPO717" s="613"/>
      <c r="GPP717" s="613"/>
      <c r="GPQ717" s="613"/>
      <c r="GPR717" s="613"/>
      <c r="GPS717" s="613"/>
      <c r="GPT717" s="613"/>
      <c r="GPU717" s="613"/>
      <c r="GPV717" s="613"/>
      <c r="GPW717" s="613"/>
      <c r="GPX717" s="613"/>
      <c r="GPY717" s="613"/>
      <c r="GPZ717" s="613"/>
      <c r="GQA717" s="613"/>
      <c r="GQB717" s="613"/>
      <c r="GQC717" s="613"/>
      <c r="GQD717" s="613"/>
      <c r="GQE717" s="613"/>
      <c r="GQF717" s="613"/>
      <c r="GQG717" s="613"/>
      <c r="GQH717" s="613"/>
      <c r="GQI717" s="613"/>
      <c r="GQJ717" s="613"/>
      <c r="GQK717" s="613"/>
      <c r="GQL717" s="613"/>
      <c r="GQM717" s="613"/>
      <c r="GQN717" s="613"/>
      <c r="GQO717" s="613"/>
      <c r="GQP717" s="613"/>
      <c r="GQQ717" s="613"/>
      <c r="GQR717" s="613"/>
      <c r="GQS717" s="613"/>
      <c r="GQT717" s="613"/>
      <c r="GQU717" s="613"/>
      <c r="GQV717" s="613"/>
      <c r="GQW717" s="613"/>
      <c r="GQX717" s="613"/>
      <c r="GQY717" s="613"/>
      <c r="GQZ717" s="613"/>
      <c r="GRA717" s="613"/>
      <c r="GRB717" s="613"/>
      <c r="GRC717" s="613"/>
      <c r="GRD717" s="613"/>
      <c r="GRE717" s="613"/>
      <c r="GRF717" s="613"/>
      <c r="GRG717" s="613"/>
      <c r="GRH717" s="613"/>
      <c r="GRI717" s="613"/>
      <c r="GRJ717" s="613"/>
      <c r="GRK717" s="613"/>
      <c r="GRL717" s="613"/>
      <c r="GRM717" s="613"/>
      <c r="GRN717" s="613"/>
      <c r="GRO717" s="613"/>
      <c r="GRP717" s="613"/>
      <c r="GRQ717" s="613"/>
      <c r="GRR717" s="613"/>
      <c r="GRS717" s="613"/>
      <c r="GRT717" s="613"/>
      <c r="GRU717" s="613"/>
      <c r="GRV717" s="613"/>
      <c r="GRW717" s="613"/>
      <c r="GRX717" s="613"/>
      <c r="GRY717" s="613"/>
      <c r="GRZ717" s="613"/>
      <c r="GSA717" s="613"/>
      <c r="GSB717" s="613"/>
      <c r="GSC717" s="613"/>
      <c r="GSD717" s="613"/>
      <c r="GSE717" s="613"/>
      <c r="GSF717" s="613"/>
      <c r="GSG717" s="613"/>
      <c r="GSH717" s="613"/>
      <c r="GSI717" s="613"/>
      <c r="GSJ717" s="613"/>
      <c r="GSK717" s="613"/>
      <c r="GSL717" s="613"/>
      <c r="GSM717" s="613"/>
      <c r="GSN717" s="613"/>
      <c r="GSO717" s="613"/>
      <c r="GSP717" s="613"/>
      <c r="GSQ717" s="613"/>
      <c r="GSR717" s="613"/>
      <c r="GSS717" s="613"/>
      <c r="GST717" s="613"/>
      <c r="GSU717" s="613"/>
      <c r="GSV717" s="613"/>
      <c r="GSW717" s="613"/>
      <c r="GSX717" s="613"/>
      <c r="GSY717" s="613"/>
      <c r="GSZ717" s="613"/>
      <c r="GTA717" s="613"/>
      <c r="GTB717" s="613"/>
      <c r="GTC717" s="613"/>
      <c r="GTD717" s="613"/>
      <c r="GTE717" s="613"/>
      <c r="GTF717" s="613"/>
      <c r="GTG717" s="613"/>
      <c r="GTH717" s="613"/>
      <c r="GTI717" s="613"/>
      <c r="GTJ717" s="613"/>
      <c r="GTK717" s="613"/>
      <c r="GTL717" s="613"/>
      <c r="GTM717" s="613"/>
      <c r="GTN717" s="613"/>
      <c r="GTO717" s="613"/>
      <c r="GTP717" s="613"/>
      <c r="GTQ717" s="613"/>
      <c r="GTR717" s="613"/>
      <c r="GTS717" s="613"/>
      <c r="GTT717" s="613"/>
      <c r="GTU717" s="613"/>
      <c r="GTV717" s="613"/>
      <c r="GTW717" s="613"/>
      <c r="GTX717" s="613"/>
      <c r="GTY717" s="613"/>
      <c r="GTZ717" s="613"/>
      <c r="GUA717" s="613"/>
      <c r="GUB717" s="613"/>
      <c r="GUC717" s="613"/>
      <c r="GUD717" s="613"/>
      <c r="GUE717" s="613"/>
      <c r="GUF717" s="613"/>
      <c r="GUG717" s="613"/>
      <c r="GUH717" s="613"/>
      <c r="GUI717" s="613"/>
      <c r="GUJ717" s="613"/>
      <c r="GUK717" s="613"/>
      <c r="GUL717" s="613"/>
      <c r="GUM717" s="613"/>
      <c r="GUN717" s="613"/>
      <c r="GUO717" s="613"/>
      <c r="GUP717" s="613"/>
      <c r="GUQ717" s="613"/>
      <c r="GUR717" s="613"/>
      <c r="GUS717" s="613"/>
      <c r="GUT717" s="613"/>
      <c r="GUU717" s="613"/>
      <c r="GUV717" s="613"/>
      <c r="GUW717" s="613"/>
      <c r="GUX717" s="613"/>
      <c r="GUY717" s="613"/>
      <c r="GUZ717" s="613"/>
      <c r="GVA717" s="613"/>
      <c r="GVB717" s="613"/>
      <c r="GVC717" s="613"/>
      <c r="GVD717" s="613"/>
      <c r="GVE717" s="613"/>
      <c r="GVF717" s="613"/>
      <c r="GVG717" s="613"/>
      <c r="GVH717" s="613"/>
      <c r="GVI717" s="613"/>
      <c r="GVJ717" s="613"/>
      <c r="GVK717" s="613"/>
      <c r="GVL717" s="613"/>
      <c r="GVM717" s="613"/>
      <c r="GVN717" s="613"/>
      <c r="GVO717" s="613"/>
      <c r="GVP717" s="613"/>
      <c r="GVQ717" s="613"/>
      <c r="GVR717" s="613"/>
      <c r="GVS717" s="613"/>
      <c r="GVT717" s="613"/>
      <c r="GVU717" s="613"/>
      <c r="GVV717" s="613"/>
      <c r="GVW717" s="613"/>
      <c r="GVX717" s="613"/>
      <c r="GVY717" s="613"/>
      <c r="GVZ717" s="613"/>
      <c r="GWA717" s="613"/>
      <c r="GWB717" s="613"/>
      <c r="GWC717" s="613"/>
      <c r="GWD717" s="613"/>
      <c r="GWE717" s="613"/>
      <c r="GWF717" s="613"/>
      <c r="GWG717" s="613"/>
      <c r="GWH717" s="613"/>
      <c r="GWI717" s="613"/>
      <c r="GWJ717" s="613"/>
      <c r="GWK717" s="613"/>
      <c r="GWL717" s="613"/>
      <c r="GWM717" s="613"/>
      <c r="GWN717" s="613"/>
      <c r="GWO717" s="613"/>
      <c r="GWP717" s="613"/>
      <c r="GWQ717" s="613"/>
      <c r="GWR717" s="613"/>
      <c r="GWS717" s="613"/>
      <c r="GWT717" s="613"/>
      <c r="GWU717" s="613"/>
      <c r="GWV717" s="613"/>
      <c r="GWW717" s="613"/>
      <c r="GWX717" s="613"/>
      <c r="GWY717" s="613"/>
      <c r="GWZ717" s="613"/>
      <c r="GXA717" s="613"/>
      <c r="GXB717" s="613"/>
      <c r="GXC717" s="613"/>
      <c r="GXD717" s="613"/>
      <c r="GXE717" s="613"/>
      <c r="GXF717" s="613"/>
      <c r="GXG717" s="613"/>
      <c r="GXH717" s="613"/>
      <c r="GXI717" s="613"/>
      <c r="GXJ717" s="613"/>
      <c r="GXK717" s="613"/>
      <c r="GXL717" s="613"/>
      <c r="GXM717" s="613"/>
      <c r="GXN717" s="613"/>
      <c r="GXO717" s="613"/>
      <c r="GXP717" s="613"/>
      <c r="GXQ717" s="613"/>
      <c r="GXR717" s="613"/>
      <c r="GXS717" s="613"/>
      <c r="GXT717" s="613"/>
      <c r="GXU717" s="613"/>
      <c r="GXV717" s="613"/>
      <c r="GXW717" s="613"/>
      <c r="GXX717" s="613"/>
      <c r="GXY717" s="613"/>
      <c r="GXZ717" s="613"/>
      <c r="GYA717" s="613"/>
      <c r="GYB717" s="613"/>
      <c r="GYC717" s="613"/>
      <c r="GYD717" s="613"/>
      <c r="GYE717" s="613"/>
      <c r="GYF717" s="613"/>
      <c r="GYG717" s="613"/>
      <c r="GYH717" s="613"/>
      <c r="GYI717" s="613"/>
      <c r="GYJ717" s="613"/>
      <c r="GYK717" s="613"/>
      <c r="GYL717" s="613"/>
      <c r="GYM717" s="613"/>
      <c r="GYN717" s="613"/>
      <c r="GYO717" s="613"/>
      <c r="GYP717" s="613"/>
      <c r="GYQ717" s="613"/>
      <c r="GYR717" s="613"/>
      <c r="GYS717" s="613"/>
      <c r="GYT717" s="613"/>
      <c r="GYU717" s="613"/>
      <c r="GYV717" s="613"/>
      <c r="GYW717" s="613"/>
      <c r="GYX717" s="613"/>
      <c r="GYY717" s="613"/>
      <c r="GYZ717" s="613"/>
      <c r="GZA717" s="613"/>
      <c r="GZB717" s="613"/>
      <c r="GZC717" s="613"/>
      <c r="GZD717" s="613"/>
      <c r="GZE717" s="613"/>
      <c r="GZF717" s="613"/>
      <c r="GZG717" s="613"/>
      <c r="GZH717" s="613"/>
      <c r="GZI717" s="613"/>
      <c r="GZJ717" s="613"/>
      <c r="GZK717" s="613"/>
      <c r="GZL717" s="613"/>
      <c r="GZM717" s="613"/>
      <c r="GZN717" s="613"/>
      <c r="GZO717" s="613"/>
      <c r="GZP717" s="613"/>
      <c r="GZQ717" s="613"/>
      <c r="GZR717" s="613"/>
      <c r="GZS717" s="613"/>
      <c r="GZT717" s="613"/>
      <c r="GZU717" s="613"/>
      <c r="GZV717" s="613"/>
      <c r="GZW717" s="613"/>
      <c r="GZX717" s="613"/>
      <c r="GZY717" s="613"/>
      <c r="GZZ717" s="613"/>
      <c r="HAA717" s="613"/>
      <c r="HAB717" s="613"/>
      <c r="HAC717" s="613"/>
      <c r="HAD717" s="613"/>
      <c r="HAE717" s="613"/>
      <c r="HAF717" s="613"/>
      <c r="HAG717" s="613"/>
      <c r="HAH717" s="613"/>
      <c r="HAI717" s="613"/>
      <c r="HAJ717" s="613"/>
      <c r="HAK717" s="613"/>
      <c r="HAL717" s="613"/>
      <c r="HAM717" s="613"/>
      <c r="HAN717" s="613"/>
      <c r="HAO717" s="613"/>
      <c r="HAP717" s="613"/>
      <c r="HAQ717" s="613"/>
      <c r="HAR717" s="613"/>
      <c r="HAS717" s="613"/>
      <c r="HAT717" s="613"/>
      <c r="HAU717" s="613"/>
      <c r="HAV717" s="613"/>
      <c r="HAW717" s="613"/>
      <c r="HAX717" s="613"/>
      <c r="HAY717" s="613"/>
      <c r="HAZ717" s="613"/>
      <c r="HBA717" s="613"/>
      <c r="HBB717" s="613"/>
      <c r="HBC717" s="613"/>
      <c r="HBD717" s="613"/>
      <c r="HBE717" s="613"/>
      <c r="HBF717" s="613"/>
      <c r="HBG717" s="613"/>
      <c r="HBH717" s="613"/>
      <c r="HBI717" s="613"/>
      <c r="HBJ717" s="613"/>
      <c r="HBK717" s="613"/>
      <c r="HBL717" s="613"/>
      <c r="HBM717" s="613"/>
      <c r="HBN717" s="613"/>
      <c r="HBO717" s="613"/>
      <c r="HBP717" s="613"/>
      <c r="HBQ717" s="613"/>
      <c r="HBR717" s="613"/>
      <c r="HBS717" s="613"/>
      <c r="HBT717" s="613"/>
      <c r="HBU717" s="613"/>
      <c r="HBV717" s="613"/>
      <c r="HBW717" s="613"/>
      <c r="HBX717" s="613"/>
      <c r="HBY717" s="613"/>
      <c r="HBZ717" s="613"/>
      <c r="HCA717" s="613"/>
      <c r="HCB717" s="613"/>
      <c r="HCC717" s="613"/>
      <c r="HCD717" s="613"/>
      <c r="HCE717" s="613"/>
      <c r="HCF717" s="613"/>
      <c r="HCG717" s="613"/>
      <c r="HCH717" s="613"/>
      <c r="HCI717" s="613"/>
      <c r="HCJ717" s="613"/>
      <c r="HCK717" s="613"/>
      <c r="HCL717" s="613"/>
      <c r="HCM717" s="613"/>
      <c r="HCN717" s="613"/>
      <c r="HCO717" s="613"/>
      <c r="HCP717" s="613"/>
      <c r="HCQ717" s="613"/>
      <c r="HCR717" s="613"/>
      <c r="HCS717" s="613"/>
      <c r="HCT717" s="613"/>
      <c r="HCU717" s="613"/>
      <c r="HCV717" s="613"/>
      <c r="HCW717" s="613"/>
      <c r="HCX717" s="613"/>
      <c r="HCY717" s="613"/>
      <c r="HCZ717" s="613"/>
      <c r="HDA717" s="613"/>
      <c r="HDB717" s="613"/>
      <c r="HDC717" s="613"/>
      <c r="HDD717" s="613"/>
      <c r="HDE717" s="613"/>
      <c r="HDF717" s="613"/>
      <c r="HDG717" s="613"/>
      <c r="HDH717" s="613"/>
      <c r="HDI717" s="613"/>
      <c r="HDJ717" s="613"/>
      <c r="HDK717" s="613"/>
      <c r="HDL717" s="613"/>
      <c r="HDM717" s="613"/>
      <c r="HDN717" s="613"/>
      <c r="HDO717" s="613"/>
      <c r="HDP717" s="613"/>
      <c r="HDQ717" s="613"/>
      <c r="HDR717" s="613"/>
      <c r="HDS717" s="613"/>
      <c r="HDT717" s="613"/>
      <c r="HDU717" s="613"/>
      <c r="HDV717" s="613"/>
      <c r="HDW717" s="613"/>
      <c r="HDX717" s="613"/>
      <c r="HDY717" s="613"/>
      <c r="HDZ717" s="613"/>
      <c r="HEA717" s="613"/>
      <c r="HEB717" s="613"/>
      <c r="HEC717" s="613"/>
      <c r="HED717" s="613"/>
      <c r="HEE717" s="613"/>
      <c r="HEF717" s="613"/>
      <c r="HEG717" s="613"/>
      <c r="HEH717" s="613"/>
      <c r="HEI717" s="613"/>
      <c r="HEJ717" s="613"/>
      <c r="HEK717" s="613"/>
      <c r="HEL717" s="613"/>
      <c r="HEM717" s="613"/>
      <c r="HEN717" s="613"/>
      <c r="HEO717" s="613"/>
      <c r="HEP717" s="613"/>
      <c r="HEQ717" s="613"/>
      <c r="HER717" s="613"/>
      <c r="HES717" s="613"/>
      <c r="HET717" s="613"/>
      <c r="HEU717" s="613"/>
      <c r="HEV717" s="613"/>
      <c r="HEW717" s="613"/>
      <c r="HEX717" s="613"/>
      <c r="HEY717" s="613"/>
      <c r="HEZ717" s="613"/>
      <c r="HFA717" s="613"/>
      <c r="HFB717" s="613"/>
      <c r="HFC717" s="613"/>
      <c r="HFD717" s="613"/>
      <c r="HFE717" s="613"/>
      <c r="HFF717" s="613"/>
      <c r="HFG717" s="613"/>
      <c r="HFH717" s="613"/>
      <c r="HFI717" s="613"/>
      <c r="HFJ717" s="613"/>
      <c r="HFK717" s="613"/>
      <c r="HFL717" s="613"/>
      <c r="HFM717" s="613"/>
      <c r="HFN717" s="613"/>
      <c r="HFO717" s="613"/>
      <c r="HFP717" s="613"/>
      <c r="HFQ717" s="613"/>
      <c r="HFR717" s="613"/>
      <c r="HFS717" s="613"/>
      <c r="HFT717" s="613"/>
      <c r="HFU717" s="613"/>
      <c r="HFV717" s="613"/>
      <c r="HFW717" s="613"/>
      <c r="HFX717" s="613"/>
      <c r="HFY717" s="613"/>
      <c r="HFZ717" s="613"/>
      <c r="HGA717" s="613"/>
      <c r="HGB717" s="613"/>
      <c r="HGC717" s="613"/>
      <c r="HGD717" s="613"/>
      <c r="HGE717" s="613"/>
      <c r="HGF717" s="613"/>
      <c r="HGG717" s="613"/>
      <c r="HGH717" s="613"/>
      <c r="HGI717" s="613"/>
      <c r="HGJ717" s="613"/>
      <c r="HGK717" s="613"/>
      <c r="HGL717" s="613"/>
      <c r="HGM717" s="613"/>
      <c r="HGN717" s="613"/>
      <c r="HGO717" s="613"/>
      <c r="HGP717" s="613"/>
      <c r="HGQ717" s="613"/>
      <c r="HGR717" s="613"/>
      <c r="HGS717" s="613"/>
      <c r="HGT717" s="613"/>
      <c r="HGU717" s="613"/>
      <c r="HGV717" s="613"/>
      <c r="HGW717" s="613"/>
      <c r="HGX717" s="613"/>
      <c r="HGY717" s="613"/>
      <c r="HGZ717" s="613"/>
      <c r="HHA717" s="613"/>
      <c r="HHB717" s="613"/>
      <c r="HHC717" s="613"/>
      <c r="HHD717" s="613"/>
      <c r="HHE717" s="613"/>
      <c r="HHF717" s="613"/>
      <c r="HHG717" s="613"/>
      <c r="HHH717" s="613"/>
      <c r="HHI717" s="613"/>
      <c r="HHJ717" s="613"/>
      <c r="HHK717" s="613"/>
      <c r="HHL717" s="613"/>
      <c r="HHM717" s="613"/>
      <c r="HHN717" s="613"/>
      <c r="HHO717" s="613"/>
      <c r="HHP717" s="613"/>
      <c r="HHQ717" s="613"/>
      <c r="HHR717" s="613"/>
      <c r="HHS717" s="613"/>
      <c r="HHT717" s="613"/>
      <c r="HHU717" s="613"/>
      <c r="HHV717" s="613"/>
      <c r="HHW717" s="613"/>
      <c r="HHX717" s="613"/>
      <c r="HHY717" s="613"/>
      <c r="HHZ717" s="613"/>
      <c r="HIA717" s="613"/>
      <c r="HIB717" s="613"/>
      <c r="HIC717" s="613"/>
      <c r="HID717" s="613"/>
      <c r="HIE717" s="613"/>
      <c r="HIF717" s="613"/>
      <c r="HIG717" s="613"/>
      <c r="HIH717" s="613"/>
      <c r="HII717" s="613"/>
      <c r="HIJ717" s="613"/>
      <c r="HIK717" s="613"/>
      <c r="HIL717" s="613"/>
      <c r="HIM717" s="613"/>
      <c r="HIN717" s="613"/>
      <c r="HIO717" s="613"/>
      <c r="HIP717" s="613"/>
      <c r="HIQ717" s="613"/>
      <c r="HIR717" s="613"/>
      <c r="HIS717" s="613"/>
      <c r="HIT717" s="613"/>
      <c r="HIU717" s="613"/>
      <c r="HIV717" s="613"/>
      <c r="HIW717" s="613"/>
      <c r="HIX717" s="613"/>
      <c r="HIY717" s="613"/>
      <c r="HIZ717" s="613"/>
      <c r="HJA717" s="613"/>
      <c r="HJB717" s="613"/>
      <c r="HJC717" s="613"/>
      <c r="HJD717" s="613"/>
      <c r="HJE717" s="613"/>
      <c r="HJF717" s="613"/>
      <c r="HJG717" s="613"/>
      <c r="HJH717" s="613"/>
      <c r="HJI717" s="613"/>
      <c r="HJJ717" s="613"/>
      <c r="HJK717" s="613"/>
      <c r="HJL717" s="613"/>
      <c r="HJM717" s="613"/>
      <c r="HJN717" s="613"/>
      <c r="HJO717" s="613"/>
      <c r="HJP717" s="613"/>
      <c r="HJQ717" s="613"/>
      <c r="HJR717" s="613"/>
      <c r="HJS717" s="613"/>
      <c r="HJT717" s="613"/>
      <c r="HJU717" s="613"/>
      <c r="HJV717" s="613"/>
      <c r="HJW717" s="613"/>
      <c r="HJX717" s="613"/>
      <c r="HJY717" s="613"/>
      <c r="HJZ717" s="613"/>
      <c r="HKA717" s="613"/>
      <c r="HKB717" s="613"/>
      <c r="HKC717" s="613"/>
      <c r="HKD717" s="613"/>
      <c r="HKE717" s="613"/>
      <c r="HKF717" s="613"/>
      <c r="HKG717" s="613"/>
      <c r="HKH717" s="613"/>
      <c r="HKI717" s="613"/>
      <c r="HKJ717" s="613"/>
      <c r="HKK717" s="613"/>
      <c r="HKL717" s="613"/>
      <c r="HKM717" s="613"/>
      <c r="HKN717" s="613"/>
      <c r="HKO717" s="613"/>
      <c r="HKP717" s="613"/>
      <c r="HKQ717" s="613"/>
      <c r="HKR717" s="613"/>
      <c r="HKS717" s="613"/>
      <c r="HKT717" s="613"/>
      <c r="HKU717" s="613"/>
      <c r="HKV717" s="613"/>
      <c r="HKW717" s="613"/>
      <c r="HKX717" s="613"/>
      <c r="HKY717" s="613"/>
      <c r="HKZ717" s="613"/>
      <c r="HLA717" s="613"/>
      <c r="HLB717" s="613"/>
      <c r="HLC717" s="613"/>
      <c r="HLD717" s="613"/>
      <c r="HLE717" s="613"/>
      <c r="HLF717" s="613"/>
      <c r="HLG717" s="613"/>
      <c r="HLH717" s="613"/>
      <c r="HLI717" s="613"/>
      <c r="HLJ717" s="613"/>
      <c r="HLK717" s="613"/>
      <c r="HLL717" s="613"/>
      <c r="HLM717" s="613"/>
      <c r="HLN717" s="613"/>
      <c r="HLO717" s="613"/>
      <c r="HLP717" s="613"/>
      <c r="HLQ717" s="613"/>
      <c r="HLR717" s="613"/>
      <c r="HLS717" s="613"/>
      <c r="HLT717" s="613"/>
      <c r="HLU717" s="613"/>
      <c r="HLV717" s="613"/>
      <c r="HLW717" s="613"/>
      <c r="HLX717" s="613"/>
      <c r="HLY717" s="613"/>
      <c r="HLZ717" s="613"/>
      <c r="HMA717" s="613"/>
      <c r="HMB717" s="613"/>
      <c r="HMC717" s="613"/>
      <c r="HMD717" s="613"/>
      <c r="HME717" s="613"/>
      <c r="HMF717" s="613"/>
      <c r="HMG717" s="613"/>
      <c r="HMH717" s="613"/>
      <c r="HMI717" s="613"/>
      <c r="HMJ717" s="613"/>
      <c r="HMK717" s="613"/>
      <c r="HML717" s="613"/>
      <c r="HMM717" s="613"/>
      <c r="HMN717" s="613"/>
      <c r="HMO717" s="613"/>
      <c r="HMP717" s="613"/>
      <c r="HMQ717" s="613"/>
      <c r="HMR717" s="613"/>
      <c r="HMS717" s="613"/>
      <c r="HMT717" s="613"/>
      <c r="HMU717" s="613"/>
      <c r="HMV717" s="613"/>
      <c r="HMW717" s="613"/>
      <c r="HMX717" s="613"/>
      <c r="HMY717" s="613"/>
      <c r="HMZ717" s="613"/>
      <c r="HNA717" s="613"/>
      <c r="HNB717" s="613"/>
      <c r="HNC717" s="613"/>
      <c r="HND717" s="613"/>
      <c r="HNE717" s="613"/>
      <c r="HNF717" s="613"/>
      <c r="HNG717" s="613"/>
      <c r="HNH717" s="613"/>
      <c r="HNI717" s="613"/>
      <c r="HNJ717" s="613"/>
      <c r="HNK717" s="613"/>
      <c r="HNL717" s="613"/>
      <c r="HNM717" s="613"/>
      <c r="HNN717" s="613"/>
      <c r="HNO717" s="613"/>
      <c r="HNP717" s="613"/>
      <c r="HNQ717" s="613"/>
      <c r="HNR717" s="613"/>
      <c r="HNS717" s="613"/>
      <c r="HNT717" s="613"/>
      <c r="HNU717" s="613"/>
      <c r="HNV717" s="613"/>
      <c r="HNW717" s="613"/>
      <c r="HNX717" s="613"/>
      <c r="HNY717" s="613"/>
      <c r="HNZ717" s="613"/>
      <c r="HOA717" s="613"/>
      <c r="HOB717" s="613"/>
      <c r="HOC717" s="613"/>
      <c r="HOD717" s="613"/>
      <c r="HOE717" s="613"/>
      <c r="HOF717" s="613"/>
      <c r="HOG717" s="613"/>
      <c r="HOH717" s="613"/>
      <c r="HOI717" s="613"/>
      <c r="HOJ717" s="613"/>
      <c r="HOK717" s="613"/>
      <c r="HOL717" s="613"/>
      <c r="HOM717" s="613"/>
      <c r="HON717" s="613"/>
      <c r="HOO717" s="613"/>
      <c r="HOP717" s="613"/>
      <c r="HOQ717" s="613"/>
      <c r="HOR717" s="613"/>
      <c r="HOS717" s="613"/>
      <c r="HOT717" s="613"/>
      <c r="HOU717" s="613"/>
      <c r="HOV717" s="613"/>
      <c r="HOW717" s="613"/>
      <c r="HOX717" s="613"/>
      <c r="HOY717" s="613"/>
      <c r="HOZ717" s="613"/>
      <c r="HPA717" s="613"/>
      <c r="HPB717" s="613"/>
      <c r="HPC717" s="613"/>
      <c r="HPD717" s="613"/>
      <c r="HPE717" s="613"/>
      <c r="HPF717" s="613"/>
      <c r="HPG717" s="613"/>
      <c r="HPH717" s="613"/>
      <c r="HPI717" s="613"/>
      <c r="HPJ717" s="613"/>
      <c r="HPK717" s="613"/>
      <c r="HPL717" s="613"/>
      <c r="HPM717" s="613"/>
      <c r="HPN717" s="613"/>
      <c r="HPO717" s="613"/>
      <c r="HPP717" s="613"/>
      <c r="HPQ717" s="613"/>
      <c r="HPR717" s="613"/>
      <c r="HPS717" s="613"/>
      <c r="HPT717" s="613"/>
      <c r="HPU717" s="613"/>
      <c r="HPV717" s="613"/>
      <c r="HPW717" s="613"/>
      <c r="HPX717" s="613"/>
      <c r="HPY717" s="613"/>
      <c r="HPZ717" s="613"/>
      <c r="HQA717" s="613"/>
      <c r="HQB717" s="613"/>
      <c r="HQC717" s="613"/>
      <c r="HQD717" s="613"/>
      <c r="HQE717" s="613"/>
      <c r="HQF717" s="613"/>
      <c r="HQG717" s="613"/>
      <c r="HQH717" s="613"/>
      <c r="HQI717" s="613"/>
      <c r="HQJ717" s="613"/>
      <c r="HQK717" s="613"/>
      <c r="HQL717" s="613"/>
      <c r="HQM717" s="613"/>
      <c r="HQN717" s="613"/>
      <c r="HQO717" s="613"/>
      <c r="HQP717" s="613"/>
      <c r="HQQ717" s="613"/>
      <c r="HQR717" s="613"/>
      <c r="HQS717" s="613"/>
      <c r="HQT717" s="613"/>
      <c r="HQU717" s="613"/>
      <c r="HQV717" s="613"/>
      <c r="HQW717" s="613"/>
      <c r="HQX717" s="613"/>
      <c r="HQY717" s="613"/>
      <c r="HQZ717" s="613"/>
      <c r="HRA717" s="613"/>
      <c r="HRB717" s="613"/>
      <c r="HRC717" s="613"/>
      <c r="HRD717" s="613"/>
      <c r="HRE717" s="613"/>
      <c r="HRF717" s="613"/>
      <c r="HRG717" s="613"/>
      <c r="HRH717" s="613"/>
      <c r="HRI717" s="613"/>
      <c r="HRJ717" s="613"/>
      <c r="HRK717" s="613"/>
      <c r="HRL717" s="613"/>
      <c r="HRM717" s="613"/>
      <c r="HRN717" s="613"/>
      <c r="HRO717" s="613"/>
      <c r="HRP717" s="613"/>
      <c r="HRQ717" s="613"/>
      <c r="HRR717" s="613"/>
      <c r="HRS717" s="613"/>
      <c r="HRT717" s="613"/>
      <c r="HRU717" s="613"/>
      <c r="HRV717" s="613"/>
      <c r="HRW717" s="613"/>
      <c r="HRX717" s="613"/>
      <c r="HRY717" s="613"/>
      <c r="HRZ717" s="613"/>
      <c r="HSA717" s="613"/>
      <c r="HSB717" s="613"/>
      <c r="HSC717" s="613"/>
      <c r="HSD717" s="613"/>
      <c r="HSE717" s="613"/>
      <c r="HSF717" s="613"/>
      <c r="HSG717" s="613"/>
      <c r="HSH717" s="613"/>
      <c r="HSI717" s="613"/>
      <c r="HSJ717" s="613"/>
      <c r="HSK717" s="613"/>
      <c r="HSL717" s="613"/>
      <c r="HSM717" s="613"/>
      <c r="HSN717" s="613"/>
      <c r="HSO717" s="613"/>
      <c r="HSP717" s="613"/>
      <c r="HSQ717" s="613"/>
      <c r="HSR717" s="613"/>
      <c r="HSS717" s="613"/>
      <c r="HST717" s="613"/>
      <c r="HSU717" s="613"/>
      <c r="HSV717" s="613"/>
      <c r="HSW717" s="613"/>
      <c r="HSX717" s="613"/>
      <c r="HSY717" s="613"/>
      <c r="HSZ717" s="613"/>
      <c r="HTA717" s="613"/>
      <c r="HTB717" s="613"/>
      <c r="HTC717" s="613"/>
      <c r="HTD717" s="613"/>
      <c r="HTE717" s="613"/>
      <c r="HTF717" s="613"/>
      <c r="HTG717" s="613"/>
      <c r="HTH717" s="613"/>
      <c r="HTI717" s="613"/>
      <c r="HTJ717" s="613"/>
      <c r="HTK717" s="613"/>
      <c r="HTL717" s="613"/>
      <c r="HTM717" s="613"/>
      <c r="HTN717" s="613"/>
      <c r="HTO717" s="613"/>
      <c r="HTP717" s="613"/>
      <c r="HTQ717" s="613"/>
      <c r="HTR717" s="613"/>
      <c r="HTS717" s="613"/>
      <c r="HTT717" s="613"/>
      <c r="HTU717" s="613"/>
      <c r="HTV717" s="613"/>
      <c r="HTW717" s="613"/>
      <c r="HTX717" s="613"/>
      <c r="HTY717" s="613"/>
      <c r="HTZ717" s="613"/>
      <c r="HUA717" s="613"/>
      <c r="HUB717" s="613"/>
      <c r="HUC717" s="613"/>
      <c r="HUD717" s="613"/>
      <c r="HUE717" s="613"/>
      <c r="HUF717" s="613"/>
      <c r="HUG717" s="613"/>
      <c r="HUH717" s="613"/>
      <c r="HUI717" s="613"/>
      <c r="HUJ717" s="613"/>
      <c r="HUK717" s="613"/>
      <c r="HUL717" s="613"/>
      <c r="HUM717" s="613"/>
      <c r="HUN717" s="613"/>
      <c r="HUO717" s="613"/>
      <c r="HUP717" s="613"/>
      <c r="HUQ717" s="613"/>
      <c r="HUR717" s="613"/>
      <c r="HUS717" s="613"/>
      <c r="HUT717" s="613"/>
      <c r="HUU717" s="613"/>
      <c r="HUV717" s="613"/>
      <c r="HUW717" s="613"/>
      <c r="HUX717" s="613"/>
      <c r="HUY717" s="613"/>
      <c r="HUZ717" s="613"/>
      <c r="HVA717" s="613"/>
      <c r="HVB717" s="613"/>
      <c r="HVC717" s="613"/>
      <c r="HVD717" s="613"/>
      <c r="HVE717" s="613"/>
      <c r="HVF717" s="613"/>
      <c r="HVG717" s="613"/>
      <c r="HVH717" s="613"/>
      <c r="HVI717" s="613"/>
      <c r="HVJ717" s="613"/>
      <c r="HVK717" s="613"/>
      <c r="HVL717" s="613"/>
      <c r="HVM717" s="613"/>
      <c r="HVN717" s="613"/>
      <c r="HVO717" s="613"/>
      <c r="HVP717" s="613"/>
      <c r="HVQ717" s="613"/>
      <c r="HVR717" s="613"/>
      <c r="HVS717" s="613"/>
      <c r="HVT717" s="613"/>
      <c r="HVU717" s="613"/>
      <c r="HVV717" s="613"/>
      <c r="HVW717" s="613"/>
      <c r="HVX717" s="613"/>
      <c r="HVY717" s="613"/>
      <c r="HVZ717" s="613"/>
      <c r="HWA717" s="613"/>
      <c r="HWB717" s="613"/>
      <c r="HWC717" s="613"/>
      <c r="HWD717" s="613"/>
      <c r="HWE717" s="613"/>
      <c r="HWF717" s="613"/>
      <c r="HWG717" s="613"/>
      <c r="HWH717" s="613"/>
      <c r="HWI717" s="613"/>
      <c r="HWJ717" s="613"/>
      <c r="HWK717" s="613"/>
      <c r="HWL717" s="613"/>
      <c r="HWM717" s="613"/>
      <c r="HWN717" s="613"/>
      <c r="HWO717" s="613"/>
      <c r="HWP717" s="613"/>
      <c r="HWQ717" s="613"/>
      <c r="HWR717" s="613"/>
      <c r="HWS717" s="613"/>
      <c r="HWT717" s="613"/>
      <c r="HWU717" s="613"/>
      <c r="HWV717" s="613"/>
      <c r="HWW717" s="613"/>
      <c r="HWX717" s="613"/>
      <c r="HWY717" s="613"/>
      <c r="HWZ717" s="613"/>
      <c r="HXA717" s="613"/>
      <c r="HXB717" s="613"/>
      <c r="HXC717" s="613"/>
      <c r="HXD717" s="613"/>
      <c r="HXE717" s="613"/>
      <c r="HXF717" s="613"/>
      <c r="HXG717" s="613"/>
      <c r="HXH717" s="613"/>
      <c r="HXI717" s="613"/>
      <c r="HXJ717" s="613"/>
      <c r="HXK717" s="613"/>
      <c r="HXL717" s="613"/>
      <c r="HXM717" s="613"/>
      <c r="HXN717" s="613"/>
      <c r="HXO717" s="613"/>
      <c r="HXP717" s="613"/>
      <c r="HXQ717" s="613"/>
      <c r="HXR717" s="613"/>
      <c r="HXS717" s="613"/>
      <c r="HXT717" s="613"/>
      <c r="HXU717" s="613"/>
      <c r="HXV717" s="613"/>
      <c r="HXW717" s="613"/>
      <c r="HXX717" s="613"/>
      <c r="HXY717" s="613"/>
      <c r="HXZ717" s="613"/>
      <c r="HYA717" s="613"/>
      <c r="HYB717" s="613"/>
      <c r="HYC717" s="613"/>
      <c r="HYD717" s="613"/>
      <c r="HYE717" s="613"/>
      <c r="HYF717" s="613"/>
      <c r="HYG717" s="613"/>
      <c r="HYH717" s="613"/>
      <c r="HYI717" s="613"/>
      <c r="HYJ717" s="613"/>
      <c r="HYK717" s="613"/>
      <c r="HYL717" s="613"/>
      <c r="HYM717" s="613"/>
      <c r="HYN717" s="613"/>
      <c r="HYO717" s="613"/>
      <c r="HYP717" s="613"/>
      <c r="HYQ717" s="613"/>
      <c r="HYR717" s="613"/>
      <c r="HYS717" s="613"/>
      <c r="HYT717" s="613"/>
      <c r="HYU717" s="613"/>
      <c r="HYV717" s="613"/>
      <c r="HYW717" s="613"/>
      <c r="HYX717" s="613"/>
      <c r="HYY717" s="613"/>
      <c r="HYZ717" s="613"/>
      <c r="HZA717" s="613"/>
      <c r="HZB717" s="613"/>
      <c r="HZC717" s="613"/>
      <c r="HZD717" s="613"/>
      <c r="HZE717" s="613"/>
      <c r="HZF717" s="613"/>
      <c r="HZG717" s="613"/>
      <c r="HZH717" s="613"/>
      <c r="HZI717" s="613"/>
      <c r="HZJ717" s="613"/>
      <c r="HZK717" s="613"/>
      <c r="HZL717" s="613"/>
      <c r="HZM717" s="613"/>
      <c r="HZN717" s="613"/>
      <c r="HZO717" s="613"/>
      <c r="HZP717" s="613"/>
      <c r="HZQ717" s="613"/>
      <c r="HZR717" s="613"/>
      <c r="HZS717" s="613"/>
      <c r="HZT717" s="613"/>
      <c r="HZU717" s="613"/>
      <c r="HZV717" s="613"/>
      <c r="HZW717" s="613"/>
      <c r="HZX717" s="613"/>
      <c r="HZY717" s="613"/>
      <c r="HZZ717" s="613"/>
      <c r="IAA717" s="613"/>
      <c r="IAB717" s="613"/>
      <c r="IAC717" s="613"/>
      <c r="IAD717" s="613"/>
      <c r="IAE717" s="613"/>
      <c r="IAF717" s="613"/>
      <c r="IAG717" s="613"/>
      <c r="IAH717" s="613"/>
      <c r="IAI717" s="613"/>
      <c r="IAJ717" s="613"/>
      <c r="IAK717" s="613"/>
      <c r="IAL717" s="613"/>
      <c r="IAM717" s="613"/>
      <c r="IAN717" s="613"/>
      <c r="IAO717" s="613"/>
      <c r="IAP717" s="613"/>
      <c r="IAQ717" s="613"/>
      <c r="IAR717" s="613"/>
      <c r="IAS717" s="613"/>
      <c r="IAT717" s="613"/>
      <c r="IAU717" s="613"/>
      <c r="IAV717" s="613"/>
      <c r="IAW717" s="613"/>
      <c r="IAX717" s="613"/>
      <c r="IAY717" s="613"/>
      <c r="IAZ717" s="613"/>
      <c r="IBA717" s="613"/>
      <c r="IBB717" s="613"/>
      <c r="IBC717" s="613"/>
      <c r="IBD717" s="613"/>
      <c r="IBE717" s="613"/>
      <c r="IBF717" s="613"/>
      <c r="IBG717" s="613"/>
      <c r="IBH717" s="613"/>
      <c r="IBI717" s="613"/>
      <c r="IBJ717" s="613"/>
      <c r="IBK717" s="613"/>
      <c r="IBL717" s="613"/>
      <c r="IBM717" s="613"/>
      <c r="IBN717" s="613"/>
      <c r="IBO717" s="613"/>
      <c r="IBP717" s="613"/>
      <c r="IBQ717" s="613"/>
      <c r="IBR717" s="613"/>
      <c r="IBS717" s="613"/>
      <c r="IBT717" s="613"/>
      <c r="IBU717" s="613"/>
      <c r="IBV717" s="613"/>
      <c r="IBW717" s="613"/>
      <c r="IBX717" s="613"/>
      <c r="IBY717" s="613"/>
      <c r="IBZ717" s="613"/>
      <c r="ICA717" s="613"/>
      <c r="ICB717" s="613"/>
      <c r="ICC717" s="613"/>
      <c r="ICD717" s="613"/>
      <c r="ICE717" s="613"/>
      <c r="ICF717" s="613"/>
      <c r="ICG717" s="613"/>
      <c r="ICH717" s="613"/>
      <c r="ICI717" s="613"/>
      <c r="ICJ717" s="613"/>
      <c r="ICK717" s="613"/>
      <c r="ICL717" s="613"/>
      <c r="ICM717" s="613"/>
      <c r="ICN717" s="613"/>
      <c r="ICO717" s="613"/>
      <c r="ICP717" s="613"/>
      <c r="ICQ717" s="613"/>
      <c r="ICR717" s="613"/>
      <c r="ICS717" s="613"/>
      <c r="ICT717" s="613"/>
      <c r="ICU717" s="613"/>
      <c r="ICV717" s="613"/>
      <c r="ICW717" s="613"/>
      <c r="ICX717" s="613"/>
      <c r="ICY717" s="613"/>
      <c r="ICZ717" s="613"/>
      <c r="IDA717" s="613"/>
      <c r="IDB717" s="613"/>
      <c r="IDC717" s="613"/>
      <c r="IDD717" s="613"/>
      <c r="IDE717" s="613"/>
      <c r="IDF717" s="613"/>
      <c r="IDG717" s="613"/>
      <c r="IDH717" s="613"/>
      <c r="IDI717" s="613"/>
      <c r="IDJ717" s="613"/>
      <c r="IDK717" s="613"/>
      <c r="IDL717" s="613"/>
      <c r="IDM717" s="613"/>
      <c r="IDN717" s="613"/>
      <c r="IDO717" s="613"/>
      <c r="IDP717" s="613"/>
      <c r="IDQ717" s="613"/>
      <c r="IDR717" s="613"/>
      <c r="IDS717" s="613"/>
      <c r="IDT717" s="613"/>
      <c r="IDU717" s="613"/>
      <c r="IDV717" s="613"/>
      <c r="IDW717" s="613"/>
      <c r="IDX717" s="613"/>
      <c r="IDY717" s="613"/>
      <c r="IDZ717" s="613"/>
      <c r="IEA717" s="613"/>
      <c r="IEB717" s="613"/>
      <c r="IEC717" s="613"/>
      <c r="IED717" s="613"/>
      <c r="IEE717" s="613"/>
      <c r="IEF717" s="613"/>
      <c r="IEG717" s="613"/>
      <c r="IEH717" s="613"/>
      <c r="IEI717" s="613"/>
      <c r="IEJ717" s="613"/>
      <c r="IEK717" s="613"/>
      <c r="IEL717" s="613"/>
      <c r="IEM717" s="613"/>
      <c r="IEN717" s="613"/>
      <c r="IEO717" s="613"/>
      <c r="IEP717" s="613"/>
      <c r="IEQ717" s="613"/>
      <c r="IER717" s="613"/>
      <c r="IES717" s="613"/>
      <c r="IET717" s="613"/>
      <c r="IEU717" s="613"/>
      <c r="IEV717" s="613"/>
      <c r="IEW717" s="613"/>
      <c r="IEX717" s="613"/>
      <c r="IEY717" s="613"/>
      <c r="IEZ717" s="613"/>
      <c r="IFA717" s="613"/>
      <c r="IFB717" s="613"/>
      <c r="IFC717" s="613"/>
      <c r="IFD717" s="613"/>
      <c r="IFE717" s="613"/>
      <c r="IFF717" s="613"/>
      <c r="IFG717" s="613"/>
      <c r="IFH717" s="613"/>
      <c r="IFI717" s="613"/>
      <c r="IFJ717" s="613"/>
      <c r="IFK717" s="613"/>
      <c r="IFL717" s="613"/>
      <c r="IFM717" s="613"/>
      <c r="IFN717" s="613"/>
      <c r="IFO717" s="613"/>
      <c r="IFP717" s="613"/>
      <c r="IFQ717" s="613"/>
      <c r="IFR717" s="613"/>
      <c r="IFS717" s="613"/>
      <c r="IFT717" s="613"/>
      <c r="IFU717" s="613"/>
      <c r="IFV717" s="613"/>
      <c r="IFW717" s="613"/>
      <c r="IFX717" s="613"/>
      <c r="IFY717" s="613"/>
      <c r="IFZ717" s="613"/>
      <c r="IGA717" s="613"/>
      <c r="IGB717" s="613"/>
      <c r="IGC717" s="613"/>
      <c r="IGD717" s="613"/>
      <c r="IGE717" s="613"/>
      <c r="IGF717" s="613"/>
      <c r="IGG717" s="613"/>
      <c r="IGH717" s="613"/>
      <c r="IGI717" s="613"/>
      <c r="IGJ717" s="613"/>
      <c r="IGK717" s="613"/>
      <c r="IGL717" s="613"/>
      <c r="IGM717" s="613"/>
      <c r="IGN717" s="613"/>
      <c r="IGO717" s="613"/>
      <c r="IGP717" s="613"/>
      <c r="IGQ717" s="613"/>
      <c r="IGR717" s="613"/>
      <c r="IGS717" s="613"/>
      <c r="IGT717" s="613"/>
      <c r="IGU717" s="613"/>
      <c r="IGV717" s="613"/>
      <c r="IGW717" s="613"/>
      <c r="IGX717" s="613"/>
      <c r="IGY717" s="613"/>
      <c r="IGZ717" s="613"/>
      <c r="IHA717" s="613"/>
      <c r="IHB717" s="613"/>
      <c r="IHC717" s="613"/>
      <c r="IHD717" s="613"/>
      <c r="IHE717" s="613"/>
      <c r="IHF717" s="613"/>
      <c r="IHG717" s="613"/>
      <c r="IHH717" s="613"/>
      <c r="IHI717" s="613"/>
      <c r="IHJ717" s="613"/>
      <c r="IHK717" s="613"/>
      <c r="IHL717" s="613"/>
      <c r="IHM717" s="613"/>
      <c r="IHN717" s="613"/>
      <c r="IHO717" s="613"/>
      <c r="IHP717" s="613"/>
      <c r="IHQ717" s="613"/>
      <c r="IHR717" s="613"/>
      <c r="IHS717" s="613"/>
      <c r="IHT717" s="613"/>
      <c r="IHU717" s="613"/>
      <c r="IHV717" s="613"/>
      <c r="IHW717" s="613"/>
      <c r="IHX717" s="613"/>
      <c r="IHY717" s="613"/>
      <c r="IHZ717" s="613"/>
      <c r="IIA717" s="613"/>
      <c r="IIB717" s="613"/>
      <c r="IIC717" s="613"/>
      <c r="IID717" s="613"/>
      <c r="IIE717" s="613"/>
      <c r="IIF717" s="613"/>
      <c r="IIG717" s="613"/>
      <c r="IIH717" s="613"/>
      <c r="III717" s="613"/>
      <c r="IIJ717" s="613"/>
      <c r="IIK717" s="613"/>
      <c r="IIL717" s="613"/>
      <c r="IIM717" s="613"/>
      <c r="IIN717" s="613"/>
      <c r="IIO717" s="613"/>
      <c r="IIP717" s="613"/>
      <c r="IIQ717" s="613"/>
      <c r="IIR717" s="613"/>
      <c r="IIS717" s="613"/>
      <c r="IIT717" s="613"/>
      <c r="IIU717" s="613"/>
      <c r="IIV717" s="613"/>
      <c r="IIW717" s="613"/>
      <c r="IIX717" s="613"/>
      <c r="IIY717" s="613"/>
      <c r="IIZ717" s="613"/>
      <c r="IJA717" s="613"/>
      <c r="IJB717" s="613"/>
      <c r="IJC717" s="613"/>
      <c r="IJD717" s="613"/>
      <c r="IJE717" s="613"/>
      <c r="IJF717" s="613"/>
      <c r="IJG717" s="613"/>
      <c r="IJH717" s="613"/>
      <c r="IJI717" s="613"/>
      <c r="IJJ717" s="613"/>
      <c r="IJK717" s="613"/>
      <c r="IJL717" s="613"/>
      <c r="IJM717" s="613"/>
      <c r="IJN717" s="613"/>
      <c r="IJO717" s="613"/>
      <c r="IJP717" s="613"/>
      <c r="IJQ717" s="613"/>
      <c r="IJR717" s="613"/>
      <c r="IJS717" s="613"/>
      <c r="IJT717" s="613"/>
      <c r="IJU717" s="613"/>
      <c r="IJV717" s="613"/>
      <c r="IJW717" s="613"/>
      <c r="IJX717" s="613"/>
      <c r="IJY717" s="613"/>
      <c r="IJZ717" s="613"/>
      <c r="IKA717" s="613"/>
      <c r="IKB717" s="613"/>
      <c r="IKC717" s="613"/>
      <c r="IKD717" s="613"/>
      <c r="IKE717" s="613"/>
      <c r="IKF717" s="613"/>
      <c r="IKG717" s="613"/>
      <c r="IKH717" s="613"/>
      <c r="IKI717" s="613"/>
      <c r="IKJ717" s="613"/>
      <c r="IKK717" s="613"/>
      <c r="IKL717" s="613"/>
      <c r="IKM717" s="613"/>
      <c r="IKN717" s="613"/>
      <c r="IKO717" s="613"/>
      <c r="IKP717" s="613"/>
      <c r="IKQ717" s="613"/>
      <c r="IKR717" s="613"/>
      <c r="IKS717" s="613"/>
      <c r="IKT717" s="613"/>
      <c r="IKU717" s="613"/>
      <c r="IKV717" s="613"/>
      <c r="IKW717" s="613"/>
      <c r="IKX717" s="613"/>
      <c r="IKY717" s="613"/>
      <c r="IKZ717" s="613"/>
      <c r="ILA717" s="613"/>
      <c r="ILB717" s="613"/>
      <c r="ILC717" s="613"/>
      <c r="ILD717" s="613"/>
      <c r="ILE717" s="613"/>
      <c r="ILF717" s="613"/>
      <c r="ILG717" s="613"/>
      <c r="ILH717" s="613"/>
      <c r="ILI717" s="613"/>
      <c r="ILJ717" s="613"/>
      <c r="ILK717" s="613"/>
      <c r="ILL717" s="613"/>
      <c r="ILM717" s="613"/>
      <c r="ILN717" s="613"/>
      <c r="ILO717" s="613"/>
      <c r="ILP717" s="613"/>
      <c r="ILQ717" s="613"/>
      <c r="ILR717" s="613"/>
      <c r="ILS717" s="613"/>
      <c r="ILT717" s="613"/>
      <c r="ILU717" s="613"/>
      <c r="ILV717" s="613"/>
      <c r="ILW717" s="613"/>
      <c r="ILX717" s="613"/>
      <c r="ILY717" s="613"/>
      <c r="ILZ717" s="613"/>
      <c r="IMA717" s="613"/>
      <c r="IMB717" s="613"/>
      <c r="IMC717" s="613"/>
      <c r="IMD717" s="613"/>
      <c r="IME717" s="613"/>
      <c r="IMF717" s="613"/>
      <c r="IMG717" s="613"/>
      <c r="IMH717" s="613"/>
      <c r="IMI717" s="613"/>
      <c r="IMJ717" s="613"/>
      <c r="IMK717" s="613"/>
      <c r="IML717" s="613"/>
      <c r="IMM717" s="613"/>
      <c r="IMN717" s="613"/>
      <c r="IMO717" s="613"/>
      <c r="IMP717" s="613"/>
      <c r="IMQ717" s="613"/>
      <c r="IMR717" s="613"/>
      <c r="IMS717" s="613"/>
      <c r="IMT717" s="613"/>
      <c r="IMU717" s="613"/>
      <c r="IMV717" s="613"/>
      <c r="IMW717" s="613"/>
      <c r="IMX717" s="613"/>
      <c r="IMY717" s="613"/>
      <c r="IMZ717" s="613"/>
      <c r="INA717" s="613"/>
      <c r="INB717" s="613"/>
      <c r="INC717" s="613"/>
      <c r="IND717" s="613"/>
      <c r="INE717" s="613"/>
      <c r="INF717" s="613"/>
      <c r="ING717" s="613"/>
      <c r="INH717" s="613"/>
      <c r="INI717" s="613"/>
      <c r="INJ717" s="613"/>
      <c r="INK717" s="613"/>
      <c r="INL717" s="613"/>
      <c r="INM717" s="613"/>
      <c r="INN717" s="613"/>
      <c r="INO717" s="613"/>
      <c r="INP717" s="613"/>
      <c r="INQ717" s="613"/>
      <c r="INR717" s="613"/>
      <c r="INS717" s="613"/>
      <c r="INT717" s="613"/>
      <c r="INU717" s="613"/>
      <c r="INV717" s="613"/>
      <c r="INW717" s="613"/>
      <c r="INX717" s="613"/>
      <c r="INY717" s="613"/>
      <c r="INZ717" s="613"/>
      <c r="IOA717" s="613"/>
      <c r="IOB717" s="613"/>
      <c r="IOC717" s="613"/>
      <c r="IOD717" s="613"/>
      <c r="IOE717" s="613"/>
      <c r="IOF717" s="613"/>
      <c r="IOG717" s="613"/>
      <c r="IOH717" s="613"/>
      <c r="IOI717" s="613"/>
      <c r="IOJ717" s="613"/>
      <c r="IOK717" s="613"/>
      <c r="IOL717" s="613"/>
      <c r="IOM717" s="613"/>
      <c r="ION717" s="613"/>
      <c r="IOO717" s="613"/>
      <c r="IOP717" s="613"/>
      <c r="IOQ717" s="613"/>
      <c r="IOR717" s="613"/>
      <c r="IOS717" s="613"/>
      <c r="IOT717" s="613"/>
      <c r="IOU717" s="613"/>
      <c r="IOV717" s="613"/>
      <c r="IOW717" s="613"/>
      <c r="IOX717" s="613"/>
      <c r="IOY717" s="613"/>
      <c r="IOZ717" s="613"/>
      <c r="IPA717" s="613"/>
      <c r="IPB717" s="613"/>
      <c r="IPC717" s="613"/>
      <c r="IPD717" s="613"/>
      <c r="IPE717" s="613"/>
      <c r="IPF717" s="613"/>
      <c r="IPG717" s="613"/>
      <c r="IPH717" s="613"/>
      <c r="IPI717" s="613"/>
      <c r="IPJ717" s="613"/>
      <c r="IPK717" s="613"/>
      <c r="IPL717" s="613"/>
      <c r="IPM717" s="613"/>
      <c r="IPN717" s="613"/>
      <c r="IPO717" s="613"/>
      <c r="IPP717" s="613"/>
      <c r="IPQ717" s="613"/>
      <c r="IPR717" s="613"/>
      <c r="IPS717" s="613"/>
      <c r="IPT717" s="613"/>
      <c r="IPU717" s="613"/>
      <c r="IPV717" s="613"/>
      <c r="IPW717" s="613"/>
      <c r="IPX717" s="613"/>
      <c r="IPY717" s="613"/>
      <c r="IPZ717" s="613"/>
      <c r="IQA717" s="613"/>
      <c r="IQB717" s="613"/>
      <c r="IQC717" s="613"/>
      <c r="IQD717" s="613"/>
      <c r="IQE717" s="613"/>
      <c r="IQF717" s="613"/>
      <c r="IQG717" s="613"/>
      <c r="IQH717" s="613"/>
      <c r="IQI717" s="613"/>
      <c r="IQJ717" s="613"/>
      <c r="IQK717" s="613"/>
      <c r="IQL717" s="613"/>
      <c r="IQM717" s="613"/>
      <c r="IQN717" s="613"/>
      <c r="IQO717" s="613"/>
      <c r="IQP717" s="613"/>
      <c r="IQQ717" s="613"/>
      <c r="IQR717" s="613"/>
      <c r="IQS717" s="613"/>
      <c r="IQT717" s="613"/>
      <c r="IQU717" s="613"/>
      <c r="IQV717" s="613"/>
      <c r="IQW717" s="613"/>
      <c r="IQX717" s="613"/>
      <c r="IQY717" s="613"/>
      <c r="IQZ717" s="613"/>
      <c r="IRA717" s="613"/>
      <c r="IRB717" s="613"/>
      <c r="IRC717" s="613"/>
      <c r="IRD717" s="613"/>
      <c r="IRE717" s="613"/>
      <c r="IRF717" s="613"/>
      <c r="IRG717" s="613"/>
      <c r="IRH717" s="613"/>
      <c r="IRI717" s="613"/>
      <c r="IRJ717" s="613"/>
      <c r="IRK717" s="613"/>
      <c r="IRL717" s="613"/>
      <c r="IRM717" s="613"/>
      <c r="IRN717" s="613"/>
      <c r="IRO717" s="613"/>
      <c r="IRP717" s="613"/>
      <c r="IRQ717" s="613"/>
      <c r="IRR717" s="613"/>
      <c r="IRS717" s="613"/>
      <c r="IRT717" s="613"/>
      <c r="IRU717" s="613"/>
      <c r="IRV717" s="613"/>
      <c r="IRW717" s="613"/>
      <c r="IRX717" s="613"/>
      <c r="IRY717" s="613"/>
      <c r="IRZ717" s="613"/>
      <c r="ISA717" s="613"/>
      <c r="ISB717" s="613"/>
      <c r="ISC717" s="613"/>
      <c r="ISD717" s="613"/>
      <c r="ISE717" s="613"/>
      <c r="ISF717" s="613"/>
      <c r="ISG717" s="613"/>
      <c r="ISH717" s="613"/>
      <c r="ISI717" s="613"/>
      <c r="ISJ717" s="613"/>
      <c r="ISK717" s="613"/>
      <c r="ISL717" s="613"/>
      <c r="ISM717" s="613"/>
      <c r="ISN717" s="613"/>
      <c r="ISO717" s="613"/>
      <c r="ISP717" s="613"/>
      <c r="ISQ717" s="613"/>
      <c r="ISR717" s="613"/>
      <c r="ISS717" s="613"/>
      <c r="IST717" s="613"/>
      <c r="ISU717" s="613"/>
      <c r="ISV717" s="613"/>
      <c r="ISW717" s="613"/>
      <c r="ISX717" s="613"/>
      <c r="ISY717" s="613"/>
      <c r="ISZ717" s="613"/>
      <c r="ITA717" s="613"/>
      <c r="ITB717" s="613"/>
      <c r="ITC717" s="613"/>
      <c r="ITD717" s="613"/>
      <c r="ITE717" s="613"/>
      <c r="ITF717" s="613"/>
      <c r="ITG717" s="613"/>
      <c r="ITH717" s="613"/>
      <c r="ITI717" s="613"/>
      <c r="ITJ717" s="613"/>
      <c r="ITK717" s="613"/>
      <c r="ITL717" s="613"/>
      <c r="ITM717" s="613"/>
      <c r="ITN717" s="613"/>
      <c r="ITO717" s="613"/>
      <c r="ITP717" s="613"/>
      <c r="ITQ717" s="613"/>
      <c r="ITR717" s="613"/>
      <c r="ITS717" s="613"/>
      <c r="ITT717" s="613"/>
      <c r="ITU717" s="613"/>
      <c r="ITV717" s="613"/>
      <c r="ITW717" s="613"/>
      <c r="ITX717" s="613"/>
      <c r="ITY717" s="613"/>
      <c r="ITZ717" s="613"/>
      <c r="IUA717" s="613"/>
      <c r="IUB717" s="613"/>
      <c r="IUC717" s="613"/>
      <c r="IUD717" s="613"/>
      <c r="IUE717" s="613"/>
      <c r="IUF717" s="613"/>
      <c r="IUG717" s="613"/>
      <c r="IUH717" s="613"/>
      <c r="IUI717" s="613"/>
      <c r="IUJ717" s="613"/>
      <c r="IUK717" s="613"/>
      <c r="IUL717" s="613"/>
      <c r="IUM717" s="613"/>
      <c r="IUN717" s="613"/>
      <c r="IUO717" s="613"/>
      <c r="IUP717" s="613"/>
      <c r="IUQ717" s="613"/>
      <c r="IUR717" s="613"/>
      <c r="IUS717" s="613"/>
      <c r="IUT717" s="613"/>
      <c r="IUU717" s="613"/>
      <c r="IUV717" s="613"/>
      <c r="IUW717" s="613"/>
      <c r="IUX717" s="613"/>
      <c r="IUY717" s="613"/>
      <c r="IUZ717" s="613"/>
      <c r="IVA717" s="613"/>
      <c r="IVB717" s="613"/>
      <c r="IVC717" s="613"/>
      <c r="IVD717" s="613"/>
      <c r="IVE717" s="613"/>
      <c r="IVF717" s="613"/>
      <c r="IVG717" s="613"/>
      <c r="IVH717" s="613"/>
      <c r="IVI717" s="613"/>
      <c r="IVJ717" s="613"/>
      <c r="IVK717" s="613"/>
      <c r="IVL717" s="613"/>
      <c r="IVM717" s="613"/>
      <c r="IVN717" s="613"/>
      <c r="IVO717" s="613"/>
      <c r="IVP717" s="613"/>
      <c r="IVQ717" s="613"/>
      <c r="IVR717" s="613"/>
      <c r="IVS717" s="613"/>
      <c r="IVT717" s="613"/>
      <c r="IVU717" s="613"/>
      <c r="IVV717" s="613"/>
      <c r="IVW717" s="613"/>
      <c r="IVX717" s="613"/>
      <c r="IVY717" s="613"/>
      <c r="IVZ717" s="613"/>
      <c r="IWA717" s="613"/>
      <c r="IWB717" s="613"/>
      <c r="IWC717" s="613"/>
      <c r="IWD717" s="613"/>
      <c r="IWE717" s="613"/>
      <c r="IWF717" s="613"/>
      <c r="IWG717" s="613"/>
      <c r="IWH717" s="613"/>
      <c r="IWI717" s="613"/>
      <c r="IWJ717" s="613"/>
      <c r="IWK717" s="613"/>
      <c r="IWL717" s="613"/>
      <c r="IWM717" s="613"/>
      <c r="IWN717" s="613"/>
      <c r="IWO717" s="613"/>
      <c r="IWP717" s="613"/>
      <c r="IWQ717" s="613"/>
      <c r="IWR717" s="613"/>
      <c r="IWS717" s="613"/>
      <c r="IWT717" s="613"/>
      <c r="IWU717" s="613"/>
      <c r="IWV717" s="613"/>
      <c r="IWW717" s="613"/>
      <c r="IWX717" s="613"/>
      <c r="IWY717" s="613"/>
      <c r="IWZ717" s="613"/>
      <c r="IXA717" s="613"/>
      <c r="IXB717" s="613"/>
      <c r="IXC717" s="613"/>
      <c r="IXD717" s="613"/>
      <c r="IXE717" s="613"/>
      <c r="IXF717" s="613"/>
      <c r="IXG717" s="613"/>
      <c r="IXH717" s="613"/>
      <c r="IXI717" s="613"/>
      <c r="IXJ717" s="613"/>
      <c r="IXK717" s="613"/>
      <c r="IXL717" s="613"/>
      <c r="IXM717" s="613"/>
      <c r="IXN717" s="613"/>
      <c r="IXO717" s="613"/>
      <c r="IXP717" s="613"/>
      <c r="IXQ717" s="613"/>
      <c r="IXR717" s="613"/>
      <c r="IXS717" s="613"/>
      <c r="IXT717" s="613"/>
      <c r="IXU717" s="613"/>
      <c r="IXV717" s="613"/>
      <c r="IXW717" s="613"/>
      <c r="IXX717" s="613"/>
      <c r="IXY717" s="613"/>
      <c r="IXZ717" s="613"/>
      <c r="IYA717" s="613"/>
      <c r="IYB717" s="613"/>
      <c r="IYC717" s="613"/>
      <c r="IYD717" s="613"/>
      <c r="IYE717" s="613"/>
      <c r="IYF717" s="613"/>
      <c r="IYG717" s="613"/>
      <c r="IYH717" s="613"/>
      <c r="IYI717" s="613"/>
      <c r="IYJ717" s="613"/>
      <c r="IYK717" s="613"/>
      <c r="IYL717" s="613"/>
      <c r="IYM717" s="613"/>
      <c r="IYN717" s="613"/>
      <c r="IYO717" s="613"/>
      <c r="IYP717" s="613"/>
      <c r="IYQ717" s="613"/>
      <c r="IYR717" s="613"/>
      <c r="IYS717" s="613"/>
      <c r="IYT717" s="613"/>
      <c r="IYU717" s="613"/>
      <c r="IYV717" s="613"/>
      <c r="IYW717" s="613"/>
      <c r="IYX717" s="613"/>
      <c r="IYY717" s="613"/>
      <c r="IYZ717" s="613"/>
      <c r="IZA717" s="613"/>
      <c r="IZB717" s="613"/>
      <c r="IZC717" s="613"/>
      <c r="IZD717" s="613"/>
      <c r="IZE717" s="613"/>
      <c r="IZF717" s="613"/>
      <c r="IZG717" s="613"/>
      <c r="IZH717" s="613"/>
      <c r="IZI717" s="613"/>
      <c r="IZJ717" s="613"/>
      <c r="IZK717" s="613"/>
      <c r="IZL717" s="613"/>
      <c r="IZM717" s="613"/>
      <c r="IZN717" s="613"/>
      <c r="IZO717" s="613"/>
      <c r="IZP717" s="613"/>
      <c r="IZQ717" s="613"/>
      <c r="IZR717" s="613"/>
      <c r="IZS717" s="613"/>
      <c r="IZT717" s="613"/>
      <c r="IZU717" s="613"/>
      <c r="IZV717" s="613"/>
      <c r="IZW717" s="613"/>
      <c r="IZX717" s="613"/>
      <c r="IZY717" s="613"/>
      <c r="IZZ717" s="613"/>
      <c r="JAA717" s="613"/>
      <c r="JAB717" s="613"/>
      <c r="JAC717" s="613"/>
      <c r="JAD717" s="613"/>
      <c r="JAE717" s="613"/>
      <c r="JAF717" s="613"/>
      <c r="JAG717" s="613"/>
      <c r="JAH717" s="613"/>
      <c r="JAI717" s="613"/>
      <c r="JAJ717" s="613"/>
      <c r="JAK717" s="613"/>
      <c r="JAL717" s="613"/>
      <c r="JAM717" s="613"/>
      <c r="JAN717" s="613"/>
      <c r="JAO717" s="613"/>
      <c r="JAP717" s="613"/>
      <c r="JAQ717" s="613"/>
      <c r="JAR717" s="613"/>
      <c r="JAS717" s="613"/>
      <c r="JAT717" s="613"/>
      <c r="JAU717" s="613"/>
      <c r="JAV717" s="613"/>
      <c r="JAW717" s="613"/>
      <c r="JAX717" s="613"/>
      <c r="JAY717" s="613"/>
      <c r="JAZ717" s="613"/>
      <c r="JBA717" s="613"/>
      <c r="JBB717" s="613"/>
      <c r="JBC717" s="613"/>
      <c r="JBD717" s="613"/>
      <c r="JBE717" s="613"/>
      <c r="JBF717" s="613"/>
      <c r="JBG717" s="613"/>
      <c r="JBH717" s="613"/>
      <c r="JBI717" s="613"/>
      <c r="JBJ717" s="613"/>
      <c r="JBK717" s="613"/>
      <c r="JBL717" s="613"/>
      <c r="JBM717" s="613"/>
      <c r="JBN717" s="613"/>
      <c r="JBO717" s="613"/>
      <c r="JBP717" s="613"/>
      <c r="JBQ717" s="613"/>
      <c r="JBR717" s="613"/>
      <c r="JBS717" s="613"/>
      <c r="JBT717" s="613"/>
      <c r="JBU717" s="613"/>
      <c r="JBV717" s="613"/>
      <c r="JBW717" s="613"/>
      <c r="JBX717" s="613"/>
      <c r="JBY717" s="613"/>
      <c r="JBZ717" s="613"/>
      <c r="JCA717" s="613"/>
      <c r="JCB717" s="613"/>
      <c r="JCC717" s="613"/>
      <c r="JCD717" s="613"/>
      <c r="JCE717" s="613"/>
      <c r="JCF717" s="613"/>
      <c r="JCG717" s="613"/>
      <c r="JCH717" s="613"/>
      <c r="JCI717" s="613"/>
      <c r="JCJ717" s="613"/>
      <c r="JCK717" s="613"/>
      <c r="JCL717" s="613"/>
      <c r="JCM717" s="613"/>
      <c r="JCN717" s="613"/>
      <c r="JCO717" s="613"/>
      <c r="JCP717" s="613"/>
      <c r="JCQ717" s="613"/>
      <c r="JCR717" s="613"/>
      <c r="JCS717" s="613"/>
      <c r="JCT717" s="613"/>
      <c r="JCU717" s="613"/>
      <c r="JCV717" s="613"/>
      <c r="JCW717" s="613"/>
      <c r="JCX717" s="613"/>
      <c r="JCY717" s="613"/>
      <c r="JCZ717" s="613"/>
      <c r="JDA717" s="613"/>
      <c r="JDB717" s="613"/>
      <c r="JDC717" s="613"/>
      <c r="JDD717" s="613"/>
      <c r="JDE717" s="613"/>
      <c r="JDF717" s="613"/>
      <c r="JDG717" s="613"/>
      <c r="JDH717" s="613"/>
      <c r="JDI717" s="613"/>
      <c r="JDJ717" s="613"/>
      <c r="JDK717" s="613"/>
      <c r="JDL717" s="613"/>
      <c r="JDM717" s="613"/>
      <c r="JDN717" s="613"/>
      <c r="JDO717" s="613"/>
      <c r="JDP717" s="613"/>
      <c r="JDQ717" s="613"/>
      <c r="JDR717" s="613"/>
      <c r="JDS717" s="613"/>
      <c r="JDT717" s="613"/>
      <c r="JDU717" s="613"/>
      <c r="JDV717" s="613"/>
      <c r="JDW717" s="613"/>
      <c r="JDX717" s="613"/>
      <c r="JDY717" s="613"/>
      <c r="JDZ717" s="613"/>
      <c r="JEA717" s="613"/>
      <c r="JEB717" s="613"/>
      <c r="JEC717" s="613"/>
      <c r="JED717" s="613"/>
      <c r="JEE717" s="613"/>
      <c r="JEF717" s="613"/>
      <c r="JEG717" s="613"/>
      <c r="JEH717" s="613"/>
      <c r="JEI717" s="613"/>
      <c r="JEJ717" s="613"/>
      <c r="JEK717" s="613"/>
      <c r="JEL717" s="613"/>
      <c r="JEM717" s="613"/>
      <c r="JEN717" s="613"/>
      <c r="JEO717" s="613"/>
      <c r="JEP717" s="613"/>
      <c r="JEQ717" s="613"/>
      <c r="JER717" s="613"/>
      <c r="JES717" s="613"/>
      <c r="JET717" s="613"/>
      <c r="JEU717" s="613"/>
      <c r="JEV717" s="613"/>
      <c r="JEW717" s="613"/>
      <c r="JEX717" s="613"/>
      <c r="JEY717" s="613"/>
      <c r="JEZ717" s="613"/>
      <c r="JFA717" s="613"/>
      <c r="JFB717" s="613"/>
      <c r="JFC717" s="613"/>
      <c r="JFD717" s="613"/>
      <c r="JFE717" s="613"/>
      <c r="JFF717" s="613"/>
      <c r="JFG717" s="613"/>
      <c r="JFH717" s="613"/>
      <c r="JFI717" s="613"/>
      <c r="JFJ717" s="613"/>
      <c r="JFK717" s="613"/>
      <c r="JFL717" s="613"/>
      <c r="JFM717" s="613"/>
      <c r="JFN717" s="613"/>
      <c r="JFO717" s="613"/>
      <c r="JFP717" s="613"/>
      <c r="JFQ717" s="613"/>
      <c r="JFR717" s="613"/>
      <c r="JFS717" s="613"/>
      <c r="JFT717" s="613"/>
      <c r="JFU717" s="613"/>
      <c r="JFV717" s="613"/>
      <c r="JFW717" s="613"/>
      <c r="JFX717" s="613"/>
      <c r="JFY717" s="613"/>
      <c r="JFZ717" s="613"/>
      <c r="JGA717" s="613"/>
      <c r="JGB717" s="613"/>
      <c r="JGC717" s="613"/>
      <c r="JGD717" s="613"/>
      <c r="JGE717" s="613"/>
      <c r="JGF717" s="613"/>
      <c r="JGG717" s="613"/>
      <c r="JGH717" s="613"/>
      <c r="JGI717" s="613"/>
      <c r="JGJ717" s="613"/>
      <c r="JGK717" s="613"/>
      <c r="JGL717" s="613"/>
      <c r="JGM717" s="613"/>
      <c r="JGN717" s="613"/>
      <c r="JGO717" s="613"/>
      <c r="JGP717" s="613"/>
      <c r="JGQ717" s="613"/>
      <c r="JGR717" s="613"/>
      <c r="JGS717" s="613"/>
      <c r="JGT717" s="613"/>
      <c r="JGU717" s="613"/>
      <c r="JGV717" s="613"/>
      <c r="JGW717" s="613"/>
      <c r="JGX717" s="613"/>
      <c r="JGY717" s="613"/>
      <c r="JGZ717" s="613"/>
      <c r="JHA717" s="613"/>
      <c r="JHB717" s="613"/>
      <c r="JHC717" s="613"/>
      <c r="JHD717" s="613"/>
      <c r="JHE717" s="613"/>
      <c r="JHF717" s="613"/>
      <c r="JHG717" s="613"/>
      <c r="JHH717" s="613"/>
      <c r="JHI717" s="613"/>
      <c r="JHJ717" s="613"/>
      <c r="JHK717" s="613"/>
      <c r="JHL717" s="613"/>
      <c r="JHM717" s="613"/>
      <c r="JHN717" s="613"/>
      <c r="JHO717" s="613"/>
      <c r="JHP717" s="613"/>
      <c r="JHQ717" s="613"/>
      <c r="JHR717" s="613"/>
      <c r="JHS717" s="613"/>
      <c r="JHT717" s="613"/>
      <c r="JHU717" s="613"/>
      <c r="JHV717" s="613"/>
      <c r="JHW717" s="613"/>
      <c r="JHX717" s="613"/>
      <c r="JHY717" s="613"/>
      <c r="JHZ717" s="613"/>
      <c r="JIA717" s="613"/>
      <c r="JIB717" s="613"/>
      <c r="JIC717" s="613"/>
      <c r="JID717" s="613"/>
      <c r="JIE717" s="613"/>
      <c r="JIF717" s="613"/>
      <c r="JIG717" s="613"/>
      <c r="JIH717" s="613"/>
      <c r="JII717" s="613"/>
      <c r="JIJ717" s="613"/>
      <c r="JIK717" s="613"/>
      <c r="JIL717" s="613"/>
      <c r="JIM717" s="613"/>
      <c r="JIN717" s="613"/>
      <c r="JIO717" s="613"/>
      <c r="JIP717" s="613"/>
      <c r="JIQ717" s="613"/>
      <c r="JIR717" s="613"/>
      <c r="JIS717" s="613"/>
      <c r="JIT717" s="613"/>
      <c r="JIU717" s="613"/>
      <c r="JIV717" s="613"/>
      <c r="JIW717" s="613"/>
      <c r="JIX717" s="613"/>
      <c r="JIY717" s="613"/>
      <c r="JIZ717" s="613"/>
      <c r="JJA717" s="613"/>
      <c r="JJB717" s="613"/>
      <c r="JJC717" s="613"/>
      <c r="JJD717" s="613"/>
      <c r="JJE717" s="613"/>
      <c r="JJF717" s="613"/>
      <c r="JJG717" s="613"/>
      <c r="JJH717" s="613"/>
      <c r="JJI717" s="613"/>
      <c r="JJJ717" s="613"/>
      <c r="JJK717" s="613"/>
      <c r="JJL717" s="613"/>
      <c r="JJM717" s="613"/>
      <c r="JJN717" s="613"/>
      <c r="JJO717" s="613"/>
      <c r="JJP717" s="613"/>
      <c r="JJQ717" s="613"/>
      <c r="JJR717" s="613"/>
      <c r="JJS717" s="613"/>
      <c r="JJT717" s="613"/>
      <c r="JJU717" s="613"/>
      <c r="JJV717" s="613"/>
      <c r="JJW717" s="613"/>
      <c r="JJX717" s="613"/>
      <c r="JJY717" s="613"/>
      <c r="JJZ717" s="613"/>
      <c r="JKA717" s="613"/>
      <c r="JKB717" s="613"/>
      <c r="JKC717" s="613"/>
      <c r="JKD717" s="613"/>
      <c r="JKE717" s="613"/>
      <c r="JKF717" s="613"/>
      <c r="JKG717" s="613"/>
      <c r="JKH717" s="613"/>
      <c r="JKI717" s="613"/>
      <c r="JKJ717" s="613"/>
      <c r="JKK717" s="613"/>
      <c r="JKL717" s="613"/>
      <c r="JKM717" s="613"/>
      <c r="JKN717" s="613"/>
      <c r="JKO717" s="613"/>
      <c r="JKP717" s="613"/>
      <c r="JKQ717" s="613"/>
      <c r="JKR717" s="613"/>
      <c r="JKS717" s="613"/>
      <c r="JKT717" s="613"/>
      <c r="JKU717" s="613"/>
      <c r="JKV717" s="613"/>
      <c r="JKW717" s="613"/>
      <c r="JKX717" s="613"/>
      <c r="JKY717" s="613"/>
      <c r="JKZ717" s="613"/>
      <c r="JLA717" s="613"/>
      <c r="JLB717" s="613"/>
      <c r="JLC717" s="613"/>
      <c r="JLD717" s="613"/>
      <c r="JLE717" s="613"/>
      <c r="JLF717" s="613"/>
      <c r="JLG717" s="613"/>
      <c r="JLH717" s="613"/>
      <c r="JLI717" s="613"/>
      <c r="JLJ717" s="613"/>
      <c r="JLK717" s="613"/>
      <c r="JLL717" s="613"/>
      <c r="JLM717" s="613"/>
      <c r="JLN717" s="613"/>
      <c r="JLO717" s="613"/>
      <c r="JLP717" s="613"/>
      <c r="JLQ717" s="613"/>
      <c r="JLR717" s="613"/>
      <c r="JLS717" s="613"/>
      <c r="JLT717" s="613"/>
      <c r="JLU717" s="613"/>
      <c r="JLV717" s="613"/>
      <c r="JLW717" s="613"/>
      <c r="JLX717" s="613"/>
      <c r="JLY717" s="613"/>
      <c r="JLZ717" s="613"/>
      <c r="JMA717" s="613"/>
      <c r="JMB717" s="613"/>
      <c r="JMC717" s="613"/>
      <c r="JMD717" s="613"/>
      <c r="JME717" s="613"/>
      <c r="JMF717" s="613"/>
      <c r="JMG717" s="613"/>
      <c r="JMH717" s="613"/>
      <c r="JMI717" s="613"/>
      <c r="JMJ717" s="613"/>
      <c r="JMK717" s="613"/>
      <c r="JML717" s="613"/>
      <c r="JMM717" s="613"/>
      <c r="JMN717" s="613"/>
      <c r="JMO717" s="613"/>
      <c r="JMP717" s="613"/>
      <c r="JMQ717" s="613"/>
      <c r="JMR717" s="613"/>
      <c r="JMS717" s="613"/>
      <c r="JMT717" s="613"/>
      <c r="JMU717" s="613"/>
      <c r="JMV717" s="613"/>
      <c r="JMW717" s="613"/>
      <c r="JMX717" s="613"/>
      <c r="JMY717" s="613"/>
      <c r="JMZ717" s="613"/>
      <c r="JNA717" s="613"/>
      <c r="JNB717" s="613"/>
      <c r="JNC717" s="613"/>
      <c r="JND717" s="613"/>
      <c r="JNE717" s="613"/>
      <c r="JNF717" s="613"/>
      <c r="JNG717" s="613"/>
      <c r="JNH717" s="613"/>
      <c r="JNI717" s="613"/>
      <c r="JNJ717" s="613"/>
      <c r="JNK717" s="613"/>
      <c r="JNL717" s="613"/>
      <c r="JNM717" s="613"/>
      <c r="JNN717" s="613"/>
      <c r="JNO717" s="613"/>
      <c r="JNP717" s="613"/>
      <c r="JNQ717" s="613"/>
      <c r="JNR717" s="613"/>
      <c r="JNS717" s="613"/>
      <c r="JNT717" s="613"/>
      <c r="JNU717" s="613"/>
      <c r="JNV717" s="613"/>
      <c r="JNW717" s="613"/>
      <c r="JNX717" s="613"/>
      <c r="JNY717" s="613"/>
      <c r="JNZ717" s="613"/>
      <c r="JOA717" s="613"/>
      <c r="JOB717" s="613"/>
      <c r="JOC717" s="613"/>
      <c r="JOD717" s="613"/>
      <c r="JOE717" s="613"/>
      <c r="JOF717" s="613"/>
      <c r="JOG717" s="613"/>
      <c r="JOH717" s="613"/>
      <c r="JOI717" s="613"/>
      <c r="JOJ717" s="613"/>
      <c r="JOK717" s="613"/>
      <c r="JOL717" s="613"/>
      <c r="JOM717" s="613"/>
      <c r="JON717" s="613"/>
      <c r="JOO717" s="613"/>
      <c r="JOP717" s="613"/>
      <c r="JOQ717" s="613"/>
      <c r="JOR717" s="613"/>
      <c r="JOS717" s="613"/>
      <c r="JOT717" s="613"/>
      <c r="JOU717" s="613"/>
      <c r="JOV717" s="613"/>
      <c r="JOW717" s="613"/>
      <c r="JOX717" s="613"/>
      <c r="JOY717" s="613"/>
      <c r="JOZ717" s="613"/>
      <c r="JPA717" s="613"/>
      <c r="JPB717" s="613"/>
      <c r="JPC717" s="613"/>
      <c r="JPD717" s="613"/>
      <c r="JPE717" s="613"/>
      <c r="JPF717" s="613"/>
      <c r="JPG717" s="613"/>
      <c r="JPH717" s="613"/>
      <c r="JPI717" s="613"/>
      <c r="JPJ717" s="613"/>
      <c r="JPK717" s="613"/>
      <c r="JPL717" s="613"/>
      <c r="JPM717" s="613"/>
      <c r="JPN717" s="613"/>
      <c r="JPO717" s="613"/>
      <c r="JPP717" s="613"/>
      <c r="JPQ717" s="613"/>
      <c r="JPR717" s="613"/>
      <c r="JPS717" s="613"/>
      <c r="JPT717" s="613"/>
      <c r="JPU717" s="613"/>
      <c r="JPV717" s="613"/>
      <c r="JPW717" s="613"/>
      <c r="JPX717" s="613"/>
      <c r="JPY717" s="613"/>
      <c r="JPZ717" s="613"/>
      <c r="JQA717" s="613"/>
      <c r="JQB717" s="613"/>
      <c r="JQC717" s="613"/>
      <c r="JQD717" s="613"/>
      <c r="JQE717" s="613"/>
      <c r="JQF717" s="613"/>
      <c r="JQG717" s="613"/>
      <c r="JQH717" s="613"/>
      <c r="JQI717" s="613"/>
      <c r="JQJ717" s="613"/>
      <c r="JQK717" s="613"/>
      <c r="JQL717" s="613"/>
      <c r="JQM717" s="613"/>
      <c r="JQN717" s="613"/>
      <c r="JQO717" s="613"/>
      <c r="JQP717" s="613"/>
      <c r="JQQ717" s="613"/>
      <c r="JQR717" s="613"/>
      <c r="JQS717" s="613"/>
      <c r="JQT717" s="613"/>
      <c r="JQU717" s="613"/>
      <c r="JQV717" s="613"/>
      <c r="JQW717" s="613"/>
      <c r="JQX717" s="613"/>
      <c r="JQY717" s="613"/>
      <c r="JQZ717" s="613"/>
      <c r="JRA717" s="613"/>
      <c r="JRB717" s="613"/>
      <c r="JRC717" s="613"/>
      <c r="JRD717" s="613"/>
      <c r="JRE717" s="613"/>
      <c r="JRF717" s="613"/>
      <c r="JRG717" s="613"/>
      <c r="JRH717" s="613"/>
      <c r="JRI717" s="613"/>
      <c r="JRJ717" s="613"/>
      <c r="JRK717" s="613"/>
      <c r="JRL717" s="613"/>
      <c r="JRM717" s="613"/>
      <c r="JRN717" s="613"/>
      <c r="JRO717" s="613"/>
      <c r="JRP717" s="613"/>
      <c r="JRQ717" s="613"/>
      <c r="JRR717" s="613"/>
      <c r="JRS717" s="613"/>
      <c r="JRT717" s="613"/>
      <c r="JRU717" s="613"/>
      <c r="JRV717" s="613"/>
      <c r="JRW717" s="613"/>
      <c r="JRX717" s="613"/>
      <c r="JRY717" s="613"/>
      <c r="JRZ717" s="613"/>
      <c r="JSA717" s="613"/>
      <c r="JSB717" s="613"/>
      <c r="JSC717" s="613"/>
      <c r="JSD717" s="613"/>
      <c r="JSE717" s="613"/>
      <c r="JSF717" s="613"/>
      <c r="JSG717" s="613"/>
      <c r="JSH717" s="613"/>
      <c r="JSI717" s="613"/>
      <c r="JSJ717" s="613"/>
      <c r="JSK717" s="613"/>
      <c r="JSL717" s="613"/>
      <c r="JSM717" s="613"/>
      <c r="JSN717" s="613"/>
      <c r="JSO717" s="613"/>
      <c r="JSP717" s="613"/>
      <c r="JSQ717" s="613"/>
      <c r="JSR717" s="613"/>
      <c r="JSS717" s="613"/>
      <c r="JST717" s="613"/>
      <c r="JSU717" s="613"/>
      <c r="JSV717" s="613"/>
      <c r="JSW717" s="613"/>
      <c r="JSX717" s="613"/>
      <c r="JSY717" s="613"/>
      <c r="JSZ717" s="613"/>
      <c r="JTA717" s="613"/>
      <c r="JTB717" s="613"/>
      <c r="JTC717" s="613"/>
      <c r="JTD717" s="613"/>
      <c r="JTE717" s="613"/>
      <c r="JTF717" s="613"/>
      <c r="JTG717" s="613"/>
      <c r="JTH717" s="613"/>
      <c r="JTI717" s="613"/>
      <c r="JTJ717" s="613"/>
      <c r="JTK717" s="613"/>
      <c r="JTL717" s="613"/>
      <c r="JTM717" s="613"/>
      <c r="JTN717" s="613"/>
      <c r="JTO717" s="613"/>
      <c r="JTP717" s="613"/>
      <c r="JTQ717" s="613"/>
      <c r="JTR717" s="613"/>
      <c r="JTS717" s="613"/>
      <c r="JTT717" s="613"/>
      <c r="JTU717" s="613"/>
      <c r="JTV717" s="613"/>
      <c r="JTW717" s="613"/>
      <c r="JTX717" s="613"/>
      <c r="JTY717" s="613"/>
      <c r="JTZ717" s="613"/>
      <c r="JUA717" s="613"/>
      <c r="JUB717" s="613"/>
      <c r="JUC717" s="613"/>
      <c r="JUD717" s="613"/>
      <c r="JUE717" s="613"/>
      <c r="JUF717" s="613"/>
      <c r="JUG717" s="613"/>
      <c r="JUH717" s="613"/>
      <c r="JUI717" s="613"/>
      <c r="JUJ717" s="613"/>
      <c r="JUK717" s="613"/>
      <c r="JUL717" s="613"/>
      <c r="JUM717" s="613"/>
      <c r="JUN717" s="613"/>
      <c r="JUO717" s="613"/>
      <c r="JUP717" s="613"/>
      <c r="JUQ717" s="613"/>
      <c r="JUR717" s="613"/>
      <c r="JUS717" s="613"/>
      <c r="JUT717" s="613"/>
      <c r="JUU717" s="613"/>
      <c r="JUV717" s="613"/>
      <c r="JUW717" s="613"/>
      <c r="JUX717" s="613"/>
      <c r="JUY717" s="613"/>
      <c r="JUZ717" s="613"/>
      <c r="JVA717" s="613"/>
      <c r="JVB717" s="613"/>
      <c r="JVC717" s="613"/>
      <c r="JVD717" s="613"/>
      <c r="JVE717" s="613"/>
      <c r="JVF717" s="613"/>
      <c r="JVG717" s="613"/>
      <c r="JVH717" s="613"/>
      <c r="JVI717" s="613"/>
      <c r="JVJ717" s="613"/>
      <c r="JVK717" s="613"/>
      <c r="JVL717" s="613"/>
      <c r="JVM717" s="613"/>
      <c r="JVN717" s="613"/>
      <c r="JVO717" s="613"/>
      <c r="JVP717" s="613"/>
      <c r="JVQ717" s="613"/>
      <c r="JVR717" s="613"/>
      <c r="JVS717" s="613"/>
      <c r="JVT717" s="613"/>
      <c r="JVU717" s="613"/>
      <c r="JVV717" s="613"/>
      <c r="JVW717" s="613"/>
      <c r="JVX717" s="613"/>
      <c r="JVY717" s="613"/>
      <c r="JVZ717" s="613"/>
      <c r="JWA717" s="613"/>
      <c r="JWB717" s="613"/>
      <c r="JWC717" s="613"/>
      <c r="JWD717" s="613"/>
      <c r="JWE717" s="613"/>
      <c r="JWF717" s="613"/>
      <c r="JWG717" s="613"/>
      <c r="JWH717" s="613"/>
      <c r="JWI717" s="613"/>
      <c r="JWJ717" s="613"/>
      <c r="JWK717" s="613"/>
      <c r="JWL717" s="613"/>
      <c r="JWM717" s="613"/>
      <c r="JWN717" s="613"/>
      <c r="JWO717" s="613"/>
      <c r="JWP717" s="613"/>
      <c r="JWQ717" s="613"/>
      <c r="JWR717" s="613"/>
      <c r="JWS717" s="613"/>
      <c r="JWT717" s="613"/>
      <c r="JWU717" s="613"/>
      <c r="JWV717" s="613"/>
      <c r="JWW717" s="613"/>
      <c r="JWX717" s="613"/>
      <c r="JWY717" s="613"/>
      <c r="JWZ717" s="613"/>
      <c r="JXA717" s="613"/>
      <c r="JXB717" s="613"/>
      <c r="JXC717" s="613"/>
      <c r="JXD717" s="613"/>
      <c r="JXE717" s="613"/>
      <c r="JXF717" s="613"/>
      <c r="JXG717" s="613"/>
      <c r="JXH717" s="613"/>
      <c r="JXI717" s="613"/>
      <c r="JXJ717" s="613"/>
      <c r="JXK717" s="613"/>
      <c r="JXL717" s="613"/>
      <c r="JXM717" s="613"/>
      <c r="JXN717" s="613"/>
      <c r="JXO717" s="613"/>
      <c r="JXP717" s="613"/>
      <c r="JXQ717" s="613"/>
      <c r="JXR717" s="613"/>
      <c r="JXS717" s="613"/>
      <c r="JXT717" s="613"/>
      <c r="JXU717" s="613"/>
      <c r="JXV717" s="613"/>
      <c r="JXW717" s="613"/>
      <c r="JXX717" s="613"/>
      <c r="JXY717" s="613"/>
      <c r="JXZ717" s="613"/>
      <c r="JYA717" s="613"/>
      <c r="JYB717" s="613"/>
      <c r="JYC717" s="613"/>
      <c r="JYD717" s="613"/>
      <c r="JYE717" s="613"/>
      <c r="JYF717" s="613"/>
      <c r="JYG717" s="613"/>
      <c r="JYH717" s="613"/>
      <c r="JYI717" s="613"/>
      <c r="JYJ717" s="613"/>
      <c r="JYK717" s="613"/>
      <c r="JYL717" s="613"/>
      <c r="JYM717" s="613"/>
      <c r="JYN717" s="613"/>
      <c r="JYO717" s="613"/>
      <c r="JYP717" s="613"/>
      <c r="JYQ717" s="613"/>
      <c r="JYR717" s="613"/>
      <c r="JYS717" s="613"/>
      <c r="JYT717" s="613"/>
      <c r="JYU717" s="613"/>
      <c r="JYV717" s="613"/>
      <c r="JYW717" s="613"/>
      <c r="JYX717" s="613"/>
      <c r="JYY717" s="613"/>
      <c r="JYZ717" s="613"/>
      <c r="JZA717" s="613"/>
      <c r="JZB717" s="613"/>
      <c r="JZC717" s="613"/>
      <c r="JZD717" s="613"/>
      <c r="JZE717" s="613"/>
      <c r="JZF717" s="613"/>
      <c r="JZG717" s="613"/>
      <c r="JZH717" s="613"/>
      <c r="JZI717" s="613"/>
      <c r="JZJ717" s="613"/>
      <c r="JZK717" s="613"/>
      <c r="JZL717" s="613"/>
      <c r="JZM717" s="613"/>
      <c r="JZN717" s="613"/>
      <c r="JZO717" s="613"/>
      <c r="JZP717" s="613"/>
      <c r="JZQ717" s="613"/>
      <c r="JZR717" s="613"/>
      <c r="JZS717" s="613"/>
      <c r="JZT717" s="613"/>
      <c r="JZU717" s="613"/>
      <c r="JZV717" s="613"/>
      <c r="JZW717" s="613"/>
      <c r="JZX717" s="613"/>
      <c r="JZY717" s="613"/>
      <c r="JZZ717" s="613"/>
      <c r="KAA717" s="613"/>
      <c r="KAB717" s="613"/>
      <c r="KAC717" s="613"/>
      <c r="KAD717" s="613"/>
      <c r="KAE717" s="613"/>
      <c r="KAF717" s="613"/>
      <c r="KAG717" s="613"/>
      <c r="KAH717" s="613"/>
      <c r="KAI717" s="613"/>
      <c r="KAJ717" s="613"/>
      <c r="KAK717" s="613"/>
      <c r="KAL717" s="613"/>
      <c r="KAM717" s="613"/>
      <c r="KAN717" s="613"/>
      <c r="KAO717" s="613"/>
      <c r="KAP717" s="613"/>
      <c r="KAQ717" s="613"/>
      <c r="KAR717" s="613"/>
      <c r="KAS717" s="613"/>
      <c r="KAT717" s="613"/>
      <c r="KAU717" s="613"/>
      <c r="KAV717" s="613"/>
      <c r="KAW717" s="613"/>
      <c r="KAX717" s="613"/>
      <c r="KAY717" s="613"/>
      <c r="KAZ717" s="613"/>
      <c r="KBA717" s="613"/>
      <c r="KBB717" s="613"/>
      <c r="KBC717" s="613"/>
      <c r="KBD717" s="613"/>
      <c r="KBE717" s="613"/>
      <c r="KBF717" s="613"/>
      <c r="KBG717" s="613"/>
      <c r="KBH717" s="613"/>
      <c r="KBI717" s="613"/>
      <c r="KBJ717" s="613"/>
      <c r="KBK717" s="613"/>
      <c r="KBL717" s="613"/>
      <c r="KBM717" s="613"/>
      <c r="KBN717" s="613"/>
      <c r="KBO717" s="613"/>
      <c r="KBP717" s="613"/>
      <c r="KBQ717" s="613"/>
      <c r="KBR717" s="613"/>
      <c r="KBS717" s="613"/>
      <c r="KBT717" s="613"/>
      <c r="KBU717" s="613"/>
      <c r="KBV717" s="613"/>
      <c r="KBW717" s="613"/>
      <c r="KBX717" s="613"/>
      <c r="KBY717" s="613"/>
      <c r="KBZ717" s="613"/>
      <c r="KCA717" s="613"/>
      <c r="KCB717" s="613"/>
      <c r="KCC717" s="613"/>
      <c r="KCD717" s="613"/>
      <c r="KCE717" s="613"/>
      <c r="KCF717" s="613"/>
      <c r="KCG717" s="613"/>
      <c r="KCH717" s="613"/>
      <c r="KCI717" s="613"/>
      <c r="KCJ717" s="613"/>
      <c r="KCK717" s="613"/>
      <c r="KCL717" s="613"/>
      <c r="KCM717" s="613"/>
      <c r="KCN717" s="613"/>
      <c r="KCO717" s="613"/>
      <c r="KCP717" s="613"/>
      <c r="KCQ717" s="613"/>
      <c r="KCR717" s="613"/>
      <c r="KCS717" s="613"/>
      <c r="KCT717" s="613"/>
      <c r="KCU717" s="613"/>
      <c r="KCV717" s="613"/>
      <c r="KCW717" s="613"/>
      <c r="KCX717" s="613"/>
      <c r="KCY717" s="613"/>
      <c r="KCZ717" s="613"/>
      <c r="KDA717" s="613"/>
      <c r="KDB717" s="613"/>
      <c r="KDC717" s="613"/>
      <c r="KDD717" s="613"/>
      <c r="KDE717" s="613"/>
      <c r="KDF717" s="613"/>
      <c r="KDG717" s="613"/>
      <c r="KDH717" s="613"/>
      <c r="KDI717" s="613"/>
      <c r="KDJ717" s="613"/>
      <c r="KDK717" s="613"/>
      <c r="KDL717" s="613"/>
      <c r="KDM717" s="613"/>
      <c r="KDN717" s="613"/>
      <c r="KDO717" s="613"/>
      <c r="KDP717" s="613"/>
      <c r="KDQ717" s="613"/>
      <c r="KDR717" s="613"/>
      <c r="KDS717" s="613"/>
      <c r="KDT717" s="613"/>
      <c r="KDU717" s="613"/>
      <c r="KDV717" s="613"/>
      <c r="KDW717" s="613"/>
      <c r="KDX717" s="613"/>
      <c r="KDY717" s="613"/>
      <c r="KDZ717" s="613"/>
      <c r="KEA717" s="613"/>
      <c r="KEB717" s="613"/>
      <c r="KEC717" s="613"/>
      <c r="KED717" s="613"/>
      <c r="KEE717" s="613"/>
      <c r="KEF717" s="613"/>
      <c r="KEG717" s="613"/>
      <c r="KEH717" s="613"/>
      <c r="KEI717" s="613"/>
      <c r="KEJ717" s="613"/>
      <c r="KEK717" s="613"/>
      <c r="KEL717" s="613"/>
      <c r="KEM717" s="613"/>
      <c r="KEN717" s="613"/>
      <c r="KEO717" s="613"/>
      <c r="KEP717" s="613"/>
      <c r="KEQ717" s="613"/>
      <c r="KER717" s="613"/>
      <c r="KES717" s="613"/>
      <c r="KET717" s="613"/>
      <c r="KEU717" s="613"/>
      <c r="KEV717" s="613"/>
      <c r="KEW717" s="613"/>
      <c r="KEX717" s="613"/>
      <c r="KEY717" s="613"/>
      <c r="KEZ717" s="613"/>
      <c r="KFA717" s="613"/>
      <c r="KFB717" s="613"/>
      <c r="KFC717" s="613"/>
      <c r="KFD717" s="613"/>
      <c r="KFE717" s="613"/>
      <c r="KFF717" s="613"/>
      <c r="KFG717" s="613"/>
      <c r="KFH717" s="613"/>
      <c r="KFI717" s="613"/>
      <c r="KFJ717" s="613"/>
      <c r="KFK717" s="613"/>
      <c r="KFL717" s="613"/>
      <c r="KFM717" s="613"/>
      <c r="KFN717" s="613"/>
      <c r="KFO717" s="613"/>
      <c r="KFP717" s="613"/>
      <c r="KFQ717" s="613"/>
      <c r="KFR717" s="613"/>
      <c r="KFS717" s="613"/>
      <c r="KFT717" s="613"/>
      <c r="KFU717" s="613"/>
      <c r="KFV717" s="613"/>
      <c r="KFW717" s="613"/>
      <c r="KFX717" s="613"/>
      <c r="KFY717" s="613"/>
      <c r="KFZ717" s="613"/>
      <c r="KGA717" s="613"/>
      <c r="KGB717" s="613"/>
      <c r="KGC717" s="613"/>
      <c r="KGD717" s="613"/>
      <c r="KGE717" s="613"/>
      <c r="KGF717" s="613"/>
      <c r="KGG717" s="613"/>
      <c r="KGH717" s="613"/>
      <c r="KGI717" s="613"/>
      <c r="KGJ717" s="613"/>
      <c r="KGK717" s="613"/>
      <c r="KGL717" s="613"/>
      <c r="KGM717" s="613"/>
      <c r="KGN717" s="613"/>
      <c r="KGO717" s="613"/>
      <c r="KGP717" s="613"/>
      <c r="KGQ717" s="613"/>
      <c r="KGR717" s="613"/>
      <c r="KGS717" s="613"/>
      <c r="KGT717" s="613"/>
      <c r="KGU717" s="613"/>
      <c r="KGV717" s="613"/>
      <c r="KGW717" s="613"/>
      <c r="KGX717" s="613"/>
      <c r="KGY717" s="613"/>
      <c r="KGZ717" s="613"/>
      <c r="KHA717" s="613"/>
      <c r="KHB717" s="613"/>
      <c r="KHC717" s="613"/>
      <c r="KHD717" s="613"/>
      <c r="KHE717" s="613"/>
      <c r="KHF717" s="613"/>
      <c r="KHG717" s="613"/>
      <c r="KHH717" s="613"/>
      <c r="KHI717" s="613"/>
      <c r="KHJ717" s="613"/>
      <c r="KHK717" s="613"/>
      <c r="KHL717" s="613"/>
      <c r="KHM717" s="613"/>
      <c r="KHN717" s="613"/>
      <c r="KHO717" s="613"/>
      <c r="KHP717" s="613"/>
      <c r="KHQ717" s="613"/>
      <c r="KHR717" s="613"/>
      <c r="KHS717" s="613"/>
      <c r="KHT717" s="613"/>
      <c r="KHU717" s="613"/>
      <c r="KHV717" s="613"/>
      <c r="KHW717" s="613"/>
      <c r="KHX717" s="613"/>
      <c r="KHY717" s="613"/>
      <c r="KHZ717" s="613"/>
      <c r="KIA717" s="613"/>
      <c r="KIB717" s="613"/>
      <c r="KIC717" s="613"/>
      <c r="KID717" s="613"/>
      <c r="KIE717" s="613"/>
      <c r="KIF717" s="613"/>
      <c r="KIG717" s="613"/>
      <c r="KIH717" s="613"/>
      <c r="KII717" s="613"/>
      <c r="KIJ717" s="613"/>
      <c r="KIK717" s="613"/>
      <c r="KIL717" s="613"/>
      <c r="KIM717" s="613"/>
      <c r="KIN717" s="613"/>
      <c r="KIO717" s="613"/>
      <c r="KIP717" s="613"/>
      <c r="KIQ717" s="613"/>
      <c r="KIR717" s="613"/>
      <c r="KIS717" s="613"/>
      <c r="KIT717" s="613"/>
      <c r="KIU717" s="613"/>
      <c r="KIV717" s="613"/>
      <c r="KIW717" s="613"/>
      <c r="KIX717" s="613"/>
      <c r="KIY717" s="613"/>
      <c r="KIZ717" s="613"/>
      <c r="KJA717" s="613"/>
      <c r="KJB717" s="613"/>
      <c r="KJC717" s="613"/>
      <c r="KJD717" s="613"/>
      <c r="KJE717" s="613"/>
      <c r="KJF717" s="613"/>
      <c r="KJG717" s="613"/>
      <c r="KJH717" s="613"/>
      <c r="KJI717" s="613"/>
      <c r="KJJ717" s="613"/>
      <c r="KJK717" s="613"/>
      <c r="KJL717" s="613"/>
      <c r="KJM717" s="613"/>
      <c r="KJN717" s="613"/>
      <c r="KJO717" s="613"/>
      <c r="KJP717" s="613"/>
      <c r="KJQ717" s="613"/>
      <c r="KJR717" s="613"/>
      <c r="KJS717" s="613"/>
      <c r="KJT717" s="613"/>
      <c r="KJU717" s="613"/>
      <c r="KJV717" s="613"/>
      <c r="KJW717" s="613"/>
      <c r="KJX717" s="613"/>
      <c r="KJY717" s="613"/>
      <c r="KJZ717" s="613"/>
      <c r="KKA717" s="613"/>
      <c r="KKB717" s="613"/>
      <c r="KKC717" s="613"/>
      <c r="KKD717" s="613"/>
      <c r="KKE717" s="613"/>
      <c r="KKF717" s="613"/>
      <c r="KKG717" s="613"/>
      <c r="KKH717" s="613"/>
      <c r="KKI717" s="613"/>
      <c r="KKJ717" s="613"/>
      <c r="KKK717" s="613"/>
      <c r="KKL717" s="613"/>
      <c r="KKM717" s="613"/>
      <c r="KKN717" s="613"/>
      <c r="KKO717" s="613"/>
      <c r="KKP717" s="613"/>
      <c r="KKQ717" s="613"/>
      <c r="KKR717" s="613"/>
      <c r="KKS717" s="613"/>
      <c r="KKT717" s="613"/>
      <c r="KKU717" s="613"/>
      <c r="KKV717" s="613"/>
      <c r="KKW717" s="613"/>
      <c r="KKX717" s="613"/>
      <c r="KKY717" s="613"/>
      <c r="KKZ717" s="613"/>
      <c r="KLA717" s="613"/>
      <c r="KLB717" s="613"/>
      <c r="KLC717" s="613"/>
      <c r="KLD717" s="613"/>
      <c r="KLE717" s="613"/>
      <c r="KLF717" s="613"/>
      <c r="KLG717" s="613"/>
      <c r="KLH717" s="613"/>
      <c r="KLI717" s="613"/>
      <c r="KLJ717" s="613"/>
      <c r="KLK717" s="613"/>
      <c r="KLL717" s="613"/>
      <c r="KLM717" s="613"/>
      <c r="KLN717" s="613"/>
      <c r="KLO717" s="613"/>
      <c r="KLP717" s="613"/>
      <c r="KLQ717" s="613"/>
      <c r="KLR717" s="613"/>
      <c r="KLS717" s="613"/>
      <c r="KLT717" s="613"/>
      <c r="KLU717" s="613"/>
      <c r="KLV717" s="613"/>
      <c r="KLW717" s="613"/>
      <c r="KLX717" s="613"/>
      <c r="KLY717" s="613"/>
      <c r="KLZ717" s="613"/>
      <c r="KMA717" s="613"/>
      <c r="KMB717" s="613"/>
      <c r="KMC717" s="613"/>
      <c r="KMD717" s="613"/>
      <c r="KME717" s="613"/>
      <c r="KMF717" s="613"/>
      <c r="KMG717" s="613"/>
      <c r="KMH717" s="613"/>
      <c r="KMI717" s="613"/>
      <c r="KMJ717" s="613"/>
      <c r="KMK717" s="613"/>
      <c r="KML717" s="613"/>
      <c r="KMM717" s="613"/>
      <c r="KMN717" s="613"/>
      <c r="KMO717" s="613"/>
      <c r="KMP717" s="613"/>
      <c r="KMQ717" s="613"/>
      <c r="KMR717" s="613"/>
      <c r="KMS717" s="613"/>
      <c r="KMT717" s="613"/>
      <c r="KMU717" s="613"/>
      <c r="KMV717" s="613"/>
      <c r="KMW717" s="613"/>
      <c r="KMX717" s="613"/>
      <c r="KMY717" s="613"/>
      <c r="KMZ717" s="613"/>
      <c r="KNA717" s="613"/>
      <c r="KNB717" s="613"/>
      <c r="KNC717" s="613"/>
      <c r="KND717" s="613"/>
      <c r="KNE717" s="613"/>
      <c r="KNF717" s="613"/>
      <c r="KNG717" s="613"/>
      <c r="KNH717" s="613"/>
      <c r="KNI717" s="613"/>
      <c r="KNJ717" s="613"/>
      <c r="KNK717" s="613"/>
      <c r="KNL717" s="613"/>
      <c r="KNM717" s="613"/>
      <c r="KNN717" s="613"/>
      <c r="KNO717" s="613"/>
      <c r="KNP717" s="613"/>
      <c r="KNQ717" s="613"/>
      <c r="KNR717" s="613"/>
      <c r="KNS717" s="613"/>
      <c r="KNT717" s="613"/>
      <c r="KNU717" s="613"/>
      <c r="KNV717" s="613"/>
      <c r="KNW717" s="613"/>
      <c r="KNX717" s="613"/>
      <c r="KNY717" s="613"/>
      <c r="KNZ717" s="613"/>
      <c r="KOA717" s="613"/>
      <c r="KOB717" s="613"/>
      <c r="KOC717" s="613"/>
      <c r="KOD717" s="613"/>
      <c r="KOE717" s="613"/>
      <c r="KOF717" s="613"/>
      <c r="KOG717" s="613"/>
      <c r="KOH717" s="613"/>
      <c r="KOI717" s="613"/>
      <c r="KOJ717" s="613"/>
      <c r="KOK717" s="613"/>
      <c r="KOL717" s="613"/>
      <c r="KOM717" s="613"/>
      <c r="KON717" s="613"/>
      <c r="KOO717" s="613"/>
      <c r="KOP717" s="613"/>
      <c r="KOQ717" s="613"/>
      <c r="KOR717" s="613"/>
      <c r="KOS717" s="613"/>
      <c r="KOT717" s="613"/>
      <c r="KOU717" s="613"/>
      <c r="KOV717" s="613"/>
      <c r="KOW717" s="613"/>
      <c r="KOX717" s="613"/>
      <c r="KOY717" s="613"/>
      <c r="KOZ717" s="613"/>
      <c r="KPA717" s="613"/>
      <c r="KPB717" s="613"/>
      <c r="KPC717" s="613"/>
      <c r="KPD717" s="613"/>
      <c r="KPE717" s="613"/>
      <c r="KPF717" s="613"/>
      <c r="KPG717" s="613"/>
      <c r="KPH717" s="613"/>
      <c r="KPI717" s="613"/>
      <c r="KPJ717" s="613"/>
      <c r="KPK717" s="613"/>
      <c r="KPL717" s="613"/>
      <c r="KPM717" s="613"/>
      <c r="KPN717" s="613"/>
      <c r="KPO717" s="613"/>
      <c r="KPP717" s="613"/>
      <c r="KPQ717" s="613"/>
      <c r="KPR717" s="613"/>
      <c r="KPS717" s="613"/>
      <c r="KPT717" s="613"/>
      <c r="KPU717" s="613"/>
      <c r="KPV717" s="613"/>
      <c r="KPW717" s="613"/>
      <c r="KPX717" s="613"/>
      <c r="KPY717" s="613"/>
      <c r="KPZ717" s="613"/>
      <c r="KQA717" s="613"/>
      <c r="KQB717" s="613"/>
      <c r="KQC717" s="613"/>
      <c r="KQD717" s="613"/>
      <c r="KQE717" s="613"/>
      <c r="KQF717" s="613"/>
      <c r="KQG717" s="613"/>
      <c r="KQH717" s="613"/>
      <c r="KQI717" s="613"/>
      <c r="KQJ717" s="613"/>
      <c r="KQK717" s="613"/>
      <c r="KQL717" s="613"/>
      <c r="KQM717" s="613"/>
      <c r="KQN717" s="613"/>
      <c r="KQO717" s="613"/>
      <c r="KQP717" s="613"/>
      <c r="KQQ717" s="613"/>
      <c r="KQR717" s="613"/>
      <c r="KQS717" s="613"/>
      <c r="KQT717" s="613"/>
      <c r="KQU717" s="613"/>
      <c r="KQV717" s="613"/>
      <c r="KQW717" s="613"/>
      <c r="KQX717" s="613"/>
      <c r="KQY717" s="613"/>
      <c r="KQZ717" s="613"/>
      <c r="KRA717" s="613"/>
      <c r="KRB717" s="613"/>
      <c r="KRC717" s="613"/>
      <c r="KRD717" s="613"/>
      <c r="KRE717" s="613"/>
      <c r="KRF717" s="613"/>
      <c r="KRG717" s="613"/>
      <c r="KRH717" s="613"/>
      <c r="KRI717" s="613"/>
      <c r="KRJ717" s="613"/>
      <c r="KRK717" s="613"/>
      <c r="KRL717" s="613"/>
      <c r="KRM717" s="613"/>
      <c r="KRN717" s="613"/>
      <c r="KRO717" s="613"/>
      <c r="KRP717" s="613"/>
      <c r="KRQ717" s="613"/>
      <c r="KRR717" s="613"/>
      <c r="KRS717" s="613"/>
      <c r="KRT717" s="613"/>
      <c r="KRU717" s="613"/>
      <c r="KRV717" s="613"/>
      <c r="KRW717" s="613"/>
      <c r="KRX717" s="613"/>
      <c r="KRY717" s="613"/>
      <c r="KRZ717" s="613"/>
      <c r="KSA717" s="613"/>
      <c r="KSB717" s="613"/>
      <c r="KSC717" s="613"/>
      <c r="KSD717" s="613"/>
      <c r="KSE717" s="613"/>
      <c r="KSF717" s="613"/>
      <c r="KSG717" s="613"/>
      <c r="KSH717" s="613"/>
      <c r="KSI717" s="613"/>
      <c r="KSJ717" s="613"/>
      <c r="KSK717" s="613"/>
      <c r="KSL717" s="613"/>
      <c r="KSM717" s="613"/>
      <c r="KSN717" s="613"/>
      <c r="KSO717" s="613"/>
      <c r="KSP717" s="613"/>
      <c r="KSQ717" s="613"/>
      <c r="KSR717" s="613"/>
      <c r="KSS717" s="613"/>
      <c r="KST717" s="613"/>
      <c r="KSU717" s="613"/>
      <c r="KSV717" s="613"/>
      <c r="KSW717" s="613"/>
      <c r="KSX717" s="613"/>
      <c r="KSY717" s="613"/>
      <c r="KSZ717" s="613"/>
      <c r="KTA717" s="613"/>
      <c r="KTB717" s="613"/>
      <c r="KTC717" s="613"/>
      <c r="KTD717" s="613"/>
      <c r="KTE717" s="613"/>
      <c r="KTF717" s="613"/>
      <c r="KTG717" s="613"/>
      <c r="KTH717" s="613"/>
      <c r="KTI717" s="613"/>
      <c r="KTJ717" s="613"/>
      <c r="KTK717" s="613"/>
      <c r="KTL717" s="613"/>
      <c r="KTM717" s="613"/>
      <c r="KTN717" s="613"/>
      <c r="KTO717" s="613"/>
      <c r="KTP717" s="613"/>
      <c r="KTQ717" s="613"/>
      <c r="KTR717" s="613"/>
      <c r="KTS717" s="613"/>
      <c r="KTT717" s="613"/>
      <c r="KTU717" s="613"/>
      <c r="KTV717" s="613"/>
      <c r="KTW717" s="613"/>
      <c r="KTX717" s="613"/>
      <c r="KTY717" s="613"/>
      <c r="KTZ717" s="613"/>
      <c r="KUA717" s="613"/>
      <c r="KUB717" s="613"/>
      <c r="KUC717" s="613"/>
      <c r="KUD717" s="613"/>
      <c r="KUE717" s="613"/>
      <c r="KUF717" s="613"/>
      <c r="KUG717" s="613"/>
      <c r="KUH717" s="613"/>
      <c r="KUI717" s="613"/>
      <c r="KUJ717" s="613"/>
      <c r="KUK717" s="613"/>
      <c r="KUL717" s="613"/>
      <c r="KUM717" s="613"/>
      <c r="KUN717" s="613"/>
      <c r="KUO717" s="613"/>
      <c r="KUP717" s="613"/>
      <c r="KUQ717" s="613"/>
      <c r="KUR717" s="613"/>
      <c r="KUS717" s="613"/>
      <c r="KUT717" s="613"/>
      <c r="KUU717" s="613"/>
      <c r="KUV717" s="613"/>
      <c r="KUW717" s="613"/>
      <c r="KUX717" s="613"/>
      <c r="KUY717" s="613"/>
      <c r="KUZ717" s="613"/>
      <c r="KVA717" s="613"/>
      <c r="KVB717" s="613"/>
      <c r="KVC717" s="613"/>
      <c r="KVD717" s="613"/>
      <c r="KVE717" s="613"/>
      <c r="KVF717" s="613"/>
      <c r="KVG717" s="613"/>
      <c r="KVH717" s="613"/>
      <c r="KVI717" s="613"/>
      <c r="KVJ717" s="613"/>
      <c r="KVK717" s="613"/>
      <c r="KVL717" s="613"/>
      <c r="KVM717" s="613"/>
      <c r="KVN717" s="613"/>
      <c r="KVO717" s="613"/>
      <c r="KVP717" s="613"/>
      <c r="KVQ717" s="613"/>
      <c r="KVR717" s="613"/>
      <c r="KVS717" s="613"/>
      <c r="KVT717" s="613"/>
      <c r="KVU717" s="613"/>
      <c r="KVV717" s="613"/>
      <c r="KVW717" s="613"/>
      <c r="KVX717" s="613"/>
      <c r="KVY717" s="613"/>
      <c r="KVZ717" s="613"/>
      <c r="KWA717" s="613"/>
      <c r="KWB717" s="613"/>
      <c r="KWC717" s="613"/>
      <c r="KWD717" s="613"/>
      <c r="KWE717" s="613"/>
      <c r="KWF717" s="613"/>
      <c r="KWG717" s="613"/>
      <c r="KWH717" s="613"/>
      <c r="KWI717" s="613"/>
      <c r="KWJ717" s="613"/>
      <c r="KWK717" s="613"/>
      <c r="KWL717" s="613"/>
      <c r="KWM717" s="613"/>
      <c r="KWN717" s="613"/>
      <c r="KWO717" s="613"/>
      <c r="KWP717" s="613"/>
      <c r="KWQ717" s="613"/>
      <c r="KWR717" s="613"/>
      <c r="KWS717" s="613"/>
      <c r="KWT717" s="613"/>
      <c r="KWU717" s="613"/>
      <c r="KWV717" s="613"/>
      <c r="KWW717" s="613"/>
      <c r="KWX717" s="613"/>
      <c r="KWY717" s="613"/>
      <c r="KWZ717" s="613"/>
      <c r="KXA717" s="613"/>
      <c r="KXB717" s="613"/>
      <c r="KXC717" s="613"/>
      <c r="KXD717" s="613"/>
      <c r="KXE717" s="613"/>
      <c r="KXF717" s="613"/>
      <c r="KXG717" s="613"/>
      <c r="KXH717" s="613"/>
      <c r="KXI717" s="613"/>
      <c r="KXJ717" s="613"/>
      <c r="KXK717" s="613"/>
      <c r="KXL717" s="613"/>
      <c r="KXM717" s="613"/>
      <c r="KXN717" s="613"/>
      <c r="KXO717" s="613"/>
      <c r="KXP717" s="613"/>
      <c r="KXQ717" s="613"/>
      <c r="KXR717" s="613"/>
      <c r="KXS717" s="613"/>
      <c r="KXT717" s="613"/>
      <c r="KXU717" s="613"/>
      <c r="KXV717" s="613"/>
      <c r="KXW717" s="613"/>
      <c r="KXX717" s="613"/>
      <c r="KXY717" s="613"/>
      <c r="KXZ717" s="613"/>
      <c r="KYA717" s="613"/>
      <c r="KYB717" s="613"/>
      <c r="KYC717" s="613"/>
      <c r="KYD717" s="613"/>
      <c r="KYE717" s="613"/>
      <c r="KYF717" s="613"/>
      <c r="KYG717" s="613"/>
      <c r="KYH717" s="613"/>
      <c r="KYI717" s="613"/>
      <c r="KYJ717" s="613"/>
      <c r="KYK717" s="613"/>
      <c r="KYL717" s="613"/>
      <c r="KYM717" s="613"/>
      <c r="KYN717" s="613"/>
      <c r="KYO717" s="613"/>
      <c r="KYP717" s="613"/>
      <c r="KYQ717" s="613"/>
      <c r="KYR717" s="613"/>
      <c r="KYS717" s="613"/>
      <c r="KYT717" s="613"/>
      <c r="KYU717" s="613"/>
      <c r="KYV717" s="613"/>
      <c r="KYW717" s="613"/>
      <c r="KYX717" s="613"/>
      <c r="KYY717" s="613"/>
      <c r="KYZ717" s="613"/>
      <c r="KZA717" s="613"/>
      <c r="KZB717" s="613"/>
      <c r="KZC717" s="613"/>
      <c r="KZD717" s="613"/>
      <c r="KZE717" s="613"/>
      <c r="KZF717" s="613"/>
      <c r="KZG717" s="613"/>
      <c r="KZH717" s="613"/>
      <c r="KZI717" s="613"/>
      <c r="KZJ717" s="613"/>
      <c r="KZK717" s="613"/>
      <c r="KZL717" s="613"/>
      <c r="KZM717" s="613"/>
      <c r="KZN717" s="613"/>
      <c r="KZO717" s="613"/>
      <c r="KZP717" s="613"/>
      <c r="KZQ717" s="613"/>
      <c r="KZR717" s="613"/>
      <c r="KZS717" s="613"/>
      <c r="KZT717" s="613"/>
      <c r="KZU717" s="613"/>
      <c r="KZV717" s="613"/>
      <c r="KZW717" s="613"/>
      <c r="KZX717" s="613"/>
      <c r="KZY717" s="613"/>
      <c r="KZZ717" s="613"/>
      <c r="LAA717" s="613"/>
      <c r="LAB717" s="613"/>
      <c r="LAC717" s="613"/>
      <c r="LAD717" s="613"/>
      <c r="LAE717" s="613"/>
      <c r="LAF717" s="613"/>
      <c r="LAG717" s="613"/>
      <c r="LAH717" s="613"/>
      <c r="LAI717" s="613"/>
      <c r="LAJ717" s="613"/>
      <c r="LAK717" s="613"/>
      <c r="LAL717" s="613"/>
      <c r="LAM717" s="613"/>
      <c r="LAN717" s="613"/>
      <c r="LAO717" s="613"/>
      <c r="LAP717" s="613"/>
      <c r="LAQ717" s="613"/>
      <c r="LAR717" s="613"/>
      <c r="LAS717" s="613"/>
      <c r="LAT717" s="613"/>
      <c r="LAU717" s="613"/>
      <c r="LAV717" s="613"/>
      <c r="LAW717" s="613"/>
      <c r="LAX717" s="613"/>
      <c r="LAY717" s="613"/>
      <c r="LAZ717" s="613"/>
      <c r="LBA717" s="613"/>
      <c r="LBB717" s="613"/>
      <c r="LBC717" s="613"/>
      <c r="LBD717" s="613"/>
      <c r="LBE717" s="613"/>
      <c r="LBF717" s="613"/>
      <c r="LBG717" s="613"/>
      <c r="LBH717" s="613"/>
      <c r="LBI717" s="613"/>
      <c r="LBJ717" s="613"/>
      <c r="LBK717" s="613"/>
      <c r="LBL717" s="613"/>
      <c r="LBM717" s="613"/>
      <c r="LBN717" s="613"/>
      <c r="LBO717" s="613"/>
      <c r="LBP717" s="613"/>
      <c r="LBQ717" s="613"/>
      <c r="LBR717" s="613"/>
      <c r="LBS717" s="613"/>
      <c r="LBT717" s="613"/>
      <c r="LBU717" s="613"/>
      <c r="LBV717" s="613"/>
      <c r="LBW717" s="613"/>
      <c r="LBX717" s="613"/>
      <c r="LBY717" s="613"/>
      <c r="LBZ717" s="613"/>
      <c r="LCA717" s="613"/>
      <c r="LCB717" s="613"/>
      <c r="LCC717" s="613"/>
      <c r="LCD717" s="613"/>
      <c r="LCE717" s="613"/>
      <c r="LCF717" s="613"/>
      <c r="LCG717" s="613"/>
      <c r="LCH717" s="613"/>
      <c r="LCI717" s="613"/>
      <c r="LCJ717" s="613"/>
      <c r="LCK717" s="613"/>
      <c r="LCL717" s="613"/>
      <c r="LCM717" s="613"/>
      <c r="LCN717" s="613"/>
      <c r="LCO717" s="613"/>
      <c r="LCP717" s="613"/>
      <c r="LCQ717" s="613"/>
      <c r="LCR717" s="613"/>
      <c r="LCS717" s="613"/>
      <c r="LCT717" s="613"/>
      <c r="LCU717" s="613"/>
      <c r="LCV717" s="613"/>
      <c r="LCW717" s="613"/>
      <c r="LCX717" s="613"/>
      <c r="LCY717" s="613"/>
      <c r="LCZ717" s="613"/>
      <c r="LDA717" s="613"/>
      <c r="LDB717" s="613"/>
      <c r="LDC717" s="613"/>
      <c r="LDD717" s="613"/>
      <c r="LDE717" s="613"/>
      <c r="LDF717" s="613"/>
      <c r="LDG717" s="613"/>
      <c r="LDH717" s="613"/>
      <c r="LDI717" s="613"/>
      <c r="LDJ717" s="613"/>
      <c r="LDK717" s="613"/>
      <c r="LDL717" s="613"/>
      <c r="LDM717" s="613"/>
      <c r="LDN717" s="613"/>
      <c r="LDO717" s="613"/>
      <c r="LDP717" s="613"/>
      <c r="LDQ717" s="613"/>
      <c r="LDR717" s="613"/>
      <c r="LDS717" s="613"/>
      <c r="LDT717" s="613"/>
      <c r="LDU717" s="613"/>
      <c r="LDV717" s="613"/>
      <c r="LDW717" s="613"/>
      <c r="LDX717" s="613"/>
      <c r="LDY717" s="613"/>
      <c r="LDZ717" s="613"/>
      <c r="LEA717" s="613"/>
      <c r="LEB717" s="613"/>
      <c r="LEC717" s="613"/>
      <c r="LED717" s="613"/>
      <c r="LEE717" s="613"/>
      <c r="LEF717" s="613"/>
      <c r="LEG717" s="613"/>
      <c r="LEH717" s="613"/>
      <c r="LEI717" s="613"/>
      <c r="LEJ717" s="613"/>
      <c r="LEK717" s="613"/>
      <c r="LEL717" s="613"/>
      <c r="LEM717" s="613"/>
      <c r="LEN717" s="613"/>
      <c r="LEO717" s="613"/>
      <c r="LEP717" s="613"/>
      <c r="LEQ717" s="613"/>
      <c r="LER717" s="613"/>
      <c r="LES717" s="613"/>
      <c r="LET717" s="613"/>
      <c r="LEU717" s="613"/>
      <c r="LEV717" s="613"/>
      <c r="LEW717" s="613"/>
      <c r="LEX717" s="613"/>
      <c r="LEY717" s="613"/>
      <c r="LEZ717" s="613"/>
      <c r="LFA717" s="613"/>
      <c r="LFB717" s="613"/>
      <c r="LFC717" s="613"/>
      <c r="LFD717" s="613"/>
      <c r="LFE717" s="613"/>
      <c r="LFF717" s="613"/>
      <c r="LFG717" s="613"/>
      <c r="LFH717" s="613"/>
      <c r="LFI717" s="613"/>
      <c r="LFJ717" s="613"/>
      <c r="LFK717" s="613"/>
      <c r="LFL717" s="613"/>
      <c r="LFM717" s="613"/>
      <c r="LFN717" s="613"/>
      <c r="LFO717" s="613"/>
      <c r="LFP717" s="613"/>
      <c r="LFQ717" s="613"/>
      <c r="LFR717" s="613"/>
      <c r="LFS717" s="613"/>
      <c r="LFT717" s="613"/>
      <c r="LFU717" s="613"/>
      <c r="LFV717" s="613"/>
      <c r="LFW717" s="613"/>
      <c r="LFX717" s="613"/>
      <c r="LFY717" s="613"/>
      <c r="LFZ717" s="613"/>
      <c r="LGA717" s="613"/>
      <c r="LGB717" s="613"/>
      <c r="LGC717" s="613"/>
      <c r="LGD717" s="613"/>
      <c r="LGE717" s="613"/>
      <c r="LGF717" s="613"/>
      <c r="LGG717" s="613"/>
      <c r="LGH717" s="613"/>
      <c r="LGI717" s="613"/>
      <c r="LGJ717" s="613"/>
      <c r="LGK717" s="613"/>
      <c r="LGL717" s="613"/>
      <c r="LGM717" s="613"/>
      <c r="LGN717" s="613"/>
      <c r="LGO717" s="613"/>
      <c r="LGP717" s="613"/>
      <c r="LGQ717" s="613"/>
      <c r="LGR717" s="613"/>
      <c r="LGS717" s="613"/>
      <c r="LGT717" s="613"/>
      <c r="LGU717" s="613"/>
      <c r="LGV717" s="613"/>
      <c r="LGW717" s="613"/>
      <c r="LGX717" s="613"/>
      <c r="LGY717" s="613"/>
      <c r="LGZ717" s="613"/>
      <c r="LHA717" s="613"/>
      <c r="LHB717" s="613"/>
      <c r="LHC717" s="613"/>
      <c r="LHD717" s="613"/>
      <c r="LHE717" s="613"/>
      <c r="LHF717" s="613"/>
      <c r="LHG717" s="613"/>
      <c r="LHH717" s="613"/>
      <c r="LHI717" s="613"/>
      <c r="LHJ717" s="613"/>
      <c r="LHK717" s="613"/>
      <c r="LHL717" s="613"/>
      <c r="LHM717" s="613"/>
      <c r="LHN717" s="613"/>
      <c r="LHO717" s="613"/>
      <c r="LHP717" s="613"/>
      <c r="LHQ717" s="613"/>
      <c r="LHR717" s="613"/>
      <c r="LHS717" s="613"/>
      <c r="LHT717" s="613"/>
      <c r="LHU717" s="613"/>
      <c r="LHV717" s="613"/>
      <c r="LHW717" s="613"/>
      <c r="LHX717" s="613"/>
      <c r="LHY717" s="613"/>
      <c r="LHZ717" s="613"/>
      <c r="LIA717" s="613"/>
      <c r="LIB717" s="613"/>
      <c r="LIC717" s="613"/>
      <c r="LID717" s="613"/>
      <c r="LIE717" s="613"/>
      <c r="LIF717" s="613"/>
      <c r="LIG717" s="613"/>
      <c r="LIH717" s="613"/>
      <c r="LII717" s="613"/>
      <c r="LIJ717" s="613"/>
      <c r="LIK717" s="613"/>
      <c r="LIL717" s="613"/>
      <c r="LIM717" s="613"/>
      <c r="LIN717" s="613"/>
      <c r="LIO717" s="613"/>
      <c r="LIP717" s="613"/>
      <c r="LIQ717" s="613"/>
      <c r="LIR717" s="613"/>
      <c r="LIS717" s="613"/>
      <c r="LIT717" s="613"/>
      <c r="LIU717" s="613"/>
      <c r="LIV717" s="613"/>
      <c r="LIW717" s="613"/>
      <c r="LIX717" s="613"/>
      <c r="LIY717" s="613"/>
      <c r="LIZ717" s="613"/>
      <c r="LJA717" s="613"/>
      <c r="LJB717" s="613"/>
      <c r="LJC717" s="613"/>
      <c r="LJD717" s="613"/>
      <c r="LJE717" s="613"/>
      <c r="LJF717" s="613"/>
      <c r="LJG717" s="613"/>
      <c r="LJH717" s="613"/>
      <c r="LJI717" s="613"/>
      <c r="LJJ717" s="613"/>
      <c r="LJK717" s="613"/>
      <c r="LJL717" s="613"/>
      <c r="LJM717" s="613"/>
      <c r="LJN717" s="613"/>
      <c r="LJO717" s="613"/>
      <c r="LJP717" s="613"/>
      <c r="LJQ717" s="613"/>
      <c r="LJR717" s="613"/>
      <c r="LJS717" s="613"/>
      <c r="LJT717" s="613"/>
      <c r="LJU717" s="613"/>
      <c r="LJV717" s="613"/>
      <c r="LJW717" s="613"/>
      <c r="LJX717" s="613"/>
      <c r="LJY717" s="613"/>
      <c r="LJZ717" s="613"/>
      <c r="LKA717" s="613"/>
      <c r="LKB717" s="613"/>
      <c r="LKC717" s="613"/>
      <c r="LKD717" s="613"/>
      <c r="LKE717" s="613"/>
      <c r="LKF717" s="613"/>
      <c r="LKG717" s="613"/>
      <c r="LKH717" s="613"/>
      <c r="LKI717" s="613"/>
      <c r="LKJ717" s="613"/>
      <c r="LKK717" s="613"/>
      <c r="LKL717" s="613"/>
      <c r="LKM717" s="613"/>
      <c r="LKN717" s="613"/>
      <c r="LKO717" s="613"/>
      <c r="LKP717" s="613"/>
      <c r="LKQ717" s="613"/>
      <c r="LKR717" s="613"/>
      <c r="LKS717" s="613"/>
      <c r="LKT717" s="613"/>
      <c r="LKU717" s="613"/>
      <c r="LKV717" s="613"/>
      <c r="LKW717" s="613"/>
      <c r="LKX717" s="613"/>
      <c r="LKY717" s="613"/>
      <c r="LKZ717" s="613"/>
      <c r="LLA717" s="613"/>
      <c r="LLB717" s="613"/>
      <c r="LLC717" s="613"/>
      <c r="LLD717" s="613"/>
      <c r="LLE717" s="613"/>
      <c r="LLF717" s="613"/>
      <c r="LLG717" s="613"/>
      <c r="LLH717" s="613"/>
      <c r="LLI717" s="613"/>
      <c r="LLJ717" s="613"/>
      <c r="LLK717" s="613"/>
      <c r="LLL717" s="613"/>
      <c r="LLM717" s="613"/>
      <c r="LLN717" s="613"/>
      <c r="LLO717" s="613"/>
      <c r="LLP717" s="613"/>
      <c r="LLQ717" s="613"/>
      <c r="LLR717" s="613"/>
      <c r="LLS717" s="613"/>
      <c r="LLT717" s="613"/>
      <c r="LLU717" s="613"/>
      <c r="LLV717" s="613"/>
      <c r="LLW717" s="613"/>
      <c r="LLX717" s="613"/>
      <c r="LLY717" s="613"/>
      <c r="LLZ717" s="613"/>
      <c r="LMA717" s="613"/>
      <c r="LMB717" s="613"/>
      <c r="LMC717" s="613"/>
      <c r="LMD717" s="613"/>
      <c r="LME717" s="613"/>
      <c r="LMF717" s="613"/>
      <c r="LMG717" s="613"/>
      <c r="LMH717" s="613"/>
      <c r="LMI717" s="613"/>
      <c r="LMJ717" s="613"/>
      <c r="LMK717" s="613"/>
      <c r="LML717" s="613"/>
      <c r="LMM717" s="613"/>
      <c r="LMN717" s="613"/>
      <c r="LMO717" s="613"/>
      <c r="LMP717" s="613"/>
      <c r="LMQ717" s="613"/>
      <c r="LMR717" s="613"/>
      <c r="LMS717" s="613"/>
      <c r="LMT717" s="613"/>
      <c r="LMU717" s="613"/>
      <c r="LMV717" s="613"/>
      <c r="LMW717" s="613"/>
      <c r="LMX717" s="613"/>
      <c r="LMY717" s="613"/>
      <c r="LMZ717" s="613"/>
      <c r="LNA717" s="613"/>
      <c r="LNB717" s="613"/>
      <c r="LNC717" s="613"/>
      <c r="LND717" s="613"/>
      <c r="LNE717" s="613"/>
      <c r="LNF717" s="613"/>
      <c r="LNG717" s="613"/>
      <c r="LNH717" s="613"/>
      <c r="LNI717" s="613"/>
      <c r="LNJ717" s="613"/>
      <c r="LNK717" s="613"/>
      <c r="LNL717" s="613"/>
      <c r="LNM717" s="613"/>
      <c r="LNN717" s="613"/>
      <c r="LNO717" s="613"/>
      <c r="LNP717" s="613"/>
      <c r="LNQ717" s="613"/>
      <c r="LNR717" s="613"/>
      <c r="LNS717" s="613"/>
      <c r="LNT717" s="613"/>
      <c r="LNU717" s="613"/>
      <c r="LNV717" s="613"/>
      <c r="LNW717" s="613"/>
      <c r="LNX717" s="613"/>
      <c r="LNY717" s="613"/>
      <c r="LNZ717" s="613"/>
      <c r="LOA717" s="613"/>
      <c r="LOB717" s="613"/>
      <c r="LOC717" s="613"/>
      <c r="LOD717" s="613"/>
      <c r="LOE717" s="613"/>
      <c r="LOF717" s="613"/>
      <c r="LOG717" s="613"/>
      <c r="LOH717" s="613"/>
      <c r="LOI717" s="613"/>
      <c r="LOJ717" s="613"/>
      <c r="LOK717" s="613"/>
      <c r="LOL717" s="613"/>
      <c r="LOM717" s="613"/>
      <c r="LON717" s="613"/>
      <c r="LOO717" s="613"/>
      <c r="LOP717" s="613"/>
      <c r="LOQ717" s="613"/>
      <c r="LOR717" s="613"/>
      <c r="LOS717" s="613"/>
      <c r="LOT717" s="613"/>
      <c r="LOU717" s="613"/>
      <c r="LOV717" s="613"/>
      <c r="LOW717" s="613"/>
      <c r="LOX717" s="613"/>
      <c r="LOY717" s="613"/>
      <c r="LOZ717" s="613"/>
      <c r="LPA717" s="613"/>
      <c r="LPB717" s="613"/>
      <c r="LPC717" s="613"/>
      <c r="LPD717" s="613"/>
      <c r="LPE717" s="613"/>
      <c r="LPF717" s="613"/>
      <c r="LPG717" s="613"/>
      <c r="LPH717" s="613"/>
      <c r="LPI717" s="613"/>
      <c r="LPJ717" s="613"/>
      <c r="LPK717" s="613"/>
      <c r="LPL717" s="613"/>
      <c r="LPM717" s="613"/>
      <c r="LPN717" s="613"/>
      <c r="LPO717" s="613"/>
      <c r="LPP717" s="613"/>
      <c r="LPQ717" s="613"/>
      <c r="LPR717" s="613"/>
      <c r="LPS717" s="613"/>
      <c r="LPT717" s="613"/>
      <c r="LPU717" s="613"/>
      <c r="LPV717" s="613"/>
      <c r="LPW717" s="613"/>
      <c r="LPX717" s="613"/>
      <c r="LPY717" s="613"/>
      <c r="LPZ717" s="613"/>
      <c r="LQA717" s="613"/>
      <c r="LQB717" s="613"/>
      <c r="LQC717" s="613"/>
      <c r="LQD717" s="613"/>
      <c r="LQE717" s="613"/>
      <c r="LQF717" s="613"/>
      <c r="LQG717" s="613"/>
      <c r="LQH717" s="613"/>
      <c r="LQI717" s="613"/>
      <c r="LQJ717" s="613"/>
      <c r="LQK717" s="613"/>
      <c r="LQL717" s="613"/>
      <c r="LQM717" s="613"/>
      <c r="LQN717" s="613"/>
      <c r="LQO717" s="613"/>
      <c r="LQP717" s="613"/>
      <c r="LQQ717" s="613"/>
      <c r="LQR717" s="613"/>
      <c r="LQS717" s="613"/>
      <c r="LQT717" s="613"/>
      <c r="LQU717" s="613"/>
      <c r="LQV717" s="613"/>
      <c r="LQW717" s="613"/>
      <c r="LQX717" s="613"/>
      <c r="LQY717" s="613"/>
      <c r="LQZ717" s="613"/>
      <c r="LRA717" s="613"/>
      <c r="LRB717" s="613"/>
      <c r="LRC717" s="613"/>
      <c r="LRD717" s="613"/>
      <c r="LRE717" s="613"/>
      <c r="LRF717" s="613"/>
      <c r="LRG717" s="613"/>
      <c r="LRH717" s="613"/>
      <c r="LRI717" s="613"/>
      <c r="LRJ717" s="613"/>
      <c r="LRK717" s="613"/>
      <c r="LRL717" s="613"/>
      <c r="LRM717" s="613"/>
      <c r="LRN717" s="613"/>
      <c r="LRO717" s="613"/>
      <c r="LRP717" s="613"/>
      <c r="LRQ717" s="613"/>
      <c r="LRR717" s="613"/>
      <c r="LRS717" s="613"/>
      <c r="LRT717" s="613"/>
      <c r="LRU717" s="613"/>
      <c r="LRV717" s="613"/>
      <c r="LRW717" s="613"/>
      <c r="LRX717" s="613"/>
      <c r="LRY717" s="613"/>
      <c r="LRZ717" s="613"/>
      <c r="LSA717" s="613"/>
      <c r="LSB717" s="613"/>
      <c r="LSC717" s="613"/>
      <c r="LSD717" s="613"/>
      <c r="LSE717" s="613"/>
      <c r="LSF717" s="613"/>
      <c r="LSG717" s="613"/>
      <c r="LSH717" s="613"/>
      <c r="LSI717" s="613"/>
      <c r="LSJ717" s="613"/>
      <c r="LSK717" s="613"/>
      <c r="LSL717" s="613"/>
      <c r="LSM717" s="613"/>
      <c r="LSN717" s="613"/>
      <c r="LSO717" s="613"/>
      <c r="LSP717" s="613"/>
      <c r="LSQ717" s="613"/>
      <c r="LSR717" s="613"/>
      <c r="LSS717" s="613"/>
      <c r="LST717" s="613"/>
      <c r="LSU717" s="613"/>
      <c r="LSV717" s="613"/>
      <c r="LSW717" s="613"/>
      <c r="LSX717" s="613"/>
      <c r="LSY717" s="613"/>
      <c r="LSZ717" s="613"/>
      <c r="LTA717" s="613"/>
      <c r="LTB717" s="613"/>
      <c r="LTC717" s="613"/>
      <c r="LTD717" s="613"/>
      <c r="LTE717" s="613"/>
      <c r="LTF717" s="613"/>
      <c r="LTG717" s="613"/>
      <c r="LTH717" s="613"/>
      <c r="LTI717" s="613"/>
      <c r="LTJ717" s="613"/>
      <c r="LTK717" s="613"/>
      <c r="LTL717" s="613"/>
      <c r="LTM717" s="613"/>
      <c r="LTN717" s="613"/>
      <c r="LTO717" s="613"/>
      <c r="LTP717" s="613"/>
      <c r="LTQ717" s="613"/>
      <c r="LTR717" s="613"/>
      <c r="LTS717" s="613"/>
      <c r="LTT717" s="613"/>
      <c r="LTU717" s="613"/>
      <c r="LTV717" s="613"/>
      <c r="LTW717" s="613"/>
      <c r="LTX717" s="613"/>
      <c r="LTY717" s="613"/>
      <c r="LTZ717" s="613"/>
      <c r="LUA717" s="613"/>
      <c r="LUB717" s="613"/>
      <c r="LUC717" s="613"/>
      <c r="LUD717" s="613"/>
      <c r="LUE717" s="613"/>
      <c r="LUF717" s="613"/>
      <c r="LUG717" s="613"/>
      <c r="LUH717" s="613"/>
      <c r="LUI717" s="613"/>
      <c r="LUJ717" s="613"/>
      <c r="LUK717" s="613"/>
      <c r="LUL717" s="613"/>
      <c r="LUM717" s="613"/>
      <c r="LUN717" s="613"/>
      <c r="LUO717" s="613"/>
      <c r="LUP717" s="613"/>
      <c r="LUQ717" s="613"/>
      <c r="LUR717" s="613"/>
      <c r="LUS717" s="613"/>
      <c r="LUT717" s="613"/>
      <c r="LUU717" s="613"/>
      <c r="LUV717" s="613"/>
      <c r="LUW717" s="613"/>
      <c r="LUX717" s="613"/>
      <c r="LUY717" s="613"/>
      <c r="LUZ717" s="613"/>
      <c r="LVA717" s="613"/>
      <c r="LVB717" s="613"/>
      <c r="LVC717" s="613"/>
      <c r="LVD717" s="613"/>
      <c r="LVE717" s="613"/>
      <c r="LVF717" s="613"/>
      <c r="LVG717" s="613"/>
      <c r="LVH717" s="613"/>
      <c r="LVI717" s="613"/>
      <c r="LVJ717" s="613"/>
      <c r="LVK717" s="613"/>
      <c r="LVL717" s="613"/>
      <c r="LVM717" s="613"/>
      <c r="LVN717" s="613"/>
      <c r="LVO717" s="613"/>
      <c r="LVP717" s="613"/>
      <c r="LVQ717" s="613"/>
      <c r="LVR717" s="613"/>
      <c r="LVS717" s="613"/>
      <c r="LVT717" s="613"/>
      <c r="LVU717" s="613"/>
      <c r="LVV717" s="613"/>
      <c r="LVW717" s="613"/>
      <c r="LVX717" s="613"/>
      <c r="LVY717" s="613"/>
      <c r="LVZ717" s="613"/>
      <c r="LWA717" s="613"/>
      <c r="LWB717" s="613"/>
      <c r="LWC717" s="613"/>
      <c r="LWD717" s="613"/>
      <c r="LWE717" s="613"/>
      <c r="LWF717" s="613"/>
      <c r="LWG717" s="613"/>
      <c r="LWH717" s="613"/>
      <c r="LWI717" s="613"/>
      <c r="LWJ717" s="613"/>
      <c r="LWK717" s="613"/>
      <c r="LWL717" s="613"/>
      <c r="LWM717" s="613"/>
      <c r="LWN717" s="613"/>
      <c r="LWO717" s="613"/>
      <c r="LWP717" s="613"/>
      <c r="LWQ717" s="613"/>
      <c r="LWR717" s="613"/>
      <c r="LWS717" s="613"/>
      <c r="LWT717" s="613"/>
      <c r="LWU717" s="613"/>
      <c r="LWV717" s="613"/>
      <c r="LWW717" s="613"/>
      <c r="LWX717" s="613"/>
      <c r="LWY717" s="613"/>
      <c r="LWZ717" s="613"/>
      <c r="LXA717" s="613"/>
      <c r="LXB717" s="613"/>
      <c r="LXC717" s="613"/>
      <c r="LXD717" s="613"/>
      <c r="LXE717" s="613"/>
      <c r="LXF717" s="613"/>
      <c r="LXG717" s="613"/>
      <c r="LXH717" s="613"/>
      <c r="LXI717" s="613"/>
      <c r="LXJ717" s="613"/>
      <c r="LXK717" s="613"/>
      <c r="LXL717" s="613"/>
      <c r="LXM717" s="613"/>
      <c r="LXN717" s="613"/>
      <c r="LXO717" s="613"/>
      <c r="LXP717" s="613"/>
      <c r="LXQ717" s="613"/>
      <c r="LXR717" s="613"/>
      <c r="LXS717" s="613"/>
      <c r="LXT717" s="613"/>
      <c r="LXU717" s="613"/>
      <c r="LXV717" s="613"/>
      <c r="LXW717" s="613"/>
      <c r="LXX717" s="613"/>
      <c r="LXY717" s="613"/>
      <c r="LXZ717" s="613"/>
      <c r="LYA717" s="613"/>
      <c r="LYB717" s="613"/>
      <c r="LYC717" s="613"/>
      <c r="LYD717" s="613"/>
      <c r="LYE717" s="613"/>
      <c r="LYF717" s="613"/>
      <c r="LYG717" s="613"/>
      <c r="LYH717" s="613"/>
      <c r="LYI717" s="613"/>
      <c r="LYJ717" s="613"/>
      <c r="LYK717" s="613"/>
      <c r="LYL717" s="613"/>
      <c r="LYM717" s="613"/>
      <c r="LYN717" s="613"/>
      <c r="LYO717" s="613"/>
      <c r="LYP717" s="613"/>
      <c r="LYQ717" s="613"/>
      <c r="LYR717" s="613"/>
      <c r="LYS717" s="613"/>
      <c r="LYT717" s="613"/>
      <c r="LYU717" s="613"/>
      <c r="LYV717" s="613"/>
      <c r="LYW717" s="613"/>
      <c r="LYX717" s="613"/>
      <c r="LYY717" s="613"/>
      <c r="LYZ717" s="613"/>
      <c r="LZA717" s="613"/>
      <c r="LZB717" s="613"/>
      <c r="LZC717" s="613"/>
      <c r="LZD717" s="613"/>
      <c r="LZE717" s="613"/>
      <c r="LZF717" s="613"/>
      <c r="LZG717" s="613"/>
      <c r="LZH717" s="613"/>
      <c r="LZI717" s="613"/>
      <c r="LZJ717" s="613"/>
      <c r="LZK717" s="613"/>
      <c r="LZL717" s="613"/>
      <c r="LZM717" s="613"/>
      <c r="LZN717" s="613"/>
      <c r="LZO717" s="613"/>
      <c r="LZP717" s="613"/>
      <c r="LZQ717" s="613"/>
      <c r="LZR717" s="613"/>
      <c r="LZS717" s="613"/>
      <c r="LZT717" s="613"/>
      <c r="LZU717" s="613"/>
      <c r="LZV717" s="613"/>
      <c r="LZW717" s="613"/>
      <c r="LZX717" s="613"/>
      <c r="LZY717" s="613"/>
      <c r="LZZ717" s="613"/>
      <c r="MAA717" s="613"/>
      <c r="MAB717" s="613"/>
      <c r="MAC717" s="613"/>
      <c r="MAD717" s="613"/>
      <c r="MAE717" s="613"/>
      <c r="MAF717" s="613"/>
      <c r="MAG717" s="613"/>
      <c r="MAH717" s="613"/>
      <c r="MAI717" s="613"/>
      <c r="MAJ717" s="613"/>
      <c r="MAK717" s="613"/>
      <c r="MAL717" s="613"/>
      <c r="MAM717" s="613"/>
      <c r="MAN717" s="613"/>
      <c r="MAO717" s="613"/>
      <c r="MAP717" s="613"/>
      <c r="MAQ717" s="613"/>
      <c r="MAR717" s="613"/>
      <c r="MAS717" s="613"/>
      <c r="MAT717" s="613"/>
      <c r="MAU717" s="613"/>
      <c r="MAV717" s="613"/>
      <c r="MAW717" s="613"/>
      <c r="MAX717" s="613"/>
      <c r="MAY717" s="613"/>
      <c r="MAZ717" s="613"/>
      <c r="MBA717" s="613"/>
      <c r="MBB717" s="613"/>
      <c r="MBC717" s="613"/>
      <c r="MBD717" s="613"/>
      <c r="MBE717" s="613"/>
      <c r="MBF717" s="613"/>
      <c r="MBG717" s="613"/>
      <c r="MBH717" s="613"/>
      <c r="MBI717" s="613"/>
      <c r="MBJ717" s="613"/>
      <c r="MBK717" s="613"/>
      <c r="MBL717" s="613"/>
      <c r="MBM717" s="613"/>
      <c r="MBN717" s="613"/>
      <c r="MBO717" s="613"/>
      <c r="MBP717" s="613"/>
      <c r="MBQ717" s="613"/>
      <c r="MBR717" s="613"/>
      <c r="MBS717" s="613"/>
      <c r="MBT717" s="613"/>
      <c r="MBU717" s="613"/>
      <c r="MBV717" s="613"/>
      <c r="MBW717" s="613"/>
      <c r="MBX717" s="613"/>
      <c r="MBY717" s="613"/>
      <c r="MBZ717" s="613"/>
      <c r="MCA717" s="613"/>
      <c r="MCB717" s="613"/>
      <c r="MCC717" s="613"/>
      <c r="MCD717" s="613"/>
      <c r="MCE717" s="613"/>
      <c r="MCF717" s="613"/>
      <c r="MCG717" s="613"/>
      <c r="MCH717" s="613"/>
      <c r="MCI717" s="613"/>
      <c r="MCJ717" s="613"/>
      <c r="MCK717" s="613"/>
      <c r="MCL717" s="613"/>
      <c r="MCM717" s="613"/>
      <c r="MCN717" s="613"/>
      <c r="MCO717" s="613"/>
      <c r="MCP717" s="613"/>
      <c r="MCQ717" s="613"/>
      <c r="MCR717" s="613"/>
      <c r="MCS717" s="613"/>
      <c r="MCT717" s="613"/>
      <c r="MCU717" s="613"/>
      <c r="MCV717" s="613"/>
      <c r="MCW717" s="613"/>
      <c r="MCX717" s="613"/>
      <c r="MCY717" s="613"/>
      <c r="MCZ717" s="613"/>
      <c r="MDA717" s="613"/>
      <c r="MDB717" s="613"/>
      <c r="MDC717" s="613"/>
      <c r="MDD717" s="613"/>
      <c r="MDE717" s="613"/>
      <c r="MDF717" s="613"/>
      <c r="MDG717" s="613"/>
      <c r="MDH717" s="613"/>
      <c r="MDI717" s="613"/>
      <c r="MDJ717" s="613"/>
      <c r="MDK717" s="613"/>
      <c r="MDL717" s="613"/>
      <c r="MDM717" s="613"/>
      <c r="MDN717" s="613"/>
      <c r="MDO717" s="613"/>
      <c r="MDP717" s="613"/>
      <c r="MDQ717" s="613"/>
      <c r="MDR717" s="613"/>
      <c r="MDS717" s="613"/>
      <c r="MDT717" s="613"/>
      <c r="MDU717" s="613"/>
      <c r="MDV717" s="613"/>
      <c r="MDW717" s="613"/>
      <c r="MDX717" s="613"/>
      <c r="MDY717" s="613"/>
      <c r="MDZ717" s="613"/>
      <c r="MEA717" s="613"/>
      <c r="MEB717" s="613"/>
      <c r="MEC717" s="613"/>
      <c r="MED717" s="613"/>
      <c r="MEE717" s="613"/>
      <c r="MEF717" s="613"/>
      <c r="MEG717" s="613"/>
      <c r="MEH717" s="613"/>
      <c r="MEI717" s="613"/>
      <c r="MEJ717" s="613"/>
      <c r="MEK717" s="613"/>
      <c r="MEL717" s="613"/>
      <c r="MEM717" s="613"/>
      <c r="MEN717" s="613"/>
      <c r="MEO717" s="613"/>
      <c r="MEP717" s="613"/>
      <c r="MEQ717" s="613"/>
      <c r="MER717" s="613"/>
      <c r="MES717" s="613"/>
      <c r="MET717" s="613"/>
      <c r="MEU717" s="613"/>
      <c r="MEV717" s="613"/>
      <c r="MEW717" s="613"/>
      <c r="MEX717" s="613"/>
      <c r="MEY717" s="613"/>
      <c r="MEZ717" s="613"/>
      <c r="MFA717" s="613"/>
      <c r="MFB717" s="613"/>
      <c r="MFC717" s="613"/>
      <c r="MFD717" s="613"/>
      <c r="MFE717" s="613"/>
      <c r="MFF717" s="613"/>
      <c r="MFG717" s="613"/>
      <c r="MFH717" s="613"/>
      <c r="MFI717" s="613"/>
      <c r="MFJ717" s="613"/>
      <c r="MFK717" s="613"/>
      <c r="MFL717" s="613"/>
      <c r="MFM717" s="613"/>
      <c r="MFN717" s="613"/>
      <c r="MFO717" s="613"/>
      <c r="MFP717" s="613"/>
      <c r="MFQ717" s="613"/>
      <c r="MFR717" s="613"/>
      <c r="MFS717" s="613"/>
      <c r="MFT717" s="613"/>
      <c r="MFU717" s="613"/>
      <c r="MFV717" s="613"/>
      <c r="MFW717" s="613"/>
      <c r="MFX717" s="613"/>
      <c r="MFY717" s="613"/>
      <c r="MFZ717" s="613"/>
      <c r="MGA717" s="613"/>
      <c r="MGB717" s="613"/>
      <c r="MGC717" s="613"/>
      <c r="MGD717" s="613"/>
      <c r="MGE717" s="613"/>
      <c r="MGF717" s="613"/>
      <c r="MGG717" s="613"/>
      <c r="MGH717" s="613"/>
      <c r="MGI717" s="613"/>
      <c r="MGJ717" s="613"/>
      <c r="MGK717" s="613"/>
      <c r="MGL717" s="613"/>
      <c r="MGM717" s="613"/>
      <c r="MGN717" s="613"/>
      <c r="MGO717" s="613"/>
      <c r="MGP717" s="613"/>
      <c r="MGQ717" s="613"/>
      <c r="MGR717" s="613"/>
      <c r="MGS717" s="613"/>
      <c r="MGT717" s="613"/>
      <c r="MGU717" s="613"/>
      <c r="MGV717" s="613"/>
      <c r="MGW717" s="613"/>
      <c r="MGX717" s="613"/>
      <c r="MGY717" s="613"/>
      <c r="MGZ717" s="613"/>
      <c r="MHA717" s="613"/>
      <c r="MHB717" s="613"/>
      <c r="MHC717" s="613"/>
      <c r="MHD717" s="613"/>
      <c r="MHE717" s="613"/>
      <c r="MHF717" s="613"/>
      <c r="MHG717" s="613"/>
      <c r="MHH717" s="613"/>
      <c r="MHI717" s="613"/>
      <c r="MHJ717" s="613"/>
      <c r="MHK717" s="613"/>
      <c r="MHL717" s="613"/>
      <c r="MHM717" s="613"/>
      <c r="MHN717" s="613"/>
      <c r="MHO717" s="613"/>
      <c r="MHP717" s="613"/>
      <c r="MHQ717" s="613"/>
      <c r="MHR717" s="613"/>
      <c r="MHS717" s="613"/>
      <c r="MHT717" s="613"/>
      <c r="MHU717" s="613"/>
      <c r="MHV717" s="613"/>
      <c r="MHW717" s="613"/>
      <c r="MHX717" s="613"/>
      <c r="MHY717" s="613"/>
      <c r="MHZ717" s="613"/>
      <c r="MIA717" s="613"/>
      <c r="MIB717" s="613"/>
      <c r="MIC717" s="613"/>
      <c r="MID717" s="613"/>
      <c r="MIE717" s="613"/>
      <c r="MIF717" s="613"/>
      <c r="MIG717" s="613"/>
      <c r="MIH717" s="613"/>
      <c r="MII717" s="613"/>
      <c r="MIJ717" s="613"/>
      <c r="MIK717" s="613"/>
      <c r="MIL717" s="613"/>
      <c r="MIM717" s="613"/>
      <c r="MIN717" s="613"/>
      <c r="MIO717" s="613"/>
      <c r="MIP717" s="613"/>
      <c r="MIQ717" s="613"/>
      <c r="MIR717" s="613"/>
      <c r="MIS717" s="613"/>
      <c r="MIT717" s="613"/>
      <c r="MIU717" s="613"/>
      <c r="MIV717" s="613"/>
      <c r="MIW717" s="613"/>
      <c r="MIX717" s="613"/>
      <c r="MIY717" s="613"/>
      <c r="MIZ717" s="613"/>
      <c r="MJA717" s="613"/>
      <c r="MJB717" s="613"/>
      <c r="MJC717" s="613"/>
      <c r="MJD717" s="613"/>
      <c r="MJE717" s="613"/>
      <c r="MJF717" s="613"/>
      <c r="MJG717" s="613"/>
      <c r="MJH717" s="613"/>
      <c r="MJI717" s="613"/>
      <c r="MJJ717" s="613"/>
      <c r="MJK717" s="613"/>
      <c r="MJL717" s="613"/>
      <c r="MJM717" s="613"/>
      <c r="MJN717" s="613"/>
      <c r="MJO717" s="613"/>
      <c r="MJP717" s="613"/>
      <c r="MJQ717" s="613"/>
      <c r="MJR717" s="613"/>
      <c r="MJS717" s="613"/>
      <c r="MJT717" s="613"/>
      <c r="MJU717" s="613"/>
      <c r="MJV717" s="613"/>
      <c r="MJW717" s="613"/>
      <c r="MJX717" s="613"/>
      <c r="MJY717" s="613"/>
      <c r="MJZ717" s="613"/>
      <c r="MKA717" s="613"/>
      <c r="MKB717" s="613"/>
      <c r="MKC717" s="613"/>
      <c r="MKD717" s="613"/>
      <c r="MKE717" s="613"/>
      <c r="MKF717" s="613"/>
      <c r="MKG717" s="613"/>
      <c r="MKH717" s="613"/>
      <c r="MKI717" s="613"/>
      <c r="MKJ717" s="613"/>
      <c r="MKK717" s="613"/>
      <c r="MKL717" s="613"/>
      <c r="MKM717" s="613"/>
      <c r="MKN717" s="613"/>
      <c r="MKO717" s="613"/>
      <c r="MKP717" s="613"/>
      <c r="MKQ717" s="613"/>
      <c r="MKR717" s="613"/>
      <c r="MKS717" s="613"/>
      <c r="MKT717" s="613"/>
      <c r="MKU717" s="613"/>
      <c r="MKV717" s="613"/>
      <c r="MKW717" s="613"/>
      <c r="MKX717" s="613"/>
      <c r="MKY717" s="613"/>
      <c r="MKZ717" s="613"/>
      <c r="MLA717" s="613"/>
      <c r="MLB717" s="613"/>
      <c r="MLC717" s="613"/>
      <c r="MLD717" s="613"/>
      <c r="MLE717" s="613"/>
      <c r="MLF717" s="613"/>
      <c r="MLG717" s="613"/>
      <c r="MLH717" s="613"/>
      <c r="MLI717" s="613"/>
      <c r="MLJ717" s="613"/>
      <c r="MLK717" s="613"/>
      <c r="MLL717" s="613"/>
      <c r="MLM717" s="613"/>
      <c r="MLN717" s="613"/>
      <c r="MLO717" s="613"/>
      <c r="MLP717" s="613"/>
      <c r="MLQ717" s="613"/>
      <c r="MLR717" s="613"/>
      <c r="MLS717" s="613"/>
      <c r="MLT717" s="613"/>
      <c r="MLU717" s="613"/>
      <c r="MLV717" s="613"/>
      <c r="MLW717" s="613"/>
      <c r="MLX717" s="613"/>
      <c r="MLY717" s="613"/>
      <c r="MLZ717" s="613"/>
      <c r="MMA717" s="613"/>
      <c r="MMB717" s="613"/>
      <c r="MMC717" s="613"/>
      <c r="MMD717" s="613"/>
      <c r="MME717" s="613"/>
      <c r="MMF717" s="613"/>
      <c r="MMG717" s="613"/>
      <c r="MMH717" s="613"/>
      <c r="MMI717" s="613"/>
      <c r="MMJ717" s="613"/>
      <c r="MMK717" s="613"/>
      <c r="MML717" s="613"/>
      <c r="MMM717" s="613"/>
      <c r="MMN717" s="613"/>
      <c r="MMO717" s="613"/>
      <c r="MMP717" s="613"/>
      <c r="MMQ717" s="613"/>
      <c r="MMR717" s="613"/>
      <c r="MMS717" s="613"/>
      <c r="MMT717" s="613"/>
      <c r="MMU717" s="613"/>
      <c r="MMV717" s="613"/>
      <c r="MMW717" s="613"/>
      <c r="MMX717" s="613"/>
      <c r="MMY717" s="613"/>
      <c r="MMZ717" s="613"/>
      <c r="MNA717" s="613"/>
      <c r="MNB717" s="613"/>
      <c r="MNC717" s="613"/>
      <c r="MND717" s="613"/>
      <c r="MNE717" s="613"/>
      <c r="MNF717" s="613"/>
      <c r="MNG717" s="613"/>
      <c r="MNH717" s="613"/>
      <c r="MNI717" s="613"/>
      <c r="MNJ717" s="613"/>
      <c r="MNK717" s="613"/>
      <c r="MNL717" s="613"/>
      <c r="MNM717" s="613"/>
      <c r="MNN717" s="613"/>
      <c r="MNO717" s="613"/>
      <c r="MNP717" s="613"/>
      <c r="MNQ717" s="613"/>
      <c r="MNR717" s="613"/>
      <c r="MNS717" s="613"/>
      <c r="MNT717" s="613"/>
      <c r="MNU717" s="613"/>
      <c r="MNV717" s="613"/>
      <c r="MNW717" s="613"/>
      <c r="MNX717" s="613"/>
      <c r="MNY717" s="613"/>
      <c r="MNZ717" s="613"/>
      <c r="MOA717" s="613"/>
      <c r="MOB717" s="613"/>
      <c r="MOC717" s="613"/>
      <c r="MOD717" s="613"/>
      <c r="MOE717" s="613"/>
      <c r="MOF717" s="613"/>
      <c r="MOG717" s="613"/>
      <c r="MOH717" s="613"/>
      <c r="MOI717" s="613"/>
      <c r="MOJ717" s="613"/>
      <c r="MOK717" s="613"/>
      <c r="MOL717" s="613"/>
      <c r="MOM717" s="613"/>
      <c r="MON717" s="613"/>
      <c r="MOO717" s="613"/>
      <c r="MOP717" s="613"/>
      <c r="MOQ717" s="613"/>
      <c r="MOR717" s="613"/>
      <c r="MOS717" s="613"/>
      <c r="MOT717" s="613"/>
      <c r="MOU717" s="613"/>
      <c r="MOV717" s="613"/>
      <c r="MOW717" s="613"/>
      <c r="MOX717" s="613"/>
      <c r="MOY717" s="613"/>
      <c r="MOZ717" s="613"/>
      <c r="MPA717" s="613"/>
      <c r="MPB717" s="613"/>
      <c r="MPC717" s="613"/>
      <c r="MPD717" s="613"/>
      <c r="MPE717" s="613"/>
      <c r="MPF717" s="613"/>
      <c r="MPG717" s="613"/>
      <c r="MPH717" s="613"/>
      <c r="MPI717" s="613"/>
      <c r="MPJ717" s="613"/>
      <c r="MPK717" s="613"/>
      <c r="MPL717" s="613"/>
      <c r="MPM717" s="613"/>
      <c r="MPN717" s="613"/>
      <c r="MPO717" s="613"/>
      <c r="MPP717" s="613"/>
      <c r="MPQ717" s="613"/>
      <c r="MPR717" s="613"/>
      <c r="MPS717" s="613"/>
      <c r="MPT717" s="613"/>
      <c r="MPU717" s="613"/>
      <c r="MPV717" s="613"/>
      <c r="MPW717" s="613"/>
      <c r="MPX717" s="613"/>
      <c r="MPY717" s="613"/>
      <c r="MPZ717" s="613"/>
      <c r="MQA717" s="613"/>
      <c r="MQB717" s="613"/>
      <c r="MQC717" s="613"/>
      <c r="MQD717" s="613"/>
      <c r="MQE717" s="613"/>
      <c r="MQF717" s="613"/>
      <c r="MQG717" s="613"/>
      <c r="MQH717" s="613"/>
      <c r="MQI717" s="613"/>
      <c r="MQJ717" s="613"/>
      <c r="MQK717" s="613"/>
      <c r="MQL717" s="613"/>
      <c r="MQM717" s="613"/>
      <c r="MQN717" s="613"/>
      <c r="MQO717" s="613"/>
      <c r="MQP717" s="613"/>
      <c r="MQQ717" s="613"/>
      <c r="MQR717" s="613"/>
      <c r="MQS717" s="613"/>
      <c r="MQT717" s="613"/>
      <c r="MQU717" s="613"/>
      <c r="MQV717" s="613"/>
      <c r="MQW717" s="613"/>
      <c r="MQX717" s="613"/>
      <c r="MQY717" s="613"/>
      <c r="MQZ717" s="613"/>
      <c r="MRA717" s="613"/>
      <c r="MRB717" s="613"/>
      <c r="MRC717" s="613"/>
      <c r="MRD717" s="613"/>
      <c r="MRE717" s="613"/>
      <c r="MRF717" s="613"/>
      <c r="MRG717" s="613"/>
      <c r="MRH717" s="613"/>
      <c r="MRI717" s="613"/>
      <c r="MRJ717" s="613"/>
      <c r="MRK717" s="613"/>
      <c r="MRL717" s="613"/>
      <c r="MRM717" s="613"/>
      <c r="MRN717" s="613"/>
      <c r="MRO717" s="613"/>
      <c r="MRP717" s="613"/>
      <c r="MRQ717" s="613"/>
      <c r="MRR717" s="613"/>
      <c r="MRS717" s="613"/>
      <c r="MRT717" s="613"/>
      <c r="MRU717" s="613"/>
      <c r="MRV717" s="613"/>
      <c r="MRW717" s="613"/>
      <c r="MRX717" s="613"/>
      <c r="MRY717" s="613"/>
      <c r="MRZ717" s="613"/>
      <c r="MSA717" s="613"/>
      <c r="MSB717" s="613"/>
      <c r="MSC717" s="613"/>
      <c r="MSD717" s="613"/>
      <c r="MSE717" s="613"/>
      <c r="MSF717" s="613"/>
      <c r="MSG717" s="613"/>
      <c r="MSH717" s="613"/>
      <c r="MSI717" s="613"/>
      <c r="MSJ717" s="613"/>
      <c r="MSK717" s="613"/>
      <c r="MSL717" s="613"/>
      <c r="MSM717" s="613"/>
      <c r="MSN717" s="613"/>
      <c r="MSO717" s="613"/>
      <c r="MSP717" s="613"/>
      <c r="MSQ717" s="613"/>
      <c r="MSR717" s="613"/>
      <c r="MSS717" s="613"/>
      <c r="MST717" s="613"/>
      <c r="MSU717" s="613"/>
      <c r="MSV717" s="613"/>
      <c r="MSW717" s="613"/>
      <c r="MSX717" s="613"/>
      <c r="MSY717" s="613"/>
      <c r="MSZ717" s="613"/>
      <c r="MTA717" s="613"/>
      <c r="MTB717" s="613"/>
      <c r="MTC717" s="613"/>
      <c r="MTD717" s="613"/>
      <c r="MTE717" s="613"/>
      <c r="MTF717" s="613"/>
      <c r="MTG717" s="613"/>
      <c r="MTH717" s="613"/>
      <c r="MTI717" s="613"/>
      <c r="MTJ717" s="613"/>
      <c r="MTK717" s="613"/>
      <c r="MTL717" s="613"/>
      <c r="MTM717" s="613"/>
      <c r="MTN717" s="613"/>
      <c r="MTO717" s="613"/>
      <c r="MTP717" s="613"/>
      <c r="MTQ717" s="613"/>
      <c r="MTR717" s="613"/>
      <c r="MTS717" s="613"/>
      <c r="MTT717" s="613"/>
      <c r="MTU717" s="613"/>
      <c r="MTV717" s="613"/>
      <c r="MTW717" s="613"/>
      <c r="MTX717" s="613"/>
      <c r="MTY717" s="613"/>
      <c r="MTZ717" s="613"/>
      <c r="MUA717" s="613"/>
      <c r="MUB717" s="613"/>
      <c r="MUC717" s="613"/>
      <c r="MUD717" s="613"/>
      <c r="MUE717" s="613"/>
      <c r="MUF717" s="613"/>
      <c r="MUG717" s="613"/>
      <c r="MUH717" s="613"/>
      <c r="MUI717" s="613"/>
      <c r="MUJ717" s="613"/>
      <c r="MUK717" s="613"/>
      <c r="MUL717" s="613"/>
      <c r="MUM717" s="613"/>
      <c r="MUN717" s="613"/>
      <c r="MUO717" s="613"/>
      <c r="MUP717" s="613"/>
      <c r="MUQ717" s="613"/>
      <c r="MUR717" s="613"/>
      <c r="MUS717" s="613"/>
      <c r="MUT717" s="613"/>
      <c r="MUU717" s="613"/>
      <c r="MUV717" s="613"/>
      <c r="MUW717" s="613"/>
      <c r="MUX717" s="613"/>
      <c r="MUY717" s="613"/>
      <c r="MUZ717" s="613"/>
      <c r="MVA717" s="613"/>
      <c r="MVB717" s="613"/>
      <c r="MVC717" s="613"/>
      <c r="MVD717" s="613"/>
      <c r="MVE717" s="613"/>
      <c r="MVF717" s="613"/>
      <c r="MVG717" s="613"/>
      <c r="MVH717" s="613"/>
      <c r="MVI717" s="613"/>
      <c r="MVJ717" s="613"/>
      <c r="MVK717" s="613"/>
      <c r="MVL717" s="613"/>
      <c r="MVM717" s="613"/>
      <c r="MVN717" s="613"/>
      <c r="MVO717" s="613"/>
      <c r="MVP717" s="613"/>
      <c r="MVQ717" s="613"/>
      <c r="MVR717" s="613"/>
      <c r="MVS717" s="613"/>
      <c r="MVT717" s="613"/>
      <c r="MVU717" s="613"/>
      <c r="MVV717" s="613"/>
      <c r="MVW717" s="613"/>
      <c r="MVX717" s="613"/>
      <c r="MVY717" s="613"/>
      <c r="MVZ717" s="613"/>
      <c r="MWA717" s="613"/>
      <c r="MWB717" s="613"/>
      <c r="MWC717" s="613"/>
      <c r="MWD717" s="613"/>
      <c r="MWE717" s="613"/>
      <c r="MWF717" s="613"/>
      <c r="MWG717" s="613"/>
      <c r="MWH717" s="613"/>
      <c r="MWI717" s="613"/>
      <c r="MWJ717" s="613"/>
      <c r="MWK717" s="613"/>
      <c r="MWL717" s="613"/>
      <c r="MWM717" s="613"/>
      <c r="MWN717" s="613"/>
      <c r="MWO717" s="613"/>
      <c r="MWP717" s="613"/>
      <c r="MWQ717" s="613"/>
      <c r="MWR717" s="613"/>
      <c r="MWS717" s="613"/>
      <c r="MWT717" s="613"/>
      <c r="MWU717" s="613"/>
      <c r="MWV717" s="613"/>
      <c r="MWW717" s="613"/>
      <c r="MWX717" s="613"/>
      <c r="MWY717" s="613"/>
      <c r="MWZ717" s="613"/>
      <c r="MXA717" s="613"/>
      <c r="MXB717" s="613"/>
      <c r="MXC717" s="613"/>
      <c r="MXD717" s="613"/>
      <c r="MXE717" s="613"/>
      <c r="MXF717" s="613"/>
      <c r="MXG717" s="613"/>
      <c r="MXH717" s="613"/>
      <c r="MXI717" s="613"/>
      <c r="MXJ717" s="613"/>
      <c r="MXK717" s="613"/>
      <c r="MXL717" s="613"/>
      <c r="MXM717" s="613"/>
      <c r="MXN717" s="613"/>
      <c r="MXO717" s="613"/>
      <c r="MXP717" s="613"/>
      <c r="MXQ717" s="613"/>
      <c r="MXR717" s="613"/>
      <c r="MXS717" s="613"/>
      <c r="MXT717" s="613"/>
      <c r="MXU717" s="613"/>
      <c r="MXV717" s="613"/>
      <c r="MXW717" s="613"/>
      <c r="MXX717" s="613"/>
      <c r="MXY717" s="613"/>
      <c r="MXZ717" s="613"/>
      <c r="MYA717" s="613"/>
      <c r="MYB717" s="613"/>
      <c r="MYC717" s="613"/>
      <c r="MYD717" s="613"/>
      <c r="MYE717" s="613"/>
      <c r="MYF717" s="613"/>
      <c r="MYG717" s="613"/>
      <c r="MYH717" s="613"/>
      <c r="MYI717" s="613"/>
      <c r="MYJ717" s="613"/>
      <c r="MYK717" s="613"/>
      <c r="MYL717" s="613"/>
      <c r="MYM717" s="613"/>
      <c r="MYN717" s="613"/>
      <c r="MYO717" s="613"/>
      <c r="MYP717" s="613"/>
      <c r="MYQ717" s="613"/>
      <c r="MYR717" s="613"/>
      <c r="MYS717" s="613"/>
      <c r="MYT717" s="613"/>
      <c r="MYU717" s="613"/>
      <c r="MYV717" s="613"/>
      <c r="MYW717" s="613"/>
      <c r="MYX717" s="613"/>
      <c r="MYY717" s="613"/>
      <c r="MYZ717" s="613"/>
      <c r="MZA717" s="613"/>
      <c r="MZB717" s="613"/>
      <c r="MZC717" s="613"/>
      <c r="MZD717" s="613"/>
      <c r="MZE717" s="613"/>
      <c r="MZF717" s="613"/>
      <c r="MZG717" s="613"/>
      <c r="MZH717" s="613"/>
      <c r="MZI717" s="613"/>
      <c r="MZJ717" s="613"/>
      <c r="MZK717" s="613"/>
      <c r="MZL717" s="613"/>
      <c r="MZM717" s="613"/>
      <c r="MZN717" s="613"/>
      <c r="MZO717" s="613"/>
      <c r="MZP717" s="613"/>
      <c r="MZQ717" s="613"/>
      <c r="MZR717" s="613"/>
      <c r="MZS717" s="613"/>
      <c r="MZT717" s="613"/>
      <c r="MZU717" s="613"/>
      <c r="MZV717" s="613"/>
      <c r="MZW717" s="613"/>
      <c r="MZX717" s="613"/>
      <c r="MZY717" s="613"/>
      <c r="MZZ717" s="613"/>
      <c r="NAA717" s="613"/>
      <c r="NAB717" s="613"/>
      <c r="NAC717" s="613"/>
      <c r="NAD717" s="613"/>
      <c r="NAE717" s="613"/>
      <c r="NAF717" s="613"/>
      <c r="NAG717" s="613"/>
      <c r="NAH717" s="613"/>
      <c r="NAI717" s="613"/>
      <c r="NAJ717" s="613"/>
      <c r="NAK717" s="613"/>
      <c r="NAL717" s="613"/>
      <c r="NAM717" s="613"/>
      <c r="NAN717" s="613"/>
      <c r="NAO717" s="613"/>
      <c r="NAP717" s="613"/>
      <c r="NAQ717" s="613"/>
      <c r="NAR717" s="613"/>
      <c r="NAS717" s="613"/>
      <c r="NAT717" s="613"/>
      <c r="NAU717" s="613"/>
      <c r="NAV717" s="613"/>
      <c r="NAW717" s="613"/>
      <c r="NAX717" s="613"/>
      <c r="NAY717" s="613"/>
      <c r="NAZ717" s="613"/>
      <c r="NBA717" s="613"/>
      <c r="NBB717" s="613"/>
      <c r="NBC717" s="613"/>
      <c r="NBD717" s="613"/>
      <c r="NBE717" s="613"/>
      <c r="NBF717" s="613"/>
      <c r="NBG717" s="613"/>
      <c r="NBH717" s="613"/>
      <c r="NBI717" s="613"/>
      <c r="NBJ717" s="613"/>
      <c r="NBK717" s="613"/>
      <c r="NBL717" s="613"/>
      <c r="NBM717" s="613"/>
      <c r="NBN717" s="613"/>
      <c r="NBO717" s="613"/>
      <c r="NBP717" s="613"/>
      <c r="NBQ717" s="613"/>
      <c r="NBR717" s="613"/>
      <c r="NBS717" s="613"/>
      <c r="NBT717" s="613"/>
      <c r="NBU717" s="613"/>
      <c r="NBV717" s="613"/>
      <c r="NBW717" s="613"/>
      <c r="NBX717" s="613"/>
      <c r="NBY717" s="613"/>
      <c r="NBZ717" s="613"/>
      <c r="NCA717" s="613"/>
      <c r="NCB717" s="613"/>
      <c r="NCC717" s="613"/>
      <c r="NCD717" s="613"/>
      <c r="NCE717" s="613"/>
      <c r="NCF717" s="613"/>
      <c r="NCG717" s="613"/>
      <c r="NCH717" s="613"/>
      <c r="NCI717" s="613"/>
      <c r="NCJ717" s="613"/>
      <c r="NCK717" s="613"/>
      <c r="NCL717" s="613"/>
      <c r="NCM717" s="613"/>
      <c r="NCN717" s="613"/>
      <c r="NCO717" s="613"/>
      <c r="NCP717" s="613"/>
      <c r="NCQ717" s="613"/>
      <c r="NCR717" s="613"/>
      <c r="NCS717" s="613"/>
      <c r="NCT717" s="613"/>
      <c r="NCU717" s="613"/>
      <c r="NCV717" s="613"/>
      <c r="NCW717" s="613"/>
      <c r="NCX717" s="613"/>
      <c r="NCY717" s="613"/>
      <c r="NCZ717" s="613"/>
      <c r="NDA717" s="613"/>
      <c r="NDB717" s="613"/>
      <c r="NDC717" s="613"/>
      <c r="NDD717" s="613"/>
      <c r="NDE717" s="613"/>
      <c r="NDF717" s="613"/>
      <c r="NDG717" s="613"/>
      <c r="NDH717" s="613"/>
      <c r="NDI717" s="613"/>
      <c r="NDJ717" s="613"/>
      <c r="NDK717" s="613"/>
      <c r="NDL717" s="613"/>
      <c r="NDM717" s="613"/>
      <c r="NDN717" s="613"/>
      <c r="NDO717" s="613"/>
      <c r="NDP717" s="613"/>
      <c r="NDQ717" s="613"/>
      <c r="NDR717" s="613"/>
      <c r="NDS717" s="613"/>
      <c r="NDT717" s="613"/>
      <c r="NDU717" s="613"/>
      <c r="NDV717" s="613"/>
      <c r="NDW717" s="613"/>
      <c r="NDX717" s="613"/>
      <c r="NDY717" s="613"/>
      <c r="NDZ717" s="613"/>
      <c r="NEA717" s="613"/>
      <c r="NEB717" s="613"/>
      <c r="NEC717" s="613"/>
      <c r="NED717" s="613"/>
      <c r="NEE717" s="613"/>
      <c r="NEF717" s="613"/>
      <c r="NEG717" s="613"/>
      <c r="NEH717" s="613"/>
      <c r="NEI717" s="613"/>
      <c r="NEJ717" s="613"/>
      <c r="NEK717" s="613"/>
      <c r="NEL717" s="613"/>
      <c r="NEM717" s="613"/>
      <c r="NEN717" s="613"/>
      <c r="NEO717" s="613"/>
      <c r="NEP717" s="613"/>
      <c r="NEQ717" s="613"/>
      <c r="NER717" s="613"/>
      <c r="NES717" s="613"/>
      <c r="NET717" s="613"/>
      <c r="NEU717" s="613"/>
      <c r="NEV717" s="613"/>
      <c r="NEW717" s="613"/>
      <c r="NEX717" s="613"/>
      <c r="NEY717" s="613"/>
      <c r="NEZ717" s="613"/>
      <c r="NFA717" s="613"/>
      <c r="NFB717" s="613"/>
      <c r="NFC717" s="613"/>
      <c r="NFD717" s="613"/>
      <c r="NFE717" s="613"/>
      <c r="NFF717" s="613"/>
      <c r="NFG717" s="613"/>
      <c r="NFH717" s="613"/>
      <c r="NFI717" s="613"/>
      <c r="NFJ717" s="613"/>
      <c r="NFK717" s="613"/>
      <c r="NFL717" s="613"/>
      <c r="NFM717" s="613"/>
      <c r="NFN717" s="613"/>
      <c r="NFO717" s="613"/>
      <c r="NFP717" s="613"/>
      <c r="NFQ717" s="613"/>
      <c r="NFR717" s="613"/>
      <c r="NFS717" s="613"/>
      <c r="NFT717" s="613"/>
      <c r="NFU717" s="613"/>
      <c r="NFV717" s="613"/>
      <c r="NFW717" s="613"/>
      <c r="NFX717" s="613"/>
      <c r="NFY717" s="613"/>
      <c r="NFZ717" s="613"/>
      <c r="NGA717" s="613"/>
      <c r="NGB717" s="613"/>
      <c r="NGC717" s="613"/>
      <c r="NGD717" s="613"/>
      <c r="NGE717" s="613"/>
      <c r="NGF717" s="613"/>
      <c r="NGG717" s="613"/>
      <c r="NGH717" s="613"/>
      <c r="NGI717" s="613"/>
      <c r="NGJ717" s="613"/>
      <c r="NGK717" s="613"/>
      <c r="NGL717" s="613"/>
      <c r="NGM717" s="613"/>
      <c r="NGN717" s="613"/>
      <c r="NGO717" s="613"/>
      <c r="NGP717" s="613"/>
      <c r="NGQ717" s="613"/>
      <c r="NGR717" s="613"/>
      <c r="NGS717" s="613"/>
      <c r="NGT717" s="613"/>
      <c r="NGU717" s="613"/>
      <c r="NGV717" s="613"/>
      <c r="NGW717" s="613"/>
      <c r="NGX717" s="613"/>
      <c r="NGY717" s="613"/>
      <c r="NGZ717" s="613"/>
      <c r="NHA717" s="613"/>
      <c r="NHB717" s="613"/>
      <c r="NHC717" s="613"/>
      <c r="NHD717" s="613"/>
      <c r="NHE717" s="613"/>
      <c r="NHF717" s="613"/>
      <c r="NHG717" s="613"/>
      <c r="NHH717" s="613"/>
      <c r="NHI717" s="613"/>
      <c r="NHJ717" s="613"/>
      <c r="NHK717" s="613"/>
      <c r="NHL717" s="613"/>
      <c r="NHM717" s="613"/>
      <c r="NHN717" s="613"/>
      <c r="NHO717" s="613"/>
      <c r="NHP717" s="613"/>
      <c r="NHQ717" s="613"/>
      <c r="NHR717" s="613"/>
      <c r="NHS717" s="613"/>
      <c r="NHT717" s="613"/>
      <c r="NHU717" s="613"/>
      <c r="NHV717" s="613"/>
      <c r="NHW717" s="613"/>
      <c r="NHX717" s="613"/>
      <c r="NHY717" s="613"/>
      <c r="NHZ717" s="613"/>
      <c r="NIA717" s="613"/>
      <c r="NIB717" s="613"/>
      <c r="NIC717" s="613"/>
      <c r="NID717" s="613"/>
      <c r="NIE717" s="613"/>
      <c r="NIF717" s="613"/>
      <c r="NIG717" s="613"/>
      <c r="NIH717" s="613"/>
      <c r="NII717" s="613"/>
      <c r="NIJ717" s="613"/>
      <c r="NIK717" s="613"/>
      <c r="NIL717" s="613"/>
      <c r="NIM717" s="613"/>
      <c r="NIN717" s="613"/>
      <c r="NIO717" s="613"/>
      <c r="NIP717" s="613"/>
      <c r="NIQ717" s="613"/>
      <c r="NIR717" s="613"/>
      <c r="NIS717" s="613"/>
      <c r="NIT717" s="613"/>
      <c r="NIU717" s="613"/>
      <c r="NIV717" s="613"/>
      <c r="NIW717" s="613"/>
      <c r="NIX717" s="613"/>
      <c r="NIY717" s="613"/>
      <c r="NIZ717" s="613"/>
      <c r="NJA717" s="613"/>
      <c r="NJB717" s="613"/>
      <c r="NJC717" s="613"/>
      <c r="NJD717" s="613"/>
      <c r="NJE717" s="613"/>
      <c r="NJF717" s="613"/>
      <c r="NJG717" s="613"/>
      <c r="NJH717" s="613"/>
      <c r="NJI717" s="613"/>
      <c r="NJJ717" s="613"/>
      <c r="NJK717" s="613"/>
      <c r="NJL717" s="613"/>
      <c r="NJM717" s="613"/>
      <c r="NJN717" s="613"/>
      <c r="NJO717" s="613"/>
      <c r="NJP717" s="613"/>
      <c r="NJQ717" s="613"/>
      <c r="NJR717" s="613"/>
      <c r="NJS717" s="613"/>
      <c r="NJT717" s="613"/>
      <c r="NJU717" s="613"/>
      <c r="NJV717" s="613"/>
      <c r="NJW717" s="613"/>
      <c r="NJX717" s="613"/>
      <c r="NJY717" s="613"/>
      <c r="NJZ717" s="613"/>
      <c r="NKA717" s="613"/>
      <c r="NKB717" s="613"/>
      <c r="NKC717" s="613"/>
      <c r="NKD717" s="613"/>
      <c r="NKE717" s="613"/>
      <c r="NKF717" s="613"/>
      <c r="NKG717" s="613"/>
      <c r="NKH717" s="613"/>
      <c r="NKI717" s="613"/>
      <c r="NKJ717" s="613"/>
      <c r="NKK717" s="613"/>
      <c r="NKL717" s="613"/>
      <c r="NKM717" s="613"/>
      <c r="NKN717" s="613"/>
      <c r="NKO717" s="613"/>
      <c r="NKP717" s="613"/>
      <c r="NKQ717" s="613"/>
      <c r="NKR717" s="613"/>
      <c r="NKS717" s="613"/>
      <c r="NKT717" s="613"/>
      <c r="NKU717" s="613"/>
      <c r="NKV717" s="613"/>
      <c r="NKW717" s="613"/>
      <c r="NKX717" s="613"/>
      <c r="NKY717" s="613"/>
      <c r="NKZ717" s="613"/>
      <c r="NLA717" s="613"/>
      <c r="NLB717" s="613"/>
      <c r="NLC717" s="613"/>
      <c r="NLD717" s="613"/>
      <c r="NLE717" s="613"/>
      <c r="NLF717" s="613"/>
      <c r="NLG717" s="613"/>
      <c r="NLH717" s="613"/>
      <c r="NLI717" s="613"/>
      <c r="NLJ717" s="613"/>
      <c r="NLK717" s="613"/>
      <c r="NLL717" s="613"/>
      <c r="NLM717" s="613"/>
      <c r="NLN717" s="613"/>
      <c r="NLO717" s="613"/>
      <c r="NLP717" s="613"/>
      <c r="NLQ717" s="613"/>
      <c r="NLR717" s="613"/>
      <c r="NLS717" s="613"/>
      <c r="NLT717" s="613"/>
      <c r="NLU717" s="613"/>
      <c r="NLV717" s="613"/>
      <c r="NLW717" s="613"/>
      <c r="NLX717" s="613"/>
      <c r="NLY717" s="613"/>
      <c r="NLZ717" s="613"/>
      <c r="NMA717" s="613"/>
      <c r="NMB717" s="613"/>
      <c r="NMC717" s="613"/>
      <c r="NMD717" s="613"/>
      <c r="NME717" s="613"/>
      <c r="NMF717" s="613"/>
      <c r="NMG717" s="613"/>
      <c r="NMH717" s="613"/>
      <c r="NMI717" s="613"/>
      <c r="NMJ717" s="613"/>
      <c r="NMK717" s="613"/>
      <c r="NML717" s="613"/>
      <c r="NMM717" s="613"/>
      <c r="NMN717" s="613"/>
      <c r="NMO717" s="613"/>
      <c r="NMP717" s="613"/>
      <c r="NMQ717" s="613"/>
      <c r="NMR717" s="613"/>
      <c r="NMS717" s="613"/>
      <c r="NMT717" s="613"/>
      <c r="NMU717" s="613"/>
      <c r="NMV717" s="613"/>
      <c r="NMW717" s="613"/>
      <c r="NMX717" s="613"/>
      <c r="NMY717" s="613"/>
      <c r="NMZ717" s="613"/>
      <c r="NNA717" s="613"/>
      <c r="NNB717" s="613"/>
      <c r="NNC717" s="613"/>
      <c r="NND717" s="613"/>
      <c r="NNE717" s="613"/>
      <c r="NNF717" s="613"/>
      <c r="NNG717" s="613"/>
      <c r="NNH717" s="613"/>
      <c r="NNI717" s="613"/>
      <c r="NNJ717" s="613"/>
      <c r="NNK717" s="613"/>
      <c r="NNL717" s="613"/>
      <c r="NNM717" s="613"/>
      <c r="NNN717" s="613"/>
      <c r="NNO717" s="613"/>
      <c r="NNP717" s="613"/>
      <c r="NNQ717" s="613"/>
      <c r="NNR717" s="613"/>
      <c r="NNS717" s="613"/>
      <c r="NNT717" s="613"/>
      <c r="NNU717" s="613"/>
      <c r="NNV717" s="613"/>
      <c r="NNW717" s="613"/>
      <c r="NNX717" s="613"/>
      <c r="NNY717" s="613"/>
      <c r="NNZ717" s="613"/>
      <c r="NOA717" s="613"/>
      <c r="NOB717" s="613"/>
      <c r="NOC717" s="613"/>
      <c r="NOD717" s="613"/>
      <c r="NOE717" s="613"/>
      <c r="NOF717" s="613"/>
      <c r="NOG717" s="613"/>
      <c r="NOH717" s="613"/>
      <c r="NOI717" s="613"/>
      <c r="NOJ717" s="613"/>
      <c r="NOK717" s="613"/>
      <c r="NOL717" s="613"/>
      <c r="NOM717" s="613"/>
      <c r="NON717" s="613"/>
      <c r="NOO717" s="613"/>
      <c r="NOP717" s="613"/>
      <c r="NOQ717" s="613"/>
      <c r="NOR717" s="613"/>
      <c r="NOS717" s="613"/>
      <c r="NOT717" s="613"/>
      <c r="NOU717" s="613"/>
      <c r="NOV717" s="613"/>
      <c r="NOW717" s="613"/>
      <c r="NOX717" s="613"/>
      <c r="NOY717" s="613"/>
      <c r="NOZ717" s="613"/>
      <c r="NPA717" s="613"/>
      <c r="NPB717" s="613"/>
      <c r="NPC717" s="613"/>
      <c r="NPD717" s="613"/>
      <c r="NPE717" s="613"/>
      <c r="NPF717" s="613"/>
      <c r="NPG717" s="613"/>
      <c r="NPH717" s="613"/>
      <c r="NPI717" s="613"/>
      <c r="NPJ717" s="613"/>
      <c r="NPK717" s="613"/>
      <c r="NPL717" s="613"/>
      <c r="NPM717" s="613"/>
      <c r="NPN717" s="613"/>
      <c r="NPO717" s="613"/>
      <c r="NPP717" s="613"/>
      <c r="NPQ717" s="613"/>
      <c r="NPR717" s="613"/>
      <c r="NPS717" s="613"/>
      <c r="NPT717" s="613"/>
      <c r="NPU717" s="613"/>
      <c r="NPV717" s="613"/>
      <c r="NPW717" s="613"/>
      <c r="NPX717" s="613"/>
      <c r="NPY717" s="613"/>
      <c r="NPZ717" s="613"/>
      <c r="NQA717" s="613"/>
      <c r="NQB717" s="613"/>
      <c r="NQC717" s="613"/>
      <c r="NQD717" s="613"/>
      <c r="NQE717" s="613"/>
      <c r="NQF717" s="613"/>
      <c r="NQG717" s="613"/>
      <c r="NQH717" s="613"/>
      <c r="NQI717" s="613"/>
      <c r="NQJ717" s="613"/>
      <c r="NQK717" s="613"/>
      <c r="NQL717" s="613"/>
      <c r="NQM717" s="613"/>
      <c r="NQN717" s="613"/>
      <c r="NQO717" s="613"/>
      <c r="NQP717" s="613"/>
      <c r="NQQ717" s="613"/>
      <c r="NQR717" s="613"/>
      <c r="NQS717" s="613"/>
      <c r="NQT717" s="613"/>
      <c r="NQU717" s="613"/>
      <c r="NQV717" s="613"/>
      <c r="NQW717" s="613"/>
      <c r="NQX717" s="613"/>
      <c r="NQY717" s="613"/>
      <c r="NQZ717" s="613"/>
      <c r="NRA717" s="613"/>
      <c r="NRB717" s="613"/>
      <c r="NRC717" s="613"/>
      <c r="NRD717" s="613"/>
      <c r="NRE717" s="613"/>
      <c r="NRF717" s="613"/>
      <c r="NRG717" s="613"/>
      <c r="NRH717" s="613"/>
      <c r="NRI717" s="613"/>
      <c r="NRJ717" s="613"/>
      <c r="NRK717" s="613"/>
      <c r="NRL717" s="613"/>
      <c r="NRM717" s="613"/>
      <c r="NRN717" s="613"/>
      <c r="NRO717" s="613"/>
      <c r="NRP717" s="613"/>
      <c r="NRQ717" s="613"/>
      <c r="NRR717" s="613"/>
      <c r="NRS717" s="613"/>
      <c r="NRT717" s="613"/>
      <c r="NRU717" s="613"/>
      <c r="NRV717" s="613"/>
      <c r="NRW717" s="613"/>
      <c r="NRX717" s="613"/>
      <c r="NRY717" s="613"/>
      <c r="NRZ717" s="613"/>
      <c r="NSA717" s="613"/>
      <c r="NSB717" s="613"/>
      <c r="NSC717" s="613"/>
      <c r="NSD717" s="613"/>
      <c r="NSE717" s="613"/>
      <c r="NSF717" s="613"/>
      <c r="NSG717" s="613"/>
      <c r="NSH717" s="613"/>
      <c r="NSI717" s="613"/>
      <c r="NSJ717" s="613"/>
      <c r="NSK717" s="613"/>
      <c r="NSL717" s="613"/>
      <c r="NSM717" s="613"/>
      <c r="NSN717" s="613"/>
      <c r="NSO717" s="613"/>
      <c r="NSP717" s="613"/>
      <c r="NSQ717" s="613"/>
      <c r="NSR717" s="613"/>
      <c r="NSS717" s="613"/>
      <c r="NST717" s="613"/>
      <c r="NSU717" s="613"/>
      <c r="NSV717" s="613"/>
      <c r="NSW717" s="613"/>
      <c r="NSX717" s="613"/>
      <c r="NSY717" s="613"/>
      <c r="NSZ717" s="613"/>
      <c r="NTA717" s="613"/>
      <c r="NTB717" s="613"/>
      <c r="NTC717" s="613"/>
      <c r="NTD717" s="613"/>
      <c r="NTE717" s="613"/>
      <c r="NTF717" s="613"/>
      <c r="NTG717" s="613"/>
      <c r="NTH717" s="613"/>
      <c r="NTI717" s="613"/>
      <c r="NTJ717" s="613"/>
      <c r="NTK717" s="613"/>
      <c r="NTL717" s="613"/>
      <c r="NTM717" s="613"/>
      <c r="NTN717" s="613"/>
      <c r="NTO717" s="613"/>
      <c r="NTP717" s="613"/>
      <c r="NTQ717" s="613"/>
      <c r="NTR717" s="613"/>
      <c r="NTS717" s="613"/>
      <c r="NTT717" s="613"/>
      <c r="NTU717" s="613"/>
      <c r="NTV717" s="613"/>
      <c r="NTW717" s="613"/>
      <c r="NTX717" s="613"/>
      <c r="NTY717" s="613"/>
      <c r="NTZ717" s="613"/>
      <c r="NUA717" s="613"/>
      <c r="NUB717" s="613"/>
      <c r="NUC717" s="613"/>
      <c r="NUD717" s="613"/>
      <c r="NUE717" s="613"/>
      <c r="NUF717" s="613"/>
      <c r="NUG717" s="613"/>
      <c r="NUH717" s="613"/>
      <c r="NUI717" s="613"/>
      <c r="NUJ717" s="613"/>
      <c r="NUK717" s="613"/>
      <c r="NUL717" s="613"/>
      <c r="NUM717" s="613"/>
      <c r="NUN717" s="613"/>
      <c r="NUO717" s="613"/>
      <c r="NUP717" s="613"/>
      <c r="NUQ717" s="613"/>
      <c r="NUR717" s="613"/>
      <c r="NUS717" s="613"/>
      <c r="NUT717" s="613"/>
      <c r="NUU717" s="613"/>
      <c r="NUV717" s="613"/>
      <c r="NUW717" s="613"/>
      <c r="NUX717" s="613"/>
      <c r="NUY717" s="613"/>
      <c r="NUZ717" s="613"/>
      <c r="NVA717" s="613"/>
      <c r="NVB717" s="613"/>
      <c r="NVC717" s="613"/>
      <c r="NVD717" s="613"/>
      <c r="NVE717" s="613"/>
      <c r="NVF717" s="613"/>
      <c r="NVG717" s="613"/>
      <c r="NVH717" s="613"/>
      <c r="NVI717" s="613"/>
      <c r="NVJ717" s="613"/>
      <c r="NVK717" s="613"/>
      <c r="NVL717" s="613"/>
      <c r="NVM717" s="613"/>
      <c r="NVN717" s="613"/>
      <c r="NVO717" s="613"/>
      <c r="NVP717" s="613"/>
      <c r="NVQ717" s="613"/>
      <c r="NVR717" s="613"/>
      <c r="NVS717" s="613"/>
      <c r="NVT717" s="613"/>
      <c r="NVU717" s="613"/>
      <c r="NVV717" s="613"/>
      <c r="NVW717" s="613"/>
      <c r="NVX717" s="613"/>
      <c r="NVY717" s="613"/>
      <c r="NVZ717" s="613"/>
      <c r="NWA717" s="613"/>
      <c r="NWB717" s="613"/>
      <c r="NWC717" s="613"/>
      <c r="NWD717" s="613"/>
      <c r="NWE717" s="613"/>
      <c r="NWF717" s="613"/>
      <c r="NWG717" s="613"/>
      <c r="NWH717" s="613"/>
      <c r="NWI717" s="613"/>
      <c r="NWJ717" s="613"/>
      <c r="NWK717" s="613"/>
      <c r="NWL717" s="613"/>
      <c r="NWM717" s="613"/>
      <c r="NWN717" s="613"/>
      <c r="NWO717" s="613"/>
      <c r="NWP717" s="613"/>
      <c r="NWQ717" s="613"/>
      <c r="NWR717" s="613"/>
      <c r="NWS717" s="613"/>
      <c r="NWT717" s="613"/>
      <c r="NWU717" s="613"/>
      <c r="NWV717" s="613"/>
      <c r="NWW717" s="613"/>
      <c r="NWX717" s="613"/>
      <c r="NWY717" s="613"/>
      <c r="NWZ717" s="613"/>
      <c r="NXA717" s="613"/>
      <c r="NXB717" s="613"/>
      <c r="NXC717" s="613"/>
      <c r="NXD717" s="613"/>
      <c r="NXE717" s="613"/>
      <c r="NXF717" s="613"/>
      <c r="NXG717" s="613"/>
      <c r="NXH717" s="613"/>
      <c r="NXI717" s="613"/>
      <c r="NXJ717" s="613"/>
      <c r="NXK717" s="613"/>
      <c r="NXL717" s="613"/>
      <c r="NXM717" s="613"/>
      <c r="NXN717" s="613"/>
      <c r="NXO717" s="613"/>
      <c r="NXP717" s="613"/>
      <c r="NXQ717" s="613"/>
      <c r="NXR717" s="613"/>
      <c r="NXS717" s="613"/>
      <c r="NXT717" s="613"/>
      <c r="NXU717" s="613"/>
      <c r="NXV717" s="613"/>
      <c r="NXW717" s="613"/>
      <c r="NXX717" s="613"/>
      <c r="NXY717" s="613"/>
      <c r="NXZ717" s="613"/>
      <c r="NYA717" s="613"/>
      <c r="NYB717" s="613"/>
      <c r="NYC717" s="613"/>
      <c r="NYD717" s="613"/>
      <c r="NYE717" s="613"/>
      <c r="NYF717" s="613"/>
      <c r="NYG717" s="613"/>
      <c r="NYH717" s="613"/>
      <c r="NYI717" s="613"/>
      <c r="NYJ717" s="613"/>
      <c r="NYK717" s="613"/>
      <c r="NYL717" s="613"/>
      <c r="NYM717" s="613"/>
      <c r="NYN717" s="613"/>
      <c r="NYO717" s="613"/>
      <c r="NYP717" s="613"/>
      <c r="NYQ717" s="613"/>
      <c r="NYR717" s="613"/>
      <c r="NYS717" s="613"/>
      <c r="NYT717" s="613"/>
      <c r="NYU717" s="613"/>
      <c r="NYV717" s="613"/>
      <c r="NYW717" s="613"/>
      <c r="NYX717" s="613"/>
      <c r="NYY717" s="613"/>
      <c r="NYZ717" s="613"/>
      <c r="NZA717" s="613"/>
      <c r="NZB717" s="613"/>
      <c r="NZC717" s="613"/>
      <c r="NZD717" s="613"/>
      <c r="NZE717" s="613"/>
      <c r="NZF717" s="613"/>
      <c r="NZG717" s="613"/>
      <c r="NZH717" s="613"/>
      <c r="NZI717" s="613"/>
      <c r="NZJ717" s="613"/>
      <c r="NZK717" s="613"/>
      <c r="NZL717" s="613"/>
      <c r="NZM717" s="613"/>
      <c r="NZN717" s="613"/>
      <c r="NZO717" s="613"/>
      <c r="NZP717" s="613"/>
      <c r="NZQ717" s="613"/>
      <c r="NZR717" s="613"/>
      <c r="NZS717" s="613"/>
      <c r="NZT717" s="613"/>
      <c r="NZU717" s="613"/>
      <c r="NZV717" s="613"/>
      <c r="NZW717" s="613"/>
      <c r="NZX717" s="613"/>
      <c r="NZY717" s="613"/>
      <c r="NZZ717" s="613"/>
      <c r="OAA717" s="613"/>
      <c r="OAB717" s="613"/>
      <c r="OAC717" s="613"/>
      <c r="OAD717" s="613"/>
      <c r="OAE717" s="613"/>
      <c r="OAF717" s="613"/>
      <c r="OAG717" s="613"/>
      <c r="OAH717" s="613"/>
      <c r="OAI717" s="613"/>
      <c r="OAJ717" s="613"/>
      <c r="OAK717" s="613"/>
      <c r="OAL717" s="613"/>
      <c r="OAM717" s="613"/>
      <c r="OAN717" s="613"/>
      <c r="OAO717" s="613"/>
      <c r="OAP717" s="613"/>
      <c r="OAQ717" s="613"/>
      <c r="OAR717" s="613"/>
      <c r="OAS717" s="613"/>
      <c r="OAT717" s="613"/>
      <c r="OAU717" s="613"/>
      <c r="OAV717" s="613"/>
      <c r="OAW717" s="613"/>
      <c r="OAX717" s="613"/>
      <c r="OAY717" s="613"/>
      <c r="OAZ717" s="613"/>
      <c r="OBA717" s="613"/>
      <c r="OBB717" s="613"/>
      <c r="OBC717" s="613"/>
      <c r="OBD717" s="613"/>
      <c r="OBE717" s="613"/>
      <c r="OBF717" s="613"/>
      <c r="OBG717" s="613"/>
      <c r="OBH717" s="613"/>
      <c r="OBI717" s="613"/>
      <c r="OBJ717" s="613"/>
      <c r="OBK717" s="613"/>
      <c r="OBL717" s="613"/>
      <c r="OBM717" s="613"/>
      <c r="OBN717" s="613"/>
      <c r="OBO717" s="613"/>
      <c r="OBP717" s="613"/>
      <c r="OBQ717" s="613"/>
      <c r="OBR717" s="613"/>
      <c r="OBS717" s="613"/>
      <c r="OBT717" s="613"/>
      <c r="OBU717" s="613"/>
      <c r="OBV717" s="613"/>
      <c r="OBW717" s="613"/>
      <c r="OBX717" s="613"/>
      <c r="OBY717" s="613"/>
      <c r="OBZ717" s="613"/>
      <c r="OCA717" s="613"/>
      <c r="OCB717" s="613"/>
      <c r="OCC717" s="613"/>
      <c r="OCD717" s="613"/>
      <c r="OCE717" s="613"/>
      <c r="OCF717" s="613"/>
      <c r="OCG717" s="613"/>
      <c r="OCH717" s="613"/>
      <c r="OCI717" s="613"/>
      <c r="OCJ717" s="613"/>
      <c r="OCK717" s="613"/>
      <c r="OCL717" s="613"/>
      <c r="OCM717" s="613"/>
      <c r="OCN717" s="613"/>
      <c r="OCO717" s="613"/>
      <c r="OCP717" s="613"/>
      <c r="OCQ717" s="613"/>
      <c r="OCR717" s="613"/>
      <c r="OCS717" s="613"/>
      <c r="OCT717" s="613"/>
      <c r="OCU717" s="613"/>
      <c r="OCV717" s="613"/>
      <c r="OCW717" s="613"/>
      <c r="OCX717" s="613"/>
      <c r="OCY717" s="613"/>
      <c r="OCZ717" s="613"/>
      <c r="ODA717" s="613"/>
      <c r="ODB717" s="613"/>
      <c r="ODC717" s="613"/>
      <c r="ODD717" s="613"/>
      <c r="ODE717" s="613"/>
      <c r="ODF717" s="613"/>
      <c r="ODG717" s="613"/>
      <c r="ODH717" s="613"/>
      <c r="ODI717" s="613"/>
      <c r="ODJ717" s="613"/>
      <c r="ODK717" s="613"/>
      <c r="ODL717" s="613"/>
      <c r="ODM717" s="613"/>
      <c r="ODN717" s="613"/>
      <c r="ODO717" s="613"/>
      <c r="ODP717" s="613"/>
      <c r="ODQ717" s="613"/>
      <c r="ODR717" s="613"/>
      <c r="ODS717" s="613"/>
      <c r="ODT717" s="613"/>
      <c r="ODU717" s="613"/>
      <c r="ODV717" s="613"/>
      <c r="ODW717" s="613"/>
      <c r="ODX717" s="613"/>
      <c r="ODY717" s="613"/>
      <c r="ODZ717" s="613"/>
      <c r="OEA717" s="613"/>
      <c r="OEB717" s="613"/>
      <c r="OEC717" s="613"/>
      <c r="OED717" s="613"/>
      <c r="OEE717" s="613"/>
      <c r="OEF717" s="613"/>
      <c r="OEG717" s="613"/>
      <c r="OEH717" s="613"/>
      <c r="OEI717" s="613"/>
      <c r="OEJ717" s="613"/>
      <c r="OEK717" s="613"/>
      <c r="OEL717" s="613"/>
      <c r="OEM717" s="613"/>
      <c r="OEN717" s="613"/>
      <c r="OEO717" s="613"/>
      <c r="OEP717" s="613"/>
      <c r="OEQ717" s="613"/>
      <c r="OER717" s="613"/>
      <c r="OES717" s="613"/>
      <c r="OET717" s="613"/>
      <c r="OEU717" s="613"/>
      <c r="OEV717" s="613"/>
      <c r="OEW717" s="613"/>
      <c r="OEX717" s="613"/>
      <c r="OEY717" s="613"/>
      <c r="OEZ717" s="613"/>
      <c r="OFA717" s="613"/>
      <c r="OFB717" s="613"/>
      <c r="OFC717" s="613"/>
      <c r="OFD717" s="613"/>
      <c r="OFE717" s="613"/>
      <c r="OFF717" s="613"/>
      <c r="OFG717" s="613"/>
      <c r="OFH717" s="613"/>
      <c r="OFI717" s="613"/>
      <c r="OFJ717" s="613"/>
      <c r="OFK717" s="613"/>
      <c r="OFL717" s="613"/>
      <c r="OFM717" s="613"/>
      <c r="OFN717" s="613"/>
      <c r="OFO717" s="613"/>
      <c r="OFP717" s="613"/>
      <c r="OFQ717" s="613"/>
      <c r="OFR717" s="613"/>
      <c r="OFS717" s="613"/>
      <c r="OFT717" s="613"/>
      <c r="OFU717" s="613"/>
      <c r="OFV717" s="613"/>
      <c r="OFW717" s="613"/>
      <c r="OFX717" s="613"/>
      <c r="OFY717" s="613"/>
      <c r="OFZ717" s="613"/>
      <c r="OGA717" s="613"/>
      <c r="OGB717" s="613"/>
      <c r="OGC717" s="613"/>
      <c r="OGD717" s="613"/>
      <c r="OGE717" s="613"/>
      <c r="OGF717" s="613"/>
      <c r="OGG717" s="613"/>
      <c r="OGH717" s="613"/>
      <c r="OGI717" s="613"/>
      <c r="OGJ717" s="613"/>
      <c r="OGK717" s="613"/>
      <c r="OGL717" s="613"/>
      <c r="OGM717" s="613"/>
      <c r="OGN717" s="613"/>
      <c r="OGO717" s="613"/>
      <c r="OGP717" s="613"/>
      <c r="OGQ717" s="613"/>
      <c r="OGR717" s="613"/>
      <c r="OGS717" s="613"/>
      <c r="OGT717" s="613"/>
      <c r="OGU717" s="613"/>
      <c r="OGV717" s="613"/>
      <c r="OGW717" s="613"/>
      <c r="OGX717" s="613"/>
      <c r="OGY717" s="613"/>
      <c r="OGZ717" s="613"/>
      <c r="OHA717" s="613"/>
      <c r="OHB717" s="613"/>
      <c r="OHC717" s="613"/>
      <c r="OHD717" s="613"/>
      <c r="OHE717" s="613"/>
      <c r="OHF717" s="613"/>
      <c r="OHG717" s="613"/>
      <c r="OHH717" s="613"/>
      <c r="OHI717" s="613"/>
      <c r="OHJ717" s="613"/>
      <c r="OHK717" s="613"/>
      <c r="OHL717" s="613"/>
      <c r="OHM717" s="613"/>
      <c r="OHN717" s="613"/>
      <c r="OHO717" s="613"/>
      <c r="OHP717" s="613"/>
      <c r="OHQ717" s="613"/>
      <c r="OHR717" s="613"/>
      <c r="OHS717" s="613"/>
      <c r="OHT717" s="613"/>
      <c r="OHU717" s="613"/>
      <c r="OHV717" s="613"/>
      <c r="OHW717" s="613"/>
      <c r="OHX717" s="613"/>
      <c r="OHY717" s="613"/>
      <c r="OHZ717" s="613"/>
      <c r="OIA717" s="613"/>
      <c r="OIB717" s="613"/>
      <c r="OIC717" s="613"/>
      <c r="OID717" s="613"/>
      <c r="OIE717" s="613"/>
      <c r="OIF717" s="613"/>
      <c r="OIG717" s="613"/>
      <c r="OIH717" s="613"/>
      <c r="OII717" s="613"/>
      <c r="OIJ717" s="613"/>
      <c r="OIK717" s="613"/>
      <c r="OIL717" s="613"/>
      <c r="OIM717" s="613"/>
      <c r="OIN717" s="613"/>
      <c r="OIO717" s="613"/>
      <c r="OIP717" s="613"/>
      <c r="OIQ717" s="613"/>
      <c r="OIR717" s="613"/>
      <c r="OIS717" s="613"/>
      <c r="OIT717" s="613"/>
      <c r="OIU717" s="613"/>
      <c r="OIV717" s="613"/>
      <c r="OIW717" s="613"/>
      <c r="OIX717" s="613"/>
      <c r="OIY717" s="613"/>
      <c r="OIZ717" s="613"/>
      <c r="OJA717" s="613"/>
      <c r="OJB717" s="613"/>
      <c r="OJC717" s="613"/>
      <c r="OJD717" s="613"/>
      <c r="OJE717" s="613"/>
      <c r="OJF717" s="613"/>
      <c r="OJG717" s="613"/>
      <c r="OJH717" s="613"/>
      <c r="OJI717" s="613"/>
      <c r="OJJ717" s="613"/>
      <c r="OJK717" s="613"/>
      <c r="OJL717" s="613"/>
      <c r="OJM717" s="613"/>
      <c r="OJN717" s="613"/>
      <c r="OJO717" s="613"/>
      <c r="OJP717" s="613"/>
      <c r="OJQ717" s="613"/>
      <c r="OJR717" s="613"/>
      <c r="OJS717" s="613"/>
      <c r="OJT717" s="613"/>
      <c r="OJU717" s="613"/>
      <c r="OJV717" s="613"/>
      <c r="OJW717" s="613"/>
      <c r="OJX717" s="613"/>
      <c r="OJY717" s="613"/>
      <c r="OJZ717" s="613"/>
      <c r="OKA717" s="613"/>
      <c r="OKB717" s="613"/>
      <c r="OKC717" s="613"/>
      <c r="OKD717" s="613"/>
      <c r="OKE717" s="613"/>
      <c r="OKF717" s="613"/>
      <c r="OKG717" s="613"/>
      <c r="OKH717" s="613"/>
      <c r="OKI717" s="613"/>
      <c r="OKJ717" s="613"/>
      <c r="OKK717" s="613"/>
      <c r="OKL717" s="613"/>
      <c r="OKM717" s="613"/>
      <c r="OKN717" s="613"/>
      <c r="OKO717" s="613"/>
      <c r="OKP717" s="613"/>
      <c r="OKQ717" s="613"/>
      <c r="OKR717" s="613"/>
      <c r="OKS717" s="613"/>
      <c r="OKT717" s="613"/>
      <c r="OKU717" s="613"/>
      <c r="OKV717" s="613"/>
      <c r="OKW717" s="613"/>
      <c r="OKX717" s="613"/>
      <c r="OKY717" s="613"/>
      <c r="OKZ717" s="613"/>
      <c r="OLA717" s="613"/>
      <c r="OLB717" s="613"/>
      <c r="OLC717" s="613"/>
      <c r="OLD717" s="613"/>
      <c r="OLE717" s="613"/>
      <c r="OLF717" s="613"/>
      <c r="OLG717" s="613"/>
      <c r="OLH717" s="613"/>
      <c r="OLI717" s="613"/>
      <c r="OLJ717" s="613"/>
      <c r="OLK717" s="613"/>
      <c r="OLL717" s="613"/>
      <c r="OLM717" s="613"/>
      <c r="OLN717" s="613"/>
      <c r="OLO717" s="613"/>
      <c r="OLP717" s="613"/>
      <c r="OLQ717" s="613"/>
      <c r="OLR717" s="613"/>
      <c r="OLS717" s="613"/>
      <c r="OLT717" s="613"/>
      <c r="OLU717" s="613"/>
      <c r="OLV717" s="613"/>
      <c r="OLW717" s="613"/>
      <c r="OLX717" s="613"/>
      <c r="OLY717" s="613"/>
      <c r="OLZ717" s="613"/>
      <c r="OMA717" s="613"/>
      <c r="OMB717" s="613"/>
      <c r="OMC717" s="613"/>
      <c r="OMD717" s="613"/>
      <c r="OME717" s="613"/>
      <c r="OMF717" s="613"/>
      <c r="OMG717" s="613"/>
      <c r="OMH717" s="613"/>
      <c r="OMI717" s="613"/>
      <c r="OMJ717" s="613"/>
      <c r="OMK717" s="613"/>
      <c r="OML717" s="613"/>
      <c r="OMM717" s="613"/>
      <c r="OMN717" s="613"/>
      <c r="OMO717" s="613"/>
      <c r="OMP717" s="613"/>
      <c r="OMQ717" s="613"/>
      <c r="OMR717" s="613"/>
      <c r="OMS717" s="613"/>
      <c r="OMT717" s="613"/>
      <c r="OMU717" s="613"/>
      <c r="OMV717" s="613"/>
      <c r="OMW717" s="613"/>
      <c r="OMX717" s="613"/>
      <c r="OMY717" s="613"/>
      <c r="OMZ717" s="613"/>
      <c r="ONA717" s="613"/>
      <c r="ONB717" s="613"/>
      <c r="ONC717" s="613"/>
      <c r="OND717" s="613"/>
      <c r="ONE717" s="613"/>
      <c r="ONF717" s="613"/>
      <c r="ONG717" s="613"/>
      <c r="ONH717" s="613"/>
      <c r="ONI717" s="613"/>
      <c r="ONJ717" s="613"/>
      <c r="ONK717" s="613"/>
      <c r="ONL717" s="613"/>
      <c r="ONM717" s="613"/>
      <c r="ONN717" s="613"/>
      <c r="ONO717" s="613"/>
      <c r="ONP717" s="613"/>
      <c r="ONQ717" s="613"/>
      <c r="ONR717" s="613"/>
      <c r="ONS717" s="613"/>
      <c r="ONT717" s="613"/>
      <c r="ONU717" s="613"/>
      <c r="ONV717" s="613"/>
      <c r="ONW717" s="613"/>
      <c r="ONX717" s="613"/>
      <c r="ONY717" s="613"/>
      <c r="ONZ717" s="613"/>
      <c r="OOA717" s="613"/>
      <c r="OOB717" s="613"/>
      <c r="OOC717" s="613"/>
      <c r="OOD717" s="613"/>
      <c r="OOE717" s="613"/>
      <c r="OOF717" s="613"/>
      <c r="OOG717" s="613"/>
      <c r="OOH717" s="613"/>
      <c r="OOI717" s="613"/>
      <c r="OOJ717" s="613"/>
      <c r="OOK717" s="613"/>
      <c r="OOL717" s="613"/>
      <c r="OOM717" s="613"/>
      <c r="OON717" s="613"/>
      <c r="OOO717" s="613"/>
      <c r="OOP717" s="613"/>
      <c r="OOQ717" s="613"/>
      <c r="OOR717" s="613"/>
      <c r="OOS717" s="613"/>
      <c r="OOT717" s="613"/>
      <c r="OOU717" s="613"/>
      <c r="OOV717" s="613"/>
      <c r="OOW717" s="613"/>
      <c r="OOX717" s="613"/>
      <c r="OOY717" s="613"/>
      <c r="OOZ717" s="613"/>
      <c r="OPA717" s="613"/>
      <c r="OPB717" s="613"/>
      <c r="OPC717" s="613"/>
      <c r="OPD717" s="613"/>
      <c r="OPE717" s="613"/>
      <c r="OPF717" s="613"/>
      <c r="OPG717" s="613"/>
      <c r="OPH717" s="613"/>
      <c r="OPI717" s="613"/>
      <c r="OPJ717" s="613"/>
      <c r="OPK717" s="613"/>
      <c r="OPL717" s="613"/>
      <c r="OPM717" s="613"/>
      <c r="OPN717" s="613"/>
      <c r="OPO717" s="613"/>
      <c r="OPP717" s="613"/>
      <c r="OPQ717" s="613"/>
      <c r="OPR717" s="613"/>
      <c r="OPS717" s="613"/>
      <c r="OPT717" s="613"/>
      <c r="OPU717" s="613"/>
      <c r="OPV717" s="613"/>
      <c r="OPW717" s="613"/>
      <c r="OPX717" s="613"/>
      <c r="OPY717" s="613"/>
      <c r="OPZ717" s="613"/>
      <c r="OQA717" s="613"/>
      <c r="OQB717" s="613"/>
      <c r="OQC717" s="613"/>
      <c r="OQD717" s="613"/>
      <c r="OQE717" s="613"/>
      <c r="OQF717" s="613"/>
      <c r="OQG717" s="613"/>
      <c r="OQH717" s="613"/>
      <c r="OQI717" s="613"/>
      <c r="OQJ717" s="613"/>
      <c r="OQK717" s="613"/>
      <c r="OQL717" s="613"/>
      <c r="OQM717" s="613"/>
      <c r="OQN717" s="613"/>
      <c r="OQO717" s="613"/>
      <c r="OQP717" s="613"/>
      <c r="OQQ717" s="613"/>
      <c r="OQR717" s="613"/>
      <c r="OQS717" s="613"/>
      <c r="OQT717" s="613"/>
      <c r="OQU717" s="613"/>
      <c r="OQV717" s="613"/>
      <c r="OQW717" s="613"/>
      <c r="OQX717" s="613"/>
      <c r="OQY717" s="613"/>
      <c r="OQZ717" s="613"/>
      <c r="ORA717" s="613"/>
      <c r="ORB717" s="613"/>
      <c r="ORC717" s="613"/>
      <c r="ORD717" s="613"/>
      <c r="ORE717" s="613"/>
      <c r="ORF717" s="613"/>
      <c r="ORG717" s="613"/>
      <c r="ORH717" s="613"/>
      <c r="ORI717" s="613"/>
      <c r="ORJ717" s="613"/>
      <c r="ORK717" s="613"/>
      <c r="ORL717" s="613"/>
      <c r="ORM717" s="613"/>
      <c r="ORN717" s="613"/>
      <c r="ORO717" s="613"/>
      <c r="ORP717" s="613"/>
      <c r="ORQ717" s="613"/>
      <c r="ORR717" s="613"/>
      <c r="ORS717" s="613"/>
      <c r="ORT717" s="613"/>
      <c r="ORU717" s="613"/>
      <c r="ORV717" s="613"/>
      <c r="ORW717" s="613"/>
      <c r="ORX717" s="613"/>
      <c r="ORY717" s="613"/>
      <c r="ORZ717" s="613"/>
      <c r="OSA717" s="613"/>
      <c r="OSB717" s="613"/>
      <c r="OSC717" s="613"/>
      <c r="OSD717" s="613"/>
      <c r="OSE717" s="613"/>
      <c r="OSF717" s="613"/>
      <c r="OSG717" s="613"/>
      <c r="OSH717" s="613"/>
      <c r="OSI717" s="613"/>
      <c r="OSJ717" s="613"/>
      <c r="OSK717" s="613"/>
      <c r="OSL717" s="613"/>
      <c r="OSM717" s="613"/>
      <c r="OSN717" s="613"/>
      <c r="OSO717" s="613"/>
      <c r="OSP717" s="613"/>
      <c r="OSQ717" s="613"/>
      <c r="OSR717" s="613"/>
      <c r="OSS717" s="613"/>
      <c r="OST717" s="613"/>
      <c r="OSU717" s="613"/>
      <c r="OSV717" s="613"/>
      <c r="OSW717" s="613"/>
      <c r="OSX717" s="613"/>
      <c r="OSY717" s="613"/>
      <c r="OSZ717" s="613"/>
      <c r="OTA717" s="613"/>
      <c r="OTB717" s="613"/>
      <c r="OTC717" s="613"/>
      <c r="OTD717" s="613"/>
      <c r="OTE717" s="613"/>
      <c r="OTF717" s="613"/>
      <c r="OTG717" s="613"/>
      <c r="OTH717" s="613"/>
      <c r="OTI717" s="613"/>
      <c r="OTJ717" s="613"/>
      <c r="OTK717" s="613"/>
      <c r="OTL717" s="613"/>
      <c r="OTM717" s="613"/>
      <c r="OTN717" s="613"/>
      <c r="OTO717" s="613"/>
      <c r="OTP717" s="613"/>
      <c r="OTQ717" s="613"/>
      <c r="OTR717" s="613"/>
      <c r="OTS717" s="613"/>
      <c r="OTT717" s="613"/>
      <c r="OTU717" s="613"/>
      <c r="OTV717" s="613"/>
      <c r="OTW717" s="613"/>
      <c r="OTX717" s="613"/>
      <c r="OTY717" s="613"/>
      <c r="OTZ717" s="613"/>
      <c r="OUA717" s="613"/>
      <c r="OUB717" s="613"/>
      <c r="OUC717" s="613"/>
      <c r="OUD717" s="613"/>
      <c r="OUE717" s="613"/>
      <c r="OUF717" s="613"/>
      <c r="OUG717" s="613"/>
      <c r="OUH717" s="613"/>
      <c r="OUI717" s="613"/>
      <c r="OUJ717" s="613"/>
      <c r="OUK717" s="613"/>
      <c r="OUL717" s="613"/>
      <c r="OUM717" s="613"/>
      <c r="OUN717" s="613"/>
      <c r="OUO717" s="613"/>
      <c r="OUP717" s="613"/>
      <c r="OUQ717" s="613"/>
      <c r="OUR717" s="613"/>
      <c r="OUS717" s="613"/>
      <c r="OUT717" s="613"/>
      <c r="OUU717" s="613"/>
      <c r="OUV717" s="613"/>
      <c r="OUW717" s="613"/>
      <c r="OUX717" s="613"/>
      <c r="OUY717" s="613"/>
      <c r="OUZ717" s="613"/>
      <c r="OVA717" s="613"/>
      <c r="OVB717" s="613"/>
      <c r="OVC717" s="613"/>
      <c r="OVD717" s="613"/>
      <c r="OVE717" s="613"/>
      <c r="OVF717" s="613"/>
      <c r="OVG717" s="613"/>
      <c r="OVH717" s="613"/>
      <c r="OVI717" s="613"/>
      <c r="OVJ717" s="613"/>
      <c r="OVK717" s="613"/>
      <c r="OVL717" s="613"/>
      <c r="OVM717" s="613"/>
      <c r="OVN717" s="613"/>
      <c r="OVO717" s="613"/>
      <c r="OVP717" s="613"/>
      <c r="OVQ717" s="613"/>
      <c r="OVR717" s="613"/>
      <c r="OVS717" s="613"/>
      <c r="OVT717" s="613"/>
      <c r="OVU717" s="613"/>
      <c r="OVV717" s="613"/>
      <c r="OVW717" s="613"/>
      <c r="OVX717" s="613"/>
      <c r="OVY717" s="613"/>
      <c r="OVZ717" s="613"/>
      <c r="OWA717" s="613"/>
      <c r="OWB717" s="613"/>
      <c r="OWC717" s="613"/>
      <c r="OWD717" s="613"/>
      <c r="OWE717" s="613"/>
      <c r="OWF717" s="613"/>
      <c r="OWG717" s="613"/>
      <c r="OWH717" s="613"/>
      <c r="OWI717" s="613"/>
      <c r="OWJ717" s="613"/>
      <c r="OWK717" s="613"/>
      <c r="OWL717" s="613"/>
      <c r="OWM717" s="613"/>
      <c r="OWN717" s="613"/>
      <c r="OWO717" s="613"/>
      <c r="OWP717" s="613"/>
      <c r="OWQ717" s="613"/>
      <c r="OWR717" s="613"/>
      <c r="OWS717" s="613"/>
      <c r="OWT717" s="613"/>
      <c r="OWU717" s="613"/>
      <c r="OWV717" s="613"/>
      <c r="OWW717" s="613"/>
      <c r="OWX717" s="613"/>
      <c r="OWY717" s="613"/>
      <c r="OWZ717" s="613"/>
      <c r="OXA717" s="613"/>
      <c r="OXB717" s="613"/>
      <c r="OXC717" s="613"/>
      <c r="OXD717" s="613"/>
      <c r="OXE717" s="613"/>
      <c r="OXF717" s="613"/>
      <c r="OXG717" s="613"/>
      <c r="OXH717" s="613"/>
      <c r="OXI717" s="613"/>
      <c r="OXJ717" s="613"/>
      <c r="OXK717" s="613"/>
      <c r="OXL717" s="613"/>
      <c r="OXM717" s="613"/>
      <c r="OXN717" s="613"/>
      <c r="OXO717" s="613"/>
      <c r="OXP717" s="613"/>
      <c r="OXQ717" s="613"/>
      <c r="OXR717" s="613"/>
      <c r="OXS717" s="613"/>
      <c r="OXT717" s="613"/>
      <c r="OXU717" s="613"/>
      <c r="OXV717" s="613"/>
      <c r="OXW717" s="613"/>
      <c r="OXX717" s="613"/>
      <c r="OXY717" s="613"/>
      <c r="OXZ717" s="613"/>
      <c r="OYA717" s="613"/>
      <c r="OYB717" s="613"/>
      <c r="OYC717" s="613"/>
      <c r="OYD717" s="613"/>
      <c r="OYE717" s="613"/>
      <c r="OYF717" s="613"/>
      <c r="OYG717" s="613"/>
      <c r="OYH717" s="613"/>
      <c r="OYI717" s="613"/>
      <c r="OYJ717" s="613"/>
      <c r="OYK717" s="613"/>
      <c r="OYL717" s="613"/>
      <c r="OYM717" s="613"/>
      <c r="OYN717" s="613"/>
      <c r="OYO717" s="613"/>
      <c r="OYP717" s="613"/>
      <c r="OYQ717" s="613"/>
      <c r="OYR717" s="613"/>
      <c r="OYS717" s="613"/>
      <c r="OYT717" s="613"/>
      <c r="OYU717" s="613"/>
      <c r="OYV717" s="613"/>
      <c r="OYW717" s="613"/>
      <c r="OYX717" s="613"/>
      <c r="OYY717" s="613"/>
      <c r="OYZ717" s="613"/>
      <c r="OZA717" s="613"/>
      <c r="OZB717" s="613"/>
      <c r="OZC717" s="613"/>
      <c r="OZD717" s="613"/>
      <c r="OZE717" s="613"/>
      <c r="OZF717" s="613"/>
      <c r="OZG717" s="613"/>
      <c r="OZH717" s="613"/>
      <c r="OZI717" s="613"/>
      <c r="OZJ717" s="613"/>
      <c r="OZK717" s="613"/>
      <c r="OZL717" s="613"/>
      <c r="OZM717" s="613"/>
      <c r="OZN717" s="613"/>
      <c r="OZO717" s="613"/>
      <c r="OZP717" s="613"/>
      <c r="OZQ717" s="613"/>
      <c r="OZR717" s="613"/>
      <c r="OZS717" s="613"/>
      <c r="OZT717" s="613"/>
      <c r="OZU717" s="613"/>
      <c r="OZV717" s="613"/>
      <c r="OZW717" s="613"/>
      <c r="OZX717" s="613"/>
      <c r="OZY717" s="613"/>
      <c r="OZZ717" s="613"/>
      <c r="PAA717" s="613"/>
      <c r="PAB717" s="613"/>
      <c r="PAC717" s="613"/>
      <c r="PAD717" s="613"/>
      <c r="PAE717" s="613"/>
      <c r="PAF717" s="613"/>
      <c r="PAG717" s="613"/>
      <c r="PAH717" s="613"/>
      <c r="PAI717" s="613"/>
      <c r="PAJ717" s="613"/>
      <c r="PAK717" s="613"/>
      <c r="PAL717" s="613"/>
      <c r="PAM717" s="613"/>
      <c r="PAN717" s="613"/>
      <c r="PAO717" s="613"/>
      <c r="PAP717" s="613"/>
      <c r="PAQ717" s="613"/>
      <c r="PAR717" s="613"/>
      <c r="PAS717" s="613"/>
      <c r="PAT717" s="613"/>
      <c r="PAU717" s="613"/>
      <c r="PAV717" s="613"/>
      <c r="PAW717" s="613"/>
      <c r="PAX717" s="613"/>
      <c r="PAY717" s="613"/>
      <c r="PAZ717" s="613"/>
      <c r="PBA717" s="613"/>
      <c r="PBB717" s="613"/>
      <c r="PBC717" s="613"/>
      <c r="PBD717" s="613"/>
      <c r="PBE717" s="613"/>
      <c r="PBF717" s="613"/>
      <c r="PBG717" s="613"/>
      <c r="PBH717" s="613"/>
      <c r="PBI717" s="613"/>
      <c r="PBJ717" s="613"/>
      <c r="PBK717" s="613"/>
      <c r="PBL717" s="613"/>
      <c r="PBM717" s="613"/>
      <c r="PBN717" s="613"/>
      <c r="PBO717" s="613"/>
      <c r="PBP717" s="613"/>
      <c r="PBQ717" s="613"/>
      <c r="PBR717" s="613"/>
      <c r="PBS717" s="613"/>
      <c r="PBT717" s="613"/>
      <c r="PBU717" s="613"/>
      <c r="PBV717" s="613"/>
      <c r="PBW717" s="613"/>
      <c r="PBX717" s="613"/>
      <c r="PBY717" s="613"/>
      <c r="PBZ717" s="613"/>
      <c r="PCA717" s="613"/>
      <c r="PCB717" s="613"/>
      <c r="PCC717" s="613"/>
      <c r="PCD717" s="613"/>
      <c r="PCE717" s="613"/>
      <c r="PCF717" s="613"/>
      <c r="PCG717" s="613"/>
      <c r="PCH717" s="613"/>
      <c r="PCI717" s="613"/>
      <c r="PCJ717" s="613"/>
      <c r="PCK717" s="613"/>
      <c r="PCL717" s="613"/>
      <c r="PCM717" s="613"/>
      <c r="PCN717" s="613"/>
      <c r="PCO717" s="613"/>
      <c r="PCP717" s="613"/>
      <c r="PCQ717" s="613"/>
      <c r="PCR717" s="613"/>
      <c r="PCS717" s="613"/>
      <c r="PCT717" s="613"/>
      <c r="PCU717" s="613"/>
      <c r="PCV717" s="613"/>
      <c r="PCW717" s="613"/>
      <c r="PCX717" s="613"/>
      <c r="PCY717" s="613"/>
      <c r="PCZ717" s="613"/>
      <c r="PDA717" s="613"/>
      <c r="PDB717" s="613"/>
      <c r="PDC717" s="613"/>
      <c r="PDD717" s="613"/>
      <c r="PDE717" s="613"/>
      <c r="PDF717" s="613"/>
      <c r="PDG717" s="613"/>
      <c r="PDH717" s="613"/>
      <c r="PDI717" s="613"/>
      <c r="PDJ717" s="613"/>
      <c r="PDK717" s="613"/>
      <c r="PDL717" s="613"/>
      <c r="PDM717" s="613"/>
      <c r="PDN717" s="613"/>
      <c r="PDO717" s="613"/>
      <c r="PDP717" s="613"/>
      <c r="PDQ717" s="613"/>
      <c r="PDR717" s="613"/>
      <c r="PDS717" s="613"/>
      <c r="PDT717" s="613"/>
      <c r="PDU717" s="613"/>
      <c r="PDV717" s="613"/>
      <c r="PDW717" s="613"/>
      <c r="PDX717" s="613"/>
      <c r="PDY717" s="613"/>
      <c r="PDZ717" s="613"/>
      <c r="PEA717" s="613"/>
      <c r="PEB717" s="613"/>
      <c r="PEC717" s="613"/>
      <c r="PED717" s="613"/>
      <c r="PEE717" s="613"/>
      <c r="PEF717" s="613"/>
      <c r="PEG717" s="613"/>
      <c r="PEH717" s="613"/>
      <c r="PEI717" s="613"/>
      <c r="PEJ717" s="613"/>
      <c r="PEK717" s="613"/>
      <c r="PEL717" s="613"/>
      <c r="PEM717" s="613"/>
      <c r="PEN717" s="613"/>
      <c r="PEO717" s="613"/>
      <c r="PEP717" s="613"/>
      <c r="PEQ717" s="613"/>
      <c r="PER717" s="613"/>
      <c r="PES717" s="613"/>
      <c r="PET717" s="613"/>
      <c r="PEU717" s="613"/>
      <c r="PEV717" s="613"/>
      <c r="PEW717" s="613"/>
      <c r="PEX717" s="613"/>
      <c r="PEY717" s="613"/>
      <c r="PEZ717" s="613"/>
      <c r="PFA717" s="613"/>
      <c r="PFB717" s="613"/>
      <c r="PFC717" s="613"/>
      <c r="PFD717" s="613"/>
      <c r="PFE717" s="613"/>
      <c r="PFF717" s="613"/>
      <c r="PFG717" s="613"/>
      <c r="PFH717" s="613"/>
      <c r="PFI717" s="613"/>
      <c r="PFJ717" s="613"/>
      <c r="PFK717" s="613"/>
      <c r="PFL717" s="613"/>
      <c r="PFM717" s="613"/>
      <c r="PFN717" s="613"/>
      <c r="PFO717" s="613"/>
      <c r="PFP717" s="613"/>
      <c r="PFQ717" s="613"/>
      <c r="PFR717" s="613"/>
      <c r="PFS717" s="613"/>
      <c r="PFT717" s="613"/>
      <c r="PFU717" s="613"/>
      <c r="PFV717" s="613"/>
      <c r="PFW717" s="613"/>
      <c r="PFX717" s="613"/>
      <c r="PFY717" s="613"/>
      <c r="PFZ717" s="613"/>
      <c r="PGA717" s="613"/>
      <c r="PGB717" s="613"/>
      <c r="PGC717" s="613"/>
      <c r="PGD717" s="613"/>
      <c r="PGE717" s="613"/>
      <c r="PGF717" s="613"/>
      <c r="PGG717" s="613"/>
      <c r="PGH717" s="613"/>
      <c r="PGI717" s="613"/>
      <c r="PGJ717" s="613"/>
      <c r="PGK717" s="613"/>
      <c r="PGL717" s="613"/>
      <c r="PGM717" s="613"/>
      <c r="PGN717" s="613"/>
      <c r="PGO717" s="613"/>
      <c r="PGP717" s="613"/>
      <c r="PGQ717" s="613"/>
      <c r="PGR717" s="613"/>
      <c r="PGS717" s="613"/>
      <c r="PGT717" s="613"/>
      <c r="PGU717" s="613"/>
      <c r="PGV717" s="613"/>
      <c r="PGW717" s="613"/>
      <c r="PGX717" s="613"/>
      <c r="PGY717" s="613"/>
      <c r="PGZ717" s="613"/>
      <c r="PHA717" s="613"/>
      <c r="PHB717" s="613"/>
      <c r="PHC717" s="613"/>
      <c r="PHD717" s="613"/>
      <c r="PHE717" s="613"/>
      <c r="PHF717" s="613"/>
      <c r="PHG717" s="613"/>
      <c r="PHH717" s="613"/>
      <c r="PHI717" s="613"/>
      <c r="PHJ717" s="613"/>
      <c r="PHK717" s="613"/>
      <c r="PHL717" s="613"/>
      <c r="PHM717" s="613"/>
      <c r="PHN717" s="613"/>
      <c r="PHO717" s="613"/>
      <c r="PHP717" s="613"/>
      <c r="PHQ717" s="613"/>
      <c r="PHR717" s="613"/>
      <c r="PHS717" s="613"/>
      <c r="PHT717" s="613"/>
      <c r="PHU717" s="613"/>
      <c r="PHV717" s="613"/>
      <c r="PHW717" s="613"/>
      <c r="PHX717" s="613"/>
      <c r="PHY717" s="613"/>
      <c r="PHZ717" s="613"/>
      <c r="PIA717" s="613"/>
      <c r="PIB717" s="613"/>
      <c r="PIC717" s="613"/>
      <c r="PID717" s="613"/>
      <c r="PIE717" s="613"/>
      <c r="PIF717" s="613"/>
      <c r="PIG717" s="613"/>
      <c r="PIH717" s="613"/>
      <c r="PII717" s="613"/>
      <c r="PIJ717" s="613"/>
      <c r="PIK717" s="613"/>
      <c r="PIL717" s="613"/>
      <c r="PIM717" s="613"/>
      <c r="PIN717" s="613"/>
      <c r="PIO717" s="613"/>
      <c r="PIP717" s="613"/>
      <c r="PIQ717" s="613"/>
      <c r="PIR717" s="613"/>
      <c r="PIS717" s="613"/>
      <c r="PIT717" s="613"/>
      <c r="PIU717" s="613"/>
      <c r="PIV717" s="613"/>
      <c r="PIW717" s="613"/>
      <c r="PIX717" s="613"/>
      <c r="PIY717" s="613"/>
      <c r="PIZ717" s="613"/>
      <c r="PJA717" s="613"/>
      <c r="PJB717" s="613"/>
      <c r="PJC717" s="613"/>
      <c r="PJD717" s="613"/>
      <c r="PJE717" s="613"/>
      <c r="PJF717" s="613"/>
      <c r="PJG717" s="613"/>
      <c r="PJH717" s="613"/>
      <c r="PJI717" s="613"/>
      <c r="PJJ717" s="613"/>
      <c r="PJK717" s="613"/>
      <c r="PJL717" s="613"/>
      <c r="PJM717" s="613"/>
      <c r="PJN717" s="613"/>
      <c r="PJO717" s="613"/>
      <c r="PJP717" s="613"/>
      <c r="PJQ717" s="613"/>
      <c r="PJR717" s="613"/>
      <c r="PJS717" s="613"/>
      <c r="PJT717" s="613"/>
      <c r="PJU717" s="613"/>
      <c r="PJV717" s="613"/>
      <c r="PJW717" s="613"/>
      <c r="PJX717" s="613"/>
      <c r="PJY717" s="613"/>
      <c r="PJZ717" s="613"/>
      <c r="PKA717" s="613"/>
      <c r="PKB717" s="613"/>
      <c r="PKC717" s="613"/>
      <c r="PKD717" s="613"/>
      <c r="PKE717" s="613"/>
      <c r="PKF717" s="613"/>
      <c r="PKG717" s="613"/>
      <c r="PKH717" s="613"/>
      <c r="PKI717" s="613"/>
      <c r="PKJ717" s="613"/>
      <c r="PKK717" s="613"/>
      <c r="PKL717" s="613"/>
      <c r="PKM717" s="613"/>
      <c r="PKN717" s="613"/>
      <c r="PKO717" s="613"/>
      <c r="PKP717" s="613"/>
      <c r="PKQ717" s="613"/>
      <c r="PKR717" s="613"/>
      <c r="PKS717" s="613"/>
      <c r="PKT717" s="613"/>
      <c r="PKU717" s="613"/>
      <c r="PKV717" s="613"/>
      <c r="PKW717" s="613"/>
      <c r="PKX717" s="613"/>
      <c r="PKY717" s="613"/>
      <c r="PKZ717" s="613"/>
      <c r="PLA717" s="613"/>
      <c r="PLB717" s="613"/>
      <c r="PLC717" s="613"/>
      <c r="PLD717" s="613"/>
      <c r="PLE717" s="613"/>
      <c r="PLF717" s="613"/>
      <c r="PLG717" s="613"/>
      <c r="PLH717" s="613"/>
      <c r="PLI717" s="613"/>
      <c r="PLJ717" s="613"/>
      <c r="PLK717" s="613"/>
      <c r="PLL717" s="613"/>
      <c r="PLM717" s="613"/>
      <c r="PLN717" s="613"/>
      <c r="PLO717" s="613"/>
      <c r="PLP717" s="613"/>
      <c r="PLQ717" s="613"/>
      <c r="PLR717" s="613"/>
      <c r="PLS717" s="613"/>
      <c r="PLT717" s="613"/>
      <c r="PLU717" s="613"/>
      <c r="PLV717" s="613"/>
      <c r="PLW717" s="613"/>
      <c r="PLX717" s="613"/>
      <c r="PLY717" s="613"/>
      <c r="PLZ717" s="613"/>
      <c r="PMA717" s="613"/>
      <c r="PMB717" s="613"/>
      <c r="PMC717" s="613"/>
      <c r="PMD717" s="613"/>
      <c r="PME717" s="613"/>
      <c r="PMF717" s="613"/>
      <c r="PMG717" s="613"/>
      <c r="PMH717" s="613"/>
      <c r="PMI717" s="613"/>
      <c r="PMJ717" s="613"/>
      <c r="PMK717" s="613"/>
      <c r="PML717" s="613"/>
      <c r="PMM717" s="613"/>
      <c r="PMN717" s="613"/>
      <c r="PMO717" s="613"/>
      <c r="PMP717" s="613"/>
      <c r="PMQ717" s="613"/>
      <c r="PMR717" s="613"/>
      <c r="PMS717" s="613"/>
      <c r="PMT717" s="613"/>
      <c r="PMU717" s="613"/>
      <c r="PMV717" s="613"/>
      <c r="PMW717" s="613"/>
      <c r="PMX717" s="613"/>
      <c r="PMY717" s="613"/>
      <c r="PMZ717" s="613"/>
      <c r="PNA717" s="613"/>
      <c r="PNB717" s="613"/>
      <c r="PNC717" s="613"/>
      <c r="PND717" s="613"/>
      <c r="PNE717" s="613"/>
      <c r="PNF717" s="613"/>
      <c r="PNG717" s="613"/>
      <c r="PNH717" s="613"/>
      <c r="PNI717" s="613"/>
      <c r="PNJ717" s="613"/>
      <c r="PNK717" s="613"/>
      <c r="PNL717" s="613"/>
      <c r="PNM717" s="613"/>
      <c r="PNN717" s="613"/>
      <c r="PNO717" s="613"/>
      <c r="PNP717" s="613"/>
      <c r="PNQ717" s="613"/>
      <c r="PNR717" s="613"/>
      <c r="PNS717" s="613"/>
      <c r="PNT717" s="613"/>
      <c r="PNU717" s="613"/>
      <c r="PNV717" s="613"/>
      <c r="PNW717" s="613"/>
      <c r="PNX717" s="613"/>
      <c r="PNY717" s="613"/>
      <c r="PNZ717" s="613"/>
      <c r="POA717" s="613"/>
      <c r="POB717" s="613"/>
      <c r="POC717" s="613"/>
      <c r="POD717" s="613"/>
      <c r="POE717" s="613"/>
      <c r="POF717" s="613"/>
      <c r="POG717" s="613"/>
      <c r="POH717" s="613"/>
      <c r="POI717" s="613"/>
      <c r="POJ717" s="613"/>
      <c r="POK717" s="613"/>
      <c r="POL717" s="613"/>
      <c r="POM717" s="613"/>
      <c r="PON717" s="613"/>
      <c r="POO717" s="613"/>
      <c r="POP717" s="613"/>
      <c r="POQ717" s="613"/>
      <c r="POR717" s="613"/>
      <c r="POS717" s="613"/>
      <c r="POT717" s="613"/>
      <c r="POU717" s="613"/>
      <c r="POV717" s="613"/>
      <c r="POW717" s="613"/>
      <c r="POX717" s="613"/>
      <c r="POY717" s="613"/>
      <c r="POZ717" s="613"/>
      <c r="PPA717" s="613"/>
      <c r="PPB717" s="613"/>
      <c r="PPC717" s="613"/>
      <c r="PPD717" s="613"/>
      <c r="PPE717" s="613"/>
      <c r="PPF717" s="613"/>
      <c r="PPG717" s="613"/>
      <c r="PPH717" s="613"/>
      <c r="PPI717" s="613"/>
      <c r="PPJ717" s="613"/>
      <c r="PPK717" s="613"/>
      <c r="PPL717" s="613"/>
      <c r="PPM717" s="613"/>
      <c r="PPN717" s="613"/>
      <c r="PPO717" s="613"/>
      <c r="PPP717" s="613"/>
      <c r="PPQ717" s="613"/>
      <c r="PPR717" s="613"/>
      <c r="PPS717" s="613"/>
      <c r="PPT717" s="613"/>
      <c r="PPU717" s="613"/>
      <c r="PPV717" s="613"/>
      <c r="PPW717" s="613"/>
      <c r="PPX717" s="613"/>
      <c r="PPY717" s="613"/>
      <c r="PPZ717" s="613"/>
      <c r="PQA717" s="613"/>
      <c r="PQB717" s="613"/>
      <c r="PQC717" s="613"/>
      <c r="PQD717" s="613"/>
      <c r="PQE717" s="613"/>
      <c r="PQF717" s="613"/>
      <c r="PQG717" s="613"/>
      <c r="PQH717" s="613"/>
      <c r="PQI717" s="613"/>
      <c r="PQJ717" s="613"/>
      <c r="PQK717" s="613"/>
      <c r="PQL717" s="613"/>
      <c r="PQM717" s="613"/>
      <c r="PQN717" s="613"/>
      <c r="PQO717" s="613"/>
      <c r="PQP717" s="613"/>
      <c r="PQQ717" s="613"/>
      <c r="PQR717" s="613"/>
      <c r="PQS717" s="613"/>
      <c r="PQT717" s="613"/>
      <c r="PQU717" s="613"/>
      <c r="PQV717" s="613"/>
      <c r="PQW717" s="613"/>
      <c r="PQX717" s="613"/>
      <c r="PQY717" s="613"/>
      <c r="PQZ717" s="613"/>
      <c r="PRA717" s="613"/>
      <c r="PRB717" s="613"/>
      <c r="PRC717" s="613"/>
      <c r="PRD717" s="613"/>
      <c r="PRE717" s="613"/>
      <c r="PRF717" s="613"/>
      <c r="PRG717" s="613"/>
      <c r="PRH717" s="613"/>
      <c r="PRI717" s="613"/>
      <c r="PRJ717" s="613"/>
      <c r="PRK717" s="613"/>
      <c r="PRL717" s="613"/>
      <c r="PRM717" s="613"/>
      <c r="PRN717" s="613"/>
      <c r="PRO717" s="613"/>
      <c r="PRP717" s="613"/>
      <c r="PRQ717" s="613"/>
      <c r="PRR717" s="613"/>
      <c r="PRS717" s="613"/>
      <c r="PRT717" s="613"/>
      <c r="PRU717" s="613"/>
      <c r="PRV717" s="613"/>
      <c r="PRW717" s="613"/>
      <c r="PRX717" s="613"/>
      <c r="PRY717" s="613"/>
      <c r="PRZ717" s="613"/>
      <c r="PSA717" s="613"/>
      <c r="PSB717" s="613"/>
      <c r="PSC717" s="613"/>
      <c r="PSD717" s="613"/>
      <c r="PSE717" s="613"/>
      <c r="PSF717" s="613"/>
      <c r="PSG717" s="613"/>
      <c r="PSH717" s="613"/>
      <c r="PSI717" s="613"/>
      <c r="PSJ717" s="613"/>
      <c r="PSK717" s="613"/>
      <c r="PSL717" s="613"/>
      <c r="PSM717" s="613"/>
      <c r="PSN717" s="613"/>
      <c r="PSO717" s="613"/>
      <c r="PSP717" s="613"/>
      <c r="PSQ717" s="613"/>
      <c r="PSR717" s="613"/>
      <c r="PSS717" s="613"/>
      <c r="PST717" s="613"/>
      <c r="PSU717" s="613"/>
      <c r="PSV717" s="613"/>
      <c r="PSW717" s="613"/>
      <c r="PSX717" s="613"/>
      <c r="PSY717" s="613"/>
      <c r="PSZ717" s="613"/>
      <c r="PTA717" s="613"/>
      <c r="PTB717" s="613"/>
      <c r="PTC717" s="613"/>
      <c r="PTD717" s="613"/>
      <c r="PTE717" s="613"/>
      <c r="PTF717" s="613"/>
      <c r="PTG717" s="613"/>
      <c r="PTH717" s="613"/>
      <c r="PTI717" s="613"/>
      <c r="PTJ717" s="613"/>
      <c r="PTK717" s="613"/>
      <c r="PTL717" s="613"/>
      <c r="PTM717" s="613"/>
      <c r="PTN717" s="613"/>
      <c r="PTO717" s="613"/>
      <c r="PTP717" s="613"/>
      <c r="PTQ717" s="613"/>
      <c r="PTR717" s="613"/>
      <c r="PTS717" s="613"/>
      <c r="PTT717" s="613"/>
      <c r="PTU717" s="613"/>
      <c r="PTV717" s="613"/>
      <c r="PTW717" s="613"/>
      <c r="PTX717" s="613"/>
      <c r="PTY717" s="613"/>
      <c r="PTZ717" s="613"/>
      <c r="PUA717" s="613"/>
      <c r="PUB717" s="613"/>
      <c r="PUC717" s="613"/>
      <c r="PUD717" s="613"/>
      <c r="PUE717" s="613"/>
      <c r="PUF717" s="613"/>
      <c r="PUG717" s="613"/>
      <c r="PUH717" s="613"/>
      <c r="PUI717" s="613"/>
      <c r="PUJ717" s="613"/>
      <c r="PUK717" s="613"/>
      <c r="PUL717" s="613"/>
      <c r="PUM717" s="613"/>
      <c r="PUN717" s="613"/>
      <c r="PUO717" s="613"/>
      <c r="PUP717" s="613"/>
      <c r="PUQ717" s="613"/>
      <c r="PUR717" s="613"/>
      <c r="PUS717" s="613"/>
      <c r="PUT717" s="613"/>
      <c r="PUU717" s="613"/>
      <c r="PUV717" s="613"/>
      <c r="PUW717" s="613"/>
      <c r="PUX717" s="613"/>
      <c r="PUY717" s="613"/>
      <c r="PUZ717" s="613"/>
      <c r="PVA717" s="613"/>
      <c r="PVB717" s="613"/>
      <c r="PVC717" s="613"/>
      <c r="PVD717" s="613"/>
      <c r="PVE717" s="613"/>
      <c r="PVF717" s="613"/>
      <c r="PVG717" s="613"/>
      <c r="PVH717" s="613"/>
      <c r="PVI717" s="613"/>
      <c r="PVJ717" s="613"/>
      <c r="PVK717" s="613"/>
      <c r="PVL717" s="613"/>
      <c r="PVM717" s="613"/>
      <c r="PVN717" s="613"/>
      <c r="PVO717" s="613"/>
      <c r="PVP717" s="613"/>
      <c r="PVQ717" s="613"/>
      <c r="PVR717" s="613"/>
      <c r="PVS717" s="613"/>
      <c r="PVT717" s="613"/>
      <c r="PVU717" s="613"/>
      <c r="PVV717" s="613"/>
      <c r="PVW717" s="613"/>
      <c r="PVX717" s="613"/>
      <c r="PVY717" s="613"/>
      <c r="PVZ717" s="613"/>
      <c r="PWA717" s="613"/>
      <c r="PWB717" s="613"/>
      <c r="PWC717" s="613"/>
      <c r="PWD717" s="613"/>
      <c r="PWE717" s="613"/>
      <c r="PWF717" s="613"/>
      <c r="PWG717" s="613"/>
      <c r="PWH717" s="613"/>
      <c r="PWI717" s="613"/>
      <c r="PWJ717" s="613"/>
      <c r="PWK717" s="613"/>
      <c r="PWL717" s="613"/>
      <c r="PWM717" s="613"/>
      <c r="PWN717" s="613"/>
      <c r="PWO717" s="613"/>
      <c r="PWP717" s="613"/>
      <c r="PWQ717" s="613"/>
      <c r="PWR717" s="613"/>
      <c r="PWS717" s="613"/>
      <c r="PWT717" s="613"/>
      <c r="PWU717" s="613"/>
      <c r="PWV717" s="613"/>
      <c r="PWW717" s="613"/>
      <c r="PWX717" s="613"/>
      <c r="PWY717" s="613"/>
      <c r="PWZ717" s="613"/>
      <c r="PXA717" s="613"/>
      <c r="PXB717" s="613"/>
      <c r="PXC717" s="613"/>
      <c r="PXD717" s="613"/>
      <c r="PXE717" s="613"/>
      <c r="PXF717" s="613"/>
      <c r="PXG717" s="613"/>
      <c r="PXH717" s="613"/>
      <c r="PXI717" s="613"/>
      <c r="PXJ717" s="613"/>
      <c r="PXK717" s="613"/>
      <c r="PXL717" s="613"/>
      <c r="PXM717" s="613"/>
      <c r="PXN717" s="613"/>
      <c r="PXO717" s="613"/>
      <c r="PXP717" s="613"/>
      <c r="PXQ717" s="613"/>
      <c r="PXR717" s="613"/>
      <c r="PXS717" s="613"/>
      <c r="PXT717" s="613"/>
      <c r="PXU717" s="613"/>
      <c r="PXV717" s="613"/>
      <c r="PXW717" s="613"/>
      <c r="PXX717" s="613"/>
      <c r="PXY717" s="613"/>
      <c r="PXZ717" s="613"/>
      <c r="PYA717" s="613"/>
      <c r="PYB717" s="613"/>
      <c r="PYC717" s="613"/>
      <c r="PYD717" s="613"/>
      <c r="PYE717" s="613"/>
      <c r="PYF717" s="613"/>
      <c r="PYG717" s="613"/>
      <c r="PYH717" s="613"/>
      <c r="PYI717" s="613"/>
      <c r="PYJ717" s="613"/>
      <c r="PYK717" s="613"/>
      <c r="PYL717" s="613"/>
      <c r="PYM717" s="613"/>
      <c r="PYN717" s="613"/>
      <c r="PYO717" s="613"/>
      <c r="PYP717" s="613"/>
      <c r="PYQ717" s="613"/>
      <c r="PYR717" s="613"/>
      <c r="PYS717" s="613"/>
      <c r="PYT717" s="613"/>
      <c r="PYU717" s="613"/>
      <c r="PYV717" s="613"/>
      <c r="PYW717" s="613"/>
      <c r="PYX717" s="613"/>
      <c r="PYY717" s="613"/>
      <c r="PYZ717" s="613"/>
      <c r="PZA717" s="613"/>
      <c r="PZB717" s="613"/>
      <c r="PZC717" s="613"/>
      <c r="PZD717" s="613"/>
      <c r="PZE717" s="613"/>
      <c r="PZF717" s="613"/>
      <c r="PZG717" s="613"/>
      <c r="PZH717" s="613"/>
      <c r="PZI717" s="613"/>
      <c r="PZJ717" s="613"/>
      <c r="PZK717" s="613"/>
      <c r="PZL717" s="613"/>
      <c r="PZM717" s="613"/>
      <c r="PZN717" s="613"/>
      <c r="PZO717" s="613"/>
      <c r="PZP717" s="613"/>
      <c r="PZQ717" s="613"/>
      <c r="PZR717" s="613"/>
      <c r="PZS717" s="613"/>
      <c r="PZT717" s="613"/>
      <c r="PZU717" s="613"/>
      <c r="PZV717" s="613"/>
      <c r="PZW717" s="613"/>
      <c r="PZX717" s="613"/>
      <c r="PZY717" s="613"/>
      <c r="PZZ717" s="613"/>
      <c r="QAA717" s="613"/>
      <c r="QAB717" s="613"/>
      <c r="QAC717" s="613"/>
      <c r="QAD717" s="613"/>
      <c r="QAE717" s="613"/>
      <c r="QAF717" s="613"/>
      <c r="QAG717" s="613"/>
      <c r="QAH717" s="613"/>
      <c r="QAI717" s="613"/>
      <c r="QAJ717" s="613"/>
      <c r="QAK717" s="613"/>
      <c r="QAL717" s="613"/>
      <c r="QAM717" s="613"/>
      <c r="QAN717" s="613"/>
      <c r="QAO717" s="613"/>
      <c r="QAP717" s="613"/>
      <c r="QAQ717" s="613"/>
      <c r="QAR717" s="613"/>
      <c r="QAS717" s="613"/>
      <c r="QAT717" s="613"/>
      <c r="QAU717" s="613"/>
      <c r="QAV717" s="613"/>
      <c r="QAW717" s="613"/>
      <c r="QAX717" s="613"/>
      <c r="QAY717" s="613"/>
      <c r="QAZ717" s="613"/>
      <c r="QBA717" s="613"/>
      <c r="QBB717" s="613"/>
      <c r="QBC717" s="613"/>
      <c r="QBD717" s="613"/>
      <c r="QBE717" s="613"/>
      <c r="QBF717" s="613"/>
      <c r="QBG717" s="613"/>
      <c r="QBH717" s="613"/>
      <c r="QBI717" s="613"/>
      <c r="QBJ717" s="613"/>
      <c r="QBK717" s="613"/>
      <c r="QBL717" s="613"/>
      <c r="QBM717" s="613"/>
      <c r="QBN717" s="613"/>
      <c r="QBO717" s="613"/>
      <c r="QBP717" s="613"/>
      <c r="QBQ717" s="613"/>
      <c r="QBR717" s="613"/>
      <c r="QBS717" s="613"/>
      <c r="QBT717" s="613"/>
      <c r="QBU717" s="613"/>
      <c r="QBV717" s="613"/>
      <c r="QBW717" s="613"/>
      <c r="QBX717" s="613"/>
      <c r="QBY717" s="613"/>
      <c r="QBZ717" s="613"/>
      <c r="QCA717" s="613"/>
      <c r="QCB717" s="613"/>
      <c r="QCC717" s="613"/>
      <c r="QCD717" s="613"/>
      <c r="QCE717" s="613"/>
      <c r="QCF717" s="613"/>
      <c r="QCG717" s="613"/>
      <c r="QCH717" s="613"/>
      <c r="QCI717" s="613"/>
      <c r="QCJ717" s="613"/>
      <c r="QCK717" s="613"/>
      <c r="QCL717" s="613"/>
      <c r="QCM717" s="613"/>
      <c r="QCN717" s="613"/>
      <c r="QCO717" s="613"/>
      <c r="QCP717" s="613"/>
      <c r="QCQ717" s="613"/>
      <c r="QCR717" s="613"/>
      <c r="QCS717" s="613"/>
      <c r="QCT717" s="613"/>
      <c r="QCU717" s="613"/>
      <c r="QCV717" s="613"/>
      <c r="QCW717" s="613"/>
      <c r="QCX717" s="613"/>
      <c r="QCY717" s="613"/>
      <c r="QCZ717" s="613"/>
      <c r="QDA717" s="613"/>
      <c r="QDB717" s="613"/>
      <c r="QDC717" s="613"/>
      <c r="QDD717" s="613"/>
      <c r="QDE717" s="613"/>
      <c r="QDF717" s="613"/>
      <c r="QDG717" s="613"/>
      <c r="QDH717" s="613"/>
      <c r="QDI717" s="613"/>
      <c r="QDJ717" s="613"/>
      <c r="QDK717" s="613"/>
      <c r="QDL717" s="613"/>
      <c r="QDM717" s="613"/>
      <c r="QDN717" s="613"/>
      <c r="QDO717" s="613"/>
      <c r="QDP717" s="613"/>
      <c r="QDQ717" s="613"/>
      <c r="QDR717" s="613"/>
      <c r="QDS717" s="613"/>
      <c r="QDT717" s="613"/>
      <c r="QDU717" s="613"/>
      <c r="QDV717" s="613"/>
      <c r="QDW717" s="613"/>
      <c r="QDX717" s="613"/>
      <c r="QDY717" s="613"/>
      <c r="QDZ717" s="613"/>
      <c r="QEA717" s="613"/>
      <c r="QEB717" s="613"/>
      <c r="QEC717" s="613"/>
      <c r="QED717" s="613"/>
      <c r="QEE717" s="613"/>
      <c r="QEF717" s="613"/>
      <c r="QEG717" s="613"/>
      <c r="QEH717" s="613"/>
      <c r="QEI717" s="613"/>
      <c r="QEJ717" s="613"/>
      <c r="QEK717" s="613"/>
      <c r="QEL717" s="613"/>
      <c r="QEM717" s="613"/>
      <c r="QEN717" s="613"/>
      <c r="QEO717" s="613"/>
      <c r="QEP717" s="613"/>
      <c r="QEQ717" s="613"/>
      <c r="QER717" s="613"/>
      <c r="QES717" s="613"/>
      <c r="QET717" s="613"/>
      <c r="QEU717" s="613"/>
      <c r="QEV717" s="613"/>
      <c r="QEW717" s="613"/>
      <c r="QEX717" s="613"/>
      <c r="QEY717" s="613"/>
      <c r="QEZ717" s="613"/>
      <c r="QFA717" s="613"/>
      <c r="QFB717" s="613"/>
      <c r="QFC717" s="613"/>
      <c r="QFD717" s="613"/>
      <c r="QFE717" s="613"/>
      <c r="QFF717" s="613"/>
      <c r="QFG717" s="613"/>
      <c r="QFH717" s="613"/>
      <c r="QFI717" s="613"/>
      <c r="QFJ717" s="613"/>
      <c r="QFK717" s="613"/>
      <c r="QFL717" s="613"/>
      <c r="QFM717" s="613"/>
      <c r="QFN717" s="613"/>
      <c r="QFO717" s="613"/>
      <c r="QFP717" s="613"/>
      <c r="QFQ717" s="613"/>
      <c r="QFR717" s="613"/>
      <c r="QFS717" s="613"/>
      <c r="QFT717" s="613"/>
      <c r="QFU717" s="613"/>
      <c r="QFV717" s="613"/>
      <c r="QFW717" s="613"/>
      <c r="QFX717" s="613"/>
      <c r="QFY717" s="613"/>
      <c r="QFZ717" s="613"/>
      <c r="QGA717" s="613"/>
      <c r="QGB717" s="613"/>
      <c r="QGC717" s="613"/>
      <c r="QGD717" s="613"/>
      <c r="QGE717" s="613"/>
      <c r="QGF717" s="613"/>
      <c r="QGG717" s="613"/>
      <c r="QGH717" s="613"/>
      <c r="QGI717" s="613"/>
      <c r="QGJ717" s="613"/>
      <c r="QGK717" s="613"/>
      <c r="QGL717" s="613"/>
      <c r="QGM717" s="613"/>
      <c r="QGN717" s="613"/>
      <c r="QGO717" s="613"/>
      <c r="QGP717" s="613"/>
      <c r="QGQ717" s="613"/>
      <c r="QGR717" s="613"/>
      <c r="QGS717" s="613"/>
      <c r="QGT717" s="613"/>
      <c r="QGU717" s="613"/>
      <c r="QGV717" s="613"/>
      <c r="QGW717" s="613"/>
      <c r="QGX717" s="613"/>
      <c r="QGY717" s="613"/>
      <c r="QGZ717" s="613"/>
      <c r="QHA717" s="613"/>
      <c r="QHB717" s="613"/>
      <c r="QHC717" s="613"/>
      <c r="QHD717" s="613"/>
      <c r="QHE717" s="613"/>
      <c r="QHF717" s="613"/>
      <c r="QHG717" s="613"/>
      <c r="QHH717" s="613"/>
      <c r="QHI717" s="613"/>
      <c r="QHJ717" s="613"/>
      <c r="QHK717" s="613"/>
      <c r="QHL717" s="613"/>
      <c r="QHM717" s="613"/>
      <c r="QHN717" s="613"/>
      <c r="QHO717" s="613"/>
      <c r="QHP717" s="613"/>
      <c r="QHQ717" s="613"/>
      <c r="QHR717" s="613"/>
      <c r="QHS717" s="613"/>
      <c r="QHT717" s="613"/>
      <c r="QHU717" s="613"/>
      <c r="QHV717" s="613"/>
      <c r="QHW717" s="613"/>
      <c r="QHX717" s="613"/>
      <c r="QHY717" s="613"/>
      <c r="QHZ717" s="613"/>
      <c r="QIA717" s="613"/>
      <c r="QIB717" s="613"/>
      <c r="QIC717" s="613"/>
      <c r="QID717" s="613"/>
      <c r="QIE717" s="613"/>
      <c r="QIF717" s="613"/>
      <c r="QIG717" s="613"/>
      <c r="QIH717" s="613"/>
      <c r="QII717" s="613"/>
      <c r="QIJ717" s="613"/>
      <c r="QIK717" s="613"/>
      <c r="QIL717" s="613"/>
      <c r="QIM717" s="613"/>
      <c r="QIN717" s="613"/>
      <c r="QIO717" s="613"/>
      <c r="QIP717" s="613"/>
      <c r="QIQ717" s="613"/>
      <c r="QIR717" s="613"/>
      <c r="QIS717" s="613"/>
      <c r="QIT717" s="613"/>
      <c r="QIU717" s="613"/>
      <c r="QIV717" s="613"/>
      <c r="QIW717" s="613"/>
      <c r="QIX717" s="613"/>
      <c r="QIY717" s="613"/>
      <c r="QIZ717" s="613"/>
      <c r="QJA717" s="613"/>
      <c r="QJB717" s="613"/>
      <c r="QJC717" s="613"/>
      <c r="QJD717" s="613"/>
      <c r="QJE717" s="613"/>
      <c r="QJF717" s="613"/>
      <c r="QJG717" s="613"/>
      <c r="QJH717" s="613"/>
      <c r="QJI717" s="613"/>
      <c r="QJJ717" s="613"/>
      <c r="QJK717" s="613"/>
      <c r="QJL717" s="613"/>
      <c r="QJM717" s="613"/>
      <c r="QJN717" s="613"/>
      <c r="QJO717" s="613"/>
      <c r="QJP717" s="613"/>
      <c r="QJQ717" s="613"/>
      <c r="QJR717" s="613"/>
      <c r="QJS717" s="613"/>
      <c r="QJT717" s="613"/>
      <c r="QJU717" s="613"/>
      <c r="QJV717" s="613"/>
      <c r="QJW717" s="613"/>
      <c r="QJX717" s="613"/>
      <c r="QJY717" s="613"/>
      <c r="QJZ717" s="613"/>
      <c r="QKA717" s="613"/>
      <c r="QKB717" s="613"/>
      <c r="QKC717" s="613"/>
      <c r="QKD717" s="613"/>
      <c r="QKE717" s="613"/>
      <c r="QKF717" s="613"/>
      <c r="QKG717" s="613"/>
      <c r="QKH717" s="613"/>
      <c r="QKI717" s="613"/>
      <c r="QKJ717" s="613"/>
      <c r="QKK717" s="613"/>
      <c r="QKL717" s="613"/>
      <c r="QKM717" s="613"/>
      <c r="QKN717" s="613"/>
      <c r="QKO717" s="613"/>
      <c r="QKP717" s="613"/>
      <c r="QKQ717" s="613"/>
      <c r="QKR717" s="613"/>
      <c r="QKS717" s="613"/>
      <c r="QKT717" s="613"/>
      <c r="QKU717" s="613"/>
      <c r="QKV717" s="613"/>
      <c r="QKW717" s="613"/>
      <c r="QKX717" s="613"/>
      <c r="QKY717" s="613"/>
      <c r="QKZ717" s="613"/>
      <c r="QLA717" s="613"/>
      <c r="QLB717" s="613"/>
      <c r="QLC717" s="613"/>
      <c r="QLD717" s="613"/>
      <c r="QLE717" s="613"/>
      <c r="QLF717" s="613"/>
      <c r="QLG717" s="613"/>
      <c r="QLH717" s="613"/>
      <c r="QLI717" s="613"/>
      <c r="QLJ717" s="613"/>
      <c r="QLK717" s="613"/>
      <c r="QLL717" s="613"/>
      <c r="QLM717" s="613"/>
      <c r="QLN717" s="613"/>
      <c r="QLO717" s="613"/>
      <c r="QLP717" s="613"/>
      <c r="QLQ717" s="613"/>
      <c r="QLR717" s="613"/>
      <c r="QLS717" s="613"/>
      <c r="QLT717" s="613"/>
      <c r="QLU717" s="613"/>
      <c r="QLV717" s="613"/>
      <c r="QLW717" s="613"/>
      <c r="QLX717" s="613"/>
      <c r="QLY717" s="613"/>
      <c r="QLZ717" s="613"/>
      <c r="QMA717" s="613"/>
      <c r="QMB717" s="613"/>
      <c r="QMC717" s="613"/>
      <c r="QMD717" s="613"/>
      <c r="QME717" s="613"/>
      <c r="QMF717" s="613"/>
      <c r="QMG717" s="613"/>
      <c r="QMH717" s="613"/>
      <c r="QMI717" s="613"/>
      <c r="QMJ717" s="613"/>
      <c r="QMK717" s="613"/>
      <c r="QML717" s="613"/>
      <c r="QMM717" s="613"/>
      <c r="QMN717" s="613"/>
      <c r="QMO717" s="613"/>
      <c r="QMP717" s="613"/>
      <c r="QMQ717" s="613"/>
      <c r="QMR717" s="613"/>
      <c r="QMS717" s="613"/>
      <c r="QMT717" s="613"/>
      <c r="QMU717" s="613"/>
      <c r="QMV717" s="613"/>
      <c r="QMW717" s="613"/>
      <c r="QMX717" s="613"/>
      <c r="QMY717" s="613"/>
      <c r="QMZ717" s="613"/>
      <c r="QNA717" s="613"/>
      <c r="QNB717" s="613"/>
      <c r="QNC717" s="613"/>
      <c r="QND717" s="613"/>
      <c r="QNE717" s="613"/>
      <c r="QNF717" s="613"/>
      <c r="QNG717" s="613"/>
      <c r="QNH717" s="613"/>
      <c r="QNI717" s="613"/>
      <c r="QNJ717" s="613"/>
      <c r="QNK717" s="613"/>
      <c r="QNL717" s="613"/>
      <c r="QNM717" s="613"/>
      <c r="QNN717" s="613"/>
      <c r="QNO717" s="613"/>
      <c r="QNP717" s="613"/>
      <c r="QNQ717" s="613"/>
      <c r="QNR717" s="613"/>
      <c r="QNS717" s="613"/>
      <c r="QNT717" s="613"/>
      <c r="QNU717" s="613"/>
      <c r="QNV717" s="613"/>
      <c r="QNW717" s="613"/>
      <c r="QNX717" s="613"/>
      <c r="QNY717" s="613"/>
      <c r="QNZ717" s="613"/>
      <c r="QOA717" s="613"/>
      <c r="QOB717" s="613"/>
      <c r="QOC717" s="613"/>
      <c r="QOD717" s="613"/>
      <c r="QOE717" s="613"/>
      <c r="QOF717" s="613"/>
      <c r="QOG717" s="613"/>
      <c r="QOH717" s="613"/>
      <c r="QOI717" s="613"/>
      <c r="QOJ717" s="613"/>
      <c r="QOK717" s="613"/>
      <c r="QOL717" s="613"/>
      <c r="QOM717" s="613"/>
      <c r="QON717" s="613"/>
      <c r="QOO717" s="613"/>
      <c r="QOP717" s="613"/>
      <c r="QOQ717" s="613"/>
      <c r="QOR717" s="613"/>
      <c r="QOS717" s="613"/>
      <c r="QOT717" s="613"/>
      <c r="QOU717" s="613"/>
      <c r="QOV717" s="613"/>
      <c r="QOW717" s="613"/>
      <c r="QOX717" s="613"/>
      <c r="QOY717" s="613"/>
      <c r="QOZ717" s="613"/>
      <c r="QPA717" s="613"/>
      <c r="QPB717" s="613"/>
      <c r="QPC717" s="613"/>
      <c r="QPD717" s="613"/>
      <c r="QPE717" s="613"/>
      <c r="QPF717" s="613"/>
      <c r="QPG717" s="613"/>
      <c r="QPH717" s="613"/>
      <c r="QPI717" s="613"/>
      <c r="QPJ717" s="613"/>
      <c r="QPK717" s="613"/>
      <c r="QPL717" s="613"/>
      <c r="QPM717" s="613"/>
      <c r="QPN717" s="613"/>
      <c r="QPO717" s="613"/>
      <c r="QPP717" s="613"/>
      <c r="QPQ717" s="613"/>
      <c r="QPR717" s="613"/>
      <c r="QPS717" s="613"/>
      <c r="QPT717" s="613"/>
      <c r="QPU717" s="613"/>
      <c r="QPV717" s="613"/>
      <c r="QPW717" s="613"/>
      <c r="QPX717" s="613"/>
      <c r="QPY717" s="613"/>
      <c r="QPZ717" s="613"/>
      <c r="QQA717" s="613"/>
      <c r="QQB717" s="613"/>
      <c r="QQC717" s="613"/>
      <c r="QQD717" s="613"/>
      <c r="QQE717" s="613"/>
      <c r="QQF717" s="613"/>
      <c r="QQG717" s="613"/>
      <c r="QQH717" s="613"/>
      <c r="QQI717" s="613"/>
      <c r="QQJ717" s="613"/>
      <c r="QQK717" s="613"/>
      <c r="QQL717" s="613"/>
      <c r="QQM717" s="613"/>
      <c r="QQN717" s="613"/>
      <c r="QQO717" s="613"/>
      <c r="QQP717" s="613"/>
      <c r="QQQ717" s="613"/>
      <c r="QQR717" s="613"/>
      <c r="QQS717" s="613"/>
      <c r="QQT717" s="613"/>
      <c r="QQU717" s="613"/>
      <c r="QQV717" s="613"/>
      <c r="QQW717" s="613"/>
      <c r="QQX717" s="613"/>
      <c r="QQY717" s="613"/>
      <c r="QQZ717" s="613"/>
      <c r="QRA717" s="613"/>
      <c r="QRB717" s="613"/>
      <c r="QRC717" s="613"/>
      <c r="QRD717" s="613"/>
      <c r="QRE717" s="613"/>
      <c r="QRF717" s="613"/>
      <c r="QRG717" s="613"/>
      <c r="QRH717" s="613"/>
      <c r="QRI717" s="613"/>
      <c r="QRJ717" s="613"/>
      <c r="QRK717" s="613"/>
      <c r="QRL717" s="613"/>
      <c r="QRM717" s="613"/>
      <c r="QRN717" s="613"/>
      <c r="QRO717" s="613"/>
      <c r="QRP717" s="613"/>
      <c r="QRQ717" s="613"/>
      <c r="QRR717" s="613"/>
      <c r="QRS717" s="613"/>
      <c r="QRT717" s="613"/>
      <c r="QRU717" s="613"/>
      <c r="QRV717" s="613"/>
      <c r="QRW717" s="613"/>
      <c r="QRX717" s="613"/>
      <c r="QRY717" s="613"/>
      <c r="QRZ717" s="613"/>
      <c r="QSA717" s="613"/>
      <c r="QSB717" s="613"/>
      <c r="QSC717" s="613"/>
      <c r="QSD717" s="613"/>
      <c r="QSE717" s="613"/>
      <c r="QSF717" s="613"/>
      <c r="QSG717" s="613"/>
      <c r="QSH717" s="613"/>
      <c r="QSI717" s="613"/>
      <c r="QSJ717" s="613"/>
      <c r="QSK717" s="613"/>
      <c r="QSL717" s="613"/>
      <c r="QSM717" s="613"/>
      <c r="QSN717" s="613"/>
      <c r="QSO717" s="613"/>
      <c r="QSP717" s="613"/>
      <c r="QSQ717" s="613"/>
      <c r="QSR717" s="613"/>
      <c r="QSS717" s="613"/>
      <c r="QST717" s="613"/>
      <c r="QSU717" s="613"/>
      <c r="QSV717" s="613"/>
      <c r="QSW717" s="613"/>
      <c r="QSX717" s="613"/>
      <c r="QSY717" s="613"/>
      <c r="QSZ717" s="613"/>
      <c r="QTA717" s="613"/>
      <c r="QTB717" s="613"/>
      <c r="QTC717" s="613"/>
      <c r="QTD717" s="613"/>
      <c r="QTE717" s="613"/>
      <c r="QTF717" s="613"/>
      <c r="QTG717" s="613"/>
      <c r="QTH717" s="613"/>
      <c r="QTI717" s="613"/>
      <c r="QTJ717" s="613"/>
      <c r="QTK717" s="613"/>
      <c r="QTL717" s="613"/>
      <c r="QTM717" s="613"/>
      <c r="QTN717" s="613"/>
      <c r="QTO717" s="613"/>
      <c r="QTP717" s="613"/>
      <c r="QTQ717" s="613"/>
      <c r="QTR717" s="613"/>
      <c r="QTS717" s="613"/>
      <c r="QTT717" s="613"/>
      <c r="QTU717" s="613"/>
      <c r="QTV717" s="613"/>
      <c r="QTW717" s="613"/>
      <c r="QTX717" s="613"/>
      <c r="QTY717" s="613"/>
      <c r="QTZ717" s="613"/>
      <c r="QUA717" s="613"/>
      <c r="QUB717" s="613"/>
      <c r="QUC717" s="613"/>
      <c r="QUD717" s="613"/>
      <c r="QUE717" s="613"/>
      <c r="QUF717" s="613"/>
      <c r="QUG717" s="613"/>
      <c r="QUH717" s="613"/>
      <c r="QUI717" s="613"/>
      <c r="QUJ717" s="613"/>
      <c r="QUK717" s="613"/>
      <c r="QUL717" s="613"/>
      <c r="QUM717" s="613"/>
      <c r="QUN717" s="613"/>
      <c r="QUO717" s="613"/>
      <c r="QUP717" s="613"/>
      <c r="QUQ717" s="613"/>
      <c r="QUR717" s="613"/>
      <c r="QUS717" s="613"/>
      <c r="QUT717" s="613"/>
      <c r="QUU717" s="613"/>
      <c r="QUV717" s="613"/>
      <c r="QUW717" s="613"/>
      <c r="QUX717" s="613"/>
      <c r="QUY717" s="613"/>
      <c r="QUZ717" s="613"/>
      <c r="QVA717" s="613"/>
      <c r="QVB717" s="613"/>
      <c r="QVC717" s="613"/>
      <c r="QVD717" s="613"/>
      <c r="QVE717" s="613"/>
      <c r="QVF717" s="613"/>
      <c r="QVG717" s="613"/>
      <c r="QVH717" s="613"/>
      <c r="QVI717" s="613"/>
      <c r="QVJ717" s="613"/>
      <c r="QVK717" s="613"/>
      <c r="QVL717" s="613"/>
      <c r="QVM717" s="613"/>
      <c r="QVN717" s="613"/>
      <c r="QVO717" s="613"/>
      <c r="QVP717" s="613"/>
      <c r="QVQ717" s="613"/>
      <c r="QVR717" s="613"/>
      <c r="QVS717" s="613"/>
      <c r="QVT717" s="613"/>
      <c r="QVU717" s="613"/>
      <c r="QVV717" s="613"/>
      <c r="QVW717" s="613"/>
      <c r="QVX717" s="613"/>
      <c r="QVY717" s="613"/>
      <c r="QVZ717" s="613"/>
      <c r="QWA717" s="613"/>
      <c r="QWB717" s="613"/>
      <c r="QWC717" s="613"/>
      <c r="QWD717" s="613"/>
      <c r="QWE717" s="613"/>
      <c r="QWF717" s="613"/>
      <c r="QWG717" s="613"/>
      <c r="QWH717" s="613"/>
      <c r="QWI717" s="613"/>
      <c r="QWJ717" s="613"/>
      <c r="QWK717" s="613"/>
      <c r="QWL717" s="613"/>
      <c r="QWM717" s="613"/>
      <c r="QWN717" s="613"/>
      <c r="QWO717" s="613"/>
      <c r="QWP717" s="613"/>
      <c r="QWQ717" s="613"/>
      <c r="QWR717" s="613"/>
      <c r="QWS717" s="613"/>
      <c r="QWT717" s="613"/>
      <c r="QWU717" s="613"/>
      <c r="QWV717" s="613"/>
      <c r="QWW717" s="613"/>
      <c r="QWX717" s="613"/>
      <c r="QWY717" s="613"/>
      <c r="QWZ717" s="613"/>
      <c r="QXA717" s="613"/>
      <c r="QXB717" s="613"/>
      <c r="QXC717" s="613"/>
      <c r="QXD717" s="613"/>
      <c r="QXE717" s="613"/>
      <c r="QXF717" s="613"/>
      <c r="QXG717" s="613"/>
      <c r="QXH717" s="613"/>
      <c r="QXI717" s="613"/>
      <c r="QXJ717" s="613"/>
      <c r="QXK717" s="613"/>
      <c r="QXL717" s="613"/>
      <c r="QXM717" s="613"/>
      <c r="QXN717" s="613"/>
      <c r="QXO717" s="613"/>
      <c r="QXP717" s="613"/>
      <c r="QXQ717" s="613"/>
      <c r="QXR717" s="613"/>
      <c r="QXS717" s="613"/>
      <c r="QXT717" s="613"/>
      <c r="QXU717" s="613"/>
      <c r="QXV717" s="613"/>
      <c r="QXW717" s="613"/>
      <c r="QXX717" s="613"/>
      <c r="QXY717" s="613"/>
      <c r="QXZ717" s="613"/>
      <c r="QYA717" s="613"/>
      <c r="QYB717" s="613"/>
      <c r="QYC717" s="613"/>
      <c r="QYD717" s="613"/>
      <c r="QYE717" s="613"/>
      <c r="QYF717" s="613"/>
      <c r="QYG717" s="613"/>
      <c r="QYH717" s="613"/>
      <c r="QYI717" s="613"/>
      <c r="QYJ717" s="613"/>
      <c r="QYK717" s="613"/>
      <c r="QYL717" s="613"/>
      <c r="QYM717" s="613"/>
      <c r="QYN717" s="613"/>
      <c r="QYO717" s="613"/>
      <c r="QYP717" s="613"/>
      <c r="QYQ717" s="613"/>
      <c r="QYR717" s="613"/>
      <c r="QYS717" s="613"/>
      <c r="QYT717" s="613"/>
      <c r="QYU717" s="613"/>
      <c r="QYV717" s="613"/>
      <c r="QYW717" s="613"/>
      <c r="QYX717" s="613"/>
      <c r="QYY717" s="613"/>
      <c r="QYZ717" s="613"/>
      <c r="QZA717" s="613"/>
      <c r="QZB717" s="613"/>
      <c r="QZC717" s="613"/>
      <c r="QZD717" s="613"/>
      <c r="QZE717" s="613"/>
      <c r="QZF717" s="613"/>
      <c r="QZG717" s="613"/>
      <c r="QZH717" s="613"/>
      <c r="QZI717" s="613"/>
      <c r="QZJ717" s="613"/>
      <c r="QZK717" s="613"/>
      <c r="QZL717" s="613"/>
      <c r="QZM717" s="613"/>
      <c r="QZN717" s="613"/>
      <c r="QZO717" s="613"/>
      <c r="QZP717" s="613"/>
      <c r="QZQ717" s="613"/>
      <c r="QZR717" s="613"/>
      <c r="QZS717" s="613"/>
      <c r="QZT717" s="613"/>
      <c r="QZU717" s="613"/>
      <c r="QZV717" s="613"/>
      <c r="QZW717" s="613"/>
      <c r="QZX717" s="613"/>
      <c r="QZY717" s="613"/>
      <c r="QZZ717" s="613"/>
      <c r="RAA717" s="613"/>
      <c r="RAB717" s="613"/>
      <c r="RAC717" s="613"/>
      <c r="RAD717" s="613"/>
      <c r="RAE717" s="613"/>
      <c r="RAF717" s="613"/>
      <c r="RAG717" s="613"/>
      <c r="RAH717" s="613"/>
      <c r="RAI717" s="613"/>
      <c r="RAJ717" s="613"/>
      <c r="RAK717" s="613"/>
      <c r="RAL717" s="613"/>
      <c r="RAM717" s="613"/>
      <c r="RAN717" s="613"/>
      <c r="RAO717" s="613"/>
      <c r="RAP717" s="613"/>
      <c r="RAQ717" s="613"/>
      <c r="RAR717" s="613"/>
      <c r="RAS717" s="613"/>
      <c r="RAT717" s="613"/>
      <c r="RAU717" s="613"/>
      <c r="RAV717" s="613"/>
      <c r="RAW717" s="613"/>
      <c r="RAX717" s="613"/>
      <c r="RAY717" s="613"/>
      <c r="RAZ717" s="613"/>
      <c r="RBA717" s="613"/>
      <c r="RBB717" s="613"/>
      <c r="RBC717" s="613"/>
      <c r="RBD717" s="613"/>
      <c r="RBE717" s="613"/>
      <c r="RBF717" s="613"/>
      <c r="RBG717" s="613"/>
      <c r="RBH717" s="613"/>
      <c r="RBI717" s="613"/>
      <c r="RBJ717" s="613"/>
      <c r="RBK717" s="613"/>
      <c r="RBL717" s="613"/>
      <c r="RBM717" s="613"/>
      <c r="RBN717" s="613"/>
      <c r="RBO717" s="613"/>
      <c r="RBP717" s="613"/>
      <c r="RBQ717" s="613"/>
      <c r="RBR717" s="613"/>
      <c r="RBS717" s="613"/>
      <c r="RBT717" s="613"/>
      <c r="RBU717" s="613"/>
      <c r="RBV717" s="613"/>
      <c r="RBW717" s="613"/>
      <c r="RBX717" s="613"/>
      <c r="RBY717" s="613"/>
      <c r="RBZ717" s="613"/>
      <c r="RCA717" s="613"/>
      <c r="RCB717" s="613"/>
      <c r="RCC717" s="613"/>
      <c r="RCD717" s="613"/>
      <c r="RCE717" s="613"/>
      <c r="RCF717" s="613"/>
      <c r="RCG717" s="613"/>
      <c r="RCH717" s="613"/>
      <c r="RCI717" s="613"/>
      <c r="RCJ717" s="613"/>
      <c r="RCK717" s="613"/>
      <c r="RCL717" s="613"/>
      <c r="RCM717" s="613"/>
      <c r="RCN717" s="613"/>
      <c r="RCO717" s="613"/>
      <c r="RCP717" s="613"/>
      <c r="RCQ717" s="613"/>
      <c r="RCR717" s="613"/>
      <c r="RCS717" s="613"/>
      <c r="RCT717" s="613"/>
      <c r="RCU717" s="613"/>
      <c r="RCV717" s="613"/>
      <c r="RCW717" s="613"/>
      <c r="RCX717" s="613"/>
      <c r="RCY717" s="613"/>
      <c r="RCZ717" s="613"/>
      <c r="RDA717" s="613"/>
      <c r="RDB717" s="613"/>
      <c r="RDC717" s="613"/>
      <c r="RDD717" s="613"/>
      <c r="RDE717" s="613"/>
      <c r="RDF717" s="613"/>
      <c r="RDG717" s="613"/>
      <c r="RDH717" s="613"/>
      <c r="RDI717" s="613"/>
      <c r="RDJ717" s="613"/>
      <c r="RDK717" s="613"/>
      <c r="RDL717" s="613"/>
      <c r="RDM717" s="613"/>
      <c r="RDN717" s="613"/>
      <c r="RDO717" s="613"/>
      <c r="RDP717" s="613"/>
      <c r="RDQ717" s="613"/>
      <c r="RDR717" s="613"/>
      <c r="RDS717" s="613"/>
      <c r="RDT717" s="613"/>
      <c r="RDU717" s="613"/>
      <c r="RDV717" s="613"/>
      <c r="RDW717" s="613"/>
      <c r="RDX717" s="613"/>
      <c r="RDY717" s="613"/>
      <c r="RDZ717" s="613"/>
      <c r="REA717" s="613"/>
      <c r="REB717" s="613"/>
      <c r="REC717" s="613"/>
      <c r="RED717" s="613"/>
      <c r="REE717" s="613"/>
      <c r="REF717" s="613"/>
      <c r="REG717" s="613"/>
      <c r="REH717" s="613"/>
      <c r="REI717" s="613"/>
      <c r="REJ717" s="613"/>
      <c r="REK717" s="613"/>
      <c r="REL717" s="613"/>
      <c r="REM717" s="613"/>
      <c r="REN717" s="613"/>
      <c r="REO717" s="613"/>
      <c r="REP717" s="613"/>
      <c r="REQ717" s="613"/>
      <c r="RER717" s="613"/>
      <c r="RES717" s="613"/>
      <c r="RET717" s="613"/>
      <c r="REU717" s="613"/>
      <c r="REV717" s="613"/>
      <c r="REW717" s="613"/>
      <c r="REX717" s="613"/>
      <c r="REY717" s="613"/>
      <c r="REZ717" s="613"/>
      <c r="RFA717" s="613"/>
      <c r="RFB717" s="613"/>
      <c r="RFC717" s="613"/>
      <c r="RFD717" s="613"/>
      <c r="RFE717" s="613"/>
      <c r="RFF717" s="613"/>
      <c r="RFG717" s="613"/>
      <c r="RFH717" s="613"/>
      <c r="RFI717" s="613"/>
      <c r="RFJ717" s="613"/>
      <c r="RFK717" s="613"/>
      <c r="RFL717" s="613"/>
      <c r="RFM717" s="613"/>
      <c r="RFN717" s="613"/>
      <c r="RFO717" s="613"/>
      <c r="RFP717" s="613"/>
      <c r="RFQ717" s="613"/>
      <c r="RFR717" s="613"/>
      <c r="RFS717" s="613"/>
      <c r="RFT717" s="613"/>
      <c r="RFU717" s="613"/>
      <c r="RFV717" s="613"/>
      <c r="RFW717" s="613"/>
      <c r="RFX717" s="613"/>
      <c r="RFY717" s="613"/>
      <c r="RFZ717" s="613"/>
      <c r="RGA717" s="613"/>
      <c r="RGB717" s="613"/>
      <c r="RGC717" s="613"/>
      <c r="RGD717" s="613"/>
      <c r="RGE717" s="613"/>
      <c r="RGF717" s="613"/>
      <c r="RGG717" s="613"/>
      <c r="RGH717" s="613"/>
      <c r="RGI717" s="613"/>
      <c r="RGJ717" s="613"/>
      <c r="RGK717" s="613"/>
      <c r="RGL717" s="613"/>
      <c r="RGM717" s="613"/>
      <c r="RGN717" s="613"/>
      <c r="RGO717" s="613"/>
      <c r="RGP717" s="613"/>
      <c r="RGQ717" s="613"/>
      <c r="RGR717" s="613"/>
      <c r="RGS717" s="613"/>
      <c r="RGT717" s="613"/>
      <c r="RGU717" s="613"/>
      <c r="RGV717" s="613"/>
      <c r="RGW717" s="613"/>
      <c r="RGX717" s="613"/>
      <c r="RGY717" s="613"/>
      <c r="RGZ717" s="613"/>
      <c r="RHA717" s="613"/>
      <c r="RHB717" s="613"/>
      <c r="RHC717" s="613"/>
      <c r="RHD717" s="613"/>
      <c r="RHE717" s="613"/>
      <c r="RHF717" s="613"/>
      <c r="RHG717" s="613"/>
      <c r="RHH717" s="613"/>
      <c r="RHI717" s="613"/>
      <c r="RHJ717" s="613"/>
      <c r="RHK717" s="613"/>
      <c r="RHL717" s="613"/>
      <c r="RHM717" s="613"/>
      <c r="RHN717" s="613"/>
      <c r="RHO717" s="613"/>
      <c r="RHP717" s="613"/>
      <c r="RHQ717" s="613"/>
      <c r="RHR717" s="613"/>
      <c r="RHS717" s="613"/>
      <c r="RHT717" s="613"/>
      <c r="RHU717" s="613"/>
      <c r="RHV717" s="613"/>
      <c r="RHW717" s="613"/>
      <c r="RHX717" s="613"/>
      <c r="RHY717" s="613"/>
      <c r="RHZ717" s="613"/>
      <c r="RIA717" s="613"/>
      <c r="RIB717" s="613"/>
      <c r="RIC717" s="613"/>
      <c r="RID717" s="613"/>
      <c r="RIE717" s="613"/>
      <c r="RIF717" s="613"/>
      <c r="RIG717" s="613"/>
      <c r="RIH717" s="613"/>
      <c r="RII717" s="613"/>
      <c r="RIJ717" s="613"/>
      <c r="RIK717" s="613"/>
      <c r="RIL717" s="613"/>
      <c r="RIM717" s="613"/>
      <c r="RIN717" s="613"/>
      <c r="RIO717" s="613"/>
      <c r="RIP717" s="613"/>
      <c r="RIQ717" s="613"/>
      <c r="RIR717" s="613"/>
      <c r="RIS717" s="613"/>
      <c r="RIT717" s="613"/>
      <c r="RIU717" s="613"/>
      <c r="RIV717" s="613"/>
      <c r="RIW717" s="613"/>
      <c r="RIX717" s="613"/>
      <c r="RIY717" s="613"/>
      <c r="RIZ717" s="613"/>
      <c r="RJA717" s="613"/>
      <c r="RJB717" s="613"/>
      <c r="RJC717" s="613"/>
      <c r="RJD717" s="613"/>
      <c r="RJE717" s="613"/>
      <c r="RJF717" s="613"/>
      <c r="RJG717" s="613"/>
      <c r="RJH717" s="613"/>
      <c r="RJI717" s="613"/>
      <c r="RJJ717" s="613"/>
      <c r="RJK717" s="613"/>
      <c r="RJL717" s="613"/>
      <c r="RJM717" s="613"/>
      <c r="RJN717" s="613"/>
      <c r="RJO717" s="613"/>
      <c r="RJP717" s="613"/>
      <c r="RJQ717" s="613"/>
      <c r="RJR717" s="613"/>
      <c r="RJS717" s="613"/>
      <c r="RJT717" s="613"/>
      <c r="RJU717" s="613"/>
      <c r="RJV717" s="613"/>
      <c r="RJW717" s="613"/>
      <c r="RJX717" s="613"/>
      <c r="RJY717" s="613"/>
      <c r="RJZ717" s="613"/>
      <c r="RKA717" s="613"/>
      <c r="RKB717" s="613"/>
      <c r="RKC717" s="613"/>
      <c r="RKD717" s="613"/>
      <c r="RKE717" s="613"/>
      <c r="RKF717" s="613"/>
      <c r="RKG717" s="613"/>
      <c r="RKH717" s="613"/>
      <c r="RKI717" s="613"/>
      <c r="RKJ717" s="613"/>
      <c r="RKK717" s="613"/>
      <c r="RKL717" s="613"/>
      <c r="RKM717" s="613"/>
      <c r="RKN717" s="613"/>
      <c r="RKO717" s="613"/>
      <c r="RKP717" s="613"/>
      <c r="RKQ717" s="613"/>
      <c r="RKR717" s="613"/>
      <c r="RKS717" s="613"/>
      <c r="RKT717" s="613"/>
      <c r="RKU717" s="613"/>
      <c r="RKV717" s="613"/>
      <c r="RKW717" s="613"/>
      <c r="RKX717" s="613"/>
      <c r="RKY717" s="613"/>
      <c r="RKZ717" s="613"/>
      <c r="RLA717" s="613"/>
      <c r="RLB717" s="613"/>
      <c r="RLC717" s="613"/>
      <c r="RLD717" s="613"/>
      <c r="RLE717" s="613"/>
      <c r="RLF717" s="613"/>
      <c r="RLG717" s="613"/>
      <c r="RLH717" s="613"/>
      <c r="RLI717" s="613"/>
      <c r="RLJ717" s="613"/>
      <c r="RLK717" s="613"/>
      <c r="RLL717" s="613"/>
      <c r="RLM717" s="613"/>
      <c r="RLN717" s="613"/>
      <c r="RLO717" s="613"/>
      <c r="RLP717" s="613"/>
      <c r="RLQ717" s="613"/>
      <c r="RLR717" s="613"/>
      <c r="RLS717" s="613"/>
      <c r="RLT717" s="613"/>
      <c r="RLU717" s="613"/>
      <c r="RLV717" s="613"/>
      <c r="RLW717" s="613"/>
      <c r="RLX717" s="613"/>
      <c r="RLY717" s="613"/>
      <c r="RLZ717" s="613"/>
      <c r="RMA717" s="613"/>
      <c r="RMB717" s="613"/>
      <c r="RMC717" s="613"/>
      <c r="RMD717" s="613"/>
      <c r="RME717" s="613"/>
      <c r="RMF717" s="613"/>
      <c r="RMG717" s="613"/>
      <c r="RMH717" s="613"/>
      <c r="RMI717" s="613"/>
      <c r="RMJ717" s="613"/>
      <c r="RMK717" s="613"/>
      <c r="RML717" s="613"/>
      <c r="RMM717" s="613"/>
      <c r="RMN717" s="613"/>
      <c r="RMO717" s="613"/>
      <c r="RMP717" s="613"/>
      <c r="RMQ717" s="613"/>
      <c r="RMR717" s="613"/>
      <c r="RMS717" s="613"/>
      <c r="RMT717" s="613"/>
      <c r="RMU717" s="613"/>
      <c r="RMV717" s="613"/>
      <c r="RMW717" s="613"/>
      <c r="RMX717" s="613"/>
      <c r="RMY717" s="613"/>
      <c r="RMZ717" s="613"/>
      <c r="RNA717" s="613"/>
      <c r="RNB717" s="613"/>
      <c r="RNC717" s="613"/>
      <c r="RND717" s="613"/>
      <c r="RNE717" s="613"/>
      <c r="RNF717" s="613"/>
      <c r="RNG717" s="613"/>
      <c r="RNH717" s="613"/>
      <c r="RNI717" s="613"/>
      <c r="RNJ717" s="613"/>
      <c r="RNK717" s="613"/>
      <c r="RNL717" s="613"/>
      <c r="RNM717" s="613"/>
      <c r="RNN717" s="613"/>
      <c r="RNO717" s="613"/>
      <c r="RNP717" s="613"/>
      <c r="RNQ717" s="613"/>
      <c r="RNR717" s="613"/>
      <c r="RNS717" s="613"/>
      <c r="RNT717" s="613"/>
      <c r="RNU717" s="613"/>
      <c r="RNV717" s="613"/>
      <c r="RNW717" s="613"/>
      <c r="RNX717" s="613"/>
      <c r="RNY717" s="613"/>
      <c r="RNZ717" s="613"/>
      <c r="ROA717" s="613"/>
      <c r="ROB717" s="613"/>
      <c r="ROC717" s="613"/>
      <c r="ROD717" s="613"/>
      <c r="ROE717" s="613"/>
      <c r="ROF717" s="613"/>
      <c r="ROG717" s="613"/>
      <c r="ROH717" s="613"/>
      <c r="ROI717" s="613"/>
      <c r="ROJ717" s="613"/>
      <c r="ROK717" s="613"/>
      <c r="ROL717" s="613"/>
      <c r="ROM717" s="613"/>
      <c r="RON717" s="613"/>
      <c r="ROO717" s="613"/>
      <c r="ROP717" s="613"/>
      <c r="ROQ717" s="613"/>
      <c r="ROR717" s="613"/>
      <c r="ROS717" s="613"/>
      <c r="ROT717" s="613"/>
      <c r="ROU717" s="613"/>
      <c r="ROV717" s="613"/>
      <c r="ROW717" s="613"/>
      <c r="ROX717" s="613"/>
      <c r="ROY717" s="613"/>
      <c r="ROZ717" s="613"/>
      <c r="RPA717" s="613"/>
      <c r="RPB717" s="613"/>
      <c r="RPC717" s="613"/>
      <c r="RPD717" s="613"/>
      <c r="RPE717" s="613"/>
      <c r="RPF717" s="613"/>
      <c r="RPG717" s="613"/>
      <c r="RPH717" s="613"/>
      <c r="RPI717" s="613"/>
      <c r="RPJ717" s="613"/>
      <c r="RPK717" s="613"/>
      <c r="RPL717" s="613"/>
      <c r="RPM717" s="613"/>
      <c r="RPN717" s="613"/>
      <c r="RPO717" s="613"/>
      <c r="RPP717" s="613"/>
      <c r="RPQ717" s="613"/>
      <c r="RPR717" s="613"/>
      <c r="RPS717" s="613"/>
      <c r="RPT717" s="613"/>
      <c r="RPU717" s="613"/>
      <c r="RPV717" s="613"/>
      <c r="RPW717" s="613"/>
      <c r="RPX717" s="613"/>
      <c r="RPY717" s="613"/>
      <c r="RPZ717" s="613"/>
      <c r="RQA717" s="613"/>
      <c r="RQB717" s="613"/>
      <c r="RQC717" s="613"/>
      <c r="RQD717" s="613"/>
      <c r="RQE717" s="613"/>
      <c r="RQF717" s="613"/>
      <c r="RQG717" s="613"/>
      <c r="RQH717" s="613"/>
      <c r="RQI717" s="613"/>
      <c r="RQJ717" s="613"/>
      <c r="RQK717" s="613"/>
      <c r="RQL717" s="613"/>
      <c r="RQM717" s="613"/>
      <c r="RQN717" s="613"/>
      <c r="RQO717" s="613"/>
      <c r="RQP717" s="613"/>
      <c r="RQQ717" s="613"/>
      <c r="RQR717" s="613"/>
      <c r="RQS717" s="613"/>
      <c r="RQT717" s="613"/>
      <c r="RQU717" s="613"/>
      <c r="RQV717" s="613"/>
      <c r="RQW717" s="613"/>
      <c r="RQX717" s="613"/>
      <c r="RQY717" s="613"/>
      <c r="RQZ717" s="613"/>
      <c r="RRA717" s="613"/>
      <c r="RRB717" s="613"/>
      <c r="RRC717" s="613"/>
      <c r="RRD717" s="613"/>
      <c r="RRE717" s="613"/>
      <c r="RRF717" s="613"/>
      <c r="RRG717" s="613"/>
      <c r="RRH717" s="613"/>
      <c r="RRI717" s="613"/>
      <c r="RRJ717" s="613"/>
      <c r="RRK717" s="613"/>
      <c r="RRL717" s="613"/>
      <c r="RRM717" s="613"/>
      <c r="RRN717" s="613"/>
      <c r="RRO717" s="613"/>
      <c r="RRP717" s="613"/>
      <c r="RRQ717" s="613"/>
      <c r="RRR717" s="613"/>
      <c r="RRS717" s="613"/>
      <c r="RRT717" s="613"/>
      <c r="RRU717" s="613"/>
      <c r="RRV717" s="613"/>
      <c r="RRW717" s="613"/>
      <c r="RRX717" s="613"/>
      <c r="RRY717" s="613"/>
      <c r="RRZ717" s="613"/>
      <c r="RSA717" s="613"/>
      <c r="RSB717" s="613"/>
      <c r="RSC717" s="613"/>
      <c r="RSD717" s="613"/>
      <c r="RSE717" s="613"/>
      <c r="RSF717" s="613"/>
      <c r="RSG717" s="613"/>
      <c r="RSH717" s="613"/>
      <c r="RSI717" s="613"/>
      <c r="RSJ717" s="613"/>
      <c r="RSK717" s="613"/>
      <c r="RSL717" s="613"/>
      <c r="RSM717" s="613"/>
      <c r="RSN717" s="613"/>
      <c r="RSO717" s="613"/>
      <c r="RSP717" s="613"/>
      <c r="RSQ717" s="613"/>
      <c r="RSR717" s="613"/>
      <c r="RSS717" s="613"/>
      <c r="RST717" s="613"/>
      <c r="RSU717" s="613"/>
      <c r="RSV717" s="613"/>
      <c r="RSW717" s="613"/>
      <c r="RSX717" s="613"/>
      <c r="RSY717" s="613"/>
      <c r="RSZ717" s="613"/>
      <c r="RTA717" s="613"/>
      <c r="RTB717" s="613"/>
      <c r="RTC717" s="613"/>
      <c r="RTD717" s="613"/>
      <c r="RTE717" s="613"/>
      <c r="RTF717" s="613"/>
      <c r="RTG717" s="613"/>
      <c r="RTH717" s="613"/>
      <c r="RTI717" s="613"/>
      <c r="RTJ717" s="613"/>
      <c r="RTK717" s="613"/>
      <c r="RTL717" s="613"/>
      <c r="RTM717" s="613"/>
      <c r="RTN717" s="613"/>
      <c r="RTO717" s="613"/>
      <c r="RTP717" s="613"/>
      <c r="RTQ717" s="613"/>
      <c r="RTR717" s="613"/>
      <c r="RTS717" s="613"/>
      <c r="RTT717" s="613"/>
      <c r="RTU717" s="613"/>
      <c r="RTV717" s="613"/>
      <c r="RTW717" s="613"/>
      <c r="RTX717" s="613"/>
      <c r="RTY717" s="613"/>
      <c r="RTZ717" s="613"/>
      <c r="RUA717" s="613"/>
      <c r="RUB717" s="613"/>
      <c r="RUC717" s="613"/>
      <c r="RUD717" s="613"/>
      <c r="RUE717" s="613"/>
      <c r="RUF717" s="613"/>
      <c r="RUG717" s="613"/>
      <c r="RUH717" s="613"/>
      <c r="RUI717" s="613"/>
      <c r="RUJ717" s="613"/>
      <c r="RUK717" s="613"/>
      <c r="RUL717" s="613"/>
      <c r="RUM717" s="613"/>
      <c r="RUN717" s="613"/>
      <c r="RUO717" s="613"/>
      <c r="RUP717" s="613"/>
      <c r="RUQ717" s="613"/>
      <c r="RUR717" s="613"/>
      <c r="RUS717" s="613"/>
      <c r="RUT717" s="613"/>
      <c r="RUU717" s="613"/>
      <c r="RUV717" s="613"/>
      <c r="RUW717" s="613"/>
      <c r="RUX717" s="613"/>
      <c r="RUY717" s="613"/>
      <c r="RUZ717" s="613"/>
      <c r="RVA717" s="613"/>
      <c r="RVB717" s="613"/>
      <c r="RVC717" s="613"/>
      <c r="RVD717" s="613"/>
      <c r="RVE717" s="613"/>
      <c r="RVF717" s="613"/>
      <c r="RVG717" s="613"/>
      <c r="RVH717" s="613"/>
      <c r="RVI717" s="613"/>
      <c r="RVJ717" s="613"/>
      <c r="RVK717" s="613"/>
      <c r="RVL717" s="613"/>
      <c r="RVM717" s="613"/>
      <c r="RVN717" s="613"/>
      <c r="RVO717" s="613"/>
      <c r="RVP717" s="613"/>
      <c r="RVQ717" s="613"/>
      <c r="RVR717" s="613"/>
      <c r="RVS717" s="613"/>
      <c r="RVT717" s="613"/>
      <c r="RVU717" s="613"/>
      <c r="RVV717" s="613"/>
      <c r="RVW717" s="613"/>
      <c r="RVX717" s="613"/>
      <c r="RVY717" s="613"/>
      <c r="RVZ717" s="613"/>
      <c r="RWA717" s="613"/>
      <c r="RWB717" s="613"/>
      <c r="RWC717" s="613"/>
      <c r="RWD717" s="613"/>
      <c r="RWE717" s="613"/>
      <c r="RWF717" s="613"/>
      <c r="RWG717" s="613"/>
      <c r="RWH717" s="613"/>
      <c r="RWI717" s="613"/>
      <c r="RWJ717" s="613"/>
      <c r="RWK717" s="613"/>
      <c r="RWL717" s="613"/>
      <c r="RWM717" s="613"/>
      <c r="RWN717" s="613"/>
      <c r="RWO717" s="613"/>
      <c r="RWP717" s="613"/>
      <c r="RWQ717" s="613"/>
      <c r="RWR717" s="613"/>
      <c r="RWS717" s="613"/>
      <c r="RWT717" s="613"/>
      <c r="RWU717" s="613"/>
      <c r="RWV717" s="613"/>
      <c r="RWW717" s="613"/>
      <c r="RWX717" s="613"/>
      <c r="RWY717" s="613"/>
      <c r="RWZ717" s="613"/>
      <c r="RXA717" s="613"/>
      <c r="RXB717" s="613"/>
      <c r="RXC717" s="613"/>
      <c r="RXD717" s="613"/>
      <c r="RXE717" s="613"/>
      <c r="RXF717" s="613"/>
      <c r="RXG717" s="613"/>
      <c r="RXH717" s="613"/>
      <c r="RXI717" s="613"/>
      <c r="RXJ717" s="613"/>
      <c r="RXK717" s="613"/>
      <c r="RXL717" s="613"/>
      <c r="RXM717" s="613"/>
      <c r="RXN717" s="613"/>
      <c r="RXO717" s="613"/>
      <c r="RXP717" s="613"/>
      <c r="RXQ717" s="613"/>
      <c r="RXR717" s="613"/>
      <c r="RXS717" s="613"/>
      <c r="RXT717" s="613"/>
      <c r="RXU717" s="613"/>
      <c r="RXV717" s="613"/>
      <c r="RXW717" s="613"/>
      <c r="RXX717" s="613"/>
      <c r="RXY717" s="613"/>
      <c r="RXZ717" s="613"/>
      <c r="RYA717" s="613"/>
      <c r="RYB717" s="613"/>
      <c r="RYC717" s="613"/>
      <c r="RYD717" s="613"/>
      <c r="RYE717" s="613"/>
      <c r="RYF717" s="613"/>
      <c r="RYG717" s="613"/>
      <c r="RYH717" s="613"/>
      <c r="RYI717" s="613"/>
      <c r="RYJ717" s="613"/>
      <c r="RYK717" s="613"/>
      <c r="RYL717" s="613"/>
      <c r="RYM717" s="613"/>
      <c r="RYN717" s="613"/>
      <c r="RYO717" s="613"/>
      <c r="RYP717" s="613"/>
      <c r="RYQ717" s="613"/>
      <c r="RYR717" s="613"/>
      <c r="RYS717" s="613"/>
      <c r="RYT717" s="613"/>
      <c r="RYU717" s="613"/>
      <c r="RYV717" s="613"/>
      <c r="RYW717" s="613"/>
      <c r="RYX717" s="613"/>
      <c r="RYY717" s="613"/>
      <c r="RYZ717" s="613"/>
      <c r="RZA717" s="613"/>
      <c r="RZB717" s="613"/>
      <c r="RZC717" s="613"/>
      <c r="RZD717" s="613"/>
      <c r="RZE717" s="613"/>
      <c r="RZF717" s="613"/>
      <c r="RZG717" s="613"/>
      <c r="RZH717" s="613"/>
      <c r="RZI717" s="613"/>
      <c r="RZJ717" s="613"/>
      <c r="RZK717" s="613"/>
      <c r="RZL717" s="613"/>
      <c r="RZM717" s="613"/>
      <c r="RZN717" s="613"/>
      <c r="RZO717" s="613"/>
      <c r="RZP717" s="613"/>
      <c r="RZQ717" s="613"/>
      <c r="RZR717" s="613"/>
      <c r="RZS717" s="613"/>
      <c r="RZT717" s="613"/>
      <c r="RZU717" s="613"/>
      <c r="RZV717" s="613"/>
      <c r="RZW717" s="613"/>
      <c r="RZX717" s="613"/>
      <c r="RZY717" s="613"/>
      <c r="RZZ717" s="613"/>
      <c r="SAA717" s="613"/>
      <c r="SAB717" s="613"/>
      <c r="SAC717" s="613"/>
      <c r="SAD717" s="613"/>
      <c r="SAE717" s="613"/>
      <c r="SAF717" s="613"/>
      <c r="SAG717" s="613"/>
      <c r="SAH717" s="613"/>
      <c r="SAI717" s="613"/>
      <c r="SAJ717" s="613"/>
      <c r="SAK717" s="613"/>
      <c r="SAL717" s="613"/>
      <c r="SAM717" s="613"/>
      <c r="SAN717" s="613"/>
      <c r="SAO717" s="613"/>
      <c r="SAP717" s="613"/>
      <c r="SAQ717" s="613"/>
      <c r="SAR717" s="613"/>
      <c r="SAS717" s="613"/>
      <c r="SAT717" s="613"/>
      <c r="SAU717" s="613"/>
      <c r="SAV717" s="613"/>
      <c r="SAW717" s="613"/>
      <c r="SAX717" s="613"/>
      <c r="SAY717" s="613"/>
      <c r="SAZ717" s="613"/>
      <c r="SBA717" s="613"/>
      <c r="SBB717" s="613"/>
      <c r="SBC717" s="613"/>
      <c r="SBD717" s="613"/>
      <c r="SBE717" s="613"/>
      <c r="SBF717" s="613"/>
      <c r="SBG717" s="613"/>
      <c r="SBH717" s="613"/>
      <c r="SBI717" s="613"/>
      <c r="SBJ717" s="613"/>
      <c r="SBK717" s="613"/>
      <c r="SBL717" s="613"/>
      <c r="SBM717" s="613"/>
      <c r="SBN717" s="613"/>
      <c r="SBO717" s="613"/>
      <c r="SBP717" s="613"/>
      <c r="SBQ717" s="613"/>
      <c r="SBR717" s="613"/>
      <c r="SBS717" s="613"/>
      <c r="SBT717" s="613"/>
      <c r="SBU717" s="613"/>
      <c r="SBV717" s="613"/>
      <c r="SBW717" s="613"/>
      <c r="SBX717" s="613"/>
      <c r="SBY717" s="613"/>
      <c r="SBZ717" s="613"/>
      <c r="SCA717" s="613"/>
      <c r="SCB717" s="613"/>
      <c r="SCC717" s="613"/>
      <c r="SCD717" s="613"/>
      <c r="SCE717" s="613"/>
      <c r="SCF717" s="613"/>
      <c r="SCG717" s="613"/>
      <c r="SCH717" s="613"/>
      <c r="SCI717" s="613"/>
      <c r="SCJ717" s="613"/>
      <c r="SCK717" s="613"/>
      <c r="SCL717" s="613"/>
      <c r="SCM717" s="613"/>
      <c r="SCN717" s="613"/>
      <c r="SCO717" s="613"/>
      <c r="SCP717" s="613"/>
      <c r="SCQ717" s="613"/>
      <c r="SCR717" s="613"/>
      <c r="SCS717" s="613"/>
      <c r="SCT717" s="613"/>
      <c r="SCU717" s="613"/>
      <c r="SCV717" s="613"/>
      <c r="SCW717" s="613"/>
      <c r="SCX717" s="613"/>
      <c r="SCY717" s="613"/>
      <c r="SCZ717" s="613"/>
      <c r="SDA717" s="613"/>
      <c r="SDB717" s="613"/>
      <c r="SDC717" s="613"/>
      <c r="SDD717" s="613"/>
      <c r="SDE717" s="613"/>
      <c r="SDF717" s="613"/>
      <c r="SDG717" s="613"/>
      <c r="SDH717" s="613"/>
      <c r="SDI717" s="613"/>
      <c r="SDJ717" s="613"/>
      <c r="SDK717" s="613"/>
      <c r="SDL717" s="613"/>
      <c r="SDM717" s="613"/>
      <c r="SDN717" s="613"/>
      <c r="SDO717" s="613"/>
      <c r="SDP717" s="613"/>
      <c r="SDQ717" s="613"/>
      <c r="SDR717" s="613"/>
      <c r="SDS717" s="613"/>
      <c r="SDT717" s="613"/>
      <c r="SDU717" s="613"/>
      <c r="SDV717" s="613"/>
      <c r="SDW717" s="613"/>
      <c r="SDX717" s="613"/>
      <c r="SDY717" s="613"/>
      <c r="SDZ717" s="613"/>
      <c r="SEA717" s="613"/>
      <c r="SEB717" s="613"/>
      <c r="SEC717" s="613"/>
      <c r="SED717" s="613"/>
      <c r="SEE717" s="613"/>
      <c r="SEF717" s="613"/>
      <c r="SEG717" s="613"/>
      <c r="SEH717" s="613"/>
      <c r="SEI717" s="613"/>
      <c r="SEJ717" s="613"/>
      <c r="SEK717" s="613"/>
      <c r="SEL717" s="613"/>
      <c r="SEM717" s="613"/>
      <c r="SEN717" s="613"/>
      <c r="SEO717" s="613"/>
      <c r="SEP717" s="613"/>
      <c r="SEQ717" s="613"/>
      <c r="SER717" s="613"/>
      <c r="SES717" s="613"/>
      <c r="SET717" s="613"/>
      <c r="SEU717" s="613"/>
      <c r="SEV717" s="613"/>
      <c r="SEW717" s="613"/>
      <c r="SEX717" s="613"/>
      <c r="SEY717" s="613"/>
      <c r="SEZ717" s="613"/>
      <c r="SFA717" s="613"/>
      <c r="SFB717" s="613"/>
      <c r="SFC717" s="613"/>
      <c r="SFD717" s="613"/>
      <c r="SFE717" s="613"/>
      <c r="SFF717" s="613"/>
      <c r="SFG717" s="613"/>
      <c r="SFH717" s="613"/>
      <c r="SFI717" s="613"/>
      <c r="SFJ717" s="613"/>
      <c r="SFK717" s="613"/>
      <c r="SFL717" s="613"/>
      <c r="SFM717" s="613"/>
      <c r="SFN717" s="613"/>
      <c r="SFO717" s="613"/>
      <c r="SFP717" s="613"/>
      <c r="SFQ717" s="613"/>
      <c r="SFR717" s="613"/>
      <c r="SFS717" s="613"/>
      <c r="SFT717" s="613"/>
      <c r="SFU717" s="613"/>
      <c r="SFV717" s="613"/>
      <c r="SFW717" s="613"/>
      <c r="SFX717" s="613"/>
      <c r="SFY717" s="613"/>
      <c r="SFZ717" s="613"/>
      <c r="SGA717" s="613"/>
      <c r="SGB717" s="613"/>
      <c r="SGC717" s="613"/>
      <c r="SGD717" s="613"/>
      <c r="SGE717" s="613"/>
      <c r="SGF717" s="613"/>
      <c r="SGG717" s="613"/>
      <c r="SGH717" s="613"/>
      <c r="SGI717" s="613"/>
      <c r="SGJ717" s="613"/>
      <c r="SGK717" s="613"/>
      <c r="SGL717" s="613"/>
      <c r="SGM717" s="613"/>
      <c r="SGN717" s="613"/>
      <c r="SGO717" s="613"/>
      <c r="SGP717" s="613"/>
      <c r="SGQ717" s="613"/>
      <c r="SGR717" s="613"/>
      <c r="SGS717" s="613"/>
      <c r="SGT717" s="613"/>
      <c r="SGU717" s="613"/>
      <c r="SGV717" s="613"/>
      <c r="SGW717" s="613"/>
      <c r="SGX717" s="613"/>
      <c r="SGY717" s="613"/>
      <c r="SGZ717" s="613"/>
      <c r="SHA717" s="613"/>
      <c r="SHB717" s="613"/>
      <c r="SHC717" s="613"/>
      <c r="SHD717" s="613"/>
      <c r="SHE717" s="613"/>
      <c r="SHF717" s="613"/>
      <c r="SHG717" s="613"/>
      <c r="SHH717" s="613"/>
      <c r="SHI717" s="613"/>
      <c r="SHJ717" s="613"/>
      <c r="SHK717" s="613"/>
      <c r="SHL717" s="613"/>
      <c r="SHM717" s="613"/>
      <c r="SHN717" s="613"/>
      <c r="SHO717" s="613"/>
      <c r="SHP717" s="613"/>
      <c r="SHQ717" s="613"/>
      <c r="SHR717" s="613"/>
      <c r="SHS717" s="613"/>
      <c r="SHT717" s="613"/>
      <c r="SHU717" s="613"/>
      <c r="SHV717" s="613"/>
      <c r="SHW717" s="613"/>
      <c r="SHX717" s="613"/>
      <c r="SHY717" s="613"/>
      <c r="SHZ717" s="613"/>
      <c r="SIA717" s="613"/>
      <c r="SIB717" s="613"/>
      <c r="SIC717" s="613"/>
      <c r="SID717" s="613"/>
      <c r="SIE717" s="613"/>
      <c r="SIF717" s="613"/>
      <c r="SIG717" s="613"/>
      <c r="SIH717" s="613"/>
      <c r="SII717" s="613"/>
      <c r="SIJ717" s="613"/>
      <c r="SIK717" s="613"/>
      <c r="SIL717" s="613"/>
      <c r="SIM717" s="613"/>
      <c r="SIN717" s="613"/>
      <c r="SIO717" s="613"/>
      <c r="SIP717" s="613"/>
      <c r="SIQ717" s="613"/>
      <c r="SIR717" s="613"/>
      <c r="SIS717" s="613"/>
      <c r="SIT717" s="613"/>
      <c r="SIU717" s="613"/>
      <c r="SIV717" s="613"/>
      <c r="SIW717" s="613"/>
      <c r="SIX717" s="613"/>
      <c r="SIY717" s="613"/>
      <c r="SIZ717" s="613"/>
      <c r="SJA717" s="613"/>
      <c r="SJB717" s="613"/>
      <c r="SJC717" s="613"/>
      <c r="SJD717" s="613"/>
      <c r="SJE717" s="613"/>
      <c r="SJF717" s="613"/>
      <c r="SJG717" s="613"/>
      <c r="SJH717" s="613"/>
      <c r="SJI717" s="613"/>
      <c r="SJJ717" s="613"/>
      <c r="SJK717" s="613"/>
      <c r="SJL717" s="613"/>
      <c r="SJM717" s="613"/>
      <c r="SJN717" s="613"/>
      <c r="SJO717" s="613"/>
      <c r="SJP717" s="613"/>
      <c r="SJQ717" s="613"/>
      <c r="SJR717" s="613"/>
      <c r="SJS717" s="613"/>
      <c r="SJT717" s="613"/>
      <c r="SJU717" s="613"/>
      <c r="SJV717" s="613"/>
      <c r="SJW717" s="613"/>
      <c r="SJX717" s="613"/>
      <c r="SJY717" s="613"/>
      <c r="SJZ717" s="613"/>
      <c r="SKA717" s="613"/>
      <c r="SKB717" s="613"/>
      <c r="SKC717" s="613"/>
      <c r="SKD717" s="613"/>
      <c r="SKE717" s="613"/>
      <c r="SKF717" s="613"/>
      <c r="SKG717" s="613"/>
      <c r="SKH717" s="613"/>
      <c r="SKI717" s="613"/>
      <c r="SKJ717" s="613"/>
      <c r="SKK717" s="613"/>
      <c r="SKL717" s="613"/>
      <c r="SKM717" s="613"/>
      <c r="SKN717" s="613"/>
      <c r="SKO717" s="613"/>
      <c r="SKP717" s="613"/>
      <c r="SKQ717" s="613"/>
      <c r="SKR717" s="613"/>
      <c r="SKS717" s="613"/>
      <c r="SKT717" s="613"/>
      <c r="SKU717" s="613"/>
      <c r="SKV717" s="613"/>
      <c r="SKW717" s="613"/>
      <c r="SKX717" s="613"/>
      <c r="SKY717" s="613"/>
      <c r="SKZ717" s="613"/>
      <c r="SLA717" s="613"/>
      <c r="SLB717" s="613"/>
      <c r="SLC717" s="613"/>
      <c r="SLD717" s="613"/>
      <c r="SLE717" s="613"/>
      <c r="SLF717" s="613"/>
      <c r="SLG717" s="613"/>
      <c r="SLH717" s="613"/>
      <c r="SLI717" s="613"/>
      <c r="SLJ717" s="613"/>
      <c r="SLK717" s="613"/>
      <c r="SLL717" s="613"/>
      <c r="SLM717" s="613"/>
      <c r="SLN717" s="613"/>
      <c r="SLO717" s="613"/>
      <c r="SLP717" s="613"/>
      <c r="SLQ717" s="613"/>
      <c r="SLR717" s="613"/>
      <c r="SLS717" s="613"/>
      <c r="SLT717" s="613"/>
      <c r="SLU717" s="613"/>
      <c r="SLV717" s="613"/>
      <c r="SLW717" s="613"/>
      <c r="SLX717" s="613"/>
      <c r="SLY717" s="613"/>
      <c r="SLZ717" s="613"/>
      <c r="SMA717" s="613"/>
      <c r="SMB717" s="613"/>
      <c r="SMC717" s="613"/>
      <c r="SMD717" s="613"/>
      <c r="SME717" s="613"/>
      <c r="SMF717" s="613"/>
      <c r="SMG717" s="613"/>
      <c r="SMH717" s="613"/>
      <c r="SMI717" s="613"/>
      <c r="SMJ717" s="613"/>
      <c r="SMK717" s="613"/>
      <c r="SML717" s="613"/>
      <c r="SMM717" s="613"/>
      <c r="SMN717" s="613"/>
      <c r="SMO717" s="613"/>
      <c r="SMP717" s="613"/>
      <c r="SMQ717" s="613"/>
      <c r="SMR717" s="613"/>
      <c r="SMS717" s="613"/>
      <c r="SMT717" s="613"/>
      <c r="SMU717" s="613"/>
      <c r="SMV717" s="613"/>
      <c r="SMW717" s="613"/>
      <c r="SMX717" s="613"/>
      <c r="SMY717" s="613"/>
      <c r="SMZ717" s="613"/>
      <c r="SNA717" s="613"/>
      <c r="SNB717" s="613"/>
      <c r="SNC717" s="613"/>
      <c r="SND717" s="613"/>
      <c r="SNE717" s="613"/>
      <c r="SNF717" s="613"/>
      <c r="SNG717" s="613"/>
      <c r="SNH717" s="613"/>
      <c r="SNI717" s="613"/>
      <c r="SNJ717" s="613"/>
      <c r="SNK717" s="613"/>
      <c r="SNL717" s="613"/>
      <c r="SNM717" s="613"/>
      <c r="SNN717" s="613"/>
      <c r="SNO717" s="613"/>
      <c r="SNP717" s="613"/>
      <c r="SNQ717" s="613"/>
      <c r="SNR717" s="613"/>
      <c r="SNS717" s="613"/>
      <c r="SNT717" s="613"/>
      <c r="SNU717" s="613"/>
      <c r="SNV717" s="613"/>
      <c r="SNW717" s="613"/>
      <c r="SNX717" s="613"/>
      <c r="SNY717" s="613"/>
      <c r="SNZ717" s="613"/>
      <c r="SOA717" s="613"/>
      <c r="SOB717" s="613"/>
      <c r="SOC717" s="613"/>
      <c r="SOD717" s="613"/>
      <c r="SOE717" s="613"/>
      <c r="SOF717" s="613"/>
      <c r="SOG717" s="613"/>
      <c r="SOH717" s="613"/>
      <c r="SOI717" s="613"/>
      <c r="SOJ717" s="613"/>
      <c r="SOK717" s="613"/>
      <c r="SOL717" s="613"/>
      <c r="SOM717" s="613"/>
      <c r="SON717" s="613"/>
      <c r="SOO717" s="613"/>
      <c r="SOP717" s="613"/>
      <c r="SOQ717" s="613"/>
      <c r="SOR717" s="613"/>
      <c r="SOS717" s="613"/>
      <c r="SOT717" s="613"/>
      <c r="SOU717" s="613"/>
      <c r="SOV717" s="613"/>
      <c r="SOW717" s="613"/>
      <c r="SOX717" s="613"/>
      <c r="SOY717" s="613"/>
      <c r="SOZ717" s="613"/>
      <c r="SPA717" s="613"/>
      <c r="SPB717" s="613"/>
      <c r="SPC717" s="613"/>
      <c r="SPD717" s="613"/>
      <c r="SPE717" s="613"/>
      <c r="SPF717" s="613"/>
      <c r="SPG717" s="613"/>
      <c r="SPH717" s="613"/>
      <c r="SPI717" s="613"/>
      <c r="SPJ717" s="613"/>
      <c r="SPK717" s="613"/>
      <c r="SPL717" s="613"/>
      <c r="SPM717" s="613"/>
      <c r="SPN717" s="613"/>
      <c r="SPO717" s="613"/>
      <c r="SPP717" s="613"/>
      <c r="SPQ717" s="613"/>
      <c r="SPR717" s="613"/>
      <c r="SPS717" s="613"/>
      <c r="SPT717" s="613"/>
      <c r="SPU717" s="613"/>
      <c r="SPV717" s="613"/>
      <c r="SPW717" s="613"/>
      <c r="SPX717" s="613"/>
      <c r="SPY717" s="613"/>
      <c r="SPZ717" s="613"/>
      <c r="SQA717" s="613"/>
      <c r="SQB717" s="613"/>
      <c r="SQC717" s="613"/>
      <c r="SQD717" s="613"/>
      <c r="SQE717" s="613"/>
      <c r="SQF717" s="613"/>
      <c r="SQG717" s="613"/>
      <c r="SQH717" s="613"/>
      <c r="SQI717" s="613"/>
      <c r="SQJ717" s="613"/>
      <c r="SQK717" s="613"/>
      <c r="SQL717" s="613"/>
      <c r="SQM717" s="613"/>
      <c r="SQN717" s="613"/>
      <c r="SQO717" s="613"/>
      <c r="SQP717" s="613"/>
      <c r="SQQ717" s="613"/>
      <c r="SQR717" s="613"/>
      <c r="SQS717" s="613"/>
      <c r="SQT717" s="613"/>
      <c r="SQU717" s="613"/>
      <c r="SQV717" s="613"/>
      <c r="SQW717" s="613"/>
      <c r="SQX717" s="613"/>
      <c r="SQY717" s="613"/>
      <c r="SQZ717" s="613"/>
      <c r="SRA717" s="613"/>
      <c r="SRB717" s="613"/>
      <c r="SRC717" s="613"/>
      <c r="SRD717" s="613"/>
      <c r="SRE717" s="613"/>
      <c r="SRF717" s="613"/>
      <c r="SRG717" s="613"/>
      <c r="SRH717" s="613"/>
      <c r="SRI717" s="613"/>
      <c r="SRJ717" s="613"/>
      <c r="SRK717" s="613"/>
      <c r="SRL717" s="613"/>
      <c r="SRM717" s="613"/>
      <c r="SRN717" s="613"/>
      <c r="SRO717" s="613"/>
      <c r="SRP717" s="613"/>
      <c r="SRQ717" s="613"/>
      <c r="SRR717" s="613"/>
      <c r="SRS717" s="613"/>
      <c r="SRT717" s="613"/>
      <c r="SRU717" s="613"/>
      <c r="SRV717" s="613"/>
      <c r="SRW717" s="613"/>
      <c r="SRX717" s="613"/>
      <c r="SRY717" s="613"/>
      <c r="SRZ717" s="613"/>
      <c r="SSA717" s="613"/>
      <c r="SSB717" s="613"/>
      <c r="SSC717" s="613"/>
      <c r="SSD717" s="613"/>
      <c r="SSE717" s="613"/>
      <c r="SSF717" s="613"/>
      <c r="SSG717" s="613"/>
      <c r="SSH717" s="613"/>
      <c r="SSI717" s="613"/>
      <c r="SSJ717" s="613"/>
      <c r="SSK717" s="613"/>
      <c r="SSL717" s="613"/>
      <c r="SSM717" s="613"/>
      <c r="SSN717" s="613"/>
      <c r="SSO717" s="613"/>
      <c r="SSP717" s="613"/>
      <c r="SSQ717" s="613"/>
      <c r="SSR717" s="613"/>
      <c r="SSS717" s="613"/>
      <c r="SST717" s="613"/>
      <c r="SSU717" s="613"/>
      <c r="SSV717" s="613"/>
      <c r="SSW717" s="613"/>
      <c r="SSX717" s="613"/>
      <c r="SSY717" s="613"/>
      <c r="SSZ717" s="613"/>
      <c r="STA717" s="613"/>
      <c r="STB717" s="613"/>
      <c r="STC717" s="613"/>
      <c r="STD717" s="613"/>
      <c r="STE717" s="613"/>
      <c r="STF717" s="613"/>
      <c r="STG717" s="613"/>
      <c r="STH717" s="613"/>
      <c r="STI717" s="613"/>
      <c r="STJ717" s="613"/>
      <c r="STK717" s="613"/>
      <c r="STL717" s="613"/>
      <c r="STM717" s="613"/>
      <c r="STN717" s="613"/>
      <c r="STO717" s="613"/>
      <c r="STP717" s="613"/>
      <c r="STQ717" s="613"/>
      <c r="STR717" s="613"/>
      <c r="STS717" s="613"/>
      <c r="STT717" s="613"/>
      <c r="STU717" s="613"/>
      <c r="STV717" s="613"/>
      <c r="STW717" s="613"/>
      <c r="STX717" s="613"/>
      <c r="STY717" s="613"/>
      <c r="STZ717" s="613"/>
      <c r="SUA717" s="613"/>
      <c r="SUB717" s="613"/>
      <c r="SUC717" s="613"/>
      <c r="SUD717" s="613"/>
      <c r="SUE717" s="613"/>
      <c r="SUF717" s="613"/>
      <c r="SUG717" s="613"/>
      <c r="SUH717" s="613"/>
      <c r="SUI717" s="613"/>
      <c r="SUJ717" s="613"/>
      <c r="SUK717" s="613"/>
      <c r="SUL717" s="613"/>
      <c r="SUM717" s="613"/>
      <c r="SUN717" s="613"/>
      <c r="SUO717" s="613"/>
      <c r="SUP717" s="613"/>
      <c r="SUQ717" s="613"/>
      <c r="SUR717" s="613"/>
      <c r="SUS717" s="613"/>
      <c r="SUT717" s="613"/>
      <c r="SUU717" s="613"/>
      <c r="SUV717" s="613"/>
      <c r="SUW717" s="613"/>
      <c r="SUX717" s="613"/>
      <c r="SUY717" s="613"/>
      <c r="SUZ717" s="613"/>
      <c r="SVA717" s="613"/>
      <c r="SVB717" s="613"/>
      <c r="SVC717" s="613"/>
      <c r="SVD717" s="613"/>
      <c r="SVE717" s="613"/>
      <c r="SVF717" s="613"/>
      <c r="SVG717" s="613"/>
      <c r="SVH717" s="613"/>
      <c r="SVI717" s="613"/>
      <c r="SVJ717" s="613"/>
      <c r="SVK717" s="613"/>
      <c r="SVL717" s="613"/>
      <c r="SVM717" s="613"/>
      <c r="SVN717" s="613"/>
      <c r="SVO717" s="613"/>
      <c r="SVP717" s="613"/>
      <c r="SVQ717" s="613"/>
      <c r="SVR717" s="613"/>
      <c r="SVS717" s="613"/>
      <c r="SVT717" s="613"/>
      <c r="SVU717" s="613"/>
      <c r="SVV717" s="613"/>
      <c r="SVW717" s="613"/>
      <c r="SVX717" s="613"/>
      <c r="SVY717" s="613"/>
      <c r="SVZ717" s="613"/>
      <c r="SWA717" s="613"/>
      <c r="SWB717" s="613"/>
      <c r="SWC717" s="613"/>
      <c r="SWD717" s="613"/>
      <c r="SWE717" s="613"/>
      <c r="SWF717" s="613"/>
      <c r="SWG717" s="613"/>
      <c r="SWH717" s="613"/>
      <c r="SWI717" s="613"/>
      <c r="SWJ717" s="613"/>
      <c r="SWK717" s="613"/>
      <c r="SWL717" s="613"/>
      <c r="SWM717" s="613"/>
      <c r="SWN717" s="613"/>
      <c r="SWO717" s="613"/>
      <c r="SWP717" s="613"/>
      <c r="SWQ717" s="613"/>
      <c r="SWR717" s="613"/>
      <c r="SWS717" s="613"/>
      <c r="SWT717" s="613"/>
      <c r="SWU717" s="613"/>
      <c r="SWV717" s="613"/>
      <c r="SWW717" s="613"/>
      <c r="SWX717" s="613"/>
      <c r="SWY717" s="613"/>
      <c r="SWZ717" s="613"/>
      <c r="SXA717" s="613"/>
      <c r="SXB717" s="613"/>
      <c r="SXC717" s="613"/>
      <c r="SXD717" s="613"/>
      <c r="SXE717" s="613"/>
      <c r="SXF717" s="613"/>
      <c r="SXG717" s="613"/>
      <c r="SXH717" s="613"/>
      <c r="SXI717" s="613"/>
      <c r="SXJ717" s="613"/>
      <c r="SXK717" s="613"/>
      <c r="SXL717" s="613"/>
      <c r="SXM717" s="613"/>
      <c r="SXN717" s="613"/>
      <c r="SXO717" s="613"/>
      <c r="SXP717" s="613"/>
      <c r="SXQ717" s="613"/>
      <c r="SXR717" s="613"/>
      <c r="SXS717" s="613"/>
      <c r="SXT717" s="613"/>
      <c r="SXU717" s="613"/>
      <c r="SXV717" s="613"/>
      <c r="SXW717" s="613"/>
      <c r="SXX717" s="613"/>
      <c r="SXY717" s="613"/>
      <c r="SXZ717" s="613"/>
      <c r="SYA717" s="613"/>
      <c r="SYB717" s="613"/>
      <c r="SYC717" s="613"/>
      <c r="SYD717" s="613"/>
      <c r="SYE717" s="613"/>
      <c r="SYF717" s="613"/>
      <c r="SYG717" s="613"/>
      <c r="SYH717" s="613"/>
      <c r="SYI717" s="613"/>
      <c r="SYJ717" s="613"/>
      <c r="SYK717" s="613"/>
      <c r="SYL717" s="613"/>
      <c r="SYM717" s="613"/>
      <c r="SYN717" s="613"/>
      <c r="SYO717" s="613"/>
      <c r="SYP717" s="613"/>
      <c r="SYQ717" s="613"/>
      <c r="SYR717" s="613"/>
      <c r="SYS717" s="613"/>
      <c r="SYT717" s="613"/>
      <c r="SYU717" s="613"/>
      <c r="SYV717" s="613"/>
      <c r="SYW717" s="613"/>
      <c r="SYX717" s="613"/>
      <c r="SYY717" s="613"/>
      <c r="SYZ717" s="613"/>
      <c r="SZA717" s="613"/>
      <c r="SZB717" s="613"/>
      <c r="SZC717" s="613"/>
      <c r="SZD717" s="613"/>
      <c r="SZE717" s="613"/>
      <c r="SZF717" s="613"/>
      <c r="SZG717" s="613"/>
      <c r="SZH717" s="613"/>
      <c r="SZI717" s="613"/>
      <c r="SZJ717" s="613"/>
      <c r="SZK717" s="613"/>
      <c r="SZL717" s="613"/>
      <c r="SZM717" s="613"/>
      <c r="SZN717" s="613"/>
      <c r="SZO717" s="613"/>
      <c r="SZP717" s="613"/>
      <c r="SZQ717" s="613"/>
      <c r="SZR717" s="613"/>
      <c r="SZS717" s="613"/>
      <c r="SZT717" s="613"/>
      <c r="SZU717" s="613"/>
      <c r="SZV717" s="613"/>
      <c r="SZW717" s="613"/>
      <c r="SZX717" s="613"/>
      <c r="SZY717" s="613"/>
      <c r="SZZ717" s="613"/>
      <c r="TAA717" s="613"/>
      <c r="TAB717" s="613"/>
      <c r="TAC717" s="613"/>
      <c r="TAD717" s="613"/>
      <c r="TAE717" s="613"/>
      <c r="TAF717" s="613"/>
      <c r="TAG717" s="613"/>
      <c r="TAH717" s="613"/>
      <c r="TAI717" s="613"/>
      <c r="TAJ717" s="613"/>
      <c r="TAK717" s="613"/>
      <c r="TAL717" s="613"/>
      <c r="TAM717" s="613"/>
      <c r="TAN717" s="613"/>
      <c r="TAO717" s="613"/>
      <c r="TAP717" s="613"/>
      <c r="TAQ717" s="613"/>
      <c r="TAR717" s="613"/>
      <c r="TAS717" s="613"/>
      <c r="TAT717" s="613"/>
      <c r="TAU717" s="613"/>
      <c r="TAV717" s="613"/>
      <c r="TAW717" s="613"/>
      <c r="TAX717" s="613"/>
      <c r="TAY717" s="613"/>
      <c r="TAZ717" s="613"/>
      <c r="TBA717" s="613"/>
      <c r="TBB717" s="613"/>
      <c r="TBC717" s="613"/>
      <c r="TBD717" s="613"/>
      <c r="TBE717" s="613"/>
      <c r="TBF717" s="613"/>
      <c r="TBG717" s="613"/>
      <c r="TBH717" s="613"/>
      <c r="TBI717" s="613"/>
      <c r="TBJ717" s="613"/>
      <c r="TBK717" s="613"/>
      <c r="TBL717" s="613"/>
      <c r="TBM717" s="613"/>
      <c r="TBN717" s="613"/>
      <c r="TBO717" s="613"/>
      <c r="TBP717" s="613"/>
      <c r="TBQ717" s="613"/>
      <c r="TBR717" s="613"/>
      <c r="TBS717" s="613"/>
      <c r="TBT717" s="613"/>
      <c r="TBU717" s="613"/>
      <c r="TBV717" s="613"/>
      <c r="TBW717" s="613"/>
      <c r="TBX717" s="613"/>
      <c r="TBY717" s="613"/>
      <c r="TBZ717" s="613"/>
      <c r="TCA717" s="613"/>
      <c r="TCB717" s="613"/>
      <c r="TCC717" s="613"/>
      <c r="TCD717" s="613"/>
      <c r="TCE717" s="613"/>
      <c r="TCF717" s="613"/>
      <c r="TCG717" s="613"/>
      <c r="TCH717" s="613"/>
      <c r="TCI717" s="613"/>
      <c r="TCJ717" s="613"/>
      <c r="TCK717" s="613"/>
      <c r="TCL717" s="613"/>
      <c r="TCM717" s="613"/>
      <c r="TCN717" s="613"/>
      <c r="TCO717" s="613"/>
      <c r="TCP717" s="613"/>
      <c r="TCQ717" s="613"/>
      <c r="TCR717" s="613"/>
      <c r="TCS717" s="613"/>
      <c r="TCT717" s="613"/>
      <c r="TCU717" s="613"/>
      <c r="TCV717" s="613"/>
      <c r="TCW717" s="613"/>
      <c r="TCX717" s="613"/>
      <c r="TCY717" s="613"/>
      <c r="TCZ717" s="613"/>
      <c r="TDA717" s="613"/>
      <c r="TDB717" s="613"/>
      <c r="TDC717" s="613"/>
      <c r="TDD717" s="613"/>
      <c r="TDE717" s="613"/>
      <c r="TDF717" s="613"/>
      <c r="TDG717" s="613"/>
      <c r="TDH717" s="613"/>
      <c r="TDI717" s="613"/>
      <c r="TDJ717" s="613"/>
      <c r="TDK717" s="613"/>
      <c r="TDL717" s="613"/>
      <c r="TDM717" s="613"/>
      <c r="TDN717" s="613"/>
      <c r="TDO717" s="613"/>
      <c r="TDP717" s="613"/>
      <c r="TDQ717" s="613"/>
      <c r="TDR717" s="613"/>
      <c r="TDS717" s="613"/>
      <c r="TDT717" s="613"/>
      <c r="TDU717" s="613"/>
      <c r="TDV717" s="613"/>
      <c r="TDW717" s="613"/>
      <c r="TDX717" s="613"/>
      <c r="TDY717" s="613"/>
      <c r="TDZ717" s="613"/>
      <c r="TEA717" s="613"/>
      <c r="TEB717" s="613"/>
      <c r="TEC717" s="613"/>
      <c r="TED717" s="613"/>
      <c r="TEE717" s="613"/>
      <c r="TEF717" s="613"/>
      <c r="TEG717" s="613"/>
      <c r="TEH717" s="613"/>
      <c r="TEI717" s="613"/>
      <c r="TEJ717" s="613"/>
      <c r="TEK717" s="613"/>
      <c r="TEL717" s="613"/>
      <c r="TEM717" s="613"/>
      <c r="TEN717" s="613"/>
      <c r="TEO717" s="613"/>
      <c r="TEP717" s="613"/>
      <c r="TEQ717" s="613"/>
      <c r="TER717" s="613"/>
      <c r="TES717" s="613"/>
      <c r="TET717" s="613"/>
      <c r="TEU717" s="613"/>
      <c r="TEV717" s="613"/>
      <c r="TEW717" s="613"/>
      <c r="TEX717" s="613"/>
      <c r="TEY717" s="613"/>
      <c r="TEZ717" s="613"/>
      <c r="TFA717" s="613"/>
      <c r="TFB717" s="613"/>
      <c r="TFC717" s="613"/>
      <c r="TFD717" s="613"/>
      <c r="TFE717" s="613"/>
      <c r="TFF717" s="613"/>
      <c r="TFG717" s="613"/>
      <c r="TFH717" s="613"/>
      <c r="TFI717" s="613"/>
      <c r="TFJ717" s="613"/>
      <c r="TFK717" s="613"/>
      <c r="TFL717" s="613"/>
      <c r="TFM717" s="613"/>
      <c r="TFN717" s="613"/>
      <c r="TFO717" s="613"/>
      <c r="TFP717" s="613"/>
      <c r="TFQ717" s="613"/>
      <c r="TFR717" s="613"/>
      <c r="TFS717" s="613"/>
      <c r="TFT717" s="613"/>
      <c r="TFU717" s="613"/>
      <c r="TFV717" s="613"/>
      <c r="TFW717" s="613"/>
      <c r="TFX717" s="613"/>
      <c r="TFY717" s="613"/>
      <c r="TFZ717" s="613"/>
      <c r="TGA717" s="613"/>
      <c r="TGB717" s="613"/>
      <c r="TGC717" s="613"/>
      <c r="TGD717" s="613"/>
      <c r="TGE717" s="613"/>
      <c r="TGF717" s="613"/>
      <c r="TGG717" s="613"/>
      <c r="TGH717" s="613"/>
      <c r="TGI717" s="613"/>
      <c r="TGJ717" s="613"/>
      <c r="TGK717" s="613"/>
      <c r="TGL717" s="613"/>
      <c r="TGM717" s="613"/>
      <c r="TGN717" s="613"/>
      <c r="TGO717" s="613"/>
      <c r="TGP717" s="613"/>
      <c r="TGQ717" s="613"/>
      <c r="TGR717" s="613"/>
      <c r="TGS717" s="613"/>
      <c r="TGT717" s="613"/>
      <c r="TGU717" s="613"/>
      <c r="TGV717" s="613"/>
      <c r="TGW717" s="613"/>
      <c r="TGX717" s="613"/>
      <c r="TGY717" s="613"/>
      <c r="TGZ717" s="613"/>
      <c r="THA717" s="613"/>
      <c r="THB717" s="613"/>
      <c r="THC717" s="613"/>
      <c r="THD717" s="613"/>
      <c r="THE717" s="613"/>
      <c r="THF717" s="613"/>
      <c r="THG717" s="613"/>
      <c r="THH717" s="613"/>
      <c r="THI717" s="613"/>
      <c r="THJ717" s="613"/>
      <c r="THK717" s="613"/>
      <c r="THL717" s="613"/>
      <c r="THM717" s="613"/>
      <c r="THN717" s="613"/>
      <c r="THO717" s="613"/>
      <c r="THP717" s="613"/>
      <c r="THQ717" s="613"/>
      <c r="THR717" s="613"/>
      <c r="THS717" s="613"/>
      <c r="THT717" s="613"/>
      <c r="THU717" s="613"/>
      <c r="THV717" s="613"/>
      <c r="THW717" s="613"/>
      <c r="THX717" s="613"/>
      <c r="THY717" s="613"/>
      <c r="THZ717" s="613"/>
      <c r="TIA717" s="613"/>
      <c r="TIB717" s="613"/>
      <c r="TIC717" s="613"/>
      <c r="TID717" s="613"/>
      <c r="TIE717" s="613"/>
      <c r="TIF717" s="613"/>
      <c r="TIG717" s="613"/>
      <c r="TIH717" s="613"/>
      <c r="TII717" s="613"/>
      <c r="TIJ717" s="613"/>
      <c r="TIK717" s="613"/>
      <c r="TIL717" s="613"/>
      <c r="TIM717" s="613"/>
      <c r="TIN717" s="613"/>
      <c r="TIO717" s="613"/>
      <c r="TIP717" s="613"/>
      <c r="TIQ717" s="613"/>
      <c r="TIR717" s="613"/>
      <c r="TIS717" s="613"/>
      <c r="TIT717" s="613"/>
      <c r="TIU717" s="613"/>
      <c r="TIV717" s="613"/>
      <c r="TIW717" s="613"/>
      <c r="TIX717" s="613"/>
      <c r="TIY717" s="613"/>
      <c r="TIZ717" s="613"/>
      <c r="TJA717" s="613"/>
      <c r="TJB717" s="613"/>
      <c r="TJC717" s="613"/>
      <c r="TJD717" s="613"/>
      <c r="TJE717" s="613"/>
      <c r="TJF717" s="613"/>
      <c r="TJG717" s="613"/>
      <c r="TJH717" s="613"/>
      <c r="TJI717" s="613"/>
      <c r="TJJ717" s="613"/>
      <c r="TJK717" s="613"/>
      <c r="TJL717" s="613"/>
      <c r="TJM717" s="613"/>
      <c r="TJN717" s="613"/>
      <c r="TJO717" s="613"/>
      <c r="TJP717" s="613"/>
      <c r="TJQ717" s="613"/>
      <c r="TJR717" s="613"/>
      <c r="TJS717" s="613"/>
      <c r="TJT717" s="613"/>
      <c r="TJU717" s="613"/>
      <c r="TJV717" s="613"/>
      <c r="TJW717" s="613"/>
      <c r="TJX717" s="613"/>
      <c r="TJY717" s="613"/>
      <c r="TJZ717" s="613"/>
      <c r="TKA717" s="613"/>
      <c r="TKB717" s="613"/>
      <c r="TKC717" s="613"/>
      <c r="TKD717" s="613"/>
      <c r="TKE717" s="613"/>
      <c r="TKF717" s="613"/>
      <c r="TKG717" s="613"/>
      <c r="TKH717" s="613"/>
      <c r="TKI717" s="613"/>
      <c r="TKJ717" s="613"/>
      <c r="TKK717" s="613"/>
      <c r="TKL717" s="613"/>
      <c r="TKM717" s="613"/>
      <c r="TKN717" s="613"/>
      <c r="TKO717" s="613"/>
      <c r="TKP717" s="613"/>
      <c r="TKQ717" s="613"/>
      <c r="TKR717" s="613"/>
      <c r="TKS717" s="613"/>
      <c r="TKT717" s="613"/>
      <c r="TKU717" s="613"/>
      <c r="TKV717" s="613"/>
      <c r="TKW717" s="613"/>
      <c r="TKX717" s="613"/>
      <c r="TKY717" s="613"/>
      <c r="TKZ717" s="613"/>
      <c r="TLA717" s="613"/>
      <c r="TLB717" s="613"/>
      <c r="TLC717" s="613"/>
      <c r="TLD717" s="613"/>
      <c r="TLE717" s="613"/>
      <c r="TLF717" s="613"/>
      <c r="TLG717" s="613"/>
      <c r="TLH717" s="613"/>
      <c r="TLI717" s="613"/>
      <c r="TLJ717" s="613"/>
      <c r="TLK717" s="613"/>
      <c r="TLL717" s="613"/>
      <c r="TLM717" s="613"/>
      <c r="TLN717" s="613"/>
      <c r="TLO717" s="613"/>
      <c r="TLP717" s="613"/>
      <c r="TLQ717" s="613"/>
      <c r="TLR717" s="613"/>
      <c r="TLS717" s="613"/>
      <c r="TLT717" s="613"/>
      <c r="TLU717" s="613"/>
      <c r="TLV717" s="613"/>
      <c r="TLW717" s="613"/>
      <c r="TLX717" s="613"/>
      <c r="TLY717" s="613"/>
      <c r="TLZ717" s="613"/>
      <c r="TMA717" s="613"/>
      <c r="TMB717" s="613"/>
      <c r="TMC717" s="613"/>
      <c r="TMD717" s="613"/>
      <c r="TME717" s="613"/>
      <c r="TMF717" s="613"/>
      <c r="TMG717" s="613"/>
      <c r="TMH717" s="613"/>
      <c r="TMI717" s="613"/>
      <c r="TMJ717" s="613"/>
      <c r="TMK717" s="613"/>
      <c r="TML717" s="613"/>
      <c r="TMM717" s="613"/>
      <c r="TMN717" s="613"/>
      <c r="TMO717" s="613"/>
      <c r="TMP717" s="613"/>
      <c r="TMQ717" s="613"/>
      <c r="TMR717" s="613"/>
      <c r="TMS717" s="613"/>
      <c r="TMT717" s="613"/>
      <c r="TMU717" s="613"/>
      <c r="TMV717" s="613"/>
      <c r="TMW717" s="613"/>
      <c r="TMX717" s="613"/>
      <c r="TMY717" s="613"/>
      <c r="TMZ717" s="613"/>
      <c r="TNA717" s="613"/>
      <c r="TNB717" s="613"/>
      <c r="TNC717" s="613"/>
      <c r="TND717" s="613"/>
      <c r="TNE717" s="613"/>
      <c r="TNF717" s="613"/>
      <c r="TNG717" s="613"/>
      <c r="TNH717" s="613"/>
      <c r="TNI717" s="613"/>
      <c r="TNJ717" s="613"/>
      <c r="TNK717" s="613"/>
      <c r="TNL717" s="613"/>
      <c r="TNM717" s="613"/>
      <c r="TNN717" s="613"/>
      <c r="TNO717" s="613"/>
      <c r="TNP717" s="613"/>
      <c r="TNQ717" s="613"/>
      <c r="TNR717" s="613"/>
      <c r="TNS717" s="613"/>
      <c r="TNT717" s="613"/>
      <c r="TNU717" s="613"/>
      <c r="TNV717" s="613"/>
      <c r="TNW717" s="613"/>
      <c r="TNX717" s="613"/>
      <c r="TNY717" s="613"/>
      <c r="TNZ717" s="613"/>
      <c r="TOA717" s="613"/>
      <c r="TOB717" s="613"/>
      <c r="TOC717" s="613"/>
      <c r="TOD717" s="613"/>
      <c r="TOE717" s="613"/>
      <c r="TOF717" s="613"/>
      <c r="TOG717" s="613"/>
      <c r="TOH717" s="613"/>
      <c r="TOI717" s="613"/>
      <c r="TOJ717" s="613"/>
      <c r="TOK717" s="613"/>
      <c r="TOL717" s="613"/>
      <c r="TOM717" s="613"/>
      <c r="TON717" s="613"/>
      <c r="TOO717" s="613"/>
      <c r="TOP717" s="613"/>
      <c r="TOQ717" s="613"/>
      <c r="TOR717" s="613"/>
      <c r="TOS717" s="613"/>
      <c r="TOT717" s="613"/>
      <c r="TOU717" s="613"/>
      <c r="TOV717" s="613"/>
      <c r="TOW717" s="613"/>
      <c r="TOX717" s="613"/>
      <c r="TOY717" s="613"/>
      <c r="TOZ717" s="613"/>
      <c r="TPA717" s="613"/>
      <c r="TPB717" s="613"/>
      <c r="TPC717" s="613"/>
      <c r="TPD717" s="613"/>
      <c r="TPE717" s="613"/>
      <c r="TPF717" s="613"/>
      <c r="TPG717" s="613"/>
      <c r="TPH717" s="613"/>
      <c r="TPI717" s="613"/>
      <c r="TPJ717" s="613"/>
      <c r="TPK717" s="613"/>
      <c r="TPL717" s="613"/>
      <c r="TPM717" s="613"/>
      <c r="TPN717" s="613"/>
      <c r="TPO717" s="613"/>
      <c r="TPP717" s="613"/>
      <c r="TPQ717" s="613"/>
      <c r="TPR717" s="613"/>
      <c r="TPS717" s="613"/>
      <c r="TPT717" s="613"/>
      <c r="TPU717" s="613"/>
      <c r="TPV717" s="613"/>
      <c r="TPW717" s="613"/>
      <c r="TPX717" s="613"/>
      <c r="TPY717" s="613"/>
      <c r="TPZ717" s="613"/>
      <c r="TQA717" s="613"/>
      <c r="TQB717" s="613"/>
      <c r="TQC717" s="613"/>
      <c r="TQD717" s="613"/>
      <c r="TQE717" s="613"/>
      <c r="TQF717" s="613"/>
      <c r="TQG717" s="613"/>
      <c r="TQH717" s="613"/>
      <c r="TQI717" s="613"/>
      <c r="TQJ717" s="613"/>
      <c r="TQK717" s="613"/>
      <c r="TQL717" s="613"/>
      <c r="TQM717" s="613"/>
      <c r="TQN717" s="613"/>
      <c r="TQO717" s="613"/>
      <c r="TQP717" s="613"/>
      <c r="TQQ717" s="613"/>
      <c r="TQR717" s="613"/>
      <c r="TQS717" s="613"/>
      <c r="TQT717" s="613"/>
      <c r="TQU717" s="613"/>
      <c r="TQV717" s="613"/>
      <c r="TQW717" s="613"/>
      <c r="TQX717" s="613"/>
      <c r="TQY717" s="613"/>
      <c r="TQZ717" s="613"/>
      <c r="TRA717" s="613"/>
      <c r="TRB717" s="613"/>
      <c r="TRC717" s="613"/>
      <c r="TRD717" s="613"/>
      <c r="TRE717" s="613"/>
      <c r="TRF717" s="613"/>
      <c r="TRG717" s="613"/>
      <c r="TRH717" s="613"/>
      <c r="TRI717" s="613"/>
      <c r="TRJ717" s="613"/>
      <c r="TRK717" s="613"/>
      <c r="TRL717" s="613"/>
      <c r="TRM717" s="613"/>
      <c r="TRN717" s="613"/>
      <c r="TRO717" s="613"/>
      <c r="TRP717" s="613"/>
      <c r="TRQ717" s="613"/>
      <c r="TRR717" s="613"/>
      <c r="TRS717" s="613"/>
      <c r="TRT717" s="613"/>
      <c r="TRU717" s="613"/>
      <c r="TRV717" s="613"/>
      <c r="TRW717" s="613"/>
      <c r="TRX717" s="613"/>
      <c r="TRY717" s="613"/>
      <c r="TRZ717" s="613"/>
      <c r="TSA717" s="613"/>
      <c r="TSB717" s="613"/>
      <c r="TSC717" s="613"/>
      <c r="TSD717" s="613"/>
      <c r="TSE717" s="613"/>
      <c r="TSF717" s="613"/>
      <c r="TSG717" s="613"/>
      <c r="TSH717" s="613"/>
      <c r="TSI717" s="613"/>
      <c r="TSJ717" s="613"/>
      <c r="TSK717" s="613"/>
      <c r="TSL717" s="613"/>
      <c r="TSM717" s="613"/>
      <c r="TSN717" s="613"/>
      <c r="TSO717" s="613"/>
      <c r="TSP717" s="613"/>
      <c r="TSQ717" s="613"/>
      <c r="TSR717" s="613"/>
      <c r="TSS717" s="613"/>
      <c r="TST717" s="613"/>
      <c r="TSU717" s="613"/>
      <c r="TSV717" s="613"/>
      <c r="TSW717" s="613"/>
      <c r="TSX717" s="613"/>
      <c r="TSY717" s="613"/>
      <c r="TSZ717" s="613"/>
      <c r="TTA717" s="613"/>
      <c r="TTB717" s="613"/>
      <c r="TTC717" s="613"/>
      <c r="TTD717" s="613"/>
      <c r="TTE717" s="613"/>
      <c r="TTF717" s="613"/>
      <c r="TTG717" s="613"/>
      <c r="TTH717" s="613"/>
      <c r="TTI717" s="613"/>
      <c r="TTJ717" s="613"/>
      <c r="TTK717" s="613"/>
      <c r="TTL717" s="613"/>
      <c r="TTM717" s="613"/>
      <c r="TTN717" s="613"/>
      <c r="TTO717" s="613"/>
      <c r="TTP717" s="613"/>
      <c r="TTQ717" s="613"/>
      <c r="TTR717" s="613"/>
      <c r="TTS717" s="613"/>
      <c r="TTT717" s="613"/>
      <c r="TTU717" s="613"/>
      <c r="TTV717" s="613"/>
      <c r="TTW717" s="613"/>
      <c r="TTX717" s="613"/>
      <c r="TTY717" s="613"/>
      <c r="TTZ717" s="613"/>
      <c r="TUA717" s="613"/>
      <c r="TUB717" s="613"/>
      <c r="TUC717" s="613"/>
      <c r="TUD717" s="613"/>
      <c r="TUE717" s="613"/>
      <c r="TUF717" s="613"/>
      <c r="TUG717" s="613"/>
      <c r="TUH717" s="613"/>
      <c r="TUI717" s="613"/>
      <c r="TUJ717" s="613"/>
      <c r="TUK717" s="613"/>
      <c r="TUL717" s="613"/>
      <c r="TUM717" s="613"/>
      <c r="TUN717" s="613"/>
      <c r="TUO717" s="613"/>
      <c r="TUP717" s="613"/>
      <c r="TUQ717" s="613"/>
      <c r="TUR717" s="613"/>
      <c r="TUS717" s="613"/>
      <c r="TUT717" s="613"/>
      <c r="TUU717" s="613"/>
      <c r="TUV717" s="613"/>
      <c r="TUW717" s="613"/>
      <c r="TUX717" s="613"/>
      <c r="TUY717" s="613"/>
      <c r="TUZ717" s="613"/>
      <c r="TVA717" s="613"/>
      <c r="TVB717" s="613"/>
      <c r="TVC717" s="613"/>
      <c r="TVD717" s="613"/>
      <c r="TVE717" s="613"/>
      <c r="TVF717" s="613"/>
      <c r="TVG717" s="613"/>
      <c r="TVH717" s="613"/>
      <c r="TVI717" s="613"/>
      <c r="TVJ717" s="613"/>
      <c r="TVK717" s="613"/>
      <c r="TVL717" s="613"/>
      <c r="TVM717" s="613"/>
      <c r="TVN717" s="613"/>
      <c r="TVO717" s="613"/>
      <c r="TVP717" s="613"/>
      <c r="TVQ717" s="613"/>
      <c r="TVR717" s="613"/>
      <c r="TVS717" s="613"/>
      <c r="TVT717" s="613"/>
      <c r="TVU717" s="613"/>
      <c r="TVV717" s="613"/>
      <c r="TVW717" s="613"/>
      <c r="TVX717" s="613"/>
      <c r="TVY717" s="613"/>
      <c r="TVZ717" s="613"/>
      <c r="TWA717" s="613"/>
      <c r="TWB717" s="613"/>
      <c r="TWC717" s="613"/>
      <c r="TWD717" s="613"/>
      <c r="TWE717" s="613"/>
      <c r="TWF717" s="613"/>
      <c r="TWG717" s="613"/>
      <c r="TWH717" s="613"/>
      <c r="TWI717" s="613"/>
      <c r="TWJ717" s="613"/>
      <c r="TWK717" s="613"/>
      <c r="TWL717" s="613"/>
      <c r="TWM717" s="613"/>
      <c r="TWN717" s="613"/>
      <c r="TWO717" s="613"/>
      <c r="TWP717" s="613"/>
      <c r="TWQ717" s="613"/>
      <c r="TWR717" s="613"/>
      <c r="TWS717" s="613"/>
      <c r="TWT717" s="613"/>
      <c r="TWU717" s="613"/>
      <c r="TWV717" s="613"/>
      <c r="TWW717" s="613"/>
      <c r="TWX717" s="613"/>
      <c r="TWY717" s="613"/>
      <c r="TWZ717" s="613"/>
      <c r="TXA717" s="613"/>
      <c r="TXB717" s="613"/>
      <c r="TXC717" s="613"/>
      <c r="TXD717" s="613"/>
      <c r="TXE717" s="613"/>
      <c r="TXF717" s="613"/>
      <c r="TXG717" s="613"/>
      <c r="TXH717" s="613"/>
      <c r="TXI717" s="613"/>
      <c r="TXJ717" s="613"/>
      <c r="TXK717" s="613"/>
      <c r="TXL717" s="613"/>
      <c r="TXM717" s="613"/>
      <c r="TXN717" s="613"/>
      <c r="TXO717" s="613"/>
      <c r="TXP717" s="613"/>
      <c r="TXQ717" s="613"/>
      <c r="TXR717" s="613"/>
      <c r="TXS717" s="613"/>
      <c r="TXT717" s="613"/>
      <c r="TXU717" s="613"/>
      <c r="TXV717" s="613"/>
      <c r="TXW717" s="613"/>
      <c r="TXX717" s="613"/>
      <c r="TXY717" s="613"/>
      <c r="TXZ717" s="613"/>
      <c r="TYA717" s="613"/>
      <c r="TYB717" s="613"/>
      <c r="TYC717" s="613"/>
      <c r="TYD717" s="613"/>
      <c r="TYE717" s="613"/>
      <c r="TYF717" s="613"/>
      <c r="TYG717" s="613"/>
      <c r="TYH717" s="613"/>
      <c r="TYI717" s="613"/>
      <c r="TYJ717" s="613"/>
      <c r="TYK717" s="613"/>
      <c r="TYL717" s="613"/>
      <c r="TYM717" s="613"/>
      <c r="TYN717" s="613"/>
      <c r="TYO717" s="613"/>
      <c r="TYP717" s="613"/>
      <c r="TYQ717" s="613"/>
      <c r="TYR717" s="613"/>
      <c r="TYS717" s="613"/>
      <c r="TYT717" s="613"/>
      <c r="TYU717" s="613"/>
      <c r="TYV717" s="613"/>
      <c r="TYW717" s="613"/>
      <c r="TYX717" s="613"/>
      <c r="TYY717" s="613"/>
      <c r="TYZ717" s="613"/>
      <c r="TZA717" s="613"/>
      <c r="TZB717" s="613"/>
      <c r="TZC717" s="613"/>
      <c r="TZD717" s="613"/>
      <c r="TZE717" s="613"/>
      <c r="TZF717" s="613"/>
      <c r="TZG717" s="613"/>
      <c r="TZH717" s="613"/>
      <c r="TZI717" s="613"/>
      <c r="TZJ717" s="613"/>
      <c r="TZK717" s="613"/>
      <c r="TZL717" s="613"/>
      <c r="TZM717" s="613"/>
      <c r="TZN717" s="613"/>
      <c r="TZO717" s="613"/>
      <c r="TZP717" s="613"/>
      <c r="TZQ717" s="613"/>
      <c r="TZR717" s="613"/>
      <c r="TZS717" s="613"/>
      <c r="TZT717" s="613"/>
      <c r="TZU717" s="613"/>
      <c r="TZV717" s="613"/>
      <c r="TZW717" s="613"/>
      <c r="TZX717" s="613"/>
      <c r="TZY717" s="613"/>
      <c r="TZZ717" s="613"/>
      <c r="UAA717" s="613"/>
      <c r="UAB717" s="613"/>
      <c r="UAC717" s="613"/>
      <c r="UAD717" s="613"/>
      <c r="UAE717" s="613"/>
      <c r="UAF717" s="613"/>
      <c r="UAG717" s="613"/>
      <c r="UAH717" s="613"/>
      <c r="UAI717" s="613"/>
      <c r="UAJ717" s="613"/>
      <c r="UAK717" s="613"/>
      <c r="UAL717" s="613"/>
      <c r="UAM717" s="613"/>
      <c r="UAN717" s="613"/>
      <c r="UAO717" s="613"/>
      <c r="UAP717" s="613"/>
      <c r="UAQ717" s="613"/>
      <c r="UAR717" s="613"/>
      <c r="UAS717" s="613"/>
      <c r="UAT717" s="613"/>
      <c r="UAU717" s="613"/>
      <c r="UAV717" s="613"/>
      <c r="UAW717" s="613"/>
      <c r="UAX717" s="613"/>
      <c r="UAY717" s="613"/>
      <c r="UAZ717" s="613"/>
      <c r="UBA717" s="613"/>
      <c r="UBB717" s="613"/>
      <c r="UBC717" s="613"/>
      <c r="UBD717" s="613"/>
      <c r="UBE717" s="613"/>
      <c r="UBF717" s="613"/>
      <c r="UBG717" s="613"/>
      <c r="UBH717" s="613"/>
      <c r="UBI717" s="613"/>
      <c r="UBJ717" s="613"/>
      <c r="UBK717" s="613"/>
      <c r="UBL717" s="613"/>
      <c r="UBM717" s="613"/>
      <c r="UBN717" s="613"/>
      <c r="UBO717" s="613"/>
      <c r="UBP717" s="613"/>
      <c r="UBQ717" s="613"/>
      <c r="UBR717" s="613"/>
      <c r="UBS717" s="613"/>
      <c r="UBT717" s="613"/>
      <c r="UBU717" s="613"/>
      <c r="UBV717" s="613"/>
      <c r="UBW717" s="613"/>
      <c r="UBX717" s="613"/>
      <c r="UBY717" s="613"/>
      <c r="UBZ717" s="613"/>
      <c r="UCA717" s="613"/>
      <c r="UCB717" s="613"/>
      <c r="UCC717" s="613"/>
      <c r="UCD717" s="613"/>
      <c r="UCE717" s="613"/>
      <c r="UCF717" s="613"/>
      <c r="UCG717" s="613"/>
      <c r="UCH717" s="613"/>
      <c r="UCI717" s="613"/>
      <c r="UCJ717" s="613"/>
      <c r="UCK717" s="613"/>
      <c r="UCL717" s="613"/>
      <c r="UCM717" s="613"/>
      <c r="UCN717" s="613"/>
      <c r="UCO717" s="613"/>
      <c r="UCP717" s="613"/>
      <c r="UCQ717" s="613"/>
      <c r="UCR717" s="613"/>
      <c r="UCS717" s="613"/>
      <c r="UCT717" s="613"/>
      <c r="UCU717" s="613"/>
      <c r="UCV717" s="613"/>
      <c r="UCW717" s="613"/>
      <c r="UCX717" s="613"/>
      <c r="UCY717" s="613"/>
      <c r="UCZ717" s="613"/>
      <c r="UDA717" s="613"/>
      <c r="UDB717" s="613"/>
      <c r="UDC717" s="613"/>
      <c r="UDD717" s="613"/>
      <c r="UDE717" s="613"/>
      <c r="UDF717" s="613"/>
      <c r="UDG717" s="613"/>
      <c r="UDH717" s="613"/>
      <c r="UDI717" s="613"/>
      <c r="UDJ717" s="613"/>
      <c r="UDK717" s="613"/>
      <c r="UDL717" s="613"/>
      <c r="UDM717" s="613"/>
      <c r="UDN717" s="613"/>
      <c r="UDO717" s="613"/>
      <c r="UDP717" s="613"/>
      <c r="UDQ717" s="613"/>
      <c r="UDR717" s="613"/>
      <c r="UDS717" s="613"/>
      <c r="UDT717" s="613"/>
      <c r="UDU717" s="613"/>
      <c r="UDV717" s="613"/>
      <c r="UDW717" s="613"/>
      <c r="UDX717" s="613"/>
      <c r="UDY717" s="613"/>
      <c r="UDZ717" s="613"/>
      <c r="UEA717" s="613"/>
      <c r="UEB717" s="613"/>
      <c r="UEC717" s="613"/>
      <c r="UED717" s="613"/>
      <c r="UEE717" s="613"/>
      <c r="UEF717" s="613"/>
      <c r="UEG717" s="613"/>
      <c r="UEH717" s="613"/>
      <c r="UEI717" s="613"/>
      <c r="UEJ717" s="613"/>
      <c r="UEK717" s="613"/>
      <c r="UEL717" s="613"/>
      <c r="UEM717" s="613"/>
      <c r="UEN717" s="613"/>
      <c r="UEO717" s="613"/>
      <c r="UEP717" s="613"/>
      <c r="UEQ717" s="613"/>
      <c r="UER717" s="613"/>
      <c r="UES717" s="613"/>
      <c r="UET717" s="613"/>
      <c r="UEU717" s="613"/>
      <c r="UEV717" s="613"/>
      <c r="UEW717" s="613"/>
      <c r="UEX717" s="613"/>
      <c r="UEY717" s="613"/>
      <c r="UEZ717" s="613"/>
      <c r="UFA717" s="613"/>
      <c r="UFB717" s="613"/>
      <c r="UFC717" s="613"/>
      <c r="UFD717" s="613"/>
      <c r="UFE717" s="613"/>
      <c r="UFF717" s="613"/>
      <c r="UFG717" s="613"/>
      <c r="UFH717" s="613"/>
      <c r="UFI717" s="613"/>
      <c r="UFJ717" s="613"/>
      <c r="UFK717" s="613"/>
      <c r="UFL717" s="613"/>
      <c r="UFM717" s="613"/>
      <c r="UFN717" s="613"/>
      <c r="UFO717" s="613"/>
      <c r="UFP717" s="613"/>
      <c r="UFQ717" s="613"/>
      <c r="UFR717" s="613"/>
      <c r="UFS717" s="613"/>
      <c r="UFT717" s="613"/>
      <c r="UFU717" s="613"/>
      <c r="UFV717" s="613"/>
      <c r="UFW717" s="613"/>
      <c r="UFX717" s="613"/>
      <c r="UFY717" s="613"/>
      <c r="UFZ717" s="613"/>
      <c r="UGA717" s="613"/>
      <c r="UGB717" s="613"/>
      <c r="UGC717" s="613"/>
      <c r="UGD717" s="613"/>
      <c r="UGE717" s="613"/>
      <c r="UGF717" s="613"/>
      <c r="UGG717" s="613"/>
      <c r="UGH717" s="613"/>
      <c r="UGI717" s="613"/>
      <c r="UGJ717" s="613"/>
      <c r="UGK717" s="613"/>
      <c r="UGL717" s="613"/>
      <c r="UGM717" s="613"/>
      <c r="UGN717" s="613"/>
      <c r="UGO717" s="613"/>
      <c r="UGP717" s="613"/>
      <c r="UGQ717" s="613"/>
      <c r="UGR717" s="613"/>
      <c r="UGS717" s="613"/>
      <c r="UGT717" s="613"/>
      <c r="UGU717" s="613"/>
      <c r="UGV717" s="613"/>
      <c r="UGW717" s="613"/>
      <c r="UGX717" s="613"/>
      <c r="UGY717" s="613"/>
      <c r="UGZ717" s="613"/>
      <c r="UHA717" s="613"/>
      <c r="UHB717" s="613"/>
      <c r="UHC717" s="613"/>
      <c r="UHD717" s="613"/>
      <c r="UHE717" s="613"/>
      <c r="UHF717" s="613"/>
      <c r="UHG717" s="613"/>
      <c r="UHH717" s="613"/>
      <c r="UHI717" s="613"/>
      <c r="UHJ717" s="613"/>
      <c r="UHK717" s="613"/>
      <c r="UHL717" s="613"/>
      <c r="UHM717" s="613"/>
      <c r="UHN717" s="613"/>
      <c r="UHO717" s="613"/>
      <c r="UHP717" s="613"/>
      <c r="UHQ717" s="613"/>
      <c r="UHR717" s="613"/>
      <c r="UHS717" s="613"/>
      <c r="UHT717" s="613"/>
      <c r="UHU717" s="613"/>
      <c r="UHV717" s="613"/>
      <c r="UHW717" s="613"/>
      <c r="UHX717" s="613"/>
      <c r="UHY717" s="613"/>
      <c r="UHZ717" s="613"/>
      <c r="UIA717" s="613"/>
      <c r="UIB717" s="613"/>
      <c r="UIC717" s="613"/>
      <c r="UID717" s="613"/>
      <c r="UIE717" s="613"/>
      <c r="UIF717" s="613"/>
      <c r="UIG717" s="613"/>
      <c r="UIH717" s="613"/>
      <c r="UII717" s="613"/>
      <c r="UIJ717" s="613"/>
      <c r="UIK717" s="613"/>
      <c r="UIL717" s="613"/>
      <c r="UIM717" s="613"/>
      <c r="UIN717" s="613"/>
      <c r="UIO717" s="613"/>
      <c r="UIP717" s="613"/>
      <c r="UIQ717" s="613"/>
      <c r="UIR717" s="613"/>
      <c r="UIS717" s="613"/>
      <c r="UIT717" s="613"/>
      <c r="UIU717" s="613"/>
      <c r="UIV717" s="613"/>
      <c r="UIW717" s="613"/>
      <c r="UIX717" s="613"/>
      <c r="UIY717" s="613"/>
      <c r="UIZ717" s="613"/>
      <c r="UJA717" s="613"/>
      <c r="UJB717" s="613"/>
      <c r="UJC717" s="613"/>
      <c r="UJD717" s="613"/>
      <c r="UJE717" s="613"/>
      <c r="UJF717" s="613"/>
      <c r="UJG717" s="613"/>
      <c r="UJH717" s="613"/>
      <c r="UJI717" s="613"/>
      <c r="UJJ717" s="613"/>
      <c r="UJK717" s="613"/>
      <c r="UJL717" s="613"/>
      <c r="UJM717" s="613"/>
      <c r="UJN717" s="613"/>
      <c r="UJO717" s="613"/>
      <c r="UJP717" s="613"/>
      <c r="UJQ717" s="613"/>
      <c r="UJR717" s="613"/>
      <c r="UJS717" s="613"/>
      <c r="UJT717" s="613"/>
      <c r="UJU717" s="613"/>
      <c r="UJV717" s="613"/>
      <c r="UJW717" s="613"/>
      <c r="UJX717" s="613"/>
      <c r="UJY717" s="613"/>
      <c r="UJZ717" s="613"/>
      <c r="UKA717" s="613"/>
      <c r="UKB717" s="613"/>
      <c r="UKC717" s="613"/>
      <c r="UKD717" s="613"/>
      <c r="UKE717" s="613"/>
      <c r="UKF717" s="613"/>
      <c r="UKG717" s="613"/>
      <c r="UKH717" s="613"/>
      <c r="UKI717" s="613"/>
      <c r="UKJ717" s="613"/>
      <c r="UKK717" s="613"/>
      <c r="UKL717" s="613"/>
      <c r="UKM717" s="613"/>
      <c r="UKN717" s="613"/>
      <c r="UKO717" s="613"/>
      <c r="UKP717" s="613"/>
      <c r="UKQ717" s="613"/>
      <c r="UKR717" s="613"/>
      <c r="UKS717" s="613"/>
      <c r="UKT717" s="613"/>
      <c r="UKU717" s="613"/>
      <c r="UKV717" s="613"/>
      <c r="UKW717" s="613"/>
      <c r="UKX717" s="613"/>
      <c r="UKY717" s="613"/>
      <c r="UKZ717" s="613"/>
      <c r="ULA717" s="613"/>
      <c r="ULB717" s="613"/>
      <c r="ULC717" s="613"/>
      <c r="ULD717" s="613"/>
      <c r="ULE717" s="613"/>
      <c r="ULF717" s="613"/>
      <c r="ULG717" s="613"/>
      <c r="ULH717" s="613"/>
      <c r="ULI717" s="613"/>
      <c r="ULJ717" s="613"/>
      <c r="ULK717" s="613"/>
      <c r="ULL717" s="613"/>
      <c r="ULM717" s="613"/>
      <c r="ULN717" s="613"/>
      <c r="ULO717" s="613"/>
      <c r="ULP717" s="613"/>
      <c r="ULQ717" s="613"/>
      <c r="ULR717" s="613"/>
      <c r="ULS717" s="613"/>
      <c r="ULT717" s="613"/>
      <c r="ULU717" s="613"/>
      <c r="ULV717" s="613"/>
      <c r="ULW717" s="613"/>
      <c r="ULX717" s="613"/>
      <c r="ULY717" s="613"/>
      <c r="ULZ717" s="613"/>
      <c r="UMA717" s="613"/>
      <c r="UMB717" s="613"/>
      <c r="UMC717" s="613"/>
      <c r="UMD717" s="613"/>
      <c r="UME717" s="613"/>
      <c r="UMF717" s="613"/>
      <c r="UMG717" s="613"/>
      <c r="UMH717" s="613"/>
      <c r="UMI717" s="613"/>
      <c r="UMJ717" s="613"/>
      <c r="UMK717" s="613"/>
      <c r="UML717" s="613"/>
      <c r="UMM717" s="613"/>
      <c r="UMN717" s="613"/>
      <c r="UMO717" s="613"/>
      <c r="UMP717" s="613"/>
      <c r="UMQ717" s="613"/>
      <c r="UMR717" s="613"/>
      <c r="UMS717" s="613"/>
      <c r="UMT717" s="613"/>
      <c r="UMU717" s="613"/>
      <c r="UMV717" s="613"/>
      <c r="UMW717" s="613"/>
      <c r="UMX717" s="613"/>
      <c r="UMY717" s="613"/>
      <c r="UMZ717" s="613"/>
      <c r="UNA717" s="613"/>
      <c r="UNB717" s="613"/>
      <c r="UNC717" s="613"/>
      <c r="UND717" s="613"/>
      <c r="UNE717" s="613"/>
      <c r="UNF717" s="613"/>
      <c r="UNG717" s="613"/>
      <c r="UNH717" s="613"/>
      <c r="UNI717" s="613"/>
      <c r="UNJ717" s="613"/>
      <c r="UNK717" s="613"/>
      <c r="UNL717" s="613"/>
      <c r="UNM717" s="613"/>
      <c r="UNN717" s="613"/>
      <c r="UNO717" s="613"/>
      <c r="UNP717" s="613"/>
      <c r="UNQ717" s="613"/>
      <c r="UNR717" s="613"/>
      <c r="UNS717" s="613"/>
      <c r="UNT717" s="613"/>
      <c r="UNU717" s="613"/>
      <c r="UNV717" s="613"/>
      <c r="UNW717" s="613"/>
      <c r="UNX717" s="613"/>
      <c r="UNY717" s="613"/>
      <c r="UNZ717" s="613"/>
      <c r="UOA717" s="613"/>
      <c r="UOB717" s="613"/>
      <c r="UOC717" s="613"/>
      <c r="UOD717" s="613"/>
      <c r="UOE717" s="613"/>
      <c r="UOF717" s="613"/>
      <c r="UOG717" s="613"/>
      <c r="UOH717" s="613"/>
      <c r="UOI717" s="613"/>
      <c r="UOJ717" s="613"/>
      <c r="UOK717" s="613"/>
      <c r="UOL717" s="613"/>
      <c r="UOM717" s="613"/>
      <c r="UON717" s="613"/>
      <c r="UOO717" s="613"/>
      <c r="UOP717" s="613"/>
      <c r="UOQ717" s="613"/>
      <c r="UOR717" s="613"/>
      <c r="UOS717" s="613"/>
      <c r="UOT717" s="613"/>
      <c r="UOU717" s="613"/>
      <c r="UOV717" s="613"/>
      <c r="UOW717" s="613"/>
      <c r="UOX717" s="613"/>
      <c r="UOY717" s="613"/>
      <c r="UOZ717" s="613"/>
      <c r="UPA717" s="613"/>
      <c r="UPB717" s="613"/>
      <c r="UPC717" s="613"/>
      <c r="UPD717" s="613"/>
      <c r="UPE717" s="613"/>
      <c r="UPF717" s="613"/>
      <c r="UPG717" s="613"/>
      <c r="UPH717" s="613"/>
      <c r="UPI717" s="613"/>
      <c r="UPJ717" s="613"/>
      <c r="UPK717" s="613"/>
      <c r="UPL717" s="613"/>
      <c r="UPM717" s="613"/>
      <c r="UPN717" s="613"/>
      <c r="UPO717" s="613"/>
      <c r="UPP717" s="613"/>
      <c r="UPQ717" s="613"/>
      <c r="UPR717" s="613"/>
      <c r="UPS717" s="613"/>
      <c r="UPT717" s="613"/>
      <c r="UPU717" s="613"/>
      <c r="UPV717" s="613"/>
      <c r="UPW717" s="613"/>
      <c r="UPX717" s="613"/>
      <c r="UPY717" s="613"/>
      <c r="UPZ717" s="613"/>
      <c r="UQA717" s="613"/>
      <c r="UQB717" s="613"/>
      <c r="UQC717" s="613"/>
      <c r="UQD717" s="613"/>
      <c r="UQE717" s="613"/>
      <c r="UQF717" s="613"/>
      <c r="UQG717" s="613"/>
      <c r="UQH717" s="613"/>
      <c r="UQI717" s="613"/>
      <c r="UQJ717" s="613"/>
      <c r="UQK717" s="613"/>
      <c r="UQL717" s="613"/>
      <c r="UQM717" s="613"/>
      <c r="UQN717" s="613"/>
      <c r="UQO717" s="613"/>
      <c r="UQP717" s="613"/>
      <c r="UQQ717" s="613"/>
      <c r="UQR717" s="613"/>
      <c r="UQS717" s="613"/>
      <c r="UQT717" s="613"/>
      <c r="UQU717" s="613"/>
      <c r="UQV717" s="613"/>
      <c r="UQW717" s="613"/>
      <c r="UQX717" s="613"/>
      <c r="UQY717" s="613"/>
      <c r="UQZ717" s="613"/>
      <c r="URA717" s="613"/>
      <c r="URB717" s="613"/>
      <c r="URC717" s="613"/>
      <c r="URD717" s="613"/>
      <c r="URE717" s="613"/>
      <c r="URF717" s="613"/>
      <c r="URG717" s="613"/>
      <c r="URH717" s="613"/>
      <c r="URI717" s="613"/>
      <c r="URJ717" s="613"/>
      <c r="URK717" s="613"/>
      <c r="URL717" s="613"/>
      <c r="URM717" s="613"/>
      <c r="URN717" s="613"/>
      <c r="URO717" s="613"/>
      <c r="URP717" s="613"/>
      <c r="URQ717" s="613"/>
      <c r="URR717" s="613"/>
      <c r="URS717" s="613"/>
      <c r="URT717" s="613"/>
      <c r="URU717" s="613"/>
      <c r="URV717" s="613"/>
      <c r="URW717" s="613"/>
      <c r="URX717" s="613"/>
      <c r="URY717" s="613"/>
      <c r="URZ717" s="613"/>
      <c r="USA717" s="613"/>
      <c r="USB717" s="613"/>
      <c r="USC717" s="613"/>
      <c r="USD717" s="613"/>
      <c r="USE717" s="613"/>
      <c r="USF717" s="613"/>
      <c r="USG717" s="613"/>
      <c r="USH717" s="613"/>
      <c r="USI717" s="613"/>
      <c r="USJ717" s="613"/>
      <c r="USK717" s="613"/>
      <c r="USL717" s="613"/>
      <c r="USM717" s="613"/>
      <c r="USN717" s="613"/>
      <c r="USO717" s="613"/>
      <c r="USP717" s="613"/>
      <c r="USQ717" s="613"/>
      <c r="USR717" s="613"/>
      <c r="USS717" s="613"/>
      <c r="UST717" s="613"/>
      <c r="USU717" s="613"/>
      <c r="USV717" s="613"/>
      <c r="USW717" s="613"/>
      <c r="USX717" s="613"/>
      <c r="USY717" s="613"/>
      <c r="USZ717" s="613"/>
      <c r="UTA717" s="613"/>
      <c r="UTB717" s="613"/>
      <c r="UTC717" s="613"/>
      <c r="UTD717" s="613"/>
      <c r="UTE717" s="613"/>
      <c r="UTF717" s="613"/>
      <c r="UTG717" s="613"/>
      <c r="UTH717" s="613"/>
      <c r="UTI717" s="613"/>
      <c r="UTJ717" s="613"/>
      <c r="UTK717" s="613"/>
      <c r="UTL717" s="613"/>
      <c r="UTM717" s="613"/>
      <c r="UTN717" s="613"/>
      <c r="UTO717" s="613"/>
      <c r="UTP717" s="613"/>
      <c r="UTQ717" s="613"/>
      <c r="UTR717" s="613"/>
      <c r="UTS717" s="613"/>
      <c r="UTT717" s="613"/>
      <c r="UTU717" s="613"/>
      <c r="UTV717" s="613"/>
      <c r="UTW717" s="613"/>
      <c r="UTX717" s="613"/>
      <c r="UTY717" s="613"/>
      <c r="UTZ717" s="613"/>
      <c r="UUA717" s="613"/>
      <c r="UUB717" s="613"/>
      <c r="UUC717" s="613"/>
      <c r="UUD717" s="613"/>
      <c r="UUE717" s="613"/>
      <c r="UUF717" s="613"/>
      <c r="UUG717" s="613"/>
      <c r="UUH717" s="613"/>
      <c r="UUI717" s="613"/>
      <c r="UUJ717" s="613"/>
      <c r="UUK717" s="613"/>
      <c r="UUL717" s="613"/>
      <c r="UUM717" s="613"/>
      <c r="UUN717" s="613"/>
      <c r="UUO717" s="613"/>
      <c r="UUP717" s="613"/>
      <c r="UUQ717" s="613"/>
      <c r="UUR717" s="613"/>
      <c r="UUS717" s="613"/>
      <c r="UUT717" s="613"/>
      <c r="UUU717" s="613"/>
      <c r="UUV717" s="613"/>
      <c r="UUW717" s="613"/>
      <c r="UUX717" s="613"/>
      <c r="UUY717" s="613"/>
      <c r="UUZ717" s="613"/>
      <c r="UVA717" s="613"/>
      <c r="UVB717" s="613"/>
      <c r="UVC717" s="613"/>
      <c r="UVD717" s="613"/>
      <c r="UVE717" s="613"/>
      <c r="UVF717" s="613"/>
      <c r="UVG717" s="613"/>
      <c r="UVH717" s="613"/>
      <c r="UVI717" s="613"/>
      <c r="UVJ717" s="613"/>
      <c r="UVK717" s="613"/>
      <c r="UVL717" s="613"/>
      <c r="UVM717" s="613"/>
      <c r="UVN717" s="613"/>
      <c r="UVO717" s="613"/>
      <c r="UVP717" s="613"/>
      <c r="UVQ717" s="613"/>
      <c r="UVR717" s="613"/>
      <c r="UVS717" s="613"/>
      <c r="UVT717" s="613"/>
      <c r="UVU717" s="613"/>
      <c r="UVV717" s="613"/>
      <c r="UVW717" s="613"/>
      <c r="UVX717" s="613"/>
      <c r="UVY717" s="613"/>
      <c r="UVZ717" s="613"/>
      <c r="UWA717" s="613"/>
      <c r="UWB717" s="613"/>
      <c r="UWC717" s="613"/>
      <c r="UWD717" s="613"/>
      <c r="UWE717" s="613"/>
      <c r="UWF717" s="613"/>
      <c r="UWG717" s="613"/>
      <c r="UWH717" s="613"/>
      <c r="UWI717" s="613"/>
      <c r="UWJ717" s="613"/>
      <c r="UWK717" s="613"/>
      <c r="UWL717" s="613"/>
      <c r="UWM717" s="613"/>
      <c r="UWN717" s="613"/>
      <c r="UWO717" s="613"/>
      <c r="UWP717" s="613"/>
      <c r="UWQ717" s="613"/>
      <c r="UWR717" s="613"/>
      <c r="UWS717" s="613"/>
      <c r="UWT717" s="613"/>
      <c r="UWU717" s="613"/>
      <c r="UWV717" s="613"/>
      <c r="UWW717" s="613"/>
      <c r="UWX717" s="613"/>
      <c r="UWY717" s="613"/>
      <c r="UWZ717" s="613"/>
      <c r="UXA717" s="613"/>
      <c r="UXB717" s="613"/>
      <c r="UXC717" s="613"/>
      <c r="UXD717" s="613"/>
      <c r="UXE717" s="613"/>
      <c r="UXF717" s="613"/>
      <c r="UXG717" s="613"/>
      <c r="UXH717" s="613"/>
      <c r="UXI717" s="613"/>
      <c r="UXJ717" s="613"/>
      <c r="UXK717" s="613"/>
      <c r="UXL717" s="613"/>
      <c r="UXM717" s="613"/>
      <c r="UXN717" s="613"/>
      <c r="UXO717" s="613"/>
      <c r="UXP717" s="613"/>
      <c r="UXQ717" s="613"/>
      <c r="UXR717" s="613"/>
      <c r="UXS717" s="613"/>
      <c r="UXT717" s="613"/>
      <c r="UXU717" s="613"/>
      <c r="UXV717" s="613"/>
      <c r="UXW717" s="613"/>
      <c r="UXX717" s="613"/>
      <c r="UXY717" s="613"/>
      <c r="UXZ717" s="613"/>
      <c r="UYA717" s="613"/>
      <c r="UYB717" s="613"/>
      <c r="UYC717" s="613"/>
      <c r="UYD717" s="613"/>
      <c r="UYE717" s="613"/>
      <c r="UYF717" s="613"/>
      <c r="UYG717" s="613"/>
      <c r="UYH717" s="613"/>
      <c r="UYI717" s="613"/>
      <c r="UYJ717" s="613"/>
      <c r="UYK717" s="613"/>
      <c r="UYL717" s="613"/>
      <c r="UYM717" s="613"/>
      <c r="UYN717" s="613"/>
      <c r="UYO717" s="613"/>
      <c r="UYP717" s="613"/>
      <c r="UYQ717" s="613"/>
      <c r="UYR717" s="613"/>
      <c r="UYS717" s="613"/>
      <c r="UYT717" s="613"/>
      <c r="UYU717" s="613"/>
      <c r="UYV717" s="613"/>
      <c r="UYW717" s="613"/>
      <c r="UYX717" s="613"/>
      <c r="UYY717" s="613"/>
      <c r="UYZ717" s="613"/>
      <c r="UZA717" s="613"/>
      <c r="UZB717" s="613"/>
      <c r="UZC717" s="613"/>
      <c r="UZD717" s="613"/>
      <c r="UZE717" s="613"/>
      <c r="UZF717" s="613"/>
      <c r="UZG717" s="613"/>
      <c r="UZH717" s="613"/>
      <c r="UZI717" s="613"/>
      <c r="UZJ717" s="613"/>
      <c r="UZK717" s="613"/>
      <c r="UZL717" s="613"/>
      <c r="UZM717" s="613"/>
      <c r="UZN717" s="613"/>
      <c r="UZO717" s="613"/>
      <c r="UZP717" s="613"/>
      <c r="UZQ717" s="613"/>
      <c r="UZR717" s="613"/>
      <c r="UZS717" s="613"/>
      <c r="UZT717" s="613"/>
      <c r="UZU717" s="613"/>
      <c r="UZV717" s="613"/>
      <c r="UZW717" s="613"/>
      <c r="UZX717" s="613"/>
      <c r="UZY717" s="613"/>
      <c r="UZZ717" s="613"/>
      <c r="VAA717" s="613"/>
      <c r="VAB717" s="613"/>
      <c r="VAC717" s="613"/>
      <c r="VAD717" s="613"/>
      <c r="VAE717" s="613"/>
      <c r="VAF717" s="613"/>
      <c r="VAG717" s="613"/>
      <c r="VAH717" s="613"/>
      <c r="VAI717" s="613"/>
      <c r="VAJ717" s="613"/>
      <c r="VAK717" s="613"/>
      <c r="VAL717" s="613"/>
      <c r="VAM717" s="613"/>
      <c r="VAN717" s="613"/>
      <c r="VAO717" s="613"/>
      <c r="VAP717" s="613"/>
      <c r="VAQ717" s="613"/>
      <c r="VAR717" s="613"/>
      <c r="VAS717" s="613"/>
      <c r="VAT717" s="613"/>
      <c r="VAU717" s="613"/>
      <c r="VAV717" s="613"/>
      <c r="VAW717" s="613"/>
      <c r="VAX717" s="613"/>
      <c r="VAY717" s="613"/>
      <c r="VAZ717" s="613"/>
      <c r="VBA717" s="613"/>
      <c r="VBB717" s="613"/>
      <c r="VBC717" s="613"/>
      <c r="VBD717" s="613"/>
      <c r="VBE717" s="613"/>
      <c r="VBF717" s="613"/>
      <c r="VBG717" s="613"/>
      <c r="VBH717" s="613"/>
      <c r="VBI717" s="613"/>
      <c r="VBJ717" s="613"/>
      <c r="VBK717" s="613"/>
      <c r="VBL717" s="613"/>
      <c r="VBM717" s="613"/>
      <c r="VBN717" s="613"/>
      <c r="VBO717" s="613"/>
      <c r="VBP717" s="613"/>
      <c r="VBQ717" s="613"/>
      <c r="VBR717" s="613"/>
      <c r="VBS717" s="613"/>
      <c r="VBT717" s="613"/>
      <c r="VBU717" s="613"/>
      <c r="VBV717" s="613"/>
      <c r="VBW717" s="613"/>
      <c r="VBX717" s="613"/>
      <c r="VBY717" s="613"/>
      <c r="VBZ717" s="613"/>
      <c r="VCA717" s="613"/>
      <c r="VCB717" s="613"/>
      <c r="VCC717" s="613"/>
      <c r="VCD717" s="613"/>
      <c r="VCE717" s="613"/>
      <c r="VCF717" s="613"/>
      <c r="VCG717" s="613"/>
      <c r="VCH717" s="613"/>
      <c r="VCI717" s="613"/>
      <c r="VCJ717" s="613"/>
      <c r="VCK717" s="613"/>
      <c r="VCL717" s="613"/>
      <c r="VCM717" s="613"/>
      <c r="VCN717" s="613"/>
      <c r="VCO717" s="613"/>
      <c r="VCP717" s="613"/>
      <c r="VCQ717" s="613"/>
      <c r="VCR717" s="613"/>
      <c r="VCS717" s="613"/>
      <c r="VCT717" s="613"/>
      <c r="VCU717" s="613"/>
      <c r="VCV717" s="613"/>
      <c r="VCW717" s="613"/>
      <c r="VCX717" s="613"/>
      <c r="VCY717" s="613"/>
      <c r="VCZ717" s="613"/>
      <c r="VDA717" s="613"/>
      <c r="VDB717" s="613"/>
      <c r="VDC717" s="613"/>
      <c r="VDD717" s="613"/>
      <c r="VDE717" s="613"/>
      <c r="VDF717" s="613"/>
      <c r="VDG717" s="613"/>
      <c r="VDH717" s="613"/>
      <c r="VDI717" s="613"/>
      <c r="VDJ717" s="613"/>
      <c r="VDK717" s="613"/>
      <c r="VDL717" s="613"/>
      <c r="VDM717" s="613"/>
      <c r="VDN717" s="613"/>
      <c r="VDO717" s="613"/>
      <c r="VDP717" s="613"/>
      <c r="VDQ717" s="613"/>
      <c r="VDR717" s="613"/>
      <c r="VDS717" s="613"/>
      <c r="VDT717" s="613"/>
      <c r="VDU717" s="613"/>
      <c r="VDV717" s="613"/>
      <c r="VDW717" s="613"/>
      <c r="VDX717" s="613"/>
      <c r="VDY717" s="613"/>
      <c r="VDZ717" s="613"/>
      <c r="VEA717" s="613"/>
      <c r="VEB717" s="613"/>
      <c r="VEC717" s="613"/>
      <c r="VED717" s="613"/>
      <c r="VEE717" s="613"/>
      <c r="VEF717" s="613"/>
      <c r="VEG717" s="613"/>
      <c r="VEH717" s="613"/>
      <c r="VEI717" s="613"/>
      <c r="VEJ717" s="613"/>
      <c r="VEK717" s="613"/>
      <c r="VEL717" s="613"/>
      <c r="VEM717" s="613"/>
      <c r="VEN717" s="613"/>
      <c r="VEO717" s="613"/>
      <c r="VEP717" s="613"/>
      <c r="VEQ717" s="613"/>
      <c r="VER717" s="613"/>
      <c r="VES717" s="613"/>
      <c r="VET717" s="613"/>
      <c r="VEU717" s="613"/>
      <c r="VEV717" s="613"/>
      <c r="VEW717" s="613"/>
      <c r="VEX717" s="613"/>
      <c r="VEY717" s="613"/>
      <c r="VEZ717" s="613"/>
      <c r="VFA717" s="613"/>
      <c r="VFB717" s="613"/>
      <c r="VFC717" s="613"/>
      <c r="VFD717" s="613"/>
      <c r="VFE717" s="613"/>
      <c r="VFF717" s="613"/>
      <c r="VFG717" s="613"/>
      <c r="VFH717" s="613"/>
      <c r="VFI717" s="613"/>
      <c r="VFJ717" s="613"/>
      <c r="VFK717" s="613"/>
      <c r="VFL717" s="613"/>
      <c r="VFM717" s="613"/>
      <c r="VFN717" s="613"/>
      <c r="VFO717" s="613"/>
      <c r="VFP717" s="613"/>
      <c r="VFQ717" s="613"/>
      <c r="VFR717" s="613"/>
      <c r="VFS717" s="613"/>
      <c r="VFT717" s="613"/>
      <c r="VFU717" s="613"/>
      <c r="VFV717" s="613"/>
      <c r="VFW717" s="613"/>
      <c r="VFX717" s="613"/>
      <c r="VFY717" s="613"/>
      <c r="VFZ717" s="613"/>
      <c r="VGA717" s="613"/>
      <c r="VGB717" s="613"/>
      <c r="VGC717" s="613"/>
      <c r="VGD717" s="613"/>
      <c r="VGE717" s="613"/>
      <c r="VGF717" s="613"/>
      <c r="VGG717" s="613"/>
      <c r="VGH717" s="613"/>
      <c r="VGI717" s="613"/>
      <c r="VGJ717" s="613"/>
      <c r="VGK717" s="613"/>
      <c r="VGL717" s="613"/>
      <c r="VGM717" s="613"/>
      <c r="VGN717" s="613"/>
      <c r="VGO717" s="613"/>
      <c r="VGP717" s="613"/>
      <c r="VGQ717" s="613"/>
      <c r="VGR717" s="613"/>
      <c r="VGS717" s="613"/>
      <c r="VGT717" s="613"/>
      <c r="VGU717" s="613"/>
      <c r="VGV717" s="613"/>
      <c r="VGW717" s="613"/>
      <c r="VGX717" s="613"/>
      <c r="VGY717" s="613"/>
      <c r="VGZ717" s="613"/>
      <c r="VHA717" s="613"/>
      <c r="VHB717" s="613"/>
      <c r="VHC717" s="613"/>
      <c r="VHD717" s="613"/>
      <c r="VHE717" s="613"/>
      <c r="VHF717" s="613"/>
      <c r="VHG717" s="613"/>
      <c r="VHH717" s="613"/>
      <c r="VHI717" s="613"/>
      <c r="VHJ717" s="613"/>
      <c r="VHK717" s="613"/>
      <c r="VHL717" s="613"/>
      <c r="VHM717" s="613"/>
      <c r="VHN717" s="613"/>
      <c r="VHO717" s="613"/>
      <c r="VHP717" s="613"/>
      <c r="VHQ717" s="613"/>
      <c r="VHR717" s="613"/>
      <c r="VHS717" s="613"/>
      <c r="VHT717" s="613"/>
      <c r="VHU717" s="613"/>
      <c r="VHV717" s="613"/>
      <c r="VHW717" s="613"/>
      <c r="VHX717" s="613"/>
      <c r="VHY717" s="613"/>
      <c r="VHZ717" s="613"/>
      <c r="VIA717" s="613"/>
      <c r="VIB717" s="613"/>
      <c r="VIC717" s="613"/>
      <c r="VID717" s="613"/>
      <c r="VIE717" s="613"/>
      <c r="VIF717" s="613"/>
      <c r="VIG717" s="613"/>
      <c r="VIH717" s="613"/>
      <c r="VII717" s="613"/>
      <c r="VIJ717" s="613"/>
      <c r="VIK717" s="613"/>
      <c r="VIL717" s="613"/>
      <c r="VIM717" s="613"/>
      <c r="VIN717" s="613"/>
      <c r="VIO717" s="613"/>
      <c r="VIP717" s="613"/>
      <c r="VIQ717" s="613"/>
      <c r="VIR717" s="613"/>
      <c r="VIS717" s="613"/>
      <c r="VIT717" s="613"/>
      <c r="VIU717" s="613"/>
      <c r="VIV717" s="613"/>
      <c r="VIW717" s="613"/>
      <c r="VIX717" s="613"/>
      <c r="VIY717" s="613"/>
      <c r="VIZ717" s="613"/>
      <c r="VJA717" s="613"/>
      <c r="VJB717" s="613"/>
      <c r="VJC717" s="613"/>
      <c r="VJD717" s="613"/>
      <c r="VJE717" s="613"/>
      <c r="VJF717" s="613"/>
      <c r="VJG717" s="613"/>
      <c r="VJH717" s="613"/>
      <c r="VJI717" s="613"/>
      <c r="VJJ717" s="613"/>
      <c r="VJK717" s="613"/>
      <c r="VJL717" s="613"/>
      <c r="VJM717" s="613"/>
      <c r="VJN717" s="613"/>
      <c r="VJO717" s="613"/>
      <c r="VJP717" s="613"/>
      <c r="VJQ717" s="613"/>
      <c r="VJR717" s="613"/>
      <c r="VJS717" s="613"/>
      <c r="VJT717" s="613"/>
      <c r="VJU717" s="613"/>
      <c r="VJV717" s="613"/>
      <c r="VJW717" s="613"/>
      <c r="VJX717" s="613"/>
      <c r="VJY717" s="613"/>
      <c r="VJZ717" s="613"/>
      <c r="VKA717" s="613"/>
      <c r="VKB717" s="613"/>
      <c r="VKC717" s="613"/>
      <c r="VKD717" s="613"/>
      <c r="VKE717" s="613"/>
      <c r="VKF717" s="613"/>
      <c r="VKG717" s="613"/>
      <c r="VKH717" s="613"/>
      <c r="VKI717" s="613"/>
      <c r="VKJ717" s="613"/>
      <c r="VKK717" s="613"/>
      <c r="VKL717" s="613"/>
      <c r="VKM717" s="613"/>
      <c r="VKN717" s="613"/>
      <c r="VKO717" s="613"/>
      <c r="VKP717" s="613"/>
      <c r="VKQ717" s="613"/>
      <c r="VKR717" s="613"/>
      <c r="VKS717" s="613"/>
      <c r="VKT717" s="613"/>
      <c r="VKU717" s="613"/>
      <c r="VKV717" s="613"/>
      <c r="VKW717" s="613"/>
      <c r="VKX717" s="613"/>
      <c r="VKY717" s="613"/>
      <c r="VKZ717" s="613"/>
      <c r="VLA717" s="613"/>
      <c r="VLB717" s="613"/>
      <c r="VLC717" s="613"/>
      <c r="VLD717" s="613"/>
      <c r="VLE717" s="613"/>
      <c r="VLF717" s="613"/>
      <c r="VLG717" s="613"/>
      <c r="VLH717" s="613"/>
      <c r="VLI717" s="613"/>
      <c r="VLJ717" s="613"/>
      <c r="VLK717" s="613"/>
      <c r="VLL717" s="613"/>
      <c r="VLM717" s="613"/>
      <c r="VLN717" s="613"/>
      <c r="VLO717" s="613"/>
      <c r="VLP717" s="613"/>
      <c r="VLQ717" s="613"/>
      <c r="VLR717" s="613"/>
      <c r="VLS717" s="613"/>
      <c r="VLT717" s="613"/>
      <c r="VLU717" s="613"/>
      <c r="VLV717" s="613"/>
      <c r="VLW717" s="613"/>
      <c r="VLX717" s="613"/>
      <c r="VLY717" s="613"/>
      <c r="VLZ717" s="613"/>
      <c r="VMA717" s="613"/>
      <c r="VMB717" s="613"/>
      <c r="VMC717" s="613"/>
      <c r="VMD717" s="613"/>
      <c r="VME717" s="613"/>
      <c r="VMF717" s="613"/>
      <c r="VMG717" s="613"/>
      <c r="VMH717" s="613"/>
      <c r="VMI717" s="613"/>
      <c r="VMJ717" s="613"/>
      <c r="VMK717" s="613"/>
      <c r="VML717" s="613"/>
      <c r="VMM717" s="613"/>
      <c r="VMN717" s="613"/>
      <c r="VMO717" s="613"/>
      <c r="VMP717" s="613"/>
      <c r="VMQ717" s="613"/>
      <c r="VMR717" s="613"/>
      <c r="VMS717" s="613"/>
      <c r="VMT717" s="613"/>
      <c r="VMU717" s="613"/>
      <c r="VMV717" s="613"/>
      <c r="VMW717" s="613"/>
      <c r="VMX717" s="613"/>
      <c r="VMY717" s="613"/>
      <c r="VMZ717" s="613"/>
      <c r="VNA717" s="613"/>
      <c r="VNB717" s="613"/>
      <c r="VNC717" s="613"/>
      <c r="VND717" s="613"/>
      <c r="VNE717" s="613"/>
      <c r="VNF717" s="613"/>
      <c r="VNG717" s="613"/>
      <c r="VNH717" s="613"/>
      <c r="VNI717" s="613"/>
      <c r="VNJ717" s="613"/>
      <c r="VNK717" s="613"/>
      <c r="VNL717" s="613"/>
      <c r="VNM717" s="613"/>
      <c r="VNN717" s="613"/>
      <c r="VNO717" s="613"/>
      <c r="VNP717" s="613"/>
      <c r="VNQ717" s="613"/>
      <c r="VNR717" s="613"/>
      <c r="VNS717" s="613"/>
      <c r="VNT717" s="613"/>
      <c r="VNU717" s="613"/>
      <c r="VNV717" s="613"/>
      <c r="VNW717" s="613"/>
      <c r="VNX717" s="613"/>
      <c r="VNY717" s="613"/>
      <c r="VNZ717" s="613"/>
      <c r="VOA717" s="613"/>
      <c r="VOB717" s="613"/>
      <c r="VOC717" s="613"/>
      <c r="VOD717" s="613"/>
      <c r="VOE717" s="613"/>
      <c r="VOF717" s="613"/>
      <c r="VOG717" s="613"/>
      <c r="VOH717" s="613"/>
      <c r="VOI717" s="613"/>
      <c r="VOJ717" s="613"/>
      <c r="VOK717" s="613"/>
      <c r="VOL717" s="613"/>
      <c r="VOM717" s="613"/>
      <c r="VON717" s="613"/>
      <c r="VOO717" s="613"/>
      <c r="VOP717" s="613"/>
      <c r="VOQ717" s="613"/>
      <c r="VOR717" s="613"/>
      <c r="VOS717" s="613"/>
      <c r="VOT717" s="613"/>
      <c r="VOU717" s="613"/>
      <c r="VOV717" s="613"/>
      <c r="VOW717" s="613"/>
      <c r="VOX717" s="613"/>
      <c r="VOY717" s="613"/>
      <c r="VOZ717" s="613"/>
      <c r="VPA717" s="613"/>
      <c r="VPB717" s="613"/>
      <c r="VPC717" s="613"/>
      <c r="VPD717" s="613"/>
      <c r="VPE717" s="613"/>
      <c r="VPF717" s="613"/>
      <c r="VPG717" s="613"/>
      <c r="VPH717" s="613"/>
      <c r="VPI717" s="613"/>
      <c r="VPJ717" s="613"/>
      <c r="VPK717" s="613"/>
      <c r="VPL717" s="613"/>
      <c r="VPM717" s="613"/>
      <c r="VPN717" s="613"/>
      <c r="VPO717" s="613"/>
      <c r="VPP717" s="613"/>
      <c r="VPQ717" s="613"/>
      <c r="VPR717" s="613"/>
      <c r="VPS717" s="613"/>
      <c r="VPT717" s="613"/>
      <c r="VPU717" s="613"/>
      <c r="VPV717" s="613"/>
      <c r="VPW717" s="613"/>
      <c r="VPX717" s="613"/>
      <c r="VPY717" s="613"/>
      <c r="VPZ717" s="613"/>
      <c r="VQA717" s="613"/>
      <c r="VQB717" s="613"/>
      <c r="VQC717" s="613"/>
      <c r="VQD717" s="613"/>
      <c r="VQE717" s="613"/>
      <c r="VQF717" s="613"/>
      <c r="VQG717" s="613"/>
      <c r="VQH717" s="613"/>
      <c r="VQI717" s="613"/>
      <c r="VQJ717" s="613"/>
      <c r="VQK717" s="613"/>
      <c r="VQL717" s="613"/>
      <c r="VQM717" s="613"/>
      <c r="VQN717" s="613"/>
      <c r="VQO717" s="613"/>
      <c r="VQP717" s="613"/>
      <c r="VQQ717" s="613"/>
      <c r="VQR717" s="613"/>
      <c r="VQS717" s="613"/>
      <c r="VQT717" s="613"/>
      <c r="VQU717" s="613"/>
      <c r="VQV717" s="613"/>
      <c r="VQW717" s="613"/>
      <c r="VQX717" s="613"/>
      <c r="VQY717" s="613"/>
      <c r="VQZ717" s="613"/>
      <c r="VRA717" s="613"/>
      <c r="VRB717" s="613"/>
      <c r="VRC717" s="613"/>
      <c r="VRD717" s="613"/>
      <c r="VRE717" s="613"/>
      <c r="VRF717" s="613"/>
      <c r="VRG717" s="613"/>
      <c r="VRH717" s="613"/>
      <c r="VRI717" s="613"/>
      <c r="VRJ717" s="613"/>
      <c r="VRK717" s="613"/>
      <c r="VRL717" s="613"/>
      <c r="VRM717" s="613"/>
      <c r="VRN717" s="613"/>
      <c r="VRO717" s="613"/>
      <c r="VRP717" s="613"/>
      <c r="VRQ717" s="613"/>
      <c r="VRR717" s="613"/>
      <c r="VRS717" s="613"/>
      <c r="VRT717" s="613"/>
      <c r="VRU717" s="613"/>
      <c r="VRV717" s="613"/>
      <c r="VRW717" s="613"/>
      <c r="VRX717" s="613"/>
      <c r="VRY717" s="613"/>
      <c r="VRZ717" s="613"/>
      <c r="VSA717" s="613"/>
      <c r="VSB717" s="613"/>
      <c r="VSC717" s="613"/>
      <c r="VSD717" s="613"/>
      <c r="VSE717" s="613"/>
      <c r="VSF717" s="613"/>
      <c r="VSG717" s="613"/>
      <c r="VSH717" s="613"/>
      <c r="VSI717" s="613"/>
      <c r="VSJ717" s="613"/>
      <c r="VSK717" s="613"/>
      <c r="VSL717" s="613"/>
      <c r="VSM717" s="613"/>
      <c r="VSN717" s="613"/>
      <c r="VSO717" s="613"/>
      <c r="VSP717" s="613"/>
      <c r="VSQ717" s="613"/>
      <c r="VSR717" s="613"/>
      <c r="VSS717" s="613"/>
      <c r="VST717" s="613"/>
      <c r="VSU717" s="613"/>
      <c r="VSV717" s="613"/>
      <c r="VSW717" s="613"/>
      <c r="VSX717" s="613"/>
      <c r="VSY717" s="613"/>
      <c r="VSZ717" s="613"/>
      <c r="VTA717" s="613"/>
      <c r="VTB717" s="613"/>
      <c r="VTC717" s="613"/>
      <c r="VTD717" s="613"/>
      <c r="VTE717" s="613"/>
      <c r="VTF717" s="613"/>
      <c r="VTG717" s="613"/>
      <c r="VTH717" s="613"/>
      <c r="VTI717" s="613"/>
      <c r="VTJ717" s="613"/>
      <c r="VTK717" s="613"/>
      <c r="VTL717" s="613"/>
      <c r="VTM717" s="613"/>
      <c r="VTN717" s="613"/>
      <c r="VTO717" s="613"/>
      <c r="VTP717" s="613"/>
      <c r="VTQ717" s="613"/>
      <c r="VTR717" s="613"/>
      <c r="VTS717" s="613"/>
      <c r="VTT717" s="613"/>
      <c r="VTU717" s="613"/>
      <c r="VTV717" s="613"/>
      <c r="VTW717" s="613"/>
      <c r="VTX717" s="613"/>
      <c r="VTY717" s="613"/>
      <c r="VTZ717" s="613"/>
      <c r="VUA717" s="613"/>
      <c r="VUB717" s="613"/>
      <c r="VUC717" s="613"/>
      <c r="VUD717" s="613"/>
      <c r="VUE717" s="613"/>
      <c r="VUF717" s="613"/>
      <c r="VUG717" s="613"/>
      <c r="VUH717" s="613"/>
      <c r="VUI717" s="613"/>
      <c r="VUJ717" s="613"/>
      <c r="VUK717" s="613"/>
      <c r="VUL717" s="613"/>
      <c r="VUM717" s="613"/>
      <c r="VUN717" s="613"/>
      <c r="VUO717" s="613"/>
      <c r="VUP717" s="613"/>
      <c r="VUQ717" s="613"/>
      <c r="VUR717" s="613"/>
      <c r="VUS717" s="613"/>
      <c r="VUT717" s="613"/>
      <c r="VUU717" s="613"/>
      <c r="VUV717" s="613"/>
      <c r="VUW717" s="613"/>
      <c r="VUX717" s="613"/>
      <c r="VUY717" s="613"/>
      <c r="VUZ717" s="613"/>
      <c r="VVA717" s="613"/>
      <c r="VVB717" s="613"/>
      <c r="VVC717" s="613"/>
      <c r="VVD717" s="613"/>
      <c r="VVE717" s="613"/>
      <c r="VVF717" s="613"/>
      <c r="VVG717" s="613"/>
      <c r="VVH717" s="613"/>
      <c r="VVI717" s="613"/>
      <c r="VVJ717" s="613"/>
      <c r="VVK717" s="613"/>
      <c r="VVL717" s="613"/>
      <c r="VVM717" s="613"/>
      <c r="VVN717" s="613"/>
      <c r="VVO717" s="613"/>
      <c r="VVP717" s="613"/>
      <c r="VVQ717" s="613"/>
      <c r="VVR717" s="613"/>
      <c r="VVS717" s="613"/>
      <c r="VVT717" s="613"/>
      <c r="VVU717" s="613"/>
      <c r="VVV717" s="613"/>
      <c r="VVW717" s="613"/>
      <c r="VVX717" s="613"/>
      <c r="VVY717" s="613"/>
      <c r="VVZ717" s="613"/>
      <c r="VWA717" s="613"/>
      <c r="VWB717" s="613"/>
      <c r="VWC717" s="613"/>
      <c r="VWD717" s="613"/>
      <c r="VWE717" s="613"/>
      <c r="VWF717" s="613"/>
      <c r="VWG717" s="613"/>
      <c r="VWH717" s="613"/>
      <c r="VWI717" s="613"/>
      <c r="VWJ717" s="613"/>
      <c r="VWK717" s="613"/>
      <c r="VWL717" s="613"/>
      <c r="VWM717" s="613"/>
      <c r="VWN717" s="613"/>
      <c r="VWO717" s="613"/>
      <c r="VWP717" s="613"/>
      <c r="VWQ717" s="613"/>
      <c r="VWR717" s="613"/>
      <c r="VWS717" s="613"/>
      <c r="VWT717" s="613"/>
      <c r="VWU717" s="613"/>
      <c r="VWV717" s="613"/>
      <c r="VWW717" s="613"/>
      <c r="VWX717" s="613"/>
      <c r="VWY717" s="613"/>
      <c r="VWZ717" s="613"/>
      <c r="VXA717" s="613"/>
      <c r="VXB717" s="613"/>
      <c r="VXC717" s="613"/>
      <c r="VXD717" s="613"/>
      <c r="VXE717" s="613"/>
      <c r="VXF717" s="613"/>
      <c r="VXG717" s="613"/>
      <c r="VXH717" s="613"/>
      <c r="VXI717" s="613"/>
      <c r="VXJ717" s="613"/>
      <c r="VXK717" s="613"/>
      <c r="VXL717" s="613"/>
      <c r="VXM717" s="613"/>
      <c r="VXN717" s="613"/>
      <c r="VXO717" s="613"/>
      <c r="VXP717" s="613"/>
      <c r="VXQ717" s="613"/>
      <c r="VXR717" s="613"/>
      <c r="VXS717" s="613"/>
      <c r="VXT717" s="613"/>
      <c r="VXU717" s="613"/>
      <c r="VXV717" s="613"/>
      <c r="VXW717" s="613"/>
      <c r="VXX717" s="613"/>
      <c r="VXY717" s="613"/>
      <c r="VXZ717" s="613"/>
      <c r="VYA717" s="613"/>
      <c r="VYB717" s="613"/>
      <c r="VYC717" s="613"/>
      <c r="VYD717" s="613"/>
      <c r="VYE717" s="613"/>
      <c r="VYF717" s="613"/>
      <c r="VYG717" s="613"/>
      <c r="VYH717" s="613"/>
      <c r="VYI717" s="613"/>
      <c r="VYJ717" s="613"/>
      <c r="VYK717" s="613"/>
      <c r="VYL717" s="613"/>
      <c r="VYM717" s="613"/>
      <c r="VYN717" s="613"/>
      <c r="VYO717" s="613"/>
      <c r="VYP717" s="613"/>
      <c r="VYQ717" s="613"/>
      <c r="VYR717" s="613"/>
      <c r="VYS717" s="613"/>
      <c r="VYT717" s="613"/>
      <c r="VYU717" s="613"/>
      <c r="VYV717" s="613"/>
      <c r="VYW717" s="613"/>
      <c r="VYX717" s="613"/>
      <c r="VYY717" s="613"/>
      <c r="VYZ717" s="613"/>
      <c r="VZA717" s="613"/>
      <c r="VZB717" s="613"/>
      <c r="VZC717" s="613"/>
      <c r="VZD717" s="613"/>
      <c r="VZE717" s="613"/>
      <c r="VZF717" s="613"/>
      <c r="VZG717" s="613"/>
      <c r="VZH717" s="613"/>
      <c r="VZI717" s="613"/>
      <c r="VZJ717" s="613"/>
      <c r="VZK717" s="613"/>
      <c r="VZL717" s="613"/>
      <c r="VZM717" s="613"/>
      <c r="VZN717" s="613"/>
      <c r="VZO717" s="613"/>
      <c r="VZP717" s="613"/>
      <c r="VZQ717" s="613"/>
      <c r="VZR717" s="613"/>
      <c r="VZS717" s="613"/>
      <c r="VZT717" s="613"/>
      <c r="VZU717" s="613"/>
      <c r="VZV717" s="613"/>
      <c r="VZW717" s="613"/>
      <c r="VZX717" s="613"/>
      <c r="VZY717" s="613"/>
      <c r="VZZ717" s="613"/>
      <c r="WAA717" s="613"/>
      <c r="WAB717" s="613"/>
      <c r="WAC717" s="613"/>
      <c r="WAD717" s="613"/>
      <c r="WAE717" s="613"/>
      <c r="WAF717" s="613"/>
      <c r="WAG717" s="613"/>
      <c r="WAH717" s="613"/>
      <c r="WAI717" s="613"/>
      <c r="WAJ717" s="613"/>
      <c r="WAK717" s="613"/>
      <c r="WAL717" s="613"/>
      <c r="WAM717" s="613"/>
      <c r="WAN717" s="613"/>
      <c r="WAO717" s="613"/>
      <c r="WAP717" s="613"/>
      <c r="WAQ717" s="613"/>
      <c r="WAR717" s="613"/>
      <c r="WAS717" s="613"/>
      <c r="WAT717" s="613"/>
      <c r="WAU717" s="613"/>
      <c r="WAV717" s="613"/>
      <c r="WAW717" s="613"/>
      <c r="WAX717" s="613"/>
      <c r="WAY717" s="613"/>
      <c r="WAZ717" s="613"/>
      <c r="WBA717" s="613"/>
      <c r="WBB717" s="613"/>
      <c r="WBC717" s="613"/>
      <c r="WBD717" s="613"/>
      <c r="WBE717" s="613"/>
      <c r="WBF717" s="613"/>
      <c r="WBG717" s="613"/>
      <c r="WBH717" s="613"/>
      <c r="WBI717" s="613"/>
      <c r="WBJ717" s="613"/>
      <c r="WBK717" s="613"/>
      <c r="WBL717" s="613"/>
      <c r="WBM717" s="613"/>
      <c r="WBN717" s="613"/>
      <c r="WBO717" s="613"/>
      <c r="WBP717" s="613"/>
      <c r="WBQ717" s="613"/>
      <c r="WBR717" s="613"/>
      <c r="WBS717" s="613"/>
      <c r="WBT717" s="613"/>
      <c r="WBU717" s="613"/>
      <c r="WBV717" s="613"/>
      <c r="WBW717" s="613"/>
      <c r="WBX717" s="613"/>
      <c r="WBY717" s="613"/>
      <c r="WBZ717" s="613"/>
      <c r="WCA717" s="613"/>
      <c r="WCB717" s="613"/>
      <c r="WCC717" s="613"/>
      <c r="WCD717" s="613"/>
      <c r="WCE717" s="613"/>
      <c r="WCF717" s="613"/>
      <c r="WCG717" s="613"/>
      <c r="WCH717" s="613"/>
      <c r="WCI717" s="613"/>
      <c r="WCJ717" s="613"/>
      <c r="WCK717" s="613"/>
      <c r="WCL717" s="613"/>
      <c r="WCM717" s="613"/>
      <c r="WCN717" s="613"/>
      <c r="WCO717" s="613"/>
      <c r="WCP717" s="613"/>
      <c r="WCQ717" s="613"/>
      <c r="WCR717" s="613"/>
      <c r="WCS717" s="613"/>
      <c r="WCT717" s="613"/>
      <c r="WCU717" s="613"/>
      <c r="WCV717" s="613"/>
      <c r="WCW717" s="613"/>
      <c r="WCX717" s="613"/>
      <c r="WCY717" s="613"/>
      <c r="WCZ717" s="613"/>
      <c r="WDA717" s="613"/>
      <c r="WDB717" s="613"/>
      <c r="WDC717" s="613"/>
      <c r="WDD717" s="613"/>
      <c r="WDE717" s="613"/>
      <c r="WDF717" s="613"/>
      <c r="WDG717" s="613"/>
      <c r="WDH717" s="613"/>
      <c r="WDI717" s="613"/>
      <c r="WDJ717" s="613"/>
      <c r="WDK717" s="613"/>
      <c r="WDL717" s="613"/>
      <c r="WDM717" s="613"/>
      <c r="WDN717" s="613"/>
      <c r="WDO717" s="613"/>
      <c r="WDP717" s="613"/>
      <c r="WDQ717" s="613"/>
      <c r="WDR717" s="613"/>
      <c r="WDS717" s="613"/>
      <c r="WDT717" s="613"/>
      <c r="WDU717" s="613"/>
      <c r="WDV717" s="613"/>
      <c r="WDW717" s="613"/>
      <c r="WDX717" s="613"/>
      <c r="WDY717" s="613"/>
      <c r="WDZ717" s="613"/>
      <c r="WEA717" s="613"/>
      <c r="WEB717" s="613"/>
      <c r="WEC717" s="613"/>
      <c r="WED717" s="613"/>
      <c r="WEE717" s="613"/>
      <c r="WEF717" s="613"/>
      <c r="WEG717" s="613"/>
      <c r="WEH717" s="613"/>
      <c r="WEI717" s="613"/>
      <c r="WEJ717" s="613"/>
      <c r="WEK717" s="613"/>
      <c r="WEL717" s="613"/>
      <c r="WEM717" s="613"/>
      <c r="WEN717" s="613"/>
      <c r="WEO717" s="613"/>
      <c r="WEP717" s="613"/>
      <c r="WEQ717" s="613"/>
      <c r="WER717" s="613"/>
      <c r="WES717" s="613"/>
      <c r="WET717" s="613"/>
      <c r="WEU717" s="613"/>
      <c r="WEV717" s="613"/>
      <c r="WEW717" s="613"/>
      <c r="WEX717" s="613"/>
      <c r="WEY717" s="613"/>
      <c r="WEZ717" s="613"/>
      <c r="WFA717" s="613"/>
      <c r="WFB717" s="613"/>
      <c r="WFC717" s="613"/>
      <c r="WFD717" s="613"/>
      <c r="WFE717" s="613"/>
      <c r="WFF717" s="613"/>
      <c r="WFG717" s="613"/>
      <c r="WFH717" s="613"/>
      <c r="WFI717" s="613"/>
      <c r="WFJ717" s="613"/>
      <c r="WFK717" s="613"/>
      <c r="WFL717" s="613"/>
      <c r="WFM717" s="613"/>
      <c r="WFN717" s="613"/>
      <c r="WFO717" s="613"/>
      <c r="WFP717" s="613"/>
      <c r="WFQ717" s="613"/>
      <c r="WFR717" s="613"/>
      <c r="WFS717" s="613"/>
      <c r="WFT717" s="613"/>
      <c r="WFU717" s="613"/>
      <c r="WFV717" s="613"/>
      <c r="WFW717" s="613"/>
      <c r="WFX717" s="613"/>
      <c r="WFY717" s="613"/>
      <c r="WFZ717" s="613"/>
      <c r="WGA717" s="613"/>
      <c r="WGB717" s="613"/>
      <c r="WGC717" s="613"/>
      <c r="WGD717" s="613"/>
      <c r="WGE717" s="613"/>
      <c r="WGF717" s="613"/>
      <c r="WGG717" s="613"/>
      <c r="WGH717" s="613"/>
      <c r="WGI717" s="613"/>
      <c r="WGJ717" s="613"/>
      <c r="WGK717" s="613"/>
      <c r="WGL717" s="613"/>
      <c r="WGM717" s="613"/>
      <c r="WGN717" s="613"/>
      <c r="WGO717" s="613"/>
      <c r="WGP717" s="613"/>
      <c r="WGQ717" s="613"/>
      <c r="WGR717" s="613"/>
      <c r="WGS717" s="613"/>
      <c r="WGT717" s="613"/>
      <c r="WGU717" s="613"/>
      <c r="WGV717" s="613"/>
      <c r="WGW717" s="613"/>
      <c r="WGX717" s="613"/>
      <c r="WGY717" s="613"/>
      <c r="WGZ717" s="613"/>
      <c r="WHA717" s="613"/>
      <c r="WHB717" s="613"/>
      <c r="WHC717" s="613"/>
      <c r="WHD717" s="613"/>
      <c r="WHE717" s="613"/>
      <c r="WHF717" s="613"/>
      <c r="WHG717" s="613"/>
      <c r="WHH717" s="613"/>
      <c r="WHI717" s="613"/>
      <c r="WHJ717" s="613"/>
      <c r="WHK717" s="613"/>
      <c r="WHL717" s="613"/>
      <c r="WHM717" s="613"/>
      <c r="WHN717" s="613"/>
      <c r="WHO717" s="613"/>
      <c r="WHP717" s="613"/>
      <c r="WHQ717" s="613"/>
      <c r="WHR717" s="613"/>
      <c r="WHS717" s="613"/>
      <c r="WHT717" s="613"/>
      <c r="WHU717" s="613"/>
      <c r="WHV717" s="613"/>
      <c r="WHW717" s="613"/>
      <c r="WHX717" s="613"/>
      <c r="WHY717" s="613"/>
      <c r="WHZ717" s="613"/>
      <c r="WIA717" s="613"/>
      <c r="WIB717" s="613"/>
      <c r="WIC717" s="613"/>
      <c r="WID717" s="613"/>
      <c r="WIE717" s="613"/>
      <c r="WIF717" s="613"/>
      <c r="WIG717" s="613"/>
      <c r="WIH717" s="613"/>
      <c r="WII717" s="613"/>
      <c r="WIJ717" s="613"/>
      <c r="WIK717" s="613"/>
      <c r="WIL717" s="613"/>
      <c r="WIM717" s="613"/>
      <c r="WIN717" s="613"/>
      <c r="WIO717" s="613"/>
      <c r="WIP717" s="613"/>
      <c r="WIQ717" s="613"/>
      <c r="WIR717" s="613"/>
      <c r="WIS717" s="613"/>
      <c r="WIT717" s="613"/>
      <c r="WIU717" s="613"/>
      <c r="WIV717" s="613"/>
      <c r="WIW717" s="613"/>
      <c r="WIX717" s="613"/>
      <c r="WIY717" s="613"/>
      <c r="WIZ717" s="613"/>
      <c r="WJA717" s="613"/>
      <c r="WJB717" s="613"/>
      <c r="WJC717" s="613"/>
      <c r="WJD717" s="613"/>
      <c r="WJE717" s="613"/>
      <c r="WJF717" s="613"/>
      <c r="WJG717" s="613"/>
      <c r="WJH717" s="613"/>
      <c r="WJI717" s="613"/>
      <c r="WJJ717" s="613"/>
      <c r="WJK717" s="613"/>
      <c r="WJL717" s="613"/>
      <c r="WJM717" s="613"/>
      <c r="WJN717" s="613"/>
      <c r="WJO717" s="613"/>
      <c r="WJP717" s="613"/>
      <c r="WJQ717" s="613"/>
      <c r="WJR717" s="613"/>
      <c r="WJS717" s="613"/>
      <c r="WJT717" s="613"/>
      <c r="WJU717" s="613"/>
      <c r="WJV717" s="613"/>
      <c r="WJW717" s="613"/>
      <c r="WJX717" s="613"/>
      <c r="WJY717" s="613"/>
      <c r="WJZ717" s="613"/>
      <c r="WKA717" s="613"/>
      <c r="WKB717" s="613"/>
      <c r="WKC717" s="613"/>
      <c r="WKD717" s="613"/>
      <c r="WKE717" s="613"/>
      <c r="WKF717" s="613"/>
      <c r="WKG717" s="613"/>
      <c r="WKH717" s="613"/>
      <c r="WKI717" s="613"/>
      <c r="WKJ717" s="613"/>
      <c r="WKK717" s="613"/>
      <c r="WKL717" s="613"/>
      <c r="WKM717" s="613"/>
      <c r="WKN717" s="613"/>
      <c r="WKO717" s="613"/>
      <c r="WKP717" s="613"/>
      <c r="WKQ717" s="613"/>
      <c r="WKR717" s="613"/>
      <c r="WKS717" s="613"/>
      <c r="WKT717" s="613"/>
      <c r="WKU717" s="613"/>
      <c r="WKV717" s="613"/>
      <c r="WKW717" s="613"/>
      <c r="WKX717" s="613"/>
      <c r="WKY717" s="613"/>
      <c r="WKZ717" s="613"/>
      <c r="WLA717" s="613"/>
      <c r="WLB717" s="613"/>
      <c r="WLC717" s="613"/>
      <c r="WLD717" s="613"/>
      <c r="WLE717" s="613"/>
      <c r="WLF717" s="613"/>
      <c r="WLG717" s="613"/>
      <c r="WLH717" s="613"/>
      <c r="WLI717" s="613"/>
      <c r="WLJ717" s="613"/>
      <c r="WLK717" s="613"/>
      <c r="WLL717" s="613"/>
      <c r="WLM717" s="613"/>
      <c r="WLN717" s="613"/>
      <c r="WLO717" s="613"/>
      <c r="WLP717" s="613"/>
      <c r="WLQ717" s="613"/>
      <c r="WLR717" s="613"/>
      <c r="WLS717" s="613"/>
      <c r="WLT717" s="613"/>
      <c r="WLU717" s="613"/>
      <c r="WLV717" s="613"/>
      <c r="WLW717" s="613"/>
      <c r="WLX717" s="613"/>
      <c r="WLY717" s="613"/>
      <c r="WLZ717" s="613"/>
      <c r="WMA717" s="613"/>
      <c r="WMB717" s="613"/>
      <c r="WMC717" s="613"/>
      <c r="WMD717" s="613"/>
      <c r="WME717" s="613"/>
      <c r="WMF717" s="613"/>
      <c r="WMG717" s="613"/>
      <c r="WMH717" s="613"/>
      <c r="WMI717" s="613"/>
      <c r="WMJ717" s="613"/>
      <c r="WMK717" s="613"/>
      <c r="WML717" s="613"/>
      <c r="WMM717" s="613"/>
      <c r="WMN717" s="613"/>
      <c r="WMO717" s="613"/>
      <c r="WMP717" s="613"/>
      <c r="WMQ717" s="613"/>
      <c r="WMR717" s="613"/>
      <c r="WMS717" s="613"/>
      <c r="WMT717" s="613"/>
      <c r="WMU717" s="613"/>
      <c r="WMV717" s="613"/>
      <c r="WMW717" s="613"/>
      <c r="WMX717" s="613"/>
      <c r="WMY717" s="613"/>
      <c r="WMZ717" s="613"/>
      <c r="WNA717" s="613"/>
      <c r="WNB717" s="613"/>
      <c r="WNC717" s="613"/>
      <c r="WND717" s="613"/>
      <c r="WNE717" s="613"/>
      <c r="WNF717" s="613"/>
      <c r="WNG717" s="613"/>
      <c r="WNH717" s="613"/>
      <c r="WNI717" s="613"/>
      <c r="WNJ717" s="613"/>
      <c r="WNK717" s="613"/>
      <c r="WNL717" s="613"/>
      <c r="WNM717" s="613"/>
      <c r="WNN717" s="613"/>
      <c r="WNO717" s="613"/>
      <c r="WNP717" s="613"/>
      <c r="WNQ717" s="613"/>
      <c r="WNR717" s="613"/>
      <c r="WNS717" s="613"/>
      <c r="WNT717" s="613"/>
      <c r="WNU717" s="613"/>
      <c r="WNV717" s="613"/>
      <c r="WNW717" s="613"/>
      <c r="WNX717" s="613"/>
      <c r="WNY717" s="613"/>
      <c r="WNZ717" s="613"/>
      <c r="WOA717" s="613"/>
      <c r="WOB717" s="613"/>
      <c r="WOC717" s="613"/>
      <c r="WOD717" s="613"/>
      <c r="WOE717" s="613"/>
      <c r="WOF717" s="613"/>
      <c r="WOG717" s="613"/>
      <c r="WOH717" s="613"/>
      <c r="WOI717" s="613"/>
      <c r="WOJ717" s="613"/>
      <c r="WOK717" s="613"/>
      <c r="WOL717" s="613"/>
      <c r="WOM717" s="613"/>
      <c r="WON717" s="613"/>
      <c r="WOO717" s="613"/>
      <c r="WOP717" s="613"/>
      <c r="WOQ717" s="613"/>
      <c r="WOR717" s="613"/>
      <c r="WOS717" s="613"/>
      <c r="WOT717" s="613"/>
      <c r="WOU717" s="613"/>
      <c r="WOV717" s="613"/>
      <c r="WOW717" s="613"/>
      <c r="WOX717" s="613"/>
      <c r="WOY717" s="613"/>
      <c r="WOZ717" s="613"/>
      <c r="WPA717" s="613"/>
      <c r="WPB717" s="613"/>
      <c r="WPC717" s="613"/>
      <c r="WPD717" s="613"/>
      <c r="WPE717" s="613"/>
      <c r="WPF717" s="613"/>
      <c r="WPG717" s="613"/>
      <c r="WPH717" s="613"/>
      <c r="WPI717" s="613"/>
      <c r="WPJ717" s="613"/>
      <c r="WPK717" s="613"/>
      <c r="WPL717" s="613"/>
      <c r="WPM717" s="613"/>
      <c r="WPN717" s="613"/>
      <c r="WPO717" s="613"/>
      <c r="WPP717" s="613"/>
      <c r="WPQ717" s="613"/>
      <c r="WPR717" s="613"/>
      <c r="WPS717" s="613"/>
      <c r="WPT717" s="613"/>
      <c r="WPU717" s="613"/>
      <c r="WPV717" s="613"/>
      <c r="WPW717" s="613"/>
      <c r="WPX717" s="613"/>
      <c r="WPY717" s="613"/>
      <c r="WPZ717" s="613"/>
      <c r="WQA717" s="613"/>
      <c r="WQB717" s="613"/>
      <c r="WQC717" s="613"/>
      <c r="WQD717" s="613"/>
      <c r="WQE717" s="613"/>
      <c r="WQF717" s="613"/>
      <c r="WQG717" s="613"/>
      <c r="WQH717" s="613"/>
      <c r="WQI717" s="613"/>
      <c r="WQJ717" s="613"/>
      <c r="WQK717" s="613"/>
      <c r="WQL717" s="613"/>
      <c r="WQM717" s="613"/>
      <c r="WQN717" s="613"/>
      <c r="WQO717" s="613"/>
      <c r="WQP717" s="613"/>
      <c r="WQQ717" s="613"/>
      <c r="WQR717" s="613"/>
      <c r="WQS717" s="613"/>
      <c r="WQT717" s="613"/>
      <c r="WQU717" s="613"/>
      <c r="WQV717" s="613"/>
      <c r="WQW717" s="613"/>
      <c r="WQX717" s="613"/>
      <c r="WQY717" s="613"/>
      <c r="WQZ717" s="613"/>
      <c r="WRA717" s="613"/>
      <c r="WRB717" s="613"/>
      <c r="WRC717" s="613"/>
      <c r="WRD717" s="613"/>
      <c r="WRE717" s="613"/>
      <c r="WRF717" s="613"/>
      <c r="WRG717" s="613"/>
      <c r="WRH717" s="613"/>
      <c r="WRI717" s="613"/>
      <c r="WRJ717" s="613"/>
      <c r="WRK717" s="613"/>
      <c r="WRL717" s="613"/>
      <c r="WRM717" s="613"/>
      <c r="WRN717" s="613"/>
      <c r="WRO717" s="613"/>
      <c r="WRP717" s="613"/>
      <c r="WRQ717" s="613"/>
      <c r="WRR717" s="613"/>
      <c r="WRS717" s="613"/>
      <c r="WRT717" s="613"/>
      <c r="WRU717" s="613"/>
      <c r="WRV717" s="613"/>
      <c r="WRW717" s="613"/>
      <c r="WRX717" s="613"/>
      <c r="WRY717" s="613"/>
      <c r="WRZ717" s="613"/>
      <c r="WSA717" s="613"/>
      <c r="WSB717" s="613"/>
      <c r="WSC717" s="613"/>
      <c r="WSD717" s="613"/>
      <c r="WSE717" s="613"/>
      <c r="WSF717" s="613"/>
      <c r="WSG717" s="613"/>
      <c r="WSH717" s="613"/>
      <c r="WSI717" s="613"/>
      <c r="WSJ717" s="613"/>
      <c r="WSK717" s="613"/>
      <c r="WSL717" s="613"/>
      <c r="WSM717" s="613"/>
      <c r="WSN717" s="613"/>
      <c r="WSO717" s="613"/>
      <c r="WSP717" s="613"/>
      <c r="WSQ717" s="613"/>
      <c r="WSR717" s="613"/>
      <c r="WSS717" s="613"/>
      <c r="WST717" s="613"/>
      <c r="WSU717" s="613"/>
      <c r="WSV717" s="613"/>
      <c r="WSW717" s="613"/>
      <c r="WSX717" s="613"/>
      <c r="WSY717" s="613"/>
      <c r="WSZ717" s="613"/>
      <c r="WTA717" s="613"/>
      <c r="WTB717" s="613"/>
      <c r="WTC717" s="613"/>
      <c r="WTD717" s="613"/>
      <c r="WTE717" s="613"/>
      <c r="WTF717" s="613"/>
      <c r="WTG717" s="613"/>
      <c r="WTH717" s="613"/>
      <c r="WTI717" s="613"/>
      <c r="WTJ717" s="613"/>
      <c r="WTK717" s="613"/>
      <c r="WTL717" s="613"/>
      <c r="WTM717" s="613"/>
      <c r="WTN717" s="613"/>
      <c r="WTO717" s="613"/>
      <c r="WTP717" s="613"/>
      <c r="WTQ717" s="613"/>
      <c r="WTR717" s="613"/>
      <c r="WTS717" s="613"/>
      <c r="WTT717" s="613"/>
      <c r="WTU717" s="613"/>
      <c r="WTV717" s="613"/>
      <c r="WTW717" s="613"/>
      <c r="WTX717" s="613"/>
      <c r="WTY717" s="613"/>
      <c r="WTZ717" s="613"/>
      <c r="WUA717" s="613"/>
      <c r="WUB717" s="613"/>
      <c r="WUC717" s="613"/>
      <c r="WUD717" s="613"/>
      <c r="WUE717" s="613"/>
      <c r="WUF717" s="613"/>
      <c r="WUG717" s="613"/>
      <c r="WUH717" s="613"/>
      <c r="WUI717" s="613"/>
      <c r="WUJ717" s="613"/>
      <c r="WUK717" s="613"/>
      <c r="WUL717" s="613"/>
      <c r="WUM717" s="613"/>
      <c r="WUN717" s="613"/>
      <c r="WUO717" s="613"/>
      <c r="WUP717" s="613"/>
      <c r="WUQ717" s="613"/>
      <c r="WUR717" s="613"/>
      <c r="WUS717" s="613"/>
      <c r="WUT717" s="613"/>
      <c r="WUU717" s="613"/>
      <c r="WUV717" s="613"/>
      <c r="WUW717" s="613"/>
      <c r="WUX717" s="613"/>
      <c r="WUY717" s="613"/>
      <c r="WUZ717" s="613"/>
      <c r="WVA717" s="613"/>
      <c r="WVB717" s="613"/>
      <c r="WVC717" s="613"/>
      <c r="WVD717" s="613"/>
      <c r="WVE717" s="613"/>
      <c r="WVF717" s="613"/>
      <c r="WVG717" s="613"/>
      <c r="WVH717" s="613"/>
      <c r="WVI717" s="613"/>
      <c r="WVJ717" s="613"/>
      <c r="WVK717" s="613"/>
      <c r="WVL717" s="613"/>
      <c r="WVM717" s="613"/>
      <c r="WVN717" s="613"/>
      <c r="WVO717" s="613"/>
      <c r="WVP717" s="613"/>
      <c r="WVQ717" s="613"/>
      <c r="WVR717" s="613"/>
      <c r="WVS717" s="613"/>
      <c r="WVT717" s="613"/>
      <c r="WVU717" s="613"/>
      <c r="WVV717" s="613"/>
      <c r="WVW717" s="613"/>
      <c r="WVX717" s="613"/>
      <c r="WVY717" s="613"/>
      <c r="WVZ717" s="613"/>
      <c r="WWA717" s="613"/>
      <c r="WWB717" s="613"/>
      <c r="WWC717" s="613"/>
      <c r="WWD717" s="613"/>
      <c r="WWE717" s="613"/>
      <c r="WWF717" s="613"/>
      <c r="WWG717" s="613"/>
      <c r="WWH717" s="613"/>
      <c r="WWI717" s="613"/>
      <c r="WWJ717" s="613"/>
      <c r="WWK717" s="613"/>
      <c r="WWL717" s="613"/>
      <c r="WWM717" s="613"/>
      <c r="WWN717" s="613"/>
      <c r="WWO717" s="613"/>
      <c r="WWP717" s="613"/>
      <c r="WWQ717" s="613"/>
      <c r="WWR717" s="613"/>
      <c r="WWS717" s="613"/>
      <c r="WWT717" s="613"/>
      <c r="WWU717" s="613"/>
      <c r="WWV717" s="613"/>
      <c r="WWW717" s="613"/>
      <c r="WWX717" s="613"/>
      <c r="WWY717" s="613"/>
      <c r="WWZ717" s="613"/>
      <c r="WXA717" s="613"/>
      <c r="WXB717" s="613"/>
      <c r="WXC717" s="613"/>
      <c r="WXD717" s="613"/>
      <c r="WXE717" s="613"/>
      <c r="WXF717" s="613"/>
      <c r="WXG717" s="613"/>
      <c r="WXH717" s="613"/>
      <c r="WXI717" s="613"/>
      <c r="WXJ717" s="613"/>
      <c r="WXK717" s="613"/>
      <c r="WXL717" s="613"/>
      <c r="WXM717" s="613"/>
      <c r="WXN717" s="613"/>
      <c r="WXO717" s="613"/>
      <c r="WXP717" s="613"/>
      <c r="WXQ717" s="613"/>
      <c r="WXR717" s="613"/>
      <c r="WXS717" s="613"/>
      <c r="WXT717" s="613"/>
      <c r="WXU717" s="613"/>
      <c r="WXV717" s="613"/>
      <c r="WXW717" s="613"/>
      <c r="WXX717" s="613"/>
      <c r="WXY717" s="613"/>
      <c r="WXZ717" s="613"/>
      <c r="WYA717" s="613"/>
      <c r="WYB717" s="613"/>
      <c r="WYC717" s="613"/>
      <c r="WYD717" s="613"/>
      <c r="WYE717" s="613"/>
      <c r="WYF717" s="613"/>
      <c r="WYG717" s="613"/>
      <c r="WYH717" s="613"/>
      <c r="WYI717" s="613"/>
      <c r="WYJ717" s="613"/>
      <c r="WYK717" s="613"/>
      <c r="WYL717" s="613"/>
      <c r="WYM717" s="613"/>
      <c r="WYN717" s="613"/>
      <c r="WYO717" s="613"/>
      <c r="WYP717" s="613"/>
      <c r="WYQ717" s="613"/>
      <c r="WYR717" s="613"/>
      <c r="WYS717" s="613"/>
      <c r="WYT717" s="613"/>
      <c r="WYU717" s="613"/>
      <c r="WYV717" s="613"/>
      <c r="WYW717" s="613"/>
      <c r="WYX717" s="613"/>
      <c r="WYY717" s="613"/>
      <c r="WYZ717" s="613"/>
      <c r="WZA717" s="613"/>
      <c r="WZB717" s="613"/>
      <c r="WZC717" s="613"/>
      <c r="WZD717" s="613"/>
      <c r="WZE717" s="613"/>
      <c r="WZF717" s="613"/>
      <c r="WZG717" s="613"/>
      <c r="WZH717" s="613"/>
      <c r="WZI717" s="613"/>
      <c r="WZJ717" s="613"/>
      <c r="WZK717" s="613"/>
      <c r="WZL717" s="613"/>
      <c r="WZM717" s="613"/>
      <c r="WZN717" s="613"/>
      <c r="WZO717" s="613"/>
      <c r="WZP717" s="613"/>
      <c r="WZQ717" s="613"/>
      <c r="WZR717" s="613"/>
      <c r="WZS717" s="613"/>
      <c r="WZT717" s="613"/>
      <c r="WZU717" s="613"/>
      <c r="WZV717" s="613"/>
      <c r="WZW717" s="613"/>
      <c r="WZX717" s="613"/>
      <c r="WZY717" s="613"/>
      <c r="WZZ717" s="613"/>
      <c r="XAA717" s="613"/>
      <c r="XAB717" s="613"/>
      <c r="XAC717" s="613"/>
      <c r="XAD717" s="613"/>
      <c r="XAE717" s="613"/>
      <c r="XAF717" s="613"/>
      <c r="XAG717" s="613"/>
      <c r="XAH717" s="613"/>
      <c r="XAI717" s="613"/>
      <c r="XAJ717" s="613"/>
      <c r="XAK717" s="613"/>
      <c r="XAL717" s="613"/>
      <c r="XAM717" s="613"/>
      <c r="XAN717" s="613"/>
      <c r="XAO717" s="613"/>
      <c r="XAP717" s="613"/>
      <c r="XAQ717" s="613"/>
      <c r="XAR717" s="613"/>
      <c r="XAS717" s="613"/>
      <c r="XAT717" s="613"/>
      <c r="XAU717" s="613"/>
      <c r="XAV717" s="613"/>
      <c r="XAW717" s="613"/>
      <c r="XAX717" s="613"/>
      <c r="XAY717" s="613"/>
      <c r="XAZ717" s="613"/>
      <c r="XBA717" s="613"/>
      <c r="XBB717" s="613"/>
      <c r="XBC717" s="613"/>
      <c r="XBD717" s="613"/>
      <c r="XBE717" s="613"/>
      <c r="XBF717" s="613"/>
      <c r="XBG717" s="613"/>
      <c r="XBH717" s="613"/>
      <c r="XBI717" s="613"/>
      <c r="XBJ717" s="613"/>
      <c r="XBK717" s="613"/>
      <c r="XBL717" s="613"/>
      <c r="XBM717" s="613"/>
      <c r="XBN717" s="613"/>
      <c r="XBO717" s="613"/>
      <c r="XBP717" s="613"/>
      <c r="XBQ717" s="613"/>
      <c r="XBR717" s="613"/>
      <c r="XBS717" s="613"/>
      <c r="XBT717" s="613"/>
      <c r="XBU717" s="613"/>
      <c r="XBV717" s="613"/>
      <c r="XBW717" s="613"/>
      <c r="XBX717" s="613"/>
      <c r="XBY717" s="613"/>
      <c r="XBZ717" s="613"/>
      <c r="XCA717" s="613"/>
      <c r="XCB717" s="613"/>
      <c r="XCC717" s="613"/>
      <c r="XCD717" s="613"/>
      <c r="XCE717" s="613"/>
      <c r="XCF717" s="613"/>
      <c r="XCG717" s="613"/>
      <c r="XCH717" s="613"/>
      <c r="XCI717" s="613"/>
      <c r="XCJ717" s="613"/>
      <c r="XCK717" s="613"/>
      <c r="XCL717" s="613"/>
      <c r="XCM717" s="613"/>
      <c r="XCN717" s="613"/>
      <c r="XCO717" s="613"/>
      <c r="XCP717" s="613"/>
      <c r="XCQ717" s="613"/>
    </row>
    <row r="718" spans="1:16319" ht="56.1" customHeight="1" x14ac:dyDescent="0.2">
      <c r="A718" s="273" t="s">
        <v>3017</v>
      </c>
      <c r="B718" s="499"/>
      <c r="C718" s="77"/>
      <c r="D718" s="481">
        <v>281</v>
      </c>
      <c r="E718" s="481"/>
      <c r="F718" s="481" t="s">
        <v>2481</v>
      </c>
      <c r="G718" s="482" t="s">
        <v>53</v>
      </c>
      <c r="H718" s="481" t="s">
        <v>329</v>
      </c>
      <c r="I718" s="654" t="s">
        <v>500</v>
      </c>
      <c r="J718" s="654" t="s">
        <v>501</v>
      </c>
      <c r="K718" s="495" t="s">
        <v>512</v>
      </c>
      <c r="L718" s="767"/>
      <c r="M718" s="484" t="s">
        <v>58</v>
      </c>
      <c r="N718" s="329" t="s">
        <v>1365</v>
      </c>
      <c r="O718" s="484" t="s">
        <v>2996</v>
      </c>
      <c r="P718" s="484" t="s">
        <v>81</v>
      </c>
      <c r="Q718" s="667" t="s">
        <v>334</v>
      </c>
      <c r="R718" s="484" t="s">
        <v>334</v>
      </c>
      <c r="S718" s="484" t="s">
        <v>187</v>
      </c>
      <c r="T718" s="484"/>
      <c r="U718" s="620" t="s">
        <v>63</v>
      </c>
      <c r="V718" s="620" t="s">
        <v>63</v>
      </c>
      <c r="W718" s="723">
        <v>244092</v>
      </c>
      <c r="X718" s="723"/>
      <c r="Y718" s="654" t="s">
        <v>226</v>
      </c>
      <c r="Z718" s="654"/>
      <c r="AA718" s="723">
        <v>244092</v>
      </c>
      <c r="AB718" s="652" t="s">
        <v>82</v>
      </c>
      <c r="AC718" s="652"/>
      <c r="AD718" s="496"/>
      <c r="AE718" s="496"/>
      <c r="AF718" s="496"/>
      <c r="AG718" s="496"/>
      <c r="AH718" s="496"/>
      <c r="AI718" s="487" t="s">
        <v>66</v>
      </c>
      <c r="AJ718" s="496"/>
      <c r="AK718" s="496"/>
      <c r="AL718" s="496"/>
      <c r="AM718" s="496"/>
      <c r="AN718" s="496"/>
      <c r="AO718" s="496"/>
      <c r="AP718" s="496"/>
      <c r="AQ718" s="496"/>
      <c r="AR718" s="496"/>
      <c r="AS718" s="496"/>
      <c r="AT718" s="496"/>
      <c r="AU718" s="487"/>
      <c r="AV718" s="487"/>
      <c r="AW718" s="487"/>
      <c r="AX718" s="487"/>
      <c r="AY718" s="487"/>
      <c r="AZ718" s="487"/>
      <c r="BA718" s="484"/>
      <c r="BB718" s="484"/>
      <c r="BC718" s="484"/>
      <c r="BD718" s="494"/>
      <c r="BE718" s="494"/>
      <c r="BF718" s="613"/>
      <c r="BG718" s="613"/>
      <c r="BH718" s="613"/>
      <c r="BI718" s="613"/>
      <c r="BJ718" s="613"/>
      <c r="BK718" s="613"/>
      <c r="BL718" s="613"/>
      <c r="BM718" s="613"/>
      <c r="BN718" s="613"/>
      <c r="BO718" s="613"/>
      <c r="BP718" s="613"/>
      <c r="BQ718" s="613"/>
      <c r="BR718" s="613"/>
      <c r="BS718" s="613"/>
      <c r="BT718" s="613"/>
      <c r="BU718" s="613"/>
      <c r="BV718" s="613"/>
      <c r="BW718" s="613"/>
      <c r="BX718" s="613"/>
      <c r="BY718" s="613"/>
      <c r="BZ718" s="613"/>
      <c r="CA718" s="613"/>
      <c r="CB718" s="613"/>
      <c r="CC718" s="613"/>
      <c r="CD718" s="613"/>
      <c r="CE718" s="613"/>
      <c r="CF718" s="613"/>
      <c r="CG718" s="613"/>
      <c r="CH718" s="613"/>
      <c r="CI718" s="613"/>
      <c r="CJ718" s="613"/>
      <c r="CK718" s="613"/>
      <c r="CL718" s="613"/>
      <c r="CM718" s="613"/>
      <c r="CN718" s="613"/>
      <c r="CO718" s="613"/>
      <c r="CP718" s="613"/>
      <c r="CQ718" s="613"/>
      <c r="CR718" s="613"/>
      <c r="CS718" s="613"/>
      <c r="CT718" s="613"/>
      <c r="CU718" s="613"/>
      <c r="CV718" s="613"/>
      <c r="CW718" s="613"/>
      <c r="CX718" s="613"/>
      <c r="CY718" s="613"/>
      <c r="CZ718" s="613"/>
      <c r="DA718" s="613"/>
      <c r="DB718" s="613"/>
      <c r="DC718" s="613"/>
      <c r="DD718" s="613"/>
      <c r="DE718" s="613"/>
      <c r="DF718" s="613"/>
      <c r="DG718" s="613"/>
      <c r="DH718" s="613"/>
      <c r="DI718" s="613"/>
      <c r="DJ718" s="613"/>
      <c r="DK718" s="613"/>
      <c r="DL718" s="613"/>
      <c r="DM718" s="613"/>
      <c r="DN718" s="613"/>
      <c r="DO718" s="613"/>
      <c r="DP718" s="613"/>
      <c r="DQ718" s="613"/>
      <c r="DR718" s="613"/>
      <c r="DS718" s="613"/>
      <c r="DT718" s="613"/>
      <c r="DU718" s="613"/>
      <c r="DV718" s="613"/>
      <c r="DW718" s="613"/>
      <c r="DX718" s="613"/>
      <c r="DY718" s="613"/>
      <c r="DZ718" s="613"/>
      <c r="EA718" s="613"/>
      <c r="EB718" s="613"/>
      <c r="EC718" s="613"/>
      <c r="ED718" s="613"/>
      <c r="EE718" s="613"/>
      <c r="EF718" s="613"/>
      <c r="EG718" s="613"/>
      <c r="EH718" s="613"/>
      <c r="EI718" s="613"/>
      <c r="EJ718" s="613"/>
      <c r="EK718" s="613"/>
      <c r="EL718" s="613"/>
      <c r="EM718" s="613"/>
      <c r="EN718" s="613"/>
      <c r="EO718" s="613"/>
      <c r="EP718" s="613"/>
      <c r="EQ718" s="613"/>
      <c r="ER718" s="613"/>
      <c r="ES718" s="613"/>
      <c r="ET718" s="613"/>
      <c r="EU718" s="613"/>
      <c r="EV718" s="613"/>
      <c r="EW718" s="613"/>
      <c r="EX718" s="613"/>
      <c r="EY718" s="613"/>
      <c r="EZ718" s="613"/>
      <c r="FA718" s="613"/>
      <c r="FB718" s="613"/>
      <c r="FC718" s="613"/>
      <c r="FD718" s="613"/>
      <c r="FE718" s="613"/>
      <c r="FF718" s="613"/>
      <c r="FG718" s="613"/>
      <c r="FH718" s="613"/>
      <c r="FI718" s="613"/>
      <c r="FJ718" s="613"/>
      <c r="FK718" s="613"/>
      <c r="FL718" s="613"/>
      <c r="FM718" s="613"/>
      <c r="FN718" s="613"/>
      <c r="FO718" s="613"/>
      <c r="FP718" s="613"/>
      <c r="FQ718" s="613"/>
      <c r="FR718" s="613"/>
      <c r="FS718" s="613"/>
      <c r="FT718" s="613"/>
      <c r="FU718" s="613"/>
      <c r="FV718" s="613"/>
      <c r="FW718" s="613"/>
      <c r="FX718" s="613"/>
      <c r="FY718" s="613"/>
      <c r="FZ718" s="613"/>
      <c r="GA718" s="613"/>
      <c r="GB718" s="613"/>
      <c r="GC718" s="613"/>
      <c r="GD718" s="613"/>
      <c r="GE718" s="613"/>
      <c r="GF718" s="613"/>
      <c r="GG718" s="613"/>
      <c r="GH718" s="613"/>
      <c r="GI718" s="613"/>
      <c r="GJ718" s="613"/>
      <c r="GK718" s="613"/>
      <c r="GL718" s="613"/>
      <c r="GM718" s="613"/>
      <c r="GN718" s="613"/>
      <c r="GO718" s="613"/>
      <c r="GP718" s="613"/>
      <c r="GQ718" s="613"/>
      <c r="GR718" s="613"/>
      <c r="GS718" s="613"/>
      <c r="GT718" s="613"/>
      <c r="GU718" s="613"/>
      <c r="GV718" s="613"/>
      <c r="GW718" s="613"/>
      <c r="GX718" s="613"/>
      <c r="GY718" s="613"/>
      <c r="GZ718" s="613"/>
      <c r="HA718" s="613"/>
      <c r="HB718" s="613"/>
      <c r="HC718" s="613"/>
      <c r="HD718" s="613"/>
      <c r="HE718" s="613"/>
      <c r="HF718" s="613"/>
      <c r="HG718" s="613"/>
      <c r="HH718" s="613"/>
      <c r="HI718" s="613"/>
      <c r="HJ718" s="613"/>
      <c r="HK718" s="613"/>
      <c r="HL718" s="613"/>
      <c r="HM718" s="613"/>
      <c r="HN718" s="613"/>
      <c r="HO718" s="613"/>
      <c r="HP718" s="613"/>
      <c r="HQ718" s="613"/>
      <c r="HR718" s="613"/>
      <c r="HS718" s="613"/>
      <c r="HT718" s="613"/>
      <c r="HU718" s="613"/>
      <c r="HV718" s="613"/>
      <c r="HW718" s="613"/>
      <c r="HX718" s="613"/>
      <c r="HY718" s="613"/>
      <c r="HZ718" s="613"/>
      <c r="IA718" s="613"/>
      <c r="IB718" s="613"/>
      <c r="IC718" s="613"/>
      <c r="ID718" s="613"/>
      <c r="IE718" s="613"/>
      <c r="IF718" s="613"/>
      <c r="IG718" s="613"/>
      <c r="IH718" s="613"/>
      <c r="II718" s="613"/>
      <c r="IJ718" s="613"/>
      <c r="IK718" s="613"/>
      <c r="IL718" s="613"/>
      <c r="IM718" s="613"/>
      <c r="IN718" s="613"/>
      <c r="IO718" s="613"/>
      <c r="IP718" s="613"/>
      <c r="IQ718" s="613"/>
      <c r="IR718" s="613"/>
      <c r="IS718" s="613"/>
      <c r="IT718" s="613"/>
      <c r="IU718" s="613"/>
      <c r="IV718" s="613"/>
      <c r="IW718" s="613"/>
      <c r="IX718" s="613"/>
      <c r="IY718" s="613"/>
      <c r="IZ718" s="613"/>
      <c r="JA718" s="613"/>
      <c r="JB718" s="613"/>
      <c r="JC718" s="613"/>
      <c r="JD718" s="613"/>
      <c r="JE718" s="613"/>
      <c r="JF718" s="613"/>
      <c r="JG718" s="613"/>
      <c r="JH718" s="613"/>
      <c r="JI718" s="613"/>
      <c r="JJ718" s="613"/>
      <c r="JK718" s="613"/>
      <c r="JL718" s="613"/>
      <c r="JM718" s="613"/>
      <c r="JN718" s="613"/>
      <c r="JO718" s="613"/>
      <c r="JP718" s="613"/>
      <c r="JQ718" s="613"/>
      <c r="JR718" s="613"/>
      <c r="JS718" s="613"/>
      <c r="JT718" s="613"/>
      <c r="JU718" s="613"/>
      <c r="JV718" s="613"/>
      <c r="JW718" s="613"/>
      <c r="JX718" s="613"/>
      <c r="JY718" s="613"/>
      <c r="JZ718" s="613"/>
      <c r="KA718" s="613"/>
      <c r="KB718" s="613"/>
      <c r="KC718" s="613"/>
      <c r="KD718" s="613"/>
      <c r="KE718" s="613"/>
      <c r="KF718" s="613"/>
      <c r="KG718" s="613"/>
      <c r="KH718" s="613"/>
      <c r="KI718" s="613"/>
      <c r="KJ718" s="613"/>
      <c r="KK718" s="613"/>
      <c r="KL718" s="613"/>
      <c r="KM718" s="613"/>
      <c r="KN718" s="613"/>
      <c r="KO718" s="613"/>
      <c r="KP718" s="613"/>
      <c r="KQ718" s="613"/>
      <c r="KR718" s="613"/>
      <c r="KS718" s="613"/>
      <c r="KT718" s="613"/>
      <c r="KU718" s="613"/>
      <c r="KV718" s="613"/>
      <c r="KW718" s="613"/>
      <c r="KX718" s="613"/>
      <c r="KY718" s="613"/>
      <c r="KZ718" s="613"/>
      <c r="LA718" s="613"/>
      <c r="LB718" s="613"/>
      <c r="LC718" s="613"/>
      <c r="LD718" s="613"/>
      <c r="LE718" s="613"/>
      <c r="LF718" s="613"/>
      <c r="LG718" s="613"/>
      <c r="LH718" s="613"/>
      <c r="LI718" s="613"/>
      <c r="LJ718" s="613"/>
      <c r="LK718" s="613"/>
      <c r="LL718" s="613"/>
      <c r="LM718" s="613"/>
      <c r="LN718" s="613"/>
      <c r="LO718" s="613"/>
      <c r="LP718" s="613"/>
      <c r="LQ718" s="613"/>
      <c r="LR718" s="613"/>
      <c r="LS718" s="613"/>
      <c r="LT718" s="613"/>
      <c r="LU718" s="613"/>
      <c r="LV718" s="613"/>
      <c r="LW718" s="613"/>
      <c r="LX718" s="613"/>
      <c r="LY718" s="613"/>
      <c r="LZ718" s="613"/>
      <c r="MA718" s="613"/>
      <c r="MB718" s="613"/>
      <c r="MC718" s="613"/>
      <c r="MD718" s="613"/>
      <c r="ME718" s="613"/>
      <c r="MF718" s="613"/>
      <c r="MG718" s="613"/>
      <c r="MH718" s="613"/>
      <c r="MI718" s="613"/>
      <c r="MJ718" s="613"/>
      <c r="MK718" s="613"/>
      <c r="ML718" s="613"/>
      <c r="MM718" s="613"/>
      <c r="MN718" s="613"/>
      <c r="MO718" s="613"/>
      <c r="MP718" s="613"/>
      <c r="MQ718" s="613"/>
      <c r="MR718" s="613"/>
      <c r="MS718" s="613"/>
      <c r="MT718" s="613"/>
      <c r="MU718" s="613"/>
      <c r="MV718" s="613"/>
      <c r="MW718" s="613"/>
      <c r="MX718" s="613"/>
      <c r="MY718" s="613"/>
      <c r="MZ718" s="613"/>
      <c r="NA718" s="613"/>
      <c r="NB718" s="613"/>
      <c r="NC718" s="613"/>
      <c r="ND718" s="613"/>
      <c r="NE718" s="613"/>
      <c r="NF718" s="613"/>
      <c r="NG718" s="613"/>
      <c r="NH718" s="613"/>
      <c r="NI718" s="613"/>
      <c r="NJ718" s="613"/>
      <c r="NK718" s="613"/>
      <c r="NL718" s="613"/>
      <c r="NM718" s="613"/>
      <c r="NN718" s="613"/>
      <c r="NO718" s="613"/>
      <c r="NP718" s="613"/>
      <c r="NQ718" s="613"/>
      <c r="NR718" s="613"/>
      <c r="NS718" s="613"/>
      <c r="NT718" s="613"/>
      <c r="NU718" s="613"/>
      <c r="NV718" s="613"/>
      <c r="NW718" s="613"/>
      <c r="NX718" s="613"/>
      <c r="NY718" s="613"/>
      <c r="NZ718" s="613"/>
      <c r="OA718" s="613"/>
      <c r="OB718" s="613"/>
      <c r="OC718" s="613"/>
      <c r="OD718" s="613"/>
      <c r="OE718" s="613"/>
      <c r="OF718" s="613"/>
      <c r="OG718" s="613"/>
      <c r="OH718" s="613"/>
      <c r="OI718" s="613"/>
      <c r="OJ718" s="613"/>
      <c r="OK718" s="613"/>
      <c r="OL718" s="613"/>
      <c r="OM718" s="613"/>
      <c r="ON718" s="613"/>
      <c r="OO718" s="613"/>
      <c r="OP718" s="613"/>
      <c r="OQ718" s="613"/>
      <c r="OR718" s="613"/>
      <c r="OS718" s="613"/>
      <c r="OT718" s="613"/>
      <c r="OU718" s="613"/>
      <c r="OV718" s="613"/>
      <c r="OW718" s="613"/>
      <c r="OX718" s="613"/>
      <c r="OY718" s="613"/>
      <c r="OZ718" s="613"/>
      <c r="PA718" s="613"/>
      <c r="PB718" s="613"/>
      <c r="PC718" s="613"/>
      <c r="PD718" s="613"/>
      <c r="PE718" s="613"/>
      <c r="PF718" s="613"/>
      <c r="PG718" s="613"/>
      <c r="PH718" s="613"/>
      <c r="PI718" s="613"/>
      <c r="PJ718" s="613"/>
      <c r="PK718" s="613"/>
      <c r="PL718" s="613"/>
      <c r="PM718" s="613"/>
      <c r="PN718" s="613"/>
      <c r="PO718" s="613"/>
      <c r="PP718" s="613"/>
      <c r="PQ718" s="613"/>
      <c r="PR718" s="613"/>
      <c r="PS718" s="613"/>
      <c r="PT718" s="613"/>
      <c r="PU718" s="613"/>
      <c r="PV718" s="613"/>
      <c r="PW718" s="613"/>
      <c r="PX718" s="613"/>
      <c r="PY718" s="613"/>
      <c r="PZ718" s="613"/>
      <c r="QA718" s="613"/>
      <c r="QB718" s="613"/>
      <c r="QC718" s="613"/>
      <c r="QD718" s="613"/>
      <c r="QE718" s="613"/>
      <c r="QF718" s="613"/>
      <c r="QG718" s="613"/>
      <c r="QH718" s="613"/>
      <c r="QI718" s="613"/>
      <c r="QJ718" s="613"/>
      <c r="QK718" s="613"/>
      <c r="QL718" s="613"/>
      <c r="QM718" s="613"/>
      <c r="QN718" s="613"/>
      <c r="QO718" s="613"/>
      <c r="QP718" s="613"/>
      <c r="QQ718" s="613"/>
      <c r="QR718" s="613"/>
      <c r="QS718" s="613"/>
      <c r="QT718" s="613"/>
      <c r="QU718" s="613"/>
      <c r="QV718" s="613"/>
      <c r="QW718" s="613"/>
      <c r="QX718" s="613"/>
      <c r="QY718" s="613"/>
      <c r="QZ718" s="613"/>
      <c r="RA718" s="613"/>
      <c r="RB718" s="613"/>
      <c r="RC718" s="613"/>
      <c r="RD718" s="613"/>
      <c r="RE718" s="613"/>
      <c r="RF718" s="613"/>
      <c r="RG718" s="613"/>
      <c r="RH718" s="613"/>
      <c r="RI718" s="613"/>
      <c r="RJ718" s="613"/>
      <c r="RK718" s="613"/>
      <c r="RL718" s="613"/>
      <c r="RM718" s="613"/>
      <c r="RN718" s="613"/>
      <c r="RO718" s="613"/>
      <c r="RP718" s="613"/>
      <c r="RQ718" s="613"/>
      <c r="RR718" s="613"/>
      <c r="RS718" s="613"/>
      <c r="RT718" s="613"/>
      <c r="RU718" s="613"/>
      <c r="RV718" s="613"/>
      <c r="RW718" s="613"/>
      <c r="RX718" s="613"/>
      <c r="RY718" s="613"/>
      <c r="RZ718" s="613"/>
      <c r="SA718" s="613"/>
      <c r="SB718" s="613"/>
      <c r="SC718" s="613"/>
      <c r="SD718" s="613"/>
      <c r="SE718" s="613"/>
      <c r="SF718" s="613"/>
      <c r="SG718" s="613"/>
      <c r="SH718" s="613"/>
      <c r="SI718" s="613"/>
      <c r="SJ718" s="613"/>
      <c r="SK718" s="613"/>
      <c r="SL718" s="613"/>
      <c r="SM718" s="613"/>
      <c r="SN718" s="613"/>
      <c r="SO718" s="613"/>
      <c r="SP718" s="613"/>
      <c r="SQ718" s="613"/>
      <c r="SR718" s="613"/>
      <c r="SS718" s="613"/>
      <c r="ST718" s="613"/>
      <c r="SU718" s="613"/>
      <c r="SV718" s="613"/>
      <c r="SW718" s="613"/>
      <c r="SX718" s="613"/>
      <c r="SY718" s="613"/>
      <c r="SZ718" s="613"/>
      <c r="TA718" s="613"/>
      <c r="TB718" s="613"/>
      <c r="TC718" s="613"/>
      <c r="TD718" s="613"/>
      <c r="TE718" s="613"/>
      <c r="TF718" s="613"/>
      <c r="TG718" s="613"/>
      <c r="TH718" s="613"/>
      <c r="TI718" s="613"/>
      <c r="TJ718" s="613"/>
      <c r="TK718" s="613"/>
      <c r="TL718" s="613"/>
      <c r="TM718" s="613"/>
      <c r="TN718" s="613"/>
      <c r="TO718" s="613"/>
      <c r="TP718" s="613"/>
      <c r="TQ718" s="613"/>
      <c r="TR718" s="613"/>
      <c r="TS718" s="613"/>
      <c r="TT718" s="613"/>
      <c r="TU718" s="613"/>
      <c r="TV718" s="613"/>
      <c r="TW718" s="613"/>
      <c r="TX718" s="613"/>
      <c r="TY718" s="613"/>
      <c r="TZ718" s="613"/>
      <c r="UA718" s="613"/>
      <c r="UB718" s="613"/>
      <c r="UC718" s="613"/>
      <c r="UD718" s="613"/>
      <c r="UE718" s="613"/>
      <c r="UF718" s="613"/>
      <c r="UG718" s="613"/>
      <c r="UH718" s="613"/>
      <c r="UI718" s="613"/>
      <c r="UJ718" s="613"/>
      <c r="UK718" s="613"/>
      <c r="UL718" s="613"/>
      <c r="UM718" s="613"/>
      <c r="UN718" s="613"/>
      <c r="UO718" s="613"/>
      <c r="UP718" s="613"/>
      <c r="UQ718" s="613"/>
      <c r="UR718" s="613"/>
      <c r="US718" s="613"/>
      <c r="UT718" s="613"/>
      <c r="UU718" s="613"/>
      <c r="UV718" s="613"/>
      <c r="UW718" s="613"/>
      <c r="UX718" s="613"/>
      <c r="UY718" s="613"/>
      <c r="UZ718" s="613"/>
      <c r="VA718" s="613"/>
      <c r="VB718" s="613"/>
      <c r="VC718" s="613"/>
      <c r="VD718" s="613"/>
      <c r="VE718" s="613"/>
      <c r="VF718" s="613"/>
      <c r="VG718" s="613"/>
      <c r="VH718" s="613"/>
      <c r="VI718" s="613"/>
      <c r="VJ718" s="613"/>
      <c r="VK718" s="613"/>
      <c r="VL718" s="613"/>
      <c r="VM718" s="613"/>
      <c r="VN718" s="613"/>
      <c r="VO718" s="613"/>
      <c r="VP718" s="613"/>
      <c r="VQ718" s="613"/>
      <c r="VR718" s="613"/>
      <c r="VS718" s="613"/>
      <c r="VT718" s="613"/>
      <c r="VU718" s="613"/>
      <c r="VV718" s="613"/>
      <c r="VW718" s="613"/>
      <c r="VX718" s="613"/>
      <c r="VY718" s="613"/>
      <c r="VZ718" s="613"/>
      <c r="WA718" s="613"/>
      <c r="WB718" s="613"/>
      <c r="WC718" s="613"/>
      <c r="WD718" s="613"/>
      <c r="WE718" s="613"/>
      <c r="WF718" s="613"/>
      <c r="WG718" s="613"/>
      <c r="WH718" s="613"/>
      <c r="WI718" s="613"/>
      <c r="WJ718" s="613"/>
      <c r="WK718" s="613"/>
      <c r="WL718" s="613"/>
      <c r="WM718" s="613"/>
      <c r="WN718" s="613"/>
      <c r="WO718" s="613"/>
      <c r="WP718" s="613"/>
      <c r="WQ718" s="613"/>
      <c r="WR718" s="613"/>
      <c r="WS718" s="613"/>
      <c r="WT718" s="613"/>
      <c r="WU718" s="613"/>
      <c r="WV718" s="613"/>
      <c r="WW718" s="613"/>
      <c r="WX718" s="613"/>
      <c r="WY718" s="613"/>
      <c r="WZ718" s="613"/>
      <c r="XA718" s="613"/>
      <c r="XB718" s="613"/>
      <c r="XC718" s="613"/>
      <c r="XD718" s="613"/>
      <c r="XE718" s="613"/>
      <c r="XF718" s="613"/>
      <c r="XG718" s="613"/>
      <c r="XH718" s="613"/>
      <c r="XI718" s="613"/>
      <c r="XJ718" s="613"/>
      <c r="XK718" s="613"/>
      <c r="XL718" s="613"/>
      <c r="XM718" s="613"/>
      <c r="XN718" s="613"/>
      <c r="XO718" s="613"/>
      <c r="XP718" s="613"/>
      <c r="XQ718" s="613"/>
      <c r="XR718" s="613"/>
      <c r="XS718" s="613"/>
      <c r="XT718" s="613"/>
      <c r="XU718" s="613"/>
      <c r="XV718" s="613"/>
      <c r="XW718" s="613"/>
      <c r="XX718" s="613"/>
      <c r="XY718" s="613"/>
      <c r="XZ718" s="613"/>
      <c r="YA718" s="613"/>
      <c r="YB718" s="613"/>
      <c r="YC718" s="613"/>
      <c r="YD718" s="613"/>
      <c r="YE718" s="613"/>
      <c r="YF718" s="613"/>
      <c r="YG718" s="613"/>
      <c r="YH718" s="613"/>
      <c r="YI718" s="613"/>
      <c r="YJ718" s="613"/>
      <c r="YK718" s="613"/>
      <c r="YL718" s="613"/>
      <c r="YM718" s="613"/>
      <c r="YN718" s="613"/>
      <c r="YO718" s="613"/>
      <c r="YP718" s="613"/>
      <c r="YQ718" s="613"/>
      <c r="YR718" s="613"/>
      <c r="YS718" s="613"/>
      <c r="YT718" s="613"/>
      <c r="YU718" s="613"/>
      <c r="YV718" s="613"/>
      <c r="YW718" s="613"/>
      <c r="YX718" s="613"/>
      <c r="YY718" s="613"/>
      <c r="YZ718" s="613"/>
      <c r="ZA718" s="613"/>
      <c r="ZB718" s="613"/>
      <c r="ZC718" s="613"/>
      <c r="ZD718" s="613"/>
      <c r="ZE718" s="613"/>
      <c r="ZF718" s="613"/>
      <c r="ZG718" s="613"/>
      <c r="ZH718" s="613"/>
      <c r="ZI718" s="613"/>
      <c r="ZJ718" s="613"/>
      <c r="ZK718" s="613"/>
      <c r="ZL718" s="613"/>
      <c r="ZM718" s="613"/>
      <c r="ZN718" s="613"/>
      <c r="ZO718" s="613"/>
      <c r="ZP718" s="613"/>
      <c r="ZQ718" s="613"/>
      <c r="ZR718" s="613"/>
      <c r="ZS718" s="613"/>
      <c r="ZT718" s="613"/>
      <c r="ZU718" s="613"/>
      <c r="ZV718" s="613"/>
      <c r="ZW718" s="613"/>
      <c r="ZX718" s="613"/>
      <c r="ZY718" s="613"/>
      <c r="ZZ718" s="613"/>
      <c r="AAA718" s="613"/>
      <c r="AAB718" s="613"/>
      <c r="AAC718" s="613"/>
      <c r="AAD718" s="613"/>
      <c r="AAE718" s="613"/>
      <c r="AAF718" s="613"/>
      <c r="AAG718" s="613"/>
      <c r="AAH718" s="613"/>
      <c r="AAI718" s="613"/>
      <c r="AAJ718" s="613"/>
      <c r="AAK718" s="613"/>
      <c r="AAL718" s="613"/>
      <c r="AAM718" s="613"/>
      <c r="AAN718" s="613"/>
      <c r="AAO718" s="613"/>
      <c r="AAP718" s="613"/>
      <c r="AAQ718" s="613"/>
      <c r="AAR718" s="613"/>
      <c r="AAS718" s="613"/>
      <c r="AAT718" s="613"/>
      <c r="AAU718" s="613"/>
      <c r="AAV718" s="613"/>
      <c r="AAW718" s="613"/>
      <c r="AAX718" s="613"/>
      <c r="AAY718" s="613"/>
      <c r="AAZ718" s="613"/>
      <c r="ABA718" s="613"/>
      <c r="ABB718" s="613"/>
      <c r="ABC718" s="613"/>
      <c r="ABD718" s="613"/>
      <c r="ABE718" s="613"/>
      <c r="ABF718" s="613"/>
      <c r="ABG718" s="613"/>
      <c r="ABH718" s="613"/>
      <c r="ABI718" s="613"/>
      <c r="ABJ718" s="613"/>
      <c r="ABK718" s="613"/>
      <c r="ABL718" s="613"/>
      <c r="ABM718" s="613"/>
      <c r="ABN718" s="613"/>
      <c r="ABO718" s="613"/>
      <c r="ABP718" s="613"/>
      <c r="ABQ718" s="613"/>
      <c r="ABR718" s="613"/>
      <c r="ABS718" s="613"/>
      <c r="ABT718" s="613"/>
      <c r="ABU718" s="613"/>
      <c r="ABV718" s="613"/>
      <c r="ABW718" s="613"/>
      <c r="ABX718" s="613"/>
      <c r="ABY718" s="613"/>
      <c r="ABZ718" s="613"/>
      <c r="ACA718" s="613"/>
      <c r="ACB718" s="613"/>
      <c r="ACC718" s="613"/>
      <c r="ACD718" s="613"/>
      <c r="ACE718" s="613"/>
      <c r="ACF718" s="613"/>
      <c r="ACG718" s="613"/>
      <c r="ACH718" s="613"/>
      <c r="ACI718" s="613"/>
      <c r="ACJ718" s="613"/>
      <c r="ACK718" s="613"/>
      <c r="ACL718" s="613"/>
      <c r="ACM718" s="613"/>
      <c r="ACN718" s="613"/>
      <c r="ACO718" s="613"/>
      <c r="ACP718" s="613"/>
      <c r="ACQ718" s="613"/>
      <c r="ACR718" s="613"/>
      <c r="ACS718" s="613"/>
      <c r="ACT718" s="613"/>
      <c r="ACU718" s="613"/>
      <c r="ACV718" s="613"/>
      <c r="ACW718" s="613"/>
      <c r="ACX718" s="613"/>
      <c r="ACY718" s="613"/>
      <c r="ACZ718" s="613"/>
      <c r="ADA718" s="613"/>
      <c r="ADB718" s="613"/>
      <c r="ADC718" s="613"/>
      <c r="ADD718" s="613"/>
      <c r="ADE718" s="613"/>
      <c r="ADF718" s="613"/>
      <c r="ADG718" s="613"/>
      <c r="ADH718" s="613"/>
      <c r="ADI718" s="613"/>
      <c r="ADJ718" s="613"/>
      <c r="ADK718" s="613"/>
      <c r="ADL718" s="613"/>
      <c r="ADM718" s="613"/>
      <c r="ADN718" s="613"/>
      <c r="ADO718" s="613"/>
      <c r="ADP718" s="613"/>
      <c r="ADQ718" s="613"/>
      <c r="ADR718" s="613"/>
      <c r="ADS718" s="613"/>
      <c r="ADT718" s="613"/>
      <c r="ADU718" s="613"/>
      <c r="ADV718" s="613"/>
      <c r="ADW718" s="613"/>
      <c r="ADX718" s="613"/>
      <c r="ADY718" s="613"/>
      <c r="ADZ718" s="613"/>
      <c r="AEA718" s="613"/>
      <c r="AEB718" s="613"/>
      <c r="AEC718" s="613"/>
      <c r="AED718" s="613"/>
      <c r="AEE718" s="613"/>
      <c r="AEF718" s="613"/>
      <c r="AEG718" s="613"/>
      <c r="AEH718" s="613"/>
      <c r="AEI718" s="613"/>
      <c r="AEJ718" s="613"/>
      <c r="AEK718" s="613"/>
      <c r="AEL718" s="613"/>
      <c r="AEM718" s="613"/>
      <c r="AEN718" s="613"/>
      <c r="AEO718" s="613"/>
      <c r="AEP718" s="613"/>
      <c r="AEQ718" s="613"/>
      <c r="AER718" s="613"/>
      <c r="AES718" s="613"/>
      <c r="AET718" s="613"/>
      <c r="AEU718" s="613"/>
      <c r="AEV718" s="613"/>
      <c r="AEW718" s="613"/>
      <c r="AEX718" s="613"/>
      <c r="AEY718" s="613"/>
      <c r="AEZ718" s="613"/>
      <c r="AFA718" s="613"/>
      <c r="AFB718" s="613"/>
      <c r="AFC718" s="613"/>
      <c r="AFD718" s="613"/>
      <c r="AFE718" s="613"/>
      <c r="AFF718" s="613"/>
      <c r="AFG718" s="613"/>
      <c r="AFH718" s="613"/>
      <c r="AFI718" s="613"/>
      <c r="AFJ718" s="613"/>
      <c r="AFK718" s="613"/>
      <c r="AFL718" s="613"/>
      <c r="AFM718" s="613"/>
      <c r="AFN718" s="613"/>
      <c r="AFO718" s="613"/>
      <c r="AFP718" s="613"/>
      <c r="AFQ718" s="613"/>
      <c r="AFR718" s="613"/>
      <c r="AFS718" s="613"/>
      <c r="AFT718" s="613"/>
      <c r="AFU718" s="613"/>
      <c r="AFV718" s="613"/>
      <c r="AFW718" s="613"/>
      <c r="AFX718" s="613"/>
      <c r="AFY718" s="613"/>
      <c r="AFZ718" s="613"/>
      <c r="AGA718" s="613"/>
      <c r="AGB718" s="613"/>
      <c r="AGC718" s="613"/>
      <c r="AGD718" s="613"/>
      <c r="AGE718" s="613"/>
      <c r="AGF718" s="613"/>
      <c r="AGG718" s="613"/>
      <c r="AGH718" s="613"/>
      <c r="AGI718" s="613"/>
      <c r="AGJ718" s="613"/>
      <c r="AGK718" s="613"/>
      <c r="AGL718" s="613"/>
      <c r="AGM718" s="613"/>
      <c r="AGN718" s="613"/>
      <c r="AGO718" s="613"/>
      <c r="AGP718" s="613"/>
      <c r="AGQ718" s="613"/>
      <c r="AGR718" s="613"/>
      <c r="AGS718" s="613"/>
      <c r="AGT718" s="613"/>
      <c r="AGU718" s="613"/>
      <c r="AGV718" s="613"/>
      <c r="AGW718" s="613"/>
      <c r="AGX718" s="613"/>
      <c r="AGY718" s="613"/>
      <c r="AGZ718" s="613"/>
      <c r="AHA718" s="613"/>
      <c r="AHB718" s="613"/>
      <c r="AHC718" s="613"/>
      <c r="AHD718" s="613"/>
      <c r="AHE718" s="613"/>
      <c r="AHF718" s="613"/>
      <c r="AHG718" s="613"/>
      <c r="AHH718" s="613"/>
      <c r="AHI718" s="613"/>
      <c r="AHJ718" s="613"/>
      <c r="AHK718" s="613"/>
      <c r="AHL718" s="613"/>
      <c r="AHM718" s="613"/>
      <c r="AHN718" s="613"/>
      <c r="AHO718" s="613"/>
      <c r="AHP718" s="613"/>
      <c r="AHQ718" s="613"/>
      <c r="AHR718" s="613"/>
      <c r="AHS718" s="613"/>
      <c r="AHT718" s="613"/>
      <c r="AHU718" s="613"/>
      <c r="AHV718" s="613"/>
      <c r="AHW718" s="613"/>
      <c r="AHX718" s="613"/>
      <c r="AHY718" s="613"/>
      <c r="AHZ718" s="613"/>
      <c r="AIA718" s="613"/>
      <c r="AIB718" s="613"/>
      <c r="AIC718" s="613"/>
      <c r="AID718" s="613"/>
      <c r="AIE718" s="613"/>
      <c r="AIF718" s="613"/>
      <c r="AIG718" s="613"/>
      <c r="AIH718" s="613"/>
      <c r="AII718" s="613"/>
      <c r="AIJ718" s="613"/>
      <c r="AIK718" s="613"/>
      <c r="AIL718" s="613"/>
      <c r="AIM718" s="613"/>
      <c r="AIN718" s="613"/>
      <c r="AIO718" s="613"/>
      <c r="AIP718" s="613"/>
      <c r="AIQ718" s="613"/>
      <c r="AIR718" s="613"/>
      <c r="AIS718" s="613"/>
      <c r="AIT718" s="613"/>
      <c r="AIU718" s="613"/>
      <c r="AIV718" s="613"/>
      <c r="AIW718" s="613"/>
      <c r="AIX718" s="613"/>
      <c r="AIY718" s="613"/>
      <c r="AIZ718" s="613"/>
      <c r="AJA718" s="613"/>
      <c r="AJB718" s="613"/>
      <c r="AJC718" s="613"/>
      <c r="AJD718" s="613"/>
      <c r="AJE718" s="613"/>
      <c r="AJF718" s="613"/>
      <c r="AJG718" s="613"/>
      <c r="AJH718" s="613"/>
      <c r="AJI718" s="613"/>
      <c r="AJJ718" s="613"/>
      <c r="AJK718" s="613"/>
      <c r="AJL718" s="613"/>
      <c r="AJM718" s="613"/>
      <c r="AJN718" s="613"/>
      <c r="AJO718" s="613"/>
      <c r="AJP718" s="613"/>
      <c r="AJQ718" s="613"/>
      <c r="AJR718" s="613"/>
      <c r="AJS718" s="613"/>
      <c r="AJT718" s="613"/>
      <c r="AJU718" s="613"/>
      <c r="AJV718" s="613"/>
      <c r="AJW718" s="613"/>
      <c r="AJX718" s="613"/>
      <c r="AJY718" s="613"/>
      <c r="AJZ718" s="613"/>
      <c r="AKA718" s="613"/>
      <c r="AKB718" s="613"/>
      <c r="AKC718" s="613"/>
      <c r="AKD718" s="613"/>
      <c r="AKE718" s="613"/>
      <c r="AKF718" s="613"/>
      <c r="AKG718" s="613"/>
      <c r="AKH718" s="613"/>
      <c r="AKI718" s="613"/>
      <c r="AKJ718" s="613"/>
      <c r="AKK718" s="613"/>
      <c r="AKL718" s="613"/>
      <c r="AKM718" s="613"/>
      <c r="AKN718" s="613"/>
      <c r="AKO718" s="613"/>
      <c r="AKP718" s="613"/>
      <c r="AKQ718" s="613"/>
      <c r="AKR718" s="613"/>
      <c r="AKS718" s="613"/>
      <c r="AKT718" s="613"/>
      <c r="AKU718" s="613"/>
      <c r="AKV718" s="613"/>
      <c r="AKW718" s="613"/>
      <c r="AKX718" s="613"/>
      <c r="AKY718" s="613"/>
      <c r="AKZ718" s="613"/>
      <c r="ALA718" s="613"/>
      <c r="ALB718" s="613"/>
      <c r="ALC718" s="613"/>
      <c r="ALD718" s="613"/>
      <c r="ALE718" s="613"/>
      <c r="ALF718" s="613"/>
      <c r="ALG718" s="613"/>
      <c r="ALH718" s="613"/>
      <c r="ALI718" s="613"/>
      <c r="ALJ718" s="613"/>
      <c r="ALK718" s="613"/>
      <c r="ALL718" s="613"/>
      <c r="ALM718" s="613"/>
      <c r="ALN718" s="613"/>
      <c r="ALO718" s="613"/>
      <c r="ALP718" s="613"/>
      <c r="ALQ718" s="613"/>
      <c r="ALR718" s="613"/>
      <c r="ALS718" s="613"/>
      <c r="ALT718" s="613"/>
      <c r="ALU718" s="613"/>
      <c r="ALV718" s="613"/>
      <c r="ALW718" s="613"/>
      <c r="ALX718" s="613"/>
      <c r="ALY718" s="613"/>
      <c r="ALZ718" s="613"/>
      <c r="AMA718" s="613"/>
      <c r="AMB718" s="613"/>
      <c r="AMC718" s="613"/>
      <c r="AMD718" s="613"/>
      <c r="AME718" s="613"/>
      <c r="AMF718" s="613"/>
      <c r="AMG718" s="613"/>
      <c r="AMH718" s="613"/>
      <c r="AMI718" s="613"/>
      <c r="AMJ718" s="613"/>
      <c r="AMK718" s="613"/>
      <c r="AML718" s="613"/>
      <c r="AMM718" s="613"/>
      <c r="AMN718" s="613"/>
      <c r="AMO718" s="613"/>
      <c r="AMP718" s="613"/>
      <c r="AMQ718" s="613"/>
      <c r="AMR718" s="613"/>
      <c r="AMS718" s="613"/>
      <c r="AMT718" s="613"/>
      <c r="AMU718" s="613"/>
      <c r="AMV718" s="613"/>
      <c r="AMW718" s="613"/>
      <c r="AMX718" s="613"/>
      <c r="AMY718" s="613"/>
      <c r="AMZ718" s="613"/>
      <c r="ANA718" s="613"/>
      <c r="ANB718" s="613"/>
      <c r="ANC718" s="613"/>
      <c r="AND718" s="613"/>
      <c r="ANE718" s="613"/>
      <c r="ANF718" s="613"/>
      <c r="ANG718" s="613"/>
      <c r="ANH718" s="613"/>
      <c r="ANI718" s="613"/>
      <c r="ANJ718" s="613"/>
      <c r="ANK718" s="613"/>
      <c r="ANL718" s="613"/>
      <c r="ANM718" s="613"/>
      <c r="ANN718" s="613"/>
      <c r="ANO718" s="613"/>
      <c r="ANP718" s="613"/>
      <c r="ANQ718" s="613"/>
      <c r="ANR718" s="613"/>
      <c r="ANS718" s="613"/>
      <c r="ANT718" s="613"/>
      <c r="ANU718" s="613"/>
      <c r="ANV718" s="613"/>
      <c r="ANW718" s="613"/>
      <c r="ANX718" s="613"/>
      <c r="ANY718" s="613"/>
      <c r="ANZ718" s="613"/>
      <c r="AOA718" s="613"/>
      <c r="AOB718" s="613"/>
      <c r="AOC718" s="613"/>
      <c r="AOD718" s="613"/>
      <c r="AOE718" s="613"/>
      <c r="AOF718" s="613"/>
      <c r="AOG718" s="613"/>
      <c r="AOH718" s="613"/>
      <c r="AOI718" s="613"/>
      <c r="AOJ718" s="613"/>
      <c r="AOK718" s="613"/>
      <c r="AOL718" s="613"/>
      <c r="AOM718" s="613"/>
      <c r="AON718" s="613"/>
      <c r="AOO718" s="613"/>
      <c r="AOP718" s="613"/>
      <c r="AOQ718" s="613"/>
      <c r="AOR718" s="613"/>
      <c r="AOS718" s="613"/>
      <c r="AOT718" s="613"/>
      <c r="AOU718" s="613"/>
      <c r="AOV718" s="613"/>
      <c r="AOW718" s="613"/>
      <c r="AOX718" s="613"/>
      <c r="AOY718" s="613"/>
      <c r="AOZ718" s="613"/>
      <c r="APA718" s="613"/>
      <c r="APB718" s="613"/>
      <c r="APC718" s="613"/>
      <c r="APD718" s="613"/>
      <c r="APE718" s="613"/>
      <c r="APF718" s="613"/>
      <c r="APG718" s="613"/>
      <c r="APH718" s="613"/>
      <c r="API718" s="613"/>
      <c r="APJ718" s="613"/>
      <c r="APK718" s="613"/>
      <c r="APL718" s="613"/>
      <c r="APM718" s="613"/>
      <c r="APN718" s="613"/>
      <c r="APO718" s="613"/>
      <c r="APP718" s="613"/>
      <c r="APQ718" s="613"/>
      <c r="APR718" s="613"/>
      <c r="APS718" s="613"/>
      <c r="APT718" s="613"/>
      <c r="APU718" s="613"/>
      <c r="APV718" s="613"/>
      <c r="APW718" s="613"/>
      <c r="APX718" s="613"/>
      <c r="APY718" s="613"/>
      <c r="APZ718" s="613"/>
      <c r="AQA718" s="613"/>
      <c r="AQB718" s="613"/>
      <c r="AQC718" s="613"/>
      <c r="AQD718" s="613"/>
      <c r="AQE718" s="613"/>
      <c r="AQF718" s="613"/>
      <c r="AQG718" s="613"/>
      <c r="AQH718" s="613"/>
      <c r="AQI718" s="613"/>
      <c r="AQJ718" s="613"/>
      <c r="AQK718" s="613"/>
      <c r="AQL718" s="613"/>
      <c r="AQM718" s="613"/>
      <c r="AQN718" s="613"/>
      <c r="AQO718" s="613"/>
      <c r="AQP718" s="613"/>
      <c r="AQQ718" s="613"/>
      <c r="AQR718" s="613"/>
      <c r="AQS718" s="613"/>
      <c r="AQT718" s="613"/>
      <c r="AQU718" s="613"/>
      <c r="AQV718" s="613"/>
      <c r="AQW718" s="613"/>
      <c r="AQX718" s="613"/>
      <c r="AQY718" s="613"/>
      <c r="AQZ718" s="613"/>
      <c r="ARA718" s="613"/>
      <c r="ARB718" s="613"/>
      <c r="ARC718" s="613"/>
      <c r="ARD718" s="613"/>
      <c r="ARE718" s="613"/>
      <c r="ARF718" s="613"/>
      <c r="ARG718" s="613"/>
      <c r="ARH718" s="613"/>
      <c r="ARI718" s="613"/>
      <c r="ARJ718" s="613"/>
      <c r="ARK718" s="613"/>
      <c r="ARL718" s="613"/>
      <c r="ARM718" s="613"/>
      <c r="ARN718" s="613"/>
      <c r="ARO718" s="613"/>
      <c r="ARP718" s="613"/>
      <c r="ARQ718" s="613"/>
      <c r="ARR718" s="613"/>
      <c r="ARS718" s="613"/>
      <c r="ART718" s="613"/>
      <c r="ARU718" s="613"/>
      <c r="ARV718" s="613"/>
      <c r="ARW718" s="613"/>
      <c r="ARX718" s="613"/>
      <c r="ARY718" s="613"/>
      <c r="ARZ718" s="613"/>
      <c r="ASA718" s="613"/>
      <c r="ASB718" s="613"/>
      <c r="ASC718" s="613"/>
      <c r="ASD718" s="613"/>
      <c r="ASE718" s="613"/>
      <c r="ASF718" s="613"/>
      <c r="ASG718" s="613"/>
      <c r="ASH718" s="613"/>
      <c r="ASI718" s="613"/>
      <c r="ASJ718" s="613"/>
      <c r="ASK718" s="613"/>
      <c r="ASL718" s="613"/>
      <c r="ASM718" s="613"/>
      <c r="ASN718" s="613"/>
      <c r="ASO718" s="613"/>
      <c r="ASP718" s="613"/>
      <c r="ASQ718" s="613"/>
      <c r="ASR718" s="613"/>
      <c r="ASS718" s="613"/>
      <c r="AST718" s="613"/>
      <c r="ASU718" s="613"/>
      <c r="ASV718" s="613"/>
      <c r="ASW718" s="613"/>
      <c r="ASX718" s="613"/>
      <c r="ASY718" s="613"/>
      <c r="ASZ718" s="613"/>
      <c r="ATA718" s="613"/>
      <c r="ATB718" s="613"/>
      <c r="ATC718" s="613"/>
      <c r="ATD718" s="613"/>
      <c r="ATE718" s="613"/>
      <c r="ATF718" s="613"/>
      <c r="ATG718" s="613"/>
      <c r="ATH718" s="613"/>
      <c r="ATI718" s="613"/>
      <c r="ATJ718" s="613"/>
      <c r="ATK718" s="613"/>
      <c r="ATL718" s="613"/>
      <c r="ATM718" s="613"/>
      <c r="ATN718" s="613"/>
      <c r="ATO718" s="613"/>
      <c r="ATP718" s="613"/>
      <c r="ATQ718" s="613"/>
      <c r="ATR718" s="613"/>
      <c r="ATS718" s="613"/>
      <c r="ATT718" s="613"/>
      <c r="ATU718" s="613"/>
      <c r="ATV718" s="613"/>
      <c r="ATW718" s="613"/>
      <c r="ATX718" s="613"/>
      <c r="ATY718" s="613"/>
      <c r="ATZ718" s="613"/>
      <c r="AUA718" s="613"/>
      <c r="AUB718" s="613"/>
      <c r="AUC718" s="613"/>
      <c r="AUD718" s="613"/>
      <c r="AUE718" s="613"/>
      <c r="AUF718" s="613"/>
      <c r="AUG718" s="613"/>
      <c r="AUH718" s="613"/>
      <c r="AUI718" s="613"/>
      <c r="AUJ718" s="613"/>
      <c r="AUK718" s="613"/>
      <c r="AUL718" s="613"/>
      <c r="AUM718" s="613"/>
      <c r="AUN718" s="613"/>
      <c r="AUO718" s="613"/>
      <c r="AUP718" s="613"/>
      <c r="AUQ718" s="613"/>
      <c r="AUR718" s="613"/>
      <c r="AUS718" s="613"/>
      <c r="AUT718" s="613"/>
      <c r="AUU718" s="613"/>
      <c r="AUV718" s="613"/>
      <c r="AUW718" s="613"/>
      <c r="AUX718" s="613"/>
      <c r="AUY718" s="613"/>
      <c r="AUZ718" s="613"/>
      <c r="AVA718" s="613"/>
      <c r="AVB718" s="613"/>
      <c r="AVC718" s="613"/>
      <c r="AVD718" s="613"/>
      <c r="AVE718" s="613"/>
      <c r="AVF718" s="613"/>
      <c r="AVG718" s="613"/>
      <c r="AVH718" s="613"/>
      <c r="AVI718" s="613"/>
      <c r="AVJ718" s="613"/>
      <c r="AVK718" s="613"/>
      <c r="AVL718" s="613"/>
      <c r="AVM718" s="613"/>
      <c r="AVN718" s="613"/>
      <c r="AVO718" s="613"/>
      <c r="AVP718" s="613"/>
      <c r="AVQ718" s="613"/>
      <c r="AVR718" s="613"/>
      <c r="AVS718" s="613"/>
      <c r="AVT718" s="613"/>
      <c r="AVU718" s="613"/>
      <c r="AVV718" s="613"/>
      <c r="AVW718" s="613"/>
      <c r="AVX718" s="613"/>
      <c r="AVY718" s="613"/>
      <c r="AVZ718" s="613"/>
      <c r="AWA718" s="613"/>
      <c r="AWB718" s="613"/>
      <c r="AWC718" s="613"/>
      <c r="AWD718" s="613"/>
      <c r="AWE718" s="613"/>
      <c r="AWF718" s="613"/>
      <c r="AWG718" s="613"/>
      <c r="AWH718" s="613"/>
      <c r="AWI718" s="613"/>
      <c r="AWJ718" s="613"/>
      <c r="AWK718" s="613"/>
      <c r="AWL718" s="613"/>
      <c r="AWM718" s="613"/>
      <c r="AWN718" s="613"/>
      <c r="AWO718" s="613"/>
      <c r="AWP718" s="613"/>
      <c r="AWQ718" s="613"/>
      <c r="AWR718" s="613"/>
      <c r="AWS718" s="613"/>
      <c r="AWT718" s="613"/>
      <c r="AWU718" s="613"/>
      <c r="AWV718" s="613"/>
      <c r="AWW718" s="613"/>
      <c r="AWX718" s="613"/>
      <c r="AWY718" s="613"/>
      <c r="AWZ718" s="613"/>
      <c r="AXA718" s="613"/>
      <c r="AXB718" s="613"/>
      <c r="AXC718" s="613"/>
      <c r="AXD718" s="613"/>
      <c r="AXE718" s="613"/>
      <c r="AXF718" s="613"/>
      <c r="AXG718" s="613"/>
      <c r="AXH718" s="613"/>
      <c r="AXI718" s="613"/>
      <c r="AXJ718" s="613"/>
      <c r="AXK718" s="613"/>
      <c r="AXL718" s="613"/>
      <c r="AXM718" s="613"/>
      <c r="AXN718" s="613"/>
      <c r="AXO718" s="613"/>
      <c r="AXP718" s="613"/>
      <c r="AXQ718" s="613"/>
      <c r="AXR718" s="613"/>
      <c r="AXS718" s="613"/>
      <c r="AXT718" s="613"/>
      <c r="AXU718" s="613"/>
      <c r="AXV718" s="613"/>
      <c r="AXW718" s="613"/>
      <c r="AXX718" s="613"/>
      <c r="AXY718" s="613"/>
      <c r="AXZ718" s="613"/>
      <c r="AYA718" s="613"/>
      <c r="AYB718" s="613"/>
      <c r="AYC718" s="613"/>
      <c r="AYD718" s="613"/>
      <c r="AYE718" s="613"/>
      <c r="AYF718" s="613"/>
      <c r="AYG718" s="613"/>
      <c r="AYH718" s="613"/>
      <c r="AYI718" s="613"/>
      <c r="AYJ718" s="613"/>
      <c r="AYK718" s="613"/>
      <c r="AYL718" s="613"/>
      <c r="AYM718" s="613"/>
      <c r="AYN718" s="613"/>
      <c r="AYO718" s="613"/>
      <c r="AYP718" s="613"/>
      <c r="AYQ718" s="613"/>
      <c r="AYR718" s="613"/>
      <c r="AYS718" s="613"/>
      <c r="AYT718" s="613"/>
      <c r="AYU718" s="613"/>
      <c r="AYV718" s="613"/>
      <c r="AYW718" s="613"/>
      <c r="AYX718" s="613"/>
      <c r="AYY718" s="613"/>
      <c r="AYZ718" s="613"/>
      <c r="AZA718" s="613"/>
      <c r="AZB718" s="613"/>
      <c r="AZC718" s="613"/>
      <c r="AZD718" s="613"/>
      <c r="AZE718" s="613"/>
      <c r="AZF718" s="613"/>
      <c r="AZG718" s="613"/>
      <c r="AZH718" s="613"/>
      <c r="AZI718" s="613"/>
      <c r="AZJ718" s="613"/>
      <c r="AZK718" s="613"/>
      <c r="AZL718" s="613"/>
      <c r="AZM718" s="613"/>
      <c r="AZN718" s="613"/>
      <c r="AZO718" s="613"/>
      <c r="AZP718" s="613"/>
      <c r="AZQ718" s="613"/>
      <c r="AZR718" s="613"/>
      <c r="AZS718" s="613"/>
      <c r="AZT718" s="613"/>
      <c r="AZU718" s="613"/>
      <c r="AZV718" s="613"/>
      <c r="AZW718" s="613"/>
      <c r="AZX718" s="613"/>
      <c r="AZY718" s="613"/>
      <c r="AZZ718" s="613"/>
      <c r="BAA718" s="613"/>
      <c r="BAB718" s="613"/>
      <c r="BAC718" s="613"/>
      <c r="BAD718" s="613"/>
      <c r="BAE718" s="613"/>
      <c r="BAF718" s="613"/>
      <c r="BAG718" s="613"/>
      <c r="BAH718" s="613"/>
      <c r="BAI718" s="613"/>
      <c r="BAJ718" s="613"/>
      <c r="BAK718" s="613"/>
      <c r="BAL718" s="613"/>
      <c r="BAM718" s="613"/>
      <c r="BAN718" s="613"/>
      <c r="BAO718" s="613"/>
      <c r="BAP718" s="613"/>
      <c r="BAQ718" s="613"/>
      <c r="BAR718" s="613"/>
      <c r="BAS718" s="613"/>
      <c r="BAT718" s="613"/>
      <c r="BAU718" s="613"/>
      <c r="BAV718" s="613"/>
      <c r="BAW718" s="613"/>
      <c r="BAX718" s="613"/>
      <c r="BAY718" s="613"/>
      <c r="BAZ718" s="613"/>
      <c r="BBA718" s="613"/>
      <c r="BBB718" s="613"/>
      <c r="BBC718" s="613"/>
      <c r="BBD718" s="613"/>
      <c r="BBE718" s="613"/>
      <c r="BBF718" s="613"/>
      <c r="BBG718" s="613"/>
      <c r="BBH718" s="613"/>
      <c r="BBI718" s="613"/>
      <c r="BBJ718" s="613"/>
      <c r="BBK718" s="613"/>
      <c r="BBL718" s="613"/>
      <c r="BBM718" s="613"/>
      <c r="BBN718" s="613"/>
      <c r="BBO718" s="613"/>
      <c r="BBP718" s="613"/>
      <c r="BBQ718" s="613"/>
      <c r="BBR718" s="613"/>
      <c r="BBS718" s="613"/>
      <c r="BBT718" s="613"/>
      <c r="BBU718" s="613"/>
      <c r="BBV718" s="613"/>
      <c r="BBW718" s="613"/>
      <c r="BBX718" s="613"/>
      <c r="BBY718" s="613"/>
      <c r="BBZ718" s="613"/>
      <c r="BCA718" s="613"/>
      <c r="BCB718" s="613"/>
      <c r="BCC718" s="613"/>
      <c r="BCD718" s="613"/>
      <c r="BCE718" s="613"/>
      <c r="BCF718" s="613"/>
      <c r="BCG718" s="613"/>
      <c r="BCH718" s="613"/>
      <c r="BCI718" s="613"/>
      <c r="BCJ718" s="613"/>
      <c r="BCK718" s="613"/>
      <c r="BCL718" s="613"/>
      <c r="BCM718" s="613"/>
      <c r="BCN718" s="613"/>
      <c r="BCO718" s="613"/>
      <c r="BCP718" s="613"/>
      <c r="BCQ718" s="613"/>
      <c r="BCR718" s="613"/>
      <c r="BCS718" s="613"/>
      <c r="BCT718" s="613"/>
      <c r="BCU718" s="613"/>
      <c r="BCV718" s="613"/>
      <c r="BCW718" s="613"/>
      <c r="BCX718" s="613"/>
      <c r="BCY718" s="613"/>
      <c r="BCZ718" s="613"/>
      <c r="BDA718" s="613"/>
      <c r="BDB718" s="613"/>
      <c r="BDC718" s="613"/>
      <c r="BDD718" s="613"/>
      <c r="BDE718" s="613"/>
      <c r="BDF718" s="613"/>
      <c r="BDG718" s="613"/>
      <c r="BDH718" s="613"/>
      <c r="BDI718" s="613"/>
      <c r="BDJ718" s="613"/>
      <c r="BDK718" s="613"/>
      <c r="BDL718" s="613"/>
      <c r="BDM718" s="613"/>
      <c r="BDN718" s="613"/>
      <c r="BDO718" s="613"/>
      <c r="BDP718" s="613"/>
      <c r="BDQ718" s="613"/>
      <c r="BDR718" s="613"/>
      <c r="BDS718" s="613"/>
      <c r="BDT718" s="613"/>
      <c r="BDU718" s="613"/>
      <c r="BDV718" s="613"/>
      <c r="BDW718" s="613"/>
      <c r="BDX718" s="613"/>
      <c r="BDY718" s="613"/>
      <c r="BDZ718" s="613"/>
      <c r="BEA718" s="613"/>
      <c r="BEB718" s="613"/>
      <c r="BEC718" s="613"/>
      <c r="BED718" s="613"/>
      <c r="BEE718" s="613"/>
      <c r="BEF718" s="613"/>
      <c r="BEG718" s="613"/>
      <c r="BEH718" s="613"/>
      <c r="BEI718" s="613"/>
      <c r="BEJ718" s="613"/>
      <c r="BEK718" s="613"/>
      <c r="BEL718" s="613"/>
      <c r="BEM718" s="613"/>
      <c r="BEN718" s="613"/>
      <c r="BEO718" s="613"/>
      <c r="BEP718" s="613"/>
      <c r="BEQ718" s="613"/>
      <c r="BER718" s="613"/>
      <c r="BES718" s="613"/>
      <c r="BET718" s="613"/>
      <c r="BEU718" s="613"/>
      <c r="BEV718" s="613"/>
      <c r="BEW718" s="613"/>
      <c r="BEX718" s="613"/>
      <c r="BEY718" s="613"/>
      <c r="BEZ718" s="613"/>
      <c r="BFA718" s="613"/>
      <c r="BFB718" s="613"/>
      <c r="BFC718" s="613"/>
      <c r="BFD718" s="613"/>
      <c r="BFE718" s="613"/>
      <c r="BFF718" s="613"/>
      <c r="BFG718" s="613"/>
      <c r="BFH718" s="613"/>
      <c r="BFI718" s="613"/>
      <c r="BFJ718" s="613"/>
      <c r="BFK718" s="613"/>
      <c r="BFL718" s="613"/>
      <c r="BFM718" s="613"/>
      <c r="BFN718" s="613"/>
      <c r="BFO718" s="613"/>
      <c r="BFP718" s="613"/>
      <c r="BFQ718" s="613"/>
      <c r="BFR718" s="613"/>
      <c r="BFS718" s="613"/>
      <c r="BFT718" s="613"/>
      <c r="BFU718" s="613"/>
      <c r="BFV718" s="613"/>
      <c r="BFW718" s="613"/>
      <c r="BFX718" s="613"/>
      <c r="BFY718" s="613"/>
      <c r="BFZ718" s="613"/>
      <c r="BGA718" s="613"/>
      <c r="BGB718" s="613"/>
      <c r="BGC718" s="613"/>
      <c r="BGD718" s="613"/>
      <c r="BGE718" s="613"/>
      <c r="BGF718" s="613"/>
      <c r="BGG718" s="613"/>
      <c r="BGH718" s="613"/>
      <c r="BGI718" s="613"/>
      <c r="BGJ718" s="613"/>
      <c r="BGK718" s="613"/>
      <c r="BGL718" s="613"/>
      <c r="BGM718" s="613"/>
      <c r="BGN718" s="613"/>
      <c r="BGO718" s="613"/>
      <c r="BGP718" s="613"/>
      <c r="BGQ718" s="613"/>
      <c r="BGR718" s="613"/>
      <c r="BGS718" s="613"/>
      <c r="BGT718" s="613"/>
      <c r="BGU718" s="613"/>
      <c r="BGV718" s="613"/>
      <c r="BGW718" s="613"/>
      <c r="BGX718" s="613"/>
      <c r="BGY718" s="613"/>
      <c r="BGZ718" s="613"/>
      <c r="BHA718" s="613"/>
      <c r="BHB718" s="613"/>
      <c r="BHC718" s="613"/>
      <c r="BHD718" s="613"/>
      <c r="BHE718" s="613"/>
      <c r="BHF718" s="613"/>
      <c r="BHG718" s="613"/>
      <c r="BHH718" s="613"/>
      <c r="BHI718" s="613"/>
      <c r="BHJ718" s="613"/>
      <c r="BHK718" s="613"/>
      <c r="BHL718" s="613"/>
      <c r="BHM718" s="613"/>
      <c r="BHN718" s="613"/>
      <c r="BHO718" s="613"/>
      <c r="BHP718" s="613"/>
      <c r="BHQ718" s="613"/>
      <c r="BHR718" s="613"/>
      <c r="BHS718" s="613"/>
      <c r="BHT718" s="613"/>
      <c r="BHU718" s="613"/>
      <c r="BHV718" s="613"/>
      <c r="BHW718" s="613"/>
      <c r="BHX718" s="613"/>
      <c r="BHY718" s="613"/>
      <c r="BHZ718" s="613"/>
      <c r="BIA718" s="613"/>
      <c r="BIB718" s="613"/>
      <c r="BIC718" s="613"/>
      <c r="BID718" s="613"/>
      <c r="BIE718" s="613"/>
      <c r="BIF718" s="613"/>
      <c r="BIG718" s="613"/>
      <c r="BIH718" s="613"/>
      <c r="BII718" s="613"/>
      <c r="BIJ718" s="613"/>
      <c r="BIK718" s="613"/>
      <c r="BIL718" s="613"/>
      <c r="BIM718" s="613"/>
      <c r="BIN718" s="613"/>
      <c r="BIO718" s="613"/>
      <c r="BIP718" s="613"/>
      <c r="BIQ718" s="613"/>
      <c r="BIR718" s="613"/>
      <c r="BIS718" s="613"/>
      <c r="BIT718" s="613"/>
      <c r="BIU718" s="613"/>
      <c r="BIV718" s="613"/>
      <c r="BIW718" s="613"/>
      <c r="BIX718" s="613"/>
      <c r="BIY718" s="613"/>
      <c r="BIZ718" s="613"/>
      <c r="BJA718" s="613"/>
      <c r="BJB718" s="613"/>
      <c r="BJC718" s="613"/>
      <c r="BJD718" s="613"/>
      <c r="BJE718" s="613"/>
      <c r="BJF718" s="613"/>
      <c r="BJG718" s="613"/>
      <c r="BJH718" s="613"/>
      <c r="BJI718" s="613"/>
      <c r="BJJ718" s="613"/>
      <c r="BJK718" s="613"/>
      <c r="BJL718" s="613"/>
      <c r="BJM718" s="613"/>
      <c r="BJN718" s="613"/>
      <c r="BJO718" s="613"/>
      <c r="BJP718" s="613"/>
      <c r="BJQ718" s="613"/>
      <c r="BJR718" s="613"/>
      <c r="BJS718" s="613"/>
      <c r="BJT718" s="613"/>
      <c r="BJU718" s="613"/>
      <c r="BJV718" s="613"/>
      <c r="BJW718" s="613"/>
      <c r="BJX718" s="613"/>
      <c r="BJY718" s="613"/>
      <c r="BJZ718" s="613"/>
      <c r="BKA718" s="613"/>
      <c r="BKB718" s="613"/>
      <c r="BKC718" s="613"/>
      <c r="BKD718" s="613"/>
      <c r="BKE718" s="613"/>
      <c r="BKF718" s="613"/>
      <c r="BKG718" s="613"/>
      <c r="BKH718" s="613"/>
      <c r="BKI718" s="613"/>
      <c r="BKJ718" s="613"/>
      <c r="BKK718" s="613"/>
      <c r="BKL718" s="613"/>
      <c r="BKM718" s="613"/>
      <c r="BKN718" s="613"/>
      <c r="BKO718" s="613"/>
      <c r="BKP718" s="613"/>
      <c r="BKQ718" s="613"/>
      <c r="BKR718" s="613"/>
      <c r="BKS718" s="613"/>
      <c r="BKT718" s="613"/>
      <c r="BKU718" s="613"/>
      <c r="BKV718" s="613"/>
      <c r="BKW718" s="613"/>
      <c r="BKX718" s="613"/>
      <c r="BKY718" s="613"/>
      <c r="BKZ718" s="613"/>
      <c r="BLA718" s="613"/>
      <c r="BLB718" s="613"/>
      <c r="BLC718" s="613"/>
      <c r="BLD718" s="613"/>
      <c r="BLE718" s="613"/>
      <c r="BLF718" s="613"/>
      <c r="BLG718" s="613"/>
      <c r="BLH718" s="613"/>
      <c r="BLI718" s="613"/>
      <c r="BLJ718" s="613"/>
      <c r="BLK718" s="613"/>
      <c r="BLL718" s="613"/>
      <c r="BLM718" s="613"/>
      <c r="BLN718" s="613"/>
      <c r="BLO718" s="613"/>
      <c r="BLP718" s="613"/>
      <c r="BLQ718" s="613"/>
      <c r="BLR718" s="613"/>
      <c r="BLS718" s="613"/>
      <c r="BLT718" s="613"/>
      <c r="BLU718" s="613"/>
      <c r="BLV718" s="613"/>
      <c r="BLW718" s="613"/>
      <c r="BLX718" s="613"/>
      <c r="BLY718" s="613"/>
      <c r="BLZ718" s="613"/>
      <c r="BMA718" s="613"/>
      <c r="BMB718" s="613"/>
      <c r="BMC718" s="613"/>
      <c r="BMD718" s="613"/>
      <c r="BME718" s="613"/>
      <c r="BMF718" s="613"/>
      <c r="BMG718" s="613"/>
      <c r="BMH718" s="613"/>
      <c r="BMI718" s="613"/>
      <c r="BMJ718" s="613"/>
      <c r="BMK718" s="613"/>
      <c r="BML718" s="613"/>
      <c r="BMM718" s="613"/>
      <c r="BMN718" s="613"/>
      <c r="BMO718" s="613"/>
      <c r="BMP718" s="613"/>
      <c r="BMQ718" s="613"/>
      <c r="BMR718" s="613"/>
      <c r="BMS718" s="613"/>
      <c r="BMT718" s="613"/>
      <c r="BMU718" s="613"/>
      <c r="BMV718" s="613"/>
      <c r="BMW718" s="613"/>
      <c r="BMX718" s="613"/>
      <c r="BMY718" s="613"/>
      <c r="BMZ718" s="613"/>
      <c r="BNA718" s="613"/>
      <c r="BNB718" s="613"/>
      <c r="BNC718" s="613"/>
      <c r="BND718" s="613"/>
      <c r="BNE718" s="613"/>
      <c r="BNF718" s="613"/>
      <c r="BNG718" s="613"/>
      <c r="BNH718" s="613"/>
      <c r="BNI718" s="613"/>
      <c r="BNJ718" s="613"/>
      <c r="BNK718" s="613"/>
      <c r="BNL718" s="613"/>
      <c r="BNM718" s="613"/>
      <c r="BNN718" s="613"/>
      <c r="BNO718" s="613"/>
      <c r="BNP718" s="613"/>
      <c r="BNQ718" s="613"/>
      <c r="BNR718" s="613"/>
      <c r="BNS718" s="613"/>
      <c r="BNT718" s="613"/>
      <c r="BNU718" s="613"/>
      <c r="BNV718" s="613"/>
      <c r="BNW718" s="613"/>
      <c r="BNX718" s="613"/>
      <c r="BNY718" s="613"/>
      <c r="BNZ718" s="613"/>
      <c r="BOA718" s="613"/>
      <c r="BOB718" s="613"/>
      <c r="BOC718" s="613"/>
      <c r="BOD718" s="613"/>
      <c r="BOE718" s="613"/>
      <c r="BOF718" s="613"/>
      <c r="BOG718" s="613"/>
      <c r="BOH718" s="613"/>
      <c r="BOI718" s="613"/>
      <c r="BOJ718" s="613"/>
      <c r="BOK718" s="613"/>
      <c r="BOL718" s="613"/>
      <c r="BOM718" s="613"/>
      <c r="BON718" s="613"/>
      <c r="BOO718" s="613"/>
      <c r="BOP718" s="613"/>
      <c r="BOQ718" s="613"/>
      <c r="BOR718" s="613"/>
      <c r="BOS718" s="613"/>
      <c r="BOT718" s="613"/>
      <c r="BOU718" s="613"/>
      <c r="BOV718" s="613"/>
      <c r="BOW718" s="613"/>
      <c r="BOX718" s="613"/>
      <c r="BOY718" s="613"/>
      <c r="BOZ718" s="613"/>
      <c r="BPA718" s="613"/>
      <c r="BPB718" s="613"/>
      <c r="BPC718" s="613"/>
      <c r="BPD718" s="613"/>
      <c r="BPE718" s="613"/>
      <c r="BPF718" s="613"/>
      <c r="BPG718" s="613"/>
      <c r="BPH718" s="613"/>
      <c r="BPI718" s="613"/>
      <c r="BPJ718" s="613"/>
      <c r="BPK718" s="613"/>
      <c r="BPL718" s="613"/>
      <c r="BPM718" s="613"/>
      <c r="BPN718" s="613"/>
      <c r="BPO718" s="613"/>
      <c r="BPP718" s="613"/>
      <c r="BPQ718" s="613"/>
      <c r="BPR718" s="613"/>
      <c r="BPS718" s="613"/>
      <c r="BPT718" s="613"/>
      <c r="BPU718" s="613"/>
      <c r="BPV718" s="613"/>
      <c r="BPW718" s="613"/>
      <c r="BPX718" s="613"/>
      <c r="BPY718" s="613"/>
      <c r="BPZ718" s="613"/>
      <c r="BQA718" s="613"/>
      <c r="BQB718" s="613"/>
      <c r="BQC718" s="613"/>
      <c r="BQD718" s="613"/>
      <c r="BQE718" s="613"/>
      <c r="BQF718" s="613"/>
      <c r="BQG718" s="613"/>
      <c r="BQH718" s="613"/>
      <c r="BQI718" s="613"/>
      <c r="BQJ718" s="613"/>
      <c r="BQK718" s="613"/>
      <c r="BQL718" s="613"/>
      <c r="BQM718" s="613"/>
      <c r="BQN718" s="613"/>
      <c r="BQO718" s="613"/>
      <c r="BQP718" s="613"/>
      <c r="BQQ718" s="613"/>
      <c r="BQR718" s="613"/>
      <c r="BQS718" s="613"/>
      <c r="BQT718" s="613"/>
      <c r="BQU718" s="613"/>
      <c r="BQV718" s="613"/>
      <c r="BQW718" s="613"/>
      <c r="BQX718" s="613"/>
      <c r="BQY718" s="613"/>
      <c r="BQZ718" s="613"/>
      <c r="BRA718" s="613"/>
      <c r="BRB718" s="613"/>
      <c r="BRC718" s="613"/>
      <c r="BRD718" s="613"/>
      <c r="BRE718" s="613"/>
      <c r="BRF718" s="613"/>
      <c r="BRG718" s="613"/>
      <c r="BRH718" s="613"/>
      <c r="BRI718" s="613"/>
      <c r="BRJ718" s="613"/>
      <c r="BRK718" s="613"/>
      <c r="BRL718" s="613"/>
      <c r="BRM718" s="613"/>
      <c r="BRN718" s="613"/>
      <c r="BRO718" s="613"/>
      <c r="BRP718" s="613"/>
      <c r="BRQ718" s="613"/>
      <c r="BRR718" s="613"/>
      <c r="BRS718" s="613"/>
      <c r="BRT718" s="613"/>
      <c r="BRU718" s="613"/>
      <c r="BRV718" s="613"/>
      <c r="BRW718" s="613"/>
      <c r="BRX718" s="613"/>
      <c r="BRY718" s="613"/>
      <c r="BRZ718" s="613"/>
      <c r="BSA718" s="613"/>
      <c r="BSB718" s="613"/>
      <c r="BSC718" s="613"/>
      <c r="BSD718" s="613"/>
      <c r="BSE718" s="613"/>
      <c r="BSF718" s="613"/>
      <c r="BSG718" s="613"/>
      <c r="BSH718" s="613"/>
      <c r="BSI718" s="613"/>
      <c r="BSJ718" s="613"/>
      <c r="BSK718" s="613"/>
      <c r="BSL718" s="613"/>
      <c r="BSM718" s="613"/>
      <c r="BSN718" s="613"/>
      <c r="BSO718" s="613"/>
      <c r="BSP718" s="613"/>
      <c r="BSQ718" s="613"/>
      <c r="BSR718" s="613"/>
      <c r="BSS718" s="613"/>
      <c r="BST718" s="613"/>
      <c r="BSU718" s="613"/>
      <c r="BSV718" s="613"/>
      <c r="BSW718" s="613"/>
      <c r="BSX718" s="613"/>
      <c r="BSY718" s="613"/>
      <c r="BSZ718" s="613"/>
      <c r="BTA718" s="613"/>
      <c r="BTB718" s="613"/>
      <c r="BTC718" s="613"/>
      <c r="BTD718" s="613"/>
      <c r="BTE718" s="613"/>
      <c r="BTF718" s="613"/>
      <c r="BTG718" s="613"/>
      <c r="BTH718" s="613"/>
      <c r="BTI718" s="613"/>
      <c r="BTJ718" s="613"/>
      <c r="BTK718" s="613"/>
      <c r="BTL718" s="613"/>
      <c r="BTM718" s="613"/>
      <c r="BTN718" s="613"/>
      <c r="BTO718" s="613"/>
      <c r="BTP718" s="613"/>
      <c r="BTQ718" s="613"/>
      <c r="BTR718" s="613"/>
      <c r="BTS718" s="613"/>
      <c r="BTT718" s="613"/>
      <c r="BTU718" s="613"/>
      <c r="BTV718" s="613"/>
      <c r="BTW718" s="613"/>
      <c r="BTX718" s="613"/>
      <c r="BTY718" s="613"/>
      <c r="BTZ718" s="613"/>
      <c r="BUA718" s="613"/>
      <c r="BUB718" s="613"/>
      <c r="BUC718" s="613"/>
      <c r="BUD718" s="613"/>
      <c r="BUE718" s="613"/>
      <c r="BUF718" s="613"/>
      <c r="BUG718" s="613"/>
      <c r="BUH718" s="613"/>
      <c r="BUI718" s="613"/>
      <c r="BUJ718" s="613"/>
      <c r="BUK718" s="613"/>
      <c r="BUL718" s="613"/>
      <c r="BUM718" s="613"/>
      <c r="BUN718" s="613"/>
      <c r="BUO718" s="613"/>
      <c r="BUP718" s="613"/>
      <c r="BUQ718" s="613"/>
      <c r="BUR718" s="613"/>
      <c r="BUS718" s="613"/>
      <c r="BUT718" s="613"/>
      <c r="BUU718" s="613"/>
      <c r="BUV718" s="613"/>
      <c r="BUW718" s="613"/>
      <c r="BUX718" s="613"/>
      <c r="BUY718" s="613"/>
      <c r="BUZ718" s="613"/>
      <c r="BVA718" s="613"/>
      <c r="BVB718" s="613"/>
      <c r="BVC718" s="613"/>
      <c r="BVD718" s="613"/>
      <c r="BVE718" s="613"/>
      <c r="BVF718" s="613"/>
      <c r="BVG718" s="613"/>
      <c r="BVH718" s="613"/>
      <c r="BVI718" s="613"/>
      <c r="BVJ718" s="613"/>
      <c r="BVK718" s="613"/>
      <c r="BVL718" s="613"/>
      <c r="BVM718" s="613"/>
      <c r="BVN718" s="613"/>
      <c r="BVO718" s="613"/>
      <c r="BVP718" s="613"/>
      <c r="BVQ718" s="613"/>
      <c r="BVR718" s="613"/>
      <c r="BVS718" s="613"/>
      <c r="BVT718" s="613"/>
      <c r="BVU718" s="613"/>
      <c r="BVV718" s="613"/>
      <c r="BVW718" s="613"/>
      <c r="BVX718" s="613"/>
      <c r="BVY718" s="613"/>
      <c r="BVZ718" s="613"/>
      <c r="BWA718" s="613"/>
      <c r="BWB718" s="613"/>
      <c r="BWC718" s="613"/>
      <c r="BWD718" s="613"/>
      <c r="BWE718" s="613"/>
      <c r="BWF718" s="613"/>
      <c r="BWG718" s="613"/>
      <c r="BWH718" s="613"/>
      <c r="BWI718" s="613"/>
      <c r="BWJ718" s="613"/>
      <c r="BWK718" s="613"/>
      <c r="BWL718" s="613"/>
      <c r="BWM718" s="613"/>
      <c r="BWN718" s="613"/>
      <c r="BWO718" s="613"/>
      <c r="BWP718" s="613"/>
      <c r="BWQ718" s="613"/>
      <c r="BWR718" s="613"/>
      <c r="BWS718" s="613"/>
      <c r="BWT718" s="613"/>
      <c r="BWU718" s="613"/>
      <c r="BWV718" s="613"/>
      <c r="BWW718" s="613"/>
      <c r="BWX718" s="613"/>
      <c r="BWY718" s="613"/>
      <c r="BWZ718" s="613"/>
      <c r="BXA718" s="613"/>
      <c r="BXB718" s="613"/>
      <c r="BXC718" s="613"/>
      <c r="BXD718" s="613"/>
      <c r="BXE718" s="613"/>
      <c r="BXF718" s="613"/>
      <c r="BXG718" s="613"/>
      <c r="BXH718" s="613"/>
      <c r="BXI718" s="613"/>
      <c r="BXJ718" s="613"/>
      <c r="BXK718" s="613"/>
      <c r="BXL718" s="613"/>
      <c r="BXM718" s="613"/>
      <c r="BXN718" s="613"/>
      <c r="BXO718" s="613"/>
      <c r="BXP718" s="613"/>
      <c r="BXQ718" s="613"/>
      <c r="BXR718" s="613"/>
      <c r="BXS718" s="613"/>
      <c r="BXT718" s="613"/>
      <c r="BXU718" s="613"/>
      <c r="BXV718" s="613"/>
      <c r="BXW718" s="613"/>
      <c r="BXX718" s="613"/>
      <c r="BXY718" s="613"/>
      <c r="BXZ718" s="613"/>
      <c r="BYA718" s="613"/>
      <c r="BYB718" s="613"/>
      <c r="BYC718" s="613"/>
      <c r="BYD718" s="613"/>
      <c r="BYE718" s="613"/>
      <c r="BYF718" s="613"/>
      <c r="BYG718" s="613"/>
      <c r="BYH718" s="613"/>
      <c r="BYI718" s="613"/>
      <c r="BYJ718" s="613"/>
      <c r="BYK718" s="613"/>
      <c r="BYL718" s="613"/>
      <c r="BYM718" s="613"/>
      <c r="BYN718" s="613"/>
      <c r="BYO718" s="613"/>
      <c r="BYP718" s="613"/>
      <c r="BYQ718" s="613"/>
      <c r="BYR718" s="613"/>
      <c r="BYS718" s="613"/>
      <c r="BYT718" s="613"/>
      <c r="BYU718" s="613"/>
      <c r="BYV718" s="613"/>
      <c r="BYW718" s="613"/>
      <c r="BYX718" s="613"/>
      <c r="BYY718" s="613"/>
      <c r="BYZ718" s="613"/>
      <c r="BZA718" s="613"/>
      <c r="BZB718" s="613"/>
      <c r="BZC718" s="613"/>
      <c r="BZD718" s="613"/>
      <c r="BZE718" s="613"/>
      <c r="BZF718" s="613"/>
      <c r="BZG718" s="613"/>
      <c r="BZH718" s="613"/>
      <c r="BZI718" s="613"/>
      <c r="BZJ718" s="613"/>
      <c r="BZK718" s="613"/>
      <c r="BZL718" s="613"/>
      <c r="BZM718" s="613"/>
      <c r="BZN718" s="613"/>
      <c r="BZO718" s="613"/>
      <c r="BZP718" s="613"/>
      <c r="BZQ718" s="613"/>
      <c r="BZR718" s="613"/>
      <c r="BZS718" s="613"/>
      <c r="BZT718" s="613"/>
      <c r="BZU718" s="613"/>
      <c r="BZV718" s="613"/>
      <c r="BZW718" s="613"/>
      <c r="BZX718" s="613"/>
      <c r="BZY718" s="613"/>
      <c r="BZZ718" s="613"/>
      <c r="CAA718" s="613"/>
      <c r="CAB718" s="613"/>
      <c r="CAC718" s="613"/>
      <c r="CAD718" s="613"/>
      <c r="CAE718" s="613"/>
      <c r="CAF718" s="613"/>
      <c r="CAG718" s="613"/>
      <c r="CAH718" s="613"/>
      <c r="CAI718" s="613"/>
      <c r="CAJ718" s="613"/>
      <c r="CAK718" s="613"/>
      <c r="CAL718" s="613"/>
      <c r="CAM718" s="613"/>
      <c r="CAN718" s="613"/>
      <c r="CAO718" s="613"/>
      <c r="CAP718" s="613"/>
      <c r="CAQ718" s="613"/>
      <c r="CAR718" s="613"/>
      <c r="CAS718" s="613"/>
      <c r="CAT718" s="613"/>
      <c r="CAU718" s="613"/>
      <c r="CAV718" s="613"/>
      <c r="CAW718" s="613"/>
      <c r="CAX718" s="613"/>
      <c r="CAY718" s="613"/>
      <c r="CAZ718" s="613"/>
      <c r="CBA718" s="613"/>
      <c r="CBB718" s="613"/>
      <c r="CBC718" s="613"/>
      <c r="CBD718" s="613"/>
      <c r="CBE718" s="613"/>
      <c r="CBF718" s="613"/>
      <c r="CBG718" s="613"/>
      <c r="CBH718" s="613"/>
      <c r="CBI718" s="613"/>
      <c r="CBJ718" s="613"/>
      <c r="CBK718" s="613"/>
      <c r="CBL718" s="613"/>
      <c r="CBM718" s="613"/>
      <c r="CBN718" s="613"/>
      <c r="CBO718" s="613"/>
      <c r="CBP718" s="613"/>
      <c r="CBQ718" s="613"/>
      <c r="CBR718" s="613"/>
      <c r="CBS718" s="613"/>
      <c r="CBT718" s="613"/>
      <c r="CBU718" s="613"/>
      <c r="CBV718" s="613"/>
      <c r="CBW718" s="613"/>
      <c r="CBX718" s="613"/>
      <c r="CBY718" s="613"/>
      <c r="CBZ718" s="613"/>
      <c r="CCA718" s="613"/>
      <c r="CCB718" s="613"/>
      <c r="CCC718" s="613"/>
      <c r="CCD718" s="613"/>
      <c r="CCE718" s="613"/>
      <c r="CCF718" s="613"/>
      <c r="CCG718" s="613"/>
      <c r="CCH718" s="613"/>
      <c r="CCI718" s="613"/>
      <c r="CCJ718" s="613"/>
      <c r="CCK718" s="613"/>
      <c r="CCL718" s="613"/>
      <c r="CCM718" s="613"/>
      <c r="CCN718" s="613"/>
      <c r="CCO718" s="613"/>
      <c r="CCP718" s="613"/>
      <c r="CCQ718" s="613"/>
      <c r="CCR718" s="613"/>
      <c r="CCS718" s="613"/>
      <c r="CCT718" s="613"/>
      <c r="CCU718" s="613"/>
      <c r="CCV718" s="613"/>
      <c r="CCW718" s="613"/>
      <c r="CCX718" s="613"/>
      <c r="CCY718" s="613"/>
      <c r="CCZ718" s="613"/>
      <c r="CDA718" s="613"/>
      <c r="CDB718" s="613"/>
      <c r="CDC718" s="613"/>
      <c r="CDD718" s="613"/>
      <c r="CDE718" s="613"/>
      <c r="CDF718" s="613"/>
      <c r="CDG718" s="613"/>
      <c r="CDH718" s="613"/>
      <c r="CDI718" s="613"/>
      <c r="CDJ718" s="613"/>
      <c r="CDK718" s="613"/>
      <c r="CDL718" s="613"/>
      <c r="CDM718" s="613"/>
      <c r="CDN718" s="613"/>
      <c r="CDO718" s="613"/>
      <c r="CDP718" s="613"/>
      <c r="CDQ718" s="613"/>
      <c r="CDR718" s="613"/>
      <c r="CDS718" s="613"/>
      <c r="CDT718" s="613"/>
      <c r="CDU718" s="613"/>
      <c r="CDV718" s="613"/>
      <c r="CDW718" s="613"/>
      <c r="CDX718" s="613"/>
      <c r="CDY718" s="613"/>
      <c r="CDZ718" s="613"/>
      <c r="CEA718" s="613"/>
      <c r="CEB718" s="613"/>
      <c r="CEC718" s="613"/>
      <c r="CED718" s="613"/>
      <c r="CEE718" s="613"/>
      <c r="CEF718" s="613"/>
      <c r="CEG718" s="613"/>
      <c r="CEH718" s="613"/>
      <c r="CEI718" s="613"/>
      <c r="CEJ718" s="613"/>
      <c r="CEK718" s="613"/>
      <c r="CEL718" s="613"/>
      <c r="CEM718" s="613"/>
      <c r="CEN718" s="613"/>
      <c r="CEO718" s="613"/>
      <c r="CEP718" s="613"/>
      <c r="CEQ718" s="613"/>
      <c r="CER718" s="613"/>
      <c r="CES718" s="613"/>
      <c r="CET718" s="613"/>
      <c r="CEU718" s="613"/>
      <c r="CEV718" s="613"/>
      <c r="CEW718" s="613"/>
      <c r="CEX718" s="613"/>
      <c r="CEY718" s="613"/>
      <c r="CEZ718" s="613"/>
      <c r="CFA718" s="613"/>
      <c r="CFB718" s="613"/>
      <c r="CFC718" s="613"/>
      <c r="CFD718" s="613"/>
      <c r="CFE718" s="613"/>
      <c r="CFF718" s="613"/>
      <c r="CFG718" s="613"/>
      <c r="CFH718" s="613"/>
      <c r="CFI718" s="613"/>
      <c r="CFJ718" s="613"/>
      <c r="CFK718" s="613"/>
      <c r="CFL718" s="613"/>
      <c r="CFM718" s="613"/>
      <c r="CFN718" s="613"/>
      <c r="CFO718" s="613"/>
      <c r="CFP718" s="613"/>
      <c r="CFQ718" s="613"/>
      <c r="CFR718" s="613"/>
      <c r="CFS718" s="613"/>
      <c r="CFT718" s="613"/>
      <c r="CFU718" s="613"/>
      <c r="CFV718" s="613"/>
      <c r="CFW718" s="613"/>
      <c r="CFX718" s="613"/>
      <c r="CFY718" s="613"/>
      <c r="CFZ718" s="613"/>
      <c r="CGA718" s="613"/>
      <c r="CGB718" s="613"/>
      <c r="CGC718" s="613"/>
      <c r="CGD718" s="613"/>
      <c r="CGE718" s="613"/>
      <c r="CGF718" s="613"/>
      <c r="CGG718" s="613"/>
      <c r="CGH718" s="613"/>
      <c r="CGI718" s="613"/>
      <c r="CGJ718" s="613"/>
      <c r="CGK718" s="613"/>
      <c r="CGL718" s="613"/>
      <c r="CGM718" s="613"/>
      <c r="CGN718" s="613"/>
      <c r="CGO718" s="613"/>
      <c r="CGP718" s="613"/>
      <c r="CGQ718" s="613"/>
      <c r="CGR718" s="613"/>
      <c r="CGS718" s="613"/>
      <c r="CGT718" s="613"/>
      <c r="CGU718" s="613"/>
      <c r="CGV718" s="613"/>
      <c r="CGW718" s="613"/>
      <c r="CGX718" s="613"/>
      <c r="CGY718" s="613"/>
      <c r="CGZ718" s="613"/>
      <c r="CHA718" s="613"/>
      <c r="CHB718" s="613"/>
      <c r="CHC718" s="613"/>
      <c r="CHD718" s="613"/>
      <c r="CHE718" s="613"/>
      <c r="CHF718" s="613"/>
      <c r="CHG718" s="613"/>
      <c r="CHH718" s="613"/>
      <c r="CHI718" s="613"/>
      <c r="CHJ718" s="613"/>
      <c r="CHK718" s="613"/>
      <c r="CHL718" s="613"/>
      <c r="CHM718" s="613"/>
      <c r="CHN718" s="613"/>
      <c r="CHO718" s="613"/>
      <c r="CHP718" s="613"/>
      <c r="CHQ718" s="613"/>
      <c r="CHR718" s="613"/>
      <c r="CHS718" s="613"/>
      <c r="CHT718" s="613"/>
      <c r="CHU718" s="613"/>
      <c r="CHV718" s="613"/>
      <c r="CHW718" s="613"/>
      <c r="CHX718" s="613"/>
      <c r="CHY718" s="613"/>
      <c r="CHZ718" s="613"/>
      <c r="CIA718" s="613"/>
      <c r="CIB718" s="613"/>
      <c r="CIC718" s="613"/>
      <c r="CID718" s="613"/>
      <c r="CIE718" s="613"/>
      <c r="CIF718" s="613"/>
      <c r="CIG718" s="613"/>
      <c r="CIH718" s="613"/>
      <c r="CII718" s="613"/>
      <c r="CIJ718" s="613"/>
      <c r="CIK718" s="613"/>
      <c r="CIL718" s="613"/>
      <c r="CIM718" s="613"/>
      <c r="CIN718" s="613"/>
      <c r="CIO718" s="613"/>
      <c r="CIP718" s="613"/>
      <c r="CIQ718" s="613"/>
      <c r="CIR718" s="613"/>
      <c r="CIS718" s="613"/>
      <c r="CIT718" s="613"/>
      <c r="CIU718" s="613"/>
      <c r="CIV718" s="613"/>
      <c r="CIW718" s="613"/>
      <c r="CIX718" s="613"/>
      <c r="CIY718" s="613"/>
      <c r="CIZ718" s="613"/>
      <c r="CJA718" s="613"/>
      <c r="CJB718" s="613"/>
      <c r="CJC718" s="613"/>
      <c r="CJD718" s="613"/>
      <c r="CJE718" s="613"/>
      <c r="CJF718" s="613"/>
      <c r="CJG718" s="613"/>
      <c r="CJH718" s="613"/>
      <c r="CJI718" s="613"/>
      <c r="CJJ718" s="613"/>
      <c r="CJK718" s="613"/>
      <c r="CJL718" s="613"/>
      <c r="CJM718" s="613"/>
      <c r="CJN718" s="613"/>
      <c r="CJO718" s="613"/>
      <c r="CJP718" s="613"/>
      <c r="CJQ718" s="613"/>
      <c r="CJR718" s="613"/>
      <c r="CJS718" s="613"/>
      <c r="CJT718" s="613"/>
      <c r="CJU718" s="613"/>
      <c r="CJV718" s="613"/>
      <c r="CJW718" s="613"/>
      <c r="CJX718" s="613"/>
      <c r="CJY718" s="613"/>
      <c r="CJZ718" s="613"/>
      <c r="CKA718" s="613"/>
      <c r="CKB718" s="613"/>
      <c r="CKC718" s="613"/>
      <c r="CKD718" s="613"/>
      <c r="CKE718" s="613"/>
      <c r="CKF718" s="613"/>
      <c r="CKG718" s="613"/>
      <c r="CKH718" s="613"/>
      <c r="CKI718" s="613"/>
      <c r="CKJ718" s="613"/>
      <c r="CKK718" s="613"/>
      <c r="CKL718" s="613"/>
      <c r="CKM718" s="613"/>
      <c r="CKN718" s="613"/>
      <c r="CKO718" s="613"/>
      <c r="CKP718" s="613"/>
      <c r="CKQ718" s="613"/>
      <c r="CKR718" s="613"/>
      <c r="CKS718" s="613"/>
      <c r="CKT718" s="613"/>
      <c r="CKU718" s="613"/>
      <c r="CKV718" s="613"/>
      <c r="CKW718" s="613"/>
      <c r="CKX718" s="613"/>
      <c r="CKY718" s="613"/>
      <c r="CKZ718" s="613"/>
      <c r="CLA718" s="613"/>
      <c r="CLB718" s="613"/>
      <c r="CLC718" s="613"/>
      <c r="CLD718" s="613"/>
      <c r="CLE718" s="613"/>
      <c r="CLF718" s="613"/>
      <c r="CLG718" s="613"/>
      <c r="CLH718" s="613"/>
      <c r="CLI718" s="613"/>
      <c r="CLJ718" s="613"/>
      <c r="CLK718" s="613"/>
      <c r="CLL718" s="613"/>
      <c r="CLM718" s="613"/>
      <c r="CLN718" s="613"/>
      <c r="CLO718" s="613"/>
      <c r="CLP718" s="613"/>
      <c r="CLQ718" s="613"/>
      <c r="CLR718" s="613"/>
      <c r="CLS718" s="613"/>
      <c r="CLT718" s="613"/>
      <c r="CLU718" s="613"/>
      <c r="CLV718" s="613"/>
      <c r="CLW718" s="613"/>
      <c r="CLX718" s="613"/>
      <c r="CLY718" s="613"/>
      <c r="CLZ718" s="613"/>
      <c r="CMA718" s="613"/>
      <c r="CMB718" s="613"/>
      <c r="CMC718" s="613"/>
      <c r="CMD718" s="613"/>
      <c r="CME718" s="613"/>
      <c r="CMF718" s="613"/>
      <c r="CMG718" s="613"/>
      <c r="CMH718" s="613"/>
      <c r="CMI718" s="613"/>
      <c r="CMJ718" s="613"/>
      <c r="CMK718" s="613"/>
      <c r="CML718" s="613"/>
      <c r="CMM718" s="613"/>
      <c r="CMN718" s="613"/>
      <c r="CMO718" s="613"/>
      <c r="CMP718" s="613"/>
      <c r="CMQ718" s="613"/>
      <c r="CMR718" s="613"/>
      <c r="CMS718" s="613"/>
      <c r="CMT718" s="613"/>
      <c r="CMU718" s="613"/>
      <c r="CMV718" s="613"/>
      <c r="CMW718" s="613"/>
      <c r="CMX718" s="613"/>
      <c r="CMY718" s="613"/>
      <c r="CMZ718" s="613"/>
      <c r="CNA718" s="613"/>
      <c r="CNB718" s="613"/>
      <c r="CNC718" s="613"/>
      <c r="CND718" s="613"/>
      <c r="CNE718" s="613"/>
      <c r="CNF718" s="613"/>
      <c r="CNG718" s="613"/>
      <c r="CNH718" s="613"/>
      <c r="CNI718" s="613"/>
      <c r="CNJ718" s="613"/>
      <c r="CNK718" s="613"/>
      <c r="CNL718" s="613"/>
      <c r="CNM718" s="613"/>
      <c r="CNN718" s="613"/>
      <c r="CNO718" s="613"/>
      <c r="CNP718" s="613"/>
      <c r="CNQ718" s="613"/>
      <c r="CNR718" s="613"/>
      <c r="CNS718" s="613"/>
      <c r="CNT718" s="613"/>
      <c r="CNU718" s="613"/>
      <c r="CNV718" s="613"/>
      <c r="CNW718" s="613"/>
      <c r="CNX718" s="613"/>
      <c r="CNY718" s="613"/>
      <c r="CNZ718" s="613"/>
      <c r="COA718" s="613"/>
      <c r="COB718" s="613"/>
      <c r="COC718" s="613"/>
      <c r="COD718" s="613"/>
      <c r="COE718" s="613"/>
      <c r="COF718" s="613"/>
      <c r="COG718" s="613"/>
      <c r="COH718" s="613"/>
      <c r="COI718" s="613"/>
      <c r="COJ718" s="613"/>
      <c r="COK718" s="613"/>
      <c r="COL718" s="613"/>
      <c r="COM718" s="613"/>
      <c r="CON718" s="613"/>
      <c r="COO718" s="613"/>
      <c r="COP718" s="613"/>
      <c r="COQ718" s="613"/>
      <c r="COR718" s="613"/>
      <c r="COS718" s="613"/>
      <c r="COT718" s="613"/>
      <c r="COU718" s="613"/>
      <c r="COV718" s="613"/>
      <c r="COW718" s="613"/>
      <c r="COX718" s="613"/>
      <c r="COY718" s="613"/>
      <c r="COZ718" s="613"/>
      <c r="CPA718" s="613"/>
      <c r="CPB718" s="613"/>
      <c r="CPC718" s="613"/>
      <c r="CPD718" s="613"/>
      <c r="CPE718" s="613"/>
      <c r="CPF718" s="613"/>
      <c r="CPG718" s="613"/>
      <c r="CPH718" s="613"/>
      <c r="CPI718" s="613"/>
      <c r="CPJ718" s="613"/>
      <c r="CPK718" s="613"/>
      <c r="CPL718" s="613"/>
      <c r="CPM718" s="613"/>
      <c r="CPN718" s="613"/>
      <c r="CPO718" s="613"/>
      <c r="CPP718" s="613"/>
      <c r="CPQ718" s="613"/>
      <c r="CPR718" s="613"/>
      <c r="CPS718" s="613"/>
      <c r="CPT718" s="613"/>
      <c r="CPU718" s="613"/>
      <c r="CPV718" s="613"/>
      <c r="CPW718" s="613"/>
      <c r="CPX718" s="613"/>
      <c r="CPY718" s="613"/>
      <c r="CPZ718" s="613"/>
      <c r="CQA718" s="613"/>
      <c r="CQB718" s="613"/>
      <c r="CQC718" s="613"/>
      <c r="CQD718" s="613"/>
      <c r="CQE718" s="613"/>
      <c r="CQF718" s="613"/>
      <c r="CQG718" s="613"/>
      <c r="CQH718" s="613"/>
      <c r="CQI718" s="613"/>
      <c r="CQJ718" s="613"/>
      <c r="CQK718" s="613"/>
      <c r="CQL718" s="613"/>
      <c r="CQM718" s="613"/>
      <c r="CQN718" s="613"/>
      <c r="CQO718" s="613"/>
      <c r="CQP718" s="613"/>
      <c r="CQQ718" s="613"/>
      <c r="CQR718" s="613"/>
      <c r="CQS718" s="613"/>
      <c r="CQT718" s="613"/>
      <c r="CQU718" s="613"/>
      <c r="CQV718" s="613"/>
      <c r="CQW718" s="613"/>
      <c r="CQX718" s="613"/>
      <c r="CQY718" s="613"/>
      <c r="CQZ718" s="613"/>
      <c r="CRA718" s="613"/>
      <c r="CRB718" s="613"/>
      <c r="CRC718" s="613"/>
      <c r="CRD718" s="613"/>
      <c r="CRE718" s="613"/>
      <c r="CRF718" s="613"/>
      <c r="CRG718" s="613"/>
      <c r="CRH718" s="613"/>
      <c r="CRI718" s="613"/>
      <c r="CRJ718" s="613"/>
      <c r="CRK718" s="613"/>
      <c r="CRL718" s="613"/>
      <c r="CRM718" s="613"/>
      <c r="CRN718" s="613"/>
      <c r="CRO718" s="613"/>
      <c r="CRP718" s="613"/>
      <c r="CRQ718" s="613"/>
      <c r="CRR718" s="613"/>
      <c r="CRS718" s="613"/>
      <c r="CRT718" s="613"/>
      <c r="CRU718" s="613"/>
      <c r="CRV718" s="613"/>
      <c r="CRW718" s="613"/>
      <c r="CRX718" s="613"/>
      <c r="CRY718" s="613"/>
      <c r="CRZ718" s="613"/>
      <c r="CSA718" s="613"/>
      <c r="CSB718" s="613"/>
      <c r="CSC718" s="613"/>
      <c r="CSD718" s="613"/>
      <c r="CSE718" s="613"/>
      <c r="CSF718" s="613"/>
      <c r="CSG718" s="613"/>
      <c r="CSH718" s="613"/>
      <c r="CSI718" s="613"/>
      <c r="CSJ718" s="613"/>
      <c r="CSK718" s="613"/>
      <c r="CSL718" s="613"/>
      <c r="CSM718" s="613"/>
      <c r="CSN718" s="613"/>
      <c r="CSO718" s="613"/>
      <c r="CSP718" s="613"/>
      <c r="CSQ718" s="613"/>
      <c r="CSR718" s="613"/>
      <c r="CSS718" s="613"/>
      <c r="CST718" s="613"/>
      <c r="CSU718" s="613"/>
      <c r="CSV718" s="613"/>
      <c r="CSW718" s="613"/>
      <c r="CSX718" s="613"/>
      <c r="CSY718" s="613"/>
      <c r="CSZ718" s="613"/>
      <c r="CTA718" s="613"/>
      <c r="CTB718" s="613"/>
      <c r="CTC718" s="613"/>
      <c r="CTD718" s="613"/>
      <c r="CTE718" s="613"/>
      <c r="CTF718" s="613"/>
      <c r="CTG718" s="613"/>
      <c r="CTH718" s="613"/>
      <c r="CTI718" s="613"/>
      <c r="CTJ718" s="613"/>
      <c r="CTK718" s="613"/>
      <c r="CTL718" s="613"/>
      <c r="CTM718" s="613"/>
      <c r="CTN718" s="613"/>
      <c r="CTO718" s="613"/>
      <c r="CTP718" s="613"/>
      <c r="CTQ718" s="613"/>
      <c r="CTR718" s="613"/>
      <c r="CTS718" s="613"/>
      <c r="CTT718" s="613"/>
      <c r="CTU718" s="613"/>
      <c r="CTV718" s="613"/>
      <c r="CTW718" s="613"/>
      <c r="CTX718" s="613"/>
      <c r="CTY718" s="613"/>
      <c r="CTZ718" s="613"/>
      <c r="CUA718" s="613"/>
      <c r="CUB718" s="613"/>
      <c r="CUC718" s="613"/>
      <c r="CUD718" s="613"/>
      <c r="CUE718" s="613"/>
      <c r="CUF718" s="613"/>
      <c r="CUG718" s="613"/>
      <c r="CUH718" s="613"/>
      <c r="CUI718" s="613"/>
      <c r="CUJ718" s="613"/>
      <c r="CUK718" s="613"/>
      <c r="CUL718" s="613"/>
      <c r="CUM718" s="613"/>
      <c r="CUN718" s="613"/>
      <c r="CUO718" s="613"/>
      <c r="CUP718" s="613"/>
      <c r="CUQ718" s="613"/>
      <c r="CUR718" s="613"/>
      <c r="CUS718" s="613"/>
      <c r="CUT718" s="613"/>
      <c r="CUU718" s="613"/>
      <c r="CUV718" s="613"/>
      <c r="CUW718" s="613"/>
      <c r="CUX718" s="613"/>
      <c r="CUY718" s="613"/>
      <c r="CUZ718" s="613"/>
      <c r="CVA718" s="613"/>
      <c r="CVB718" s="613"/>
      <c r="CVC718" s="613"/>
      <c r="CVD718" s="613"/>
      <c r="CVE718" s="613"/>
      <c r="CVF718" s="613"/>
      <c r="CVG718" s="613"/>
      <c r="CVH718" s="613"/>
      <c r="CVI718" s="613"/>
      <c r="CVJ718" s="613"/>
      <c r="CVK718" s="613"/>
      <c r="CVL718" s="613"/>
      <c r="CVM718" s="613"/>
      <c r="CVN718" s="613"/>
      <c r="CVO718" s="613"/>
      <c r="CVP718" s="613"/>
      <c r="CVQ718" s="613"/>
      <c r="CVR718" s="613"/>
      <c r="CVS718" s="613"/>
      <c r="CVT718" s="613"/>
      <c r="CVU718" s="613"/>
      <c r="CVV718" s="613"/>
      <c r="CVW718" s="613"/>
      <c r="CVX718" s="613"/>
      <c r="CVY718" s="613"/>
      <c r="CVZ718" s="613"/>
      <c r="CWA718" s="613"/>
      <c r="CWB718" s="613"/>
      <c r="CWC718" s="613"/>
      <c r="CWD718" s="613"/>
      <c r="CWE718" s="613"/>
      <c r="CWF718" s="613"/>
      <c r="CWG718" s="613"/>
      <c r="CWH718" s="613"/>
      <c r="CWI718" s="613"/>
      <c r="CWJ718" s="613"/>
      <c r="CWK718" s="613"/>
      <c r="CWL718" s="613"/>
      <c r="CWM718" s="613"/>
      <c r="CWN718" s="613"/>
      <c r="CWO718" s="613"/>
      <c r="CWP718" s="613"/>
      <c r="CWQ718" s="613"/>
      <c r="CWR718" s="613"/>
      <c r="CWS718" s="613"/>
      <c r="CWT718" s="613"/>
      <c r="CWU718" s="613"/>
      <c r="CWV718" s="613"/>
      <c r="CWW718" s="613"/>
      <c r="CWX718" s="613"/>
      <c r="CWY718" s="613"/>
      <c r="CWZ718" s="613"/>
      <c r="CXA718" s="613"/>
      <c r="CXB718" s="613"/>
      <c r="CXC718" s="613"/>
      <c r="CXD718" s="613"/>
      <c r="CXE718" s="613"/>
      <c r="CXF718" s="613"/>
      <c r="CXG718" s="613"/>
      <c r="CXH718" s="613"/>
      <c r="CXI718" s="613"/>
      <c r="CXJ718" s="613"/>
      <c r="CXK718" s="613"/>
      <c r="CXL718" s="613"/>
      <c r="CXM718" s="613"/>
      <c r="CXN718" s="613"/>
      <c r="CXO718" s="613"/>
      <c r="CXP718" s="613"/>
      <c r="CXQ718" s="613"/>
      <c r="CXR718" s="613"/>
      <c r="CXS718" s="613"/>
      <c r="CXT718" s="613"/>
      <c r="CXU718" s="613"/>
      <c r="CXV718" s="613"/>
      <c r="CXW718" s="613"/>
      <c r="CXX718" s="613"/>
      <c r="CXY718" s="613"/>
      <c r="CXZ718" s="613"/>
      <c r="CYA718" s="613"/>
      <c r="CYB718" s="613"/>
      <c r="CYC718" s="613"/>
      <c r="CYD718" s="613"/>
      <c r="CYE718" s="613"/>
      <c r="CYF718" s="613"/>
      <c r="CYG718" s="613"/>
      <c r="CYH718" s="613"/>
      <c r="CYI718" s="613"/>
      <c r="CYJ718" s="613"/>
      <c r="CYK718" s="613"/>
      <c r="CYL718" s="613"/>
      <c r="CYM718" s="613"/>
      <c r="CYN718" s="613"/>
      <c r="CYO718" s="613"/>
      <c r="CYP718" s="613"/>
      <c r="CYQ718" s="613"/>
      <c r="CYR718" s="613"/>
      <c r="CYS718" s="613"/>
      <c r="CYT718" s="613"/>
      <c r="CYU718" s="613"/>
      <c r="CYV718" s="613"/>
      <c r="CYW718" s="613"/>
      <c r="CYX718" s="613"/>
      <c r="CYY718" s="613"/>
      <c r="CYZ718" s="613"/>
      <c r="CZA718" s="613"/>
      <c r="CZB718" s="613"/>
      <c r="CZC718" s="613"/>
      <c r="CZD718" s="613"/>
      <c r="CZE718" s="613"/>
      <c r="CZF718" s="613"/>
      <c r="CZG718" s="613"/>
      <c r="CZH718" s="613"/>
      <c r="CZI718" s="613"/>
      <c r="CZJ718" s="613"/>
      <c r="CZK718" s="613"/>
      <c r="CZL718" s="613"/>
      <c r="CZM718" s="613"/>
      <c r="CZN718" s="613"/>
      <c r="CZO718" s="613"/>
      <c r="CZP718" s="613"/>
      <c r="CZQ718" s="613"/>
      <c r="CZR718" s="613"/>
      <c r="CZS718" s="613"/>
      <c r="CZT718" s="613"/>
      <c r="CZU718" s="613"/>
      <c r="CZV718" s="613"/>
      <c r="CZW718" s="613"/>
      <c r="CZX718" s="613"/>
      <c r="CZY718" s="613"/>
      <c r="CZZ718" s="613"/>
      <c r="DAA718" s="613"/>
      <c r="DAB718" s="613"/>
      <c r="DAC718" s="613"/>
      <c r="DAD718" s="613"/>
      <c r="DAE718" s="613"/>
      <c r="DAF718" s="613"/>
      <c r="DAG718" s="613"/>
      <c r="DAH718" s="613"/>
      <c r="DAI718" s="613"/>
      <c r="DAJ718" s="613"/>
      <c r="DAK718" s="613"/>
      <c r="DAL718" s="613"/>
      <c r="DAM718" s="613"/>
      <c r="DAN718" s="613"/>
      <c r="DAO718" s="613"/>
      <c r="DAP718" s="613"/>
      <c r="DAQ718" s="613"/>
      <c r="DAR718" s="613"/>
      <c r="DAS718" s="613"/>
      <c r="DAT718" s="613"/>
      <c r="DAU718" s="613"/>
      <c r="DAV718" s="613"/>
      <c r="DAW718" s="613"/>
      <c r="DAX718" s="613"/>
      <c r="DAY718" s="613"/>
      <c r="DAZ718" s="613"/>
      <c r="DBA718" s="613"/>
      <c r="DBB718" s="613"/>
      <c r="DBC718" s="613"/>
      <c r="DBD718" s="613"/>
      <c r="DBE718" s="613"/>
      <c r="DBF718" s="613"/>
      <c r="DBG718" s="613"/>
      <c r="DBH718" s="613"/>
      <c r="DBI718" s="613"/>
      <c r="DBJ718" s="613"/>
      <c r="DBK718" s="613"/>
      <c r="DBL718" s="613"/>
      <c r="DBM718" s="613"/>
      <c r="DBN718" s="613"/>
      <c r="DBO718" s="613"/>
      <c r="DBP718" s="613"/>
      <c r="DBQ718" s="613"/>
      <c r="DBR718" s="613"/>
      <c r="DBS718" s="613"/>
      <c r="DBT718" s="613"/>
      <c r="DBU718" s="613"/>
      <c r="DBV718" s="613"/>
      <c r="DBW718" s="613"/>
      <c r="DBX718" s="613"/>
      <c r="DBY718" s="613"/>
      <c r="DBZ718" s="613"/>
      <c r="DCA718" s="613"/>
      <c r="DCB718" s="613"/>
      <c r="DCC718" s="613"/>
      <c r="DCD718" s="613"/>
      <c r="DCE718" s="613"/>
      <c r="DCF718" s="613"/>
      <c r="DCG718" s="613"/>
      <c r="DCH718" s="613"/>
      <c r="DCI718" s="613"/>
      <c r="DCJ718" s="613"/>
      <c r="DCK718" s="613"/>
      <c r="DCL718" s="613"/>
      <c r="DCM718" s="613"/>
      <c r="DCN718" s="613"/>
      <c r="DCO718" s="613"/>
      <c r="DCP718" s="613"/>
      <c r="DCQ718" s="613"/>
      <c r="DCR718" s="613"/>
      <c r="DCS718" s="613"/>
      <c r="DCT718" s="613"/>
      <c r="DCU718" s="613"/>
      <c r="DCV718" s="613"/>
      <c r="DCW718" s="613"/>
      <c r="DCX718" s="613"/>
      <c r="DCY718" s="613"/>
      <c r="DCZ718" s="613"/>
      <c r="DDA718" s="613"/>
      <c r="DDB718" s="613"/>
      <c r="DDC718" s="613"/>
      <c r="DDD718" s="613"/>
      <c r="DDE718" s="613"/>
      <c r="DDF718" s="613"/>
      <c r="DDG718" s="613"/>
      <c r="DDH718" s="613"/>
      <c r="DDI718" s="613"/>
      <c r="DDJ718" s="613"/>
      <c r="DDK718" s="613"/>
      <c r="DDL718" s="613"/>
      <c r="DDM718" s="613"/>
      <c r="DDN718" s="613"/>
      <c r="DDO718" s="613"/>
      <c r="DDP718" s="613"/>
      <c r="DDQ718" s="613"/>
      <c r="DDR718" s="613"/>
      <c r="DDS718" s="613"/>
      <c r="DDT718" s="613"/>
      <c r="DDU718" s="613"/>
      <c r="DDV718" s="613"/>
      <c r="DDW718" s="613"/>
      <c r="DDX718" s="613"/>
      <c r="DDY718" s="613"/>
      <c r="DDZ718" s="613"/>
      <c r="DEA718" s="613"/>
      <c r="DEB718" s="613"/>
      <c r="DEC718" s="613"/>
      <c r="DED718" s="613"/>
      <c r="DEE718" s="613"/>
      <c r="DEF718" s="613"/>
      <c r="DEG718" s="613"/>
      <c r="DEH718" s="613"/>
      <c r="DEI718" s="613"/>
      <c r="DEJ718" s="613"/>
      <c r="DEK718" s="613"/>
      <c r="DEL718" s="613"/>
      <c r="DEM718" s="613"/>
      <c r="DEN718" s="613"/>
      <c r="DEO718" s="613"/>
      <c r="DEP718" s="613"/>
      <c r="DEQ718" s="613"/>
      <c r="DER718" s="613"/>
      <c r="DES718" s="613"/>
      <c r="DET718" s="613"/>
      <c r="DEU718" s="613"/>
      <c r="DEV718" s="613"/>
      <c r="DEW718" s="613"/>
      <c r="DEX718" s="613"/>
      <c r="DEY718" s="613"/>
      <c r="DEZ718" s="613"/>
      <c r="DFA718" s="613"/>
      <c r="DFB718" s="613"/>
      <c r="DFC718" s="613"/>
      <c r="DFD718" s="613"/>
      <c r="DFE718" s="613"/>
      <c r="DFF718" s="613"/>
      <c r="DFG718" s="613"/>
      <c r="DFH718" s="613"/>
      <c r="DFI718" s="613"/>
      <c r="DFJ718" s="613"/>
      <c r="DFK718" s="613"/>
      <c r="DFL718" s="613"/>
      <c r="DFM718" s="613"/>
      <c r="DFN718" s="613"/>
      <c r="DFO718" s="613"/>
      <c r="DFP718" s="613"/>
      <c r="DFQ718" s="613"/>
      <c r="DFR718" s="613"/>
      <c r="DFS718" s="613"/>
      <c r="DFT718" s="613"/>
      <c r="DFU718" s="613"/>
      <c r="DFV718" s="613"/>
      <c r="DFW718" s="613"/>
      <c r="DFX718" s="613"/>
      <c r="DFY718" s="613"/>
      <c r="DFZ718" s="613"/>
      <c r="DGA718" s="613"/>
      <c r="DGB718" s="613"/>
      <c r="DGC718" s="613"/>
      <c r="DGD718" s="613"/>
      <c r="DGE718" s="613"/>
      <c r="DGF718" s="613"/>
      <c r="DGG718" s="613"/>
      <c r="DGH718" s="613"/>
      <c r="DGI718" s="613"/>
      <c r="DGJ718" s="613"/>
      <c r="DGK718" s="613"/>
      <c r="DGL718" s="613"/>
      <c r="DGM718" s="613"/>
      <c r="DGN718" s="613"/>
      <c r="DGO718" s="613"/>
      <c r="DGP718" s="613"/>
      <c r="DGQ718" s="613"/>
      <c r="DGR718" s="613"/>
      <c r="DGS718" s="613"/>
      <c r="DGT718" s="613"/>
      <c r="DGU718" s="613"/>
      <c r="DGV718" s="613"/>
      <c r="DGW718" s="613"/>
      <c r="DGX718" s="613"/>
      <c r="DGY718" s="613"/>
      <c r="DGZ718" s="613"/>
      <c r="DHA718" s="613"/>
      <c r="DHB718" s="613"/>
      <c r="DHC718" s="613"/>
      <c r="DHD718" s="613"/>
      <c r="DHE718" s="613"/>
      <c r="DHF718" s="613"/>
      <c r="DHG718" s="613"/>
      <c r="DHH718" s="613"/>
      <c r="DHI718" s="613"/>
      <c r="DHJ718" s="613"/>
      <c r="DHK718" s="613"/>
      <c r="DHL718" s="613"/>
      <c r="DHM718" s="613"/>
      <c r="DHN718" s="613"/>
      <c r="DHO718" s="613"/>
      <c r="DHP718" s="613"/>
      <c r="DHQ718" s="613"/>
      <c r="DHR718" s="613"/>
      <c r="DHS718" s="613"/>
      <c r="DHT718" s="613"/>
      <c r="DHU718" s="613"/>
      <c r="DHV718" s="613"/>
      <c r="DHW718" s="613"/>
      <c r="DHX718" s="613"/>
      <c r="DHY718" s="613"/>
      <c r="DHZ718" s="613"/>
      <c r="DIA718" s="613"/>
      <c r="DIB718" s="613"/>
      <c r="DIC718" s="613"/>
      <c r="DID718" s="613"/>
      <c r="DIE718" s="613"/>
      <c r="DIF718" s="613"/>
      <c r="DIG718" s="613"/>
      <c r="DIH718" s="613"/>
      <c r="DII718" s="613"/>
      <c r="DIJ718" s="613"/>
      <c r="DIK718" s="613"/>
      <c r="DIL718" s="613"/>
      <c r="DIM718" s="613"/>
      <c r="DIN718" s="613"/>
      <c r="DIO718" s="613"/>
      <c r="DIP718" s="613"/>
      <c r="DIQ718" s="613"/>
      <c r="DIR718" s="613"/>
      <c r="DIS718" s="613"/>
      <c r="DIT718" s="613"/>
      <c r="DIU718" s="613"/>
      <c r="DIV718" s="613"/>
      <c r="DIW718" s="613"/>
      <c r="DIX718" s="613"/>
      <c r="DIY718" s="613"/>
      <c r="DIZ718" s="613"/>
      <c r="DJA718" s="613"/>
      <c r="DJB718" s="613"/>
      <c r="DJC718" s="613"/>
      <c r="DJD718" s="613"/>
      <c r="DJE718" s="613"/>
      <c r="DJF718" s="613"/>
      <c r="DJG718" s="613"/>
      <c r="DJH718" s="613"/>
      <c r="DJI718" s="613"/>
      <c r="DJJ718" s="613"/>
      <c r="DJK718" s="613"/>
      <c r="DJL718" s="613"/>
      <c r="DJM718" s="613"/>
      <c r="DJN718" s="613"/>
      <c r="DJO718" s="613"/>
      <c r="DJP718" s="613"/>
      <c r="DJQ718" s="613"/>
      <c r="DJR718" s="613"/>
      <c r="DJS718" s="613"/>
      <c r="DJT718" s="613"/>
      <c r="DJU718" s="613"/>
      <c r="DJV718" s="613"/>
      <c r="DJW718" s="613"/>
      <c r="DJX718" s="613"/>
      <c r="DJY718" s="613"/>
      <c r="DJZ718" s="613"/>
      <c r="DKA718" s="613"/>
      <c r="DKB718" s="613"/>
      <c r="DKC718" s="613"/>
      <c r="DKD718" s="613"/>
      <c r="DKE718" s="613"/>
      <c r="DKF718" s="613"/>
      <c r="DKG718" s="613"/>
      <c r="DKH718" s="613"/>
      <c r="DKI718" s="613"/>
      <c r="DKJ718" s="613"/>
      <c r="DKK718" s="613"/>
      <c r="DKL718" s="613"/>
      <c r="DKM718" s="613"/>
      <c r="DKN718" s="613"/>
      <c r="DKO718" s="613"/>
      <c r="DKP718" s="613"/>
      <c r="DKQ718" s="613"/>
      <c r="DKR718" s="613"/>
      <c r="DKS718" s="613"/>
      <c r="DKT718" s="613"/>
      <c r="DKU718" s="613"/>
      <c r="DKV718" s="613"/>
      <c r="DKW718" s="613"/>
      <c r="DKX718" s="613"/>
      <c r="DKY718" s="613"/>
      <c r="DKZ718" s="613"/>
      <c r="DLA718" s="613"/>
      <c r="DLB718" s="613"/>
      <c r="DLC718" s="613"/>
      <c r="DLD718" s="613"/>
      <c r="DLE718" s="613"/>
      <c r="DLF718" s="613"/>
      <c r="DLG718" s="613"/>
      <c r="DLH718" s="613"/>
      <c r="DLI718" s="613"/>
      <c r="DLJ718" s="613"/>
      <c r="DLK718" s="613"/>
      <c r="DLL718" s="613"/>
      <c r="DLM718" s="613"/>
      <c r="DLN718" s="613"/>
      <c r="DLO718" s="613"/>
      <c r="DLP718" s="613"/>
      <c r="DLQ718" s="613"/>
      <c r="DLR718" s="613"/>
      <c r="DLS718" s="613"/>
      <c r="DLT718" s="613"/>
      <c r="DLU718" s="613"/>
      <c r="DLV718" s="613"/>
      <c r="DLW718" s="613"/>
      <c r="DLX718" s="613"/>
      <c r="DLY718" s="613"/>
      <c r="DLZ718" s="613"/>
      <c r="DMA718" s="613"/>
      <c r="DMB718" s="613"/>
      <c r="DMC718" s="613"/>
      <c r="DMD718" s="613"/>
      <c r="DME718" s="613"/>
      <c r="DMF718" s="613"/>
      <c r="DMG718" s="613"/>
      <c r="DMH718" s="613"/>
      <c r="DMI718" s="613"/>
      <c r="DMJ718" s="613"/>
      <c r="DMK718" s="613"/>
      <c r="DML718" s="613"/>
      <c r="DMM718" s="613"/>
      <c r="DMN718" s="613"/>
      <c r="DMO718" s="613"/>
      <c r="DMP718" s="613"/>
      <c r="DMQ718" s="613"/>
      <c r="DMR718" s="613"/>
      <c r="DMS718" s="613"/>
      <c r="DMT718" s="613"/>
      <c r="DMU718" s="613"/>
      <c r="DMV718" s="613"/>
      <c r="DMW718" s="613"/>
      <c r="DMX718" s="613"/>
      <c r="DMY718" s="613"/>
      <c r="DMZ718" s="613"/>
      <c r="DNA718" s="613"/>
      <c r="DNB718" s="613"/>
      <c r="DNC718" s="613"/>
      <c r="DND718" s="613"/>
      <c r="DNE718" s="613"/>
      <c r="DNF718" s="613"/>
      <c r="DNG718" s="613"/>
      <c r="DNH718" s="613"/>
      <c r="DNI718" s="613"/>
      <c r="DNJ718" s="613"/>
      <c r="DNK718" s="613"/>
      <c r="DNL718" s="613"/>
      <c r="DNM718" s="613"/>
      <c r="DNN718" s="613"/>
      <c r="DNO718" s="613"/>
      <c r="DNP718" s="613"/>
      <c r="DNQ718" s="613"/>
      <c r="DNR718" s="613"/>
      <c r="DNS718" s="613"/>
      <c r="DNT718" s="613"/>
      <c r="DNU718" s="613"/>
      <c r="DNV718" s="613"/>
      <c r="DNW718" s="613"/>
      <c r="DNX718" s="613"/>
      <c r="DNY718" s="613"/>
      <c r="DNZ718" s="613"/>
      <c r="DOA718" s="613"/>
      <c r="DOB718" s="613"/>
      <c r="DOC718" s="613"/>
      <c r="DOD718" s="613"/>
      <c r="DOE718" s="613"/>
      <c r="DOF718" s="613"/>
      <c r="DOG718" s="613"/>
      <c r="DOH718" s="613"/>
      <c r="DOI718" s="613"/>
      <c r="DOJ718" s="613"/>
      <c r="DOK718" s="613"/>
      <c r="DOL718" s="613"/>
      <c r="DOM718" s="613"/>
      <c r="DON718" s="613"/>
      <c r="DOO718" s="613"/>
      <c r="DOP718" s="613"/>
      <c r="DOQ718" s="613"/>
      <c r="DOR718" s="613"/>
      <c r="DOS718" s="613"/>
      <c r="DOT718" s="613"/>
      <c r="DOU718" s="613"/>
      <c r="DOV718" s="613"/>
      <c r="DOW718" s="613"/>
      <c r="DOX718" s="613"/>
      <c r="DOY718" s="613"/>
      <c r="DOZ718" s="613"/>
      <c r="DPA718" s="613"/>
      <c r="DPB718" s="613"/>
      <c r="DPC718" s="613"/>
      <c r="DPD718" s="613"/>
      <c r="DPE718" s="613"/>
      <c r="DPF718" s="613"/>
      <c r="DPG718" s="613"/>
      <c r="DPH718" s="613"/>
      <c r="DPI718" s="613"/>
      <c r="DPJ718" s="613"/>
      <c r="DPK718" s="613"/>
      <c r="DPL718" s="613"/>
      <c r="DPM718" s="613"/>
      <c r="DPN718" s="613"/>
      <c r="DPO718" s="613"/>
      <c r="DPP718" s="613"/>
      <c r="DPQ718" s="613"/>
      <c r="DPR718" s="613"/>
      <c r="DPS718" s="613"/>
      <c r="DPT718" s="613"/>
      <c r="DPU718" s="613"/>
      <c r="DPV718" s="613"/>
      <c r="DPW718" s="613"/>
      <c r="DPX718" s="613"/>
      <c r="DPY718" s="613"/>
      <c r="DPZ718" s="613"/>
      <c r="DQA718" s="613"/>
      <c r="DQB718" s="613"/>
      <c r="DQC718" s="613"/>
      <c r="DQD718" s="613"/>
      <c r="DQE718" s="613"/>
      <c r="DQF718" s="613"/>
      <c r="DQG718" s="613"/>
      <c r="DQH718" s="613"/>
      <c r="DQI718" s="613"/>
      <c r="DQJ718" s="613"/>
      <c r="DQK718" s="613"/>
      <c r="DQL718" s="613"/>
      <c r="DQM718" s="613"/>
      <c r="DQN718" s="613"/>
      <c r="DQO718" s="613"/>
      <c r="DQP718" s="613"/>
      <c r="DQQ718" s="613"/>
      <c r="DQR718" s="613"/>
      <c r="DQS718" s="613"/>
      <c r="DQT718" s="613"/>
      <c r="DQU718" s="613"/>
      <c r="DQV718" s="613"/>
      <c r="DQW718" s="613"/>
      <c r="DQX718" s="613"/>
      <c r="DQY718" s="613"/>
      <c r="DQZ718" s="613"/>
      <c r="DRA718" s="613"/>
      <c r="DRB718" s="613"/>
      <c r="DRC718" s="613"/>
      <c r="DRD718" s="613"/>
      <c r="DRE718" s="613"/>
      <c r="DRF718" s="613"/>
      <c r="DRG718" s="613"/>
      <c r="DRH718" s="613"/>
      <c r="DRI718" s="613"/>
      <c r="DRJ718" s="613"/>
      <c r="DRK718" s="613"/>
      <c r="DRL718" s="613"/>
      <c r="DRM718" s="613"/>
      <c r="DRN718" s="613"/>
      <c r="DRO718" s="613"/>
      <c r="DRP718" s="613"/>
      <c r="DRQ718" s="613"/>
      <c r="DRR718" s="613"/>
      <c r="DRS718" s="613"/>
      <c r="DRT718" s="613"/>
      <c r="DRU718" s="613"/>
      <c r="DRV718" s="613"/>
      <c r="DRW718" s="613"/>
      <c r="DRX718" s="613"/>
      <c r="DRY718" s="613"/>
      <c r="DRZ718" s="613"/>
      <c r="DSA718" s="613"/>
      <c r="DSB718" s="613"/>
      <c r="DSC718" s="613"/>
      <c r="DSD718" s="613"/>
      <c r="DSE718" s="613"/>
      <c r="DSF718" s="613"/>
      <c r="DSG718" s="613"/>
      <c r="DSH718" s="613"/>
      <c r="DSI718" s="613"/>
      <c r="DSJ718" s="613"/>
      <c r="DSK718" s="613"/>
      <c r="DSL718" s="613"/>
      <c r="DSM718" s="613"/>
      <c r="DSN718" s="613"/>
      <c r="DSO718" s="613"/>
      <c r="DSP718" s="613"/>
      <c r="DSQ718" s="613"/>
      <c r="DSR718" s="613"/>
      <c r="DSS718" s="613"/>
      <c r="DST718" s="613"/>
      <c r="DSU718" s="613"/>
      <c r="DSV718" s="613"/>
      <c r="DSW718" s="613"/>
      <c r="DSX718" s="613"/>
      <c r="DSY718" s="613"/>
      <c r="DSZ718" s="613"/>
      <c r="DTA718" s="613"/>
      <c r="DTB718" s="613"/>
      <c r="DTC718" s="613"/>
      <c r="DTD718" s="613"/>
      <c r="DTE718" s="613"/>
      <c r="DTF718" s="613"/>
      <c r="DTG718" s="613"/>
      <c r="DTH718" s="613"/>
      <c r="DTI718" s="613"/>
      <c r="DTJ718" s="613"/>
      <c r="DTK718" s="613"/>
      <c r="DTL718" s="613"/>
      <c r="DTM718" s="613"/>
      <c r="DTN718" s="613"/>
      <c r="DTO718" s="613"/>
      <c r="DTP718" s="613"/>
      <c r="DTQ718" s="613"/>
      <c r="DTR718" s="613"/>
      <c r="DTS718" s="613"/>
      <c r="DTT718" s="613"/>
      <c r="DTU718" s="613"/>
      <c r="DTV718" s="613"/>
      <c r="DTW718" s="613"/>
      <c r="DTX718" s="613"/>
      <c r="DTY718" s="613"/>
      <c r="DTZ718" s="613"/>
      <c r="DUA718" s="613"/>
      <c r="DUB718" s="613"/>
      <c r="DUC718" s="613"/>
      <c r="DUD718" s="613"/>
      <c r="DUE718" s="613"/>
      <c r="DUF718" s="613"/>
      <c r="DUG718" s="613"/>
      <c r="DUH718" s="613"/>
      <c r="DUI718" s="613"/>
      <c r="DUJ718" s="613"/>
      <c r="DUK718" s="613"/>
      <c r="DUL718" s="613"/>
      <c r="DUM718" s="613"/>
      <c r="DUN718" s="613"/>
      <c r="DUO718" s="613"/>
      <c r="DUP718" s="613"/>
      <c r="DUQ718" s="613"/>
      <c r="DUR718" s="613"/>
      <c r="DUS718" s="613"/>
      <c r="DUT718" s="613"/>
      <c r="DUU718" s="613"/>
      <c r="DUV718" s="613"/>
      <c r="DUW718" s="613"/>
      <c r="DUX718" s="613"/>
      <c r="DUY718" s="613"/>
      <c r="DUZ718" s="613"/>
      <c r="DVA718" s="613"/>
      <c r="DVB718" s="613"/>
      <c r="DVC718" s="613"/>
      <c r="DVD718" s="613"/>
      <c r="DVE718" s="613"/>
      <c r="DVF718" s="613"/>
      <c r="DVG718" s="613"/>
      <c r="DVH718" s="613"/>
      <c r="DVI718" s="613"/>
      <c r="DVJ718" s="613"/>
      <c r="DVK718" s="613"/>
      <c r="DVL718" s="613"/>
      <c r="DVM718" s="613"/>
      <c r="DVN718" s="613"/>
      <c r="DVO718" s="613"/>
      <c r="DVP718" s="613"/>
      <c r="DVQ718" s="613"/>
      <c r="DVR718" s="613"/>
      <c r="DVS718" s="613"/>
      <c r="DVT718" s="613"/>
      <c r="DVU718" s="613"/>
      <c r="DVV718" s="613"/>
      <c r="DVW718" s="613"/>
      <c r="DVX718" s="613"/>
      <c r="DVY718" s="613"/>
      <c r="DVZ718" s="613"/>
      <c r="DWA718" s="613"/>
      <c r="DWB718" s="613"/>
      <c r="DWC718" s="613"/>
      <c r="DWD718" s="613"/>
      <c r="DWE718" s="613"/>
      <c r="DWF718" s="613"/>
      <c r="DWG718" s="613"/>
      <c r="DWH718" s="613"/>
      <c r="DWI718" s="613"/>
      <c r="DWJ718" s="613"/>
      <c r="DWK718" s="613"/>
      <c r="DWL718" s="613"/>
      <c r="DWM718" s="613"/>
      <c r="DWN718" s="613"/>
      <c r="DWO718" s="613"/>
      <c r="DWP718" s="613"/>
      <c r="DWQ718" s="613"/>
      <c r="DWR718" s="613"/>
      <c r="DWS718" s="613"/>
      <c r="DWT718" s="613"/>
      <c r="DWU718" s="613"/>
      <c r="DWV718" s="613"/>
      <c r="DWW718" s="613"/>
      <c r="DWX718" s="613"/>
      <c r="DWY718" s="613"/>
      <c r="DWZ718" s="613"/>
      <c r="DXA718" s="613"/>
      <c r="DXB718" s="613"/>
      <c r="DXC718" s="613"/>
      <c r="DXD718" s="613"/>
      <c r="DXE718" s="613"/>
      <c r="DXF718" s="613"/>
      <c r="DXG718" s="613"/>
      <c r="DXH718" s="613"/>
      <c r="DXI718" s="613"/>
      <c r="DXJ718" s="613"/>
      <c r="DXK718" s="613"/>
      <c r="DXL718" s="613"/>
      <c r="DXM718" s="613"/>
      <c r="DXN718" s="613"/>
      <c r="DXO718" s="613"/>
      <c r="DXP718" s="613"/>
      <c r="DXQ718" s="613"/>
      <c r="DXR718" s="613"/>
      <c r="DXS718" s="613"/>
      <c r="DXT718" s="613"/>
      <c r="DXU718" s="613"/>
      <c r="DXV718" s="613"/>
      <c r="DXW718" s="613"/>
      <c r="DXX718" s="613"/>
      <c r="DXY718" s="613"/>
      <c r="DXZ718" s="613"/>
      <c r="DYA718" s="613"/>
      <c r="DYB718" s="613"/>
      <c r="DYC718" s="613"/>
      <c r="DYD718" s="613"/>
      <c r="DYE718" s="613"/>
      <c r="DYF718" s="613"/>
      <c r="DYG718" s="613"/>
      <c r="DYH718" s="613"/>
      <c r="DYI718" s="613"/>
      <c r="DYJ718" s="613"/>
      <c r="DYK718" s="613"/>
      <c r="DYL718" s="613"/>
      <c r="DYM718" s="613"/>
      <c r="DYN718" s="613"/>
      <c r="DYO718" s="613"/>
      <c r="DYP718" s="613"/>
      <c r="DYQ718" s="613"/>
      <c r="DYR718" s="613"/>
      <c r="DYS718" s="613"/>
      <c r="DYT718" s="613"/>
      <c r="DYU718" s="613"/>
      <c r="DYV718" s="613"/>
      <c r="DYW718" s="613"/>
      <c r="DYX718" s="613"/>
      <c r="DYY718" s="613"/>
      <c r="DYZ718" s="613"/>
      <c r="DZA718" s="613"/>
      <c r="DZB718" s="613"/>
      <c r="DZC718" s="613"/>
      <c r="DZD718" s="613"/>
      <c r="DZE718" s="613"/>
      <c r="DZF718" s="613"/>
      <c r="DZG718" s="613"/>
      <c r="DZH718" s="613"/>
      <c r="DZI718" s="613"/>
      <c r="DZJ718" s="613"/>
      <c r="DZK718" s="613"/>
      <c r="DZL718" s="613"/>
      <c r="DZM718" s="613"/>
      <c r="DZN718" s="613"/>
      <c r="DZO718" s="613"/>
      <c r="DZP718" s="613"/>
      <c r="DZQ718" s="613"/>
      <c r="DZR718" s="613"/>
      <c r="DZS718" s="613"/>
      <c r="DZT718" s="613"/>
      <c r="DZU718" s="613"/>
      <c r="DZV718" s="613"/>
      <c r="DZW718" s="613"/>
      <c r="DZX718" s="613"/>
      <c r="DZY718" s="613"/>
      <c r="DZZ718" s="613"/>
      <c r="EAA718" s="613"/>
      <c r="EAB718" s="613"/>
      <c r="EAC718" s="613"/>
      <c r="EAD718" s="613"/>
      <c r="EAE718" s="613"/>
      <c r="EAF718" s="613"/>
      <c r="EAG718" s="613"/>
      <c r="EAH718" s="613"/>
      <c r="EAI718" s="613"/>
      <c r="EAJ718" s="613"/>
      <c r="EAK718" s="613"/>
      <c r="EAL718" s="613"/>
      <c r="EAM718" s="613"/>
      <c r="EAN718" s="613"/>
      <c r="EAO718" s="613"/>
      <c r="EAP718" s="613"/>
      <c r="EAQ718" s="613"/>
      <c r="EAR718" s="613"/>
      <c r="EAS718" s="613"/>
      <c r="EAT718" s="613"/>
      <c r="EAU718" s="613"/>
      <c r="EAV718" s="613"/>
      <c r="EAW718" s="613"/>
      <c r="EAX718" s="613"/>
      <c r="EAY718" s="613"/>
      <c r="EAZ718" s="613"/>
      <c r="EBA718" s="613"/>
      <c r="EBB718" s="613"/>
      <c r="EBC718" s="613"/>
      <c r="EBD718" s="613"/>
      <c r="EBE718" s="613"/>
      <c r="EBF718" s="613"/>
      <c r="EBG718" s="613"/>
      <c r="EBH718" s="613"/>
      <c r="EBI718" s="613"/>
      <c r="EBJ718" s="613"/>
      <c r="EBK718" s="613"/>
      <c r="EBL718" s="613"/>
      <c r="EBM718" s="613"/>
      <c r="EBN718" s="613"/>
      <c r="EBO718" s="613"/>
      <c r="EBP718" s="613"/>
      <c r="EBQ718" s="613"/>
      <c r="EBR718" s="613"/>
      <c r="EBS718" s="613"/>
      <c r="EBT718" s="613"/>
      <c r="EBU718" s="613"/>
      <c r="EBV718" s="613"/>
      <c r="EBW718" s="613"/>
      <c r="EBX718" s="613"/>
      <c r="EBY718" s="613"/>
      <c r="EBZ718" s="613"/>
      <c r="ECA718" s="613"/>
      <c r="ECB718" s="613"/>
      <c r="ECC718" s="613"/>
      <c r="ECD718" s="613"/>
      <c r="ECE718" s="613"/>
      <c r="ECF718" s="613"/>
      <c r="ECG718" s="613"/>
      <c r="ECH718" s="613"/>
      <c r="ECI718" s="613"/>
      <c r="ECJ718" s="613"/>
      <c r="ECK718" s="613"/>
      <c r="ECL718" s="613"/>
      <c r="ECM718" s="613"/>
      <c r="ECN718" s="613"/>
      <c r="ECO718" s="613"/>
      <c r="ECP718" s="613"/>
      <c r="ECQ718" s="613"/>
      <c r="ECR718" s="613"/>
      <c r="ECS718" s="613"/>
      <c r="ECT718" s="613"/>
      <c r="ECU718" s="613"/>
      <c r="ECV718" s="613"/>
      <c r="ECW718" s="613"/>
      <c r="ECX718" s="613"/>
      <c r="ECY718" s="613"/>
      <c r="ECZ718" s="613"/>
      <c r="EDA718" s="613"/>
      <c r="EDB718" s="613"/>
      <c r="EDC718" s="613"/>
      <c r="EDD718" s="613"/>
      <c r="EDE718" s="613"/>
      <c r="EDF718" s="613"/>
      <c r="EDG718" s="613"/>
      <c r="EDH718" s="613"/>
      <c r="EDI718" s="613"/>
      <c r="EDJ718" s="613"/>
      <c r="EDK718" s="613"/>
      <c r="EDL718" s="613"/>
      <c r="EDM718" s="613"/>
      <c r="EDN718" s="613"/>
      <c r="EDO718" s="613"/>
      <c r="EDP718" s="613"/>
      <c r="EDQ718" s="613"/>
      <c r="EDR718" s="613"/>
      <c r="EDS718" s="613"/>
      <c r="EDT718" s="613"/>
      <c r="EDU718" s="613"/>
      <c r="EDV718" s="613"/>
      <c r="EDW718" s="613"/>
      <c r="EDX718" s="613"/>
      <c r="EDY718" s="613"/>
      <c r="EDZ718" s="613"/>
      <c r="EEA718" s="613"/>
      <c r="EEB718" s="613"/>
      <c r="EEC718" s="613"/>
      <c r="EED718" s="613"/>
      <c r="EEE718" s="613"/>
      <c r="EEF718" s="613"/>
      <c r="EEG718" s="613"/>
      <c r="EEH718" s="613"/>
      <c r="EEI718" s="613"/>
      <c r="EEJ718" s="613"/>
      <c r="EEK718" s="613"/>
      <c r="EEL718" s="613"/>
      <c r="EEM718" s="613"/>
      <c r="EEN718" s="613"/>
      <c r="EEO718" s="613"/>
      <c r="EEP718" s="613"/>
      <c r="EEQ718" s="613"/>
      <c r="EER718" s="613"/>
      <c r="EES718" s="613"/>
      <c r="EET718" s="613"/>
      <c r="EEU718" s="613"/>
      <c r="EEV718" s="613"/>
      <c r="EEW718" s="613"/>
      <c r="EEX718" s="613"/>
      <c r="EEY718" s="613"/>
      <c r="EEZ718" s="613"/>
      <c r="EFA718" s="613"/>
      <c r="EFB718" s="613"/>
      <c r="EFC718" s="613"/>
      <c r="EFD718" s="613"/>
      <c r="EFE718" s="613"/>
      <c r="EFF718" s="613"/>
      <c r="EFG718" s="613"/>
      <c r="EFH718" s="613"/>
      <c r="EFI718" s="613"/>
      <c r="EFJ718" s="613"/>
      <c r="EFK718" s="613"/>
      <c r="EFL718" s="613"/>
      <c r="EFM718" s="613"/>
      <c r="EFN718" s="613"/>
      <c r="EFO718" s="613"/>
      <c r="EFP718" s="613"/>
      <c r="EFQ718" s="613"/>
      <c r="EFR718" s="613"/>
      <c r="EFS718" s="613"/>
      <c r="EFT718" s="613"/>
      <c r="EFU718" s="613"/>
      <c r="EFV718" s="613"/>
      <c r="EFW718" s="613"/>
      <c r="EFX718" s="613"/>
      <c r="EFY718" s="613"/>
      <c r="EFZ718" s="613"/>
      <c r="EGA718" s="613"/>
      <c r="EGB718" s="613"/>
      <c r="EGC718" s="613"/>
      <c r="EGD718" s="613"/>
      <c r="EGE718" s="613"/>
      <c r="EGF718" s="613"/>
      <c r="EGG718" s="613"/>
      <c r="EGH718" s="613"/>
      <c r="EGI718" s="613"/>
      <c r="EGJ718" s="613"/>
      <c r="EGK718" s="613"/>
      <c r="EGL718" s="613"/>
      <c r="EGM718" s="613"/>
      <c r="EGN718" s="613"/>
      <c r="EGO718" s="613"/>
      <c r="EGP718" s="613"/>
      <c r="EGQ718" s="613"/>
      <c r="EGR718" s="613"/>
      <c r="EGS718" s="613"/>
      <c r="EGT718" s="613"/>
      <c r="EGU718" s="613"/>
      <c r="EGV718" s="613"/>
      <c r="EGW718" s="613"/>
      <c r="EGX718" s="613"/>
      <c r="EGY718" s="613"/>
      <c r="EGZ718" s="613"/>
      <c r="EHA718" s="613"/>
      <c r="EHB718" s="613"/>
      <c r="EHC718" s="613"/>
      <c r="EHD718" s="613"/>
      <c r="EHE718" s="613"/>
      <c r="EHF718" s="613"/>
      <c r="EHG718" s="613"/>
      <c r="EHH718" s="613"/>
      <c r="EHI718" s="613"/>
      <c r="EHJ718" s="613"/>
      <c r="EHK718" s="613"/>
      <c r="EHL718" s="613"/>
      <c r="EHM718" s="613"/>
      <c r="EHN718" s="613"/>
      <c r="EHO718" s="613"/>
      <c r="EHP718" s="613"/>
      <c r="EHQ718" s="613"/>
      <c r="EHR718" s="613"/>
      <c r="EHS718" s="613"/>
      <c r="EHT718" s="613"/>
      <c r="EHU718" s="613"/>
      <c r="EHV718" s="613"/>
      <c r="EHW718" s="613"/>
      <c r="EHX718" s="613"/>
      <c r="EHY718" s="613"/>
      <c r="EHZ718" s="613"/>
      <c r="EIA718" s="613"/>
      <c r="EIB718" s="613"/>
      <c r="EIC718" s="613"/>
      <c r="EID718" s="613"/>
      <c r="EIE718" s="613"/>
      <c r="EIF718" s="613"/>
      <c r="EIG718" s="613"/>
      <c r="EIH718" s="613"/>
      <c r="EII718" s="613"/>
      <c r="EIJ718" s="613"/>
      <c r="EIK718" s="613"/>
      <c r="EIL718" s="613"/>
      <c r="EIM718" s="613"/>
      <c r="EIN718" s="613"/>
      <c r="EIO718" s="613"/>
      <c r="EIP718" s="613"/>
      <c r="EIQ718" s="613"/>
      <c r="EIR718" s="613"/>
      <c r="EIS718" s="613"/>
      <c r="EIT718" s="613"/>
      <c r="EIU718" s="613"/>
      <c r="EIV718" s="613"/>
      <c r="EIW718" s="613"/>
      <c r="EIX718" s="613"/>
      <c r="EIY718" s="613"/>
      <c r="EIZ718" s="613"/>
      <c r="EJA718" s="613"/>
      <c r="EJB718" s="613"/>
      <c r="EJC718" s="613"/>
      <c r="EJD718" s="613"/>
      <c r="EJE718" s="613"/>
      <c r="EJF718" s="613"/>
      <c r="EJG718" s="613"/>
      <c r="EJH718" s="613"/>
      <c r="EJI718" s="613"/>
      <c r="EJJ718" s="613"/>
      <c r="EJK718" s="613"/>
      <c r="EJL718" s="613"/>
      <c r="EJM718" s="613"/>
      <c r="EJN718" s="613"/>
      <c r="EJO718" s="613"/>
      <c r="EJP718" s="613"/>
      <c r="EJQ718" s="613"/>
      <c r="EJR718" s="613"/>
      <c r="EJS718" s="613"/>
      <c r="EJT718" s="613"/>
      <c r="EJU718" s="613"/>
      <c r="EJV718" s="613"/>
      <c r="EJW718" s="613"/>
      <c r="EJX718" s="613"/>
      <c r="EJY718" s="613"/>
      <c r="EJZ718" s="613"/>
      <c r="EKA718" s="613"/>
      <c r="EKB718" s="613"/>
      <c r="EKC718" s="613"/>
      <c r="EKD718" s="613"/>
      <c r="EKE718" s="613"/>
      <c r="EKF718" s="613"/>
      <c r="EKG718" s="613"/>
      <c r="EKH718" s="613"/>
      <c r="EKI718" s="613"/>
      <c r="EKJ718" s="613"/>
      <c r="EKK718" s="613"/>
      <c r="EKL718" s="613"/>
      <c r="EKM718" s="613"/>
      <c r="EKN718" s="613"/>
      <c r="EKO718" s="613"/>
      <c r="EKP718" s="613"/>
      <c r="EKQ718" s="613"/>
      <c r="EKR718" s="613"/>
      <c r="EKS718" s="613"/>
      <c r="EKT718" s="613"/>
      <c r="EKU718" s="613"/>
      <c r="EKV718" s="613"/>
      <c r="EKW718" s="613"/>
      <c r="EKX718" s="613"/>
      <c r="EKY718" s="613"/>
      <c r="EKZ718" s="613"/>
      <c r="ELA718" s="613"/>
      <c r="ELB718" s="613"/>
      <c r="ELC718" s="613"/>
      <c r="ELD718" s="613"/>
      <c r="ELE718" s="613"/>
      <c r="ELF718" s="613"/>
      <c r="ELG718" s="613"/>
      <c r="ELH718" s="613"/>
      <c r="ELI718" s="613"/>
      <c r="ELJ718" s="613"/>
      <c r="ELK718" s="613"/>
      <c r="ELL718" s="613"/>
      <c r="ELM718" s="613"/>
      <c r="ELN718" s="613"/>
      <c r="ELO718" s="613"/>
      <c r="ELP718" s="613"/>
      <c r="ELQ718" s="613"/>
      <c r="ELR718" s="613"/>
      <c r="ELS718" s="613"/>
      <c r="ELT718" s="613"/>
      <c r="ELU718" s="613"/>
      <c r="ELV718" s="613"/>
      <c r="ELW718" s="613"/>
      <c r="ELX718" s="613"/>
      <c r="ELY718" s="613"/>
      <c r="ELZ718" s="613"/>
      <c r="EMA718" s="613"/>
      <c r="EMB718" s="613"/>
      <c r="EMC718" s="613"/>
      <c r="EMD718" s="613"/>
      <c r="EME718" s="613"/>
      <c r="EMF718" s="613"/>
      <c r="EMG718" s="613"/>
      <c r="EMH718" s="613"/>
      <c r="EMI718" s="613"/>
      <c r="EMJ718" s="613"/>
      <c r="EMK718" s="613"/>
      <c r="EML718" s="613"/>
      <c r="EMM718" s="613"/>
      <c r="EMN718" s="613"/>
      <c r="EMO718" s="613"/>
      <c r="EMP718" s="613"/>
      <c r="EMQ718" s="613"/>
      <c r="EMR718" s="613"/>
      <c r="EMS718" s="613"/>
      <c r="EMT718" s="613"/>
      <c r="EMU718" s="613"/>
      <c r="EMV718" s="613"/>
      <c r="EMW718" s="613"/>
      <c r="EMX718" s="613"/>
      <c r="EMY718" s="613"/>
      <c r="EMZ718" s="613"/>
      <c r="ENA718" s="613"/>
      <c r="ENB718" s="613"/>
      <c r="ENC718" s="613"/>
      <c r="END718" s="613"/>
      <c r="ENE718" s="613"/>
      <c r="ENF718" s="613"/>
      <c r="ENG718" s="613"/>
      <c r="ENH718" s="613"/>
      <c r="ENI718" s="613"/>
      <c r="ENJ718" s="613"/>
      <c r="ENK718" s="613"/>
      <c r="ENL718" s="613"/>
      <c r="ENM718" s="613"/>
      <c r="ENN718" s="613"/>
      <c r="ENO718" s="613"/>
      <c r="ENP718" s="613"/>
      <c r="ENQ718" s="613"/>
      <c r="ENR718" s="613"/>
      <c r="ENS718" s="613"/>
      <c r="ENT718" s="613"/>
      <c r="ENU718" s="613"/>
      <c r="ENV718" s="613"/>
      <c r="ENW718" s="613"/>
      <c r="ENX718" s="613"/>
      <c r="ENY718" s="613"/>
      <c r="ENZ718" s="613"/>
      <c r="EOA718" s="613"/>
      <c r="EOB718" s="613"/>
      <c r="EOC718" s="613"/>
      <c r="EOD718" s="613"/>
      <c r="EOE718" s="613"/>
      <c r="EOF718" s="613"/>
      <c r="EOG718" s="613"/>
      <c r="EOH718" s="613"/>
      <c r="EOI718" s="613"/>
      <c r="EOJ718" s="613"/>
      <c r="EOK718" s="613"/>
      <c r="EOL718" s="613"/>
      <c r="EOM718" s="613"/>
      <c r="EON718" s="613"/>
      <c r="EOO718" s="613"/>
      <c r="EOP718" s="613"/>
      <c r="EOQ718" s="613"/>
      <c r="EOR718" s="613"/>
      <c r="EOS718" s="613"/>
      <c r="EOT718" s="613"/>
      <c r="EOU718" s="613"/>
      <c r="EOV718" s="613"/>
      <c r="EOW718" s="613"/>
      <c r="EOX718" s="613"/>
      <c r="EOY718" s="613"/>
      <c r="EOZ718" s="613"/>
      <c r="EPA718" s="613"/>
      <c r="EPB718" s="613"/>
      <c r="EPC718" s="613"/>
      <c r="EPD718" s="613"/>
      <c r="EPE718" s="613"/>
      <c r="EPF718" s="613"/>
      <c r="EPG718" s="613"/>
      <c r="EPH718" s="613"/>
      <c r="EPI718" s="613"/>
      <c r="EPJ718" s="613"/>
      <c r="EPK718" s="613"/>
      <c r="EPL718" s="613"/>
      <c r="EPM718" s="613"/>
      <c r="EPN718" s="613"/>
      <c r="EPO718" s="613"/>
      <c r="EPP718" s="613"/>
      <c r="EPQ718" s="613"/>
      <c r="EPR718" s="613"/>
      <c r="EPS718" s="613"/>
      <c r="EPT718" s="613"/>
      <c r="EPU718" s="613"/>
      <c r="EPV718" s="613"/>
      <c r="EPW718" s="613"/>
      <c r="EPX718" s="613"/>
      <c r="EPY718" s="613"/>
      <c r="EPZ718" s="613"/>
      <c r="EQA718" s="613"/>
      <c r="EQB718" s="613"/>
      <c r="EQC718" s="613"/>
      <c r="EQD718" s="613"/>
      <c r="EQE718" s="613"/>
      <c r="EQF718" s="613"/>
      <c r="EQG718" s="613"/>
      <c r="EQH718" s="613"/>
      <c r="EQI718" s="613"/>
      <c r="EQJ718" s="613"/>
      <c r="EQK718" s="613"/>
      <c r="EQL718" s="613"/>
      <c r="EQM718" s="613"/>
      <c r="EQN718" s="613"/>
      <c r="EQO718" s="613"/>
      <c r="EQP718" s="613"/>
      <c r="EQQ718" s="613"/>
      <c r="EQR718" s="613"/>
      <c r="EQS718" s="613"/>
      <c r="EQT718" s="613"/>
      <c r="EQU718" s="613"/>
      <c r="EQV718" s="613"/>
      <c r="EQW718" s="613"/>
      <c r="EQX718" s="613"/>
      <c r="EQY718" s="613"/>
      <c r="EQZ718" s="613"/>
      <c r="ERA718" s="613"/>
      <c r="ERB718" s="613"/>
      <c r="ERC718" s="613"/>
      <c r="ERD718" s="613"/>
      <c r="ERE718" s="613"/>
      <c r="ERF718" s="613"/>
      <c r="ERG718" s="613"/>
      <c r="ERH718" s="613"/>
      <c r="ERI718" s="613"/>
      <c r="ERJ718" s="613"/>
      <c r="ERK718" s="613"/>
      <c r="ERL718" s="613"/>
      <c r="ERM718" s="613"/>
      <c r="ERN718" s="613"/>
      <c r="ERO718" s="613"/>
      <c r="ERP718" s="613"/>
      <c r="ERQ718" s="613"/>
      <c r="ERR718" s="613"/>
      <c r="ERS718" s="613"/>
      <c r="ERT718" s="613"/>
      <c r="ERU718" s="613"/>
      <c r="ERV718" s="613"/>
      <c r="ERW718" s="613"/>
      <c r="ERX718" s="613"/>
      <c r="ERY718" s="613"/>
      <c r="ERZ718" s="613"/>
      <c r="ESA718" s="613"/>
      <c r="ESB718" s="613"/>
      <c r="ESC718" s="613"/>
      <c r="ESD718" s="613"/>
      <c r="ESE718" s="613"/>
      <c r="ESF718" s="613"/>
      <c r="ESG718" s="613"/>
      <c r="ESH718" s="613"/>
      <c r="ESI718" s="613"/>
      <c r="ESJ718" s="613"/>
      <c r="ESK718" s="613"/>
      <c r="ESL718" s="613"/>
      <c r="ESM718" s="613"/>
      <c r="ESN718" s="613"/>
      <c r="ESO718" s="613"/>
      <c r="ESP718" s="613"/>
      <c r="ESQ718" s="613"/>
      <c r="ESR718" s="613"/>
      <c r="ESS718" s="613"/>
      <c r="EST718" s="613"/>
      <c r="ESU718" s="613"/>
      <c r="ESV718" s="613"/>
      <c r="ESW718" s="613"/>
      <c r="ESX718" s="613"/>
      <c r="ESY718" s="613"/>
      <c r="ESZ718" s="613"/>
      <c r="ETA718" s="613"/>
      <c r="ETB718" s="613"/>
      <c r="ETC718" s="613"/>
      <c r="ETD718" s="613"/>
      <c r="ETE718" s="613"/>
      <c r="ETF718" s="613"/>
      <c r="ETG718" s="613"/>
      <c r="ETH718" s="613"/>
      <c r="ETI718" s="613"/>
      <c r="ETJ718" s="613"/>
      <c r="ETK718" s="613"/>
      <c r="ETL718" s="613"/>
      <c r="ETM718" s="613"/>
      <c r="ETN718" s="613"/>
      <c r="ETO718" s="613"/>
      <c r="ETP718" s="613"/>
      <c r="ETQ718" s="613"/>
      <c r="ETR718" s="613"/>
      <c r="ETS718" s="613"/>
      <c r="ETT718" s="613"/>
      <c r="ETU718" s="613"/>
      <c r="ETV718" s="613"/>
      <c r="ETW718" s="613"/>
      <c r="ETX718" s="613"/>
      <c r="ETY718" s="613"/>
      <c r="ETZ718" s="613"/>
      <c r="EUA718" s="613"/>
      <c r="EUB718" s="613"/>
      <c r="EUC718" s="613"/>
      <c r="EUD718" s="613"/>
      <c r="EUE718" s="613"/>
      <c r="EUF718" s="613"/>
      <c r="EUG718" s="613"/>
      <c r="EUH718" s="613"/>
      <c r="EUI718" s="613"/>
      <c r="EUJ718" s="613"/>
      <c r="EUK718" s="613"/>
      <c r="EUL718" s="613"/>
      <c r="EUM718" s="613"/>
      <c r="EUN718" s="613"/>
      <c r="EUO718" s="613"/>
      <c r="EUP718" s="613"/>
      <c r="EUQ718" s="613"/>
      <c r="EUR718" s="613"/>
      <c r="EUS718" s="613"/>
      <c r="EUT718" s="613"/>
      <c r="EUU718" s="613"/>
      <c r="EUV718" s="613"/>
      <c r="EUW718" s="613"/>
      <c r="EUX718" s="613"/>
      <c r="EUY718" s="613"/>
      <c r="EUZ718" s="613"/>
      <c r="EVA718" s="613"/>
      <c r="EVB718" s="613"/>
      <c r="EVC718" s="613"/>
      <c r="EVD718" s="613"/>
      <c r="EVE718" s="613"/>
      <c r="EVF718" s="613"/>
      <c r="EVG718" s="613"/>
      <c r="EVH718" s="613"/>
      <c r="EVI718" s="613"/>
      <c r="EVJ718" s="613"/>
      <c r="EVK718" s="613"/>
      <c r="EVL718" s="613"/>
      <c r="EVM718" s="613"/>
      <c r="EVN718" s="613"/>
      <c r="EVO718" s="613"/>
      <c r="EVP718" s="613"/>
      <c r="EVQ718" s="613"/>
      <c r="EVR718" s="613"/>
      <c r="EVS718" s="613"/>
      <c r="EVT718" s="613"/>
      <c r="EVU718" s="613"/>
      <c r="EVV718" s="613"/>
      <c r="EVW718" s="613"/>
      <c r="EVX718" s="613"/>
      <c r="EVY718" s="613"/>
      <c r="EVZ718" s="613"/>
      <c r="EWA718" s="613"/>
      <c r="EWB718" s="613"/>
      <c r="EWC718" s="613"/>
      <c r="EWD718" s="613"/>
      <c r="EWE718" s="613"/>
      <c r="EWF718" s="613"/>
      <c r="EWG718" s="613"/>
      <c r="EWH718" s="613"/>
      <c r="EWI718" s="613"/>
      <c r="EWJ718" s="613"/>
      <c r="EWK718" s="613"/>
      <c r="EWL718" s="613"/>
      <c r="EWM718" s="613"/>
      <c r="EWN718" s="613"/>
      <c r="EWO718" s="613"/>
      <c r="EWP718" s="613"/>
      <c r="EWQ718" s="613"/>
      <c r="EWR718" s="613"/>
      <c r="EWS718" s="613"/>
      <c r="EWT718" s="613"/>
      <c r="EWU718" s="613"/>
      <c r="EWV718" s="613"/>
      <c r="EWW718" s="613"/>
      <c r="EWX718" s="613"/>
      <c r="EWY718" s="613"/>
      <c r="EWZ718" s="613"/>
      <c r="EXA718" s="613"/>
      <c r="EXB718" s="613"/>
      <c r="EXC718" s="613"/>
      <c r="EXD718" s="613"/>
      <c r="EXE718" s="613"/>
      <c r="EXF718" s="613"/>
      <c r="EXG718" s="613"/>
      <c r="EXH718" s="613"/>
      <c r="EXI718" s="613"/>
      <c r="EXJ718" s="613"/>
      <c r="EXK718" s="613"/>
      <c r="EXL718" s="613"/>
      <c r="EXM718" s="613"/>
      <c r="EXN718" s="613"/>
      <c r="EXO718" s="613"/>
      <c r="EXP718" s="613"/>
      <c r="EXQ718" s="613"/>
      <c r="EXR718" s="613"/>
      <c r="EXS718" s="613"/>
      <c r="EXT718" s="613"/>
      <c r="EXU718" s="613"/>
      <c r="EXV718" s="613"/>
      <c r="EXW718" s="613"/>
      <c r="EXX718" s="613"/>
      <c r="EXY718" s="613"/>
      <c r="EXZ718" s="613"/>
      <c r="EYA718" s="613"/>
      <c r="EYB718" s="613"/>
      <c r="EYC718" s="613"/>
      <c r="EYD718" s="613"/>
      <c r="EYE718" s="613"/>
      <c r="EYF718" s="613"/>
      <c r="EYG718" s="613"/>
      <c r="EYH718" s="613"/>
      <c r="EYI718" s="613"/>
      <c r="EYJ718" s="613"/>
      <c r="EYK718" s="613"/>
      <c r="EYL718" s="613"/>
      <c r="EYM718" s="613"/>
      <c r="EYN718" s="613"/>
      <c r="EYO718" s="613"/>
      <c r="EYP718" s="613"/>
      <c r="EYQ718" s="613"/>
      <c r="EYR718" s="613"/>
      <c r="EYS718" s="613"/>
      <c r="EYT718" s="613"/>
      <c r="EYU718" s="613"/>
      <c r="EYV718" s="613"/>
      <c r="EYW718" s="613"/>
      <c r="EYX718" s="613"/>
      <c r="EYY718" s="613"/>
      <c r="EYZ718" s="613"/>
      <c r="EZA718" s="613"/>
      <c r="EZB718" s="613"/>
      <c r="EZC718" s="613"/>
      <c r="EZD718" s="613"/>
      <c r="EZE718" s="613"/>
      <c r="EZF718" s="613"/>
      <c r="EZG718" s="613"/>
      <c r="EZH718" s="613"/>
      <c r="EZI718" s="613"/>
      <c r="EZJ718" s="613"/>
      <c r="EZK718" s="613"/>
      <c r="EZL718" s="613"/>
      <c r="EZM718" s="613"/>
      <c r="EZN718" s="613"/>
      <c r="EZO718" s="613"/>
      <c r="EZP718" s="613"/>
      <c r="EZQ718" s="613"/>
      <c r="EZR718" s="613"/>
      <c r="EZS718" s="613"/>
      <c r="EZT718" s="613"/>
      <c r="EZU718" s="613"/>
      <c r="EZV718" s="613"/>
      <c r="EZW718" s="613"/>
      <c r="EZX718" s="613"/>
      <c r="EZY718" s="613"/>
      <c r="EZZ718" s="613"/>
      <c r="FAA718" s="613"/>
      <c r="FAB718" s="613"/>
      <c r="FAC718" s="613"/>
      <c r="FAD718" s="613"/>
      <c r="FAE718" s="613"/>
      <c r="FAF718" s="613"/>
      <c r="FAG718" s="613"/>
      <c r="FAH718" s="613"/>
      <c r="FAI718" s="613"/>
      <c r="FAJ718" s="613"/>
      <c r="FAK718" s="613"/>
      <c r="FAL718" s="613"/>
      <c r="FAM718" s="613"/>
      <c r="FAN718" s="613"/>
      <c r="FAO718" s="613"/>
      <c r="FAP718" s="613"/>
      <c r="FAQ718" s="613"/>
      <c r="FAR718" s="613"/>
      <c r="FAS718" s="613"/>
      <c r="FAT718" s="613"/>
      <c r="FAU718" s="613"/>
      <c r="FAV718" s="613"/>
      <c r="FAW718" s="613"/>
      <c r="FAX718" s="613"/>
      <c r="FAY718" s="613"/>
      <c r="FAZ718" s="613"/>
      <c r="FBA718" s="613"/>
      <c r="FBB718" s="613"/>
      <c r="FBC718" s="613"/>
      <c r="FBD718" s="613"/>
      <c r="FBE718" s="613"/>
      <c r="FBF718" s="613"/>
      <c r="FBG718" s="613"/>
      <c r="FBH718" s="613"/>
      <c r="FBI718" s="613"/>
      <c r="FBJ718" s="613"/>
      <c r="FBK718" s="613"/>
      <c r="FBL718" s="613"/>
      <c r="FBM718" s="613"/>
      <c r="FBN718" s="613"/>
      <c r="FBO718" s="613"/>
      <c r="FBP718" s="613"/>
      <c r="FBQ718" s="613"/>
      <c r="FBR718" s="613"/>
      <c r="FBS718" s="613"/>
      <c r="FBT718" s="613"/>
      <c r="FBU718" s="613"/>
      <c r="FBV718" s="613"/>
      <c r="FBW718" s="613"/>
      <c r="FBX718" s="613"/>
      <c r="FBY718" s="613"/>
      <c r="FBZ718" s="613"/>
      <c r="FCA718" s="613"/>
      <c r="FCB718" s="613"/>
      <c r="FCC718" s="613"/>
      <c r="FCD718" s="613"/>
      <c r="FCE718" s="613"/>
      <c r="FCF718" s="613"/>
      <c r="FCG718" s="613"/>
      <c r="FCH718" s="613"/>
      <c r="FCI718" s="613"/>
      <c r="FCJ718" s="613"/>
      <c r="FCK718" s="613"/>
      <c r="FCL718" s="613"/>
      <c r="FCM718" s="613"/>
      <c r="FCN718" s="613"/>
      <c r="FCO718" s="613"/>
      <c r="FCP718" s="613"/>
      <c r="FCQ718" s="613"/>
      <c r="FCR718" s="613"/>
      <c r="FCS718" s="613"/>
      <c r="FCT718" s="613"/>
      <c r="FCU718" s="613"/>
      <c r="FCV718" s="613"/>
      <c r="FCW718" s="613"/>
      <c r="FCX718" s="613"/>
      <c r="FCY718" s="613"/>
      <c r="FCZ718" s="613"/>
      <c r="FDA718" s="613"/>
      <c r="FDB718" s="613"/>
      <c r="FDC718" s="613"/>
      <c r="FDD718" s="613"/>
      <c r="FDE718" s="613"/>
      <c r="FDF718" s="613"/>
      <c r="FDG718" s="613"/>
      <c r="FDH718" s="613"/>
      <c r="FDI718" s="613"/>
      <c r="FDJ718" s="613"/>
      <c r="FDK718" s="613"/>
      <c r="FDL718" s="613"/>
      <c r="FDM718" s="613"/>
      <c r="FDN718" s="613"/>
      <c r="FDO718" s="613"/>
      <c r="FDP718" s="613"/>
      <c r="FDQ718" s="613"/>
      <c r="FDR718" s="613"/>
      <c r="FDS718" s="613"/>
      <c r="FDT718" s="613"/>
      <c r="FDU718" s="613"/>
      <c r="FDV718" s="613"/>
      <c r="FDW718" s="613"/>
      <c r="FDX718" s="613"/>
      <c r="FDY718" s="613"/>
      <c r="FDZ718" s="613"/>
      <c r="FEA718" s="613"/>
      <c r="FEB718" s="613"/>
      <c r="FEC718" s="613"/>
      <c r="FED718" s="613"/>
      <c r="FEE718" s="613"/>
      <c r="FEF718" s="613"/>
      <c r="FEG718" s="613"/>
      <c r="FEH718" s="613"/>
      <c r="FEI718" s="613"/>
      <c r="FEJ718" s="613"/>
      <c r="FEK718" s="613"/>
      <c r="FEL718" s="613"/>
      <c r="FEM718" s="613"/>
      <c r="FEN718" s="613"/>
      <c r="FEO718" s="613"/>
      <c r="FEP718" s="613"/>
      <c r="FEQ718" s="613"/>
      <c r="FER718" s="613"/>
      <c r="FES718" s="613"/>
      <c r="FET718" s="613"/>
      <c r="FEU718" s="613"/>
      <c r="FEV718" s="613"/>
      <c r="FEW718" s="613"/>
      <c r="FEX718" s="613"/>
      <c r="FEY718" s="613"/>
      <c r="FEZ718" s="613"/>
      <c r="FFA718" s="613"/>
      <c r="FFB718" s="613"/>
      <c r="FFC718" s="613"/>
      <c r="FFD718" s="613"/>
      <c r="FFE718" s="613"/>
      <c r="FFF718" s="613"/>
      <c r="FFG718" s="613"/>
      <c r="FFH718" s="613"/>
      <c r="FFI718" s="613"/>
      <c r="FFJ718" s="613"/>
      <c r="FFK718" s="613"/>
      <c r="FFL718" s="613"/>
      <c r="FFM718" s="613"/>
      <c r="FFN718" s="613"/>
      <c r="FFO718" s="613"/>
      <c r="FFP718" s="613"/>
      <c r="FFQ718" s="613"/>
      <c r="FFR718" s="613"/>
      <c r="FFS718" s="613"/>
      <c r="FFT718" s="613"/>
      <c r="FFU718" s="613"/>
      <c r="FFV718" s="613"/>
      <c r="FFW718" s="613"/>
      <c r="FFX718" s="613"/>
      <c r="FFY718" s="613"/>
      <c r="FFZ718" s="613"/>
      <c r="FGA718" s="613"/>
      <c r="FGB718" s="613"/>
      <c r="FGC718" s="613"/>
      <c r="FGD718" s="613"/>
      <c r="FGE718" s="613"/>
      <c r="FGF718" s="613"/>
      <c r="FGG718" s="613"/>
      <c r="FGH718" s="613"/>
      <c r="FGI718" s="613"/>
      <c r="FGJ718" s="613"/>
      <c r="FGK718" s="613"/>
      <c r="FGL718" s="613"/>
      <c r="FGM718" s="613"/>
      <c r="FGN718" s="613"/>
      <c r="FGO718" s="613"/>
      <c r="FGP718" s="613"/>
      <c r="FGQ718" s="613"/>
      <c r="FGR718" s="613"/>
      <c r="FGS718" s="613"/>
      <c r="FGT718" s="613"/>
      <c r="FGU718" s="613"/>
      <c r="FGV718" s="613"/>
      <c r="FGW718" s="613"/>
      <c r="FGX718" s="613"/>
      <c r="FGY718" s="613"/>
      <c r="FGZ718" s="613"/>
      <c r="FHA718" s="613"/>
      <c r="FHB718" s="613"/>
      <c r="FHC718" s="613"/>
      <c r="FHD718" s="613"/>
      <c r="FHE718" s="613"/>
      <c r="FHF718" s="613"/>
      <c r="FHG718" s="613"/>
      <c r="FHH718" s="613"/>
      <c r="FHI718" s="613"/>
      <c r="FHJ718" s="613"/>
      <c r="FHK718" s="613"/>
      <c r="FHL718" s="613"/>
      <c r="FHM718" s="613"/>
      <c r="FHN718" s="613"/>
      <c r="FHO718" s="613"/>
      <c r="FHP718" s="613"/>
      <c r="FHQ718" s="613"/>
      <c r="FHR718" s="613"/>
      <c r="FHS718" s="613"/>
      <c r="FHT718" s="613"/>
      <c r="FHU718" s="613"/>
      <c r="FHV718" s="613"/>
      <c r="FHW718" s="613"/>
      <c r="FHX718" s="613"/>
      <c r="FHY718" s="613"/>
      <c r="FHZ718" s="613"/>
      <c r="FIA718" s="613"/>
      <c r="FIB718" s="613"/>
      <c r="FIC718" s="613"/>
      <c r="FID718" s="613"/>
      <c r="FIE718" s="613"/>
      <c r="FIF718" s="613"/>
      <c r="FIG718" s="613"/>
      <c r="FIH718" s="613"/>
      <c r="FII718" s="613"/>
      <c r="FIJ718" s="613"/>
      <c r="FIK718" s="613"/>
      <c r="FIL718" s="613"/>
      <c r="FIM718" s="613"/>
      <c r="FIN718" s="613"/>
      <c r="FIO718" s="613"/>
      <c r="FIP718" s="613"/>
      <c r="FIQ718" s="613"/>
      <c r="FIR718" s="613"/>
      <c r="FIS718" s="613"/>
      <c r="FIT718" s="613"/>
      <c r="FIU718" s="613"/>
      <c r="FIV718" s="613"/>
      <c r="FIW718" s="613"/>
      <c r="FIX718" s="613"/>
      <c r="FIY718" s="613"/>
      <c r="FIZ718" s="613"/>
      <c r="FJA718" s="613"/>
      <c r="FJB718" s="613"/>
      <c r="FJC718" s="613"/>
      <c r="FJD718" s="613"/>
      <c r="FJE718" s="613"/>
      <c r="FJF718" s="613"/>
      <c r="FJG718" s="613"/>
      <c r="FJH718" s="613"/>
      <c r="FJI718" s="613"/>
      <c r="FJJ718" s="613"/>
      <c r="FJK718" s="613"/>
      <c r="FJL718" s="613"/>
      <c r="FJM718" s="613"/>
      <c r="FJN718" s="613"/>
      <c r="FJO718" s="613"/>
      <c r="FJP718" s="613"/>
      <c r="FJQ718" s="613"/>
      <c r="FJR718" s="613"/>
      <c r="FJS718" s="613"/>
      <c r="FJT718" s="613"/>
      <c r="FJU718" s="613"/>
      <c r="FJV718" s="613"/>
      <c r="FJW718" s="613"/>
      <c r="FJX718" s="613"/>
      <c r="FJY718" s="613"/>
      <c r="FJZ718" s="613"/>
      <c r="FKA718" s="613"/>
      <c r="FKB718" s="613"/>
      <c r="FKC718" s="613"/>
      <c r="FKD718" s="613"/>
      <c r="FKE718" s="613"/>
      <c r="FKF718" s="613"/>
      <c r="FKG718" s="613"/>
      <c r="FKH718" s="613"/>
      <c r="FKI718" s="613"/>
      <c r="FKJ718" s="613"/>
      <c r="FKK718" s="613"/>
      <c r="FKL718" s="613"/>
      <c r="FKM718" s="613"/>
      <c r="FKN718" s="613"/>
      <c r="FKO718" s="613"/>
      <c r="FKP718" s="613"/>
      <c r="FKQ718" s="613"/>
      <c r="FKR718" s="613"/>
      <c r="FKS718" s="613"/>
      <c r="FKT718" s="613"/>
      <c r="FKU718" s="613"/>
      <c r="FKV718" s="613"/>
      <c r="FKW718" s="613"/>
      <c r="FKX718" s="613"/>
      <c r="FKY718" s="613"/>
      <c r="FKZ718" s="613"/>
      <c r="FLA718" s="613"/>
      <c r="FLB718" s="613"/>
      <c r="FLC718" s="613"/>
      <c r="FLD718" s="613"/>
      <c r="FLE718" s="613"/>
      <c r="FLF718" s="613"/>
      <c r="FLG718" s="613"/>
      <c r="FLH718" s="613"/>
      <c r="FLI718" s="613"/>
      <c r="FLJ718" s="613"/>
      <c r="FLK718" s="613"/>
      <c r="FLL718" s="613"/>
      <c r="FLM718" s="613"/>
      <c r="FLN718" s="613"/>
      <c r="FLO718" s="613"/>
      <c r="FLP718" s="613"/>
      <c r="FLQ718" s="613"/>
      <c r="FLR718" s="613"/>
      <c r="FLS718" s="613"/>
      <c r="FLT718" s="613"/>
      <c r="FLU718" s="613"/>
      <c r="FLV718" s="613"/>
      <c r="FLW718" s="613"/>
      <c r="FLX718" s="613"/>
      <c r="FLY718" s="613"/>
      <c r="FLZ718" s="613"/>
      <c r="FMA718" s="613"/>
      <c r="FMB718" s="613"/>
      <c r="FMC718" s="613"/>
      <c r="FMD718" s="613"/>
      <c r="FME718" s="613"/>
      <c r="FMF718" s="613"/>
      <c r="FMG718" s="613"/>
      <c r="FMH718" s="613"/>
      <c r="FMI718" s="613"/>
      <c r="FMJ718" s="613"/>
      <c r="FMK718" s="613"/>
      <c r="FML718" s="613"/>
      <c r="FMM718" s="613"/>
      <c r="FMN718" s="613"/>
      <c r="FMO718" s="613"/>
      <c r="FMP718" s="613"/>
      <c r="FMQ718" s="613"/>
      <c r="FMR718" s="613"/>
      <c r="FMS718" s="613"/>
      <c r="FMT718" s="613"/>
      <c r="FMU718" s="613"/>
      <c r="FMV718" s="613"/>
      <c r="FMW718" s="613"/>
      <c r="FMX718" s="613"/>
      <c r="FMY718" s="613"/>
      <c r="FMZ718" s="613"/>
      <c r="FNA718" s="613"/>
      <c r="FNB718" s="613"/>
      <c r="FNC718" s="613"/>
      <c r="FND718" s="613"/>
      <c r="FNE718" s="613"/>
      <c r="FNF718" s="613"/>
      <c r="FNG718" s="613"/>
      <c r="FNH718" s="613"/>
      <c r="FNI718" s="613"/>
      <c r="FNJ718" s="613"/>
      <c r="FNK718" s="613"/>
      <c r="FNL718" s="613"/>
      <c r="FNM718" s="613"/>
      <c r="FNN718" s="613"/>
      <c r="FNO718" s="613"/>
      <c r="FNP718" s="613"/>
      <c r="FNQ718" s="613"/>
      <c r="FNR718" s="613"/>
      <c r="FNS718" s="613"/>
      <c r="FNT718" s="613"/>
      <c r="FNU718" s="613"/>
      <c r="FNV718" s="613"/>
      <c r="FNW718" s="613"/>
      <c r="FNX718" s="613"/>
      <c r="FNY718" s="613"/>
      <c r="FNZ718" s="613"/>
      <c r="FOA718" s="613"/>
      <c r="FOB718" s="613"/>
      <c r="FOC718" s="613"/>
      <c r="FOD718" s="613"/>
      <c r="FOE718" s="613"/>
      <c r="FOF718" s="613"/>
      <c r="FOG718" s="613"/>
      <c r="FOH718" s="613"/>
      <c r="FOI718" s="613"/>
      <c r="FOJ718" s="613"/>
      <c r="FOK718" s="613"/>
      <c r="FOL718" s="613"/>
      <c r="FOM718" s="613"/>
      <c r="FON718" s="613"/>
      <c r="FOO718" s="613"/>
      <c r="FOP718" s="613"/>
      <c r="FOQ718" s="613"/>
      <c r="FOR718" s="613"/>
      <c r="FOS718" s="613"/>
      <c r="FOT718" s="613"/>
      <c r="FOU718" s="613"/>
      <c r="FOV718" s="613"/>
      <c r="FOW718" s="613"/>
      <c r="FOX718" s="613"/>
      <c r="FOY718" s="613"/>
      <c r="FOZ718" s="613"/>
      <c r="FPA718" s="613"/>
      <c r="FPB718" s="613"/>
      <c r="FPC718" s="613"/>
      <c r="FPD718" s="613"/>
      <c r="FPE718" s="613"/>
      <c r="FPF718" s="613"/>
      <c r="FPG718" s="613"/>
      <c r="FPH718" s="613"/>
      <c r="FPI718" s="613"/>
      <c r="FPJ718" s="613"/>
      <c r="FPK718" s="613"/>
      <c r="FPL718" s="613"/>
      <c r="FPM718" s="613"/>
      <c r="FPN718" s="613"/>
      <c r="FPO718" s="613"/>
      <c r="FPP718" s="613"/>
      <c r="FPQ718" s="613"/>
      <c r="FPR718" s="613"/>
      <c r="FPS718" s="613"/>
      <c r="FPT718" s="613"/>
      <c r="FPU718" s="613"/>
      <c r="FPV718" s="613"/>
      <c r="FPW718" s="613"/>
      <c r="FPX718" s="613"/>
      <c r="FPY718" s="613"/>
      <c r="FPZ718" s="613"/>
      <c r="FQA718" s="613"/>
      <c r="FQB718" s="613"/>
      <c r="FQC718" s="613"/>
      <c r="FQD718" s="613"/>
      <c r="FQE718" s="613"/>
      <c r="FQF718" s="613"/>
      <c r="FQG718" s="613"/>
      <c r="FQH718" s="613"/>
      <c r="FQI718" s="613"/>
      <c r="FQJ718" s="613"/>
      <c r="FQK718" s="613"/>
      <c r="FQL718" s="613"/>
      <c r="FQM718" s="613"/>
      <c r="FQN718" s="613"/>
      <c r="FQO718" s="613"/>
      <c r="FQP718" s="613"/>
      <c r="FQQ718" s="613"/>
      <c r="FQR718" s="613"/>
      <c r="FQS718" s="613"/>
      <c r="FQT718" s="613"/>
      <c r="FQU718" s="613"/>
      <c r="FQV718" s="613"/>
      <c r="FQW718" s="613"/>
      <c r="FQX718" s="613"/>
      <c r="FQY718" s="613"/>
      <c r="FQZ718" s="613"/>
      <c r="FRA718" s="613"/>
      <c r="FRB718" s="613"/>
      <c r="FRC718" s="613"/>
      <c r="FRD718" s="613"/>
      <c r="FRE718" s="613"/>
      <c r="FRF718" s="613"/>
      <c r="FRG718" s="613"/>
      <c r="FRH718" s="613"/>
      <c r="FRI718" s="613"/>
      <c r="FRJ718" s="613"/>
      <c r="FRK718" s="613"/>
      <c r="FRL718" s="613"/>
      <c r="FRM718" s="613"/>
      <c r="FRN718" s="613"/>
      <c r="FRO718" s="613"/>
      <c r="FRP718" s="613"/>
      <c r="FRQ718" s="613"/>
      <c r="FRR718" s="613"/>
      <c r="FRS718" s="613"/>
      <c r="FRT718" s="613"/>
      <c r="FRU718" s="613"/>
      <c r="FRV718" s="613"/>
      <c r="FRW718" s="613"/>
      <c r="FRX718" s="613"/>
      <c r="FRY718" s="613"/>
      <c r="FRZ718" s="613"/>
      <c r="FSA718" s="613"/>
      <c r="FSB718" s="613"/>
      <c r="FSC718" s="613"/>
      <c r="FSD718" s="613"/>
      <c r="FSE718" s="613"/>
      <c r="FSF718" s="613"/>
      <c r="FSG718" s="613"/>
      <c r="FSH718" s="613"/>
      <c r="FSI718" s="613"/>
      <c r="FSJ718" s="613"/>
      <c r="FSK718" s="613"/>
      <c r="FSL718" s="613"/>
      <c r="FSM718" s="613"/>
      <c r="FSN718" s="613"/>
      <c r="FSO718" s="613"/>
      <c r="FSP718" s="613"/>
      <c r="FSQ718" s="613"/>
      <c r="FSR718" s="613"/>
      <c r="FSS718" s="613"/>
      <c r="FST718" s="613"/>
      <c r="FSU718" s="613"/>
      <c r="FSV718" s="613"/>
      <c r="FSW718" s="613"/>
      <c r="FSX718" s="613"/>
      <c r="FSY718" s="613"/>
      <c r="FSZ718" s="613"/>
      <c r="FTA718" s="613"/>
      <c r="FTB718" s="613"/>
      <c r="FTC718" s="613"/>
      <c r="FTD718" s="613"/>
      <c r="FTE718" s="613"/>
      <c r="FTF718" s="613"/>
      <c r="FTG718" s="613"/>
      <c r="FTH718" s="613"/>
      <c r="FTI718" s="613"/>
      <c r="FTJ718" s="613"/>
      <c r="FTK718" s="613"/>
      <c r="FTL718" s="613"/>
      <c r="FTM718" s="613"/>
      <c r="FTN718" s="613"/>
      <c r="FTO718" s="613"/>
      <c r="FTP718" s="613"/>
      <c r="FTQ718" s="613"/>
      <c r="FTR718" s="613"/>
      <c r="FTS718" s="613"/>
      <c r="FTT718" s="613"/>
      <c r="FTU718" s="613"/>
      <c r="FTV718" s="613"/>
      <c r="FTW718" s="613"/>
      <c r="FTX718" s="613"/>
      <c r="FTY718" s="613"/>
      <c r="FTZ718" s="613"/>
      <c r="FUA718" s="613"/>
      <c r="FUB718" s="613"/>
      <c r="FUC718" s="613"/>
      <c r="FUD718" s="613"/>
      <c r="FUE718" s="613"/>
      <c r="FUF718" s="613"/>
      <c r="FUG718" s="613"/>
      <c r="FUH718" s="613"/>
      <c r="FUI718" s="613"/>
      <c r="FUJ718" s="613"/>
      <c r="FUK718" s="613"/>
      <c r="FUL718" s="613"/>
      <c r="FUM718" s="613"/>
      <c r="FUN718" s="613"/>
      <c r="FUO718" s="613"/>
      <c r="FUP718" s="613"/>
      <c r="FUQ718" s="613"/>
      <c r="FUR718" s="613"/>
      <c r="FUS718" s="613"/>
      <c r="FUT718" s="613"/>
      <c r="FUU718" s="613"/>
      <c r="FUV718" s="613"/>
      <c r="FUW718" s="613"/>
      <c r="FUX718" s="613"/>
      <c r="FUY718" s="613"/>
      <c r="FUZ718" s="613"/>
      <c r="FVA718" s="613"/>
      <c r="FVB718" s="613"/>
      <c r="FVC718" s="613"/>
      <c r="FVD718" s="613"/>
      <c r="FVE718" s="613"/>
      <c r="FVF718" s="613"/>
      <c r="FVG718" s="613"/>
      <c r="FVH718" s="613"/>
      <c r="FVI718" s="613"/>
      <c r="FVJ718" s="613"/>
      <c r="FVK718" s="613"/>
      <c r="FVL718" s="613"/>
      <c r="FVM718" s="613"/>
      <c r="FVN718" s="613"/>
      <c r="FVO718" s="613"/>
      <c r="FVP718" s="613"/>
      <c r="FVQ718" s="613"/>
      <c r="FVR718" s="613"/>
      <c r="FVS718" s="613"/>
      <c r="FVT718" s="613"/>
      <c r="FVU718" s="613"/>
      <c r="FVV718" s="613"/>
      <c r="FVW718" s="613"/>
      <c r="FVX718" s="613"/>
      <c r="FVY718" s="613"/>
      <c r="FVZ718" s="613"/>
      <c r="FWA718" s="613"/>
      <c r="FWB718" s="613"/>
      <c r="FWC718" s="613"/>
      <c r="FWD718" s="613"/>
      <c r="FWE718" s="613"/>
      <c r="FWF718" s="613"/>
      <c r="FWG718" s="613"/>
      <c r="FWH718" s="613"/>
      <c r="FWI718" s="613"/>
      <c r="FWJ718" s="613"/>
      <c r="FWK718" s="613"/>
      <c r="FWL718" s="613"/>
      <c r="FWM718" s="613"/>
      <c r="FWN718" s="613"/>
      <c r="FWO718" s="613"/>
      <c r="FWP718" s="613"/>
      <c r="FWQ718" s="613"/>
      <c r="FWR718" s="613"/>
      <c r="FWS718" s="613"/>
      <c r="FWT718" s="613"/>
      <c r="FWU718" s="613"/>
      <c r="FWV718" s="613"/>
      <c r="FWW718" s="613"/>
      <c r="FWX718" s="613"/>
      <c r="FWY718" s="613"/>
      <c r="FWZ718" s="613"/>
      <c r="FXA718" s="613"/>
      <c r="FXB718" s="613"/>
      <c r="FXC718" s="613"/>
      <c r="FXD718" s="613"/>
      <c r="FXE718" s="613"/>
      <c r="FXF718" s="613"/>
      <c r="FXG718" s="613"/>
      <c r="FXH718" s="613"/>
      <c r="FXI718" s="613"/>
      <c r="FXJ718" s="613"/>
      <c r="FXK718" s="613"/>
      <c r="FXL718" s="613"/>
      <c r="FXM718" s="613"/>
      <c r="FXN718" s="613"/>
      <c r="FXO718" s="613"/>
      <c r="FXP718" s="613"/>
      <c r="FXQ718" s="613"/>
      <c r="FXR718" s="613"/>
      <c r="FXS718" s="613"/>
      <c r="FXT718" s="613"/>
      <c r="FXU718" s="613"/>
      <c r="FXV718" s="613"/>
      <c r="FXW718" s="613"/>
      <c r="FXX718" s="613"/>
      <c r="FXY718" s="613"/>
      <c r="FXZ718" s="613"/>
      <c r="FYA718" s="613"/>
      <c r="FYB718" s="613"/>
      <c r="FYC718" s="613"/>
      <c r="FYD718" s="613"/>
      <c r="FYE718" s="613"/>
      <c r="FYF718" s="613"/>
      <c r="FYG718" s="613"/>
      <c r="FYH718" s="613"/>
      <c r="FYI718" s="613"/>
      <c r="FYJ718" s="613"/>
      <c r="FYK718" s="613"/>
      <c r="FYL718" s="613"/>
      <c r="FYM718" s="613"/>
      <c r="FYN718" s="613"/>
      <c r="FYO718" s="613"/>
      <c r="FYP718" s="613"/>
      <c r="FYQ718" s="613"/>
      <c r="FYR718" s="613"/>
      <c r="FYS718" s="613"/>
      <c r="FYT718" s="613"/>
      <c r="FYU718" s="613"/>
      <c r="FYV718" s="613"/>
      <c r="FYW718" s="613"/>
      <c r="FYX718" s="613"/>
      <c r="FYY718" s="613"/>
      <c r="FYZ718" s="613"/>
      <c r="FZA718" s="613"/>
      <c r="FZB718" s="613"/>
      <c r="FZC718" s="613"/>
      <c r="FZD718" s="613"/>
      <c r="FZE718" s="613"/>
      <c r="FZF718" s="613"/>
      <c r="FZG718" s="613"/>
      <c r="FZH718" s="613"/>
      <c r="FZI718" s="613"/>
      <c r="FZJ718" s="613"/>
      <c r="FZK718" s="613"/>
      <c r="FZL718" s="613"/>
      <c r="FZM718" s="613"/>
      <c r="FZN718" s="613"/>
      <c r="FZO718" s="613"/>
      <c r="FZP718" s="613"/>
      <c r="FZQ718" s="613"/>
      <c r="FZR718" s="613"/>
      <c r="FZS718" s="613"/>
      <c r="FZT718" s="613"/>
      <c r="FZU718" s="613"/>
      <c r="FZV718" s="613"/>
      <c r="FZW718" s="613"/>
      <c r="FZX718" s="613"/>
      <c r="FZY718" s="613"/>
      <c r="FZZ718" s="613"/>
      <c r="GAA718" s="613"/>
      <c r="GAB718" s="613"/>
      <c r="GAC718" s="613"/>
      <c r="GAD718" s="613"/>
      <c r="GAE718" s="613"/>
      <c r="GAF718" s="613"/>
      <c r="GAG718" s="613"/>
      <c r="GAH718" s="613"/>
      <c r="GAI718" s="613"/>
      <c r="GAJ718" s="613"/>
      <c r="GAK718" s="613"/>
      <c r="GAL718" s="613"/>
      <c r="GAM718" s="613"/>
      <c r="GAN718" s="613"/>
      <c r="GAO718" s="613"/>
      <c r="GAP718" s="613"/>
      <c r="GAQ718" s="613"/>
      <c r="GAR718" s="613"/>
      <c r="GAS718" s="613"/>
      <c r="GAT718" s="613"/>
      <c r="GAU718" s="613"/>
      <c r="GAV718" s="613"/>
      <c r="GAW718" s="613"/>
      <c r="GAX718" s="613"/>
      <c r="GAY718" s="613"/>
      <c r="GAZ718" s="613"/>
      <c r="GBA718" s="613"/>
      <c r="GBB718" s="613"/>
      <c r="GBC718" s="613"/>
      <c r="GBD718" s="613"/>
      <c r="GBE718" s="613"/>
      <c r="GBF718" s="613"/>
      <c r="GBG718" s="613"/>
      <c r="GBH718" s="613"/>
      <c r="GBI718" s="613"/>
      <c r="GBJ718" s="613"/>
      <c r="GBK718" s="613"/>
      <c r="GBL718" s="613"/>
      <c r="GBM718" s="613"/>
      <c r="GBN718" s="613"/>
      <c r="GBO718" s="613"/>
      <c r="GBP718" s="613"/>
      <c r="GBQ718" s="613"/>
      <c r="GBR718" s="613"/>
      <c r="GBS718" s="613"/>
      <c r="GBT718" s="613"/>
      <c r="GBU718" s="613"/>
      <c r="GBV718" s="613"/>
      <c r="GBW718" s="613"/>
      <c r="GBX718" s="613"/>
      <c r="GBY718" s="613"/>
      <c r="GBZ718" s="613"/>
      <c r="GCA718" s="613"/>
      <c r="GCB718" s="613"/>
      <c r="GCC718" s="613"/>
      <c r="GCD718" s="613"/>
      <c r="GCE718" s="613"/>
      <c r="GCF718" s="613"/>
      <c r="GCG718" s="613"/>
      <c r="GCH718" s="613"/>
      <c r="GCI718" s="613"/>
      <c r="GCJ718" s="613"/>
      <c r="GCK718" s="613"/>
      <c r="GCL718" s="613"/>
      <c r="GCM718" s="613"/>
      <c r="GCN718" s="613"/>
      <c r="GCO718" s="613"/>
      <c r="GCP718" s="613"/>
      <c r="GCQ718" s="613"/>
      <c r="GCR718" s="613"/>
      <c r="GCS718" s="613"/>
      <c r="GCT718" s="613"/>
      <c r="GCU718" s="613"/>
      <c r="GCV718" s="613"/>
      <c r="GCW718" s="613"/>
      <c r="GCX718" s="613"/>
      <c r="GCY718" s="613"/>
      <c r="GCZ718" s="613"/>
      <c r="GDA718" s="613"/>
      <c r="GDB718" s="613"/>
      <c r="GDC718" s="613"/>
      <c r="GDD718" s="613"/>
      <c r="GDE718" s="613"/>
      <c r="GDF718" s="613"/>
      <c r="GDG718" s="613"/>
      <c r="GDH718" s="613"/>
      <c r="GDI718" s="613"/>
      <c r="GDJ718" s="613"/>
      <c r="GDK718" s="613"/>
      <c r="GDL718" s="613"/>
      <c r="GDM718" s="613"/>
      <c r="GDN718" s="613"/>
      <c r="GDO718" s="613"/>
      <c r="GDP718" s="613"/>
      <c r="GDQ718" s="613"/>
      <c r="GDR718" s="613"/>
      <c r="GDS718" s="613"/>
      <c r="GDT718" s="613"/>
      <c r="GDU718" s="613"/>
      <c r="GDV718" s="613"/>
      <c r="GDW718" s="613"/>
      <c r="GDX718" s="613"/>
      <c r="GDY718" s="613"/>
      <c r="GDZ718" s="613"/>
      <c r="GEA718" s="613"/>
      <c r="GEB718" s="613"/>
      <c r="GEC718" s="613"/>
      <c r="GED718" s="613"/>
      <c r="GEE718" s="613"/>
      <c r="GEF718" s="613"/>
      <c r="GEG718" s="613"/>
      <c r="GEH718" s="613"/>
      <c r="GEI718" s="613"/>
      <c r="GEJ718" s="613"/>
      <c r="GEK718" s="613"/>
      <c r="GEL718" s="613"/>
      <c r="GEM718" s="613"/>
      <c r="GEN718" s="613"/>
      <c r="GEO718" s="613"/>
      <c r="GEP718" s="613"/>
      <c r="GEQ718" s="613"/>
      <c r="GER718" s="613"/>
      <c r="GES718" s="613"/>
      <c r="GET718" s="613"/>
      <c r="GEU718" s="613"/>
      <c r="GEV718" s="613"/>
      <c r="GEW718" s="613"/>
      <c r="GEX718" s="613"/>
      <c r="GEY718" s="613"/>
      <c r="GEZ718" s="613"/>
      <c r="GFA718" s="613"/>
      <c r="GFB718" s="613"/>
      <c r="GFC718" s="613"/>
      <c r="GFD718" s="613"/>
      <c r="GFE718" s="613"/>
      <c r="GFF718" s="613"/>
      <c r="GFG718" s="613"/>
      <c r="GFH718" s="613"/>
      <c r="GFI718" s="613"/>
      <c r="GFJ718" s="613"/>
      <c r="GFK718" s="613"/>
      <c r="GFL718" s="613"/>
      <c r="GFM718" s="613"/>
      <c r="GFN718" s="613"/>
      <c r="GFO718" s="613"/>
      <c r="GFP718" s="613"/>
      <c r="GFQ718" s="613"/>
      <c r="GFR718" s="613"/>
      <c r="GFS718" s="613"/>
      <c r="GFT718" s="613"/>
      <c r="GFU718" s="613"/>
      <c r="GFV718" s="613"/>
      <c r="GFW718" s="613"/>
      <c r="GFX718" s="613"/>
      <c r="GFY718" s="613"/>
      <c r="GFZ718" s="613"/>
      <c r="GGA718" s="613"/>
      <c r="GGB718" s="613"/>
      <c r="GGC718" s="613"/>
      <c r="GGD718" s="613"/>
      <c r="GGE718" s="613"/>
      <c r="GGF718" s="613"/>
      <c r="GGG718" s="613"/>
      <c r="GGH718" s="613"/>
      <c r="GGI718" s="613"/>
      <c r="GGJ718" s="613"/>
      <c r="GGK718" s="613"/>
      <c r="GGL718" s="613"/>
      <c r="GGM718" s="613"/>
      <c r="GGN718" s="613"/>
      <c r="GGO718" s="613"/>
      <c r="GGP718" s="613"/>
      <c r="GGQ718" s="613"/>
      <c r="GGR718" s="613"/>
      <c r="GGS718" s="613"/>
      <c r="GGT718" s="613"/>
      <c r="GGU718" s="613"/>
      <c r="GGV718" s="613"/>
      <c r="GGW718" s="613"/>
      <c r="GGX718" s="613"/>
      <c r="GGY718" s="613"/>
      <c r="GGZ718" s="613"/>
      <c r="GHA718" s="613"/>
      <c r="GHB718" s="613"/>
      <c r="GHC718" s="613"/>
      <c r="GHD718" s="613"/>
      <c r="GHE718" s="613"/>
      <c r="GHF718" s="613"/>
      <c r="GHG718" s="613"/>
      <c r="GHH718" s="613"/>
      <c r="GHI718" s="613"/>
      <c r="GHJ718" s="613"/>
      <c r="GHK718" s="613"/>
      <c r="GHL718" s="613"/>
      <c r="GHM718" s="613"/>
      <c r="GHN718" s="613"/>
      <c r="GHO718" s="613"/>
      <c r="GHP718" s="613"/>
      <c r="GHQ718" s="613"/>
      <c r="GHR718" s="613"/>
      <c r="GHS718" s="613"/>
      <c r="GHT718" s="613"/>
      <c r="GHU718" s="613"/>
      <c r="GHV718" s="613"/>
      <c r="GHW718" s="613"/>
      <c r="GHX718" s="613"/>
      <c r="GHY718" s="613"/>
      <c r="GHZ718" s="613"/>
      <c r="GIA718" s="613"/>
      <c r="GIB718" s="613"/>
      <c r="GIC718" s="613"/>
      <c r="GID718" s="613"/>
      <c r="GIE718" s="613"/>
      <c r="GIF718" s="613"/>
      <c r="GIG718" s="613"/>
      <c r="GIH718" s="613"/>
      <c r="GII718" s="613"/>
      <c r="GIJ718" s="613"/>
      <c r="GIK718" s="613"/>
      <c r="GIL718" s="613"/>
      <c r="GIM718" s="613"/>
      <c r="GIN718" s="613"/>
      <c r="GIO718" s="613"/>
      <c r="GIP718" s="613"/>
      <c r="GIQ718" s="613"/>
      <c r="GIR718" s="613"/>
      <c r="GIS718" s="613"/>
      <c r="GIT718" s="613"/>
      <c r="GIU718" s="613"/>
      <c r="GIV718" s="613"/>
      <c r="GIW718" s="613"/>
      <c r="GIX718" s="613"/>
      <c r="GIY718" s="613"/>
      <c r="GIZ718" s="613"/>
      <c r="GJA718" s="613"/>
      <c r="GJB718" s="613"/>
      <c r="GJC718" s="613"/>
      <c r="GJD718" s="613"/>
      <c r="GJE718" s="613"/>
      <c r="GJF718" s="613"/>
      <c r="GJG718" s="613"/>
      <c r="GJH718" s="613"/>
      <c r="GJI718" s="613"/>
      <c r="GJJ718" s="613"/>
      <c r="GJK718" s="613"/>
      <c r="GJL718" s="613"/>
      <c r="GJM718" s="613"/>
      <c r="GJN718" s="613"/>
      <c r="GJO718" s="613"/>
      <c r="GJP718" s="613"/>
      <c r="GJQ718" s="613"/>
      <c r="GJR718" s="613"/>
      <c r="GJS718" s="613"/>
      <c r="GJT718" s="613"/>
      <c r="GJU718" s="613"/>
      <c r="GJV718" s="613"/>
      <c r="GJW718" s="613"/>
      <c r="GJX718" s="613"/>
      <c r="GJY718" s="613"/>
      <c r="GJZ718" s="613"/>
      <c r="GKA718" s="613"/>
      <c r="GKB718" s="613"/>
      <c r="GKC718" s="613"/>
      <c r="GKD718" s="613"/>
      <c r="GKE718" s="613"/>
      <c r="GKF718" s="613"/>
      <c r="GKG718" s="613"/>
      <c r="GKH718" s="613"/>
      <c r="GKI718" s="613"/>
      <c r="GKJ718" s="613"/>
      <c r="GKK718" s="613"/>
      <c r="GKL718" s="613"/>
      <c r="GKM718" s="613"/>
      <c r="GKN718" s="613"/>
      <c r="GKO718" s="613"/>
      <c r="GKP718" s="613"/>
      <c r="GKQ718" s="613"/>
      <c r="GKR718" s="613"/>
      <c r="GKS718" s="613"/>
      <c r="GKT718" s="613"/>
      <c r="GKU718" s="613"/>
      <c r="GKV718" s="613"/>
      <c r="GKW718" s="613"/>
      <c r="GKX718" s="613"/>
      <c r="GKY718" s="613"/>
      <c r="GKZ718" s="613"/>
      <c r="GLA718" s="613"/>
      <c r="GLB718" s="613"/>
      <c r="GLC718" s="613"/>
      <c r="GLD718" s="613"/>
      <c r="GLE718" s="613"/>
      <c r="GLF718" s="613"/>
      <c r="GLG718" s="613"/>
      <c r="GLH718" s="613"/>
      <c r="GLI718" s="613"/>
      <c r="GLJ718" s="613"/>
      <c r="GLK718" s="613"/>
      <c r="GLL718" s="613"/>
      <c r="GLM718" s="613"/>
      <c r="GLN718" s="613"/>
      <c r="GLO718" s="613"/>
      <c r="GLP718" s="613"/>
      <c r="GLQ718" s="613"/>
      <c r="GLR718" s="613"/>
      <c r="GLS718" s="613"/>
      <c r="GLT718" s="613"/>
      <c r="GLU718" s="613"/>
      <c r="GLV718" s="613"/>
      <c r="GLW718" s="613"/>
      <c r="GLX718" s="613"/>
      <c r="GLY718" s="613"/>
      <c r="GLZ718" s="613"/>
      <c r="GMA718" s="613"/>
      <c r="GMB718" s="613"/>
      <c r="GMC718" s="613"/>
      <c r="GMD718" s="613"/>
      <c r="GME718" s="613"/>
      <c r="GMF718" s="613"/>
      <c r="GMG718" s="613"/>
      <c r="GMH718" s="613"/>
      <c r="GMI718" s="613"/>
      <c r="GMJ718" s="613"/>
      <c r="GMK718" s="613"/>
      <c r="GML718" s="613"/>
      <c r="GMM718" s="613"/>
      <c r="GMN718" s="613"/>
      <c r="GMO718" s="613"/>
      <c r="GMP718" s="613"/>
      <c r="GMQ718" s="613"/>
      <c r="GMR718" s="613"/>
      <c r="GMS718" s="613"/>
      <c r="GMT718" s="613"/>
      <c r="GMU718" s="613"/>
      <c r="GMV718" s="613"/>
      <c r="GMW718" s="613"/>
      <c r="GMX718" s="613"/>
      <c r="GMY718" s="613"/>
      <c r="GMZ718" s="613"/>
      <c r="GNA718" s="613"/>
      <c r="GNB718" s="613"/>
      <c r="GNC718" s="613"/>
      <c r="GND718" s="613"/>
      <c r="GNE718" s="613"/>
      <c r="GNF718" s="613"/>
      <c r="GNG718" s="613"/>
      <c r="GNH718" s="613"/>
      <c r="GNI718" s="613"/>
      <c r="GNJ718" s="613"/>
      <c r="GNK718" s="613"/>
      <c r="GNL718" s="613"/>
      <c r="GNM718" s="613"/>
      <c r="GNN718" s="613"/>
      <c r="GNO718" s="613"/>
      <c r="GNP718" s="613"/>
      <c r="GNQ718" s="613"/>
      <c r="GNR718" s="613"/>
      <c r="GNS718" s="613"/>
      <c r="GNT718" s="613"/>
      <c r="GNU718" s="613"/>
      <c r="GNV718" s="613"/>
      <c r="GNW718" s="613"/>
      <c r="GNX718" s="613"/>
      <c r="GNY718" s="613"/>
      <c r="GNZ718" s="613"/>
      <c r="GOA718" s="613"/>
      <c r="GOB718" s="613"/>
      <c r="GOC718" s="613"/>
      <c r="GOD718" s="613"/>
      <c r="GOE718" s="613"/>
      <c r="GOF718" s="613"/>
      <c r="GOG718" s="613"/>
      <c r="GOH718" s="613"/>
      <c r="GOI718" s="613"/>
      <c r="GOJ718" s="613"/>
      <c r="GOK718" s="613"/>
      <c r="GOL718" s="613"/>
      <c r="GOM718" s="613"/>
      <c r="GON718" s="613"/>
      <c r="GOO718" s="613"/>
      <c r="GOP718" s="613"/>
      <c r="GOQ718" s="613"/>
      <c r="GOR718" s="613"/>
      <c r="GOS718" s="613"/>
      <c r="GOT718" s="613"/>
      <c r="GOU718" s="613"/>
      <c r="GOV718" s="613"/>
      <c r="GOW718" s="613"/>
      <c r="GOX718" s="613"/>
      <c r="GOY718" s="613"/>
      <c r="GOZ718" s="613"/>
      <c r="GPA718" s="613"/>
      <c r="GPB718" s="613"/>
      <c r="GPC718" s="613"/>
      <c r="GPD718" s="613"/>
      <c r="GPE718" s="613"/>
      <c r="GPF718" s="613"/>
      <c r="GPG718" s="613"/>
      <c r="GPH718" s="613"/>
      <c r="GPI718" s="613"/>
      <c r="GPJ718" s="613"/>
      <c r="GPK718" s="613"/>
      <c r="GPL718" s="613"/>
      <c r="GPM718" s="613"/>
      <c r="GPN718" s="613"/>
      <c r="GPO718" s="613"/>
      <c r="GPP718" s="613"/>
      <c r="GPQ718" s="613"/>
      <c r="GPR718" s="613"/>
      <c r="GPS718" s="613"/>
      <c r="GPT718" s="613"/>
      <c r="GPU718" s="613"/>
      <c r="GPV718" s="613"/>
      <c r="GPW718" s="613"/>
      <c r="GPX718" s="613"/>
      <c r="GPY718" s="613"/>
      <c r="GPZ718" s="613"/>
      <c r="GQA718" s="613"/>
      <c r="GQB718" s="613"/>
      <c r="GQC718" s="613"/>
      <c r="GQD718" s="613"/>
      <c r="GQE718" s="613"/>
      <c r="GQF718" s="613"/>
      <c r="GQG718" s="613"/>
      <c r="GQH718" s="613"/>
      <c r="GQI718" s="613"/>
      <c r="GQJ718" s="613"/>
      <c r="GQK718" s="613"/>
      <c r="GQL718" s="613"/>
      <c r="GQM718" s="613"/>
      <c r="GQN718" s="613"/>
      <c r="GQO718" s="613"/>
      <c r="GQP718" s="613"/>
      <c r="GQQ718" s="613"/>
      <c r="GQR718" s="613"/>
      <c r="GQS718" s="613"/>
      <c r="GQT718" s="613"/>
      <c r="GQU718" s="613"/>
      <c r="GQV718" s="613"/>
      <c r="GQW718" s="613"/>
      <c r="GQX718" s="613"/>
      <c r="GQY718" s="613"/>
      <c r="GQZ718" s="613"/>
      <c r="GRA718" s="613"/>
      <c r="GRB718" s="613"/>
      <c r="GRC718" s="613"/>
      <c r="GRD718" s="613"/>
      <c r="GRE718" s="613"/>
      <c r="GRF718" s="613"/>
      <c r="GRG718" s="613"/>
      <c r="GRH718" s="613"/>
      <c r="GRI718" s="613"/>
      <c r="GRJ718" s="613"/>
      <c r="GRK718" s="613"/>
      <c r="GRL718" s="613"/>
      <c r="GRM718" s="613"/>
      <c r="GRN718" s="613"/>
      <c r="GRO718" s="613"/>
      <c r="GRP718" s="613"/>
      <c r="GRQ718" s="613"/>
      <c r="GRR718" s="613"/>
      <c r="GRS718" s="613"/>
      <c r="GRT718" s="613"/>
      <c r="GRU718" s="613"/>
      <c r="GRV718" s="613"/>
      <c r="GRW718" s="613"/>
      <c r="GRX718" s="613"/>
      <c r="GRY718" s="613"/>
      <c r="GRZ718" s="613"/>
      <c r="GSA718" s="613"/>
      <c r="GSB718" s="613"/>
      <c r="GSC718" s="613"/>
      <c r="GSD718" s="613"/>
      <c r="GSE718" s="613"/>
      <c r="GSF718" s="613"/>
      <c r="GSG718" s="613"/>
      <c r="GSH718" s="613"/>
      <c r="GSI718" s="613"/>
      <c r="GSJ718" s="613"/>
      <c r="GSK718" s="613"/>
      <c r="GSL718" s="613"/>
      <c r="GSM718" s="613"/>
      <c r="GSN718" s="613"/>
      <c r="GSO718" s="613"/>
      <c r="GSP718" s="613"/>
      <c r="GSQ718" s="613"/>
      <c r="GSR718" s="613"/>
      <c r="GSS718" s="613"/>
      <c r="GST718" s="613"/>
      <c r="GSU718" s="613"/>
      <c r="GSV718" s="613"/>
      <c r="GSW718" s="613"/>
      <c r="GSX718" s="613"/>
      <c r="GSY718" s="613"/>
      <c r="GSZ718" s="613"/>
      <c r="GTA718" s="613"/>
      <c r="GTB718" s="613"/>
      <c r="GTC718" s="613"/>
      <c r="GTD718" s="613"/>
      <c r="GTE718" s="613"/>
      <c r="GTF718" s="613"/>
      <c r="GTG718" s="613"/>
      <c r="GTH718" s="613"/>
      <c r="GTI718" s="613"/>
      <c r="GTJ718" s="613"/>
      <c r="GTK718" s="613"/>
      <c r="GTL718" s="613"/>
      <c r="GTM718" s="613"/>
      <c r="GTN718" s="613"/>
      <c r="GTO718" s="613"/>
      <c r="GTP718" s="613"/>
      <c r="GTQ718" s="613"/>
      <c r="GTR718" s="613"/>
      <c r="GTS718" s="613"/>
      <c r="GTT718" s="613"/>
      <c r="GTU718" s="613"/>
      <c r="GTV718" s="613"/>
      <c r="GTW718" s="613"/>
      <c r="GTX718" s="613"/>
      <c r="GTY718" s="613"/>
      <c r="GTZ718" s="613"/>
      <c r="GUA718" s="613"/>
      <c r="GUB718" s="613"/>
      <c r="GUC718" s="613"/>
      <c r="GUD718" s="613"/>
      <c r="GUE718" s="613"/>
      <c r="GUF718" s="613"/>
      <c r="GUG718" s="613"/>
      <c r="GUH718" s="613"/>
      <c r="GUI718" s="613"/>
      <c r="GUJ718" s="613"/>
      <c r="GUK718" s="613"/>
      <c r="GUL718" s="613"/>
      <c r="GUM718" s="613"/>
      <c r="GUN718" s="613"/>
      <c r="GUO718" s="613"/>
      <c r="GUP718" s="613"/>
      <c r="GUQ718" s="613"/>
      <c r="GUR718" s="613"/>
      <c r="GUS718" s="613"/>
      <c r="GUT718" s="613"/>
      <c r="GUU718" s="613"/>
      <c r="GUV718" s="613"/>
      <c r="GUW718" s="613"/>
      <c r="GUX718" s="613"/>
      <c r="GUY718" s="613"/>
      <c r="GUZ718" s="613"/>
      <c r="GVA718" s="613"/>
      <c r="GVB718" s="613"/>
      <c r="GVC718" s="613"/>
      <c r="GVD718" s="613"/>
      <c r="GVE718" s="613"/>
      <c r="GVF718" s="613"/>
      <c r="GVG718" s="613"/>
      <c r="GVH718" s="613"/>
      <c r="GVI718" s="613"/>
      <c r="GVJ718" s="613"/>
      <c r="GVK718" s="613"/>
      <c r="GVL718" s="613"/>
      <c r="GVM718" s="613"/>
      <c r="GVN718" s="613"/>
      <c r="GVO718" s="613"/>
      <c r="GVP718" s="613"/>
      <c r="GVQ718" s="613"/>
      <c r="GVR718" s="613"/>
      <c r="GVS718" s="613"/>
      <c r="GVT718" s="613"/>
      <c r="GVU718" s="613"/>
      <c r="GVV718" s="613"/>
      <c r="GVW718" s="613"/>
      <c r="GVX718" s="613"/>
      <c r="GVY718" s="613"/>
      <c r="GVZ718" s="613"/>
      <c r="GWA718" s="613"/>
      <c r="GWB718" s="613"/>
      <c r="GWC718" s="613"/>
      <c r="GWD718" s="613"/>
      <c r="GWE718" s="613"/>
      <c r="GWF718" s="613"/>
      <c r="GWG718" s="613"/>
      <c r="GWH718" s="613"/>
      <c r="GWI718" s="613"/>
      <c r="GWJ718" s="613"/>
      <c r="GWK718" s="613"/>
      <c r="GWL718" s="613"/>
      <c r="GWM718" s="613"/>
      <c r="GWN718" s="613"/>
      <c r="GWO718" s="613"/>
      <c r="GWP718" s="613"/>
      <c r="GWQ718" s="613"/>
      <c r="GWR718" s="613"/>
      <c r="GWS718" s="613"/>
      <c r="GWT718" s="613"/>
      <c r="GWU718" s="613"/>
      <c r="GWV718" s="613"/>
      <c r="GWW718" s="613"/>
      <c r="GWX718" s="613"/>
      <c r="GWY718" s="613"/>
      <c r="GWZ718" s="613"/>
      <c r="GXA718" s="613"/>
      <c r="GXB718" s="613"/>
      <c r="GXC718" s="613"/>
      <c r="GXD718" s="613"/>
      <c r="GXE718" s="613"/>
      <c r="GXF718" s="613"/>
      <c r="GXG718" s="613"/>
      <c r="GXH718" s="613"/>
      <c r="GXI718" s="613"/>
      <c r="GXJ718" s="613"/>
      <c r="GXK718" s="613"/>
      <c r="GXL718" s="613"/>
      <c r="GXM718" s="613"/>
      <c r="GXN718" s="613"/>
      <c r="GXO718" s="613"/>
      <c r="GXP718" s="613"/>
      <c r="GXQ718" s="613"/>
      <c r="GXR718" s="613"/>
      <c r="GXS718" s="613"/>
      <c r="GXT718" s="613"/>
      <c r="GXU718" s="613"/>
      <c r="GXV718" s="613"/>
      <c r="GXW718" s="613"/>
      <c r="GXX718" s="613"/>
      <c r="GXY718" s="613"/>
      <c r="GXZ718" s="613"/>
      <c r="GYA718" s="613"/>
      <c r="GYB718" s="613"/>
      <c r="GYC718" s="613"/>
      <c r="GYD718" s="613"/>
      <c r="GYE718" s="613"/>
      <c r="GYF718" s="613"/>
      <c r="GYG718" s="613"/>
      <c r="GYH718" s="613"/>
      <c r="GYI718" s="613"/>
      <c r="GYJ718" s="613"/>
      <c r="GYK718" s="613"/>
      <c r="GYL718" s="613"/>
      <c r="GYM718" s="613"/>
      <c r="GYN718" s="613"/>
      <c r="GYO718" s="613"/>
      <c r="GYP718" s="613"/>
      <c r="GYQ718" s="613"/>
      <c r="GYR718" s="613"/>
      <c r="GYS718" s="613"/>
      <c r="GYT718" s="613"/>
      <c r="GYU718" s="613"/>
      <c r="GYV718" s="613"/>
      <c r="GYW718" s="613"/>
      <c r="GYX718" s="613"/>
      <c r="GYY718" s="613"/>
      <c r="GYZ718" s="613"/>
      <c r="GZA718" s="613"/>
      <c r="GZB718" s="613"/>
      <c r="GZC718" s="613"/>
      <c r="GZD718" s="613"/>
      <c r="GZE718" s="613"/>
      <c r="GZF718" s="613"/>
      <c r="GZG718" s="613"/>
      <c r="GZH718" s="613"/>
      <c r="GZI718" s="613"/>
      <c r="GZJ718" s="613"/>
      <c r="GZK718" s="613"/>
      <c r="GZL718" s="613"/>
      <c r="GZM718" s="613"/>
      <c r="GZN718" s="613"/>
      <c r="GZO718" s="613"/>
      <c r="GZP718" s="613"/>
      <c r="GZQ718" s="613"/>
      <c r="GZR718" s="613"/>
      <c r="GZS718" s="613"/>
      <c r="GZT718" s="613"/>
      <c r="GZU718" s="613"/>
      <c r="GZV718" s="613"/>
      <c r="GZW718" s="613"/>
      <c r="GZX718" s="613"/>
      <c r="GZY718" s="613"/>
      <c r="GZZ718" s="613"/>
      <c r="HAA718" s="613"/>
      <c r="HAB718" s="613"/>
      <c r="HAC718" s="613"/>
      <c r="HAD718" s="613"/>
      <c r="HAE718" s="613"/>
      <c r="HAF718" s="613"/>
      <c r="HAG718" s="613"/>
      <c r="HAH718" s="613"/>
      <c r="HAI718" s="613"/>
      <c r="HAJ718" s="613"/>
      <c r="HAK718" s="613"/>
      <c r="HAL718" s="613"/>
      <c r="HAM718" s="613"/>
      <c r="HAN718" s="613"/>
      <c r="HAO718" s="613"/>
      <c r="HAP718" s="613"/>
      <c r="HAQ718" s="613"/>
      <c r="HAR718" s="613"/>
      <c r="HAS718" s="613"/>
      <c r="HAT718" s="613"/>
      <c r="HAU718" s="613"/>
      <c r="HAV718" s="613"/>
      <c r="HAW718" s="613"/>
      <c r="HAX718" s="613"/>
      <c r="HAY718" s="613"/>
      <c r="HAZ718" s="613"/>
      <c r="HBA718" s="613"/>
      <c r="HBB718" s="613"/>
      <c r="HBC718" s="613"/>
      <c r="HBD718" s="613"/>
      <c r="HBE718" s="613"/>
      <c r="HBF718" s="613"/>
      <c r="HBG718" s="613"/>
      <c r="HBH718" s="613"/>
      <c r="HBI718" s="613"/>
      <c r="HBJ718" s="613"/>
      <c r="HBK718" s="613"/>
      <c r="HBL718" s="613"/>
      <c r="HBM718" s="613"/>
      <c r="HBN718" s="613"/>
      <c r="HBO718" s="613"/>
      <c r="HBP718" s="613"/>
      <c r="HBQ718" s="613"/>
      <c r="HBR718" s="613"/>
      <c r="HBS718" s="613"/>
      <c r="HBT718" s="613"/>
      <c r="HBU718" s="613"/>
      <c r="HBV718" s="613"/>
      <c r="HBW718" s="613"/>
      <c r="HBX718" s="613"/>
      <c r="HBY718" s="613"/>
      <c r="HBZ718" s="613"/>
      <c r="HCA718" s="613"/>
      <c r="HCB718" s="613"/>
      <c r="HCC718" s="613"/>
      <c r="HCD718" s="613"/>
      <c r="HCE718" s="613"/>
      <c r="HCF718" s="613"/>
      <c r="HCG718" s="613"/>
      <c r="HCH718" s="613"/>
      <c r="HCI718" s="613"/>
      <c r="HCJ718" s="613"/>
      <c r="HCK718" s="613"/>
      <c r="HCL718" s="613"/>
      <c r="HCM718" s="613"/>
      <c r="HCN718" s="613"/>
      <c r="HCO718" s="613"/>
      <c r="HCP718" s="613"/>
      <c r="HCQ718" s="613"/>
      <c r="HCR718" s="613"/>
      <c r="HCS718" s="613"/>
      <c r="HCT718" s="613"/>
      <c r="HCU718" s="613"/>
      <c r="HCV718" s="613"/>
      <c r="HCW718" s="613"/>
      <c r="HCX718" s="613"/>
      <c r="HCY718" s="613"/>
      <c r="HCZ718" s="613"/>
      <c r="HDA718" s="613"/>
      <c r="HDB718" s="613"/>
      <c r="HDC718" s="613"/>
      <c r="HDD718" s="613"/>
      <c r="HDE718" s="613"/>
      <c r="HDF718" s="613"/>
      <c r="HDG718" s="613"/>
      <c r="HDH718" s="613"/>
      <c r="HDI718" s="613"/>
      <c r="HDJ718" s="613"/>
      <c r="HDK718" s="613"/>
      <c r="HDL718" s="613"/>
      <c r="HDM718" s="613"/>
      <c r="HDN718" s="613"/>
      <c r="HDO718" s="613"/>
      <c r="HDP718" s="613"/>
      <c r="HDQ718" s="613"/>
      <c r="HDR718" s="613"/>
      <c r="HDS718" s="613"/>
      <c r="HDT718" s="613"/>
      <c r="HDU718" s="613"/>
      <c r="HDV718" s="613"/>
      <c r="HDW718" s="613"/>
      <c r="HDX718" s="613"/>
      <c r="HDY718" s="613"/>
      <c r="HDZ718" s="613"/>
      <c r="HEA718" s="613"/>
      <c r="HEB718" s="613"/>
      <c r="HEC718" s="613"/>
      <c r="HED718" s="613"/>
      <c r="HEE718" s="613"/>
      <c r="HEF718" s="613"/>
      <c r="HEG718" s="613"/>
      <c r="HEH718" s="613"/>
      <c r="HEI718" s="613"/>
      <c r="HEJ718" s="613"/>
      <c r="HEK718" s="613"/>
      <c r="HEL718" s="613"/>
      <c r="HEM718" s="613"/>
      <c r="HEN718" s="613"/>
      <c r="HEO718" s="613"/>
      <c r="HEP718" s="613"/>
      <c r="HEQ718" s="613"/>
      <c r="HER718" s="613"/>
      <c r="HES718" s="613"/>
      <c r="HET718" s="613"/>
      <c r="HEU718" s="613"/>
      <c r="HEV718" s="613"/>
      <c r="HEW718" s="613"/>
      <c r="HEX718" s="613"/>
      <c r="HEY718" s="613"/>
      <c r="HEZ718" s="613"/>
      <c r="HFA718" s="613"/>
      <c r="HFB718" s="613"/>
      <c r="HFC718" s="613"/>
      <c r="HFD718" s="613"/>
      <c r="HFE718" s="613"/>
      <c r="HFF718" s="613"/>
      <c r="HFG718" s="613"/>
      <c r="HFH718" s="613"/>
      <c r="HFI718" s="613"/>
      <c r="HFJ718" s="613"/>
      <c r="HFK718" s="613"/>
      <c r="HFL718" s="613"/>
      <c r="HFM718" s="613"/>
      <c r="HFN718" s="613"/>
      <c r="HFO718" s="613"/>
      <c r="HFP718" s="613"/>
      <c r="HFQ718" s="613"/>
      <c r="HFR718" s="613"/>
      <c r="HFS718" s="613"/>
      <c r="HFT718" s="613"/>
      <c r="HFU718" s="613"/>
      <c r="HFV718" s="613"/>
      <c r="HFW718" s="613"/>
      <c r="HFX718" s="613"/>
      <c r="HFY718" s="613"/>
      <c r="HFZ718" s="613"/>
      <c r="HGA718" s="613"/>
      <c r="HGB718" s="613"/>
      <c r="HGC718" s="613"/>
      <c r="HGD718" s="613"/>
      <c r="HGE718" s="613"/>
      <c r="HGF718" s="613"/>
      <c r="HGG718" s="613"/>
      <c r="HGH718" s="613"/>
      <c r="HGI718" s="613"/>
      <c r="HGJ718" s="613"/>
      <c r="HGK718" s="613"/>
      <c r="HGL718" s="613"/>
      <c r="HGM718" s="613"/>
      <c r="HGN718" s="613"/>
      <c r="HGO718" s="613"/>
      <c r="HGP718" s="613"/>
      <c r="HGQ718" s="613"/>
      <c r="HGR718" s="613"/>
      <c r="HGS718" s="613"/>
      <c r="HGT718" s="613"/>
      <c r="HGU718" s="613"/>
      <c r="HGV718" s="613"/>
      <c r="HGW718" s="613"/>
      <c r="HGX718" s="613"/>
      <c r="HGY718" s="613"/>
      <c r="HGZ718" s="613"/>
      <c r="HHA718" s="613"/>
      <c r="HHB718" s="613"/>
      <c r="HHC718" s="613"/>
      <c r="HHD718" s="613"/>
      <c r="HHE718" s="613"/>
      <c r="HHF718" s="613"/>
      <c r="HHG718" s="613"/>
      <c r="HHH718" s="613"/>
      <c r="HHI718" s="613"/>
      <c r="HHJ718" s="613"/>
      <c r="HHK718" s="613"/>
      <c r="HHL718" s="613"/>
      <c r="HHM718" s="613"/>
      <c r="HHN718" s="613"/>
      <c r="HHO718" s="613"/>
      <c r="HHP718" s="613"/>
      <c r="HHQ718" s="613"/>
      <c r="HHR718" s="613"/>
      <c r="HHS718" s="613"/>
      <c r="HHT718" s="613"/>
      <c r="HHU718" s="613"/>
      <c r="HHV718" s="613"/>
      <c r="HHW718" s="613"/>
      <c r="HHX718" s="613"/>
      <c r="HHY718" s="613"/>
      <c r="HHZ718" s="613"/>
      <c r="HIA718" s="613"/>
      <c r="HIB718" s="613"/>
      <c r="HIC718" s="613"/>
      <c r="HID718" s="613"/>
      <c r="HIE718" s="613"/>
      <c r="HIF718" s="613"/>
      <c r="HIG718" s="613"/>
      <c r="HIH718" s="613"/>
      <c r="HII718" s="613"/>
      <c r="HIJ718" s="613"/>
      <c r="HIK718" s="613"/>
      <c r="HIL718" s="613"/>
      <c r="HIM718" s="613"/>
      <c r="HIN718" s="613"/>
      <c r="HIO718" s="613"/>
      <c r="HIP718" s="613"/>
      <c r="HIQ718" s="613"/>
      <c r="HIR718" s="613"/>
      <c r="HIS718" s="613"/>
      <c r="HIT718" s="613"/>
      <c r="HIU718" s="613"/>
      <c r="HIV718" s="613"/>
      <c r="HIW718" s="613"/>
      <c r="HIX718" s="613"/>
      <c r="HIY718" s="613"/>
      <c r="HIZ718" s="613"/>
      <c r="HJA718" s="613"/>
      <c r="HJB718" s="613"/>
      <c r="HJC718" s="613"/>
      <c r="HJD718" s="613"/>
      <c r="HJE718" s="613"/>
      <c r="HJF718" s="613"/>
      <c r="HJG718" s="613"/>
      <c r="HJH718" s="613"/>
      <c r="HJI718" s="613"/>
      <c r="HJJ718" s="613"/>
      <c r="HJK718" s="613"/>
      <c r="HJL718" s="613"/>
      <c r="HJM718" s="613"/>
      <c r="HJN718" s="613"/>
      <c r="HJO718" s="613"/>
      <c r="HJP718" s="613"/>
      <c r="HJQ718" s="613"/>
      <c r="HJR718" s="613"/>
      <c r="HJS718" s="613"/>
      <c r="HJT718" s="613"/>
      <c r="HJU718" s="613"/>
      <c r="HJV718" s="613"/>
      <c r="HJW718" s="613"/>
      <c r="HJX718" s="613"/>
      <c r="HJY718" s="613"/>
      <c r="HJZ718" s="613"/>
      <c r="HKA718" s="613"/>
      <c r="HKB718" s="613"/>
      <c r="HKC718" s="613"/>
      <c r="HKD718" s="613"/>
      <c r="HKE718" s="613"/>
      <c r="HKF718" s="613"/>
      <c r="HKG718" s="613"/>
      <c r="HKH718" s="613"/>
      <c r="HKI718" s="613"/>
      <c r="HKJ718" s="613"/>
      <c r="HKK718" s="613"/>
      <c r="HKL718" s="613"/>
      <c r="HKM718" s="613"/>
      <c r="HKN718" s="613"/>
      <c r="HKO718" s="613"/>
      <c r="HKP718" s="613"/>
      <c r="HKQ718" s="613"/>
      <c r="HKR718" s="613"/>
      <c r="HKS718" s="613"/>
      <c r="HKT718" s="613"/>
      <c r="HKU718" s="613"/>
      <c r="HKV718" s="613"/>
      <c r="HKW718" s="613"/>
      <c r="HKX718" s="613"/>
      <c r="HKY718" s="613"/>
      <c r="HKZ718" s="613"/>
      <c r="HLA718" s="613"/>
      <c r="HLB718" s="613"/>
      <c r="HLC718" s="613"/>
      <c r="HLD718" s="613"/>
      <c r="HLE718" s="613"/>
      <c r="HLF718" s="613"/>
      <c r="HLG718" s="613"/>
      <c r="HLH718" s="613"/>
      <c r="HLI718" s="613"/>
      <c r="HLJ718" s="613"/>
      <c r="HLK718" s="613"/>
      <c r="HLL718" s="613"/>
      <c r="HLM718" s="613"/>
      <c r="HLN718" s="613"/>
      <c r="HLO718" s="613"/>
      <c r="HLP718" s="613"/>
      <c r="HLQ718" s="613"/>
      <c r="HLR718" s="613"/>
      <c r="HLS718" s="613"/>
      <c r="HLT718" s="613"/>
      <c r="HLU718" s="613"/>
      <c r="HLV718" s="613"/>
      <c r="HLW718" s="613"/>
      <c r="HLX718" s="613"/>
      <c r="HLY718" s="613"/>
      <c r="HLZ718" s="613"/>
      <c r="HMA718" s="613"/>
      <c r="HMB718" s="613"/>
      <c r="HMC718" s="613"/>
      <c r="HMD718" s="613"/>
      <c r="HME718" s="613"/>
      <c r="HMF718" s="613"/>
      <c r="HMG718" s="613"/>
      <c r="HMH718" s="613"/>
      <c r="HMI718" s="613"/>
      <c r="HMJ718" s="613"/>
      <c r="HMK718" s="613"/>
      <c r="HML718" s="613"/>
      <c r="HMM718" s="613"/>
      <c r="HMN718" s="613"/>
      <c r="HMO718" s="613"/>
      <c r="HMP718" s="613"/>
      <c r="HMQ718" s="613"/>
      <c r="HMR718" s="613"/>
      <c r="HMS718" s="613"/>
      <c r="HMT718" s="613"/>
      <c r="HMU718" s="613"/>
      <c r="HMV718" s="613"/>
      <c r="HMW718" s="613"/>
      <c r="HMX718" s="613"/>
      <c r="HMY718" s="613"/>
      <c r="HMZ718" s="613"/>
      <c r="HNA718" s="613"/>
      <c r="HNB718" s="613"/>
      <c r="HNC718" s="613"/>
      <c r="HND718" s="613"/>
      <c r="HNE718" s="613"/>
      <c r="HNF718" s="613"/>
      <c r="HNG718" s="613"/>
      <c r="HNH718" s="613"/>
      <c r="HNI718" s="613"/>
      <c r="HNJ718" s="613"/>
      <c r="HNK718" s="613"/>
      <c r="HNL718" s="613"/>
      <c r="HNM718" s="613"/>
      <c r="HNN718" s="613"/>
      <c r="HNO718" s="613"/>
      <c r="HNP718" s="613"/>
      <c r="HNQ718" s="613"/>
      <c r="HNR718" s="613"/>
      <c r="HNS718" s="613"/>
      <c r="HNT718" s="613"/>
      <c r="HNU718" s="613"/>
      <c r="HNV718" s="613"/>
      <c r="HNW718" s="613"/>
      <c r="HNX718" s="613"/>
      <c r="HNY718" s="613"/>
      <c r="HNZ718" s="613"/>
      <c r="HOA718" s="613"/>
      <c r="HOB718" s="613"/>
      <c r="HOC718" s="613"/>
      <c r="HOD718" s="613"/>
      <c r="HOE718" s="613"/>
      <c r="HOF718" s="613"/>
      <c r="HOG718" s="613"/>
      <c r="HOH718" s="613"/>
      <c r="HOI718" s="613"/>
      <c r="HOJ718" s="613"/>
      <c r="HOK718" s="613"/>
      <c r="HOL718" s="613"/>
      <c r="HOM718" s="613"/>
      <c r="HON718" s="613"/>
      <c r="HOO718" s="613"/>
      <c r="HOP718" s="613"/>
      <c r="HOQ718" s="613"/>
      <c r="HOR718" s="613"/>
      <c r="HOS718" s="613"/>
      <c r="HOT718" s="613"/>
      <c r="HOU718" s="613"/>
      <c r="HOV718" s="613"/>
      <c r="HOW718" s="613"/>
      <c r="HOX718" s="613"/>
      <c r="HOY718" s="613"/>
      <c r="HOZ718" s="613"/>
      <c r="HPA718" s="613"/>
      <c r="HPB718" s="613"/>
      <c r="HPC718" s="613"/>
      <c r="HPD718" s="613"/>
      <c r="HPE718" s="613"/>
      <c r="HPF718" s="613"/>
      <c r="HPG718" s="613"/>
      <c r="HPH718" s="613"/>
      <c r="HPI718" s="613"/>
      <c r="HPJ718" s="613"/>
      <c r="HPK718" s="613"/>
      <c r="HPL718" s="613"/>
      <c r="HPM718" s="613"/>
      <c r="HPN718" s="613"/>
      <c r="HPO718" s="613"/>
      <c r="HPP718" s="613"/>
      <c r="HPQ718" s="613"/>
      <c r="HPR718" s="613"/>
      <c r="HPS718" s="613"/>
      <c r="HPT718" s="613"/>
      <c r="HPU718" s="613"/>
      <c r="HPV718" s="613"/>
      <c r="HPW718" s="613"/>
      <c r="HPX718" s="613"/>
      <c r="HPY718" s="613"/>
      <c r="HPZ718" s="613"/>
      <c r="HQA718" s="613"/>
      <c r="HQB718" s="613"/>
      <c r="HQC718" s="613"/>
      <c r="HQD718" s="613"/>
      <c r="HQE718" s="613"/>
      <c r="HQF718" s="613"/>
      <c r="HQG718" s="613"/>
      <c r="HQH718" s="613"/>
      <c r="HQI718" s="613"/>
      <c r="HQJ718" s="613"/>
      <c r="HQK718" s="613"/>
      <c r="HQL718" s="613"/>
      <c r="HQM718" s="613"/>
      <c r="HQN718" s="613"/>
      <c r="HQO718" s="613"/>
      <c r="HQP718" s="613"/>
      <c r="HQQ718" s="613"/>
      <c r="HQR718" s="613"/>
      <c r="HQS718" s="613"/>
      <c r="HQT718" s="613"/>
      <c r="HQU718" s="613"/>
      <c r="HQV718" s="613"/>
      <c r="HQW718" s="613"/>
      <c r="HQX718" s="613"/>
      <c r="HQY718" s="613"/>
      <c r="HQZ718" s="613"/>
      <c r="HRA718" s="613"/>
      <c r="HRB718" s="613"/>
      <c r="HRC718" s="613"/>
      <c r="HRD718" s="613"/>
      <c r="HRE718" s="613"/>
      <c r="HRF718" s="613"/>
      <c r="HRG718" s="613"/>
      <c r="HRH718" s="613"/>
      <c r="HRI718" s="613"/>
      <c r="HRJ718" s="613"/>
      <c r="HRK718" s="613"/>
      <c r="HRL718" s="613"/>
      <c r="HRM718" s="613"/>
      <c r="HRN718" s="613"/>
      <c r="HRO718" s="613"/>
      <c r="HRP718" s="613"/>
      <c r="HRQ718" s="613"/>
      <c r="HRR718" s="613"/>
      <c r="HRS718" s="613"/>
      <c r="HRT718" s="613"/>
      <c r="HRU718" s="613"/>
      <c r="HRV718" s="613"/>
      <c r="HRW718" s="613"/>
      <c r="HRX718" s="613"/>
      <c r="HRY718" s="613"/>
      <c r="HRZ718" s="613"/>
      <c r="HSA718" s="613"/>
      <c r="HSB718" s="613"/>
      <c r="HSC718" s="613"/>
      <c r="HSD718" s="613"/>
      <c r="HSE718" s="613"/>
      <c r="HSF718" s="613"/>
      <c r="HSG718" s="613"/>
      <c r="HSH718" s="613"/>
      <c r="HSI718" s="613"/>
      <c r="HSJ718" s="613"/>
      <c r="HSK718" s="613"/>
      <c r="HSL718" s="613"/>
      <c r="HSM718" s="613"/>
      <c r="HSN718" s="613"/>
      <c r="HSO718" s="613"/>
      <c r="HSP718" s="613"/>
      <c r="HSQ718" s="613"/>
      <c r="HSR718" s="613"/>
      <c r="HSS718" s="613"/>
      <c r="HST718" s="613"/>
      <c r="HSU718" s="613"/>
      <c r="HSV718" s="613"/>
      <c r="HSW718" s="613"/>
      <c r="HSX718" s="613"/>
      <c r="HSY718" s="613"/>
      <c r="HSZ718" s="613"/>
      <c r="HTA718" s="613"/>
      <c r="HTB718" s="613"/>
      <c r="HTC718" s="613"/>
      <c r="HTD718" s="613"/>
      <c r="HTE718" s="613"/>
      <c r="HTF718" s="613"/>
      <c r="HTG718" s="613"/>
      <c r="HTH718" s="613"/>
      <c r="HTI718" s="613"/>
      <c r="HTJ718" s="613"/>
      <c r="HTK718" s="613"/>
      <c r="HTL718" s="613"/>
      <c r="HTM718" s="613"/>
      <c r="HTN718" s="613"/>
      <c r="HTO718" s="613"/>
      <c r="HTP718" s="613"/>
      <c r="HTQ718" s="613"/>
      <c r="HTR718" s="613"/>
      <c r="HTS718" s="613"/>
      <c r="HTT718" s="613"/>
      <c r="HTU718" s="613"/>
      <c r="HTV718" s="613"/>
      <c r="HTW718" s="613"/>
      <c r="HTX718" s="613"/>
      <c r="HTY718" s="613"/>
      <c r="HTZ718" s="613"/>
      <c r="HUA718" s="613"/>
      <c r="HUB718" s="613"/>
      <c r="HUC718" s="613"/>
      <c r="HUD718" s="613"/>
      <c r="HUE718" s="613"/>
      <c r="HUF718" s="613"/>
      <c r="HUG718" s="613"/>
      <c r="HUH718" s="613"/>
      <c r="HUI718" s="613"/>
      <c r="HUJ718" s="613"/>
      <c r="HUK718" s="613"/>
      <c r="HUL718" s="613"/>
      <c r="HUM718" s="613"/>
      <c r="HUN718" s="613"/>
      <c r="HUO718" s="613"/>
      <c r="HUP718" s="613"/>
      <c r="HUQ718" s="613"/>
      <c r="HUR718" s="613"/>
      <c r="HUS718" s="613"/>
      <c r="HUT718" s="613"/>
      <c r="HUU718" s="613"/>
      <c r="HUV718" s="613"/>
      <c r="HUW718" s="613"/>
      <c r="HUX718" s="613"/>
      <c r="HUY718" s="613"/>
      <c r="HUZ718" s="613"/>
      <c r="HVA718" s="613"/>
      <c r="HVB718" s="613"/>
      <c r="HVC718" s="613"/>
      <c r="HVD718" s="613"/>
      <c r="HVE718" s="613"/>
      <c r="HVF718" s="613"/>
      <c r="HVG718" s="613"/>
      <c r="HVH718" s="613"/>
      <c r="HVI718" s="613"/>
      <c r="HVJ718" s="613"/>
      <c r="HVK718" s="613"/>
      <c r="HVL718" s="613"/>
      <c r="HVM718" s="613"/>
      <c r="HVN718" s="613"/>
      <c r="HVO718" s="613"/>
      <c r="HVP718" s="613"/>
      <c r="HVQ718" s="613"/>
      <c r="HVR718" s="613"/>
      <c r="HVS718" s="613"/>
      <c r="HVT718" s="613"/>
      <c r="HVU718" s="613"/>
      <c r="HVV718" s="613"/>
      <c r="HVW718" s="613"/>
      <c r="HVX718" s="613"/>
      <c r="HVY718" s="613"/>
      <c r="HVZ718" s="613"/>
      <c r="HWA718" s="613"/>
      <c r="HWB718" s="613"/>
      <c r="HWC718" s="613"/>
      <c r="HWD718" s="613"/>
      <c r="HWE718" s="613"/>
      <c r="HWF718" s="613"/>
      <c r="HWG718" s="613"/>
      <c r="HWH718" s="613"/>
      <c r="HWI718" s="613"/>
      <c r="HWJ718" s="613"/>
      <c r="HWK718" s="613"/>
      <c r="HWL718" s="613"/>
      <c r="HWM718" s="613"/>
      <c r="HWN718" s="613"/>
      <c r="HWO718" s="613"/>
      <c r="HWP718" s="613"/>
      <c r="HWQ718" s="613"/>
      <c r="HWR718" s="613"/>
      <c r="HWS718" s="613"/>
      <c r="HWT718" s="613"/>
      <c r="HWU718" s="613"/>
      <c r="HWV718" s="613"/>
      <c r="HWW718" s="613"/>
      <c r="HWX718" s="613"/>
      <c r="HWY718" s="613"/>
      <c r="HWZ718" s="613"/>
      <c r="HXA718" s="613"/>
      <c r="HXB718" s="613"/>
      <c r="HXC718" s="613"/>
      <c r="HXD718" s="613"/>
      <c r="HXE718" s="613"/>
      <c r="HXF718" s="613"/>
      <c r="HXG718" s="613"/>
      <c r="HXH718" s="613"/>
      <c r="HXI718" s="613"/>
      <c r="HXJ718" s="613"/>
      <c r="HXK718" s="613"/>
      <c r="HXL718" s="613"/>
      <c r="HXM718" s="613"/>
      <c r="HXN718" s="613"/>
      <c r="HXO718" s="613"/>
      <c r="HXP718" s="613"/>
      <c r="HXQ718" s="613"/>
      <c r="HXR718" s="613"/>
      <c r="HXS718" s="613"/>
      <c r="HXT718" s="613"/>
      <c r="HXU718" s="613"/>
      <c r="HXV718" s="613"/>
      <c r="HXW718" s="613"/>
      <c r="HXX718" s="613"/>
      <c r="HXY718" s="613"/>
      <c r="HXZ718" s="613"/>
      <c r="HYA718" s="613"/>
      <c r="HYB718" s="613"/>
      <c r="HYC718" s="613"/>
      <c r="HYD718" s="613"/>
      <c r="HYE718" s="613"/>
      <c r="HYF718" s="613"/>
      <c r="HYG718" s="613"/>
      <c r="HYH718" s="613"/>
      <c r="HYI718" s="613"/>
      <c r="HYJ718" s="613"/>
      <c r="HYK718" s="613"/>
      <c r="HYL718" s="613"/>
      <c r="HYM718" s="613"/>
      <c r="HYN718" s="613"/>
      <c r="HYO718" s="613"/>
      <c r="HYP718" s="613"/>
      <c r="HYQ718" s="613"/>
      <c r="HYR718" s="613"/>
      <c r="HYS718" s="613"/>
      <c r="HYT718" s="613"/>
      <c r="HYU718" s="613"/>
      <c r="HYV718" s="613"/>
      <c r="HYW718" s="613"/>
      <c r="HYX718" s="613"/>
      <c r="HYY718" s="613"/>
      <c r="HYZ718" s="613"/>
      <c r="HZA718" s="613"/>
      <c r="HZB718" s="613"/>
      <c r="HZC718" s="613"/>
      <c r="HZD718" s="613"/>
      <c r="HZE718" s="613"/>
      <c r="HZF718" s="613"/>
      <c r="HZG718" s="613"/>
      <c r="HZH718" s="613"/>
      <c r="HZI718" s="613"/>
      <c r="HZJ718" s="613"/>
      <c r="HZK718" s="613"/>
      <c r="HZL718" s="613"/>
      <c r="HZM718" s="613"/>
      <c r="HZN718" s="613"/>
      <c r="HZO718" s="613"/>
      <c r="HZP718" s="613"/>
      <c r="HZQ718" s="613"/>
      <c r="HZR718" s="613"/>
      <c r="HZS718" s="613"/>
      <c r="HZT718" s="613"/>
      <c r="HZU718" s="613"/>
      <c r="HZV718" s="613"/>
      <c r="HZW718" s="613"/>
      <c r="HZX718" s="613"/>
      <c r="HZY718" s="613"/>
      <c r="HZZ718" s="613"/>
      <c r="IAA718" s="613"/>
      <c r="IAB718" s="613"/>
      <c r="IAC718" s="613"/>
      <c r="IAD718" s="613"/>
      <c r="IAE718" s="613"/>
      <c r="IAF718" s="613"/>
      <c r="IAG718" s="613"/>
      <c r="IAH718" s="613"/>
      <c r="IAI718" s="613"/>
      <c r="IAJ718" s="613"/>
      <c r="IAK718" s="613"/>
      <c r="IAL718" s="613"/>
      <c r="IAM718" s="613"/>
      <c r="IAN718" s="613"/>
      <c r="IAO718" s="613"/>
      <c r="IAP718" s="613"/>
      <c r="IAQ718" s="613"/>
      <c r="IAR718" s="613"/>
      <c r="IAS718" s="613"/>
      <c r="IAT718" s="613"/>
      <c r="IAU718" s="613"/>
      <c r="IAV718" s="613"/>
      <c r="IAW718" s="613"/>
      <c r="IAX718" s="613"/>
      <c r="IAY718" s="613"/>
      <c r="IAZ718" s="613"/>
      <c r="IBA718" s="613"/>
      <c r="IBB718" s="613"/>
      <c r="IBC718" s="613"/>
      <c r="IBD718" s="613"/>
      <c r="IBE718" s="613"/>
      <c r="IBF718" s="613"/>
      <c r="IBG718" s="613"/>
      <c r="IBH718" s="613"/>
      <c r="IBI718" s="613"/>
      <c r="IBJ718" s="613"/>
      <c r="IBK718" s="613"/>
      <c r="IBL718" s="613"/>
      <c r="IBM718" s="613"/>
      <c r="IBN718" s="613"/>
      <c r="IBO718" s="613"/>
      <c r="IBP718" s="613"/>
      <c r="IBQ718" s="613"/>
      <c r="IBR718" s="613"/>
      <c r="IBS718" s="613"/>
      <c r="IBT718" s="613"/>
      <c r="IBU718" s="613"/>
      <c r="IBV718" s="613"/>
      <c r="IBW718" s="613"/>
      <c r="IBX718" s="613"/>
      <c r="IBY718" s="613"/>
      <c r="IBZ718" s="613"/>
      <c r="ICA718" s="613"/>
      <c r="ICB718" s="613"/>
      <c r="ICC718" s="613"/>
      <c r="ICD718" s="613"/>
      <c r="ICE718" s="613"/>
      <c r="ICF718" s="613"/>
      <c r="ICG718" s="613"/>
      <c r="ICH718" s="613"/>
      <c r="ICI718" s="613"/>
      <c r="ICJ718" s="613"/>
      <c r="ICK718" s="613"/>
      <c r="ICL718" s="613"/>
      <c r="ICM718" s="613"/>
      <c r="ICN718" s="613"/>
      <c r="ICO718" s="613"/>
      <c r="ICP718" s="613"/>
      <c r="ICQ718" s="613"/>
      <c r="ICR718" s="613"/>
      <c r="ICS718" s="613"/>
      <c r="ICT718" s="613"/>
      <c r="ICU718" s="613"/>
      <c r="ICV718" s="613"/>
      <c r="ICW718" s="613"/>
      <c r="ICX718" s="613"/>
      <c r="ICY718" s="613"/>
      <c r="ICZ718" s="613"/>
      <c r="IDA718" s="613"/>
      <c r="IDB718" s="613"/>
      <c r="IDC718" s="613"/>
      <c r="IDD718" s="613"/>
      <c r="IDE718" s="613"/>
      <c r="IDF718" s="613"/>
      <c r="IDG718" s="613"/>
      <c r="IDH718" s="613"/>
      <c r="IDI718" s="613"/>
      <c r="IDJ718" s="613"/>
      <c r="IDK718" s="613"/>
      <c r="IDL718" s="613"/>
      <c r="IDM718" s="613"/>
      <c r="IDN718" s="613"/>
      <c r="IDO718" s="613"/>
      <c r="IDP718" s="613"/>
      <c r="IDQ718" s="613"/>
      <c r="IDR718" s="613"/>
      <c r="IDS718" s="613"/>
      <c r="IDT718" s="613"/>
      <c r="IDU718" s="613"/>
      <c r="IDV718" s="613"/>
      <c r="IDW718" s="613"/>
      <c r="IDX718" s="613"/>
      <c r="IDY718" s="613"/>
      <c r="IDZ718" s="613"/>
      <c r="IEA718" s="613"/>
      <c r="IEB718" s="613"/>
      <c r="IEC718" s="613"/>
      <c r="IED718" s="613"/>
      <c r="IEE718" s="613"/>
      <c r="IEF718" s="613"/>
      <c r="IEG718" s="613"/>
      <c r="IEH718" s="613"/>
      <c r="IEI718" s="613"/>
      <c r="IEJ718" s="613"/>
      <c r="IEK718" s="613"/>
      <c r="IEL718" s="613"/>
      <c r="IEM718" s="613"/>
      <c r="IEN718" s="613"/>
      <c r="IEO718" s="613"/>
      <c r="IEP718" s="613"/>
      <c r="IEQ718" s="613"/>
      <c r="IER718" s="613"/>
      <c r="IES718" s="613"/>
      <c r="IET718" s="613"/>
      <c r="IEU718" s="613"/>
      <c r="IEV718" s="613"/>
      <c r="IEW718" s="613"/>
      <c r="IEX718" s="613"/>
      <c r="IEY718" s="613"/>
      <c r="IEZ718" s="613"/>
      <c r="IFA718" s="613"/>
      <c r="IFB718" s="613"/>
      <c r="IFC718" s="613"/>
      <c r="IFD718" s="613"/>
      <c r="IFE718" s="613"/>
      <c r="IFF718" s="613"/>
      <c r="IFG718" s="613"/>
      <c r="IFH718" s="613"/>
      <c r="IFI718" s="613"/>
      <c r="IFJ718" s="613"/>
      <c r="IFK718" s="613"/>
      <c r="IFL718" s="613"/>
      <c r="IFM718" s="613"/>
      <c r="IFN718" s="613"/>
      <c r="IFO718" s="613"/>
      <c r="IFP718" s="613"/>
      <c r="IFQ718" s="613"/>
      <c r="IFR718" s="613"/>
      <c r="IFS718" s="613"/>
      <c r="IFT718" s="613"/>
      <c r="IFU718" s="613"/>
      <c r="IFV718" s="613"/>
      <c r="IFW718" s="613"/>
      <c r="IFX718" s="613"/>
      <c r="IFY718" s="613"/>
      <c r="IFZ718" s="613"/>
      <c r="IGA718" s="613"/>
      <c r="IGB718" s="613"/>
      <c r="IGC718" s="613"/>
      <c r="IGD718" s="613"/>
      <c r="IGE718" s="613"/>
      <c r="IGF718" s="613"/>
      <c r="IGG718" s="613"/>
      <c r="IGH718" s="613"/>
      <c r="IGI718" s="613"/>
      <c r="IGJ718" s="613"/>
      <c r="IGK718" s="613"/>
      <c r="IGL718" s="613"/>
      <c r="IGM718" s="613"/>
      <c r="IGN718" s="613"/>
      <c r="IGO718" s="613"/>
      <c r="IGP718" s="613"/>
      <c r="IGQ718" s="613"/>
      <c r="IGR718" s="613"/>
      <c r="IGS718" s="613"/>
      <c r="IGT718" s="613"/>
      <c r="IGU718" s="613"/>
      <c r="IGV718" s="613"/>
      <c r="IGW718" s="613"/>
      <c r="IGX718" s="613"/>
      <c r="IGY718" s="613"/>
      <c r="IGZ718" s="613"/>
      <c r="IHA718" s="613"/>
      <c r="IHB718" s="613"/>
      <c r="IHC718" s="613"/>
      <c r="IHD718" s="613"/>
      <c r="IHE718" s="613"/>
      <c r="IHF718" s="613"/>
      <c r="IHG718" s="613"/>
      <c r="IHH718" s="613"/>
      <c r="IHI718" s="613"/>
      <c r="IHJ718" s="613"/>
      <c r="IHK718" s="613"/>
      <c r="IHL718" s="613"/>
      <c r="IHM718" s="613"/>
      <c r="IHN718" s="613"/>
      <c r="IHO718" s="613"/>
      <c r="IHP718" s="613"/>
      <c r="IHQ718" s="613"/>
      <c r="IHR718" s="613"/>
      <c r="IHS718" s="613"/>
      <c r="IHT718" s="613"/>
      <c r="IHU718" s="613"/>
      <c r="IHV718" s="613"/>
      <c r="IHW718" s="613"/>
      <c r="IHX718" s="613"/>
      <c r="IHY718" s="613"/>
      <c r="IHZ718" s="613"/>
      <c r="IIA718" s="613"/>
      <c r="IIB718" s="613"/>
      <c r="IIC718" s="613"/>
      <c r="IID718" s="613"/>
      <c r="IIE718" s="613"/>
      <c r="IIF718" s="613"/>
      <c r="IIG718" s="613"/>
      <c r="IIH718" s="613"/>
      <c r="III718" s="613"/>
      <c r="IIJ718" s="613"/>
      <c r="IIK718" s="613"/>
      <c r="IIL718" s="613"/>
      <c r="IIM718" s="613"/>
      <c r="IIN718" s="613"/>
      <c r="IIO718" s="613"/>
      <c r="IIP718" s="613"/>
      <c r="IIQ718" s="613"/>
      <c r="IIR718" s="613"/>
      <c r="IIS718" s="613"/>
      <c r="IIT718" s="613"/>
      <c r="IIU718" s="613"/>
      <c r="IIV718" s="613"/>
      <c r="IIW718" s="613"/>
      <c r="IIX718" s="613"/>
      <c r="IIY718" s="613"/>
      <c r="IIZ718" s="613"/>
      <c r="IJA718" s="613"/>
      <c r="IJB718" s="613"/>
      <c r="IJC718" s="613"/>
      <c r="IJD718" s="613"/>
      <c r="IJE718" s="613"/>
      <c r="IJF718" s="613"/>
      <c r="IJG718" s="613"/>
      <c r="IJH718" s="613"/>
      <c r="IJI718" s="613"/>
      <c r="IJJ718" s="613"/>
      <c r="IJK718" s="613"/>
      <c r="IJL718" s="613"/>
      <c r="IJM718" s="613"/>
      <c r="IJN718" s="613"/>
      <c r="IJO718" s="613"/>
      <c r="IJP718" s="613"/>
      <c r="IJQ718" s="613"/>
      <c r="IJR718" s="613"/>
      <c r="IJS718" s="613"/>
      <c r="IJT718" s="613"/>
      <c r="IJU718" s="613"/>
      <c r="IJV718" s="613"/>
      <c r="IJW718" s="613"/>
      <c r="IJX718" s="613"/>
      <c r="IJY718" s="613"/>
      <c r="IJZ718" s="613"/>
      <c r="IKA718" s="613"/>
      <c r="IKB718" s="613"/>
      <c r="IKC718" s="613"/>
      <c r="IKD718" s="613"/>
      <c r="IKE718" s="613"/>
      <c r="IKF718" s="613"/>
      <c r="IKG718" s="613"/>
      <c r="IKH718" s="613"/>
      <c r="IKI718" s="613"/>
      <c r="IKJ718" s="613"/>
      <c r="IKK718" s="613"/>
      <c r="IKL718" s="613"/>
      <c r="IKM718" s="613"/>
      <c r="IKN718" s="613"/>
      <c r="IKO718" s="613"/>
      <c r="IKP718" s="613"/>
      <c r="IKQ718" s="613"/>
      <c r="IKR718" s="613"/>
      <c r="IKS718" s="613"/>
      <c r="IKT718" s="613"/>
      <c r="IKU718" s="613"/>
      <c r="IKV718" s="613"/>
      <c r="IKW718" s="613"/>
      <c r="IKX718" s="613"/>
      <c r="IKY718" s="613"/>
      <c r="IKZ718" s="613"/>
      <c r="ILA718" s="613"/>
      <c r="ILB718" s="613"/>
      <c r="ILC718" s="613"/>
      <c r="ILD718" s="613"/>
      <c r="ILE718" s="613"/>
      <c r="ILF718" s="613"/>
      <c r="ILG718" s="613"/>
      <c r="ILH718" s="613"/>
      <c r="ILI718" s="613"/>
      <c r="ILJ718" s="613"/>
      <c r="ILK718" s="613"/>
      <c r="ILL718" s="613"/>
      <c r="ILM718" s="613"/>
      <c r="ILN718" s="613"/>
      <c r="ILO718" s="613"/>
      <c r="ILP718" s="613"/>
      <c r="ILQ718" s="613"/>
      <c r="ILR718" s="613"/>
      <c r="ILS718" s="613"/>
      <c r="ILT718" s="613"/>
      <c r="ILU718" s="613"/>
      <c r="ILV718" s="613"/>
      <c r="ILW718" s="613"/>
      <c r="ILX718" s="613"/>
      <c r="ILY718" s="613"/>
      <c r="ILZ718" s="613"/>
      <c r="IMA718" s="613"/>
      <c r="IMB718" s="613"/>
      <c r="IMC718" s="613"/>
      <c r="IMD718" s="613"/>
      <c r="IME718" s="613"/>
      <c r="IMF718" s="613"/>
      <c r="IMG718" s="613"/>
      <c r="IMH718" s="613"/>
      <c r="IMI718" s="613"/>
      <c r="IMJ718" s="613"/>
      <c r="IMK718" s="613"/>
      <c r="IML718" s="613"/>
      <c r="IMM718" s="613"/>
      <c r="IMN718" s="613"/>
      <c r="IMO718" s="613"/>
      <c r="IMP718" s="613"/>
      <c r="IMQ718" s="613"/>
      <c r="IMR718" s="613"/>
      <c r="IMS718" s="613"/>
      <c r="IMT718" s="613"/>
      <c r="IMU718" s="613"/>
      <c r="IMV718" s="613"/>
      <c r="IMW718" s="613"/>
      <c r="IMX718" s="613"/>
      <c r="IMY718" s="613"/>
      <c r="IMZ718" s="613"/>
      <c r="INA718" s="613"/>
      <c r="INB718" s="613"/>
      <c r="INC718" s="613"/>
      <c r="IND718" s="613"/>
      <c r="INE718" s="613"/>
      <c r="INF718" s="613"/>
      <c r="ING718" s="613"/>
      <c r="INH718" s="613"/>
      <c r="INI718" s="613"/>
      <c r="INJ718" s="613"/>
      <c r="INK718" s="613"/>
      <c r="INL718" s="613"/>
      <c r="INM718" s="613"/>
      <c r="INN718" s="613"/>
      <c r="INO718" s="613"/>
      <c r="INP718" s="613"/>
      <c r="INQ718" s="613"/>
      <c r="INR718" s="613"/>
      <c r="INS718" s="613"/>
      <c r="INT718" s="613"/>
      <c r="INU718" s="613"/>
      <c r="INV718" s="613"/>
      <c r="INW718" s="613"/>
      <c r="INX718" s="613"/>
      <c r="INY718" s="613"/>
      <c r="INZ718" s="613"/>
      <c r="IOA718" s="613"/>
      <c r="IOB718" s="613"/>
      <c r="IOC718" s="613"/>
      <c r="IOD718" s="613"/>
      <c r="IOE718" s="613"/>
      <c r="IOF718" s="613"/>
      <c r="IOG718" s="613"/>
      <c r="IOH718" s="613"/>
      <c r="IOI718" s="613"/>
      <c r="IOJ718" s="613"/>
      <c r="IOK718" s="613"/>
      <c r="IOL718" s="613"/>
      <c r="IOM718" s="613"/>
      <c r="ION718" s="613"/>
      <c r="IOO718" s="613"/>
      <c r="IOP718" s="613"/>
      <c r="IOQ718" s="613"/>
      <c r="IOR718" s="613"/>
      <c r="IOS718" s="613"/>
      <c r="IOT718" s="613"/>
      <c r="IOU718" s="613"/>
      <c r="IOV718" s="613"/>
      <c r="IOW718" s="613"/>
      <c r="IOX718" s="613"/>
      <c r="IOY718" s="613"/>
      <c r="IOZ718" s="613"/>
      <c r="IPA718" s="613"/>
      <c r="IPB718" s="613"/>
      <c r="IPC718" s="613"/>
      <c r="IPD718" s="613"/>
      <c r="IPE718" s="613"/>
      <c r="IPF718" s="613"/>
      <c r="IPG718" s="613"/>
      <c r="IPH718" s="613"/>
      <c r="IPI718" s="613"/>
      <c r="IPJ718" s="613"/>
      <c r="IPK718" s="613"/>
      <c r="IPL718" s="613"/>
      <c r="IPM718" s="613"/>
      <c r="IPN718" s="613"/>
      <c r="IPO718" s="613"/>
      <c r="IPP718" s="613"/>
      <c r="IPQ718" s="613"/>
      <c r="IPR718" s="613"/>
      <c r="IPS718" s="613"/>
      <c r="IPT718" s="613"/>
      <c r="IPU718" s="613"/>
      <c r="IPV718" s="613"/>
      <c r="IPW718" s="613"/>
      <c r="IPX718" s="613"/>
      <c r="IPY718" s="613"/>
      <c r="IPZ718" s="613"/>
      <c r="IQA718" s="613"/>
      <c r="IQB718" s="613"/>
      <c r="IQC718" s="613"/>
      <c r="IQD718" s="613"/>
      <c r="IQE718" s="613"/>
      <c r="IQF718" s="613"/>
      <c r="IQG718" s="613"/>
      <c r="IQH718" s="613"/>
      <c r="IQI718" s="613"/>
      <c r="IQJ718" s="613"/>
      <c r="IQK718" s="613"/>
      <c r="IQL718" s="613"/>
      <c r="IQM718" s="613"/>
      <c r="IQN718" s="613"/>
      <c r="IQO718" s="613"/>
      <c r="IQP718" s="613"/>
      <c r="IQQ718" s="613"/>
      <c r="IQR718" s="613"/>
      <c r="IQS718" s="613"/>
      <c r="IQT718" s="613"/>
      <c r="IQU718" s="613"/>
      <c r="IQV718" s="613"/>
      <c r="IQW718" s="613"/>
      <c r="IQX718" s="613"/>
      <c r="IQY718" s="613"/>
      <c r="IQZ718" s="613"/>
      <c r="IRA718" s="613"/>
      <c r="IRB718" s="613"/>
      <c r="IRC718" s="613"/>
      <c r="IRD718" s="613"/>
      <c r="IRE718" s="613"/>
      <c r="IRF718" s="613"/>
      <c r="IRG718" s="613"/>
      <c r="IRH718" s="613"/>
      <c r="IRI718" s="613"/>
      <c r="IRJ718" s="613"/>
      <c r="IRK718" s="613"/>
      <c r="IRL718" s="613"/>
      <c r="IRM718" s="613"/>
      <c r="IRN718" s="613"/>
      <c r="IRO718" s="613"/>
      <c r="IRP718" s="613"/>
      <c r="IRQ718" s="613"/>
      <c r="IRR718" s="613"/>
      <c r="IRS718" s="613"/>
      <c r="IRT718" s="613"/>
      <c r="IRU718" s="613"/>
      <c r="IRV718" s="613"/>
      <c r="IRW718" s="613"/>
      <c r="IRX718" s="613"/>
      <c r="IRY718" s="613"/>
      <c r="IRZ718" s="613"/>
      <c r="ISA718" s="613"/>
      <c r="ISB718" s="613"/>
      <c r="ISC718" s="613"/>
      <c r="ISD718" s="613"/>
      <c r="ISE718" s="613"/>
      <c r="ISF718" s="613"/>
      <c r="ISG718" s="613"/>
      <c r="ISH718" s="613"/>
      <c r="ISI718" s="613"/>
      <c r="ISJ718" s="613"/>
      <c r="ISK718" s="613"/>
      <c r="ISL718" s="613"/>
      <c r="ISM718" s="613"/>
      <c r="ISN718" s="613"/>
      <c r="ISO718" s="613"/>
      <c r="ISP718" s="613"/>
      <c r="ISQ718" s="613"/>
      <c r="ISR718" s="613"/>
      <c r="ISS718" s="613"/>
      <c r="IST718" s="613"/>
      <c r="ISU718" s="613"/>
      <c r="ISV718" s="613"/>
      <c r="ISW718" s="613"/>
      <c r="ISX718" s="613"/>
      <c r="ISY718" s="613"/>
      <c r="ISZ718" s="613"/>
      <c r="ITA718" s="613"/>
      <c r="ITB718" s="613"/>
      <c r="ITC718" s="613"/>
      <c r="ITD718" s="613"/>
      <c r="ITE718" s="613"/>
      <c r="ITF718" s="613"/>
      <c r="ITG718" s="613"/>
      <c r="ITH718" s="613"/>
      <c r="ITI718" s="613"/>
      <c r="ITJ718" s="613"/>
      <c r="ITK718" s="613"/>
      <c r="ITL718" s="613"/>
      <c r="ITM718" s="613"/>
      <c r="ITN718" s="613"/>
      <c r="ITO718" s="613"/>
      <c r="ITP718" s="613"/>
      <c r="ITQ718" s="613"/>
      <c r="ITR718" s="613"/>
      <c r="ITS718" s="613"/>
      <c r="ITT718" s="613"/>
      <c r="ITU718" s="613"/>
      <c r="ITV718" s="613"/>
      <c r="ITW718" s="613"/>
      <c r="ITX718" s="613"/>
      <c r="ITY718" s="613"/>
      <c r="ITZ718" s="613"/>
      <c r="IUA718" s="613"/>
      <c r="IUB718" s="613"/>
      <c r="IUC718" s="613"/>
      <c r="IUD718" s="613"/>
      <c r="IUE718" s="613"/>
      <c r="IUF718" s="613"/>
      <c r="IUG718" s="613"/>
      <c r="IUH718" s="613"/>
      <c r="IUI718" s="613"/>
      <c r="IUJ718" s="613"/>
      <c r="IUK718" s="613"/>
      <c r="IUL718" s="613"/>
      <c r="IUM718" s="613"/>
      <c r="IUN718" s="613"/>
      <c r="IUO718" s="613"/>
      <c r="IUP718" s="613"/>
      <c r="IUQ718" s="613"/>
      <c r="IUR718" s="613"/>
      <c r="IUS718" s="613"/>
      <c r="IUT718" s="613"/>
      <c r="IUU718" s="613"/>
      <c r="IUV718" s="613"/>
      <c r="IUW718" s="613"/>
      <c r="IUX718" s="613"/>
      <c r="IUY718" s="613"/>
      <c r="IUZ718" s="613"/>
      <c r="IVA718" s="613"/>
      <c r="IVB718" s="613"/>
      <c r="IVC718" s="613"/>
      <c r="IVD718" s="613"/>
      <c r="IVE718" s="613"/>
      <c r="IVF718" s="613"/>
      <c r="IVG718" s="613"/>
      <c r="IVH718" s="613"/>
      <c r="IVI718" s="613"/>
      <c r="IVJ718" s="613"/>
      <c r="IVK718" s="613"/>
      <c r="IVL718" s="613"/>
      <c r="IVM718" s="613"/>
      <c r="IVN718" s="613"/>
      <c r="IVO718" s="613"/>
      <c r="IVP718" s="613"/>
      <c r="IVQ718" s="613"/>
      <c r="IVR718" s="613"/>
      <c r="IVS718" s="613"/>
      <c r="IVT718" s="613"/>
      <c r="IVU718" s="613"/>
      <c r="IVV718" s="613"/>
      <c r="IVW718" s="613"/>
      <c r="IVX718" s="613"/>
      <c r="IVY718" s="613"/>
      <c r="IVZ718" s="613"/>
      <c r="IWA718" s="613"/>
      <c r="IWB718" s="613"/>
      <c r="IWC718" s="613"/>
      <c r="IWD718" s="613"/>
      <c r="IWE718" s="613"/>
      <c r="IWF718" s="613"/>
      <c r="IWG718" s="613"/>
      <c r="IWH718" s="613"/>
      <c r="IWI718" s="613"/>
      <c r="IWJ718" s="613"/>
      <c r="IWK718" s="613"/>
      <c r="IWL718" s="613"/>
      <c r="IWM718" s="613"/>
      <c r="IWN718" s="613"/>
      <c r="IWO718" s="613"/>
      <c r="IWP718" s="613"/>
      <c r="IWQ718" s="613"/>
      <c r="IWR718" s="613"/>
      <c r="IWS718" s="613"/>
      <c r="IWT718" s="613"/>
      <c r="IWU718" s="613"/>
      <c r="IWV718" s="613"/>
      <c r="IWW718" s="613"/>
      <c r="IWX718" s="613"/>
      <c r="IWY718" s="613"/>
      <c r="IWZ718" s="613"/>
      <c r="IXA718" s="613"/>
      <c r="IXB718" s="613"/>
      <c r="IXC718" s="613"/>
      <c r="IXD718" s="613"/>
      <c r="IXE718" s="613"/>
      <c r="IXF718" s="613"/>
      <c r="IXG718" s="613"/>
      <c r="IXH718" s="613"/>
      <c r="IXI718" s="613"/>
      <c r="IXJ718" s="613"/>
      <c r="IXK718" s="613"/>
      <c r="IXL718" s="613"/>
      <c r="IXM718" s="613"/>
      <c r="IXN718" s="613"/>
      <c r="IXO718" s="613"/>
      <c r="IXP718" s="613"/>
      <c r="IXQ718" s="613"/>
      <c r="IXR718" s="613"/>
      <c r="IXS718" s="613"/>
      <c r="IXT718" s="613"/>
      <c r="IXU718" s="613"/>
      <c r="IXV718" s="613"/>
      <c r="IXW718" s="613"/>
      <c r="IXX718" s="613"/>
      <c r="IXY718" s="613"/>
      <c r="IXZ718" s="613"/>
      <c r="IYA718" s="613"/>
      <c r="IYB718" s="613"/>
      <c r="IYC718" s="613"/>
      <c r="IYD718" s="613"/>
      <c r="IYE718" s="613"/>
      <c r="IYF718" s="613"/>
      <c r="IYG718" s="613"/>
      <c r="IYH718" s="613"/>
      <c r="IYI718" s="613"/>
      <c r="IYJ718" s="613"/>
      <c r="IYK718" s="613"/>
      <c r="IYL718" s="613"/>
      <c r="IYM718" s="613"/>
      <c r="IYN718" s="613"/>
      <c r="IYO718" s="613"/>
      <c r="IYP718" s="613"/>
      <c r="IYQ718" s="613"/>
      <c r="IYR718" s="613"/>
      <c r="IYS718" s="613"/>
      <c r="IYT718" s="613"/>
      <c r="IYU718" s="613"/>
      <c r="IYV718" s="613"/>
      <c r="IYW718" s="613"/>
      <c r="IYX718" s="613"/>
      <c r="IYY718" s="613"/>
      <c r="IYZ718" s="613"/>
      <c r="IZA718" s="613"/>
      <c r="IZB718" s="613"/>
      <c r="IZC718" s="613"/>
      <c r="IZD718" s="613"/>
      <c r="IZE718" s="613"/>
      <c r="IZF718" s="613"/>
      <c r="IZG718" s="613"/>
      <c r="IZH718" s="613"/>
      <c r="IZI718" s="613"/>
      <c r="IZJ718" s="613"/>
      <c r="IZK718" s="613"/>
      <c r="IZL718" s="613"/>
      <c r="IZM718" s="613"/>
      <c r="IZN718" s="613"/>
      <c r="IZO718" s="613"/>
      <c r="IZP718" s="613"/>
      <c r="IZQ718" s="613"/>
      <c r="IZR718" s="613"/>
      <c r="IZS718" s="613"/>
      <c r="IZT718" s="613"/>
      <c r="IZU718" s="613"/>
      <c r="IZV718" s="613"/>
      <c r="IZW718" s="613"/>
      <c r="IZX718" s="613"/>
      <c r="IZY718" s="613"/>
      <c r="IZZ718" s="613"/>
      <c r="JAA718" s="613"/>
      <c r="JAB718" s="613"/>
      <c r="JAC718" s="613"/>
      <c r="JAD718" s="613"/>
      <c r="JAE718" s="613"/>
      <c r="JAF718" s="613"/>
      <c r="JAG718" s="613"/>
      <c r="JAH718" s="613"/>
      <c r="JAI718" s="613"/>
      <c r="JAJ718" s="613"/>
      <c r="JAK718" s="613"/>
      <c r="JAL718" s="613"/>
      <c r="JAM718" s="613"/>
      <c r="JAN718" s="613"/>
      <c r="JAO718" s="613"/>
      <c r="JAP718" s="613"/>
      <c r="JAQ718" s="613"/>
      <c r="JAR718" s="613"/>
      <c r="JAS718" s="613"/>
      <c r="JAT718" s="613"/>
      <c r="JAU718" s="613"/>
      <c r="JAV718" s="613"/>
      <c r="JAW718" s="613"/>
      <c r="JAX718" s="613"/>
      <c r="JAY718" s="613"/>
      <c r="JAZ718" s="613"/>
      <c r="JBA718" s="613"/>
      <c r="JBB718" s="613"/>
      <c r="JBC718" s="613"/>
      <c r="JBD718" s="613"/>
      <c r="JBE718" s="613"/>
      <c r="JBF718" s="613"/>
      <c r="JBG718" s="613"/>
      <c r="JBH718" s="613"/>
      <c r="JBI718" s="613"/>
      <c r="JBJ718" s="613"/>
      <c r="JBK718" s="613"/>
      <c r="JBL718" s="613"/>
      <c r="JBM718" s="613"/>
      <c r="JBN718" s="613"/>
      <c r="JBO718" s="613"/>
      <c r="JBP718" s="613"/>
      <c r="JBQ718" s="613"/>
      <c r="JBR718" s="613"/>
      <c r="JBS718" s="613"/>
      <c r="JBT718" s="613"/>
      <c r="JBU718" s="613"/>
      <c r="JBV718" s="613"/>
      <c r="JBW718" s="613"/>
      <c r="JBX718" s="613"/>
      <c r="JBY718" s="613"/>
      <c r="JBZ718" s="613"/>
      <c r="JCA718" s="613"/>
      <c r="JCB718" s="613"/>
      <c r="JCC718" s="613"/>
      <c r="JCD718" s="613"/>
      <c r="JCE718" s="613"/>
      <c r="JCF718" s="613"/>
      <c r="JCG718" s="613"/>
      <c r="JCH718" s="613"/>
      <c r="JCI718" s="613"/>
      <c r="JCJ718" s="613"/>
      <c r="JCK718" s="613"/>
      <c r="JCL718" s="613"/>
      <c r="JCM718" s="613"/>
      <c r="JCN718" s="613"/>
      <c r="JCO718" s="613"/>
      <c r="JCP718" s="613"/>
      <c r="JCQ718" s="613"/>
      <c r="JCR718" s="613"/>
      <c r="JCS718" s="613"/>
      <c r="JCT718" s="613"/>
      <c r="JCU718" s="613"/>
      <c r="JCV718" s="613"/>
      <c r="JCW718" s="613"/>
      <c r="JCX718" s="613"/>
      <c r="JCY718" s="613"/>
      <c r="JCZ718" s="613"/>
      <c r="JDA718" s="613"/>
      <c r="JDB718" s="613"/>
      <c r="JDC718" s="613"/>
      <c r="JDD718" s="613"/>
      <c r="JDE718" s="613"/>
      <c r="JDF718" s="613"/>
      <c r="JDG718" s="613"/>
      <c r="JDH718" s="613"/>
      <c r="JDI718" s="613"/>
      <c r="JDJ718" s="613"/>
      <c r="JDK718" s="613"/>
      <c r="JDL718" s="613"/>
      <c r="JDM718" s="613"/>
      <c r="JDN718" s="613"/>
      <c r="JDO718" s="613"/>
      <c r="JDP718" s="613"/>
      <c r="JDQ718" s="613"/>
      <c r="JDR718" s="613"/>
      <c r="JDS718" s="613"/>
      <c r="JDT718" s="613"/>
      <c r="JDU718" s="613"/>
      <c r="JDV718" s="613"/>
      <c r="JDW718" s="613"/>
      <c r="JDX718" s="613"/>
      <c r="JDY718" s="613"/>
      <c r="JDZ718" s="613"/>
      <c r="JEA718" s="613"/>
      <c r="JEB718" s="613"/>
      <c r="JEC718" s="613"/>
      <c r="JED718" s="613"/>
      <c r="JEE718" s="613"/>
      <c r="JEF718" s="613"/>
      <c r="JEG718" s="613"/>
      <c r="JEH718" s="613"/>
      <c r="JEI718" s="613"/>
      <c r="JEJ718" s="613"/>
      <c r="JEK718" s="613"/>
      <c r="JEL718" s="613"/>
      <c r="JEM718" s="613"/>
      <c r="JEN718" s="613"/>
      <c r="JEO718" s="613"/>
      <c r="JEP718" s="613"/>
      <c r="JEQ718" s="613"/>
      <c r="JER718" s="613"/>
      <c r="JES718" s="613"/>
      <c r="JET718" s="613"/>
      <c r="JEU718" s="613"/>
      <c r="JEV718" s="613"/>
      <c r="JEW718" s="613"/>
      <c r="JEX718" s="613"/>
      <c r="JEY718" s="613"/>
      <c r="JEZ718" s="613"/>
      <c r="JFA718" s="613"/>
      <c r="JFB718" s="613"/>
      <c r="JFC718" s="613"/>
      <c r="JFD718" s="613"/>
      <c r="JFE718" s="613"/>
      <c r="JFF718" s="613"/>
      <c r="JFG718" s="613"/>
      <c r="JFH718" s="613"/>
      <c r="JFI718" s="613"/>
      <c r="JFJ718" s="613"/>
      <c r="JFK718" s="613"/>
      <c r="JFL718" s="613"/>
      <c r="JFM718" s="613"/>
      <c r="JFN718" s="613"/>
      <c r="JFO718" s="613"/>
      <c r="JFP718" s="613"/>
      <c r="JFQ718" s="613"/>
      <c r="JFR718" s="613"/>
      <c r="JFS718" s="613"/>
      <c r="JFT718" s="613"/>
      <c r="JFU718" s="613"/>
      <c r="JFV718" s="613"/>
      <c r="JFW718" s="613"/>
      <c r="JFX718" s="613"/>
      <c r="JFY718" s="613"/>
      <c r="JFZ718" s="613"/>
      <c r="JGA718" s="613"/>
      <c r="JGB718" s="613"/>
      <c r="JGC718" s="613"/>
      <c r="JGD718" s="613"/>
      <c r="JGE718" s="613"/>
      <c r="JGF718" s="613"/>
      <c r="JGG718" s="613"/>
      <c r="JGH718" s="613"/>
      <c r="JGI718" s="613"/>
      <c r="JGJ718" s="613"/>
      <c r="JGK718" s="613"/>
      <c r="JGL718" s="613"/>
      <c r="JGM718" s="613"/>
      <c r="JGN718" s="613"/>
      <c r="JGO718" s="613"/>
      <c r="JGP718" s="613"/>
      <c r="JGQ718" s="613"/>
      <c r="JGR718" s="613"/>
      <c r="JGS718" s="613"/>
      <c r="JGT718" s="613"/>
      <c r="JGU718" s="613"/>
      <c r="JGV718" s="613"/>
      <c r="JGW718" s="613"/>
      <c r="JGX718" s="613"/>
      <c r="JGY718" s="613"/>
      <c r="JGZ718" s="613"/>
      <c r="JHA718" s="613"/>
      <c r="JHB718" s="613"/>
      <c r="JHC718" s="613"/>
      <c r="JHD718" s="613"/>
      <c r="JHE718" s="613"/>
      <c r="JHF718" s="613"/>
      <c r="JHG718" s="613"/>
      <c r="JHH718" s="613"/>
      <c r="JHI718" s="613"/>
      <c r="JHJ718" s="613"/>
      <c r="JHK718" s="613"/>
      <c r="JHL718" s="613"/>
      <c r="JHM718" s="613"/>
      <c r="JHN718" s="613"/>
      <c r="JHO718" s="613"/>
      <c r="JHP718" s="613"/>
      <c r="JHQ718" s="613"/>
      <c r="JHR718" s="613"/>
      <c r="JHS718" s="613"/>
      <c r="JHT718" s="613"/>
      <c r="JHU718" s="613"/>
      <c r="JHV718" s="613"/>
      <c r="JHW718" s="613"/>
      <c r="JHX718" s="613"/>
      <c r="JHY718" s="613"/>
      <c r="JHZ718" s="613"/>
      <c r="JIA718" s="613"/>
      <c r="JIB718" s="613"/>
      <c r="JIC718" s="613"/>
      <c r="JID718" s="613"/>
      <c r="JIE718" s="613"/>
      <c r="JIF718" s="613"/>
      <c r="JIG718" s="613"/>
      <c r="JIH718" s="613"/>
      <c r="JII718" s="613"/>
      <c r="JIJ718" s="613"/>
      <c r="JIK718" s="613"/>
      <c r="JIL718" s="613"/>
      <c r="JIM718" s="613"/>
      <c r="JIN718" s="613"/>
      <c r="JIO718" s="613"/>
      <c r="JIP718" s="613"/>
      <c r="JIQ718" s="613"/>
      <c r="JIR718" s="613"/>
      <c r="JIS718" s="613"/>
      <c r="JIT718" s="613"/>
      <c r="JIU718" s="613"/>
      <c r="JIV718" s="613"/>
      <c r="JIW718" s="613"/>
      <c r="JIX718" s="613"/>
      <c r="JIY718" s="613"/>
      <c r="JIZ718" s="613"/>
      <c r="JJA718" s="613"/>
      <c r="JJB718" s="613"/>
      <c r="JJC718" s="613"/>
      <c r="JJD718" s="613"/>
      <c r="JJE718" s="613"/>
      <c r="JJF718" s="613"/>
      <c r="JJG718" s="613"/>
      <c r="JJH718" s="613"/>
      <c r="JJI718" s="613"/>
      <c r="JJJ718" s="613"/>
      <c r="JJK718" s="613"/>
      <c r="JJL718" s="613"/>
      <c r="JJM718" s="613"/>
      <c r="JJN718" s="613"/>
      <c r="JJO718" s="613"/>
      <c r="JJP718" s="613"/>
      <c r="JJQ718" s="613"/>
      <c r="JJR718" s="613"/>
      <c r="JJS718" s="613"/>
      <c r="JJT718" s="613"/>
      <c r="JJU718" s="613"/>
      <c r="JJV718" s="613"/>
      <c r="JJW718" s="613"/>
      <c r="JJX718" s="613"/>
      <c r="JJY718" s="613"/>
      <c r="JJZ718" s="613"/>
      <c r="JKA718" s="613"/>
      <c r="JKB718" s="613"/>
      <c r="JKC718" s="613"/>
      <c r="JKD718" s="613"/>
      <c r="JKE718" s="613"/>
      <c r="JKF718" s="613"/>
      <c r="JKG718" s="613"/>
      <c r="JKH718" s="613"/>
      <c r="JKI718" s="613"/>
      <c r="JKJ718" s="613"/>
      <c r="JKK718" s="613"/>
      <c r="JKL718" s="613"/>
      <c r="JKM718" s="613"/>
      <c r="JKN718" s="613"/>
      <c r="JKO718" s="613"/>
      <c r="JKP718" s="613"/>
      <c r="JKQ718" s="613"/>
      <c r="JKR718" s="613"/>
      <c r="JKS718" s="613"/>
      <c r="JKT718" s="613"/>
      <c r="JKU718" s="613"/>
      <c r="JKV718" s="613"/>
      <c r="JKW718" s="613"/>
      <c r="JKX718" s="613"/>
      <c r="JKY718" s="613"/>
      <c r="JKZ718" s="613"/>
      <c r="JLA718" s="613"/>
      <c r="JLB718" s="613"/>
      <c r="JLC718" s="613"/>
      <c r="JLD718" s="613"/>
      <c r="JLE718" s="613"/>
      <c r="JLF718" s="613"/>
      <c r="JLG718" s="613"/>
      <c r="JLH718" s="613"/>
      <c r="JLI718" s="613"/>
      <c r="JLJ718" s="613"/>
      <c r="JLK718" s="613"/>
      <c r="JLL718" s="613"/>
      <c r="JLM718" s="613"/>
      <c r="JLN718" s="613"/>
      <c r="JLO718" s="613"/>
      <c r="JLP718" s="613"/>
      <c r="JLQ718" s="613"/>
      <c r="JLR718" s="613"/>
      <c r="JLS718" s="613"/>
      <c r="JLT718" s="613"/>
      <c r="JLU718" s="613"/>
      <c r="JLV718" s="613"/>
      <c r="JLW718" s="613"/>
      <c r="JLX718" s="613"/>
      <c r="JLY718" s="613"/>
      <c r="JLZ718" s="613"/>
      <c r="JMA718" s="613"/>
      <c r="JMB718" s="613"/>
      <c r="JMC718" s="613"/>
      <c r="JMD718" s="613"/>
      <c r="JME718" s="613"/>
      <c r="JMF718" s="613"/>
      <c r="JMG718" s="613"/>
      <c r="JMH718" s="613"/>
      <c r="JMI718" s="613"/>
      <c r="JMJ718" s="613"/>
      <c r="JMK718" s="613"/>
      <c r="JML718" s="613"/>
      <c r="JMM718" s="613"/>
      <c r="JMN718" s="613"/>
      <c r="JMO718" s="613"/>
      <c r="JMP718" s="613"/>
      <c r="JMQ718" s="613"/>
      <c r="JMR718" s="613"/>
      <c r="JMS718" s="613"/>
      <c r="JMT718" s="613"/>
      <c r="JMU718" s="613"/>
      <c r="JMV718" s="613"/>
      <c r="JMW718" s="613"/>
      <c r="JMX718" s="613"/>
      <c r="JMY718" s="613"/>
      <c r="JMZ718" s="613"/>
      <c r="JNA718" s="613"/>
      <c r="JNB718" s="613"/>
      <c r="JNC718" s="613"/>
      <c r="JND718" s="613"/>
      <c r="JNE718" s="613"/>
      <c r="JNF718" s="613"/>
      <c r="JNG718" s="613"/>
      <c r="JNH718" s="613"/>
      <c r="JNI718" s="613"/>
      <c r="JNJ718" s="613"/>
      <c r="JNK718" s="613"/>
      <c r="JNL718" s="613"/>
      <c r="JNM718" s="613"/>
      <c r="JNN718" s="613"/>
      <c r="JNO718" s="613"/>
      <c r="JNP718" s="613"/>
      <c r="JNQ718" s="613"/>
      <c r="JNR718" s="613"/>
      <c r="JNS718" s="613"/>
      <c r="JNT718" s="613"/>
      <c r="JNU718" s="613"/>
      <c r="JNV718" s="613"/>
      <c r="JNW718" s="613"/>
      <c r="JNX718" s="613"/>
      <c r="JNY718" s="613"/>
      <c r="JNZ718" s="613"/>
      <c r="JOA718" s="613"/>
      <c r="JOB718" s="613"/>
      <c r="JOC718" s="613"/>
      <c r="JOD718" s="613"/>
      <c r="JOE718" s="613"/>
      <c r="JOF718" s="613"/>
      <c r="JOG718" s="613"/>
      <c r="JOH718" s="613"/>
      <c r="JOI718" s="613"/>
      <c r="JOJ718" s="613"/>
      <c r="JOK718" s="613"/>
      <c r="JOL718" s="613"/>
      <c r="JOM718" s="613"/>
      <c r="JON718" s="613"/>
      <c r="JOO718" s="613"/>
      <c r="JOP718" s="613"/>
      <c r="JOQ718" s="613"/>
      <c r="JOR718" s="613"/>
      <c r="JOS718" s="613"/>
      <c r="JOT718" s="613"/>
      <c r="JOU718" s="613"/>
      <c r="JOV718" s="613"/>
      <c r="JOW718" s="613"/>
      <c r="JOX718" s="613"/>
      <c r="JOY718" s="613"/>
      <c r="JOZ718" s="613"/>
      <c r="JPA718" s="613"/>
      <c r="JPB718" s="613"/>
      <c r="JPC718" s="613"/>
      <c r="JPD718" s="613"/>
      <c r="JPE718" s="613"/>
      <c r="JPF718" s="613"/>
      <c r="JPG718" s="613"/>
      <c r="JPH718" s="613"/>
      <c r="JPI718" s="613"/>
      <c r="JPJ718" s="613"/>
      <c r="JPK718" s="613"/>
      <c r="JPL718" s="613"/>
      <c r="JPM718" s="613"/>
      <c r="JPN718" s="613"/>
      <c r="JPO718" s="613"/>
      <c r="JPP718" s="613"/>
      <c r="JPQ718" s="613"/>
      <c r="JPR718" s="613"/>
      <c r="JPS718" s="613"/>
      <c r="JPT718" s="613"/>
      <c r="JPU718" s="613"/>
      <c r="JPV718" s="613"/>
      <c r="JPW718" s="613"/>
      <c r="JPX718" s="613"/>
      <c r="JPY718" s="613"/>
      <c r="JPZ718" s="613"/>
      <c r="JQA718" s="613"/>
      <c r="JQB718" s="613"/>
      <c r="JQC718" s="613"/>
      <c r="JQD718" s="613"/>
      <c r="JQE718" s="613"/>
      <c r="JQF718" s="613"/>
      <c r="JQG718" s="613"/>
      <c r="JQH718" s="613"/>
      <c r="JQI718" s="613"/>
      <c r="JQJ718" s="613"/>
      <c r="JQK718" s="613"/>
      <c r="JQL718" s="613"/>
      <c r="JQM718" s="613"/>
      <c r="JQN718" s="613"/>
      <c r="JQO718" s="613"/>
      <c r="JQP718" s="613"/>
      <c r="JQQ718" s="613"/>
      <c r="JQR718" s="613"/>
      <c r="JQS718" s="613"/>
      <c r="JQT718" s="613"/>
      <c r="JQU718" s="613"/>
      <c r="JQV718" s="613"/>
      <c r="JQW718" s="613"/>
      <c r="JQX718" s="613"/>
      <c r="JQY718" s="613"/>
      <c r="JQZ718" s="613"/>
      <c r="JRA718" s="613"/>
      <c r="JRB718" s="613"/>
      <c r="JRC718" s="613"/>
      <c r="JRD718" s="613"/>
      <c r="JRE718" s="613"/>
      <c r="JRF718" s="613"/>
      <c r="JRG718" s="613"/>
      <c r="JRH718" s="613"/>
      <c r="JRI718" s="613"/>
      <c r="JRJ718" s="613"/>
      <c r="JRK718" s="613"/>
      <c r="JRL718" s="613"/>
      <c r="JRM718" s="613"/>
      <c r="JRN718" s="613"/>
      <c r="JRO718" s="613"/>
      <c r="JRP718" s="613"/>
      <c r="JRQ718" s="613"/>
      <c r="JRR718" s="613"/>
      <c r="JRS718" s="613"/>
      <c r="JRT718" s="613"/>
      <c r="JRU718" s="613"/>
      <c r="JRV718" s="613"/>
      <c r="JRW718" s="613"/>
      <c r="JRX718" s="613"/>
      <c r="JRY718" s="613"/>
      <c r="JRZ718" s="613"/>
      <c r="JSA718" s="613"/>
      <c r="JSB718" s="613"/>
      <c r="JSC718" s="613"/>
      <c r="JSD718" s="613"/>
      <c r="JSE718" s="613"/>
      <c r="JSF718" s="613"/>
      <c r="JSG718" s="613"/>
      <c r="JSH718" s="613"/>
      <c r="JSI718" s="613"/>
      <c r="JSJ718" s="613"/>
      <c r="JSK718" s="613"/>
      <c r="JSL718" s="613"/>
      <c r="JSM718" s="613"/>
      <c r="JSN718" s="613"/>
      <c r="JSO718" s="613"/>
      <c r="JSP718" s="613"/>
      <c r="JSQ718" s="613"/>
      <c r="JSR718" s="613"/>
      <c r="JSS718" s="613"/>
      <c r="JST718" s="613"/>
      <c r="JSU718" s="613"/>
      <c r="JSV718" s="613"/>
      <c r="JSW718" s="613"/>
      <c r="JSX718" s="613"/>
      <c r="JSY718" s="613"/>
      <c r="JSZ718" s="613"/>
      <c r="JTA718" s="613"/>
      <c r="JTB718" s="613"/>
      <c r="JTC718" s="613"/>
      <c r="JTD718" s="613"/>
      <c r="JTE718" s="613"/>
      <c r="JTF718" s="613"/>
      <c r="JTG718" s="613"/>
      <c r="JTH718" s="613"/>
      <c r="JTI718" s="613"/>
      <c r="JTJ718" s="613"/>
      <c r="JTK718" s="613"/>
      <c r="JTL718" s="613"/>
      <c r="JTM718" s="613"/>
      <c r="JTN718" s="613"/>
      <c r="JTO718" s="613"/>
      <c r="JTP718" s="613"/>
      <c r="JTQ718" s="613"/>
      <c r="JTR718" s="613"/>
      <c r="JTS718" s="613"/>
      <c r="JTT718" s="613"/>
      <c r="JTU718" s="613"/>
      <c r="JTV718" s="613"/>
      <c r="JTW718" s="613"/>
      <c r="JTX718" s="613"/>
      <c r="JTY718" s="613"/>
      <c r="JTZ718" s="613"/>
      <c r="JUA718" s="613"/>
      <c r="JUB718" s="613"/>
      <c r="JUC718" s="613"/>
      <c r="JUD718" s="613"/>
      <c r="JUE718" s="613"/>
      <c r="JUF718" s="613"/>
      <c r="JUG718" s="613"/>
      <c r="JUH718" s="613"/>
      <c r="JUI718" s="613"/>
      <c r="JUJ718" s="613"/>
      <c r="JUK718" s="613"/>
      <c r="JUL718" s="613"/>
      <c r="JUM718" s="613"/>
      <c r="JUN718" s="613"/>
      <c r="JUO718" s="613"/>
      <c r="JUP718" s="613"/>
      <c r="JUQ718" s="613"/>
      <c r="JUR718" s="613"/>
      <c r="JUS718" s="613"/>
      <c r="JUT718" s="613"/>
      <c r="JUU718" s="613"/>
      <c r="JUV718" s="613"/>
      <c r="JUW718" s="613"/>
      <c r="JUX718" s="613"/>
      <c r="JUY718" s="613"/>
      <c r="JUZ718" s="613"/>
      <c r="JVA718" s="613"/>
      <c r="JVB718" s="613"/>
      <c r="JVC718" s="613"/>
      <c r="JVD718" s="613"/>
      <c r="JVE718" s="613"/>
      <c r="JVF718" s="613"/>
      <c r="JVG718" s="613"/>
      <c r="JVH718" s="613"/>
      <c r="JVI718" s="613"/>
      <c r="JVJ718" s="613"/>
      <c r="JVK718" s="613"/>
      <c r="JVL718" s="613"/>
      <c r="JVM718" s="613"/>
      <c r="JVN718" s="613"/>
      <c r="JVO718" s="613"/>
      <c r="JVP718" s="613"/>
      <c r="JVQ718" s="613"/>
      <c r="JVR718" s="613"/>
      <c r="JVS718" s="613"/>
      <c r="JVT718" s="613"/>
      <c r="JVU718" s="613"/>
      <c r="JVV718" s="613"/>
      <c r="JVW718" s="613"/>
      <c r="JVX718" s="613"/>
      <c r="JVY718" s="613"/>
      <c r="JVZ718" s="613"/>
      <c r="JWA718" s="613"/>
      <c r="JWB718" s="613"/>
      <c r="JWC718" s="613"/>
      <c r="JWD718" s="613"/>
      <c r="JWE718" s="613"/>
      <c r="JWF718" s="613"/>
      <c r="JWG718" s="613"/>
      <c r="JWH718" s="613"/>
      <c r="JWI718" s="613"/>
      <c r="JWJ718" s="613"/>
      <c r="JWK718" s="613"/>
      <c r="JWL718" s="613"/>
      <c r="JWM718" s="613"/>
      <c r="JWN718" s="613"/>
      <c r="JWO718" s="613"/>
      <c r="JWP718" s="613"/>
      <c r="JWQ718" s="613"/>
      <c r="JWR718" s="613"/>
      <c r="JWS718" s="613"/>
      <c r="JWT718" s="613"/>
      <c r="JWU718" s="613"/>
      <c r="JWV718" s="613"/>
      <c r="JWW718" s="613"/>
      <c r="JWX718" s="613"/>
      <c r="JWY718" s="613"/>
      <c r="JWZ718" s="613"/>
      <c r="JXA718" s="613"/>
      <c r="JXB718" s="613"/>
      <c r="JXC718" s="613"/>
      <c r="JXD718" s="613"/>
      <c r="JXE718" s="613"/>
      <c r="JXF718" s="613"/>
      <c r="JXG718" s="613"/>
      <c r="JXH718" s="613"/>
      <c r="JXI718" s="613"/>
      <c r="JXJ718" s="613"/>
      <c r="JXK718" s="613"/>
      <c r="JXL718" s="613"/>
      <c r="JXM718" s="613"/>
      <c r="JXN718" s="613"/>
      <c r="JXO718" s="613"/>
      <c r="JXP718" s="613"/>
      <c r="JXQ718" s="613"/>
      <c r="JXR718" s="613"/>
      <c r="JXS718" s="613"/>
      <c r="JXT718" s="613"/>
      <c r="JXU718" s="613"/>
      <c r="JXV718" s="613"/>
      <c r="JXW718" s="613"/>
      <c r="JXX718" s="613"/>
      <c r="JXY718" s="613"/>
      <c r="JXZ718" s="613"/>
      <c r="JYA718" s="613"/>
      <c r="JYB718" s="613"/>
      <c r="JYC718" s="613"/>
      <c r="JYD718" s="613"/>
      <c r="JYE718" s="613"/>
      <c r="JYF718" s="613"/>
      <c r="JYG718" s="613"/>
      <c r="JYH718" s="613"/>
      <c r="JYI718" s="613"/>
      <c r="JYJ718" s="613"/>
      <c r="JYK718" s="613"/>
      <c r="JYL718" s="613"/>
      <c r="JYM718" s="613"/>
      <c r="JYN718" s="613"/>
      <c r="JYO718" s="613"/>
      <c r="JYP718" s="613"/>
      <c r="JYQ718" s="613"/>
      <c r="JYR718" s="613"/>
      <c r="JYS718" s="613"/>
      <c r="JYT718" s="613"/>
      <c r="JYU718" s="613"/>
      <c r="JYV718" s="613"/>
      <c r="JYW718" s="613"/>
      <c r="JYX718" s="613"/>
      <c r="JYY718" s="613"/>
      <c r="JYZ718" s="613"/>
      <c r="JZA718" s="613"/>
      <c r="JZB718" s="613"/>
      <c r="JZC718" s="613"/>
      <c r="JZD718" s="613"/>
      <c r="JZE718" s="613"/>
      <c r="JZF718" s="613"/>
      <c r="JZG718" s="613"/>
      <c r="JZH718" s="613"/>
      <c r="JZI718" s="613"/>
      <c r="JZJ718" s="613"/>
      <c r="JZK718" s="613"/>
      <c r="JZL718" s="613"/>
      <c r="JZM718" s="613"/>
      <c r="JZN718" s="613"/>
      <c r="JZO718" s="613"/>
      <c r="JZP718" s="613"/>
      <c r="JZQ718" s="613"/>
      <c r="JZR718" s="613"/>
      <c r="JZS718" s="613"/>
      <c r="JZT718" s="613"/>
      <c r="JZU718" s="613"/>
      <c r="JZV718" s="613"/>
      <c r="JZW718" s="613"/>
      <c r="JZX718" s="613"/>
      <c r="JZY718" s="613"/>
      <c r="JZZ718" s="613"/>
      <c r="KAA718" s="613"/>
      <c r="KAB718" s="613"/>
      <c r="KAC718" s="613"/>
      <c r="KAD718" s="613"/>
      <c r="KAE718" s="613"/>
      <c r="KAF718" s="613"/>
      <c r="KAG718" s="613"/>
      <c r="KAH718" s="613"/>
      <c r="KAI718" s="613"/>
      <c r="KAJ718" s="613"/>
      <c r="KAK718" s="613"/>
      <c r="KAL718" s="613"/>
      <c r="KAM718" s="613"/>
      <c r="KAN718" s="613"/>
      <c r="KAO718" s="613"/>
      <c r="KAP718" s="613"/>
      <c r="KAQ718" s="613"/>
      <c r="KAR718" s="613"/>
      <c r="KAS718" s="613"/>
      <c r="KAT718" s="613"/>
      <c r="KAU718" s="613"/>
      <c r="KAV718" s="613"/>
      <c r="KAW718" s="613"/>
      <c r="KAX718" s="613"/>
      <c r="KAY718" s="613"/>
      <c r="KAZ718" s="613"/>
      <c r="KBA718" s="613"/>
      <c r="KBB718" s="613"/>
      <c r="KBC718" s="613"/>
      <c r="KBD718" s="613"/>
      <c r="KBE718" s="613"/>
      <c r="KBF718" s="613"/>
      <c r="KBG718" s="613"/>
      <c r="KBH718" s="613"/>
      <c r="KBI718" s="613"/>
      <c r="KBJ718" s="613"/>
      <c r="KBK718" s="613"/>
      <c r="KBL718" s="613"/>
      <c r="KBM718" s="613"/>
      <c r="KBN718" s="613"/>
      <c r="KBO718" s="613"/>
      <c r="KBP718" s="613"/>
      <c r="KBQ718" s="613"/>
      <c r="KBR718" s="613"/>
      <c r="KBS718" s="613"/>
      <c r="KBT718" s="613"/>
      <c r="KBU718" s="613"/>
      <c r="KBV718" s="613"/>
      <c r="KBW718" s="613"/>
      <c r="KBX718" s="613"/>
      <c r="KBY718" s="613"/>
      <c r="KBZ718" s="613"/>
      <c r="KCA718" s="613"/>
      <c r="KCB718" s="613"/>
      <c r="KCC718" s="613"/>
      <c r="KCD718" s="613"/>
      <c r="KCE718" s="613"/>
      <c r="KCF718" s="613"/>
      <c r="KCG718" s="613"/>
      <c r="KCH718" s="613"/>
      <c r="KCI718" s="613"/>
      <c r="KCJ718" s="613"/>
      <c r="KCK718" s="613"/>
      <c r="KCL718" s="613"/>
      <c r="KCM718" s="613"/>
      <c r="KCN718" s="613"/>
      <c r="KCO718" s="613"/>
      <c r="KCP718" s="613"/>
      <c r="KCQ718" s="613"/>
      <c r="KCR718" s="613"/>
      <c r="KCS718" s="613"/>
      <c r="KCT718" s="613"/>
      <c r="KCU718" s="613"/>
      <c r="KCV718" s="613"/>
      <c r="KCW718" s="613"/>
      <c r="KCX718" s="613"/>
      <c r="KCY718" s="613"/>
      <c r="KCZ718" s="613"/>
      <c r="KDA718" s="613"/>
      <c r="KDB718" s="613"/>
      <c r="KDC718" s="613"/>
      <c r="KDD718" s="613"/>
      <c r="KDE718" s="613"/>
      <c r="KDF718" s="613"/>
      <c r="KDG718" s="613"/>
      <c r="KDH718" s="613"/>
      <c r="KDI718" s="613"/>
      <c r="KDJ718" s="613"/>
      <c r="KDK718" s="613"/>
      <c r="KDL718" s="613"/>
      <c r="KDM718" s="613"/>
      <c r="KDN718" s="613"/>
      <c r="KDO718" s="613"/>
      <c r="KDP718" s="613"/>
      <c r="KDQ718" s="613"/>
      <c r="KDR718" s="613"/>
      <c r="KDS718" s="613"/>
      <c r="KDT718" s="613"/>
      <c r="KDU718" s="613"/>
      <c r="KDV718" s="613"/>
      <c r="KDW718" s="613"/>
      <c r="KDX718" s="613"/>
      <c r="KDY718" s="613"/>
      <c r="KDZ718" s="613"/>
      <c r="KEA718" s="613"/>
      <c r="KEB718" s="613"/>
      <c r="KEC718" s="613"/>
      <c r="KED718" s="613"/>
      <c r="KEE718" s="613"/>
      <c r="KEF718" s="613"/>
      <c r="KEG718" s="613"/>
      <c r="KEH718" s="613"/>
      <c r="KEI718" s="613"/>
      <c r="KEJ718" s="613"/>
      <c r="KEK718" s="613"/>
      <c r="KEL718" s="613"/>
      <c r="KEM718" s="613"/>
      <c r="KEN718" s="613"/>
      <c r="KEO718" s="613"/>
      <c r="KEP718" s="613"/>
      <c r="KEQ718" s="613"/>
      <c r="KER718" s="613"/>
      <c r="KES718" s="613"/>
      <c r="KET718" s="613"/>
      <c r="KEU718" s="613"/>
      <c r="KEV718" s="613"/>
      <c r="KEW718" s="613"/>
      <c r="KEX718" s="613"/>
      <c r="KEY718" s="613"/>
      <c r="KEZ718" s="613"/>
      <c r="KFA718" s="613"/>
      <c r="KFB718" s="613"/>
      <c r="KFC718" s="613"/>
      <c r="KFD718" s="613"/>
      <c r="KFE718" s="613"/>
      <c r="KFF718" s="613"/>
      <c r="KFG718" s="613"/>
      <c r="KFH718" s="613"/>
      <c r="KFI718" s="613"/>
      <c r="KFJ718" s="613"/>
      <c r="KFK718" s="613"/>
      <c r="KFL718" s="613"/>
      <c r="KFM718" s="613"/>
      <c r="KFN718" s="613"/>
      <c r="KFO718" s="613"/>
      <c r="KFP718" s="613"/>
      <c r="KFQ718" s="613"/>
      <c r="KFR718" s="613"/>
      <c r="KFS718" s="613"/>
      <c r="KFT718" s="613"/>
      <c r="KFU718" s="613"/>
      <c r="KFV718" s="613"/>
      <c r="KFW718" s="613"/>
      <c r="KFX718" s="613"/>
      <c r="KFY718" s="613"/>
      <c r="KFZ718" s="613"/>
      <c r="KGA718" s="613"/>
      <c r="KGB718" s="613"/>
      <c r="KGC718" s="613"/>
      <c r="KGD718" s="613"/>
      <c r="KGE718" s="613"/>
      <c r="KGF718" s="613"/>
      <c r="KGG718" s="613"/>
      <c r="KGH718" s="613"/>
      <c r="KGI718" s="613"/>
      <c r="KGJ718" s="613"/>
      <c r="KGK718" s="613"/>
      <c r="KGL718" s="613"/>
      <c r="KGM718" s="613"/>
      <c r="KGN718" s="613"/>
      <c r="KGO718" s="613"/>
      <c r="KGP718" s="613"/>
      <c r="KGQ718" s="613"/>
      <c r="KGR718" s="613"/>
      <c r="KGS718" s="613"/>
      <c r="KGT718" s="613"/>
      <c r="KGU718" s="613"/>
      <c r="KGV718" s="613"/>
      <c r="KGW718" s="613"/>
      <c r="KGX718" s="613"/>
      <c r="KGY718" s="613"/>
      <c r="KGZ718" s="613"/>
      <c r="KHA718" s="613"/>
      <c r="KHB718" s="613"/>
      <c r="KHC718" s="613"/>
      <c r="KHD718" s="613"/>
      <c r="KHE718" s="613"/>
      <c r="KHF718" s="613"/>
      <c r="KHG718" s="613"/>
      <c r="KHH718" s="613"/>
      <c r="KHI718" s="613"/>
      <c r="KHJ718" s="613"/>
      <c r="KHK718" s="613"/>
      <c r="KHL718" s="613"/>
      <c r="KHM718" s="613"/>
      <c r="KHN718" s="613"/>
      <c r="KHO718" s="613"/>
      <c r="KHP718" s="613"/>
      <c r="KHQ718" s="613"/>
      <c r="KHR718" s="613"/>
      <c r="KHS718" s="613"/>
      <c r="KHT718" s="613"/>
      <c r="KHU718" s="613"/>
      <c r="KHV718" s="613"/>
      <c r="KHW718" s="613"/>
      <c r="KHX718" s="613"/>
      <c r="KHY718" s="613"/>
      <c r="KHZ718" s="613"/>
      <c r="KIA718" s="613"/>
      <c r="KIB718" s="613"/>
      <c r="KIC718" s="613"/>
      <c r="KID718" s="613"/>
      <c r="KIE718" s="613"/>
      <c r="KIF718" s="613"/>
      <c r="KIG718" s="613"/>
      <c r="KIH718" s="613"/>
      <c r="KII718" s="613"/>
      <c r="KIJ718" s="613"/>
      <c r="KIK718" s="613"/>
      <c r="KIL718" s="613"/>
      <c r="KIM718" s="613"/>
      <c r="KIN718" s="613"/>
      <c r="KIO718" s="613"/>
      <c r="KIP718" s="613"/>
      <c r="KIQ718" s="613"/>
      <c r="KIR718" s="613"/>
      <c r="KIS718" s="613"/>
      <c r="KIT718" s="613"/>
      <c r="KIU718" s="613"/>
      <c r="KIV718" s="613"/>
      <c r="KIW718" s="613"/>
      <c r="KIX718" s="613"/>
      <c r="KIY718" s="613"/>
      <c r="KIZ718" s="613"/>
      <c r="KJA718" s="613"/>
      <c r="KJB718" s="613"/>
      <c r="KJC718" s="613"/>
      <c r="KJD718" s="613"/>
      <c r="KJE718" s="613"/>
      <c r="KJF718" s="613"/>
      <c r="KJG718" s="613"/>
      <c r="KJH718" s="613"/>
      <c r="KJI718" s="613"/>
      <c r="KJJ718" s="613"/>
      <c r="KJK718" s="613"/>
      <c r="KJL718" s="613"/>
      <c r="KJM718" s="613"/>
      <c r="KJN718" s="613"/>
      <c r="KJO718" s="613"/>
      <c r="KJP718" s="613"/>
      <c r="KJQ718" s="613"/>
      <c r="KJR718" s="613"/>
      <c r="KJS718" s="613"/>
      <c r="KJT718" s="613"/>
      <c r="KJU718" s="613"/>
      <c r="KJV718" s="613"/>
      <c r="KJW718" s="613"/>
      <c r="KJX718" s="613"/>
      <c r="KJY718" s="613"/>
      <c r="KJZ718" s="613"/>
      <c r="KKA718" s="613"/>
      <c r="KKB718" s="613"/>
      <c r="KKC718" s="613"/>
      <c r="KKD718" s="613"/>
      <c r="KKE718" s="613"/>
      <c r="KKF718" s="613"/>
      <c r="KKG718" s="613"/>
      <c r="KKH718" s="613"/>
      <c r="KKI718" s="613"/>
      <c r="KKJ718" s="613"/>
      <c r="KKK718" s="613"/>
      <c r="KKL718" s="613"/>
      <c r="KKM718" s="613"/>
      <c r="KKN718" s="613"/>
      <c r="KKO718" s="613"/>
      <c r="KKP718" s="613"/>
      <c r="KKQ718" s="613"/>
      <c r="KKR718" s="613"/>
      <c r="KKS718" s="613"/>
      <c r="KKT718" s="613"/>
      <c r="KKU718" s="613"/>
      <c r="KKV718" s="613"/>
      <c r="KKW718" s="613"/>
      <c r="KKX718" s="613"/>
      <c r="KKY718" s="613"/>
      <c r="KKZ718" s="613"/>
      <c r="KLA718" s="613"/>
      <c r="KLB718" s="613"/>
      <c r="KLC718" s="613"/>
      <c r="KLD718" s="613"/>
      <c r="KLE718" s="613"/>
      <c r="KLF718" s="613"/>
      <c r="KLG718" s="613"/>
      <c r="KLH718" s="613"/>
      <c r="KLI718" s="613"/>
      <c r="KLJ718" s="613"/>
      <c r="KLK718" s="613"/>
      <c r="KLL718" s="613"/>
      <c r="KLM718" s="613"/>
      <c r="KLN718" s="613"/>
      <c r="KLO718" s="613"/>
      <c r="KLP718" s="613"/>
      <c r="KLQ718" s="613"/>
      <c r="KLR718" s="613"/>
      <c r="KLS718" s="613"/>
      <c r="KLT718" s="613"/>
      <c r="KLU718" s="613"/>
      <c r="KLV718" s="613"/>
      <c r="KLW718" s="613"/>
      <c r="KLX718" s="613"/>
      <c r="KLY718" s="613"/>
      <c r="KLZ718" s="613"/>
      <c r="KMA718" s="613"/>
      <c r="KMB718" s="613"/>
      <c r="KMC718" s="613"/>
      <c r="KMD718" s="613"/>
      <c r="KME718" s="613"/>
      <c r="KMF718" s="613"/>
      <c r="KMG718" s="613"/>
      <c r="KMH718" s="613"/>
      <c r="KMI718" s="613"/>
      <c r="KMJ718" s="613"/>
      <c r="KMK718" s="613"/>
      <c r="KML718" s="613"/>
      <c r="KMM718" s="613"/>
      <c r="KMN718" s="613"/>
      <c r="KMO718" s="613"/>
      <c r="KMP718" s="613"/>
      <c r="KMQ718" s="613"/>
      <c r="KMR718" s="613"/>
      <c r="KMS718" s="613"/>
      <c r="KMT718" s="613"/>
      <c r="KMU718" s="613"/>
      <c r="KMV718" s="613"/>
      <c r="KMW718" s="613"/>
      <c r="KMX718" s="613"/>
      <c r="KMY718" s="613"/>
      <c r="KMZ718" s="613"/>
      <c r="KNA718" s="613"/>
      <c r="KNB718" s="613"/>
      <c r="KNC718" s="613"/>
      <c r="KND718" s="613"/>
      <c r="KNE718" s="613"/>
      <c r="KNF718" s="613"/>
      <c r="KNG718" s="613"/>
      <c r="KNH718" s="613"/>
      <c r="KNI718" s="613"/>
      <c r="KNJ718" s="613"/>
      <c r="KNK718" s="613"/>
      <c r="KNL718" s="613"/>
      <c r="KNM718" s="613"/>
      <c r="KNN718" s="613"/>
      <c r="KNO718" s="613"/>
      <c r="KNP718" s="613"/>
      <c r="KNQ718" s="613"/>
      <c r="KNR718" s="613"/>
      <c r="KNS718" s="613"/>
      <c r="KNT718" s="613"/>
      <c r="KNU718" s="613"/>
      <c r="KNV718" s="613"/>
      <c r="KNW718" s="613"/>
      <c r="KNX718" s="613"/>
      <c r="KNY718" s="613"/>
      <c r="KNZ718" s="613"/>
      <c r="KOA718" s="613"/>
      <c r="KOB718" s="613"/>
      <c r="KOC718" s="613"/>
      <c r="KOD718" s="613"/>
      <c r="KOE718" s="613"/>
      <c r="KOF718" s="613"/>
      <c r="KOG718" s="613"/>
      <c r="KOH718" s="613"/>
      <c r="KOI718" s="613"/>
      <c r="KOJ718" s="613"/>
      <c r="KOK718" s="613"/>
      <c r="KOL718" s="613"/>
      <c r="KOM718" s="613"/>
      <c r="KON718" s="613"/>
      <c r="KOO718" s="613"/>
      <c r="KOP718" s="613"/>
      <c r="KOQ718" s="613"/>
      <c r="KOR718" s="613"/>
      <c r="KOS718" s="613"/>
      <c r="KOT718" s="613"/>
      <c r="KOU718" s="613"/>
      <c r="KOV718" s="613"/>
      <c r="KOW718" s="613"/>
      <c r="KOX718" s="613"/>
      <c r="KOY718" s="613"/>
      <c r="KOZ718" s="613"/>
      <c r="KPA718" s="613"/>
      <c r="KPB718" s="613"/>
      <c r="KPC718" s="613"/>
      <c r="KPD718" s="613"/>
      <c r="KPE718" s="613"/>
      <c r="KPF718" s="613"/>
      <c r="KPG718" s="613"/>
      <c r="KPH718" s="613"/>
      <c r="KPI718" s="613"/>
      <c r="KPJ718" s="613"/>
      <c r="KPK718" s="613"/>
      <c r="KPL718" s="613"/>
      <c r="KPM718" s="613"/>
      <c r="KPN718" s="613"/>
      <c r="KPO718" s="613"/>
      <c r="KPP718" s="613"/>
      <c r="KPQ718" s="613"/>
      <c r="KPR718" s="613"/>
      <c r="KPS718" s="613"/>
      <c r="KPT718" s="613"/>
      <c r="KPU718" s="613"/>
      <c r="KPV718" s="613"/>
      <c r="KPW718" s="613"/>
      <c r="KPX718" s="613"/>
      <c r="KPY718" s="613"/>
      <c r="KPZ718" s="613"/>
      <c r="KQA718" s="613"/>
      <c r="KQB718" s="613"/>
      <c r="KQC718" s="613"/>
      <c r="KQD718" s="613"/>
      <c r="KQE718" s="613"/>
      <c r="KQF718" s="613"/>
      <c r="KQG718" s="613"/>
      <c r="KQH718" s="613"/>
      <c r="KQI718" s="613"/>
      <c r="KQJ718" s="613"/>
      <c r="KQK718" s="613"/>
      <c r="KQL718" s="613"/>
      <c r="KQM718" s="613"/>
      <c r="KQN718" s="613"/>
      <c r="KQO718" s="613"/>
      <c r="KQP718" s="613"/>
      <c r="KQQ718" s="613"/>
      <c r="KQR718" s="613"/>
      <c r="KQS718" s="613"/>
      <c r="KQT718" s="613"/>
      <c r="KQU718" s="613"/>
      <c r="KQV718" s="613"/>
      <c r="KQW718" s="613"/>
      <c r="KQX718" s="613"/>
      <c r="KQY718" s="613"/>
      <c r="KQZ718" s="613"/>
      <c r="KRA718" s="613"/>
      <c r="KRB718" s="613"/>
      <c r="KRC718" s="613"/>
      <c r="KRD718" s="613"/>
      <c r="KRE718" s="613"/>
      <c r="KRF718" s="613"/>
      <c r="KRG718" s="613"/>
      <c r="KRH718" s="613"/>
      <c r="KRI718" s="613"/>
      <c r="KRJ718" s="613"/>
      <c r="KRK718" s="613"/>
      <c r="KRL718" s="613"/>
      <c r="KRM718" s="613"/>
      <c r="KRN718" s="613"/>
      <c r="KRO718" s="613"/>
      <c r="KRP718" s="613"/>
      <c r="KRQ718" s="613"/>
      <c r="KRR718" s="613"/>
      <c r="KRS718" s="613"/>
      <c r="KRT718" s="613"/>
      <c r="KRU718" s="613"/>
      <c r="KRV718" s="613"/>
      <c r="KRW718" s="613"/>
      <c r="KRX718" s="613"/>
      <c r="KRY718" s="613"/>
      <c r="KRZ718" s="613"/>
      <c r="KSA718" s="613"/>
      <c r="KSB718" s="613"/>
      <c r="KSC718" s="613"/>
      <c r="KSD718" s="613"/>
      <c r="KSE718" s="613"/>
      <c r="KSF718" s="613"/>
      <c r="KSG718" s="613"/>
      <c r="KSH718" s="613"/>
      <c r="KSI718" s="613"/>
      <c r="KSJ718" s="613"/>
      <c r="KSK718" s="613"/>
      <c r="KSL718" s="613"/>
      <c r="KSM718" s="613"/>
      <c r="KSN718" s="613"/>
      <c r="KSO718" s="613"/>
      <c r="KSP718" s="613"/>
      <c r="KSQ718" s="613"/>
      <c r="KSR718" s="613"/>
      <c r="KSS718" s="613"/>
      <c r="KST718" s="613"/>
      <c r="KSU718" s="613"/>
      <c r="KSV718" s="613"/>
      <c r="KSW718" s="613"/>
      <c r="KSX718" s="613"/>
      <c r="KSY718" s="613"/>
      <c r="KSZ718" s="613"/>
      <c r="KTA718" s="613"/>
      <c r="KTB718" s="613"/>
      <c r="KTC718" s="613"/>
      <c r="KTD718" s="613"/>
      <c r="KTE718" s="613"/>
      <c r="KTF718" s="613"/>
      <c r="KTG718" s="613"/>
      <c r="KTH718" s="613"/>
      <c r="KTI718" s="613"/>
      <c r="KTJ718" s="613"/>
      <c r="KTK718" s="613"/>
      <c r="KTL718" s="613"/>
      <c r="KTM718" s="613"/>
      <c r="KTN718" s="613"/>
      <c r="KTO718" s="613"/>
      <c r="KTP718" s="613"/>
      <c r="KTQ718" s="613"/>
      <c r="KTR718" s="613"/>
      <c r="KTS718" s="613"/>
      <c r="KTT718" s="613"/>
      <c r="KTU718" s="613"/>
      <c r="KTV718" s="613"/>
      <c r="KTW718" s="613"/>
      <c r="KTX718" s="613"/>
      <c r="KTY718" s="613"/>
      <c r="KTZ718" s="613"/>
      <c r="KUA718" s="613"/>
      <c r="KUB718" s="613"/>
      <c r="KUC718" s="613"/>
      <c r="KUD718" s="613"/>
      <c r="KUE718" s="613"/>
      <c r="KUF718" s="613"/>
      <c r="KUG718" s="613"/>
      <c r="KUH718" s="613"/>
      <c r="KUI718" s="613"/>
      <c r="KUJ718" s="613"/>
      <c r="KUK718" s="613"/>
      <c r="KUL718" s="613"/>
      <c r="KUM718" s="613"/>
      <c r="KUN718" s="613"/>
      <c r="KUO718" s="613"/>
      <c r="KUP718" s="613"/>
      <c r="KUQ718" s="613"/>
      <c r="KUR718" s="613"/>
      <c r="KUS718" s="613"/>
      <c r="KUT718" s="613"/>
      <c r="KUU718" s="613"/>
      <c r="KUV718" s="613"/>
      <c r="KUW718" s="613"/>
      <c r="KUX718" s="613"/>
      <c r="KUY718" s="613"/>
      <c r="KUZ718" s="613"/>
      <c r="KVA718" s="613"/>
      <c r="KVB718" s="613"/>
      <c r="KVC718" s="613"/>
      <c r="KVD718" s="613"/>
      <c r="KVE718" s="613"/>
      <c r="KVF718" s="613"/>
      <c r="KVG718" s="613"/>
      <c r="KVH718" s="613"/>
      <c r="KVI718" s="613"/>
      <c r="KVJ718" s="613"/>
      <c r="KVK718" s="613"/>
      <c r="KVL718" s="613"/>
      <c r="KVM718" s="613"/>
      <c r="KVN718" s="613"/>
      <c r="KVO718" s="613"/>
      <c r="KVP718" s="613"/>
      <c r="KVQ718" s="613"/>
      <c r="KVR718" s="613"/>
      <c r="KVS718" s="613"/>
      <c r="KVT718" s="613"/>
      <c r="KVU718" s="613"/>
      <c r="KVV718" s="613"/>
      <c r="KVW718" s="613"/>
      <c r="KVX718" s="613"/>
      <c r="KVY718" s="613"/>
      <c r="KVZ718" s="613"/>
      <c r="KWA718" s="613"/>
      <c r="KWB718" s="613"/>
      <c r="KWC718" s="613"/>
      <c r="KWD718" s="613"/>
      <c r="KWE718" s="613"/>
      <c r="KWF718" s="613"/>
      <c r="KWG718" s="613"/>
      <c r="KWH718" s="613"/>
      <c r="KWI718" s="613"/>
      <c r="KWJ718" s="613"/>
      <c r="KWK718" s="613"/>
      <c r="KWL718" s="613"/>
      <c r="KWM718" s="613"/>
      <c r="KWN718" s="613"/>
      <c r="KWO718" s="613"/>
      <c r="KWP718" s="613"/>
      <c r="KWQ718" s="613"/>
      <c r="KWR718" s="613"/>
      <c r="KWS718" s="613"/>
      <c r="KWT718" s="613"/>
      <c r="KWU718" s="613"/>
      <c r="KWV718" s="613"/>
      <c r="KWW718" s="613"/>
      <c r="KWX718" s="613"/>
      <c r="KWY718" s="613"/>
      <c r="KWZ718" s="613"/>
      <c r="KXA718" s="613"/>
      <c r="KXB718" s="613"/>
      <c r="KXC718" s="613"/>
      <c r="KXD718" s="613"/>
      <c r="KXE718" s="613"/>
      <c r="KXF718" s="613"/>
      <c r="KXG718" s="613"/>
      <c r="KXH718" s="613"/>
      <c r="KXI718" s="613"/>
      <c r="KXJ718" s="613"/>
      <c r="KXK718" s="613"/>
      <c r="KXL718" s="613"/>
      <c r="KXM718" s="613"/>
      <c r="KXN718" s="613"/>
      <c r="KXO718" s="613"/>
      <c r="KXP718" s="613"/>
      <c r="KXQ718" s="613"/>
      <c r="KXR718" s="613"/>
      <c r="KXS718" s="613"/>
      <c r="KXT718" s="613"/>
      <c r="KXU718" s="613"/>
      <c r="KXV718" s="613"/>
      <c r="KXW718" s="613"/>
      <c r="KXX718" s="613"/>
      <c r="KXY718" s="613"/>
      <c r="KXZ718" s="613"/>
      <c r="KYA718" s="613"/>
      <c r="KYB718" s="613"/>
      <c r="KYC718" s="613"/>
      <c r="KYD718" s="613"/>
      <c r="KYE718" s="613"/>
      <c r="KYF718" s="613"/>
      <c r="KYG718" s="613"/>
      <c r="KYH718" s="613"/>
      <c r="KYI718" s="613"/>
      <c r="KYJ718" s="613"/>
      <c r="KYK718" s="613"/>
      <c r="KYL718" s="613"/>
      <c r="KYM718" s="613"/>
      <c r="KYN718" s="613"/>
      <c r="KYO718" s="613"/>
      <c r="KYP718" s="613"/>
      <c r="KYQ718" s="613"/>
      <c r="KYR718" s="613"/>
      <c r="KYS718" s="613"/>
      <c r="KYT718" s="613"/>
      <c r="KYU718" s="613"/>
      <c r="KYV718" s="613"/>
      <c r="KYW718" s="613"/>
      <c r="KYX718" s="613"/>
      <c r="KYY718" s="613"/>
      <c r="KYZ718" s="613"/>
      <c r="KZA718" s="613"/>
      <c r="KZB718" s="613"/>
      <c r="KZC718" s="613"/>
      <c r="KZD718" s="613"/>
      <c r="KZE718" s="613"/>
      <c r="KZF718" s="613"/>
      <c r="KZG718" s="613"/>
      <c r="KZH718" s="613"/>
      <c r="KZI718" s="613"/>
      <c r="KZJ718" s="613"/>
      <c r="KZK718" s="613"/>
      <c r="KZL718" s="613"/>
      <c r="KZM718" s="613"/>
      <c r="KZN718" s="613"/>
      <c r="KZO718" s="613"/>
      <c r="KZP718" s="613"/>
      <c r="KZQ718" s="613"/>
      <c r="KZR718" s="613"/>
      <c r="KZS718" s="613"/>
      <c r="KZT718" s="613"/>
      <c r="KZU718" s="613"/>
      <c r="KZV718" s="613"/>
      <c r="KZW718" s="613"/>
      <c r="KZX718" s="613"/>
      <c r="KZY718" s="613"/>
      <c r="KZZ718" s="613"/>
      <c r="LAA718" s="613"/>
      <c r="LAB718" s="613"/>
      <c r="LAC718" s="613"/>
      <c r="LAD718" s="613"/>
      <c r="LAE718" s="613"/>
      <c r="LAF718" s="613"/>
      <c r="LAG718" s="613"/>
      <c r="LAH718" s="613"/>
      <c r="LAI718" s="613"/>
      <c r="LAJ718" s="613"/>
      <c r="LAK718" s="613"/>
      <c r="LAL718" s="613"/>
      <c r="LAM718" s="613"/>
      <c r="LAN718" s="613"/>
      <c r="LAO718" s="613"/>
      <c r="LAP718" s="613"/>
      <c r="LAQ718" s="613"/>
      <c r="LAR718" s="613"/>
      <c r="LAS718" s="613"/>
      <c r="LAT718" s="613"/>
      <c r="LAU718" s="613"/>
      <c r="LAV718" s="613"/>
      <c r="LAW718" s="613"/>
      <c r="LAX718" s="613"/>
      <c r="LAY718" s="613"/>
      <c r="LAZ718" s="613"/>
      <c r="LBA718" s="613"/>
      <c r="LBB718" s="613"/>
      <c r="LBC718" s="613"/>
      <c r="LBD718" s="613"/>
      <c r="LBE718" s="613"/>
      <c r="LBF718" s="613"/>
      <c r="LBG718" s="613"/>
      <c r="LBH718" s="613"/>
      <c r="LBI718" s="613"/>
      <c r="LBJ718" s="613"/>
      <c r="LBK718" s="613"/>
      <c r="LBL718" s="613"/>
      <c r="LBM718" s="613"/>
      <c r="LBN718" s="613"/>
      <c r="LBO718" s="613"/>
      <c r="LBP718" s="613"/>
      <c r="LBQ718" s="613"/>
      <c r="LBR718" s="613"/>
      <c r="LBS718" s="613"/>
      <c r="LBT718" s="613"/>
      <c r="LBU718" s="613"/>
      <c r="LBV718" s="613"/>
      <c r="LBW718" s="613"/>
      <c r="LBX718" s="613"/>
      <c r="LBY718" s="613"/>
      <c r="LBZ718" s="613"/>
      <c r="LCA718" s="613"/>
      <c r="LCB718" s="613"/>
      <c r="LCC718" s="613"/>
      <c r="LCD718" s="613"/>
      <c r="LCE718" s="613"/>
      <c r="LCF718" s="613"/>
      <c r="LCG718" s="613"/>
      <c r="LCH718" s="613"/>
      <c r="LCI718" s="613"/>
      <c r="LCJ718" s="613"/>
      <c r="LCK718" s="613"/>
      <c r="LCL718" s="613"/>
      <c r="LCM718" s="613"/>
      <c r="LCN718" s="613"/>
      <c r="LCO718" s="613"/>
      <c r="LCP718" s="613"/>
      <c r="LCQ718" s="613"/>
      <c r="LCR718" s="613"/>
      <c r="LCS718" s="613"/>
      <c r="LCT718" s="613"/>
      <c r="LCU718" s="613"/>
      <c r="LCV718" s="613"/>
      <c r="LCW718" s="613"/>
      <c r="LCX718" s="613"/>
      <c r="LCY718" s="613"/>
      <c r="LCZ718" s="613"/>
      <c r="LDA718" s="613"/>
      <c r="LDB718" s="613"/>
      <c r="LDC718" s="613"/>
      <c r="LDD718" s="613"/>
      <c r="LDE718" s="613"/>
      <c r="LDF718" s="613"/>
      <c r="LDG718" s="613"/>
      <c r="LDH718" s="613"/>
      <c r="LDI718" s="613"/>
      <c r="LDJ718" s="613"/>
      <c r="LDK718" s="613"/>
      <c r="LDL718" s="613"/>
      <c r="LDM718" s="613"/>
      <c r="LDN718" s="613"/>
      <c r="LDO718" s="613"/>
      <c r="LDP718" s="613"/>
      <c r="LDQ718" s="613"/>
      <c r="LDR718" s="613"/>
      <c r="LDS718" s="613"/>
      <c r="LDT718" s="613"/>
      <c r="LDU718" s="613"/>
      <c r="LDV718" s="613"/>
      <c r="LDW718" s="613"/>
      <c r="LDX718" s="613"/>
      <c r="LDY718" s="613"/>
      <c r="LDZ718" s="613"/>
      <c r="LEA718" s="613"/>
      <c r="LEB718" s="613"/>
      <c r="LEC718" s="613"/>
      <c r="LED718" s="613"/>
      <c r="LEE718" s="613"/>
      <c r="LEF718" s="613"/>
      <c r="LEG718" s="613"/>
      <c r="LEH718" s="613"/>
      <c r="LEI718" s="613"/>
      <c r="LEJ718" s="613"/>
      <c r="LEK718" s="613"/>
      <c r="LEL718" s="613"/>
      <c r="LEM718" s="613"/>
      <c r="LEN718" s="613"/>
      <c r="LEO718" s="613"/>
      <c r="LEP718" s="613"/>
      <c r="LEQ718" s="613"/>
      <c r="LER718" s="613"/>
      <c r="LES718" s="613"/>
      <c r="LET718" s="613"/>
      <c r="LEU718" s="613"/>
      <c r="LEV718" s="613"/>
      <c r="LEW718" s="613"/>
      <c r="LEX718" s="613"/>
      <c r="LEY718" s="613"/>
      <c r="LEZ718" s="613"/>
      <c r="LFA718" s="613"/>
      <c r="LFB718" s="613"/>
      <c r="LFC718" s="613"/>
      <c r="LFD718" s="613"/>
      <c r="LFE718" s="613"/>
      <c r="LFF718" s="613"/>
      <c r="LFG718" s="613"/>
      <c r="LFH718" s="613"/>
      <c r="LFI718" s="613"/>
      <c r="LFJ718" s="613"/>
      <c r="LFK718" s="613"/>
      <c r="LFL718" s="613"/>
      <c r="LFM718" s="613"/>
      <c r="LFN718" s="613"/>
      <c r="LFO718" s="613"/>
      <c r="LFP718" s="613"/>
      <c r="LFQ718" s="613"/>
      <c r="LFR718" s="613"/>
      <c r="LFS718" s="613"/>
      <c r="LFT718" s="613"/>
      <c r="LFU718" s="613"/>
      <c r="LFV718" s="613"/>
      <c r="LFW718" s="613"/>
      <c r="LFX718" s="613"/>
      <c r="LFY718" s="613"/>
      <c r="LFZ718" s="613"/>
      <c r="LGA718" s="613"/>
      <c r="LGB718" s="613"/>
      <c r="LGC718" s="613"/>
      <c r="LGD718" s="613"/>
      <c r="LGE718" s="613"/>
      <c r="LGF718" s="613"/>
      <c r="LGG718" s="613"/>
      <c r="LGH718" s="613"/>
      <c r="LGI718" s="613"/>
      <c r="LGJ718" s="613"/>
      <c r="LGK718" s="613"/>
      <c r="LGL718" s="613"/>
      <c r="LGM718" s="613"/>
      <c r="LGN718" s="613"/>
      <c r="LGO718" s="613"/>
      <c r="LGP718" s="613"/>
      <c r="LGQ718" s="613"/>
      <c r="LGR718" s="613"/>
      <c r="LGS718" s="613"/>
      <c r="LGT718" s="613"/>
      <c r="LGU718" s="613"/>
      <c r="LGV718" s="613"/>
      <c r="LGW718" s="613"/>
      <c r="LGX718" s="613"/>
      <c r="LGY718" s="613"/>
      <c r="LGZ718" s="613"/>
      <c r="LHA718" s="613"/>
      <c r="LHB718" s="613"/>
      <c r="LHC718" s="613"/>
      <c r="LHD718" s="613"/>
      <c r="LHE718" s="613"/>
      <c r="LHF718" s="613"/>
      <c r="LHG718" s="613"/>
      <c r="LHH718" s="613"/>
      <c r="LHI718" s="613"/>
      <c r="LHJ718" s="613"/>
      <c r="LHK718" s="613"/>
      <c r="LHL718" s="613"/>
      <c r="LHM718" s="613"/>
      <c r="LHN718" s="613"/>
      <c r="LHO718" s="613"/>
      <c r="LHP718" s="613"/>
      <c r="LHQ718" s="613"/>
      <c r="LHR718" s="613"/>
      <c r="LHS718" s="613"/>
      <c r="LHT718" s="613"/>
      <c r="LHU718" s="613"/>
      <c r="LHV718" s="613"/>
      <c r="LHW718" s="613"/>
      <c r="LHX718" s="613"/>
      <c r="LHY718" s="613"/>
      <c r="LHZ718" s="613"/>
      <c r="LIA718" s="613"/>
      <c r="LIB718" s="613"/>
      <c r="LIC718" s="613"/>
      <c r="LID718" s="613"/>
      <c r="LIE718" s="613"/>
      <c r="LIF718" s="613"/>
      <c r="LIG718" s="613"/>
      <c r="LIH718" s="613"/>
      <c r="LII718" s="613"/>
      <c r="LIJ718" s="613"/>
      <c r="LIK718" s="613"/>
      <c r="LIL718" s="613"/>
      <c r="LIM718" s="613"/>
      <c r="LIN718" s="613"/>
      <c r="LIO718" s="613"/>
      <c r="LIP718" s="613"/>
      <c r="LIQ718" s="613"/>
      <c r="LIR718" s="613"/>
      <c r="LIS718" s="613"/>
      <c r="LIT718" s="613"/>
      <c r="LIU718" s="613"/>
      <c r="LIV718" s="613"/>
      <c r="LIW718" s="613"/>
      <c r="LIX718" s="613"/>
      <c r="LIY718" s="613"/>
      <c r="LIZ718" s="613"/>
      <c r="LJA718" s="613"/>
      <c r="LJB718" s="613"/>
      <c r="LJC718" s="613"/>
      <c r="LJD718" s="613"/>
      <c r="LJE718" s="613"/>
      <c r="LJF718" s="613"/>
      <c r="LJG718" s="613"/>
      <c r="LJH718" s="613"/>
      <c r="LJI718" s="613"/>
      <c r="LJJ718" s="613"/>
      <c r="LJK718" s="613"/>
      <c r="LJL718" s="613"/>
      <c r="LJM718" s="613"/>
      <c r="LJN718" s="613"/>
      <c r="LJO718" s="613"/>
      <c r="LJP718" s="613"/>
      <c r="LJQ718" s="613"/>
      <c r="LJR718" s="613"/>
      <c r="LJS718" s="613"/>
      <c r="LJT718" s="613"/>
      <c r="LJU718" s="613"/>
      <c r="LJV718" s="613"/>
      <c r="LJW718" s="613"/>
      <c r="LJX718" s="613"/>
      <c r="LJY718" s="613"/>
      <c r="LJZ718" s="613"/>
      <c r="LKA718" s="613"/>
      <c r="LKB718" s="613"/>
      <c r="LKC718" s="613"/>
      <c r="LKD718" s="613"/>
      <c r="LKE718" s="613"/>
      <c r="LKF718" s="613"/>
      <c r="LKG718" s="613"/>
      <c r="LKH718" s="613"/>
      <c r="LKI718" s="613"/>
      <c r="LKJ718" s="613"/>
      <c r="LKK718" s="613"/>
      <c r="LKL718" s="613"/>
      <c r="LKM718" s="613"/>
      <c r="LKN718" s="613"/>
      <c r="LKO718" s="613"/>
      <c r="LKP718" s="613"/>
      <c r="LKQ718" s="613"/>
      <c r="LKR718" s="613"/>
      <c r="LKS718" s="613"/>
      <c r="LKT718" s="613"/>
      <c r="LKU718" s="613"/>
      <c r="LKV718" s="613"/>
      <c r="LKW718" s="613"/>
      <c r="LKX718" s="613"/>
      <c r="LKY718" s="613"/>
      <c r="LKZ718" s="613"/>
      <c r="LLA718" s="613"/>
      <c r="LLB718" s="613"/>
      <c r="LLC718" s="613"/>
      <c r="LLD718" s="613"/>
      <c r="LLE718" s="613"/>
      <c r="LLF718" s="613"/>
      <c r="LLG718" s="613"/>
      <c r="LLH718" s="613"/>
      <c r="LLI718" s="613"/>
      <c r="LLJ718" s="613"/>
      <c r="LLK718" s="613"/>
      <c r="LLL718" s="613"/>
      <c r="LLM718" s="613"/>
      <c r="LLN718" s="613"/>
      <c r="LLO718" s="613"/>
      <c r="LLP718" s="613"/>
      <c r="LLQ718" s="613"/>
      <c r="LLR718" s="613"/>
      <c r="LLS718" s="613"/>
      <c r="LLT718" s="613"/>
      <c r="LLU718" s="613"/>
      <c r="LLV718" s="613"/>
      <c r="LLW718" s="613"/>
      <c r="LLX718" s="613"/>
      <c r="LLY718" s="613"/>
      <c r="LLZ718" s="613"/>
      <c r="LMA718" s="613"/>
      <c r="LMB718" s="613"/>
      <c r="LMC718" s="613"/>
      <c r="LMD718" s="613"/>
      <c r="LME718" s="613"/>
      <c r="LMF718" s="613"/>
      <c r="LMG718" s="613"/>
      <c r="LMH718" s="613"/>
      <c r="LMI718" s="613"/>
      <c r="LMJ718" s="613"/>
      <c r="LMK718" s="613"/>
      <c r="LML718" s="613"/>
      <c r="LMM718" s="613"/>
      <c r="LMN718" s="613"/>
      <c r="LMO718" s="613"/>
      <c r="LMP718" s="613"/>
      <c r="LMQ718" s="613"/>
      <c r="LMR718" s="613"/>
      <c r="LMS718" s="613"/>
      <c r="LMT718" s="613"/>
      <c r="LMU718" s="613"/>
      <c r="LMV718" s="613"/>
      <c r="LMW718" s="613"/>
      <c r="LMX718" s="613"/>
      <c r="LMY718" s="613"/>
      <c r="LMZ718" s="613"/>
      <c r="LNA718" s="613"/>
      <c r="LNB718" s="613"/>
      <c r="LNC718" s="613"/>
      <c r="LND718" s="613"/>
      <c r="LNE718" s="613"/>
      <c r="LNF718" s="613"/>
      <c r="LNG718" s="613"/>
      <c r="LNH718" s="613"/>
      <c r="LNI718" s="613"/>
      <c r="LNJ718" s="613"/>
      <c r="LNK718" s="613"/>
      <c r="LNL718" s="613"/>
      <c r="LNM718" s="613"/>
      <c r="LNN718" s="613"/>
      <c r="LNO718" s="613"/>
      <c r="LNP718" s="613"/>
      <c r="LNQ718" s="613"/>
      <c r="LNR718" s="613"/>
      <c r="LNS718" s="613"/>
      <c r="LNT718" s="613"/>
      <c r="LNU718" s="613"/>
      <c r="LNV718" s="613"/>
      <c r="LNW718" s="613"/>
      <c r="LNX718" s="613"/>
      <c r="LNY718" s="613"/>
      <c r="LNZ718" s="613"/>
      <c r="LOA718" s="613"/>
      <c r="LOB718" s="613"/>
      <c r="LOC718" s="613"/>
      <c r="LOD718" s="613"/>
      <c r="LOE718" s="613"/>
      <c r="LOF718" s="613"/>
      <c r="LOG718" s="613"/>
      <c r="LOH718" s="613"/>
      <c r="LOI718" s="613"/>
      <c r="LOJ718" s="613"/>
      <c r="LOK718" s="613"/>
      <c r="LOL718" s="613"/>
      <c r="LOM718" s="613"/>
      <c r="LON718" s="613"/>
      <c r="LOO718" s="613"/>
      <c r="LOP718" s="613"/>
      <c r="LOQ718" s="613"/>
      <c r="LOR718" s="613"/>
      <c r="LOS718" s="613"/>
      <c r="LOT718" s="613"/>
      <c r="LOU718" s="613"/>
      <c r="LOV718" s="613"/>
      <c r="LOW718" s="613"/>
      <c r="LOX718" s="613"/>
      <c r="LOY718" s="613"/>
      <c r="LOZ718" s="613"/>
      <c r="LPA718" s="613"/>
      <c r="LPB718" s="613"/>
      <c r="LPC718" s="613"/>
      <c r="LPD718" s="613"/>
      <c r="LPE718" s="613"/>
      <c r="LPF718" s="613"/>
      <c r="LPG718" s="613"/>
      <c r="LPH718" s="613"/>
      <c r="LPI718" s="613"/>
      <c r="LPJ718" s="613"/>
      <c r="LPK718" s="613"/>
      <c r="LPL718" s="613"/>
      <c r="LPM718" s="613"/>
      <c r="LPN718" s="613"/>
      <c r="LPO718" s="613"/>
      <c r="LPP718" s="613"/>
      <c r="LPQ718" s="613"/>
      <c r="LPR718" s="613"/>
      <c r="LPS718" s="613"/>
      <c r="LPT718" s="613"/>
      <c r="LPU718" s="613"/>
      <c r="LPV718" s="613"/>
      <c r="LPW718" s="613"/>
      <c r="LPX718" s="613"/>
      <c r="LPY718" s="613"/>
      <c r="LPZ718" s="613"/>
      <c r="LQA718" s="613"/>
      <c r="LQB718" s="613"/>
      <c r="LQC718" s="613"/>
      <c r="LQD718" s="613"/>
      <c r="LQE718" s="613"/>
      <c r="LQF718" s="613"/>
      <c r="LQG718" s="613"/>
      <c r="LQH718" s="613"/>
      <c r="LQI718" s="613"/>
      <c r="LQJ718" s="613"/>
      <c r="LQK718" s="613"/>
      <c r="LQL718" s="613"/>
      <c r="LQM718" s="613"/>
      <c r="LQN718" s="613"/>
      <c r="LQO718" s="613"/>
      <c r="LQP718" s="613"/>
      <c r="LQQ718" s="613"/>
      <c r="LQR718" s="613"/>
      <c r="LQS718" s="613"/>
      <c r="LQT718" s="613"/>
      <c r="LQU718" s="613"/>
      <c r="LQV718" s="613"/>
      <c r="LQW718" s="613"/>
      <c r="LQX718" s="613"/>
      <c r="LQY718" s="613"/>
      <c r="LQZ718" s="613"/>
      <c r="LRA718" s="613"/>
      <c r="LRB718" s="613"/>
      <c r="LRC718" s="613"/>
      <c r="LRD718" s="613"/>
      <c r="LRE718" s="613"/>
      <c r="LRF718" s="613"/>
      <c r="LRG718" s="613"/>
      <c r="LRH718" s="613"/>
      <c r="LRI718" s="613"/>
      <c r="LRJ718" s="613"/>
      <c r="LRK718" s="613"/>
      <c r="LRL718" s="613"/>
      <c r="LRM718" s="613"/>
      <c r="LRN718" s="613"/>
      <c r="LRO718" s="613"/>
      <c r="LRP718" s="613"/>
      <c r="LRQ718" s="613"/>
      <c r="LRR718" s="613"/>
      <c r="LRS718" s="613"/>
      <c r="LRT718" s="613"/>
      <c r="LRU718" s="613"/>
      <c r="LRV718" s="613"/>
      <c r="LRW718" s="613"/>
      <c r="LRX718" s="613"/>
      <c r="LRY718" s="613"/>
      <c r="LRZ718" s="613"/>
      <c r="LSA718" s="613"/>
      <c r="LSB718" s="613"/>
      <c r="LSC718" s="613"/>
      <c r="LSD718" s="613"/>
      <c r="LSE718" s="613"/>
      <c r="LSF718" s="613"/>
      <c r="LSG718" s="613"/>
      <c r="LSH718" s="613"/>
      <c r="LSI718" s="613"/>
      <c r="LSJ718" s="613"/>
      <c r="LSK718" s="613"/>
      <c r="LSL718" s="613"/>
      <c r="LSM718" s="613"/>
      <c r="LSN718" s="613"/>
      <c r="LSO718" s="613"/>
      <c r="LSP718" s="613"/>
      <c r="LSQ718" s="613"/>
      <c r="LSR718" s="613"/>
      <c r="LSS718" s="613"/>
      <c r="LST718" s="613"/>
      <c r="LSU718" s="613"/>
      <c r="LSV718" s="613"/>
      <c r="LSW718" s="613"/>
      <c r="LSX718" s="613"/>
      <c r="LSY718" s="613"/>
      <c r="LSZ718" s="613"/>
      <c r="LTA718" s="613"/>
      <c r="LTB718" s="613"/>
      <c r="LTC718" s="613"/>
      <c r="LTD718" s="613"/>
      <c r="LTE718" s="613"/>
      <c r="LTF718" s="613"/>
      <c r="LTG718" s="613"/>
      <c r="LTH718" s="613"/>
      <c r="LTI718" s="613"/>
      <c r="LTJ718" s="613"/>
      <c r="LTK718" s="613"/>
      <c r="LTL718" s="613"/>
      <c r="LTM718" s="613"/>
      <c r="LTN718" s="613"/>
      <c r="LTO718" s="613"/>
      <c r="LTP718" s="613"/>
      <c r="LTQ718" s="613"/>
      <c r="LTR718" s="613"/>
      <c r="LTS718" s="613"/>
      <c r="LTT718" s="613"/>
      <c r="LTU718" s="613"/>
      <c r="LTV718" s="613"/>
      <c r="LTW718" s="613"/>
      <c r="LTX718" s="613"/>
      <c r="LTY718" s="613"/>
      <c r="LTZ718" s="613"/>
      <c r="LUA718" s="613"/>
      <c r="LUB718" s="613"/>
      <c r="LUC718" s="613"/>
      <c r="LUD718" s="613"/>
      <c r="LUE718" s="613"/>
      <c r="LUF718" s="613"/>
      <c r="LUG718" s="613"/>
      <c r="LUH718" s="613"/>
      <c r="LUI718" s="613"/>
      <c r="LUJ718" s="613"/>
      <c r="LUK718" s="613"/>
      <c r="LUL718" s="613"/>
      <c r="LUM718" s="613"/>
      <c r="LUN718" s="613"/>
      <c r="LUO718" s="613"/>
      <c r="LUP718" s="613"/>
      <c r="LUQ718" s="613"/>
      <c r="LUR718" s="613"/>
      <c r="LUS718" s="613"/>
      <c r="LUT718" s="613"/>
      <c r="LUU718" s="613"/>
      <c r="LUV718" s="613"/>
      <c r="LUW718" s="613"/>
      <c r="LUX718" s="613"/>
      <c r="LUY718" s="613"/>
      <c r="LUZ718" s="613"/>
      <c r="LVA718" s="613"/>
      <c r="LVB718" s="613"/>
      <c r="LVC718" s="613"/>
      <c r="LVD718" s="613"/>
      <c r="LVE718" s="613"/>
      <c r="LVF718" s="613"/>
      <c r="LVG718" s="613"/>
      <c r="LVH718" s="613"/>
      <c r="LVI718" s="613"/>
      <c r="LVJ718" s="613"/>
      <c r="LVK718" s="613"/>
      <c r="LVL718" s="613"/>
      <c r="LVM718" s="613"/>
      <c r="LVN718" s="613"/>
      <c r="LVO718" s="613"/>
      <c r="LVP718" s="613"/>
      <c r="LVQ718" s="613"/>
      <c r="LVR718" s="613"/>
      <c r="LVS718" s="613"/>
      <c r="LVT718" s="613"/>
      <c r="LVU718" s="613"/>
      <c r="LVV718" s="613"/>
      <c r="LVW718" s="613"/>
      <c r="LVX718" s="613"/>
      <c r="LVY718" s="613"/>
      <c r="LVZ718" s="613"/>
      <c r="LWA718" s="613"/>
      <c r="LWB718" s="613"/>
      <c r="LWC718" s="613"/>
      <c r="LWD718" s="613"/>
      <c r="LWE718" s="613"/>
      <c r="LWF718" s="613"/>
      <c r="LWG718" s="613"/>
      <c r="LWH718" s="613"/>
      <c r="LWI718" s="613"/>
      <c r="LWJ718" s="613"/>
      <c r="LWK718" s="613"/>
      <c r="LWL718" s="613"/>
      <c r="LWM718" s="613"/>
      <c r="LWN718" s="613"/>
      <c r="LWO718" s="613"/>
      <c r="LWP718" s="613"/>
      <c r="LWQ718" s="613"/>
      <c r="LWR718" s="613"/>
      <c r="LWS718" s="613"/>
      <c r="LWT718" s="613"/>
      <c r="LWU718" s="613"/>
      <c r="LWV718" s="613"/>
      <c r="LWW718" s="613"/>
      <c r="LWX718" s="613"/>
      <c r="LWY718" s="613"/>
      <c r="LWZ718" s="613"/>
      <c r="LXA718" s="613"/>
      <c r="LXB718" s="613"/>
      <c r="LXC718" s="613"/>
      <c r="LXD718" s="613"/>
      <c r="LXE718" s="613"/>
      <c r="LXF718" s="613"/>
      <c r="LXG718" s="613"/>
      <c r="LXH718" s="613"/>
      <c r="LXI718" s="613"/>
      <c r="LXJ718" s="613"/>
      <c r="LXK718" s="613"/>
      <c r="LXL718" s="613"/>
      <c r="LXM718" s="613"/>
      <c r="LXN718" s="613"/>
      <c r="LXO718" s="613"/>
      <c r="LXP718" s="613"/>
      <c r="LXQ718" s="613"/>
      <c r="LXR718" s="613"/>
      <c r="LXS718" s="613"/>
      <c r="LXT718" s="613"/>
      <c r="LXU718" s="613"/>
      <c r="LXV718" s="613"/>
      <c r="LXW718" s="613"/>
      <c r="LXX718" s="613"/>
      <c r="LXY718" s="613"/>
      <c r="LXZ718" s="613"/>
      <c r="LYA718" s="613"/>
      <c r="LYB718" s="613"/>
      <c r="LYC718" s="613"/>
      <c r="LYD718" s="613"/>
      <c r="LYE718" s="613"/>
      <c r="LYF718" s="613"/>
      <c r="LYG718" s="613"/>
      <c r="LYH718" s="613"/>
      <c r="LYI718" s="613"/>
      <c r="LYJ718" s="613"/>
      <c r="LYK718" s="613"/>
      <c r="LYL718" s="613"/>
      <c r="LYM718" s="613"/>
      <c r="LYN718" s="613"/>
      <c r="LYO718" s="613"/>
      <c r="LYP718" s="613"/>
      <c r="LYQ718" s="613"/>
      <c r="LYR718" s="613"/>
      <c r="LYS718" s="613"/>
      <c r="LYT718" s="613"/>
      <c r="LYU718" s="613"/>
      <c r="LYV718" s="613"/>
      <c r="LYW718" s="613"/>
      <c r="LYX718" s="613"/>
      <c r="LYY718" s="613"/>
      <c r="LYZ718" s="613"/>
      <c r="LZA718" s="613"/>
      <c r="LZB718" s="613"/>
      <c r="LZC718" s="613"/>
      <c r="LZD718" s="613"/>
      <c r="LZE718" s="613"/>
      <c r="LZF718" s="613"/>
      <c r="LZG718" s="613"/>
      <c r="LZH718" s="613"/>
      <c r="LZI718" s="613"/>
      <c r="LZJ718" s="613"/>
      <c r="LZK718" s="613"/>
      <c r="LZL718" s="613"/>
      <c r="LZM718" s="613"/>
      <c r="LZN718" s="613"/>
      <c r="LZO718" s="613"/>
      <c r="LZP718" s="613"/>
      <c r="LZQ718" s="613"/>
      <c r="LZR718" s="613"/>
      <c r="LZS718" s="613"/>
      <c r="LZT718" s="613"/>
      <c r="LZU718" s="613"/>
      <c r="LZV718" s="613"/>
      <c r="LZW718" s="613"/>
      <c r="LZX718" s="613"/>
      <c r="LZY718" s="613"/>
      <c r="LZZ718" s="613"/>
      <c r="MAA718" s="613"/>
      <c r="MAB718" s="613"/>
      <c r="MAC718" s="613"/>
      <c r="MAD718" s="613"/>
      <c r="MAE718" s="613"/>
      <c r="MAF718" s="613"/>
      <c r="MAG718" s="613"/>
      <c r="MAH718" s="613"/>
      <c r="MAI718" s="613"/>
      <c r="MAJ718" s="613"/>
      <c r="MAK718" s="613"/>
      <c r="MAL718" s="613"/>
      <c r="MAM718" s="613"/>
      <c r="MAN718" s="613"/>
      <c r="MAO718" s="613"/>
      <c r="MAP718" s="613"/>
      <c r="MAQ718" s="613"/>
      <c r="MAR718" s="613"/>
      <c r="MAS718" s="613"/>
      <c r="MAT718" s="613"/>
      <c r="MAU718" s="613"/>
      <c r="MAV718" s="613"/>
      <c r="MAW718" s="613"/>
      <c r="MAX718" s="613"/>
      <c r="MAY718" s="613"/>
      <c r="MAZ718" s="613"/>
      <c r="MBA718" s="613"/>
      <c r="MBB718" s="613"/>
      <c r="MBC718" s="613"/>
      <c r="MBD718" s="613"/>
      <c r="MBE718" s="613"/>
      <c r="MBF718" s="613"/>
      <c r="MBG718" s="613"/>
      <c r="MBH718" s="613"/>
      <c r="MBI718" s="613"/>
      <c r="MBJ718" s="613"/>
      <c r="MBK718" s="613"/>
      <c r="MBL718" s="613"/>
      <c r="MBM718" s="613"/>
      <c r="MBN718" s="613"/>
      <c r="MBO718" s="613"/>
      <c r="MBP718" s="613"/>
      <c r="MBQ718" s="613"/>
      <c r="MBR718" s="613"/>
      <c r="MBS718" s="613"/>
      <c r="MBT718" s="613"/>
      <c r="MBU718" s="613"/>
      <c r="MBV718" s="613"/>
      <c r="MBW718" s="613"/>
      <c r="MBX718" s="613"/>
      <c r="MBY718" s="613"/>
      <c r="MBZ718" s="613"/>
      <c r="MCA718" s="613"/>
      <c r="MCB718" s="613"/>
      <c r="MCC718" s="613"/>
      <c r="MCD718" s="613"/>
      <c r="MCE718" s="613"/>
      <c r="MCF718" s="613"/>
      <c r="MCG718" s="613"/>
      <c r="MCH718" s="613"/>
      <c r="MCI718" s="613"/>
      <c r="MCJ718" s="613"/>
      <c r="MCK718" s="613"/>
      <c r="MCL718" s="613"/>
      <c r="MCM718" s="613"/>
      <c r="MCN718" s="613"/>
      <c r="MCO718" s="613"/>
      <c r="MCP718" s="613"/>
      <c r="MCQ718" s="613"/>
      <c r="MCR718" s="613"/>
      <c r="MCS718" s="613"/>
      <c r="MCT718" s="613"/>
      <c r="MCU718" s="613"/>
      <c r="MCV718" s="613"/>
      <c r="MCW718" s="613"/>
      <c r="MCX718" s="613"/>
      <c r="MCY718" s="613"/>
      <c r="MCZ718" s="613"/>
      <c r="MDA718" s="613"/>
      <c r="MDB718" s="613"/>
      <c r="MDC718" s="613"/>
      <c r="MDD718" s="613"/>
      <c r="MDE718" s="613"/>
      <c r="MDF718" s="613"/>
      <c r="MDG718" s="613"/>
      <c r="MDH718" s="613"/>
      <c r="MDI718" s="613"/>
      <c r="MDJ718" s="613"/>
      <c r="MDK718" s="613"/>
      <c r="MDL718" s="613"/>
      <c r="MDM718" s="613"/>
      <c r="MDN718" s="613"/>
      <c r="MDO718" s="613"/>
      <c r="MDP718" s="613"/>
      <c r="MDQ718" s="613"/>
      <c r="MDR718" s="613"/>
      <c r="MDS718" s="613"/>
      <c r="MDT718" s="613"/>
      <c r="MDU718" s="613"/>
      <c r="MDV718" s="613"/>
      <c r="MDW718" s="613"/>
      <c r="MDX718" s="613"/>
      <c r="MDY718" s="613"/>
      <c r="MDZ718" s="613"/>
      <c r="MEA718" s="613"/>
      <c r="MEB718" s="613"/>
      <c r="MEC718" s="613"/>
      <c r="MED718" s="613"/>
      <c r="MEE718" s="613"/>
      <c r="MEF718" s="613"/>
      <c r="MEG718" s="613"/>
      <c r="MEH718" s="613"/>
      <c r="MEI718" s="613"/>
      <c r="MEJ718" s="613"/>
      <c r="MEK718" s="613"/>
      <c r="MEL718" s="613"/>
      <c r="MEM718" s="613"/>
      <c r="MEN718" s="613"/>
      <c r="MEO718" s="613"/>
      <c r="MEP718" s="613"/>
      <c r="MEQ718" s="613"/>
      <c r="MER718" s="613"/>
      <c r="MES718" s="613"/>
      <c r="MET718" s="613"/>
      <c r="MEU718" s="613"/>
      <c r="MEV718" s="613"/>
      <c r="MEW718" s="613"/>
      <c r="MEX718" s="613"/>
      <c r="MEY718" s="613"/>
      <c r="MEZ718" s="613"/>
      <c r="MFA718" s="613"/>
      <c r="MFB718" s="613"/>
      <c r="MFC718" s="613"/>
      <c r="MFD718" s="613"/>
      <c r="MFE718" s="613"/>
      <c r="MFF718" s="613"/>
      <c r="MFG718" s="613"/>
      <c r="MFH718" s="613"/>
      <c r="MFI718" s="613"/>
      <c r="MFJ718" s="613"/>
      <c r="MFK718" s="613"/>
      <c r="MFL718" s="613"/>
      <c r="MFM718" s="613"/>
      <c r="MFN718" s="613"/>
      <c r="MFO718" s="613"/>
      <c r="MFP718" s="613"/>
      <c r="MFQ718" s="613"/>
      <c r="MFR718" s="613"/>
      <c r="MFS718" s="613"/>
      <c r="MFT718" s="613"/>
      <c r="MFU718" s="613"/>
      <c r="MFV718" s="613"/>
      <c r="MFW718" s="613"/>
      <c r="MFX718" s="613"/>
      <c r="MFY718" s="613"/>
      <c r="MFZ718" s="613"/>
      <c r="MGA718" s="613"/>
      <c r="MGB718" s="613"/>
      <c r="MGC718" s="613"/>
      <c r="MGD718" s="613"/>
      <c r="MGE718" s="613"/>
      <c r="MGF718" s="613"/>
      <c r="MGG718" s="613"/>
      <c r="MGH718" s="613"/>
      <c r="MGI718" s="613"/>
      <c r="MGJ718" s="613"/>
      <c r="MGK718" s="613"/>
      <c r="MGL718" s="613"/>
      <c r="MGM718" s="613"/>
      <c r="MGN718" s="613"/>
      <c r="MGO718" s="613"/>
      <c r="MGP718" s="613"/>
      <c r="MGQ718" s="613"/>
      <c r="MGR718" s="613"/>
      <c r="MGS718" s="613"/>
      <c r="MGT718" s="613"/>
      <c r="MGU718" s="613"/>
      <c r="MGV718" s="613"/>
      <c r="MGW718" s="613"/>
      <c r="MGX718" s="613"/>
      <c r="MGY718" s="613"/>
      <c r="MGZ718" s="613"/>
      <c r="MHA718" s="613"/>
      <c r="MHB718" s="613"/>
      <c r="MHC718" s="613"/>
      <c r="MHD718" s="613"/>
      <c r="MHE718" s="613"/>
      <c r="MHF718" s="613"/>
      <c r="MHG718" s="613"/>
      <c r="MHH718" s="613"/>
      <c r="MHI718" s="613"/>
      <c r="MHJ718" s="613"/>
      <c r="MHK718" s="613"/>
      <c r="MHL718" s="613"/>
      <c r="MHM718" s="613"/>
      <c r="MHN718" s="613"/>
      <c r="MHO718" s="613"/>
      <c r="MHP718" s="613"/>
      <c r="MHQ718" s="613"/>
      <c r="MHR718" s="613"/>
      <c r="MHS718" s="613"/>
      <c r="MHT718" s="613"/>
      <c r="MHU718" s="613"/>
      <c r="MHV718" s="613"/>
      <c r="MHW718" s="613"/>
      <c r="MHX718" s="613"/>
      <c r="MHY718" s="613"/>
      <c r="MHZ718" s="613"/>
      <c r="MIA718" s="613"/>
      <c r="MIB718" s="613"/>
      <c r="MIC718" s="613"/>
      <c r="MID718" s="613"/>
      <c r="MIE718" s="613"/>
      <c r="MIF718" s="613"/>
      <c r="MIG718" s="613"/>
      <c r="MIH718" s="613"/>
      <c r="MII718" s="613"/>
      <c r="MIJ718" s="613"/>
      <c r="MIK718" s="613"/>
      <c r="MIL718" s="613"/>
      <c r="MIM718" s="613"/>
      <c r="MIN718" s="613"/>
      <c r="MIO718" s="613"/>
      <c r="MIP718" s="613"/>
      <c r="MIQ718" s="613"/>
      <c r="MIR718" s="613"/>
      <c r="MIS718" s="613"/>
      <c r="MIT718" s="613"/>
      <c r="MIU718" s="613"/>
      <c r="MIV718" s="613"/>
      <c r="MIW718" s="613"/>
      <c r="MIX718" s="613"/>
      <c r="MIY718" s="613"/>
      <c r="MIZ718" s="613"/>
      <c r="MJA718" s="613"/>
      <c r="MJB718" s="613"/>
      <c r="MJC718" s="613"/>
      <c r="MJD718" s="613"/>
      <c r="MJE718" s="613"/>
      <c r="MJF718" s="613"/>
      <c r="MJG718" s="613"/>
      <c r="MJH718" s="613"/>
      <c r="MJI718" s="613"/>
      <c r="MJJ718" s="613"/>
      <c r="MJK718" s="613"/>
      <c r="MJL718" s="613"/>
      <c r="MJM718" s="613"/>
      <c r="MJN718" s="613"/>
      <c r="MJO718" s="613"/>
      <c r="MJP718" s="613"/>
      <c r="MJQ718" s="613"/>
      <c r="MJR718" s="613"/>
      <c r="MJS718" s="613"/>
      <c r="MJT718" s="613"/>
      <c r="MJU718" s="613"/>
      <c r="MJV718" s="613"/>
      <c r="MJW718" s="613"/>
      <c r="MJX718" s="613"/>
      <c r="MJY718" s="613"/>
      <c r="MJZ718" s="613"/>
      <c r="MKA718" s="613"/>
      <c r="MKB718" s="613"/>
      <c r="MKC718" s="613"/>
      <c r="MKD718" s="613"/>
      <c r="MKE718" s="613"/>
      <c r="MKF718" s="613"/>
      <c r="MKG718" s="613"/>
      <c r="MKH718" s="613"/>
      <c r="MKI718" s="613"/>
      <c r="MKJ718" s="613"/>
      <c r="MKK718" s="613"/>
      <c r="MKL718" s="613"/>
      <c r="MKM718" s="613"/>
      <c r="MKN718" s="613"/>
      <c r="MKO718" s="613"/>
      <c r="MKP718" s="613"/>
      <c r="MKQ718" s="613"/>
      <c r="MKR718" s="613"/>
      <c r="MKS718" s="613"/>
      <c r="MKT718" s="613"/>
      <c r="MKU718" s="613"/>
      <c r="MKV718" s="613"/>
      <c r="MKW718" s="613"/>
      <c r="MKX718" s="613"/>
      <c r="MKY718" s="613"/>
      <c r="MKZ718" s="613"/>
      <c r="MLA718" s="613"/>
      <c r="MLB718" s="613"/>
      <c r="MLC718" s="613"/>
      <c r="MLD718" s="613"/>
      <c r="MLE718" s="613"/>
      <c r="MLF718" s="613"/>
      <c r="MLG718" s="613"/>
      <c r="MLH718" s="613"/>
      <c r="MLI718" s="613"/>
      <c r="MLJ718" s="613"/>
      <c r="MLK718" s="613"/>
      <c r="MLL718" s="613"/>
      <c r="MLM718" s="613"/>
      <c r="MLN718" s="613"/>
      <c r="MLO718" s="613"/>
      <c r="MLP718" s="613"/>
      <c r="MLQ718" s="613"/>
      <c r="MLR718" s="613"/>
      <c r="MLS718" s="613"/>
      <c r="MLT718" s="613"/>
      <c r="MLU718" s="613"/>
      <c r="MLV718" s="613"/>
      <c r="MLW718" s="613"/>
      <c r="MLX718" s="613"/>
      <c r="MLY718" s="613"/>
      <c r="MLZ718" s="613"/>
      <c r="MMA718" s="613"/>
      <c r="MMB718" s="613"/>
      <c r="MMC718" s="613"/>
      <c r="MMD718" s="613"/>
      <c r="MME718" s="613"/>
      <c r="MMF718" s="613"/>
      <c r="MMG718" s="613"/>
      <c r="MMH718" s="613"/>
      <c r="MMI718" s="613"/>
      <c r="MMJ718" s="613"/>
      <c r="MMK718" s="613"/>
      <c r="MML718" s="613"/>
      <c r="MMM718" s="613"/>
      <c r="MMN718" s="613"/>
      <c r="MMO718" s="613"/>
      <c r="MMP718" s="613"/>
      <c r="MMQ718" s="613"/>
      <c r="MMR718" s="613"/>
      <c r="MMS718" s="613"/>
      <c r="MMT718" s="613"/>
      <c r="MMU718" s="613"/>
      <c r="MMV718" s="613"/>
      <c r="MMW718" s="613"/>
      <c r="MMX718" s="613"/>
      <c r="MMY718" s="613"/>
      <c r="MMZ718" s="613"/>
      <c r="MNA718" s="613"/>
      <c r="MNB718" s="613"/>
      <c r="MNC718" s="613"/>
      <c r="MND718" s="613"/>
      <c r="MNE718" s="613"/>
      <c r="MNF718" s="613"/>
      <c r="MNG718" s="613"/>
      <c r="MNH718" s="613"/>
      <c r="MNI718" s="613"/>
      <c r="MNJ718" s="613"/>
      <c r="MNK718" s="613"/>
      <c r="MNL718" s="613"/>
      <c r="MNM718" s="613"/>
      <c r="MNN718" s="613"/>
      <c r="MNO718" s="613"/>
      <c r="MNP718" s="613"/>
      <c r="MNQ718" s="613"/>
      <c r="MNR718" s="613"/>
      <c r="MNS718" s="613"/>
      <c r="MNT718" s="613"/>
      <c r="MNU718" s="613"/>
      <c r="MNV718" s="613"/>
      <c r="MNW718" s="613"/>
      <c r="MNX718" s="613"/>
      <c r="MNY718" s="613"/>
      <c r="MNZ718" s="613"/>
      <c r="MOA718" s="613"/>
      <c r="MOB718" s="613"/>
      <c r="MOC718" s="613"/>
      <c r="MOD718" s="613"/>
      <c r="MOE718" s="613"/>
      <c r="MOF718" s="613"/>
      <c r="MOG718" s="613"/>
      <c r="MOH718" s="613"/>
      <c r="MOI718" s="613"/>
      <c r="MOJ718" s="613"/>
      <c r="MOK718" s="613"/>
      <c r="MOL718" s="613"/>
      <c r="MOM718" s="613"/>
      <c r="MON718" s="613"/>
      <c r="MOO718" s="613"/>
      <c r="MOP718" s="613"/>
      <c r="MOQ718" s="613"/>
      <c r="MOR718" s="613"/>
      <c r="MOS718" s="613"/>
      <c r="MOT718" s="613"/>
      <c r="MOU718" s="613"/>
      <c r="MOV718" s="613"/>
      <c r="MOW718" s="613"/>
      <c r="MOX718" s="613"/>
      <c r="MOY718" s="613"/>
      <c r="MOZ718" s="613"/>
      <c r="MPA718" s="613"/>
      <c r="MPB718" s="613"/>
      <c r="MPC718" s="613"/>
      <c r="MPD718" s="613"/>
      <c r="MPE718" s="613"/>
      <c r="MPF718" s="613"/>
      <c r="MPG718" s="613"/>
      <c r="MPH718" s="613"/>
      <c r="MPI718" s="613"/>
      <c r="MPJ718" s="613"/>
      <c r="MPK718" s="613"/>
      <c r="MPL718" s="613"/>
      <c r="MPM718" s="613"/>
      <c r="MPN718" s="613"/>
      <c r="MPO718" s="613"/>
      <c r="MPP718" s="613"/>
      <c r="MPQ718" s="613"/>
      <c r="MPR718" s="613"/>
      <c r="MPS718" s="613"/>
      <c r="MPT718" s="613"/>
      <c r="MPU718" s="613"/>
      <c r="MPV718" s="613"/>
      <c r="MPW718" s="613"/>
      <c r="MPX718" s="613"/>
      <c r="MPY718" s="613"/>
      <c r="MPZ718" s="613"/>
      <c r="MQA718" s="613"/>
      <c r="MQB718" s="613"/>
      <c r="MQC718" s="613"/>
      <c r="MQD718" s="613"/>
      <c r="MQE718" s="613"/>
      <c r="MQF718" s="613"/>
      <c r="MQG718" s="613"/>
      <c r="MQH718" s="613"/>
      <c r="MQI718" s="613"/>
      <c r="MQJ718" s="613"/>
      <c r="MQK718" s="613"/>
      <c r="MQL718" s="613"/>
      <c r="MQM718" s="613"/>
      <c r="MQN718" s="613"/>
      <c r="MQO718" s="613"/>
      <c r="MQP718" s="613"/>
      <c r="MQQ718" s="613"/>
      <c r="MQR718" s="613"/>
      <c r="MQS718" s="613"/>
      <c r="MQT718" s="613"/>
      <c r="MQU718" s="613"/>
      <c r="MQV718" s="613"/>
      <c r="MQW718" s="613"/>
      <c r="MQX718" s="613"/>
      <c r="MQY718" s="613"/>
      <c r="MQZ718" s="613"/>
      <c r="MRA718" s="613"/>
      <c r="MRB718" s="613"/>
      <c r="MRC718" s="613"/>
      <c r="MRD718" s="613"/>
      <c r="MRE718" s="613"/>
      <c r="MRF718" s="613"/>
      <c r="MRG718" s="613"/>
      <c r="MRH718" s="613"/>
      <c r="MRI718" s="613"/>
      <c r="MRJ718" s="613"/>
      <c r="MRK718" s="613"/>
      <c r="MRL718" s="613"/>
      <c r="MRM718" s="613"/>
      <c r="MRN718" s="613"/>
      <c r="MRO718" s="613"/>
      <c r="MRP718" s="613"/>
      <c r="MRQ718" s="613"/>
      <c r="MRR718" s="613"/>
      <c r="MRS718" s="613"/>
      <c r="MRT718" s="613"/>
      <c r="MRU718" s="613"/>
      <c r="MRV718" s="613"/>
      <c r="MRW718" s="613"/>
      <c r="MRX718" s="613"/>
      <c r="MRY718" s="613"/>
      <c r="MRZ718" s="613"/>
      <c r="MSA718" s="613"/>
      <c r="MSB718" s="613"/>
      <c r="MSC718" s="613"/>
      <c r="MSD718" s="613"/>
      <c r="MSE718" s="613"/>
      <c r="MSF718" s="613"/>
      <c r="MSG718" s="613"/>
      <c r="MSH718" s="613"/>
      <c r="MSI718" s="613"/>
      <c r="MSJ718" s="613"/>
      <c r="MSK718" s="613"/>
      <c r="MSL718" s="613"/>
      <c r="MSM718" s="613"/>
      <c r="MSN718" s="613"/>
      <c r="MSO718" s="613"/>
      <c r="MSP718" s="613"/>
      <c r="MSQ718" s="613"/>
      <c r="MSR718" s="613"/>
      <c r="MSS718" s="613"/>
      <c r="MST718" s="613"/>
      <c r="MSU718" s="613"/>
      <c r="MSV718" s="613"/>
      <c r="MSW718" s="613"/>
      <c r="MSX718" s="613"/>
      <c r="MSY718" s="613"/>
      <c r="MSZ718" s="613"/>
      <c r="MTA718" s="613"/>
      <c r="MTB718" s="613"/>
      <c r="MTC718" s="613"/>
      <c r="MTD718" s="613"/>
      <c r="MTE718" s="613"/>
      <c r="MTF718" s="613"/>
      <c r="MTG718" s="613"/>
      <c r="MTH718" s="613"/>
      <c r="MTI718" s="613"/>
      <c r="MTJ718" s="613"/>
      <c r="MTK718" s="613"/>
      <c r="MTL718" s="613"/>
      <c r="MTM718" s="613"/>
      <c r="MTN718" s="613"/>
      <c r="MTO718" s="613"/>
      <c r="MTP718" s="613"/>
      <c r="MTQ718" s="613"/>
      <c r="MTR718" s="613"/>
      <c r="MTS718" s="613"/>
      <c r="MTT718" s="613"/>
      <c r="MTU718" s="613"/>
      <c r="MTV718" s="613"/>
      <c r="MTW718" s="613"/>
      <c r="MTX718" s="613"/>
      <c r="MTY718" s="613"/>
      <c r="MTZ718" s="613"/>
      <c r="MUA718" s="613"/>
      <c r="MUB718" s="613"/>
      <c r="MUC718" s="613"/>
      <c r="MUD718" s="613"/>
      <c r="MUE718" s="613"/>
      <c r="MUF718" s="613"/>
      <c r="MUG718" s="613"/>
      <c r="MUH718" s="613"/>
      <c r="MUI718" s="613"/>
      <c r="MUJ718" s="613"/>
      <c r="MUK718" s="613"/>
      <c r="MUL718" s="613"/>
      <c r="MUM718" s="613"/>
      <c r="MUN718" s="613"/>
      <c r="MUO718" s="613"/>
      <c r="MUP718" s="613"/>
      <c r="MUQ718" s="613"/>
      <c r="MUR718" s="613"/>
      <c r="MUS718" s="613"/>
      <c r="MUT718" s="613"/>
      <c r="MUU718" s="613"/>
      <c r="MUV718" s="613"/>
      <c r="MUW718" s="613"/>
      <c r="MUX718" s="613"/>
      <c r="MUY718" s="613"/>
      <c r="MUZ718" s="613"/>
      <c r="MVA718" s="613"/>
      <c r="MVB718" s="613"/>
      <c r="MVC718" s="613"/>
      <c r="MVD718" s="613"/>
      <c r="MVE718" s="613"/>
      <c r="MVF718" s="613"/>
      <c r="MVG718" s="613"/>
      <c r="MVH718" s="613"/>
      <c r="MVI718" s="613"/>
      <c r="MVJ718" s="613"/>
      <c r="MVK718" s="613"/>
      <c r="MVL718" s="613"/>
      <c r="MVM718" s="613"/>
      <c r="MVN718" s="613"/>
      <c r="MVO718" s="613"/>
      <c r="MVP718" s="613"/>
      <c r="MVQ718" s="613"/>
      <c r="MVR718" s="613"/>
      <c r="MVS718" s="613"/>
      <c r="MVT718" s="613"/>
      <c r="MVU718" s="613"/>
      <c r="MVV718" s="613"/>
      <c r="MVW718" s="613"/>
      <c r="MVX718" s="613"/>
      <c r="MVY718" s="613"/>
      <c r="MVZ718" s="613"/>
      <c r="MWA718" s="613"/>
      <c r="MWB718" s="613"/>
      <c r="MWC718" s="613"/>
      <c r="MWD718" s="613"/>
      <c r="MWE718" s="613"/>
      <c r="MWF718" s="613"/>
      <c r="MWG718" s="613"/>
      <c r="MWH718" s="613"/>
      <c r="MWI718" s="613"/>
      <c r="MWJ718" s="613"/>
      <c r="MWK718" s="613"/>
      <c r="MWL718" s="613"/>
      <c r="MWM718" s="613"/>
      <c r="MWN718" s="613"/>
      <c r="MWO718" s="613"/>
      <c r="MWP718" s="613"/>
      <c r="MWQ718" s="613"/>
      <c r="MWR718" s="613"/>
      <c r="MWS718" s="613"/>
      <c r="MWT718" s="613"/>
      <c r="MWU718" s="613"/>
      <c r="MWV718" s="613"/>
      <c r="MWW718" s="613"/>
      <c r="MWX718" s="613"/>
      <c r="MWY718" s="613"/>
      <c r="MWZ718" s="613"/>
      <c r="MXA718" s="613"/>
      <c r="MXB718" s="613"/>
      <c r="MXC718" s="613"/>
      <c r="MXD718" s="613"/>
      <c r="MXE718" s="613"/>
      <c r="MXF718" s="613"/>
      <c r="MXG718" s="613"/>
      <c r="MXH718" s="613"/>
      <c r="MXI718" s="613"/>
      <c r="MXJ718" s="613"/>
      <c r="MXK718" s="613"/>
      <c r="MXL718" s="613"/>
      <c r="MXM718" s="613"/>
      <c r="MXN718" s="613"/>
      <c r="MXO718" s="613"/>
      <c r="MXP718" s="613"/>
      <c r="MXQ718" s="613"/>
      <c r="MXR718" s="613"/>
      <c r="MXS718" s="613"/>
      <c r="MXT718" s="613"/>
      <c r="MXU718" s="613"/>
      <c r="MXV718" s="613"/>
      <c r="MXW718" s="613"/>
      <c r="MXX718" s="613"/>
      <c r="MXY718" s="613"/>
      <c r="MXZ718" s="613"/>
      <c r="MYA718" s="613"/>
      <c r="MYB718" s="613"/>
      <c r="MYC718" s="613"/>
      <c r="MYD718" s="613"/>
      <c r="MYE718" s="613"/>
      <c r="MYF718" s="613"/>
      <c r="MYG718" s="613"/>
      <c r="MYH718" s="613"/>
      <c r="MYI718" s="613"/>
      <c r="MYJ718" s="613"/>
      <c r="MYK718" s="613"/>
      <c r="MYL718" s="613"/>
      <c r="MYM718" s="613"/>
      <c r="MYN718" s="613"/>
      <c r="MYO718" s="613"/>
      <c r="MYP718" s="613"/>
      <c r="MYQ718" s="613"/>
      <c r="MYR718" s="613"/>
      <c r="MYS718" s="613"/>
      <c r="MYT718" s="613"/>
      <c r="MYU718" s="613"/>
      <c r="MYV718" s="613"/>
      <c r="MYW718" s="613"/>
      <c r="MYX718" s="613"/>
      <c r="MYY718" s="613"/>
      <c r="MYZ718" s="613"/>
      <c r="MZA718" s="613"/>
      <c r="MZB718" s="613"/>
      <c r="MZC718" s="613"/>
      <c r="MZD718" s="613"/>
      <c r="MZE718" s="613"/>
      <c r="MZF718" s="613"/>
      <c r="MZG718" s="613"/>
      <c r="MZH718" s="613"/>
      <c r="MZI718" s="613"/>
      <c r="MZJ718" s="613"/>
      <c r="MZK718" s="613"/>
      <c r="MZL718" s="613"/>
      <c r="MZM718" s="613"/>
      <c r="MZN718" s="613"/>
      <c r="MZO718" s="613"/>
      <c r="MZP718" s="613"/>
      <c r="MZQ718" s="613"/>
      <c r="MZR718" s="613"/>
      <c r="MZS718" s="613"/>
      <c r="MZT718" s="613"/>
      <c r="MZU718" s="613"/>
      <c r="MZV718" s="613"/>
      <c r="MZW718" s="613"/>
      <c r="MZX718" s="613"/>
      <c r="MZY718" s="613"/>
      <c r="MZZ718" s="613"/>
      <c r="NAA718" s="613"/>
      <c r="NAB718" s="613"/>
      <c r="NAC718" s="613"/>
      <c r="NAD718" s="613"/>
      <c r="NAE718" s="613"/>
      <c r="NAF718" s="613"/>
      <c r="NAG718" s="613"/>
      <c r="NAH718" s="613"/>
      <c r="NAI718" s="613"/>
      <c r="NAJ718" s="613"/>
      <c r="NAK718" s="613"/>
      <c r="NAL718" s="613"/>
      <c r="NAM718" s="613"/>
      <c r="NAN718" s="613"/>
      <c r="NAO718" s="613"/>
      <c r="NAP718" s="613"/>
      <c r="NAQ718" s="613"/>
      <c r="NAR718" s="613"/>
      <c r="NAS718" s="613"/>
      <c r="NAT718" s="613"/>
      <c r="NAU718" s="613"/>
      <c r="NAV718" s="613"/>
      <c r="NAW718" s="613"/>
      <c r="NAX718" s="613"/>
      <c r="NAY718" s="613"/>
      <c r="NAZ718" s="613"/>
      <c r="NBA718" s="613"/>
      <c r="NBB718" s="613"/>
      <c r="NBC718" s="613"/>
      <c r="NBD718" s="613"/>
      <c r="NBE718" s="613"/>
      <c r="NBF718" s="613"/>
      <c r="NBG718" s="613"/>
      <c r="NBH718" s="613"/>
      <c r="NBI718" s="613"/>
      <c r="NBJ718" s="613"/>
      <c r="NBK718" s="613"/>
      <c r="NBL718" s="613"/>
      <c r="NBM718" s="613"/>
      <c r="NBN718" s="613"/>
      <c r="NBO718" s="613"/>
      <c r="NBP718" s="613"/>
      <c r="NBQ718" s="613"/>
      <c r="NBR718" s="613"/>
      <c r="NBS718" s="613"/>
      <c r="NBT718" s="613"/>
      <c r="NBU718" s="613"/>
      <c r="NBV718" s="613"/>
      <c r="NBW718" s="613"/>
      <c r="NBX718" s="613"/>
      <c r="NBY718" s="613"/>
      <c r="NBZ718" s="613"/>
      <c r="NCA718" s="613"/>
      <c r="NCB718" s="613"/>
      <c r="NCC718" s="613"/>
      <c r="NCD718" s="613"/>
      <c r="NCE718" s="613"/>
      <c r="NCF718" s="613"/>
      <c r="NCG718" s="613"/>
      <c r="NCH718" s="613"/>
      <c r="NCI718" s="613"/>
      <c r="NCJ718" s="613"/>
      <c r="NCK718" s="613"/>
      <c r="NCL718" s="613"/>
      <c r="NCM718" s="613"/>
      <c r="NCN718" s="613"/>
      <c r="NCO718" s="613"/>
      <c r="NCP718" s="613"/>
      <c r="NCQ718" s="613"/>
      <c r="NCR718" s="613"/>
      <c r="NCS718" s="613"/>
      <c r="NCT718" s="613"/>
      <c r="NCU718" s="613"/>
      <c r="NCV718" s="613"/>
      <c r="NCW718" s="613"/>
      <c r="NCX718" s="613"/>
      <c r="NCY718" s="613"/>
      <c r="NCZ718" s="613"/>
      <c r="NDA718" s="613"/>
      <c r="NDB718" s="613"/>
      <c r="NDC718" s="613"/>
      <c r="NDD718" s="613"/>
      <c r="NDE718" s="613"/>
      <c r="NDF718" s="613"/>
      <c r="NDG718" s="613"/>
      <c r="NDH718" s="613"/>
      <c r="NDI718" s="613"/>
      <c r="NDJ718" s="613"/>
      <c r="NDK718" s="613"/>
      <c r="NDL718" s="613"/>
      <c r="NDM718" s="613"/>
      <c r="NDN718" s="613"/>
      <c r="NDO718" s="613"/>
      <c r="NDP718" s="613"/>
      <c r="NDQ718" s="613"/>
      <c r="NDR718" s="613"/>
      <c r="NDS718" s="613"/>
      <c r="NDT718" s="613"/>
      <c r="NDU718" s="613"/>
      <c r="NDV718" s="613"/>
      <c r="NDW718" s="613"/>
      <c r="NDX718" s="613"/>
      <c r="NDY718" s="613"/>
      <c r="NDZ718" s="613"/>
      <c r="NEA718" s="613"/>
      <c r="NEB718" s="613"/>
      <c r="NEC718" s="613"/>
      <c r="NED718" s="613"/>
      <c r="NEE718" s="613"/>
      <c r="NEF718" s="613"/>
      <c r="NEG718" s="613"/>
      <c r="NEH718" s="613"/>
      <c r="NEI718" s="613"/>
      <c r="NEJ718" s="613"/>
      <c r="NEK718" s="613"/>
      <c r="NEL718" s="613"/>
      <c r="NEM718" s="613"/>
      <c r="NEN718" s="613"/>
      <c r="NEO718" s="613"/>
      <c r="NEP718" s="613"/>
      <c r="NEQ718" s="613"/>
      <c r="NER718" s="613"/>
      <c r="NES718" s="613"/>
      <c r="NET718" s="613"/>
      <c r="NEU718" s="613"/>
      <c r="NEV718" s="613"/>
      <c r="NEW718" s="613"/>
      <c r="NEX718" s="613"/>
      <c r="NEY718" s="613"/>
      <c r="NEZ718" s="613"/>
      <c r="NFA718" s="613"/>
      <c r="NFB718" s="613"/>
      <c r="NFC718" s="613"/>
      <c r="NFD718" s="613"/>
      <c r="NFE718" s="613"/>
      <c r="NFF718" s="613"/>
      <c r="NFG718" s="613"/>
      <c r="NFH718" s="613"/>
      <c r="NFI718" s="613"/>
      <c r="NFJ718" s="613"/>
      <c r="NFK718" s="613"/>
      <c r="NFL718" s="613"/>
      <c r="NFM718" s="613"/>
      <c r="NFN718" s="613"/>
      <c r="NFO718" s="613"/>
      <c r="NFP718" s="613"/>
      <c r="NFQ718" s="613"/>
      <c r="NFR718" s="613"/>
      <c r="NFS718" s="613"/>
      <c r="NFT718" s="613"/>
      <c r="NFU718" s="613"/>
      <c r="NFV718" s="613"/>
      <c r="NFW718" s="613"/>
      <c r="NFX718" s="613"/>
      <c r="NFY718" s="613"/>
      <c r="NFZ718" s="613"/>
      <c r="NGA718" s="613"/>
      <c r="NGB718" s="613"/>
      <c r="NGC718" s="613"/>
      <c r="NGD718" s="613"/>
      <c r="NGE718" s="613"/>
      <c r="NGF718" s="613"/>
      <c r="NGG718" s="613"/>
      <c r="NGH718" s="613"/>
      <c r="NGI718" s="613"/>
      <c r="NGJ718" s="613"/>
      <c r="NGK718" s="613"/>
      <c r="NGL718" s="613"/>
      <c r="NGM718" s="613"/>
      <c r="NGN718" s="613"/>
      <c r="NGO718" s="613"/>
      <c r="NGP718" s="613"/>
      <c r="NGQ718" s="613"/>
      <c r="NGR718" s="613"/>
      <c r="NGS718" s="613"/>
      <c r="NGT718" s="613"/>
      <c r="NGU718" s="613"/>
      <c r="NGV718" s="613"/>
      <c r="NGW718" s="613"/>
      <c r="NGX718" s="613"/>
      <c r="NGY718" s="613"/>
      <c r="NGZ718" s="613"/>
      <c r="NHA718" s="613"/>
      <c r="NHB718" s="613"/>
      <c r="NHC718" s="613"/>
      <c r="NHD718" s="613"/>
      <c r="NHE718" s="613"/>
      <c r="NHF718" s="613"/>
      <c r="NHG718" s="613"/>
      <c r="NHH718" s="613"/>
      <c r="NHI718" s="613"/>
      <c r="NHJ718" s="613"/>
      <c r="NHK718" s="613"/>
      <c r="NHL718" s="613"/>
      <c r="NHM718" s="613"/>
      <c r="NHN718" s="613"/>
      <c r="NHO718" s="613"/>
      <c r="NHP718" s="613"/>
      <c r="NHQ718" s="613"/>
      <c r="NHR718" s="613"/>
      <c r="NHS718" s="613"/>
      <c r="NHT718" s="613"/>
      <c r="NHU718" s="613"/>
      <c r="NHV718" s="613"/>
      <c r="NHW718" s="613"/>
      <c r="NHX718" s="613"/>
      <c r="NHY718" s="613"/>
      <c r="NHZ718" s="613"/>
      <c r="NIA718" s="613"/>
      <c r="NIB718" s="613"/>
      <c r="NIC718" s="613"/>
      <c r="NID718" s="613"/>
      <c r="NIE718" s="613"/>
      <c r="NIF718" s="613"/>
      <c r="NIG718" s="613"/>
      <c r="NIH718" s="613"/>
      <c r="NII718" s="613"/>
      <c r="NIJ718" s="613"/>
      <c r="NIK718" s="613"/>
      <c r="NIL718" s="613"/>
      <c r="NIM718" s="613"/>
      <c r="NIN718" s="613"/>
      <c r="NIO718" s="613"/>
      <c r="NIP718" s="613"/>
      <c r="NIQ718" s="613"/>
      <c r="NIR718" s="613"/>
      <c r="NIS718" s="613"/>
      <c r="NIT718" s="613"/>
      <c r="NIU718" s="613"/>
      <c r="NIV718" s="613"/>
      <c r="NIW718" s="613"/>
      <c r="NIX718" s="613"/>
      <c r="NIY718" s="613"/>
      <c r="NIZ718" s="613"/>
      <c r="NJA718" s="613"/>
      <c r="NJB718" s="613"/>
      <c r="NJC718" s="613"/>
      <c r="NJD718" s="613"/>
      <c r="NJE718" s="613"/>
      <c r="NJF718" s="613"/>
      <c r="NJG718" s="613"/>
      <c r="NJH718" s="613"/>
      <c r="NJI718" s="613"/>
      <c r="NJJ718" s="613"/>
      <c r="NJK718" s="613"/>
      <c r="NJL718" s="613"/>
      <c r="NJM718" s="613"/>
      <c r="NJN718" s="613"/>
      <c r="NJO718" s="613"/>
      <c r="NJP718" s="613"/>
      <c r="NJQ718" s="613"/>
      <c r="NJR718" s="613"/>
      <c r="NJS718" s="613"/>
      <c r="NJT718" s="613"/>
      <c r="NJU718" s="613"/>
      <c r="NJV718" s="613"/>
      <c r="NJW718" s="613"/>
      <c r="NJX718" s="613"/>
      <c r="NJY718" s="613"/>
      <c r="NJZ718" s="613"/>
      <c r="NKA718" s="613"/>
      <c r="NKB718" s="613"/>
      <c r="NKC718" s="613"/>
      <c r="NKD718" s="613"/>
      <c r="NKE718" s="613"/>
      <c r="NKF718" s="613"/>
      <c r="NKG718" s="613"/>
      <c r="NKH718" s="613"/>
      <c r="NKI718" s="613"/>
      <c r="NKJ718" s="613"/>
      <c r="NKK718" s="613"/>
      <c r="NKL718" s="613"/>
      <c r="NKM718" s="613"/>
      <c r="NKN718" s="613"/>
      <c r="NKO718" s="613"/>
      <c r="NKP718" s="613"/>
      <c r="NKQ718" s="613"/>
      <c r="NKR718" s="613"/>
      <c r="NKS718" s="613"/>
      <c r="NKT718" s="613"/>
      <c r="NKU718" s="613"/>
      <c r="NKV718" s="613"/>
      <c r="NKW718" s="613"/>
      <c r="NKX718" s="613"/>
      <c r="NKY718" s="613"/>
      <c r="NKZ718" s="613"/>
      <c r="NLA718" s="613"/>
      <c r="NLB718" s="613"/>
      <c r="NLC718" s="613"/>
      <c r="NLD718" s="613"/>
      <c r="NLE718" s="613"/>
      <c r="NLF718" s="613"/>
      <c r="NLG718" s="613"/>
      <c r="NLH718" s="613"/>
      <c r="NLI718" s="613"/>
      <c r="NLJ718" s="613"/>
      <c r="NLK718" s="613"/>
      <c r="NLL718" s="613"/>
      <c r="NLM718" s="613"/>
      <c r="NLN718" s="613"/>
      <c r="NLO718" s="613"/>
      <c r="NLP718" s="613"/>
      <c r="NLQ718" s="613"/>
      <c r="NLR718" s="613"/>
      <c r="NLS718" s="613"/>
      <c r="NLT718" s="613"/>
      <c r="NLU718" s="613"/>
      <c r="NLV718" s="613"/>
      <c r="NLW718" s="613"/>
      <c r="NLX718" s="613"/>
      <c r="NLY718" s="613"/>
      <c r="NLZ718" s="613"/>
      <c r="NMA718" s="613"/>
      <c r="NMB718" s="613"/>
      <c r="NMC718" s="613"/>
      <c r="NMD718" s="613"/>
      <c r="NME718" s="613"/>
      <c r="NMF718" s="613"/>
      <c r="NMG718" s="613"/>
      <c r="NMH718" s="613"/>
      <c r="NMI718" s="613"/>
      <c r="NMJ718" s="613"/>
      <c r="NMK718" s="613"/>
      <c r="NML718" s="613"/>
      <c r="NMM718" s="613"/>
      <c r="NMN718" s="613"/>
      <c r="NMO718" s="613"/>
      <c r="NMP718" s="613"/>
      <c r="NMQ718" s="613"/>
      <c r="NMR718" s="613"/>
      <c r="NMS718" s="613"/>
      <c r="NMT718" s="613"/>
      <c r="NMU718" s="613"/>
      <c r="NMV718" s="613"/>
      <c r="NMW718" s="613"/>
      <c r="NMX718" s="613"/>
      <c r="NMY718" s="613"/>
      <c r="NMZ718" s="613"/>
      <c r="NNA718" s="613"/>
      <c r="NNB718" s="613"/>
      <c r="NNC718" s="613"/>
      <c r="NND718" s="613"/>
      <c r="NNE718" s="613"/>
      <c r="NNF718" s="613"/>
      <c r="NNG718" s="613"/>
      <c r="NNH718" s="613"/>
      <c r="NNI718" s="613"/>
      <c r="NNJ718" s="613"/>
      <c r="NNK718" s="613"/>
      <c r="NNL718" s="613"/>
      <c r="NNM718" s="613"/>
      <c r="NNN718" s="613"/>
      <c r="NNO718" s="613"/>
      <c r="NNP718" s="613"/>
      <c r="NNQ718" s="613"/>
      <c r="NNR718" s="613"/>
      <c r="NNS718" s="613"/>
      <c r="NNT718" s="613"/>
      <c r="NNU718" s="613"/>
      <c r="NNV718" s="613"/>
      <c r="NNW718" s="613"/>
      <c r="NNX718" s="613"/>
      <c r="NNY718" s="613"/>
      <c r="NNZ718" s="613"/>
      <c r="NOA718" s="613"/>
      <c r="NOB718" s="613"/>
      <c r="NOC718" s="613"/>
      <c r="NOD718" s="613"/>
      <c r="NOE718" s="613"/>
      <c r="NOF718" s="613"/>
      <c r="NOG718" s="613"/>
      <c r="NOH718" s="613"/>
      <c r="NOI718" s="613"/>
      <c r="NOJ718" s="613"/>
      <c r="NOK718" s="613"/>
      <c r="NOL718" s="613"/>
      <c r="NOM718" s="613"/>
      <c r="NON718" s="613"/>
      <c r="NOO718" s="613"/>
      <c r="NOP718" s="613"/>
      <c r="NOQ718" s="613"/>
      <c r="NOR718" s="613"/>
      <c r="NOS718" s="613"/>
      <c r="NOT718" s="613"/>
      <c r="NOU718" s="613"/>
      <c r="NOV718" s="613"/>
      <c r="NOW718" s="613"/>
      <c r="NOX718" s="613"/>
      <c r="NOY718" s="613"/>
      <c r="NOZ718" s="613"/>
      <c r="NPA718" s="613"/>
      <c r="NPB718" s="613"/>
      <c r="NPC718" s="613"/>
      <c r="NPD718" s="613"/>
      <c r="NPE718" s="613"/>
      <c r="NPF718" s="613"/>
      <c r="NPG718" s="613"/>
      <c r="NPH718" s="613"/>
      <c r="NPI718" s="613"/>
      <c r="NPJ718" s="613"/>
      <c r="NPK718" s="613"/>
      <c r="NPL718" s="613"/>
      <c r="NPM718" s="613"/>
      <c r="NPN718" s="613"/>
      <c r="NPO718" s="613"/>
      <c r="NPP718" s="613"/>
      <c r="NPQ718" s="613"/>
      <c r="NPR718" s="613"/>
      <c r="NPS718" s="613"/>
      <c r="NPT718" s="613"/>
      <c r="NPU718" s="613"/>
      <c r="NPV718" s="613"/>
      <c r="NPW718" s="613"/>
      <c r="NPX718" s="613"/>
      <c r="NPY718" s="613"/>
      <c r="NPZ718" s="613"/>
      <c r="NQA718" s="613"/>
      <c r="NQB718" s="613"/>
      <c r="NQC718" s="613"/>
      <c r="NQD718" s="613"/>
      <c r="NQE718" s="613"/>
      <c r="NQF718" s="613"/>
      <c r="NQG718" s="613"/>
      <c r="NQH718" s="613"/>
      <c r="NQI718" s="613"/>
      <c r="NQJ718" s="613"/>
      <c r="NQK718" s="613"/>
      <c r="NQL718" s="613"/>
      <c r="NQM718" s="613"/>
      <c r="NQN718" s="613"/>
      <c r="NQO718" s="613"/>
      <c r="NQP718" s="613"/>
      <c r="NQQ718" s="613"/>
      <c r="NQR718" s="613"/>
      <c r="NQS718" s="613"/>
      <c r="NQT718" s="613"/>
      <c r="NQU718" s="613"/>
      <c r="NQV718" s="613"/>
      <c r="NQW718" s="613"/>
      <c r="NQX718" s="613"/>
      <c r="NQY718" s="613"/>
      <c r="NQZ718" s="613"/>
      <c r="NRA718" s="613"/>
      <c r="NRB718" s="613"/>
      <c r="NRC718" s="613"/>
      <c r="NRD718" s="613"/>
      <c r="NRE718" s="613"/>
      <c r="NRF718" s="613"/>
      <c r="NRG718" s="613"/>
      <c r="NRH718" s="613"/>
      <c r="NRI718" s="613"/>
      <c r="NRJ718" s="613"/>
      <c r="NRK718" s="613"/>
      <c r="NRL718" s="613"/>
      <c r="NRM718" s="613"/>
      <c r="NRN718" s="613"/>
      <c r="NRO718" s="613"/>
      <c r="NRP718" s="613"/>
      <c r="NRQ718" s="613"/>
      <c r="NRR718" s="613"/>
      <c r="NRS718" s="613"/>
      <c r="NRT718" s="613"/>
      <c r="NRU718" s="613"/>
      <c r="NRV718" s="613"/>
      <c r="NRW718" s="613"/>
      <c r="NRX718" s="613"/>
      <c r="NRY718" s="613"/>
      <c r="NRZ718" s="613"/>
      <c r="NSA718" s="613"/>
      <c r="NSB718" s="613"/>
      <c r="NSC718" s="613"/>
      <c r="NSD718" s="613"/>
      <c r="NSE718" s="613"/>
      <c r="NSF718" s="613"/>
      <c r="NSG718" s="613"/>
      <c r="NSH718" s="613"/>
      <c r="NSI718" s="613"/>
      <c r="NSJ718" s="613"/>
      <c r="NSK718" s="613"/>
      <c r="NSL718" s="613"/>
      <c r="NSM718" s="613"/>
      <c r="NSN718" s="613"/>
      <c r="NSO718" s="613"/>
      <c r="NSP718" s="613"/>
      <c r="NSQ718" s="613"/>
      <c r="NSR718" s="613"/>
      <c r="NSS718" s="613"/>
      <c r="NST718" s="613"/>
      <c r="NSU718" s="613"/>
      <c r="NSV718" s="613"/>
      <c r="NSW718" s="613"/>
      <c r="NSX718" s="613"/>
      <c r="NSY718" s="613"/>
      <c r="NSZ718" s="613"/>
      <c r="NTA718" s="613"/>
      <c r="NTB718" s="613"/>
      <c r="NTC718" s="613"/>
      <c r="NTD718" s="613"/>
      <c r="NTE718" s="613"/>
      <c r="NTF718" s="613"/>
      <c r="NTG718" s="613"/>
      <c r="NTH718" s="613"/>
      <c r="NTI718" s="613"/>
      <c r="NTJ718" s="613"/>
      <c r="NTK718" s="613"/>
      <c r="NTL718" s="613"/>
      <c r="NTM718" s="613"/>
      <c r="NTN718" s="613"/>
      <c r="NTO718" s="613"/>
      <c r="NTP718" s="613"/>
      <c r="NTQ718" s="613"/>
      <c r="NTR718" s="613"/>
      <c r="NTS718" s="613"/>
      <c r="NTT718" s="613"/>
      <c r="NTU718" s="613"/>
      <c r="NTV718" s="613"/>
      <c r="NTW718" s="613"/>
      <c r="NTX718" s="613"/>
      <c r="NTY718" s="613"/>
      <c r="NTZ718" s="613"/>
      <c r="NUA718" s="613"/>
      <c r="NUB718" s="613"/>
      <c r="NUC718" s="613"/>
      <c r="NUD718" s="613"/>
      <c r="NUE718" s="613"/>
      <c r="NUF718" s="613"/>
      <c r="NUG718" s="613"/>
      <c r="NUH718" s="613"/>
      <c r="NUI718" s="613"/>
      <c r="NUJ718" s="613"/>
      <c r="NUK718" s="613"/>
      <c r="NUL718" s="613"/>
      <c r="NUM718" s="613"/>
      <c r="NUN718" s="613"/>
      <c r="NUO718" s="613"/>
      <c r="NUP718" s="613"/>
      <c r="NUQ718" s="613"/>
      <c r="NUR718" s="613"/>
      <c r="NUS718" s="613"/>
      <c r="NUT718" s="613"/>
      <c r="NUU718" s="613"/>
      <c r="NUV718" s="613"/>
      <c r="NUW718" s="613"/>
      <c r="NUX718" s="613"/>
      <c r="NUY718" s="613"/>
      <c r="NUZ718" s="613"/>
      <c r="NVA718" s="613"/>
      <c r="NVB718" s="613"/>
      <c r="NVC718" s="613"/>
      <c r="NVD718" s="613"/>
      <c r="NVE718" s="613"/>
      <c r="NVF718" s="613"/>
      <c r="NVG718" s="613"/>
      <c r="NVH718" s="613"/>
      <c r="NVI718" s="613"/>
      <c r="NVJ718" s="613"/>
      <c r="NVK718" s="613"/>
      <c r="NVL718" s="613"/>
      <c r="NVM718" s="613"/>
      <c r="NVN718" s="613"/>
      <c r="NVO718" s="613"/>
      <c r="NVP718" s="613"/>
      <c r="NVQ718" s="613"/>
      <c r="NVR718" s="613"/>
      <c r="NVS718" s="613"/>
      <c r="NVT718" s="613"/>
      <c r="NVU718" s="613"/>
      <c r="NVV718" s="613"/>
      <c r="NVW718" s="613"/>
      <c r="NVX718" s="613"/>
      <c r="NVY718" s="613"/>
      <c r="NVZ718" s="613"/>
      <c r="NWA718" s="613"/>
      <c r="NWB718" s="613"/>
      <c r="NWC718" s="613"/>
      <c r="NWD718" s="613"/>
      <c r="NWE718" s="613"/>
      <c r="NWF718" s="613"/>
      <c r="NWG718" s="613"/>
      <c r="NWH718" s="613"/>
      <c r="NWI718" s="613"/>
      <c r="NWJ718" s="613"/>
      <c r="NWK718" s="613"/>
      <c r="NWL718" s="613"/>
      <c r="NWM718" s="613"/>
      <c r="NWN718" s="613"/>
      <c r="NWO718" s="613"/>
      <c r="NWP718" s="613"/>
      <c r="NWQ718" s="613"/>
      <c r="NWR718" s="613"/>
      <c r="NWS718" s="613"/>
      <c r="NWT718" s="613"/>
      <c r="NWU718" s="613"/>
      <c r="NWV718" s="613"/>
      <c r="NWW718" s="613"/>
      <c r="NWX718" s="613"/>
      <c r="NWY718" s="613"/>
      <c r="NWZ718" s="613"/>
      <c r="NXA718" s="613"/>
      <c r="NXB718" s="613"/>
      <c r="NXC718" s="613"/>
      <c r="NXD718" s="613"/>
      <c r="NXE718" s="613"/>
      <c r="NXF718" s="613"/>
      <c r="NXG718" s="613"/>
      <c r="NXH718" s="613"/>
      <c r="NXI718" s="613"/>
      <c r="NXJ718" s="613"/>
      <c r="NXK718" s="613"/>
      <c r="NXL718" s="613"/>
      <c r="NXM718" s="613"/>
      <c r="NXN718" s="613"/>
      <c r="NXO718" s="613"/>
      <c r="NXP718" s="613"/>
      <c r="NXQ718" s="613"/>
      <c r="NXR718" s="613"/>
      <c r="NXS718" s="613"/>
      <c r="NXT718" s="613"/>
      <c r="NXU718" s="613"/>
      <c r="NXV718" s="613"/>
      <c r="NXW718" s="613"/>
      <c r="NXX718" s="613"/>
      <c r="NXY718" s="613"/>
      <c r="NXZ718" s="613"/>
      <c r="NYA718" s="613"/>
      <c r="NYB718" s="613"/>
      <c r="NYC718" s="613"/>
      <c r="NYD718" s="613"/>
      <c r="NYE718" s="613"/>
      <c r="NYF718" s="613"/>
      <c r="NYG718" s="613"/>
      <c r="NYH718" s="613"/>
      <c r="NYI718" s="613"/>
      <c r="NYJ718" s="613"/>
      <c r="NYK718" s="613"/>
      <c r="NYL718" s="613"/>
      <c r="NYM718" s="613"/>
      <c r="NYN718" s="613"/>
      <c r="NYO718" s="613"/>
      <c r="NYP718" s="613"/>
      <c r="NYQ718" s="613"/>
      <c r="NYR718" s="613"/>
      <c r="NYS718" s="613"/>
      <c r="NYT718" s="613"/>
      <c r="NYU718" s="613"/>
      <c r="NYV718" s="613"/>
      <c r="NYW718" s="613"/>
      <c r="NYX718" s="613"/>
      <c r="NYY718" s="613"/>
      <c r="NYZ718" s="613"/>
      <c r="NZA718" s="613"/>
      <c r="NZB718" s="613"/>
      <c r="NZC718" s="613"/>
      <c r="NZD718" s="613"/>
      <c r="NZE718" s="613"/>
      <c r="NZF718" s="613"/>
      <c r="NZG718" s="613"/>
      <c r="NZH718" s="613"/>
      <c r="NZI718" s="613"/>
      <c r="NZJ718" s="613"/>
      <c r="NZK718" s="613"/>
      <c r="NZL718" s="613"/>
      <c r="NZM718" s="613"/>
      <c r="NZN718" s="613"/>
      <c r="NZO718" s="613"/>
      <c r="NZP718" s="613"/>
      <c r="NZQ718" s="613"/>
      <c r="NZR718" s="613"/>
      <c r="NZS718" s="613"/>
      <c r="NZT718" s="613"/>
      <c r="NZU718" s="613"/>
      <c r="NZV718" s="613"/>
      <c r="NZW718" s="613"/>
      <c r="NZX718" s="613"/>
      <c r="NZY718" s="613"/>
      <c r="NZZ718" s="613"/>
      <c r="OAA718" s="613"/>
      <c r="OAB718" s="613"/>
      <c r="OAC718" s="613"/>
      <c r="OAD718" s="613"/>
      <c r="OAE718" s="613"/>
      <c r="OAF718" s="613"/>
      <c r="OAG718" s="613"/>
      <c r="OAH718" s="613"/>
      <c r="OAI718" s="613"/>
      <c r="OAJ718" s="613"/>
      <c r="OAK718" s="613"/>
      <c r="OAL718" s="613"/>
      <c r="OAM718" s="613"/>
      <c r="OAN718" s="613"/>
      <c r="OAO718" s="613"/>
      <c r="OAP718" s="613"/>
      <c r="OAQ718" s="613"/>
      <c r="OAR718" s="613"/>
      <c r="OAS718" s="613"/>
      <c r="OAT718" s="613"/>
      <c r="OAU718" s="613"/>
      <c r="OAV718" s="613"/>
      <c r="OAW718" s="613"/>
      <c r="OAX718" s="613"/>
      <c r="OAY718" s="613"/>
      <c r="OAZ718" s="613"/>
      <c r="OBA718" s="613"/>
      <c r="OBB718" s="613"/>
      <c r="OBC718" s="613"/>
      <c r="OBD718" s="613"/>
      <c r="OBE718" s="613"/>
      <c r="OBF718" s="613"/>
      <c r="OBG718" s="613"/>
      <c r="OBH718" s="613"/>
      <c r="OBI718" s="613"/>
      <c r="OBJ718" s="613"/>
      <c r="OBK718" s="613"/>
      <c r="OBL718" s="613"/>
      <c r="OBM718" s="613"/>
      <c r="OBN718" s="613"/>
      <c r="OBO718" s="613"/>
      <c r="OBP718" s="613"/>
      <c r="OBQ718" s="613"/>
      <c r="OBR718" s="613"/>
      <c r="OBS718" s="613"/>
      <c r="OBT718" s="613"/>
      <c r="OBU718" s="613"/>
      <c r="OBV718" s="613"/>
      <c r="OBW718" s="613"/>
      <c r="OBX718" s="613"/>
      <c r="OBY718" s="613"/>
      <c r="OBZ718" s="613"/>
      <c r="OCA718" s="613"/>
      <c r="OCB718" s="613"/>
      <c r="OCC718" s="613"/>
      <c r="OCD718" s="613"/>
      <c r="OCE718" s="613"/>
      <c r="OCF718" s="613"/>
      <c r="OCG718" s="613"/>
      <c r="OCH718" s="613"/>
      <c r="OCI718" s="613"/>
      <c r="OCJ718" s="613"/>
      <c r="OCK718" s="613"/>
      <c r="OCL718" s="613"/>
      <c r="OCM718" s="613"/>
      <c r="OCN718" s="613"/>
      <c r="OCO718" s="613"/>
      <c r="OCP718" s="613"/>
      <c r="OCQ718" s="613"/>
      <c r="OCR718" s="613"/>
      <c r="OCS718" s="613"/>
      <c r="OCT718" s="613"/>
      <c r="OCU718" s="613"/>
      <c r="OCV718" s="613"/>
      <c r="OCW718" s="613"/>
      <c r="OCX718" s="613"/>
      <c r="OCY718" s="613"/>
      <c r="OCZ718" s="613"/>
      <c r="ODA718" s="613"/>
      <c r="ODB718" s="613"/>
      <c r="ODC718" s="613"/>
      <c r="ODD718" s="613"/>
      <c r="ODE718" s="613"/>
      <c r="ODF718" s="613"/>
      <c r="ODG718" s="613"/>
      <c r="ODH718" s="613"/>
      <c r="ODI718" s="613"/>
      <c r="ODJ718" s="613"/>
      <c r="ODK718" s="613"/>
      <c r="ODL718" s="613"/>
      <c r="ODM718" s="613"/>
      <c r="ODN718" s="613"/>
      <c r="ODO718" s="613"/>
      <c r="ODP718" s="613"/>
      <c r="ODQ718" s="613"/>
      <c r="ODR718" s="613"/>
      <c r="ODS718" s="613"/>
      <c r="ODT718" s="613"/>
      <c r="ODU718" s="613"/>
      <c r="ODV718" s="613"/>
      <c r="ODW718" s="613"/>
      <c r="ODX718" s="613"/>
      <c r="ODY718" s="613"/>
      <c r="ODZ718" s="613"/>
      <c r="OEA718" s="613"/>
      <c r="OEB718" s="613"/>
      <c r="OEC718" s="613"/>
      <c r="OED718" s="613"/>
      <c r="OEE718" s="613"/>
      <c r="OEF718" s="613"/>
      <c r="OEG718" s="613"/>
      <c r="OEH718" s="613"/>
      <c r="OEI718" s="613"/>
      <c r="OEJ718" s="613"/>
      <c r="OEK718" s="613"/>
      <c r="OEL718" s="613"/>
      <c r="OEM718" s="613"/>
      <c r="OEN718" s="613"/>
      <c r="OEO718" s="613"/>
      <c r="OEP718" s="613"/>
      <c r="OEQ718" s="613"/>
      <c r="OER718" s="613"/>
      <c r="OES718" s="613"/>
      <c r="OET718" s="613"/>
      <c r="OEU718" s="613"/>
      <c r="OEV718" s="613"/>
      <c r="OEW718" s="613"/>
      <c r="OEX718" s="613"/>
      <c r="OEY718" s="613"/>
      <c r="OEZ718" s="613"/>
      <c r="OFA718" s="613"/>
      <c r="OFB718" s="613"/>
      <c r="OFC718" s="613"/>
      <c r="OFD718" s="613"/>
      <c r="OFE718" s="613"/>
      <c r="OFF718" s="613"/>
      <c r="OFG718" s="613"/>
      <c r="OFH718" s="613"/>
      <c r="OFI718" s="613"/>
      <c r="OFJ718" s="613"/>
      <c r="OFK718" s="613"/>
      <c r="OFL718" s="613"/>
      <c r="OFM718" s="613"/>
      <c r="OFN718" s="613"/>
      <c r="OFO718" s="613"/>
      <c r="OFP718" s="613"/>
      <c r="OFQ718" s="613"/>
      <c r="OFR718" s="613"/>
      <c r="OFS718" s="613"/>
      <c r="OFT718" s="613"/>
      <c r="OFU718" s="613"/>
      <c r="OFV718" s="613"/>
      <c r="OFW718" s="613"/>
      <c r="OFX718" s="613"/>
      <c r="OFY718" s="613"/>
      <c r="OFZ718" s="613"/>
      <c r="OGA718" s="613"/>
      <c r="OGB718" s="613"/>
      <c r="OGC718" s="613"/>
      <c r="OGD718" s="613"/>
      <c r="OGE718" s="613"/>
      <c r="OGF718" s="613"/>
      <c r="OGG718" s="613"/>
      <c r="OGH718" s="613"/>
      <c r="OGI718" s="613"/>
      <c r="OGJ718" s="613"/>
      <c r="OGK718" s="613"/>
      <c r="OGL718" s="613"/>
      <c r="OGM718" s="613"/>
      <c r="OGN718" s="613"/>
      <c r="OGO718" s="613"/>
      <c r="OGP718" s="613"/>
      <c r="OGQ718" s="613"/>
      <c r="OGR718" s="613"/>
      <c r="OGS718" s="613"/>
      <c r="OGT718" s="613"/>
      <c r="OGU718" s="613"/>
      <c r="OGV718" s="613"/>
      <c r="OGW718" s="613"/>
      <c r="OGX718" s="613"/>
      <c r="OGY718" s="613"/>
      <c r="OGZ718" s="613"/>
      <c r="OHA718" s="613"/>
      <c r="OHB718" s="613"/>
      <c r="OHC718" s="613"/>
      <c r="OHD718" s="613"/>
      <c r="OHE718" s="613"/>
      <c r="OHF718" s="613"/>
      <c r="OHG718" s="613"/>
      <c r="OHH718" s="613"/>
      <c r="OHI718" s="613"/>
      <c r="OHJ718" s="613"/>
      <c r="OHK718" s="613"/>
      <c r="OHL718" s="613"/>
      <c r="OHM718" s="613"/>
      <c r="OHN718" s="613"/>
      <c r="OHO718" s="613"/>
      <c r="OHP718" s="613"/>
      <c r="OHQ718" s="613"/>
      <c r="OHR718" s="613"/>
      <c r="OHS718" s="613"/>
      <c r="OHT718" s="613"/>
      <c r="OHU718" s="613"/>
      <c r="OHV718" s="613"/>
      <c r="OHW718" s="613"/>
      <c r="OHX718" s="613"/>
      <c r="OHY718" s="613"/>
      <c r="OHZ718" s="613"/>
      <c r="OIA718" s="613"/>
      <c r="OIB718" s="613"/>
      <c r="OIC718" s="613"/>
      <c r="OID718" s="613"/>
      <c r="OIE718" s="613"/>
      <c r="OIF718" s="613"/>
      <c r="OIG718" s="613"/>
      <c r="OIH718" s="613"/>
      <c r="OII718" s="613"/>
      <c r="OIJ718" s="613"/>
      <c r="OIK718" s="613"/>
      <c r="OIL718" s="613"/>
      <c r="OIM718" s="613"/>
      <c r="OIN718" s="613"/>
      <c r="OIO718" s="613"/>
      <c r="OIP718" s="613"/>
      <c r="OIQ718" s="613"/>
      <c r="OIR718" s="613"/>
      <c r="OIS718" s="613"/>
      <c r="OIT718" s="613"/>
      <c r="OIU718" s="613"/>
      <c r="OIV718" s="613"/>
      <c r="OIW718" s="613"/>
      <c r="OIX718" s="613"/>
      <c r="OIY718" s="613"/>
      <c r="OIZ718" s="613"/>
      <c r="OJA718" s="613"/>
      <c r="OJB718" s="613"/>
      <c r="OJC718" s="613"/>
      <c r="OJD718" s="613"/>
      <c r="OJE718" s="613"/>
      <c r="OJF718" s="613"/>
      <c r="OJG718" s="613"/>
      <c r="OJH718" s="613"/>
      <c r="OJI718" s="613"/>
      <c r="OJJ718" s="613"/>
      <c r="OJK718" s="613"/>
      <c r="OJL718" s="613"/>
      <c r="OJM718" s="613"/>
      <c r="OJN718" s="613"/>
      <c r="OJO718" s="613"/>
      <c r="OJP718" s="613"/>
      <c r="OJQ718" s="613"/>
      <c r="OJR718" s="613"/>
      <c r="OJS718" s="613"/>
      <c r="OJT718" s="613"/>
      <c r="OJU718" s="613"/>
      <c r="OJV718" s="613"/>
      <c r="OJW718" s="613"/>
      <c r="OJX718" s="613"/>
      <c r="OJY718" s="613"/>
      <c r="OJZ718" s="613"/>
      <c r="OKA718" s="613"/>
      <c r="OKB718" s="613"/>
      <c r="OKC718" s="613"/>
      <c r="OKD718" s="613"/>
      <c r="OKE718" s="613"/>
      <c r="OKF718" s="613"/>
      <c r="OKG718" s="613"/>
      <c r="OKH718" s="613"/>
      <c r="OKI718" s="613"/>
      <c r="OKJ718" s="613"/>
      <c r="OKK718" s="613"/>
      <c r="OKL718" s="613"/>
      <c r="OKM718" s="613"/>
      <c r="OKN718" s="613"/>
      <c r="OKO718" s="613"/>
      <c r="OKP718" s="613"/>
      <c r="OKQ718" s="613"/>
      <c r="OKR718" s="613"/>
      <c r="OKS718" s="613"/>
      <c r="OKT718" s="613"/>
      <c r="OKU718" s="613"/>
      <c r="OKV718" s="613"/>
      <c r="OKW718" s="613"/>
      <c r="OKX718" s="613"/>
      <c r="OKY718" s="613"/>
      <c r="OKZ718" s="613"/>
      <c r="OLA718" s="613"/>
      <c r="OLB718" s="613"/>
      <c r="OLC718" s="613"/>
      <c r="OLD718" s="613"/>
      <c r="OLE718" s="613"/>
      <c r="OLF718" s="613"/>
      <c r="OLG718" s="613"/>
      <c r="OLH718" s="613"/>
      <c r="OLI718" s="613"/>
      <c r="OLJ718" s="613"/>
      <c r="OLK718" s="613"/>
      <c r="OLL718" s="613"/>
      <c r="OLM718" s="613"/>
      <c r="OLN718" s="613"/>
      <c r="OLO718" s="613"/>
      <c r="OLP718" s="613"/>
      <c r="OLQ718" s="613"/>
      <c r="OLR718" s="613"/>
      <c r="OLS718" s="613"/>
      <c r="OLT718" s="613"/>
      <c r="OLU718" s="613"/>
      <c r="OLV718" s="613"/>
      <c r="OLW718" s="613"/>
      <c r="OLX718" s="613"/>
      <c r="OLY718" s="613"/>
      <c r="OLZ718" s="613"/>
      <c r="OMA718" s="613"/>
      <c r="OMB718" s="613"/>
      <c r="OMC718" s="613"/>
      <c r="OMD718" s="613"/>
      <c r="OME718" s="613"/>
      <c r="OMF718" s="613"/>
      <c r="OMG718" s="613"/>
      <c r="OMH718" s="613"/>
      <c r="OMI718" s="613"/>
      <c r="OMJ718" s="613"/>
      <c r="OMK718" s="613"/>
      <c r="OML718" s="613"/>
      <c r="OMM718" s="613"/>
      <c r="OMN718" s="613"/>
      <c r="OMO718" s="613"/>
      <c r="OMP718" s="613"/>
      <c r="OMQ718" s="613"/>
      <c r="OMR718" s="613"/>
      <c r="OMS718" s="613"/>
      <c r="OMT718" s="613"/>
      <c r="OMU718" s="613"/>
      <c r="OMV718" s="613"/>
      <c r="OMW718" s="613"/>
      <c r="OMX718" s="613"/>
      <c r="OMY718" s="613"/>
      <c r="OMZ718" s="613"/>
      <c r="ONA718" s="613"/>
      <c r="ONB718" s="613"/>
      <c r="ONC718" s="613"/>
      <c r="OND718" s="613"/>
      <c r="ONE718" s="613"/>
      <c r="ONF718" s="613"/>
      <c r="ONG718" s="613"/>
      <c r="ONH718" s="613"/>
      <c r="ONI718" s="613"/>
      <c r="ONJ718" s="613"/>
      <c r="ONK718" s="613"/>
      <c r="ONL718" s="613"/>
      <c r="ONM718" s="613"/>
      <c r="ONN718" s="613"/>
      <c r="ONO718" s="613"/>
      <c r="ONP718" s="613"/>
      <c r="ONQ718" s="613"/>
      <c r="ONR718" s="613"/>
      <c r="ONS718" s="613"/>
      <c r="ONT718" s="613"/>
      <c r="ONU718" s="613"/>
      <c r="ONV718" s="613"/>
      <c r="ONW718" s="613"/>
      <c r="ONX718" s="613"/>
      <c r="ONY718" s="613"/>
      <c r="ONZ718" s="613"/>
      <c r="OOA718" s="613"/>
      <c r="OOB718" s="613"/>
      <c r="OOC718" s="613"/>
      <c r="OOD718" s="613"/>
      <c r="OOE718" s="613"/>
      <c r="OOF718" s="613"/>
      <c r="OOG718" s="613"/>
      <c r="OOH718" s="613"/>
      <c r="OOI718" s="613"/>
      <c r="OOJ718" s="613"/>
      <c r="OOK718" s="613"/>
      <c r="OOL718" s="613"/>
      <c r="OOM718" s="613"/>
      <c r="OON718" s="613"/>
      <c r="OOO718" s="613"/>
      <c r="OOP718" s="613"/>
      <c r="OOQ718" s="613"/>
      <c r="OOR718" s="613"/>
      <c r="OOS718" s="613"/>
      <c r="OOT718" s="613"/>
      <c r="OOU718" s="613"/>
      <c r="OOV718" s="613"/>
      <c r="OOW718" s="613"/>
      <c r="OOX718" s="613"/>
      <c r="OOY718" s="613"/>
      <c r="OOZ718" s="613"/>
      <c r="OPA718" s="613"/>
      <c r="OPB718" s="613"/>
      <c r="OPC718" s="613"/>
      <c r="OPD718" s="613"/>
      <c r="OPE718" s="613"/>
      <c r="OPF718" s="613"/>
      <c r="OPG718" s="613"/>
      <c r="OPH718" s="613"/>
      <c r="OPI718" s="613"/>
      <c r="OPJ718" s="613"/>
      <c r="OPK718" s="613"/>
      <c r="OPL718" s="613"/>
      <c r="OPM718" s="613"/>
      <c r="OPN718" s="613"/>
      <c r="OPO718" s="613"/>
      <c r="OPP718" s="613"/>
      <c r="OPQ718" s="613"/>
      <c r="OPR718" s="613"/>
      <c r="OPS718" s="613"/>
      <c r="OPT718" s="613"/>
      <c r="OPU718" s="613"/>
      <c r="OPV718" s="613"/>
      <c r="OPW718" s="613"/>
      <c r="OPX718" s="613"/>
      <c r="OPY718" s="613"/>
      <c r="OPZ718" s="613"/>
      <c r="OQA718" s="613"/>
      <c r="OQB718" s="613"/>
      <c r="OQC718" s="613"/>
      <c r="OQD718" s="613"/>
      <c r="OQE718" s="613"/>
      <c r="OQF718" s="613"/>
      <c r="OQG718" s="613"/>
      <c r="OQH718" s="613"/>
      <c r="OQI718" s="613"/>
      <c r="OQJ718" s="613"/>
      <c r="OQK718" s="613"/>
      <c r="OQL718" s="613"/>
      <c r="OQM718" s="613"/>
      <c r="OQN718" s="613"/>
      <c r="OQO718" s="613"/>
      <c r="OQP718" s="613"/>
      <c r="OQQ718" s="613"/>
      <c r="OQR718" s="613"/>
      <c r="OQS718" s="613"/>
      <c r="OQT718" s="613"/>
      <c r="OQU718" s="613"/>
      <c r="OQV718" s="613"/>
      <c r="OQW718" s="613"/>
      <c r="OQX718" s="613"/>
      <c r="OQY718" s="613"/>
      <c r="OQZ718" s="613"/>
      <c r="ORA718" s="613"/>
      <c r="ORB718" s="613"/>
      <c r="ORC718" s="613"/>
      <c r="ORD718" s="613"/>
      <c r="ORE718" s="613"/>
      <c r="ORF718" s="613"/>
      <c r="ORG718" s="613"/>
      <c r="ORH718" s="613"/>
      <c r="ORI718" s="613"/>
      <c r="ORJ718" s="613"/>
      <c r="ORK718" s="613"/>
      <c r="ORL718" s="613"/>
      <c r="ORM718" s="613"/>
      <c r="ORN718" s="613"/>
      <c r="ORO718" s="613"/>
      <c r="ORP718" s="613"/>
      <c r="ORQ718" s="613"/>
      <c r="ORR718" s="613"/>
      <c r="ORS718" s="613"/>
      <c r="ORT718" s="613"/>
      <c r="ORU718" s="613"/>
      <c r="ORV718" s="613"/>
      <c r="ORW718" s="613"/>
      <c r="ORX718" s="613"/>
      <c r="ORY718" s="613"/>
      <c r="ORZ718" s="613"/>
      <c r="OSA718" s="613"/>
      <c r="OSB718" s="613"/>
      <c r="OSC718" s="613"/>
      <c r="OSD718" s="613"/>
      <c r="OSE718" s="613"/>
      <c r="OSF718" s="613"/>
      <c r="OSG718" s="613"/>
      <c r="OSH718" s="613"/>
      <c r="OSI718" s="613"/>
      <c r="OSJ718" s="613"/>
      <c r="OSK718" s="613"/>
      <c r="OSL718" s="613"/>
      <c r="OSM718" s="613"/>
      <c r="OSN718" s="613"/>
      <c r="OSO718" s="613"/>
      <c r="OSP718" s="613"/>
      <c r="OSQ718" s="613"/>
      <c r="OSR718" s="613"/>
      <c r="OSS718" s="613"/>
      <c r="OST718" s="613"/>
      <c r="OSU718" s="613"/>
      <c r="OSV718" s="613"/>
      <c r="OSW718" s="613"/>
      <c r="OSX718" s="613"/>
      <c r="OSY718" s="613"/>
      <c r="OSZ718" s="613"/>
      <c r="OTA718" s="613"/>
      <c r="OTB718" s="613"/>
      <c r="OTC718" s="613"/>
      <c r="OTD718" s="613"/>
      <c r="OTE718" s="613"/>
      <c r="OTF718" s="613"/>
      <c r="OTG718" s="613"/>
      <c r="OTH718" s="613"/>
      <c r="OTI718" s="613"/>
      <c r="OTJ718" s="613"/>
      <c r="OTK718" s="613"/>
      <c r="OTL718" s="613"/>
      <c r="OTM718" s="613"/>
      <c r="OTN718" s="613"/>
      <c r="OTO718" s="613"/>
      <c r="OTP718" s="613"/>
      <c r="OTQ718" s="613"/>
      <c r="OTR718" s="613"/>
      <c r="OTS718" s="613"/>
      <c r="OTT718" s="613"/>
      <c r="OTU718" s="613"/>
      <c r="OTV718" s="613"/>
      <c r="OTW718" s="613"/>
      <c r="OTX718" s="613"/>
      <c r="OTY718" s="613"/>
      <c r="OTZ718" s="613"/>
      <c r="OUA718" s="613"/>
      <c r="OUB718" s="613"/>
      <c r="OUC718" s="613"/>
      <c r="OUD718" s="613"/>
      <c r="OUE718" s="613"/>
      <c r="OUF718" s="613"/>
      <c r="OUG718" s="613"/>
      <c r="OUH718" s="613"/>
      <c r="OUI718" s="613"/>
      <c r="OUJ718" s="613"/>
      <c r="OUK718" s="613"/>
      <c r="OUL718" s="613"/>
      <c r="OUM718" s="613"/>
      <c r="OUN718" s="613"/>
      <c r="OUO718" s="613"/>
      <c r="OUP718" s="613"/>
      <c r="OUQ718" s="613"/>
      <c r="OUR718" s="613"/>
      <c r="OUS718" s="613"/>
      <c r="OUT718" s="613"/>
      <c r="OUU718" s="613"/>
      <c r="OUV718" s="613"/>
      <c r="OUW718" s="613"/>
      <c r="OUX718" s="613"/>
      <c r="OUY718" s="613"/>
      <c r="OUZ718" s="613"/>
      <c r="OVA718" s="613"/>
      <c r="OVB718" s="613"/>
      <c r="OVC718" s="613"/>
      <c r="OVD718" s="613"/>
      <c r="OVE718" s="613"/>
      <c r="OVF718" s="613"/>
      <c r="OVG718" s="613"/>
      <c r="OVH718" s="613"/>
      <c r="OVI718" s="613"/>
      <c r="OVJ718" s="613"/>
      <c r="OVK718" s="613"/>
      <c r="OVL718" s="613"/>
      <c r="OVM718" s="613"/>
      <c r="OVN718" s="613"/>
      <c r="OVO718" s="613"/>
      <c r="OVP718" s="613"/>
      <c r="OVQ718" s="613"/>
      <c r="OVR718" s="613"/>
      <c r="OVS718" s="613"/>
      <c r="OVT718" s="613"/>
      <c r="OVU718" s="613"/>
      <c r="OVV718" s="613"/>
      <c r="OVW718" s="613"/>
      <c r="OVX718" s="613"/>
      <c r="OVY718" s="613"/>
      <c r="OVZ718" s="613"/>
      <c r="OWA718" s="613"/>
      <c r="OWB718" s="613"/>
      <c r="OWC718" s="613"/>
      <c r="OWD718" s="613"/>
      <c r="OWE718" s="613"/>
      <c r="OWF718" s="613"/>
      <c r="OWG718" s="613"/>
      <c r="OWH718" s="613"/>
      <c r="OWI718" s="613"/>
      <c r="OWJ718" s="613"/>
      <c r="OWK718" s="613"/>
      <c r="OWL718" s="613"/>
      <c r="OWM718" s="613"/>
      <c r="OWN718" s="613"/>
      <c r="OWO718" s="613"/>
      <c r="OWP718" s="613"/>
      <c r="OWQ718" s="613"/>
      <c r="OWR718" s="613"/>
      <c r="OWS718" s="613"/>
      <c r="OWT718" s="613"/>
      <c r="OWU718" s="613"/>
      <c r="OWV718" s="613"/>
      <c r="OWW718" s="613"/>
      <c r="OWX718" s="613"/>
      <c r="OWY718" s="613"/>
      <c r="OWZ718" s="613"/>
      <c r="OXA718" s="613"/>
      <c r="OXB718" s="613"/>
      <c r="OXC718" s="613"/>
      <c r="OXD718" s="613"/>
      <c r="OXE718" s="613"/>
      <c r="OXF718" s="613"/>
      <c r="OXG718" s="613"/>
      <c r="OXH718" s="613"/>
      <c r="OXI718" s="613"/>
      <c r="OXJ718" s="613"/>
      <c r="OXK718" s="613"/>
      <c r="OXL718" s="613"/>
      <c r="OXM718" s="613"/>
      <c r="OXN718" s="613"/>
      <c r="OXO718" s="613"/>
      <c r="OXP718" s="613"/>
      <c r="OXQ718" s="613"/>
      <c r="OXR718" s="613"/>
      <c r="OXS718" s="613"/>
      <c r="OXT718" s="613"/>
      <c r="OXU718" s="613"/>
      <c r="OXV718" s="613"/>
      <c r="OXW718" s="613"/>
      <c r="OXX718" s="613"/>
      <c r="OXY718" s="613"/>
      <c r="OXZ718" s="613"/>
      <c r="OYA718" s="613"/>
      <c r="OYB718" s="613"/>
      <c r="OYC718" s="613"/>
      <c r="OYD718" s="613"/>
      <c r="OYE718" s="613"/>
      <c r="OYF718" s="613"/>
      <c r="OYG718" s="613"/>
      <c r="OYH718" s="613"/>
      <c r="OYI718" s="613"/>
      <c r="OYJ718" s="613"/>
      <c r="OYK718" s="613"/>
      <c r="OYL718" s="613"/>
      <c r="OYM718" s="613"/>
      <c r="OYN718" s="613"/>
      <c r="OYO718" s="613"/>
      <c r="OYP718" s="613"/>
      <c r="OYQ718" s="613"/>
      <c r="OYR718" s="613"/>
      <c r="OYS718" s="613"/>
      <c r="OYT718" s="613"/>
      <c r="OYU718" s="613"/>
      <c r="OYV718" s="613"/>
      <c r="OYW718" s="613"/>
      <c r="OYX718" s="613"/>
      <c r="OYY718" s="613"/>
      <c r="OYZ718" s="613"/>
      <c r="OZA718" s="613"/>
      <c r="OZB718" s="613"/>
      <c r="OZC718" s="613"/>
      <c r="OZD718" s="613"/>
      <c r="OZE718" s="613"/>
      <c r="OZF718" s="613"/>
      <c r="OZG718" s="613"/>
      <c r="OZH718" s="613"/>
      <c r="OZI718" s="613"/>
      <c r="OZJ718" s="613"/>
      <c r="OZK718" s="613"/>
      <c r="OZL718" s="613"/>
      <c r="OZM718" s="613"/>
      <c r="OZN718" s="613"/>
      <c r="OZO718" s="613"/>
      <c r="OZP718" s="613"/>
      <c r="OZQ718" s="613"/>
      <c r="OZR718" s="613"/>
      <c r="OZS718" s="613"/>
      <c r="OZT718" s="613"/>
      <c r="OZU718" s="613"/>
      <c r="OZV718" s="613"/>
      <c r="OZW718" s="613"/>
      <c r="OZX718" s="613"/>
      <c r="OZY718" s="613"/>
      <c r="OZZ718" s="613"/>
      <c r="PAA718" s="613"/>
      <c r="PAB718" s="613"/>
      <c r="PAC718" s="613"/>
      <c r="PAD718" s="613"/>
      <c r="PAE718" s="613"/>
      <c r="PAF718" s="613"/>
      <c r="PAG718" s="613"/>
      <c r="PAH718" s="613"/>
      <c r="PAI718" s="613"/>
      <c r="PAJ718" s="613"/>
      <c r="PAK718" s="613"/>
      <c r="PAL718" s="613"/>
      <c r="PAM718" s="613"/>
      <c r="PAN718" s="613"/>
      <c r="PAO718" s="613"/>
      <c r="PAP718" s="613"/>
      <c r="PAQ718" s="613"/>
      <c r="PAR718" s="613"/>
      <c r="PAS718" s="613"/>
      <c r="PAT718" s="613"/>
      <c r="PAU718" s="613"/>
      <c r="PAV718" s="613"/>
      <c r="PAW718" s="613"/>
      <c r="PAX718" s="613"/>
      <c r="PAY718" s="613"/>
      <c r="PAZ718" s="613"/>
      <c r="PBA718" s="613"/>
      <c r="PBB718" s="613"/>
      <c r="PBC718" s="613"/>
      <c r="PBD718" s="613"/>
      <c r="PBE718" s="613"/>
      <c r="PBF718" s="613"/>
      <c r="PBG718" s="613"/>
      <c r="PBH718" s="613"/>
      <c r="PBI718" s="613"/>
      <c r="PBJ718" s="613"/>
      <c r="PBK718" s="613"/>
      <c r="PBL718" s="613"/>
      <c r="PBM718" s="613"/>
      <c r="PBN718" s="613"/>
      <c r="PBO718" s="613"/>
      <c r="PBP718" s="613"/>
      <c r="PBQ718" s="613"/>
      <c r="PBR718" s="613"/>
      <c r="PBS718" s="613"/>
      <c r="PBT718" s="613"/>
      <c r="PBU718" s="613"/>
      <c r="PBV718" s="613"/>
      <c r="PBW718" s="613"/>
      <c r="PBX718" s="613"/>
      <c r="PBY718" s="613"/>
      <c r="PBZ718" s="613"/>
      <c r="PCA718" s="613"/>
      <c r="PCB718" s="613"/>
      <c r="PCC718" s="613"/>
      <c r="PCD718" s="613"/>
      <c r="PCE718" s="613"/>
      <c r="PCF718" s="613"/>
      <c r="PCG718" s="613"/>
      <c r="PCH718" s="613"/>
      <c r="PCI718" s="613"/>
      <c r="PCJ718" s="613"/>
      <c r="PCK718" s="613"/>
      <c r="PCL718" s="613"/>
      <c r="PCM718" s="613"/>
      <c r="PCN718" s="613"/>
      <c r="PCO718" s="613"/>
      <c r="PCP718" s="613"/>
      <c r="PCQ718" s="613"/>
      <c r="PCR718" s="613"/>
      <c r="PCS718" s="613"/>
      <c r="PCT718" s="613"/>
      <c r="PCU718" s="613"/>
      <c r="PCV718" s="613"/>
      <c r="PCW718" s="613"/>
      <c r="PCX718" s="613"/>
      <c r="PCY718" s="613"/>
      <c r="PCZ718" s="613"/>
      <c r="PDA718" s="613"/>
      <c r="PDB718" s="613"/>
      <c r="PDC718" s="613"/>
      <c r="PDD718" s="613"/>
      <c r="PDE718" s="613"/>
      <c r="PDF718" s="613"/>
      <c r="PDG718" s="613"/>
      <c r="PDH718" s="613"/>
      <c r="PDI718" s="613"/>
      <c r="PDJ718" s="613"/>
      <c r="PDK718" s="613"/>
      <c r="PDL718" s="613"/>
      <c r="PDM718" s="613"/>
      <c r="PDN718" s="613"/>
      <c r="PDO718" s="613"/>
      <c r="PDP718" s="613"/>
      <c r="PDQ718" s="613"/>
      <c r="PDR718" s="613"/>
      <c r="PDS718" s="613"/>
      <c r="PDT718" s="613"/>
      <c r="PDU718" s="613"/>
      <c r="PDV718" s="613"/>
      <c r="PDW718" s="613"/>
      <c r="PDX718" s="613"/>
      <c r="PDY718" s="613"/>
      <c r="PDZ718" s="613"/>
      <c r="PEA718" s="613"/>
      <c r="PEB718" s="613"/>
      <c r="PEC718" s="613"/>
      <c r="PED718" s="613"/>
      <c r="PEE718" s="613"/>
      <c r="PEF718" s="613"/>
      <c r="PEG718" s="613"/>
      <c r="PEH718" s="613"/>
      <c r="PEI718" s="613"/>
      <c r="PEJ718" s="613"/>
      <c r="PEK718" s="613"/>
      <c r="PEL718" s="613"/>
      <c r="PEM718" s="613"/>
      <c r="PEN718" s="613"/>
      <c r="PEO718" s="613"/>
      <c r="PEP718" s="613"/>
      <c r="PEQ718" s="613"/>
      <c r="PER718" s="613"/>
      <c r="PES718" s="613"/>
      <c r="PET718" s="613"/>
      <c r="PEU718" s="613"/>
      <c r="PEV718" s="613"/>
      <c r="PEW718" s="613"/>
      <c r="PEX718" s="613"/>
      <c r="PEY718" s="613"/>
      <c r="PEZ718" s="613"/>
      <c r="PFA718" s="613"/>
      <c r="PFB718" s="613"/>
      <c r="PFC718" s="613"/>
      <c r="PFD718" s="613"/>
      <c r="PFE718" s="613"/>
      <c r="PFF718" s="613"/>
      <c r="PFG718" s="613"/>
      <c r="PFH718" s="613"/>
      <c r="PFI718" s="613"/>
      <c r="PFJ718" s="613"/>
      <c r="PFK718" s="613"/>
      <c r="PFL718" s="613"/>
      <c r="PFM718" s="613"/>
      <c r="PFN718" s="613"/>
      <c r="PFO718" s="613"/>
      <c r="PFP718" s="613"/>
      <c r="PFQ718" s="613"/>
      <c r="PFR718" s="613"/>
      <c r="PFS718" s="613"/>
      <c r="PFT718" s="613"/>
      <c r="PFU718" s="613"/>
      <c r="PFV718" s="613"/>
      <c r="PFW718" s="613"/>
      <c r="PFX718" s="613"/>
      <c r="PFY718" s="613"/>
      <c r="PFZ718" s="613"/>
      <c r="PGA718" s="613"/>
      <c r="PGB718" s="613"/>
      <c r="PGC718" s="613"/>
      <c r="PGD718" s="613"/>
      <c r="PGE718" s="613"/>
      <c r="PGF718" s="613"/>
      <c r="PGG718" s="613"/>
      <c r="PGH718" s="613"/>
      <c r="PGI718" s="613"/>
      <c r="PGJ718" s="613"/>
      <c r="PGK718" s="613"/>
      <c r="PGL718" s="613"/>
      <c r="PGM718" s="613"/>
      <c r="PGN718" s="613"/>
      <c r="PGO718" s="613"/>
      <c r="PGP718" s="613"/>
      <c r="PGQ718" s="613"/>
      <c r="PGR718" s="613"/>
      <c r="PGS718" s="613"/>
      <c r="PGT718" s="613"/>
      <c r="PGU718" s="613"/>
      <c r="PGV718" s="613"/>
      <c r="PGW718" s="613"/>
      <c r="PGX718" s="613"/>
      <c r="PGY718" s="613"/>
      <c r="PGZ718" s="613"/>
      <c r="PHA718" s="613"/>
      <c r="PHB718" s="613"/>
      <c r="PHC718" s="613"/>
      <c r="PHD718" s="613"/>
      <c r="PHE718" s="613"/>
      <c r="PHF718" s="613"/>
      <c r="PHG718" s="613"/>
      <c r="PHH718" s="613"/>
      <c r="PHI718" s="613"/>
      <c r="PHJ718" s="613"/>
      <c r="PHK718" s="613"/>
      <c r="PHL718" s="613"/>
      <c r="PHM718" s="613"/>
      <c r="PHN718" s="613"/>
      <c r="PHO718" s="613"/>
      <c r="PHP718" s="613"/>
      <c r="PHQ718" s="613"/>
      <c r="PHR718" s="613"/>
      <c r="PHS718" s="613"/>
      <c r="PHT718" s="613"/>
      <c r="PHU718" s="613"/>
      <c r="PHV718" s="613"/>
      <c r="PHW718" s="613"/>
      <c r="PHX718" s="613"/>
      <c r="PHY718" s="613"/>
      <c r="PHZ718" s="613"/>
      <c r="PIA718" s="613"/>
      <c r="PIB718" s="613"/>
      <c r="PIC718" s="613"/>
      <c r="PID718" s="613"/>
      <c r="PIE718" s="613"/>
      <c r="PIF718" s="613"/>
      <c r="PIG718" s="613"/>
      <c r="PIH718" s="613"/>
      <c r="PII718" s="613"/>
      <c r="PIJ718" s="613"/>
      <c r="PIK718" s="613"/>
      <c r="PIL718" s="613"/>
      <c r="PIM718" s="613"/>
      <c r="PIN718" s="613"/>
      <c r="PIO718" s="613"/>
      <c r="PIP718" s="613"/>
      <c r="PIQ718" s="613"/>
      <c r="PIR718" s="613"/>
      <c r="PIS718" s="613"/>
      <c r="PIT718" s="613"/>
      <c r="PIU718" s="613"/>
      <c r="PIV718" s="613"/>
      <c r="PIW718" s="613"/>
      <c r="PIX718" s="613"/>
      <c r="PIY718" s="613"/>
      <c r="PIZ718" s="613"/>
      <c r="PJA718" s="613"/>
      <c r="PJB718" s="613"/>
      <c r="PJC718" s="613"/>
      <c r="PJD718" s="613"/>
      <c r="PJE718" s="613"/>
      <c r="PJF718" s="613"/>
      <c r="PJG718" s="613"/>
      <c r="PJH718" s="613"/>
      <c r="PJI718" s="613"/>
      <c r="PJJ718" s="613"/>
      <c r="PJK718" s="613"/>
      <c r="PJL718" s="613"/>
      <c r="PJM718" s="613"/>
      <c r="PJN718" s="613"/>
      <c r="PJO718" s="613"/>
      <c r="PJP718" s="613"/>
      <c r="PJQ718" s="613"/>
      <c r="PJR718" s="613"/>
      <c r="PJS718" s="613"/>
      <c r="PJT718" s="613"/>
      <c r="PJU718" s="613"/>
      <c r="PJV718" s="613"/>
      <c r="PJW718" s="613"/>
      <c r="PJX718" s="613"/>
      <c r="PJY718" s="613"/>
      <c r="PJZ718" s="613"/>
      <c r="PKA718" s="613"/>
      <c r="PKB718" s="613"/>
      <c r="PKC718" s="613"/>
      <c r="PKD718" s="613"/>
      <c r="PKE718" s="613"/>
      <c r="PKF718" s="613"/>
      <c r="PKG718" s="613"/>
      <c r="PKH718" s="613"/>
      <c r="PKI718" s="613"/>
      <c r="PKJ718" s="613"/>
      <c r="PKK718" s="613"/>
      <c r="PKL718" s="613"/>
      <c r="PKM718" s="613"/>
      <c r="PKN718" s="613"/>
      <c r="PKO718" s="613"/>
      <c r="PKP718" s="613"/>
      <c r="PKQ718" s="613"/>
      <c r="PKR718" s="613"/>
      <c r="PKS718" s="613"/>
      <c r="PKT718" s="613"/>
      <c r="PKU718" s="613"/>
      <c r="PKV718" s="613"/>
      <c r="PKW718" s="613"/>
      <c r="PKX718" s="613"/>
      <c r="PKY718" s="613"/>
      <c r="PKZ718" s="613"/>
      <c r="PLA718" s="613"/>
      <c r="PLB718" s="613"/>
      <c r="PLC718" s="613"/>
      <c r="PLD718" s="613"/>
      <c r="PLE718" s="613"/>
      <c r="PLF718" s="613"/>
      <c r="PLG718" s="613"/>
      <c r="PLH718" s="613"/>
      <c r="PLI718" s="613"/>
      <c r="PLJ718" s="613"/>
      <c r="PLK718" s="613"/>
      <c r="PLL718" s="613"/>
      <c r="PLM718" s="613"/>
      <c r="PLN718" s="613"/>
      <c r="PLO718" s="613"/>
      <c r="PLP718" s="613"/>
      <c r="PLQ718" s="613"/>
      <c r="PLR718" s="613"/>
      <c r="PLS718" s="613"/>
      <c r="PLT718" s="613"/>
      <c r="PLU718" s="613"/>
      <c r="PLV718" s="613"/>
      <c r="PLW718" s="613"/>
      <c r="PLX718" s="613"/>
      <c r="PLY718" s="613"/>
      <c r="PLZ718" s="613"/>
      <c r="PMA718" s="613"/>
      <c r="PMB718" s="613"/>
      <c r="PMC718" s="613"/>
      <c r="PMD718" s="613"/>
      <c r="PME718" s="613"/>
      <c r="PMF718" s="613"/>
      <c r="PMG718" s="613"/>
      <c r="PMH718" s="613"/>
      <c r="PMI718" s="613"/>
      <c r="PMJ718" s="613"/>
      <c r="PMK718" s="613"/>
      <c r="PML718" s="613"/>
      <c r="PMM718" s="613"/>
      <c r="PMN718" s="613"/>
      <c r="PMO718" s="613"/>
      <c r="PMP718" s="613"/>
      <c r="PMQ718" s="613"/>
      <c r="PMR718" s="613"/>
      <c r="PMS718" s="613"/>
      <c r="PMT718" s="613"/>
      <c r="PMU718" s="613"/>
      <c r="PMV718" s="613"/>
      <c r="PMW718" s="613"/>
      <c r="PMX718" s="613"/>
      <c r="PMY718" s="613"/>
      <c r="PMZ718" s="613"/>
      <c r="PNA718" s="613"/>
      <c r="PNB718" s="613"/>
      <c r="PNC718" s="613"/>
      <c r="PND718" s="613"/>
      <c r="PNE718" s="613"/>
      <c r="PNF718" s="613"/>
      <c r="PNG718" s="613"/>
      <c r="PNH718" s="613"/>
      <c r="PNI718" s="613"/>
      <c r="PNJ718" s="613"/>
      <c r="PNK718" s="613"/>
      <c r="PNL718" s="613"/>
      <c r="PNM718" s="613"/>
      <c r="PNN718" s="613"/>
      <c r="PNO718" s="613"/>
      <c r="PNP718" s="613"/>
      <c r="PNQ718" s="613"/>
      <c r="PNR718" s="613"/>
      <c r="PNS718" s="613"/>
      <c r="PNT718" s="613"/>
      <c r="PNU718" s="613"/>
      <c r="PNV718" s="613"/>
      <c r="PNW718" s="613"/>
      <c r="PNX718" s="613"/>
      <c r="PNY718" s="613"/>
      <c r="PNZ718" s="613"/>
      <c r="POA718" s="613"/>
      <c r="POB718" s="613"/>
      <c r="POC718" s="613"/>
      <c r="POD718" s="613"/>
      <c r="POE718" s="613"/>
      <c r="POF718" s="613"/>
      <c r="POG718" s="613"/>
      <c r="POH718" s="613"/>
      <c r="POI718" s="613"/>
      <c r="POJ718" s="613"/>
      <c r="POK718" s="613"/>
      <c r="POL718" s="613"/>
      <c r="POM718" s="613"/>
      <c r="PON718" s="613"/>
      <c r="POO718" s="613"/>
      <c r="POP718" s="613"/>
      <c r="POQ718" s="613"/>
      <c r="POR718" s="613"/>
      <c r="POS718" s="613"/>
      <c r="POT718" s="613"/>
      <c r="POU718" s="613"/>
      <c r="POV718" s="613"/>
      <c r="POW718" s="613"/>
      <c r="POX718" s="613"/>
      <c r="POY718" s="613"/>
      <c r="POZ718" s="613"/>
      <c r="PPA718" s="613"/>
      <c r="PPB718" s="613"/>
      <c r="PPC718" s="613"/>
      <c r="PPD718" s="613"/>
      <c r="PPE718" s="613"/>
      <c r="PPF718" s="613"/>
      <c r="PPG718" s="613"/>
      <c r="PPH718" s="613"/>
      <c r="PPI718" s="613"/>
      <c r="PPJ718" s="613"/>
      <c r="PPK718" s="613"/>
      <c r="PPL718" s="613"/>
      <c r="PPM718" s="613"/>
      <c r="PPN718" s="613"/>
      <c r="PPO718" s="613"/>
      <c r="PPP718" s="613"/>
      <c r="PPQ718" s="613"/>
      <c r="PPR718" s="613"/>
      <c r="PPS718" s="613"/>
      <c r="PPT718" s="613"/>
      <c r="PPU718" s="613"/>
      <c r="PPV718" s="613"/>
      <c r="PPW718" s="613"/>
      <c r="PPX718" s="613"/>
      <c r="PPY718" s="613"/>
      <c r="PPZ718" s="613"/>
      <c r="PQA718" s="613"/>
      <c r="PQB718" s="613"/>
      <c r="PQC718" s="613"/>
      <c r="PQD718" s="613"/>
      <c r="PQE718" s="613"/>
      <c r="PQF718" s="613"/>
      <c r="PQG718" s="613"/>
      <c r="PQH718" s="613"/>
      <c r="PQI718" s="613"/>
      <c r="PQJ718" s="613"/>
      <c r="PQK718" s="613"/>
      <c r="PQL718" s="613"/>
      <c r="PQM718" s="613"/>
      <c r="PQN718" s="613"/>
      <c r="PQO718" s="613"/>
      <c r="PQP718" s="613"/>
      <c r="PQQ718" s="613"/>
      <c r="PQR718" s="613"/>
      <c r="PQS718" s="613"/>
      <c r="PQT718" s="613"/>
      <c r="PQU718" s="613"/>
      <c r="PQV718" s="613"/>
      <c r="PQW718" s="613"/>
      <c r="PQX718" s="613"/>
      <c r="PQY718" s="613"/>
      <c r="PQZ718" s="613"/>
      <c r="PRA718" s="613"/>
      <c r="PRB718" s="613"/>
      <c r="PRC718" s="613"/>
      <c r="PRD718" s="613"/>
      <c r="PRE718" s="613"/>
      <c r="PRF718" s="613"/>
      <c r="PRG718" s="613"/>
      <c r="PRH718" s="613"/>
      <c r="PRI718" s="613"/>
      <c r="PRJ718" s="613"/>
      <c r="PRK718" s="613"/>
      <c r="PRL718" s="613"/>
      <c r="PRM718" s="613"/>
      <c r="PRN718" s="613"/>
      <c r="PRO718" s="613"/>
      <c r="PRP718" s="613"/>
      <c r="PRQ718" s="613"/>
      <c r="PRR718" s="613"/>
      <c r="PRS718" s="613"/>
      <c r="PRT718" s="613"/>
      <c r="PRU718" s="613"/>
      <c r="PRV718" s="613"/>
      <c r="PRW718" s="613"/>
      <c r="PRX718" s="613"/>
      <c r="PRY718" s="613"/>
      <c r="PRZ718" s="613"/>
      <c r="PSA718" s="613"/>
      <c r="PSB718" s="613"/>
      <c r="PSC718" s="613"/>
      <c r="PSD718" s="613"/>
      <c r="PSE718" s="613"/>
      <c r="PSF718" s="613"/>
      <c r="PSG718" s="613"/>
      <c r="PSH718" s="613"/>
      <c r="PSI718" s="613"/>
      <c r="PSJ718" s="613"/>
      <c r="PSK718" s="613"/>
      <c r="PSL718" s="613"/>
      <c r="PSM718" s="613"/>
      <c r="PSN718" s="613"/>
      <c r="PSO718" s="613"/>
      <c r="PSP718" s="613"/>
      <c r="PSQ718" s="613"/>
      <c r="PSR718" s="613"/>
      <c r="PSS718" s="613"/>
      <c r="PST718" s="613"/>
      <c r="PSU718" s="613"/>
      <c r="PSV718" s="613"/>
      <c r="PSW718" s="613"/>
      <c r="PSX718" s="613"/>
      <c r="PSY718" s="613"/>
      <c r="PSZ718" s="613"/>
      <c r="PTA718" s="613"/>
      <c r="PTB718" s="613"/>
      <c r="PTC718" s="613"/>
      <c r="PTD718" s="613"/>
      <c r="PTE718" s="613"/>
      <c r="PTF718" s="613"/>
      <c r="PTG718" s="613"/>
      <c r="PTH718" s="613"/>
      <c r="PTI718" s="613"/>
      <c r="PTJ718" s="613"/>
      <c r="PTK718" s="613"/>
      <c r="PTL718" s="613"/>
      <c r="PTM718" s="613"/>
      <c r="PTN718" s="613"/>
      <c r="PTO718" s="613"/>
      <c r="PTP718" s="613"/>
      <c r="PTQ718" s="613"/>
      <c r="PTR718" s="613"/>
      <c r="PTS718" s="613"/>
      <c r="PTT718" s="613"/>
      <c r="PTU718" s="613"/>
      <c r="PTV718" s="613"/>
      <c r="PTW718" s="613"/>
      <c r="PTX718" s="613"/>
      <c r="PTY718" s="613"/>
      <c r="PTZ718" s="613"/>
      <c r="PUA718" s="613"/>
      <c r="PUB718" s="613"/>
      <c r="PUC718" s="613"/>
      <c r="PUD718" s="613"/>
      <c r="PUE718" s="613"/>
      <c r="PUF718" s="613"/>
      <c r="PUG718" s="613"/>
      <c r="PUH718" s="613"/>
      <c r="PUI718" s="613"/>
      <c r="PUJ718" s="613"/>
      <c r="PUK718" s="613"/>
      <c r="PUL718" s="613"/>
      <c r="PUM718" s="613"/>
      <c r="PUN718" s="613"/>
      <c r="PUO718" s="613"/>
      <c r="PUP718" s="613"/>
      <c r="PUQ718" s="613"/>
      <c r="PUR718" s="613"/>
      <c r="PUS718" s="613"/>
      <c r="PUT718" s="613"/>
      <c r="PUU718" s="613"/>
      <c r="PUV718" s="613"/>
      <c r="PUW718" s="613"/>
      <c r="PUX718" s="613"/>
      <c r="PUY718" s="613"/>
      <c r="PUZ718" s="613"/>
      <c r="PVA718" s="613"/>
      <c r="PVB718" s="613"/>
      <c r="PVC718" s="613"/>
      <c r="PVD718" s="613"/>
      <c r="PVE718" s="613"/>
      <c r="PVF718" s="613"/>
      <c r="PVG718" s="613"/>
      <c r="PVH718" s="613"/>
      <c r="PVI718" s="613"/>
      <c r="PVJ718" s="613"/>
      <c r="PVK718" s="613"/>
      <c r="PVL718" s="613"/>
      <c r="PVM718" s="613"/>
      <c r="PVN718" s="613"/>
      <c r="PVO718" s="613"/>
      <c r="PVP718" s="613"/>
      <c r="PVQ718" s="613"/>
      <c r="PVR718" s="613"/>
      <c r="PVS718" s="613"/>
      <c r="PVT718" s="613"/>
      <c r="PVU718" s="613"/>
      <c r="PVV718" s="613"/>
      <c r="PVW718" s="613"/>
      <c r="PVX718" s="613"/>
      <c r="PVY718" s="613"/>
      <c r="PVZ718" s="613"/>
      <c r="PWA718" s="613"/>
      <c r="PWB718" s="613"/>
      <c r="PWC718" s="613"/>
      <c r="PWD718" s="613"/>
      <c r="PWE718" s="613"/>
      <c r="PWF718" s="613"/>
      <c r="PWG718" s="613"/>
      <c r="PWH718" s="613"/>
      <c r="PWI718" s="613"/>
      <c r="PWJ718" s="613"/>
      <c r="PWK718" s="613"/>
      <c r="PWL718" s="613"/>
      <c r="PWM718" s="613"/>
      <c r="PWN718" s="613"/>
      <c r="PWO718" s="613"/>
      <c r="PWP718" s="613"/>
      <c r="PWQ718" s="613"/>
      <c r="PWR718" s="613"/>
      <c r="PWS718" s="613"/>
      <c r="PWT718" s="613"/>
      <c r="PWU718" s="613"/>
      <c r="PWV718" s="613"/>
      <c r="PWW718" s="613"/>
      <c r="PWX718" s="613"/>
      <c r="PWY718" s="613"/>
      <c r="PWZ718" s="613"/>
      <c r="PXA718" s="613"/>
      <c r="PXB718" s="613"/>
      <c r="PXC718" s="613"/>
      <c r="PXD718" s="613"/>
      <c r="PXE718" s="613"/>
      <c r="PXF718" s="613"/>
      <c r="PXG718" s="613"/>
      <c r="PXH718" s="613"/>
      <c r="PXI718" s="613"/>
      <c r="PXJ718" s="613"/>
      <c r="PXK718" s="613"/>
      <c r="PXL718" s="613"/>
      <c r="PXM718" s="613"/>
      <c r="PXN718" s="613"/>
      <c r="PXO718" s="613"/>
      <c r="PXP718" s="613"/>
      <c r="PXQ718" s="613"/>
      <c r="PXR718" s="613"/>
      <c r="PXS718" s="613"/>
      <c r="PXT718" s="613"/>
      <c r="PXU718" s="613"/>
      <c r="PXV718" s="613"/>
      <c r="PXW718" s="613"/>
      <c r="PXX718" s="613"/>
      <c r="PXY718" s="613"/>
      <c r="PXZ718" s="613"/>
      <c r="PYA718" s="613"/>
      <c r="PYB718" s="613"/>
      <c r="PYC718" s="613"/>
      <c r="PYD718" s="613"/>
      <c r="PYE718" s="613"/>
      <c r="PYF718" s="613"/>
      <c r="PYG718" s="613"/>
      <c r="PYH718" s="613"/>
      <c r="PYI718" s="613"/>
      <c r="PYJ718" s="613"/>
      <c r="PYK718" s="613"/>
      <c r="PYL718" s="613"/>
      <c r="PYM718" s="613"/>
      <c r="PYN718" s="613"/>
      <c r="PYO718" s="613"/>
      <c r="PYP718" s="613"/>
      <c r="PYQ718" s="613"/>
      <c r="PYR718" s="613"/>
      <c r="PYS718" s="613"/>
      <c r="PYT718" s="613"/>
      <c r="PYU718" s="613"/>
      <c r="PYV718" s="613"/>
      <c r="PYW718" s="613"/>
      <c r="PYX718" s="613"/>
      <c r="PYY718" s="613"/>
      <c r="PYZ718" s="613"/>
      <c r="PZA718" s="613"/>
      <c r="PZB718" s="613"/>
      <c r="PZC718" s="613"/>
      <c r="PZD718" s="613"/>
      <c r="PZE718" s="613"/>
      <c r="PZF718" s="613"/>
      <c r="PZG718" s="613"/>
      <c r="PZH718" s="613"/>
      <c r="PZI718" s="613"/>
      <c r="PZJ718" s="613"/>
      <c r="PZK718" s="613"/>
      <c r="PZL718" s="613"/>
      <c r="PZM718" s="613"/>
      <c r="PZN718" s="613"/>
      <c r="PZO718" s="613"/>
      <c r="PZP718" s="613"/>
      <c r="PZQ718" s="613"/>
      <c r="PZR718" s="613"/>
      <c r="PZS718" s="613"/>
      <c r="PZT718" s="613"/>
      <c r="PZU718" s="613"/>
      <c r="PZV718" s="613"/>
      <c r="PZW718" s="613"/>
      <c r="PZX718" s="613"/>
      <c r="PZY718" s="613"/>
      <c r="PZZ718" s="613"/>
      <c r="QAA718" s="613"/>
      <c r="QAB718" s="613"/>
      <c r="QAC718" s="613"/>
      <c r="QAD718" s="613"/>
      <c r="QAE718" s="613"/>
      <c r="QAF718" s="613"/>
      <c r="QAG718" s="613"/>
      <c r="QAH718" s="613"/>
      <c r="QAI718" s="613"/>
      <c r="QAJ718" s="613"/>
      <c r="QAK718" s="613"/>
      <c r="QAL718" s="613"/>
      <c r="QAM718" s="613"/>
      <c r="QAN718" s="613"/>
      <c r="QAO718" s="613"/>
      <c r="QAP718" s="613"/>
      <c r="QAQ718" s="613"/>
      <c r="QAR718" s="613"/>
      <c r="QAS718" s="613"/>
      <c r="QAT718" s="613"/>
      <c r="QAU718" s="613"/>
      <c r="QAV718" s="613"/>
      <c r="QAW718" s="613"/>
      <c r="QAX718" s="613"/>
      <c r="QAY718" s="613"/>
      <c r="QAZ718" s="613"/>
      <c r="QBA718" s="613"/>
      <c r="QBB718" s="613"/>
      <c r="QBC718" s="613"/>
      <c r="QBD718" s="613"/>
      <c r="QBE718" s="613"/>
      <c r="QBF718" s="613"/>
      <c r="QBG718" s="613"/>
      <c r="QBH718" s="613"/>
      <c r="QBI718" s="613"/>
      <c r="QBJ718" s="613"/>
      <c r="QBK718" s="613"/>
      <c r="QBL718" s="613"/>
      <c r="QBM718" s="613"/>
      <c r="QBN718" s="613"/>
      <c r="QBO718" s="613"/>
      <c r="QBP718" s="613"/>
      <c r="QBQ718" s="613"/>
      <c r="QBR718" s="613"/>
      <c r="QBS718" s="613"/>
      <c r="QBT718" s="613"/>
      <c r="QBU718" s="613"/>
      <c r="QBV718" s="613"/>
      <c r="QBW718" s="613"/>
      <c r="QBX718" s="613"/>
      <c r="QBY718" s="613"/>
      <c r="QBZ718" s="613"/>
      <c r="QCA718" s="613"/>
      <c r="QCB718" s="613"/>
      <c r="QCC718" s="613"/>
      <c r="QCD718" s="613"/>
      <c r="QCE718" s="613"/>
      <c r="QCF718" s="613"/>
      <c r="QCG718" s="613"/>
      <c r="QCH718" s="613"/>
      <c r="QCI718" s="613"/>
      <c r="QCJ718" s="613"/>
      <c r="QCK718" s="613"/>
      <c r="QCL718" s="613"/>
      <c r="QCM718" s="613"/>
      <c r="QCN718" s="613"/>
      <c r="QCO718" s="613"/>
      <c r="QCP718" s="613"/>
      <c r="QCQ718" s="613"/>
      <c r="QCR718" s="613"/>
      <c r="QCS718" s="613"/>
      <c r="QCT718" s="613"/>
      <c r="QCU718" s="613"/>
      <c r="QCV718" s="613"/>
      <c r="QCW718" s="613"/>
      <c r="QCX718" s="613"/>
      <c r="QCY718" s="613"/>
      <c r="QCZ718" s="613"/>
      <c r="QDA718" s="613"/>
      <c r="QDB718" s="613"/>
      <c r="QDC718" s="613"/>
      <c r="QDD718" s="613"/>
      <c r="QDE718" s="613"/>
      <c r="QDF718" s="613"/>
      <c r="QDG718" s="613"/>
      <c r="QDH718" s="613"/>
      <c r="QDI718" s="613"/>
      <c r="QDJ718" s="613"/>
      <c r="QDK718" s="613"/>
      <c r="QDL718" s="613"/>
      <c r="QDM718" s="613"/>
      <c r="QDN718" s="613"/>
      <c r="QDO718" s="613"/>
      <c r="QDP718" s="613"/>
      <c r="QDQ718" s="613"/>
      <c r="QDR718" s="613"/>
      <c r="QDS718" s="613"/>
      <c r="QDT718" s="613"/>
      <c r="QDU718" s="613"/>
      <c r="QDV718" s="613"/>
      <c r="QDW718" s="613"/>
      <c r="QDX718" s="613"/>
      <c r="QDY718" s="613"/>
      <c r="QDZ718" s="613"/>
      <c r="QEA718" s="613"/>
      <c r="QEB718" s="613"/>
      <c r="QEC718" s="613"/>
      <c r="QED718" s="613"/>
      <c r="QEE718" s="613"/>
      <c r="QEF718" s="613"/>
      <c r="QEG718" s="613"/>
      <c r="QEH718" s="613"/>
      <c r="QEI718" s="613"/>
      <c r="QEJ718" s="613"/>
      <c r="QEK718" s="613"/>
      <c r="QEL718" s="613"/>
      <c r="QEM718" s="613"/>
      <c r="QEN718" s="613"/>
      <c r="QEO718" s="613"/>
      <c r="QEP718" s="613"/>
      <c r="QEQ718" s="613"/>
      <c r="QER718" s="613"/>
      <c r="QES718" s="613"/>
      <c r="QET718" s="613"/>
      <c r="QEU718" s="613"/>
      <c r="QEV718" s="613"/>
      <c r="QEW718" s="613"/>
      <c r="QEX718" s="613"/>
      <c r="QEY718" s="613"/>
      <c r="QEZ718" s="613"/>
      <c r="QFA718" s="613"/>
      <c r="QFB718" s="613"/>
      <c r="QFC718" s="613"/>
      <c r="QFD718" s="613"/>
      <c r="QFE718" s="613"/>
      <c r="QFF718" s="613"/>
      <c r="QFG718" s="613"/>
      <c r="QFH718" s="613"/>
      <c r="QFI718" s="613"/>
      <c r="QFJ718" s="613"/>
      <c r="QFK718" s="613"/>
      <c r="QFL718" s="613"/>
      <c r="QFM718" s="613"/>
      <c r="QFN718" s="613"/>
      <c r="QFO718" s="613"/>
      <c r="QFP718" s="613"/>
      <c r="QFQ718" s="613"/>
      <c r="QFR718" s="613"/>
      <c r="QFS718" s="613"/>
      <c r="QFT718" s="613"/>
      <c r="QFU718" s="613"/>
      <c r="QFV718" s="613"/>
      <c r="QFW718" s="613"/>
      <c r="QFX718" s="613"/>
      <c r="QFY718" s="613"/>
      <c r="QFZ718" s="613"/>
      <c r="QGA718" s="613"/>
      <c r="QGB718" s="613"/>
      <c r="QGC718" s="613"/>
      <c r="QGD718" s="613"/>
      <c r="QGE718" s="613"/>
      <c r="QGF718" s="613"/>
      <c r="QGG718" s="613"/>
      <c r="QGH718" s="613"/>
      <c r="QGI718" s="613"/>
      <c r="QGJ718" s="613"/>
      <c r="QGK718" s="613"/>
      <c r="QGL718" s="613"/>
      <c r="QGM718" s="613"/>
      <c r="QGN718" s="613"/>
      <c r="QGO718" s="613"/>
      <c r="QGP718" s="613"/>
      <c r="QGQ718" s="613"/>
      <c r="QGR718" s="613"/>
      <c r="QGS718" s="613"/>
      <c r="QGT718" s="613"/>
      <c r="QGU718" s="613"/>
      <c r="QGV718" s="613"/>
      <c r="QGW718" s="613"/>
      <c r="QGX718" s="613"/>
      <c r="QGY718" s="613"/>
      <c r="QGZ718" s="613"/>
      <c r="QHA718" s="613"/>
      <c r="QHB718" s="613"/>
      <c r="QHC718" s="613"/>
      <c r="QHD718" s="613"/>
      <c r="QHE718" s="613"/>
      <c r="QHF718" s="613"/>
      <c r="QHG718" s="613"/>
      <c r="QHH718" s="613"/>
      <c r="QHI718" s="613"/>
      <c r="QHJ718" s="613"/>
      <c r="QHK718" s="613"/>
      <c r="QHL718" s="613"/>
      <c r="QHM718" s="613"/>
      <c r="QHN718" s="613"/>
      <c r="QHO718" s="613"/>
      <c r="QHP718" s="613"/>
      <c r="QHQ718" s="613"/>
      <c r="QHR718" s="613"/>
      <c r="QHS718" s="613"/>
      <c r="QHT718" s="613"/>
      <c r="QHU718" s="613"/>
      <c r="QHV718" s="613"/>
      <c r="QHW718" s="613"/>
      <c r="QHX718" s="613"/>
      <c r="QHY718" s="613"/>
      <c r="QHZ718" s="613"/>
      <c r="QIA718" s="613"/>
      <c r="QIB718" s="613"/>
      <c r="QIC718" s="613"/>
      <c r="QID718" s="613"/>
      <c r="QIE718" s="613"/>
      <c r="QIF718" s="613"/>
      <c r="QIG718" s="613"/>
      <c r="QIH718" s="613"/>
      <c r="QII718" s="613"/>
      <c r="QIJ718" s="613"/>
      <c r="QIK718" s="613"/>
      <c r="QIL718" s="613"/>
      <c r="QIM718" s="613"/>
      <c r="QIN718" s="613"/>
      <c r="QIO718" s="613"/>
      <c r="QIP718" s="613"/>
      <c r="QIQ718" s="613"/>
      <c r="QIR718" s="613"/>
      <c r="QIS718" s="613"/>
      <c r="QIT718" s="613"/>
      <c r="QIU718" s="613"/>
      <c r="QIV718" s="613"/>
      <c r="QIW718" s="613"/>
      <c r="QIX718" s="613"/>
      <c r="QIY718" s="613"/>
      <c r="QIZ718" s="613"/>
      <c r="QJA718" s="613"/>
      <c r="QJB718" s="613"/>
      <c r="QJC718" s="613"/>
      <c r="QJD718" s="613"/>
      <c r="QJE718" s="613"/>
      <c r="QJF718" s="613"/>
      <c r="QJG718" s="613"/>
      <c r="QJH718" s="613"/>
      <c r="QJI718" s="613"/>
      <c r="QJJ718" s="613"/>
      <c r="QJK718" s="613"/>
      <c r="QJL718" s="613"/>
      <c r="QJM718" s="613"/>
      <c r="QJN718" s="613"/>
      <c r="QJO718" s="613"/>
      <c r="QJP718" s="613"/>
      <c r="QJQ718" s="613"/>
      <c r="QJR718" s="613"/>
      <c r="QJS718" s="613"/>
      <c r="QJT718" s="613"/>
      <c r="QJU718" s="613"/>
      <c r="QJV718" s="613"/>
      <c r="QJW718" s="613"/>
      <c r="QJX718" s="613"/>
      <c r="QJY718" s="613"/>
      <c r="QJZ718" s="613"/>
      <c r="QKA718" s="613"/>
      <c r="QKB718" s="613"/>
      <c r="QKC718" s="613"/>
      <c r="QKD718" s="613"/>
      <c r="QKE718" s="613"/>
      <c r="QKF718" s="613"/>
      <c r="QKG718" s="613"/>
      <c r="QKH718" s="613"/>
      <c r="QKI718" s="613"/>
      <c r="QKJ718" s="613"/>
      <c r="QKK718" s="613"/>
      <c r="QKL718" s="613"/>
      <c r="QKM718" s="613"/>
      <c r="QKN718" s="613"/>
      <c r="QKO718" s="613"/>
      <c r="QKP718" s="613"/>
      <c r="QKQ718" s="613"/>
      <c r="QKR718" s="613"/>
      <c r="QKS718" s="613"/>
      <c r="QKT718" s="613"/>
      <c r="QKU718" s="613"/>
      <c r="QKV718" s="613"/>
      <c r="QKW718" s="613"/>
      <c r="QKX718" s="613"/>
      <c r="QKY718" s="613"/>
      <c r="QKZ718" s="613"/>
      <c r="QLA718" s="613"/>
      <c r="QLB718" s="613"/>
      <c r="QLC718" s="613"/>
      <c r="QLD718" s="613"/>
      <c r="QLE718" s="613"/>
      <c r="QLF718" s="613"/>
      <c r="QLG718" s="613"/>
      <c r="QLH718" s="613"/>
      <c r="QLI718" s="613"/>
      <c r="QLJ718" s="613"/>
      <c r="QLK718" s="613"/>
      <c r="QLL718" s="613"/>
      <c r="QLM718" s="613"/>
      <c r="QLN718" s="613"/>
      <c r="QLO718" s="613"/>
      <c r="QLP718" s="613"/>
      <c r="QLQ718" s="613"/>
      <c r="QLR718" s="613"/>
      <c r="QLS718" s="613"/>
      <c r="QLT718" s="613"/>
      <c r="QLU718" s="613"/>
      <c r="QLV718" s="613"/>
      <c r="QLW718" s="613"/>
      <c r="QLX718" s="613"/>
      <c r="QLY718" s="613"/>
      <c r="QLZ718" s="613"/>
      <c r="QMA718" s="613"/>
      <c r="QMB718" s="613"/>
      <c r="QMC718" s="613"/>
      <c r="QMD718" s="613"/>
      <c r="QME718" s="613"/>
      <c r="QMF718" s="613"/>
      <c r="QMG718" s="613"/>
      <c r="QMH718" s="613"/>
      <c r="QMI718" s="613"/>
      <c r="QMJ718" s="613"/>
      <c r="QMK718" s="613"/>
      <c r="QML718" s="613"/>
      <c r="QMM718" s="613"/>
      <c r="QMN718" s="613"/>
      <c r="QMO718" s="613"/>
      <c r="QMP718" s="613"/>
      <c r="QMQ718" s="613"/>
      <c r="QMR718" s="613"/>
      <c r="QMS718" s="613"/>
      <c r="QMT718" s="613"/>
      <c r="QMU718" s="613"/>
      <c r="QMV718" s="613"/>
      <c r="QMW718" s="613"/>
      <c r="QMX718" s="613"/>
      <c r="QMY718" s="613"/>
      <c r="QMZ718" s="613"/>
      <c r="QNA718" s="613"/>
      <c r="QNB718" s="613"/>
      <c r="QNC718" s="613"/>
      <c r="QND718" s="613"/>
      <c r="QNE718" s="613"/>
      <c r="QNF718" s="613"/>
      <c r="QNG718" s="613"/>
      <c r="QNH718" s="613"/>
      <c r="QNI718" s="613"/>
      <c r="QNJ718" s="613"/>
      <c r="QNK718" s="613"/>
      <c r="QNL718" s="613"/>
      <c r="QNM718" s="613"/>
      <c r="QNN718" s="613"/>
      <c r="QNO718" s="613"/>
      <c r="QNP718" s="613"/>
      <c r="QNQ718" s="613"/>
      <c r="QNR718" s="613"/>
      <c r="QNS718" s="613"/>
      <c r="QNT718" s="613"/>
      <c r="QNU718" s="613"/>
      <c r="QNV718" s="613"/>
      <c r="QNW718" s="613"/>
      <c r="QNX718" s="613"/>
      <c r="QNY718" s="613"/>
      <c r="QNZ718" s="613"/>
      <c r="QOA718" s="613"/>
      <c r="QOB718" s="613"/>
      <c r="QOC718" s="613"/>
      <c r="QOD718" s="613"/>
      <c r="QOE718" s="613"/>
      <c r="QOF718" s="613"/>
      <c r="QOG718" s="613"/>
      <c r="QOH718" s="613"/>
      <c r="QOI718" s="613"/>
      <c r="QOJ718" s="613"/>
      <c r="QOK718" s="613"/>
      <c r="QOL718" s="613"/>
      <c r="QOM718" s="613"/>
      <c r="QON718" s="613"/>
      <c r="QOO718" s="613"/>
      <c r="QOP718" s="613"/>
      <c r="QOQ718" s="613"/>
      <c r="QOR718" s="613"/>
      <c r="QOS718" s="613"/>
      <c r="QOT718" s="613"/>
      <c r="QOU718" s="613"/>
      <c r="QOV718" s="613"/>
      <c r="QOW718" s="613"/>
      <c r="QOX718" s="613"/>
      <c r="QOY718" s="613"/>
      <c r="QOZ718" s="613"/>
      <c r="QPA718" s="613"/>
      <c r="QPB718" s="613"/>
      <c r="QPC718" s="613"/>
      <c r="QPD718" s="613"/>
      <c r="QPE718" s="613"/>
      <c r="QPF718" s="613"/>
      <c r="QPG718" s="613"/>
      <c r="QPH718" s="613"/>
      <c r="QPI718" s="613"/>
      <c r="QPJ718" s="613"/>
      <c r="QPK718" s="613"/>
      <c r="QPL718" s="613"/>
      <c r="QPM718" s="613"/>
      <c r="QPN718" s="613"/>
      <c r="QPO718" s="613"/>
      <c r="QPP718" s="613"/>
      <c r="QPQ718" s="613"/>
      <c r="QPR718" s="613"/>
      <c r="QPS718" s="613"/>
      <c r="QPT718" s="613"/>
      <c r="QPU718" s="613"/>
      <c r="QPV718" s="613"/>
      <c r="QPW718" s="613"/>
      <c r="QPX718" s="613"/>
      <c r="QPY718" s="613"/>
      <c r="QPZ718" s="613"/>
      <c r="QQA718" s="613"/>
      <c r="QQB718" s="613"/>
      <c r="QQC718" s="613"/>
      <c r="QQD718" s="613"/>
      <c r="QQE718" s="613"/>
      <c r="QQF718" s="613"/>
      <c r="QQG718" s="613"/>
      <c r="QQH718" s="613"/>
      <c r="QQI718" s="613"/>
      <c r="QQJ718" s="613"/>
      <c r="QQK718" s="613"/>
      <c r="QQL718" s="613"/>
      <c r="QQM718" s="613"/>
      <c r="QQN718" s="613"/>
      <c r="QQO718" s="613"/>
      <c r="QQP718" s="613"/>
      <c r="QQQ718" s="613"/>
      <c r="QQR718" s="613"/>
      <c r="QQS718" s="613"/>
      <c r="QQT718" s="613"/>
      <c r="QQU718" s="613"/>
      <c r="QQV718" s="613"/>
      <c r="QQW718" s="613"/>
      <c r="QQX718" s="613"/>
      <c r="QQY718" s="613"/>
      <c r="QQZ718" s="613"/>
      <c r="QRA718" s="613"/>
      <c r="QRB718" s="613"/>
      <c r="QRC718" s="613"/>
      <c r="QRD718" s="613"/>
      <c r="QRE718" s="613"/>
      <c r="QRF718" s="613"/>
      <c r="QRG718" s="613"/>
      <c r="QRH718" s="613"/>
      <c r="QRI718" s="613"/>
      <c r="QRJ718" s="613"/>
      <c r="QRK718" s="613"/>
      <c r="QRL718" s="613"/>
      <c r="QRM718" s="613"/>
      <c r="QRN718" s="613"/>
      <c r="QRO718" s="613"/>
      <c r="QRP718" s="613"/>
      <c r="QRQ718" s="613"/>
      <c r="QRR718" s="613"/>
      <c r="QRS718" s="613"/>
      <c r="QRT718" s="613"/>
      <c r="QRU718" s="613"/>
      <c r="QRV718" s="613"/>
      <c r="QRW718" s="613"/>
      <c r="QRX718" s="613"/>
      <c r="QRY718" s="613"/>
      <c r="QRZ718" s="613"/>
      <c r="QSA718" s="613"/>
      <c r="QSB718" s="613"/>
      <c r="QSC718" s="613"/>
      <c r="QSD718" s="613"/>
      <c r="QSE718" s="613"/>
      <c r="QSF718" s="613"/>
      <c r="QSG718" s="613"/>
      <c r="QSH718" s="613"/>
      <c r="QSI718" s="613"/>
      <c r="QSJ718" s="613"/>
      <c r="QSK718" s="613"/>
      <c r="QSL718" s="613"/>
      <c r="QSM718" s="613"/>
      <c r="QSN718" s="613"/>
      <c r="QSO718" s="613"/>
      <c r="QSP718" s="613"/>
      <c r="QSQ718" s="613"/>
      <c r="QSR718" s="613"/>
      <c r="QSS718" s="613"/>
      <c r="QST718" s="613"/>
      <c r="QSU718" s="613"/>
      <c r="QSV718" s="613"/>
      <c r="QSW718" s="613"/>
      <c r="QSX718" s="613"/>
      <c r="QSY718" s="613"/>
      <c r="QSZ718" s="613"/>
      <c r="QTA718" s="613"/>
      <c r="QTB718" s="613"/>
      <c r="QTC718" s="613"/>
      <c r="QTD718" s="613"/>
      <c r="QTE718" s="613"/>
      <c r="QTF718" s="613"/>
      <c r="QTG718" s="613"/>
      <c r="QTH718" s="613"/>
      <c r="QTI718" s="613"/>
      <c r="QTJ718" s="613"/>
      <c r="QTK718" s="613"/>
      <c r="QTL718" s="613"/>
      <c r="QTM718" s="613"/>
      <c r="QTN718" s="613"/>
      <c r="QTO718" s="613"/>
      <c r="QTP718" s="613"/>
      <c r="QTQ718" s="613"/>
      <c r="QTR718" s="613"/>
      <c r="QTS718" s="613"/>
      <c r="QTT718" s="613"/>
      <c r="QTU718" s="613"/>
      <c r="QTV718" s="613"/>
      <c r="QTW718" s="613"/>
      <c r="QTX718" s="613"/>
      <c r="QTY718" s="613"/>
      <c r="QTZ718" s="613"/>
      <c r="QUA718" s="613"/>
      <c r="QUB718" s="613"/>
      <c r="QUC718" s="613"/>
      <c r="QUD718" s="613"/>
      <c r="QUE718" s="613"/>
      <c r="QUF718" s="613"/>
      <c r="QUG718" s="613"/>
      <c r="QUH718" s="613"/>
      <c r="QUI718" s="613"/>
      <c r="QUJ718" s="613"/>
      <c r="QUK718" s="613"/>
      <c r="QUL718" s="613"/>
      <c r="QUM718" s="613"/>
      <c r="QUN718" s="613"/>
      <c r="QUO718" s="613"/>
      <c r="QUP718" s="613"/>
      <c r="QUQ718" s="613"/>
      <c r="QUR718" s="613"/>
      <c r="QUS718" s="613"/>
      <c r="QUT718" s="613"/>
      <c r="QUU718" s="613"/>
      <c r="QUV718" s="613"/>
      <c r="QUW718" s="613"/>
      <c r="QUX718" s="613"/>
      <c r="QUY718" s="613"/>
      <c r="QUZ718" s="613"/>
      <c r="QVA718" s="613"/>
      <c r="QVB718" s="613"/>
      <c r="QVC718" s="613"/>
      <c r="QVD718" s="613"/>
      <c r="QVE718" s="613"/>
      <c r="QVF718" s="613"/>
      <c r="QVG718" s="613"/>
      <c r="QVH718" s="613"/>
      <c r="QVI718" s="613"/>
      <c r="QVJ718" s="613"/>
      <c r="QVK718" s="613"/>
      <c r="QVL718" s="613"/>
      <c r="QVM718" s="613"/>
      <c r="QVN718" s="613"/>
      <c r="QVO718" s="613"/>
      <c r="QVP718" s="613"/>
      <c r="QVQ718" s="613"/>
      <c r="QVR718" s="613"/>
      <c r="QVS718" s="613"/>
      <c r="QVT718" s="613"/>
      <c r="QVU718" s="613"/>
      <c r="QVV718" s="613"/>
      <c r="QVW718" s="613"/>
      <c r="QVX718" s="613"/>
      <c r="QVY718" s="613"/>
      <c r="QVZ718" s="613"/>
      <c r="QWA718" s="613"/>
      <c r="QWB718" s="613"/>
      <c r="QWC718" s="613"/>
      <c r="QWD718" s="613"/>
      <c r="QWE718" s="613"/>
      <c r="QWF718" s="613"/>
      <c r="QWG718" s="613"/>
      <c r="QWH718" s="613"/>
      <c r="QWI718" s="613"/>
      <c r="QWJ718" s="613"/>
      <c r="QWK718" s="613"/>
      <c r="QWL718" s="613"/>
      <c r="QWM718" s="613"/>
      <c r="QWN718" s="613"/>
      <c r="QWO718" s="613"/>
      <c r="QWP718" s="613"/>
      <c r="QWQ718" s="613"/>
      <c r="QWR718" s="613"/>
      <c r="QWS718" s="613"/>
      <c r="QWT718" s="613"/>
      <c r="QWU718" s="613"/>
      <c r="QWV718" s="613"/>
      <c r="QWW718" s="613"/>
      <c r="QWX718" s="613"/>
      <c r="QWY718" s="613"/>
      <c r="QWZ718" s="613"/>
      <c r="QXA718" s="613"/>
      <c r="QXB718" s="613"/>
      <c r="QXC718" s="613"/>
      <c r="QXD718" s="613"/>
      <c r="QXE718" s="613"/>
      <c r="QXF718" s="613"/>
      <c r="QXG718" s="613"/>
      <c r="QXH718" s="613"/>
      <c r="QXI718" s="613"/>
      <c r="QXJ718" s="613"/>
      <c r="QXK718" s="613"/>
      <c r="QXL718" s="613"/>
      <c r="QXM718" s="613"/>
      <c r="QXN718" s="613"/>
      <c r="QXO718" s="613"/>
      <c r="QXP718" s="613"/>
      <c r="QXQ718" s="613"/>
      <c r="QXR718" s="613"/>
      <c r="QXS718" s="613"/>
      <c r="QXT718" s="613"/>
      <c r="QXU718" s="613"/>
      <c r="QXV718" s="613"/>
      <c r="QXW718" s="613"/>
      <c r="QXX718" s="613"/>
      <c r="QXY718" s="613"/>
      <c r="QXZ718" s="613"/>
      <c r="QYA718" s="613"/>
      <c r="QYB718" s="613"/>
      <c r="QYC718" s="613"/>
      <c r="QYD718" s="613"/>
      <c r="QYE718" s="613"/>
      <c r="QYF718" s="613"/>
      <c r="QYG718" s="613"/>
      <c r="QYH718" s="613"/>
      <c r="QYI718" s="613"/>
      <c r="QYJ718" s="613"/>
      <c r="QYK718" s="613"/>
      <c r="QYL718" s="613"/>
      <c r="QYM718" s="613"/>
      <c r="QYN718" s="613"/>
      <c r="QYO718" s="613"/>
      <c r="QYP718" s="613"/>
      <c r="QYQ718" s="613"/>
      <c r="QYR718" s="613"/>
      <c r="QYS718" s="613"/>
      <c r="QYT718" s="613"/>
      <c r="QYU718" s="613"/>
      <c r="QYV718" s="613"/>
      <c r="QYW718" s="613"/>
      <c r="QYX718" s="613"/>
      <c r="QYY718" s="613"/>
      <c r="QYZ718" s="613"/>
      <c r="QZA718" s="613"/>
      <c r="QZB718" s="613"/>
      <c r="QZC718" s="613"/>
      <c r="QZD718" s="613"/>
      <c r="QZE718" s="613"/>
      <c r="QZF718" s="613"/>
      <c r="QZG718" s="613"/>
      <c r="QZH718" s="613"/>
      <c r="QZI718" s="613"/>
      <c r="QZJ718" s="613"/>
      <c r="QZK718" s="613"/>
      <c r="QZL718" s="613"/>
      <c r="QZM718" s="613"/>
      <c r="QZN718" s="613"/>
      <c r="QZO718" s="613"/>
      <c r="QZP718" s="613"/>
      <c r="QZQ718" s="613"/>
      <c r="QZR718" s="613"/>
      <c r="QZS718" s="613"/>
      <c r="QZT718" s="613"/>
      <c r="QZU718" s="613"/>
      <c r="QZV718" s="613"/>
      <c r="QZW718" s="613"/>
      <c r="QZX718" s="613"/>
      <c r="QZY718" s="613"/>
      <c r="QZZ718" s="613"/>
      <c r="RAA718" s="613"/>
      <c r="RAB718" s="613"/>
      <c r="RAC718" s="613"/>
      <c r="RAD718" s="613"/>
      <c r="RAE718" s="613"/>
      <c r="RAF718" s="613"/>
      <c r="RAG718" s="613"/>
      <c r="RAH718" s="613"/>
      <c r="RAI718" s="613"/>
      <c r="RAJ718" s="613"/>
      <c r="RAK718" s="613"/>
      <c r="RAL718" s="613"/>
      <c r="RAM718" s="613"/>
      <c r="RAN718" s="613"/>
      <c r="RAO718" s="613"/>
      <c r="RAP718" s="613"/>
      <c r="RAQ718" s="613"/>
      <c r="RAR718" s="613"/>
      <c r="RAS718" s="613"/>
      <c r="RAT718" s="613"/>
      <c r="RAU718" s="613"/>
      <c r="RAV718" s="613"/>
      <c r="RAW718" s="613"/>
      <c r="RAX718" s="613"/>
      <c r="RAY718" s="613"/>
      <c r="RAZ718" s="613"/>
      <c r="RBA718" s="613"/>
      <c r="RBB718" s="613"/>
      <c r="RBC718" s="613"/>
      <c r="RBD718" s="613"/>
      <c r="RBE718" s="613"/>
      <c r="RBF718" s="613"/>
      <c r="RBG718" s="613"/>
      <c r="RBH718" s="613"/>
      <c r="RBI718" s="613"/>
      <c r="RBJ718" s="613"/>
      <c r="RBK718" s="613"/>
      <c r="RBL718" s="613"/>
      <c r="RBM718" s="613"/>
      <c r="RBN718" s="613"/>
      <c r="RBO718" s="613"/>
      <c r="RBP718" s="613"/>
      <c r="RBQ718" s="613"/>
      <c r="RBR718" s="613"/>
      <c r="RBS718" s="613"/>
      <c r="RBT718" s="613"/>
      <c r="RBU718" s="613"/>
      <c r="RBV718" s="613"/>
      <c r="RBW718" s="613"/>
      <c r="RBX718" s="613"/>
      <c r="RBY718" s="613"/>
      <c r="RBZ718" s="613"/>
      <c r="RCA718" s="613"/>
      <c r="RCB718" s="613"/>
      <c r="RCC718" s="613"/>
      <c r="RCD718" s="613"/>
      <c r="RCE718" s="613"/>
      <c r="RCF718" s="613"/>
      <c r="RCG718" s="613"/>
      <c r="RCH718" s="613"/>
      <c r="RCI718" s="613"/>
      <c r="RCJ718" s="613"/>
      <c r="RCK718" s="613"/>
      <c r="RCL718" s="613"/>
      <c r="RCM718" s="613"/>
      <c r="RCN718" s="613"/>
      <c r="RCO718" s="613"/>
      <c r="RCP718" s="613"/>
      <c r="RCQ718" s="613"/>
      <c r="RCR718" s="613"/>
      <c r="RCS718" s="613"/>
      <c r="RCT718" s="613"/>
      <c r="RCU718" s="613"/>
      <c r="RCV718" s="613"/>
      <c r="RCW718" s="613"/>
      <c r="RCX718" s="613"/>
      <c r="RCY718" s="613"/>
      <c r="RCZ718" s="613"/>
      <c r="RDA718" s="613"/>
      <c r="RDB718" s="613"/>
      <c r="RDC718" s="613"/>
      <c r="RDD718" s="613"/>
      <c r="RDE718" s="613"/>
      <c r="RDF718" s="613"/>
      <c r="RDG718" s="613"/>
      <c r="RDH718" s="613"/>
      <c r="RDI718" s="613"/>
      <c r="RDJ718" s="613"/>
      <c r="RDK718" s="613"/>
      <c r="RDL718" s="613"/>
      <c r="RDM718" s="613"/>
      <c r="RDN718" s="613"/>
      <c r="RDO718" s="613"/>
      <c r="RDP718" s="613"/>
      <c r="RDQ718" s="613"/>
      <c r="RDR718" s="613"/>
      <c r="RDS718" s="613"/>
      <c r="RDT718" s="613"/>
      <c r="RDU718" s="613"/>
      <c r="RDV718" s="613"/>
      <c r="RDW718" s="613"/>
      <c r="RDX718" s="613"/>
      <c r="RDY718" s="613"/>
      <c r="RDZ718" s="613"/>
      <c r="REA718" s="613"/>
      <c r="REB718" s="613"/>
      <c r="REC718" s="613"/>
      <c r="RED718" s="613"/>
      <c r="REE718" s="613"/>
      <c r="REF718" s="613"/>
      <c r="REG718" s="613"/>
      <c r="REH718" s="613"/>
      <c r="REI718" s="613"/>
      <c r="REJ718" s="613"/>
      <c r="REK718" s="613"/>
      <c r="REL718" s="613"/>
      <c r="REM718" s="613"/>
      <c r="REN718" s="613"/>
      <c r="REO718" s="613"/>
      <c r="REP718" s="613"/>
      <c r="REQ718" s="613"/>
      <c r="RER718" s="613"/>
      <c r="RES718" s="613"/>
      <c r="RET718" s="613"/>
      <c r="REU718" s="613"/>
      <c r="REV718" s="613"/>
      <c r="REW718" s="613"/>
      <c r="REX718" s="613"/>
      <c r="REY718" s="613"/>
      <c r="REZ718" s="613"/>
      <c r="RFA718" s="613"/>
      <c r="RFB718" s="613"/>
      <c r="RFC718" s="613"/>
      <c r="RFD718" s="613"/>
      <c r="RFE718" s="613"/>
      <c r="RFF718" s="613"/>
      <c r="RFG718" s="613"/>
      <c r="RFH718" s="613"/>
      <c r="RFI718" s="613"/>
      <c r="RFJ718" s="613"/>
      <c r="RFK718" s="613"/>
      <c r="RFL718" s="613"/>
      <c r="RFM718" s="613"/>
      <c r="RFN718" s="613"/>
      <c r="RFO718" s="613"/>
      <c r="RFP718" s="613"/>
      <c r="RFQ718" s="613"/>
      <c r="RFR718" s="613"/>
      <c r="RFS718" s="613"/>
      <c r="RFT718" s="613"/>
      <c r="RFU718" s="613"/>
      <c r="RFV718" s="613"/>
      <c r="RFW718" s="613"/>
      <c r="RFX718" s="613"/>
      <c r="RFY718" s="613"/>
      <c r="RFZ718" s="613"/>
      <c r="RGA718" s="613"/>
      <c r="RGB718" s="613"/>
      <c r="RGC718" s="613"/>
      <c r="RGD718" s="613"/>
      <c r="RGE718" s="613"/>
      <c r="RGF718" s="613"/>
      <c r="RGG718" s="613"/>
      <c r="RGH718" s="613"/>
      <c r="RGI718" s="613"/>
      <c r="RGJ718" s="613"/>
      <c r="RGK718" s="613"/>
      <c r="RGL718" s="613"/>
      <c r="RGM718" s="613"/>
      <c r="RGN718" s="613"/>
      <c r="RGO718" s="613"/>
      <c r="RGP718" s="613"/>
      <c r="RGQ718" s="613"/>
      <c r="RGR718" s="613"/>
      <c r="RGS718" s="613"/>
      <c r="RGT718" s="613"/>
      <c r="RGU718" s="613"/>
      <c r="RGV718" s="613"/>
      <c r="RGW718" s="613"/>
      <c r="RGX718" s="613"/>
      <c r="RGY718" s="613"/>
      <c r="RGZ718" s="613"/>
      <c r="RHA718" s="613"/>
      <c r="RHB718" s="613"/>
      <c r="RHC718" s="613"/>
      <c r="RHD718" s="613"/>
      <c r="RHE718" s="613"/>
      <c r="RHF718" s="613"/>
      <c r="RHG718" s="613"/>
      <c r="RHH718" s="613"/>
      <c r="RHI718" s="613"/>
      <c r="RHJ718" s="613"/>
      <c r="RHK718" s="613"/>
      <c r="RHL718" s="613"/>
      <c r="RHM718" s="613"/>
      <c r="RHN718" s="613"/>
      <c r="RHO718" s="613"/>
      <c r="RHP718" s="613"/>
      <c r="RHQ718" s="613"/>
      <c r="RHR718" s="613"/>
      <c r="RHS718" s="613"/>
      <c r="RHT718" s="613"/>
      <c r="RHU718" s="613"/>
      <c r="RHV718" s="613"/>
      <c r="RHW718" s="613"/>
      <c r="RHX718" s="613"/>
      <c r="RHY718" s="613"/>
      <c r="RHZ718" s="613"/>
      <c r="RIA718" s="613"/>
      <c r="RIB718" s="613"/>
      <c r="RIC718" s="613"/>
      <c r="RID718" s="613"/>
      <c r="RIE718" s="613"/>
      <c r="RIF718" s="613"/>
      <c r="RIG718" s="613"/>
      <c r="RIH718" s="613"/>
      <c r="RII718" s="613"/>
      <c r="RIJ718" s="613"/>
      <c r="RIK718" s="613"/>
      <c r="RIL718" s="613"/>
      <c r="RIM718" s="613"/>
      <c r="RIN718" s="613"/>
      <c r="RIO718" s="613"/>
      <c r="RIP718" s="613"/>
      <c r="RIQ718" s="613"/>
      <c r="RIR718" s="613"/>
      <c r="RIS718" s="613"/>
      <c r="RIT718" s="613"/>
      <c r="RIU718" s="613"/>
      <c r="RIV718" s="613"/>
      <c r="RIW718" s="613"/>
      <c r="RIX718" s="613"/>
      <c r="RIY718" s="613"/>
      <c r="RIZ718" s="613"/>
      <c r="RJA718" s="613"/>
      <c r="RJB718" s="613"/>
      <c r="RJC718" s="613"/>
      <c r="RJD718" s="613"/>
      <c r="RJE718" s="613"/>
      <c r="RJF718" s="613"/>
      <c r="RJG718" s="613"/>
      <c r="RJH718" s="613"/>
      <c r="RJI718" s="613"/>
      <c r="RJJ718" s="613"/>
      <c r="RJK718" s="613"/>
      <c r="RJL718" s="613"/>
      <c r="RJM718" s="613"/>
      <c r="RJN718" s="613"/>
      <c r="RJO718" s="613"/>
      <c r="RJP718" s="613"/>
      <c r="RJQ718" s="613"/>
      <c r="RJR718" s="613"/>
      <c r="RJS718" s="613"/>
      <c r="RJT718" s="613"/>
      <c r="RJU718" s="613"/>
      <c r="RJV718" s="613"/>
      <c r="RJW718" s="613"/>
      <c r="RJX718" s="613"/>
      <c r="RJY718" s="613"/>
      <c r="RJZ718" s="613"/>
      <c r="RKA718" s="613"/>
      <c r="RKB718" s="613"/>
      <c r="RKC718" s="613"/>
      <c r="RKD718" s="613"/>
      <c r="RKE718" s="613"/>
      <c r="RKF718" s="613"/>
      <c r="RKG718" s="613"/>
      <c r="RKH718" s="613"/>
      <c r="RKI718" s="613"/>
      <c r="RKJ718" s="613"/>
      <c r="RKK718" s="613"/>
      <c r="RKL718" s="613"/>
      <c r="RKM718" s="613"/>
      <c r="RKN718" s="613"/>
      <c r="RKO718" s="613"/>
      <c r="RKP718" s="613"/>
      <c r="RKQ718" s="613"/>
      <c r="RKR718" s="613"/>
      <c r="RKS718" s="613"/>
      <c r="RKT718" s="613"/>
      <c r="RKU718" s="613"/>
      <c r="RKV718" s="613"/>
      <c r="RKW718" s="613"/>
      <c r="RKX718" s="613"/>
      <c r="RKY718" s="613"/>
      <c r="RKZ718" s="613"/>
      <c r="RLA718" s="613"/>
      <c r="RLB718" s="613"/>
      <c r="RLC718" s="613"/>
      <c r="RLD718" s="613"/>
      <c r="RLE718" s="613"/>
      <c r="RLF718" s="613"/>
      <c r="RLG718" s="613"/>
      <c r="RLH718" s="613"/>
      <c r="RLI718" s="613"/>
      <c r="RLJ718" s="613"/>
      <c r="RLK718" s="613"/>
      <c r="RLL718" s="613"/>
      <c r="RLM718" s="613"/>
      <c r="RLN718" s="613"/>
      <c r="RLO718" s="613"/>
      <c r="RLP718" s="613"/>
      <c r="RLQ718" s="613"/>
      <c r="RLR718" s="613"/>
      <c r="RLS718" s="613"/>
      <c r="RLT718" s="613"/>
      <c r="RLU718" s="613"/>
      <c r="RLV718" s="613"/>
      <c r="RLW718" s="613"/>
      <c r="RLX718" s="613"/>
      <c r="RLY718" s="613"/>
      <c r="RLZ718" s="613"/>
      <c r="RMA718" s="613"/>
      <c r="RMB718" s="613"/>
      <c r="RMC718" s="613"/>
      <c r="RMD718" s="613"/>
      <c r="RME718" s="613"/>
      <c r="RMF718" s="613"/>
      <c r="RMG718" s="613"/>
      <c r="RMH718" s="613"/>
      <c r="RMI718" s="613"/>
      <c r="RMJ718" s="613"/>
      <c r="RMK718" s="613"/>
      <c r="RML718" s="613"/>
      <c r="RMM718" s="613"/>
      <c r="RMN718" s="613"/>
      <c r="RMO718" s="613"/>
      <c r="RMP718" s="613"/>
      <c r="RMQ718" s="613"/>
      <c r="RMR718" s="613"/>
      <c r="RMS718" s="613"/>
      <c r="RMT718" s="613"/>
      <c r="RMU718" s="613"/>
      <c r="RMV718" s="613"/>
      <c r="RMW718" s="613"/>
      <c r="RMX718" s="613"/>
      <c r="RMY718" s="613"/>
      <c r="RMZ718" s="613"/>
      <c r="RNA718" s="613"/>
      <c r="RNB718" s="613"/>
      <c r="RNC718" s="613"/>
      <c r="RND718" s="613"/>
      <c r="RNE718" s="613"/>
      <c r="RNF718" s="613"/>
      <c r="RNG718" s="613"/>
      <c r="RNH718" s="613"/>
      <c r="RNI718" s="613"/>
      <c r="RNJ718" s="613"/>
      <c r="RNK718" s="613"/>
      <c r="RNL718" s="613"/>
      <c r="RNM718" s="613"/>
      <c r="RNN718" s="613"/>
      <c r="RNO718" s="613"/>
      <c r="RNP718" s="613"/>
      <c r="RNQ718" s="613"/>
      <c r="RNR718" s="613"/>
      <c r="RNS718" s="613"/>
      <c r="RNT718" s="613"/>
      <c r="RNU718" s="613"/>
      <c r="RNV718" s="613"/>
      <c r="RNW718" s="613"/>
      <c r="RNX718" s="613"/>
      <c r="RNY718" s="613"/>
      <c r="RNZ718" s="613"/>
      <c r="ROA718" s="613"/>
      <c r="ROB718" s="613"/>
      <c r="ROC718" s="613"/>
      <c r="ROD718" s="613"/>
      <c r="ROE718" s="613"/>
      <c r="ROF718" s="613"/>
      <c r="ROG718" s="613"/>
      <c r="ROH718" s="613"/>
      <c r="ROI718" s="613"/>
      <c r="ROJ718" s="613"/>
      <c r="ROK718" s="613"/>
      <c r="ROL718" s="613"/>
      <c r="ROM718" s="613"/>
      <c r="RON718" s="613"/>
      <c r="ROO718" s="613"/>
      <c r="ROP718" s="613"/>
      <c r="ROQ718" s="613"/>
      <c r="ROR718" s="613"/>
      <c r="ROS718" s="613"/>
      <c r="ROT718" s="613"/>
      <c r="ROU718" s="613"/>
      <c r="ROV718" s="613"/>
      <c r="ROW718" s="613"/>
      <c r="ROX718" s="613"/>
      <c r="ROY718" s="613"/>
      <c r="ROZ718" s="613"/>
      <c r="RPA718" s="613"/>
      <c r="RPB718" s="613"/>
      <c r="RPC718" s="613"/>
      <c r="RPD718" s="613"/>
      <c r="RPE718" s="613"/>
      <c r="RPF718" s="613"/>
      <c r="RPG718" s="613"/>
      <c r="RPH718" s="613"/>
      <c r="RPI718" s="613"/>
      <c r="RPJ718" s="613"/>
      <c r="RPK718" s="613"/>
      <c r="RPL718" s="613"/>
      <c r="RPM718" s="613"/>
      <c r="RPN718" s="613"/>
      <c r="RPO718" s="613"/>
      <c r="RPP718" s="613"/>
      <c r="RPQ718" s="613"/>
      <c r="RPR718" s="613"/>
      <c r="RPS718" s="613"/>
      <c r="RPT718" s="613"/>
      <c r="RPU718" s="613"/>
      <c r="RPV718" s="613"/>
      <c r="RPW718" s="613"/>
      <c r="RPX718" s="613"/>
      <c r="RPY718" s="613"/>
      <c r="RPZ718" s="613"/>
      <c r="RQA718" s="613"/>
      <c r="RQB718" s="613"/>
      <c r="RQC718" s="613"/>
      <c r="RQD718" s="613"/>
      <c r="RQE718" s="613"/>
      <c r="RQF718" s="613"/>
      <c r="RQG718" s="613"/>
      <c r="RQH718" s="613"/>
      <c r="RQI718" s="613"/>
      <c r="RQJ718" s="613"/>
      <c r="RQK718" s="613"/>
      <c r="RQL718" s="613"/>
      <c r="RQM718" s="613"/>
      <c r="RQN718" s="613"/>
      <c r="RQO718" s="613"/>
      <c r="RQP718" s="613"/>
      <c r="RQQ718" s="613"/>
      <c r="RQR718" s="613"/>
      <c r="RQS718" s="613"/>
      <c r="RQT718" s="613"/>
      <c r="RQU718" s="613"/>
      <c r="RQV718" s="613"/>
      <c r="RQW718" s="613"/>
      <c r="RQX718" s="613"/>
      <c r="RQY718" s="613"/>
      <c r="RQZ718" s="613"/>
      <c r="RRA718" s="613"/>
      <c r="RRB718" s="613"/>
      <c r="RRC718" s="613"/>
      <c r="RRD718" s="613"/>
      <c r="RRE718" s="613"/>
      <c r="RRF718" s="613"/>
      <c r="RRG718" s="613"/>
      <c r="RRH718" s="613"/>
      <c r="RRI718" s="613"/>
      <c r="RRJ718" s="613"/>
      <c r="RRK718" s="613"/>
      <c r="RRL718" s="613"/>
      <c r="RRM718" s="613"/>
      <c r="RRN718" s="613"/>
      <c r="RRO718" s="613"/>
      <c r="RRP718" s="613"/>
      <c r="RRQ718" s="613"/>
      <c r="RRR718" s="613"/>
      <c r="RRS718" s="613"/>
      <c r="RRT718" s="613"/>
      <c r="RRU718" s="613"/>
      <c r="RRV718" s="613"/>
      <c r="RRW718" s="613"/>
      <c r="RRX718" s="613"/>
      <c r="RRY718" s="613"/>
      <c r="RRZ718" s="613"/>
      <c r="RSA718" s="613"/>
      <c r="RSB718" s="613"/>
      <c r="RSC718" s="613"/>
      <c r="RSD718" s="613"/>
      <c r="RSE718" s="613"/>
      <c r="RSF718" s="613"/>
      <c r="RSG718" s="613"/>
      <c r="RSH718" s="613"/>
      <c r="RSI718" s="613"/>
      <c r="RSJ718" s="613"/>
      <c r="RSK718" s="613"/>
      <c r="RSL718" s="613"/>
      <c r="RSM718" s="613"/>
      <c r="RSN718" s="613"/>
      <c r="RSO718" s="613"/>
      <c r="RSP718" s="613"/>
      <c r="RSQ718" s="613"/>
      <c r="RSR718" s="613"/>
      <c r="RSS718" s="613"/>
      <c r="RST718" s="613"/>
      <c r="RSU718" s="613"/>
      <c r="RSV718" s="613"/>
      <c r="RSW718" s="613"/>
      <c r="RSX718" s="613"/>
      <c r="RSY718" s="613"/>
      <c r="RSZ718" s="613"/>
      <c r="RTA718" s="613"/>
      <c r="RTB718" s="613"/>
      <c r="RTC718" s="613"/>
      <c r="RTD718" s="613"/>
      <c r="RTE718" s="613"/>
      <c r="RTF718" s="613"/>
      <c r="RTG718" s="613"/>
      <c r="RTH718" s="613"/>
      <c r="RTI718" s="613"/>
      <c r="RTJ718" s="613"/>
      <c r="RTK718" s="613"/>
      <c r="RTL718" s="613"/>
      <c r="RTM718" s="613"/>
      <c r="RTN718" s="613"/>
      <c r="RTO718" s="613"/>
      <c r="RTP718" s="613"/>
      <c r="RTQ718" s="613"/>
      <c r="RTR718" s="613"/>
      <c r="RTS718" s="613"/>
      <c r="RTT718" s="613"/>
      <c r="RTU718" s="613"/>
      <c r="RTV718" s="613"/>
      <c r="RTW718" s="613"/>
      <c r="RTX718" s="613"/>
      <c r="RTY718" s="613"/>
      <c r="RTZ718" s="613"/>
      <c r="RUA718" s="613"/>
      <c r="RUB718" s="613"/>
      <c r="RUC718" s="613"/>
      <c r="RUD718" s="613"/>
      <c r="RUE718" s="613"/>
      <c r="RUF718" s="613"/>
      <c r="RUG718" s="613"/>
      <c r="RUH718" s="613"/>
      <c r="RUI718" s="613"/>
      <c r="RUJ718" s="613"/>
      <c r="RUK718" s="613"/>
      <c r="RUL718" s="613"/>
      <c r="RUM718" s="613"/>
      <c r="RUN718" s="613"/>
      <c r="RUO718" s="613"/>
      <c r="RUP718" s="613"/>
      <c r="RUQ718" s="613"/>
      <c r="RUR718" s="613"/>
      <c r="RUS718" s="613"/>
      <c r="RUT718" s="613"/>
      <c r="RUU718" s="613"/>
      <c r="RUV718" s="613"/>
      <c r="RUW718" s="613"/>
      <c r="RUX718" s="613"/>
      <c r="RUY718" s="613"/>
      <c r="RUZ718" s="613"/>
      <c r="RVA718" s="613"/>
      <c r="RVB718" s="613"/>
      <c r="RVC718" s="613"/>
      <c r="RVD718" s="613"/>
      <c r="RVE718" s="613"/>
      <c r="RVF718" s="613"/>
      <c r="RVG718" s="613"/>
      <c r="RVH718" s="613"/>
      <c r="RVI718" s="613"/>
      <c r="RVJ718" s="613"/>
      <c r="RVK718" s="613"/>
      <c r="RVL718" s="613"/>
      <c r="RVM718" s="613"/>
      <c r="RVN718" s="613"/>
      <c r="RVO718" s="613"/>
      <c r="RVP718" s="613"/>
      <c r="RVQ718" s="613"/>
      <c r="RVR718" s="613"/>
      <c r="RVS718" s="613"/>
      <c r="RVT718" s="613"/>
      <c r="RVU718" s="613"/>
      <c r="RVV718" s="613"/>
      <c r="RVW718" s="613"/>
      <c r="RVX718" s="613"/>
      <c r="RVY718" s="613"/>
      <c r="RVZ718" s="613"/>
      <c r="RWA718" s="613"/>
      <c r="RWB718" s="613"/>
      <c r="RWC718" s="613"/>
      <c r="RWD718" s="613"/>
      <c r="RWE718" s="613"/>
      <c r="RWF718" s="613"/>
      <c r="RWG718" s="613"/>
      <c r="RWH718" s="613"/>
      <c r="RWI718" s="613"/>
      <c r="RWJ718" s="613"/>
      <c r="RWK718" s="613"/>
      <c r="RWL718" s="613"/>
      <c r="RWM718" s="613"/>
      <c r="RWN718" s="613"/>
      <c r="RWO718" s="613"/>
      <c r="RWP718" s="613"/>
      <c r="RWQ718" s="613"/>
      <c r="RWR718" s="613"/>
      <c r="RWS718" s="613"/>
      <c r="RWT718" s="613"/>
      <c r="RWU718" s="613"/>
      <c r="RWV718" s="613"/>
      <c r="RWW718" s="613"/>
      <c r="RWX718" s="613"/>
      <c r="RWY718" s="613"/>
      <c r="RWZ718" s="613"/>
      <c r="RXA718" s="613"/>
      <c r="RXB718" s="613"/>
      <c r="RXC718" s="613"/>
      <c r="RXD718" s="613"/>
      <c r="RXE718" s="613"/>
      <c r="RXF718" s="613"/>
      <c r="RXG718" s="613"/>
      <c r="RXH718" s="613"/>
      <c r="RXI718" s="613"/>
      <c r="RXJ718" s="613"/>
      <c r="RXK718" s="613"/>
      <c r="RXL718" s="613"/>
      <c r="RXM718" s="613"/>
      <c r="RXN718" s="613"/>
      <c r="RXO718" s="613"/>
      <c r="RXP718" s="613"/>
      <c r="RXQ718" s="613"/>
      <c r="RXR718" s="613"/>
      <c r="RXS718" s="613"/>
      <c r="RXT718" s="613"/>
      <c r="RXU718" s="613"/>
      <c r="RXV718" s="613"/>
      <c r="RXW718" s="613"/>
      <c r="RXX718" s="613"/>
      <c r="RXY718" s="613"/>
      <c r="RXZ718" s="613"/>
      <c r="RYA718" s="613"/>
      <c r="RYB718" s="613"/>
      <c r="RYC718" s="613"/>
      <c r="RYD718" s="613"/>
      <c r="RYE718" s="613"/>
      <c r="RYF718" s="613"/>
      <c r="RYG718" s="613"/>
      <c r="RYH718" s="613"/>
      <c r="RYI718" s="613"/>
      <c r="RYJ718" s="613"/>
      <c r="RYK718" s="613"/>
      <c r="RYL718" s="613"/>
      <c r="RYM718" s="613"/>
      <c r="RYN718" s="613"/>
      <c r="RYO718" s="613"/>
      <c r="RYP718" s="613"/>
      <c r="RYQ718" s="613"/>
      <c r="RYR718" s="613"/>
      <c r="RYS718" s="613"/>
      <c r="RYT718" s="613"/>
      <c r="RYU718" s="613"/>
      <c r="RYV718" s="613"/>
      <c r="RYW718" s="613"/>
      <c r="RYX718" s="613"/>
      <c r="RYY718" s="613"/>
      <c r="RYZ718" s="613"/>
      <c r="RZA718" s="613"/>
      <c r="RZB718" s="613"/>
      <c r="RZC718" s="613"/>
      <c r="RZD718" s="613"/>
      <c r="RZE718" s="613"/>
      <c r="RZF718" s="613"/>
      <c r="RZG718" s="613"/>
      <c r="RZH718" s="613"/>
      <c r="RZI718" s="613"/>
      <c r="RZJ718" s="613"/>
      <c r="RZK718" s="613"/>
      <c r="RZL718" s="613"/>
      <c r="RZM718" s="613"/>
      <c r="RZN718" s="613"/>
      <c r="RZO718" s="613"/>
      <c r="RZP718" s="613"/>
      <c r="RZQ718" s="613"/>
      <c r="RZR718" s="613"/>
      <c r="RZS718" s="613"/>
      <c r="RZT718" s="613"/>
      <c r="RZU718" s="613"/>
      <c r="RZV718" s="613"/>
      <c r="RZW718" s="613"/>
      <c r="RZX718" s="613"/>
      <c r="RZY718" s="613"/>
      <c r="RZZ718" s="613"/>
      <c r="SAA718" s="613"/>
      <c r="SAB718" s="613"/>
      <c r="SAC718" s="613"/>
      <c r="SAD718" s="613"/>
      <c r="SAE718" s="613"/>
      <c r="SAF718" s="613"/>
      <c r="SAG718" s="613"/>
      <c r="SAH718" s="613"/>
      <c r="SAI718" s="613"/>
      <c r="SAJ718" s="613"/>
      <c r="SAK718" s="613"/>
      <c r="SAL718" s="613"/>
      <c r="SAM718" s="613"/>
      <c r="SAN718" s="613"/>
      <c r="SAO718" s="613"/>
      <c r="SAP718" s="613"/>
      <c r="SAQ718" s="613"/>
      <c r="SAR718" s="613"/>
      <c r="SAS718" s="613"/>
      <c r="SAT718" s="613"/>
      <c r="SAU718" s="613"/>
      <c r="SAV718" s="613"/>
      <c r="SAW718" s="613"/>
      <c r="SAX718" s="613"/>
      <c r="SAY718" s="613"/>
      <c r="SAZ718" s="613"/>
      <c r="SBA718" s="613"/>
      <c r="SBB718" s="613"/>
      <c r="SBC718" s="613"/>
      <c r="SBD718" s="613"/>
      <c r="SBE718" s="613"/>
      <c r="SBF718" s="613"/>
      <c r="SBG718" s="613"/>
      <c r="SBH718" s="613"/>
      <c r="SBI718" s="613"/>
      <c r="SBJ718" s="613"/>
      <c r="SBK718" s="613"/>
      <c r="SBL718" s="613"/>
      <c r="SBM718" s="613"/>
      <c r="SBN718" s="613"/>
      <c r="SBO718" s="613"/>
      <c r="SBP718" s="613"/>
      <c r="SBQ718" s="613"/>
      <c r="SBR718" s="613"/>
      <c r="SBS718" s="613"/>
      <c r="SBT718" s="613"/>
      <c r="SBU718" s="613"/>
      <c r="SBV718" s="613"/>
      <c r="SBW718" s="613"/>
      <c r="SBX718" s="613"/>
      <c r="SBY718" s="613"/>
      <c r="SBZ718" s="613"/>
      <c r="SCA718" s="613"/>
      <c r="SCB718" s="613"/>
      <c r="SCC718" s="613"/>
      <c r="SCD718" s="613"/>
      <c r="SCE718" s="613"/>
      <c r="SCF718" s="613"/>
      <c r="SCG718" s="613"/>
      <c r="SCH718" s="613"/>
      <c r="SCI718" s="613"/>
      <c r="SCJ718" s="613"/>
      <c r="SCK718" s="613"/>
      <c r="SCL718" s="613"/>
      <c r="SCM718" s="613"/>
      <c r="SCN718" s="613"/>
      <c r="SCO718" s="613"/>
      <c r="SCP718" s="613"/>
      <c r="SCQ718" s="613"/>
      <c r="SCR718" s="613"/>
      <c r="SCS718" s="613"/>
      <c r="SCT718" s="613"/>
      <c r="SCU718" s="613"/>
      <c r="SCV718" s="613"/>
      <c r="SCW718" s="613"/>
      <c r="SCX718" s="613"/>
      <c r="SCY718" s="613"/>
      <c r="SCZ718" s="613"/>
      <c r="SDA718" s="613"/>
      <c r="SDB718" s="613"/>
      <c r="SDC718" s="613"/>
      <c r="SDD718" s="613"/>
      <c r="SDE718" s="613"/>
      <c r="SDF718" s="613"/>
      <c r="SDG718" s="613"/>
      <c r="SDH718" s="613"/>
      <c r="SDI718" s="613"/>
      <c r="SDJ718" s="613"/>
      <c r="SDK718" s="613"/>
      <c r="SDL718" s="613"/>
      <c r="SDM718" s="613"/>
      <c r="SDN718" s="613"/>
      <c r="SDO718" s="613"/>
      <c r="SDP718" s="613"/>
      <c r="SDQ718" s="613"/>
      <c r="SDR718" s="613"/>
      <c r="SDS718" s="613"/>
      <c r="SDT718" s="613"/>
      <c r="SDU718" s="613"/>
      <c r="SDV718" s="613"/>
      <c r="SDW718" s="613"/>
      <c r="SDX718" s="613"/>
      <c r="SDY718" s="613"/>
      <c r="SDZ718" s="613"/>
      <c r="SEA718" s="613"/>
      <c r="SEB718" s="613"/>
      <c r="SEC718" s="613"/>
      <c r="SED718" s="613"/>
      <c r="SEE718" s="613"/>
      <c r="SEF718" s="613"/>
      <c r="SEG718" s="613"/>
      <c r="SEH718" s="613"/>
      <c r="SEI718" s="613"/>
      <c r="SEJ718" s="613"/>
      <c r="SEK718" s="613"/>
      <c r="SEL718" s="613"/>
      <c r="SEM718" s="613"/>
      <c r="SEN718" s="613"/>
      <c r="SEO718" s="613"/>
      <c r="SEP718" s="613"/>
      <c r="SEQ718" s="613"/>
      <c r="SER718" s="613"/>
      <c r="SES718" s="613"/>
      <c r="SET718" s="613"/>
      <c r="SEU718" s="613"/>
      <c r="SEV718" s="613"/>
      <c r="SEW718" s="613"/>
      <c r="SEX718" s="613"/>
      <c r="SEY718" s="613"/>
      <c r="SEZ718" s="613"/>
      <c r="SFA718" s="613"/>
      <c r="SFB718" s="613"/>
      <c r="SFC718" s="613"/>
      <c r="SFD718" s="613"/>
      <c r="SFE718" s="613"/>
      <c r="SFF718" s="613"/>
      <c r="SFG718" s="613"/>
      <c r="SFH718" s="613"/>
      <c r="SFI718" s="613"/>
      <c r="SFJ718" s="613"/>
      <c r="SFK718" s="613"/>
      <c r="SFL718" s="613"/>
      <c r="SFM718" s="613"/>
      <c r="SFN718" s="613"/>
      <c r="SFO718" s="613"/>
      <c r="SFP718" s="613"/>
      <c r="SFQ718" s="613"/>
      <c r="SFR718" s="613"/>
      <c r="SFS718" s="613"/>
      <c r="SFT718" s="613"/>
      <c r="SFU718" s="613"/>
      <c r="SFV718" s="613"/>
      <c r="SFW718" s="613"/>
      <c r="SFX718" s="613"/>
      <c r="SFY718" s="613"/>
      <c r="SFZ718" s="613"/>
      <c r="SGA718" s="613"/>
      <c r="SGB718" s="613"/>
      <c r="SGC718" s="613"/>
      <c r="SGD718" s="613"/>
      <c r="SGE718" s="613"/>
      <c r="SGF718" s="613"/>
      <c r="SGG718" s="613"/>
      <c r="SGH718" s="613"/>
      <c r="SGI718" s="613"/>
      <c r="SGJ718" s="613"/>
      <c r="SGK718" s="613"/>
      <c r="SGL718" s="613"/>
      <c r="SGM718" s="613"/>
      <c r="SGN718" s="613"/>
      <c r="SGO718" s="613"/>
      <c r="SGP718" s="613"/>
      <c r="SGQ718" s="613"/>
      <c r="SGR718" s="613"/>
      <c r="SGS718" s="613"/>
      <c r="SGT718" s="613"/>
      <c r="SGU718" s="613"/>
      <c r="SGV718" s="613"/>
      <c r="SGW718" s="613"/>
      <c r="SGX718" s="613"/>
      <c r="SGY718" s="613"/>
      <c r="SGZ718" s="613"/>
      <c r="SHA718" s="613"/>
      <c r="SHB718" s="613"/>
      <c r="SHC718" s="613"/>
      <c r="SHD718" s="613"/>
      <c r="SHE718" s="613"/>
      <c r="SHF718" s="613"/>
      <c r="SHG718" s="613"/>
      <c r="SHH718" s="613"/>
      <c r="SHI718" s="613"/>
      <c r="SHJ718" s="613"/>
      <c r="SHK718" s="613"/>
      <c r="SHL718" s="613"/>
      <c r="SHM718" s="613"/>
      <c r="SHN718" s="613"/>
      <c r="SHO718" s="613"/>
      <c r="SHP718" s="613"/>
      <c r="SHQ718" s="613"/>
      <c r="SHR718" s="613"/>
      <c r="SHS718" s="613"/>
      <c r="SHT718" s="613"/>
      <c r="SHU718" s="613"/>
      <c r="SHV718" s="613"/>
      <c r="SHW718" s="613"/>
      <c r="SHX718" s="613"/>
      <c r="SHY718" s="613"/>
      <c r="SHZ718" s="613"/>
      <c r="SIA718" s="613"/>
      <c r="SIB718" s="613"/>
      <c r="SIC718" s="613"/>
      <c r="SID718" s="613"/>
      <c r="SIE718" s="613"/>
      <c r="SIF718" s="613"/>
      <c r="SIG718" s="613"/>
      <c r="SIH718" s="613"/>
      <c r="SII718" s="613"/>
      <c r="SIJ718" s="613"/>
      <c r="SIK718" s="613"/>
      <c r="SIL718" s="613"/>
      <c r="SIM718" s="613"/>
      <c r="SIN718" s="613"/>
      <c r="SIO718" s="613"/>
      <c r="SIP718" s="613"/>
      <c r="SIQ718" s="613"/>
      <c r="SIR718" s="613"/>
      <c r="SIS718" s="613"/>
      <c r="SIT718" s="613"/>
      <c r="SIU718" s="613"/>
      <c r="SIV718" s="613"/>
      <c r="SIW718" s="613"/>
      <c r="SIX718" s="613"/>
      <c r="SIY718" s="613"/>
      <c r="SIZ718" s="613"/>
      <c r="SJA718" s="613"/>
      <c r="SJB718" s="613"/>
      <c r="SJC718" s="613"/>
      <c r="SJD718" s="613"/>
      <c r="SJE718" s="613"/>
      <c r="SJF718" s="613"/>
      <c r="SJG718" s="613"/>
      <c r="SJH718" s="613"/>
      <c r="SJI718" s="613"/>
      <c r="SJJ718" s="613"/>
      <c r="SJK718" s="613"/>
      <c r="SJL718" s="613"/>
      <c r="SJM718" s="613"/>
      <c r="SJN718" s="613"/>
      <c r="SJO718" s="613"/>
      <c r="SJP718" s="613"/>
      <c r="SJQ718" s="613"/>
      <c r="SJR718" s="613"/>
      <c r="SJS718" s="613"/>
      <c r="SJT718" s="613"/>
      <c r="SJU718" s="613"/>
      <c r="SJV718" s="613"/>
      <c r="SJW718" s="613"/>
      <c r="SJX718" s="613"/>
      <c r="SJY718" s="613"/>
      <c r="SJZ718" s="613"/>
      <c r="SKA718" s="613"/>
      <c r="SKB718" s="613"/>
      <c r="SKC718" s="613"/>
      <c r="SKD718" s="613"/>
      <c r="SKE718" s="613"/>
      <c r="SKF718" s="613"/>
      <c r="SKG718" s="613"/>
      <c r="SKH718" s="613"/>
      <c r="SKI718" s="613"/>
      <c r="SKJ718" s="613"/>
      <c r="SKK718" s="613"/>
      <c r="SKL718" s="613"/>
      <c r="SKM718" s="613"/>
      <c r="SKN718" s="613"/>
      <c r="SKO718" s="613"/>
      <c r="SKP718" s="613"/>
      <c r="SKQ718" s="613"/>
      <c r="SKR718" s="613"/>
      <c r="SKS718" s="613"/>
      <c r="SKT718" s="613"/>
      <c r="SKU718" s="613"/>
      <c r="SKV718" s="613"/>
      <c r="SKW718" s="613"/>
      <c r="SKX718" s="613"/>
      <c r="SKY718" s="613"/>
      <c r="SKZ718" s="613"/>
      <c r="SLA718" s="613"/>
      <c r="SLB718" s="613"/>
      <c r="SLC718" s="613"/>
      <c r="SLD718" s="613"/>
      <c r="SLE718" s="613"/>
      <c r="SLF718" s="613"/>
      <c r="SLG718" s="613"/>
      <c r="SLH718" s="613"/>
      <c r="SLI718" s="613"/>
      <c r="SLJ718" s="613"/>
      <c r="SLK718" s="613"/>
      <c r="SLL718" s="613"/>
      <c r="SLM718" s="613"/>
      <c r="SLN718" s="613"/>
      <c r="SLO718" s="613"/>
      <c r="SLP718" s="613"/>
      <c r="SLQ718" s="613"/>
      <c r="SLR718" s="613"/>
      <c r="SLS718" s="613"/>
      <c r="SLT718" s="613"/>
      <c r="SLU718" s="613"/>
      <c r="SLV718" s="613"/>
      <c r="SLW718" s="613"/>
      <c r="SLX718" s="613"/>
      <c r="SLY718" s="613"/>
      <c r="SLZ718" s="613"/>
      <c r="SMA718" s="613"/>
      <c r="SMB718" s="613"/>
      <c r="SMC718" s="613"/>
      <c r="SMD718" s="613"/>
      <c r="SME718" s="613"/>
      <c r="SMF718" s="613"/>
      <c r="SMG718" s="613"/>
      <c r="SMH718" s="613"/>
      <c r="SMI718" s="613"/>
      <c r="SMJ718" s="613"/>
      <c r="SMK718" s="613"/>
      <c r="SML718" s="613"/>
      <c r="SMM718" s="613"/>
      <c r="SMN718" s="613"/>
      <c r="SMO718" s="613"/>
      <c r="SMP718" s="613"/>
      <c r="SMQ718" s="613"/>
      <c r="SMR718" s="613"/>
      <c r="SMS718" s="613"/>
      <c r="SMT718" s="613"/>
      <c r="SMU718" s="613"/>
      <c r="SMV718" s="613"/>
      <c r="SMW718" s="613"/>
      <c r="SMX718" s="613"/>
      <c r="SMY718" s="613"/>
      <c r="SMZ718" s="613"/>
      <c r="SNA718" s="613"/>
      <c r="SNB718" s="613"/>
      <c r="SNC718" s="613"/>
      <c r="SND718" s="613"/>
      <c r="SNE718" s="613"/>
      <c r="SNF718" s="613"/>
      <c r="SNG718" s="613"/>
      <c r="SNH718" s="613"/>
      <c r="SNI718" s="613"/>
      <c r="SNJ718" s="613"/>
      <c r="SNK718" s="613"/>
      <c r="SNL718" s="613"/>
      <c r="SNM718" s="613"/>
      <c r="SNN718" s="613"/>
      <c r="SNO718" s="613"/>
      <c r="SNP718" s="613"/>
      <c r="SNQ718" s="613"/>
      <c r="SNR718" s="613"/>
      <c r="SNS718" s="613"/>
      <c r="SNT718" s="613"/>
      <c r="SNU718" s="613"/>
      <c r="SNV718" s="613"/>
      <c r="SNW718" s="613"/>
      <c r="SNX718" s="613"/>
      <c r="SNY718" s="613"/>
      <c r="SNZ718" s="613"/>
      <c r="SOA718" s="613"/>
      <c r="SOB718" s="613"/>
      <c r="SOC718" s="613"/>
      <c r="SOD718" s="613"/>
      <c r="SOE718" s="613"/>
      <c r="SOF718" s="613"/>
      <c r="SOG718" s="613"/>
      <c r="SOH718" s="613"/>
      <c r="SOI718" s="613"/>
      <c r="SOJ718" s="613"/>
      <c r="SOK718" s="613"/>
      <c r="SOL718" s="613"/>
      <c r="SOM718" s="613"/>
      <c r="SON718" s="613"/>
      <c r="SOO718" s="613"/>
      <c r="SOP718" s="613"/>
      <c r="SOQ718" s="613"/>
      <c r="SOR718" s="613"/>
      <c r="SOS718" s="613"/>
      <c r="SOT718" s="613"/>
      <c r="SOU718" s="613"/>
      <c r="SOV718" s="613"/>
      <c r="SOW718" s="613"/>
      <c r="SOX718" s="613"/>
      <c r="SOY718" s="613"/>
      <c r="SOZ718" s="613"/>
      <c r="SPA718" s="613"/>
      <c r="SPB718" s="613"/>
      <c r="SPC718" s="613"/>
      <c r="SPD718" s="613"/>
      <c r="SPE718" s="613"/>
      <c r="SPF718" s="613"/>
      <c r="SPG718" s="613"/>
      <c r="SPH718" s="613"/>
      <c r="SPI718" s="613"/>
      <c r="SPJ718" s="613"/>
      <c r="SPK718" s="613"/>
      <c r="SPL718" s="613"/>
      <c r="SPM718" s="613"/>
      <c r="SPN718" s="613"/>
      <c r="SPO718" s="613"/>
      <c r="SPP718" s="613"/>
      <c r="SPQ718" s="613"/>
      <c r="SPR718" s="613"/>
      <c r="SPS718" s="613"/>
      <c r="SPT718" s="613"/>
      <c r="SPU718" s="613"/>
      <c r="SPV718" s="613"/>
      <c r="SPW718" s="613"/>
      <c r="SPX718" s="613"/>
      <c r="SPY718" s="613"/>
      <c r="SPZ718" s="613"/>
      <c r="SQA718" s="613"/>
      <c r="SQB718" s="613"/>
      <c r="SQC718" s="613"/>
      <c r="SQD718" s="613"/>
      <c r="SQE718" s="613"/>
      <c r="SQF718" s="613"/>
      <c r="SQG718" s="613"/>
      <c r="SQH718" s="613"/>
      <c r="SQI718" s="613"/>
      <c r="SQJ718" s="613"/>
      <c r="SQK718" s="613"/>
      <c r="SQL718" s="613"/>
      <c r="SQM718" s="613"/>
      <c r="SQN718" s="613"/>
      <c r="SQO718" s="613"/>
      <c r="SQP718" s="613"/>
      <c r="SQQ718" s="613"/>
      <c r="SQR718" s="613"/>
      <c r="SQS718" s="613"/>
      <c r="SQT718" s="613"/>
      <c r="SQU718" s="613"/>
      <c r="SQV718" s="613"/>
      <c r="SQW718" s="613"/>
      <c r="SQX718" s="613"/>
      <c r="SQY718" s="613"/>
      <c r="SQZ718" s="613"/>
      <c r="SRA718" s="613"/>
      <c r="SRB718" s="613"/>
      <c r="SRC718" s="613"/>
      <c r="SRD718" s="613"/>
      <c r="SRE718" s="613"/>
      <c r="SRF718" s="613"/>
      <c r="SRG718" s="613"/>
      <c r="SRH718" s="613"/>
      <c r="SRI718" s="613"/>
      <c r="SRJ718" s="613"/>
      <c r="SRK718" s="613"/>
      <c r="SRL718" s="613"/>
      <c r="SRM718" s="613"/>
      <c r="SRN718" s="613"/>
      <c r="SRO718" s="613"/>
      <c r="SRP718" s="613"/>
      <c r="SRQ718" s="613"/>
      <c r="SRR718" s="613"/>
      <c r="SRS718" s="613"/>
      <c r="SRT718" s="613"/>
      <c r="SRU718" s="613"/>
      <c r="SRV718" s="613"/>
      <c r="SRW718" s="613"/>
      <c r="SRX718" s="613"/>
      <c r="SRY718" s="613"/>
      <c r="SRZ718" s="613"/>
      <c r="SSA718" s="613"/>
      <c r="SSB718" s="613"/>
      <c r="SSC718" s="613"/>
      <c r="SSD718" s="613"/>
      <c r="SSE718" s="613"/>
      <c r="SSF718" s="613"/>
      <c r="SSG718" s="613"/>
      <c r="SSH718" s="613"/>
      <c r="SSI718" s="613"/>
      <c r="SSJ718" s="613"/>
      <c r="SSK718" s="613"/>
      <c r="SSL718" s="613"/>
      <c r="SSM718" s="613"/>
      <c r="SSN718" s="613"/>
      <c r="SSO718" s="613"/>
      <c r="SSP718" s="613"/>
      <c r="SSQ718" s="613"/>
      <c r="SSR718" s="613"/>
      <c r="SSS718" s="613"/>
      <c r="SST718" s="613"/>
      <c r="SSU718" s="613"/>
      <c r="SSV718" s="613"/>
      <c r="SSW718" s="613"/>
      <c r="SSX718" s="613"/>
      <c r="SSY718" s="613"/>
      <c r="SSZ718" s="613"/>
      <c r="STA718" s="613"/>
      <c r="STB718" s="613"/>
      <c r="STC718" s="613"/>
      <c r="STD718" s="613"/>
      <c r="STE718" s="613"/>
      <c r="STF718" s="613"/>
      <c r="STG718" s="613"/>
      <c r="STH718" s="613"/>
      <c r="STI718" s="613"/>
      <c r="STJ718" s="613"/>
      <c r="STK718" s="613"/>
      <c r="STL718" s="613"/>
      <c r="STM718" s="613"/>
      <c r="STN718" s="613"/>
      <c r="STO718" s="613"/>
      <c r="STP718" s="613"/>
      <c r="STQ718" s="613"/>
      <c r="STR718" s="613"/>
      <c r="STS718" s="613"/>
      <c r="STT718" s="613"/>
      <c r="STU718" s="613"/>
      <c r="STV718" s="613"/>
      <c r="STW718" s="613"/>
      <c r="STX718" s="613"/>
      <c r="STY718" s="613"/>
      <c r="STZ718" s="613"/>
      <c r="SUA718" s="613"/>
      <c r="SUB718" s="613"/>
      <c r="SUC718" s="613"/>
      <c r="SUD718" s="613"/>
      <c r="SUE718" s="613"/>
      <c r="SUF718" s="613"/>
      <c r="SUG718" s="613"/>
      <c r="SUH718" s="613"/>
      <c r="SUI718" s="613"/>
      <c r="SUJ718" s="613"/>
      <c r="SUK718" s="613"/>
      <c r="SUL718" s="613"/>
      <c r="SUM718" s="613"/>
      <c r="SUN718" s="613"/>
      <c r="SUO718" s="613"/>
      <c r="SUP718" s="613"/>
      <c r="SUQ718" s="613"/>
      <c r="SUR718" s="613"/>
      <c r="SUS718" s="613"/>
      <c r="SUT718" s="613"/>
      <c r="SUU718" s="613"/>
      <c r="SUV718" s="613"/>
      <c r="SUW718" s="613"/>
      <c r="SUX718" s="613"/>
      <c r="SUY718" s="613"/>
      <c r="SUZ718" s="613"/>
      <c r="SVA718" s="613"/>
      <c r="SVB718" s="613"/>
      <c r="SVC718" s="613"/>
      <c r="SVD718" s="613"/>
      <c r="SVE718" s="613"/>
      <c r="SVF718" s="613"/>
      <c r="SVG718" s="613"/>
      <c r="SVH718" s="613"/>
      <c r="SVI718" s="613"/>
      <c r="SVJ718" s="613"/>
      <c r="SVK718" s="613"/>
      <c r="SVL718" s="613"/>
      <c r="SVM718" s="613"/>
      <c r="SVN718" s="613"/>
      <c r="SVO718" s="613"/>
      <c r="SVP718" s="613"/>
      <c r="SVQ718" s="613"/>
      <c r="SVR718" s="613"/>
      <c r="SVS718" s="613"/>
      <c r="SVT718" s="613"/>
      <c r="SVU718" s="613"/>
      <c r="SVV718" s="613"/>
      <c r="SVW718" s="613"/>
      <c r="SVX718" s="613"/>
      <c r="SVY718" s="613"/>
      <c r="SVZ718" s="613"/>
      <c r="SWA718" s="613"/>
      <c r="SWB718" s="613"/>
      <c r="SWC718" s="613"/>
      <c r="SWD718" s="613"/>
      <c r="SWE718" s="613"/>
      <c r="SWF718" s="613"/>
      <c r="SWG718" s="613"/>
      <c r="SWH718" s="613"/>
      <c r="SWI718" s="613"/>
      <c r="SWJ718" s="613"/>
      <c r="SWK718" s="613"/>
      <c r="SWL718" s="613"/>
      <c r="SWM718" s="613"/>
      <c r="SWN718" s="613"/>
      <c r="SWO718" s="613"/>
      <c r="SWP718" s="613"/>
      <c r="SWQ718" s="613"/>
      <c r="SWR718" s="613"/>
      <c r="SWS718" s="613"/>
      <c r="SWT718" s="613"/>
      <c r="SWU718" s="613"/>
      <c r="SWV718" s="613"/>
      <c r="SWW718" s="613"/>
      <c r="SWX718" s="613"/>
      <c r="SWY718" s="613"/>
      <c r="SWZ718" s="613"/>
      <c r="SXA718" s="613"/>
      <c r="SXB718" s="613"/>
      <c r="SXC718" s="613"/>
      <c r="SXD718" s="613"/>
      <c r="SXE718" s="613"/>
      <c r="SXF718" s="613"/>
      <c r="SXG718" s="613"/>
      <c r="SXH718" s="613"/>
      <c r="SXI718" s="613"/>
      <c r="SXJ718" s="613"/>
      <c r="SXK718" s="613"/>
      <c r="SXL718" s="613"/>
      <c r="SXM718" s="613"/>
      <c r="SXN718" s="613"/>
      <c r="SXO718" s="613"/>
      <c r="SXP718" s="613"/>
      <c r="SXQ718" s="613"/>
      <c r="SXR718" s="613"/>
      <c r="SXS718" s="613"/>
      <c r="SXT718" s="613"/>
      <c r="SXU718" s="613"/>
      <c r="SXV718" s="613"/>
      <c r="SXW718" s="613"/>
      <c r="SXX718" s="613"/>
      <c r="SXY718" s="613"/>
      <c r="SXZ718" s="613"/>
      <c r="SYA718" s="613"/>
      <c r="SYB718" s="613"/>
      <c r="SYC718" s="613"/>
      <c r="SYD718" s="613"/>
      <c r="SYE718" s="613"/>
      <c r="SYF718" s="613"/>
      <c r="SYG718" s="613"/>
      <c r="SYH718" s="613"/>
      <c r="SYI718" s="613"/>
      <c r="SYJ718" s="613"/>
      <c r="SYK718" s="613"/>
      <c r="SYL718" s="613"/>
      <c r="SYM718" s="613"/>
      <c r="SYN718" s="613"/>
      <c r="SYO718" s="613"/>
      <c r="SYP718" s="613"/>
      <c r="SYQ718" s="613"/>
      <c r="SYR718" s="613"/>
      <c r="SYS718" s="613"/>
      <c r="SYT718" s="613"/>
      <c r="SYU718" s="613"/>
      <c r="SYV718" s="613"/>
      <c r="SYW718" s="613"/>
      <c r="SYX718" s="613"/>
      <c r="SYY718" s="613"/>
      <c r="SYZ718" s="613"/>
      <c r="SZA718" s="613"/>
      <c r="SZB718" s="613"/>
      <c r="SZC718" s="613"/>
      <c r="SZD718" s="613"/>
      <c r="SZE718" s="613"/>
      <c r="SZF718" s="613"/>
      <c r="SZG718" s="613"/>
      <c r="SZH718" s="613"/>
      <c r="SZI718" s="613"/>
      <c r="SZJ718" s="613"/>
      <c r="SZK718" s="613"/>
      <c r="SZL718" s="613"/>
      <c r="SZM718" s="613"/>
      <c r="SZN718" s="613"/>
      <c r="SZO718" s="613"/>
      <c r="SZP718" s="613"/>
      <c r="SZQ718" s="613"/>
      <c r="SZR718" s="613"/>
      <c r="SZS718" s="613"/>
      <c r="SZT718" s="613"/>
      <c r="SZU718" s="613"/>
      <c r="SZV718" s="613"/>
      <c r="SZW718" s="613"/>
      <c r="SZX718" s="613"/>
      <c r="SZY718" s="613"/>
      <c r="SZZ718" s="613"/>
      <c r="TAA718" s="613"/>
      <c r="TAB718" s="613"/>
      <c r="TAC718" s="613"/>
      <c r="TAD718" s="613"/>
      <c r="TAE718" s="613"/>
      <c r="TAF718" s="613"/>
      <c r="TAG718" s="613"/>
      <c r="TAH718" s="613"/>
      <c r="TAI718" s="613"/>
      <c r="TAJ718" s="613"/>
      <c r="TAK718" s="613"/>
      <c r="TAL718" s="613"/>
      <c r="TAM718" s="613"/>
      <c r="TAN718" s="613"/>
      <c r="TAO718" s="613"/>
      <c r="TAP718" s="613"/>
      <c r="TAQ718" s="613"/>
      <c r="TAR718" s="613"/>
      <c r="TAS718" s="613"/>
      <c r="TAT718" s="613"/>
      <c r="TAU718" s="613"/>
      <c r="TAV718" s="613"/>
      <c r="TAW718" s="613"/>
      <c r="TAX718" s="613"/>
      <c r="TAY718" s="613"/>
      <c r="TAZ718" s="613"/>
      <c r="TBA718" s="613"/>
      <c r="TBB718" s="613"/>
      <c r="TBC718" s="613"/>
      <c r="TBD718" s="613"/>
      <c r="TBE718" s="613"/>
      <c r="TBF718" s="613"/>
      <c r="TBG718" s="613"/>
      <c r="TBH718" s="613"/>
      <c r="TBI718" s="613"/>
      <c r="TBJ718" s="613"/>
      <c r="TBK718" s="613"/>
      <c r="TBL718" s="613"/>
      <c r="TBM718" s="613"/>
      <c r="TBN718" s="613"/>
      <c r="TBO718" s="613"/>
      <c r="TBP718" s="613"/>
      <c r="TBQ718" s="613"/>
      <c r="TBR718" s="613"/>
      <c r="TBS718" s="613"/>
      <c r="TBT718" s="613"/>
      <c r="TBU718" s="613"/>
      <c r="TBV718" s="613"/>
      <c r="TBW718" s="613"/>
      <c r="TBX718" s="613"/>
      <c r="TBY718" s="613"/>
      <c r="TBZ718" s="613"/>
      <c r="TCA718" s="613"/>
      <c r="TCB718" s="613"/>
      <c r="TCC718" s="613"/>
      <c r="TCD718" s="613"/>
      <c r="TCE718" s="613"/>
      <c r="TCF718" s="613"/>
      <c r="TCG718" s="613"/>
      <c r="TCH718" s="613"/>
      <c r="TCI718" s="613"/>
      <c r="TCJ718" s="613"/>
      <c r="TCK718" s="613"/>
      <c r="TCL718" s="613"/>
      <c r="TCM718" s="613"/>
      <c r="TCN718" s="613"/>
      <c r="TCO718" s="613"/>
      <c r="TCP718" s="613"/>
      <c r="TCQ718" s="613"/>
      <c r="TCR718" s="613"/>
      <c r="TCS718" s="613"/>
      <c r="TCT718" s="613"/>
      <c r="TCU718" s="613"/>
      <c r="TCV718" s="613"/>
      <c r="TCW718" s="613"/>
      <c r="TCX718" s="613"/>
      <c r="TCY718" s="613"/>
      <c r="TCZ718" s="613"/>
      <c r="TDA718" s="613"/>
      <c r="TDB718" s="613"/>
      <c r="TDC718" s="613"/>
      <c r="TDD718" s="613"/>
      <c r="TDE718" s="613"/>
      <c r="TDF718" s="613"/>
      <c r="TDG718" s="613"/>
      <c r="TDH718" s="613"/>
      <c r="TDI718" s="613"/>
      <c r="TDJ718" s="613"/>
      <c r="TDK718" s="613"/>
      <c r="TDL718" s="613"/>
      <c r="TDM718" s="613"/>
      <c r="TDN718" s="613"/>
      <c r="TDO718" s="613"/>
      <c r="TDP718" s="613"/>
      <c r="TDQ718" s="613"/>
      <c r="TDR718" s="613"/>
      <c r="TDS718" s="613"/>
      <c r="TDT718" s="613"/>
      <c r="TDU718" s="613"/>
      <c r="TDV718" s="613"/>
      <c r="TDW718" s="613"/>
      <c r="TDX718" s="613"/>
      <c r="TDY718" s="613"/>
      <c r="TDZ718" s="613"/>
      <c r="TEA718" s="613"/>
      <c r="TEB718" s="613"/>
      <c r="TEC718" s="613"/>
      <c r="TED718" s="613"/>
      <c r="TEE718" s="613"/>
      <c r="TEF718" s="613"/>
      <c r="TEG718" s="613"/>
      <c r="TEH718" s="613"/>
      <c r="TEI718" s="613"/>
      <c r="TEJ718" s="613"/>
      <c r="TEK718" s="613"/>
      <c r="TEL718" s="613"/>
      <c r="TEM718" s="613"/>
      <c r="TEN718" s="613"/>
      <c r="TEO718" s="613"/>
      <c r="TEP718" s="613"/>
      <c r="TEQ718" s="613"/>
      <c r="TER718" s="613"/>
      <c r="TES718" s="613"/>
      <c r="TET718" s="613"/>
      <c r="TEU718" s="613"/>
      <c r="TEV718" s="613"/>
      <c r="TEW718" s="613"/>
      <c r="TEX718" s="613"/>
      <c r="TEY718" s="613"/>
      <c r="TEZ718" s="613"/>
      <c r="TFA718" s="613"/>
      <c r="TFB718" s="613"/>
      <c r="TFC718" s="613"/>
      <c r="TFD718" s="613"/>
      <c r="TFE718" s="613"/>
      <c r="TFF718" s="613"/>
      <c r="TFG718" s="613"/>
      <c r="TFH718" s="613"/>
      <c r="TFI718" s="613"/>
      <c r="TFJ718" s="613"/>
      <c r="TFK718" s="613"/>
      <c r="TFL718" s="613"/>
      <c r="TFM718" s="613"/>
      <c r="TFN718" s="613"/>
      <c r="TFO718" s="613"/>
      <c r="TFP718" s="613"/>
      <c r="TFQ718" s="613"/>
      <c r="TFR718" s="613"/>
      <c r="TFS718" s="613"/>
      <c r="TFT718" s="613"/>
      <c r="TFU718" s="613"/>
      <c r="TFV718" s="613"/>
      <c r="TFW718" s="613"/>
      <c r="TFX718" s="613"/>
      <c r="TFY718" s="613"/>
      <c r="TFZ718" s="613"/>
      <c r="TGA718" s="613"/>
      <c r="TGB718" s="613"/>
      <c r="TGC718" s="613"/>
      <c r="TGD718" s="613"/>
      <c r="TGE718" s="613"/>
      <c r="TGF718" s="613"/>
      <c r="TGG718" s="613"/>
      <c r="TGH718" s="613"/>
      <c r="TGI718" s="613"/>
      <c r="TGJ718" s="613"/>
      <c r="TGK718" s="613"/>
      <c r="TGL718" s="613"/>
      <c r="TGM718" s="613"/>
      <c r="TGN718" s="613"/>
      <c r="TGO718" s="613"/>
      <c r="TGP718" s="613"/>
      <c r="TGQ718" s="613"/>
      <c r="TGR718" s="613"/>
      <c r="TGS718" s="613"/>
      <c r="TGT718" s="613"/>
      <c r="TGU718" s="613"/>
      <c r="TGV718" s="613"/>
      <c r="TGW718" s="613"/>
      <c r="TGX718" s="613"/>
      <c r="TGY718" s="613"/>
      <c r="TGZ718" s="613"/>
      <c r="THA718" s="613"/>
      <c r="THB718" s="613"/>
      <c r="THC718" s="613"/>
      <c r="THD718" s="613"/>
      <c r="THE718" s="613"/>
      <c r="THF718" s="613"/>
      <c r="THG718" s="613"/>
      <c r="THH718" s="613"/>
      <c r="THI718" s="613"/>
      <c r="THJ718" s="613"/>
      <c r="THK718" s="613"/>
      <c r="THL718" s="613"/>
      <c r="THM718" s="613"/>
      <c r="THN718" s="613"/>
      <c r="THO718" s="613"/>
      <c r="THP718" s="613"/>
      <c r="THQ718" s="613"/>
      <c r="THR718" s="613"/>
      <c r="THS718" s="613"/>
      <c r="THT718" s="613"/>
      <c r="THU718" s="613"/>
      <c r="THV718" s="613"/>
      <c r="THW718" s="613"/>
      <c r="THX718" s="613"/>
      <c r="THY718" s="613"/>
      <c r="THZ718" s="613"/>
      <c r="TIA718" s="613"/>
      <c r="TIB718" s="613"/>
      <c r="TIC718" s="613"/>
      <c r="TID718" s="613"/>
      <c r="TIE718" s="613"/>
      <c r="TIF718" s="613"/>
      <c r="TIG718" s="613"/>
      <c r="TIH718" s="613"/>
      <c r="TII718" s="613"/>
      <c r="TIJ718" s="613"/>
      <c r="TIK718" s="613"/>
      <c r="TIL718" s="613"/>
      <c r="TIM718" s="613"/>
      <c r="TIN718" s="613"/>
      <c r="TIO718" s="613"/>
      <c r="TIP718" s="613"/>
      <c r="TIQ718" s="613"/>
      <c r="TIR718" s="613"/>
      <c r="TIS718" s="613"/>
      <c r="TIT718" s="613"/>
      <c r="TIU718" s="613"/>
      <c r="TIV718" s="613"/>
      <c r="TIW718" s="613"/>
      <c r="TIX718" s="613"/>
      <c r="TIY718" s="613"/>
      <c r="TIZ718" s="613"/>
      <c r="TJA718" s="613"/>
      <c r="TJB718" s="613"/>
      <c r="TJC718" s="613"/>
      <c r="TJD718" s="613"/>
      <c r="TJE718" s="613"/>
      <c r="TJF718" s="613"/>
      <c r="TJG718" s="613"/>
      <c r="TJH718" s="613"/>
      <c r="TJI718" s="613"/>
      <c r="TJJ718" s="613"/>
      <c r="TJK718" s="613"/>
      <c r="TJL718" s="613"/>
      <c r="TJM718" s="613"/>
      <c r="TJN718" s="613"/>
      <c r="TJO718" s="613"/>
      <c r="TJP718" s="613"/>
      <c r="TJQ718" s="613"/>
      <c r="TJR718" s="613"/>
      <c r="TJS718" s="613"/>
      <c r="TJT718" s="613"/>
      <c r="TJU718" s="613"/>
      <c r="TJV718" s="613"/>
      <c r="TJW718" s="613"/>
      <c r="TJX718" s="613"/>
      <c r="TJY718" s="613"/>
      <c r="TJZ718" s="613"/>
      <c r="TKA718" s="613"/>
      <c r="TKB718" s="613"/>
      <c r="TKC718" s="613"/>
      <c r="TKD718" s="613"/>
      <c r="TKE718" s="613"/>
      <c r="TKF718" s="613"/>
      <c r="TKG718" s="613"/>
      <c r="TKH718" s="613"/>
      <c r="TKI718" s="613"/>
      <c r="TKJ718" s="613"/>
      <c r="TKK718" s="613"/>
      <c r="TKL718" s="613"/>
      <c r="TKM718" s="613"/>
      <c r="TKN718" s="613"/>
      <c r="TKO718" s="613"/>
      <c r="TKP718" s="613"/>
      <c r="TKQ718" s="613"/>
      <c r="TKR718" s="613"/>
      <c r="TKS718" s="613"/>
      <c r="TKT718" s="613"/>
      <c r="TKU718" s="613"/>
      <c r="TKV718" s="613"/>
      <c r="TKW718" s="613"/>
      <c r="TKX718" s="613"/>
      <c r="TKY718" s="613"/>
      <c r="TKZ718" s="613"/>
      <c r="TLA718" s="613"/>
      <c r="TLB718" s="613"/>
      <c r="TLC718" s="613"/>
      <c r="TLD718" s="613"/>
      <c r="TLE718" s="613"/>
      <c r="TLF718" s="613"/>
      <c r="TLG718" s="613"/>
      <c r="TLH718" s="613"/>
      <c r="TLI718" s="613"/>
      <c r="TLJ718" s="613"/>
      <c r="TLK718" s="613"/>
      <c r="TLL718" s="613"/>
      <c r="TLM718" s="613"/>
      <c r="TLN718" s="613"/>
      <c r="TLO718" s="613"/>
      <c r="TLP718" s="613"/>
      <c r="TLQ718" s="613"/>
      <c r="TLR718" s="613"/>
      <c r="TLS718" s="613"/>
      <c r="TLT718" s="613"/>
      <c r="TLU718" s="613"/>
      <c r="TLV718" s="613"/>
      <c r="TLW718" s="613"/>
      <c r="TLX718" s="613"/>
      <c r="TLY718" s="613"/>
      <c r="TLZ718" s="613"/>
      <c r="TMA718" s="613"/>
      <c r="TMB718" s="613"/>
      <c r="TMC718" s="613"/>
      <c r="TMD718" s="613"/>
      <c r="TME718" s="613"/>
      <c r="TMF718" s="613"/>
      <c r="TMG718" s="613"/>
      <c r="TMH718" s="613"/>
      <c r="TMI718" s="613"/>
      <c r="TMJ718" s="613"/>
      <c r="TMK718" s="613"/>
      <c r="TML718" s="613"/>
      <c r="TMM718" s="613"/>
      <c r="TMN718" s="613"/>
      <c r="TMO718" s="613"/>
      <c r="TMP718" s="613"/>
      <c r="TMQ718" s="613"/>
      <c r="TMR718" s="613"/>
      <c r="TMS718" s="613"/>
      <c r="TMT718" s="613"/>
      <c r="TMU718" s="613"/>
      <c r="TMV718" s="613"/>
      <c r="TMW718" s="613"/>
      <c r="TMX718" s="613"/>
      <c r="TMY718" s="613"/>
      <c r="TMZ718" s="613"/>
      <c r="TNA718" s="613"/>
      <c r="TNB718" s="613"/>
      <c r="TNC718" s="613"/>
      <c r="TND718" s="613"/>
      <c r="TNE718" s="613"/>
      <c r="TNF718" s="613"/>
      <c r="TNG718" s="613"/>
      <c r="TNH718" s="613"/>
      <c r="TNI718" s="613"/>
      <c r="TNJ718" s="613"/>
      <c r="TNK718" s="613"/>
      <c r="TNL718" s="613"/>
      <c r="TNM718" s="613"/>
      <c r="TNN718" s="613"/>
      <c r="TNO718" s="613"/>
      <c r="TNP718" s="613"/>
      <c r="TNQ718" s="613"/>
      <c r="TNR718" s="613"/>
      <c r="TNS718" s="613"/>
      <c r="TNT718" s="613"/>
      <c r="TNU718" s="613"/>
      <c r="TNV718" s="613"/>
      <c r="TNW718" s="613"/>
      <c r="TNX718" s="613"/>
      <c r="TNY718" s="613"/>
      <c r="TNZ718" s="613"/>
      <c r="TOA718" s="613"/>
      <c r="TOB718" s="613"/>
      <c r="TOC718" s="613"/>
      <c r="TOD718" s="613"/>
      <c r="TOE718" s="613"/>
      <c r="TOF718" s="613"/>
      <c r="TOG718" s="613"/>
      <c r="TOH718" s="613"/>
      <c r="TOI718" s="613"/>
      <c r="TOJ718" s="613"/>
      <c r="TOK718" s="613"/>
      <c r="TOL718" s="613"/>
      <c r="TOM718" s="613"/>
      <c r="TON718" s="613"/>
      <c r="TOO718" s="613"/>
      <c r="TOP718" s="613"/>
      <c r="TOQ718" s="613"/>
      <c r="TOR718" s="613"/>
      <c r="TOS718" s="613"/>
      <c r="TOT718" s="613"/>
      <c r="TOU718" s="613"/>
      <c r="TOV718" s="613"/>
      <c r="TOW718" s="613"/>
      <c r="TOX718" s="613"/>
      <c r="TOY718" s="613"/>
      <c r="TOZ718" s="613"/>
      <c r="TPA718" s="613"/>
      <c r="TPB718" s="613"/>
      <c r="TPC718" s="613"/>
      <c r="TPD718" s="613"/>
      <c r="TPE718" s="613"/>
      <c r="TPF718" s="613"/>
      <c r="TPG718" s="613"/>
      <c r="TPH718" s="613"/>
      <c r="TPI718" s="613"/>
      <c r="TPJ718" s="613"/>
      <c r="TPK718" s="613"/>
      <c r="TPL718" s="613"/>
      <c r="TPM718" s="613"/>
      <c r="TPN718" s="613"/>
      <c r="TPO718" s="613"/>
      <c r="TPP718" s="613"/>
      <c r="TPQ718" s="613"/>
      <c r="TPR718" s="613"/>
      <c r="TPS718" s="613"/>
      <c r="TPT718" s="613"/>
      <c r="TPU718" s="613"/>
      <c r="TPV718" s="613"/>
      <c r="TPW718" s="613"/>
      <c r="TPX718" s="613"/>
      <c r="TPY718" s="613"/>
      <c r="TPZ718" s="613"/>
      <c r="TQA718" s="613"/>
      <c r="TQB718" s="613"/>
      <c r="TQC718" s="613"/>
      <c r="TQD718" s="613"/>
      <c r="TQE718" s="613"/>
      <c r="TQF718" s="613"/>
      <c r="TQG718" s="613"/>
      <c r="TQH718" s="613"/>
      <c r="TQI718" s="613"/>
      <c r="TQJ718" s="613"/>
      <c r="TQK718" s="613"/>
      <c r="TQL718" s="613"/>
      <c r="TQM718" s="613"/>
      <c r="TQN718" s="613"/>
      <c r="TQO718" s="613"/>
      <c r="TQP718" s="613"/>
      <c r="TQQ718" s="613"/>
      <c r="TQR718" s="613"/>
      <c r="TQS718" s="613"/>
      <c r="TQT718" s="613"/>
      <c r="TQU718" s="613"/>
      <c r="TQV718" s="613"/>
      <c r="TQW718" s="613"/>
      <c r="TQX718" s="613"/>
      <c r="TQY718" s="613"/>
      <c r="TQZ718" s="613"/>
      <c r="TRA718" s="613"/>
      <c r="TRB718" s="613"/>
      <c r="TRC718" s="613"/>
      <c r="TRD718" s="613"/>
      <c r="TRE718" s="613"/>
      <c r="TRF718" s="613"/>
      <c r="TRG718" s="613"/>
      <c r="TRH718" s="613"/>
      <c r="TRI718" s="613"/>
      <c r="TRJ718" s="613"/>
      <c r="TRK718" s="613"/>
      <c r="TRL718" s="613"/>
      <c r="TRM718" s="613"/>
      <c r="TRN718" s="613"/>
      <c r="TRO718" s="613"/>
      <c r="TRP718" s="613"/>
      <c r="TRQ718" s="613"/>
      <c r="TRR718" s="613"/>
      <c r="TRS718" s="613"/>
      <c r="TRT718" s="613"/>
      <c r="TRU718" s="613"/>
      <c r="TRV718" s="613"/>
      <c r="TRW718" s="613"/>
      <c r="TRX718" s="613"/>
      <c r="TRY718" s="613"/>
      <c r="TRZ718" s="613"/>
      <c r="TSA718" s="613"/>
      <c r="TSB718" s="613"/>
      <c r="TSC718" s="613"/>
      <c r="TSD718" s="613"/>
      <c r="TSE718" s="613"/>
      <c r="TSF718" s="613"/>
      <c r="TSG718" s="613"/>
      <c r="TSH718" s="613"/>
      <c r="TSI718" s="613"/>
      <c r="TSJ718" s="613"/>
      <c r="TSK718" s="613"/>
      <c r="TSL718" s="613"/>
      <c r="TSM718" s="613"/>
      <c r="TSN718" s="613"/>
      <c r="TSO718" s="613"/>
      <c r="TSP718" s="613"/>
      <c r="TSQ718" s="613"/>
      <c r="TSR718" s="613"/>
      <c r="TSS718" s="613"/>
      <c r="TST718" s="613"/>
      <c r="TSU718" s="613"/>
      <c r="TSV718" s="613"/>
      <c r="TSW718" s="613"/>
      <c r="TSX718" s="613"/>
      <c r="TSY718" s="613"/>
      <c r="TSZ718" s="613"/>
      <c r="TTA718" s="613"/>
      <c r="TTB718" s="613"/>
      <c r="TTC718" s="613"/>
      <c r="TTD718" s="613"/>
      <c r="TTE718" s="613"/>
      <c r="TTF718" s="613"/>
      <c r="TTG718" s="613"/>
      <c r="TTH718" s="613"/>
      <c r="TTI718" s="613"/>
      <c r="TTJ718" s="613"/>
      <c r="TTK718" s="613"/>
      <c r="TTL718" s="613"/>
      <c r="TTM718" s="613"/>
      <c r="TTN718" s="613"/>
      <c r="TTO718" s="613"/>
      <c r="TTP718" s="613"/>
      <c r="TTQ718" s="613"/>
      <c r="TTR718" s="613"/>
      <c r="TTS718" s="613"/>
      <c r="TTT718" s="613"/>
      <c r="TTU718" s="613"/>
      <c r="TTV718" s="613"/>
      <c r="TTW718" s="613"/>
      <c r="TTX718" s="613"/>
      <c r="TTY718" s="613"/>
      <c r="TTZ718" s="613"/>
      <c r="TUA718" s="613"/>
      <c r="TUB718" s="613"/>
      <c r="TUC718" s="613"/>
      <c r="TUD718" s="613"/>
      <c r="TUE718" s="613"/>
      <c r="TUF718" s="613"/>
      <c r="TUG718" s="613"/>
      <c r="TUH718" s="613"/>
      <c r="TUI718" s="613"/>
      <c r="TUJ718" s="613"/>
      <c r="TUK718" s="613"/>
      <c r="TUL718" s="613"/>
      <c r="TUM718" s="613"/>
      <c r="TUN718" s="613"/>
      <c r="TUO718" s="613"/>
      <c r="TUP718" s="613"/>
      <c r="TUQ718" s="613"/>
      <c r="TUR718" s="613"/>
      <c r="TUS718" s="613"/>
      <c r="TUT718" s="613"/>
      <c r="TUU718" s="613"/>
      <c r="TUV718" s="613"/>
      <c r="TUW718" s="613"/>
      <c r="TUX718" s="613"/>
      <c r="TUY718" s="613"/>
      <c r="TUZ718" s="613"/>
      <c r="TVA718" s="613"/>
      <c r="TVB718" s="613"/>
      <c r="TVC718" s="613"/>
      <c r="TVD718" s="613"/>
      <c r="TVE718" s="613"/>
      <c r="TVF718" s="613"/>
      <c r="TVG718" s="613"/>
      <c r="TVH718" s="613"/>
      <c r="TVI718" s="613"/>
      <c r="TVJ718" s="613"/>
      <c r="TVK718" s="613"/>
      <c r="TVL718" s="613"/>
      <c r="TVM718" s="613"/>
      <c r="TVN718" s="613"/>
      <c r="TVO718" s="613"/>
      <c r="TVP718" s="613"/>
      <c r="TVQ718" s="613"/>
      <c r="TVR718" s="613"/>
      <c r="TVS718" s="613"/>
      <c r="TVT718" s="613"/>
      <c r="TVU718" s="613"/>
      <c r="TVV718" s="613"/>
      <c r="TVW718" s="613"/>
      <c r="TVX718" s="613"/>
      <c r="TVY718" s="613"/>
      <c r="TVZ718" s="613"/>
      <c r="TWA718" s="613"/>
      <c r="TWB718" s="613"/>
      <c r="TWC718" s="613"/>
      <c r="TWD718" s="613"/>
      <c r="TWE718" s="613"/>
      <c r="TWF718" s="613"/>
      <c r="TWG718" s="613"/>
      <c r="TWH718" s="613"/>
      <c r="TWI718" s="613"/>
      <c r="TWJ718" s="613"/>
      <c r="TWK718" s="613"/>
      <c r="TWL718" s="613"/>
      <c r="TWM718" s="613"/>
      <c r="TWN718" s="613"/>
      <c r="TWO718" s="613"/>
      <c r="TWP718" s="613"/>
      <c r="TWQ718" s="613"/>
      <c r="TWR718" s="613"/>
      <c r="TWS718" s="613"/>
      <c r="TWT718" s="613"/>
      <c r="TWU718" s="613"/>
      <c r="TWV718" s="613"/>
      <c r="TWW718" s="613"/>
      <c r="TWX718" s="613"/>
      <c r="TWY718" s="613"/>
      <c r="TWZ718" s="613"/>
      <c r="TXA718" s="613"/>
      <c r="TXB718" s="613"/>
      <c r="TXC718" s="613"/>
      <c r="TXD718" s="613"/>
      <c r="TXE718" s="613"/>
      <c r="TXF718" s="613"/>
      <c r="TXG718" s="613"/>
      <c r="TXH718" s="613"/>
      <c r="TXI718" s="613"/>
      <c r="TXJ718" s="613"/>
      <c r="TXK718" s="613"/>
      <c r="TXL718" s="613"/>
      <c r="TXM718" s="613"/>
      <c r="TXN718" s="613"/>
      <c r="TXO718" s="613"/>
      <c r="TXP718" s="613"/>
      <c r="TXQ718" s="613"/>
      <c r="TXR718" s="613"/>
      <c r="TXS718" s="613"/>
      <c r="TXT718" s="613"/>
      <c r="TXU718" s="613"/>
      <c r="TXV718" s="613"/>
      <c r="TXW718" s="613"/>
      <c r="TXX718" s="613"/>
      <c r="TXY718" s="613"/>
      <c r="TXZ718" s="613"/>
      <c r="TYA718" s="613"/>
      <c r="TYB718" s="613"/>
      <c r="TYC718" s="613"/>
      <c r="TYD718" s="613"/>
      <c r="TYE718" s="613"/>
      <c r="TYF718" s="613"/>
      <c r="TYG718" s="613"/>
      <c r="TYH718" s="613"/>
      <c r="TYI718" s="613"/>
      <c r="TYJ718" s="613"/>
      <c r="TYK718" s="613"/>
      <c r="TYL718" s="613"/>
      <c r="TYM718" s="613"/>
      <c r="TYN718" s="613"/>
      <c r="TYO718" s="613"/>
      <c r="TYP718" s="613"/>
      <c r="TYQ718" s="613"/>
      <c r="TYR718" s="613"/>
      <c r="TYS718" s="613"/>
      <c r="TYT718" s="613"/>
      <c r="TYU718" s="613"/>
      <c r="TYV718" s="613"/>
      <c r="TYW718" s="613"/>
      <c r="TYX718" s="613"/>
      <c r="TYY718" s="613"/>
      <c r="TYZ718" s="613"/>
      <c r="TZA718" s="613"/>
      <c r="TZB718" s="613"/>
      <c r="TZC718" s="613"/>
      <c r="TZD718" s="613"/>
      <c r="TZE718" s="613"/>
      <c r="TZF718" s="613"/>
      <c r="TZG718" s="613"/>
      <c r="TZH718" s="613"/>
      <c r="TZI718" s="613"/>
      <c r="TZJ718" s="613"/>
      <c r="TZK718" s="613"/>
      <c r="TZL718" s="613"/>
      <c r="TZM718" s="613"/>
      <c r="TZN718" s="613"/>
      <c r="TZO718" s="613"/>
      <c r="TZP718" s="613"/>
      <c r="TZQ718" s="613"/>
      <c r="TZR718" s="613"/>
      <c r="TZS718" s="613"/>
      <c r="TZT718" s="613"/>
      <c r="TZU718" s="613"/>
      <c r="TZV718" s="613"/>
      <c r="TZW718" s="613"/>
      <c r="TZX718" s="613"/>
      <c r="TZY718" s="613"/>
      <c r="TZZ718" s="613"/>
      <c r="UAA718" s="613"/>
      <c r="UAB718" s="613"/>
      <c r="UAC718" s="613"/>
      <c r="UAD718" s="613"/>
      <c r="UAE718" s="613"/>
      <c r="UAF718" s="613"/>
      <c r="UAG718" s="613"/>
      <c r="UAH718" s="613"/>
      <c r="UAI718" s="613"/>
      <c r="UAJ718" s="613"/>
      <c r="UAK718" s="613"/>
      <c r="UAL718" s="613"/>
      <c r="UAM718" s="613"/>
      <c r="UAN718" s="613"/>
      <c r="UAO718" s="613"/>
      <c r="UAP718" s="613"/>
      <c r="UAQ718" s="613"/>
      <c r="UAR718" s="613"/>
      <c r="UAS718" s="613"/>
      <c r="UAT718" s="613"/>
      <c r="UAU718" s="613"/>
      <c r="UAV718" s="613"/>
      <c r="UAW718" s="613"/>
      <c r="UAX718" s="613"/>
      <c r="UAY718" s="613"/>
      <c r="UAZ718" s="613"/>
      <c r="UBA718" s="613"/>
      <c r="UBB718" s="613"/>
      <c r="UBC718" s="613"/>
      <c r="UBD718" s="613"/>
      <c r="UBE718" s="613"/>
      <c r="UBF718" s="613"/>
      <c r="UBG718" s="613"/>
      <c r="UBH718" s="613"/>
      <c r="UBI718" s="613"/>
      <c r="UBJ718" s="613"/>
      <c r="UBK718" s="613"/>
      <c r="UBL718" s="613"/>
      <c r="UBM718" s="613"/>
      <c r="UBN718" s="613"/>
      <c r="UBO718" s="613"/>
      <c r="UBP718" s="613"/>
      <c r="UBQ718" s="613"/>
      <c r="UBR718" s="613"/>
      <c r="UBS718" s="613"/>
      <c r="UBT718" s="613"/>
      <c r="UBU718" s="613"/>
      <c r="UBV718" s="613"/>
      <c r="UBW718" s="613"/>
      <c r="UBX718" s="613"/>
      <c r="UBY718" s="613"/>
      <c r="UBZ718" s="613"/>
      <c r="UCA718" s="613"/>
      <c r="UCB718" s="613"/>
      <c r="UCC718" s="613"/>
      <c r="UCD718" s="613"/>
      <c r="UCE718" s="613"/>
      <c r="UCF718" s="613"/>
      <c r="UCG718" s="613"/>
      <c r="UCH718" s="613"/>
      <c r="UCI718" s="613"/>
      <c r="UCJ718" s="613"/>
      <c r="UCK718" s="613"/>
      <c r="UCL718" s="613"/>
      <c r="UCM718" s="613"/>
      <c r="UCN718" s="613"/>
      <c r="UCO718" s="613"/>
      <c r="UCP718" s="613"/>
      <c r="UCQ718" s="613"/>
      <c r="UCR718" s="613"/>
      <c r="UCS718" s="613"/>
      <c r="UCT718" s="613"/>
      <c r="UCU718" s="613"/>
      <c r="UCV718" s="613"/>
      <c r="UCW718" s="613"/>
      <c r="UCX718" s="613"/>
      <c r="UCY718" s="613"/>
      <c r="UCZ718" s="613"/>
      <c r="UDA718" s="613"/>
      <c r="UDB718" s="613"/>
      <c r="UDC718" s="613"/>
      <c r="UDD718" s="613"/>
      <c r="UDE718" s="613"/>
      <c r="UDF718" s="613"/>
      <c r="UDG718" s="613"/>
      <c r="UDH718" s="613"/>
      <c r="UDI718" s="613"/>
      <c r="UDJ718" s="613"/>
      <c r="UDK718" s="613"/>
      <c r="UDL718" s="613"/>
      <c r="UDM718" s="613"/>
      <c r="UDN718" s="613"/>
      <c r="UDO718" s="613"/>
      <c r="UDP718" s="613"/>
      <c r="UDQ718" s="613"/>
      <c r="UDR718" s="613"/>
      <c r="UDS718" s="613"/>
      <c r="UDT718" s="613"/>
      <c r="UDU718" s="613"/>
      <c r="UDV718" s="613"/>
      <c r="UDW718" s="613"/>
      <c r="UDX718" s="613"/>
      <c r="UDY718" s="613"/>
      <c r="UDZ718" s="613"/>
      <c r="UEA718" s="613"/>
      <c r="UEB718" s="613"/>
      <c r="UEC718" s="613"/>
      <c r="UED718" s="613"/>
      <c r="UEE718" s="613"/>
      <c r="UEF718" s="613"/>
      <c r="UEG718" s="613"/>
      <c r="UEH718" s="613"/>
      <c r="UEI718" s="613"/>
      <c r="UEJ718" s="613"/>
      <c r="UEK718" s="613"/>
      <c r="UEL718" s="613"/>
      <c r="UEM718" s="613"/>
      <c r="UEN718" s="613"/>
      <c r="UEO718" s="613"/>
      <c r="UEP718" s="613"/>
      <c r="UEQ718" s="613"/>
      <c r="UER718" s="613"/>
      <c r="UES718" s="613"/>
      <c r="UET718" s="613"/>
      <c r="UEU718" s="613"/>
      <c r="UEV718" s="613"/>
      <c r="UEW718" s="613"/>
      <c r="UEX718" s="613"/>
      <c r="UEY718" s="613"/>
      <c r="UEZ718" s="613"/>
      <c r="UFA718" s="613"/>
      <c r="UFB718" s="613"/>
      <c r="UFC718" s="613"/>
      <c r="UFD718" s="613"/>
      <c r="UFE718" s="613"/>
      <c r="UFF718" s="613"/>
      <c r="UFG718" s="613"/>
      <c r="UFH718" s="613"/>
      <c r="UFI718" s="613"/>
      <c r="UFJ718" s="613"/>
      <c r="UFK718" s="613"/>
      <c r="UFL718" s="613"/>
      <c r="UFM718" s="613"/>
      <c r="UFN718" s="613"/>
      <c r="UFO718" s="613"/>
      <c r="UFP718" s="613"/>
      <c r="UFQ718" s="613"/>
      <c r="UFR718" s="613"/>
      <c r="UFS718" s="613"/>
      <c r="UFT718" s="613"/>
      <c r="UFU718" s="613"/>
      <c r="UFV718" s="613"/>
      <c r="UFW718" s="613"/>
      <c r="UFX718" s="613"/>
      <c r="UFY718" s="613"/>
      <c r="UFZ718" s="613"/>
      <c r="UGA718" s="613"/>
      <c r="UGB718" s="613"/>
      <c r="UGC718" s="613"/>
      <c r="UGD718" s="613"/>
      <c r="UGE718" s="613"/>
      <c r="UGF718" s="613"/>
      <c r="UGG718" s="613"/>
      <c r="UGH718" s="613"/>
      <c r="UGI718" s="613"/>
      <c r="UGJ718" s="613"/>
      <c r="UGK718" s="613"/>
      <c r="UGL718" s="613"/>
      <c r="UGM718" s="613"/>
      <c r="UGN718" s="613"/>
      <c r="UGO718" s="613"/>
      <c r="UGP718" s="613"/>
      <c r="UGQ718" s="613"/>
      <c r="UGR718" s="613"/>
      <c r="UGS718" s="613"/>
      <c r="UGT718" s="613"/>
      <c r="UGU718" s="613"/>
      <c r="UGV718" s="613"/>
      <c r="UGW718" s="613"/>
      <c r="UGX718" s="613"/>
      <c r="UGY718" s="613"/>
      <c r="UGZ718" s="613"/>
      <c r="UHA718" s="613"/>
      <c r="UHB718" s="613"/>
      <c r="UHC718" s="613"/>
      <c r="UHD718" s="613"/>
      <c r="UHE718" s="613"/>
      <c r="UHF718" s="613"/>
      <c r="UHG718" s="613"/>
      <c r="UHH718" s="613"/>
      <c r="UHI718" s="613"/>
      <c r="UHJ718" s="613"/>
      <c r="UHK718" s="613"/>
      <c r="UHL718" s="613"/>
      <c r="UHM718" s="613"/>
      <c r="UHN718" s="613"/>
      <c r="UHO718" s="613"/>
      <c r="UHP718" s="613"/>
      <c r="UHQ718" s="613"/>
      <c r="UHR718" s="613"/>
      <c r="UHS718" s="613"/>
      <c r="UHT718" s="613"/>
      <c r="UHU718" s="613"/>
      <c r="UHV718" s="613"/>
      <c r="UHW718" s="613"/>
      <c r="UHX718" s="613"/>
      <c r="UHY718" s="613"/>
      <c r="UHZ718" s="613"/>
      <c r="UIA718" s="613"/>
      <c r="UIB718" s="613"/>
      <c r="UIC718" s="613"/>
      <c r="UID718" s="613"/>
      <c r="UIE718" s="613"/>
      <c r="UIF718" s="613"/>
      <c r="UIG718" s="613"/>
      <c r="UIH718" s="613"/>
      <c r="UII718" s="613"/>
      <c r="UIJ718" s="613"/>
      <c r="UIK718" s="613"/>
      <c r="UIL718" s="613"/>
      <c r="UIM718" s="613"/>
      <c r="UIN718" s="613"/>
      <c r="UIO718" s="613"/>
      <c r="UIP718" s="613"/>
      <c r="UIQ718" s="613"/>
      <c r="UIR718" s="613"/>
      <c r="UIS718" s="613"/>
      <c r="UIT718" s="613"/>
      <c r="UIU718" s="613"/>
      <c r="UIV718" s="613"/>
      <c r="UIW718" s="613"/>
      <c r="UIX718" s="613"/>
      <c r="UIY718" s="613"/>
      <c r="UIZ718" s="613"/>
      <c r="UJA718" s="613"/>
      <c r="UJB718" s="613"/>
      <c r="UJC718" s="613"/>
      <c r="UJD718" s="613"/>
      <c r="UJE718" s="613"/>
      <c r="UJF718" s="613"/>
      <c r="UJG718" s="613"/>
      <c r="UJH718" s="613"/>
      <c r="UJI718" s="613"/>
      <c r="UJJ718" s="613"/>
      <c r="UJK718" s="613"/>
      <c r="UJL718" s="613"/>
      <c r="UJM718" s="613"/>
      <c r="UJN718" s="613"/>
      <c r="UJO718" s="613"/>
      <c r="UJP718" s="613"/>
      <c r="UJQ718" s="613"/>
      <c r="UJR718" s="613"/>
      <c r="UJS718" s="613"/>
      <c r="UJT718" s="613"/>
      <c r="UJU718" s="613"/>
      <c r="UJV718" s="613"/>
      <c r="UJW718" s="613"/>
      <c r="UJX718" s="613"/>
      <c r="UJY718" s="613"/>
      <c r="UJZ718" s="613"/>
      <c r="UKA718" s="613"/>
      <c r="UKB718" s="613"/>
      <c r="UKC718" s="613"/>
      <c r="UKD718" s="613"/>
      <c r="UKE718" s="613"/>
      <c r="UKF718" s="613"/>
      <c r="UKG718" s="613"/>
      <c r="UKH718" s="613"/>
      <c r="UKI718" s="613"/>
      <c r="UKJ718" s="613"/>
      <c r="UKK718" s="613"/>
      <c r="UKL718" s="613"/>
      <c r="UKM718" s="613"/>
      <c r="UKN718" s="613"/>
      <c r="UKO718" s="613"/>
      <c r="UKP718" s="613"/>
      <c r="UKQ718" s="613"/>
      <c r="UKR718" s="613"/>
      <c r="UKS718" s="613"/>
      <c r="UKT718" s="613"/>
      <c r="UKU718" s="613"/>
      <c r="UKV718" s="613"/>
      <c r="UKW718" s="613"/>
      <c r="UKX718" s="613"/>
      <c r="UKY718" s="613"/>
      <c r="UKZ718" s="613"/>
      <c r="ULA718" s="613"/>
      <c r="ULB718" s="613"/>
      <c r="ULC718" s="613"/>
      <c r="ULD718" s="613"/>
      <c r="ULE718" s="613"/>
      <c r="ULF718" s="613"/>
      <c r="ULG718" s="613"/>
      <c r="ULH718" s="613"/>
      <c r="ULI718" s="613"/>
      <c r="ULJ718" s="613"/>
      <c r="ULK718" s="613"/>
      <c r="ULL718" s="613"/>
      <c r="ULM718" s="613"/>
      <c r="ULN718" s="613"/>
      <c r="ULO718" s="613"/>
      <c r="ULP718" s="613"/>
      <c r="ULQ718" s="613"/>
      <c r="ULR718" s="613"/>
      <c r="ULS718" s="613"/>
      <c r="ULT718" s="613"/>
      <c r="ULU718" s="613"/>
      <c r="ULV718" s="613"/>
      <c r="ULW718" s="613"/>
      <c r="ULX718" s="613"/>
      <c r="ULY718" s="613"/>
      <c r="ULZ718" s="613"/>
      <c r="UMA718" s="613"/>
      <c r="UMB718" s="613"/>
      <c r="UMC718" s="613"/>
      <c r="UMD718" s="613"/>
      <c r="UME718" s="613"/>
      <c r="UMF718" s="613"/>
      <c r="UMG718" s="613"/>
      <c r="UMH718" s="613"/>
      <c r="UMI718" s="613"/>
      <c r="UMJ718" s="613"/>
      <c r="UMK718" s="613"/>
      <c r="UML718" s="613"/>
      <c r="UMM718" s="613"/>
      <c r="UMN718" s="613"/>
      <c r="UMO718" s="613"/>
      <c r="UMP718" s="613"/>
      <c r="UMQ718" s="613"/>
      <c r="UMR718" s="613"/>
      <c r="UMS718" s="613"/>
      <c r="UMT718" s="613"/>
      <c r="UMU718" s="613"/>
      <c r="UMV718" s="613"/>
      <c r="UMW718" s="613"/>
      <c r="UMX718" s="613"/>
      <c r="UMY718" s="613"/>
      <c r="UMZ718" s="613"/>
      <c r="UNA718" s="613"/>
      <c r="UNB718" s="613"/>
      <c r="UNC718" s="613"/>
      <c r="UND718" s="613"/>
      <c r="UNE718" s="613"/>
      <c r="UNF718" s="613"/>
      <c r="UNG718" s="613"/>
      <c r="UNH718" s="613"/>
      <c r="UNI718" s="613"/>
      <c r="UNJ718" s="613"/>
      <c r="UNK718" s="613"/>
      <c r="UNL718" s="613"/>
      <c r="UNM718" s="613"/>
      <c r="UNN718" s="613"/>
      <c r="UNO718" s="613"/>
      <c r="UNP718" s="613"/>
      <c r="UNQ718" s="613"/>
      <c r="UNR718" s="613"/>
      <c r="UNS718" s="613"/>
      <c r="UNT718" s="613"/>
      <c r="UNU718" s="613"/>
      <c r="UNV718" s="613"/>
      <c r="UNW718" s="613"/>
      <c r="UNX718" s="613"/>
      <c r="UNY718" s="613"/>
      <c r="UNZ718" s="613"/>
      <c r="UOA718" s="613"/>
      <c r="UOB718" s="613"/>
      <c r="UOC718" s="613"/>
      <c r="UOD718" s="613"/>
      <c r="UOE718" s="613"/>
      <c r="UOF718" s="613"/>
      <c r="UOG718" s="613"/>
      <c r="UOH718" s="613"/>
      <c r="UOI718" s="613"/>
      <c r="UOJ718" s="613"/>
      <c r="UOK718" s="613"/>
      <c r="UOL718" s="613"/>
      <c r="UOM718" s="613"/>
      <c r="UON718" s="613"/>
      <c r="UOO718" s="613"/>
      <c r="UOP718" s="613"/>
      <c r="UOQ718" s="613"/>
      <c r="UOR718" s="613"/>
      <c r="UOS718" s="613"/>
      <c r="UOT718" s="613"/>
      <c r="UOU718" s="613"/>
      <c r="UOV718" s="613"/>
      <c r="UOW718" s="613"/>
      <c r="UOX718" s="613"/>
      <c r="UOY718" s="613"/>
      <c r="UOZ718" s="613"/>
      <c r="UPA718" s="613"/>
      <c r="UPB718" s="613"/>
      <c r="UPC718" s="613"/>
      <c r="UPD718" s="613"/>
      <c r="UPE718" s="613"/>
      <c r="UPF718" s="613"/>
      <c r="UPG718" s="613"/>
      <c r="UPH718" s="613"/>
      <c r="UPI718" s="613"/>
      <c r="UPJ718" s="613"/>
      <c r="UPK718" s="613"/>
      <c r="UPL718" s="613"/>
      <c r="UPM718" s="613"/>
      <c r="UPN718" s="613"/>
      <c r="UPO718" s="613"/>
      <c r="UPP718" s="613"/>
      <c r="UPQ718" s="613"/>
      <c r="UPR718" s="613"/>
      <c r="UPS718" s="613"/>
      <c r="UPT718" s="613"/>
      <c r="UPU718" s="613"/>
      <c r="UPV718" s="613"/>
      <c r="UPW718" s="613"/>
      <c r="UPX718" s="613"/>
      <c r="UPY718" s="613"/>
      <c r="UPZ718" s="613"/>
      <c r="UQA718" s="613"/>
      <c r="UQB718" s="613"/>
      <c r="UQC718" s="613"/>
      <c r="UQD718" s="613"/>
      <c r="UQE718" s="613"/>
      <c r="UQF718" s="613"/>
      <c r="UQG718" s="613"/>
      <c r="UQH718" s="613"/>
      <c r="UQI718" s="613"/>
      <c r="UQJ718" s="613"/>
      <c r="UQK718" s="613"/>
      <c r="UQL718" s="613"/>
      <c r="UQM718" s="613"/>
      <c r="UQN718" s="613"/>
      <c r="UQO718" s="613"/>
      <c r="UQP718" s="613"/>
      <c r="UQQ718" s="613"/>
      <c r="UQR718" s="613"/>
      <c r="UQS718" s="613"/>
      <c r="UQT718" s="613"/>
      <c r="UQU718" s="613"/>
      <c r="UQV718" s="613"/>
      <c r="UQW718" s="613"/>
      <c r="UQX718" s="613"/>
      <c r="UQY718" s="613"/>
      <c r="UQZ718" s="613"/>
      <c r="URA718" s="613"/>
      <c r="URB718" s="613"/>
      <c r="URC718" s="613"/>
      <c r="URD718" s="613"/>
      <c r="URE718" s="613"/>
      <c r="URF718" s="613"/>
      <c r="URG718" s="613"/>
      <c r="URH718" s="613"/>
      <c r="URI718" s="613"/>
      <c r="URJ718" s="613"/>
      <c r="URK718" s="613"/>
      <c r="URL718" s="613"/>
      <c r="URM718" s="613"/>
      <c r="URN718" s="613"/>
      <c r="URO718" s="613"/>
      <c r="URP718" s="613"/>
      <c r="URQ718" s="613"/>
      <c r="URR718" s="613"/>
      <c r="URS718" s="613"/>
      <c r="URT718" s="613"/>
      <c r="URU718" s="613"/>
      <c r="URV718" s="613"/>
      <c r="URW718" s="613"/>
      <c r="URX718" s="613"/>
      <c r="URY718" s="613"/>
      <c r="URZ718" s="613"/>
      <c r="USA718" s="613"/>
      <c r="USB718" s="613"/>
      <c r="USC718" s="613"/>
      <c r="USD718" s="613"/>
      <c r="USE718" s="613"/>
      <c r="USF718" s="613"/>
      <c r="USG718" s="613"/>
      <c r="USH718" s="613"/>
      <c r="USI718" s="613"/>
      <c r="USJ718" s="613"/>
      <c r="USK718" s="613"/>
      <c r="USL718" s="613"/>
      <c r="USM718" s="613"/>
      <c r="USN718" s="613"/>
      <c r="USO718" s="613"/>
      <c r="USP718" s="613"/>
      <c r="USQ718" s="613"/>
      <c r="USR718" s="613"/>
      <c r="USS718" s="613"/>
      <c r="UST718" s="613"/>
      <c r="USU718" s="613"/>
      <c r="USV718" s="613"/>
      <c r="USW718" s="613"/>
      <c r="USX718" s="613"/>
      <c r="USY718" s="613"/>
      <c r="USZ718" s="613"/>
      <c r="UTA718" s="613"/>
      <c r="UTB718" s="613"/>
      <c r="UTC718" s="613"/>
      <c r="UTD718" s="613"/>
      <c r="UTE718" s="613"/>
      <c r="UTF718" s="613"/>
      <c r="UTG718" s="613"/>
      <c r="UTH718" s="613"/>
      <c r="UTI718" s="613"/>
      <c r="UTJ718" s="613"/>
      <c r="UTK718" s="613"/>
      <c r="UTL718" s="613"/>
      <c r="UTM718" s="613"/>
      <c r="UTN718" s="613"/>
      <c r="UTO718" s="613"/>
      <c r="UTP718" s="613"/>
      <c r="UTQ718" s="613"/>
      <c r="UTR718" s="613"/>
      <c r="UTS718" s="613"/>
      <c r="UTT718" s="613"/>
      <c r="UTU718" s="613"/>
      <c r="UTV718" s="613"/>
      <c r="UTW718" s="613"/>
      <c r="UTX718" s="613"/>
      <c r="UTY718" s="613"/>
      <c r="UTZ718" s="613"/>
      <c r="UUA718" s="613"/>
      <c r="UUB718" s="613"/>
      <c r="UUC718" s="613"/>
      <c r="UUD718" s="613"/>
      <c r="UUE718" s="613"/>
      <c r="UUF718" s="613"/>
      <c r="UUG718" s="613"/>
      <c r="UUH718" s="613"/>
      <c r="UUI718" s="613"/>
      <c r="UUJ718" s="613"/>
      <c r="UUK718" s="613"/>
      <c r="UUL718" s="613"/>
      <c r="UUM718" s="613"/>
      <c r="UUN718" s="613"/>
      <c r="UUO718" s="613"/>
      <c r="UUP718" s="613"/>
      <c r="UUQ718" s="613"/>
      <c r="UUR718" s="613"/>
      <c r="UUS718" s="613"/>
      <c r="UUT718" s="613"/>
      <c r="UUU718" s="613"/>
      <c r="UUV718" s="613"/>
      <c r="UUW718" s="613"/>
      <c r="UUX718" s="613"/>
      <c r="UUY718" s="613"/>
      <c r="UUZ718" s="613"/>
      <c r="UVA718" s="613"/>
      <c r="UVB718" s="613"/>
      <c r="UVC718" s="613"/>
      <c r="UVD718" s="613"/>
      <c r="UVE718" s="613"/>
      <c r="UVF718" s="613"/>
      <c r="UVG718" s="613"/>
      <c r="UVH718" s="613"/>
      <c r="UVI718" s="613"/>
      <c r="UVJ718" s="613"/>
      <c r="UVK718" s="613"/>
      <c r="UVL718" s="613"/>
      <c r="UVM718" s="613"/>
      <c r="UVN718" s="613"/>
      <c r="UVO718" s="613"/>
      <c r="UVP718" s="613"/>
      <c r="UVQ718" s="613"/>
      <c r="UVR718" s="613"/>
      <c r="UVS718" s="613"/>
      <c r="UVT718" s="613"/>
      <c r="UVU718" s="613"/>
      <c r="UVV718" s="613"/>
      <c r="UVW718" s="613"/>
      <c r="UVX718" s="613"/>
      <c r="UVY718" s="613"/>
      <c r="UVZ718" s="613"/>
      <c r="UWA718" s="613"/>
      <c r="UWB718" s="613"/>
      <c r="UWC718" s="613"/>
      <c r="UWD718" s="613"/>
      <c r="UWE718" s="613"/>
      <c r="UWF718" s="613"/>
      <c r="UWG718" s="613"/>
      <c r="UWH718" s="613"/>
      <c r="UWI718" s="613"/>
      <c r="UWJ718" s="613"/>
      <c r="UWK718" s="613"/>
      <c r="UWL718" s="613"/>
      <c r="UWM718" s="613"/>
      <c r="UWN718" s="613"/>
      <c r="UWO718" s="613"/>
      <c r="UWP718" s="613"/>
      <c r="UWQ718" s="613"/>
      <c r="UWR718" s="613"/>
      <c r="UWS718" s="613"/>
      <c r="UWT718" s="613"/>
      <c r="UWU718" s="613"/>
      <c r="UWV718" s="613"/>
      <c r="UWW718" s="613"/>
      <c r="UWX718" s="613"/>
      <c r="UWY718" s="613"/>
      <c r="UWZ718" s="613"/>
      <c r="UXA718" s="613"/>
      <c r="UXB718" s="613"/>
      <c r="UXC718" s="613"/>
      <c r="UXD718" s="613"/>
      <c r="UXE718" s="613"/>
      <c r="UXF718" s="613"/>
      <c r="UXG718" s="613"/>
      <c r="UXH718" s="613"/>
      <c r="UXI718" s="613"/>
      <c r="UXJ718" s="613"/>
      <c r="UXK718" s="613"/>
      <c r="UXL718" s="613"/>
      <c r="UXM718" s="613"/>
      <c r="UXN718" s="613"/>
      <c r="UXO718" s="613"/>
      <c r="UXP718" s="613"/>
      <c r="UXQ718" s="613"/>
      <c r="UXR718" s="613"/>
      <c r="UXS718" s="613"/>
      <c r="UXT718" s="613"/>
      <c r="UXU718" s="613"/>
      <c r="UXV718" s="613"/>
      <c r="UXW718" s="613"/>
      <c r="UXX718" s="613"/>
      <c r="UXY718" s="613"/>
      <c r="UXZ718" s="613"/>
      <c r="UYA718" s="613"/>
      <c r="UYB718" s="613"/>
      <c r="UYC718" s="613"/>
      <c r="UYD718" s="613"/>
      <c r="UYE718" s="613"/>
      <c r="UYF718" s="613"/>
      <c r="UYG718" s="613"/>
      <c r="UYH718" s="613"/>
      <c r="UYI718" s="613"/>
      <c r="UYJ718" s="613"/>
      <c r="UYK718" s="613"/>
      <c r="UYL718" s="613"/>
      <c r="UYM718" s="613"/>
      <c r="UYN718" s="613"/>
      <c r="UYO718" s="613"/>
      <c r="UYP718" s="613"/>
      <c r="UYQ718" s="613"/>
      <c r="UYR718" s="613"/>
      <c r="UYS718" s="613"/>
      <c r="UYT718" s="613"/>
      <c r="UYU718" s="613"/>
      <c r="UYV718" s="613"/>
      <c r="UYW718" s="613"/>
      <c r="UYX718" s="613"/>
      <c r="UYY718" s="613"/>
      <c r="UYZ718" s="613"/>
      <c r="UZA718" s="613"/>
      <c r="UZB718" s="613"/>
      <c r="UZC718" s="613"/>
      <c r="UZD718" s="613"/>
      <c r="UZE718" s="613"/>
      <c r="UZF718" s="613"/>
      <c r="UZG718" s="613"/>
      <c r="UZH718" s="613"/>
      <c r="UZI718" s="613"/>
      <c r="UZJ718" s="613"/>
      <c r="UZK718" s="613"/>
      <c r="UZL718" s="613"/>
      <c r="UZM718" s="613"/>
      <c r="UZN718" s="613"/>
      <c r="UZO718" s="613"/>
      <c r="UZP718" s="613"/>
      <c r="UZQ718" s="613"/>
      <c r="UZR718" s="613"/>
      <c r="UZS718" s="613"/>
      <c r="UZT718" s="613"/>
      <c r="UZU718" s="613"/>
      <c r="UZV718" s="613"/>
      <c r="UZW718" s="613"/>
      <c r="UZX718" s="613"/>
      <c r="UZY718" s="613"/>
      <c r="UZZ718" s="613"/>
      <c r="VAA718" s="613"/>
      <c r="VAB718" s="613"/>
      <c r="VAC718" s="613"/>
      <c r="VAD718" s="613"/>
      <c r="VAE718" s="613"/>
      <c r="VAF718" s="613"/>
      <c r="VAG718" s="613"/>
      <c r="VAH718" s="613"/>
      <c r="VAI718" s="613"/>
      <c r="VAJ718" s="613"/>
      <c r="VAK718" s="613"/>
      <c r="VAL718" s="613"/>
      <c r="VAM718" s="613"/>
      <c r="VAN718" s="613"/>
      <c r="VAO718" s="613"/>
      <c r="VAP718" s="613"/>
      <c r="VAQ718" s="613"/>
      <c r="VAR718" s="613"/>
      <c r="VAS718" s="613"/>
      <c r="VAT718" s="613"/>
      <c r="VAU718" s="613"/>
      <c r="VAV718" s="613"/>
      <c r="VAW718" s="613"/>
      <c r="VAX718" s="613"/>
      <c r="VAY718" s="613"/>
      <c r="VAZ718" s="613"/>
      <c r="VBA718" s="613"/>
      <c r="VBB718" s="613"/>
      <c r="VBC718" s="613"/>
      <c r="VBD718" s="613"/>
      <c r="VBE718" s="613"/>
      <c r="VBF718" s="613"/>
      <c r="VBG718" s="613"/>
      <c r="VBH718" s="613"/>
      <c r="VBI718" s="613"/>
      <c r="VBJ718" s="613"/>
      <c r="VBK718" s="613"/>
      <c r="VBL718" s="613"/>
      <c r="VBM718" s="613"/>
      <c r="VBN718" s="613"/>
      <c r="VBO718" s="613"/>
      <c r="VBP718" s="613"/>
      <c r="VBQ718" s="613"/>
      <c r="VBR718" s="613"/>
      <c r="VBS718" s="613"/>
      <c r="VBT718" s="613"/>
      <c r="VBU718" s="613"/>
      <c r="VBV718" s="613"/>
      <c r="VBW718" s="613"/>
      <c r="VBX718" s="613"/>
      <c r="VBY718" s="613"/>
      <c r="VBZ718" s="613"/>
      <c r="VCA718" s="613"/>
      <c r="VCB718" s="613"/>
      <c r="VCC718" s="613"/>
      <c r="VCD718" s="613"/>
      <c r="VCE718" s="613"/>
      <c r="VCF718" s="613"/>
      <c r="VCG718" s="613"/>
      <c r="VCH718" s="613"/>
      <c r="VCI718" s="613"/>
      <c r="VCJ718" s="613"/>
      <c r="VCK718" s="613"/>
      <c r="VCL718" s="613"/>
      <c r="VCM718" s="613"/>
      <c r="VCN718" s="613"/>
      <c r="VCO718" s="613"/>
      <c r="VCP718" s="613"/>
      <c r="VCQ718" s="613"/>
      <c r="VCR718" s="613"/>
      <c r="VCS718" s="613"/>
      <c r="VCT718" s="613"/>
      <c r="VCU718" s="613"/>
      <c r="VCV718" s="613"/>
      <c r="VCW718" s="613"/>
      <c r="VCX718" s="613"/>
      <c r="VCY718" s="613"/>
      <c r="VCZ718" s="613"/>
      <c r="VDA718" s="613"/>
      <c r="VDB718" s="613"/>
      <c r="VDC718" s="613"/>
      <c r="VDD718" s="613"/>
      <c r="VDE718" s="613"/>
      <c r="VDF718" s="613"/>
      <c r="VDG718" s="613"/>
      <c r="VDH718" s="613"/>
      <c r="VDI718" s="613"/>
      <c r="VDJ718" s="613"/>
      <c r="VDK718" s="613"/>
      <c r="VDL718" s="613"/>
      <c r="VDM718" s="613"/>
      <c r="VDN718" s="613"/>
      <c r="VDO718" s="613"/>
      <c r="VDP718" s="613"/>
      <c r="VDQ718" s="613"/>
      <c r="VDR718" s="613"/>
      <c r="VDS718" s="613"/>
      <c r="VDT718" s="613"/>
      <c r="VDU718" s="613"/>
      <c r="VDV718" s="613"/>
      <c r="VDW718" s="613"/>
      <c r="VDX718" s="613"/>
      <c r="VDY718" s="613"/>
      <c r="VDZ718" s="613"/>
      <c r="VEA718" s="613"/>
      <c r="VEB718" s="613"/>
      <c r="VEC718" s="613"/>
      <c r="VED718" s="613"/>
      <c r="VEE718" s="613"/>
      <c r="VEF718" s="613"/>
      <c r="VEG718" s="613"/>
      <c r="VEH718" s="613"/>
      <c r="VEI718" s="613"/>
      <c r="VEJ718" s="613"/>
      <c r="VEK718" s="613"/>
      <c r="VEL718" s="613"/>
      <c r="VEM718" s="613"/>
      <c r="VEN718" s="613"/>
      <c r="VEO718" s="613"/>
      <c r="VEP718" s="613"/>
      <c r="VEQ718" s="613"/>
      <c r="VER718" s="613"/>
      <c r="VES718" s="613"/>
      <c r="VET718" s="613"/>
      <c r="VEU718" s="613"/>
      <c r="VEV718" s="613"/>
      <c r="VEW718" s="613"/>
      <c r="VEX718" s="613"/>
      <c r="VEY718" s="613"/>
      <c r="VEZ718" s="613"/>
      <c r="VFA718" s="613"/>
      <c r="VFB718" s="613"/>
      <c r="VFC718" s="613"/>
      <c r="VFD718" s="613"/>
      <c r="VFE718" s="613"/>
      <c r="VFF718" s="613"/>
      <c r="VFG718" s="613"/>
      <c r="VFH718" s="613"/>
      <c r="VFI718" s="613"/>
      <c r="VFJ718" s="613"/>
      <c r="VFK718" s="613"/>
      <c r="VFL718" s="613"/>
      <c r="VFM718" s="613"/>
      <c r="VFN718" s="613"/>
      <c r="VFO718" s="613"/>
      <c r="VFP718" s="613"/>
      <c r="VFQ718" s="613"/>
      <c r="VFR718" s="613"/>
      <c r="VFS718" s="613"/>
      <c r="VFT718" s="613"/>
      <c r="VFU718" s="613"/>
      <c r="VFV718" s="613"/>
      <c r="VFW718" s="613"/>
      <c r="VFX718" s="613"/>
      <c r="VFY718" s="613"/>
      <c r="VFZ718" s="613"/>
      <c r="VGA718" s="613"/>
      <c r="VGB718" s="613"/>
      <c r="VGC718" s="613"/>
      <c r="VGD718" s="613"/>
      <c r="VGE718" s="613"/>
      <c r="VGF718" s="613"/>
      <c r="VGG718" s="613"/>
      <c r="VGH718" s="613"/>
      <c r="VGI718" s="613"/>
      <c r="VGJ718" s="613"/>
      <c r="VGK718" s="613"/>
      <c r="VGL718" s="613"/>
      <c r="VGM718" s="613"/>
      <c r="VGN718" s="613"/>
      <c r="VGO718" s="613"/>
      <c r="VGP718" s="613"/>
      <c r="VGQ718" s="613"/>
      <c r="VGR718" s="613"/>
      <c r="VGS718" s="613"/>
      <c r="VGT718" s="613"/>
      <c r="VGU718" s="613"/>
      <c r="VGV718" s="613"/>
      <c r="VGW718" s="613"/>
      <c r="VGX718" s="613"/>
      <c r="VGY718" s="613"/>
      <c r="VGZ718" s="613"/>
      <c r="VHA718" s="613"/>
      <c r="VHB718" s="613"/>
      <c r="VHC718" s="613"/>
      <c r="VHD718" s="613"/>
      <c r="VHE718" s="613"/>
      <c r="VHF718" s="613"/>
      <c r="VHG718" s="613"/>
      <c r="VHH718" s="613"/>
      <c r="VHI718" s="613"/>
      <c r="VHJ718" s="613"/>
      <c r="VHK718" s="613"/>
      <c r="VHL718" s="613"/>
      <c r="VHM718" s="613"/>
      <c r="VHN718" s="613"/>
      <c r="VHO718" s="613"/>
      <c r="VHP718" s="613"/>
      <c r="VHQ718" s="613"/>
      <c r="VHR718" s="613"/>
      <c r="VHS718" s="613"/>
      <c r="VHT718" s="613"/>
      <c r="VHU718" s="613"/>
      <c r="VHV718" s="613"/>
      <c r="VHW718" s="613"/>
      <c r="VHX718" s="613"/>
      <c r="VHY718" s="613"/>
      <c r="VHZ718" s="613"/>
      <c r="VIA718" s="613"/>
      <c r="VIB718" s="613"/>
      <c r="VIC718" s="613"/>
      <c r="VID718" s="613"/>
      <c r="VIE718" s="613"/>
      <c r="VIF718" s="613"/>
      <c r="VIG718" s="613"/>
      <c r="VIH718" s="613"/>
      <c r="VII718" s="613"/>
      <c r="VIJ718" s="613"/>
      <c r="VIK718" s="613"/>
      <c r="VIL718" s="613"/>
      <c r="VIM718" s="613"/>
      <c r="VIN718" s="613"/>
      <c r="VIO718" s="613"/>
      <c r="VIP718" s="613"/>
      <c r="VIQ718" s="613"/>
      <c r="VIR718" s="613"/>
      <c r="VIS718" s="613"/>
      <c r="VIT718" s="613"/>
      <c r="VIU718" s="613"/>
      <c r="VIV718" s="613"/>
      <c r="VIW718" s="613"/>
      <c r="VIX718" s="613"/>
      <c r="VIY718" s="613"/>
      <c r="VIZ718" s="613"/>
      <c r="VJA718" s="613"/>
      <c r="VJB718" s="613"/>
      <c r="VJC718" s="613"/>
      <c r="VJD718" s="613"/>
      <c r="VJE718" s="613"/>
      <c r="VJF718" s="613"/>
      <c r="VJG718" s="613"/>
      <c r="VJH718" s="613"/>
      <c r="VJI718" s="613"/>
      <c r="VJJ718" s="613"/>
      <c r="VJK718" s="613"/>
      <c r="VJL718" s="613"/>
      <c r="VJM718" s="613"/>
      <c r="VJN718" s="613"/>
      <c r="VJO718" s="613"/>
      <c r="VJP718" s="613"/>
      <c r="VJQ718" s="613"/>
      <c r="VJR718" s="613"/>
      <c r="VJS718" s="613"/>
      <c r="VJT718" s="613"/>
      <c r="VJU718" s="613"/>
      <c r="VJV718" s="613"/>
      <c r="VJW718" s="613"/>
      <c r="VJX718" s="613"/>
      <c r="VJY718" s="613"/>
      <c r="VJZ718" s="613"/>
      <c r="VKA718" s="613"/>
      <c r="VKB718" s="613"/>
      <c r="VKC718" s="613"/>
      <c r="VKD718" s="613"/>
      <c r="VKE718" s="613"/>
      <c r="VKF718" s="613"/>
      <c r="VKG718" s="613"/>
      <c r="VKH718" s="613"/>
      <c r="VKI718" s="613"/>
      <c r="VKJ718" s="613"/>
      <c r="VKK718" s="613"/>
      <c r="VKL718" s="613"/>
      <c r="VKM718" s="613"/>
      <c r="VKN718" s="613"/>
      <c r="VKO718" s="613"/>
      <c r="VKP718" s="613"/>
      <c r="VKQ718" s="613"/>
      <c r="VKR718" s="613"/>
      <c r="VKS718" s="613"/>
      <c r="VKT718" s="613"/>
      <c r="VKU718" s="613"/>
      <c r="VKV718" s="613"/>
      <c r="VKW718" s="613"/>
      <c r="VKX718" s="613"/>
      <c r="VKY718" s="613"/>
      <c r="VKZ718" s="613"/>
      <c r="VLA718" s="613"/>
      <c r="VLB718" s="613"/>
      <c r="VLC718" s="613"/>
      <c r="VLD718" s="613"/>
      <c r="VLE718" s="613"/>
      <c r="VLF718" s="613"/>
      <c r="VLG718" s="613"/>
      <c r="VLH718" s="613"/>
      <c r="VLI718" s="613"/>
      <c r="VLJ718" s="613"/>
      <c r="VLK718" s="613"/>
      <c r="VLL718" s="613"/>
      <c r="VLM718" s="613"/>
      <c r="VLN718" s="613"/>
      <c r="VLO718" s="613"/>
      <c r="VLP718" s="613"/>
      <c r="VLQ718" s="613"/>
      <c r="VLR718" s="613"/>
      <c r="VLS718" s="613"/>
      <c r="VLT718" s="613"/>
      <c r="VLU718" s="613"/>
      <c r="VLV718" s="613"/>
      <c r="VLW718" s="613"/>
      <c r="VLX718" s="613"/>
      <c r="VLY718" s="613"/>
      <c r="VLZ718" s="613"/>
      <c r="VMA718" s="613"/>
      <c r="VMB718" s="613"/>
      <c r="VMC718" s="613"/>
      <c r="VMD718" s="613"/>
      <c r="VME718" s="613"/>
      <c r="VMF718" s="613"/>
      <c r="VMG718" s="613"/>
      <c r="VMH718" s="613"/>
      <c r="VMI718" s="613"/>
      <c r="VMJ718" s="613"/>
      <c r="VMK718" s="613"/>
      <c r="VML718" s="613"/>
      <c r="VMM718" s="613"/>
      <c r="VMN718" s="613"/>
      <c r="VMO718" s="613"/>
      <c r="VMP718" s="613"/>
      <c r="VMQ718" s="613"/>
      <c r="VMR718" s="613"/>
      <c r="VMS718" s="613"/>
      <c r="VMT718" s="613"/>
      <c r="VMU718" s="613"/>
      <c r="VMV718" s="613"/>
      <c r="VMW718" s="613"/>
      <c r="VMX718" s="613"/>
      <c r="VMY718" s="613"/>
      <c r="VMZ718" s="613"/>
      <c r="VNA718" s="613"/>
      <c r="VNB718" s="613"/>
      <c r="VNC718" s="613"/>
      <c r="VND718" s="613"/>
      <c r="VNE718" s="613"/>
      <c r="VNF718" s="613"/>
      <c r="VNG718" s="613"/>
      <c r="VNH718" s="613"/>
      <c r="VNI718" s="613"/>
      <c r="VNJ718" s="613"/>
      <c r="VNK718" s="613"/>
      <c r="VNL718" s="613"/>
      <c r="VNM718" s="613"/>
      <c r="VNN718" s="613"/>
      <c r="VNO718" s="613"/>
      <c r="VNP718" s="613"/>
      <c r="VNQ718" s="613"/>
      <c r="VNR718" s="613"/>
      <c r="VNS718" s="613"/>
      <c r="VNT718" s="613"/>
      <c r="VNU718" s="613"/>
      <c r="VNV718" s="613"/>
      <c r="VNW718" s="613"/>
      <c r="VNX718" s="613"/>
      <c r="VNY718" s="613"/>
      <c r="VNZ718" s="613"/>
      <c r="VOA718" s="613"/>
      <c r="VOB718" s="613"/>
      <c r="VOC718" s="613"/>
      <c r="VOD718" s="613"/>
      <c r="VOE718" s="613"/>
      <c r="VOF718" s="613"/>
      <c r="VOG718" s="613"/>
      <c r="VOH718" s="613"/>
      <c r="VOI718" s="613"/>
      <c r="VOJ718" s="613"/>
      <c r="VOK718" s="613"/>
      <c r="VOL718" s="613"/>
      <c r="VOM718" s="613"/>
      <c r="VON718" s="613"/>
      <c r="VOO718" s="613"/>
      <c r="VOP718" s="613"/>
      <c r="VOQ718" s="613"/>
      <c r="VOR718" s="613"/>
      <c r="VOS718" s="613"/>
      <c r="VOT718" s="613"/>
      <c r="VOU718" s="613"/>
      <c r="VOV718" s="613"/>
      <c r="VOW718" s="613"/>
      <c r="VOX718" s="613"/>
      <c r="VOY718" s="613"/>
      <c r="VOZ718" s="613"/>
      <c r="VPA718" s="613"/>
      <c r="VPB718" s="613"/>
      <c r="VPC718" s="613"/>
      <c r="VPD718" s="613"/>
      <c r="VPE718" s="613"/>
      <c r="VPF718" s="613"/>
      <c r="VPG718" s="613"/>
      <c r="VPH718" s="613"/>
      <c r="VPI718" s="613"/>
      <c r="VPJ718" s="613"/>
      <c r="VPK718" s="613"/>
      <c r="VPL718" s="613"/>
      <c r="VPM718" s="613"/>
      <c r="VPN718" s="613"/>
      <c r="VPO718" s="613"/>
      <c r="VPP718" s="613"/>
      <c r="VPQ718" s="613"/>
      <c r="VPR718" s="613"/>
      <c r="VPS718" s="613"/>
      <c r="VPT718" s="613"/>
      <c r="VPU718" s="613"/>
      <c r="VPV718" s="613"/>
      <c r="VPW718" s="613"/>
      <c r="VPX718" s="613"/>
      <c r="VPY718" s="613"/>
      <c r="VPZ718" s="613"/>
      <c r="VQA718" s="613"/>
      <c r="VQB718" s="613"/>
      <c r="VQC718" s="613"/>
      <c r="VQD718" s="613"/>
      <c r="VQE718" s="613"/>
      <c r="VQF718" s="613"/>
      <c r="VQG718" s="613"/>
      <c r="VQH718" s="613"/>
      <c r="VQI718" s="613"/>
      <c r="VQJ718" s="613"/>
      <c r="VQK718" s="613"/>
      <c r="VQL718" s="613"/>
      <c r="VQM718" s="613"/>
      <c r="VQN718" s="613"/>
      <c r="VQO718" s="613"/>
      <c r="VQP718" s="613"/>
      <c r="VQQ718" s="613"/>
      <c r="VQR718" s="613"/>
      <c r="VQS718" s="613"/>
      <c r="VQT718" s="613"/>
      <c r="VQU718" s="613"/>
      <c r="VQV718" s="613"/>
      <c r="VQW718" s="613"/>
      <c r="VQX718" s="613"/>
      <c r="VQY718" s="613"/>
      <c r="VQZ718" s="613"/>
      <c r="VRA718" s="613"/>
      <c r="VRB718" s="613"/>
      <c r="VRC718" s="613"/>
      <c r="VRD718" s="613"/>
      <c r="VRE718" s="613"/>
      <c r="VRF718" s="613"/>
      <c r="VRG718" s="613"/>
      <c r="VRH718" s="613"/>
      <c r="VRI718" s="613"/>
      <c r="VRJ718" s="613"/>
      <c r="VRK718" s="613"/>
      <c r="VRL718" s="613"/>
      <c r="VRM718" s="613"/>
      <c r="VRN718" s="613"/>
      <c r="VRO718" s="613"/>
      <c r="VRP718" s="613"/>
      <c r="VRQ718" s="613"/>
      <c r="VRR718" s="613"/>
      <c r="VRS718" s="613"/>
      <c r="VRT718" s="613"/>
      <c r="VRU718" s="613"/>
      <c r="VRV718" s="613"/>
      <c r="VRW718" s="613"/>
      <c r="VRX718" s="613"/>
      <c r="VRY718" s="613"/>
      <c r="VRZ718" s="613"/>
      <c r="VSA718" s="613"/>
      <c r="VSB718" s="613"/>
      <c r="VSC718" s="613"/>
      <c r="VSD718" s="613"/>
      <c r="VSE718" s="613"/>
      <c r="VSF718" s="613"/>
      <c r="VSG718" s="613"/>
      <c r="VSH718" s="613"/>
      <c r="VSI718" s="613"/>
      <c r="VSJ718" s="613"/>
      <c r="VSK718" s="613"/>
      <c r="VSL718" s="613"/>
      <c r="VSM718" s="613"/>
      <c r="VSN718" s="613"/>
      <c r="VSO718" s="613"/>
      <c r="VSP718" s="613"/>
      <c r="VSQ718" s="613"/>
      <c r="VSR718" s="613"/>
      <c r="VSS718" s="613"/>
      <c r="VST718" s="613"/>
      <c r="VSU718" s="613"/>
      <c r="VSV718" s="613"/>
      <c r="VSW718" s="613"/>
      <c r="VSX718" s="613"/>
      <c r="VSY718" s="613"/>
      <c r="VSZ718" s="613"/>
      <c r="VTA718" s="613"/>
      <c r="VTB718" s="613"/>
      <c r="VTC718" s="613"/>
      <c r="VTD718" s="613"/>
      <c r="VTE718" s="613"/>
      <c r="VTF718" s="613"/>
      <c r="VTG718" s="613"/>
      <c r="VTH718" s="613"/>
      <c r="VTI718" s="613"/>
      <c r="VTJ718" s="613"/>
      <c r="VTK718" s="613"/>
      <c r="VTL718" s="613"/>
      <c r="VTM718" s="613"/>
      <c r="VTN718" s="613"/>
      <c r="VTO718" s="613"/>
      <c r="VTP718" s="613"/>
      <c r="VTQ718" s="613"/>
      <c r="VTR718" s="613"/>
      <c r="VTS718" s="613"/>
      <c r="VTT718" s="613"/>
      <c r="VTU718" s="613"/>
      <c r="VTV718" s="613"/>
      <c r="VTW718" s="613"/>
      <c r="VTX718" s="613"/>
      <c r="VTY718" s="613"/>
      <c r="VTZ718" s="613"/>
      <c r="VUA718" s="613"/>
      <c r="VUB718" s="613"/>
      <c r="VUC718" s="613"/>
      <c r="VUD718" s="613"/>
      <c r="VUE718" s="613"/>
      <c r="VUF718" s="613"/>
      <c r="VUG718" s="613"/>
      <c r="VUH718" s="613"/>
      <c r="VUI718" s="613"/>
      <c r="VUJ718" s="613"/>
      <c r="VUK718" s="613"/>
      <c r="VUL718" s="613"/>
      <c r="VUM718" s="613"/>
      <c r="VUN718" s="613"/>
      <c r="VUO718" s="613"/>
      <c r="VUP718" s="613"/>
      <c r="VUQ718" s="613"/>
      <c r="VUR718" s="613"/>
      <c r="VUS718" s="613"/>
      <c r="VUT718" s="613"/>
      <c r="VUU718" s="613"/>
      <c r="VUV718" s="613"/>
      <c r="VUW718" s="613"/>
      <c r="VUX718" s="613"/>
      <c r="VUY718" s="613"/>
      <c r="VUZ718" s="613"/>
      <c r="VVA718" s="613"/>
      <c r="VVB718" s="613"/>
      <c r="VVC718" s="613"/>
      <c r="VVD718" s="613"/>
      <c r="VVE718" s="613"/>
      <c r="VVF718" s="613"/>
      <c r="VVG718" s="613"/>
      <c r="VVH718" s="613"/>
      <c r="VVI718" s="613"/>
      <c r="VVJ718" s="613"/>
      <c r="VVK718" s="613"/>
      <c r="VVL718" s="613"/>
      <c r="VVM718" s="613"/>
      <c r="VVN718" s="613"/>
      <c r="VVO718" s="613"/>
      <c r="VVP718" s="613"/>
      <c r="VVQ718" s="613"/>
      <c r="VVR718" s="613"/>
      <c r="VVS718" s="613"/>
      <c r="VVT718" s="613"/>
      <c r="VVU718" s="613"/>
      <c r="VVV718" s="613"/>
      <c r="VVW718" s="613"/>
      <c r="VVX718" s="613"/>
      <c r="VVY718" s="613"/>
      <c r="VVZ718" s="613"/>
      <c r="VWA718" s="613"/>
      <c r="VWB718" s="613"/>
      <c r="VWC718" s="613"/>
      <c r="VWD718" s="613"/>
      <c r="VWE718" s="613"/>
      <c r="VWF718" s="613"/>
      <c r="VWG718" s="613"/>
      <c r="VWH718" s="613"/>
      <c r="VWI718" s="613"/>
      <c r="VWJ718" s="613"/>
      <c r="VWK718" s="613"/>
      <c r="VWL718" s="613"/>
      <c r="VWM718" s="613"/>
      <c r="VWN718" s="613"/>
      <c r="VWO718" s="613"/>
      <c r="VWP718" s="613"/>
      <c r="VWQ718" s="613"/>
      <c r="VWR718" s="613"/>
      <c r="VWS718" s="613"/>
      <c r="VWT718" s="613"/>
      <c r="VWU718" s="613"/>
      <c r="VWV718" s="613"/>
      <c r="VWW718" s="613"/>
      <c r="VWX718" s="613"/>
      <c r="VWY718" s="613"/>
      <c r="VWZ718" s="613"/>
      <c r="VXA718" s="613"/>
      <c r="VXB718" s="613"/>
      <c r="VXC718" s="613"/>
      <c r="VXD718" s="613"/>
      <c r="VXE718" s="613"/>
      <c r="VXF718" s="613"/>
      <c r="VXG718" s="613"/>
      <c r="VXH718" s="613"/>
      <c r="VXI718" s="613"/>
      <c r="VXJ718" s="613"/>
      <c r="VXK718" s="613"/>
      <c r="VXL718" s="613"/>
      <c r="VXM718" s="613"/>
      <c r="VXN718" s="613"/>
      <c r="VXO718" s="613"/>
      <c r="VXP718" s="613"/>
      <c r="VXQ718" s="613"/>
      <c r="VXR718" s="613"/>
      <c r="VXS718" s="613"/>
      <c r="VXT718" s="613"/>
      <c r="VXU718" s="613"/>
      <c r="VXV718" s="613"/>
      <c r="VXW718" s="613"/>
      <c r="VXX718" s="613"/>
      <c r="VXY718" s="613"/>
      <c r="VXZ718" s="613"/>
      <c r="VYA718" s="613"/>
      <c r="VYB718" s="613"/>
      <c r="VYC718" s="613"/>
      <c r="VYD718" s="613"/>
      <c r="VYE718" s="613"/>
      <c r="VYF718" s="613"/>
      <c r="VYG718" s="613"/>
      <c r="VYH718" s="613"/>
      <c r="VYI718" s="613"/>
      <c r="VYJ718" s="613"/>
      <c r="VYK718" s="613"/>
      <c r="VYL718" s="613"/>
      <c r="VYM718" s="613"/>
      <c r="VYN718" s="613"/>
      <c r="VYO718" s="613"/>
      <c r="VYP718" s="613"/>
      <c r="VYQ718" s="613"/>
      <c r="VYR718" s="613"/>
      <c r="VYS718" s="613"/>
      <c r="VYT718" s="613"/>
      <c r="VYU718" s="613"/>
      <c r="VYV718" s="613"/>
      <c r="VYW718" s="613"/>
      <c r="VYX718" s="613"/>
      <c r="VYY718" s="613"/>
      <c r="VYZ718" s="613"/>
      <c r="VZA718" s="613"/>
      <c r="VZB718" s="613"/>
      <c r="VZC718" s="613"/>
      <c r="VZD718" s="613"/>
      <c r="VZE718" s="613"/>
      <c r="VZF718" s="613"/>
      <c r="VZG718" s="613"/>
      <c r="VZH718" s="613"/>
      <c r="VZI718" s="613"/>
      <c r="VZJ718" s="613"/>
      <c r="VZK718" s="613"/>
      <c r="VZL718" s="613"/>
      <c r="VZM718" s="613"/>
      <c r="VZN718" s="613"/>
      <c r="VZO718" s="613"/>
      <c r="VZP718" s="613"/>
      <c r="VZQ718" s="613"/>
      <c r="VZR718" s="613"/>
      <c r="VZS718" s="613"/>
      <c r="VZT718" s="613"/>
      <c r="VZU718" s="613"/>
      <c r="VZV718" s="613"/>
      <c r="VZW718" s="613"/>
      <c r="VZX718" s="613"/>
      <c r="VZY718" s="613"/>
      <c r="VZZ718" s="613"/>
      <c r="WAA718" s="613"/>
      <c r="WAB718" s="613"/>
      <c r="WAC718" s="613"/>
      <c r="WAD718" s="613"/>
      <c r="WAE718" s="613"/>
      <c r="WAF718" s="613"/>
      <c r="WAG718" s="613"/>
      <c r="WAH718" s="613"/>
      <c r="WAI718" s="613"/>
      <c r="WAJ718" s="613"/>
      <c r="WAK718" s="613"/>
      <c r="WAL718" s="613"/>
      <c r="WAM718" s="613"/>
      <c r="WAN718" s="613"/>
      <c r="WAO718" s="613"/>
      <c r="WAP718" s="613"/>
      <c r="WAQ718" s="613"/>
      <c r="WAR718" s="613"/>
      <c r="WAS718" s="613"/>
      <c r="WAT718" s="613"/>
      <c r="WAU718" s="613"/>
      <c r="WAV718" s="613"/>
      <c r="WAW718" s="613"/>
      <c r="WAX718" s="613"/>
      <c r="WAY718" s="613"/>
      <c r="WAZ718" s="613"/>
      <c r="WBA718" s="613"/>
      <c r="WBB718" s="613"/>
      <c r="WBC718" s="613"/>
      <c r="WBD718" s="613"/>
      <c r="WBE718" s="613"/>
      <c r="WBF718" s="613"/>
      <c r="WBG718" s="613"/>
      <c r="WBH718" s="613"/>
      <c r="WBI718" s="613"/>
      <c r="WBJ718" s="613"/>
      <c r="WBK718" s="613"/>
      <c r="WBL718" s="613"/>
      <c r="WBM718" s="613"/>
      <c r="WBN718" s="613"/>
      <c r="WBO718" s="613"/>
      <c r="WBP718" s="613"/>
      <c r="WBQ718" s="613"/>
      <c r="WBR718" s="613"/>
      <c r="WBS718" s="613"/>
      <c r="WBT718" s="613"/>
      <c r="WBU718" s="613"/>
      <c r="WBV718" s="613"/>
      <c r="WBW718" s="613"/>
      <c r="WBX718" s="613"/>
      <c r="WBY718" s="613"/>
      <c r="WBZ718" s="613"/>
      <c r="WCA718" s="613"/>
      <c r="WCB718" s="613"/>
      <c r="WCC718" s="613"/>
      <c r="WCD718" s="613"/>
      <c r="WCE718" s="613"/>
      <c r="WCF718" s="613"/>
      <c r="WCG718" s="613"/>
      <c r="WCH718" s="613"/>
      <c r="WCI718" s="613"/>
      <c r="WCJ718" s="613"/>
      <c r="WCK718" s="613"/>
      <c r="WCL718" s="613"/>
      <c r="WCM718" s="613"/>
      <c r="WCN718" s="613"/>
      <c r="WCO718" s="613"/>
      <c r="WCP718" s="613"/>
      <c r="WCQ718" s="613"/>
      <c r="WCR718" s="613"/>
      <c r="WCS718" s="613"/>
      <c r="WCT718" s="613"/>
      <c r="WCU718" s="613"/>
      <c r="WCV718" s="613"/>
      <c r="WCW718" s="613"/>
      <c r="WCX718" s="613"/>
      <c r="WCY718" s="613"/>
      <c r="WCZ718" s="613"/>
      <c r="WDA718" s="613"/>
      <c r="WDB718" s="613"/>
      <c r="WDC718" s="613"/>
      <c r="WDD718" s="613"/>
      <c r="WDE718" s="613"/>
      <c r="WDF718" s="613"/>
      <c r="WDG718" s="613"/>
      <c r="WDH718" s="613"/>
      <c r="WDI718" s="613"/>
      <c r="WDJ718" s="613"/>
      <c r="WDK718" s="613"/>
      <c r="WDL718" s="613"/>
      <c r="WDM718" s="613"/>
      <c r="WDN718" s="613"/>
      <c r="WDO718" s="613"/>
      <c r="WDP718" s="613"/>
      <c r="WDQ718" s="613"/>
      <c r="WDR718" s="613"/>
      <c r="WDS718" s="613"/>
      <c r="WDT718" s="613"/>
      <c r="WDU718" s="613"/>
      <c r="WDV718" s="613"/>
      <c r="WDW718" s="613"/>
      <c r="WDX718" s="613"/>
      <c r="WDY718" s="613"/>
      <c r="WDZ718" s="613"/>
      <c r="WEA718" s="613"/>
      <c r="WEB718" s="613"/>
      <c r="WEC718" s="613"/>
      <c r="WED718" s="613"/>
      <c r="WEE718" s="613"/>
      <c r="WEF718" s="613"/>
      <c r="WEG718" s="613"/>
      <c r="WEH718" s="613"/>
      <c r="WEI718" s="613"/>
      <c r="WEJ718" s="613"/>
      <c r="WEK718" s="613"/>
      <c r="WEL718" s="613"/>
      <c r="WEM718" s="613"/>
      <c r="WEN718" s="613"/>
      <c r="WEO718" s="613"/>
      <c r="WEP718" s="613"/>
      <c r="WEQ718" s="613"/>
      <c r="WER718" s="613"/>
      <c r="WES718" s="613"/>
      <c r="WET718" s="613"/>
      <c r="WEU718" s="613"/>
      <c r="WEV718" s="613"/>
      <c r="WEW718" s="613"/>
      <c r="WEX718" s="613"/>
      <c r="WEY718" s="613"/>
      <c r="WEZ718" s="613"/>
      <c r="WFA718" s="613"/>
      <c r="WFB718" s="613"/>
      <c r="WFC718" s="613"/>
      <c r="WFD718" s="613"/>
      <c r="WFE718" s="613"/>
      <c r="WFF718" s="613"/>
      <c r="WFG718" s="613"/>
      <c r="WFH718" s="613"/>
      <c r="WFI718" s="613"/>
      <c r="WFJ718" s="613"/>
      <c r="WFK718" s="613"/>
      <c r="WFL718" s="613"/>
      <c r="WFM718" s="613"/>
      <c r="WFN718" s="613"/>
      <c r="WFO718" s="613"/>
      <c r="WFP718" s="613"/>
      <c r="WFQ718" s="613"/>
      <c r="WFR718" s="613"/>
      <c r="WFS718" s="613"/>
      <c r="WFT718" s="613"/>
      <c r="WFU718" s="613"/>
      <c r="WFV718" s="613"/>
      <c r="WFW718" s="613"/>
      <c r="WFX718" s="613"/>
      <c r="WFY718" s="613"/>
      <c r="WFZ718" s="613"/>
      <c r="WGA718" s="613"/>
      <c r="WGB718" s="613"/>
      <c r="WGC718" s="613"/>
      <c r="WGD718" s="613"/>
      <c r="WGE718" s="613"/>
      <c r="WGF718" s="613"/>
      <c r="WGG718" s="613"/>
      <c r="WGH718" s="613"/>
      <c r="WGI718" s="613"/>
      <c r="WGJ718" s="613"/>
      <c r="WGK718" s="613"/>
      <c r="WGL718" s="613"/>
      <c r="WGM718" s="613"/>
      <c r="WGN718" s="613"/>
      <c r="WGO718" s="613"/>
      <c r="WGP718" s="613"/>
      <c r="WGQ718" s="613"/>
      <c r="WGR718" s="613"/>
      <c r="WGS718" s="613"/>
      <c r="WGT718" s="613"/>
      <c r="WGU718" s="613"/>
      <c r="WGV718" s="613"/>
      <c r="WGW718" s="613"/>
      <c r="WGX718" s="613"/>
      <c r="WGY718" s="613"/>
      <c r="WGZ718" s="613"/>
      <c r="WHA718" s="613"/>
      <c r="WHB718" s="613"/>
      <c r="WHC718" s="613"/>
      <c r="WHD718" s="613"/>
      <c r="WHE718" s="613"/>
      <c r="WHF718" s="613"/>
      <c r="WHG718" s="613"/>
      <c r="WHH718" s="613"/>
      <c r="WHI718" s="613"/>
      <c r="WHJ718" s="613"/>
      <c r="WHK718" s="613"/>
      <c r="WHL718" s="613"/>
      <c r="WHM718" s="613"/>
      <c r="WHN718" s="613"/>
      <c r="WHO718" s="613"/>
      <c r="WHP718" s="613"/>
      <c r="WHQ718" s="613"/>
      <c r="WHR718" s="613"/>
      <c r="WHS718" s="613"/>
      <c r="WHT718" s="613"/>
      <c r="WHU718" s="613"/>
      <c r="WHV718" s="613"/>
      <c r="WHW718" s="613"/>
      <c r="WHX718" s="613"/>
      <c r="WHY718" s="613"/>
      <c r="WHZ718" s="613"/>
      <c r="WIA718" s="613"/>
      <c r="WIB718" s="613"/>
      <c r="WIC718" s="613"/>
      <c r="WID718" s="613"/>
      <c r="WIE718" s="613"/>
      <c r="WIF718" s="613"/>
      <c r="WIG718" s="613"/>
      <c r="WIH718" s="613"/>
      <c r="WII718" s="613"/>
      <c r="WIJ718" s="613"/>
      <c r="WIK718" s="613"/>
      <c r="WIL718" s="613"/>
      <c r="WIM718" s="613"/>
      <c r="WIN718" s="613"/>
      <c r="WIO718" s="613"/>
      <c r="WIP718" s="613"/>
      <c r="WIQ718" s="613"/>
      <c r="WIR718" s="613"/>
      <c r="WIS718" s="613"/>
      <c r="WIT718" s="613"/>
      <c r="WIU718" s="613"/>
      <c r="WIV718" s="613"/>
      <c r="WIW718" s="613"/>
      <c r="WIX718" s="613"/>
      <c r="WIY718" s="613"/>
      <c r="WIZ718" s="613"/>
      <c r="WJA718" s="613"/>
      <c r="WJB718" s="613"/>
      <c r="WJC718" s="613"/>
      <c r="WJD718" s="613"/>
      <c r="WJE718" s="613"/>
      <c r="WJF718" s="613"/>
      <c r="WJG718" s="613"/>
      <c r="WJH718" s="613"/>
      <c r="WJI718" s="613"/>
      <c r="WJJ718" s="613"/>
      <c r="WJK718" s="613"/>
      <c r="WJL718" s="613"/>
      <c r="WJM718" s="613"/>
      <c r="WJN718" s="613"/>
      <c r="WJO718" s="613"/>
      <c r="WJP718" s="613"/>
      <c r="WJQ718" s="613"/>
      <c r="WJR718" s="613"/>
      <c r="WJS718" s="613"/>
      <c r="WJT718" s="613"/>
      <c r="WJU718" s="613"/>
      <c r="WJV718" s="613"/>
      <c r="WJW718" s="613"/>
      <c r="WJX718" s="613"/>
      <c r="WJY718" s="613"/>
      <c r="WJZ718" s="613"/>
      <c r="WKA718" s="613"/>
      <c r="WKB718" s="613"/>
      <c r="WKC718" s="613"/>
      <c r="WKD718" s="613"/>
      <c r="WKE718" s="613"/>
      <c r="WKF718" s="613"/>
      <c r="WKG718" s="613"/>
      <c r="WKH718" s="613"/>
      <c r="WKI718" s="613"/>
      <c r="WKJ718" s="613"/>
      <c r="WKK718" s="613"/>
      <c r="WKL718" s="613"/>
      <c r="WKM718" s="613"/>
      <c r="WKN718" s="613"/>
      <c r="WKO718" s="613"/>
      <c r="WKP718" s="613"/>
      <c r="WKQ718" s="613"/>
      <c r="WKR718" s="613"/>
      <c r="WKS718" s="613"/>
      <c r="WKT718" s="613"/>
      <c r="WKU718" s="613"/>
      <c r="WKV718" s="613"/>
      <c r="WKW718" s="613"/>
      <c r="WKX718" s="613"/>
      <c r="WKY718" s="613"/>
      <c r="WKZ718" s="613"/>
      <c r="WLA718" s="613"/>
      <c r="WLB718" s="613"/>
      <c r="WLC718" s="613"/>
      <c r="WLD718" s="613"/>
      <c r="WLE718" s="613"/>
      <c r="WLF718" s="613"/>
      <c r="WLG718" s="613"/>
      <c r="WLH718" s="613"/>
      <c r="WLI718" s="613"/>
      <c r="WLJ718" s="613"/>
      <c r="WLK718" s="613"/>
      <c r="WLL718" s="613"/>
      <c r="WLM718" s="613"/>
      <c r="WLN718" s="613"/>
      <c r="WLO718" s="613"/>
      <c r="WLP718" s="613"/>
      <c r="WLQ718" s="613"/>
      <c r="WLR718" s="613"/>
      <c r="WLS718" s="613"/>
      <c r="WLT718" s="613"/>
      <c r="WLU718" s="613"/>
      <c r="WLV718" s="613"/>
      <c r="WLW718" s="613"/>
      <c r="WLX718" s="613"/>
      <c r="WLY718" s="613"/>
      <c r="WLZ718" s="613"/>
      <c r="WMA718" s="613"/>
      <c r="WMB718" s="613"/>
      <c r="WMC718" s="613"/>
      <c r="WMD718" s="613"/>
      <c r="WME718" s="613"/>
      <c r="WMF718" s="613"/>
      <c r="WMG718" s="613"/>
      <c r="WMH718" s="613"/>
      <c r="WMI718" s="613"/>
      <c r="WMJ718" s="613"/>
      <c r="WMK718" s="613"/>
      <c r="WML718" s="613"/>
      <c r="WMM718" s="613"/>
      <c r="WMN718" s="613"/>
      <c r="WMO718" s="613"/>
      <c r="WMP718" s="613"/>
      <c r="WMQ718" s="613"/>
      <c r="WMR718" s="613"/>
      <c r="WMS718" s="613"/>
      <c r="WMT718" s="613"/>
      <c r="WMU718" s="613"/>
      <c r="WMV718" s="613"/>
      <c r="WMW718" s="613"/>
      <c r="WMX718" s="613"/>
      <c r="WMY718" s="613"/>
      <c r="WMZ718" s="613"/>
      <c r="WNA718" s="613"/>
      <c r="WNB718" s="613"/>
      <c r="WNC718" s="613"/>
      <c r="WND718" s="613"/>
      <c r="WNE718" s="613"/>
      <c r="WNF718" s="613"/>
      <c r="WNG718" s="613"/>
      <c r="WNH718" s="613"/>
      <c r="WNI718" s="613"/>
      <c r="WNJ718" s="613"/>
      <c r="WNK718" s="613"/>
      <c r="WNL718" s="613"/>
      <c r="WNM718" s="613"/>
      <c r="WNN718" s="613"/>
      <c r="WNO718" s="613"/>
      <c r="WNP718" s="613"/>
      <c r="WNQ718" s="613"/>
      <c r="WNR718" s="613"/>
      <c r="WNS718" s="613"/>
      <c r="WNT718" s="613"/>
      <c r="WNU718" s="613"/>
      <c r="WNV718" s="613"/>
      <c r="WNW718" s="613"/>
      <c r="WNX718" s="613"/>
      <c r="WNY718" s="613"/>
      <c r="WNZ718" s="613"/>
      <c r="WOA718" s="613"/>
      <c r="WOB718" s="613"/>
      <c r="WOC718" s="613"/>
      <c r="WOD718" s="613"/>
      <c r="WOE718" s="613"/>
      <c r="WOF718" s="613"/>
      <c r="WOG718" s="613"/>
      <c r="WOH718" s="613"/>
      <c r="WOI718" s="613"/>
      <c r="WOJ718" s="613"/>
      <c r="WOK718" s="613"/>
      <c r="WOL718" s="613"/>
      <c r="WOM718" s="613"/>
      <c r="WON718" s="613"/>
      <c r="WOO718" s="613"/>
      <c r="WOP718" s="613"/>
      <c r="WOQ718" s="613"/>
      <c r="WOR718" s="613"/>
      <c r="WOS718" s="613"/>
      <c r="WOT718" s="613"/>
      <c r="WOU718" s="613"/>
      <c r="WOV718" s="613"/>
      <c r="WOW718" s="613"/>
      <c r="WOX718" s="613"/>
      <c r="WOY718" s="613"/>
      <c r="WOZ718" s="613"/>
      <c r="WPA718" s="613"/>
      <c r="WPB718" s="613"/>
      <c r="WPC718" s="613"/>
      <c r="WPD718" s="613"/>
      <c r="WPE718" s="613"/>
      <c r="WPF718" s="613"/>
      <c r="WPG718" s="613"/>
      <c r="WPH718" s="613"/>
      <c r="WPI718" s="613"/>
      <c r="WPJ718" s="613"/>
      <c r="WPK718" s="613"/>
      <c r="WPL718" s="613"/>
      <c r="WPM718" s="613"/>
      <c r="WPN718" s="613"/>
      <c r="WPO718" s="613"/>
      <c r="WPP718" s="613"/>
      <c r="WPQ718" s="613"/>
      <c r="WPR718" s="613"/>
      <c r="WPS718" s="613"/>
      <c r="WPT718" s="613"/>
      <c r="WPU718" s="613"/>
      <c r="WPV718" s="613"/>
      <c r="WPW718" s="613"/>
      <c r="WPX718" s="613"/>
      <c r="WPY718" s="613"/>
      <c r="WPZ718" s="613"/>
      <c r="WQA718" s="613"/>
      <c r="WQB718" s="613"/>
      <c r="WQC718" s="613"/>
      <c r="WQD718" s="613"/>
      <c r="WQE718" s="613"/>
      <c r="WQF718" s="613"/>
      <c r="WQG718" s="613"/>
      <c r="WQH718" s="613"/>
      <c r="WQI718" s="613"/>
      <c r="WQJ718" s="613"/>
      <c r="WQK718" s="613"/>
      <c r="WQL718" s="613"/>
      <c r="WQM718" s="613"/>
      <c r="WQN718" s="613"/>
      <c r="WQO718" s="613"/>
      <c r="WQP718" s="613"/>
      <c r="WQQ718" s="613"/>
      <c r="WQR718" s="613"/>
      <c r="WQS718" s="613"/>
      <c r="WQT718" s="613"/>
      <c r="WQU718" s="613"/>
      <c r="WQV718" s="613"/>
      <c r="WQW718" s="613"/>
      <c r="WQX718" s="613"/>
      <c r="WQY718" s="613"/>
      <c r="WQZ718" s="613"/>
      <c r="WRA718" s="613"/>
      <c r="WRB718" s="613"/>
      <c r="WRC718" s="613"/>
      <c r="WRD718" s="613"/>
      <c r="WRE718" s="613"/>
      <c r="WRF718" s="613"/>
      <c r="WRG718" s="613"/>
      <c r="WRH718" s="613"/>
      <c r="WRI718" s="613"/>
      <c r="WRJ718" s="613"/>
      <c r="WRK718" s="613"/>
      <c r="WRL718" s="613"/>
      <c r="WRM718" s="613"/>
      <c r="WRN718" s="613"/>
      <c r="WRO718" s="613"/>
      <c r="WRP718" s="613"/>
      <c r="WRQ718" s="613"/>
      <c r="WRR718" s="613"/>
      <c r="WRS718" s="613"/>
      <c r="WRT718" s="613"/>
      <c r="WRU718" s="613"/>
      <c r="WRV718" s="613"/>
      <c r="WRW718" s="613"/>
      <c r="WRX718" s="613"/>
      <c r="WRY718" s="613"/>
      <c r="WRZ718" s="613"/>
      <c r="WSA718" s="613"/>
      <c r="WSB718" s="613"/>
      <c r="WSC718" s="613"/>
      <c r="WSD718" s="613"/>
      <c r="WSE718" s="613"/>
      <c r="WSF718" s="613"/>
      <c r="WSG718" s="613"/>
      <c r="WSH718" s="613"/>
      <c r="WSI718" s="613"/>
      <c r="WSJ718" s="613"/>
      <c r="WSK718" s="613"/>
      <c r="WSL718" s="613"/>
      <c r="WSM718" s="613"/>
      <c r="WSN718" s="613"/>
      <c r="WSO718" s="613"/>
      <c r="WSP718" s="613"/>
      <c r="WSQ718" s="613"/>
      <c r="WSR718" s="613"/>
      <c r="WSS718" s="613"/>
      <c r="WST718" s="613"/>
      <c r="WSU718" s="613"/>
      <c r="WSV718" s="613"/>
      <c r="WSW718" s="613"/>
      <c r="WSX718" s="613"/>
      <c r="WSY718" s="613"/>
      <c r="WSZ718" s="613"/>
      <c r="WTA718" s="613"/>
      <c r="WTB718" s="613"/>
      <c r="WTC718" s="613"/>
      <c r="WTD718" s="613"/>
      <c r="WTE718" s="613"/>
      <c r="WTF718" s="613"/>
      <c r="WTG718" s="613"/>
      <c r="WTH718" s="613"/>
      <c r="WTI718" s="613"/>
      <c r="WTJ718" s="613"/>
      <c r="WTK718" s="613"/>
      <c r="WTL718" s="613"/>
      <c r="WTM718" s="613"/>
      <c r="WTN718" s="613"/>
      <c r="WTO718" s="613"/>
      <c r="WTP718" s="613"/>
      <c r="WTQ718" s="613"/>
      <c r="WTR718" s="613"/>
      <c r="WTS718" s="613"/>
      <c r="WTT718" s="613"/>
      <c r="WTU718" s="613"/>
      <c r="WTV718" s="613"/>
      <c r="WTW718" s="613"/>
      <c r="WTX718" s="613"/>
      <c r="WTY718" s="613"/>
      <c r="WTZ718" s="613"/>
      <c r="WUA718" s="613"/>
      <c r="WUB718" s="613"/>
      <c r="WUC718" s="613"/>
      <c r="WUD718" s="613"/>
      <c r="WUE718" s="613"/>
      <c r="WUF718" s="613"/>
      <c r="WUG718" s="613"/>
      <c r="WUH718" s="613"/>
      <c r="WUI718" s="613"/>
      <c r="WUJ718" s="613"/>
      <c r="WUK718" s="613"/>
      <c r="WUL718" s="613"/>
      <c r="WUM718" s="613"/>
      <c r="WUN718" s="613"/>
      <c r="WUO718" s="613"/>
      <c r="WUP718" s="613"/>
      <c r="WUQ718" s="613"/>
      <c r="WUR718" s="613"/>
      <c r="WUS718" s="613"/>
      <c r="WUT718" s="613"/>
      <c r="WUU718" s="613"/>
      <c r="WUV718" s="613"/>
      <c r="WUW718" s="613"/>
      <c r="WUX718" s="613"/>
      <c r="WUY718" s="613"/>
      <c r="WUZ718" s="613"/>
      <c r="WVA718" s="613"/>
      <c r="WVB718" s="613"/>
      <c r="WVC718" s="613"/>
      <c r="WVD718" s="613"/>
      <c r="WVE718" s="613"/>
      <c r="WVF718" s="613"/>
      <c r="WVG718" s="613"/>
      <c r="WVH718" s="613"/>
      <c r="WVI718" s="613"/>
      <c r="WVJ718" s="613"/>
      <c r="WVK718" s="613"/>
      <c r="WVL718" s="613"/>
      <c r="WVM718" s="613"/>
      <c r="WVN718" s="613"/>
      <c r="WVO718" s="613"/>
      <c r="WVP718" s="613"/>
      <c r="WVQ718" s="613"/>
      <c r="WVR718" s="613"/>
      <c r="WVS718" s="613"/>
      <c r="WVT718" s="613"/>
      <c r="WVU718" s="613"/>
      <c r="WVV718" s="613"/>
      <c r="WVW718" s="613"/>
      <c r="WVX718" s="613"/>
      <c r="WVY718" s="613"/>
      <c r="WVZ718" s="613"/>
      <c r="WWA718" s="613"/>
      <c r="WWB718" s="613"/>
      <c r="WWC718" s="613"/>
      <c r="WWD718" s="613"/>
      <c r="WWE718" s="613"/>
      <c r="WWF718" s="613"/>
      <c r="WWG718" s="613"/>
      <c r="WWH718" s="613"/>
      <c r="WWI718" s="613"/>
      <c r="WWJ718" s="613"/>
      <c r="WWK718" s="613"/>
      <c r="WWL718" s="613"/>
      <c r="WWM718" s="613"/>
      <c r="WWN718" s="613"/>
      <c r="WWO718" s="613"/>
      <c r="WWP718" s="613"/>
      <c r="WWQ718" s="613"/>
      <c r="WWR718" s="613"/>
      <c r="WWS718" s="613"/>
      <c r="WWT718" s="613"/>
      <c r="WWU718" s="613"/>
      <c r="WWV718" s="613"/>
      <c r="WWW718" s="613"/>
      <c r="WWX718" s="613"/>
      <c r="WWY718" s="613"/>
      <c r="WWZ718" s="613"/>
      <c r="WXA718" s="613"/>
      <c r="WXB718" s="613"/>
      <c r="WXC718" s="613"/>
      <c r="WXD718" s="613"/>
      <c r="WXE718" s="613"/>
      <c r="WXF718" s="613"/>
      <c r="WXG718" s="613"/>
      <c r="WXH718" s="613"/>
      <c r="WXI718" s="613"/>
      <c r="WXJ718" s="613"/>
      <c r="WXK718" s="613"/>
      <c r="WXL718" s="613"/>
      <c r="WXM718" s="613"/>
      <c r="WXN718" s="613"/>
      <c r="WXO718" s="613"/>
      <c r="WXP718" s="613"/>
      <c r="WXQ718" s="613"/>
      <c r="WXR718" s="613"/>
      <c r="WXS718" s="613"/>
      <c r="WXT718" s="613"/>
      <c r="WXU718" s="613"/>
      <c r="WXV718" s="613"/>
      <c r="WXW718" s="613"/>
      <c r="WXX718" s="613"/>
      <c r="WXY718" s="613"/>
      <c r="WXZ718" s="613"/>
      <c r="WYA718" s="613"/>
      <c r="WYB718" s="613"/>
      <c r="WYC718" s="613"/>
      <c r="WYD718" s="613"/>
      <c r="WYE718" s="613"/>
      <c r="WYF718" s="613"/>
      <c r="WYG718" s="613"/>
      <c r="WYH718" s="613"/>
      <c r="WYI718" s="613"/>
      <c r="WYJ718" s="613"/>
      <c r="WYK718" s="613"/>
      <c r="WYL718" s="613"/>
      <c r="WYM718" s="613"/>
      <c r="WYN718" s="613"/>
      <c r="WYO718" s="613"/>
      <c r="WYP718" s="613"/>
      <c r="WYQ718" s="613"/>
      <c r="WYR718" s="613"/>
      <c r="WYS718" s="613"/>
      <c r="WYT718" s="613"/>
      <c r="WYU718" s="613"/>
      <c r="WYV718" s="613"/>
      <c r="WYW718" s="613"/>
      <c r="WYX718" s="613"/>
      <c r="WYY718" s="613"/>
      <c r="WYZ718" s="613"/>
      <c r="WZA718" s="613"/>
      <c r="WZB718" s="613"/>
      <c r="WZC718" s="613"/>
      <c r="WZD718" s="613"/>
      <c r="WZE718" s="613"/>
      <c r="WZF718" s="613"/>
      <c r="WZG718" s="613"/>
      <c r="WZH718" s="613"/>
      <c r="WZI718" s="613"/>
      <c r="WZJ718" s="613"/>
      <c r="WZK718" s="613"/>
      <c r="WZL718" s="613"/>
      <c r="WZM718" s="613"/>
      <c r="WZN718" s="613"/>
      <c r="WZO718" s="613"/>
      <c r="WZP718" s="613"/>
      <c r="WZQ718" s="613"/>
      <c r="WZR718" s="613"/>
      <c r="WZS718" s="613"/>
      <c r="WZT718" s="613"/>
      <c r="WZU718" s="613"/>
      <c r="WZV718" s="613"/>
      <c r="WZW718" s="613"/>
      <c r="WZX718" s="613"/>
      <c r="WZY718" s="613"/>
      <c r="WZZ718" s="613"/>
      <c r="XAA718" s="613"/>
      <c r="XAB718" s="613"/>
      <c r="XAC718" s="613"/>
      <c r="XAD718" s="613"/>
      <c r="XAE718" s="613"/>
      <c r="XAF718" s="613"/>
      <c r="XAG718" s="613"/>
      <c r="XAH718" s="613"/>
      <c r="XAI718" s="613"/>
      <c r="XAJ718" s="613"/>
      <c r="XAK718" s="613"/>
      <c r="XAL718" s="613"/>
      <c r="XAM718" s="613"/>
      <c r="XAN718" s="613"/>
      <c r="XAO718" s="613"/>
      <c r="XAP718" s="613"/>
      <c r="XAQ718" s="613"/>
      <c r="XAR718" s="613"/>
      <c r="XAS718" s="613"/>
      <c r="XAT718" s="613"/>
      <c r="XAU718" s="613"/>
      <c r="XAV718" s="613"/>
      <c r="XAW718" s="613"/>
      <c r="XAX718" s="613"/>
      <c r="XAY718" s="613"/>
      <c r="XAZ718" s="613"/>
      <c r="XBA718" s="613"/>
      <c r="XBB718" s="613"/>
      <c r="XBC718" s="613"/>
      <c r="XBD718" s="613"/>
      <c r="XBE718" s="613"/>
      <c r="XBF718" s="613"/>
      <c r="XBG718" s="613"/>
      <c r="XBH718" s="613"/>
      <c r="XBI718" s="613"/>
      <c r="XBJ718" s="613"/>
      <c r="XBK718" s="613"/>
      <c r="XBL718" s="613"/>
      <c r="XBM718" s="613"/>
      <c r="XBN718" s="613"/>
      <c r="XBO718" s="613"/>
      <c r="XBP718" s="613"/>
      <c r="XBQ718" s="613"/>
      <c r="XBR718" s="613"/>
      <c r="XBS718" s="613"/>
      <c r="XBT718" s="613"/>
      <c r="XBU718" s="613"/>
      <c r="XBV718" s="613"/>
      <c r="XBW718" s="613"/>
      <c r="XBX718" s="613"/>
      <c r="XBY718" s="613"/>
      <c r="XBZ718" s="613"/>
      <c r="XCA718" s="613"/>
      <c r="XCB718" s="613"/>
      <c r="XCC718" s="613"/>
      <c r="XCD718" s="613"/>
      <c r="XCE718" s="613"/>
      <c r="XCF718" s="613"/>
      <c r="XCG718" s="613"/>
      <c r="XCH718" s="613"/>
      <c r="XCI718" s="613"/>
      <c r="XCJ718" s="613"/>
      <c r="XCK718" s="613"/>
      <c r="XCL718" s="613"/>
      <c r="XCM718" s="613"/>
      <c r="XCN718" s="613"/>
      <c r="XCO718" s="613"/>
      <c r="XCP718" s="613"/>
      <c r="XCQ718" s="613"/>
    </row>
    <row r="719" spans="1:16319" ht="56.1" customHeight="1" x14ac:dyDescent="0.2">
      <c r="A719" s="494"/>
      <c r="B719" s="499"/>
      <c r="C719" s="494"/>
      <c r="D719" s="481">
        <v>274</v>
      </c>
      <c r="E719" s="481"/>
      <c r="F719" s="481" t="s">
        <v>2481</v>
      </c>
      <c r="G719" s="482" t="s">
        <v>53</v>
      </c>
      <c r="H719" s="481" t="s">
        <v>329</v>
      </c>
      <c r="I719" s="654" t="s">
        <v>500</v>
      </c>
      <c r="J719" s="654" t="s">
        <v>501</v>
      </c>
      <c r="K719" s="495" t="s">
        <v>511</v>
      </c>
      <c r="L719" s="767"/>
      <c r="M719" s="484" t="s">
        <v>58</v>
      </c>
      <c r="N719" s="327" t="s">
        <v>1360</v>
      </c>
      <c r="O719" s="484" t="s">
        <v>3027</v>
      </c>
      <c r="P719" s="484" t="s">
        <v>60</v>
      </c>
      <c r="Q719" s="667" t="s">
        <v>334</v>
      </c>
      <c r="R719" s="484" t="s">
        <v>334</v>
      </c>
      <c r="S719" s="484" t="s">
        <v>62</v>
      </c>
      <c r="T719" s="484"/>
      <c r="U719" s="620" t="s">
        <v>63</v>
      </c>
      <c r="V719" s="620" t="s">
        <v>63</v>
      </c>
      <c r="W719" s="723">
        <v>762788</v>
      </c>
      <c r="X719" s="723"/>
      <c r="Y719" s="654" t="s">
        <v>226</v>
      </c>
      <c r="Z719" s="654"/>
      <c r="AA719" s="723">
        <v>762788</v>
      </c>
      <c r="AB719" s="652" t="s">
        <v>82</v>
      </c>
      <c r="AC719" s="652"/>
      <c r="AD719" s="487" t="s">
        <v>66</v>
      </c>
      <c r="AE719" s="496"/>
      <c r="AF719" s="496"/>
      <c r="AG719" s="496"/>
      <c r="AH719" s="496"/>
      <c r="AI719" s="496"/>
      <c r="AJ719" s="496"/>
      <c r="AK719" s="496"/>
      <c r="AL719" s="496"/>
      <c r="AM719" s="496"/>
      <c r="AN719" s="496"/>
      <c r="AO719" s="496"/>
      <c r="AP719" s="496"/>
      <c r="AQ719" s="496"/>
      <c r="AR719" s="496"/>
      <c r="AS719" s="496"/>
      <c r="AT719" s="496"/>
      <c r="AU719" s="487"/>
      <c r="AV719" s="487"/>
      <c r="AW719" s="487"/>
      <c r="AX719" s="487"/>
      <c r="AY719" s="487"/>
      <c r="AZ719" s="487"/>
      <c r="BA719" s="484"/>
      <c r="BB719" s="484"/>
      <c r="BC719" s="484"/>
      <c r="BD719" s="494"/>
      <c r="BE719" s="494"/>
      <c r="BF719" s="613"/>
      <c r="BG719" s="613"/>
      <c r="BH719" s="613"/>
      <c r="BI719" s="613"/>
      <c r="BJ719" s="613"/>
      <c r="BK719" s="613"/>
      <c r="BL719" s="613"/>
      <c r="BM719" s="613"/>
      <c r="BN719" s="613"/>
      <c r="BO719" s="613"/>
      <c r="BP719" s="613"/>
      <c r="BQ719" s="613"/>
      <c r="BR719" s="613"/>
      <c r="BS719" s="613"/>
      <c r="BT719" s="613"/>
      <c r="BU719" s="613"/>
      <c r="BV719" s="613"/>
      <c r="BW719" s="613"/>
      <c r="BX719" s="613"/>
      <c r="BY719" s="613"/>
      <c r="BZ719" s="613"/>
      <c r="CA719" s="613"/>
      <c r="CB719" s="613"/>
      <c r="CC719" s="613"/>
      <c r="CD719" s="613"/>
      <c r="CE719" s="613"/>
      <c r="CF719" s="613"/>
      <c r="CG719" s="613"/>
      <c r="CH719" s="613"/>
      <c r="CI719" s="613"/>
      <c r="CJ719" s="613"/>
      <c r="CK719" s="613"/>
      <c r="CL719" s="613"/>
      <c r="CM719" s="613"/>
      <c r="CN719" s="613"/>
      <c r="CO719" s="613"/>
      <c r="CP719" s="613"/>
      <c r="CQ719" s="613"/>
      <c r="CR719" s="613"/>
      <c r="CS719" s="613"/>
      <c r="CT719" s="613"/>
      <c r="CU719" s="613"/>
      <c r="CV719" s="613"/>
      <c r="CW719" s="613"/>
      <c r="CX719" s="613"/>
      <c r="CY719" s="613"/>
      <c r="CZ719" s="613"/>
      <c r="DA719" s="613"/>
      <c r="DB719" s="613"/>
      <c r="DC719" s="613"/>
      <c r="DD719" s="613"/>
      <c r="DE719" s="613"/>
      <c r="DF719" s="613"/>
      <c r="DG719" s="613"/>
      <c r="DH719" s="613"/>
      <c r="DI719" s="613"/>
      <c r="DJ719" s="613"/>
      <c r="DK719" s="613"/>
      <c r="DL719" s="613"/>
      <c r="DM719" s="613"/>
      <c r="DN719" s="613"/>
      <c r="DO719" s="613"/>
      <c r="DP719" s="613"/>
      <c r="DQ719" s="613"/>
      <c r="DR719" s="613"/>
      <c r="DS719" s="613"/>
      <c r="DT719" s="613"/>
      <c r="DU719" s="613"/>
      <c r="DV719" s="613"/>
      <c r="DW719" s="613"/>
      <c r="DX719" s="613"/>
      <c r="DY719" s="613"/>
      <c r="DZ719" s="613"/>
      <c r="EA719" s="613"/>
      <c r="EB719" s="613"/>
      <c r="EC719" s="613"/>
      <c r="ED719" s="613"/>
      <c r="EE719" s="613"/>
      <c r="EF719" s="613"/>
      <c r="EG719" s="613"/>
      <c r="EH719" s="613"/>
      <c r="EI719" s="613"/>
      <c r="EJ719" s="613"/>
      <c r="EK719" s="613"/>
      <c r="EL719" s="613"/>
      <c r="EM719" s="613"/>
      <c r="EN719" s="613"/>
      <c r="EO719" s="613"/>
      <c r="EP719" s="613"/>
      <c r="EQ719" s="613"/>
      <c r="ER719" s="613"/>
      <c r="ES719" s="613"/>
      <c r="ET719" s="613"/>
      <c r="EU719" s="613"/>
      <c r="EV719" s="613"/>
      <c r="EW719" s="613"/>
      <c r="EX719" s="613"/>
      <c r="EY719" s="613"/>
      <c r="EZ719" s="613"/>
      <c r="FA719" s="613"/>
      <c r="FB719" s="613"/>
      <c r="FC719" s="613"/>
      <c r="FD719" s="613"/>
      <c r="FE719" s="613"/>
      <c r="FF719" s="613"/>
      <c r="FG719" s="613"/>
      <c r="FH719" s="613"/>
      <c r="FI719" s="613"/>
      <c r="FJ719" s="613"/>
      <c r="FK719" s="613"/>
      <c r="FL719" s="613"/>
      <c r="FM719" s="613"/>
      <c r="FN719" s="613"/>
      <c r="FO719" s="613"/>
      <c r="FP719" s="613"/>
      <c r="FQ719" s="613"/>
      <c r="FR719" s="613"/>
      <c r="FS719" s="613"/>
      <c r="FT719" s="613"/>
      <c r="FU719" s="613"/>
      <c r="FV719" s="613"/>
      <c r="FW719" s="613"/>
      <c r="FX719" s="613"/>
      <c r="FY719" s="613"/>
      <c r="FZ719" s="613"/>
      <c r="GA719" s="613"/>
      <c r="GB719" s="613"/>
      <c r="GC719" s="613"/>
      <c r="GD719" s="613"/>
      <c r="GE719" s="613"/>
      <c r="GF719" s="613"/>
      <c r="GG719" s="613"/>
      <c r="GH719" s="613"/>
      <c r="GI719" s="613"/>
      <c r="GJ719" s="613"/>
      <c r="GK719" s="613"/>
      <c r="GL719" s="613"/>
      <c r="GM719" s="613"/>
      <c r="GN719" s="613"/>
      <c r="GO719" s="613"/>
      <c r="GP719" s="613"/>
      <c r="GQ719" s="613"/>
      <c r="GR719" s="613"/>
      <c r="GS719" s="613"/>
      <c r="GT719" s="613"/>
      <c r="GU719" s="613"/>
      <c r="GV719" s="613"/>
      <c r="GW719" s="613"/>
      <c r="GX719" s="613"/>
      <c r="GY719" s="613"/>
      <c r="GZ719" s="613"/>
      <c r="HA719" s="613"/>
      <c r="HB719" s="613"/>
      <c r="HC719" s="613"/>
      <c r="HD719" s="613"/>
      <c r="HE719" s="613"/>
      <c r="HF719" s="613"/>
      <c r="HG719" s="613"/>
      <c r="HH719" s="613"/>
      <c r="HI719" s="613"/>
      <c r="HJ719" s="613"/>
      <c r="HK719" s="613"/>
      <c r="HL719" s="613"/>
      <c r="HM719" s="613"/>
      <c r="HN719" s="613"/>
      <c r="HO719" s="613"/>
      <c r="HP719" s="613"/>
      <c r="HQ719" s="613"/>
      <c r="HR719" s="613"/>
      <c r="HS719" s="613"/>
      <c r="HT719" s="613"/>
      <c r="HU719" s="613"/>
      <c r="HV719" s="613"/>
      <c r="HW719" s="613"/>
      <c r="HX719" s="613"/>
      <c r="HY719" s="613"/>
      <c r="HZ719" s="613"/>
      <c r="IA719" s="613"/>
      <c r="IB719" s="613"/>
      <c r="IC719" s="613"/>
      <c r="ID719" s="613"/>
      <c r="IE719" s="613"/>
      <c r="IF719" s="613"/>
      <c r="IG719" s="613"/>
      <c r="IH719" s="613"/>
      <c r="II719" s="613"/>
      <c r="IJ719" s="613"/>
      <c r="IK719" s="613"/>
      <c r="IL719" s="613"/>
      <c r="IM719" s="613"/>
      <c r="IN719" s="613"/>
      <c r="IO719" s="613"/>
      <c r="IP719" s="613"/>
      <c r="IQ719" s="613"/>
      <c r="IR719" s="613"/>
      <c r="IS719" s="613"/>
      <c r="IT719" s="613"/>
      <c r="IU719" s="613"/>
      <c r="IV719" s="613"/>
      <c r="IW719" s="613"/>
      <c r="IX719" s="613"/>
      <c r="IY719" s="613"/>
      <c r="IZ719" s="613"/>
      <c r="JA719" s="613"/>
      <c r="JB719" s="613"/>
      <c r="JC719" s="613"/>
      <c r="JD719" s="613"/>
      <c r="JE719" s="613"/>
      <c r="JF719" s="613"/>
      <c r="JG719" s="613"/>
      <c r="JH719" s="613"/>
      <c r="JI719" s="613"/>
      <c r="JJ719" s="613"/>
      <c r="JK719" s="613"/>
      <c r="JL719" s="613"/>
      <c r="JM719" s="613"/>
      <c r="JN719" s="613"/>
      <c r="JO719" s="613"/>
      <c r="JP719" s="613"/>
      <c r="JQ719" s="613"/>
      <c r="JR719" s="613"/>
      <c r="JS719" s="613"/>
      <c r="JT719" s="613"/>
      <c r="JU719" s="613"/>
      <c r="JV719" s="613"/>
      <c r="JW719" s="613"/>
      <c r="JX719" s="613"/>
      <c r="JY719" s="613"/>
      <c r="JZ719" s="613"/>
      <c r="KA719" s="613"/>
      <c r="KB719" s="613"/>
      <c r="KC719" s="613"/>
      <c r="KD719" s="613"/>
      <c r="KE719" s="613"/>
      <c r="KF719" s="613"/>
      <c r="KG719" s="613"/>
      <c r="KH719" s="613"/>
      <c r="KI719" s="613"/>
      <c r="KJ719" s="613"/>
      <c r="KK719" s="613"/>
      <c r="KL719" s="613"/>
      <c r="KM719" s="613"/>
      <c r="KN719" s="613"/>
      <c r="KO719" s="613"/>
      <c r="KP719" s="613"/>
      <c r="KQ719" s="613"/>
      <c r="KR719" s="613"/>
      <c r="KS719" s="613"/>
      <c r="KT719" s="613"/>
      <c r="KU719" s="613"/>
      <c r="KV719" s="613"/>
      <c r="KW719" s="613"/>
      <c r="KX719" s="613"/>
      <c r="KY719" s="613"/>
      <c r="KZ719" s="613"/>
      <c r="LA719" s="613"/>
      <c r="LB719" s="613"/>
      <c r="LC719" s="613"/>
      <c r="LD719" s="613"/>
      <c r="LE719" s="613"/>
      <c r="LF719" s="613"/>
      <c r="LG719" s="613"/>
      <c r="LH719" s="613"/>
      <c r="LI719" s="613"/>
      <c r="LJ719" s="613"/>
      <c r="LK719" s="613"/>
      <c r="LL719" s="613"/>
      <c r="LM719" s="613"/>
      <c r="LN719" s="613"/>
      <c r="LO719" s="613"/>
      <c r="LP719" s="613"/>
      <c r="LQ719" s="613"/>
      <c r="LR719" s="613"/>
      <c r="LS719" s="613"/>
      <c r="LT719" s="613"/>
      <c r="LU719" s="613"/>
      <c r="LV719" s="613"/>
      <c r="LW719" s="613"/>
      <c r="LX719" s="613"/>
      <c r="LY719" s="613"/>
      <c r="LZ719" s="613"/>
      <c r="MA719" s="613"/>
      <c r="MB719" s="613"/>
      <c r="MC719" s="613"/>
      <c r="MD719" s="613"/>
      <c r="ME719" s="613"/>
      <c r="MF719" s="613"/>
      <c r="MG719" s="613"/>
      <c r="MH719" s="613"/>
      <c r="MI719" s="613"/>
      <c r="MJ719" s="613"/>
      <c r="MK719" s="613"/>
      <c r="ML719" s="613"/>
      <c r="MM719" s="613"/>
      <c r="MN719" s="613"/>
      <c r="MO719" s="613"/>
      <c r="MP719" s="613"/>
      <c r="MQ719" s="613"/>
      <c r="MR719" s="613"/>
      <c r="MS719" s="613"/>
      <c r="MT719" s="613"/>
      <c r="MU719" s="613"/>
      <c r="MV719" s="613"/>
      <c r="MW719" s="613"/>
      <c r="MX719" s="613"/>
      <c r="MY719" s="613"/>
      <c r="MZ719" s="613"/>
      <c r="NA719" s="613"/>
      <c r="NB719" s="613"/>
      <c r="NC719" s="613"/>
      <c r="ND719" s="613"/>
      <c r="NE719" s="613"/>
      <c r="NF719" s="613"/>
      <c r="NG719" s="613"/>
      <c r="NH719" s="613"/>
      <c r="NI719" s="613"/>
      <c r="NJ719" s="613"/>
      <c r="NK719" s="613"/>
      <c r="NL719" s="613"/>
      <c r="NM719" s="613"/>
      <c r="NN719" s="613"/>
      <c r="NO719" s="613"/>
      <c r="NP719" s="613"/>
      <c r="NQ719" s="613"/>
      <c r="NR719" s="613"/>
      <c r="NS719" s="613"/>
      <c r="NT719" s="613"/>
      <c r="NU719" s="613"/>
      <c r="NV719" s="613"/>
      <c r="NW719" s="613"/>
      <c r="NX719" s="613"/>
      <c r="NY719" s="613"/>
      <c r="NZ719" s="613"/>
      <c r="OA719" s="613"/>
      <c r="OB719" s="613"/>
      <c r="OC719" s="613"/>
      <c r="OD719" s="613"/>
      <c r="OE719" s="613"/>
      <c r="OF719" s="613"/>
      <c r="OG719" s="613"/>
      <c r="OH719" s="613"/>
      <c r="OI719" s="613"/>
      <c r="OJ719" s="613"/>
      <c r="OK719" s="613"/>
      <c r="OL719" s="613"/>
      <c r="OM719" s="613"/>
      <c r="ON719" s="613"/>
      <c r="OO719" s="613"/>
      <c r="OP719" s="613"/>
      <c r="OQ719" s="613"/>
      <c r="OR719" s="613"/>
      <c r="OS719" s="613"/>
      <c r="OT719" s="613"/>
      <c r="OU719" s="613"/>
      <c r="OV719" s="613"/>
      <c r="OW719" s="613"/>
      <c r="OX719" s="613"/>
      <c r="OY719" s="613"/>
      <c r="OZ719" s="613"/>
      <c r="PA719" s="613"/>
      <c r="PB719" s="613"/>
      <c r="PC719" s="613"/>
      <c r="PD719" s="613"/>
      <c r="PE719" s="613"/>
      <c r="PF719" s="613"/>
      <c r="PG719" s="613"/>
      <c r="PH719" s="613"/>
      <c r="PI719" s="613"/>
      <c r="PJ719" s="613"/>
      <c r="PK719" s="613"/>
      <c r="PL719" s="613"/>
      <c r="PM719" s="613"/>
      <c r="PN719" s="613"/>
      <c r="PO719" s="613"/>
      <c r="PP719" s="613"/>
      <c r="PQ719" s="613"/>
      <c r="PR719" s="613"/>
      <c r="PS719" s="613"/>
      <c r="PT719" s="613"/>
      <c r="PU719" s="613"/>
      <c r="PV719" s="613"/>
      <c r="PW719" s="613"/>
      <c r="PX719" s="613"/>
      <c r="PY719" s="613"/>
      <c r="PZ719" s="613"/>
      <c r="QA719" s="613"/>
      <c r="QB719" s="613"/>
      <c r="QC719" s="613"/>
      <c r="QD719" s="613"/>
      <c r="QE719" s="613"/>
      <c r="QF719" s="613"/>
      <c r="QG719" s="613"/>
      <c r="QH719" s="613"/>
      <c r="QI719" s="613"/>
      <c r="QJ719" s="613"/>
      <c r="QK719" s="613"/>
      <c r="QL719" s="613"/>
      <c r="QM719" s="613"/>
      <c r="QN719" s="613"/>
      <c r="QO719" s="613"/>
      <c r="QP719" s="613"/>
      <c r="QQ719" s="613"/>
      <c r="QR719" s="613"/>
      <c r="QS719" s="613"/>
      <c r="QT719" s="613"/>
      <c r="QU719" s="613"/>
      <c r="QV719" s="613"/>
      <c r="QW719" s="613"/>
      <c r="QX719" s="613"/>
      <c r="QY719" s="613"/>
      <c r="QZ719" s="613"/>
      <c r="RA719" s="613"/>
      <c r="RB719" s="613"/>
      <c r="RC719" s="613"/>
      <c r="RD719" s="613"/>
      <c r="RE719" s="613"/>
      <c r="RF719" s="613"/>
      <c r="RG719" s="613"/>
      <c r="RH719" s="613"/>
      <c r="RI719" s="613"/>
      <c r="RJ719" s="613"/>
      <c r="RK719" s="613"/>
      <c r="RL719" s="613"/>
      <c r="RM719" s="613"/>
      <c r="RN719" s="613"/>
      <c r="RO719" s="613"/>
      <c r="RP719" s="613"/>
      <c r="RQ719" s="613"/>
      <c r="RR719" s="613"/>
      <c r="RS719" s="613"/>
      <c r="RT719" s="613"/>
      <c r="RU719" s="613"/>
      <c r="RV719" s="613"/>
      <c r="RW719" s="613"/>
      <c r="RX719" s="613"/>
      <c r="RY719" s="613"/>
      <c r="RZ719" s="613"/>
      <c r="SA719" s="613"/>
      <c r="SB719" s="613"/>
      <c r="SC719" s="613"/>
      <c r="SD719" s="613"/>
      <c r="SE719" s="613"/>
      <c r="SF719" s="613"/>
      <c r="SG719" s="613"/>
      <c r="SH719" s="613"/>
      <c r="SI719" s="613"/>
      <c r="SJ719" s="613"/>
      <c r="SK719" s="613"/>
      <c r="SL719" s="613"/>
      <c r="SM719" s="613"/>
      <c r="SN719" s="613"/>
      <c r="SO719" s="613"/>
      <c r="SP719" s="613"/>
      <c r="SQ719" s="613"/>
      <c r="SR719" s="613"/>
      <c r="SS719" s="613"/>
      <c r="ST719" s="613"/>
      <c r="SU719" s="613"/>
      <c r="SV719" s="613"/>
      <c r="SW719" s="613"/>
      <c r="SX719" s="613"/>
      <c r="SY719" s="613"/>
      <c r="SZ719" s="613"/>
      <c r="TA719" s="613"/>
      <c r="TB719" s="613"/>
      <c r="TC719" s="613"/>
      <c r="TD719" s="613"/>
      <c r="TE719" s="613"/>
      <c r="TF719" s="613"/>
      <c r="TG719" s="613"/>
      <c r="TH719" s="613"/>
      <c r="TI719" s="613"/>
      <c r="TJ719" s="613"/>
      <c r="TK719" s="613"/>
      <c r="TL719" s="613"/>
      <c r="TM719" s="613"/>
      <c r="TN719" s="613"/>
      <c r="TO719" s="613"/>
      <c r="TP719" s="613"/>
      <c r="TQ719" s="613"/>
      <c r="TR719" s="613"/>
      <c r="TS719" s="613"/>
      <c r="TT719" s="613"/>
      <c r="TU719" s="613"/>
      <c r="TV719" s="613"/>
      <c r="TW719" s="613"/>
      <c r="TX719" s="613"/>
      <c r="TY719" s="613"/>
      <c r="TZ719" s="613"/>
      <c r="UA719" s="613"/>
      <c r="UB719" s="613"/>
      <c r="UC719" s="613"/>
      <c r="UD719" s="613"/>
      <c r="UE719" s="613"/>
      <c r="UF719" s="613"/>
      <c r="UG719" s="613"/>
      <c r="UH719" s="613"/>
      <c r="UI719" s="613"/>
      <c r="UJ719" s="613"/>
      <c r="UK719" s="613"/>
      <c r="UL719" s="613"/>
      <c r="UM719" s="613"/>
      <c r="UN719" s="613"/>
      <c r="UO719" s="613"/>
      <c r="UP719" s="613"/>
      <c r="UQ719" s="613"/>
      <c r="UR719" s="613"/>
      <c r="US719" s="613"/>
      <c r="UT719" s="613"/>
      <c r="UU719" s="613"/>
      <c r="UV719" s="613"/>
      <c r="UW719" s="613"/>
      <c r="UX719" s="613"/>
      <c r="UY719" s="613"/>
      <c r="UZ719" s="613"/>
      <c r="VA719" s="613"/>
      <c r="VB719" s="613"/>
      <c r="VC719" s="613"/>
      <c r="VD719" s="613"/>
      <c r="VE719" s="613"/>
      <c r="VF719" s="613"/>
      <c r="VG719" s="613"/>
      <c r="VH719" s="613"/>
      <c r="VI719" s="613"/>
      <c r="VJ719" s="613"/>
      <c r="VK719" s="613"/>
      <c r="VL719" s="613"/>
      <c r="VM719" s="613"/>
      <c r="VN719" s="613"/>
      <c r="VO719" s="613"/>
      <c r="VP719" s="613"/>
      <c r="VQ719" s="613"/>
      <c r="VR719" s="613"/>
      <c r="VS719" s="613"/>
      <c r="VT719" s="613"/>
      <c r="VU719" s="613"/>
      <c r="VV719" s="613"/>
      <c r="VW719" s="613"/>
      <c r="VX719" s="613"/>
      <c r="VY719" s="613"/>
      <c r="VZ719" s="613"/>
      <c r="WA719" s="613"/>
      <c r="WB719" s="613"/>
      <c r="WC719" s="613"/>
      <c r="WD719" s="613"/>
      <c r="WE719" s="613"/>
      <c r="WF719" s="613"/>
      <c r="WG719" s="613"/>
      <c r="WH719" s="613"/>
      <c r="WI719" s="613"/>
      <c r="WJ719" s="613"/>
      <c r="WK719" s="613"/>
      <c r="WL719" s="613"/>
      <c r="WM719" s="613"/>
      <c r="WN719" s="613"/>
      <c r="WO719" s="613"/>
      <c r="WP719" s="613"/>
      <c r="WQ719" s="613"/>
      <c r="WR719" s="613"/>
      <c r="WS719" s="613"/>
      <c r="WT719" s="613"/>
      <c r="WU719" s="613"/>
      <c r="WV719" s="613"/>
      <c r="WW719" s="613"/>
      <c r="WX719" s="613"/>
      <c r="WY719" s="613"/>
      <c r="WZ719" s="613"/>
      <c r="XA719" s="613"/>
      <c r="XB719" s="613"/>
      <c r="XC719" s="613"/>
      <c r="XD719" s="613"/>
      <c r="XE719" s="613"/>
      <c r="XF719" s="613"/>
      <c r="XG719" s="613"/>
      <c r="XH719" s="613"/>
      <c r="XI719" s="613"/>
      <c r="XJ719" s="613"/>
      <c r="XK719" s="613"/>
      <c r="XL719" s="613"/>
      <c r="XM719" s="613"/>
      <c r="XN719" s="613"/>
      <c r="XO719" s="613"/>
      <c r="XP719" s="613"/>
      <c r="XQ719" s="613"/>
      <c r="XR719" s="613"/>
      <c r="XS719" s="613"/>
      <c r="XT719" s="613"/>
      <c r="XU719" s="613"/>
      <c r="XV719" s="613"/>
      <c r="XW719" s="613"/>
      <c r="XX719" s="613"/>
      <c r="XY719" s="613"/>
      <c r="XZ719" s="613"/>
      <c r="YA719" s="613"/>
      <c r="YB719" s="613"/>
      <c r="YC719" s="613"/>
      <c r="YD719" s="613"/>
      <c r="YE719" s="613"/>
      <c r="YF719" s="613"/>
      <c r="YG719" s="613"/>
      <c r="YH719" s="613"/>
      <c r="YI719" s="613"/>
      <c r="YJ719" s="613"/>
      <c r="YK719" s="613"/>
      <c r="YL719" s="613"/>
      <c r="YM719" s="613"/>
      <c r="YN719" s="613"/>
      <c r="YO719" s="613"/>
      <c r="YP719" s="613"/>
      <c r="YQ719" s="613"/>
      <c r="YR719" s="613"/>
      <c r="YS719" s="613"/>
      <c r="YT719" s="613"/>
      <c r="YU719" s="613"/>
      <c r="YV719" s="613"/>
      <c r="YW719" s="613"/>
      <c r="YX719" s="613"/>
      <c r="YY719" s="613"/>
      <c r="YZ719" s="613"/>
      <c r="ZA719" s="613"/>
      <c r="ZB719" s="613"/>
      <c r="ZC719" s="613"/>
      <c r="ZD719" s="613"/>
      <c r="ZE719" s="613"/>
      <c r="ZF719" s="613"/>
      <c r="ZG719" s="613"/>
      <c r="ZH719" s="613"/>
      <c r="ZI719" s="613"/>
      <c r="ZJ719" s="613"/>
      <c r="ZK719" s="613"/>
      <c r="ZL719" s="613"/>
      <c r="ZM719" s="613"/>
      <c r="ZN719" s="613"/>
      <c r="ZO719" s="613"/>
      <c r="ZP719" s="613"/>
      <c r="ZQ719" s="613"/>
      <c r="ZR719" s="613"/>
      <c r="ZS719" s="613"/>
      <c r="ZT719" s="613"/>
      <c r="ZU719" s="613"/>
      <c r="ZV719" s="613"/>
      <c r="ZW719" s="613"/>
      <c r="ZX719" s="613"/>
      <c r="ZY719" s="613"/>
      <c r="ZZ719" s="613"/>
      <c r="AAA719" s="613"/>
      <c r="AAB719" s="613"/>
      <c r="AAC719" s="613"/>
      <c r="AAD719" s="613"/>
      <c r="AAE719" s="613"/>
      <c r="AAF719" s="613"/>
      <c r="AAG719" s="613"/>
      <c r="AAH719" s="613"/>
      <c r="AAI719" s="613"/>
      <c r="AAJ719" s="613"/>
      <c r="AAK719" s="613"/>
      <c r="AAL719" s="613"/>
      <c r="AAM719" s="613"/>
      <c r="AAN719" s="613"/>
      <c r="AAO719" s="613"/>
      <c r="AAP719" s="613"/>
      <c r="AAQ719" s="613"/>
      <c r="AAR719" s="613"/>
      <c r="AAS719" s="613"/>
      <c r="AAT719" s="613"/>
      <c r="AAU719" s="613"/>
      <c r="AAV719" s="613"/>
      <c r="AAW719" s="613"/>
      <c r="AAX719" s="613"/>
      <c r="AAY719" s="613"/>
      <c r="AAZ719" s="613"/>
      <c r="ABA719" s="613"/>
      <c r="ABB719" s="613"/>
      <c r="ABC719" s="613"/>
      <c r="ABD719" s="613"/>
      <c r="ABE719" s="613"/>
      <c r="ABF719" s="613"/>
      <c r="ABG719" s="613"/>
      <c r="ABH719" s="613"/>
      <c r="ABI719" s="613"/>
      <c r="ABJ719" s="613"/>
      <c r="ABK719" s="613"/>
      <c r="ABL719" s="613"/>
      <c r="ABM719" s="613"/>
      <c r="ABN719" s="613"/>
      <c r="ABO719" s="613"/>
      <c r="ABP719" s="613"/>
      <c r="ABQ719" s="613"/>
      <c r="ABR719" s="613"/>
      <c r="ABS719" s="613"/>
      <c r="ABT719" s="613"/>
      <c r="ABU719" s="613"/>
      <c r="ABV719" s="613"/>
      <c r="ABW719" s="613"/>
      <c r="ABX719" s="613"/>
      <c r="ABY719" s="613"/>
      <c r="ABZ719" s="613"/>
      <c r="ACA719" s="613"/>
      <c r="ACB719" s="613"/>
      <c r="ACC719" s="613"/>
      <c r="ACD719" s="613"/>
      <c r="ACE719" s="613"/>
      <c r="ACF719" s="613"/>
      <c r="ACG719" s="613"/>
      <c r="ACH719" s="613"/>
      <c r="ACI719" s="613"/>
      <c r="ACJ719" s="613"/>
      <c r="ACK719" s="613"/>
      <c r="ACL719" s="613"/>
      <c r="ACM719" s="613"/>
      <c r="ACN719" s="613"/>
      <c r="ACO719" s="613"/>
      <c r="ACP719" s="613"/>
      <c r="ACQ719" s="613"/>
      <c r="ACR719" s="613"/>
      <c r="ACS719" s="613"/>
      <c r="ACT719" s="613"/>
      <c r="ACU719" s="613"/>
      <c r="ACV719" s="613"/>
      <c r="ACW719" s="613"/>
      <c r="ACX719" s="613"/>
      <c r="ACY719" s="613"/>
      <c r="ACZ719" s="613"/>
      <c r="ADA719" s="613"/>
      <c r="ADB719" s="613"/>
      <c r="ADC719" s="613"/>
      <c r="ADD719" s="613"/>
      <c r="ADE719" s="613"/>
      <c r="ADF719" s="613"/>
      <c r="ADG719" s="613"/>
      <c r="ADH719" s="613"/>
      <c r="ADI719" s="613"/>
      <c r="ADJ719" s="613"/>
      <c r="ADK719" s="613"/>
      <c r="ADL719" s="613"/>
      <c r="ADM719" s="613"/>
      <c r="ADN719" s="613"/>
      <c r="ADO719" s="613"/>
      <c r="ADP719" s="613"/>
      <c r="ADQ719" s="613"/>
      <c r="ADR719" s="613"/>
      <c r="ADS719" s="613"/>
      <c r="ADT719" s="613"/>
      <c r="ADU719" s="613"/>
      <c r="ADV719" s="613"/>
      <c r="ADW719" s="613"/>
      <c r="ADX719" s="613"/>
      <c r="ADY719" s="613"/>
      <c r="ADZ719" s="613"/>
      <c r="AEA719" s="613"/>
      <c r="AEB719" s="613"/>
      <c r="AEC719" s="613"/>
      <c r="AED719" s="613"/>
      <c r="AEE719" s="613"/>
      <c r="AEF719" s="613"/>
      <c r="AEG719" s="613"/>
      <c r="AEH719" s="613"/>
      <c r="AEI719" s="613"/>
      <c r="AEJ719" s="613"/>
      <c r="AEK719" s="613"/>
      <c r="AEL719" s="613"/>
      <c r="AEM719" s="613"/>
      <c r="AEN719" s="613"/>
      <c r="AEO719" s="613"/>
      <c r="AEP719" s="613"/>
      <c r="AEQ719" s="613"/>
      <c r="AER719" s="613"/>
      <c r="AES719" s="613"/>
      <c r="AET719" s="613"/>
      <c r="AEU719" s="613"/>
      <c r="AEV719" s="613"/>
      <c r="AEW719" s="613"/>
      <c r="AEX719" s="613"/>
      <c r="AEY719" s="613"/>
      <c r="AEZ719" s="613"/>
      <c r="AFA719" s="613"/>
      <c r="AFB719" s="613"/>
      <c r="AFC719" s="613"/>
      <c r="AFD719" s="613"/>
      <c r="AFE719" s="613"/>
      <c r="AFF719" s="613"/>
      <c r="AFG719" s="613"/>
      <c r="AFH719" s="613"/>
      <c r="AFI719" s="613"/>
      <c r="AFJ719" s="613"/>
      <c r="AFK719" s="613"/>
      <c r="AFL719" s="613"/>
      <c r="AFM719" s="613"/>
      <c r="AFN719" s="613"/>
      <c r="AFO719" s="613"/>
      <c r="AFP719" s="613"/>
      <c r="AFQ719" s="613"/>
      <c r="AFR719" s="613"/>
      <c r="AFS719" s="613"/>
      <c r="AFT719" s="613"/>
      <c r="AFU719" s="613"/>
      <c r="AFV719" s="613"/>
      <c r="AFW719" s="613"/>
      <c r="AFX719" s="613"/>
      <c r="AFY719" s="613"/>
      <c r="AFZ719" s="613"/>
      <c r="AGA719" s="613"/>
      <c r="AGB719" s="613"/>
      <c r="AGC719" s="613"/>
      <c r="AGD719" s="613"/>
      <c r="AGE719" s="613"/>
      <c r="AGF719" s="613"/>
      <c r="AGG719" s="613"/>
      <c r="AGH719" s="613"/>
      <c r="AGI719" s="613"/>
      <c r="AGJ719" s="613"/>
      <c r="AGK719" s="613"/>
      <c r="AGL719" s="613"/>
      <c r="AGM719" s="613"/>
      <c r="AGN719" s="613"/>
      <c r="AGO719" s="613"/>
      <c r="AGP719" s="613"/>
      <c r="AGQ719" s="613"/>
      <c r="AGR719" s="613"/>
      <c r="AGS719" s="613"/>
      <c r="AGT719" s="613"/>
      <c r="AGU719" s="613"/>
      <c r="AGV719" s="613"/>
      <c r="AGW719" s="613"/>
      <c r="AGX719" s="613"/>
      <c r="AGY719" s="613"/>
      <c r="AGZ719" s="613"/>
      <c r="AHA719" s="613"/>
      <c r="AHB719" s="613"/>
      <c r="AHC719" s="613"/>
      <c r="AHD719" s="613"/>
      <c r="AHE719" s="613"/>
      <c r="AHF719" s="613"/>
      <c r="AHG719" s="613"/>
      <c r="AHH719" s="613"/>
      <c r="AHI719" s="613"/>
      <c r="AHJ719" s="613"/>
      <c r="AHK719" s="613"/>
      <c r="AHL719" s="613"/>
      <c r="AHM719" s="613"/>
      <c r="AHN719" s="613"/>
      <c r="AHO719" s="613"/>
      <c r="AHP719" s="613"/>
      <c r="AHQ719" s="613"/>
      <c r="AHR719" s="613"/>
      <c r="AHS719" s="613"/>
      <c r="AHT719" s="613"/>
      <c r="AHU719" s="613"/>
      <c r="AHV719" s="613"/>
      <c r="AHW719" s="613"/>
      <c r="AHX719" s="613"/>
      <c r="AHY719" s="613"/>
      <c r="AHZ719" s="613"/>
      <c r="AIA719" s="613"/>
      <c r="AIB719" s="613"/>
      <c r="AIC719" s="613"/>
      <c r="AID719" s="613"/>
      <c r="AIE719" s="613"/>
      <c r="AIF719" s="613"/>
      <c r="AIG719" s="613"/>
      <c r="AIH719" s="613"/>
      <c r="AII719" s="613"/>
      <c r="AIJ719" s="613"/>
      <c r="AIK719" s="613"/>
      <c r="AIL719" s="613"/>
      <c r="AIM719" s="613"/>
      <c r="AIN719" s="613"/>
      <c r="AIO719" s="613"/>
      <c r="AIP719" s="613"/>
      <c r="AIQ719" s="613"/>
      <c r="AIR719" s="613"/>
      <c r="AIS719" s="613"/>
      <c r="AIT719" s="613"/>
      <c r="AIU719" s="613"/>
      <c r="AIV719" s="613"/>
      <c r="AIW719" s="613"/>
      <c r="AIX719" s="613"/>
      <c r="AIY719" s="613"/>
      <c r="AIZ719" s="613"/>
      <c r="AJA719" s="613"/>
      <c r="AJB719" s="613"/>
      <c r="AJC719" s="613"/>
      <c r="AJD719" s="613"/>
      <c r="AJE719" s="613"/>
      <c r="AJF719" s="613"/>
      <c r="AJG719" s="613"/>
      <c r="AJH719" s="613"/>
      <c r="AJI719" s="613"/>
      <c r="AJJ719" s="613"/>
      <c r="AJK719" s="613"/>
      <c r="AJL719" s="613"/>
      <c r="AJM719" s="613"/>
      <c r="AJN719" s="613"/>
      <c r="AJO719" s="613"/>
      <c r="AJP719" s="613"/>
      <c r="AJQ719" s="613"/>
      <c r="AJR719" s="613"/>
      <c r="AJS719" s="613"/>
      <c r="AJT719" s="613"/>
      <c r="AJU719" s="613"/>
      <c r="AJV719" s="613"/>
      <c r="AJW719" s="613"/>
      <c r="AJX719" s="613"/>
      <c r="AJY719" s="613"/>
      <c r="AJZ719" s="613"/>
      <c r="AKA719" s="613"/>
      <c r="AKB719" s="613"/>
      <c r="AKC719" s="613"/>
      <c r="AKD719" s="613"/>
      <c r="AKE719" s="613"/>
      <c r="AKF719" s="613"/>
      <c r="AKG719" s="613"/>
      <c r="AKH719" s="613"/>
      <c r="AKI719" s="613"/>
      <c r="AKJ719" s="613"/>
      <c r="AKK719" s="613"/>
      <c r="AKL719" s="613"/>
      <c r="AKM719" s="613"/>
      <c r="AKN719" s="613"/>
      <c r="AKO719" s="613"/>
      <c r="AKP719" s="613"/>
      <c r="AKQ719" s="613"/>
      <c r="AKR719" s="613"/>
      <c r="AKS719" s="613"/>
      <c r="AKT719" s="613"/>
      <c r="AKU719" s="613"/>
      <c r="AKV719" s="613"/>
      <c r="AKW719" s="613"/>
      <c r="AKX719" s="613"/>
      <c r="AKY719" s="613"/>
      <c r="AKZ719" s="613"/>
      <c r="ALA719" s="613"/>
      <c r="ALB719" s="613"/>
      <c r="ALC719" s="613"/>
      <c r="ALD719" s="613"/>
      <c r="ALE719" s="613"/>
      <c r="ALF719" s="613"/>
      <c r="ALG719" s="613"/>
      <c r="ALH719" s="613"/>
      <c r="ALI719" s="613"/>
      <c r="ALJ719" s="613"/>
      <c r="ALK719" s="613"/>
      <c r="ALL719" s="613"/>
      <c r="ALM719" s="613"/>
      <c r="ALN719" s="613"/>
      <c r="ALO719" s="613"/>
      <c r="ALP719" s="613"/>
      <c r="ALQ719" s="613"/>
      <c r="ALR719" s="613"/>
      <c r="ALS719" s="613"/>
      <c r="ALT719" s="613"/>
      <c r="ALU719" s="613"/>
      <c r="ALV719" s="613"/>
      <c r="ALW719" s="613"/>
      <c r="ALX719" s="613"/>
      <c r="ALY719" s="613"/>
      <c r="ALZ719" s="613"/>
      <c r="AMA719" s="613"/>
      <c r="AMB719" s="613"/>
      <c r="AMC719" s="613"/>
      <c r="AMD719" s="613"/>
      <c r="AME719" s="613"/>
      <c r="AMF719" s="613"/>
      <c r="AMG719" s="613"/>
      <c r="AMH719" s="613"/>
      <c r="AMI719" s="613"/>
      <c r="AMJ719" s="613"/>
      <c r="AMK719" s="613"/>
      <c r="AML719" s="613"/>
      <c r="AMM719" s="613"/>
      <c r="AMN719" s="613"/>
      <c r="AMO719" s="613"/>
      <c r="AMP719" s="613"/>
      <c r="AMQ719" s="613"/>
      <c r="AMR719" s="613"/>
      <c r="AMS719" s="613"/>
      <c r="AMT719" s="613"/>
      <c r="AMU719" s="613"/>
      <c r="AMV719" s="613"/>
      <c r="AMW719" s="613"/>
      <c r="AMX719" s="613"/>
      <c r="AMY719" s="613"/>
      <c r="AMZ719" s="613"/>
      <c r="ANA719" s="613"/>
      <c r="ANB719" s="613"/>
      <c r="ANC719" s="613"/>
      <c r="AND719" s="613"/>
      <c r="ANE719" s="613"/>
      <c r="ANF719" s="613"/>
      <c r="ANG719" s="613"/>
      <c r="ANH719" s="613"/>
      <c r="ANI719" s="613"/>
      <c r="ANJ719" s="613"/>
      <c r="ANK719" s="613"/>
      <c r="ANL719" s="613"/>
      <c r="ANM719" s="613"/>
      <c r="ANN719" s="613"/>
      <c r="ANO719" s="613"/>
      <c r="ANP719" s="613"/>
      <c r="ANQ719" s="613"/>
      <c r="ANR719" s="613"/>
      <c r="ANS719" s="613"/>
      <c r="ANT719" s="613"/>
      <c r="ANU719" s="613"/>
      <c r="ANV719" s="613"/>
      <c r="ANW719" s="613"/>
      <c r="ANX719" s="613"/>
      <c r="ANY719" s="613"/>
      <c r="ANZ719" s="613"/>
      <c r="AOA719" s="613"/>
      <c r="AOB719" s="613"/>
      <c r="AOC719" s="613"/>
      <c r="AOD719" s="613"/>
      <c r="AOE719" s="613"/>
      <c r="AOF719" s="613"/>
      <c r="AOG719" s="613"/>
      <c r="AOH719" s="613"/>
      <c r="AOI719" s="613"/>
      <c r="AOJ719" s="613"/>
      <c r="AOK719" s="613"/>
      <c r="AOL719" s="613"/>
      <c r="AOM719" s="613"/>
      <c r="AON719" s="613"/>
      <c r="AOO719" s="613"/>
      <c r="AOP719" s="613"/>
      <c r="AOQ719" s="613"/>
      <c r="AOR719" s="613"/>
      <c r="AOS719" s="613"/>
      <c r="AOT719" s="613"/>
      <c r="AOU719" s="613"/>
      <c r="AOV719" s="613"/>
      <c r="AOW719" s="613"/>
      <c r="AOX719" s="613"/>
      <c r="AOY719" s="613"/>
      <c r="AOZ719" s="613"/>
      <c r="APA719" s="613"/>
      <c r="APB719" s="613"/>
      <c r="APC719" s="613"/>
      <c r="APD719" s="613"/>
      <c r="APE719" s="613"/>
      <c r="APF719" s="613"/>
      <c r="APG719" s="613"/>
      <c r="APH719" s="613"/>
      <c r="API719" s="613"/>
      <c r="APJ719" s="613"/>
      <c r="APK719" s="613"/>
      <c r="APL719" s="613"/>
      <c r="APM719" s="613"/>
      <c r="APN719" s="613"/>
      <c r="APO719" s="613"/>
      <c r="APP719" s="613"/>
      <c r="APQ719" s="613"/>
      <c r="APR719" s="613"/>
      <c r="APS719" s="613"/>
      <c r="APT719" s="613"/>
      <c r="APU719" s="613"/>
      <c r="APV719" s="613"/>
      <c r="APW719" s="613"/>
      <c r="APX719" s="613"/>
      <c r="APY719" s="613"/>
      <c r="APZ719" s="613"/>
      <c r="AQA719" s="613"/>
      <c r="AQB719" s="613"/>
      <c r="AQC719" s="613"/>
      <c r="AQD719" s="613"/>
      <c r="AQE719" s="613"/>
      <c r="AQF719" s="613"/>
      <c r="AQG719" s="613"/>
      <c r="AQH719" s="613"/>
      <c r="AQI719" s="613"/>
      <c r="AQJ719" s="613"/>
      <c r="AQK719" s="613"/>
      <c r="AQL719" s="613"/>
      <c r="AQM719" s="613"/>
      <c r="AQN719" s="613"/>
      <c r="AQO719" s="613"/>
      <c r="AQP719" s="613"/>
      <c r="AQQ719" s="613"/>
      <c r="AQR719" s="613"/>
      <c r="AQS719" s="613"/>
      <c r="AQT719" s="613"/>
      <c r="AQU719" s="613"/>
      <c r="AQV719" s="613"/>
      <c r="AQW719" s="613"/>
      <c r="AQX719" s="613"/>
      <c r="AQY719" s="613"/>
      <c r="AQZ719" s="613"/>
      <c r="ARA719" s="613"/>
      <c r="ARB719" s="613"/>
      <c r="ARC719" s="613"/>
      <c r="ARD719" s="613"/>
      <c r="ARE719" s="613"/>
      <c r="ARF719" s="613"/>
      <c r="ARG719" s="613"/>
      <c r="ARH719" s="613"/>
      <c r="ARI719" s="613"/>
      <c r="ARJ719" s="613"/>
      <c r="ARK719" s="613"/>
      <c r="ARL719" s="613"/>
      <c r="ARM719" s="613"/>
      <c r="ARN719" s="613"/>
      <c r="ARO719" s="613"/>
      <c r="ARP719" s="613"/>
      <c r="ARQ719" s="613"/>
      <c r="ARR719" s="613"/>
      <c r="ARS719" s="613"/>
      <c r="ART719" s="613"/>
      <c r="ARU719" s="613"/>
      <c r="ARV719" s="613"/>
      <c r="ARW719" s="613"/>
      <c r="ARX719" s="613"/>
      <c r="ARY719" s="613"/>
      <c r="ARZ719" s="613"/>
      <c r="ASA719" s="613"/>
      <c r="ASB719" s="613"/>
      <c r="ASC719" s="613"/>
      <c r="ASD719" s="613"/>
      <c r="ASE719" s="613"/>
      <c r="ASF719" s="613"/>
      <c r="ASG719" s="613"/>
      <c r="ASH719" s="613"/>
      <c r="ASI719" s="613"/>
      <c r="ASJ719" s="613"/>
      <c r="ASK719" s="613"/>
      <c r="ASL719" s="613"/>
      <c r="ASM719" s="613"/>
      <c r="ASN719" s="613"/>
      <c r="ASO719" s="613"/>
      <c r="ASP719" s="613"/>
      <c r="ASQ719" s="613"/>
      <c r="ASR719" s="613"/>
      <c r="ASS719" s="613"/>
      <c r="AST719" s="613"/>
      <c r="ASU719" s="613"/>
      <c r="ASV719" s="613"/>
      <c r="ASW719" s="613"/>
      <c r="ASX719" s="613"/>
      <c r="ASY719" s="613"/>
      <c r="ASZ719" s="613"/>
      <c r="ATA719" s="613"/>
      <c r="ATB719" s="613"/>
      <c r="ATC719" s="613"/>
      <c r="ATD719" s="613"/>
      <c r="ATE719" s="613"/>
      <c r="ATF719" s="613"/>
      <c r="ATG719" s="613"/>
      <c r="ATH719" s="613"/>
      <c r="ATI719" s="613"/>
      <c r="ATJ719" s="613"/>
      <c r="ATK719" s="613"/>
      <c r="ATL719" s="613"/>
      <c r="ATM719" s="613"/>
      <c r="ATN719" s="613"/>
      <c r="ATO719" s="613"/>
      <c r="ATP719" s="613"/>
      <c r="ATQ719" s="613"/>
      <c r="ATR719" s="613"/>
      <c r="ATS719" s="613"/>
      <c r="ATT719" s="613"/>
      <c r="ATU719" s="613"/>
      <c r="ATV719" s="613"/>
      <c r="ATW719" s="613"/>
      <c r="ATX719" s="613"/>
      <c r="ATY719" s="613"/>
      <c r="ATZ719" s="613"/>
      <c r="AUA719" s="613"/>
      <c r="AUB719" s="613"/>
      <c r="AUC719" s="613"/>
      <c r="AUD719" s="613"/>
      <c r="AUE719" s="613"/>
      <c r="AUF719" s="613"/>
      <c r="AUG719" s="613"/>
      <c r="AUH719" s="613"/>
      <c r="AUI719" s="613"/>
      <c r="AUJ719" s="613"/>
      <c r="AUK719" s="613"/>
      <c r="AUL719" s="613"/>
      <c r="AUM719" s="613"/>
      <c r="AUN719" s="613"/>
      <c r="AUO719" s="613"/>
      <c r="AUP719" s="613"/>
      <c r="AUQ719" s="613"/>
      <c r="AUR719" s="613"/>
      <c r="AUS719" s="613"/>
      <c r="AUT719" s="613"/>
      <c r="AUU719" s="613"/>
      <c r="AUV719" s="613"/>
      <c r="AUW719" s="613"/>
      <c r="AUX719" s="613"/>
      <c r="AUY719" s="613"/>
      <c r="AUZ719" s="613"/>
      <c r="AVA719" s="613"/>
      <c r="AVB719" s="613"/>
      <c r="AVC719" s="613"/>
      <c r="AVD719" s="613"/>
      <c r="AVE719" s="613"/>
      <c r="AVF719" s="613"/>
      <c r="AVG719" s="613"/>
      <c r="AVH719" s="613"/>
      <c r="AVI719" s="613"/>
      <c r="AVJ719" s="613"/>
      <c r="AVK719" s="613"/>
      <c r="AVL719" s="613"/>
      <c r="AVM719" s="613"/>
      <c r="AVN719" s="613"/>
      <c r="AVO719" s="613"/>
      <c r="AVP719" s="613"/>
      <c r="AVQ719" s="613"/>
      <c r="AVR719" s="613"/>
      <c r="AVS719" s="613"/>
      <c r="AVT719" s="613"/>
      <c r="AVU719" s="613"/>
      <c r="AVV719" s="613"/>
      <c r="AVW719" s="613"/>
      <c r="AVX719" s="613"/>
      <c r="AVY719" s="613"/>
      <c r="AVZ719" s="613"/>
      <c r="AWA719" s="613"/>
      <c r="AWB719" s="613"/>
      <c r="AWC719" s="613"/>
      <c r="AWD719" s="613"/>
      <c r="AWE719" s="613"/>
      <c r="AWF719" s="613"/>
      <c r="AWG719" s="613"/>
      <c r="AWH719" s="613"/>
      <c r="AWI719" s="613"/>
      <c r="AWJ719" s="613"/>
      <c r="AWK719" s="613"/>
      <c r="AWL719" s="613"/>
      <c r="AWM719" s="613"/>
      <c r="AWN719" s="613"/>
      <c r="AWO719" s="613"/>
      <c r="AWP719" s="613"/>
      <c r="AWQ719" s="613"/>
      <c r="AWR719" s="613"/>
      <c r="AWS719" s="613"/>
      <c r="AWT719" s="613"/>
      <c r="AWU719" s="613"/>
      <c r="AWV719" s="613"/>
      <c r="AWW719" s="613"/>
      <c r="AWX719" s="613"/>
      <c r="AWY719" s="613"/>
      <c r="AWZ719" s="613"/>
      <c r="AXA719" s="613"/>
      <c r="AXB719" s="613"/>
      <c r="AXC719" s="613"/>
      <c r="AXD719" s="613"/>
      <c r="AXE719" s="613"/>
      <c r="AXF719" s="613"/>
      <c r="AXG719" s="613"/>
      <c r="AXH719" s="613"/>
      <c r="AXI719" s="613"/>
      <c r="AXJ719" s="613"/>
      <c r="AXK719" s="613"/>
      <c r="AXL719" s="613"/>
      <c r="AXM719" s="613"/>
      <c r="AXN719" s="613"/>
      <c r="AXO719" s="613"/>
      <c r="AXP719" s="613"/>
      <c r="AXQ719" s="613"/>
      <c r="AXR719" s="613"/>
      <c r="AXS719" s="613"/>
      <c r="AXT719" s="613"/>
      <c r="AXU719" s="613"/>
      <c r="AXV719" s="613"/>
      <c r="AXW719" s="613"/>
      <c r="AXX719" s="613"/>
      <c r="AXY719" s="613"/>
      <c r="AXZ719" s="613"/>
      <c r="AYA719" s="613"/>
      <c r="AYB719" s="613"/>
      <c r="AYC719" s="613"/>
      <c r="AYD719" s="613"/>
      <c r="AYE719" s="613"/>
      <c r="AYF719" s="613"/>
      <c r="AYG719" s="613"/>
      <c r="AYH719" s="613"/>
      <c r="AYI719" s="613"/>
      <c r="AYJ719" s="613"/>
      <c r="AYK719" s="613"/>
      <c r="AYL719" s="613"/>
      <c r="AYM719" s="613"/>
      <c r="AYN719" s="613"/>
      <c r="AYO719" s="613"/>
      <c r="AYP719" s="613"/>
      <c r="AYQ719" s="613"/>
      <c r="AYR719" s="613"/>
      <c r="AYS719" s="613"/>
      <c r="AYT719" s="613"/>
      <c r="AYU719" s="613"/>
      <c r="AYV719" s="613"/>
      <c r="AYW719" s="613"/>
      <c r="AYX719" s="613"/>
      <c r="AYY719" s="613"/>
      <c r="AYZ719" s="613"/>
      <c r="AZA719" s="613"/>
      <c r="AZB719" s="613"/>
      <c r="AZC719" s="613"/>
      <c r="AZD719" s="613"/>
      <c r="AZE719" s="613"/>
      <c r="AZF719" s="613"/>
      <c r="AZG719" s="613"/>
      <c r="AZH719" s="613"/>
      <c r="AZI719" s="613"/>
      <c r="AZJ719" s="613"/>
      <c r="AZK719" s="613"/>
      <c r="AZL719" s="613"/>
      <c r="AZM719" s="613"/>
      <c r="AZN719" s="613"/>
      <c r="AZO719" s="613"/>
      <c r="AZP719" s="613"/>
      <c r="AZQ719" s="613"/>
      <c r="AZR719" s="613"/>
      <c r="AZS719" s="613"/>
      <c r="AZT719" s="613"/>
      <c r="AZU719" s="613"/>
      <c r="AZV719" s="613"/>
      <c r="AZW719" s="613"/>
      <c r="AZX719" s="613"/>
      <c r="AZY719" s="613"/>
      <c r="AZZ719" s="613"/>
      <c r="BAA719" s="613"/>
      <c r="BAB719" s="613"/>
      <c r="BAC719" s="613"/>
      <c r="BAD719" s="613"/>
      <c r="BAE719" s="613"/>
      <c r="BAF719" s="613"/>
      <c r="BAG719" s="613"/>
      <c r="BAH719" s="613"/>
      <c r="BAI719" s="613"/>
      <c r="BAJ719" s="613"/>
      <c r="BAK719" s="613"/>
      <c r="BAL719" s="613"/>
      <c r="BAM719" s="613"/>
      <c r="BAN719" s="613"/>
      <c r="BAO719" s="613"/>
      <c r="BAP719" s="613"/>
      <c r="BAQ719" s="613"/>
      <c r="BAR719" s="613"/>
      <c r="BAS719" s="613"/>
      <c r="BAT719" s="613"/>
      <c r="BAU719" s="613"/>
      <c r="BAV719" s="613"/>
      <c r="BAW719" s="613"/>
      <c r="BAX719" s="613"/>
      <c r="BAY719" s="613"/>
      <c r="BAZ719" s="613"/>
      <c r="BBA719" s="613"/>
      <c r="BBB719" s="613"/>
      <c r="BBC719" s="613"/>
      <c r="BBD719" s="613"/>
      <c r="BBE719" s="613"/>
      <c r="BBF719" s="613"/>
      <c r="BBG719" s="613"/>
      <c r="BBH719" s="613"/>
      <c r="BBI719" s="613"/>
      <c r="BBJ719" s="613"/>
      <c r="BBK719" s="613"/>
      <c r="BBL719" s="613"/>
      <c r="BBM719" s="613"/>
      <c r="BBN719" s="613"/>
      <c r="BBO719" s="613"/>
      <c r="BBP719" s="613"/>
      <c r="BBQ719" s="613"/>
      <c r="BBR719" s="613"/>
      <c r="BBS719" s="613"/>
      <c r="BBT719" s="613"/>
      <c r="BBU719" s="613"/>
      <c r="BBV719" s="613"/>
      <c r="BBW719" s="613"/>
      <c r="BBX719" s="613"/>
      <c r="BBY719" s="613"/>
      <c r="BBZ719" s="613"/>
      <c r="BCA719" s="613"/>
      <c r="BCB719" s="613"/>
      <c r="BCC719" s="613"/>
      <c r="BCD719" s="613"/>
      <c r="BCE719" s="613"/>
      <c r="BCF719" s="613"/>
      <c r="BCG719" s="613"/>
      <c r="BCH719" s="613"/>
      <c r="BCI719" s="613"/>
      <c r="BCJ719" s="613"/>
      <c r="BCK719" s="613"/>
      <c r="BCL719" s="613"/>
      <c r="BCM719" s="613"/>
      <c r="BCN719" s="613"/>
      <c r="BCO719" s="613"/>
      <c r="BCP719" s="613"/>
      <c r="BCQ719" s="613"/>
      <c r="BCR719" s="613"/>
      <c r="BCS719" s="613"/>
      <c r="BCT719" s="613"/>
      <c r="BCU719" s="613"/>
      <c r="BCV719" s="613"/>
      <c r="BCW719" s="613"/>
      <c r="BCX719" s="613"/>
      <c r="BCY719" s="613"/>
      <c r="BCZ719" s="613"/>
      <c r="BDA719" s="613"/>
      <c r="BDB719" s="613"/>
      <c r="BDC719" s="613"/>
      <c r="BDD719" s="613"/>
      <c r="BDE719" s="613"/>
      <c r="BDF719" s="613"/>
      <c r="BDG719" s="613"/>
      <c r="BDH719" s="613"/>
      <c r="BDI719" s="613"/>
      <c r="BDJ719" s="613"/>
      <c r="BDK719" s="613"/>
      <c r="BDL719" s="613"/>
      <c r="BDM719" s="613"/>
      <c r="BDN719" s="613"/>
      <c r="BDO719" s="613"/>
      <c r="BDP719" s="613"/>
      <c r="BDQ719" s="613"/>
      <c r="BDR719" s="613"/>
      <c r="BDS719" s="613"/>
      <c r="BDT719" s="613"/>
      <c r="BDU719" s="613"/>
      <c r="BDV719" s="613"/>
      <c r="BDW719" s="613"/>
      <c r="BDX719" s="613"/>
      <c r="BDY719" s="613"/>
      <c r="BDZ719" s="613"/>
      <c r="BEA719" s="613"/>
      <c r="BEB719" s="613"/>
      <c r="BEC719" s="613"/>
      <c r="BED719" s="613"/>
      <c r="BEE719" s="613"/>
      <c r="BEF719" s="613"/>
      <c r="BEG719" s="613"/>
      <c r="BEH719" s="613"/>
      <c r="BEI719" s="613"/>
      <c r="BEJ719" s="613"/>
      <c r="BEK719" s="613"/>
      <c r="BEL719" s="613"/>
      <c r="BEM719" s="613"/>
      <c r="BEN719" s="613"/>
      <c r="BEO719" s="613"/>
      <c r="BEP719" s="613"/>
      <c r="BEQ719" s="613"/>
      <c r="BER719" s="613"/>
      <c r="BES719" s="613"/>
      <c r="BET719" s="613"/>
      <c r="BEU719" s="613"/>
      <c r="BEV719" s="613"/>
      <c r="BEW719" s="613"/>
      <c r="BEX719" s="613"/>
      <c r="BEY719" s="613"/>
      <c r="BEZ719" s="613"/>
      <c r="BFA719" s="613"/>
      <c r="BFB719" s="613"/>
      <c r="BFC719" s="613"/>
      <c r="BFD719" s="613"/>
      <c r="BFE719" s="613"/>
      <c r="BFF719" s="613"/>
      <c r="BFG719" s="613"/>
      <c r="BFH719" s="613"/>
      <c r="BFI719" s="613"/>
      <c r="BFJ719" s="613"/>
      <c r="BFK719" s="613"/>
      <c r="BFL719" s="613"/>
      <c r="BFM719" s="613"/>
      <c r="BFN719" s="613"/>
      <c r="BFO719" s="613"/>
      <c r="BFP719" s="613"/>
      <c r="BFQ719" s="613"/>
      <c r="BFR719" s="613"/>
      <c r="BFS719" s="613"/>
      <c r="BFT719" s="613"/>
      <c r="BFU719" s="613"/>
      <c r="BFV719" s="613"/>
      <c r="BFW719" s="613"/>
      <c r="BFX719" s="613"/>
      <c r="BFY719" s="613"/>
      <c r="BFZ719" s="613"/>
      <c r="BGA719" s="613"/>
      <c r="BGB719" s="613"/>
      <c r="BGC719" s="613"/>
      <c r="BGD719" s="613"/>
      <c r="BGE719" s="613"/>
      <c r="BGF719" s="613"/>
      <c r="BGG719" s="613"/>
      <c r="BGH719" s="613"/>
      <c r="BGI719" s="613"/>
      <c r="BGJ719" s="613"/>
      <c r="BGK719" s="613"/>
      <c r="BGL719" s="613"/>
      <c r="BGM719" s="613"/>
      <c r="BGN719" s="613"/>
      <c r="BGO719" s="613"/>
      <c r="BGP719" s="613"/>
      <c r="BGQ719" s="613"/>
      <c r="BGR719" s="613"/>
      <c r="BGS719" s="613"/>
      <c r="BGT719" s="613"/>
      <c r="BGU719" s="613"/>
      <c r="BGV719" s="613"/>
      <c r="BGW719" s="613"/>
      <c r="BGX719" s="613"/>
      <c r="BGY719" s="613"/>
      <c r="BGZ719" s="613"/>
      <c r="BHA719" s="613"/>
      <c r="BHB719" s="613"/>
      <c r="BHC719" s="613"/>
      <c r="BHD719" s="613"/>
      <c r="BHE719" s="613"/>
      <c r="BHF719" s="613"/>
      <c r="BHG719" s="613"/>
      <c r="BHH719" s="613"/>
      <c r="BHI719" s="613"/>
      <c r="BHJ719" s="613"/>
      <c r="BHK719" s="613"/>
      <c r="BHL719" s="613"/>
      <c r="BHM719" s="613"/>
      <c r="BHN719" s="613"/>
      <c r="BHO719" s="613"/>
      <c r="BHP719" s="613"/>
      <c r="BHQ719" s="613"/>
      <c r="BHR719" s="613"/>
      <c r="BHS719" s="613"/>
      <c r="BHT719" s="613"/>
      <c r="BHU719" s="613"/>
      <c r="BHV719" s="613"/>
      <c r="BHW719" s="613"/>
      <c r="BHX719" s="613"/>
      <c r="BHY719" s="613"/>
      <c r="BHZ719" s="613"/>
      <c r="BIA719" s="613"/>
      <c r="BIB719" s="613"/>
      <c r="BIC719" s="613"/>
      <c r="BID719" s="613"/>
      <c r="BIE719" s="613"/>
      <c r="BIF719" s="613"/>
      <c r="BIG719" s="613"/>
      <c r="BIH719" s="613"/>
      <c r="BII719" s="613"/>
      <c r="BIJ719" s="613"/>
      <c r="BIK719" s="613"/>
      <c r="BIL719" s="613"/>
      <c r="BIM719" s="613"/>
      <c r="BIN719" s="613"/>
      <c r="BIO719" s="613"/>
      <c r="BIP719" s="613"/>
      <c r="BIQ719" s="613"/>
      <c r="BIR719" s="613"/>
      <c r="BIS719" s="613"/>
      <c r="BIT719" s="613"/>
      <c r="BIU719" s="613"/>
      <c r="BIV719" s="613"/>
      <c r="BIW719" s="613"/>
      <c r="BIX719" s="613"/>
      <c r="BIY719" s="613"/>
      <c r="BIZ719" s="613"/>
      <c r="BJA719" s="613"/>
      <c r="BJB719" s="613"/>
      <c r="BJC719" s="613"/>
      <c r="BJD719" s="613"/>
      <c r="BJE719" s="613"/>
      <c r="BJF719" s="613"/>
      <c r="BJG719" s="613"/>
      <c r="BJH719" s="613"/>
      <c r="BJI719" s="613"/>
      <c r="BJJ719" s="613"/>
      <c r="BJK719" s="613"/>
      <c r="BJL719" s="613"/>
      <c r="BJM719" s="613"/>
      <c r="BJN719" s="613"/>
      <c r="BJO719" s="613"/>
      <c r="BJP719" s="613"/>
      <c r="BJQ719" s="613"/>
      <c r="BJR719" s="613"/>
      <c r="BJS719" s="613"/>
      <c r="BJT719" s="613"/>
      <c r="BJU719" s="613"/>
      <c r="BJV719" s="613"/>
      <c r="BJW719" s="613"/>
      <c r="BJX719" s="613"/>
      <c r="BJY719" s="613"/>
      <c r="BJZ719" s="613"/>
      <c r="BKA719" s="613"/>
      <c r="BKB719" s="613"/>
      <c r="BKC719" s="613"/>
      <c r="BKD719" s="613"/>
      <c r="BKE719" s="613"/>
      <c r="BKF719" s="613"/>
      <c r="BKG719" s="613"/>
      <c r="BKH719" s="613"/>
      <c r="BKI719" s="613"/>
      <c r="BKJ719" s="613"/>
      <c r="BKK719" s="613"/>
      <c r="BKL719" s="613"/>
      <c r="BKM719" s="613"/>
      <c r="BKN719" s="613"/>
      <c r="BKO719" s="613"/>
      <c r="BKP719" s="613"/>
      <c r="BKQ719" s="613"/>
      <c r="BKR719" s="613"/>
      <c r="BKS719" s="613"/>
      <c r="BKT719" s="613"/>
      <c r="BKU719" s="613"/>
      <c r="BKV719" s="613"/>
      <c r="BKW719" s="613"/>
      <c r="BKX719" s="613"/>
      <c r="BKY719" s="613"/>
      <c r="BKZ719" s="613"/>
      <c r="BLA719" s="613"/>
      <c r="BLB719" s="613"/>
      <c r="BLC719" s="613"/>
      <c r="BLD719" s="613"/>
      <c r="BLE719" s="613"/>
      <c r="BLF719" s="613"/>
      <c r="BLG719" s="613"/>
      <c r="BLH719" s="613"/>
      <c r="BLI719" s="613"/>
      <c r="BLJ719" s="613"/>
      <c r="BLK719" s="613"/>
      <c r="BLL719" s="613"/>
      <c r="BLM719" s="613"/>
      <c r="BLN719" s="613"/>
      <c r="BLO719" s="613"/>
      <c r="BLP719" s="613"/>
      <c r="BLQ719" s="613"/>
      <c r="BLR719" s="613"/>
      <c r="BLS719" s="613"/>
      <c r="BLT719" s="613"/>
      <c r="BLU719" s="613"/>
      <c r="BLV719" s="613"/>
      <c r="BLW719" s="613"/>
      <c r="BLX719" s="613"/>
      <c r="BLY719" s="613"/>
      <c r="BLZ719" s="613"/>
      <c r="BMA719" s="613"/>
      <c r="BMB719" s="613"/>
      <c r="BMC719" s="613"/>
      <c r="BMD719" s="613"/>
      <c r="BME719" s="613"/>
      <c r="BMF719" s="613"/>
      <c r="BMG719" s="613"/>
      <c r="BMH719" s="613"/>
      <c r="BMI719" s="613"/>
      <c r="BMJ719" s="613"/>
      <c r="BMK719" s="613"/>
      <c r="BML719" s="613"/>
      <c r="BMM719" s="613"/>
      <c r="BMN719" s="613"/>
      <c r="BMO719" s="613"/>
      <c r="BMP719" s="613"/>
      <c r="BMQ719" s="613"/>
      <c r="BMR719" s="613"/>
      <c r="BMS719" s="613"/>
      <c r="BMT719" s="613"/>
      <c r="BMU719" s="613"/>
      <c r="BMV719" s="613"/>
      <c r="BMW719" s="613"/>
      <c r="BMX719" s="613"/>
      <c r="BMY719" s="613"/>
      <c r="BMZ719" s="613"/>
      <c r="BNA719" s="613"/>
      <c r="BNB719" s="613"/>
      <c r="BNC719" s="613"/>
      <c r="BND719" s="613"/>
      <c r="BNE719" s="613"/>
      <c r="BNF719" s="613"/>
      <c r="BNG719" s="613"/>
      <c r="BNH719" s="613"/>
      <c r="BNI719" s="613"/>
      <c r="BNJ719" s="613"/>
      <c r="BNK719" s="613"/>
      <c r="BNL719" s="613"/>
      <c r="BNM719" s="613"/>
      <c r="BNN719" s="613"/>
      <c r="BNO719" s="613"/>
      <c r="BNP719" s="613"/>
      <c r="BNQ719" s="613"/>
      <c r="BNR719" s="613"/>
      <c r="BNS719" s="613"/>
      <c r="BNT719" s="613"/>
      <c r="BNU719" s="613"/>
      <c r="BNV719" s="613"/>
      <c r="BNW719" s="613"/>
      <c r="BNX719" s="613"/>
      <c r="BNY719" s="613"/>
      <c r="BNZ719" s="613"/>
      <c r="BOA719" s="613"/>
      <c r="BOB719" s="613"/>
      <c r="BOC719" s="613"/>
      <c r="BOD719" s="613"/>
      <c r="BOE719" s="613"/>
      <c r="BOF719" s="613"/>
      <c r="BOG719" s="613"/>
      <c r="BOH719" s="613"/>
      <c r="BOI719" s="613"/>
      <c r="BOJ719" s="613"/>
      <c r="BOK719" s="613"/>
      <c r="BOL719" s="613"/>
      <c r="BOM719" s="613"/>
      <c r="BON719" s="613"/>
      <c r="BOO719" s="613"/>
      <c r="BOP719" s="613"/>
      <c r="BOQ719" s="613"/>
      <c r="BOR719" s="613"/>
      <c r="BOS719" s="613"/>
      <c r="BOT719" s="613"/>
      <c r="BOU719" s="613"/>
      <c r="BOV719" s="613"/>
      <c r="BOW719" s="613"/>
      <c r="BOX719" s="613"/>
      <c r="BOY719" s="613"/>
      <c r="BOZ719" s="613"/>
      <c r="BPA719" s="613"/>
      <c r="BPB719" s="613"/>
      <c r="BPC719" s="613"/>
      <c r="BPD719" s="613"/>
      <c r="BPE719" s="613"/>
      <c r="BPF719" s="613"/>
      <c r="BPG719" s="613"/>
      <c r="BPH719" s="613"/>
      <c r="BPI719" s="613"/>
      <c r="BPJ719" s="613"/>
      <c r="BPK719" s="613"/>
      <c r="BPL719" s="613"/>
      <c r="BPM719" s="613"/>
      <c r="BPN719" s="613"/>
      <c r="BPO719" s="613"/>
      <c r="BPP719" s="613"/>
      <c r="BPQ719" s="613"/>
      <c r="BPR719" s="613"/>
      <c r="BPS719" s="613"/>
      <c r="BPT719" s="613"/>
      <c r="BPU719" s="613"/>
      <c r="BPV719" s="613"/>
      <c r="BPW719" s="613"/>
      <c r="BPX719" s="613"/>
      <c r="BPY719" s="613"/>
      <c r="BPZ719" s="613"/>
      <c r="BQA719" s="613"/>
      <c r="BQB719" s="613"/>
      <c r="BQC719" s="613"/>
      <c r="BQD719" s="613"/>
      <c r="BQE719" s="613"/>
      <c r="BQF719" s="613"/>
      <c r="BQG719" s="613"/>
      <c r="BQH719" s="613"/>
      <c r="BQI719" s="613"/>
      <c r="BQJ719" s="613"/>
      <c r="BQK719" s="613"/>
      <c r="BQL719" s="613"/>
      <c r="BQM719" s="613"/>
      <c r="BQN719" s="613"/>
      <c r="BQO719" s="613"/>
      <c r="BQP719" s="613"/>
      <c r="BQQ719" s="613"/>
      <c r="BQR719" s="613"/>
      <c r="BQS719" s="613"/>
      <c r="BQT719" s="613"/>
      <c r="BQU719" s="613"/>
      <c r="BQV719" s="613"/>
      <c r="BQW719" s="613"/>
      <c r="BQX719" s="613"/>
      <c r="BQY719" s="613"/>
      <c r="BQZ719" s="613"/>
      <c r="BRA719" s="613"/>
      <c r="BRB719" s="613"/>
      <c r="BRC719" s="613"/>
      <c r="BRD719" s="613"/>
      <c r="BRE719" s="613"/>
      <c r="BRF719" s="613"/>
      <c r="BRG719" s="613"/>
      <c r="BRH719" s="613"/>
      <c r="BRI719" s="613"/>
      <c r="BRJ719" s="613"/>
      <c r="BRK719" s="613"/>
      <c r="BRL719" s="613"/>
      <c r="BRM719" s="613"/>
      <c r="BRN719" s="613"/>
      <c r="BRO719" s="613"/>
      <c r="BRP719" s="613"/>
      <c r="BRQ719" s="613"/>
      <c r="BRR719" s="613"/>
      <c r="BRS719" s="613"/>
      <c r="BRT719" s="613"/>
      <c r="BRU719" s="613"/>
      <c r="BRV719" s="613"/>
      <c r="BRW719" s="613"/>
      <c r="BRX719" s="613"/>
      <c r="BRY719" s="613"/>
      <c r="BRZ719" s="613"/>
      <c r="BSA719" s="613"/>
      <c r="BSB719" s="613"/>
      <c r="BSC719" s="613"/>
      <c r="BSD719" s="613"/>
      <c r="BSE719" s="613"/>
      <c r="BSF719" s="613"/>
      <c r="BSG719" s="613"/>
      <c r="BSH719" s="613"/>
      <c r="BSI719" s="613"/>
      <c r="BSJ719" s="613"/>
      <c r="BSK719" s="613"/>
      <c r="BSL719" s="613"/>
      <c r="BSM719" s="613"/>
      <c r="BSN719" s="613"/>
      <c r="BSO719" s="613"/>
      <c r="BSP719" s="613"/>
      <c r="BSQ719" s="613"/>
      <c r="BSR719" s="613"/>
      <c r="BSS719" s="613"/>
      <c r="BST719" s="613"/>
      <c r="BSU719" s="613"/>
      <c r="BSV719" s="613"/>
      <c r="BSW719" s="613"/>
      <c r="BSX719" s="613"/>
      <c r="BSY719" s="613"/>
      <c r="BSZ719" s="613"/>
      <c r="BTA719" s="613"/>
      <c r="BTB719" s="613"/>
      <c r="BTC719" s="613"/>
      <c r="BTD719" s="613"/>
      <c r="BTE719" s="613"/>
      <c r="BTF719" s="613"/>
      <c r="BTG719" s="613"/>
      <c r="BTH719" s="613"/>
      <c r="BTI719" s="613"/>
      <c r="BTJ719" s="613"/>
      <c r="BTK719" s="613"/>
      <c r="BTL719" s="613"/>
      <c r="BTM719" s="613"/>
      <c r="BTN719" s="613"/>
      <c r="BTO719" s="613"/>
      <c r="BTP719" s="613"/>
      <c r="BTQ719" s="613"/>
      <c r="BTR719" s="613"/>
      <c r="BTS719" s="613"/>
      <c r="BTT719" s="613"/>
      <c r="BTU719" s="613"/>
      <c r="BTV719" s="613"/>
      <c r="BTW719" s="613"/>
      <c r="BTX719" s="613"/>
      <c r="BTY719" s="613"/>
      <c r="BTZ719" s="613"/>
      <c r="BUA719" s="613"/>
      <c r="BUB719" s="613"/>
      <c r="BUC719" s="613"/>
      <c r="BUD719" s="613"/>
      <c r="BUE719" s="613"/>
      <c r="BUF719" s="613"/>
      <c r="BUG719" s="613"/>
      <c r="BUH719" s="613"/>
      <c r="BUI719" s="613"/>
      <c r="BUJ719" s="613"/>
      <c r="BUK719" s="613"/>
      <c r="BUL719" s="613"/>
      <c r="BUM719" s="613"/>
      <c r="BUN719" s="613"/>
      <c r="BUO719" s="613"/>
      <c r="BUP719" s="613"/>
      <c r="BUQ719" s="613"/>
      <c r="BUR719" s="613"/>
      <c r="BUS719" s="613"/>
      <c r="BUT719" s="613"/>
      <c r="BUU719" s="613"/>
      <c r="BUV719" s="613"/>
      <c r="BUW719" s="613"/>
      <c r="BUX719" s="613"/>
      <c r="BUY719" s="613"/>
      <c r="BUZ719" s="613"/>
      <c r="BVA719" s="613"/>
      <c r="BVB719" s="613"/>
      <c r="BVC719" s="613"/>
      <c r="BVD719" s="613"/>
      <c r="BVE719" s="613"/>
      <c r="BVF719" s="613"/>
      <c r="BVG719" s="613"/>
      <c r="BVH719" s="613"/>
      <c r="BVI719" s="613"/>
      <c r="BVJ719" s="613"/>
      <c r="BVK719" s="613"/>
      <c r="BVL719" s="613"/>
      <c r="BVM719" s="613"/>
      <c r="BVN719" s="613"/>
      <c r="BVO719" s="613"/>
      <c r="BVP719" s="613"/>
      <c r="BVQ719" s="613"/>
      <c r="BVR719" s="613"/>
      <c r="BVS719" s="613"/>
      <c r="BVT719" s="613"/>
      <c r="BVU719" s="613"/>
      <c r="BVV719" s="613"/>
      <c r="BVW719" s="613"/>
      <c r="BVX719" s="613"/>
      <c r="BVY719" s="613"/>
      <c r="BVZ719" s="613"/>
      <c r="BWA719" s="613"/>
      <c r="BWB719" s="613"/>
      <c r="BWC719" s="613"/>
      <c r="BWD719" s="613"/>
      <c r="BWE719" s="613"/>
      <c r="BWF719" s="613"/>
      <c r="BWG719" s="613"/>
      <c r="BWH719" s="613"/>
      <c r="BWI719" s="613"/>
      <c r="BWJ719" s="613"/>
      <c r="BWK719" s="613"/>
      <c r="BWL719" s="613"/>
      <c r="BWM719" s="613"/>
      <c r="BWN719" s="613"/>
      <c r="BWO719" s="613"/>
      <c r="BWP719" s="613"/>
      <c r="BWQ719" s="613"/>
      <c r="BWR719" s="613"/>
      <c r="BWS719" s="613"/>
      <c r="BWT719" s="613"/>
      <c r="BWU719" s="613"/>
      <c r="BWV719" s="613"/>
      <c r="BWW719" s="613"/>
      <c r="BWX719" s="613"/>
      <c r="BWY719" s="613"/>
      <c r="BWZ719" s="613"/>
      <c r="BXA719" s="613"/>
      <c r="BXB719" s="613"/>
      <c r="BXC719" s="613"/>
      <c r="BXD719" s="613"/>
      <c r="BXE719" s="613"/>
      <c r="BXF719" s="613"/>
      <c r="BXG719" s="613"/>
      <c r="BXH719" s="613"/>
      <c r="BXI719" s="613"/>
      <c r="BXJ719" s="613"/>
      <c r="BXK719" s="613"/>
      <c r="BXL719" s="613"/>
      <c r="BXM719" s="613"/>
      <c r="BXN719" s="613"/>
      <c r="BXO719" s="613"/>
      <c r="BXP719" s="613"/>
      <c r="BXQ719" s="613"/>
      <c r="BXR719" s="613"/>
      <c r="BXS719" s="613"/>
      <c r="BXT719" s="613"/>
      <c r="BXU719" s="613"/>
      <c r="BXV719" s="613"/>
      <c r="BXW719" s="613"/>
      <c r="BXX719" s="613"/>
      <c r="BXY719" s="613"/>
      <c r="BXZ719" s="613"/>
      <c r="BYA719" s="613"/>
      <c r="BYB719" s="613"/>
      <c r="BYC719" s="613"/>
      <c r="BYD719" s="613"/>
      <c r="BYE719" s="613"/>
      <c r="BYF719" s="613"/>
      <c r="BYG719" s="613"/>
      <c r="BYH719" s="613"/>
      <c r="BYI719" s="613"/>
      <c r="BYJ719" s="613"/>
      <c r="BYK719" s="613"/>
      <c r="BYL719" s="613"/>
      <c r="BYM719" s="613"/>
      <c r="BYN719" s="613"/>
      <c r="BYO719" s="613"/>
      <c r="BYP719" s="613"/>
      <c r="BYQ719" s="613"/>
      <c r="BYR719" s="613"/>
      <c r="BYS719" s="613"/>
      <c r="BYT719" s="613"/>
      <c r="BYU719" s="613"/>
      <c r="BYV719" s="613"/>
      <c r="BYW719" s="613"/>
      <c r="BYX719" s="613"/>
      <c r="BYY719" s="613"/>
      <c r="BYZ719" s="613"/>
      <c r="BZA719" s="613"/>
      <c r="BZB719" s="613"/>
      <c r="BZC719" s="613"/>
      <c r="BZD719" s="613"/>
      <c r="BZE719" s="613"/>
      <c r="BZF719" s="613"/>
      <c r="BZG719" s="613"/>
      <c r="BZH719" s="613"/>
      <c r="BZI719" s="613"/>
      <c r="BZJ719" s="613"/>
      <c r="BZK719" s="613"/>
      <c r="BZL719" s="613"/>
      <c r="BZM719" s="613"/>
      <c r="BZN719" s="613"/>
      <c r="BZO719" s="613"/>
      <c r="BZP719" s="613"/>
      <c r="BZQ719" s="613"/>
      <c r="BZR719" s="613"/>
      <c r="BZS719" s="613"/>
      <c r="BZT719" s="613"/>
      <c r="BZU719" s="613"/>
      <c r="BZV719" s="613"/>
      <c r="BZW719" s="613"/>
      <c r="BZX719" s="613"/>
      <c r="BZY719" s="613"/>
      <c r="BZZ719" s="613"/>
      <c r="CAA719" s="613"/>
      <c r="CAB719" s="613"/>
      <c r="CAC719" s="613"/>
      <c r="CAD719" s="613"/>
      <c r="CAE719" s="613"/>
      <c r="CAF719" s="613"/>
      <c r="CAG719" s="613"/>
      <c r="CAH719" s="613"/>
      <c r="CAI719" s="613"/>
      <c r="CAJ719" s="613"/>
      <c r="CAK719" s="613"/>
      <c r="CAL719" s="613"/>
      <c r="CAM719" s="613"/>
      <c r="CAN719" s="613"/>
      <c r="CAO719" s="613"/>
      <c r="CAP719" s="613"/>
      <c r="CAQ719" s="613"/>
      <c r="CAR719" s="613"/>
      <c r="CAS719" s="613"/>
      <c r="CAT719" s="613"/>
      <c r="CAU719" s="613"/>
      <c r="CAV719" s="613"/>
      <c r="CAW719" s="613"/>
      <c r="CAX719" s="613"/>
      <c r="CAY719" s="613"/>
      <c r="CAZ719" s="613"/>
      <c r="CBA719" s="613"/>
      <c r="CBB719" s="613"/>
      <c r="CBC719" s="613"/>
      <c r="CBD719" s="613"/>
      <c r="CBE719" s="613"/>
      <c r="CBF719" s="613"/>
      <c r="CBG719" s="613"/>
      <c r="CBH719" s="613"/>
      <c r="CBI719" s="613"/>
      <c r="CBJ719" s="613"/>
      <c r="CBK719" s="613"/>
      <c r="CBL719" s="613"/>
      <c r="CBM719" s="613"/>
      <c r="CBN719" s="613"/>
      <c r="CBO719" s="613"/>
      <c r="CBP719" s="613"/>
      <c r="CBQ719" s="613"/>
      <c r="CBR719" s="613"/>
      <c r="CBS719" s="613"/>
      <c r="CBT719" s="613"/>
      <c r="CBU719" s="613"/>
      <c r="CBV719" s="613"/>
      <c r="CBW719" s="613"/>
      <c r="CBX719" s="613"/>
      <c r="CBY719" s="613"/>
      <c r="CBZ719" s="613"/>
      <c r="CCA719" s="613"/>
      <c r="CCB719" s="613"/>
      <c r="CCC719" s="613"/>
      <c r="CCD719" s="613"/>
      <c r="CCE719" s="613"/>
      <c r="CCF719" s="613"/>
      <c r="CCG719" s="613"/>
      <c r="CCH719" s="613"/>
      <c r="CCI719" s="613"/>
      <c r="CCJ719" s="613"/>
      <c r="CCK719" s="613"/>
      <c r="CCL719" s="613"/>
      <c r="CCM719" s="613"/>
      <c r="CCN719" s="613"/>
      <c r="CCO719" s="613"/>
      <c r="CCP719" s="613"/>
      <c r="CCQ719" s="613"/>
      <c r="CCR719" s="613"/>
      <c r="CCS719" s="613"/>
      <c r="CCT719" s="613"/>
      <c r="CCU719" s="613"/>
      <c r="CCV719" s="613"/>
      <c r="CCW719" s="613"/>
      <c r="CCX719" s="613"/>
      <c r="CCY719" s="613"/>
      <c r="CCZ719" s="613"/>
      <c r="CDA719" s="613"/>
      <c r="CDB719" s="613"/>
      <c r="CDC719" s="613"/>
      <c r="CDD719" s="613"/>
      <c r="CDE719" s="613"/>
      <c r="CDF719" s="613"/>
      <c r="CDG719" s="613"/>
      <c r="CDH719" s="613"/>
      <c r="CDI719" s="613"/>
      <c r="CDJ719" s="613"/>
      <c r="CDK719" s="613"/>
      <c r="CDL719" s="613"/>
      <c r="CDM719" s="613"/>
      <c r="CDN719" s="613"/>
      <c r="CDO719" s="613"/>
      <c r="CDP719" s="613"/>
      <c r="CDQ719" s="613"/>
      <c r="CDR719" s="613"/>
      <c r="CDS719" s="613"/>
      <c r="CDT719" s="613"/>
      <c r="CDU719" s="613"/>
      <c r="CDV719" s="613"/>
      <c r="CDW719" s="613"/>
      <c r="CDX719" s="613"/>
      <c r="CDY719" s="613"/>
      <c r="CDZ719" s="613"/>
      <c r="CEA719" s="613"/>
      <c r="CEB719" s="613"/>
      <c r="CEC719" s="613"/>
      <c r="CED719" s="613"/>
      <c r="CEE719" s="613"/>
      <c r="CEF719" s="613"/>
      <c r="CEG719" s="613"/>
      <c r="CEH719" s="613"/>
      <c r="CEI719" s="613"/>
      <c r="CEJ719" s="613"/>
      <c r="CEK719" s="613"/>
      <c r="CEL719" s="613"/>
      <c r="CEM719" s="613"/>
      <c r="CEN719" s="613"/>
      <c r="CEO719" s="613"/>
      <c r="CEP719" s="613"/>
      <c r="CEQ719" s="613"/>
      <c r="CER719" s="613"/>
      <c r="CES719" s="613"/>
      <c r="CET719" s="613"/>
      <c r="CEU719" s="613"/>
      <c r="CEV719" s="613"/>
      <c r="CEW719" s="613"/>
      <c r="CEX719" s="613"/>
      <c r="CEY719" s="613"/>
      <c r="CEZ719" s="613"/>
      <c r="CFA719" s="613"/>
      <c r="CFB719" s="613"/>
      <c r="CFC719" s="613"/>
      <c r="CFD719" s="613"/>
      <c r="CFE719" s="613"/>
      <c r="CFF719" s="613"/>
      <c r="CFG719" s="613"/>
      <c r="CFH719" s="613"/>
      <c r="CFI719" s="613"/>
      <c r="CFJ719" s="613"/>
      <c r="CFK719" s="613"/>
      <c r="CFL719" s="613"/>
      <c r="CFM719" s="613"/>
      <c r="CFN719" s="613"/>
      <c r="CFO719" s="613"/>
      <c r="CFP719" s="613"/>
      <c r="CFQ719" s="613"/>
      <c r="CFR719" s="613"/>
      <c r="CFS719" s="613"/>
      <c r="CFT719" s="613"/>
      <c r="CFU719" s="613"/>
      <c r="CFV719" s="613"/>
      <c r="CFW719" s="613"/>
      <c r="CFX719" s="613"/>
      <c r="CFY719" s="613"/>
      <c r="CFZ719" s="613"/>
      <c r="CGA719" s="613"/>
      <c r="CGB719" s="613"/>
      <c r="CGC719" s="613"/>
      <c r="CGD719" s="613"/>
      <c r="CGE719" s="613"/>
      <c r="CGF719" s="613"/>
      <c r="CGG719" s="613"/>
      <c r="CGH719" s="613"/>
      <c r="CGI719" s="613"/>
      <c r="CGJ719" s="613"/>
      <c r="CGK719" s="613"/>
      <c r="CGL719" s="613"/>
      <c r="CGM719" s="613"/>
      <c r="CGN719" s="613"/>
      <c r="CGO719" s="613"/>
      <c r="CGP719" s="613"/>
      <c r="CGQ719" s="613"/>
      <c r="CGR719" s="613"/>
      <c r="CGS719" s="613"/>
      <c r="CGT719" s="613"/>
      <c r="CGU719" s="613"/>
      <c r="CGV719" s="613"/>
      <c r="CGW719" s="613"/>
      <c r="CGX719" s="613"/>
      <c r="CGY719" s="613"/>
      <c r="CGZ719" s="613"/>
      <c r="CHA719" s="613"/>
      <c r="CHB719" s="613"/>
      <c r="CHC719" s="613"/>
      <c r="CHD719" s="613"/>
      <c r="CHE719" s="613"/>
      <c r="CHF719" s="613"/>
      <c r="CHG719" s="613"/>
      <c r="CHH719" s="613"/>
      <c r="CHI719" s="613"/>
      <c r="CHJ719" s="613"/>
      <c r="CHK719" s="613"/>
      <c r="CHL719" s="613"/>
      <c r="CHM719" s="613"/>
      <c r="CHN719" s="613"/>
      <c r="CHO719" s="613"/>
      <c r="CHP719" s="613"/>
      <c r="CHQ719" s="613"/>
      <c r="CHR719" s="613"/>
      <c r="CHS719" s="613"/>
      <c r="CHT719" s="613"/>
      <c r="CHU719" s="613"/>
      <c r="CHV719" s="613"/>
      <c r="CHW719" s="613"/>
      <c r="CHX719" s="613"/>
      <c r="CHY719" s="613"/>
      <c r="CHZ719" s="613"/>
      <c r="CIA719" s="613"/>
      <c r="CIB719" s="613"/>
      <c r="CIC719" s="613"/>
      <c r="CID719" s="613"/>
      <c r="CIE719" s="613"/>
      <c r="CIF719" s="613"/>
      <c r="CIG719" s="613"/>
      <c r="CIH719" s="613"/>
      <c r="CII719" s="613"/>
      <c r="CIJ719" s="613"/>
      <c r="CIK719" s="613"/>
      <c r="CIL719" s="613"/>
      <c r="CIM719" s="613"/>
      <c r="CIN719" s="613"/>
      <c r="CIO719" s="613"/>
      <c r="CIP719" s="613"/>
      <c r="CIQ719" s="613"/>
      <c r="CIR719" s="613"/>
      <c r="CIS719" s="613"/>
      <c r="CIT719" s="613"/>
      <c r="CIU719" s="613"/>
      <c r="CIV719" s="613"/>
      <c r="CIW719" s="613"/>
      <c r="CIX719" s="613"/>
      <c r="CIY719" s="613"/>
      <c r="CIZ719" s="613"/>
      <c r="CJA719" s="613"/>
      <c r="CJB719" s="613"/>
      <c r="CJC719" s="613"/>
      <c r="CJD719" s="613"/>
      <c r="CJE719" s="613"/>
      <c r="CJF719" s="613"/>
      <c r="CJG719" s="613"/>
      <c r="CJH719" s="613"/>
      <c r="CJI719" s="613"/>
      <c r="CJJ719" s="613"/>
      <c r="CJK719" s="613"/>
      <c r="CJL719" s="613"/>
      <c r="CJM719" s="613"/>
      <c r="CJN719" s="613"/>
      <c r="CJO719" s="613"/>
      <c r="CJP719" s="613"/>
      <c r="CJQ719" s="613"/>
      <c r="CJR719" s="613"/>
      <c r="CJS719" s="613"/>
      <c r="CJT719" s="613"/>
      <c r="CJU719" s="613"/>
      <c r="CJV719" s="613"/>
      <c r="CJW719" s="613"/>
      <c r="CJX719" s="613"/>
      <c r="CJY719" s="613"/>
      <c r="CJZ719" s="613"/>
      <c r="CKA719" s="613"/>
      <c r="CKB719" s="613"/>
      <c r="CKC719" s="613"/>
      <c r="CKD719" s="613"/>
      <c r="CKE719" s="613"/>
      <c r="CKF719" s="613"/>
      <c r="CKG719" s="613"/>
      <c r="CKH719" s="613"/>
      <c r="CKI719" s="613"/>
      <c r="CKJ719" s="613"/>
      <c r="CKK719" s="613"/>
      <c r="CKL719" s="613"/>
      <c r="CKM719" s="613"/>
      <c r="CKN719" s="613"/>
      <c r="CKO719" s="613"/>
      <c r="CKP719" s="613"/>
      <c r="CKQ719" s="613"/>
      <c r="CKR719" s="613"/>
      <c r="CKS719" s="613"/>
      <c r="CKT719" s="613"/>
      <c r="CKU719" s="613"/>
      <c r="CKV719" s="613"/>
      <c r="CKW719" s="613"/>
      <c r="CKX719" s="613"/>
      <c r="CKY719" s="613"/>
      <c r="CKZ719" s="613"/>
      <c r="CLA719" s="613"/>
      <c r="CLB719" s="613"/>
      <c r="CLC719" s="613"/>
      <c r="CLD719" s="613"/>
      <c r="CLE719" s="613"/>
      <c r="CLF719" s="613"/>
      <c r="CLG719" s="613"/>
      <c r="CLH719" s="613"/>
      <c r="CLI719" s="613"/>
      <c r="CLJ719" s="613"/>
      <c r="CLK719" s="613"/>
      <c r="CLL719" s="613"/>
      <c r="CLM719" s="613"/>
      <c r="CLN719" s="613"/>
      <c r="CLO719" s="613"/>
      <c r="CLP719" s="613"/>
      <c r="CLQ719" s="613"/>
      <c r="CLR719" s="613"/>
      <c r="CLS719" s="613"/>
      <c r="CLT719" s="613"/>
      <c r="CLU719" s="613"/>
      <c r="CLV719" s="613"/>
      <c r="CLW719" s="613"/>
      <c r="CLX719" s="613"/>
      <c r="CLY719" s="613"/>
      <c r="CLZ719" s="613"/>
      <c r="CMA719" s="613"/>
      <c r="CMB719" s="613"/>
      <c r="CMC719" s="613"/>
      <c r="CMD719" s="613"/>
      <c r="CME719" s="613"/>
      <c r="CMF719" s="613"/>
      <c r="CMG719" s="613"/>
      <c r="CMH719" s="613"/>
      <c r="CMI719" s="613"/>
      <c r="CMJ719" s="613"/>
      <c r="CMK719" s="613"/>
      <c r="CML719" s="613"/>
      <c r="CMM719" s="613"/>
      <c r="CMN719" s="613"/>
      <c r="CMO719" s="613"/>
      <c r="CMP719" s="613"/>
      <c r="CMQ719" s="613"/>
      <c r="CMR719" s="613"/>
      <c r="CMS719" s="613"/>
      <c r="CMT719" s="613"/>
      <c r="CMU719" s="613"/>
      <c r="CMV719" s="613"/>
      <c r="CMW719" s="613"/>
      <c r="CMX719" s="613"/>
      <c r="CMY719" s="613"/>
      <c r="CMZ719" s="613"/>
      <c r="CNA719" s="613"/>
      <c r="CNB719" s="613"/>
      <c r="CNC719" s="613"/>
      <c r="CND719" s="613"/>
      <c r="CNE719" s="613"/>
      <c r="CNF719" s="613"/>
      <c r="CNG719" s="613"/>
      <c r="CNH719" s="613"/>
      <c r="CNI719" s="613"/>
      <c r="CNJ719" s="613"/>
      <c r="CNK719" s="613"/>
      <c r="CNL719" s="613"/>
      <c r="CNM719" s="613"/>
      <c r="CNN719" s="613"/>
      <c r="CNO719" s="613"/>
      <c r="CNP719" s="613"/>
      <c r="CNQ719" s="613"/>
      <c r="CNR719" s="613"/>
      <c r="CNS719" s="613"/>
      <c r="CNT719" s="613"/>
      <c r="CNU719" s="613"/>
      <c r="CNV719" s="613"/>
      <c r="CNW719" s="613"/>
      <c r="CNX719" s="613"/>
      <c r="CNY719" s="613"/>
      <c r="CNZ719" s="613"/>
      <c r="COA719" s="613"/>
      <c r="COB719" s="613"/>
      <c r="COC719" s="613"/>
      <c r="COD719" s="613"/>
      <c r="COE719" s="613"/>
      <c r="COF719" s="613"/>
      <c r="COG719" s="613"/>
      <c r="COH719" s="613"/>
      <c r="COI719" s="613"/>
      <c r="COJ719" s="613"/>
      <c r="COK719" s="613"/>
      <c r="COL719" s="613"/>
      <c r="COM719" s="613"/>
      <c r="CON719" s="613"/>
      <c r="COO719" s="613"/>
      <c r="COP719" s="613"/>
      <c r="COQ719" s="613"/>
      <c r="COR719" s="613"/>
      <c r="COS719" s="613"/>
      <c r="COT719" s="613"/>
      <c r="COU719" s="613"/>
      <c r="COV719" s="613"/>
      <c r="COW719" s="613"/>
      <c r="COX719" s="613"/>
      <c r="COY719" s="613"/>
      <c r="COZ719" s="613"/>
      <c r="CPA719" s="613"/>
      <c r="CPB719" s="613"/>
      <c r="CPC719" s="613"/>
      <c r="CPD719" s="613"/>
      <c r="CPE719" s="613"/>
      <c r="CPF719" s="613"/>
      <c r="CPG719" s="613"/>
      <c r="CPH719" s="613"/>
      <c r="CPI719" s="613"/>
      <c r="CPJ719" s="613"/>
      <c r="CPK719" s="613"/>
      <c r="CPL719" s="613"/>
      <c r="CPM719" s="613"/>
      <c r="CPN719" s="613"/>
      <c r="CPO719" s="613"/>
      <c r="CPP719" s="613"/>
      <c r="CPQ719" s="613"/>
      <c r="CPR719" s="613"/>
      <c r="CPS719" s="613"/>
      <c r="CPT719" s="613"/>
      <c r="CPU719" s="613"/>
      <c r="CPV719" s="613"/>
      <c r="CPW719" s="613"/>
      <c r="CPX719" s="613"/>
      <c r="CPY719" s="613"/>
      <c r="CPZ719" s="613"/>
      <c r="CQA719" s="613"/>
      <c r="CQB719" s="613"/>
      <c r="CQC719" s="613"/>
      <c r="CQD719" s="613"/>
      <c r="CQE719" s="613"/>
      <c r="CQF719" s="613"/>
      <c r="CQG719" s="613"/>
      <c r="CQH719" s="613"/>
      <c r="CQI719" s="613"/>
      <c r="CQJ719" s="613"/>
      <c r="CQK719" s="613"/>
      <c r="CQL719" s="613"/>
      <c r="CQM719" s="613"/>
      <c r="CQN719" s="613"/>
      <c r="CQO719" s="613"/>
      <c r="CQP719" s="613"/>
      <c r="CQQ719" s="613"/>
      <c r="CQR719" s="613"/>
      <c r="CQS719" s="613"/>
      <c r="CQT719" s="613"/>
      <c r="CQU719" s="613"/>
      <c r="CQV719" s="613"/>
      <c r="CQW719" s="613"/>
      <c r="CQX719" s="613"/>
      <c r="CQY719" s="613"/>
      <c r="CQZ719" s="613"/>
      <c r="CRA719" s="613"/>
      <c r="CRB719" s="613"/>
      <c r="CRC719" s="613"/>
      <c r="CRD719" s="613"/>
      <c r="CRE719" s="613"/>
      <c r="CRF719" s="613"/>
      <c r="CRG719" s="613"/>
      <c r="CRH719" s="613"/>
      <c r="CRI719" s="613"/>
      <c r="CRJ719" s="613"/>
      <c r="CRK719" s="613"/>
      <c r="CRL719" s="613"/>
      <c r="CRM719" s="613"/>
      <c r="CRN719" s="613"/>
      <c r="CRO719" s="613"/>
      <c r="CRP719" s="613"/>
      <c r="CRQ719" s="613"/>
      <c r="CRR719" s="613"/>
      <c r="CRS719" s="613"/>
      <c r="CRT719" s="613"/>
      <c r="CRU719" s="613"/>
      <c r="CRV719" s="613"/>
      <c r="CRW719" s="613"/>
      <c r="CRX719" s="613"/>
      <c r="CRY719" s="613"/>
      <c r="CRZ719" s="613"/>
      <c r="CSA719" s="613"/>
      <c r="CSB719" s="613"/>
      <c r="CSC719" s="613"/>
      <c r="CSD719" s="613"/>
      <c r="CSE719" s="613"/>
      <c r="CSF719" s="613"/>
      <c r="CSG719" s="613"/>
      <c r="CSH719" s="613"/>
      <c r="CSI719" s="613"/>
      <c r="CSJ719" s="613"/>
      <c r="CSK719" s="613"/>
      <c r="CSL719" s="613"/>
      <c r="CSM719" s="613"/>
      <c r="CSN719" s="613"/>
      <c r="CSO719" s="613"/>
      <c r="CSP719" s="613"/>
      <c r="CSQ719" s="613"/>
      <c r="CSR719" s="613"/>
      <c r="CSS719" s="613"/>
      <c r="CST719" s="613"/>
      <c r="CSU719" s="613"/>
      <c r="CSV719" s="613"/>
      <c r="CSW719" s="613"/>
      <c r="CSX719" s="613"/>
      <c r="CSY719" s="613"/>
      <c r="CSZ719" s="613"/>
      <c r="CTA719" s="613"/>
      <c r="CTB719" s="613"/>
      <c r="CTC719" s="613"/>
      <c r="CTD719" s="613"/>
      <c r="CTE719" s="613"/>
      <c r="CTF719" s="613"/>
      <c r="CTG719" s="613"/>
      <c r="CTH719" s="613"/>
      <c r="CTI719" s="613"/>
      <c r="CTJ719" s="613"/>
      <c r="CTK719" s="613"/>
      <c r="CTL719" s="613"/>
      <c r="CTM719" s="613"/>
      <c r="CTN719" s="613"/>
      <c r="CTO719" s="613"/>
      <c r="CTP719" s="613"/>
      <c r="CTQ719" s="613"/>
      <c r="CTR719" s="613"/>
      <c r="CTS719" s="613"/>
      <c r="CTT719" s="613"/>
      <c r="CTU719" s="613"/>
      <c r="CTV719" s="613"/>
      <c r="CTW719" s="613"/>
      <c r="CTX719" s="613"/>
      <c r="CTY719" s="613"/>
      <c r="CTZ719" s="613"/>
      <c r="CUA719" s="613"/>
      <c r="CUB719" s="613"/>
      <c r="CUC719" s="613"/>
      <c r="CUD719" s="613"/>
      <c r="CUE719" s="613"/>
      <c r="CUF719" s="613"/>
      <c r="CUG719" s="613"/>
      <c r="CUH719" s="613"/>
      <c r="CUI719" s="613"/>
      <c r="CUJ719" s="613"/>
      <c r="CUK719" s="613"/>
      <c r="CUL719" s="613"/>
      <c r="CUM719" s="613"/>
      <c r="CUN719" s="613"/>
      <c r="CUO719" s="613"/>
      <c r="CUP719" s="613"/>
      <c r="CUQ719" s="613"/>
      <c r="CUR719" s="613"/>
      <c r="CUS719" s="613"/>
      <c r="CUT719" s="613"/>
      <c r="CUU719" s="613"/>
      <c r="CUV719" s="613"/>
      <c r="CUW719" s="613"/>
      <c r="CUX719" s="613"/>
      <c r="CUY719" s="613"/>
      <c r="CUZ719" s="613"/>
      <c r="CVA719" s="613"/>
      <c r="CVB719" s="613"/>
      <c r="CVC719" s="613"/>
      <c r="CVD719" s="613"/>
      <c r="CVE719" s="613"/>
      <c r="CVF719" s="613"/>
      <c r="CVG719" s="613"/>
      <c r="CVH719" s="613"/>
      <c r="CVI719" s="613"/>
      <c r="CVJ719" s="613"/>
      <c r="CVK719" s="613"/>
      <c r="CVL719" s="613"/>
      <c r="CVM719" s="613"/>
      <c r="CVN719" s="613"/>
      <c r="CVO719" s="613"/>
      <c r="CVP719" s="613"/>
      <c r="CVQ719" s="613"/>
      <c r="CVR719" s="613"/>
      <c r="CVS719" s="613"/>
      <c r="CVT719" s="613"/>
      <c r="CVU719" s="613"/>
      <c r="CVV719" s="613"/>
      <c r="CVW719" s="613"/>
      <c r="CVX719" s="613"/>
      <c r="CVY719" s="613"/>
      <c r="CVZ719" s="613"/>
      <c r="CWA719" s="613"/>
      <c r="CWB719" s="613"/>
      <c r="CWC719" s="613"/>
      <c r="CWD719" s="613"/>
      <c r="CWE719" s="613"/>
      <c r="CWF719" s="613"/>
      <c r="CWG719" s="613"/>
      <c r="CWH719" s="613"/>
      <c r="CWI719" s="613"/>
      <c r="CWJ719" s="613"/>
      <c r="CWK719" s="613"/>
      <c r="CWL719" s="613"/>
      <c r="CWM719" s="613"/>
      <c r="CWN719" s="613"/>
      <c r="CWO719" s="613"/>
      <c r="CWP719" s="613"/>
      <c r="CWQ719" s="613"/>
      <c r="CWR719" s="613"/>
      <c r="CWS719" s="613"/>
      <c r="CWT719" s="613"/>
      <c r="CWU719" s="613"/>
      <c r="CWV719" s="613"/>
      <c r="CWW719" s="613"/>
      <c r="CWX719" s="613"/>
      <c r="CWY719" s="613"/>
      <c r="CWZ719" s="613"/>
      <c r="CXA719" s="613"/>
      <c r="CXB719" s="613"/>
      <c r="CXC719" s="613"/>
      <c r="CXD719" s="613"/>
      <c r="CXE719" s="613"/>
      <c r="CXF719" s="613"/>
      <c r="CXG719" s="613"/>
      <c r="CXH719" s="613"/>
      <c r="CXI719" s="613"/>
      <c r="CXJ719" s="613"/>
      <c r="CXK719" s="613"/>
      <c r="CXL719" s="613"/>
      <c r="CXM719" s="613"/>
      <c r="CXN719" s="613"/>
      <c r="CXO719" s="613"/>
      <c r="CXP719" s="613"/>
      <c r="CXQ719" s="613"/>
      <c r="CXR719" s="613"/>
      <c r="CXS719" s="613"/>
      <c r="CXT719" s="613"/>
      <c r="CXU719" s="613"/>
      <c r="CXV719" s="613"/>
      <c r="CXW719" s="613"/>
      <c r="CXX719" s="613"/>
      <c r="CXY719" s="613"/>
      <c r="CXZ719" s="613"/>
      <c r="CYA719" s="613"/>
      <c r="CYB719" s="613"/>
      <c r="CYC719" s="613"/>
      <c r="CYD719" s="613"/>
      <c r="CYE719" s="613"/>
      <c r="CYF719" s="613"/>
      <c r="CYG719" s="613"/>
      <c r="CYH719" s="613"/>
      <c r="CYI719" s="613"/>
      <c r="CYJ719" s="613"/>
      <c r="CYK719" s="613"/>
      <c r="CYL719" s="613"/>
      <c r="CYM719" s="613"/>
      <c r="CYN719" s="613"/>
      <c r="CYO719" s="613"/>
      <c r="CYP719" s="613"/>
      <c r="CYQ719" s="613"/>
      <c r="CYR719" s="613"/>
      <c r="CYS719" s="613"/>
      <c r="CYT719" s="613"/>
      <c r="CYU719" s="613"/>
      <c r="CYV719" s="613"/>
      <c r="CYW719" s="613"/>
      <c r="CYX719" s="613"/>
      <c r="CYY719" s="613"/>
      <c r="CYZ719" s="613"/>
      <c r="CZA719" s="613"/>
      <c r="CZB719" s="613"/>
      <c r="CZC719" s="613"/>
      <c r="CZD719" s="613"/>
      <c r="CZE719" s="613"/>
      <c r="CZF719" s="613"/>
      <c r="CZG719" s="613"/>
      <c r="CZH719" s="613"/>
      <c r="CZI719" s="613"/>
      <c r="CZJ719" s="613"/>
      <c r="CZK719" s="613"/>
      <c r="CZL719" s="613"/>
      <c r="CZM719" s="613"/>
      <c r="CZN719" s="613"/>
      <c r="CZO719" s="613"/>
      <c r="CZP719" s="613"/>
      <c r="CZQ719" s="613"/>
      <c r="CZR719" s="613"/>
      <c r="CZS719" s="613"/>
      <c r="CZT719" s="613"/>
      <c r="CZU719" s="613"/>
      <c r="CZV719" s="613"/>
      <c r="CZW719" s="613"/>
      <c r="CZX719" s="613"/>
      <c r="CZY719" s="613"/>
      <c r="CZZ719" s="613"/>
      <c r="DAA719" s="613"/>
      <c r="DAB719" s="613"/>
      <c r="DAC719" s="613"/>
      <c r="DAD719" s="613"/>
      <c r="DAE719" s="613"/>
      <c r="DAF719" s="613"/>
      <c r="DAG719" s="613"/>
      <c r="DAH719" s="613"/>
      <c r="DAI719" s="613"/>
      <c r="DAJ719" s="613"/>
      <c r="DAK719" s="613"/>
      <c r="DAL719" s="613"/>
      <c r="DAM719" s="613"/>
      <c r="DAN719" s="613"/>
      <c r="DAO719" s="613"/>
      <c r="DAP719" s="613"/>
      <c r="DAQ719" s="613"/>
      <c r="DAR719" s="613"/>
      <c r="DAS719" s="613"/>
      <c r="DAT719" s="613"/>
      <c r="DAU719" s="613"/>
      <c r="DAV719" s="613"/>
      <c r="DAW719" s="613"/>
      <c r="DAX719" s="613"/>
      <c r="DAY719" s="613"/>
      <c r="DAZ719" s="613"/>
      <c r="DBA719" s="613"/>
      <c r="DBB719" s="613"/>
      <c r="DBC719" s="613"/>
      <c r="DBD719" s="613"/>
      <c r="DBE719" s="613"/>
      <c r="DBF719" s="613"/>
      <c r="DBG719" s="613"/>
      <c r="DBH719" s="613"/>
      <c r="DBI719" s="613"/>
      <c r="DBJ719" s="613"/>
      <c r="DBK719" s="613"/>
      <c r="DBL719" s="613"/>
      <c r="DBM719" s="613"/>
      <c r="DBN719" s="613"/>
      <c r="DBO719" s="613"/>
      <c r="DBP719" s="613"/>
      <c r="DBQ719" s="613"/>
      <c r="DBR719" s="613"/>
      <c r="DBS719" s="613"/>
      <c r="DBT719" s="613"/>
      <c r="DBU719" s="613"/>
      <c r="DBV719" s="613"/>
      <c r="DBW719" s="613"/>
      <c r="DBX719" s="613"/>
      <c r="DBY719" s="613"/>
      <c r="DBZ719" s="613"/>
      <c r="DCA719" s="613"/>
      <c r="DCB719" s="613"/>
      <c r="DCC719" s="613"/>
      <c r="DCD719" s="613"/>
      <c r="DCE719" s="613"/>
      <c r="DCF719" s="613"/>
      <c r="DCG719" s="613"/>
      <c r="DCH719" s="613"/>
      <c r="DCI719" s="613"/>
      <c r="DCJ719" s="613"/>
      <c r="DCK719" s="613"/>
      <c r="DCL719" s="613"/>
      <c r="DCM719" s="613"/>
      <c r="DCN719" s="613"/>
      <c r="DCO719" s="613"/>
      <c r="DCP719" s="613"/>
      <c r="DCQ719" s="613"/>
      <c r="DCR719" s="613"/>
      <c r="DCS719" s="613"/>
      <c r="DCT719" s="613"/>
      <c r="DCU719" s="613"/>
      <c r="DCV719" s="613"/>
      <c r="DCW719" s="613"/>
      <c r="DCX719" s="613"/>
      <c r="DCY719" s="613"/>
      <c r="DCZ719" s="613"/>
      <c r="DDA719" s="613"/>
      <c r="DDB719" s="613"/>
      <c r="DDC719" s="613"/>
      <c r="DDD719" s="613"/>
      <c r="DDE719" s="613"/>
      <c r="DDF719" s="613"/>
      <c r="DDG719" s="613"/>
      <c r="DDH719" s="613"/>
      <c r="DDI719" s="613"/>
      <c r="DDJ719" s="613"/>
      <c r="DDK719" s="613"/>
      <c r="DDL719" s="613"/>
      <c r="DDM719" s="613"/>
      <c r="DDN719" s="613"/>
      <c r="DDO719" s="613"/>
      <c r="DDP719" s="613"/>
      <c r="DDQ719" s="613"/>
      <c r="DDR719" s="613"/>
      <c r="DDS719" s="613"/>
      <c r="DDT719" s="613"/>
      <c r="DDU719" s="613"/>
      <c r="DDV719" s="613"/>
      <c r="DDW719" s="613"/>
      <c r="DDX719" s="613"/>
      <c r="DDY719" s="613"/>
      <c r="DDZ719" s="613"/>
      <c r="DEA719" s="613"/>
      <c r="DEB719" s="613"/>
      <c r="DEC719" s="613"/>
      <c r="DED719" s="613"/>
      <c r="DEE719" s="613"/>
      <c r="DEF719" s="613"/>
      <c r="DEG719" s="613"/>
      <c r="DEH719" s="613"/>
      <c r="DEI719" s="613"/>
      <c r="DEJ719" s="613"/>
      <c r="DEK719" s="613"/>
      <c r="DEL719" s="613"/>
      <c r="DEM719" s="613"/>
      <c r="DEN719" s="613"/>
      <c r="DEO719" s="613"/>
      <c r="DEP719" s="613"/>
      <c r="DEQ719" s="613"/>
      <c r="DER719" s="613"/>
      <c r="DES719" s="613"/>
      <c r="DET719" s="613"/>
      <c r="DEU719" s="613"/>
      <c r="DEV719" s="613"/>
      <c r="DEW719" s="613"/>
      <c r="DEX719" s="613"/>
      <c r="DEY719" s="613"/>
      <c r="DEZ719" s="613"/>
      <c r="DFA719" s="613"/>
      <c r="DFB719" s="613"/>
      <c r="DFC719" s="613"/>
      <c r="DFD719" s="613"/>
      <c r="DFE719" s="613"/>
      <c r="DFF719" s="613"/>
      <c r="DFG719" s="613"/>
      <c r="DFH719" s="613"/>
      <c r="DFI719" s="613"/>
      <c r="DFJ719" s="613"/>
      <c r="DFK719" s="613"/>
      <c r="DFL719" s="613"/>
      <c r="DFM719" s="613"/>
      <c r="DFN719" s="613"/>
      <c r="DFO719" s="613"/>
      <c r="DFP719" s="613"/>
      <c r="DFQ719" s="613"/>
      <c r="DFR719" s="613"/>
      <c r="DFS719" s="613"/>
      <c r="DFT719" s="613"/>
      <c r="DFU719" s="613"/>
      <c r="DFV719" s="613"/>
      <c r="DFW719" s="613"/>
      <c r="DFX719" s="613"/>
      <c r="DFY719" s="613"/>
      <c r="DFZ719" s="613"/>
      <c r="DGA719" s="613"/>
      <c r="DGB719" s="613"/>
      <c r="DGC719" s="613"/>
      <c r="DGD719" s="613"/>
      <c r="DGE719" s="613"/>
      <c r="DGF719" s="613"/>
      <c r="DGG719" s="613"/>
      <c r="DGH719" s="613"/>
      <c r="DGI719" s="613"/>
      <c r="DGJ719" s="613"/>
      <c r="DGK719" s="613"/>
      <c r="DGL719" s="613"/>
      <c r="DGM719" s="613"/>
      <c r="DGN719" s="613"/>
      <c r="DGO719" s="613"/>
      <c r="DGP719" s="613"/>
      <c r="DGQ719" s="613"/>
      <c r="DGR719" s="613"/>
      <c r="DGS719" s="613"/>
      <c r="DGT719" s="613"/>
      <c r="DGU719" s="613"/>
      <c r="DGV719" s="613"/>
      <c r="DGW719" s="613"/>
      <c r="DGX719" s="613"/>
      <c r="DGY719" s="613"/>
      <c r="DGZ719" s="613"/>
      <c r="DHA719" s="613"/>
      <c r="DHB719" s="613"/>
      <c r="DHC719" s="613"/>
      <c r="DHD719" s="613"/>
      <c r="DHE719" s="613"/>
      <c r="DHF719" s="613"/>
      <c r="DHG719" s="613"/>
      <c r="DHH719" s="613"/>
      <c r="DHI719" s="613"/>
      <c r="DHJ719" s="613"/>
      <c r="DHK719" s="613"/>
      <c r="DHL719" s="613"/>
      <c r="DHM719" s="613"/>
      <c r="DHN719" s="613"/>
      <c r="DHO719" s="613"/>
      <c r="DHP719" s="613"/>
      <c r="DHQ719" s="613"/>
      <c r="DHR719" s="613"/>
      <c r="DHS719" s="613"/>
      <c r="DHT719" s="613"/>
      <c r="DHU719" s="613"/>
      <c r="DHV719" s="613"/>
      <c r="DHW719" s="613"/>
      <c r="DHX719" s="613"/>
      <c r="DHY719" s="613"/>
      <c r="DHZ719" s="613"/>
      <c r="DIA719" s="613"/>
      <c r="DIB719" s="613"/>
      <c r="DIC719" s="613"/>
      <c r="DID719" s="613"/>
      <c r="DIE719" s="613"/>
      <c r="DIF719" s="613"/>
      <c r="DIG719" s="613"/>
      <c r="DIH719" s="613"/>
      <c r="DII719" s="613"/>
      <c r="DIJ719" s="613"/>
      <c r="DIK719" s="613"/>
      <c r="DIL719" s="613"/>
      <c r="DIM719" s="613"/>
      <c r="DIN719" s="613"/>
      <c r="DIO719" s="613"/>
      <c r="DIP719" s="613"/>
      <c r="DIQ719" s="613"/>
      <c r="DIR719" s="613"/>
      <c r="DIS719" s="613"/>
      <c r="DIT719" s="613"/>
      <c r="DIU719" s="613"/>
      <c r="DIV719" s="613"/>
      <c r="DIW719" s="613"/>
      <c r="DIX719" s="613"/>
      <c r="DIY719" s="613"/>
      <c r="DIZ719" s="613"/>
      <c r="DJA719" s="613"/>
      <c r="DJB719" s="613"/>
      <c r="DJC719" s="613"/>
      <c r="DJD719" s="613"/>
      <c r="DJE719" s="613"/>
      <c r="DJF719" s="613"/>
      <c r="DJG719" s="613"/>
      <c r="DJH719" s="613"/>
      <c r="DJI719" s="613"/>
      <c r="DJJ719" s="613"/>
      <c r="DJK719" s="613"/>
      <c r="DJL719" s="613"/>
      <c r="DJM719" s="613"/>
      <c r="DJN719" s="613"/>
      <c r="DJO719" s="613"/>
      <c r="DJP719" s="613"/>
      <c r="DJQ719" s="613"/>
      <c r="DJR719" s="613"/>
      <c r="DJS719" s="613"/>
      <c r="DJT719" s="613"/>
      <c r="DJU719" s="613"/>
      <c r="DJV719" s="613"/>
      <c r="DJW719" s="613"/>
      <c r="DJX719" s="613"/>
      <c r="DJY719" s="613"/>
      <c r="DJZ719" s="613"/>
      <c r="DKA719" s="613"/>
      <c r="DKB719" s="613"/>
      <c r="DKC719" s="613"/>
      <c r="DKD719" s="613"/>
      <c r="DKE719" s="613"/>
      <c r="DKF719" s="613"/>
      <c r="DKG719" s="613"/>
      <c r="DKH719" s="613"/>
      <c r="DKI719" s="613"/>
      <c r="DKJ719" s="613"/>
      <c r="DKK719" s="613"/>
      <c r="DKL719" s="613"/>
      <c r="DKM719" s="613"/>
      <c r="DKN719" s="613"/>
      <c r="DKO719" s="613"/>
      <c r="DKP719" s="613"/>
      <c r="DKQ719" s="613"/>
      <c r="DKR719" s="613"/>
      <c r="DKS719" s="613"/>
      <c r="DKT719" s="613"/>
      <c r="DKU719" s="613"/>
      <c r="DKV719" s="613"/>
      <c r="DKW719" s="613"/>
      <c r="DKX719" s="613"/>
      <c r="DKY719" s="613"/>
      <c r="DKZ719" s="613"/>
      <c r="DLA719" s="613"/>
      <c r="DLB719" s="613"/>
      <c r="DLC719" s="613"/>
      <c r="DLD719" s="613"/>
      <c r="DLE719" s="613"/>
      <c r="DLF719" s="613"/>
      <c r="DLG719" s="613"/>
      <c r="DLH719" s="613"/>
      <c r="DLI719" s="613"/>
      <c r="DLJ719" s="613"/>
      <c r="DLK719" s="613"/>
      <c r="DLL719" s="613"/>
      <c r="DLM719" s="613"/>
      <c r="DLN719" s="613"/>
      <c r="DLO719" s="613"/>
      <c r="DLP719" s="613"/>
      <c r="DLQ719" s="613"/>
      <c r="DLR719" s="613"/>
      <c r="DLS719" s="613"/>
      <c r="DLT719" s="613"/>
      <c r="DLU719" s="613"/>
      <c r="DLV719" s="613"/>
      <c r="DLW719" s="613"/>
      <c r="DLX719" s="613"/>
      <c r="DLY719" s="613"/>
      <c r="DLZ719" s="613"/>
      <c r="DMA719" s="613"/>
      <c r="DMB719" s="613"/>
      <c r="DMC719" s="613"/>
      <c r="DMD719" s="613"/>
      <c r="DME719" s="613"/>
      <c r="DMF719" s="613"/>
      <c r="DMG719" s="613"/>
      <c r="DMH719" s="613"/>
      <c r="DMI719" s="613"/>
      <c r="DMJ719" s="613"/>
      <c r="DMK719" s="613"/>
      <c r="DML719" s="613"/>
      <c r="DMM719" s="613"/>
      <c r="DMN719" s="613"/>
      <c r="DMO719" s="613"/>
      <c r="DMP719" s="613"/>
      <c r="DMQ719" s="613"/>
      <c r="DMR719" s="613"/>
      <c r="DMS719" s="613"/>
      <c r="DMT719" s="613"/>
      <c r="DMU719" s="613"/>
      <c r="DMV719" s="613"/>
      <c r="DMW719" s="613"/>
      <c r="DMX719" s="613"/>
      <c r="DMY719" s="613"/>
      <c r="DMZ719" s="613"/>
      <c r="DNA719" s="613"/>
      <c r="DNB719" s="613"/>
      <c r="DNC719" s="613"/>
      <c r="DND719" s="613"/>
      <c r="DNE719" s="613"/>
      <c r="DNF719" s="613"/>
      <c r="DNG719" s="613"/>
      <c r="DNH719" s="613"/>
      <c r="DNI719" s="613"/>
      <c r="DNJ719" s="613"/>
      <c r="DNK719" s="613"/>
      <c r="DNL719" s="613"/>
      <c r="DNM719" s="613"/>
      <c r="DNN719" s="613"/>
      <c r="DNO719" s="613"/>
      <c r="DNP719" s="613"/>
      <c r="DNQ719" s="613"/>
      <c r="DNR719" s="613"/>
      <c r="DNS719" s="613"/>
      <c r="DNT719" s="613"/>
      <c r="DNU719" s="613"/>
      <c r="DNV719" s="613"/>
      <c r="DNW719" s="613"/>
      <c r="DNX719" s="613"/>
      <c r="DNY719" s="613"/>
      <c r="DNZ719" s="613"/>
      <c r="DOA719" s="613"/>
      <c r="DOB719" s="613"/>
      <c r="DOC719" s="613"/>
      <c r="DOD719" s="613"/>
      <c r="DOE719" s="613"/>
      <c r="DOF719" s="613"/>
      <c r="DOG719" s="613"/>
      <c r="DOH719" s="613"/>
      <c r="DOI719" s="613"/>
      <c r="DOJ719" s="613"/>
      <c r="DOK719" s="613"/>
      <c r="DOL719" s="613"/>
      <c r="DOM719" s="613"/>
      <c r="DON719" s="613"/>
      <c r="DOO719" s="613"/>
      <c r="DOP719" s="613"/>
      <c r="DOQ719" s="613"/>
      <c r="DOR719" s="613"/>
      <c r="DOS719" s="613"/>
      <c r="DOT719" s="613"/>
      <c r="DOU719" s="613"/>
      <c r="DOV719" s="613"/>
      <c r="DOW719" s="613"/>
      <c r="DOX719" s="613"/>
      <c r="DOY719" s="613"/>
      <c r="DOZ719" s="613"/>
      <c r="DPA719" s="613"/>
      <c r="DPB719" s="613"/>
      <c r="DPC719" s="613"/>
      <c r="DPD719" s="613"/>
      <c r="DPE719" s="613"/>
      <c r="DPF719" s="613"/>
      <c r="DPG719" s="613"/>
      <c r="DPH719" s="613"/>
      <c r="DPI719" s="613"/>
      <c r="DPJ719" s="613"/>
      <c r="DPK719" s="613"/>
      <c r="DPL719" s="613"/>
      <c r="DPM719" s="613"/>
      <c r="DPN719" s="613"/>
      <c r="DPO719" s="613"/>
      <c r="DPP719" s="613"/>
      <c r="DPQ719" s="613"/>
      <c r="DPR719" s="613"/>
      <c r="DPS719" s="613"/>
      <c r="DPT719" s="613"/>
      <c r="DPU719" s="613"/>
      <c r="DPV719" s="613"/>
      <c r="DPW719" s="613"/>
      <c r="DPX719" s="613"/>
      <c r="DPY719" s="613"/>
      <c r="DPZ719" s="613"/>
      <c r="DQA719" s="613"/>
      <c r="DQB719" s="613"/>
      <c r="DQC719" s="613"/>
      <c r="DQD719" s="613"/>
      <c r="DQE719" s="613"/>
      <c r="DQF719" s="613"/>
      <c r="DQG719" s="613"/>
      <c r="DQH719" s="613"/>
      <c r="DQI719" s="613"/>
      <c r="DQJ719" s="613"/>
      <c r="DQK719" s="613"/>
      <c r="DQL719" s="613"/>
      <c r="DQM719" s="613"/>
      <c r="DQN719" s="613"/>
      <c r="DQO719" s="613"/>
      <c r="DQP719" s="613"/>
      <c r="DQQ719" s="613"/>
      <c r="DQR719" s="613"/>
      <c r="DQS719" s="613"/>
      <c r="DQT719" s="613"/>
      <c r="DQU719" s="613"/>
      <c r="DQV719" s="613"/>
      <c r="DQW719" s="613"/>
      <c r="DQX719" s="613"/>
      <c r="DQY719" s="613"/>
      <c r="DQZ719" s="613"/>
      <c r="DRA719" s="613"/>
      <c r="DRB719" s="613"/>
      <c r="DRC719" s="613"/>
      <c r="DRD719" s="613"/>
      <c r="DRE719" s="613"/>
      <c r="DRF719" s="613"/>
      <c r="DRG719" s="613"/>
      <c r="DRH719" s="613"/>
      <c r="DRI719" s="613"/>
      <c r="DRJ719" s="613"/>
      <c r="DRK719" s="613"/>
      <c r="DRL719" s="613"/>
      <c r="DRM719" s="613"/>
      <c r="DRN719" s="613"/>
      <c r="DRO719" s="613"/>
      <c r="DRP719" s="613"/>
      <c r="DRQ719" s="613"/>
      <c r="DRR719" s="613"/>
      <c r="DRS719" s="613"/>
      <c r="DRT719" s="613"/>
      <c r="DRU719" s="613"/>
      <c r="DRV719" s="613"/>
      <c r="DRW719" s="613"/>
      <c r="DRX719" s="613"/>
      <c r="DRY719" s="613"/>
      <c r="DRZ719" s="613"/>
      <c r="DSA719" s="613"/>
      <c r="DSB719" s="613"/>
      <c r="DSC719" s="613"/>
      <c r="DSD719" s="613"/>
      <c r="DSE719" s="613"/>
      <c r="DSF719" s="613"/>
      <c r="DSG719" s="613"/>
      <c r="DSH719" s="613"/>
      <c r="DSI719" s="613"/>
      <c r="DSJ719" s="613"/>
      <c r="DSK719" s="613"/>
      <c r="DSL719" s="613"/>
      <c r="DSM719" s="613"/>
      <c r="DSN719" s="613"/>
      <c r="DSO719" s="613"/>
      <c r="DSP719" s="613"/>
      <c r="DSQ719" s="613"/>
      <c r="DSR719" s="613"/>
      <c r="DSS719" s="613"/>
      <c r="DST719" s="613"/>
      <c r="DSU719" s="613"/>
      <c r="DSV719" s="613"/>
      <c r="DSW719" s="613"/>
      <c r="DSX719" s="613"/>
      <c r="DSY719" s="613"/>
      <c r="DSZ719" s="613"/>
      <c r="DTA719" s="613"/>
      <c r="DTB719" s="613"/>
      <c r="DTC719" s="613"/>
      <c r="DTD719" s="613"/>
      <c r="DTE719" s="613"/>
      <c r="DTF719" s="613"/>
      <c r="DTG719" s="613"/>
      <c r="DTH719" s="613"/>
      <c r="DTI719" s="613"/>
      <c r="DTJ719" s="613"/>
      <c r="DTK719" s="613"/>
      <c r="DTL719" s="613"/>
      <c r="DTM719" s="613"/>
      <c r="DTN719" s="613"/>
      <c r="DTO719" s="613"/>
      <c r="DTP719" s="613"/>
      <c r="DTQ719" s="613"/>
      <c r="DTR719" s="613"/>
      <c r="DTS719" s="613"/>
      <c r="DTT719" s="613"/>
      <c r="DTU719" s="613"/>
      <c r="DTV719" s="613"/>
      <c r="DTW719" s="613"/>
      <c r="DTX719" s="613"/>
      <c r="DTY719" s="613"/>
      <c r="DTZ719" s="613"/>
      <c r="DUA719" s="613"/>
      <c r="DUB719" s="613"/>
      <c r="DUC719" s="613"/>
      <c r="DUD719" s="613"/>
      <c r="DUE719" s="613"/>
      <c r="DUF719" s="613"/>
      <c r="DUG719" s="613"/>
      <c r="DUH719" s="613"/>
      <c r="DUI719" s="613"/>
      <c r="DUJ719" s="613"/>
      <c r="DUK719" s="613"/>
      <c r="DUL719" s="613"/>
      <c r="DUM719" s="613"/>
      <c r="DUN719" s="613"/>
      <c r="DUO719" s="613"/>
      <c r="DUP719" s="613"/>
      <c r="DUQ719" s="613"/>
      <c r="DUR719" s="613"/>
      <c r="DUS719" s="613"/>
      <c r="DUT719" s="613"/>
      <c r="DUU719" s="613"/>
      <c r="DUV719" s="613"/>
      <c r="DUW719" s="613"/>
      <c r="DUX719" s="613"/>
      <c r="DUY719" s="613"/>
      <c r="DUZ719" s="613"/>
      <c r="DVA719" s="613"/>
      <c r="DVB719" s="613"/>
      <c r="DVC719" s="613"/>
      <c r="DVD719" s="613"/>
      <c r="DVE719" s="613"/>
      <c r="DVF719" s="613"/>
      <c r="DVG719" s="613"/>
      <c r="DVH719" s="613"/>
      <c r="DVI719" s="613"/>
      <c r="DVJ719" s="613"/>
      <c r="DVK719" s="613"/>
      <c r="DVL719" s="613"/>
      <c r="DVM719" s="613"/>
      <c r="DVN719" s="613"/>
      <c r="DVO719" s="613"/>
      <c r="DVP719" s="613"/>
      <c r="DVQ719" s="613"/>
      <c r="DVR719" s="613"/>
      <c r="DVS719" s="613"/>
      <c r="DVT719" s="613"/>
      <c r="DVU719" s="613"/>
      <c r="DVV719" s="613"/>
      <c r="DVW719" s="613"/>
      <c r="DVX719" s="613"/>
      <c r="DVY719" s="613"/>
      <c r="DVZ719" s="613"/>
      <c r="DWA719" s="613"/>
      <c r="DWB719" s="613"/>
      <c r="DWC719" s="613"/>
      <c r="DWD719" s="613"/>
      <c r="DWE719" s="613"/>
      <c r="DWF719" s="613"/>
      <c r="DWG719" s="613"/>
      <c r="DWH719" s="613"/>
      <c r="DWI719" s="613"/>
      <c r="DWJ719" s="613"/>
      <c r="DWK719" s="613"/>
      <c r="DWL719" s="613"/>
      <c r="DWM719" s="613"/>
      <c r="DWN719" s="613"/>
      <c r="DWO719" s="613"/>
      <c r="DWP719" s="613"/>
      <c r="DWQ719" s="613"/>
      <c r="DWR719" s="613"/>
      <c r="DWS719" s="613"/>
      <c r="DWT719" s="613"/>
      <c r="DWU719" s="613"/>
      <c r="DWV719" s="613"/>
      <c r="DWW719" s="613"/>
      <c r="DWX719" s="613"/>
      <c r="DWY719" s="613"/>
      <c r="DWZ719" s="613"/>
      <c r="DXA719" s="613"/>
      <c r="DXB719" s="613"/>
      <c r="DXC719" s="613"/>
      <c r="DXD719" s="613"/>
      <c r="DXE719" s="613"/>
      <c r="DXF719" s="613"/>
      <c r="DXG719" s="613"/>
      <c r="DXH719" s="613"/>
      <c r="DXI719" s="613"/>
      <c r="DXJ719" s="613"/>
      <c r="DXK719" s="613"/>
      <c r="DXL719" s="613"/>
      <c r="DXM719" s="613"/>
      <c r="DXN719" s="613"/>
      <c r="DXO719" s="613"/>
      <c r="DXP719" s="613"/>
      <c r="DXQ719" s="613"/>
      <c r="DXR719" s="613"/>
      <c r="DXS719" s="613"/>
      <c r="DXT719" s="613"/>
      <c r="DXU719" s="613"/>
      <c r="DXV719" s="613"/>
      <c r="DXW719" s="613"/>
      <c r="DXX719" s="613"/>
      <c r="DXY719" s="613"/>
      <c r="DXZ719" s="613"/>
      <c r="DYA719" s="613"/>
      <c r="DYB719" s="613"/>
      <c r="DYC719" s="613"/>
      <c r="DYD719" s="613"/>
      <c r="DYE719" s="613"/>
      <c r="DYF719" s="613"/>
      <c r="DYG719" s="613"/>
      <c r="DYH719" s="613"/>
      <c r="DYI719" s="613"/>
      <c r="DYJ719" s="613"/>
      <c r="DYK719" s="613"/>
      <c r="DYL719" s="613"/>
      <c r="DYM719" s="613"/>
      <c r="DYN719" s="613"/>
      <c r="DYO719" s="613"/>
      <c r="DYP719" s="613"/>
      <c r="DYQ719" s="613"/>
      <c r="DYR719" s="613"/>
      <c r="DYS719" s="613"/>
      <c r="DYT719" s="613"/>
      <c r="DYU719" s="613"/>
      <c r="DYV719" s="613"/>
      <c r="DYW719" s="613"/>
      <c r="DYX719" s="613"/>
      <c r="DYY719" s="613"/>
      <c r="DYZ719" s="613"/>
      <c r="DZA719" s="613"/>
      <c r="DZB719" s="613"/>
      <c r="DZC719" s="613"/>
      <c r="DZD719" s="613"/>
      <c r="DZE719" s="613"/>
      <c r="DZF719" s="613"/>
      <c r="DZG719" s="613"/>
      <c r="DZH719" s="613"/>
      <c r="DZI719" s="613"/>
      <c r="DZJ719" s="613"/>
      <c r="DZK719" s="613"/>
      <c r="DZL719" s="613"/>
      <c r="DZM719" s="613"/>
      <c r="DZN719" s="613"/>
      <c r="DZO719" s="613"/>
      <c r="DZP719" s="613"/>
      <c r="DZQ719" s="613"/>
      <c r="DZR719" s="613"/>
      <c r="DZS719" s="613"/>
      <c r="DZT719" s="613"/>
      <c r="DZU719" s="613"/>
      <c r="DZV719" s="613"/>
      <c r="DZW719" s="613"/>
      <c r="DZX719" s="613"/>
      <c r="DZY719" s="613"/>
      <c r="DZZ719" s="613"/>
      <c r="EAA719" s="613"/>
      <c r="EAB719" s="613"/>
      <c r="EAC719" s="613"/>
      <c r="EAD719" s="613"/>
      <c r="EAE719" s="613"/>
      <c r="EAF719" s="613"/>
      <c r="EAG719" s="613"/>
      <c r="EAH719" s="613"/>
      <c r="EAI719" s="613"/>
      <c r="EAJ719" s="613"/>
      <c r="EAK719" s="613"/>
      <c r="EAL719" s="613"/>
      <c r="EAM719" s="613"/>
      <c r="EAN719" s="613"/>
      <c r="EAO719" s="613"/>
      <c r="EAP719" s="613"/>
      <c r="EAQ719" s="613"/>
      <c r="EAR719" s="613"/>
      <c r="EAS719" s="613"/>
      <c r="EAT719" s="613"/>
      <c r="EAU719" s="613"/>
      <c r="EAV719" s="613"/>
      <c r="EAW719" s="613"/>
      <c r="EAX719" s="613"/>
      <c r="EAY719" s="613"/>
      <c r="EAZ719" s="613"/>
      <c r="EBA719" s="613"/>
      <c r="EBB719" s="613"/>
      <c r="EBC719" s="613"/>
      <c r="EBD719" s="613"/>
      <c r="EBE719" s="613"/>
      <c r="EBF719" s="613"/>
      <c r="EBG719" s="613"/>
      <c r="EBH719" s="613"/>
      <c r="EBI719" s="613"/>
      <c r="EBJ719" s="613"/>
      <c r="EBK719" s="613"/>
      <c r="EBL719" s="613"/>
      <c r="EBM719" s="613"/>
      <c r="EBN719" s="613"/>
      <c r="EBO719" s="613"/>
      <c r="EBP719" s="613"/>
      <c r="EBQ719" s="613"/>
      <c r="EBR719" s="613"/>
      <c r="EBS719" s="613"/>
      <c r="EBT719" s="613"/>
      <c r="EBU719" s="613"/>
      <c r="EBV719" s="613"/>
      <c r="EBW719" s="613"/>
      <c r="EBX719" s="613"/>
      <c r="EBY719" s="613"/>
      <c r="EBZ719" s="613"/>
      <c r="ECA719" s="613"/>
      <c r="ECB719" s="613"/>
      <c r="ECC719" s="613"/>
      <c r="ECD719" s="613"/>
      <c r="ECE719" s="613"/>
      <c r="ECF719" s="613"/>
      <c r="ECG719" s="613"/>
      <c r="ECH719" s="613"/>
      <c r="ECI719" s="613"/>
      <c r="ECJ719" s="613"/>
      <c r="ECK719" s="613"/>
      <c r="ECL719" s="613"/>
      <c r="ECM719" s="613"/>
      <c r="ECN719" s="613"/>
      <c r="ECO719" s="613"/>
      <c r="ECP719" s="613"/>
      <c r="ECQ719" s="613"/>
      <c r="ECR719" s="613"/>
      <c r="ECS719" s="613"/>
      <c r="ECT719" s="613"/>
      <c r="ECU719" s="613"/>
      <c r="ECV719" s="613"/>
      <c r="ECW719" s="613"/>
      <c r="ECX719" s="613"/>
      <c r="ECY719" s="613"/>
      <c r="ECZ719" s="613"/>
      <c r="EDA719" s="613"/>
      <c r="EDB719" s="613"/>
      <c r="EDC719" s="613"/>
      <c r="EDD719" s="613"/>
      <c r="EDE719" s="613"/>
      <c r="EDF719" s="613"/>
      <c r="EDG719" s="613"/>
      <c r="EDH719" s="613"/>
      <c r="EDI719" s="613"/>
      <c r="EDJ719" s="613"/>
      <c r="EDK719" s="613"/>
      <c r="EDL719" s="613"/>
      <c r="EDM719" s="613"/>
      <c r="EDN719" s="613"/>
      <c r="EDO719" s="613"/>
      <c r="EDP719" s="613"/>
      <c r="EDQ719" s="613"/>
      <c r="EDR719" s="613"/>
      <c r="EDS719" s="613"/>
      <c r="EDT719" s="613"/>
      <c r="EDU719" s="613"/>
      <c r="EDV719" s="613"/>
      <c r="EDW719" s="613"/>
      <c r="EDX719" s="613"/>
      <c r="EDY719" s="613"/>
      <c r="EDZ719" s="613"/>
      <c r="EEA719" s="613"/>
      <c r="EEB719" s="613"/>
      <c r="EEC719" s="613"/>
      <c r="EED719" s="613"/>
      <c r="EEE719" s="613"/>
      <c r="EEF719" s="613"/>
      <c r="EEG719" s="613"/>
      <c r="EEH719" s="613"/>
      <c r="EEI719" s="613"/>
      <c r="EEJ719" s="613"/>
      <c r="EEK719" s="613"/>
      <c r="EEL719" s="613"/>
      <c r="EEM719" s="613"/>
      <c r="EEN719" s="613"/>
      <c r="EEO719" s="613"/>
      <c r="EEP719" s="613"/>
      <c r="EEQ719" s="613"/>
      <c r="EER719" s="613"/>
      <c r="EES719" s="613"/>
      <c r="EET719" s="613"/>
      <c r="EEU719" s="613"/>
      <c r="EEV719" s="613"/>
      <c r="EEW719" s="613"/>
      <c r="EEX719" s="613"/>
      <c r="EEY719" s="613"/>
      <c r="EEZ719" s="613"/>
      <c r="EFA719" s="613"/>
      <c r="EFB719" s="613"/>
      <c r="EFC719" s="613"/>
      <c r="EFD719" s="613"/>
      <c r="EFE719" s="613"/>
      <c r="EFF719" s="613"/>
      <c r="EFG719" s="613"/>
      <c r="EFH719" s="613"/>
      <c r="EFI719" s="613"/>
      <c r="EFJ719" s="613"/>
      <c r="EFK719" s="613"/>
      <c r="EFL719" s="613"/>
      <c r="EFM719" s="613"/>
      <c r="EFN719" s="613"/>
      <c r="EFO719" s="613"/>
      <c r="EFP719" s="613"/>
      <c r="EFQ719" s="613"/>
      <c r="EFR719" s="613"/>
      <c r="EFS719" s="613"/>
      <c r="EFT719" s="613"/>
      <c r="EFU719" s="613"/>
      <c r="EFV719" s="613"/>
      <c r="EFW719" s="613"/>
      <c r="EFX719" s="613"/>
      <c r="EFY719" s="613"/>
      <c r="EFZ719" s="613"/>
      <c r="EGA719" s="613"/>
      <c r="EGB719" s="613"/>
      <c r="EGC719" s="613"/>
      <c r="EGD719" s="613"/>
      <c r="EGE719" s="613"/>
      <c r="EGF719" s="613"/>
      <c r="EGG719" s="613"/>
      <c r="EGH719" s="613"/>
      <c r="EGI719" s="613"/>
      <c r="EGJ719" s="613"/>
      <c r="EGK719" s="613"/>
      <c r="EGL719" s="613"/>
      <c r="EGM719" s="613"/>
      <c r="EGN719" s="613"/>
      <c r="EGO719" s="613"/>
      <c r="EGP719" s="613"/>
      <c r="EGQ719" s="613"/>
      <c r="EGR719" s="613"/>
      <c r="EGS719" s="613"/>
      <c r="EGT719" s="613"/>
      <c r="EGU719" s="613"/>
      <c r="EGV719" s="613"/>
      <c r="EGW719" s="613"/>
      <c r="EGX719" s="613"/>
      <c r="EGY719" s="613"/>
      <c r="EGZ719" s="613"/>
      <c r="EHA719" s="613"/>
      <c r="EHB719" s="613"/>
      <c r="EHC719" s="613"/>
      <c r="EHD719" s="613"/>
      <c r="EHE719" s="613"/>
      <c r="EHF719" s="613"/>
      <c r="EHG719" s="613"/>
      <c r="EHH719" s="613"/>
      <c r="EHI719" s="613"/>
      <c r="EHJ719" s="613"/>
      <c r="EHK719" s="613"/>
      <c r="EHL719" s="613"/>
      <c r="EHM719" s="613"/>
      <c r="EHN719" s="613"/>
      <c r="EHO719" s="613"/>
      <c r="EHP719" s="613"/>
      <c r="EHQ719" s="613"/>
      <c r="EHR719" s="613"/>
      <c r="EHS719" s="613"/>
      <c r="EHT719" s="613"/>
      <c r="EHU719" s="613"/>
      <c r="EHV719" s="613"/>
      <c r="EHW719" s="613"/>
      <c r="EHX719" s="613"/>
      <c r="EHY719" s="613"/>
      <c r="EHZ719" s="613"/>
      <c r="EIA719" s="613"/>
      <c r="EIB719" s="613"/>
      <c r="EIC719" s="613"/>
      <c r="EID719" s="613"/>
      <c r="EIE719" s="613"/>
      <c r="EIF719" s="613"/>
      <c r="EIG719" s="613"/>
      <c r="EIH719" s="613"/>
      <c r="EII719" s="613"/>
      <c r="EIJ719" s="613"/>
      <c r="EIK719" s="613"/>
      <c r="EIL719" s="613"/>
      <c r="EIM719" s="613"/>
      <c r="EIN719" s="613"/>
      <c r="EIO719" s="613"/>
      <c r="EIP719" s="613"/>
      <c r="EIQ719" s="613"/>
      <c r="EIR719" s="613"/>
      <c r="EIS719" s="613"/>
      <c r="EIT719" s="613"/>
      <c r="EIU719" s="613"/>
      <c r="EIV719" s="613"/>
      <c r="EIW719" s="613"/>
      <c r="EIX719" s="613"/>
      <c r="EIY719" s="613"/>
      <c r="EIZ719" s="613"/>
      <c r="EJA719" s="613"/>
      <c r="EJB719" s="613"/>
      <c r="EJC719" s="613"/>
      <c r="EJD719" s="613"/>
      <c r="EJE719" s="613"/>
      <c r="EJF719" s="613"/>
      <c r="EJG719" s="613"/>
      <c r="EJH719" s="613"/>
      <c r="EJI719" s="613"/>
      <c r="EJJ719" s="613"/>
      <c r="EJK719" s="613"/>
      <c r="EJL719" s="613"/>
      <c r="EJM719" s="613"/>
      <c r="EJN719" s="613"/>
      <c r="EJO719" s="613"/>
      <c r="EJP719" s="613"/>
      <c r="EJQ719" s="613"/>
      <c r="EJR719" s="613"/>
      <c r="EJS719" s="613"/>
      <c r="EJT719" s="613"/>
      <c r="EJU719" s="613"/>
      <c r="EJV719" s="613"/>
      <c r="EJW719" s="613"/>
      <c r="EJX719" s="613"/>
      <c r="EJY719" s="613"/>
      <c r="EJZ719" s="613"/>
      <c r="EKA719" s="613"/>
      <c r="EKB719" s="613"/>
      <c r="EKC719" s="613"/>
      <c r="EKD719" s="613"/>
      <c r="EKE719" s="613"/>
      <c r="EKF719" s="613"/>
      <c r="EKG719" s="613"/>
      <c r="EKH719" s="613"/>
      <c r="EKI719" s="613"/>
      <c r="EKJ719" s="613"/>
      <c r="EKK719" s="613"/>
      <c r="EKL719" s="613"/>
      <c r="EKM719" s="613"/>
      <c r="EKN719" s="613"/>
      <c r="EKO719" s="613"/>
      <c r="EKP719" s="613"/>
      <c r="EKQ719" s="613"/>
      <c r="EKR719" s="613"/>
      <c r="EKS719" s="613"/>
      <c r="EKT719" s="613"/>
      <c r="EKU719" s="613"/>
      <c r="EKV719" s="613"/>
      <c r="EKW719" s="613"/>
      <c r="EKX719" s="613"/>
      <c r="EKY719" s="613"/>
      <c r="EKZ719" s="613"/>
      <c r="ELA719" s="613"/>
      <c r="ELB719" s="613"/>
      <c r="ELC719" s="613"/>
      <c r="ELD719" s="613"/>
      <c r="ELE719" s="613"/>
      <c r="ELF719" s="613"/>
      <c r="ELG719" s="613"/>
      <c r="ELH719" s="613"/>
      <c r="ELI719" s="613"/>
      <c r="ELJ719" s="613"/>
      <c r="ELK719" s="613"/>
      <c r="ELL719" s="613"/>
      <c r="ELM719" s="613"/>
      <c r="ELN719" s="613"/>
      <c r="ELO719" s="613"/>
      <c r="ELP719" s="613"/>
      <c r="ELQ719" s="613"/>
      <c r="ELR719" s="613"/>
      <c r="ELS719" s="613"/>
      <c r="ELT719" s="613"/>
      <c r="ELU719" s="613"/>
      <c r="ELV719" s="613"/>
      <c r="ELW719" s="613"/>
      <c r="ELX719" s="613"/>
      <c r="ELY719" s="613"/>
      <c r="ELZ719" s="613"/>
      <c r="EMA719" s="613"/>
      <c r="EMB719" s="613"/>
      <c r="EMC719" s="613"/>
      <c r="EMD719" s="613"/>
      <c r="EME719" s="613"/>
      <c r="EMF719" s="613"/>
      <c r="EMG719" s="613"/>
      <c r="EMH719" s="613"/>
      <c r="EMI719" s="613"/>
      <c r="EMJ719" s="613"/>
      <c r="EMK719" s="613"/>
      <c r="EML719" s="613"/>
      <c r="EMM719" s="613"/>
      <c r="EMN719" s="613"/>
      <c r="EMO719" s="613"/>
      <c r="EMP719" s="613"/>
      <c r="EMQ719" s="613"/>
      <c r="EMR719" s="613"/>
      <c r="EMS719" s="613"/>
      <c r="EMT719" s="613"/>
      <c r="EMU719" s="613"/>
      <c r="EMV719" s="613"/>
      <c r="EMW719" s="613"/>
      <c r="EMX719" s="613"/>
      <c r="EMY719" s="613"/>
      <c r="EMZ719" s="613"/>
      <c r="ENA719" s="613"/>
      <c r="ENB719" s="613"/>
      <c r="ENC719" s="613"/>
      <c r="END719" s="613"/>
      <c r="ENE719" s="613"/>
      <c r="ENF719" s="613"/>
      <c r="ENG719" s="613"/>
      <c r="ENH719" s="613"/>
      <c r="ENI719" s="613"/>
      <c r="ENJ719" s="613"/>
      <c r="ENK719" s="613"/>
      <c r="ENL719" s="613"/>
      <c r="ENM719" s="613"/>
      <c r="ENN719" s="613"/>
      <c r="ENO719" s="613"/>
      <c r="ENP719" s="613"/>
      <c r="ENQ719" s="613"/>
      <c r="ENR719" s="613"/>
      <c r="ENS719" s="613"/>
      <c r="ENT719" s="613"/>
      <c r="ENU719" s="613"/>
      <c r="ENV719" s="613"/>
      <c r="ENW719" s="613"/>
      <c r="ENX719" s="613"/>
      <c r="ENY719" s="613"/>
      <c r="ENZ719" s="613"/>
      <c r="EOA719" s="613"/>
      <c r="EOB719" s="613"/>
      <c r="EOC719" s="613"/>
      <c r="EOD719" s="613"/>
      <c r="EOE719" s="613"/>
      <c r="EOF719" s="613"/>
      <c r="EOG719" s="613"/>
      <c r="EOH719" s="613"/>
      <c r="EOI719" s="613"/>
      <c r="EOJ719" s="613"/>
      <c r="EOK719" s="613"/>
      <c r="EOL719" s="613"/>
      <c r="EOM719" s="613"/>
      <c r="EON719" s="613"/>
      <c r="EOO719" s="613"/>
      <c r="EOP719" s="613"/>
      <c r="EOQ719" s="613"/>
      <c r="EOR719" s="613"/>
      <c r="EOS719" s="613"/>
      <c r="EOT719" s="613"/>
      <c r="EOU719" s="613"/>
      <c r="EOV719" s="613"/>
      <c r="EOW719" s="613"/>
      <c r="EOX719" s="613"/>
      <c r="EOY719" s="613"/>
      <c r="EOZ719" s="613"/>
      <c r="EPA719" s="613"/>
      <c r="EPB719" s="613"/>
      <c r="EPC719" s="613"/>
      <c r="EPD719" s="613"/>
      <c r="EPE719" s="613"/>
      <c r="EPF719" s="613"/>
      <c r="EPG719" s="613"/>
      <c r="EPH719" s="613"/>
      <c r="EPI719" s="613"/>
      <c r="EPJ719" s="613"/>
      <c r="EPK719" s="613"/>
      <c r="EPL719" s="613"/>
      <c r="EPM719" s="613"/>
      <c r="EPN719" s="613"/>
      <c r="EPO719" s="613"/>
      <c r="EPP719" s="613"/>
      <c r="EPQ719" s="613"/>
      <c r="EPR719" s="613"/>
      <c r="EPS719" s="613"/>
      <c r="EPT719" s="613"/>
      <c r="EPU719" s="613"/>
      <c r="EPV719" s="613"/>
      <c r="EPW719" s="613"/>
      <c r="EPX719" s="613"/>
      <c r="EPY719" s="613"/>
      <c r="EPZ719" s="613"/>
      <c r="EQA719" s="613"/>
      <c r="EQB719" s="613"/>
      <c r="EQC719" s="613"/>
      <c r="EQD719" s="613"/>
      <c r="EQE719" s="613"/>
      <c r="EQF719" s="613"/>
      <c r="EQG719" s="613"/>
      <c r="EQH719" s="613"/>
      <c r="EQI719" s="613"/>
      <c r="EQJ719" s="613"/>
      <c r="EQK719" s="613"/>
      <c r="EQL719" s="613"/>
      <c r="EQM719" s="613"/>
      <c r="EQN719" s="613"/>
      <c r="EQO719" s="613"/>
      <c r="EQP719" s="613"/>
      <c r="EQQ719" s="613"/>
      <c r="EQR719" s="613"/>
      <c r="EQS719" s="613"/>
      <c r="EQT719" s="613"/>
      <c r="EQU719" s="613"/>
      <c r="EQV719" s="613"/>
      <c r="EQW719" s="613"/>
      <c r="EQX719" s="613"/>
      <c r="EQY719" s="613"/>
      <c r="EQZ719" s="613"/>
      <c r="ERA719" s="613"/>
      <c r="ERB719" s="613"/>
      <c r="ERC719" s="613"/>
      <c r="ERD719" s="613"/>
      <c r="ERE719" s="613"/>
      <c r="ERF719" s="613"/>
      <c r="ERG719" s="613"/>
      <c r="ERH719" s="613"/>
      <c r="ERI719" s="613"/>
      <c r="ERJ719" s="613"/>
      <c r="ERK719" s="613"/>
      <c r="ERL719" s="613"/>
      <c r="ERM719" s="613"/>
      <c r="ERN719" s="613"/>
      <c r="ERO719" s="613"/>
      <c r="ERP719" s="613"/>
      <c r="ERQ719" s="613"/>
      <c r="ERR719" s="613"/>
      <c r="ERS719" s="613"/>
      <c r="ERT719" s="613"/>
      <c r="ERU719" s="613"/>
      <c r="ERV719" s="613"/>
      <c r="ERW719" s="613"/>
      <c r="ERX719" s="613"/>
      <c r="ERY719" s="613"/>
      <c r="ERZ719" s="613"/>
      <c r="ESA719" s="613"/>
      <c r="ESB719" s="613"/>
      <c r="ESC719" s="613"/>
      <c r="ESD719" s="613"/>
      <c r="ESE719" s="613"/>
      <c r="ESF719" s="613"/>
      <c r="ESG719" s="613"/>
      <c r="ESH719" s="613"/>
      <c r="ESI719" s="613"/>
      <c r="ESJ719" s="613"/>
      <c r="ESK719" s="613"/>
      <c r="ESL719" s="613"/>
      <c r="ESM719" s="613"/>
      <c r="ESN719" s="613"/>
      <c r="ESO719" s="613"/>
      <c r="ESP719" s="613"/>
      <c r="ESQ719" s="613"/>
      <c r="ESR719" s="613"/>
      <c r="ESS719" s="613"/>
      <c r="EST719" s="613"/>
      <c r="ESU719" s="613"/>
      <c r="ESV719" s="613"/>
      <c r="ESW719" s="613"/>
      <c r="ESX719" s="613"/>
      <c r="ESY719" s="613"/>
      <c r="ESZ719" s="613"/>
      <c r="ETA719" s="613"/>
      <c r="ETB719" s="613"/>
      <c r="ETC719" s="613"/>
      <c r="ETD719" s="613"/>
      <c r="ETE719" s="613"/>
      <c r="ETF719" s="613"/>
      <c r="ETG719" s="613"/>
      <c r="ETH719" s="613"/>
      <c r="ETI719" s="613"/>
      <c r="ETJ719" s="613"/>
      <c r="ETK719" s="613"/>
      <c r="ETL719" s="613"/>
      <c r="ETM719" s="613"/>
      <c r="ETN719" s="613"/>
      <c r="ETO719" s="613"/>
      <c r="ETP719" s="613"/>
      <c r="ETQ719" s="613"/>
      <c r="ETR719" s="613"/>
      <c r="ETS719" s="613"/>
      <c r="ETT719" s="613"/>
      <c r="ETU719" s="613"/>
      <c r="ETV719" s="613"/>
      <c r="ETW719" s="613"/>
      <c r="ETX719" s="613"/>
      <c r="ETY719" s="613"/>
      <c r="ETZ719" s="613"/>
      <c r="EUA719" s="613"/>
      <c r="EUB719" s="613"/>
      <c r="EUC719" s="613"/>
      <c r="EUD719" s="613"/>
      <c r="EUE719" s="613"/>
      <c r="EUF719" s="613"/>
      <c r="EUG719" s="613"/>
      <c r="EUH719" s="613"/>
      <c r="EUI719" s="613"/>
      <c r="EUJ719" s="613"/>
      <c r="EUK719" s="613"/>
      <c r="EUL719" s="613"/>
      <c r="EUM719" s="613"/>
      <c r="EUN719" s="613"/>
      <c r="EUO719" s="613"/>
      <c r="EUP719" s="613"/>
      <c r="EUQ719" s="613"/>
      <c r="EUR719" s="613"/>
      <c r="EUS719" s="613"/>
      <c r="EUT719" s="613"/>
      <c r="EUU719" s="613"/>
      <c r="EUV719" s="613"/>
      <c r="EUW719" s="613"/>
      <c r="EUX719" s="613"/>
      <c r="EUY719" s="613"/>
      <c r="EUZ719" s="613"/>
      <c r="EVA719" s="613"/>
      <c r="EVB719" s="613"/>
      <c r="EVC719" s="613"/>
      <c r="EVD719" s="613"/>
      <c r="EVE719" s="613"/>
      <c r="EVF719" s="613"/>
      <c r="EVG719" s="613"/>
      <c r="EVH719" s="613"/>
      <c r="EVI719" s="613"/>
      <c r="EVJ719" s="613"/>
      <c r="EVK719" s="613"/>
      <c r="EVL719" s="613"/>
      <c r="EVM719" s="613"/>
      <c r="EVN719" s="613"/>
      <c r="EVO719" s="613"/>
      <c r="EVP719" s="613"/>
      <c r="EVQ719" s="613"/>
      <c r="EVR719" s="613"/>
      <c r="EVS719" s="613"/>
      <c r="EVT719" s="613"/>
      <c r="EVU719" s="613"/>
      <c r="EVV719" s="613"/>
      <c r="EVW719" s="613"/>
      <c r="EVX719" s="613"/>
      <c r="EVY719" s="613"/>
      <c r="EVZ719" s="613"/>
      <c r="EWA719" s="613"/>
      <c r="EWB719" s="613"/>
      <c r="EWC719" s="613"/>
      <c r="EWD719" s="613"/>
      <c r="EWE719" s="613"/>
      <c r="EWF719" s="613"/>
      <c r="EWG719" s="613"/>
      <c r="EWH719" s="613"/>
      <c r="EWI719" s="613"/>
      <c r="EWJ719" s="613"/>
      <c r="EWK719" s="613"/>
      <c r="EWL719" s="613"/>
      <c r="EWM719" s="613"/>
      <c r="EWN719" s="613"/>
      <c r="EWO719" s="613"/>
      <c r="EWP719" s="613"/>
      <c r="EWQ719" s="613"/>
      <c r="EWR719" s="613"/>
      <c r="EWS719" s="613"/>
      <c r="EWT719" s="613"/>
      <c r="EWU719" s="613"/>
      <c r="EWV719" s="613"/>
      <c r="EWW719" s="613"/>
      <c r="EWX719" s="613"/>
      <c r="EWY719" s="613"/>
      <c r="EWZ719" s="613"/>
      <c r="EXA719" s="613"/>
      <c r="EXB719" s="613"/>
      <c r="EXC719" s="613"/>
      <c r="EXD719" s="613"/>
      <c r="EXE719" s="613"/>
      <c r="EXF719" s="613"/>
      <c r="EXG719" s="613"/>
      <c r="EXH719" s="613"/>
      <c r="EXI719" s="613"/>
      <c r="EXJ719" s="613"/>
      <c r="EXK719" s="613"/>
      <c r="EXL719" s="613"/>
      <c r="EXM719" s="613"/>
      <c r="EXN719" s="613"/>
      <c r="EXO719" s="613"/>
      <c r="EXP719" s="613"/>
      <c r="EXQ719" s="613"/>
      <c r="EXR719" s="613"/>
      <c r="EXS719" s="613"/>
      <c r="EXT719" s="613"/>
      <c r="EXU719" s="613"/>
      <c r="EXV719" s="613"/>
      <c r="EXW719" s="613"/>
      <c r="EXX719" s="613"/>
      <c r="EXY719" s="613"/>
      <c r="EXZ719" s="613"/>
      <c r="EYA719" s="613"/>
      <c r="EYB719" s="613"/>
      <c r="EYC719" s="613"/>
      <c r="EYD719" s="613"/>
      <c r="EYE719" s="613"/>
      <c r="EYF719" s="613"/>
      <c r="EYG719" s="613"/>
      <c r="EYH719" s="613"/>
      <c r="EYI719" s="613"/>
      <c r="EYJ719" s="613"/>
      <c r="EYK719" s="613"/>
      <c r="EYL719" s="613"/>
      <c r="EYM719" s="613"/>
      <c r="EYN719" s="613"/>
      <c r="EYO719" s="613"/>
      <c r="EYP719" s="613"/>
      <c r="EYQ719" s="613"/>
      <c r="EYR719" s="613"/>
      <c r="EYS719" s="613"/>
      <c r="EYT719" s="613"/>
      <c r="EYU719" s="613"/>
      <c r="EYV719" s="613"/>
      <c r="EYW719" s="613"/>
      <c r="EYX719" s="613"/>
      <c r="EYY719" s="613"/>
      <c r="EYZ719" s="613"/>
      <c r="EZA719" s="613"/>
      <c r="EZB719" s="613"/>
      <c r="EZC719" s="613"/>
      <c r="EZD719" s="613"/>
      <c r="EZE719" s="613"/>
      <c r="EZF719" s="613"/>
      <c r="EZG719" s="613"/>
      <c r="EZH719" s="613"/>
      <c r="EZI719" s="613"/>
      <c r="EZJ719" s="613"/>
      <c r="EZK719" s="613"/>
      <c r="EZL719" s="613"/>
      <c r="EZM719" s="613"/>
      <c r="EZN719" s="613"/>
      <c r="EZO719" s="613"/>
      <c r="EZP719" s="613"/>
      <c r="EZQ719" s="613"/>
      <c r="EZR719" s="613"/>
      <c r="EZS719" s="613"/>
      <c r="EZT719" s="613"/>
      <c r="EZU719" s="613"/>
      <c r="EZV719" s="613"/>
      <c r="EZW719" s="613"/>
      <c r="EZX719" s="613"/>
      <c r="EZY719" s="613"/>
      <c r="EZZ719" s="613"/>
      <c r="FAA719" s="613"/>
      <c r="FAB719" s="613"/>
      <c r="FAC719" s="613"/>
      <c r="FAD719" s="613"/>
      <c r="FAE719" s="613"/>
      <c r="FAF719" s="613"/>
      <c r="FAG719" s="613"/>
      <c r="FAH719" s="613"/>
      <c r="FAI719" s="613"/>
      <c r="FAJ719" s="613"/>
      <c r="FAK719" s="613"/>
      <c r="FAL719" s="613"/>
      <c r="FAM719" s="613"/>
      <c r="FAN719" s="613"/>
      <c r="FAO719" s="613"/>
      <c r="FAP719" s="613"/>
      <c r="FAQ719" s="613"/>
      <c r="FAR719" s="613"/>
      <c r="FAS719" s="613"/>
      <c r="FAT719" s="613"/>
      <c r="FAU719" s="613"/>
      <c r="FAV719" s="613"/>
      <c r="FAW719" s="613"/>
      <c r="FAX719" s="613"/>
      <c r="FAY719" s="613"/>
      <c r="FAZ719" s="613"/>
      <c r="FBA719" s="613"/>
      <c r="FBB719" s="613"/>
      <c r="FBC719" s="613"/>
      <c r="FBD719" s="613"/>
      <c r="FBE719" s="613"/>
      <c r="FBF719" s="613"/>
      <c r="FBG719" s="613"/>
      <c r="FBH719" s="613"/>
      <c r="FBI719" s="613"/>
      <c r="FBJ719" s="613"/>
      <c r="FBK719" s="613"/>
      <c r="FBL719" s="613"/>
      <c r="FBM719" s="613"/>
      <c r="FBN719" s="613"/>
      <c r="FBO719" s="613"/>
      <c r="FBP719" s="613"/>
      <c r="FBQ719" s="613"/>
      <c r="FBR719" s="613"/>
      <c r="FBS719" s="613"/>
      <c r="FBT719" s="613"/>
      <c r="FBU719" s="613"/>
      <c r="FBV719" s="613"/>
      <c r="FBW719" s="613"/>
      <c r="FBX719" s="613"/>
      <c r="FBY719" s="613"/>
      <c r="FBZ719" s="613"/>
      <c r="FCA719" s="613"/>
      <c r="FCB719" s="613"/>
      <c r="FCC719" s="613"/>
      <c r="FCD719" s="613"/>
      <c r="FCE719" s="613"/>
      <c r="FCF719" s="613"/>
      <c r="FCG719" s="613"/>
      <c r="FCH719" s="613"/>
      <c r="FCI719" s="613"/>
      <c r="FCJ719" s="613"/>
      <c r="FCK719" s="613"/>
      <c r="FCL719" s="613"/>
      <c r="FCM719" s="613"/>
      <c r="FCN719" s="613"/>
      <c r="FCO719" s="613"/>
      <c r="FCP719" s="613"/>
      <c r="FCQ719" s="613"/>
      <c r="FCR719" s="613"/>
      <c r="FCS719" s="613"/>
      <c r="FCT719" s="613"/>
      <c r="FCU719" s="613"/>
      <c r="FCV719" s="613"/>
      <c r="FCW719" s="613"/>
      <c r="FCX719" s="613"/>
      <c r="FCY719" s="613"/>
      <c r="FCZ719" s="613"/>
      <c r="FDA719" s="613"/>
      <c r="FDB719" s="613"/>
      <c r="FDC719" s="613"/>
      <c r="FDD719" s="613"/>
      <c r="FDE719" s="613"/>
      <c r="FDF719" s="613"/>
      <c r="FDG719" s="613"/>
      <c r="FDH719" s="613"/>
      <c r="FDI719" s="613"/>
      <c r="FDJ719" s="613"/>
      <c r="FDK719" s="613"/>
      <c r="FDL719" s="613"/>
      <c r="FDM719" s="613"/>
      <c r="FDN719" s="613"/>
      <c r="FDO719" s="613"/>
      <c r="FDP719" s="613"/>
      <c r="FDQ719" s="613"/>
      <c r="FDR719" s="613"/>
      <c r="FDS719" s="613"/>
      <c r="FDT719" s="613"/>
      <c r="FDU719" s="613"/>
      <c r="FDV719" s="613"/>
      <c r="FDW719" s="613"/>
      <c r="FDX719" s="613"/>
      <c r="FDY719" s="613"/>
      <c r="FDZ719" s="613"/>
      <c r="FEA719" s="613"/>
      <c r="FEB719" s="613"/>
      <c r="FEC719" s="613"/>
      <c r="FED719" s="613"/>
      <c r="FEE719" s="613"/>
      <c r="FEF719" s="613"/>
      <c r="FEG719" s="613"/>
      <c r="FEH719" s="613"/>
      <c r="FEI719" s="613"/>
      <c r="FEJ719" s="613"/>
      <c r="FEK719" s="613"/>
      <c r="FEL719" s="613"/>
      <c r="FEM719" s="613"/>
      <c r="FEN719" s="613"/>
      <c r="FEO719" s="613"/>
      <c r="FEP719" s="613"/>
      <c r="FEQ719" s="613"/>
      <c r="FER719" s="613"/>
      <c r="FES719" s="613"/>
      <c r="FET719" s="613"/>
      <c r="FEU719" s="613"/>
      <c r="FEV719" s="613"/>
      <c r="FEW719" s="613"/>
      <c r="FEX719" s="613"/>
      <c r="FEY719" s="613"/>
      <c r="FEZ719" s="613"/>
      <c r="FFA719" s="613"/>
      <c r="FFB719" s="613"/>
      <c r="FFC719" s="613"/>
      <c r="FFD719" s="613"/>
      <c r="FFE719" s="613"/>
      <c r="FFF719" s="613"/>
      <c r="FFG719" s="613"/>
      <c r="FFH719" s="613"/>
      <c r="FFI719" s="613"/>
      <c r="FFJ719" s="613"/>
      <c r="FFK719" s="613"/>
      <c r="FFL719" s="613"/>
      <c r="FFM719" s="613"/>
      <c r="FFN719" s="613"/>
      <c r="FFO719" s="613"/>
      <c r="FFP719" s="613"/>
      <c r="FFQ719" s="613"/>
      <c r="FFR719" s="613"/>
      <c r="FFS719" s="613"/>
      <c r="FFT719" s="613"/>
      <c r="FFU719" s="613"/>
      <c r="FFV719" s="613"/>
      <c r="FFW719" s="613"/>
      <c r="FFX719" s="613"/>
      <c r="FFY719" s="613"/>
      <c r="FFZ719" s="613"/>
      <c r="FGA719" s="613"/>
      <c r="FGB719" s="613"/>
      <c r="FGC719" s="613"/>
      <c r="FGD719" s="613"/>
      <c r="FGE719" s="613"/>
      <c r="FGF719" s="613"/>
      <c r="FGG719" s="613"/>
      <c r="FGH719" s="613"/>
      <c r="FGI719" s="613"/>
      <c r="FGJ719" s="613"/>
      <c r="FGK719" s="613"/>
      <c r="FGL719" s="613"/>
      <c r="FGM719" s="613"/>
      <c r="FGN719" s="613"/>
      <c r="FGO719" s="613"/>
      <c r="FGP719" s="613"/>
      <c r="FGQ719" s="613"/>
      <c r="FGR719" s="613"/>
      <c r="FGS719" s="613"/>
      <c r="FGT719" s="613"/>
      <c r="FGU719" s="613"/>
      <c r="FGV719" s="613"/>
      <c r="FGW719" s="613"/>
      <c r="FGX719" s="613"/>
      <c r="FGY719" s="613"/>
      <c r="FGZ719" s="613"/>
      <c r="FHA719" s="613"/>
      <c r="FHB719" s="613"/>
      <c r="FHC719" s="613"/>
      <c r="FHD719" s="613"/>
      <c r="FHE719" s="613"/>
      <c r="FHF719" s="613"/>
      <c r="FHG719" s="613"/>
      <c r="FHH719" s="613"/>
      <c r="FHI719" s="613"/>
      <c r="FHJ719" s="613"/>
      <c r="FHK719" s="613"/>
      <c r="FHL719" s="613"/>
      <c r="FHM719" s="613"/>
      <c r="FHN719" s="613"/>
      <c r="FHO719" s="613"/>
      <c r="FHP719" s="613"/>
      <c r="FHQ719" s="613"/>
      <c r="FHR719" s="613"/>
      <c r="FHS719" s="613"/>
      <c r="FHT719" s="613"/>
      <c r="FHU719" s="613"/>
      <c r="FHV719" s="613"/>
      <c r="FHW719" s="613"/>
      <c r="FHX719" s="613"/>
      <c r="FHY719" s="613"/>
      <c r="FHZ719" s="613"/>
      <c r="FIA719" s="613"/>
      <c r="FIB719" s="613"/>
      <c r="FIC719" s="613"/>
      <c r="FID719" s="613"/>
      <c r="FIE719" s="613"/>
      <c r="FIF719" s="613"/>
      <c r="FIG719" s="613"/>
      <c r="FIH719" s="613"/>
      <c r="FII719" s="613"/>
      <c r="FIJ719" s="613"/>
      <c r="FIK719" s="613"/>
      <c r="FIL719" s="613"/>
      <c r="FIM719" s="613"/>
      <c r="FIN719" s="613"/>
      <c r="FIO719" s="613"/>
      <c r="FIP719" s="613"/>
      <c r="FIQ719" s="613"/>
      <c r="FIR719" s="613"/>
      <c r="FIS719" s="613"/>
      <c r="FIT719" s="613"/>
      <c r="FIU719" s="613"/>
      <c r="FIV719" s="613"/>
      <c r="FIW719" s="613"/>
      <c r="FIX719" s="613"/>
      <c r="FIY719" s="613"/>
      <c r="FIZ719" s="613"/>
      <c r="FJA719" s="613"/>
      <c r="FJB719" s="613"/>
      <c r="FJC719" s="613"/>
      <c r="FJD719" s="613"/>
      <c r="FJE719" s="613"/>
      <c r="FJF719" s="613"/>
      <c r="FJG719" s="613"/>
      <c r="FJH719" s="613"/>
      <c r="FJI719" s="613"/>
      <c r="FJJ719" s="613"/>
      <c r="FJK719" s="613"/>
      <c r="FJL719" s="613"/>
      <c r="FJM719" s="613"/>
      <c r="FJN719" s="613"/>
      <c r="FJO719" s="613"/>
      <c r="FJP719" s="613"/>
      <c r="FJQ719" s="613"/>
      <c r="FJR719" s="613"/>
      <c r="FJS719" s="613"/>
      <c r="FJT719" s="613"/>
      <c r="FJU719" s="613"/>
      <c r="FJV719" s="613"/>
      <c r="FJW719" s="613"/>
      <c r="FJX719" s="613"/>
      <c r="FJY719" s="613"/>
      <c r="FJZ719" s="613"/>
      <c r="FKA719" s="613"/>
      <c r="FKB719" s="613"/>
      <c r="FKC719" s="613"/>
      <c r="FKD719" s="613"/>
      <c r="FKE719" s="613"/>
      <c r="FKF719" s="613"/>
      <c r="FKG719" s="613"/>
      <c r="FKH719" s="613"/>
      <c r="FKI719" s="613"/>
      <c r="FKJ719" s="613"/>
      <c r="FKK719" s="613"/>
      <c r="FKL719" s="613"/>
      <c r="FKM719" s="613"/>
      <c r="FKN719" s="613"/>
      <c r="FKO719" s="613"/>
      <c r="FKP719" s="613"/>
      <c r="FKQ719" s="613"/>
      <c r="FKR719" s="613"/>
      <c r="FKS719" s="613"/>
      <c r="FKT719" s="613"/>
      <c r="FKU719" s="613"/>
      <c r="FKV719" s="613"/>
      <c r="FKW719" s="613"/>
      <c r="FKX719" s="613"/>
      <c r="FKY719" s="613"/>
      <c r="FKZ719" s="613"/>
      <c r="FLA719" s="613"/>
      <c r="FLB719" s="613"/>
      <c r="FLC719" s="613"/>
      <c r="FLD719" s="613"/>
      <c r="FLE719" s="613"/>
      <c r="FLF719" s="613"/>
      <c r="FLG719" s="613"/>
      <c r="FLH719" s="613"/>
      <c r="FLI719" s="613"/>
      <c r="FLJ719" s="613"/>
      <c r="FLK719" s="613"/>
      <c r="FLL719" s="613"/>
      <c r="FLM719" s="613"/>
      <c r="FLN719" s="613"/>
      <c r="FLO719" s="613"/>
      <c r="FLP719" s="613"/>
      <c r="FLQ719" s="613"/>
      <c r="FLR719" s="613"/>
      <c r="FLS719" s="613"/>
      <c r="FLT719" s="613"/>
      <c r="FLU719" s="613"/>
      <c r="FLV719" s="613"/>
      <c r="FLW719" s="613"/>
      <c r="FLX719" s="613"/>
      <c r="FLY719" s="613"/>
      <c r="FLZ719" s="613"/>
      <c r="FMA719" s="613"/>
      <c r="FMB719" s="613"/>
      <c r="FMC719" s="613"/>
      <c r="FMD719" s="613"/>
      <c r="FME719" s="613"/>
      <c r="FMF719" s="613"/>
      <c r="FMG719" s="613"/>
      <c r="FMH719" s="613"/>
      <c r="FMI719" s="613"/>
      <c r="FMJ719" s="613"/>
      <c r="FMK719" s="613"/>
      <c r="FML719" s="613"/>
      <c r="FMM719" s="613"/>
      <c r="FMN719" s="613"/>
      <c r="FMO719" s="613"/>
      <c r="FMP719" s="613"/>
      <c r="FMQ719" s="613"/>
      <c r="FMR719" s="613"/>
      <c r="FMS719" s="613"/>
      <c r="FMT719" s="613"/>
      <c r="FMU719" s="613"/>
      <c r="FMV719" s="613"/>
      <c r="FMW719" s="613"/>
      <c r="FMX719" s="613"/>
      <c r="FMY719" s="613"/>
      <c r="FMZ719" s="613"/>
      <c r="FNA719" s="613"/>
      <c r="FNB719" s="613"/>
      <c r="FNC719" s="613"/>
      <c r="FND719" s="613"/>
      <c r="FNE719" s="613"/>
      <c r="FNF719" s="613"/>
      <c r="FNG719" s="613"/>
      <c r="FNH719" s="613"/>
      <c r="FNI719" s="613"/>
      <c r="FNJ719" s="613"/>
      <c r="FNK719" s="613"/>
      <c r="FNL719" s="613"/>
      <c r="FNM719" s="613"/>
      <c r="FNN719" s="613"/>
      <c r="FNO719" s="613"/>
      <c r="FNP719" s="613"/>
      <c r="FNQ719" s="613"/>
      <c r="FNR719" s="613"/>
      <c r="FNS719" s="613"/>
      <c r="FNT719" s="613"/>
      <c r="FNU719" s="613"/>
      <c r="FNV719" s="613"/>
      <c r="FNW719" s="613"/>
      <c r="FNX719" s="613"/>
      <c r="FNY719" s="613"/>
      <c r="FNZ719" s="613"/>
      <c r="FOA719" s="613"/>
      <c r="FOB719" s="613"/>
      <c r="FOC719" s="613"/>
      <c r="FOD719" s="613"/>
      <c r="FOE719" s="613"/>
      <c r="FOF719" s="613"/>
      <c r="FOG719" s="613"/>
      <c r="FOH719" s="613"/>
      <c r="FOI719" s="613"/>
      <c r="FOJ719" s="613"/>
      <c r="FOK719" s="613"/>
      <c r="FOL719" s="613"/>
      <c r="FOM719" s="613"/>
      <c r="FON719" s="613"/>
      <c r="FOO719" s="613"/>
      <c r="FOP719" s="613"/>
      <c r="FOQ719" s="613"/>
      <c r="FOR719" s="613"/>
      <c r="FOS719" s="613"/>
      <c r="FOT719" s="613"/>
      <c r="FOU719" s="613"/>
      <c r="FOV719" s="613"/>
      <c r="FOW719" s="613"/>
      <c r="FOX719" s="613"/>
      <c r="FOY719" s="613"/>
      <c r="FOZ719" s="613"/>
      <c r="FPA719" s="613"/>
      <c r="FPB719" s="613"/>
      <c r="FPC719" s="613"/>
      <c r="FPD719" s="613"/>
      <c r="FPE719" s="613"/>
      <c r="FPF719" s="613"/>
      <c r="FPG719" s="613"/>
      <c r="FPH719" s="613"/>
      <c r="FPI719" s="613"/>
      <c r="FPJ719" s="613"/>
      <c r="FPK719" s="613"/>
      <c r="FPL719" s="613"/>
      <c r="FPM719" s="613"/>
      <c r="FPN719" s="613"/>
      <c r="FPO719" s="613"/>
      <c r="FPP719" s="613"/>
      <c r="FPQ719" s="613"/>
      <c r="FPR719" s="613"/>
      <c r="FPS719" s="613"/>
      <c r="FPT719" s="613"/>
      <c r="FPU719" s="613"/>
      <c r="FPV719" s="613"/>
      <c r="FPW719" s="613"/>
      <c r="FPX719" s="613"/>
      <c r="FPY719" s="613"/>
      <c r="FPZ719" s="613"/>
      <c r="FQA719" s="613"/>
      <c r="FQB719" s="613"/>
      <c r="FQC719" s="613"/>
      <c r="FQD719" s="613"/>
      <c r="FQE719" s="613"/>
      <c r="FQF719" s="613"/>
      <c r="FQG719" s="613"/>
      <c r="FQH719" s="613"/>
      <c r="FQI719" s="613"/>
      <c r="FQJ719" s="613"/>
      <c r="FQK719" s="613"/>
      <c r="FQL719" s="613"/>
      <c r="FQM719" s="613"/>
      <c r="FQN719" s="613"/>
      <c r="FQO719" s="613"/>
      <c r="FQP719" s="613"/>
      <c r="FQQ719" s="613"/>
      <c r="FQR719" s="613"/>
      <c r="FQS719" s="613"/>
      <c r="FQT719" s="613"/>
      <c r="FQU719" s="613"/>
      <c r="FQV719" s="613"/>
      <c r="FQW719" s="613"/>
      <c r="FQX719" s="613"/>
      <c r="FQY719" s="613"/>
      <c r="FQZ719" s="613"/>
      <c r="FRA719" s="613"/>
      <c r="FRB719" s="613"/>
      <c r="FRC719" s="613"/>
      <c r="FRD719" s="613"/>
      <c r="FRE719" s="613"/>
      <c r="FRF719" s="613"/>
      <c r="FRG719" s="613"/>
      <c r="FRH719" s="613"/>
      <c r="FRI719" s="613"/>
      <c r="FRJ719" s="613"/>
      <c r="FRK719" s="613"/>
      <c r="FRL719" s="613"/>
      <c r="FRM719" s="613"/>
      <c r="FRN719" s="613"/>
      <c r="FRO719" s="613"/>
      <c r="FRP719" s="613"/>
      <c r="FRQ719" s="613"/>
      <c r="FRR719" s="613"/>
      <c r="FRS719" s="613"/>
      <c r="FRT719" s="613"/>
      <c r="FRU719" s="613"/>
      <c r="FRV719" s="613"/>
      <c r="FRW719" s="613"/>
      <c r="FRX719" s="613"/>
      <c r="FRY719" s="613"/>
      <c r="FRZ719" s="613"/>
      <c r="FSA719" s="613"/>
      <c r="FSB719" s="613"/>
      <c r="FSC719" s="613"/>
      <c r="FSD719" s="613"/>
      <c r="FSE719" s="613"/>
      <c r="FSF719" s="613"/>
      <c r="FSG719" s="613"/>
      <c r="FSH719" s="613"/>
      <c r="FSI719" s="613"/>
      <c r="FSJ719" s="613"/>
      <c r="FSK719" s="613"/>
      <c r="FSL719" s="613"/>
      <c r="FSM719" s="613"/>
      <c r="FSN719" s="613"/>
      <c r="FSO719" s="613"/>
      <c r="FSP719" s="613"/>
      <c r="FSQ719" s="613"/>
      <c r="FSR719" s="613"/>
      <c r="FSS719" s="613"/>
      <c r="FST719" s="613"/>
      <c r="FSU719" s="613"/>
      <c r="FSV719" s="613"/>
      <c r="FSW719" s="613"/>
      <c r="FSX719" s="613"/>
      <c r="FSY719" s="613"/>
      <c r="FSZ719" s="613"/>
      <c r="FTA719" s="613"/>
      <c r="FTB719" s="613"/>
      <c r="FTC719" s="613"/>
      <c r="FTD719" s="613"/>
      <c r="FTE719" s="613"/>
      <c r="FTF719" s="613"/>
      <c r="FTG719" s="613"/>
      <c r="FTH719" s="613"/>
      <c r="FTI719" s="613"/>
      <c r="FTJ719" s="613"/>
      <c r="FTK719" s="613"/>
      <c r="FTL719" s="613"/>
      <c r="FTM719" s="613"/>
      <c r="FTN719" s="613"/>
      <c r="FTO719" s="613"/>
      <c r="FTP719" s="613"/>
      <c r="FTQ719" s="613"/>
      <c r="FTR719" s="613"/>
      <c r="FTS719" s="613"/>
      <c r="FTT719" s="613"/>
      <c r="FTU719" s="613"/>
      <c r="FTV719" s="613"/>
      <c r="FTW719" s="613"/>
      <c r="FTX719" s="613"/>
      <c r="FTY719" s="613"/>
      <c r="FTZ719" s="613"/>
      <c r="FUA719" s="613"/>
      <c r="FUB719" s="613"/>
      <c r="FUC719" s="613"/>
      <c r="FUD719" s="613"/>
      <c r="FUE719" s="613"/>
      <c r="FUF719" s="613"/>
      <c r="FUG719" s="613"/>
      <c r="FUH719" s="613"/>
      <c r="FUI719" s="613"/>
      <c r="FUJ719" s="613"/>
      <c r="FUK719" s="613"/>
      <c r="FUL719" s="613"/>
      <c r="FUM719" s="613"/>
      <c r="FUN719" s="613"/>
      <c r="FUO719" s="613"/>
      <c r="FUP719" s="613"/>
      <c r="FUQ719" s="613"/>
      <c r="FUR719" s="613"/>
      <c r="FUS719" s="613"/>
      <c r="FUT719" s="613"/>
      <c r="FUU719" s="613"/>
      <c r="FUV719" s="613"/>
      <c r="FUW719" s="613"/>
      <c r="FUX719" s="613"/>
      <c r="FUY719" s="613"/>
      <c r="FUZ719" s="613"/>
      <c r="FVA719" s="613"/>
      <c r="FVB719" s="613"/>
      <c r="FVC719" s="613"/>
      <c r="FVD719" s="613"/>
      <c r="FVE719" s="613"/>
      <c r="FVF719" s="613"/>
      <c r="FVG719" s="613"/>
      <c r="FVH719" s="613"/>
      <c r="FVI719" s="613"/>
      <c r="FVJ719" s="613"/>
      <c r="FVK719" s="613"/>
      <c r="FVL719" s="613"/>
      <c r="FVM719" s="613"/>
      <c r="FVN719" s="613"/>
      <c r="FVO719" s="613"/>
      <c r="FVP719" s="613"/>
      <c r="FVQ719" s="613"/>
      <c r="FVR719" s="613"/>
      <c r="FVS719" s="613"/>
      <c r="FVT719" s="613"/>
      <c r="FVU719" s="613"/>
      <c r="FVV719" s="613"/>
      <c r="FVW719" s="613"/>
      <c r="FVX719" s="613"/>
      <c r="FVY719" s="613"/>
      <c r="FVZ719" s="613"/>
      <c r="FWA719" s="613"/>
      <c r="FWB719" s="613"/>
      <c r="FWC719" s="613"/>
      <c r="FWD719" s="613"/>
      <c r="FWE719" s="613"/>
      <c r="FWF719" s="613"/>
      <c r="FWG719" s="613"/>
      <c r="FWH719" s="613"/>
      <c r="FWI719" s="613"/>
      <c r="FWJ719" s="613"/>
      <c r="FWK719" s="613"/>
      <c r="FWL719" s="613"/>
      <c r="FWM719" s="613"/>
      <c r="FWN719" s="613"/>
      <c r="FWO719" s="613"/>
      <c r="FWP719" s="613"/>
      <c r="FWQ719" s="613"/>
      <c r="FWR719" s="613"/>
      <c r="FWS719" s="613"/>
      <c r="FWT719" s="613"/>
      <c r="FWU719" s="613"/>
      <c r="FWV719" s="613"/>
      <c r="FWW719" s="613"/>
      <c r="FWX719" s="613"/>
      <c r="FWY719" s="613"/>
      <c r="FWZ719" s="613"/>
      <c r="FXA719" s="613"/>
      <c r="FXB719" s="613"/>
      <c r="FXC719" s="613"/>
      <c r="FXD719" s="613"/>
      <c r="FXE719" s="613"/>
      <c r="FXF719" s="613"/>
      <c r="FXG719" s="613"/>
      <c r="FXH719" s="613"/>
      <c r="FXI719" s="613"/>
      <c r="FXJ719" s="613"/>
      <c r="FXK719" s="613"/>
      <c r="FXL719" s="613"/>
      <c r="FXM719" s="613"/>
      <c r="FXN719" s="613"/>
      <c r="FXO719" s="613"/>
      <c r="FXP719" s="613"/>
      <c r="FXQ719" s="613"/>
      <c r="FXR719" s="613"/>
      <c r="FXS719" s="613"/>
      <c r="FXT719" s="613"/>
      <c r="FXU719" s="613"/>
      <c r="FXV719" s="613"/>
      <c r="FXW719" s="613"/>
      <c r="FXX719" s="613"/>
      <c r="FXY719" s="613"/>
      <c r="FXZ719" s="613"/>
      <c r="FYA719" s="613"/>
      <c r="FYB719" s="613"/>
      <c r="FYC719" s="613"/>
      <c r="FYD719" s="613"/>
      <c r="FYE719" s="613"/>
      <c r="FYF719" s="613"/>
      <c r="FYG719" s="613"/>
      <c r="FYH719" s="613"/>
      <c r="FYI719" s="613"/>
      <c r="FYJ719" s="613"/>
      <c r="FYK719" s="613"/>
      <c r="FYL719" s="613"/>
      <c r="FYM719" s="613"/>
      <c r="FYN719" s="613"/>
      <c r="FYO719" s="613"/>
      <c r="FYP719" s="613"/>
      <c r="FYQ719" s="613"/>
      <c r="FYR719" s="613"/>
      <c r="FYS719" s="613"/>
      <c r="FYT719" s="613"/>
      <c r="FYU719" s="613"/>
      <c r="FYV719" s="613"/>
      <c r="FYW719" s="613"/>
      <c r="FYX719" s="613"/>
      <c r="FYY719" s="613"/>
      <c r="FYZ719" s="613"/>
      <c r="FZA719" s="613"/>
      <c r="FZB719" s="613"/>
      <c r="FZC719" s="613"/>
      <c r="FZD719" s="613"/>
      <c r="FZE719" s="613"/>
      <c r="FZF719" s="613"/>
      <c r="FZG719" s="613"/>
      <c r="FZH719" s="613"/>
      <c r="FZI719" s="613"/>
      <c r="FZJ719" s="613"/>
      <c r="FZK719" s="613"/>
      <c r="FZL719" s="613"/>
      <c r="FZM719" s="613"/>
      <c r="FZN719" s="613"/>
      <c r="FZO719" s="613"/>
      <c r="FZP719" s="613"/>
      <c r="FZQ719" s="613"/>
      <c r="FZR719" s="613"/>
      <c r="FZS719" s="613"/>
      <c r="FZT719" s="613"/>
      <c r="FZU719" s="613"/>
      <c r="FZV719" s="613"/>
      <c r="FZW719" s="613"/>
      <c r="FZX719" s="613"/>
      <c r="FZY719" s="613"/>
      <c r="FZZ719" s="613"/>
      <c r="GAA719" s="613"/>
      <c r="GAB719" s="613"/>
      <c r="GAC719" s="613"/>
      <c r="GAD719" s="613"/>
      <c r="GAE719" s="613"/>
      <c r="GAF719" s="613"/>
      <c r="GAG719" s="613"/>
      <c r="GAH719" s="613"/>
      <c r="GAI719" s="613"/>
      <c r="GAJ719" s="613"/>
      <c r="GAK719" s="613"/>
      <c r="GAL719" s="613"/>
      <c r="GAM719" s="613"/>
      <c r="GAN719" s="613"/>
      <c r="GAO719" s="613"/>
      <c r="GAP719" s="613"/>
      <c r="GAQ719" s="613"/>
      <c r="GAR719" s="613"/>
      <c r="GAS719" s="613"/>
      <c r="GAT719" s="613"/>
      <c r="GAU719" s="613"/>
      <c r="GAV719" s="613"/>
      <c r="GAW719" s="613"/>
      <c r="GAX719" s="613"/>
      <c r="GAY719" s="613"/>
      <c r="GAZ719" s="613"/>
      <c r="GBA719" s="613"/>
      <c r="GBB719" s="613"/>
      <c r="GBC719" s="613"/>
      <c r="GBD719" s="613"/>
      <c r="GBE719" s="613"/>
      <c r="GBF719" s="613"/>
      <c r="GBG719" s="613"/>
      <c r="GBH719" s="613"/>
      <c r="GBI719" s="613"/>
      <c r="GBJ719" s="613"/>
      <c r="GBK719" s="613"/>
      <c r="GBL719" s="613"/>
      <c r="GBM719" s="613"/>
      <c r="GBN719" s="613"/>
      <c r="GBO719" s="613"/>
      <c r="GBP719" s="613"/>
      <c r="GBQ719" s="613"/>
      <c r="GBR719" s="613"/>
      <c r="GBS719" s="613"/>
      <c r="GBT719" s="613"/>
      <c r="GBU719" s="613"/>
      <c r="GBV719" s="613"/>
      <c r="GBW719" s="613"/>
      <c r="GBX719" s="613"/>
      <c r="GBY719" s="613"/>
      <c r="GBZ719" s="613"/>
      <c r="GCA719" s="613"/>
      <c r="GCB719" s="613"/>
      <c r="GCC719" s="613"/>
      <c r="GCD719" s="613"/>
      <c r="GCE719" s="613"/>
      <c r="GCF719" s="613"/>
      <c r="GCG719" s="613"/>
      <c r="GCH719" s="613"/>
      <c r="GCI719" s="613"/>
      <c r="GCJ719" s="613"/>
      <c r="GCK719" s="613"/>
      <c r="GCL719" s="613"/>
      <c r="GCM719" s="613"/>
      <c r="GCN719" s="613"/>
      <c r="GCO719" s="613"/>
      <c r="GCP719" s="613"/>
      <c r="GCQ719" s="613"/>
      <c r="GCR719" s="613"/>
      <c r="GCS719" s="613"/>
      <c r="GCT719" s="613"/>
      <c r="GCU719" s="613"/>
      <c r="GCV719" s="613"/>
      <c r="GCW719" s="613"/>
      <c r="GCX719" s="613"/>
      <c r="GCY719" s="613"/>
      <c r="GCZ719" s="613"/>
      <c r="GDA719" s="613"/>
      <c r="GDB719" s="613"/>
      <c r="GDC719" s="613"/>
      <c r="GDD719" s="613"/>
      <c r="GDE719" s="613"/>
      <c r="GDF719" s="613"/>
      <c r="GDG719" s="613"/>
      <c r="GDH719" s="613"/>
      <c r="GDI719" s="613"/>
      <c r="GDJ719" s="613"/>
      <c r="GDK719" s="613"/>
      <c r="GDL719" s="613"/>
      <c r="GDM719" s="613"/>
      <c r="GDN719" s="613"/>
      <c r="GDO719" s="613"/>
      <c r="GDP719" s="613"/>
      <c r="GDQ719" s="613"/>
      <c r="GDR719" s="613"/>
      <c r="GDS719" s="613"/>
      <c r="GDT719" s="613"/>
      <c r="GDU719" s="613"/>
      <c r="GDV719" s="613"/>
      <c r="GDW719" s="613"/>
      <c r="GDX719" s="613"/>
      <c r="GDY719" s="613"/>
      <c r="GDZ719" s="613"/>
      <c r="GEA719" s="613"/>
      <c r="GEB719" s="613"/>
      <c r="GEC719" s="613"/>
      <c r="GED719" s="613"/>
      <c r="GEE719" s="613"/>
      <c r="GEF719" s="613"/>
      <c r="GEG719" s="613"/>
      <c r="GEH719" s="613"/>
      <c r="GEI719" s="613"/>
      <c r="GEJ719" s="613"/>
      <c r="GEK719" s="613"/>
      <c r="GEL719" s="613"/>
      <c r="GEM719" s="613"/>
      <c r="GEN719" s="613"/>
      <c r="GEO719" s="613"/>
      <c r="GEP719" s="613"/>
      <c r="GEQ719" s="613"/>
      <c r="GER719" s="613"/>
      <c r="GES719" s="613"/>
      <c r="GET719" s="613"/>
      <c r="GEU719" s="613"/>
      <c r="GEV719" s="613"/>
      <c r="GEW719" s="613"/>
      <c r="GEX719" s="613"/>
      <c r="GEY719" s="613"/>
      <c r="GEZ719" s="613"/>
      <c r="GFA719" s="613"/>
      <c r="GFB719" s="613"/>
      <c r="GFC719" s="613"/>
      <c r="GFD719" s="613"/>
      <c r="GFE719" s="613"/>
      <c r="GFF719" s="613"/>
      <c r="GFG719" s="613"/>
      <c r="GFH719" s="613"/>
      <c r="GFI719" s="613"/>
      <c r="GFJ719" s="613"/>
      <c r="GFK719" s="613"/>
      <c r="GFL719" s="613"/>
      <c r="GFM719" s="613"/>
      <c r="GFN719" s="613"/>
      <c r="GFO719" s="613"/>
      <c r="GFP719" s="613"/>
      <c r="GFQ719" s="613"/>
      <c r="GFR719" s="613"/>
      <c r="GFS719" s="613"/>
      <c r="GFT719" s="613"/>
      <c r="GFU719" s="613"/>
      <c r="GFV719" s="613"/>
      <c r="GFW719" s="613"/>
      <c r="GFX719" s="613"/>
      <c r="GFY719" s="613"/>
      <c r="GFZ719" s="613"/>
      <c r="GGA719" s="613"/>
      <c r="GGB719" s="613"/>
      <c r="GGC719" s="613"/>
      <c r="GGD719" s="613"/>
      <c r="GGE719" s="613"/>
      <c r="GGF719" s="613"/>
      <c r="GGG719" s="613"/>
      <c r="GGH719" s="613"/>
      <c r="GGI719" s="613"/>
      <c r="GGJ719" s="613"/>
      <c r="GGK719" s="613"/>
      <c r="GGL719" s="613"/>
      <c r="GGM719" s="613"/>
      <c r="GGN719" s="613"/>
      <c r="GGO719" s="613"/>
      <c r="GGP719" s="613"/>
      <c r="GGQ719" s="613"/>
      <c r="GGR719" s="613"/>
      <c r="GGS719" s="613"/>
      <c r="GGT719" s="613"/>
      <c r="GGU719" s="613"/>
      <c r="GGV719" s="613"/>
      <c r="GGW719" s="613"/>
      <c r="GGX719" s="613"/>
      <c r="GGY719" s="613"/>
      <c r="GGZ719" s="613"/>
      <c r="GHA719" s="613"/>
      <c r="GHB719" s="613"/>
      <c r="GHC719" s="613"/>
      <c r="GHD719" s="613"/>
      <c r="GHE719" s="613"/>
      <c r="GHF719" s="613"/>
      <c r="GHG719" s="613"/>
      <c r="GHH719" s="613"/>
      <c r="GHI719" s="613"/>
      <c r="GHJ719" s="613"/>
      <c r="GHK719" s="613"/>
      <c r="GHL719" s="613"/>
      <c r="GHM719" s="613"/>
      <c r="GHN719" s="613"/>
      <c r="GHO719" s="613"/>
      <c r="GHP719" s="613"/>
      <c r="GHQ719" s="613"/>
      <c r="GHR719" s="613"/>
      <c r="GHS719" s="613"/>
      <c r="GHT719" s="613"/>
      <c r="GHU719" s="613"/>
      <c r="GHV719" s="613"/>
      <c r="GHW719" s="613"/>
      <c r="GHX719" s="613"/>
      <c r="GHY719" s="613"/>
      <c r="GHZ719" s="613"/>
      <c r="GIA719" s="613"/>
      <c r="GIB719" s="613"/>
      <c r="GIC719" s="613"/>
      <c r="GID719" s="613"/>
      <c r="GIE719" s="613"/>
      <c r="GIF719" s="613"/>
      <c r="GIG719" s="613"/>
      <c r="GIH719" s="613"/>
      <c r="GII719" s="613"/>
      <c r="GIJ719" s="613"/>
      <c r="GIK719" s="613"/>
      <c r="GIL719" s="613"/>
      <c r="GIM719" s="613"/>
      <c r="GIN719" s="613"/>
      <c r="GIO719" s="613"/>
      <c r="GIP719" s="613"/>
      <c r="GIQ719" s="613"/>
      <c r="GIR719" s="613"/>
      <c r="GIS719" s="613"/>
      <c r="GIT719" s="613"/>
      <c r="GIU719" s="613"/>
      <c r="GIV719" s="613"/>
      <c r="GIW719" s="613"/>
      <c r="GIX719" s="613"/>
      <c r="GIY719" s="613"/>
      <c r="GIZ719" s="613"/>
      <c r="GJA719" s="613"/>
      <c r="GJB719" s="613"/>
      <c r="GJC719" s="613"/>
      <c r="GJD719" s="613"/>
      <c r="GJE719" s="613"/>
      <c r="GJF719" s="613"/>
      <c r="GJG719" s="613"/>
      <c r="GJH719" s="613"/>
      <c r="GJI719" s="613"/>
      <c r="GJJ719" s="613"/>
      <c r="GJK719" s="613"/>
      <c r="GJL719" s="613"/>
      <c r="GJM719" s="613"/>
      <c r="GJN719" s="613"/>
      <c r="GJO719" s="613"/>
      <c r="GJP719" s="613"/>
      <c r="GJQ719" s="613"/>
      <c r="GJR719" s="613"/>
      <c r="GJS719" s="613"/>
      <c r="GJT719" s="613"/>
      <c r="GJU719" s="613"/>
      <c r="GJV719" s="613"/>
      <c r="GJW719" s="613"/>
      <c r="GJX719" s="613"/>
      <c r="GJY719" s="613"/>
      <c r="GJZ719" s="613"/>
      <c r="GKA719" s="613"/>
      <c r="GKB719" s="613"/>
      <c r="GKC719" s="613"/>
      <c r="GKD719" s="613"/>
      <c r="GKE719" s="613"/>
      <c r="GKF719" s="613"/>
      <c r="GKG719" s="613"/>
      <c r="GKH719" s="613"/>
      <c r="GKI719" s="613"/>
      <c r="GKJ719" s="613"/>
      <c r="GKK719" s="613"/>
      <c r="GKL719" s="613"/>
      <c r="GKM719" s="613"/>
      <c r="GKN719" s="613"/>
      <c r="GKO719" s="613"/>
      <c r="GKP719" s="613"/>
      <c r="GKQ719" s="613"/>
      <c r="GKR719" s="613"/>
      <c r="GKS719" s="613"/>
      <c r="GKT719" s="613"/>
      <c r="GKU719" s="613"/>
      <c r="GKV719" s="613"/>
      <c r="GKW719" s="613"/>
      <c r="GKX719" s="613"/>
      <c r="GKY719" s="613"/>
      <c r="GKZ719" s="613"/>
      <c r="GLA719" s="613"/>
      <c r="GLB719" s="613"/>
      <c r="GLC719" s="613"/>
      <c r="GLD719" s="613"/>
      <c r="GLE719" s="613"/>
      <c r="GLF719" s="613"/>
      <c r="GLG719" s="613"/>
      <c r="GLH719" s="613"/>
      <c r="GLI719" s="613"/>
      <c r="GLJ719" s="613"/>
      <c r="GLK719" s="613"/>
      <c r="GLL719" s="613"/>
      <c r="GLM719" s="613"/>
      <c r="GLN719" s="613"/>
      <c r="GLO719" s="613"/>
      <c r="GLP719" s="613"/>
      <c r="GLQ719" s="613"/>
      <c r="GLR719" s="613"/>
      <c r="GLS719" s="613"/>
      <c r="GLT719" s="613"/>
      <c r="GLU719" s="613"/>
      <c r="GLV719" s="613"/>
      <c r="GLW719" s="613"/>
      <c r="GLX719" s="613"/>
      <c r="GLY719" s="613"/>
      <c r="GLZ719" s="613"/>
      <c r="GMA719" s="613"/>
      <c r="GMB719" s="613"/>
      <c r="GMC719" s="613"/>
      <c r="GMD719" s="613"/>
      <c r="GME719" s="613"/>
      <c r="GMF719" s="613"/>
      <c r="GMG719" s="613"/>
      <c r="GMH719" s="613"/>
      <c r="GMI719" s="613"/>
      <c r="GMJ719" s="613"/>
      <c r="GMK719" s="613"/>
      <c r="GML719" s="613"/>
      <c r="GMM719" s="613"/>
      <c r="GMN719" s="613"/>
      <c r="GMO719" s="613"/>
      <c r="GMP719" s="613"/>
      <c r="GMQ719" s="613"/>
      <c r="GMR719" s="613"/>
      <c r="GMS719" s="613"/>
      <c r="GMT719" s="613"/>
      <c r="GMU719" s="613"/>
      <c r="GMV719" s="613"/>
      <c r="GMW719" s="613"/>
      <c r="GMX719" s="613"/>
      <c r="GMY719" s="613"/>
      <c r="GMZ719" s="613"/>
      <c r="GNA719" s="613"/>
      <c r="GNB719" s="613"/>
      <c r="GNC719" s="613"/>
      <c r="GND719" s="613"/>
      <c r="GNE719" s="613"/>
      <c r="GNF719" s="613"/>
      <c r="GNG719" s="613"/>
      <c r="GNH719" s="613"/>
      <c r="GNI719" s="613"/>
      <c r="GNJ719" s="613"/>
      <c r="GNK719" s="613"/>
      <c r="GNL719" s="613"/>
      <c r="GNM719" s="613"/>
      <c r="GNN719" s="613"/>
      <c r="GNO719" s="613"/>
      <c r="GNP719" s="613"/>
      <c r="GNQ719" s="613"/>
      <c r="GNR719" s="613"/>
      <c r="GNS719" s="613"/>
      <c r="GNT719" s="613"/>
      <c r="GNU719" s="613"/>
      <c r="GNV719" s="613"/>
      <c r="GNW719" s="613"/>
      <c r="GNX719" s="613"/>
      <c r="GNY719" s="613"/>
      <c r="GNZ719" s="613"/>
      <c r="GOA719" s="613"/>
      <c r="GOB719" s="613"/>
      <c r="GOC719" s="613"/>
      <c r="GOD719" s="613"/>
      <c r="GOE719" s="613"/>
      <c r="GOF719" s="613"/>
      <c r="GOG719" s="613"/>
      <c r="GOH719" s="613"/>
      <c r="GOI719" s="613"/>
      <c r="GOJ719" s="613"/>
      <c r="GOK719" s="613"/>
      <c r="GOL719" s="613"/>
      <c r="GOM719" s="613"/>
      <c r="GON719" s="613"/>
      <c r="GOO719" s="613"/>
      <c r="GOP719" s="613"/>
      <c r="GOQ719" s="613"/>
      <c r="GOR719" s="613"/>
      <c r="GOS719" s="613"/>
      <c r="GOT719" s="613"/>
      <c r="GOU719" s="613"/>
      <c r="GOV719" s="613"/>
      <c r="GOW719" s="613"/>
      <c r="GOX719" s="613"/>
      <c r="GOY719" s="613"/>
      <c r="GOZ719" s="613"/>
      <c r="GPA719" s="613"/>
      <c r="GPB719" s="613"/>
      <c r="GPC719" s="613"/>
      <c r="GPD719" s="613"/>
      <c r="GPE719" s="613"/>
      <c r="GPF719" s="613"/>
      <c r="GPG719" s="613"/>
      <c r="GPH719" s="613"/>
      <c r="GPI719" s="613"/>
      <c r="GPJ719" s="613"/>
      <c r="GPK719" s="613"/>
      <c r="GPL719" s="613"/>
      <c r="GPM719" s="613"/>
      <c r="GPN719" s="613"/>
      <c r="GPO719" s="613"/>
      <c r="GPP719" s="613"/>
      <c r="GPQ719" s="613"/>
      <c r="GPR719" s="613"/>
      <c r="GPS719" s="613"/>
      <c r="GPT719" s="613"/>
      <c r="GPU719" s="613"/>
      <c r="GPV719" s="613"/>
      <c r="GPW719" s="613"/>
      <c r="GPX719" s="613"/>
      <c r="GPY719" s="613"/>
      <c r="GPZ719" s="613"/>
      <c r="GQA719" s="613"/>
      <c r="GQB719" s="613"/>
      <c r="GQC719" s="613"/>
      <c r="GQD719" s="613"/>
      <c r="GQE719" s="613"/>
      <c r="GQF719" s="613"/>
      <c r="GQG719" s="613"/>
      <c r="GQH719" s="613"/>
      <c r="GQI719" s="613"/>
      <c r="GQJ719" s="613"/>
      <c r="GQK719" s="613"/>
      <c r="GQL719" s="613"/>
      <c r="GQM719" s="613"/>
      <c r="GQN719" s="613"/>
      <c r="GQO719" s="613"/>
      <c r="GQP719" s="613"/>
      <c r="GQQ719" s="613"/>
      <c r="GQR719" s="613"/>
      <c r="GQS719" s="613"/>
      <c r="GQT719" s="613"/>
      <c r="GQU719" s="613"/>
      <c r="GQV719" s="613"/>
      <c r="GQW719" s="613"/>
      <c r="GQX719" s="613"/>
      <c r="GQY719" s="613"/>
      <c r="GQZ719" s="613"/>
      <c r="GRA719" s="613"/>
      <c r="GRB719" s="613"/>
      <c r="GRC719" s="613"/>
      <c r="GRD719" s="613"/>
      <c r="GRE719" s="613"/>
      <c r="GRF719" s="613"/>
      <c r="GRG719" s="613"/>
      <c r="GRH719" s="613"/>
      <c r="GRI719" s="613"/>
      <c r="GRJ719" s="613"/>
      <c r="GRK719" s="613"/>
      <c r="GRL719" s="613"/>
      <c r="GRM719" s="613"/>
      <c r="GRN719" s="613"/>
      <c r="GRO719" s="613"/>
      <c r="GRP719" s="613"/>
      <c r="GRQ719" s="613"/>
      <c r="GRR719" s="613"/>
      <c r="GRS719" s="613"/>
      <c r="GRT719" s="613"/>
      <c r="GRU719" s="613"/>
      <c r="GRV719" s="613"/>
      <c r="GRW719" s="613"/>
      <c r="GRX719" s="613"/>
      <c r="GRY719" s="613"/>
      <c r="GRZ719" s="613"/>
      <c r="GSA719" s="613"/>
      <c r="GSB719" s="613"/>
      <c r="GSC719" s="613"/>
      <c r="GSD719" s="613"/>
      <c r="GSE719" s="613"/>
      <c r="GSF719" s="613"/>
      <c r="GSG719" s="613"/>
      <c r="GSH719" s="613"/>
      <c r="GSI719" s="613"/>
      <c r="GSJ719" s="613"/>
      <c r="GSK719" s="613"/>
      <c r="GSL719" s="613"/>
      <c r="GSM719" s="613"/>
      <c r="GSN719" s="613"/>
      <c r="GSO719" s="613"/>
      <c r="GSP719" s="613"/>
      <c r="GSQ719" s="613"/>
      <c r="GSR719" s="613"/>
      <c r="GSS719" s="613"/>
      <c r="GST719" s="613"/>
      <c r="GSU719" s="613"/>
      <c r="GSV719" s="613"/>
      <c r="GSW719" s="613"/>
      <c r="GSX719" s="613"/>
      <c r="GSY719" s="613"/>
      <c r="GSZ719" s="613"/>
      <c r="GTA719" s="613"/>
      <c r="GTB719" s="613"/>
      <c r="GTC719" s="613"/>
      <c r="GTD719" s="613"/>
      <c r="GTE719" s="613"/>
      <c r="GTF719" s="613"/>
      <c r="GTG719" s="613"/>
      <c r="GTH719" s="613"/>
      <c r="GTI719" s="613"/>
      <c r="GTJ719" s="613"/>
      <c r="GTK719" s="613"/>
      <c r="GTL719" s="613"/>
      <c r="GTM719" s="613"/>
      <c r="GTN719" s="613"/>
      <c r="GTO719" s="613"/>
      <c r="GTP719" s="613"/>
      <c r="GTQ719" s="613"/>
      <c r="GTR719" s="613"/>
      <c r="GTS719" s="613"/>
      <c r="GTT719" s="613"/>
      <c r="GTU719" s="613"/>
      <c r="GTV719" s="613"/>
      <c r="GTW719" s="613"/>
      <c r="GTX719" s="613"/>
      <c r="GTY719" s="613"/>
      <c r="GTZ719" s="613"/>
      <c r="GUA719" s="613"/>
      <c r="GUB719" s="613"/>
      <c r="GUC719" s="613"/>
      <c r="GUD719" s="613"/>
      <c r="GUE719" s="613"/>
      <c r="GUF719" s="613"/>
      <c r="GUG719" s="613"/>
      <c r="GUH719" s="613"/>
      <c r="GUI719" s="613"/>
      <c r="GUJ719" s="613"/>
      <c r="GUK719" s="613"/>
      <c r="GUL719" s="613"/>
      <c r="GUM719" s="613"/>
      <c r="GUN719" s="613"/>
      <c r="GUO719" s="613"/>
      <c r="GUP719" s="613"/>
      <c r="GUQ719" s="613"/>
      <c r="GUR719" s="613"/>
      <c r="GUS719" s="613"/>
      <c r="GUT719" s="613"/>
      <c r="GUU719" s="613"/>
      <c r="GUV719" s="613"/>
      <c r="GUW719" s="613"/>
      <c r="GUX719" s="613"/>
      <c r="GUY719" s="613"/>
      <c r="GUZ719" s="613"/>
      <c r="GVA719" s="613"/>
      <c r="GVB719" s="613"/>
      <c r="GVC719" s="613"/>
      <c r="GVD719" s="613"/>
      <c r="GVE719" s="613"/>
      <c r="GVF719" s="613"/>
      <c r="GVG719" s="613"/>
      <c r="GVH719" s="613"/>
      <c r="GVI719" s="613"/>
      <c r="GVJ719" s="613"/>
      <c r="GVK719" s="613"/>
      <c r="GVL719" s="613"/>
      <c r="GVM719" s="613"/>
      <c r="GVN719" s="613"/>
      <c r="GVO719" s="613"/>
      <c r="GVP719" s="613"/>
      <c r="GVQ719" s="613"/>
      <c r="GVR719" s="613"/>
      <c r="GVS719" s="613"/>
      <c r="GVT719" s="613"/>
      <c r="GVU719" s="613"/>
      <c r="GVV719" s="613"/>
      <c r="GVW719" s="613"/>
      <c r="GVX719" s="613"/>
      <c r="GVY719" s="613"/>
      <c r="GVZ719" s="613"/>
      <c r="GWA719" s="613"/>
      <c r="GWB719" s="613"/>
      <c r="GWC719" s="613"/>
      <c r="GWD719" s="613"/>
      <c r="GWE719" s="613"/>
      <c r="GWF719" s="613"/>
      <c r="GWG719" s="613"/>
      <c r="GWH719" s="613"/>
      <c r="GWI719" s="613"/>
      <c r="GWJ719" s="613"/>
      <c r="GWK719" s="613"/>
      <c r="GWL719" s="613"/>
      <c r="GWM719" s="613"/>
      <c r="GWN719" s="613"/>
      <c r="GWO719" s="613"/>
      <c r="GWP719" s="613"/>
      <c r="GWQ719" s="613"/>
      <c r="GWR719" s="613"/>
      <c r="GWS719" s="613"/>
      <c r="GWT719" s="613"/>
      <c r="GWU719" s="613"/>
      <c r="GWV719" s="613"/>
      <c r="GWW719" s="613"/>
      <c r="GWX719" s="613"/>
      <c r="GWY719" s="613"/>
      <c r="GWZ719" s="613"/>
      <c r="GXA719" s="613"/>
      <c r="GXB719" s="613"/>
      <c r="GXC719" s="613"/>
      <c r="GXD719" s="613"/>
      <c r="GXE719" s="613"/>
      <c r="GXF719" s="613"/>
      <c r="GXG719" s="613"/>
      <c r="GXH719" s="613"/>
      <c r="GXI719" s="613"/>
      <c r="GXJ719" s="613"/>
      <c r="GXK719" s="613"/>
      <c r="GXL719" s="613"/>
      <c r="GXM719" s="613"/>
      <c r="GXN719" s="613"/>
      <c r="GXO719" s="613"/>
      <c r="GXP719" s="613"/>
      <c r="GXQ719" s="613"/>
      <c r="GXR719" s="613"/>
      <c r="GXS719" s="613"/>
      <c r="GXT719" s="613"/>
      <c r="GXU719" s="613"/>
      <c r="GXV719" s="613"/>
      <c r="GXW719" s="613"/>
      <c r="GXX719" s="613"/>
      <c r="GXY719" s="613"/>
      <c r="GXZ719" s="613"/>
      <c r="GYA719" s="613"/>
      <c r="GYB719" s="613"/>
      <c r="GYC719" s="613"/>
      <c r="GYD719" s="613"/>
      <c r="GYE719" s="613"/>
      <c r="GYF719" s="613"/>
      <c r="GYG719" s="613"/>
      <c r="GYH719" s="613"/>
      <c r="GYI719" s="613"/>
      <c r="GYJ719" s="613"/>
      <c r="GYK719" s="613"/>
      <c r="GYL719" s="613"/>
      <c r="GYM719" s="613"/>
      <c r="GYN719" s="613"/>
      <c r="GYO719" s="613"/>
      <c r="GYP719" s="613"/>
      <c r="GYQ719" s="613"/>
      <c r="GYR719" s="613"/>
      <c r="GYS719" s="613"/>
      <c r="GYT719" s="613"/>
      <c r="GYU719" s="613"/>
      <c r="GYV719" s="613"/>
      <c r="GYW719" s="613"/>
      <c r="GYX719" s="613"/>
      <c r="GYY719" s="613"/>
      <c r="GYZ719" s="613"/>
      <c r="GZA719" s="613"/>
      <c r="GZB719" s="613"/>
      <c r="GZC719" s="613"/>
      <c r="GZD719" s="613"/>
      <c r="GZE719" s="613"/>
      <c r="GZF719" s="613"/>
      <c r="GZG719" s="613"/>
      <c r="GZH719" s="613"/>
      <c r="GZI719" s="613"/>
      <c r="GZJ719" s="613"/>
      <c r="GZK719" s="613"/>
      <c r="GZL719" s="613"/>
      <c r="GZM719" s="613"/>
      <c r="GZN719" s="613"/>
      <c r="GZO719" s="613"/>
      <c r="GZP719" s="613"/>
      <c r="GZQ719" s="613"/>
      <c r="GZR719" s="613"/>
      <c r="GZS719" s="613"/>
      <c r="GZT719" s="613"/>
      <c r="GZU719" s="613"/>
      <c r="GZV719" s="613"/>
      <c r="GZW719" s="613"/>
      <c r="GZX719" s="613"/>
      <c r="GZY719" s="613"/>
      <c r="GZZ719" s="613"/>
      <c r="HAA719" s="613"/>
      <c r="HAB719" s="613"/>
      <c r="HAC719" s="613"/>
      <c r="HAD719" s="613"/>
      <c r="HAE719" s="613"/>
      <c r="HAF719" s="613"/>
      <c r="HAG719" s="613"/>
      <c r="HAH719" s="613"/>
      <c r="HAI719" s="613"/>
      <c r="HAJ719" s="613"/>
      <c r="HAK719" s="613"/>
      <c r="HAL719" s="613"/>
      <c r="HAM719" s="613"/>
      <c r="HAN719" s="613"/>
      <c r="HAO719" s="613"/>
      <c r="HAP719" s="613"/>
      <c r="HAQ719" s="613"/>
      <c r="HAR719" s="613"/>
      <c r="HAS719" s="613"/>
      <c r="HAT719" s="613"/>
      <c r="HAU719" s="613"/>
      <c r="HAV719" s="613"/>
      <c r="HAW719" s="613"/>
      <c r="HAX719" s="613"/>
      <c r="HAY719" s="613"/>
      <c r="HAZ719" s="613"/>
      <c r="HBA719" s="613"/>
      <c r="HBB719" s="613"/>
      <c r="HBC719" s="613"/>
      <c r="HBD719" s="613"/>
      <c r="HBE719" s="613"/>
      <c r="HBF719" s="613"/>
      <c r="HBG719" s="613"/>
      <c r="HBH719" s="613"/>
      <c r="HBI719" s="613"/>
      <c r="HBJ719" s="613"/>
      <c r="HBK719" s="613"/>
      <c r="HBL719" s="613"/>
      <c r="HBM719" s="613"/>
      <c r="HBN719" s="613"/>
      <c r="HBO719" s="613"/>
      <c r="HBP719" s="613"/>
      <c r="HBQ719" s="613"/>
      <c r="HBR719" s="613"/>
      <c r="HBS719" s="613"/>
      <c r="HBT719" s="613"/>
      <c r="HBU719" s="613"/>
      <c r="HBV719" s="613"/>
      <c r="HBW719" s="613"/>
      <c r="HBX719" s="613"/>
      <c r="HBY719" s="613"/>
      <c r="HBZ719" s="613"/>
      <c r="HCA719" s="613"/>
      <c r="HCB719" s="613"/>
      <c r="HCC719" s="613"/>
      <c r="HCD719" s="613"/>
      <c r="HCE719" s="613"/>
      <c r="HCF719" s="613"/>
      <c r="HCG719" s="613"/>
      <c r="HCH719" s="613"/>
      <c r="HCI719" s="613"/>
      <c r="HCJ719" s="613"/>
      <c r="HCK719" s="613"/>
      <c r="HCL719" s="613"/>
      <c r="HCM719" s="613"/>
      <c r="HCN719" s="613"/>
      <c r="HCO719" s="613"/>
      <c r="HCP719" s="613"/>
      <c r="HCQ719" s="613"/>
      <c r="HCR719" s="613"/>
      <c r="HCS719" s="613"/>
      <c r="HCT719" s="613"/>
      <c r="HCU719" s="613"/>
      <c r="HCV719" s="613"/>
      <c r="HCW719" s="613"/>
      <c r="HCX719" s="613"/>
      <c r="HCY719" s="613"/>
      <c r="HCZ719" s="613"/>
      <c r="HDA719" s="613"/>
      <c r="HDB719" s="613"/>
      <c r="HDC719" s="613"/>
      <c r="HDD719" s="613"/>
      <c r="HDE719" s="613"/>
      <c r="HDF719" s="613"/>
      <c r="HDG719" s="613"/>
      <c r="HDH719" s="613"/>
      <c r="HDI719" s="613"/>
      <c r="HDJ719" s="613"/>
      <c r="HDK719" s="613"/>
      <c r="HDL719" s="613"/>
      <c r="HDM719" s="613"/>
      <c r="HDN719" s="613"/>
      <c r="HDO719" s="613"/>
      <c r="HDP719" s="613"/>
      <c r="HDQ719" s="613"/>
      <c r="HDR719" s="613"/>
      <c r="HDS719" s="613"/>
      <c r="HDT719" s="613"/>
      <c r="HDU719" s="613"/>
      <c r="HDV719" s="613"/>
      <c r="HDW719" s="613"/>
      <c r="HDX719" s="613"/>
      <c r="HDY719" s="613"/>
      <c r="HDZ719" s="613"/>
      <c r="HEA719" s="613"/>
      <c r="HEB719" s="613"/>
      <c r="HEC719" s="613"/>
      <c r="HED719" s="613"/>
      <c r="HEE719" s="613"/>
      <c r="HEF719" s="613"/>
      <c r="HEG719" s="613"/>
      <c r="HEH719" s="613"/>
      <c r="HEI719" s="613"/>
      <c r="HEJ719" s="613"/>
      <c r="HEK719" s="613"/>
      <c r="HEL719" s="613"/>
      <c r="HEM719" s="613"/>
      <c r="HEN719" s="613"/>
      <c r="HEO719" s="613"/>
      <c r="HEP719" s="613"/>
      <c r="HEQ719" s="613"/>
      <c r="HER719" s="613"/>
      <c r="HES719" s="613"/>
      <c r="HET719" s="613"/>
      <c r="HEU719" s="613"/>
      <c r="HEV719" s="613"/>
      <c r="HEW719" s="613"/>
      <c r="HEX719" s="613"/>
      <c r="HEY719" s="613"/>
      <c r="HEZ719" s="613"/>
      <c r="HFA719" s="613"/>
      <c r="HFB719" s="613"/>
      <c r="HFC719" s="613"/>
      <c r="HFD719" s="613"/>
      <c r="HFE719" s="613"/>
      <c r="HFF719" s="613"/>
      <c r="HFG719" s="613"/>
      <c r="HFH719" s="613"/>
      <c r="HFI719" s="613"/>
      <c r="HFJ719" s="613"/>
      <c r="HFK719" s="613"/>
      <c r="HFL719" s="613"/>
      <c r="HFM719" s="613"/>
      <c r="HFN719" s="613"/>
      <c r="HFO719" s="613"/>
      <c r="HFP719" s="613"/>
      <c r="HFQ719" s="613"/>
      <c r="HFR719" s="613"/>
      <c r="HFS719" s="613"/>
      <c r="HFT719" s="613"/>
      <c r="HFU719" s="613"/>
      <c r="HFV719" s="613"/>
      <c r="HFW719" s="613"/>
      <c r="HFX719" s="613"/>
      <c r="HFY719" s="613"/>
      <c r="HFZ719" s="613"/>
      <c r="HGA719" s="613"/>
      <c r="HGB719" s="613"/>
      <c r="HGC719" s="613"/>
      <c r="HGD719" s="613"/>
      <c r="HGE719" s="613"/>
      <c r="HGF719" s="613"/>
      <c r="HGG719" s="613"/>
      <c r="HGH719" s="613"/>
      <c r="HGI719" s="613"/>
      <c r="HGJ719" s="613"/>
      <c r="HGK719" s="613"/>
      <c r="HGL719" s="613"/>
      <c r="HGM719" s="613"/>
      <c r="HGN719" s="613"/>
      <c r="HGO719" s="613"/>
      <c r="HGP719" s="613"/>
      <c r="HGQ719" s="613"/>
      <c r="HGR719" s="613"/>
      <c r="HGS719" s="613"/>
      <c r="HGT719" s="613"/>
      <c r="HGU719" s="613"/>
      <c r="HGV719" s="613"/>
      <c r="HGW719" s="613"/>
      <c r="HGX719" s="613"/>
      <c r="HGY719" s="613"/>
      <c r="HGZ719" s="613"/>
      <c r="HHA719" s="613"/>
      <c r="HHB719" s="613"/>
      <c r="HHC719" s="613"/>
      <c r="HHD719" s="613"/>
      <c r="HHE719" s="613"/>
      <c r="HHF719" s="613"/>
      <c r="HHG719" s="613"/>
      <c r="HHH719" s="613"/>
      <c r="HHI719" s="613"/>
      <c r="HHJ719" s="613"/>
      <c r="HHK719" s="613"/>
      <c r="HHL719" s="613"/>
      <c r="HHM719" s="613"/>
      <c r="HHN719" s="613"/>
      <c r="HHO719" s="613"/>
      <c r="HHP719" s="613"/>
      <c r="HHQ719" s="613"/>
      <c r="HHR719" s="613"/>
      <c r="HHS719" s="613"/>
      <c r="HHT719" s="613"/>
      <c r="HHU719" s="613"/>
      <c r="HHV719" s="613"/>
      <c r="HHW719" s="613"/>
      <c r="HHX719" s="613"/>
      <c r="HHY719" s="613"/>
      <c r="HHZ719" s="613"/>
      <c r="HIA719" s="613"/>
      <c r="HIB719" s="613"/>
      <c r="HIC719" s="613"/>
      <c r="HID719" s="613"/>
      <c r="HIE719" s="613"/>
      <c r="HIF719" s="613"/>
      <c r="HIG719" s="613"/>
      <c r="HIH719" s="613"/>
      <c r="HII719" s="613"/>
      <c r="HIJ719" s="613"/>
      <c r="HIK719" s="613"/>
      <c r="HIL719" s="613"/>
      <c r="HIM719" s="613"/>
      <c r="HIN719" s="613"/>
      <c r="HIO719" s="613"/>
      <c r="HIP719" s="613"/>
      <c r="HIQ719" s="613"/>
      <c r="HIR719" s="613"/>
      <c r="HIS719" s="613"/>
      <c r="HIT719" s="613"/>
      <c r="HIU719" s="613"/>
      <c r="HIV719" s="613"/>
      <c r="HIW719" s="613"/>
      <c r="HIX719" s="613"/>
      <c r="HIY719" s="613"/>
      <c r="HIZ719" s="613"/>
      <c r="HJA719" s="613"/>
      <c r="HJB719" s="613"/>
      <c r="HJC719" s="613"/>
      <c r="HJD719" s="613"/>
      <c r="HJE719" s="613"/>
      <c r="HJF719" s="613"/>
      <c r="HJG719" s="613"/>
      <c r="HJH719" s="613"/>
      <c r="HJI719" s="613"/>
      <c r="HJJ719" s="613"/>
      <c r="HJK719" s="613"/>
      <c r="HJL719" s="613"/>
      <c r="HJM719" s="613"/>
      <c r="HJN719" s="613"/>
      <c r="HJO719" s="613"/>
      <c r="HJP719" s="613"/>
      <c r="HJQ719" s="613"/>
      <c r="HJR719" s="613"/>
      <c r="HJS719" s="613"/>
      <c r="HJT719" s="613"/>
      <c r="HJU719" s="613"/>
      <c r="HJV719" s="613"/>
      <c r="HJW719" s="613"/>
      <c r="HJX719" s="613"/>
      <c r="HJY719" s="613"/>
      <c r="HJZ719" s="613"/>
      <c r="HKA719" s="613"/>
      <c r="HKB719" s="613"/>
      <c r="HKC719" s="613"/>
      <c r="HKD719" s="613"/>
      <c r="HKE719" s="613"/>
      <c r="HKF719" s="613"/>
      <c r="HKG719" s="613"/>
      <c r="HKH719" s="613"/>
      <c r="HKI719" s="613"/>
      <c r="HKJ719" s="613"/>
      <c r="HKK719" s="613"/>
      <c r="HKL719" s="613"/>
      <c r="HKM719" s="613"/>
      <c r="HKN719" s="613"/>
      <c r="HKO719" s="613"/>
      <c r="HKP719" s="613"/>
      <c r="HKQ719" s="613"/>
      <c r="HKR719" s="613"/>
      <c r="HKS719" s="613"/>
      <c r="HKT719" s="613"/>
      <c r="HKU719" s="613"/>
      <c r="HKV719" s="613"/>
      <c r="HKW719" s="613"/>
      <c r="HKX719" s="613"/>
      <c r="HKY719" s="613"/>
      <c r="HKZ719" s="613"/>
      <c r="HLA719" s="613"/>
      <c r="HLB719" s="613"/>
      <c r="HLC719" s="613"/>
      <c r="HLD719" s="613"/>
      <c r="HLE719" s="613"/>
      <c r="HLF719" s="613"/>
      <c r="HLG719" s="613"/>
      <c r="HLH719" s="613"/>
      <c r="HLI719" s="613"/>
      <c r="HLJ719" s="613"/>
      <c r="HLK719" s="613"/>
      <c r="HLL719" s="613"/>
      <c r="HLM719" s="613"/>
      <c r="HLN719" s="613"/>
      <c r="HLO719" s="613"/>
      <c r="HLP719" s="613"/>
      <c r="HLQ719" s="613"/>
      <c r="HLR719" s="613"/>
      <c r="HLS719" s="613"/>
      <c r="HLT719" s="613"/>
      <c r="HLU719" s="613"/>
      <c r="HLV719" s="613"/>
      <c r="HLW719" s="613"/>
      <c r="HLX719" s="613"/>
      <c r="HLY719" s="613"/>
      <c r="HLZ719" s="613"/>
      <c r="HMA719" s="613"/>
      <c r="HMB719" s="613"/>
      <c r="HMC719" s="613"/>
      <c r="HMD719" s="613"/>
      <c r="HME719" s="613"/>
      <c r="HMF719" s="613"/>
      <c r="HMG719" s="613"/>
      <c r="HMH719" s="613"/>
      <c r="HMI719" s="613"/>
      <c r="HMJ719" s="613"/>
      <c r="HMK719" s="613"/>
      <c r="HML719" s="613"/>
      <c r="HMM719" s="613"/>
      <c r="HMN719" s="613"/>
      <c r="HMO719" s="613"/>
      <c r="HMP719" s="613"/>
      <c r="HMQ719" s="613"/>
      <c r="HMR719" s="613"/>
      <c r="HMS719" s="613"/>
      <c r="HMT719" s="613"/>
      <c r="HMU719" s="613"/>
      <c r="HMV719" s="613"/>
      <c r="HMW719" s="613"/>
      <c r="HMX719" s="613"/>
      <c r="HMY719" s="613"/>
      <c r="HMZ719" s="613"/>
      <c r="HNA719" s="613"/>
      <c r="HNB719" s="613"/>
      <c r="HNC719" s="613"/>
      <c r="HND719" s="613"/>
      <c r="HNE719" s="613"/>
      <c r="HNF719" s="613"/>
      <c r="HNG719" s="613"/>
      <c r="HNH719" s="613"/>
      <c r="HNI719" s="613"/>
      <c r="HNJ719" s="613"/>
      <c r="HNK719" s="613"/>
      <c r="HNL719" s="613"/>
      <c r="HNM719" s="613"/>
      <c r="HNN719" s="613"/>
      <c r="HNO719" s="613"/>
      <c r="HNP719" s="613"/>
      <c r="HNQ719" s="613"/>
      <c r="HNR719" s="613"/>
      <c r="HNS719" s="613"/>
      <c r="HNT719" s="613"/>
      <c r="HNU719" s="613"/>
      <c r="HNV719" s="613"/>
      <c r="HNW719" s="613"/>
      <c r="HNX719" s="613"/>
      <c r="HNY719" s="613"/>
      <c r="HNZ719" s="613"/>
      <c r="HOA719" s="613"/>
      <c r="HOB719" s="613"/>
      <c r="HOC719" s="613"/>
      <c r="HOD719" s="613"/>
      <c r="HOE719" s="613"/>
      <c r="HOF719" s="613"/>
      <c r="HOG719" s="613"/>
      <c r="HOH719" s="613"/>
      <c r="HOI719" s="613"/>
      <c r="HOJ719" s="613"/>
      <c r="HOK719" s="613"/>
      <c r="HOL719" s="613"/>
      <c r="HOM719" s="613"/>
      <c r="HON719" s="613"/>
      <c r="HOO719" s="613"/>
      <c r="HOP719" s="613"/>
      <c r="HOQ719" s="613"/>
      <c r="HOR719" s="613"/>
      <c r="HOS719" s="613"/>
      <c r="HOT719" s="613"/>
      <c r="HOU719" s="613"/>
      <c r="HOV719" s="613"/>
      <c r="HOW719" s="613"/>
      <c r="HOX719" s="613"/>
      <c r="HOY719" s="613"/>
      <c r="HOZ719" s="613"/>
      <c r="HPA719" s="613"/>
      <c r="HPB719" s="613"/>
      <c r="HPC719" s="613"/>
      <c r="HPD719" s="613"/>
      <c r="HPE719" s="613"/>
      <c r="HPF719" s="613"/>
      <c r="HPG719" s="613"/>
      <c r="HPH719" s="613"/>
      <c r="HPI719" s="613"/>
      <c r="HPJ719" s="613"/>
      <c r="HPK719" s="613"/>
      <c r="HPL719" s="613"/>
      <c r="HPM719" s="613"/>
      <c r="HPN719" s="613"/>
      <c r="HPO719" s="613"/>
      <c r="HPP719" s="613"/>
      <c r="HPQ719" s="613"/>
      <c r="HPR719" s="613"/>
      <c r="HPS719" s="613"/>
      <c r="HPT719" s="613"/>
      <c r="HPU719" s="613"/>
      <c r="HPV719" s="613"/>
      <c r="HPW719" s="613"/>
      <c r="HPX719" s="613"/>
      <c r="HPY719" s="613"/>
      <c r="HPZ719" s="613"/>
      <c r="HQA719" s="613"/>
      <c r="HQB719" s="613"/>
      <c r="HQC719" s="613"/>
      <c r="HQD719" s="613"/>
      <c r="HQE719" s="613"/>
      <c r="HQF719" s="613"/>
      <c r="HQG719" s="613"/>
      <c r="HQH719" s="613"/>
      <c r="HQI719" s="613"/>
      <c r="HQJ719" s="613"/>
      <c r="HQK719" s="613"/>
      <c r="HQL719" s="613"/>
      <c r="HQM719" s="613"/>
      <c r="HQN719" s="613"/>
      <c r="HQO719" s="613"/>
      <c r="HQP719" s="613"/>
      <c r="HQQ719" s="613"/>
      <c r="HQR719" s="613"/>
      <c r="HQS719" s="613"/>
      <c r="HQT719" s="613"/>
      <c r="HQU719" s="613"/>
      <c r="HQV719" s="613"/>
      <c r="HQW719" s="613"/>
      <c r="HQX719" s="613"/>
      <c r="HQY719" s="613"/>
      <c r="HQZ719" s="613"/>
      <c r="HRA719" s="613"/>
      <c r="HRB719" s="613"/>
      <c r="HRC719" s="613"/>
      <c r="HRD719" s="613"/>
      <c r="HRE719" s="613"/>
      <c r="HRF719" s="613"/>
      <c r="HRG719" s="613"/>
      <c r="HRH719" s="613"/>
      <c r="HRI719" s="613"/>
      <c r="HRJ719" s="613"/>
      <c r="HRK719" s="613"/>
      <c r="HRL719" s="613"/>
      <c r="HRM719" s="613"/>
      <c r="HRN719" s="613"/>
      <c r="HRO719" s="613"/>
      <c r="HRP719" s="613"/>
      <c r="HRQ719" s="613"/>
      <c r="HRR719" s="613"/>
      <c r="HRS719" s="613"/>
      <c r="HRT719" s="613"/>
      <c r="HRU719" s="613"/>
      <c r="HRV719" s="613"/>
      <c r="HRW719" s="613"/>
      <c r="HRX719" s="613"/>
      <c r="HRY719" s="613"/>
      <c r="HRZ719" s="613"/>
      <c r="HSA719" s="613"/>
      <c r="HSB719" s="613"/>
      <c r="HSC719" s="613"/>
      <c r="HSD719" s="613"/>
      <c r="HSE719" s="613"/>
      <c r="HSF719" s="613"/>
      <c r="HSG719" s="613"/>
      <c r="HSH719" s="613"/>
      <c r="HSI719" s="613"/>
      <c r="HSJ719" s="613"/>
      <c r="HSK719" s="613"/>
      <c r="HSL719" s="613"/>
      <c r="HSM719" s="613"/>
      <c r="HSN719" s="613"/>
      <c r="HSO719" s="613"/>
      <c r="HSP719" s="613"/>
      <c r="HSQ719" s="613"/>
      <c r="HSR719" s="613"/>
      <c r="HSS719" s="613"/>
      <c r="HST719" s="613"/>
      <c r="HSU719" s="613"/>
      <c r="HSV719" s="613"/>
      <c r="HSW719" s="613"/>
      <c r="HSX719" s="613"/>
      <c r="HSY719" s="613"/>
      <c r="HSZ719" s="613"/>
      <c r="HTA719" s="613"/>
      <c r="HTB719" s="613"/>
      <c r="HTC719" s="613"/>
      <c r="HTD719" s="613"/>
      <c r="HTE719" s="613"/>
      <c r="HTF719" s="613"/>
      <c r="HTG719" s="613"/>
      <c r="HTH719" s="613"/>
      <c r="HTI719" s="613"/>
      <c r="HTJ719" s="613"/>
      <c r="HTK719" s="613"/>
      <c r="HTL719" s="613"/>
      <c r="HTM719" s="613"/>
      <c r="HTN719" s="613"/>
      <c r="HTO719" s="613"/>
      <c r="HTP719" s="613"/>
      <c r="HTQ719" s="613"/>
      <c r="HTR719" s="613"/>
      <c r="HTS719" s="613"/>
      <c r="HTT719" s="613"/>
      <c r="HTU719" s="613"/>
      <c r="HTV719" s="613"/>
      <c r="HTW719" s="613"/>
      <c r="HTX719" s="613"/>
      <c r="HTY719" s="613"/>
      <c r="HTZ719" s="613"/>
      <c r="HUA719" s="613"/>
      <c r="HUB719" s="613"/>
      <c r="HUC719" s="613"/>
      <c r="HUD719" s="613"/>
      <c r="HUE719" s="613"/>
      <c r="HUF719" s="613"/>
      <c r="HUG719" s="613"/>
      <c r="HUH719" s="613"/>
      <c r="HUI719" s="613"/>
      <c r="HUJ719" s="613"/>
      <c r="HUK719" s="613"/>
      <c r="HUL719" s="613"/>
      <c r="HUM719" s="613"/>
      <c r="HUN719" s="613"/>
      <c r="HUO719" s="613"/>
      <c r="HUP719" s="613"/>
      <c r="HUQ719" s="613"/>
      <c r="HUR719" s="613"/>
      <c r="HUS719" s="613"/>
      <c r="HUT719" s="613"/>
      <c r="HUU719" s="613"/>
      <c r="HUV719" s="613"/>
      <c r="HUW719" s="613"/>
      <c r="HUX719" s="613"/>
      <c r="HUY719" s="613"/>
      <c r="HUZ719" s="613"/>
      <c r="HVA719" s="613"/>
      <c r="HVB719" s="613"/>
      <c r="HVC719" s="613"/>
      <c r="HVD719" s="613"/>
      <c r="HVE719" s="613"/>
      <c r="HVF719" s="613"/>
      <c r="HVG719" s="613"/>
      <c r="HVH719" s="613"/>
      <c r="HVI719" s="613"/>
      <c r="HVJ719" s="613"/>
      <c r="HVK719" s="613"/>
      <c r="HVL719" s="613"/>
      <c r="HVM719" s="613"/>
      <c r="HVN719" s="613"/>
      <c r="HVO719" s="613"/>
      <c r="HVP719" s="613"/>
      <c r="HVQ719" s="613"/>
      <c r="HVR719" s="613"/>
      <c r="HVS719" s="613"/>
      <c r="HVT719" s="613"/>
      <c r="HVU719" s="613"/>
      <c r="HVV719" s="613"/>
      <c r="HVW719" s="613"/>
      <c r="HVX719" s="613"/>
      <c r="HVY719" s="613"/>
      <c r="HVZ719" s="613"/>
      <c r="HWA719" s="613"/>
      <c r="HWB719" s="613"/>
      <c r="HWC719" s="613"/>
      <c r="HWD719" s="613"/>
      <c r="HWE719" s="613"/>
      <c r="HWF719" s="613"/>
      <c r="HWG719" s="613"/>
      <c r="HWH719" s="613"/>
      <c r="HWI719" s="613"/>
      <c r="HWJ719" s="613"/>
      <c r="HWK719" s="613"/>
      <c r="HWL719" s="613"/>
      <c r="HWM719" s="613"/>
      <c r="HWN719" s="613"/>
      <c r="HWO719" s="613"/>
      <c r="HWP719" s="613"/>
      <c r="HWQ719" s="613"/>
      <c r="HWR719" s="613"/>
      <c r="HWS719" s="613"/>
      <c r="HWT719" s="613"/>
      <c r="HWU719" s="613"/>
      <c r="HWV719" s="613"/>
      <c r="HWW719" s="613"/>
      <c r="HWX719" s="613"/>
      <c r="HWY719" s="613"/>
      <c r="HWZ719" s="613"/>
      <c r="HXA719" s="613"/>
      <c r="HXB719" s="613"/>
      <c r="HXC719" s="613"/>
      <c r="HXD719" s="613"/>
      <c r="HXE719" s="613"/>
      <c r="HXF719" s="613"/>
      <c r="HXG719" s="613"/>
      <c r="HXH719" s="613"/>
      <c r="HXI719" s="613"/>
      <c r="HXJ719" s="613"/>
      <c r="HXK719" s="613"/>
      <c r="HXL719" s="613"/>
      <c r="HXM719" s="613"/>
      <c r="HXN719" s="613"/>
      <c r="HXO719" s="613"/>
      <c r="HXP719" s="613"/>
      <c r="HXQ719" s="613"/>
      <c r="HXR719" s="613"/>
      <c r="HXS719" s="613"/>
      <c r="HXT719" s="613"/>
      <c r="HXU719" s="613"/>
      <c r="HXV719" s="613"/>
      <c r="HXW719" s="613"/>
      <c r="HXX719" s="613"/>
      <c r="HXY719" s="613"/>
      <c r="HXZ719" s="613"/>
      <c r="HYA719" s="613"/>
      <c r="HYB719" s="613"/>
      <c r="HYC719" s="613"/>
      <c r="HYD719" s="613"/>
      <c r="HYE719" s="613"/>
      <c r="HYF719" s="613"/>
      <c r="HYG719" s="613"/>
      <c r="HYH719" s="613"/>
      <c r="HYI719" s="613"/>
      <c r="HYJ719" s="613"/>
      <c r="HYK719" s="613"/>
      <c r="HYL719" s="613"/>
      <c r="HYM719" s="613"/>
      <c r="HYN719" s="613"/>
      <c r="HYO719" s="613"/>
      <c r="HYP719" s="613"/>
      <c r="HYQ719" s="613"/>
      <c r="HYR719" s="613"/>
      <c r="HYS719" s="613"/>
      <c r="HYT719" s="613"/>
      <c r="HYU719" s="613"/>
      <c r="HYV719" s="613"/>
      <c r="HYW719" s="613"/>
      <c r="HYX719" s="613"/>
      <c r="HYY719" s="613"/>
      <c r="HYZ719" s="613"/>
      <c r="HZA719" s="613"/>
      <c r="HZB719" s="613"/>
      <c r="HZC719" s="613"/>
      <c r="HZD719" s="613"/>
      <c r="HZE719" s="613"/>
      <c r="HZF719" s="613"/>
      <c r="HZG719" s="613"/>
      <c r="HZH719" s="613"/>
      <c r="HZI719" s="613"/>
      <c r="HZJ719" s="613"/>
      <c r="HZK719" s="613"/>
      <c r="HZL719" s="613"/>
      <c r="HZM719" s="613"/>
      <c r="HZN719" s="613"/>
      <c r="HZO719" s="613"/>
      <c r="HZP719" s="613"/>
      <c r="HZQ719" s="613"/>
      <c r="HZR719" s="613"/>
      <c r="HZS719" s="613"/>
      <c r="HZT719" s="613"/>
      <c r="HZU719" s="613"/>
      <c r="HZV719" s="613"/>
      <c r="HZW719" s="613"/>
      <c r="HZX719" s="613"/>
      <c r="HZY719" s="613"/>
      <c r="HZZ719" s="613"/>
      <c r="IAA719" s="613"/>
      <c r="IAB719" s="613"/>
      <c r="IAC719" s="613"/>
      <c r="IAD719" s="613"/>
      <c r="IAE719" s="613"/>
      <c r="IAF719" s="613"/>
      <c r="IAG719" s="613"/>
      <c r="IAH719" s="613"/>
      <c r="IAI719" s="613"/>
      <c r="IAJ719" s="613"/>
      <c r="IAK719" s="613"/>
      <c r="IAL719" s="613"/>
      <c r="IAM719" s="613"/>
      <c r="IAN719" s="613"/>
      <c r="IAO719" s="613"/>
      <c r="IAP719" s="613"/>
      <c r="IAQ719" s="613"/>
      <c r="IAR719" s="613"/>
      <c r="IAS719" s="613"/>
      <c r="IAT719" s="613"/>
      <c r="IAU719" s="613"/>
      <c r="IAV719" s="613"/>
      <c r="IAW719" s="613"/>
      <c r="IAX719" s="613"/>
      <c r="IAY719" s="613"/>
      <c r="IAZ719" s="613"/>
      <c r="IBA719" s="613"/>
      <c r="IBB719" s="613"/>
      <c r="IBC719" s="613"/>
      <c r="IBD719" s="613"/>
      <c r="IBE719" s="613"/>
      <c r="IBF719" s="613"/>
      <c r="IBG719" s="613"/>
      <c r="IBH719" s="613"/>
      <c r="IBI719" s="613"/>
      <c r="IBJ719" s="613"/>
      <c r="IBK719" s="613"/>
      <c r="IBL719" s="613"/>
      <c r="IBM719" s="613"/>
      <c r="IBN719" s="613"/>
      <c r="IBO719" s="613"/>
      <c r="IBP719" s="613"/>
      <c r="IBQ719" s="613"/>
      <c r="IBR719" s="613"/>
      <c r="IBS719" s="613"/>
      <c r="IBT719" s="613"/>
      <c r="IBU719" s="613"/>
      <c r="IBV719" s="613"/>
      <c r="IBW719" s="613"/>
      <c r="IBX719" s="613"/>
      <c r="IBY719" s="613"/>
      <c r="IBZ719" s="613"/>
      <c r="ICA719" s="613"/>
      <c r="ICB719" s="613"/>
      <c r="ICC719" s="613"/>
      <c r="ICD719" s="613"/>
      <c r="ICE719" s="613"/>
      <c r="ICF719" s="613"/>
      <c r="ICG719" s="613"/>
      <c r="ICH719" s="613"/>
      <c r="ICI719" s="613"/>
      <c r="ICJ719" s="613"/>
      <c r="ICK719" s="613"/>
      <c r="ICL719" s="613"/>
      <c r="ICM719" s="613"/>
      <c r="ICN719" s="613"/>
      <c r="ICO719" s="613"/>
      <c r="ICP719" s="613"/>
      <c r="ICQ719" s="613"/>
      <c r="ICR719" s="613"/>
      <c r="ICS719" s="613"/>
      <c r="ICT719" s="613"/>
      <c r="ICU719" s="613"/>
      <c r="ICV719" s="613"/>
      <c r="ICW719" s="613"/>
      <c r="ICX719" s="613"/>
      <c r="ICY719" s="613"/>
      <c r="ICZ719" s="613"/>
      <c r="IDA719" s="613"/>
      <c r="IDB719" s="613"/>
      <c r="IDC719" s="613"/>
      <c r="IDD719" s="613"/>
      <c r="IDE719" s="613"/>
      <c r="IDF719" s="613"/>
      <c r="IDG719" s="613"/>
      <c r="IDH719" s="613"/>
      <c r="IDI719" s="613"/>
      <c r="IDJ719" s="613"/>
      <c r="IDK719" s="613"/>
      <c r="IDL719" s="613"/>
      <c r="IDM719" s="613"/>
      <c r="IDN719" s="613"/>
      <c r="IDO719" s="613"/>
      <c r="IDP719" s="613"/>
      <c r="IDQ719" s="613"/>
      <c r="IDR719" s="613"/>
      <c r="IDS719" s="613"/>
      <c r="IDT719" s="613"/>
      <c r="IDU719" s="613"/>
      <c r="IDV719" s="613"/>
      <c r="IDW719" s="613"/>
      <c r="IDX719" s="613"/>
      <c r="IDY719" s="613"/>
      <c r="IDZ719" s="613"/>
      <c r="IEA719" s="613"/>
      <c r="IEB719" s="613"/>
      <c r="IEC719" s="613"/>
      <c r="IED719" s="613"/>
      <c r="IEE719" s="613"/>
      <c r="IEF719" s="613"/>
      <c r="IEG719" s="613"/>
      <c r="IEH719" s="613"/>
      <c r="IEI719" s="613"/>
      <c r="IEJ719" s="613"/>
      <c r="IEK719" s="613"/>
      <c r="IEL719" s="613"/>
      <c r="IEM719" s="613"/>
      <c r="IEN719" s="613"/>
      <c r="IEO719" s="613"/>
      <c r="IEP719" s="613"/>
      <c r="IEQ719" s="613"/>
      <c r="IER719" s="613"/>
      <c r="IES719" s="613"/>
      <c r="IET719" s="613"/>
      <c r="IEU719" s="613"/>
      <c r="IEV719" s="613"/>
      <c r="IEW719" s="613"/>
      <c r="IEX719" s="613"/>
      <c r="IEY719" s="613"/>
      <c r="IEZ719" s="613"/>
      <c r="IFA719" s="613"/>
      <c r="IFB719" s="613"/>
      <c r="IFC719" s="613"/>
      <c r="IFD719" s="613"/>
      <c r="IFE719" s="613"/>
      <c r="IFF719" s="613"/>
      <c r="IFG719" s="613"/>
      <c r="IFH719" s="613"/>
      <c r="IFI719" s="613"/>
      <c r="IFJ719" s="613"/>
      <c r="IFK719" s="613"/>
      <c r="IFL719" s="613"/>
      <c r="IFM719" s="613"/>
      <c r="IFN719" s="613"/>
      <c r="IFO719" s="613"/>
      <c r="IFP719" s="613"/>
      <c r="IFQ719" s="613"/>
      <c r="IFR719" s="613"/>
      <c r="IFS719" s="613"/>
      <c r="IFT719" s="613"/>
      <c r="IFU719" s="613"/>
      <c r="IFV719" s="613"/>
      <c r="IFW719" s="613"/>
      <c r="IFX719" s="613"/>
      <c r="IFY719" s="613"/>
      <c r="IFZ719" s="613"/>
      <c r="IGA719" s="613"/>
      <c r="IGB719" s="613"/>
      <c r="IGC719" s="613"/>
      <c r="IGD719" s="613"/>
      <c r="IGE719" s="613"/>
      <c r="IGF719" s="613"/>
      <c r="IGG719" s="613"/>
      <c r="IGH719" s="613"/>
      <c r="IGI719" s="613"/>
      <c r="IGJ719" s="613"/>
      <c r="IGK719" s="613"/>
      <c r="IGL719" s="613"/>
      <c r="IGM719" s="613"/>
      <c r="IGN719" s="613"/>
      <c r="IGO719" s="613"/>
      <c r="IGP719" s="613"/>
      <c r="IGQ719" s="613"/>
      <c r="IGR719" s="613"/>
      <c r="IGS719" s="613"/>
      <c r="IGT719" s="613"/>
      <c r="IGU719" s="613"/>
      <c r="IGV719" s="613"/>
      <c r="IGW719" s="613"/>
      <c r="IGX719" s="613"/>
      <c r="IGY719" s="613"/>
      <c r="IGZ719" s="613"/>
      <c r="IHA719" s="613"/>
      <c r="IHB719" s="613"/>
      <c r="IHC719" s="613"/>
      <c r="IHD719" s="613"/>
      <c r="IHE719" s="613"/>
      <c r="IHF719" s="613"/>
      <c r="IHG719" s="613"/>
      <c r="IHH719" s="613"/>
      <c r="IHI719" s="613"/>
      <c r="IHJ719" s="613"/>
      <c r="IHK719" s="613"/>
      <c r="IHL719" s="613"/>
      <c r="IHM719" s="613"/>
      <c r="IHN719" s="613"/>
      <c r="IHO719" s="613"/>
      <c r="IHP719" s="613"/>
      <c r="IHQ719" s="613"/>
      <c r="IHR719" s="613"/>
      <c r="IHS719" s="613"/>
      <c r="IHT719" s="613"/>
      <c r="IHU719" s="613"/>
      <c r="IHV719" s="613"/>
      <c r="IHW719" s="613"/>
      <c r="IHX719" s="613"/>
      <c r="IHY719" s="613"/>
      <c r="IHZ719" s="613"/>
      <c r="IIA719" s="613"/>
      <c r="IIB719" s="613"/>
      <c r="IIC719" s="613"/>
      <c r="IID719" s="613"/>
      <c r="IIE719" s="613"/>
      <c r="IIF719" s="613"/>
      <c r="IIG719" s="613"/>
      <c r="IIH719" s="613"/>
      <c r="III719" s="613"/>
      <c r="IIJ719" s="613"/>
      <c r="IIK719" s="613"/>
      <c r="IIL719" s="613"/>
      <c r="IIM719" s="613"/>
      <c r="IIN719" s="613"/>
      <c r="IIO719" s="613"/>
      <c r="IIP719" s="613"/>
      <c r="IIQ719" s="613"/>
      <c r="IIR719" s="613"/>
      <c r="IIS719" s="613"/>
      <c r="IIT719" s="613"/>
      <c r="IIU719" s="613"/>
      <c r="IIV719" s="613"/>
      <c r="IIW719" s="613"/>
      <c r="IIX719" s="613"/>
      <c r="IIY719" s="613"/>
      <c r="IIZ719" s="613"/>
      <c r="IJA719" s="613"/>
      <c r="IJB719" s="613"/>
      <c r="IJC719" s="613"/>
      <c r="IJD719" s="613"/>
      <c r="IJE719" s="613"/>
      <c r="IJF719" s="613"/>
      <c r="IJG719" s="613"/>
      <c r="IJH719" s="613"/>
      <c r="IJI719" s="613"/>
      <c r="IJJ719" s="613"/>
      <c r="IJK719" s="613"/>
      <c r="IJL719" s="613"/>
      <c r="IJM719" s="613"/>
      <c r="IJN719" s="613"/>
      <c r="IJO719" s="613"/>
      <c r="IJP719" s="613"/>
      <c r="IJQ719" s="613"/>
      <c r="IJR719" s="613"/>
      <c r="IJS719" s="613"/>
      <c r="IJT719" s="613"/>
      <c r="IJU719" s="613"/>
      <c r="IJV719" s="613"/>
      <c r="IJW719" s="613"/>
      <c r="IJX719" s="613"/>
      <c r="IJY719" s="613"/>
      <c r="IJZ719" s="613"/>
      <c r="IKA719" s="613"/>
      <c r="IKB719" s="613"/>
      <c r="IKC719" s="613"/>
      <c r="IKD719" s="613"/>
      <c r="IKE719" s="613"/>
      <c r="IKF719" s="613"/>
      <c r="IKG719" s="613"/>
      <c r="IKH719" s="613"/>
      <c r="IKI719" s="613"/>
      <c r="IKJ719" s="613"/>
      <c r="IKK719" s="613"/>
      <c r="IKL719" s="613"/>
      <c r="IKM719" s="613"/>
      <c r="IKN719" s="613"/>
      <c r="IKO719" s="613"/>
      <c r="IKP719" s="613"/>
      <c r="IKQ719" s="613"/>
      <c r="IKR719" s="613"/>
      <c r="IKS719" s="613"/>
      <c r="IKT719" s="613"/>
      <c r="IKU719" s="613"/>
      <c r="IKV719" s="613"/>
      <c r="IKW719" s="613"/>
      <c r="IKX719" s="613"/>
      <c r="IKY719" s="613"/>
      <c r="IKZ719" s="613"/>
      <c r="ILA719" s="613"/>
      <c r="ILB719" s="613"/>
      <c r="ILC719" s="613"/>
      <c r="ILD719" s="613"/>
      <c r="ILE719" s="613"/>
      <c r="ILF719" s="613"/>
      <c r="ILG719" s="613"/>
      <c r="ILH719" s="613"/>
      <c r="ILI719" s="613"/>
      <c r="ILJ719" s="613"/>
      <c r="ILK719" s="613"/>
      <c r="ILL719" s="613"/>
      <c r="ILM719" s="613"/>
      <c r="ILN719" s="613"/>
      <c r="ILO719" s="613"/>
      <c r="ILP719" s="613"/>
      <c r="ILQ719" s="613"/>
      <c r="ILR719" s="613"/>
      <c r="ILS719" s="613"/>
      <c r="ILT719" s="613"/>
      <c r="ILU719" s="613"/>
      <c r="ILV719" s="613"/>
      <c r="ILW719" s="613"/>
      <c r="ILX719" s="613"/>
      <c r="ILY719" s="613"/>
      <c r="ILZ719" s="613"/>
      <c r="IMA719" s="613"/>
      <c r="IMB719" s="613"/>
      <c r="IMC719" s="613"/>
      <c r="IMD719" s="613"/>
      <c r="IME719" s="613"/>
      <c r="IMF719" s="613"/>
      <c r="IMG719" s="613"/>
      <c r="IMH719" s="613"/>
      <c r="IMI719" s="613"/>
      <c r="IMJ719" s="613"/>
      <c r="IMK719" s="613"/>
      <c r="IML719" s="613"/>
      <c r="IMM719" s="613"/>
      <c r="IMN719" s="613"/>
      <c r="IMO719" s="613"/>
      <c r="IMP719" s="613"/>
      <c r="IMQ719" s="613"/>
      <c r="IMR719" s="613"/>
      <c r="IMS719" s="613"/>
      <c r="IMT719" s="613"/>
      <c r="IMU719" s="613"/>
      <c r="IMV719" s="613"/>
      <c r="IMW719" s="613"/>
      <c r="IMX719" s="613"/>
      <c r="IMY719" s="613"/>
      <c r="IMZ719" s="613"/>
      <c r="INA719" s="613"/>
      <c r="INB719" s="613"/>
      <c r="INC719" s="613"/>
      <c r="IND719" s="613"/>
      <c r="INE719" s="613"/>
      <c r="INF719" s="613"/>
      <c r="ING719" s="613"/>
      <c r="INH719" s="613"/>
      <c r="INI719" s="613"/>
      <c r="INJ719" s="613"/>
      <c r="INK719" s="613"/>
      <c r="INL719" s="613"/>
      <c r="INM719" s="613"/>
      <c r="INN719" s="613"/>
      <c r="INO719" s="613"/>
      <c r="INP719" s="613"/>
      <c r="INQ719" s="613"/>
      <c r="INR719" s="613"/>
      <c r="INS719" s="613"/>
      <c r="INT719" s="613"/>
      <c r="INU719" s="613"/>
      <c r="INV719" s="613"/>
      <c r="INW719" s="613"/>
      <c r="INX719" s="613"/>
      <c r="INY719" s="613"/>
      <c r="INZ719" s="613"/>
      <c r="IOA719" s="613"/>
      <c r="IOB719" s="613"/>
      <c r="IOC719" s="613"/>
      <c r="IOD719" s="613"/>
      <c r="IOE719" s="613"/>
      <c r="IOF719" s="613"/>
      <c r="IOG719" s="613"/>
      <c r="IOH719" s="613"/>
      <c r="IOI719" s="613"/>
      <c r="IOJ719" s="613"/>
      <c r="IOK719" s="613"/>
      <c r="IOL719" s="613"/>
      <c r="IOM719" s="613"/>
      <c r="ION719" s="613"/>
      <c r="IOO719" s="613"/>
      <c r="IOP719" s="613"/>
      <c r="IOQ719" s="613"/>
      <c r="IOR719" s="613"/>
      <c r="IOS719" s="613"/>
      <c r="IOT719" s="613"/>
      <c r="IOU719" s="613"/>
      <c r="IOV719" s="613"/>
      <c r="IOW719" s="613"/>
      <c r="IOX719" s="613"/>
      <c r="IOY719" s="613"/>
      <c r="IOZ719" s="613"/>
      <c r="IPA719" s="613"/>
      <c r="IPB719" s="613"/>
      <c r="IPC719" s="613"/>
      <c r="IPD719" s="613"/>
      <c r="IPE719" s="613"/>
      <c r="IPF719" s="613"/>
      <c r="IPG719" s="613"/>
      <c r="IPH719" s="613"/>
      <c r="IPI719" s="613"/>
      <c r="IPJ719" s="613"/>
      <c r="IPK719" s="613"/>
      <c r="IPL719" s="613"/>
      <c r="IPM719" s="613"/>
      <c r="IPN719" s="613"/>
      <c r="IPO719" s="613"/>
      <c r="IPP719" s="613"/>
      <c r="IPQ719" s="613"/>
      <c r="IPR719" s="613"/>
      <c r="IPS719" s="613"/>
      <c r="IPT719" s="613"/>
      <c r="IPU719" s="613"/>
      <c r="IPV719" s="613"/>
      <c r="IPW719" s="613"/>
      <c r="IPX719" s="613"/>
      <c r="IPY719" s="613"/>
      <c r="IPZ719" s="613"/>
      <c r="IQA719" s="613"/>
      <c r="IQB719" s="613"/>
      <c r="IQC719" s="613"/>
      <c r="IQD719" s="613"/>
      <c r="IQE719" s="613"/>
      <c r="IQF719" s="613"/>
      <c r="IQG719" s="613"/>
      <c r="IQH719" s="613"/>
      <c r="IQI719" s="613"/>
      <c r="IQJ719" s="613"/>
      <c r="IQK719" s="613"/>
      <c r="IQL719" s="613"/>
      <c r="IQM719" s="613"/>
      <c r="IQN719" s="613"/>
      <c r="IQO719" s="613"/>
      <c r="IQP719" s="613"/>
      <c r="IQQ719" s="613"/>
      <c r="IQR719" s="613"/>
      <c r="IQS719" s="613"/>
      <c r="IQT719" s="613"/>
      <c r="IQU719" s="613"/>
      <c r="IQV719" s="613"/>
      <c r="IQW719" s="613"/>
      <c r="IQX719" s="613"/>
      <c r="IQY719" s="613"/>
      <c r="IQZ719" s="613"/>
      <c r="IRA719" s="613"/>
      <c r="IRB719" s="613"/>
      <c r="IRC719" s="613"/>
      <c r="IRD719" s="613"/>
      <c r="IRE719" s="613"/>
      <c r="IRF719" s="613"/>
      <c r="IRG719" s="613"/>
      <c r="IRH719" s="613"/>
      <c r="IRI719" s="613"/>
      <c r="IRJ719" s="613"/>
      <c r="IRK719" s="613"/>
      <c r="IRL719" s="613"/>
      <c r="IRM719" s="613"/>
      <c r="IRN719" s="613"/>
      <c r="IRO719" s="613"/>
      <c r="IRP719" s="613"/>
      <c r="IRQ719" s="613"/>
      <c r="IRR719" s="613"/>
      <c r="IRS719" s="613"/>
      <c r="IRT719" s="613"/>
      <c r="IRU719" s="613"/>
      <c r="IRV719" s="613"/>
      <c r="IRW719" s="613"/>
      <c r="IRX719" s="613"/>
      <c r="IRY719" s="613"/>
      <c r="IRZ719" s="613"/>
      <c r="ISA719" s="613"/>
      <c r="ISB719" s="613"/>
      <c r="ISC719" s="613"/>
      <c r="ISD719" s="613"/>
      <c r="ISE719" s="613"/>
      <c r="ISF719" s="613"/>
      <c r="ISG719" s="613"/>
      <c r="ISH719" s="613"/>
      <c r="ISI719" s="613"/>
      <c r="ISJ719" s="613"/>
      <c r="ISK719" s="613"/>
      <c r="ISL719" s="613"/>
      <c r="ISM719" s="613"/>
      <c r="ISN719" s="613"/>
      <c r="ISO719" s="613"/>
      <c r="ISP719" s="613"/>
      <c r="ISQ719" s="613"/>
      <c r="ISR719" s="613"/>
      <c r="ISS719" s="613"/>
      <c r="IST719" s="613"/>
      <c r="ISU719" s="613"/>
      <c r="ISV719" s="613"/>
      <c r="ISW719" s="613"/>
      <c r="ISX719" s="613"/>
      <c r="ISY719" s="613"/>
      <c r="ISZ719" s="613"/>
      <c r="ITA719" s="613"/>
      <c r="ITB719" s="613"/>
      <c r="ITC719" s="613"/>
      <c r="ITD719" s="613"/>
      <c r="ITE719" s="613"/>
      <c r="ITF719" s="613"/>
      <c r="ITG719" s="613"/>
      <c r="ITH719" s="613"/>
      <c r="ITI719" s="613"/>
      <c r="ITJ719" s="613"/>
      <c r="ITK719" s="613"/>
      <c r="ITL719" s="613"/>
      <c r="ITM719" s="613"/>
      <c r="ITN719" s="613"/>
      <c r="ITO719" s="613"/>
      <c r="ITP719" s="613"/>
      <c r="ITQ719" s="613"/>
      <c r="ITR719" s="613"/>
      <c r="ITS719" s="613"/>
      <c r="ITT719" s="613"/>
      <c r="ITU719" s="613"/>
      <c r="ITV719" s="613"/>
      <c r="ITW719" s="613"/>
      <c r="ITX719" s="613"/>
      <c r="ITY719" s="613"/>
      <c r="ITZ719" s="613"/>
      <c r="IUA719" s="613"/>
      <c r="IUB719" s="613"/>
      <c r="IUC719" s="613"/>
      <c r="IUD719" s="613"/>
      <c r="IUE719" s="613"/>
      <c r="IUF719" s="613"/>
      <c r="IUG719" s="613"/>
      <c r="IUH719" s="613"/>
      <c r="IUI719" s="613"/>
      <c r="IUJ719" s="613"/>
      <c r="IUK719" s="613"/>
      <c r="IUL719" s="613"/>
      <c r="IUM719" s="613"/>
      <c r="IUN719" s="613"/>
      <c r="IUO719" s="613"/>
      <c r="IUP719" s="613"/>
      <c r="IUQ719" s="613"/>
      <c r="IUR719" s="613"/>
      <c r="IUS719" s="613"/>
      <c r="IUT719" s="613"/>
      <c r="IUU719" s="613"/>
      <c r="IUV719" s="613"/>
      <c r="IUW719" s="613"/>
      <c r="IUX719" s="613"/>
      <c r="IUY719" s="613"/>
      <c r="IUZ719" s="613"/>
      <c r="IVA719" s="613"/>
      <c r="IVB719" s="613"/>
      <c r="IVC719" s="613"/>
      <c r="IVD719" s="613"/>
      <c r="IVE719" s="613"/>
      <c r="IVF719" s="613"/>
      <c r="IVG719" s="613"/>
      <c r="IVH719" s="613"/>
      <c r="IVI719" s="613"/>
      <c r="IVJ719" s="613"/>
      <c r="IVK719" s="613"/>
      <c r="IVL719" s="613"/>
      <c r="IVM719" s="613"/>
      <c r="IVN719" s="613"/>
      <c r="IVO719" s="613"/>
      <c r="IVP719" s="613"/>
      <c r="IVQ719" s="613"/>
      <c r="IVR719" s="613"/>
      <c r="IVS719" s="613"/>
      <c r="IVT719" s="613"/>
      <c r="IVU719" s="613"/>
      <c r="IVV719" s="613"/>
      <c r="IVW719" s="613"/>
      <c r="IVX719" s="613"/>
      <c r="IVY719" s="613"/>
      <c r="IVZ719" s="613"/>
      <c r="IWA719" s="613"/>
      <c r="IWB719" s="613"/>
      <c r="IWC719" s="613"/>
      <c r="IWD719" s="613"/>
      <c r="IWE719" s="613"/>
      <c r="IWF719" s="613"/>
      <c r="IWG719" s="613"/>
      <c r="IWH719" s="613"/>
      <c r="IWI719" s="613"/>
      <c r="IWJ719" s="613"/>
      <c r="IWK719" s="613"/>
      <c r="IWL719" s="613"/>
      <c r="IWM719" s="613"/>
      <c r="IWN719" s="613"/>
      <c r="IWO719" s="613"/>
      <c r="IWP719" s="613"/>
      <c r="IWQ719" s="613"/>
      <c r="IWR719" s="613"/>
      <c r="IWS719" s="613"/>
      <c r="IWT719" s="613"/>
      <c r="IWU719" s="613"/>
      <c r="IWV719" s="613"/>
      <c r="IWW719" s="613"/>
      <c r="IWX719" s="613"/>
      <c r="IWY719" s="613"/>
      <c r="IWZ719" s="613"/>
      <c r="IXA719" s="613"/>
      <c r="IXB719" s="613"/>
      <c r="IXC719" s="613"/>
      <c r="IXD719" s="613"/>
      <c r="IXE719" s="613"/>
      <c r="IXF719" s="613"/>
      <c r="IXG719" s="613"/>
      <c r="IXH719" s="613"/>
      <c r="IXI719" s="613"/>
      <c r="IXJ719" s="613"/>
      <c r="IXK719" s="613"/>
      <c r="IXL719" s="613"/>
      <c r="IXM719" s="613"/>
      <c r="IXN719" s="613"/>
      <c r="IXO719" s="613"/>
      <c r="IXP719" s="613"/>
      <c r="IXQ719" s="613"/>
      <c r="IXR719" s="613"/>
      <c r="IXS719" s="613"/>
      <c r="IXT719" s="613"/>
      <c r="IXU719" s="613"/>
      <c r="IXV719" s="613"/>
      <c r="IXW719" s="613"/>
      <c r="IXX719" s="613"/>
      <c r="IXY719" s="613"/>
      <c r="IXZ719" s="613"/>
      <c r="IYA719" s="613"/>
      <c r="IYB719" s="613"/>
      <c r="IYC719" s="613"/>
      <c r="IYD719" s="613"/>
      <c r="IYE719" s="613"/>
      <c r="IYF719" s="613"/>
      <c r="IYG719" s="613"/>
      <c r="IYH719" s="613"/>
      <c r="IYI719" s="613"/>
      <c r="IYJ719" s="613"/>
      <c r="IYK719" s="613"/>
      <c r="IYL719" s="613"/>
      <c r="IYM719" s="613"/>
      <c r="IYN719" s="613"/>
      <c r="IYO719" s="613"/>
      <c r="IYP719" s="613"/>
      <c r="IYQ719" s="613"/>
      <c r="IYR719" s="613"/>
      <c r="IYS719" s="613"/>
      <c r="IYT719" s="613"/>
      <c r="IYU719" s="613"/>
      <c r="IYV719" s="613"/>
      <c r="IYW719" s="613"/>
      <c r="IYX719" s="613"/>
      <c r="IYY719" s="613"/>
      <c r="IYZ719" s="613"/>
      <c r="IZA719" s="613"/>
      <c r="IZB719" s="613"/>
      <c r="IZC719" s="613"/>
      <c r="IZD719" s="613"/>
      <c r="IZE719" s="613"/>
      <c r="IZF719" s="613"/>
      <c r="IZG719" s="613"/>
      <c r="IZH719" s="613"/>
      <c r="IZI719" s="613"/>
      <c r="IZJ719" s="613"/>
      <c r="IZK719" s="613"/>
      <c r="IZL719" s="613"/>
      <c r="IZM719" s="613"/>
      <c r="IZN719" s="613"/>
      <c r="IZO719" s="613"/>
      <c r="IZP719" s="613"/>
      <c r="IZQ719" s="613"/>
      <c r="IZR719" s="613"/>
      <c r="IZS719" s="613"/>
      <c r="IZT719" s="613"/>
      <c r="IZU719" s="613"/>
      <c r="IZV719" s="613"/>
      <c r="IZW719" s="613"/>
      <c r="IZX719" s="613"/>
      <c r="IZY719" s="613"/>
      <c r="IZZ719" s="613"/>
      <c r="JAA719" s="613"/>
      <c r="JAB719" s="613"/>
      <c r="JAC719" s="613"/>
      <c r="JAD719" s="613"/>
      <c r="JAE719" s="613"/>
      <c r="JAF719" s="613"/>
      <c r="JAG719" s="613"/>
      <c r="JAH719" s="613"/>
      <c r="JAI719" s="613"/>
      <c r="JAJ719" s="613"/>
      <c r="JAK719" s="613"/>
      <c r="JAL719" s="613"/>
      <c r="JAM719" s="613"/>
      <c r="JAN719" s="613"/>
      <c r="JAO719" s="613"/>
      <c r="JAP719" s="613"/>
      <c r="JAQ719" s="613"/>
      <c r="JAR719" s="613"/>
      <c r="JAS719" s="613"/>
      <c r="JAT719" s="613"/>
      <c r="JAU719" s="613"/>
      <c r="JAV719" s="613"/>
      <c r="JAW719" s="613"/>
      <c r="JAX719" s="613"/>
      <c r="JAY719" s="613"/>
      <c r="JAZ719" s="613"/>
      <c r="JBA719" s="613"/>
      <c r="JBB719" s="613"/>
      <c r="JBC719" s="613"/>
      <c r="JBD719" s="613"/>
      <c r="JBE719" s="613"/>
      <c r="JBF719" s="613"/>
      <c r="JBG719" s="613"/>
      <c r="JBH719" s="613"/>
      <c r="JBI719" s="613"/>
      <c r="JBJ719" s="613"/>
      <c r="JBK719" s="613"/>
      <c r="JBL719" s="613"/>
      <c r="JBM719" s="613"/>
      <c r="JBN719" s="613"/>
      <c r="JBO719" s="613"/>
      <c r="JBP719" s="613"/>
      <c r="JBQ719" s="613"/>
      <c r="JBR719" s="613"/>
      <c r="JBS719" s="613"/>
      <c r="JBT719" s="613"/>
      <c r="JBU719" s="613"/>
      <c r="JBV719" s="613"/>
      <c r="JBW719" s="613"/>
      <c r="JBX719" s="613"/>
      <c r="JBY719" s="613"/>
      <c r="JBZ719" s="613"/>
      <c r="JCA719" s="613"/>
      <c r="JCB719" s="613"/>
      <c r="JCC719" s="613"/>
      <c r="JCD719" s="613"/>
      <c r="JCE719" s="613"/>
      <c r="JCF719" s="613"/>
      <c r="JCG719" s="613"/>
      <c r="JCH719" s="613"/>
      <c r="JCI719" s="613"/>
      <c r="JCJ719" s="613"/>
      <c r="JCK719" s="613"/>
      <c r="JCL719" s="613"/>
      <c r="JCM719" s="613"/>
      <c r="JCN719" s="613"/>
      <c r="JCO719" s="613"/>
      <c r="JCP719" s="613"/>
      <c r="JCQ719" s="613"/>
      <c r="JCR719" s="613"/>
      <c r="JCS719" s="613"/>
      <c r="JCT719" s="613"/>
      <c r="JCU719" s="613"/>
      <c r="JCV719" s="613"/>
      <c r="JCW719" s="613"/>
      <c r="JCX719" s="613"/>
      <c r="JCY719" s="613"/>
      <c r="JCZ719" s="613"/>
      <c r="JDA719" s="613"/>
      <c r="JDB719" s="613"/>
      <c r="JDC719" s="613"/>
      <c r="JDD719" s="613"/>
      <c r="JDE719" s="613"/>
      <c r="JDF719" s="613"/>
      <c r="JDG719" s="613"/>
      <c r="JDH719" s="613"/>
      <c r="JDI719" s="613"/>
      <c r="JDJ719" s="613"/>
      <c r="JDK719" s="613"/>
      <c r="JDL719" s="613"/>
      <c r="JDM719" s="613"/>
      <c r="JDN719" s="613"/>
      <c r="JDO719" s="613"/>
      <c r="JDP719" s="613"/>
      <c r="JDQ719" s="613"/>
      <c r="JDR719" s="613"/>
      <c r="JDS719" s="613"/>
      <c r="JDT719" s="613"/>
      <c r="JDU719" s="613"/>
      <c r="JDV719" s="613"/>
      <c r="JDW719" s="613"/>
      <c r="JDX719" s="613"/>
      <c r="JDY719" s="613"/>
      <c r="JDZ719" s="613"/>
      <c r="JEA719" s="613"/>
      <c r="JEB719" s="613"/>
      <c r="JEC719" s="613"/>
      <c r="JED719" s="613"/>
      <c r="JEE719" s="613"/>
      <c r="JEF719" s="613"/>
      <c r="JEG719" s="613"/>
      <c r="JEH719" s="613"/>
      <c r="JEI719" s="613"/>
      <c r="JEJ719" s="613"/>
      <c r="JEK719" s="613"/>
      <c r="JEL719" s="613"/>
      <c r="JEM719" s="613"/>
      <c r="JEN719" s="613"/>
      <c r="JEO719" s="613"/>
      <c r="JEP719" s="613"/>
      <c r="JEQ719" s="613"/>
      <c r="JER719" s="613"/>
      <c r="JES719" s="613"/>
      <c r="JET719" s="613"/>
      <c r="JEU719" s="613"/>
      <c r="JEV719" s="613"/>
      <c r="JEW719" s="613"/>
      <c r="JEX719" s="613"/>
      <c r="JEY719" s="613"/>
      <c r="JEZ719" s="613"/>
      <c r="JFA719" s="613"/>
      <c r="JFB719" s="613"/>
      <c r="JFC719" s="613"/>
      <c r="JFD719" s="613"/>
      <c r="JFE719" s="613"/>
      <c r="JFF719" s="613"/>
      <c r="JFG719" s="613"/>
      <c r="JFH719" s="613"/>
      <c r="JFI719" s="613"/>
      <c r="JFJ719" s="613"/>
      <c r="JFK719" s="613"/>
      <c r="JFL719" s="613"/>
      <c r="JFM719" s="613"/>
      <c r="JFN719" s="613"/>
      <c r="JFO719" s="613"/>
      <c r="JFP719" s="613"/>
      <c r="JFQ719" s="613"/>
      <c r="JFR719" s="613"/>
      <c r="JFS719" s="613"/>
      <c r="JFT719" s="613"/>
      <c r="JFU719" s="613"/>
      <c r="JFV719" s="613"/>
      <c r="JFW719" s="613"/>
      <c r="JFX719" s="613"/>
      <c r="JFY719" s="613"/>
      <c r="JFZ719" s="613"/>
      <c r="JGA719" s="613"/>
      <c r="JGB719" s="613"/>
      <c r="JGC719" s="613"/>
      <c r="JGD719" s="613"/>
      <c r="JGE719" s="613"/>
      <c r="JGF719" s="613"/>
      <c r="JGG719" s="613"/>
      <c r="JGH719" s="613"/>
      <c r="JGI719" s="613"/>
      <c r="JGJ719" s="613"/>
      <c r="JGK719" s="613"/>
      <c r="JGL719" s="613"/>
      <c r="JGM719" s="613"/>
      <c r="JGN719" s="613"/>
      <c r="JGO719" s="613"/>
      <c r="JGP719" s="613"/>
      <c r="JGQ719" s="613"/>
      <c r="JGR719" s="613"/>
      <c r="JGS719" s="613"/>
      <c r="JGT719" s="613"/>
      <c r="JGU719" s="613"/>
      <c r="JGV719" s="613"/>
      <c r="JGW719" s="613"/>
      <c r="JGX719" s="613"/>
      <c r="JGY719" s="613"/>
      <c r="JGZ719" s="613"/>
      <c r="JHA719" s="613"/>
      <c r="JHB719" s="613"/>
      <c r="JHC719" s="613"/>
      <c r="JHD719" s="613"/>
      <c r="JHE719" s="613"/>
      <c r="JHF719" s="613"/>
      <c r="JHG719" s="613"/>
      <c r="JHH719" s="613"/>
      <c r="JHI719" s="613"/>
      <c r="JHJ719" s="613"/>
      <c r="JHK719" s="613"/>
      <c r="JHL719" s="613"/>
      <c r="JHM719" s="613"/>
      <c r="JHN719" s="613"/>
      <c r="JHO719" s="613"/>
      <c r="JHP719" s="613"/>
      <c r="JHQ719" s="613"/>
      <c r="JHR719" s="613"/>
      <c r="JHS719" s="613"/>
      <c r="JHT719" s="613"/>
      <c r="JHU719" s="613"/>
      <c r="JHV719" s="613"/>
      <c r="JHW719" s="613"/>
      <c r="JHX719" s="613"/>
      <c r="JHY719" s="613"/>
      <c r="JHZ719" s="613"/>
      <c r="JIA719" s="613"/>
      <c r="JIB719" s="613"/>
      <c r="JIC719" s="613"/>
      <c r="JID719" s="613"/>
      <c r="JIE719" s="613"/>
      <c r="JIF719" s="613"/>
      <c r="JIG719" s="613"/>
      <c r="JIH719" s="613"/>
      <c r="JII719" s="613"/>
      <c r="JIJ719" s="613"/>
      <c r="JIK719" s="613"/>
      <c r="JIL719" s="613"/>
      <c r="JIM719" s="613"/>
      <c r="JIN719" s="613"/>
      <c r="JIO719" s="613"/>
      <c r="JIP719" s="613"/>
      <c r="JIQ719" s="613"/>
      <c r="JIR719" s="613"/>
      <c r="JIS719" s="613"/>
      <c r="JIT719" s="613"/>
      <c r="JIU719" s="613"/>
      <c r="JIV719" s="613"/>
      <c r="JIW719" s="613"/>
      <c r="JIX719" s="613"/>
      <c r="JIY719" s="613"/>
      <c r="JIZ719" s="613"/>
      <c r="JJA719" s="613"/>
      <c r="JJB719" s="613"/>
      <c r="JJC719" s="613"/>
      <c r="JJD719" s="613"/>
      <c r="JJE719" s="613"/>
      <c r="JJF719" s="613"/>
      <c r="JJG719" s="613"/>
      <c r="JJH719" s="613"/>
      <c r="JJI719" s="613"/>
      <c r="JJJ719" s="613"/>
      <c r="JJK719" s="613"/>
      <c r="JJL719" s="613"/>
      <c r="JJM719" s="613"/>
      <c r="JJN719" s="613"/>
      <c r="JJO719" s="613"/>
      <c r="JJP719" s="613"/>
      <c r="JJQ719" s="613"/>
      <c r="JJR719" s="613"/>
      <c r="JJS719" s="613"/>
      <c r="JJT719" s="613"/>
      <c r="JJU719" s="613"/>
      <c r="JJV719" s="613"/>
      <c r="JJW719" s="613"/>
      <c r="JJX719" s="613"/>
      <c r="JJY719" s="613"/>
      <c r="JJZ719" s="613"/>
      <c r="JKA719" s="613"/>
      <c r="JKB719" s="613"/>
      <c r="JKC719" s="613"/>
      <c r="JKD719" s="613"/>
      <c r="JKE719" s="613"/>
      <c r="JKF719" s="613"/>
      <c r="JKG719" s="613"/>
      <c r="JKH719" s="613"/>
      <c r="JKI719" s="613"/>
      <c r="JKJ719" s="613"/>
      <c r="JKK719" s="613"/>
      <c r="JKL719" s="613"/>
      <c r="JKM719" s="613"/>
      <c r="JKN719" s="613"/>
      <c r="JKO719" s="613"/>
      <c r="JKP719" s="613"/>
      <c r="JKQ719" s="613"/>
      <c r="JKR719" s="613"/>
      <c r="JKS719" s="613"/>
      <c r="JKT719" s="613"/>
      <c r="JKU719" s="613"/>
      <c r="JKV719" s="613"/>
      <c r="JKW719" s="613"/>
      <c r="JKX719" s="613"/>
      <c r="JKY719" s="613"/>
      <c r="JKZ719" s="613"/>
      <c r="JLA719" s="613"/>
      <c r="JLB719" s="613"/>
      <c r="JLC719" s="613"/>
      <c r="JLD719" s="613"/>
      <c r="JLE719" s="613"/>
      <c r="JLF719" s="613"/>
      <c r="JLG719" s="613"/>
      <c r="JLH719" s="613"/>
      <c r="JLI719" s="613"/>
      <c r="JLJ719" s="613"/>
      <c r="JLK719" s="613"/>
      <c r="JLL719" s="613"/>
      <c r="JLM719" s="613"/>
      <c r="JLN719" s="613"/>
      <c r="JLO719" s="613"/>
      <c r="JLP719" s="613"/>
      <c r="JLQ719" s="613"/>
      <c r="JLR719" s="613"/>
      <c r="JLS719" s="613"/>
      <c r="JLT719" s="613"/>
      <c r="JLU719" s="613"/>
      <c r="JLV719" s="613"/>
      <c r="JLW719" s="613"/>
      <c r="JLX719" s="613"/>
      <c r="JLY719" s="613"/>
      <c r="JLZ719" s="613"/>
      <c r="JMA719" s="613"/>
      <c r="JMB719" s="613"/>
      <c r="JMC719" s="613"/>
      <c r="JMD719" s="613"/>
      <c r="JME719" s="613"/>
      <c r="JMF719" s="613"/>
      <c r="JMG719" s="613"/>
      <c r="JMH719" s="613"/>
      <c r="JMI719" s="613"/>
      <c r="JMJ719" s="613"/>
      <c r="JMK719" s="613"/>
      <c r="JML719" s="613"/>
      <c r="JMM719" s="613"/>
      <c r="JMN719" s="613"/>
      <c r="JMO719" s="613"/>
      <c r="JMP719" s="613"/>
      <c r="JMQ719" s="613"/>
      <c r="JMR719" s="613"/>
      <c r="JMS719" s="613"/>
      <c r="JMT719" s="613"/>
      <c r="JMU719" s="613"/>
      <c r="JMV719" s="613"/>
      <c r="JMW719" s="613"/>
      <c r="JMX719" s="613"/>
      <c r="JMY719" s="613"/>
      <c r="JMZ719" s="613"/>
      <c r="JNA719" s="613"/>
      <c r="JNB719" s="613"/>
      <c r="JNC719" s="613"/>
      <c r="JND719" s="613"/>
      <c r="JNE719" s="613"/>
      <c r="JNF719" s="613"/>
      <c r="JNG719" s="613"/>
      <c r="JNH719" s="613"/>
      <c r="JNI719" s="613"/>
      <c r="JNJ719" s="613"/>
      <c r="JNK719" s="613"/>
      <c r="JNL719" s="613"/>
      <c r="JNM719" s="613"/>
      <c r="JNN719" s="613"/>
      <c r="JNO719" s="613"/>
      <c r="JNP719" s="613"/>
      <c r="JNQ719" s="613"/>
      <c r="JNR719" s="613"/>
      <c r="JNS719" s="613"/>
      <c r="JNT719" s="613"/>
      <c r="JNU719" s="613"/>
      <c r="JNV719" s="613"/>
      <c r="JNW719" s="613"/>
      <c r="JNX719" s="613"/>
      <c r="JNY719" s="613"/>
      <c r="JNZ719" s="613"/>
      <c r="JOA719" s="613"/>
      <c r="JOB719" s="613"/>
      <c r="JOC719" s="613"/>
      <c r="JOD719" s="613"/>
      <c r="JOE719" s="613"/>
      <c r="JOF719" s="613"/>
      <c r="JOG719" s="613"/>
      <c r="JOH719" s="613"/>
      <c r="JOI719" s="613"/>
      <c r="JOJ719" s="613"/>
      <c r="JOK719" s="613"/>
      <c r="JOL719" s="613"/>
      <c r="JOM719" s="613"/>
      <c r="JON719" s="613"/>
      <c r="JOO719" s="613"/>
      <c r="JOP719" s="613"/>
      <c r="JOQ719" s="613"/>
      <c r="JOR719" s="613"/>
      <c r="JOS719" s="613"/>
      <c r="JOT719" s="613"/>
      <c r="JOU719" s="613"/>
      <c r="JOV719" s="613"/>
      <c r="JOW719" s="613"/>
      <c r="JOX719" s="613"/>
      <c r="JOY719" s="613"/>
      <c r="JOZ719" s="613"/>
      <c r="JPA719" s="613"/>
      <c r="JPB719" s="613"/>
      <c r="JPC719" s="613"/>
      <c r="JPD719" s="613"/>
      <c r="JPE719" s="613"/>
      <c r="JPF719" s="613"/>
      <c r="JPG719" s="613"/>
      <c r="JPH719" s="613"/>
      <c r="JPI719" s="613"/>
      <c r="JPJ719" s="613"/>
      <c r="JPK719" s="613"/>
      <c r="JPL719" s="613"/>
      <c r="JPM719" s="613"/>
      <c r="JPN719" s="613"/>
      <c r="JPO719" s="613"/>
      <c r="JPP719" s="613"/>
      <c r="JPQ719" s="613"/>
      <c r="JPR719" s="613"/>
      <c r="JPS719" s="613"/>
      <c r="JPT719" s="613"/>
      <c r="JPU719" s="613"/>
      <c r="JPV719" s="613"/>
      <c r="JPW719" s="613"/>
      <c r="JPX719" s="613"/>
      <c r="JPY719" s="613"/>
      <c r="JPZ719" s="613"/>
      <c r="JQA719" s="613"/>
      <c r="JQB719" s="613"/>
      <c r="JQC719" s="613"/>
      <c r="JQD719" s="613"/>
      <c r="JQE719" s="613"/>
      <c r="JQF719" s="613"/>
      <c r="JQG719" s="613"/>
      <c r="JQH719" s="613"/>
      <c r="JQI719" s="613"/>
      <c r="JQJ719" s="613"/>
      <c r="JQK719" s="613"/>
      <c r="JQL719" s="613"/>
      <c r="JQM719" s="613"/>
      <c r="JQN719" s="613"/>
      <c r="JQO719" s="613"/>
      <c r="JQP719" s="613"/>
      <c r="JQQ719" s="613"/>
      <c r="JQR719" s="613"/>
      <c r="JQS719" s="613"/>
      <c r="JQT719" s="613"/>
      <c r="JQU719" s="613"/>
      <c r="JQV719" s="613"/>
      <c r="JQW719" s="613"/>
      <c r="JQX719" s="613"/>
      <c r="JQY719" s="613"/>
      <c r="JQZ719" s="613"/>
      <c r="JRA719" s="613"/>
      <c r="JRB719" s="613"/>
      <c r="JRC719" s="613"/>
      <c r="JRD719" s="613"/>
      <c r="JRE719" s="613"/>
      <c r="JRF719" s="613"/>
      <c r="JRG719" s="613"/>
      <c r="JRH719" s="613"/>
      <c r="JRI719" s="613"/>
      <c r="JRJ719" s="613"/>
      <c r="JRK719" s="613"/>
      <c r="JRL719" s="613"/>
      <c r="JRM719" s="613"/>
      <c r="JRN719" s="613"/>
      <c r="JRO719" s="613"/>
      <c r="JRP719" s="613"/>
      <c r="JRQ719" s="613"/>
      <c r="JRR719" s="613"/>
      <c r="JRS719" s="613"/>
      <c r="JRT719" s="613"/>
      <c r="JRU719" s="613"/>
      <c r="JRV719" s="613"/>
      <c r="JRW719" s="613"/>
      <c r="JRX719" s="613"/>
      <c r="JRY719" s="613"/>
      <c r="JRZ719" s="613"/>
      <c r="JSA719" s="613"/>
      <c r="JSB719" s="613"/>
      <c r="JSC719" s="613"/>
      <c r="JSD719" s="613"/>
      <c r="JSE719" s="613"/>
      <c r="JSF719" s="613"/>
      <c r="JSG719" s="613"/>
      <c r="JSH719" s="613"/>
      <c r="JSI719" s="613"/>
      <c r="JSJ719" s="613"/>
      <c r="JSK719" s="613"/>
      <c r="JSL719" s="613"/>
      <c r="JSM719" s="613"/>
      <c r="JSN719" s="613"/>
      <c r="JSO719" s="613"/>
      <c r="JSP719" s="613"/>
      <c r="JSQ719" s="613"/>
      <c r="JSR719" s="613"/>
      <c r="JSS719" s="613"/>
      <c r="JST719" s="613"/>
      <c r="JSU719" s="613"/>
      <c r="JSV719" s="613"/>
      <c r="JSW719" s="613"/>
      <c r="JSX719" s="613"/>
      <c r="JSY719" s="613"/>
      <c r="JSZ719" s="613"/>
      <c r="JTA719" s="613"/>
      <c r="JTB719" s="613"/>
      <c r="JTC719" s="613"/>
      <c r="JTD719" s="613"/>
      <c r="JTE719" s="613"/>
      <c r="JTF719" s="613"/>
      <c r="JTG719" s="613"/>
      <c r="JTH719" s="613"/>
      <c r="JTI719" s="613"/>
      <c r="JTJ719" s="613"/>
      <c r="JTK719" s="613"/>
      <c r="JTL719" s="613"/>
      <c r="JTM719" s="613"/>
      <c r="JTN719" s="613"/>
      <c r="JTO719" s="613"/>
      <c r="JTP719" s="613"/>
      <c r="JTQ719" s="613"/>
      <c r="JTR719" s="613"/>
      <c r="JTS719" s="613"/>
      <c r="JTT719" s="613"/>
      <c r="JTU719" s="613"/>
      <c r="JTV719" s="613"/>
      <c r="JTW719" s="613"/>
      <c r="JTX719" s="613"/>
      <c r="JTY719" s="613"/>
      <c r="JTZ719" s="613"/>
      <c r="JUA719" s="613"/>
      <c r="JUB719" s="613"/>
      <c r="JUC719" s="613"/>
      <c r="JUD719" s="613"/>
      <c r="JUE719" s="613"/>
      <c r="JUF719" s="613"/>
      <c r="JUG719" s="613"/>
      <c r="JUH719" s="613"/>
      <c r="JUI719" s="613"/>
      <c r="JUJ719" s="613"/>
      <c r="JUK719" s="613"/>
      <c r="JUL719" s="613"/>
      <c r="JUM719" s="613"/>
      <c r="JUN719" s="613"/>
      <c r="JUO719" s="613"/>
      <c r="JUP719" s="613"/>
      <c r="JUQ719" s="613"/>
      <c r="JUR719" s="613"/>
      <c r="JUS719" s="613"/>
      <c r="JUT719" s="613"/>
      <c r="JUU719" s="613"/>
      <c r="JUV719" s="613"/>
      <c r="JUW719" s="613"/>
      <c r="JUX719" s="613"/>
      <c r="JUY719" s="613"/>
      <c r="JUZ719" s="613"/>
      <c r="JVA719" s="613"/>
      <c r="JVB719" s="613"/>
      <c r="JVC719" s="613"/>
      <c r="JVD719" s="613"/>
      <c r="JVE719" s="613"/>
      <c r="JVF719" s="613"/>
      <c r="JVG719" s="613"/>
      <c r="JVH719" s="613"/>
      <c r="JVI719" s="613"/>
      <c r="JVJ719" s="613"/>
      <c r="JVK719" s="613"/>
      <c r="JVL719" s="613"/>
      <c r="JVM719" s="613"/>
      <c r="JVN719" s="613"/>
      <c r="JVO719" s="613"/>
      <c r="JVP719" s="613"/>
      <c r="JVQ719" s="613"/>
      <c r="JVR719" s="613"/>
      <c r="JVS719" s="613"/>
      <c r="JVT719" s="613"/>
      <c r="JVU719" s="613"/>
      <c r="JVV719" s="613"/>
      <c r="JVW719" s="613"/>
      <c r="JVX719" s="613"/>
      <c r="JVY719" s="613"/>
      <c r="JVZ719" s="613"/>
      <c r="JWA719" s="613"/>
      <c r="JWB719" s="613"/>
      <c r="JWC719" s="613"/>
      <c r="JWD719" s="613"/>
      <c r="JWE719" s="613"/>
      <c r="JWF719" s="613"/>
      <c r="JWG719" s="613"/>
      <c r="JWH719" s="613"/>
      <c r="JWI719" s="613"/>
      <c r="JWJ719" s="613"/>
      <c r="JWK719" s="613"/>
      <c r="JWL719" s="613"/>
      <c r="JWM719" s="613"/>
      <c r="JWN719" s="613"/>
      <c r="JWO719" s="613"/>
      <c r="JWP719" s="613"/>
      <c r="JWQ719" s="613"/>
      <c r="JWR719" s="613"/>
      <c r="JWS719" s="613"/>
      <c r="JWT719" s="613"/>
      <c r="JWU719" s="613"/>
      <c r="JWV719" s="613"/>
      <c r="JWW719" s="613"/>
      <c r="JWX719" s="613"/>
      <c r="JWY719" s="613"/>
      <c r="JWZ719" s="613"/>
      <c r="JXA719" s="613"/>
      <c r="JXB719" s="613"/>
      <c r="JXC719" s="613"/>
      <c r="JXD719" s="613"/>
      <c r="JXE719" s="613"/>
      <c r="JXF719" s="613"/>
      <c r="JXG719" s="613"/>
      <c r="JXH719" s="613"/>
      <c r="JXI719" s="613"/>
      <c r="JXJ719" s="613"/>
      <c r="JXK719" s="613"/>
      <c r="JXL719" s="613"/>
      <c r="JXM719" s="613"/>
      <c r="JXN719" s="613"/>
      <c r="JXO719" s="613"/>
      <c r="JXP719" s="613"/>
      <c r="JXQ719" s="613"/>
      <c r="JXR719" s="613"/>
      <c r="JXS719" s="613"/>
      <c r="JXT719" s="613"/>
      <c r="JXU719" s="613"/>
      <c r="JXV719" s="613"/>
      <c r="JXW719" s="613"/>
      <c r="JXX719" s="613"/>
      <c r="JXY719" s="613"/>
      <c r="JXZ719" s="613"/>
      <c r="JYA719" s="613"/>
      <c r="JYB719" s="613"/>
      <c r="JYC719" s="613"/>
      <c r="JYD719" s="613"/>
      <c r="JYE719" s="613"/>
      <c r="JYF719" s="613"/>
      <c r="JYG719" s="613"/>
      <c r="JYH719" s="613"/>
      <c r="JYI719" s="613"/>
      <c r="JYJ719" s="613"/>
      <c r="JYK719" s="613"/>
      <c r="JYL719" s="613"/>
      <c r="JYM719" s="613"/>
      <c r="JYN719" s="613"/>
      <c r="JYO719" s="613"/>
      <c r="JYP719" s="613"/>
      <c r="JYQ719" s="613"/>
      <c r="JYR719" s="613"/>
      <c r="JYS719" s="613"/>
      <c r="JYT719" s="613"/>
      <c r="JYU719" s="613"/>
      <c r="JYV719" s="613"/>
      <c r="JYW719" s="613"/>
      <c r="JYX719" s="613"/>
      <c r="JYY719" s="613"/>
      <c r="JYZ719" s="613"/>
      <c r="JZA719" s="613"/>
      <c r="JZB719" s="613"/>
      <c r="JZC719" s="613"/>
      <c r="JZD719" s="613"/>
      <c r="JZE719" s="613"/>
      <c r="JZF719" s="613"/>
      <c r="JZG719" s="613"/>
      <c r="JZH719" s="613"/>
      <c r="JZI719" s="613"/>
      <c r="JZJ719" s="613"/>
      <c r="JZK719" s="613"/>
      <c r="JZL719" s="613"/>
      <c r="JZM719" s="613"/>
      <c r="JZN719" s="613"/>
      <c r="JZO719" s="613"/>
      <c r="JZP719" s="613"/>
      <c r="JZQ719" s="613"/>
      <c r="JZR719" s="613"/>
      <c r="JZS719" s="613"/>
      <c r="JZT719" s="613"/>
      <c r="JZU719" s="613"/>
      <c r="JZV719" s="613"/>
      <c r="JZW719" s="613"/>
      <c r="JZX719" s="613"/>
      <c r="JZY719" s="613"/>
      <c r="JZZ719" s="613"/>
      <c r="KAA719" s="613"/>
      <c r="KAB719" s="613"/>
      <c r="KAC719" s="613"/>
      <c r="KAD719" s="613"/>
      <c r="KAE719" s="613"/>
      <c r="KAF719" s="613"/>
      <c r="KAG719" s="613"/>
      <c r="KAH719" s="613"/>
      <c r="KAI719" s="613"/>
      <c r="KAJ719" s="613"/>
      <c r="KAK719" s="613"/>
      <c r="KAL719" s="613"/>
      <c r="KAM719" s="613"/>
      <c r="KAN719" s="613"/>
      <c r="KAO719" s="613"/>
      <c r="KAP719" s="613"/>
      <c r="KAQ719" s="613"/>
      <c r="KAR719" s="613"/>
      <c r="KAS719" s="613"/>
      <c r="KAT719" s="613"/>
      <c r="KAU719" s="613"/>
      <c r="KAV719" s="613"/>
      <c r="KAW719" s="613"/>
      <c r="KAX719" s="613"/>
      <c r="KAY719" s="613"/>
      <c r="KAZ719" s="613"/>
      <c r="KBA719" s="613"/>
      <c r="KBB719" s="613"/>
      <c r="KBC719" s="613"/>
      <c r="KBD719" s="613"/>
      <c r="KBE719" s="613"/>
      <c r="KBF719" s="613"/>
      <c r="KBG719" s="613"/>
      <c r="KBH719" s="613"/>
      <c r="KBI719" s="613"/>
      <c r="KBJ719" s="613"/>
      <c r="KBK719" s="613"/>
      <c r="KBL719" s="613"/>
      <c r="KBM719" s="613"/>
      <c r="KBN719" s="613"/>
      <c r="KBO719" s="613"/>
      <c r="KBP719" s="613"/>
      <c r="KBQ719" s="613"/>
      <c r="KBR719" s="613"/>
      <c r="KBS719" s="613"/>
      <c r="KBT719" s="613"/>
      <c r="KBU719" s="613"/>
      <c r="KBV719" s="613"/>
      <c r="KBW719" s="613"/>
      <c r="KBX719" s="613"/>
      <c r="KBY719" s="613"/>
      <c r="KBZ719" s="613"/>
      <c r="KCA719" s="613"/>
      <c r="KCB719" s="613"/>
      <c r="KCC719" s="613"/>
      <c r="KCD719" s="613"/>
      <c r="KCE719" s="613"/>
      <c r="KCF719" s="613"/>
      <c r="KCG719" s="613"/>
      <c r="KCH719" s="613"/>
      <c r="KCI719" s="613"/>
      <c r="KCJ719" s="613"/>
      <c r="KCK719" s="613"/>
      <c r="KCL719" s="613"/>
      <c r="KCM719" s="613"/>
      <c r="KCN719" s="613"/>
      <c r="KCO719" s="613"/>
      <c r="KCP719" s="613"/>
      <c r="KCQ719" s="613"/>
      <c r="KCR719" s="613"/>
      <c r="KCS719" s="613"/>
      <c r="KCT719" s="613"/>
      <c r="KCU719" s="613"/>
      <c r="KCV719" s="613"/>
      <c r="KCW719" s="613"/>
      <c r="KCX719" s="613"/>
      <c r="KCY719" s="613"/>
      <c r="KCZ719" s="613"/>
      <c r="KDA719" s="613"/>
      <c r="KDB719" s="613"/>
      <c r="KDC719" s="613"/>
      <c r="KDD719" s="613"/>
      <c r="KDE719" s="613"/>
      <c r="KDF719" s="613"/>
      <c r="KDG719" s="613"/>
      <c r="KDH719" s="613"/>
      <c r="KDI719" s="613"/>
      <c r="KDJ719" s="613"/>
      <c r="KDK719" s="613"/>
      <c r="KDL719" s="613"/>
      <c r="KDM719" s="613"/>
      <c r="KDN719" s="613"/>
      <c r="KDO719" s="613"/>
      <c r="KDP719" s="613"/>
      <c r="KDQ719" s="613"/>
      <c r="KDR719" s="613"/>
      <c r="KDS719" s="613"/>
      <c r="KDT719" s="613"/>
      <c r="KDU719" s="613"/>
      <c r="KDV719" s="613"/>
      <c r="KDW719" s="613"/>
      <c r="KDX719" s="613"/>
      <c r="KDY719" s="613"/>
      <c r="KDZ719" s="613"/>
      <c r="KEA719" s="613"/>
      <c r="KEB719" s="613"/>
      <c r="KEC719" s="613"/>
      <c r="KED719" s="613"/>
      <c r="KEE719" s="613"/>
      <c r="KEF719" s="613"/>
      <c r="KEG719" s="613"/>
      <c r="KEH719" s="613"/>
      <c r="KEI719" s="613"/>
      <c r="KEJ719" s="613"/>
      <c r="KEK719" s="613"/>
      <c r="KEL719" s="613"/>
      <c r="KEM719" s="613"/>
      <c r="KEN719" s="613"/>
      <c r="KEO719" s="613"/>
      <c r="KEP719" s="613"/>
      <c r="KEQ719" s="613"/>
      <c r="KER719" s="613"/>
      <c r="KES719" s="613"/>
      <c r="KET719" s="613"/>
      <c r="KEU719" s="613"/>
      <c r="KEV719" s="613"/>
      <c r="KEW719" s="613"/>
      <c r="KEX719" s="613"/>
      <c r="KEY719" s="613"/>
      <c r="KEZ719" s="613"/>
      <c r="KFA719" s="613"/>
      <c r="KFB719" s="613"/>
      <c r="KFC719" s="613"/>
      <c r="KFD719" s="613"/>
      <c r="KFE719" s="613"/>
      <c r="KFF719" s="613"/>
      <c r="KFG719" s="613"/>
      <c r="KFH719" s="613"/>
      <c r="KFI719" s="613"/>
      <c r="KFJ719" s="613"/>
      <c r="KFK719" s="613"/>
      <c r="KFL719" s="613"/>
      <c r="KFM719" s="613"/>
      <c r="KFN719" s="613"/>
      <c r="KFO719" s="613"/>
      <c r="KFP719" s="613"/>
      <c r="KFQ719" s="613"/>
      <c r="KFR719" s="613"/>
      <c r="KFS719" s="613"/>
      <c r="KFT719" s="613"/>
      <c r="KFU719" s="613"/>
      <c r="KFV719" s="613"/>
      <c r="KFW719" s="613"/>
      <c r="KFX719" s="613"/>
      <c r="KFY719" s="613"/>
      <c r="KFZ719" s="613"/>
      <c r="KGA719" s="613"/>
      <c r="KGB719" s="613"/>
      <c r="KGC719" s="613"/>
      <c r="KGD719" s="613"/>
      <c r="KGE719" s="613"/>
      <c r="KGF719" s="613"/>
      <c r="KGG719" s="613"/>
      <c r="KGH719" s="613"/>
      <c r="KGI719" s="613"/>
      <c r="KGJ719" s="613"/>
      <c r="KGK719" s="613"/>
      <c r="KGL719" s="613"/>
      <c r="KGM719" s="613"/>
      <c r="KGN719" s="613"/>
      <c r="KGO719" s="613"/>
      <c r="KGP719" s="613"/>
      <c r="KGQ719" s="613"/>
      <c r="KGR719" s="613"/>
      <c r="KGS719" s="613"/>
      <c r="KGT719" s="613"/>
      <c r="KGU719" s="613"/>
      <c r="KGV719" s="613"/>
      <c r="KGW719" s="613"/>
      <c r="KGX719" s="613"/>
      <c r="KGY719" s="613"/>
      <c r="KGZ719" s="613"/>
      <c r="KHA719" s="613"/>
      <c r="KHB719" s="613"/>
      <c r="KHC719" s="613"/>
      <c r="KHD719" s="613"/>
      <c r="KHE719" s="613"/>
      <c r="KHF719" s="613"/>
      <c r="KHG719" s="613"/>
      <c r="KHH719" s="613"/>
      <c r="KHI719" s="613"/>
      <c r="KHJ719" s="613"/>
      <c r="KHK719" s="613"/>
      <c r="KHL719" s="613"/>
      <c r="KHM719" s="613"/>
      <c r="KHN719" s="613"/>
      <c r="KHO719" s="613"/>
      <c r="KHP719" s="613"/>
      <c r="KHQ719" s="613"/>
      <c r="KHR719" s="613"/>
      <c r="KHS719" s="613"/>
      <c r="KHT719" s="613"/>
      <c r="KHU719" s="613"/>
      <c r="KHV719" s="613"/>
      <c r="KHW719" s="613"/>
      <c r="KHX719" s="613"/>
      <c r="KHY719" s="613"/>
      <c r="KHZ719" s="613"/>
      <c r="KIA719" s="613"/>
      <c r="KIB719" s="613"/>
      <c r="KIC719" s="613"/>
      <c r="KID719" s="613"/>
      <c r="KIE719" s="613"/>
      <c r="KIF719" s="613"/>
      <c r="KIG719" s="613"/>
      <c r="KIH719" s="613"/>
      <c r="KII719" s="613"/>
      <c r="KIJ719" s="613"/>
      <c r="KIK719" s="613"/>
      <c r="KIL719" s="613"/>
      <c r="KIM719" s="613"/>
      <c r="KIN719" s="613"/>
      <c r="KIO719" s="613"/>
      <c r="KIP719" s="613"/>
      <c r="KIQ719" s="613"/>
      <c r="KIR719" s="613"/>
      <c r="KIS719" s="613"/>
      <c r="KIT719" s="613"/>
      <c r="KIU719" s="613"/>
      <c r="KIV719" s="613"/>
      <c r="KIW719" s="613"/>
      <c r="KIX719" s="613"/>
      <c r="KIY719" s="613"/>
      <c r="KIZ719" s="613"/>
      <c r="KJA719" s="613"/>
      <c r="KJB719" s="613"/>
      <c r="KJC719" s="613"/>
      <c r="KJD719" s="613"/>
      <c r="KJE719" s="613"/>
      <c r="KJF719" s="613"/>
      <c r="KJG719" s="613"/>
      <c r="KJH719" s="613"/>
      <c r="KJI719" s="613"/>
      <c r="KJJ719" s="613"/>
      <c r="KJK719" s="613"/>
      <c r="KJL719" s="613"/>
      <c r="KJM719" s="613"/>
      <c r="KJN719" s="613"/>
      <c r="KJO719" s="613"/>
      <c r="KJP719" s="613"/>
      <c r="KJQ719" s="613"/>
      <c r="KJR719" s="613"/>
      <c r="KJS719" s="613"/>
      <c r="KJT719" s="613"/>
      <c r="KJU719" s="613"/>
      <c r="KJV719" s="613"/>
      <c r="KJW719" s="613"/>
      <c r="KJX719" s="613"/>
      <c r="KJY719" s="613"/>
      <c r="KJZ719" s="613"/>
      <c r="KKA719" s="613"/>
      <c r="KKB719" s="613"/>
      <c r="KKC719" s="613"/>
      <c r="KKD719" s="613"/>
      <c r="KKE719" s="613"/>
      <c r="KKF719" s="613"/>
      <c r="KKG719" s="613"/>
      <c r="KKH719" s="613"/>
      <c r="KKI719" s="613"/>
      <c r="KKJ719" s="613"/>
      <c r="KKK719" s="613"/>
      <c r="KKL719" s="613"/>
      <c r="KKM719" s="613"/>
      <c r="KKN719" s="613"/>
      <c r="KKO719" s="613"/>
      <c r="KKP719" s="613"/>
      <c r="KKQ719" s="613"/>
      <c r="KKR719" s="613"/>
      <c r="KKS719" s="613"/>
      <c r="KKT719" s="613"/>
      <c r="KKU719" s="613"/>
      <c r="KKV719" s="613"/>
      <c r="KKW719" s="613"/>
      <c r="KKX719" s="613"/>
      <c r="KKY719" s="613"/>
      <c r="KKZ719" s="613"/>
      <c r="KLA719" s="613"/>
      <c r="KLB719" s="613"/>
      <c r="KLC719" s="613"/>
      <c r="KLD719" s="613"/>
      <c r="KLE719" s="613"/>
      <c r="KLF719" s="613"/>
      <c r="KLG719" s="613"/>
      <c r="KLH719" s="613"/>
      <c r="KLI719" s="613"/>
      <c r="KLJ719" s="613"/>
      <c r="KLK719" s="613"/>
      <c r="KLL719" s="613"/>
      <c r="KLM719" s="613"/>
      <c r="KLN719" s="613"/>
      <c r="KLO719" s="613"/>
      <c r="KLP719" s="613"/>
      <c r="KLQ719" s="613"/>
      <c r="KLR719" s="613"/>
      <c r="KLS719" s="613"/>
      <c r="KLT719" s="613"/>
      <c r="KLU719" s="613"/>
      <c r="KLV719" s="613"/>
      <c r="KLW719" s="613"/>
      <c r="KLX719" s="613"/>
      <c r="KLY719" s="613"/>
      <c r="KLZ719" s="613"/>
      <c r="KMA719" s="613"/>
      <c r="KMB719" s="613"/>
      <c r="KMC719" s="613"/>
      <c r="KMD719" s="613"/>
      <c r="KME719" s="613"/>
      <c r="KMF719" s="613"/>
      <c r="KMG719" s="613"/>
      <c r="KMH719" s="613"/>
      <c r="KMI719" s="613"/>
      <c r="KMJ719" s="613"/>
      <c r="KMK719" s="613"/>
      <c r="KML719" s="613"/>
      <c r="KMM719" s="613"/>
      <c r="KMN719" s="613"/>
      <c r="KMO719" s="613"/>
      <c r="KMP719" s="613"/>
      <c r="KMQ719" s="613"/>
      <c r="KMR719" s="613"/>
      <c r="KMS719" s="613"/>
      <c r="KMT719" s="613"/>
      <c r="KMU719" s="613"/>
      <c r="KMV719" s="613"/>
      <c r="KMW719" s="613"/>
      <c r="KMX719" s="613"/>
      <c r="KMY719" s="613"/>
      <c r="KMZ719" s="613"/>
      <c r="KNA719" s="613"/>
      <c r="KNB719" s="613"/>
      <c r="KNC719" s="613"/>
      <c r="KND719" s="613"/>
      <c r="KNE719" s="613"/>
      <c r="KNF719" s="613"/>
      <c r="KNG719" s="613"/>
      <c r="KNH719" s="613"/>
      <c r="KNI719" s="613"/>
      <c r="KNJ719" s="613"/>
      <c r="KNK719" s="613"/>
      <c r="KNL719" s="613"/>
      <c r="KNM719" s="613"/>
      <c r="KNN719" s="613"/>
      <c r="KNO719" s="613"/>
      <c r="KNP719" s="613"/>
      <c r="KNQ719" s="613"/>
      <c r="KNR719" s="613"/>
      <c r="KNS719" s="613"/>
      <c r="KNT719" s="613"/>
      <c r="KNU719" s="613"/>
      <c r="KNV719" s="613"/>
      <c r="KNW719" s="613"/>
      <c r="KNX719" s="613"/>
      <c r="KNY719" s="613"/>
      <c r="KNZ719" s="613"/>
      <c r="KOA719" s="613"/>
      <c r="KOB719" s="613"/>
      <c r="KOC719" s="613"/>
      <c r="KOD719" s="613"/>
      <c r="KOE719" s="613"/>
      <c r="KOF719" s="613"/>
      <c r="KOG719" s="613"/>
      <c r="KOH719" s="613"/>
      <c r="KOI719" s="613"/>
      <c r="KOJ719" s="613"/>
      <c r="KOK719" s="613"/>
      <c r="KOL719" s="613"/>
      <c r="KOM719" s="613"/>
      <c r="KON719" s="613"/>
      <c r="KOO719" s="613"/>
      <c r="KOP719" s="613"/>
      <c r="KOQ719" s="613"/>
      <c r="KOR719" s="613"/>
      <c r="KOS719" s="613"/>
      <c r="KOT719" s="613"/>
      <c r="KOU719" s="613"/>
      <c r="KOV719" s="613"/>
      <c r="KOW719" s="613"/>
      <c r="KOX719" s="613"/>
      <c r="KOY719" s="613"/>
      <c r="KOZ719" s="613"/>
      <c r="KPA719" s="613"/>
      <c r="KPB719" s="613"/>
      <c r="KPC719" s="613"/>
      <c r="KPD719" s="613"/>
      <c r="KPE719" s="613"/>
      <c r="KPF719" s="613"/>
      <c r="KPG719" s="613"/>
      <c r="KPH719" s="613"/>
      <c r="KPI719" s="613"/>
      <c r="KPJ719" s="613"/>
      <c r="KPK719" s="613"/>
      <c r="KPL719" s="613"/>
      <c r="KPM719" s="613"/>
      <c r="KPN719" s="613"/>
      <c r="KPO719" s="613"/>
      <c r="KPP719" s="613"/>
      <c r="KPQ719" s="613"/>
      <c r="KPR719" s="613"/>
      <c r="KPS719" s="613"/>
      <c r="KPT719" s="613"/>
      <c r="KPU719" s="613"/>
      <c r="KPV719" s="613"/>
      <c r="KPW719" s="613"/>
      <c r="KPX719" s="613"/>
      <c r="KPY719" s="613"/>
      <c r="KPZ719" s="613"/>
      <c r="KQA719" s="613"/>
      <c r="KQB719" s="613"/>
      <c r="KQC719" s="613"/>
      <c r="KQD719" s="613"/>
      <c r="KQE719" s="613"/>
      <c r="KQF719" s="613"/>
      <c r="KQG719" s="613"/>
      <c r="KQH719" s="613"/>
      <c r="KQI719" s="613"/>
      <c r="KQJ719" s="613"/>
      <c r="KQK719" s="613"/>
      <c r="KQL719" s="613"/>
      <c r="KQM719" s="613"/>
      <c r="KQN719" s="613"/>
      <c r="KQO719" s="613"/>
      <c r="KQP719" s="613"/>
      <c r="KQQ719" s="613"/>
      <c r="KQR719" s="613"/>
      <c r="KQS719" s="613"/>
      <c r="KQT719" s="613"/>
      <c r="KQU719" s="613"/>
      <c r="KQV719" s="613"/>
      <c r="KQW719" s="613"/>
      <c r="KQX719" s="613"/>
      <c r="KQY719" s="613"/>
      <c r="KQZ719" s="613"/>
      <c r="KRA719" s="613"/>
      <c r="KRB719" s="613"/>
      <c r="KRC719" s="613"/>
      <c r="KRD719" s="613"/>
      <c r="KRE719" s="613"/>
      <c r="KRF719" s="613"/>
      <c r="KRG719" s="613"/>
      <c r="KRH719" s="613"/>
      <c r="KRI719" s="613"/>
      <c r="KRJ719" s="613"/>
      <c r="KRK719" s="613"/>
      <c r="KRL719" s="613"/>
      <c r="KRM719" s="613"/>
      <c r="KRN719" s="613"/>
      <c r="KRO719" s="613"/>
      <c r="KRP719" s="613"/>
      <c r="KRQ719" s="613"/>
      <c r="KRR719" s="613"/>
      <c r="KRS719" s="613"/>
      <c r="KRT719" s="613"/>
      <c r="KRU719" s="613"/>
      <c r="KRV719" s="613"/>
      <c r="KRW719" s="613"/>
      <c r="KRX719" s="613"/>
      <c r="KRY719" s="613"/>
      <c r="KRZ719" s="613"/>
      <c r="KSA719" s="613"/>
      <c r="KSB719" s="613"/>
      <c r="KSC719" s="613"/>
      <c r="KSD719" s="613"/>
      <c r="KSE719" s="613"/>
      <c r="KSF719" s="613"/>
      <c r="KSG719" s="613"/>
      <c r="KSH719" s="613"/>
      <c r="KSI719" s="613"/>
      <c r="KSJ719" s="613"/>
      <c r="KSK719" s="613"/>
      <c r="KSL719" s="613"/>
      <c r="KSM719" s="613"/>
      <c r="KSN719" s="613"/>
      <c r="KSO719" s="613"/>
      <c r="KSP719" s="613"/>
      <c r="KSQ719" s="613"/>
      <c r="KSR719" s="613"/>
      <c r="KSS719" s="613"/>
      <c r="KST719" s="613"/>
      <c r="KSU719" s="613"/>
      <c r="KSV719" s="613"/>
      <c r="KSW719" s="613"/>
      <c r="KSX719" s="613"/>
      <c r="KSY719" s="613"/>
      <c r="KSZ719" s="613"/>
      <c r="KTA719" s="613"/>
      <c r="KTB719" s="613"/>
      <c r="KTC719" s="613"/>
      <c r="KTD719" s="613"/>
      <c r="KTE719" s="613"/>
      <c r="KTF719" s="613"/>
      <c r="KTG719" s="613"/>
      <c r="KTH719" s="613"/>
      <c r="KTI719" s="613"/>
      <c r="KTJ719" s="613"/>
      <c r="KTK719" s="613"/>
      <c r="KTL719" s="613"/>
      <c r="KTM719" s="613"/>
      <c r="KTN719" s="613"/>
      <c r="KTO719" s="613"/>
      <c r="KTP719" s="613"/>
      <c r="KTQ719" s="613"/>
      <c r="KTR719" s="613"/>
      <c r="KTS719" s="613"/>
      <c r="KTT719" s="613"/>
      <c r="KTU719" s="613"/>
      <c r="KTV719" s="613"/>
      <c r="KTW719" s="613"/>
      <c r="KTX719" s="613"/>
      <c r="KTY719" s="613"/>
      <c r="KTZ719" s="613"/>
      <c r="KUA719" s="613"/>
      <c r="KUB719" s="613"/>
      <c r="KUC719" s="613"/>
      <c r="KUD719" s="613"/>
      <c r="KUE719" s="613"/>
      <c r="KUF719" s="613"/>
      <c r="KUG719" s="613"/>
      <c r="KUH719" s="613"/>
      <c r="KUI719" s="613"/>
      <c r="KUJ719" s="613"/>
      <c r="KUK719" s="613"/>
      <c r="KUL719" s="613"/>
      <c r="KUM719" s="613"/>
      <c r="KUN719" s="613"/>
      <c r="KUO719" s="613"/>
      <c r="KUP719" s="613"/>
      <c r="KUQ719" s="613"/>
      <c r="KUR719" s="613"/>
      <c r="KUS719" s="613"/>
      <c r="KUT719" s="613"/>
      <c r="KUU719" s="613"/>
      <c r="KUV719" s="613"/>
      <c r="KUW719" s="613"/>
      <c r="KUX719" s="613"/>
      <c r="KUY719" s="613"/>
      <c r="KUZ719" s="613"/>
      <c r="KVA719" s="613"/>
      <c r="KVB719" s="613"/>
      <c r="KVC719" s="613"/>
      <c r="KVD719" s="613"/>
      <c r="KVE719" s="613"/>
      <c r="KVF719" s="613"/>
      <c r="KVG719" s="613"/>
      <c r="KVH719" s="613"/>
      <c r="KVI719" s="613"/>
      <c r="KVJ719" s="613"/>
      <c r="KVK719" s="613"/>
      <c r="KVL719" s="613"/>
      <c r="KVM719" s="613"/>
      <c r="KVN719" s="613"/>
      <c r="KVO719" s="613"/>
      <c r="KVP719" s="613"/>
      <c r="KVQ719" s="613"/>
      <c r="KVR719" s="613"/>
      <c r="KVS719" s="613"/>
      <c r="KVT719" s="613"/>
      <c r="KVU719" s="613"/>
      <c r="KVV719" s="613"/>
      <c r="KVW719" s="613"/>
      <c r="KVX719" s="613"/>
      <c r="KVY719" s="613"/>
      <c r="KVZ719" s="613"/>
      <c r="KWA719" s="613"/>
      <c r="KWB719" s="613"/>
      <c r="KWC719" s="613"/>
      <c r="KWD719" s="613"/>
      <c r="KWE719" s="613"/>
      <c r="KWF719" s="613"/>
      <c r="KWG719" s="613"/>
      <c r="KWH719" s="613"/>
      <c r="KWI719" s="613"/>
      <c r="KWJ719" s="613"/>
      <c r="KWK719" s="613"/>
      <c r="KWL719" s="613"/>
      <c r="KWM719" s="613"/>
      <c r="KWN719" s="613"/>
      <c r="KWO719" s="613"/>
      <c r="KWP719" s="613"/>
      <c r="KWQ719" s="613"/>
      <c r="KWR719" s="613"/>
      <c r="KWS719" s="613"/>
      <c r="KWT719" s="613"/>
      <c r="KWU719" s="613"/>
      <c r="KWV719" s="613"/>
      <c r="KWW719" s="613"/>
      <c r="KWX719" s="613"/>
      <c r="KWY719" s="613"/>
      <c r="KWZ719" s="613"/>
      <c r="KXA719" s="613"/>
      <c r="KXB719" s="613"/>
      <c r="KXC719" s="613"/>
      <c r="KXD719" s="613"/>
      <c r="KXE719" s="613"/>
      <c r="KXF719" s="613"/>
      <c r="KXG719" s="613"/>
      <c r="KXH719" s="613"/>
      <c r="KXI719" s="613"/>
      <c r="KXJ719" s="613"/>
      <c r="KXK719" s="613"/>
      <c r="KXL719" s="613"/>
      <c r="KXM719" s="613"/>
      <c r="KXN719" s="613"/>
      <c r="KXO719" s="613"/>
      <c r="KXP719" s="613"/>
      <c r="KXQ719" s="613"/>
      <c r="KXR719" s="613"/>
      <c r="KXS719" s="613"/>
      <c r="KXT719" s="613"/>
      <c r="KXU719" s="613"/>
      <c r="KXV719" s="613"/>
      <c r="KXW719" s="613"/>
      <c r="KXX719" s="613"/>
      <c r="KXY719" s="613"/>
      <c r="KXZ719" s="613"/>
      <c r="KYA719" s="613"/>
      <c r="KYB719" s="613"/>
      <c r="KYC719" s="613"/>
      <c r="KYD719" s="613"/>
      <c r="KYE719" s="613"/>
      <c r="KYF719" s="613"/>
      <c r="KYG719" s="613"/>
      <c r="KYH719" s="613"/>
      <c r="KYI719" s="613"/>
      <c r="KYJ719" s="613"/>
      <c r="KYK719" s="613"/>
      <c r="KYL719" s="613"/>
      <c r="KYM719" s="613"/>
      <c r="KYN719" s="613"/>
      <c r="KYO719" s="613"/>
      <c r="KYP719" s="613"/>
      <c r="KYQ719" s="613"/>
      <c r="KYR719" s="613"/>
      <c r="KYS719" s="613"/>
      <c r="KYT719" s="613"/>
      <c r="KYU719" s="613"/>
      <c r="KYV719" s="613"/>
      <c r="KYW719" s="613"/>
      <c r="KYX719" s="613"/>
      <c r="KYY719" s="613"/>
      <c r="KYZ719" s="613"/>
      <c r="KZA719" s="613"/>
      <c r="KZB719" s="613"/>
      <c r="KZC719" s="613"/>
      <c r="KZD719" s="613"/>
      <c r="KZE719" s="613"/>
      <c r="KZF719" s="613"/>
      <c r="KZG719" s="613"/>
      <c r="KZH719" s="613"/>
      <c r="KZI719" s="613"/>
      <c r="KZJ719" s="613"/>
      <c r="KZK719" s="613"/>
      <c r="KZL719" s="613"/>
      <c r="KZM719" s="613"/>
      <c r="KZN719" s="613"/>
      <c r="KZO719" s="613"/>
      <c r="KZP719" s="613"/>
      <c r="KZQ719" s="613"/>
      <c r="KZR719" s="613"/>
      <c r="KZS719" s="613"/>
      <c r="KZT719" s="613"/>
      <c r="KZU719" s="613"/>
      <c r="KZV719" s="613"/>
      <c r="KZW719" s="613"/>
      <c r="KZX719" s="613"/>
      <c r="KZY719" s="613"/>
      <c r="KZZ719" s="613"/>
      <c r="LAA719" s="613"/>
      <c r="LAB719" s="613"/>
      <c r="LAC719" s="613"/>
      <c r="LAD719" s="613"/>
      <c r="LAE719" s="613"/>
      <c r="LAF719" s="613"/>
      <c r="LAG719" s="613"/>
      <c r="LAH719" s="613"/>
      <c r="LAI719" s="613"/>
      <c r="LAJ719" s="613"/>
      <c r="LAK719" s="613"/>
      <c r="LAL719" s="613"/>
      <c r="LAM719" s="613"/>
      <c r="LAN719" s="613"/>
      <c r="LAO719" s="613"/>
      <c r="LAP719" s="613"/>
      <c r="LAQ719" s="613"/>
      <c r="LAR719" s="613"/>
      <c r="LAS719" s="613"/>
      <c r="LAT719" s="613"/>
      <c r="LAU719" s="613"/>
      <c r="LAV719" s="613"/>
      <c r="LAW719" s="613"/>
      <c r="LAX719" s="613"/>
      <c r="LAY719" s="613"/>
      <c r="LAZ719" s="613"/>
      <c r="LBA719" s="613"/>
      <c r="LBB719" s="613"/>
      <c r="LBC719" s="613"/>
      <c r="LBD719" s="613"/>
      <c r="LBE719" s="613"/>
      <c r="LBF719" s="613"/>
      <c r="LBG719" s="613"/>
      <c r="LBH719" s="613"/>
      <c r="LBI719" s="613"/>
      <c r="LBJ719" s="613"/>
      <c r="LBK719" s="613"/>
      <c r="LBL719" s="613"/>
      <c r="LBM719" s="613"/>
      <c r="LBN719" s="613"/>
      <c r="LBO719" s="613"/>
      <c r="LBP719" s="613"/>
      <c r="LBQ719" s="613"/>
      <c r="LBR719" s="613"/>
      <c r="LBS719" s="613"/>
      <c r="LBT719" s="613"/>
      <c r="LBU719" s="613"/>
      <c r="LBV719" s="613"/>
      <c r="LBW719" s="613"/>
      <c r="LBX719" s="613"/>
      <c r="LBY719" s="613"/>
      <c r="LBZ719" s="613"/>
      <c r="LCA719" s="613"/>
      <c r="LCB719" s="613"/>
      <c r="LCC719" s="613"/>
      <c r="LCD719" s="613"/>
      <c r="LCE719" s="613"/>
      <c r="LCF719" s="613"/>
      <c r="LCG719" s="613"/>
      <c r="LCH719" s="613"/>
      <c r="LCI719" s="613"/>
      <c r="LCJ719" s="613"/>
      <c r="LCK719" s="613"/>
      <c r="LCL719" s="613"/>
      <c r="LCM719" s="613"/>
      <c r="LCN719" s="613"/>
      <c r="LCO719" s="613"/>
      <c r="LCP719" s="613"/>
      <c r="LCQ719" s="613"/>
      <c r="LCR719" s="613"/>
      <c r="LCS719" s="613"/>
      <c r="LCT719" s="613"/>
      <c r="LCU719" s="613"/>
      <c r="LCV719" s="613"/>
      <c r="LCW719" s="613"/>
      <c r="LCX719" s="613"/>
      <c r="LCY719" s="613"/>
      <c r="LCZ719" s="613"/>
      <c r="LDA719" s="613"/>
      <c r="LDB719" s="613"/>
      <c r="LDC719" s="613"/>
      <c r="LDD719" s="613"/>
      <c r="LDE719" s="613"/>
      <c r="LDF719" s="613"/>
      <c r="LDG719" s="613"/>
      <c r="LDH719" s="613"/>
      <c r="LDI719" s="613"/>
      <c r="LDJ719" s="613"/>
      <c r="LDK719" s="613"/>
      <c r="LDL719" s="613"/>
      <c r="LDM719" s="613"/>
      <c r="LDN719" s="613"/>
      <c r="LDO719" s="613"/>
      <c r="LDP719" s="613"/>
      <c r="LDQ719" s="613"/>
      <c r="LDR719" s="613"/>
      <c r="LDS719" s="613"/>
      <c r="LDT719" s="613"/>
      <c r="LDU719" s="613"/>
      <c r="LDV719" s="613"/>
      <c r="LDW719" s="613"/>
      <c r="LDX719" s="613"/>
      <c r="LDY719" s="613"/>
      <c r="LDZ719" s="613"/>
      <c r="LEA719" s="613"/>
      <c r="LEB719" s="613"/>
      <c r="LEC719" s="613"/>
      <c r="LED719" s="613"/>
      <c r="LEE719" s="613"/>
      <c r="LEF719" s="613"/>
      <c r="LEG719" s="613"/>
      <c r="LEH719" s="613"/>
      <c r="LEI719" s="613"/>
      <c r="LEJ719" s="613"/>
      <c r="LEK719" s="613"/>
      <c r="LEL719" s="613"/>
      <c r="LEM719" s="613"/>
      <c r="LEN719" s="613"/>
      <c r="LEO719" s="613"/>
      <c r="LEP719" s="613"/>
      <c r="LEQ719" s="613"/>
      <c r="LER719" s="613"/>
      <c r="LES719" s="613"/>
      <c r="LET719" s="613"/>
      <c r="LEU719" s="613"/>
      <c r="LEV719" s="613"/>
      <c r="LEW719" s="613"/>
      <c r="LEX719" s="613"/>
      <c r="LEY719" s="613"/>
      <c r="LEZ719" s="613"/>
      <c r="LFA719" s="613"/>
      <c r="LFB719" s="613"/>
      <c r="LFC719" s="613"/>
      <c r="LFD719" s="613"/>
      <c r="LFE719" s="613"/>
      <c r="LFF719" s="613"/>
      <c r="LFG719" s="613"/>
      <c r="LFH719" s="613"/>
      <c r="LFI719" s="613"/>
      <c r="LFJ719" s="613"/>
      <c r="LFK719" s="613"/>
      <c r="LFL719" s="613"/>
      <c r="LFM719" s="613"/>
      <c r="LFN719" s="613"/>
      <c r="LFO719" s="613"/>
      <c r="LFP719" s="613"/>
      <c r="LFQ719" s="613"/>
      <c r="LFR719" s="613"/>
      <c r="LFS719" s="613"/>
      <c r="LFT719" s="613"/>
      <c r="LFU719" s="613"/>
      <c r="LFV719" s="613"/>
      <c r="LFW719" s="613"/>
      <c r="LFX719" s="613"/>
      <c r="LFY719" s="613"/>
      <c r="LFZ719" s="613"/>
      <c r="LGA719" s="613"/>
      <c r="LGB719" s="613"/>
      <c r="LGC719" s="613"/>
      <c r="LGD719" s="613"/>
      <c r="LGE719" s="613"/>
      <c r="LGF719" s="613"/>
      <c r="LGG719" s="613"/>
      <c r="LGH719" s="613"/>
      <c r="LGI719" s="613"/>
      <c r="LGJ719" s="613"/>
      <c r="LGK719" s="613"/>
      <c r="LGL719" s="613"/>
      <c r="LGM719" s="613"/>
      <c r="LGN719" s="613"/>
      <c r="LGO719" s="613"/>
      <c r="LGP719" s="613"/>
      <c r="LGQ719" s="613"/>
      <c r="LGR719" s="613"/>
      <c r="LGS719" s="613"/>
      <c r="LGT719" s="613"/>
      <c r="LGU719" s="613"/>
      <c r="LGV719" s="613"/>
      <c r="LGW719" s="613"/>
      <c r="LGX719" s="613"/>
      <c r="LGY719" s="613"/>
      <c r="LGZ719" s="613"/>
      <c r="LHA719" s="613"/>
      <c r="LHB719" s="613"/>
      <c r="LHC719" s="613"/>
      <c r="LHD719" s="613"/>
      <c r="LHE719" s="613"/>
      <c r="LHF719" s="613"/>
      <c r="LHG719" s="613"/>
      <c r="LHH719" s="613"/>
      <c r="LHI719" s="613"/>
      <c r="LHJ719" s="613"/>
      <c r="LHK719" s="613"/>
      <c r="LHL719" s="613"/>
      <c r="LHM719" s="613"/>
      <c r="LHN719" s="613"/>
      <c r="LHO719" s="613"/>
      <c r="LHP719" s="613"/>
      <c r="LHQ719" s="613"/>
      <c r="LHR719" s="613"/>
      <c r="LHS719" s="613"/>
      <c r="LHT719" s="613"/>
      <c r="LHU719" s="613"/>
      <c r="LHV719" s="613"/>
      <c r="LHW719" s="613"/>
      <c r="LHX719" s="613"/>
      <c r="LHY719" s="613"/>
      <c r="LHZ719" s="613"/>
      <c r="LIA719" s="613"/>
      <c r="LIB719" s="613"/>
      <c r="LIC719" s="613"/>
      <c r="LID719" s="613"/>
      <c r="LIE719" s="613"/>
      <c r="LIF719" s="613"/>
      <c r="LIG719" s="613"/>
      <c r="LIH719" s="613"/>
      <c r="LII719" s="613"/>
      <c r="LIJ719" s="613"/>
      <c r="LIK719" s="613"/>
      <c r="LIL719" s="613"/>
      <c r="LIM719" s="613"/>
      <c r="LIN719" s="613"/>
      <c r="LIO719" s="613"/>
      <c r="LIP719" s="613"/>
      <c r="LIQ719" s="613"/>
      <c r="LIR719" s="613"/>
      <c r="LIS719" s="613"/>
      <c r="LIT719" s="613"/>
      <c r="LIU719" s="613"/>
      <c r="LIV719" s="613"/>
      <c r="LIW719" s="613"/>
      <c r="LIX719" s="613"/>
      <c r="LIY719" s="613"/>
      <c r="LIZ719" s="613"/>
      <c r="LJA719" s="613"/>
      <c r="LJB719" s="613"/>
      <c r="LJC719" s="613"/>
      <c r="LJD719" s="613"/>
      <c r="LJE719" s="613"/>
      <c r="LJF719" s="613"/>
      <c r="LJG719" s="613"/>
      <c r="LJH719" s="613"/>
      <c r="LJI719" s="613"/>
      <c r="LJJ719" s="613"/>
      <c r="LJK719" s="613"/>
      <c r="LJL719" s="613"/>
      <c r="LJM719" s="613"/>
      <c r="LJN719" s="613"/>
      <c r="LJO719" s="613"/>
      <c r="LJP719" s="613"/>
      <c r="LJQ719" s="613"/>
      <c r="LJR719" s="613"/>
      <c r="LJS719" s="613"/>
      <c r="LJT719" s="613"/>
      <c r="LJU719" s="613"/>
      <c r="LJV719" s="613"/>
      <c r="LJW719" s="613"/>
      <c r="LJX719" s="613"/>
      <c r="LJY719" s="613"/>
      <c r="LJZ719" s="613"/>
      <c r="LKA719" s="613"/>
      <c r="LKB719" s="613"/>
      <c r="LKC719" s="613"/>
      <c r="LKD719" s="613"/>
      <c r="LKE719" s="613"/>
      <c r="LKF719" s="613"/>
      <c r="LKG719" s="613"/>
      <c r="LKH719" s="613"/>
      <c r="LKI719" s="613"/>
      <c r="LKJ719" s="613"/>
      <c r="LKK719" s="613"/>
      <c r="LKL719" s="613"/>
      <c r="LKM719" s="613"/>
      <c r="LKN719" s="613"/>
      <c r="LKO719" s="613"/>
      <c r="LKP719" s="613"/>
      <c r="LKQ719" s="613"/>
      <c r="LKR719" s="613"/>
      <c r="LKS719" s="613"/>
      <c r="LKT719" s="613"/>
      <c r="LKU719" s="613"/>
      <c r="LKV719" s="613"/>
      <c r="LKW719" s="613"/>
      <c r="LKX719" s="613"/>
      <c r="LKY719" s="613"/>
      <c r="LKZ719" s="613"/>
      <c r="LLA719" s="613"/>
      <c r="LLB719" s="613"/>
      <c r="LLC719" s="613"/>
      <c r="LLD719" s="613"/>
      <c r="LLE719" s="613"/>
      <c r="LLF719" s="613"/>
      <c r="LLG719" s="613"/>
      <c r="LLH719" s="613"/>
      <c r="LLI719" s="613"/>
      <c r="LLJ719" s="613"/>
      <c r="LLK719" s="613"/>
      <c r="LLL719" s="613"/>
      <c r="LLM719" s="613"/>
      <c r="LLN719" s="613"/>
      <c r="LLO719" s="613"/>
      <c r="LLP719" s="613"/>
      <c r="LLQ719" s="613"/>
      <c r="LLR719" s="613"/>
      <c r="LLS719" s="613"/>
      <c r="LLT719" s="613"/>
      <c r="LLU719" s="613"/>
      <c r="LLV719" s="613"/>
      <c r="LLW719" s="613"/>
      <c r="LLX719" s="613"/>
      <c r="LLY719" s="613"/>
      <c r="LLZ719" s="613"/>
      <c r="LMA719" s="613"/>
      <c r="LMB719" s="613"/>
      <c r="LMC719" s="613"/>
      <c r="LMD719" s="613"/>
      <c r="LME719" s="613"/>
      <c r="LMF719" s="613"/>
      <c r="LMG719" s="613"/>
      <c r="LMH719" s="613"/>
      <c r="LMI719" s="613"/>
      <c r="LMJ719" s="613"/>
      <c r="LMK719" s="613"/>
      <c r="LML719" s="613"/>
      <c r="LMM719" s="613"/>
      <c r="LMN719" s="613"/>
      <c r="LMO719" s="613"/>
      <c r="LMP719" s="613"/>
      <c r="LMQ719" s="613"/>
      <c r="LMR719" s="613"/>
      <c r="LMS719" s="613"/>
      <c r="LMT719" s="613"/>
      <c r="LMU719" s="613"/>
      <c r="LMV719" s="613"/>
      <c r="LMW719" s="613"/>
      <c r="LMX719" s="613"/>
      <c r="LMY719" s="613"/>
      <c r="LMZ719" s="613"/>
      <c r="LNA719" s="613"/>
      <c r="LNB719" s="613"/>
      <c r="LNC719" s="613"/>
      <c r="LND719" s="613"/>
      <c r="LNE719" s="613"/>
      <c r="LNF719" s="613"/>
      <c r="LNG719" s="613"/>
      <c r="LNH719" s="613"/>
      <c r="LNI719" s="613"/>
      <c r="LNJ719" s="613"/>
      <c r="LNK719" s="613"/>
      <c r="LNL719" s="613"/>
      <c r="LNM719" s="613"/>
      <c r="LNN719" s="613"/>
      <c r="LNO719" s="613"/>
      <c r="LNP719" s="613"/>
      <c r="LNQ719" s="613"/>
      <c r="LNR719" s="613"/>
      <c r="LNS719" s="613"/>
      <c r="LNT719" s="613"/>
      <c r="LNU719" s="613"/>
      <c r="LNV719" s="613"/>
      <c r="LNW719" s="613"/>
      <c r="LNX719" s="613"/>
      <c r="LNY719" s="613"/>
      <c r="LNZ719" s="613"/>
      <c r="LOA719" s="613"/>
      <c r="LOB719" s="613"/>
      <c r="LOC719" s="613"/>
      <c r="LOD719" s="613"/>
      <c r="LOE719" s="613"/>
      <c r="LOF719" s="613"/>
      <c r="LOG719" s="613"/>
      <c r="LOH719" s="613"/>
      <c r="LOI719" s="613"/>
      <c r="LOJ719" s="613"/>
      <c r="LOK719" s="613"/>
      <c r="LOL719" s="613"/>
      <c r="LOM719" s="613"/>
      <c r="LON719" s="613"/>
      <c r="LOO719" s="613"/>
      <c r="LOP719" s="613"/>
      <c r="LOQ719" s="613"/>
      <c r="LOR719" s="613"/>
      <c r="LOS719" s="613"/>
      <c r="LOT719" s="613"/>
      <c r="LOU719" s="613"/>
      <c r="LOV719" s="613"/>
      <c r="LOW719" s="613"/>
      <c r="LOX719" s="613"/>
      <c r="LOY719" s="613"/>
      <c r="LOZ719" s="613"/>
      <c r="LPA719" s="613"/>
      <c r="LPB719" s="613"/>
      <c r="LPC719" s="613"/>
      <c r="LPD719" s="613"/>
      <c r="LPE719" s="613"/>
      <c r="LPF719" s="613"/>
      <c r="LPG719" s="613"/>
      <c r="LPH719" s="613"/>
      <c r="LPI719" s="613"/>
      <c r="LPJ719" s="613"/>
      <c r="LPK719" s="613"/>
      <c r="LPL719" s="613"/>
      <c r="LPM719" s="613"/>
      <c r="LPN719" s="613"/>
      <c r="LPO719" s="613"/>
      <c r="LPP719" s="613"/>
      <c r="LPQ719" s="613"/>
      <c r="LPR719" s="613"/>
      <c r="LPS719" s="613"/>
      <c r="LPT719" s="613"/>
      <c r="LPU719" s="613"/>
      <c r="LPV719" s="613"/>
      <c r="LPW719" s="613"/>
      <c r="LPX719" s="613"/>
      <c r="LPY719" s="613"/>
      <c r="LPZ719" s="613"/>
      <c r="LQA719" s="613"/>
      <c r="LQB719" s="613"/>
      <c r="LQC719" s="613"/>
      <c r="LQD719" s="613"/>
      <c r="LQE719" s="613"/>
      <c r="LQF719" s="613"/>
      <c r="LQG719" s="613"/>
      <c r="LQH719" s="613"/>
      <c r="LQI719" s="613"/>
      <c r="LQJ719" s="613"/>
      <c r="LQK719" s="613"/>
      <c r="LQL719" s="613"/>
      <c r="LQM719" s="613"/>
      <c r="LQN719" s="613"/>
      <c r="LQO719" s="613"/>
      <c r="LQP719" s="613"/>
      <c r="LQQ719" s="613"/>
      <c r="LQR719" s="613"/>
      <c r="LQS719" s="613"/>
      <c r="LQT719" s="613"/>
      <c r="LQU719" s="613"/>
      <c r="LQV719" s="613"/>
      <c r="LQW719" s="613"/>
      <c r="LQX719" s="613"/>
      <c r="LQY719" s="613"/>
      <c r="LQZ719" s="613"/>
      <c r="LRA719" s="613"/>
      <c r="LRB719" s="613"/>
      <c r="LRC719" s="613"/>
      <c r="LRD719" s="613"/>
      <c r="LRE719" s="613"/>
      <c r="LRF719" s="613"/>
      <c r="LRG719" s="613"/>
      <c r="LRH719" s="613"/>
      <c r="LRI719" s="613"/>
      <c r="LRJ719" s="613"/>
      <c r="LRK719" s="613"/>
      <c r="LRL719" s="613"/>
      <c r="LRM719" s="613"/>
      <c r="LRN719" s="613"/>
      <c r="LRO719" s="613"/>
      <c r="LRP719" s="613"/>
      <c r="LRQ719" s="613"/>
      <c r="LRR719" s="613"/>
      <c r="LRS719" s="613"/>
      <c r="LRT719" s="613"/>
      <c r="LRU719" s="613"/>
      <c r="LRV719" s="613"/>
      <c r="LRW719" s="613"/>
      <c r="LRX719" s="613"/>
      <c r="LRY719" s="613"/>
      <c r="LRZ719" s="613"/>
      <c r="LSA719" s="613"/>
      <c r="LSB719" s="613"/>
      <c r="LSC719" s="613"/>
      <c r="LSD719" s="613"/>
      <c r="LSE719" s="613"/>
      <c r="LSF719" s="613"/>
      <c r="LSG719" s="613"/>
      <c r="LSH719" s="613"/>
      <c r="LSI719" s="613"/>
      <c r="LSJ719" s="613"/>
      <c r="LSK719" s="613"/>
      <c r="LSL719" s="613"/>
      <c r="LSM719" s="613"/>
      <c r="LSN719" s="613"/>
      <c r="LSO719" s="613"/>
      <c r="LSP719" s="613"/>
      <c r="LSQ719" s="613"/>
      <c r="LSR719" s="613"/>
      <c r="LSS719" s="613"/>
      <c r="LST719" s="613"/>
      <c r="LSU719" s="613"/>
      <c r="LSV719" s="613"/>
      <c r="LSW719" s="613"/>
      <c r="LSX719" s="613"/>
      <c r="LSY719" s="613"/>
      <c r="LSZ719" s="613"/>
      <c r="LTA719" s="613"/>
      <c r="LTB719" s="613"/>
      <c r="LTC719" s="613"/>
      <c r="LTD719" s="613"/>
      <c r="LTE719" s="613"/>
      <c r="LTF719" s="613"/>
      <c r="LTG719" s="613"/>
      <c r="LTH719" s="613"/>
      <c r="LTI719" s="613"/>
      <c r="LTJ719" s="613"/>
      <c r="LTK719" s="613"/>
      <c r="LTL719" s="613"/>
      <c r="LTM719" s="613"/>
      <c r="LTN719" s="613"/>
      <c r="LTO719" s="613"/>
      <c r="LTP719" s="613"/>
      <c r="LTQ719" s="613"/>
      <c r="LTR719" s="613"/>
      <c r="LTS719" s="613"/>
      <c r="LTT719" s="613"/>
      <c r="LTU719" s="613"/>
      <c r="LTV719" s="613"/>
      <c r="LTW719" s="613"/>
      <c r="LTX719" s="613"/>
      <c r="LTY719" s="613"/>
      <c r="LTZ719" s="613"/>
      <c r="LUA719" s="613"/>
      <c r="LUB719" s="613"/>
      <c r="LUC719" s="613"/>
      <c r="LUD719" s="613"/>
      <c r="LUE719" s="613"/>
      <c r="LUF719" s="613"/>
      <c r="LUG719" s="613"/>
      <c r="LUH719" s="613"/>
      <c r="LUI719" s="613"/>
      <c r="LUJ719" s="613"/>
      <c r="LUK719" s="613"/>
      <c r="LUL719" s="613"/>
      <c r="LUM719" s="613"/>
      <c r="LUN719" s="613"/>
      <c r="LUO719" s="613"/>
      <c r="LUP719" s="613"/>
      <c r="LUQ719" s="613"/>
      <c r="LUR719" s="613"/>
      <c r="LUS719" s="613"/>
      <c r="LUT719" s="613"/>
      <c r="LUU719" s="613"/>
      <c r="LUV719" s="613"/>
      <c r="LUW719" s="613"/>
      <c r="LUX719" s="613"/>
      <c r="LUY719" s="613"/>
      <c r="LUZ719" s="613"/>
      <c r="LVA719" s="613"/>
      <c r="LVB719" s="613"/>
      <c r="LVC719" s="613"/>
      <c r="LVD719" s="613"/>
      <c r="LVE719" s="613"/>
      <c r="LVF719" s="613"/>
      <c r="LVG719" s="613"/>
      <c r="LVH719" s="613"/>
      <c r="LVI719" s="613"/>
      <c r="LVJ719" s="613"/>
      <c r="LVK719" s="613"/>
      <c r="LVL719" s="613"/>
      <c r="LVM719" s="613"/>
      <c r="LVN719" s="613"/>
      <c r="LVO719" s="613"/>
      <c r="LVP719" s="613"/>
      <c r="LVQ719" s="613"/>
      <c r="LVR719" s="613"/>
      <c r="LVS719" s="613"/>
      <c r="LVT719" s="613"/>
      <c r="LVU719" s="613"/>
      <c r="LVV719" s="613"/>
      <c r="LVW719" s="613"/>
      <c r="LVX719" s="613"/>
      <c r="LVY719" s="613"/>
      <c r="LVZ719" s="613"/>
      <c r="LWA719" s="613"/>
      <c r="LWB719" s="613"/>
      <c r="LWC719" s="613"/>
      <c r="LWD719" s="613"/>
      <c r="LWE719" s="613"/>
      <c r="LWF719" s="613"/>
      <c r="LWG719" s="613"/>
      <c r="LWH719" s="613"/>
      <c r="LWI719" s="613"/>
      <c r="LWJ719" s="613"/>
      <c r="LWK719" s="613"/>
      <c r="LWL719" s="613"/>
      <c r="LWM719" s="613"/>
      <c r="LWN719" s="613"/>
      <c r="LWO719" s="613"/>
      <c r="LWP719" s="613"/>
      <c r="LWQ719" s="613"/>
      <c r="LWR719" s="613"/>
      <c r="LWS719" s="613"/>
      <c r="LWT719" s="613"/>
      <c r="LWU719" s="613"/>
      <c r="LWV719" s="613"/>
      <c r="LWW719" s="613"/>
      <c r="LWX719" s="613"/>
      <c r="LWY719" s="613"/>
      <c r="LWZ719" s="613"/>
      <c r="LXA719" s="613"/>
      <c r="LXB719" s="613"/>
      <c r="LXC719" s="613"/>
      <c r="LXD719" s="613"/>
      <c r="LXE719" s="613"/>
      <c r="LXF719" s="613"/>
      <c r="LXG719" s="613"/>
      <c r="LXH719" s="613"/>
      <c r="LXI719" s="613"/>
      <c r="LXJ719" s="613"/>
      <c r="LXK719" s="613"/>
      <c r="LXL719" s="613"/>
      <c r="LXM719" s="613"/>
      <c r="LXN719" s="613"/>
      <c r="LXO719" s="613"/>
      <c r="LXP719" s="613"/>
      <c r="LXQ719" s="613"/>
      <c r="LXR719" s="613"/>
      <c r="LXS719" s="613"/>
      <c r="LXT719" s="613"/>
      <c r="LXU719" s="613"/>
      <c r="LXV719" s="613"/>
      <c r="LXW719" s="613"/>
      <c r="LXX719" s="613"/>
      <c r="LXY719" s="613"/>
      <c r="LXZ719" s="613"/>
      <c r="LYA719" s="613"/>
      <c r="LYB719" s="613"/>
      <c r="LYC719" s="613"/>
      <c r="LYD719" s="613"/>
      <c r="LYE719" s="613"/>
      <c r="LYF719" s="613"/>
      <c r="LYG719" s="613"/>
      <c r="LYH719" s="613"/>
      <c r="LYI719" s="613"/>
      <c r="LYJ719" s="613"/>
      <c r="LYK719" s="613"/>
      <c r="LYL719" s="613"/>
      <c r="LYM719" s="613"/>
      <c r="LYN719" s="613"/>
      <c r="LYO719" s="613"/>
      <c r="LYP719" s="613"/>
      <c r="LYQ719" s="613"/>
      <c r="LYR719" s="613"/>
      <c r="LYS719" s="613"/>
      <c r="LYT719" s="613"/>
      <c r="LYU719" s="613"/>
      <c r="LYV719" s="613"/>
      <c r="LYW719" s="613"/>
      <c r="LYX719" s="613"/>
      <c r="LYY719" s="613"/>
      <c r="LYZ719" s="613"/>
      <c r="LZA719" s="613"/>
      <c r="LZB719" s="613"/>
      <c r="LZC719" s="613"/>
      <c r="LZD719" s="613"/>
      <c r="LZE719" s="613"/>
      <c r="LZF719" s="613"/>
      <c r="LZG719" s="613"/>
      <c r="LZH719" s="613"/>
      <c r="LZI719" s="613"/>
      <c r="LZJ719" s="613"/>
      <c r="LZK719" s="613"/>
      <c r="LZL719" s="613"/>
      <c r="LZM719" s="613"/>
      <c r="LZN719" s="613"/>
      <c r="LZO719" s="613"/>
      <c r="LZP719" s="613"/>
      <c r="LZQ719" s="613"/>
      <c r="LZR719" s="613"/>
      <c r="LZS719" s="613"/>
      <c r="LZT719" s="613"/>
      <c r="LZU719" s="613"/>
      <c r="LZV719" s="613"/>
      <c r="LZW719" s="613"/>
      <c r="LZX719" s="613"/>
      <c r="LZY719" s="613"/>
      <c r="LZZ719" s="613"/>
      <c r="MAA719" s="613"/>
      <c r="MAB719" s="613"/>
      <c r="MAC719" s="613"/>
      <c r="MAD719" s="613"/>
      <c r="MAE719" s="613"/>
      <c r="MAF719" s="613"/>
      <c r="MAG719" s="613"/>
      <c r="MAH719" s="613"/>
      <c r="MAI719" s="613"/>
      <c r="MAJ719" s="613"/>
      <c r="MAK719" s="613"/>
      <c r="MAL719" s="613"/>
      <c r="MAM719" s="613"/>
      <c r="MAN719" s="613"/>
      <c r="MAO719" s="613"/>
      <c r="MAP719" s="613"/>
      <c r="MAQ719" s="613"/>
      <c r="MAR719" s="613"/>
      <c r="MAS719" s="613"/>
      <c r="MAT719" s="613"/>
      <c r="MAU719" s="613"/>
      <c r="MAV719" s="613"/>
      <c r="MAW719" s="613"/>
      <c r="MAX719" s="613"/>
      <c r="MAY719" s="613"/>
      <c r="MAZ719" s="613"/>
      <c r="MBA719" s="613"/>
      <c r="MBB719" s="613"/>
      <c r="MBC719" s="613"/>
      <c r="MBD719" s="613"/>
      <c r="MBE719" s="613"/>
      <c r="MBF719" s="613"/>
      <c r="MBG719" s="613"/>
      <c r="MBH719" s="613"/>
      <c r="MBI719" s="613"/>
      <c r="MBJ719" s="613"/>
      <c r="MBK719" s="613"/>
      <c r="MBL719" s="613"/>
      <c r="MBM719" s="613"/>
      <c r="MBN719" s="613"/>
      <c r="MBO719" s="613"/>
      <c r="MBP719" s="613"/>
      <c r="MBQ719" s="613"/>
      <c r="MBR719" s="613"/>
      <c r="MBS719" s="613"/>
      <c r="MBT719" s="613"/>
      <c r="MBU719" s="613"/>
      <c r="MBV719" s="613"/>
      <c r="MBW719" s="613"/>
      <c r="MBX719" s="613"/>
      <c r="MBY719" s="613"/>
      <c r="MBZ719" s="613"/>
      <c r="MCA719" s="613"/>
      <c r="MCB719" s="613"/>
      <c r="MCC719" s="613"/>
      <c r="MCD719" s="613"/>
      <c r="MCE719" s="613"/>
      <c r="MCF719" s="613"/>
      <c r="MCG719" s="613"/>
      <c r="MCH719" s="613"/>
      <c r="MCI719" s="613"/>
      <c r="MCJ719" s="613"/>
      <c r="MCK719" s="613"/>
      <c r="MCL719" s="613"/>
      <c r="MCM719" s="613"/>
      <c r="MCN719" s="613"/>
      <c r="MCO719" s="613"/>
      <c r="MCP719" s="613"/>
      <c r="MCQ719" s="613"/>
      <c r="MCR719" s="613"/>
      <c r="MCS719" s="613"/>
      <c r="MCT719" s="613"/>
      <c r="MCU719" s="613"/>
      <c r="MCV719" s="613"/>
      <c r="MCW719" s="613"/>
      <c r="MCX719" s="613"/>
      <c r="MCY719" s="613"/>
      <c r="MCZ719" s="613"/>
      <c r="MDA719" s="613"/>
      <c r="MDB719" s="613"/>
      <c r="MDC719" s="613"/>
      <c r="MDD719" s="613"/>
      <c r="MDE719" s="613"/>
      <c r="MDF719" s="613"/>
      <c r="MDG719" s="613"/>
      <c r="MDH719" s="613"/>
      <c r="MDI719" s="613"/>
      <c r="MDJ719" s="613"/>
      <c r="MDK719" s="613"/>
      <c r="MDL719" s="613"/>
      <c r="MDM719" s="613"/>
      <c r="MDN719" s="613"/>
      <c r="MDO719" s="613"/>
      <c r="MDP719" s="613"/>
      <c r="MDQ719" s="613"/>
      <c r="MDR719" s="613"/>
      <c r="MDS719" s="613"/>
      <c r="MDT719" s="613"/>
      <c r="MDU719" s="613"/>
      <c r="MDV719" s="613"/>
      <c r="MDW719" s="613"/>
      <c r="MDX719" s="613"/>
      <c r="MDY719" s="613"/>
      <c r="MDZ719" s="613"/>
      <c r="MEA719" s="613"/>
      <c r="MEB719" s="613"/>
      <c r="MEC719" s="613"/>
      <c r="MED719" s="613"/>
      <c r="MEE719" s="613"/>
      <c r="MEF719" s="613"/>
      <c r="MEG719" s="613"/>
      <c r="MEH719" s="613"/>
      <c r="MEI719" s="613"/>
      <c r="MEJ719" s="613"/>
      <c r="MEK719" s="613"/>
      <c r="MEL719" s="613"/>
      <c r="MEM719" s="613"/>
      <c r="MEN719" s="613"/>
      <c r="MEO719" s="613"/>
      <c r="MEP719" s="613"/>
      <c r="MEQ719" s="613"/>
      <c r="MER719" s="613"/>
      <c r="MES719" s="613"/>
      <c r="MET719" s="613"/>
      <c r="MEU719" s="613"/>
      <c r="MEV719" s="613"/>
      <c r="MEW719" s="613"/>
      <c r="MEX719" s="613"/>
      <c r="MEY719" s="613"/>
      <c r="MEZ719" s="613"/>
      <c r="MFA719" s="613"/>
      <c r="MFB719" s="613"/>
      <c r="MFC719" s="613"/>
      <c r="MFD719" s="613"/>
      <c r="MFE719" s="613"/>
      <c r="MFF719" s="613"/>
      <c r="MFG719" s="613"/>
      <c r="MFH719" s="613"/>
      <c r="MFI719" s="613"/>
      <c r="MFJ719" s="613"/>
      <c r="MFK719" s="613"/>
      <c r="MFL719" s="613"/>
      <c r="MFM719" s="613"/>
      <c r="MFN719" s="613"/>
      <c r="MFO719" s="613"/>
      <c r="MFP719" s="613"/>
      <c r="MFQ719" s="613"/>
      <c r="MFR719" s="613"/>
      <c r="MFS719" s="613"/>
      <c r="MFT719" s="613"/>
      <c r="MFU719" s="613"/>
      <c r="MFV719" s="613"/>
      <c r="MFW719" s="613"/>
      <c r="MFX719" s="613"/>
      <c r="MFY719" s="613"/>
      <c r="MFZ719" s="613"/>
      <c r="MGA719" s="613"/>
      <c r="MGB719" s="613"/>
      <c r="MGC719" s="613"/>
      <c r="MGD719" s="613"/>
      <c r="MGE719" s="613"/>
      <c r="MGF719" s="613"/>
      <c r="MGG719" s="613"/>
      <c r="MGH719" s="613"/>
      <c r="MGI719" s="613"/>
      <c r="MGJ719" s="613"/>
      <c r="MGK719" s="613"/>
      <c r="MGL719" s="613"/>
      <c r="MGM719" s="613"/>
      <c r="MGN719" s="613"/>
      <c r="MGO719" s="613"/>
      <c r="MGP719" s="613"/>
      <c r="MGQ719" s="613"/>
      <c r="MGR719" s="613"/>
      <c r="MGS719" s="613"/>
      <c r="MGT719" s="613"/>
      <c r="MGU719" s="613"/>
      <c r="MGV719" s="613"/>
      <c r="MGW719" s="613"/>
      <c r="MGX719" s="613"/>
      <c r="MGY719" s="613"/>
      <c r="MGZ719" s="613"/>
      <c r="MHA719" s="613"/>
      <c r="MHB719" s="613"/>
      <c r="MHC719" s="613"/>
      <c r="MHD719" s="613"/>
      <c r="MHE719" s="613"/>
      <c r="MHF719" s="613"/>
      <c r="MHG719" s="613"/>
      <c r="MHH719" s="613"/>
      <c r="MHI719" s="613"/>
      <c r="MHJ719" s="613"/>
      <c r="MHK719" s="613"/>
      <c r="MHL719" s="613"/>
      <c r="MHM719" s="613"/>
      <c r="MHN719" s="613"/>
      <c r="MHO719" s="613"/>
      <c r="MHP719" s="613"/>
      <c r="MHQ719" s="613"/>
      <c r="MHR719" s="613"/>
      <c r="MHS719" s="613"/>
      <c r="MHT719" s="613"/>
      <c r="MHU719" s="613"/>
      <c r="MHV719" s="613"/>
      <c r="MHW719" s="613"/>
      <c r="MHX719" s="613"/>
      <c r="MHY719" s="613"/>
      <c r="MHZ719" s="613"/>
      <c r="MIA719" s="613"/>
      <c r="MIB719" s="613"/>
      <c r="MIC719" s="613"/>
      <c r="MID719" s="613"/>
      <c r="MIE719" s="613"/>
      <c r="MIF719" s="613"/>
      <c r="MIG719" s="613"/>
      <c r="MIH719" s="613"/>
      <c r="MII719" s="613"/>
      <c r="MIJ719" s="613"/>
      <c r="MIK719" s="613"/>
      <c r="MIL719" s="613"/>
      <c r="MIM719" s="613"/>
      <c r="MIN719" s="613"/>
      <c r="MIO719" s="613"/>
      <c r="MIP719" s="613"/>
      <c r="MIQ719" s="613"/>
      <c r="MIR719" s="613"/>
      <c r="MIS719" s="613"/>
      <c r="MIT719" s="613"/>
      <c r="MIU719" s="613"/>
      <c r="MIV719" s="613"/>
      <c r="MIW719" s="613"/>
      <c r="MIX719" s="613"/>
      <c r="MIY719" s="613"/>
      <c r="MIZ719" s="613"/>
      <c r="MJA719" s="613"/>
      <c r="MJB719" s="613"/>
      <c r="MJC719" s="613"/>
      <c r="MJD719" s="613"/>
      <c r="MJE719" s="613"/>
      <c r="MJF719" s="613"/>
      <c r="MJG719" s="613"/>
      <c r="MJH719" s="613"/>
      <c r="MJI719" s="613"/>
      <c r="MJJ719" s="613"/>
      <c r="MJK719" s="613"/>
      <c r="MJL719" s="613"/>
      <c r="MJM719" s="613"/>
      <c r="MJN719" s="613"/>
      <c r="MJO719" s="613"/>
      <c r="MJP719" s="613"/>
      <c r="MJQ719" s="613"/>
      <c r="MJR719" s="613"/>
      <c r="MJS719" s="613"/>
      <c r="MJT719" s="613"/>
      <c r="MJU719" s="613"/>
      <c r="MJV719" s="613"/>
      <c r="MJW719" s="613"/>
      <c r="MJX719" s="613"/>
      <c r="MJY719" s="613"/>
      <c r="MJZ719" s="613"/>
      <c r="MKA719" s="613"/>
      <c r="MKB719" s="613"/>
      <c r="MKC719" s="613"/>
      <c r="MKD719" s="613"/>
      <c r="MKE719" s="613"/>
      <c r="MKF719" s="613"/>
      <c r="MKG719" s="613"/>
      <c r="MKH719" s="613"/>
      <c r="MKI719" s="613"/>
      <c r="MKJ719" s="613"/>
      <c r="MKK719" s="613"/>
      <c r="MKL719" s="613"/>
      <c r="MKM719" s="613"/>
      <c r="MKN719" s="613"/>
      <c r="MKO719" s="613"/>
      <c r="MKP719" s="613"/>
      <c r="MKQ719" s="613"/>
      <c r="MKR719" s="613"/>
      <c r="MKS719" s="613"/>
      <c r="MKT719" s="613"/>
      <c r="MKU719" s="613"/>
      <c r="MKV719" s="613"/>
      <c r="MKW719" s="613"/>
      <c r="MKX719" s="613"/>
      <c r="MKY719" s="613"/>
      <c r="MKZ719" s="613"/>
      <c r="MLA719" s="613"/>
      <c r="MLB719" s="613"/>
      <c r="MLC719" s="613"/>
      <c r="MLD719" s="613"/>
      <c r="MLE719" s="613"/>
      <c r="MLF719" s="613"/>
      <c r="MLG719" s="613"/>
      <c r="MLH719" s="613"/>
      <c r="MLI719" s="613"/>
      <c r="MLJ719" s="613"/>
      <c r="MLK719" s="613"/>
      <c r="MLL719" s="613"/>
      <c r="MLM719" s="613"/>
      <c r="MLN719" s="613"/>
      <c r="MLO719" s="613"/>
      <c r="MLP719" s="613"/>
      <c r="MLQ719" s="613"/>
      <c r="MLR719" s="613"/>
      <c r="MLS719" s="613"/>
      <c r="MLT719" s="613"/>
      <c r="MLU719" s="613"/>
      <c r="MLV719" s="613"/>
      <c r="MLW719" s="613"/>
      <c r="MLX719" s="613"/>
      <c r="MLY719" s="613"/>
      <c r="MLZ719" s="613"/>
      <c r="MMA719" s="613"/>
      <c r="MMB719" s="613"/>
      <c r="MMC719" s="613"/>
      <c r="MMD719" s="613"/>
      <c r="MME719" s="613"/>
      <c r="MMF719" s="613"/>
      <c r="MMG719" s="613"/>
      <c r="MMH719" s="613"/>
      <c r="MMI719" s="613"/>
      <c r="MMJ719" s="613"/>
      <c r="MMK719" s="613"/>
      <c r="MML719" s="613"/>
      <c r="MMM719" s="613"/>
      <c r="MMN719" s="613"/>
      <c r="MMO719" s="613"/>
      <c r="MMP719" s="613"/>
      <c r="MMQ719" s="613"/>
      <c r="MMR719" s="613"/>
      <c r="MMS719" s="613"/>
      <c r="MMT719" s="613"/>
      <c r="MMU719" s="613"/>
      <c r="MMV719" s="613"/>
      <c r="MMW719" s="613"/>
      <c r="MMX719" s="613"/>
      <c r="MMY719" s="613"/>
      <c r="MMZ719" s="613"/>
      <c r="MNA719" s="613"/>
      <c r="MNB719" s="613"/>
      <c r="MNC719" s="613"/>
      <c r="MND719" s="613"/>
      <c r="MNE719" s="613"/>
      <c r="MNF719" s="613"/>
      <c r="MNG719" s="613"/>
      <c r="MNH719" s="613"/>
      <c r="MNI719" s="613"/>
      <c r="MNJ719" s="613"/>
      <c r="MNK719" s="613"/>
      <c r="MNL719" s="613"/>
      <c r="MNM719" s="613"/>
      <c r="MNN719" s="613"/>
      <c r="MNO719" s="613"/>
      <c r="MNP719" s="613"/>
      <c r="MNQ719" s="613"/>
      <c r="MNR719" s="613"/>
      <c r="MNS719" s="613"/>
      <c r="MNT719" s="613"/>
      <c r="MNU719" s="613"/>
      <c r="MNV719" s="613"/>
      <c r="MNW719" s="613"/>
      <c r="MNX719" s="613"/>
      <c r="MNY719" s="613"/>
      <c r="MNZ719" s="613"/>
      <c r="MOA719" s="613"/>
      <c r="MOB719" s="613"/>
      <c r="MOC719" s="613"/>
      <c r="MOD719" s="613"/>
      <c r="MOE719" s="613"/>
      <c r="MOF719" s="613"/>
      <c r="MOG719" s="613"/>
      <c r="MOH719" s="613"/>
      <c r="MOI719" s="613"/>
      <c r="MOJ719" s="613"/>
      <c r="MOK719" s="613"/>
      <c r="MOL719" s="613"/>
      <c r="MOM719" s="613"/>
      <c r="MON719" s="613"/>
      <c r="MOO719" s="613"/>
      <c r="MOP719" s="613"/>
      <c r="MOQ719" s="613"/>
      <c r="MOR719" s="613"/>
      <c r="MOS719" s="613"/>
      <c r="MOT719" s="613"/>
      <c r="MOU719" s="613"/>
      <c r="MOV719" s="613"/>
      <c r="MOW719" s="613"/>
      <c r="MOX719" s="613"/>
      <c r="MOY719" s="613"/>
      <c r="MOZ719" s="613"/>
      <c r="MPA719" s="613"/>
      <c r="MPB719" s="613"/>
      <c r="MPC719" s="613"/>
      <c r="MPD719" s="613"/>
      <c r="MPE719" s="613"/>
      <c r="MPF719" s="613"/>
      <c r="MPG719" s="613"/>
      <c r="MPH719" s="613"/>
      <c r="MPI719" s="613"/>
      <c r="MPJ719" s="613"/>
      <c r="MPK719" s="613"/>
      <c r="MPL719" s="613"/>
      <c r="MPM719" s="613"/>
      <c r="MPN719" s="613"/>
      <c r="MPO719" s="613"/>
      <c r="MPP719" s="613"/>
      <c r="MPQ719" s="613"/>
      <c r="MPR719" s="613"/>
      <c r="MPS719" s="613"/>
      <c r="MPT719" s="613"/>
      <c r="MPU719" s="613"/>
      <c r="MPV719" s="613"/>
      <c r="MPW719" s="613"/>
      <c r="MPX719" s="613"/>
      <c r="MPY719" s="613"/>
      <c r="MPZ719" s="613"/>
      <c r="MQA719" s="613"/>
      <c r="MQB719" s="613"/>
      <c r="MQC719" s="613"/>
      <c r="MQD719" s="613"/>
      <c r="MQE719" s="613"/>
      <c r="MQF719" s="613"/>
      <c r="MQG719" s="613"/>
      <c r="MQH719" s="613"/>
      <c r="MQI719" s="613"/>
      <c r="MQJ719" s="613"/>
      <c r="MQK719" s="613"/>
      <c r="MQL719" s="613"/>
      <c r="MQM719" s="613"/>
      <c r="MQN719" s="613"/>
      <c r="MQO719" s="613"/>
      <c r="MQP719" s="613"/>
      <c r="MQQ719" s="613"/>
      <c r="MQR719" s="613"/>
      <c r="MQS719" s="613"/>
      <c r="MQT719" s="613"/>
      <c r="MQU719" s="613"/>
      <c r="MQV719" s="613"/>
      <c r="MQW719" s="613"/>
      <c r="MQX719" s="613"/>
      <c r="MQY719" s="613"/>
      <c r="MQZ719" s="613"/>
      <c r="MRA719" s="613"/>
      <c r="MRB719" s="613"/>
      <c r="MRC719" s="613"/>
      <c r="MRD719" s="613"/>
      <c r="MRE719" s="613"/>
      <c r="MRF719" s="613"/>
      <c r="MRG719" s="613"/>
      <c r="MRH719" s="613"/>
      <c r="MRI719" s="613"/>
      <c r="MRJ719" s="613"/>
      <c r="MRK719" s="613"/>
      <c r="MRL719" s="613"/>
      <c r="MRM719" s="613"/>
      <c r="MRN719" s="613"/>
      <c r="MRO719" s="613"/>
      <c r="MRP719" s="613"/>
      <c r="MRQ719" s="613"/>
      <c r="MRR719" s="613"/>
      <c r="MRS719" s="613"/>
      <c r="MRT719" s="613"/>
      <c r="MRU719" s="613"/>
      <c r="MRV719" s="613"/>
      <c r="MRW719" s="613"/>
      <c r="MRX719" s="613"/>
      <c r="MRY719" s="613"/>
      <c r="MRZ719" s="613"/>
      <c r="MSA719" s="613"/>
      <c r="MSB719" s="613"/>
      <c r="MSC719" s="613"/>
      <c r="MSD719" s="613"/>
      <c r="MSE719" s="613"/>
      <c r="MSF719" s="613"/>
      <c r="MSG719" s="613"/>
      <c r="MSH719" s="613"/>
      <c r="MSI719" s="613"/>
      <c r="MSJ719" s="613"/>
      <c r="MSK719" s="613"/>
      <c r="MSL719" s="613"/>
      <c r="MSM719" s="613"/>
      <c r="MSN719" s="613"/>
      <c r="MSO719" s="613"/>
      <c r="MSP719" s="613"/>
      <c r="MSQ719" s="613"/>
      <c r="MSR719" s="613"/>
      <c r="MSS719" s="613"/>
      <c r="MST719" s="613"/>
      <c r="MSU719" s="613"/>
      <c r="MSV719" s="613"/>
      <c r="MSW719" s="613"/>
      <c r="MSX719" s="613"/>
      <c r="MSY719" s="613"/>
      <c r="MSZ719" s="613"/>
      <c r="MTA719" s="613"/>
      <c r="MTB719" s="613"/>
      <c r="MTC719" s="613"/>
      <c r="MTD719" s="613"/>
      <c r="MTE719" s="613"/>
      <c r="MTF719" s="613"/>
      <c r="MTG719" s="613"/>
      <c r="MTH719" s="613"/>
      <c r="MTI719" s="613"/>
      <c r="MTJ719" s="613"/>
      <c r="MTK719" s="613"/>
      <c r="MTL719" s="613"/>
      <c r="MTM719" s="613"/>
      <c r="MTN719" s="613"/>
      <c r="MTO719" s="613"/>
      <c r="MTP719" s="613"/>
      <c r="MTQ719" s="613"/>
      <c r="MTR719" s="613"/>
      <c r="MTS719" s="613"/>
      <c r="MTT719" s="613"/>
      <c r="MTU719" s="613"/>
      <c r="MTV719" s="613"/>
      <c r="MTW719" s="613"/>
      <c r="MTX719" s="613"/>
      <c r="MTY719" s="613"/>
      <c r="MTZ719" s="613"/>
      <c r="MUA719" s="613"/>
      <c r="MUB719" s="613"/>
      <c r="MUC719" s="613"/>
      <c r="MUD719" s="613"/>
      <c r="MUE719" s="613"/>
      <c r="MUF719" s="613"/>
      <c r="MUG719" s="613"/>
      <c r="MUH719" s="613"/>
      <c r="MUI719" s="613"/>
      <c r="MUJ719" s="613"/>
      <c r="MUK719" s="613"/>
      <c r="MUL719" s="613"/>
      <c r="MUM719" s="613"/>
      <c r="MUN719" s="613"/>
      <c r="MUO719" s="613"/>
      <c r="MUP719" s="613"/>
      <c r="MUQ719" s="613"/>
      <c r="MUR719" s="613"/>
      <c r="MUS719" s="613"/>
      <c r="MUT719" s="613"/>
      <c r="MUU719" s="613"/>
      <c r="MUV719" s="613"/>
      <c r="MUW719" s="613"/>
      <c r="MUX719" s="613"/>
      <c r="MUY719" s="613"/>
      <c r="MUZ719" s="613"/>
      <c r="MVA719" s="613"/>
      <c r="MVB719" s="613"/>
      <c r="MVC719" s="613"/>
      <c r="MVD719" s="613"/>
      <c r="MVE719" s="613"/>
      <c r="MVF719" s="613"/>
      <c r="MVG719" s="613"/>
      <c r="MVH719" s="613"/>
      <c r="MVI719" s="613"/>
      <c r="MVJ719" s="613"/>
      <c r="MVK719" s="613"/>
      <c r="MVL719" s="613"/>
      <c r="MVM719" s="613"/>
      <c r="MVN719" s="613"/>
      <c r="MVO719" s="613"/>
      <c r="MVP719" s="613"/>
      <c r="MVQ719" s="613"/>
      <c r="MVR719" s="613"/>
      <c r="MVS719" s="613"/>
      <c r="MVT719" s="613"/>
      <c r="MVU719" s="613"/>
      <c r="MVV719" s="613"/>
      <c r="MVW719" s="613"/>
      <c r="MVX719" s="613"/>
      <c r="MVY719" s="613"/>
      <c r="MVZ719" s="613"/>
      <c r="MWA719" s="613"/>
      <c r="MWB719" s="613"/>
      <c r="MWC719" s="613"/>
      <c r="MWD719" s="613"/>
      <c r="MWE719" s="613"/>
      <c r="MWF719" s="613"/>
      <c r="MWG719" s="613"/>
      <c r="MWH719" s="613"/>
      <c r="MWI719" s="613"/>
      <c r="MWJ719" s="613"/>
      <c r="MWK719" s="613"/>
      <c r="MWL719" s="613"/>
      <c r="MWM719" s="613"/>
      <c r="MWN719" s="613"/>
      <c r="MWO719" s="613"/>
      <c r="MWP719" s="613"/>
      <c r="MWQ719" s="613"/>
      <c r="MWR719" s="613"/>
      <c r="MWS719" s="613"/>
      <c r="MWT719" s="613"/>
      <c r="MWU719" s="613"/>
      <c r="MWV719" s="613"/>
      <c r="MWW719" s="613"/>
      <c r="MWX719" s="613"/>
      <c r="MWY719" s="613"/>
      <c r="MWZ719" s="613"/>
      <c r="MXA719" s="613"/>
      <c r="MXB719" s="613"/>
      <c r="MXC719" s="613"/>
      <c r="MXD719" s="613"/>
      <c r="MXE719" s="613"/>
      <c r="MXF719" s="613"/>
      <c r="MXG719" s="613"/>
      <c r="MXH719" s="613"/>
      <c r="MXI719" s="613"/>
      <c r="MXJ719" s="613"/>
      <c r="MXK719" s="613"/>
      <c r="MXL719" s="613"/>
      <c r="MXM719" s="613"/>
      <c r="MXN719" s="613"/>
      <c r="MXO719" s="613"/>
      <c r="MXP719" s="613"/>
      <c r="MXQ719" s="613"/>
      <c r="MXR719" s="613"/>
      <c r="MXS719" s="613"/>
      <c r="MXT719" s="613"/>
      <c r="MXU719" s="613"/>
      <c r="MXV719" s="613"/>
      <c r="MXW719" s="613"/>
      <c r="MXX719" s="613"/>
      <c r="MXY719" s="613"/>
      <c r="MXZ719" s="613"/>
      <c r="MYA719" s="613"/>
      <c r="MYB719" s="613"/>
      <c r="MYC719" s="613"/>
      <c r="MYD719" s="613"/>
      <c r="MYE719" s="613"/>
      <c r="MYF719" s="613"/>
      <c r="MYG719" s="613"/>
      <c r="MYH719" s="613"/>
      <c r="MYI719" s="613"/>
      <c r="MYJ719" s="613"/>
      <c r="MYK719" s="613"/>
      <c r="MYL719" s="613"/>
      <c r="MYM719" s="613"/>
      <c r="MYN719" s="613"/>
      <c r="MYO719" s="613"/>
      <c r="MYP719" s="613"/>
      <c r="MYQ719" s="613"/>
      <c r="MYR719" s="613"/>
      <c r="MYS719" s="613"/>
      <c r="MYT719" s="613"/>
      <c r="MYU719" s="613"/>
      <c r="MYV719" s="613"/>
      <c r="MYW719" s="613"/>
      <c r="MYX719" s="613"/>
      <c r="MYY719" s="613"/>
      <c r="MYZ719" s="613"/>
      <c r="MZA719" s="613"/>
      <c r="MZB719" s="613"/>
      <c r="MZC719" s="613"/>
      <c r="MZD719" s="613"/>
      <c r="MZE719" s="613"/>
      <c r="MZF719" s="613"/>
      <c r="MZG719" s="613"/>
      <c r="MZH719" s="613"/>
      <c r="MZI719" s="613"/>
      <c r="MZJ719" s="613"/>
      <c r="MZK719" s="613"/>
      <c r="MZL719" s="613"/>
      <c r="MZM719" s="613"/>
      <c r="MZN719" s="613"/>
      <c r="MZO719" s="613"/>
      <c r="MZP719" s="613"/>
      <c r="MZQ719" s="613"/>
      <c r="MZR719" s="613"/>
      <c r="MZS719" s="613"/>
      <c r="MZT719" s="613"/>
      <c r="MZU719" s="613"/>
      <c r="MZV719" s="613"/>
      <c r="MZW719" s="613"/>
      <c r="MZX719" s="613"/>
      <c r="MZY719" s="613"/>
      <c r="MZZ719" s="613"/>
      <c r="NAA719" s="613"/>
      <c r="NAB719" s="613"/>
      <c r="NAC719" s="613"/>
      <c r="NAD719" s="613"/>
      <c r="NAE719" s="613"/>
      <c r="NAF719" s="613"/>
      <c r="NAG719" s="613"/>
      <c r="NAH719" s="613"/>
      <c r="NAI719" s="613"/>
      <c r="NAJ719" s="613"/>
      <c r="NAK719" s="613"/>
      <c r="NAL719" s="613"/>
      <c r="NAM719" s="613"/>
      <c r="NAN719" s="613"/>
      <c r="NAO719" s="613"/>
      <c r="NAP719" s="613"/>
      <c r="NAQ719" s="613"/>
      <c r="NAR719" s="613"/>
      <c r="NAS719" s="613"/>
      <c r="NAT719" s="613"/>
      <c r="NAU719" s="613"/>
      <c r="NAV719" s="613"/>
      <c r="NAW719" s="613"/>
      <c r="NAX719" s="613"/>
      <c r="NAY719" s="613"/>
      <c r="NAZ719" s="613"/>
      <c r="NBA719" s="613"/>
      <c r="NBB719" s="613"/>
      <c r="NBC719" s="613"/>
      <c r="NBD719" s="613"/>
      <c r="NBE719" s="613"/>
      <c r="NBF719" s="613"/>
      <c r="NBG719" s="613"/>
      <c r="NBH719" s="613"/>
      <c r="NBI719" s="613"/>
      <c r="NBJ719" s="613"/>
      <c r="NBK719" s="613"/>
      <c r="NBL719" s="613"/>
      <c r="NBM719" s="613"/>
      <c r="NBN719" s="613"/>
      <c r="NBO719" s="613"/>
      <c r="NBP719" s="613"/>
      <c r="NBQ719" s="613"/>
      <c r="NBR719" s="613"/>
      <c r="NBS719" s="613"/>
      <c r="NBT719" s="613"/>
      <c r="NBU719" s="613"/>
      <c r="NBV719" s="613"/>
      <c r="NBW719" s="613"/>
      <c r="NBX719" s="613"/>
      <c r="NBY719" s="613"/>
      <c r="NBZ719" s="613"/>
      <c r="NCA719" s="613"/>
      <c r="NCB719" s="613"/>
      <c r="NCC719" s="613"/>
      <c r="NCD719" s="613"/>
      <c r="NCE719" s="613"/>
      <c r="NCF719" s="613"/>
      <c r="NCG719" s="613"/>
      <c r="NCH719" s="613"/>
      <c r="NCI719" s="613"/>
      <c r="NCJ719" s="613"/>
      <c r="NCK719" s="613"/>
      <c r="NCL719" s="613"/>
      <c r="NCM719" s="613"/>
      <c r="NCN719" s="613"/>
      <c r="NCO719" s="613"/>
      <c r="NCP719" s="613"/>
      <c r="NCQ719" s="613"/>
      <c r="NCR719" s="613"/>
      <c r="NCS719" s="613"/>
      <c r="NCT719" s="613"/>
      <c r="NCU719" s="613"/>
      <c r="NCV719" s="613"/>
      <c r="NCW719" s="613"/>
      <c r="NCX719" s="613"/>
      <c r="NCY719" s="613"/>
      <c r="NCZ719" s="613"/>
      <c r="NDA719" s="613"/>
      <c r="NDB719" s="613"/>
      <c r="NDC719" s="613"/>
      <c r="NDD719" s="613"/>
      <c r="NDE719" s="613"/>
      <c r="NDF719" s="613"/>
      <c r="NDG719" s="613"/>
      <c r="NDH719" s="613"/>
      <c r="NDI719" s="613"/>
      <c r="NDJ719" s="613"/>
      <c r="NDK719" s="613"/>
      <c r="NDL719" s="613"/>
      <c r="NDM719" s="613"/>
      <c r="NDN719" s="613"/>
      <c r="NDO719" s="613"/>
      <c r="NDP719" s="613"/>
      <c r="NDQ719" s="613"/>
      <c r="NDR719" s="613"/>
      <c r="NDS719" s="613"/>
      <c r="NDT719" s="613"/>
      <c r="NDU719" s="613"/>
      <c r="NDV719" s="613"/>
      <c r="NDW719" s="613"/>
      <c r="NDX719" s="613"/>
      <c r="NDY719" s="613"/>
      <c r="NDZ719" s="613"/>
      <c r="NEA719" s="613"/>
      <c r="NEB719" s="613"/>
      <c r="NEC719" s="613"/>
      <c r="NED719" s="613"/>
      <c r="NEE719" s="613"/>
      <c r="NEF719" s="613"/>
      <c r="NEG719" s="613"/>
      <c r="NEH719" s="613"/>
      <c r="NEI719" s="613"/>
      <c r="NEJ719" s="613"/>
      <c r="NEK719" s="613"/>
      <c r="NEL719" s="613"/>
      <c r="NEM719" s="613"/>
      <c r="NEN719" s="613"/>
      <c r="NEO719" s="613"/>
      <c r="NEP719" s="613"/>
      <c r="NEQ719" s="613"/>
      <c r="NER719" s="613"/>
      <c r="NES719" s="613"/>
      <c r="NET719" s="613"/>
      <c r="NEU719" s="613"/>
      <c r="NEV719" s="613"/>
      <c r="NEW719" s="613"/>
      <c r="NEX719" s="613"/>
      <c r="NEY719" s="613"/>
      <c r="NEZ719" s="613"/>
      <c r="NFA719" s="613"/>
      <c r="NFB719" s="613"/>
      <c r="NFC719" s="613"/>
      <c r="NFD719" s="613"/>
      <c r="NFE719" s="613"/>
      <c r="NFF719" s="613"/>
      <c r="NFG719" s="613"/>
      <c r="NFH719" s="613"/>
      <c r="NFI719" s="613"/>
      <c r="NFJ719" s="613"/>
      <c r="NFK719" s="613"/>
      <c r="NFL719" s="613"/>
      <c r="NFM719" s="613"/>
      <c r="NFN719" s="613"/>
      <c r="NFO719" s="613"/>
      <c r="NFP719" s="613"/>
      <c r="NFQ719" s="613"/>
      <c r="NFR719" s="613"/>
      <c r="NFS719" s="613"/>
      <c r="NFT719" s="613"/>
      <c r="NFU719" s="613"/>
      <c r="NFV719" s="613"/>
      <c r="NFW719" s="613"/>
      <c r="NFX719" s="613"/>
      <c r="NFY719" s="613"/>
      <c r="NFZ719" s="613"/>
      <c r="NGA719" s="613"/>
      <c r="NGB719" s="613"/>
      <c r="NGC719" s="613"/>
      <c r="NGD719" s="613"/>
      <c r="NGE719" s="613"/>
      <c r="NGF719" s="613"/>
      <c r="NGG719" s="613"/>
      <c r="NGH719" s="613"/>
      <c r="NGI719" s="613"/>
      <c r="NGJ719" s="613"/>
      <c r="NGK719" s="613"/>
      <c r="NGL719" s="613"/>
      <c r="NGM719" s="613"/>
      <c r="NGN719" s="613"/>
      <c r="NGO719" s="613"/>
      <c r="NGP719" s="613"/>
      <c r="NGQ719" s="613"/>
      <c r="NGR719" s="613"/>
      <c r="NGS719" s="613"/>
      <c r="NGT719" s="613"/>
      <c r="NGU719" s="613"/>
      <c r="NGV719" s="613"/>
      <c r="NGW719" s="613"/>
      <c r="NGX719" s="613"/>
      <c r="NGY719" s="613"/>
      <c r="NGZ719" s="613"/>
      <c r="NHA719" s="613"/>
      <c r="NHB719" s="613"/>
      <c r="NHC719" s="613"/>
      <c r="NHD719" s="613"/>
      <c r="NHE719" s="613"/>
      <c r="NHF719" s="613"/>
      <c r="NHG719" s="613"/>
      <c r="NHH719" s="613"/>
      <c r="NHI719" s="613"/>
      <c r="NHJ719" s="613"/>
      <c r="NHK719" s="613"/>
      <c r="NHL719" s="613"/>
      <c r="NHM719" s="613"/>
      <c r="NHN719" s="613"/>
      <c r="NHO719" s="613"/>
      <c r="NHP719" s="613"/>
      <c r="NHQ719" s="613"/>
      <c r="NHR719" s="613"/>
      <c r="NHS719" s="613"/>
      <c r="NHT719" s="613"/>
      <c r="NHU719" s="613"/>
      <c r="NHV719" s="613"/>
      <c r="NHW719" s="613"/>
      <c r="NHX719" s="613"/>
      <c r="NHY719" s="613"/>
      <c r="NHZ719" s="613"/>
      <c r="NIA719" s="613"/>
      <c r="NIB719" s="613"/>
      <c r="NIC719" s="613"/>
      <c r="NID719" s="613"/>
      <c r="NIE719" s="613"/>
      <c r="NIF719" s="613"/>
      <c r="NIG719" s="613"/>
      <c r="NIH719" s="613"/>
      <c r="NII719" s="613"/>
      <c r="NIJ719" s="613"/>
      <c r="NIK719" s="613"/>
      <c r="NIL719" s="613"/>
      <c r="NIM719" s="613"/>
      <c r="NIN719" s="613"/>
      <c r="NIO719" s="613"/>
      <c r="NIP719" s="613"/>
      <c r="NIQ719" s="613"/>
      <c r="NIR719" s="613"/>
      <c r="NIS719" s="613"/>
      <c r="NIT719" s="613"/>
      <c r="NIU719" s="613"/>
      <c r="NIV719" s="613"/>
      <c r="NIW719" s="613"/>
      <c r="NIX719" s="613"/>
      <c r="NIY719" s="613"/>
      <c r="NIZ719" s="613"/>
      <c r="NJA719" s="613"/>
      <c r="NJB719" s="613"/>
      <c r="NJC719" s="613"/>
      <c r="NJD719" s="613"/>
      <c r="NJE719" s="613"/>
      <c r="NJF719" s="613"/>
      <c r="NJG719" s="613"/>
      <c r="NJH719" s="613"/>
      <c r="NJI719" s="613"/>
      <c r="NJJ719" s="613"/>
      <c r="NJK719" s="613"/>
      <c r="NJL719" s="613"/>
      <c r="NJM719" s="613"/>
      <c r="NJN719" s="613"/>
      <c r="NJO719" s="613"/>
      <c r="NJP719" s="613"/>
      <c r="NJQ719" s="613"/>
      <c r="NJR719" s="613"/>
      <c r="NJS719" s="613"/>
      <c r="NJT719" s="613"/>
      <c r="NJU719" s="613"/>
      <c r="NJV719" s="613"/>
      <c r="NJW719" s="613"/>
      <c r="NJX719" s="613"/>
      <c r="NJY719" s="613"/>
      <c r="NJZ719" s="613"/>
      <c r="NKA719" s="613"/>
      <c r="NKB719" s="613"/>
      <c r="NKC719" s="613"/>
      <c r="NKD719" s="613"/>
      <c r="NKE719" s="613"/>
      <c r="NKF719" s="613"/>
      <c r="NKG719" s="613"/>
      <c r="NKH719" s="613"/>
      <c r="NKI719" s="613"/>
      <c r="NKJ719" s="613"/>
      <c r="NKK719" s="613"/>
      <c r="NKL719" s="613"/>
      <c r="NKM719" s="613"/>
      <c r="NKN719" s="613"/>
      <c r="NKO719" s="613"/>
      <c r="NKP719" s="613"/>
      <c r="NKQ719" s="613"/>
      <c r="NKR719" s="613"/>
      <c r="NKS719" s="613"/>
      <c r="NKT719" s="613"/>
      <c r="NKU719" s="613"/>
      <c r="NKV719" s="613"/>
      <c r="NKW719" s="613"/>
      <c r="NKX719" s="613"/>
      <c r="NKY719" s="613"/>
      <c r="NKZ719" s="613"/>
      <c r="NLA719" s="613"/>
      <c r="NLB719" s="613"/>
      <c r="NLC719" s="613"/>
      <c r="NLD719" s="613"/>
      <c r="NLE719" s="613"/>
      <c r="NLF719" s="613"/>
      <c r="NLG719" s="613"/>
      <c r="NLH719" s="613"/>
      <c r="NLI719" s="613"/>
      <c r="NLJ719" s="613"/>
      <c r="NLK719" s="613"/>
      <c r="NLL719" s="613"/>
      <c r="NLM719" s="613"/>
      <c r="NLN719" s="613"/>
      <c r="NLO719" s="613"/>
      <c r="NLP719" s="613"/>
      <c r="NLQ719" s="613"/>
      <c r="NLR719" s="613"/>
      <c r="NLS719" s="613"/>
      <c r="NLT719" s="613"/>
      <c r="NLU719" s="613"/>
      <c r="NLV719" s="613"/>
      <c r="NLW719" s="613"/>
      <c r="NLX719" s="613"/>
      <c r="NLY719" s="613"/>
      <c r="NLZ719" s="613"/>
      <c r="NMA719" s="613"/>
      <c r="NMB719" s="613"/>
      <c r="NMC719" s="613"/>
      <c r="NMD719" s="613"/>
      <c r="NME719" s="613"/>
      <c r="NMF719" s="613"/>
      <c r="NMG719" s="613"/>
      <c r="NMH719" s="613"/>
      <c r="NMI719" s="613"/>
      <c r="NMJ719" s="613"/>
      <c r="NMK719" s="613"/>
      <c r="NML719" s="613"/>
      <c r="NMM719" s="613"/>
      <c r="NMN719" s="613"/>
      <c r="NMO719" s="613"/>
      <c r="NMP719" s="613"/>
      <c r="NMQ719" s="613"/>
      <c r="NMR719" s="613"/>
      <c r="NMS719" s="613"/>
      <c r="NMT719" s="613"/>
      <c r="NMU719" s="613"/>
      <c r="NMV719" s="613"/>
      <c r="NMW719" s="613"/>
      <c r="NMX719" s="613"/>
      <c r="NMY719" s="613"/>
      <c r="NMZ719" s="613"/>
      <c r="NNA719" s="613"/>
      <c r="NNB719" s="613"/>
      <c r="NNC719" s="613"/>
      <c r="NND719" s="613"/>
      <c r="NNE719" s="613"/>
      <c r="NNF719" s="613"/>
      <c r="NNG719" s="613"/>
      <c r="NNH719" s="613"/>
      <c r="NNI719" s="613"/>
      <c r="NNJ719" s="613"/>
      <c r="NNK719" s="613"/>
      <c r="NNL719" s="613"/>
      <c r="NNM719" s="613"/>
      <c r="NNN719" s="613"/>
      <c r="NNO719" s="613"/>
      <c r="NNP719" s="613"/>
      <c r="NNQ719" s="613"/>
      <c r="NNR719" s="613"/>
      <c r="NNS719" s="613"/>
      <c r="NNT719" s="613"/>
      <c r="NNU719" s="613"/>
      <c r="NNV719" s="613"/>
      <c r="NNW719" s="613"/>
      <c r="NNX719" s="613"/>
      <c r="NNY719" s="613"/>
      <c r="NNZ719" s="613"/>
      <c r="NOA719" s="613"/>
      <c r="NOB719" s="613"/>
      <c r="NOC719" s="613"/>
      <c r="NOD719" s="613"/>
      <c r="NOE719" s="613"/>
      <c r="NOF719" s="613"/>
      <c r="NOG719" s="613"/>
      <c r="NOH719" s="613"/>
      <c r="NOI719" s="613"/>
      <c r="NOJ719" s="613"/>
      <c r="NOK719" s="613"/>
      <c r="NOL719" s="613"/>
      <c r="NOM719" s="613"/>
      <c r="NON719" s="613"/>
      <c r="NOO719" s="613"/>
      <c r="NOP719" s="613"/>
      <c r="NOQ719" s="613"/>
      <c r="NOR719" s="613"/>
      <c r="NOS719" s="613"/>
      <c r="NOT719" s="613"/>
      <c r="NOU719" s="613"/>
      <c r="NOV719" s="613"/>
      <c r="NOW719" s="613"/>
      <c r="NOX719" s="613"/>
      <c r="NOY719" s="613"/>
      <c r="NOZ719" s="613"/>
      <c r="NPA719" s="613"/>
      <c r="NPB719" s="613"/>
      <c r="NPC719" s="613"/>
      <c r="NPD719" s="613"/>
      <c r="NPE719" s="613"/>
      <c r="NPF719" s="613"/>
      <c r="NPG719" s="613"/>
      <c r="NPH719" s="613"/>
      <c r="NPI719" s="613"/>
      <c r="NPJ719" s="613"/>
      <c r="NPK719" s="613"/>
      <c r="NPL719" s="613"/>
      <c r="NPM719" s="613"/>
      <c r="NPN719" s="613"/>
      <c r="NPO719" s="613"/>
      <c r="NPP719" s="613"/>
      <c r="NPQ719" s="613"/>
      <c r="NPR719" s="613"/>
      <c r="NPS719" s="613"/>
      <c r="NPT719" s="613"/>
      <c r="NPU719" s="613"/>
      <c r="NPV719" s="613"/>
      <c r="NPW719" s="613"/>
      <c r="NPX719" s="613"/>
      <c r="NPY719" s="613"/>
      <c r="NPZ719" s="613"/>
      <c r="NQA719" s="613"/>
      <c r="NQB719" s="613"/>
      <c r="NQC719" s="613"/>
      <c r="NQD719" s="613"/>
      <c r="NQE719" s="613"/>
      <c r="NQF719" s="613"/>
      <c r="NQG719" s="613"/>
      <c r="NQH719" s="613"/>
      <c r="NQI719" s="613"/>
      <c r="NQJ719" s="613"/>
      <c r="NQK719" s="613"/>
      <c r="NQL719" s="613"/>
      <c r="NQM719" s="613"/>
      <c r="NQN719" s="613"/>
      <c r="NQO719" s="613"/>
      <c r="NQP719" s="613"/>
      <c r="NQQ719" s="613"/>
      <c r="NQR719" s="613"/>
      <c r="NQS719" s="613"/>
      <c r="NQT719" s="613"/>
      <c r="NQU719" s="613"/>
      <c r="NQV719" s="613"/>
      <c r="NQW719" s="613"/>
      <c r="NQX719" s="613"/>
      <c r="NQY719" s="613"/>
      <c r="NQZ719" s="613"/>
      <c r="NRA719" s="613"/>
      <c r="NRB719" s="613"/>
      <c r="NRC719" s="613"/>
      <c r="NRD719" s="613"/>
      <c r="NRE719" s="613"/>
      <c r="NRF719" s="613"/>
      <c r="NRG719" s="613"/>
      <c r="NRH719" s="613"/>
      <c r="NRI719" s="613"/>
      <c r="NRJ719" s="613"/>
      <c r="NRK719" s="613"/>
      <c r="NRL719" s="613"/>
      <c r="NRM719" s="613"/>
      <c r="NRN719" s="613"/>
      <c r="NRO719" s="613"/>
      <c r="NRP719" s="613"/>
      <c r="NRQ719" s="613"/>
      <c r="NRR719" s="613"/>
      <c r="NRS719" s="613"/>
      <c r="NRT719" s="613"/>
      <c r="NRU719" s="613"/>
      <c r="NRV719" s="613"/>
      <c r="NRW719" s="613"/>
      <c r="NRX719" s="613"/>
      <c r="NRY719" s="613"/>
      <c r="NRZ719" s="613"/>
      <c r="NSA719" s="613"/>
      <c r="NSB719" s="613"/>
      <c r="NSC719" s="613"/>
      <c r="NSD719" s="613"/>
      <c r="NSE719" s="613"/>
      <c r="NSF719" s="613"/>
      <c r="NSG719" s="613"/>
      <c r="NSH719" s="613"/>
      <c r="NSI719" s="613"/>
      <c r="NSJ719" s="613"/>
      <c r="NSK719" s="613"/>
      <c r="NSL719" s="613"/>
      <c r="NSM719" s="613"/>
      <c r="NSN719" s="613"/>
      <c r="NSO719" s="613"/>
      <c r="NSP719" s="613"/>
      <c r="NSQ719" s="613"/>
      <c r="NSR719" s="613"/>
      <c r="NSS719" s="613"/>
      <c r="NST719" s="613"/>
      <c r="NSU719" s="613"/>
      <c r="NSV719" s="613"/>
      <c r="NSW719" s="613"/>
      <c r="NSX719" s="613"/>
      <c r="NSY719" s="613"/>
      <c r="NSZ719" s="613"/>
      <c r="NTA719" s="613"/>
      <c r="NTB719" s="613"/>
      <c r="NTC719" s="613"/>
      <c r="NTD719" s="613"/>
      <c r="NTE719" s="613"/>
      <c r="NTF719" s="613"/>
      <c r="NTG719" s="613"/>
      <c r="NTH719" s="613"/>
      <c r="NTI719" s="613"/>
      <c r="NTJ719" s="613"/>
      <c r="NTK719" s="613"/>
      <c r="NTL719" s="613"/>
      <c r="NTM719" s="613"/>
      <c r="NTN719" s="613"/>
      <c r="NTO719" s="613"/>
      <c r="NTP719" s="613"/>
      <c r="NTQ719" s="613"/>
      <c r="NTR719" s="613"/>
      <c r="NTS719" s="613"/>
      <c r="NTT719" s="613"/>
      <c r="NTU719" s="613"/>
      <c r="NTV719" s="613"/>
      <c r="NTW719" s="613"/>
      <c r="NTX719" s="613"/>
      <c r="NTY719" s="613"/>
      <c r="NTZ719" s="613"/>
      <c r="NUA719" s="613"/>
      <c r="NUB719" s="613"/>
      <c r="NUC719" s="613"/>
      <c r="NUD719" s="613"/>
      <c r="NUE719" s="613"/>
      <c r="NUF719" s="613"/>
      <c r="NUG719" s="613"/>
      <c r="NUH719" s="613"/>
      <c r="NUI719" s="613"/>
      <c r="NUJ719" s="613"/>
      <c r="NUK719" s="613"/>
      <c r="NUL719" s="613"/>
      <c r="NUM719" s="613"/>
      <c r="NUN719" s="613"/>
      <c r="NUO719" s="613"/>
      <c r="NUP719" s="613"/>
      <c r="NUQ719" s="613"/>
      <c r="NUR719" s="613"/>
      <c r="NUS719" s="613"/>
      <c r="NUT719" s="613"/>
      <c r="NUU719" s="613"/>
      <c r="NUV719" s="613"/>
      <c r="NUW719" s="613"/>
      <c r="NUX719" s="613"/>
      <c r="NUY719" s="613"/>
      <c r="NUZ719" s="613"/>
      <c r="NVA719" s="613"/>
      <c r="NVB719" s="613"/>
      <c r="NVC719" s="613"/>
      <c r="NVD719" s="613"/>
      <c r="NVE719" s="613"/>
      <c r="NVF719" s="613"/>
      <c r="NVG719" s="613"/>
      <c r="NVH719" s="613"/>
      <c r="NVI719" s="613"/>
      <c r="NVJ719" s="613"/>
      <c r="NVK719" s="613"/>
      <c r="NVL719" s="613"/>
      <c r="NVM719" s="613"/>
      <c r="NVN719" s="613"/>
      <c r="NVO719" s="613"/>
      <c r="NVP719" s="613"/>
      <c r="NVQ719" s="613"/>
      <c r="NVR719" s="613"/>
      <c r="NVS719" s="613"/>
      <c r="NVT719" s="613"/>
      <c r="NVU719" s="613"/>
      <c r="NVV719" s="613"/>
      <c r="NVW719" s="613"/>
      <c r="NVX719" s="613"/>
      <c r="NVY719" s="613"/>
      <c r="NVZ719" s="613"/>
      <c r="NWA719" s="613"/>
      <c r="NWB719" s="613"/>
      <c r="NWC719" s="613"/>
      <c r="NWD719" s="613"/>
      <c r="NWE719" s="613"/>
      <c r="NWF719" s="613"/>
      <c r="NWG719" s="613"/>
      <c r="NWH719" s="613"/>
      <c r="NWI719" s="613"/>
      <c r="NWJ719" s="613"/>
      <c r="NWK719" s="613"/>
      <c r="NWL719" s="613"/>
      <c r="NWM719" s="613"/>
      <c r="NWN719" s="613"/>
      <c r="NWO719" s="613"/>
      <c r="NWP719" s="613"/>
      <c r="NWQ719" s="613"/>
      <c r="NWR719" s="613"/>
      <c r="NWS719" s="613"/>
      <c r="NWT719" s="613"/>
      <c r="NWU719" s="613"/>
      <c r="NWV719" s="613"/>
      <c r="NWW719" s="613"/>
      <c r="NWX719" s="613"/>
      <c r="NWY719" s="613"/>
      <c r="NWZ719" s="613"/>
      <c r="NXA719" s="613"/>
      <c r="NXB719" s="613"/>
      <c r="NXC719" s="613"/>
      <c r="NXD719" s="613"/>
      <c r="NXE719" s="613"/>
      <c r="NXF719" s="613"/>
      <c r="NXG719" s="613"/>
      <c r="NXH719" s="613"/>
      <c r="NXI719" s="613"/>
      <c r="NXJ719" s="613"/>
      <c r="NXK719" s="613"/>
      <c r="NXL719" s="613"/>
      <c r="NXM719" s="613"/>
      <c r="NXN719" s="613"/>
      <c r="NXO719" s="613"/>
      <c r="NXP719" s="613"/>
      <c r="NXQ719" s="613"/>
      <c r="NXR719" s="613"/>
      <c r="NXS719" s="613"/>
      <c r="NXT719" s="613"/>
      <c r="NXU719" s="613"/>
      <c r="NXV719" s="613"/>
      <c r="NXW719" s="613"/>
      <c r="NXX719" s="613"/>
      <c r="NXY719" s="613"/>
      <c r="NXZ719" s="613"/>
      <c r="NYA719" s="613"/>
      <c r="NYB719" s="613"/>
      <c r="NYC719" s="613"/>
      <c r="NYD719" s="613"/>
      <c r="NYE719" s="613"/>
      <c r="NYF719" s="613"/>
      <c r="NYG719" s="613"/>
      <c r="NYH719" s="613"/>
      <c r="NYI719" s="613"/>
      <c r="NYJ719" s="613"/>
      <c r="NYK719" s="613"/>
      <c r="NYL719" s="613"/>
      <c r="NYM719" s="613"/>
      <c r="NYN719" s="613"/>
      <c r="NYO719" s="613"/>
      <c r="NYP719" s="613"/>
      <c r="NYQ719" s="613"/>
      <c r="NYR719" s="613"/>
      <c r="NYS719" s="613"/>
      <c r="NYT719" s="613"/>
      <c r="NYU719" s="613"/>
      <c r="NYV719" s="613"/>
      <c r="NYW719" s="613"/>
      <c r="NYX719" s="613"/>
      <c r="NYY719" s="613"/>
      <c r="NYZ719" s="613"/>
      <c r="NZA719" s="613"/>
      <c r="NZB719" s="613"/>
      <c r="NZC719" s="613"/>
      <c r="NZD719" s="613"/>
      <c r="NZE719" s="613"/>
      <c r="NZF719" s="613"/>
      <c r="NZG719" s="613"/>
      <c r="NZH719" s="613"/>
      <c r="NZI719" s="613"/>
      <c r="NZJ719" s="613"/>
      <c r="NZK719" s="613"/>
      <c r="NZL719" s="613"/>
      <c r="NZM719" s="613"/>
      <c r="NZN719" s="613"/>
      <c r="NZO719" s="613"/>
      <c r="NZP719" s="613"/>
      <c r="NZQ719" s="613"/>
      <c r="NZR719" s="613"/>
      <c r="NZS719" s="613"/>
      <c r="NZT719" s="613"/>
      <c r="NZU719" s="613"/>
      <c r="NZV719" s="613"/>
      <c r="NZW719" s="613"/>
      <c r="NZX719" s="613"/>
      <c r="NZY719" s="613"/>
      <c r="NZZ719" s="613"/>
      <c r="OAA719" s="613"/>
      <c r="OAB719" s="613"/>
      <c r="OAC719" s="613"/>
      <c r="OAD719" s="613"/>
      <c r="OAE719" s="613"/>
      <c r="OAF719" s="613"/>
      <c r="OAG719" s="613"/>
      <c r="OAH719" s="613"/>
      <c r="OAI719" s="613"/>
      <c r="OAJ719" s="613"/>
      <c r="OAK719" s="613"/>
      <c r="OAL719" s="613"/>
      <c r="OAM719" s="613"/>
      <c r="OAN719" s="613"/>
      <c r="OAO719" s="613"/>
      <c r="OAP719" s="613"/>
      <c r="OAQ719" s="613"/>
      <c r="OAR719" s="613"/>
      <c r="OAS719" s="613"/>
      <c r="OAT719" s="613"/>
      <c r="OAU719" s="613"/>
      <c r="OAV719" s="613"/>
      <c r="OAW719" s="613"/>
      <c r="OAX719" s="613"/>
      <c r="OAY719" s="613"/>
      <c r="OAZ719" s="613"/>
      <c r="OBA719" s="613"/>
      <c r="OBB719" s="613"/>
      <c r="OBC719" s="613"/>
      <c r="OBD719" s="613"/>
      <c r="OBE719" s="613"/>
      <c r="OBF719" s="613"/>
      <c r="OBG719" s="613"/>
      <c r="OBH719" s="613"/>
      <c r="OBI719" s="613"/>
      <c r="OBJ719" s="613"/>
      <c r="OBK719" s="613"/>
      <c r="OBL719" s="613"/>
      <c r="OBM719" s="613"/>
      <c r="OBN719" s="613"/>
      <c r="OBO719" s="613"/>
      <c r="OBP719" s="613"/>
      <c r="OBQ719" s="613"/>
      <c r="OBR719" s="613"/>
      <c r="OBS719" s="613"/>
      <c r="OBT719" s="613"/>
      <c r="OBU719" s="613"/>
      <c r="OBV719" s="613"/>
      <c r="OBW719" s="613"/>
      <c r="OBX719" s="613"/>
      <c r="OBY719" s="613"/>
      <c r="OBZ719" s="613"/>
      <c r="OCA719" s="613"/>
      <c r="OCB719" s="613"/>
      <c r="OCC719" s="613"/>
      <c r="OCD719" s="613"/>
      <c r="OCE719" s="613"/>
      <c r="OCF719" s="613"/>
      <c r="OCG719" s="613"/>
      <c r="OCH719" s="613"/>
      <c r="OCI719" s="613"/>
      <c r="OCJ719" s="613"/>
      <c r="OCK719" s="613"/>
      <c r="OCL719" s="613"/>
      <c r="OCM719" s="613"/>
      <c r="OCN719" s="613"/>
      <c r="OCO719" s="613"/>
      <c r="OCP719" s="613"/>
      <c r="OCQ719" s="613"/>
      <c r="OCR719" s="613"/>
      <c r="OCS719" s="613"/>
      <c r="OCT719" s="613"/>
      <c r="OCU719" s="613"/>
      <c r="OCV719" s="613"/>
      <c r="OCW719" s="613"/>
      <c r="OCX719" s="613"/>
      <c r="OCY719" s="613"/>
      <c r="OCZ719" s="613"/>
      <c r="ODA719" s="613"/>
      <c r="ODB719" s="613"/>
      <c r="ODC719" s="613"/>
      <c r="ODD719" s="613"/>
      <c r="ODE719" s="613"/>
      <c r="ODF719" s="613"/>
      <c r="ODG719" s="613"/>
      <c r="ODH719" s="613"/>
      <c r="ODI719" s="613"/>
      <c r="ODJ719" s="613"/>
      <c r="ODK719" s="613"/>
      <c r="ODL719" s="613"/>
      <c r="ODM719" s="613"/>
      <c r="ODN719" s="613"/>
      <c r="ODO719" s="613"/>
      <c r="ODP719" s="613"/>
      <c r="ODQ719" s="613"/>
      <c r="ODR719" s="613"/>
      <c r="ODS719" s="613"/>
      <c r="ODT719" s="613"/>
      <c r="ODU719" s="613"/>
      <c r="ODV719" s="613"/>
      <c r="ODW719" s="613"/>
      <c r="ODX719" s="613"/>
      <c r="ODY719" s="613"/>
      <c r="ODZ719" s="613"/>
      <c r="OEA719" s="613"/>
      <c r="OEB719" s="613"/>
      <c r="OEC719" s="613"/>
      <c r="OED719" s="613"/>
      <c r="OEE719" s="613"/>
      <c r="OEF719" s="613"/>
      <c r="OEG719" s="613"/>
      <c r="OEH719" s="613"/>
      <c r="OEI719" s="613"/>
      <c r="OEJ719" s="613"/>
      <c r="OEK719" s="613"/>
      <c r="OEL719" s="613"/>
      <c r="OEM719" s="613"/>
      <c r="OEN719" s="613"/>
      <c r="OEO719" s="613"/>
      <c r="OEP719" s="613"/>
      <c r="OEQ719" s="613"/>
      <c r="OER719" s="613"/>
      <c r="OES719" s="613"/>
      <c r="OET719" s="613"/>
      <c r="OEU719" s="613"/>
      <c r="OEV719" s="613"/>
      <c r="OEW719" s="613"/>
      <c r="OEX719" s="613"/>
      <c r="OEY719" s="613"/>
      <c r="OEZ719" s="613"/>
      <c r="OFA719" s="613"/>
      <c r="OFB719" s="613"/>
      <c r="OFC719" s="613"/>
      <c r="OFD719" s="613"/>
      <c r="OFE719" s="613"/>
      <c r="OFF719" s="613"/>
      <c r="OFG719" s="613"/>
      <c r="OFH719" s="613"/>
      <c r="OFI719" s="613"/>
      <c r="OFJ719" s="613"/>
      <c r="OFK719" s="613"/>
      <c r="OFL719" s="613"/>
      <c r="OFM719" s="613"/>
      <c r="OFN719" s="613"/>
      <c r="OFO719" s="613"/>
      <c r="OFP719" s="613"/>
      <c r="OFQ719" s="613"/>
      <c r="OFR719" s="613"/>
      <c r="OFS719" s="613"/>
      <c r="OFT719" s="613"/>
      <c r="OFU719" s="613"/>
      <c r="OFV719" s="613"/>
      <c r="OFW719" s="613"/>
      <c r="OFX719" s="613"/>
      <c r="OFY719" s="613"/>
      <c r="OFZ719" s="613"/>
      <c r="OGA719" s="613"/>
      <c r="OGB719" s="613"/>
      <c r="OGC719" s="613"/>
      <c r="OGD719" s="613"/>
      <c r="OGE719" s="613"/>
      <c r="OGF719" s="613"/>
      <c r="OGG719" s="613"/>
      <c r="OGH719" s="613"/>
      <c r="OGI719" s="613"/>
      <c r="OGJ719" s="613"/>
      <c r="OGK719" s="613"/>
      <c r="OGL719" s="613"/>
      <c r="OGM719" s="613"/>
      <c r="OGN719" s="613"/>
      <c r="OGO719" s="613"/>
      <c r="OGP719" s="613"/>
      <c r="OGQ719" s="613"/>
      <c r="OGR719" s="613"/>
      <c r="OGS719" s="613"/>
      <c r="OGT719" s="613"/>
      <c r="OGU719" s="613"/>
      <c r="OGV719" s="613"/>
      <c r="OGW719" s="613"/>
      <c r="OGX719" s="613"/>
      <c r="OGY719" s="613"/>
      <c r="OGZ719" s="613"/>
      <c r="OHA719" s="613"/>
      <c r="OHB719" s="613"/>
      <c r="OHC719" s="613"/>
      <c r="OHD719" s="613"/>
      <c r="OHE719" s="613"/>
      <c r="OHF719" s="613"/>
      <c r="OHG719" s="613"/>
      <c r="OHH719" s="613"/>
      <c r="OHI719" s="613"/>
      <c r="OHJ719" s="613"/>
      <c r="OHK719" s="613"/>
      <c r="OHL719" s="613"/>
      <c r="OHM719" s="613"/>
      <c r="OHN719" s="613"/>
      <c r="OHO719" s="613"/>
      <c r="OHP719" s="613"/>
      <c r="OHQ719" s="613"/>
      <c r="OHR719" s="613"/>
      <c r="OHS719" s="613"/>
      <c r="OHT719" s="613"/>
      <c r="OHU719" s="613"/>
      <c r="OHV719" s="613"/>
      <c r="OHW719" s="613"/>
      <c r="OHX719" s="613"/>
      <c r="OHY719" s="613"/>
      <c r="OHZ719" s="613"/>
      <c r="OIA719" s="613"/>
      <c r="OIB719" s="613"/>
      <c r="OIC719" s="613"/>
      <c r="OID719" s="613"/>
      <c r="OIE719" s="613"/>
      <c r="OIF719" s="613"/>
      <c r="OIG719" s="613"/>
      <c r="OIH719" s="613"/>
      <c r="OII719" s="613"/>
      <c r="OIJ719" s="613"/>
      <c r="OIK719" s="613"/>
      <c r="OIL719" s="613"/>
      <c r="OIM719" s="613"/>
      <c r="OIN719" s="613"/>
      <c r="OIO719" s="613"/>
      <c r="OIP719" s="613"/>
      <c r="OIQ719" s="613"/>
      <c r="OIR719" s="613"/>
      <c r="OIS719" s="613"/>
      <c r="OIT719" s="613"/>
      <c r="OIU719" s="613"/>
      <c r="OIV719" s="613"/>
      <c r="OIW719" s="613"/>
      <c r="OIX719" s="613"/>
      <c r="OIY719" s="613"/>
      <c r="OIZ719" s="613"/>
      <c r="OJA719" s="613"/>
      <c r="OJB719" s="613"/>
      <c r="OJC719" s="613"/>
      <c r="OJD719" s="613"/>
      <c r="OJE719" s="613"/>
      <c r="OJF719" s="613"/>
      <c r="OJG719" s="613"/>
      <c r="OJH719" s="613"/>
      <c r="OJI719" s="613"/>
      <c r="OJJ719" s="613"/>
      <c r="OJK719" s="613"/>
      <c r="OJL719" s="613"/>
      <c r="OJM719" s="613"/>
      <c r="OJN719" s="613"/>
      <c r="OJO719" s="613"/>
      <c r="OJP719" s="613"/>
      <c r="OJQ719" s="613"/>
      <c r="OJR719" s="613"/>
      <c r="OJS719" s="613"/>
      <c r="OJT719" s="613"/>
      <c r="OJU719" s="613"/>
      <c r="OJV719" s="613"/>
      <c r="OJW719" s="613"/>
      <c r="OJX719" s="613"/>
      <c r="OJY719" s="613"/>
      <c r="OJZ719" s="613"/>
      <c r="OKA719" s="613"/>
      <c r="OKB719" s="613"/>
      <c r="OKC719" s="613"/>
      <c r="OKD719" s="613"/>
      <c r="OKE719" s="613"/>
      <c r="OKF719" s="613"/>
      <c r="OKG719" s="613"/>
      <c r="OKH719" s="613"/>
      <c r="OKI719" s="613"/>
      <c r="OKJ719" s="613"/>
      <c r="OKK719" s="613"/>
      <c r="OKL719" s="613"/>
      <c r="OKM719" s="613"/>
      <c r="OKN719" s="613"/>
      <c r="OKO719" s="613"/>
      <c r="OKP719" s="613"/>
      <c r="OKQ719" s="613"/>
      <c r="OKR719" s="613"/>
      <c r="OKS719" s="613"/>
      <c r="OKT719" s="613"/>
      <c r="OKU719" s="613"/>
      <c r="OKV719" s="613"/>
      <c r="OKW719" s="613"/>
      <c r="OKX719" s="613"/>
      <c r="OKY719" s="613"/>
      <c r="OKZ719" s="613"/>
      <c r="OLA719" s="613"/>
      <c r="OLB719" s="613"/>
      <c r="OLC719" s="613"/>
      <c r="OLD719" s="613"/>
      <c r="OLE719" s="613"/>
      <c r="OLF719" s="613"/>
      <c r="OLG719" s="613"/>
      <c r="OLH719" s="613"/>
      <c r="OLI719" s="613"/>
      <c r="OLJ719" s="613"/>
      <c r="OLK719" s="613"/>
      <c r="OLL719" s="613"/>
      <c r="OLM719" s="613"/>
      <c r="OLN719" s="613"/>
      <c r="OLO719" s="613"/>
      <c r="OLP719" s="613"/>
      <c r="OLQ719" s="613"/>
      <c r="OLR719" s="613"/>
      <c r="OLS719" s="613"/>
      <c r="OLT719" s="613"/>
      <c r="OLU719" s="613"/>
      <c r="OLV719" s="613"/>
      <c r="OLW719" s="613"/>
      <c r="OLX719" s="613"/>
      <c r="OLY719" s="613"/>
      <c r="OLZ719" s="613"/>
      <c r="OMA719" s="613"/>
      <c r="OMB719" s="613"/>
      <c r="OMC719" s="613"/>
      <c r="OMD719" s="613"/>
      <c r="OME719" s="613"/>
      <c r="OMF719" s="613"/>
      <c r="OMG719" s="613"/>
      <c r="OMH719" s="613"/>
      <c r="OMI719" s="613"/>
      <c r="OMJ719" s="613"/>
      <c r="OMK719" s="613"/>
      <c r="OML719" s="613"/>
      <c r="OMM719" s="613"/>
      <c r="OMN719" s="613"/>
      <c r="OMO719" s="613"/>
      <c r="OMP719" s="613"/>
      <c r="OMQ719" s="613"/>
      <c r="OMR719" s="613"/>
      <c r="OMS719" s="613"/>
      <c r="OMT719" s="613"/>
      <c r="OMU719" s="613"/>
      <c r="OMV719" s="613"/>
      <c r="OMW719" s="613"/>
      <c r="OMX719" s="613"/>
      <c r="OMY719" s="613"/>
      <c r="OMZ719" s="613"/>
      <c r="ONA719" s="613"/>
      <c r="ONB719" s="613"/>
      <c r="ONC719" s="613"/>
      <c r="OND719" s="613"/>
      <c r="ONE719" s="613"/>
      <c r="ONF719" s="613"/>
      <c r="ONG719" s="613"/>
      <c r="ONH719" s="613"/>
      <c r="ONI719" s="613"/>
      <c r="ONJ719" s="613"/>
      <c r="ONK719" s="613"/>
      <c r="ONL719" s="613"/>
      <c r="ONM719" s="613"/>
      <c r="ONN719" s="613"/>
      <c r="ONO719" s="613"/>
      <c r="ONP719" s="613"/>
      <c r="ONQ719" s="613"/>
      <c r="ONR719" s="613"/>
      <c r="ONS719" s="613"/>
      <c r="ONT719" s="613"/>
      <c r="ONU719" s="613"/>
      <c r="ONV719" s="613"/>
      <c r="ONW719" s="613"/>
      <c r="ONX719" s="613"/>
      <c r="ONY719" s="613"/>
      <c r="ONZ719" s="613"/>
      <c r="OOA719" s="613"/>
      <c r="OOB719" s="613"/>
      <c r="OOC719" s="613"/>
      <c r="OOD719" s="613"/>
      <c r="OOE719" s="613"/>
      <c r="OOF719" s="613"/>
      <c r="OOG719" s="613"/>
      <c r="OOH719" s="613"/>
      <c r="OOI719" s="613"/>
      <c r="OOJ719" s="613"/>
      <c r="OOK719" s="613"/>
      <c r="OOL719" s="613"/>
      <c r="OOM719" s="613"/>
      <c r="OON719" s="613"/>
      <c r="OOO719" s="613"/>
      <c r="OOP719" s="613"/>
      <c r="OOQ719" s="613"/>
      <c r="OOR719" s="613"/>
      <c r="OOS719" s="613"/>
      <c r="OOT719" s="613"/>
      <c r="OOU719" s="613"/>
      <c r="OOV719" s="613"/>
      <c r="OOW719" s="613"/>
      <c r="OOX719" s="613"/>
      <c r="OOY719" s="613"/>
      <c r="OOZ719" s="613"/>
      <c r="OPA719" s="613"/>
      <c r="OPB719" s="613"/>
      <c r="OPC719" s="613"/>
      <c r="OPD719" s="613"/>
      <c r="OPE719" s="613"/>
      <c r="OPF719" s="613"/>
      <c r="OPG719" s="613"/>
      <c r="OPH719" s="613"/>
      <c r="OPI719" s="613"/>
      <c r="OPJ719" s="613"/>
      <c r="OPK719" s="613"/>
      <c r="OPL719" s="613"/>
      <c r="OPM719" s="613"/>
      <c r="OPN719" s="613"/>
      <c r="OPO719" s="613"/>
      <c r="OPP719" s="613"/>
      <c r="OPQ719" s="613"/>
      <c r="OPR719" s="613"/>
      <c r="OPS719" s="613"/>
      <c r="OPT719" s="613"/>
      <c r="OPU719" s="613"/>
      <c r="OPV719" s="613"/>
      <c r="OPW719" s="613"/>
      <c r="OPX719" s="613"/>
      <c r="OPY719" s="613"/>
      <c r="OPZ719" s="613"/>
      <c r="OQA719" s="613"/>
      <c r="OQB719" s="613"/>
      <c r="OQC719" s="613"/>
      <c r="OQD719" s="613"/>
      <c r="OQE719" s="613"/>
      <c r="OQF719" s="613"/>
      <c r="OQG719" s="613"/>
      <c r="OQH719" s="613"/>
      <c r="OQI719" s="613"/>
      <c r="OQJ719" s="613"/>
      <c r="OQK719" s="613"/>
      <c r="OQL719" s="613"/>
      <c r="OQM719" s="613"/>
      <c r="OQN719" s="613"/>
      <c r="OQO719" s="613"/>
      <c r="OQP719" s="613"/>
      <c r="OQQ719" s="613"/>
      <c r="OQR719" s="613"/>
      <c r="OQS719" s="613"/>
      <c r="OQT719" s="613"/>
      <c r="OQU719" s="613"/>
      <c r="OQV719" s="613"/>
      <c r="OQW719" s="613"/>
      <c r="OQX719" s="613"/>
      <c r="OQY719" s="613"/>
      <c r="OQZ719" s="613"/>
      <c r="ORA719" s="613"/>
      <c r="ORB719" s="613"/>
      <c r="ORC719" s="613"/>
      <c r="ORD719" s="613"/>
      <c r="ORE719" s="613"/>
      <c r="ORF719" s="613"/>
      <c r="ORG719" s="613"/>
      <c r="ORH719" s="613"/>
      <c r="ORI719" s="613"/>
      <c r="ORJ719" s="613"/>
      <c r="ORK719" s="613"/>
      <c r="ORL719" s="613"/>
      <c r="ORM719" s="613"/>
      <c r="ORN719" s="613"/>
      <c r="ORO719" s="613"/>
      <c r="ORP719" s="613"/>
      <c r="ORQ719" s="613"/>
      <c r="ORR719" s="613"/>
      <c r="ORS719" s="613"/>
      <c r="ORT719" s="613"/>
      <c r="ORU719" s="613"/>
      <c r="ORV719" s="613"/>
      <c r="ORW719" s="613"/>
      <c r="ORX719" s="613"/>
      <c r="ORY719" s="613"/>
      <c r="ORZ719" s="613"/>
      <c r="OSA719" s="613"/>
      <c r="OSB719" s="613"/>
      <c r="OSC719" s="613"/>
      <c r="OSD719" s="613"/>
      <c r="OSE719" s="613"/>
      <c r="OSF719" s="613"/>
      <c r="OSG719" s="613"/>
      <c r="OSH719" s="613"/>
      <c r="OSI719" s="613"/>
      <c r="OSJ719" s="613"/>
      <c r="OSK719" s="613"/>
      <c r="OSL719" s="613"/>
      <c r="OSM719" s="613"/>
      <c r="OSN719" s="613"/>
      <c r="OSO719" s="613"/>
      <c r="OSP719" s="613"/>
      <c r="OSQ719" s="613"/>
      <c r="OSR719" s="613"/>
      <c r="OSS719" s="613"/>
      <c r="OST719" s="613"/>
      <c r="OSU719" s="613"/>
      <c r="OSV719" s="613"/>
      <c r="OSW719" s="613"/>
      <c r="OSX719" s="613"/>
      <c r="OSY719" s="613"/>
      <c r="OSZ719" s="613"/>
      <c r="OTA719" s="613"/>
      <c r="OTB719" s="613"/>
      <c r="OTC719" s="613"/>
      <c r="OTD719" s="613"/>
      <c r="OTE719" s="613"/>
      <c r="OTF719" s="613"/>
      <c r="OTG719" s="613"/>
      <c r="OTH719" s="613"/>
      <c r="OTI719" s="613"/>
      <c r="OTJ719" s="613"/>
      <c r="OTK719" s="613"/>
      <c r="OTL719" s="613"/>
      <c r="OTM719" s="613"/>
      <c r="OTN719" s="613"/>
      <c r="OTO719" s="613"/>
      <c r="OTP719" s="613"/>
      <c r="OTQ719" s="613"/>
      <c r="OTR719" s="613"/>
      <c r="OTS719" s="613"/>
      <c r="OTT719" s="613"/>
      <c r="OTU719" s="613"/>
      <c r="OTV719" s="613"/>
      <c r="OTW719" s="613"/>
      <c r="OTX719" s="613"/>
      <c r="OTY719" s="613"/>
      <c r="OTZ719" s="613"/>
      <c r="OUA719" s="613"/>
      <c r="OUB719" s="613"/>
      <c r="OUC719" s="613"/>
      <c r="OUD719" s="613"/>
      <c r="OUE719" s="613"/>
      <c r="OUF719" s="613"/>
      <c r="OUG719" s="613"/>
      <c r="OUH719" s="613"/>
      <c r="OUI719" s="613"/>
      <c r="OUJ719" s="613"/>
      <c r="OUK719" s="613"/>
      <c r="OUL719" s="613"/>
      <c r="OUM719" s="613"/>
      <c r="OUN719" s="613"/>
      <c r="OUO719" s="613"/>
      <c r="OUP719" s="613"/>
      <c r="OUQ719" s="613"/>
      <c r="OUR719" s="613"/>
      <c r="OUS719" s="613"/>
      <c r="OUT719" s="613"/>
      <c r="OUU719" s="613"/>
      <c r="OUV719" s="613"/>
      <c r="OUW719" s="613"/>
      <c r="OUX719" s="613"/>
      <c r="OUY719" s="613"/>
      <c r="OUZ719" s="613"/>
      <c r="OVA719" s="613"/>
      <c r="OVB719" s="613"/>
      <c r="OVC719" s="613"/>
      <c r="OVD719" s="613"/>
      <c r="OVE719" s="613"/>
      <c r="OVF719" s="613"/>
      <c r="OVG719" s="613"/>
      <c r="OVH719" s="613"/>
      <c r="OVI719" s="613"/>
      <c r="OVJ719" s="613"/>
      <c r="OVK719" s="613"/>
      <c r="OVL719" s="613"/>
      <c r="OVM719" s="613"/>
      <c r="OVN719" s="613"/>
      <c r="OVO719" s="613"/>
      <c r="OVP719" s="613"/>
      <c r="OVQ719" s="613"/>
      <c r="OVR719" s="613"/>
      <c r="OVS719" s="613"/>
      <c r="OVT719" s="613"/>
      <c r="OVU719" s="613"/>
      <c r="OVV719" s="613"/>
      <c r="OVW719" s="613"/>
      <c r="OVX719" s="613"/>
      <c r="OVY719" s="613"/>
      <c r="OVZ719" s="613"/>
      <c r="OWA719" s="613"/>
      <c r="OWB719" s="613"/>
      <c r="OWC719" s="613"/>
      <c r="OWD719" s="613"/>
      <c r="OWE719" s="613"/>
      <c r="OWF719" s="613"/>
      <c r="OWG719" s="613"/>
      <c r="OWH719" s="613"/>
      <c r="OWI719" s="613"/>
      <c r="OWJ719" s="613"/>
      <c r="OWK719" s="613"/>
      <c r="OWL719" s="613"/>
      <c r="OWM719" s="613"/>
      <c r="OWN719" s="613"/>
      <c r="OWO719" s="613"/>
      <c r="OWP719" s="613"/>
      <c r="OWQ719" s="613"/>
      <c r="OWR719" s="613"/>
      <c r="OWS719" s="613"/>
      <c r="OWT719" s="613"/>
      <c r="OWU719" s="613"/>
      <c r="OWV719" s="613"/>
      <c r="OWW719" s="613"/>
      <c r="OWX719" s="613"/>
      <c r="OWY719" s="613"/>
      <c r="OWZ719" s="613"/>
      <c r="OXA719" s="613"/>
      <c r="OXB719" s="613"/>
      <c r="OXC719" s="613"/>
      <c r="OXD719" s="613"/>
      <c r="OXE719" s="613"/>
      <c r="OXF719" s="613"/>
      <c r="OXG719" s="613"/>
      <c r="OXH719" s="613"/>
      <c r="OXI719" s="613"/>
      <c r="OXJ719" s="613"/>
      <c r="OXK719" s="613"/>
      <c r="OXL719" s="613"/>
      <c r="OXM719" s="613"/>
      <c r="OXN719" s="613"/>
      <c r="OXO719" s="613"/>
      <c r="OXP719" s="613"/>
      <c r="OXQ719" s="613"/>
      <c r="OXR719" s="613"/>
      <c r="OXS719" s="613"/>
      <c r="OXT719" s="613"/>
      <c r="OXU719" s="613"/>
      <c r="OXV719" s="613"/>
      <c r="OXW719" s="613"/>
      <c r="OXX719" s="613"/>
      <c r="OXY719" s="613"/>
      <c r="OXZ719" s="613"/>
      <c r="OYA719" s="613"/>
      <c r="OYB719" s="613"/>
      <c r="OYC719" s="613"/>
      <c r="OYD719" s="613"/>
      <c r="OYE719" s="613"/>
      <c r="OYF719" s="613"/>
      <c r="OYG719" s="613"/>
      <c r="OYH719" s="613"/>
      <c r="OYI719" s="613"/>
      <c r="OYJ719" s="613"/>
      <c r="OYK719" s="613"/>
      <c r="OYL719" s="613"/>
      <c r="OYM719" s="613"/>
      <c r="OYN719" s="613"/>
      <c r="OYO719" s="613"/>
      <c r="OYP719" s="613"/>
      <c r="OYQ719" s="613"/>
      <c r="OYR719" s="613"/>
      <c r="OYS719" s="613"/>
      <c r="OYT719" s="613"/>
      <c r="OYU719" s="613"/>
      <c r="OYV719" s="613"/>
      <c r="OYW719" s="613"/>
      <c r="OYX719" s="613"/>
      <c r="OYY719" s="613"/>
      <c r="OYZ719" s="613"/>
      <c r="OZA719" s="613"/>
      <c r="OZB719" s="613"/>
      <c r="OZC719" s="613"/>
      <c r="OZD719" s="613"/>
      <c r="OZE719" s="613"/>
      <c r="OZF719" s="613"/>
      <c r="OZG719" s="613"/>
      <c r="OZH719" s="613"/>
      <c r="OZI719" s="613"/>
      <c r="OZJ719" s="613"/>
      <c r="OZK719" s="613"/>
      <c r="OZL719" s="613"/>
      <c r="OZM719" s="613"/>
      <c r="OZN719" s="613"/>
      <c r="OZO719" s="613"/>
      <c r="OZP719" s="613"/>
      <c r="OZQ719" s="613"/>
      <c r="OZR719" s="613"/>
      <c r="OZS719" s="613"/>
      <c r="OZT719" s="613"/>
      <c r="OZU719" s="613"/>
      <c r="OZV719" s="613"/>
      <c r="OZW719" s="613"/>
      <c r="OZX719" s="613"/>
      <c r="OZY719" s="613"/>
      <c r="OZZ719" s="613"/>
      <c r="PAA719" s="613"/>
      <c r="PAB719" s="613"/>
      <c r="PAC719" s="613"/>
      <c r="PAD719" s="613"/>
      <c r="PAE719" s="613"/>
      <c r="PAF719" s="613"/>
      <c r="PAG719" s="613"/>
      <c r="PAH719" s="613"/>
      <c r="PAI719" s="613"/>
      <c r="PAJ719" s="613"/>
      <c r="PAK719" s="613"/>
      <c r="PAL719" s="613"/>
      <c r="PAM719" s="613"/>
      <c r="PAN719" s="613"/>
      <c r="PAO719" s="613"/>
      <c r="PAP719" s="613"/>
      <c r="PAQ719" s="613"/>
      <c r="PAR719" s="613"/>
      <c r="PAS719" s="613"/>
      <c r="PAT719" s="613"/>
      <c r="PAU719" s="613"/>
      <c r="PAV719" s="613"/>
      <c r="PAW719" s="613"/>
      <c r="PAX719" s="613"/>
      <c r="PAY719" s="613"/>
      <c r="PAZ719" s="613"/>
      <c r="PBA719" s="613"/>
      <c r="PBB719" s="613"/>
      <c r="PBC719" s="613"/>
      <c r="PBD719" s="613"/>
      <c r="PBE719" s="613"/>
      <c r="PBF719" s="613"/>
      <c r="PBG719" s="613"/>
      <c r="PBH719" s="613"/>
      <c r="PBI719" s="613"/>
      <c r="PBJ719" s="613"/>
      <c r="PBK719" s="613"/>
      <c r="PBL719" s="613"/>
      <c r="PBM719" s="613"/>
      <c r="PBN719" s="613"/>
      <c r="PBO719" s="613"/>
      <c r="PBP719" s="613"/>
      <c r="PBQ719" s="613"/>
      <c r="PBR719" s="613"/>
      <c r="PBS719" s="613"/>
      <c r="PBT719" s="613"/>
      <c r="PBU719" s="613"/>
      <c r="PBV719" s="613"/>
      <c r="PBW719" s="613"/>
      <c r="PBX719" s="613"/>
      <c r="PBY719" s="613"/>
      <c r="PBZ719" s="613"/>
      <c r="PCA719" s="613"/>
      <c r="PCB719" s="613"/>
      <c r="PCC719" s="613"/>
      <c r="PCD719" s="613"/>
      <c r="PCE719" s="613"/>
      <c r="PCF719" s="613"/>
      <c r="PCG719" s="613"/>
      <c r="PCH719" s="613"/>
      <c r="PCI719" s="613"/>
      <c r="PCJ719" s="613"/>
      <c r="PCK719" s="613"/>
      <c r="PCL719" s="613"/>
      <c r="PCM719" s="613"/>
      <c r="PCN719" s="613"/>
      <c r="PCO719" s="613"/>
      <c r="PCP719" s="613"/>
      <c r="PCQ719" s="613"/>
      <c r="PCR719" s="613"/>
      <c r="PCS719" s="613"/>
      <c r="PCT719" s="613"/>
      <c r="PCU719" s="613"/>
      <c r="PCV719" s="613"/>
      <c r="PCW719" s="613"/>
      <c r="PCX719" s="613"/>
      <c r="PCY719" s="613"/>
      <c r="PCZ719" s="613"/>
      <c r="PDA719" s="613"/>
      <c r="PDB719" s="613"/>
      <c r="PDC719" s="613"/>
      <c r="PDD719" s="613"/>
      <c r="PDE719" s="613"/>
      <c r="PDF719" s="613"/>
      <c r="PDG719" s="613"/>
      <c r="PDH719" s="613"/>
      <c r="PDI719" s="613"/>
      <c r="PDJ719" s="613"/>
      <c r="PDK719" s="613"/>
      <c r="PDL719" s="613"/>
      <c r="PDM719" s="613"/>
      <c r="PDN719" s="613"/>
      <c r="PDO719" s="613"/>
      <c r="PDP719" s="613"/>
      <c r="PDQ719" s="613"/>
      <c r="PDR719" s="613"/>
      <c r="PDS719" s="613"/>
      <c r="PDT719" s="613"/>
      <c r="PDU719" s="613"/>
      <c r="PDV719" s="613"/>
      <c r="PDW719" s="613"/>
      <c r="PDX719" s="613"/>
      <c r="PDY719" s="613"/>
      <c r="PDZ719" s="613"/>
      <c r="PEA719" s="613"/>
      <c r="PEB719" s="613"/>
      <c r="PEC719" s="613"/>
      <c r="PED719" s="613"/>
      <c r="PEE719" s="613"/>
      <c r="PEF719" s="613"/>
      <c r="PEG719" s="613"/>
      <c r="PEH719" s="613"/>
      <c r="PEI719" s="613"/>
      <c r="PEJ719" s="613"/>
      <c r="PEK719" s="613"/>
      <c r="PEL719" s="613"/>
      <c r="PEM719" s="613"/>
      <c r="PEN719" s="613"/>
      <c r="PEO719" s="613"/>
      <c r="PEP719" s="613"/>
      <c r="PEQ719" s="613"/>
      <c r="PER719" s="613"/>
      <c r="PES719" s="613"/>
      <c r="PET719" s="613"/>
      <c r="PEU719" s="613"/>
      <c r="PEV719" s="613"/>
      <c r="PEW719" s="613"/>
      <c r="PEX719" s="613"/>
      <c r="PEY719" s="613"/>
      <c r="PEZ719" s="613"/>
      <c r="PFA719" s="613"/>
      <c r="PFB719" s="613"/>
      <c r="PFC719" s="613"/>
      <c r="PFD719" s="613"/>
      <c r="PFE719" s="613"/>
      <c r="PFF719" s="613"/>
      <c r="PFG719" s="613"/>
      <c r="PFH719" s="613"/>
      <c r="PFI719" s="613"/>
      <c r="PFJ719" s="613"/>
      <c r="PFK719" s="613"/>
      <c r="PFL719" s="613"/>
      <c r="PFM719" s="613"/>
      <c r="PFN719" s="613"/>
      <c r="PFO719" s="613"/>
      <c r="PFP719" s="613"/>
      <c r="PFQ719" s="613"/>
      <c r="PFR719" s="613"/>
      <c r="PFS719" s="613"/>
      <c r="PFT719" s="613"/>
      <c r="PFU719" s="613"/>
      <c r="PFV719" s="613"/>
      <c r="PFW719" s="613"/>
      <c r="PFX719" s="613"/>
      <c r="PFY719" s="613"/>
      <c r="PFZ719" s="613"/>
      <c r="PGA719" s="613"/>
      <c r="PGB719" s="613"/>
      <c r="PGC719" s="613"/>
      <c r="PGD719" s="613"/>
      <c r="PGE719" s="613"/>
      <c r="PGF719" s="613"/>
      <c r="PGG719" s="613"/>
      <c r="PGH719" s="613"/>
      <c r="PGI719" s="613"/>
      <c r="PGJ719" s="613"/>
      <c r="PGK719" s="613"/>
      <c r="PGL719" s="613"/>
      <c r="PGM719" s="613"/>
      <c r="PGN719" s="613"/>
      <c r="PGO719" s="613"/>
      <c r="PGP719" s="613"/>
      <c r="PGQ719" s="613"/>
      <c r="PGR719" s="613"/>
      <c r="PGS719" s="613"/>
      <c r="PGT719" s="613"/>
      <c r="PGU719" s="613"/>
      <c r="PGV719" s="613"/>
      <c r="PGW719" s="613"/>
      <c r="PGX719" s="613"/>
      <c r="PGY719" s="613"/>
      <c r="PGZ719" s="613"/>
      <c r="PHA719" s="613"/>
      <c r="PHB719" s="613"/>
      <c r="PHC719" s="613"/>
      <c r="PHD719" s="613"/>
      <c r="PHE719" s="613"/>
      <c r="PHF719" s="613"/>
      <c r="PHG719" s="613"/>
      <c r="PHH719" s="613"/>
      <c r="PHI719" s="613"/>
      <c r="PHJ719" s="613"/>
      <c r="PHK719" s="613"/>
      <c r="PHL719" s="613"/>
      <c r="PHM719" s="613"/>
      <c r="PHN719" s="613"/>
      <c r="PHO719" s="613"/>
      <c r="PHP719" s="613"/>
      <c r="PHQ719" s="613"/>
      <c r="PHR719" s="613"/>
      <c r="PHS719" s="613"/>
      <c r="PHT719" s="613"/>
      <c r="PHU719" s="613"/>
      <c r="PHV719" s="613"/>
      <c r="PHW719" s="613"/>
      <c r="PHX719" s="613"/>
      <c r="PHY719" s="613"/>
      <c r="PHZ719" s="613"/>
      <c r="PIA719" s="613"/>
      <c r="PIB719" s="613"/>
      <c r="PIC719" s="613"/>
      <c r="PID719" s="613"/>
      <c r="PIE719" s="613"/>
      <c r="PIF719" s="613"/>
      <c r="PIG719" s="613"/>
      <c r="PIH719" s="613"/>
      <c r="PII719" s="613"/>
      <c r="PIJ719" s="613"/>
      <c r="PIK719" s="613"/>
      <c r="PIL719" s="613"/>
      <c r="PIM719" s="613"/>
      <c r="PIN719" s="613"/>
      <c r="PIO719" s="613"/>
      <c r="PIP719" s="613"/>
      <c r="PIQ719" s="613"/>
      <c r="PIR719" s="613"/>
      <c r="PIS719" s="613"/>
      <c r="PIT719" s="613"/>
      <c r="PIU719" s="613"/>
      <c r="PIV719" s="613"/>
      <c r="PIW719" s="613"/>
      <c r="PIX719" s="613"/>
      <c r="PIY719" s="613"/>
      <c r="PIZ719" s="613"/>
      <c r="PJA719" s="613"/>
      <c r="PJB719" s="613"/>
      <c r="PJC719" s="613"/>
      <c r="PJD719" s="613"/>
      <c r="PJE719" s="613"/>
      <c r="PJF719" s="613"/>
      <c r="PJG719" s="613"/>
      <c r="PJH719" s="613"/>
      <c r="PJI719" s="613"/>
      <c r="PJJ719" s="613"/>
      <c r="PJK719" s="613"/>
      <c r="PJL719" s="613"/>
      <c r="PJM719" s="613"/>
      <c r="PJN719" s="613"/>
      <c r="PJO719" s="613"/>
      <c r="PJP719" s="613"/>
      <c r="PJQ719" s="613"/>
      <c r="PJR719" s="613"/>
      <c r="PJS719" s="613"/>
      <c r="PJT719" s="613"/>
      <c r="PJU719" s="613"/>
      <c r="PJV719" s="613"/>
      <c r="PJW719" s="613"/>
      <c r="PJX719" s="613"/>
      <c r="PJY719" s="613"/>
      <c r="PJZ719" s="613"/>
      <c r="PKA719" s="613"/>
      <c r="PKB719" s="613"/>
      <c r="PKC719" s="613"/>
      <c r="PKD719" s="613"/>
      <c r="PKE719" s="613"/>
      <c r="PKF719" s="613"/>
      <c r="PKG719" s="613"/>
      <c r="PKH719" s="613"/>
      <c r="PKI719" s="613"/>
      <c r="PKJ719" s="613"/>
      <c r="PKK719" s="613"/>
      <c r="PKL719" s="613"/>
      <c r="PKM719" s="613"/>
      <c r="PKN719" s="613"/>
      <c r="PKO719" s="613"/>
      <c r="PKP719" s="613"/>
      <c r="PKQ719" s="613"/>
      <c r="PKR719" s="613"/>
      <c r="PKS719" s="613"/>
      <c r="PKT719" s="613"/>
      <c r="PKU719" s="613"/>
      <c r="PKV719" s="613"/>
      <c r="PKW719" s="613"/>
      <c r="PKX719" s="613"/>
      <c r="PKY719" s="613"/>
      <c r="PKZ719" s="613"/>
      <c r="PLA719" s="613"/>
      <c r="PLB719" s="613"/>
      <c r="PLC719" s="613"/>
      <c r="PLD719" s="613"/>
      <c r="PLE719" s="613"/>
      <c r="PLF719" s="613"/>
      <c r="PLG719" s="613"/>
      <c r="PLH719" s="613"/>
      <c r="PLI719" s="613"/>
      <c r="PLJ719" s="613"/>
      <c r="PLK719" s="613"/>
      <c r="PLL719" s="613"/>
      <c r="PLM719" s="613"/>
      <c r="PLN719" s="613"/>
      <c r="PLO719" s="613"/>
      <c r="PLP719" s="613"/>
      <c r="PLQ719" s="613"/>
      <c r="PLR719" s="613"/>
      <c r="PLS719" s="613"/>
      <c r="PLT719" s="613"/>
      <c r="PLU719" s="613"/>
      <c r="PLV719" s="613"/>
      <c r="PLW719" s="613"/>
      <c r="PLX719" s="613"/>
      <c r="PLY719" s="613"/>
      <c r="PLZ719" s="613"/>
      <c r="PMA719" s="613"/>
      <c r="PMB719" s="613"/>
      <c r="PMC719" s="613"/>
      <c r="PMD719" s="613"/>
      <c r="PME719" s="613"/>
      <c r="PMF719" s="613"/>
      <c r="PMG719" s="613"/>
      <c r="PMH719" s="613"/>
      <c r="PMI719" s="613"/>
      <c r="PMJ719" s="613"/>
      <c r="PMK719" s="613"/>
      <c r="PML719" s="613"/>
      <c r="PMM719" s="613"/>
      <c r="PMN719" s="613"/>
      <c r="PMO719" s="613"/>
      <c r="PMP719" s="613"/>
      <c r="PMQ719" s="613"/>
      <c r="PMR719" s="613"/>
      <c r="PMS719" s="613"/>
      <c r="PMT719" s="613"/>
      <c r="PMU719" s="613"/>
      <c r="PMV719" s="613"/>
      <c r="PMW719" s="613"/>
      <c r="PMX719" s="613"/>
      <c r="PMY719" s="613"/>
      <c r="PMZ719" s="613"/>
      <c r="PNA719" s="613"/>
      <c r="PNB719" s="613"/>
      <c r="PNC719" s="613"/>
      <c r="PND719" s="613"/>
      <c r="PNE719" s="613"/>
      <c r="PNF719" s="613"/>
      <c r="PNG719" s="613"/>
      <c r="PNH719" s="613"/>
      <c r="PNI719" s="613"/>
      <c r="PNJ719" s="613"/>
      <c r="PNK719" s="613"/>
      <c r="PNL719" s="613"/>
      <c r="PNM719" s="613"/>
      <c r="PNN719" s="613"/>
      <c r="PNO719" s="613"/>
      <c r="PNP719" s="613"/>
      <c r="PNQ719" s="613"/>
      <c r="PNR719" s="613"/>
      <c r="PNS719" s="613"/>
      <c r="PNT719" s="613"/>
      <c r="PNU719" s="613"/>
      <c r="PNV719" s="613"/>
      <c r="PNW719" s="613"/>
      <c r="PNX719" s="613"/>
      <c r="PNY719" s="613"/>
      <c r="PNZ719" s="613"/>
      <c r="POA719" s="613"/>
      <c r="POB719" s="613"/>
      <c r="POC719" s="613"/>
      <c r="POD719" s="613"/>
      <c r="POE719" s="613"/>
      <c r="POF719" s="613"/>
      <c r="POG719" s="613"/>
      <c r="POH719" s="613"/>
      <c r="POI719" s="613"/>
      <c r="POJ719" s="613"/>
      <c r="POK719" s="613"/>
      <c r="POL719" s="613"/>
      <c r="POM719" s="613"/>
      <c r="PON719" s="613"/>
      <c r="POO719" s="613"/>
      <c r="POP719" s="613"/>
      <c r="POQ719" s="613"/>
      <c r="POR719" s="613"/>
      <c r="POS719" s="613"/>
      <c r="POT719" s="613"/>
      <c r="POU719" s="613"/>
      <c r="POV719" s="613"/>
      <c r="POW719" s="613"/>
      <c r="POX719" s="613"/>
      <c r="POY719" s="613"/>
      <c r="POZ719" s="613"/>
      <c r="PPA719" s="613"/>
      <c r="PPB719" s="613"/>
      <c r="PPC719" s="613"/>
      <c r="PPD719" s="613"/>
      <c r="PPE719" s="613"/>
      <c r="PPF719" s="613"/>
      <c r="PPG719" s="613"/>
      <c r="PPH719" s="613"/>
      <c r="PPI719" s="613"/>
      <c r="PPJ719" s="613"/>
      <c r="PPK719" s="613"/>
      <c r="PPL719" s="613"/>
      <c r="PPM719" s="613"/>
      <c r="PPN719" s="613"/>
      <c r="PPO719" s="613"/>
      <c r="PPP719" s="613"/>
      <c r="PPQ719" s="613"/>
      <c r="PPR719" s="613"/>
      <c r="PPS719" s="613"/>
      <c r="PPT719" s="613"/>
      <c r="PPU719" s="613"/>
      <c r="PPV719" s="613"/>
      <c r="PPW719" s="613"/>
      <c r="PPX719" s="613"/>
      <c r="PPY719" s="613"/>
      <c r="PPZ719" s="613"/>
      <c r="PQA719" s="613"/>
      <c r="PQB719" s="613"/>
      <c r="PQC719" s="613"/>
      <c r="PQD719" s="613"/>
      <c r="PQE719" s="613"/>
      <c r="PQF719" s="613"/>
      <c r="PQG719" s="613"/>
      <c r="PQH719" s="613"/>
      <c r="PQI719" s="613"/>
      <c r="PQJ719" s="613"/>
      <c r="PQK719" s="613"/>
      <c r="PQL719" s="613"/>
      <c r="PQM719" s="613"/>
      <c r="PQN719" s="613"/>
      <c r="PQO719" s="613"/>
      <c r="PQP719" s="613"/>
      <c r="PQQ719" s="613"/>
      <c r="PQR719" s="613"/>
      <c r="PQS719" s="613"/>
      <c r="PQT719" s="613"/>
      <c r="PQU719" s="613"/>
      <c r="PQV719" s="613"/>
      <c r="PQW719" s="613"/>
      <c r="PQX719" s="613"/>
      <c r="PQY719" s="613"/>
      <c r="PQZ719" s="613"/>
      <c r="PRA719" s="613"/>
      <c r="PRB719" s="613"/>
      <c r="PRC719" s="613"/>
      <c r="PRD719" s="613"/>
      <c r="PRE719" s="613"/>
      <c r="PRF719" s="613"/>
      <c r="PRG719" s="613"/>
      <c r="PRH719" s="613"/>
      <c r="PRI719" s="613"/>
      <c r="PRJ719" s="613"/>
      <c r="PRK719" s="613"/>
      <c r="PRL719" s="613"/>
      <c r="PRM719" s="613"/>
      <c r="PRN719" s="613"/>
      <c r="PRO719" s="613"/>
      <c r="PRP719" s="613"/>
      <c r="PRQ719" s="613"/>
      <c r="PRR719" s="613"/>
      <c r="PRS719" s="613"/>
      <c r="PRT719" s="613"/>
      <c r="PRU719" s="613"/>
      <c r="PRV719" s="613"/>
      <c r="PRW719" s="613"/>
      <c r="PRX719" s="613"/>
      <c r="PRY719" s="613"/>
      <c r="PRZ719" s="613"/>
      <c r="PSA719" s="613"/>
      <c r="PSB719" s="613"/>
      <c r="PSC719" s="613"/>
      <c r="PSD719" s="613"/>
      <c r="PSE719" s="613"/>
      <c r="PSF719" s="613"/>
      <c r="PSG719" s="613"/>
      <c r="PSH719" s="613"/>
      <c r="PSI719" s="613"/>
      <c r="PSJ719" s="613"/>
      <c r="PSK719" s="613"/>
      <c r="PSL719" s="613"/>
      <c r="PSM719" s="613"/>
      <c r="PSN719" s="613"/>
      <c r="PSO719" s="613"/>
      <c r="PSP719" s="613"/>
      <c r="PSQ719" s="613"/>
      <c r="PSR719" s="613"/>
      <c r="PSS719" s="613"/>
      <c r="PST719" s="613"/>
      <c r="PSU719" s="613"/>
      <c r="PSV719" s="613"/>
      <c r="PSW719" s="613"/>
      <c r="PSX719" s="613"/>
      <c r="PSY719" s="613"/>
      <c r="PSZ719" s="613"/>
      <c r="PTA719" s="613"/>
      <c r="PTB719" s="613"/>
      <c r="PTC719" s="613"/>
      <c r="PTD719" s="613"/>
      <c r="PTE719" s="613"/>
      <c r="PTF719" s="613"/>
      <c r="PTG719" s="613"/>
      <c r="PTH719" s="613"/>
      <c r="PTI719" s="613"/>
      <c r="PTJ719" s="613"/>
      <c r="PTK719" s="613"/>
      <c r="PTL719" s="613"/>
      <c r="PTM719" s="613"/>
      <c r="PTN719" s="613"/>
      <c r="PTO719" s="613"/>
      <c r="PTP719" s="613"/>
      <c r="PTQ719" s="613"/>
      <c r="PTR719" s="613"/>
      <c r="PTS719" s="613"/>
      <c r="PTT719" s="613"/>
      <c r="PTU719" s="613"/>
      <c r="PTV719" s="613"/>
      <c r="PTW719" s="613"/>
      <c r="PTX719" s="613"/>
      <c r="PTY719" s="613"/>
      <c r="PTZ719" s="613"/>
      <c r="PUA719" s="613"/>
      <c r="PUB719" s="613"/>
      <c r="PUC719" s="613"/>
      <c r="PUD719" s="613"/>
      <c r="PUE719" s="613"/>
      <c r="PUF719" s="613"/>
      <c r="PUG719" s="613"/>
      <c r="PUH719" s="613"/>
      <c r="PUI719" s="613"/>
      <c r="PUJ719" s="613"/>
      <c r="PUK719" s="613"/>
      <c r="PUL719" s="613"/>
      <c r="PUM719" s="613"/>
      <c r="PUN719" s="613"/>
      <c r="PUO719" s="613"/>
      <c r="PUP719" s="613"/>
      <c r="PUQ719" s="613"/>
      <c r="PUR719" s="613"/>
      <c r="PUS719" s="613"/>
      <c r="PUT719" s="613"/>
      <c r="PUU719" s="613"/>
      <c r="PUV719" s="613"/>
      <c r="PUW719" s="613"/>
      <c r="PUX719" s="613"/>
      <c r="PUY719" s="613"/>
      <c r="PUZ719" s="613"/>
      <c r="PVA719" s="613"/>
      <c r="PVB719" s="613"/>
      <c r="PVC719" s="613"/>
      <c r="PVD719" s="613"/>
      <c r="PVE719" s="613"/>
      <c r="PVF719" s="613"/>
      <c r="PVG719" s="613"/>
      <c r="PVH719" s="613"/>
      <c r="PVI719" s="613"/>
      <c r="PVJ719" s="613"/>
      <c r="PVK719" s="613"/>
      <c r="PVL719" s="613"/>
      <c r="PVM719" s="613"/>
      <c r="PVN719" s="613"/>
      <c r="PVO719" s="613"/>
      <c r="PVP719" s="613"/>
      <c r="PVQ719" s="613"/>
      <c r="PVR719" s="613"/>
      <c r="PVS719" s="613"/>
      <c r="PVT719" s="613"/>
      <c r="PVU719" s="613"/>
      <c r="PVV719" s="613"/>
      <c r="PVW719" s="613"/>
      <c r="PVX719" s="613"/>
      <c r="PVY719" s="613"/>
      <c r="PVZ719" s="613"/>
      <c r="PWA719" s="613"/>
      <c r="PWB719" s="613"/>
      <c r="PWC719" s="613"/>
      <c r="PWD719" s="613"/>
      <c r="PWE719" s="613"/>
      <c r="PWF719" s="613"/>
      <c r="PWG719" s="613"/>
      <c r="PWH719" s="613"/>
      <c r="PWI719" s="613"/>
      <c r="PWJ719" s="613"/>
      <c r="PWK719" s="613"/>
      <c r="PWL719" s="613"/>
      <c r="PWM719" s="613"/>
      <c r="PWN719" s="613"/>
      <c r="PWO719" s="613"/>
      <c r="PWP719" s="613"/>
      <c r="PWQ719" s="613"/>
      <c r="PWR719" s="613"/>
      <c r="PWS719" s="613"/>
      <c r="PWT719" s="613"/>
      <c r="PWU719" s="613"/>
      <c r="PWV719" s="613"/>
      <c r="PWW719" s="613"/>
      <c r="PWX719" s="613"/>
      <c r="PWY719" s="613"/>
      <c r="PWZ719" s="613"/>
      <c r="PXA719" s="613"/>
      <c r="PXB719" s="613"/>
      <c r="PXC719" s="613"/>
      <c r="PXD719" s="613"/>
      <c r="PXE719" s="613"/>
      <c r="PXF719" s="613"/>
      <c r="PXG719" s="613"/>
      <c r="PXH719" s="613"/>
      <c r="PXI719" s="613"/>
      <c r="PXJ719" s="613"/>
      <c r="PXK719" s="613"/>
      <c r="PXL719" s="613"/>
      <c r="PXM719" s="613"/>
      <c r="PXN719" s="613"/>
      <c r="PXO719" s="613"/>
      <c r="PXP719" s="613"/>
      <c r="PXQ719" s="613"/>
      <c r="PXR719" s="613"/>
      <c r="PXS719" s="613"/>
      <c r="PXT719" s="613"/>
      <c r="PXU719" s="613"/>
      <c r="PXV719" s="613"/>
      <c r="PXW719" s="613"/>
      <c r="PXX719" s="613"/>
      <c r="PXY719" s="613"/>
      <c r="PXZ719" s="613"/>
      <c r="PYA719" s="613"/>
      <c r="PYB719" s="613"/>
      <c r="PYC719" s="613"/>
      <c r="PYD719" s="613"/>
      <c r="PYE719" s="613"/>
      <c r="PYF719" s="613"/>
      <c r="PYG719" s="613"/>
      <c r="PYH719" s="613"/>
      <c r="PYI719" s="613"/>
      <c r="PYJ719" s="613"/>
      <c r="PYK719" s="613"/>
      <c r="PYL719" s="613"/>
      <c r="PYM719" s="613"/>
      <c r="PYN719" s="613"/>
      <c r="PYO719" s="613"/>
      <c r="PYP719" s="613"/>
      <c r="PYQ719" s="613"/>
      <c r="PYR719" s="613"/>
      <c r="PYS719" s="613"/>
      <c r="PYT719" s="613"/>
      <c r="PYU719" s="613"/>
      <c r="PYV719" s="613"/>
      <c r="PYW719" s="613"/>
      <c r="PYX719" s="613"/>
      <c r="PYY719" s="613"/>
      <c r="PYZ719" s="613"/>
      <c r="PZA719" s="613"/>
      <c r="PZB719" s="613"/>
      <c r="PZC719" s="613"/>
      <c r="PZD719" s="613"/>
      <c r="PZE719" s="613"/>
      <c r="PZF719" s="613"/>
      <c r="PZG719" s="613"/>
      <c r="PZH719" s="613"/>
      <c r="PZI719" s="613"/>
      <c r="PZJ719" s="613"/>
      <c r="PZK719" s="613"/>
      <c r="PZL719" s="613"/>
      <c r="PZM719" s="613"/>
      <c r="PZN719" s="613"/>
      <c r="PZO719" s="613"/>
      <c r="PZP719" s="613"/>
      <c r="PZQ719" s="613"/>
      <c r="PZR719" s="613"/>
      <c r="PZS719" s="613"/>
      <c r="PZT719" s="613"/>
      <c r="PZU719" s="613"/>
      <c r="PZV719" s="613"/>
      <c r="PZW719" s="613"/>
      <c r="PZX719" s="613"/>
      <c r="PZY719" s="613"/>
      <c r="PZZ719" s="613"/>
      <c r="QAA719" s="613"/>
      <c r="QAB719" s="613"/>
      <c r="QAC719" s="613"/>
      <c r="QAD719" s="613"/>
      <c r="QAE719" s="613"/>
      <c r="QAF719" s="613"/>
      <c r="QAG719" s="613"/>
      <c r="QAH719" s="613"/>
      <c r="QAI719" s="613"/>
      <c r="QAJ719" s="613"/>
      <c r="QAK719" s="613"/>
      <c r="QAL719" s="613"/>
      <c r="QAM719" s="613"/>
      <c r="QAN719" s="613"/>
      <c r="QAO719" s="613"/>
      <c r="QAP719" s="613"/>
      <c r="QAQ719" s="613"/>
      <c r="QAR719" s="613"/>
      <c r="QAS719" s="613"/>
      <c r="QAT719" s="613"/>
      <c r="QAU719" s="613"/>
      <c r="QAV719" s="613"/>
      <c r="QAW719" s="613"/>
      <c r="QAX719" s="613"/>
      <c r="QAY719" s="613"/>
      <c r="QAZ719" s="613"/>
      <c r="QBA719" s="613"/>
      <c r="QBB719" s="613"/>
      <c r="QBC719" s="613"/>
      <c r="QBD719" s="613"/>
      <c r="QBE719" s="613"/>
      <c r="QBF719" s="613"/>
      <c r="QBG719" s="613"/>
      <c r="QBH719" s="613"/>
      <c r="QBI719" s="613"/>
      <c r="QBJ719" s="613"/>
      <c r="QBK719" s="613"/>
      <c r="QBL719" s="613"/>
      <c r="QBM719" s="613"/>
      <c r="QBN719" s="613"/>
      <c r="QBO719" s="613"/>
      <c r="QBP719" s="613"/>
      <c r="QBQ719" s="613"/>
      <c r="QBR719" s="613"/>
      <c r="QBS719" s="613"/>
      <c r="QBT719" s="613"/>
      <c r="QBU719" s="613"/>
      <c r="QBV719" s="613"/>
      <c r="QBW719" s="613"/>
      <c r="QBX719" s="613"/>
      <c r="QBY719" s="613"/>
      <c r="QBZ719" s="613"/>
      <c r="QCA719" s="613"/>
      <c r="QCB719" s="613"/>
      <c r="QCC719" s="613"/>
      <c r="QCD719" s="613"/>
      <c r="QCE719" s="613"/>
      <c r="QCF719" s="613"/>
      <c r="QCG719" s="613"/>
      <c r="QCH719" s="613"/>
      <c r="QCI719" s="613"/>
      <c r="QCJ719" s="613"/>
      <c r="QCK719" s="613"/>
      <c r="QCL719" s="613"/>
      <c r="QCM719" s="613"/>
      <c r="QCN719" s="613"/>
      <c r="QCO719" s="613"/>
      <c r="QCP719" s="613"/>
      <c r="QCQ719" s="613"/>
      <c r="QCR719" s="613"/>
      <c r="QCS719" s="613"/>
      <c r="QCT719" s="613"/>
      <c r="QCU719" s="613"/>
      <c r="QCV719" s="613"/>
      <c r="QCW719" s="613"/>
      <c r="QCX719" s="613"/>
      <c r="QCY719" s="613"/>
      <c r="QCZ719" s="613"/>
      <c r="QDA719" s="613"/>
      <c r="QDB719" s="613"/>
      <c r="QDC719" s="613"/>
      <c r="QDD719" s="613"/>
      <c r="QDE719" s="613"/>
      <c r="QDF719" s="613"/>
      <c r="QDG719" s="613"/>
      <c r="QDH719" s="613"/>
      <c r="QDI719" s="613"/>
      <c r="QDJ719" s="613"/>
      <c r="QDK719" s="613"/>
      <c r="QDL719" s="613"/>
      <c r="QDM719" s="613"/>
      <c r="QDN719" s="613"/>
      <c r="QDO719" s="613"/>
      <c r="QDP719" s="613"/>
      <c r="QDQ719" s="613"/>
      <c r="QDR719" s="613"/>
      <c r="QDS719" s="613"/>
      <c r="QDT719" s="613"/>
      <c r="QDU719" s="613"/>
      <c r="QDV719" s="613"/>
      <c r="QDW719" s="613"/>
      <c r="QDX719" s="613"/>
      <c r="QDY719" s="613"/>
      <c r="QDZ719" s="613"/>
      <c r="QEA719" s="613"/>
      <c r="QEB719" s="613"/>
      <c r="QEC719" s="613"/>
      <c r="QED719" s="613"/>
      <c r="QEE719" s="613"/>
      <c r="QEF719" s="613"/>
      <c r="QEG719" s="613"/>
      <c r="QEH719" s="613"/>
      <c r="QEI719" s="613"/>
      <c r="QEJ719" s="613"/>
      <c r="QEK719" s="613"/>
      <c r="QEL719" s="613"/>
      <c r="QEM719" s="613"/>
      <c r="QEN719" s="613"/>
      <c r="QEO719" s="613"/>
      <c r="QEP719" s="613"/>
      <c r="QEQ719" s="613"/>
      <c r="QER719" s="613"/>
      <c r="QES719" s="613"/>
      <c r="QET719" s="613"/>
      <c r="QEU719" s="613"/>
      <c r="QEV719" s="613"/>
      <c r="QEW719" s="613"/>
      <c r="QEX719" s="613"/>
      <c r="QEY719" s="613"/>
      <c r="QEZ719" s="613"/>
      <c r="QFA719" s="613"/>
      <c r="QFB719" s="613"/>
      <c r="QFC719" s="613"/>
      <c r="QFD719" s="613"/>
      <c r="QFE719" s="613"/>
      <c r="QFF719" s="613"/>
      <c r="QFG719" s="613"/>
      <c r="QFH719" s="613"/>
      <c r="QFI719" s="613"/>
      <c r="QFJ719" s="613"/>
      <c r="QFK719" s="613"/>
      <c r="QFL719" s="613"/>
      <c r="QFM719" s="613"/>
      <c r="QFN719" s="613"/>
      <c r="QFO719" s="613"/>
      <c r="QFP719" s="613"/>
      <c r="QFQ719" s="613"/>
      <c r="QFR719" s="613"/>
      <c r="QFS719" s="613"/>
      <c r="QFT719" s="613"/>
      <c r="QFU719" s="613"/>
      <c r="QFV719" s="613"/>
      <c r="QFW719" s="613"/>
      <c r="QFX719" s="613"/>
      <c r="QFY719" s="613"/>
      <c r="QFZ719" s="613"/>
      <c r="QGA719" s="613"/>
      <c r="QGB719" s="613"/>
      <c r="QGC719" s="613"/>
      <c r="QGD719" s="613"/>
      <c r="QGE719" s="613"/>
      <c r="QGF719" s="613"/>
      <c r="QGG719" s="613"/>
      <c r="QGH719" s="613"/>
      <c r="QGI719" s="613"/>
      <c r="QGJ719" s="613"/>
      <c r="QGK719" s="613"/>
      <c r="QGL719" s="613"/>
      <c r="QGM719" s="613"/>
      <c r="QGN719" s="613"/>
      <c r="QGO719" s="613"/>
      <c r="QGP719" s="613"/>
      <c r="QGQ719" s="613"/>
      <c r="QGR719" s="613"/>
      <c r="QGS719" s="613"/>
      <c r="QGT719" s="613"/>
      <c r="QGU719" s="613"/>
      <c r="QGV719" s="613"/>
      <c r="QGW719" s="613"/>
      <c r="QGX719" s="613"/>
      <c r="QGY719" s="613"/>
      <c r="QGZ719" s="613"/>
      <c r="QHA719" s="613"/>
      <c r="QHB719" s="613"/>
      <c r="QHC719" s="613"/>
      <c r="QHD719" s="613"/>
      <c r="QHE719" s="613"/>
      <c r="QHF719" s="613"/>
      <c r="QHG719" s="613"/>
      <c r="QHH719" s="613"/>
      <c r="QHI719" s="613"/>
      <c r="QHJ719" s="613"/>
      <c r="QHK719" s="613"/>
      <c r="QHL719" s="613"/>
      <c r="QHM719" s="613"/>
      <c r="QHN719" s="613"/>
      <c r="QHO719" s="613"/>
      <c r="QHP719" s="613"/>
      <c r="QHQ719" s="613"/>
      <c r="QHR719" s="613"/>
      <c r="QHS719" s="613"/>
      <c r="QHT719" s="613"/>
      <c r="QHU719" s="613"/>
      <c r="QHV719" s="613"/>
      <c r="QHW719" s="613"/>
      <c r="QHX719" s="613"/>
      <c r="QHY719" s="613"/>
      <c r="QHZ719" s="613"/>
      <c r="QIA719" s="613"/>
      <c r="QIB719" s="613"/>
      <c r="QIC719" s="613"/>
      <c r="QID719" s="613"/>
      <c r="QIE719" s="613"/>
      <c r="QIF719" s="613"/>
      <c r="QIG719" s="613"/>
      <c r="QIH719" s="613"/>
      <c r="QII719" s="613"/>
      <c r="QIJ719" s="613"/>
      <c r="QIK719" s="613"/>
      <c r="QIL719" s="613"/>
      <c r="QIM719" s="613"/>
      <c r="QIN719" s="613"/>
      <c r="QIO719" s="613"/>
      <c r="QIP719" s="613"/>
      <c r="QIQ719" s="613"/>
      <c r="QIR719" s="613"/>
      <c r="QIS719" s="613"/>
      <c r="QIT719" s="613"/>
      <c r="QIU719" s="613"/>
      <c r="QIV719" s="613"/>
      <c r="QIW719" s="613"/>
      <c r="QIX719" s="613"/>
      <c r="QIY719" s="613"/>
      <c r="QIZ719" s="613"/>
      <c r="QJA719" s="613"/>
      <c r="QJB719" s="613"/>
      <c r="QJC719" s="613"/>
      <c r="QJD719" s="613"/>
      <c r="QJE719" s="613"/>
      <c r="QJF719" s="613"/>
      <c r="QJG719" s="613"/>
      <c r="QJH719" s="613"/>
      <c r="QJI719" s="613"/>
      <c r="QJJ719" s="613"/>
      <c r="QJK719" s="613"/>
      <c r="QJL719" s="613"/>
      <c r="QJM719" s="613"/>
      <c r="QJN719" s="613"/>
      <c r="QJO719" s="613"/>
      <c r="QJP719" s="613"/>
      <c r="QJQ719" s="613"/>
      <c r="QJR719" s="613"/>
      <c r="QJS719" s="613"/>
      <c r="QJT719" s="613"/>
      <c r="QJU719" s="613"/>
      <c r="QJV719" s="613"/>
      <c r="QJW719" s="613"/>
      <c r="QJX719" s="613"/>
      <c r="QJY719" s="613"/>
      <c r="QJZ719" s="613"/>
      <c r="QKA719" s="613"/>
      <c r="QKB719" s="613"/>
      <c r="QKC719" s="613"/>
      <c r="QKD719" s="613"/>
      <c r="QKE719" s="613"/>
      <c r="QKF719" s="613"/>
      <c r="QKG719" s="613"/>
      <c r="QKH719" s="613"/>
      <c r="QKI719" s="613"/>
      <c r="QKJ719" s="613"/>
      <c r="QKK719" s="613"/>
      <c r="QKL719" s="613"/>
      <c r="QKM719" s="613"/>
      <c r="QKN719" s="613"/>
      <c r="QKO719" s="613"/>
      <c r="QKP719" s="613"/>
      <c r="QKQ719" s="613"/>
      <c r="QKR719" s="613"/>
      <c r="QKS719" s="613"/>
      <c r="QKT719" s="613"/>
      <c r="QKU719" s="613"/>
      <c r="QKV719" s="613"/>
      <c r="QKW719" s="613"/>
      <c r="QKX719" s="613"/>
      <c r="QKY719" s="613"/>
      <c r="QKZ719" s="613"/>
      <c r="QLA719" s="613"/>
      <c r="QLB719" s="613"/>
      <c r="QLC719" s="613"/>
      <c r="QLD719" s="613"/>
      <c r="QLE719" s="613"/>
      <c r="QLF719" s="613"/>
      <c r="QLG719" s="613"/>
      <c r="QLH719" s="613"/>
      <c r="QLI719" s="613"/>
      <c r="QLJ719" s="613"/>
      <c r="QLK719" s="613"/>
      <c r="QLL719" s="613"/>
      <c r="QLM719" s="613"/>
      <c r="QLN719" s="613"/>
      <c r="QLO719" s="613"/>
      <c r="QLP719" s="613"/>
      <c r="QLQ719" s="613"/>
      <c r="QLR719" s="613"/>
      <c r="QLS719" s="613"/>
      <c r="QLT719" s="613"/>
      <c r="QLU719" s="613"/>
      <c r="QLV719" s="613"/>
      <c r="QLW719" s="613"/>
      <c r="QLX719" s="613"/>
      <c r="QLY719" s="613"/>
      <c r="QLZ719" s="613"/>
      <c r="QMA719" s="613"/>
      <c r="QMB719" s="613"/>
      <c r="QMC719" s="613"/>
      <c r="QMD719" s="613"/>
      <c r="QME719" s="613"/>
      <c r="QMF719" s="613"/>
      <c r="QMG719" s="613"/>
      <c r="QMH719" s="613"/>
      <c r="QMI719" s="613"/>
      <c r="QMJ719" s="613"/>
      <c r="QMK719" s="613"/>
      <c r="QML719" s="613"/>
      <c r="QMM719" s="613"/>
      <c r="QMN719" s="613"/>
      <c r="QMO719" s="613"/>
      <c r="QMP719" s="613"/>
      <c r="QMQ719" s="613"/>
      <c r="QMR719" s="613"/>
      <c r="QMS719" s="613"/>
      <c r="QMT719" s="613"/>
      <c r="QMU719" s="613"/>
      <c r="QMV719" s="613"/>
      <c r="QMW719" s="613"/>
      <c r="QMX719" s="613"/>
      <c r="QMY719" s="613"/>
      <c r="QMZ719" s="613"/>
      <c r="QNA719" s="613"/>
      <c r="QNB719" s="613"/>
      <c r="QNC719" s="613"/>
      <c r="QND719" s="613"/>
      <c r="QNE719" s="613"/>
      <c r="QNF719" s="613"/>
      <c r="QNG719" s="613"/>
      <c r="QNH719" s="613"/>
      <c r="QNI719" s="613"/>
      <c r="QNJ719" s="613"/>
      <c r="QNK719" s="613"/>
      <c r="QNL719" s="613"/>
      <c r="QNM719" s="613"/>
      <c r="QNN719" s="613"/>
      <c r="QNO719" s="613"/>
      <c r="QNP719" s="613"/>
      <c r="QNQ719" s="613"/>
      <c r="QNR719" s="613"/>
      <c r="QNS719" s="613"/>
      <c r="QNT719" s="613"/>
      <c r="QNU719" s="613"/>
      <c r="QNV719" s="613"/>
      <c r="QNW719" s="613"/>
      <c r="QNX719" s="613"/>
      <c r="QNY719" s="613"/>
      <c r="QNZ719" s="613"/>
      <c r="QOA719" s="613"/>
      <c r="QOB719" s="613"/>
      <c r="QOC719" s="613"/>
      <c r="QOD719" s="613"/>
      <c r="QOE719" s="613"/>
      <c r="QOF719" s="613"/>
      <c r="QOG719" s="613"/>
      <c r="QOH719" s="613"/>
      <c r="QOI719" s="613"/>
      <c r="QOJ719" s="613"/>
      <c r="QOK719" s="613"/>
      <c r="QOL719" s="613"/>
      <c r="QOM719" s="613"/>
      <c r="QON719" s="613"/>
      <c r="QOO719" s="613"/>
      <c r="QOP719" s="613"/>
      <c r="QOQ719" s="613"/>
      <c r="QOR719" s="613"/>
      <c r="QOS719" s="613"/>
      <c r="QOT719" s="613"/>
      <c r="QOU719" s="613"/>
      <c r="QOV719" s="613"/>
      <c r="QOW719" s="613"/>
      <c r="QOX719" s="613"/>
      <c r="QOY719" s="613"/>
      <c r="QOZ719" s="613"/>
      <c r="QPA719" s="613"/>
      <c r="QPB719" s="613"/>
      <c r="QPC719" s="613"/>
      <c r="QPD719" s="613"/>
      <c r="QPE719" s="613"/>
      <c r="QPF719" s="613"/>
      <c r="QPG719" s="613"/>
      <c r="QPH719" s="613"/>
      <c r="QPI719" s="613"/>
      <c r="QPJ719" s="613"/>
      <c r="QPK719" s="613"/>
      <c r="QPL719" s="613"/>
      <c r="QPM719" s="613"/>
      <c r="QPN719" s="613"/>
      <c r="QPO719" s="613"/>
      <c r="QPP719" s="613"/>
      <c r="QPQ719" s="613"/>
      <c r="QPR719" s="613"/>
      <c r="QPS719" s="613"/>
      <c r="QPT719" s="613"/>
      <c r="QPU719" s="613"/>
      <c r="QPV719" s="613"/>
      <c r="QPW719" s="613"/>
      <c r="QPX719" s="613"/>
      <c r="QPY719" s="613"/>
      <c r="QPZ719" s="613"/>
      <c r="QQA719" s="613"/>
      <c r="QQB719" s="613"/>
      <c r="QQC719" s="613"/>
      <c r="QQD719" s="613"/>
      <c r="QQE719" s="613"/>
      <c r="QQF719" s="613"/>
      <c r="QQG719" s="613"/>
      <c r="QQH719" s="613"/>
      <c r="QQI719" s="613"/>
      <c r="QQJ719" s="613"/>
      <c r="QQK719" s="613"/>
      <c r="QQL719" s="613"/>
      <c r="QQM719" s="613"/>
      <c r="QQN719" s="613"/>
      <c r="QQO719" s="613"/>
      <c r="QQP719" s="613"/>
      <c r="QQQ719" s="613"/>
      <c r="QQR719" s="613"/>
      <c r="QQS719" s="613"/>
      <c r="QQT719" s="613"/>
      <c r="QQU719" s="613"/>
      <c r="QQV719" s="613"/>
      <c r="QQW719" s="613"/>
      <c r="QQX719" s="613"/>
      <c r="QQY719" s="613"/>
      <c r="QQZ719" s="613"/>
      <c r="QRA719" s="613"/>
      <c r="QRB719" s="613"/>
      <c r="QRC719" s="613"/>
      <c r="QRD719" s="613"/>
      <c r="QRE719" s="613"/>
      <c r="QRF719" s="613"/>
      <c r="QRG719" s="613"/>
      <c r="QRH719" s="613"/>
      <c r="QRI719" s="613"/>
      <c r="QRJ719" s="613"/>
      <c r="QRK719" s="613"/>
      <c r="QRL719" s="613"/>
      <c r="QRM719" s="613"/>
      <c r="QRN719" s="613"/>
      <c r="QRO719" s="613"/>
      <c r="QRP719" s="613"/>
      <c r="QRQ719" s="613"/>
      <c r="QRR719" s="613"/>
      <c r="QRS719" s="613"/>
      <c r="QRT719" s="613"/>
      <c r="QRU719" s="613"/>
      <c r="QRV719" s="613"/>
      <c r="QRW719" s="613"/>
      <c r="QRX719" s="613"/>
      <c r="QRY719" s="613"/>
      <c r="QRZ719" s="613"/>
      <c r="QSA719" s="613"/>
      <c r="QSB719" s="613"/>
      <c r="QSC719" s="613"/>
      <c r="QSD719" s="613"/>
      <c r="QSE719" s="613"/>
      <c r="QSF719" s="613"/>
      <c r="QSG719" s="613"/>
      <c r="QSH719" s="613"/>
      <c r="QSI719" s="613"/>
      <c r="QSJ719" s="613"/>
      <c r="QSK719" s="613"/>
      <c r="QSL719" s="613"/>
      <c r="QSM719" s="613"/>
      <c r="QSN719" s="613"/>
      <c r="QSO719" s="613"/>
      <c r="QSP719" s="613"/>
      <c r="QSQ719" s="613"/>
      <c r="QSR719" s="613"/>
      <c r="QSS719" s="613"/>
      <c r="QST719" s="613"/>
      <c r="QSU719" s="613"/>
      <c r="QSV719" s="613"/>
      <c r="QSW719" s="613"/>
      <c r="QSX719" s="613"/>
      <c r="QSY719" s="613"/>
      <c r="QSZ719" s="613"/>
      <c r="QTA719" s="613"/>
      <c r="QTB719" s="613"/>
      <c r="QTC719" s="613"/>
      <c r="QTD719" s="613"/>
      <c r="QTE719" s="613"/>
      <c r="QTF719" s="613"/>
      <c r="QTG719" s="613"/>
      <c r="QTH719" s="613"/>
      <c r="QTI719" s="613"/>
      <c r="QTJ719" s="613"/>
      <c r="QTK719" s="613"/>
      <c r="QTL719" s="613"/>
      <c r="QTM719" s="613"/>
      <c r="QTN719" s="613"/>
      <c r="QTO719" s="613"/>
      <c r="QTP719" s="613"/>
      <c r="QTQ719" s="613"/>
      <c r="QTR719" s="613"/>
      <c r="QTS719" s="613"/>
      <c r="QTT719" s="613"/>
      <c r="QTU719" s="613"/>
      <c r="QTV719" s="613"/>
      <c r="QTW719" s="613"/>
      <c r="QTX719" s="613"/>
      <c r="QTY719" s="613"/>
      <c r="QTZ719" s="613"/>
      <c r="QUA719" s="613"/>
      <c r="QUB719" s="613"/>
      <c r="QUC719" s="613"/>
      <c r="QUD719" s="613"/>
      <c r="QUE719" s="613"/>
      <c r="QUF719" s="613"/>
      <c r="QUG719" s="613"/>
      <c r="QUH719" s="613"/>
      <c r="QUI719" s="613"/>
      <c r="QUJ719" s="613"/>
      <c r="QUK719" s="613"/>
      <c r="QUL719" s="613"/>
      <c r="QUM719" s="613"/>
      <c r="QUN719" s="613"/>
      <c r="QUO719" s="613"/>
      <c r="QUP719" s="613"/>
      <c r="QUQ719" s="613"/>
      <c r="QUR719" s="613"/>
      <c r="QUS719" s="613"/>
      <c r="QUT719" s="613"/>
      <c r="QUU719" s="613"/>
      <c r="QUV719" s="613"/>
      <c r="QUW719" s="613"/>
      <c r="QUX719" s="613"/>
      <c r="QUY719" s="613"/>
      <c r="QUZ719" s="613"/>
      <c r="QVA719" s="613"/>
      <c r="QVB719" s="613"/>
      <c r="QVC719" s="613"/>
      <c r="QVD719" s="613"/>
      <c r="QVE719" s="613"/>
      <c r="QVF719" s="613"/>
      <c r="QVG719" s="613"/>
      <c r="QVH719" s="613"/>
      <c r="QVI719" s="613"/>
      <c r="QVJ719" s="613"/>
      <c r="QVK719" s="613"/>
      <c r="QVL719" s="613"/>
      <c r="QVM719" s="613"/>
      <c r="QVN719" s="613"/>
      <c r="QVO719" s="613"/>
      <c r="QVP719" s="613"/>
      <c r="QVQ719" s="613"/>
      <c r="QVR719" s="613"/>
      <c r="QVS719" s="613"/>
      <c r="QVT719" s="613"/>
      <c r="QVU719" s="613"/>
      <c r="QVV719" s="613"/>
      <c r="QVW719" s="613"/>
      <c r="QVX719" s="613"/>
      <c r="QVY719" s="613"/>
      <c r="QVZ719" s="613"/>
      <c r="QWA719" s="613"/>
      <c r="QWB719" s="613"/>
      <c r="QWC719" s="613"/>
      <c r="QWD719" s="613"/>
      <c r="QWE719" s="613"/>
      <c r="QWF719" s="613"/>
      <c r="QWG719" s="613"/>
      <c r="QWH719" s="613"/>
      <c r="QWI719" s="613"/>
      <c r="QWJ719" s="613"/>
      <c r="QWK719" s="613"/>
      <c r="QWL719" s="613"/>
      <c r="QWM719" s="613"/>
      <c r="QWN719" s="613"/>
      <c r="QWO719" s="613"/>
      <c r="QWP719" s="613"/>
      <c r="QWQ719" s="613"/>
      <c r="QWR719" s="613"/>
      <c r="QWS719" s="613"/>
      <c r="QWT719" s="613"/>
      <c r="QWU719" s="613"/>
      <c r="QWV719" s="613"/>
      <c r="QWW719" s="613"/>
      <c r="QWX719" s="613"/>
      <c r="QWY719" s="613"/>
      <c r="QWZ719" s="613"/>
      <c r="QXA719" s="613"/>
      <c r="QXB719" s="613"/>
      <c r="QXC719" s="613"/>
      <c r="QXD719" s="613"/>
      <c r="QXE719" s="613"/>
      <c r="QXF719" s="613"/>
      <c r="QXG719" s="613"/>
      <c r="QXH719" s="613"/>
      <c r="QXI719" s="613"/>
      <c r="QXJ719" s="613"/>
      <c r="QXK719" s="613"/>
      <c r="QXL719" s="613"/>
      <c r="QXM719" s="613"/>
      <c r="QXN719" s="613"/>
      <c r="QXO719" s="613"/>
      <c r="QXP719" s="613"/>
      <c r="QXQ719" s="613"/>
      <c r="QXR719" s="613"/>
      <c r="QXS719" s="613"/>
      <c r="QXT719" s="613"/>
      <c r="QXU719" s="613"/>
      <c r="QXV719" s="613"/>
      <c r="QXW719" s="613"/>
      <c r="QXX719" s="613"/>
      <c r="QXY719" s="613"/>
      <c r="QXZ719" s="613"/>
      <c r="QYA719" s="613"/>
      <c r="QYB719" s="613"/>
      <c r="QYC719" s="613"/>
      <c r="QYD719" s="613"/>
      <c r="QYE719" s="613"/>
      <c r="QYF719" s="613"/>
      <c r="QYG719" s="613"/>
      <c r="QYH719" s="613"/>
      <c r="QYI719" s="613"/>
      <c r="QYJ719" s="613"/>
      <c r="QYK719" s="613"/>
      <c r="QYL719" s="613"/>
      <c r="QYM719" s="613"/>
      <c r="QYN719" s="613"/>
      <c r="QYO719" s="613"/>
      <c r="QYP719" s="613"/>
      <c r="QYQ719" s="613"/>
      <c r="QYR719" s="613"/>
      <c r="QYS719" s="613"/>
      <c r="QYT719" s="613"/>
      <c r="QYU719" s="613"/>
      <c r="QYV719" s="613"/>
      <c r="QYW719" s="613"/>
      <c r="QYX719" s="613"/>
      <c r="QYY719" s="613"/>
      <c r="QYZ719" s="613"/>
      <c r="QZA719" s="613"/>
      <c r="QZB719" s="613"/>
      <c r="QZC719" s="613"/>
      <c r="QZD719" s="613"/>
      <c r="QZE719" s="613"/>
      <c r="QZF719" s="613"/>
      <c r="QZG719" s="613"/>
      <c r="QZH719" s="613"/>
      <c r="QZI719" s="613"/>
      <c r="QZJ719" s="613"/>
      <c r="QZK719" s="613"/>
      <c r="QZL719" s="613"/>
      <c r="QZM719" s="613"/>
      <c r="QZN719" s="613"/>
      <c r="QZO719" s="613"/>
      <c r="QZP719" s="613"/>
      <c r="QZQ719" s="613"/>
      <c r="QZR719" s="613"/>
      <c r="QZS719" s="613"/>
      <c r="QZT719" s="613"/>
      <c r="QZU719" s="613"/>
      <c r="QZV719" s="613"/>
      <c r="QZW719" s="613"/>
      <c r="QZX719" s="613"/>
      <c r="QZY719" s="613"/>
      <c r="QZZ719" s="613"/>
      <c r="RAA719" s="613"/>
      <c r="RAB719" s="613"/>
      <c r="RAC719" s="613"/>
      <c r="RAD719" s="613"/>
      <c r="RAE719" s="613"/>
      <c r="RAF719" s="613"/>
      <c r="RAG719" s="613"/>
      <c r="RAH719" s="613"/>
      <c r="RAI719" s="613"/>
      <c r="RAJ719" s="613"/>
      <c r="RAK719" s="613"/>
      <c r="RAL719" s="613"/>
      <c r="RAM719" s="613"/>
      <c r="RAN719" s="613"/>
      <c r="RAO719" s="613"/>
      <c r="RAP719" s="613"/>
      <c r="RAQ719" s="613"/>
      <c r="RAR719" s="613"/>
      <c r="RAS719" s="613"/>
      <c r="RAT719" s="613"/>
      <c r="RAU719" s="613"/>
      <c r="RAV719" s="613"/>
      <c r="RAW719" s="613"/>
      <c r="RAX719" s="613"/>
      <c r="RAY719" s="613"/>
      <c r="RAZ719" s="613"/>
      <c r="RBA719" s="613"/>
      <c r="RBB719" s="613"/>
      <c r="RBC719" s="613"/>
      <c r="RBD719" s="613"/>
      <c r="RBE719" s="613"/>
      <c r="RBF719" s="613"/>
      <c r="RBG719" s="613"/>
      <c r="RBH719" s="613"/>
      <c r="RBI719" s="613"/>
      <c r="RBJ719" s="613"/>
      <c r="RBK719" s="613"/>
      <c r="RBL719" s="613"/>
      <c r="RBM719" s="613"/>
      <c r="RBN719" s="613"/>
      <c r="RBO719" s="613"/>
      <c r="RBP719" s="613"/>
      <c r="RBQ719" s="613"/>
      <c r="RBR719" s="613"/>
      <c r="RBS719" s="613"/>
      <c r="RBT719" s="613"/>
      <c r="RBU719" s="613"/>
      <c r="RBV719" s="613"/>
      <c r="RBW719" s="613"/>
      <c r="RBX719" s="613"/>
      <c r="RBY719" s="613"/>
      <c r="RBZ719" s="613"/>
      <c r="RCA719" s="613"/>
      <c r="RCB719" s="613"/>
      <c r="RCC719" s="613"/>
      <c r="RCD719" s="613"/>
      <c r="RCE719" s="613"/>
      <c r="RCF719" s="613"/>
      <c r="RCG719" s="613"/>
      <c r="RCH719" s="613"/>
      <c r="RCI719" s="613"/>
      <c r="RCJ719" s="613"/>
      <c r="RCK719" s="613"/>
      <c r="RCL719" s="613"/>
      <c r="RCM719" s="613"/>
      <c r="RCN719" s="613"/>
      <c r="RCO719" s="613"/>
      <c r="RCP719" s="613"/>
      <c r="RCQ719" s="613"/>
      <c r="RCR719" s="613"/>
      <c r="RCS719" s="613"/>
      <c r="RCT719" s="613"/>
      <c r="RCU719" s="613"/>
      <c r="RCV719" s="613"/>
      <c r="RCW719" s="613"/>
      <c r="RCX719" s="613"/>
      <c r="RCY719" s="613"/>
      <c r="RCZ719" s="613"/>
      <c r="RDA719" s="613"/>
      <c r="RDB719" s="613"/>
      <c r="RDC719" s="613"/>
      <c r="RDD719" s="613"/>
      <c r="RDE719" s="613"/>
      <c r="RDF719" s="613"/>
      <c r="RDG719" s="613"/>
      <c r="RDH719" s="613"/>
      <c r="RDI719" s="613"/>
      <c r="RDJ719" s="613"/>
      <c r="RDK719" s="613"/>
      <c r="RDL719" s="613"/>
      <c r="RDM719" s="613"/>
      <c r="RDN719" s="613"/>
      <c r="RDO719" s="613"/>
      <c r="RDP719" s="613"/>
      <c r="RDQ719" s="613"/>
      <c r="RDR719" s="613"/>
      <c r="RDS719" s="613"/>
      <c r="RDT719" s="613"/>
      <c r="RDU719" s="613"/>
      <c r="RDV719" s="613"/>
      <c r="RDW719" s="613"/>
      <c r="RDX719" s="613"/>
      <c r="RDY719" s="613"/>
      <c r="RDZ719" s="613"/>
      <c r="REA719" s="613"/>
      <c r="REB719" s="613"/>
      <c r="REC719" s="613"/>
      <c r="RED719" s="613"/>
      <c r="REE719" s="613"/>
      <c r="REF719" s="613"/>
      <c r="REG719" s="613"/>
      <c r="REH719" s="613"/>
      <c r="REI719" s="613"/>
      <c r="REJ719" s="613"/>
      <c r="REK719" s="613"/>
      <c r="REL719" s="613"/>
      <c r="REM719" s="613"/>
      <c r="REN719" s="613"/>
      <c r="REO719" s="613"/>
      <c r="REP719" s="613"/>
      <c r="REQ719" s="613"/>
      <c r="RER719" s="613"/>
      <c r="RES719" s="613"/>
      <c r="RET719" s="613"/>
      <c r="REU719" s="613"/>
      <c r="REV719" s="613"/>
      <c r="REW719" s="613"/>
      <c r="REX719" s="613"/>
      <c r="REY719" s="613"/>
      <c r="REZ719" s="613"/>
      <c r="RFA719" s="613"/>
      <c r="RFB719" s="613"/>
      <c r="RFC719" s="613"/>
      <c r="RFD719" s="613"/>
      <c r="RFE719" s="613"/>
      <c r="RFF719" s="613"/>
      <c r="RFG719" s="613"/>
      <c r="RFH719" s="613"/>
      <c r="RFI719" s="613"/>
      <c r="RFJ719" s="613"/>
      <c r="RFK719" s="613"/>
      <c r="RFL719" s="613"/>
      <c r="RFM719" s="613"/>
      <c r="RFN719" s="613"/>
      <c r="RFO719" s="613"/>
      <c r="RFP719" s="613"/>
      <c r="RFQ719" s="613"/>
      <c r="RFR719" s="613"/>
      <c r="RFS719" s="613"/>
      <c r="RFT719" s="613"/>
      <c r="RFU719" s="613"/>
      <c r="RFV719" s="613"/>
      <c r="RFW719" s="613"/>
      <c r="RFX719" s="613"/>
      <c r="RFY719" s="613"/>
      <c r="RFZ719" s="613"/>
      <c r="RGA719" s="613"/>
      <c r="RGB719" s="613"/>
      <c r="RGC719" s="613"/>
      <c r="RGD719" s="613"/>
      <c r="RGE719" s="613"/>
      <c r="RGF719" s="613"/>
      <c r="RGG719" s="613"/>
      <c r="RGH719" s="613"/>
      <c r="RGI719" s="613"/>
      <c r="RGJ719" s="613"/>
      <c r="RGK719" s="613"/>
      <c r="RGL719" s="613"/>
      <c r="RGM719" s="613"/>
      <c r="RGN719" s="613"/>
      <c r="RGO719" s="613"/>
      <c r="RGP719" s="613"/>
      <c r="RGQ719" s="613"/>
      <c r="RGR719" s="613"/>
      <c r="RGS719" s="613"/>
      <c r="RGT719" s="613"/>
      <c r="RGU719" s="613"/>
      <c r="RGV719" s="613"/>
      <c r="RGW719" s="613"/>
      <c r="RGX719" s="613"/>
      <c r="RGY719" s="613"/>
      <c r="RGZ719" s="613"/>
      <c r="RHA719" s="613"/>
      <c r="RHB719" s="613"/>
      <c r="RHC719" s="613"/>
      <c r="RHD719" s="613"/>
      <c r="RHE719" s="613"/>
      <c r="RHF719" s="613"/>
      <c r="RHG719" s="613"/>
      <c r="RHH719" s="613"/>
      <c r="RHI719" s="613"/>
      <c r="RHJ719" s="613"/>
      <c r="RHK719" s="613"/>
      <c r="RHL719" s="613"/>
      <c r="RHM719" s="613"/>
      <c r="RHN719" s="613"/>
      <c r="RHO719" s="613"/>
      <c r="RHP719" s="613"/>
      <c r="RHQ719" s="613"/>
      <c r="RHR719" s="613"/>
      <c r="RHS719" s="613"/>
      <c r="RHT719" s="613"/>
      <c r="RHU719" s="613"/>
      <c r="RHV719" s="613"/>
      <c r="RHW719" s="613"/>
      <c r="RHX719" s="613"/>
      <c r="RHY719" s="613"/>
      <c r="RHZ719" s="613"/>
      <c r="RIA719" s="613"/>
      <c r="RIB719" s="613"/>
      <c r="RIC719" s="613"/>
      <c r="RID719" s="613"/>
      <c r="RIE719" s="613"/>
      <c r="RIF719" s="613"/>
      <c r="RIG719" s="613"/>
      <c r="RIH719" s="613"/>
      <c r="RII719" s="613"/>
      <c r="RIJ719" s="613"/>
      <c r="RIK719" s="613"/>
      <c r="RIL719" s="613"/>
      <c r="RIM719" s="613"/>
      <c r="RIN719" s="613"/>
      <c r="RIO719" s="613"/>
      <c r="RIP719" s="613"/>
      <c r="RIQ719" s="613"/>
      <c r="RIR719" s="613"/>
      <c r="RIS719" s="613"/>
      <c r="RIT719" s="613"/>
      <c r="RIU719" s="613"/>
      <c r="RIV719" s="613"/>
      <c r="RIW719" s="613"/>
      <c r="RIX719" s="613"/>
      <c r="RIY719" s="613"/>
      <c r="RIZ719" s="613"/>
      <c r="RJA719" s="613"/>
      <c r="RJB719" s="613"/>
      <c r="RJC719" s="613"/>
      <c r="RJD719" s="613"/>
      <c r="RJE719" s="613"/>
      <c r="RJF719" s="613"/>
      <c r="RJG719" s="613"/>
      <c r="RJH719" s="613"/>
      <c r="RJI719" s="613"/>
      <c r="RJJ719" s="613"/>
      <c r="RJK719" s="613"/>
      <c r="RJL719" s="613"/>
      <c r="RJM719" s="613"/>
      <c r="RJN719" s="613"/>
      <c r="RJO719" s="613"/>
      <c r="RJP719" s="613"/>
      <c r="RJQ719" s="613"/>
      <c r="RJR719" s="613"/>
      <c r="RJS719" s="613"/>
      <c r="RJT719" s="613"/>
      <c r="RJU719" s="613"/>
      <c r="RJV719" s="613"/>
      <c r="RJW719" s="613"/>
      <c r="RJX719" s="613"/>
      <c r="RJY719" s="613"/>
      <c r="RJZ719" s="613"/>
      <c r="RKA719" s="613"/>
      <c r="RKB719" s="613"/>
      <c r="RKC719" s="613"/>
      <c r="RKD719" s="613"/>
      <c r="RKE719" s="613"/>
      <c r="RKF719" s="613"/>
      <c r="RKG719" s="613"/>
      <c r="RKH719" s="613"/>
      <c r="RKI719" s="613"/>
      <c r="RKJ719" s="613"/>
      <c r="RKK719" s="613"/>
      <c r="RKL719" s="613"/>
      <c r="RKM719" s="613"/>
      <c r="RKN719" s="613"/>
      <c r="RKO719" s="613"/>
      <c r="RKP719" s="613"/>
      <c r="RKQ719" s="613"/>
      <c r="RKR719" s="613"/>
      <c r="RKS719" s="613"/>
      <c r="RKT719" s="613"/>
      <c r="RKU719" s="613"/>
      <c r="RKV719" s="613"/>
      <c r="RKW719" s="613"/>
      <c r="RKX719" s="613"/>
      <c r="RKY719" s="613"/>
      <c r="RKZ719" s="613"/>
      <c r="RLA719" s="613"/>
      <c r="RLB719" s="613"/>
      <c r="RLC719" s="613"/>
      <c r="RLD719" s="613"/>
      <c r="RLE719" s="613"/>
      <c r="RLF719" s="613"/>
      <c r="RLG719" s="613"/>
      <c r="RLH719" s="613"/>
      <c r="RLI719" s="613"/>
      <c r="RLJ719" s="613"/>
      <c r="RLK719" s="613"/>
      <c r="RLL719" s="613"/>
      <c r="RLM719" s="613"/>
      <c r="RLN719" s="613"/>
      <c r="RLO719" s="613"/>
      <c r="RLP719" s="613"/>
      <c r="RLQ719" s="613"/>
      <c r="RLR719" s="613"/>
      <c r="RLS719" s="613"/>
      <c r="RLT719" s="613"/>
      <c r="RLU719" s="613"/>
      <c r="RLV719" s="613"/>
      <c r="RLW719" s="613"/>
      <c r="RLX719" s="613"/>
      <c r="RLY719" s="613"/>
      <c r="RLZ719" s="613"/>
      <c r="RMA719" s="613"/>
      <c r="RMB719" s="613"/>
      <c r="RMC719" s="613"/>
      <c r="RMD719" s="613"/>
      <c r="RME719" s="613"/>
      <c r="RMF719" s="613"/>
      <c r="RMG719" s="613"/>
      <c r="RMH719" s="613"/>
      <c r="RMI719" s="613"/>
      <c r="RMJ719" s="613"/>
      <c r="RMK719" s="613"/>
      <c r="RML719" s="613"/>
      <c r="RMM719" s="613"/>
      <c r="RMN719" s="613"/>
      <c r="RMO719" s="613"/>
      <c r="RMP719" s="613"/>
      <c r="RMQ719" s="613"/>
      <c r="RMR719" s="613"/>
      <c r="RMS719" s="613"/>
      <c r="RMT719" s="613"/>
      <c r="RMU719" s="613"/>
      <c r="RMV719" s="613"/>
      <c r="RMW719" s="613"/>
      <c r="RMX719" s="613"/>
      <c r="RMY719" s="613"/>
      <c r="RMZ719" s="613"/>
      <c r="RNA719" s="613"/>
      <c r="RNB719" s="613"/>
      <c r="RNC719" s="613"/>
      <c r="RND719" s="613"/>
      <c r="RNE719" s="613"/>
      <c r="RNF719" s="613"/>
      <c r="RNG719" s="613"/>
      <c r="RNH719" s="613"/>
      <c r="RNI719" s="613"/>
      <c r="RNJ719" s="613"/>
      <c r="RNK719" s="613"/>
      <c r="RNL719" s="613"/>
      <c r="RNM719" s="613"/>
      <c r="RNN719" s="613"/>
      <c r="RNO719" s="613"/>
      <c r="RNP719" s="613"/>
      <c r="RNQ719" s="613"/>
      <c r="RNR719" s="613"/>
      <c r="RNS719" s="613"/>
      <c r="RNT719" s="613"/>
      <c r="RNU719" s="613"/>
      <c r="RNV719" s="613"/>
      <c r="RNW719" s="613"/>
      <c r="RNX719" s="613"/>
      <c r="RNY719" s="613"/>
      <c r="RNZ719" s="613"/>
      <c r="ROA719" s="613"/>
      <c r="ROB719" s="613"/>
      <c r="ROC719" s="613"/>
      <c r="ROD719" s="613"/>
      <c r="ROE719" s="613"/>
      <c r="ROF719" s="613"/>
      <c r="ROG719" s="613"/>
      <c r="ROH719" s="613"/>
      <c r="ROI719" s="613"/>
      <c r="ROJ719" s="613"/>
      <c r="ROK719" s="613"/>
      <c r="ROL719" s="613"/>
      <c r="ROM719" s="613"/>
      <c r="RON719" s="613"/>
      <c r="ROO719" s="613"/>
      <c r="ROP719" s="613"/>
      <c r="ROQ719" s="613"/>
      <c r="ROR719" s="613"/>
      <c r="ROS719" s="613"/>
      <c r="ROT719" s="613"/>
      <c r="ROU719" s="613"/>
      <c r="ROV719" s="613"/>
      <c r="ROW719" s="613"/>
      <c r="ROX719" s="613"/>
      <c r="ROY719" s="613"/>
      <c r="ROZ719" s="613"/>
      <c r="RPA719" s="613"/>
      <c r="RPB719" s="613"/>
      <c r="RPC719" s="613"/>
      <c r="RPD719" s="613"/>
      <c r="RPE719" s="613"/>
      <c r="RPF719" s="613"/>
      <c r="RPG719" s="613"/>
      <c r="RPH719" s="613"/>
      <c r="RPI719" s="613"/>
      <c r="RPJ719" s="613"/>
      <c r="RPK719" s="613"/>
      <c r="RPL719" s="613"/>
      <c r="RPM719" s="613"/>
      <c r="RPN719" s="613"/>
      <c r="RPO719" s="613"/>
      <c r="RPP719" s="613"/>
      <c r="RPQ719" s="613"/>
      <c r="RPR719" s="613"/>
      <c r="RPS719" s="613"/>
      <c r="RPT719" s="613"/>
      <c r="RPU719" s="613"/>
      <c r="RPV719" s="613"/>
      <c r="RPW719" s="613"/>
      <c r="RPX719" s="613"/>
      <c r="RPY719" s="613"/>
      <c r="RPZ719" s="613"/>
      <c r="RQA719" s="613"/>
      <c r="RQB719" s="613"/>
      <c r="RQC719" s="613"/>
      <c r="RQD719" s="613"/>
      <c r="RQE719" s="613"/>
      <c r="RQF719" s="613"/>
      <c r="RQG719" s="613"/>
      <c r="RQH719" s="613"/>
      <c r="RQI719" s="613"/>
      <c r="RQJ719" s="613"/>
      <c r="RQK719" s="613"/>
      <c r="RQL719" s="613"/>
      <c r="RQM719" s="613"/>
      <c r="RQN719" s="613"/>
      <c r="RQO719" s="613"/>
      <c r="RQP719" s="613"/>
      <c r="RQQ719" s="613"/>
      <c r="RQR719" s="613"/>
      <c r="RQS719" s="613"/>
      <c r="RQT719" s="613"/>
      <c r="RQU719" s="613"/>
      <c r="RQV719" s="613"/>
      <c r="RQW719" s="613"/>
      <c r="RQX719" s="613"/>
      <c r="RQY719" s="613"/>
      <c r="RQZ719" s="613"/>
      <c r="RRA719" s="613"/>
      <c r="RRB719" s="613"/>
      <c r="RRC719" s="613"/>
      <c r="RRD719" s="613"/>
      <c r="RRE719" s="613"/>
      <c r="RRF719" s="613"/>
      <c r="RRG719" s="613"/>
      <c r="RRH719" s="613"/>
      <c r="RRI719" s="613"/>
      <c r="RRJ719" s="613"/>
      <c r="RRK719" s="613"/>
      <c r="RRL719" s="613"/>
      <c r="RRM719" s="613"/>
      <c r="RRN719" s="613"/>
      <c r="RRO719" s="613"/>
      <c r="RRP719" s="613"/>
      <c r="RRQ719" s="613"/>
      <c r="RRR719" s="613"/>
      <c r="RRS719" s="613"/>
      <c r="RRT719" s="613"/>
      <c r="RRU719" s="613"/>
      <c r="RRV719" s="613"/>
      <c r="RRW719" s="613"/>
      <c r="RRX719" s="613"/>
      <c r="RRY719" s="613"/>
      <c r="RRZ719" s="613"/>
      <c r="RSA719" s="613"/>
      <c r="RSB719" s="613"/>
      <c r="RSC719" s="613"/>
      <c r="RSD719" s="613"/>
      <c r="RSE719" s="613"/>
      <c r="RSF719" s="613"/>
      <c r="RSG719" s="613"/>
      <c r="RSH719" s="613"/>
      <c r="RSI719" s="613"/>
      <c r="RSJ719" s="613"/>
      <c r="RSK719" s="613"/>
      <c r="RSL719" s="613"/>
      <c r="RSM719" s="613"/>
      <c r="RSN719" s="613"/>
      <c r="RSO719" s="613"/>
      <c r="RSP719" s="613"/>
      <c r="RSQ719" s="613"/>
      <c r="RSR719" s="613"/>
      <c r="RSS719" s="613"/>
      <c r="RST719" s="613"/>
      <c r="RSU719" s="613"/>
      <c r="RSV719" s="613"/>
      <c r="RSW719" s="613"/>
      <c r="RSX719" s="613"/>
      <c r="RSY719" s="613"/>
      <c r="RSZ719" s="613"/>
      <c r="RTA719" s="613"/>
      <c r="RTB719" s="613"/>
      <c r="RTC719" s="613"/>
      <c r="RTD719" s="613"/>
      <c r="RTE719" s="613"/>
      <c r="RTF719" s="613"/>
      <c r="RTG719" s="613"/>
      <c r="RTH719" s="613"/>
      <c r="RTI719" s="613"/>
      <c r="RTJ719" s="613"/>
      <c r="RTK719" s="613"/>
      <c r="RTL719" s="613"/>
      <c r="RTM719" s="613"/>
      <c r="RTN719" s="613"/>
      <c r="RTO719" s="613"/>
      <c r="RTP719" s="613"/>
      <c r="RTQ719" s="613"/>
      <c r="RTR719" s="613"/>
      <c r="RTS719" s="613"/>
      <c r="RTT719" s="613"/>
      <c r="RTU719" s="613"/>
      <c r="RTV719" s="613"/>
      <c r="RTW719" s="613"/>
      <c r="RTX719" s="613"/>
      <c r="RTY719" s="613"/>
      <c r="RTZ719" s="613"/>
      <c r="RUA719" s="613"/>
      <c r="RUB719" s="613"/>
      <c r="RUC719" s="613"/>
      <c r="RUD719" s="613"/>
      <c r="RUE719" s="613"/>
      <c r="RUF719" s="613"/>
      <c r="RUG719" s="613"/>
      <c r="RUH719" s="613"/>
      <c r="RUI719" s="613"/>
      <c r="RUJ719" s="613"/>
      <c r="RUK719" s="613"/>
      <c r="RUL719" s="613"/>
      <c r="RUM719" s="613"/>
      <c r="RUN719" s="613"/>
      <c r="RUO719" s="613"/>
      <c r="RUP719" s="613"/>
      <c r="RUQ719" s="613"/>
      <c r="RUR719" s="613"/>
      <c r="RUS719" s="613"/>
      <c r="RUT719" s="613"/>
      <c r="RUU719" s="613"/>
      <c r="RUV719" s="613"/>
      <c r="RUW719" s="613"/>
      <c r="RUX719" s="613"/>
      <c r="RUY719" s="613"/>
      <c r="RUZ719" s="613"/>
      <c r="RVA719" s="613"/>
      <c r="RVB719" s="613"/>
      <c r="RVC719" s="613"/>
      <c r="RVD719" s="613"/>
      <c r="RVE719" s="613"/>
      <c r="RVF719" s="613"/>
      <c r="RVG719" s="613"/>
      <c r="RVH719" s="613"/>
      <c r="RVI719" s="613"/>
      <c r="RVJ719" s="613"/>
      <c r="RVK719" s="613"/>
      <c r="RVL719" s="613"/>
      <c r="RVM719" s="613"/>
      <c r="RVN719" s="613"/>
      <c r="RVO719" s="613"/>
      <c r="RVP719" s="613"/>
      <c r="RVQ719" s="613"/>
      <c r="RVR719" s="613"/>
      <c r="RVS719" s="613"/>
      <c r="RVT719" s="613"/>
      <c r="RVU719" s="613"/>
      <c r="RVV719" s="613"/>
      <c r="RVW719" s="613"/>
      <c r="RVX719" s="613"/>
      <c r="RVY719" s="613"/>
      <c r="RVZ719" s="613"/>
      <c r="RWA719" s="613"/>
      <c r="RWB719" s="613"/>
      <c r="RWC719" s="613"/>
      <c r="RWD719" s="613"/>
      <c r="RWE719" s="613"/>
      <c r="RWF719" s="613"/>
      <c r="RWG719" s="613"/>
      <c r="RWH719" s="613"/>
      <c r="RWI719" s="613"/>
      <c r="RWJ719" s="613"/>
      <c r="RWK719" s="613"/>
      <c r="RWL719" s="613"/>
      <c r="RWM719" s="613"/>
      <c r="RWN719" s="613"/>
      <c r="RWO719" s="613"/>
      <c r="RWP719" s="613"/>
      <c r="RWQ719" s="613"/>
      <c r="RWR719" s="613"/>
      <c r="RWS719" s="613"/>
      <c r="RWT719" s="613"/>
      <c r="RWU719" s="613"/>
      <c r="RWV719" s="613"/>
      <c r="RWW719" s="613"/>
      <c r="RWX719" s="613"/>
      <c r="RWY719" s="613"/>
      <c r="RWZ719" s="613"/>
      <c r="RXA719" s="613"/>
      <c r="RXB719" s="613"/>
      <c r="RXC719" s="613"/>
      <c r="RXD719" s="613"/>
      <c r="RXE719" s="613"/>
      <c r="RXF719" s="613"/>
      <c r="RXG719" s="613"/>
      <c r="RXH719" s="613"/>
      <c r="RXI719" s="613"/>
      <c r="RXJ719" s="613"/>
      <c r="RXK719" s="613"/>
      <c r="RXL719" s="613"/>
      <c r="RXM719" s="613"/>
      <c r="RXN719" s="613"/>
      <c r="RXO719" s="613"/>
      <c r="RXP719" s="613"/>
      <c r="RXQ719" s="613"/>
      <c r="RXR719" s="613"/>
      <c r="RXS719" s="613"/>
      <c r="RXT719" s="613"/>
      <c r="RXU719" s="613"/>
      <c r="RXV719" s="613"/>
      <c r="RXW719" s="613"/>
      <c r="RXX719" s="613"/>
      <c r="RXY719" s="613"/>
      <c r="RXZ719" s="613"/>
      <c r="RYA719" s="613"/>
      <c r="RYB719" s="613"/>
      <c r="RYC719" s="613"/>
      <c r="RYD719" s="613"/>
      <c r="RYE719" s="613"/>
      <c r="RYF719" s="613"/>
      <c r="RYG719" s="613"/>
      <c r="RYH719" s="613"/>
      <c r="RYI719" s="613"/>
      <c r="RYJ719" s="613"/>
      <c r="RYK719" s="613"/>
      <c r="RYL719" s="613"/>
      <c r="RYM719" s="613"/>
      <c r="RYN719" s="613"/>
      <c r="RYO719" s="613"/>
      <c r="RYP719" s="613"/>
      <c r="RYQ719" s="613"/>
      <c r="RYR719" s="613"/>
      <c r="RYS719" s="613"/>
      <c r="RYT719" s="613"/>
      <c r="RYU719" s="613"/>
      <c r="RYV719" s="613"/>
      <c r="RYW719" s="613"/>
      <c r="RYX719" s="613"/>
      <c r="RYY719" s="613"/>
      <c r="RYZ719" s="613"/>
      <c r="RZA719" s="613"/>
      <c r="RZB719" s="613"/>
      <c r="RZC719" s="613"/>
      <c r="RZD719" s="613"/>
      <c r="RZE719" s="613"/>
      <c r="RZF719" s="613"/>
      <c r="RZG719" s="613"/>
      <c r="RZH719" s="613"/>
      <c r="RZI719" s="613"/>
      <c r="RZJ719" s="613"/>
      <c r="RZK719" s="613"/>
      <c r="RZL719" s="613"/>
      <c r="RZM719" s="613"/>
      <c r="RZN719" s="613"/>
      <c r="RZO719" s="613"/>
      <c r="RZP719" s="613"/>
      <c r="RZQ719" s="613"/>
      <c r="RZR719" s="613"/>
      <c r="RZS719" s="613"/>
      <c r="RZT719" s="613"/>
      <c r="RZU719" s="613"/>
      <c r="RZV719" s="613"/>
      <c r="RZW719" s="613"/>
      <c r="RZX719" s="613"/>
      <c r="RZY719" s="613"/>
      <c r="RZZ719" s="613"/>
      <c r="SAA719" s="613"/>
      <c r="SAB719" s="613"/>
      <c r="SAC719" s="613"/>
      <c r="SAD719" s="613"/>
      <c r="SAE719" s="613"/>
      <c r="SAF719" s="613"/>
      <c r="SAG719" s="613"/>
      <c r="SAH719" s="613"/>
      <c r="SAI719" s="613"/>
      <c r="SAJ719" s="613"/>
      <c r="SAK719" s="613"/>
      <c r="SAL719" s="613"/>
      <c r="SAM719" s="613"/>
      <c r="SAN719" s="613"/>
      <c r="SAO719" s="613"/>
      <c r="SAP719" s="613"/>
      <c r="SAQ719" s="613"/>
      <c r="SAR719" s="613"/>
      <c r="SAS719" s="613"/>
      <c r="SAT719" s="613"/>
      <c r="SAU719" s="613"/>
      <c r="SAV719" s="613"/>
      <c r="SAW719" s="613"/>
      <c r="SAX719" s="613"/>
      <c r="SAY719" s="613"/>
      <c r="SAZ719" s="613"/>
      <c r="SBA719" s="613"/>
      <c r="SBB719" s="613"/>
      <c r="SBC719" s="613"/>
      <c r="SBD719" s="613"/>
      <c r="SBE719" s="613"/>
      <c r="SBF719" s="613"/>
      <c r="SBG719" s="613"/>
      <c r="SBH719" s="613"/>
      <c r="SBI719" s="613"/>
      <c r="SBJ719" s="613"/>
      <c r="SBK719" s="613"/>
      <c r="SBL719" s="613"/>
      <c r="SBM719" s="613"/>
      <c r="SBN719" s="613"/>
      <c r="SBO719" s="613"/>
      <c r="SBP719" s="613"/>
      <c r="SBQ719" s="613"/>
      <c r="SBR719" s="613"/>
      <c r="SBS719" s="613"/>
      <c r="SBT719" s="613"/>
      <c r="SBU719" s="613"/>
      <c r="SBV719" s="613"/>
      <c r="SBW719" s="613"/>
      <c r="SBX719" s="613"/>
      <c r="SBY719" s="613"/>
      <c r="SBZ719" s="613"/>
      <c r="SCA719" s="613"/>
      <c r="SCB719" s="613"/>
      <c r="SCC719" s="613"/>
      <c r="SCD719" s="613"/>
      <c r="SCE719" s="613"/>
      <c r="SCF719" s="613"/>
      <c r="SCG719" s="613"/>
      <c r="SCH719" s="613"/>
      <c r="SCI719" s="613"/>
      <c r="SCJ719" s="613"/>
      <c r="SCK719" s="613"/>
      <c r="SCL719" s="613"/>
      <c r="SCM719" s="613"/>
      <c r="SCN719" s="613"/>
      <c r="SCO719" s="613"/>
      <c r="SCP719" s="613"/>
      <c r="SCQ719" s="613"/>
      <c r="SCR719" s="613"/>
      <c r="SCS719" s="613"/>
      <c r="SCT719" s="613"/>
      <c r="SCU719" s="613"/>
      <c r="SCV719" s="613"/>
      <c r="SCW719" s="613"/>
      <c r="SCX719" s="613"/>
      <c r="SCY719" s="613"/>
      <c r="SCZ719" s="613"/>
      <c r="SDA719" s="613"/>
      <c r="SDB719" s="613"/>
      <c r="SDC719" s="613"/>
      <c r="SDD719" s="613"/>
      <c r="SDE719" s="613"/>
      <c r="SDF719" s="613"/>
      <c r="SDG719" s="613"/>
      <c r="SDH719" s="613"/>
      <c r="SDI719" s="613"/>
      <c r="SDJ719" s="613"/>
      <c r="SDK719" s="613"/>
      <c r="SDL719" s="613"/>
      <c r="SDM719" s="613"/>
      <c r="SDN719" s="613"/>
      <c r="SDO719" s="613"/>
      <c r="SDP719" s="613"/>
      <c r="SDQ719" s="613"/>
      <c r="SDR719" s="613"/>
      <c r="SDS719" s="613"/>
      <c r="SDT719" s="613"/>
      <c r="SDU719" s="613"/>
      <c r="SDV719" s="613"/>
      <c r="SDW719" s="613"/>
      <c r="SDX719" s="613"/>
      <c r="SDY719" s="613"/>
      <c r="SDZ719" s="613"/>
      <c r="SEA719" s="613"/>
      <c r="SEB719" s="613"/>
      <c r="SEC719" s="613"/>
      <c r="SED719" s="613"/>
      <c r="SEE719" s="613"/>
      <c r="SEF719" s="613"/>
      <c r="SEG719" s="613"/>
      <c r="SEH719" s="613"/>
      <c r="SEI719" s="613"/>
      <c r="SEJ719" s="613"/>
      <c r="SEK719" s="613"/>
      <c r="SEL719" s="613"/>
      <c r="SEM719" s="613"/>
      <c r="SEN719" s="613"/>
      <c r="SEO719" s="613"/>
      <c r="SEP719" s="613"/>
      <c r="SEQ719" s="613"/>
      <c r="SER719" s="613"/>
      <c r="SES719" s="613"/>
      <c r="SET719" s="613"/>
      <c r="SEU719" s="613"/>
      <c r="SEV719" s="613"/>
      <c r="SEW719" s="613"/>
      <c r="SEX719" s="613"/>
      <c r="SEY719" s="613"/>
      <c r="SEZ719" s="613"/>
      <c r="SFA719" s="613"/>
      <c r="SFB719" s="613"/>
      <c r="SFC719" s="613"/>
      <c r="SFD719" s="613"/>
      <c r="SFE719" s="613"/>
      <c r="SFF719" s="613"/>
      <c r="SFG719" s="613"/>
      <c r="SFH719" s="613"/>
      <c r="SFI719" s="613"/>
      <c r="SFJ719" s="613"/>
      <c r="SFK719" s="613"/>
      <c r="SFL719" s="613"/>
      <c r="SFM719" s="613"/>
      <c r="SFN719" s="613"/>
      <c r="SFO719" s="613"/>
      <c r="SFP719" s="613"/>
      <c r="SFQ719" s="613"/>
      <c r="SFR719" s="613"/>
      <c r="SFS719" s="613"/>
      <c r="SFT719" s="613"/>
      <c r="SFU719" s="613"/>
      <c r="SFV719" s="613"/>
      <c r="SFW719" s="613"/>
      <c r="SFX719" s="613"/>
      <c r="SFY719" s="613"/>
      <c r="SFZ719" s="613"/>
      <c r="SGA719" s="613"/>
      <c r="SGB719" s="613"/>
      <c r="SGC719" s="613"/>
      <c r="SGD719" s="613"/>
      <c r="SGE719" s="613"/>
      <c r="SGF719" s="613"/>
      <c r="SGG719" s="613"/>
      <c r="SGH719" s="613"/>
      <c r="SGI719" s="613"/>
      <c r="SGJ719" s="613"/>
      <c r="SGK719" s="613"/>
      <c r="SGL719" s="613"/>
      <c r="SGM719" s="613"/>
      <c r="SGN719" s="613"/>
      <c r="SGO719" s="613"/>
      <c r="SGP719" s="613"/>
      <c r="SGQ719" s="613"/>
      <c r="SGR719" s="613"/>
      <c r="SGS719" s="613"/>
      <c r="SGT719" s="613"/>
      <c r="SGU719" s="613"/>
      <c r="SGV719" s="613"/>
      <c r="SGW719" s="613"/>
      <c r="SGX719" s="613"/>
      <c r="SGY719" s="613"/>
      <c r="SGZ719" s="613"/>
      <c r="SHA719" s="613"/>
      <c r="SHB719" s="613"/>
      <c r="SHC719" s="613"/>
      <c r="SHD719" s="613"/>
      <c r="SHE719" s="613"/>
      <c r="SHF719" s="613"/>
      <c r="SHG719" s="613"/>
      <c r="SHH719" s="613"/>
      <c r="SHI719" s="613"/>
      <c r="SHJ719" s="613"/>
      <c r="SHK719" s="613"/>
      <c r="SHL719" s="613"/>
      <c r="SHM719" s="613"/>
      <c r="SHN719" s="613"/>
      <c r="SHO719" s="613"/>
      <c r="SHP719" s="613"/>
      <c r="SHQ719" s="613"/>
      <c r="SHR719" s="613"/>
      <c r="SHS719" s="613"/>
      <c r="SHT719" s="613"/>
      <c r="SHU719" s="613"/>
      <c r="SHV719" s="613"/>
      <c r="SHW719" s="613"/>
      <c r="SHX719" s="613"/>
      <c r="SHY719" s="613"/>
      <c r="SHZ719" s="613"/>
      <c r="SIA719" s="613"/>
      <c r="SIB719" s="613"/>
      <c r="SIC719" s="613"/>
      <c r="SID719" s="613"/>
      <c r="SIE719" s="613"/>
      <c r="SIF719" s="613"/>
      <c r="SIG719" s="613"/>
      <c r="SIH719" s="613"/>
      <c r="SII719" s="613"/>
      <c r="SIJ719" s="613"/>
      <c r="SIK719" s="613"/>
      <c r="SIL719" s="613"/>
      <c r="SIM719" s="613"/>
      <c r="SIN719" s="613"/>
      <c r="SIO719" s="613"/>
      <c r="SIP719" s="613"/>
      <c r="SIQ719" s="613"/>
      <c r="SIR719" s="613"/>
      <c r="SIS719" s="613"/>
      <c r="SIT719" s="613"/>
      <c r="SIU719" s="613"/>
      <c r="SIV719" s="613"/>
      <c r="SIW719" s="613"/>
      <c r="SIX719" s="613"/>
      <c r="SIY719" s="613"/>
      <c r="SIZ719" s="613"/>
      <c r="SJA719" s="613"/>
      <c r="SJB719" s="613"/>
      <c r="SJC719" s="613"/>
      <c r="SJD719" s="613"/>
      <c r="SJE719" s="613"/>
      <c r="SJF719" s="613"/>
      <c r="SJG719" s="613"/>
      <c r="SJH719" s="613"/>
      <c r="SJI719" s="613"/>
      <c r="SJJ719" s="613"/>
      <c r="SJK719" s="613"/>
      <c r="SJL719" s="613"/>
      <c r="SJM719" s="613"/>
      <c r="SJN719" s="613"/>
      <c r="SJO719" s="613"/>
      <c r="SJP719" s="613"/>
      <c r="SJQ719" s="613"/>
      <c r="SJR719" s="613"/>
      <c r="SJS719" s="613"/>
      <c r="SJT719" s="613"/>
      <c r="SJU719" s="613"/>
      <c r="SJV719" s="613"/>
      <c r="SJW719" s="613"/>
      <c r="SJX719" s="613"/>
      <c r="SJY719" s="613"/>
      <c r="SJZ719" s="613"/>
      <c r="SKA719" s="613"/>
      <c r="SKB719" s="613"/>
      <c r="SKC719" s="613"/>
      <c r="SKD719" s="613"/>
      <c r="SKE719" s="613"/>
      <c r="SKF719" s="613"/>
      <c r="SKG719" s="613"/>
      <c r="SKH719" s="613"/>
      <c r="SKI719" s="613"/>
      <c r="SKJ719" s="613"/>
      <c r="SKK719" s="613"/>
      <c r="SKL719" s="613"/>
      <c r="SKM719" s="613"/>
      <c r="SKN719" s="613"/>
      <c r="SKO719" s="613"/>
      <c r="SKP719" s="613"/>
      <c r="SKQ719" s="613"/>
      <c r="SKR719" s="613"/>
      <c r="SKS719" s="613"/>
      <c r="SKT719" s="613"/>
      <c r="SKU719" s="613"/>
      <c r="SKV719" s="613"/>
      <c r="SKW719" s="613"/>
      <c r="SKX719" s="613"/>
      <c r="SKY719" s="613"/>
      <c r="SKZ719" s="613"/>
      <c r="SLA719" s="613"/>
      <c r="SLB719" s="613"/>
      <c r="SLC719" s="613"/>
      <c r="SLD719" s="613"/>
      <c r="SLE719" s="613"/>
      <c r="SLF719" s="613"/>
      <c r="SLG719" s="613"/>
      <c r="SLH719" s="613"/>
      <c r="SLI719" s="613"/>
      <c r="SLJ719" s="613"/>
      <c r="SLK719" s="613"/>
      <c r="SLL719" s="613"/>
      <c r="SLM719" s="613"/>
      <c r="SLN719" s="613"/>
      <c r="SLO719" s="613"/>
      <c r="SLP719" s="613"/>
      <c r="SLQ719" s="613"/>
      <c r="SLR719" s="613"/>
      <c r="SLS719" s="613"/>
      <c r="SLT719" s="613"/>
      <c r="SLU719" s="613"/>
      <c r="SLV719" s="613"/>
      <c r="SLW719" s="613"/>
      <c r="SLX719" s="613"/>
      <c r="SLY719" s="613"/>
      <c r="SLZ719" s="613"/>
      <c r="SMA719" s="613"/>
      <c r="SMB719" s="613"/>
      <c r="SMC719" s="613"/>
      <c r="SMD719" s="613"/>
      <c r="SME719" s="613"/>
      <c r="SMF719" s="613"/>
      <c r="SMG719" s="613"/>
      <c r="SMH719" s="613"/>
      <c r="SMI719" s="613"/>
      <c r="SMJ719" s="613"/>
      <c r="SMK719" s="613"/>
      <c r="SML719" s="613"/>
      <c r="SMM719" s="613"/>
      <c r="SMN719" s="613"/>
      <c r="SMO719" s="613"/>
      <c r="SMP719" s="613"/>
      <c r="SMQ719" s="613"/>
      <c r="SMR719" s="613"/>
      <c r="SMS719" s="613"/>
      <c r="SMT719" s="613"/>
      <c r="SMU719" s="613"/>
      <c r="SMV719" s="613"/>
      <c r="SMW719" s="613"/>
      <c r="SMX719" s="613"/>
      <c r="SMY719" s="613"/>
      <c r="SMZ719" s="613"/>
      <c r="SNA719" s="613"/>
      <c r="SNB719" s="613"/>
      <c r="SNC719" s="613"/>
      <c r="SND719" s="613"/>
      <c r="SNE719" s="613"/>
      <c r="SNF719" s="613"/>
      <c r="SNG719" s="613"/>
      <c r="SNH719" s="613"/>
      <c r="SNI719" s="613"/>
      <c r="SNJ719" s="613"/>
      <c r="SNK719" s="613"/>
      <c r="SNL719" s="613"/>
      <c r="SNM719" s="613"/>
      <c r="SNN719" s="613"/>
      <c r="SNO719" s="613"/>
      <c r="SNP719" s="613"/>
      <c r="SNQ719" s="613"/>
      <c r="SNR719" s="613"/>
      <c r="SNS719" s="613"/>
      <c r="SNT719" s="613"/>
      <c r="SNU719" s="613"/>
      <c r="SNV719" s="613"/>
      <c r="SNW719" s="613"/>
      <c r="SNX719" s="613"/>
      <c r="SNY719" s="613"/>
      <c r="SNZ719" s="613"/>
      <c r="SOA719" s="613"/>
      <c r="SOB719" s="613"/>
      <c r="SOC719" s="613"/>
      <c r="SOD719" s="613"/>
      <c r="SOE719" s="613"/>
      <c r="SOF719" s="613"/>
      <c r="SOG719" s="613"/>
      <c r="SOH719" s="613"/>
      <c r="SOI719" s="613"/>
      <c r="SOJ719" s="613"/>
      <c r="SOK719" s="613"/>
      <c r="SOL719" s="613"/>
      <c r="SOM719" s="613"/>
      <c r="SON719" s="613"/>
      <c r="SOO719" s="613"/>
      <c r="SOP719" s="613"/>
      <c r="SOQ719" s="613"/>
      <c r="SOR719" s="613"/>
      <c r="SOS719" s="613"/>
      <c r="SOT719" s="613"/>
      <c r="SOU719" s="613"/>
      <c r="SOV719" s="613"/>
      <c r="SOW719" s="613"/>
      <c r="SOX719" s="613"/>
      <c r="SOY719" s="613"/>
      <c r="SOZ719" s="613"/>
      <c r="SPA719" s="613"/>
      <c r="SPB719" s="613"/>
      <c r="SPC719" s="613"/>
      <c r="SPD719" s="613"/>
      <c r="SPE719" s="613"/>
      <c r="SPF719" s="613"/>
      <c r="SPG719" s="613"/>
      <c r="SPH719" s="613"/>
      <c r="SPI719" s="613"/>
      <c r="SPJ719" s="613"/>
      <c r="SPK719" s="613"/>
      <c r="SPL719" s="613"/>
      <c r="SPM719" s="613"/>
      <c r="SPN719" s="613"/>
      <c r="SPO719" s="613"/>
      <c r="SPP719" s="613"/>
      <c r="SPQ719" s="613"/>
      <c r="SPR719" s="613"/>
      <c r="SPS719" s="613"/>
      <c r="SPT719" s="613"/>
      <c r="SPU719" s="613"/>
      <c r="SPV719" s="613"/>
      <c r="SPW719" s="613"/>
      <c r="SPX719" s="613"/>
      <c r="SPY719" s="613"/>
      <c r="SPZ719" s="613"/>
      <c r="SQA719" s="613"/>
      <c r="SQB719" s="613"/>
      <c r="SQC719" s="613"/>
      <c r="SQD719" s="613"/>
      <c r="SQE719" s="613"/>
      <c r="SQF719" s="613"/>
      <c r="SQG719" s="613"/>
      <c r="SQH719" s="613"/>
      <c r="SQI719" s="613"/>
      <c r="SQJ719" s="613"/>
      <c r="SQK719" s="613"/>
      <c r="SQL719" s="613"/>
      <c r="SQM719" s="613"/>
      <c r="SQN719" s="613"/>
      <c r="SQO719" s="613"/>
      <c r="SQP719" s="613"/>
      <c r="SQQ719" s="613"/>
      <c r="SQR719" s="613"/>
      <c r="SQS719" s="613"/>
      <c r="SQT719" s="613"/>
      <c r="SQU719" s="613"/>
      <c r="SQV719" s="613"/>
      <c r="SQW719" s="613"/>
      <c r="SQX719" s="613"/>
      <c r="SQY719" s="613"/>
      <c r="SQZ719" s="613"/>
      <c r="SRA719" s="613"/>
      <c r="SRB719" s="613"/>
      <c r="SRC719" s="613"/>
      <c r="SRD719" s="613"/>
      <c r="SRE719" s="613"/>
      <c r="SRF719" s="613"/>
      <c r="SRG719" s="613"/>
      <c r="SRH719" s="613"/>
      <c r="SRI719" s="613"/>
      <c r="SRJ719" s="613"/>
      <c r="SRK719" s="613"/>
      <c r="SRL719" s="613"/>
      <c r="SRM719" s="613"/>
      <c r="SRN719" s="613"/>
      <c r="SRO719" s="613"/>
      <c r="SRP719" s="613"/>
      <c r="SRQ719" s="613"/>
      <c r="SRR719" s="613"/>
      <c r="SRS719" s="613"/>
      <c r="SRT719" s="613"/>
      <c r="SRU719" s="613"/>
      <c r="SRV719" s="613"/>
      <c r="SRW719" s="613"/>
      <c r="SRX719" s="613"/>
      <c r="SRY719" s="613"/>
      <c r="SRZ719" s="613"/>
      <c r="SSA719" s="613"/>
      <c r="SSB719" s="613"/>
      <c r="SSC719" s="613"/>
      <c r="SSD719" s="613"/>
      <c r="SSE719" s="613"/>
      <c r="SSF719" s="613"/>
      <c r="SSG719" s="613"/>
      <c r="SSH719" s="613"/>
      <c r="SSI719" s="613"/>
      <c r="SSJ719" s="613"/>
      <c r="SSK719" s="613"/>
      <c r="SSL719" s="613"/>
      <c r="SSM719" s="613"/>
      <c r="SSN719" s="613"/>
      <c r="SSO719" s="613"/>
      <c r="SSP719" s="613"/>
      <c r="SSQ719" s="613"/>
      <c r="SSR719" s="613"/>
      <c r="SSS719" s="613"/>
      <c r="SST719" s="613"/>
      <c r="SSU719" s="613"/>
      <c r="SSV719" s="613"/>
      <c r="SSW719" s="613"/>
      <c r="SSX719" s="613"/>
      <c r="SSY719" s="613"/>
      <c r="SSZ719" s="613"/>
      <c r="STA719" s="613"/>
      <c r="STB719" s="613"/>
      <c r="STC719" s="613"/>
      <c r="STD719" s="613"/>
      <c r="STE719" s="613"/>
      <c r="STF719" s="613"/>
      <c r="STG719" s="613"/>
      <c r="STH719" s="613"/>
      <c r="STI719" s="613"/>
      <c r="STJ719" s="613"/>
      <c r="STK719" s="613"/>
      <c r="STL719" s="613"/>
      <c r="STM719" s="613"/>
      <c r="STN719" s="613"/>
      <c r="STO719" s="613"/>
      <c r="STP719" s="613"/>
      <c r="STQ719" s="613"/>
      <c r="STR719" s="613"/>
      <c r="STS719" s="613"/>
      <c r="STT719" s="613"/>
      <c r="STU719" s="613"/>
      <c r="STV719" s="613"/>
      <c r="STW719" s="613"/>
      <c r="STX719" s="613"/>
      <c r="STY719" s="613"/>
      <c r="STZ719" s="613"/>
      <c r="SUA719" s="613"/>
      <c r="SUB719" s="613"/>
      <c r="SUC719" s="613"/>
      <c r="SUD719" s="613"/>
      <c r="SUE719" s="613"/>
      <c r="SUF719" s="613"/>
      <c r="SUG719" s="613"/>
      <c r="SUH719" s="613"/>
      <c r="SUI719" s="613"/>
      <c r="SUJ719" s="613"/>
      <c r="SUK719" s="613"/>
      <c r="SUL719" s="613"/>
      <c r="SUM719" s="613"/>
      <c r="SUN719" s="613"/>
      <c r="SUO719" s="613"/>
      <c r="SUP719" s="613"/>
      <c r="SUQ719" s="613"/>
      <c r="SUR719" s="613"/>
      <c r="SUS719" s="613"/>
      <c r="SUT719" s="613"/>
      <c r="SUU719" s="613"/>
      <c r="SUV719" s="613"/>
      <c r="SUW719" s="613"/>
      <c r="SUX719" s="613"/>
      <c r="SUY719" s="613"/>
      <c r="SUZ719" s="613"/>
      <c r="SVA719" s="613"/>
      <c r="SVB719" s="613"/>
      <c r="SVC719" s="613"/>
      <c r="SVD719" s="613"/>
      <c r="SVE719" s="613"/>
      <c r="SVF719" s="613"/>
      <c r="SVG719" s="613"/>
      <c r="SVH719" s="613"/>
      <c r="SVI719" s="613"/>
      <c r="SVJ719" s="613"/>
      <c r="SVK719" s="613"/>
      <c r="SVL719" s="613"/>
      <c r="SVM719" s="613"/>
      <c r="SVN719" s="613"/>
      <c r="SVO719" s="613"/>
      <c r="SVP719" s="613"/>
      <c r="SVQ719" s="613"/>
      <c r="SVR719" s="613"/>
      <c r="SVS719" s="613"/>
      <c r="SVT719" s="613"/>
      <c r="SVU719" s="613"/>
      <c r="SVV719" s="613"/>
      <c r="SVW719" s="613"/>
      <c r="SVX719" s="613"/>
      <c r="SVY719" s="613"/>
      <c r="SVZ719" s="613"/>
      <c r="SWA719" s="613"/>
      <c r="SWB719" s="613"/>
      <c r="SWC719" s="613"/>
      <c r="SWD719" s="613"/>
      <c r="SWE719" s="613"/>
      <c r="SWF719" s="613"/>
      <c r="SWG719" s="613"/>
      <c r="SWH719" s="613"/>
      <c r="SWI719" s="613"/>
      <c r="SWJ719" s="613"/>
      <c r="SWK719" s="613"/>
      <c r="SWL719" s="613"/>
      <c r="SWM719" s="613"/>
      <c r="SWN719" s="613"/>
      <c r="SWO719" s="613"/>
      <c r="SWP719" s="613"/>
      <c r="SWQ719" s="613"/>
      <c r="SWR719" s="613"/>
      <c r="SWS719" s="613"/>
      <c r="SWT719" s="613"/>
      <c r="SWU719" s="613"/>
      <c r="SWV719" s="613"/>
      <c r="SWW719" s="613"/>
      <c r="SWX719" s="613"/>
      <c r="SWY719" s="613"/>
      <c r="SWZ719" s="613"/>
      <c r="SXA719" s="613"/>
      <c r="SXB719" s="613"/>
      <c r="SXC719" s="613"/>
      <c r="SXD719" s="613"/>
      <c r="SXE719" s="613"/>
      <c r="SXF719" s="613"/>
      <c r="SXG719" s="613"/>
      <c r="SXH719" s="613"/>
      <c r="SXI719" s="613"/>
      <c r="SXJ719" s="613"/>
      <c r="SXK719" s="613"/>
      <c r="SXL719" s="613"/>
      <c r="SXM719" s="613"/>
      <c r="SXN719" s="613"/>
      <c r="SXO719" s="613"/>
      <c r="SXP719" s="613"/>
      <c r="SXQ719" s="613"/>
      <c r="SXR719" s="613"/>
      <c r="SXS719" s="613"/>
      <c r="SXT719" s="613"/>
      <c r="SXU719" s="613"/>
      <c r="SXV719" s="613"/>
      <c r="SXW719" s="613"/>
      <c r="SXX719" s="613"/>
      <c r="SXY719" s="613"/>
      <c r="SXZ719" s="613"/>
      <c r="SYA719" s="613"/>
      <c r="SYB719" s="613"/>
      <c r="SYC719" s="613"/>
      <c r="SYD719" s="613"/>
      <c r="SYE719" s="613"/>
      <c r="SYF719" s="613"/>
      <c r="SYG719" s="613"/>
      <c r="SYH719" s="613"/>
      <c r="SYI719" s="613"/>
      <c r="SYJ719" s="613"/>
      <c r="SYK719" s="613"/>
      <c r="SYL719" s="613"/>
      <c r="SYM719" s="613"/>
      <c r="SYN719" s="613"/>
      <c r="SYO719" s="613"/>
      <c r="SYP719" s="613"/>
      <c r="SYQ719" s="613"/>
      <c r="SYR719" s="613"/>
      <c r="SYS719" s="613"/>
      <c r="SYT719" s="613"/>
      <c r="SYU719" s="613"/>
      <c r="SYV719" s="613"/>
      <c r="SYW719" s="613"/>
      <c r="SYX719" s="613"/>
      <c r="SYY719" s="613"/>
      <c r="SYZ719" s="613"/>
      <c r="SZA719" s="613"/>
      <c r="SZB719" s="613"/>
      <c r="SZC719" s="613"/>
      <c r="SZD719" s="613"/>
      <c r="SZE719" s="613"/>
      <c r="SZF719" s="613"/>
      <c r="SZG719" s="613"/>
      <c r="SZH719" s="613"/>
      <c r="SZI719" s="613"/>
      <c r="SZJ719" s="613"/>
      <c r="SZK719" s="613"/>
      <c r="SZL719" s="613"/>
      <c r="SZM719" s="613"/>
      <c r="SZN719" s="613"/>
      <c r="SZO719" s="613"/>
      <c r="SZP719" s="613"/>
      <c r="SZQ719" s="613"/>
      <c r="SZR719" s="613"/>
      <c r="SZS719" s="613"/>
      <c r="SZT719" s="613"/>
      <c r="SZU719" s="613"/>
      <c r="SZV719" s="613"/>
      <c r="SZW719" s="613"/>
      <c r="SZX719" s="613"/>
      <c r="SZY719" s="613"/>
      <c r="SZZ719" s="613"/>
      <c r="TAA719" s="613"/>
      <c r="TAB719" s="613"/>
      <c r="TAC719" s="613"/>
      <c r="TAD719" s="613"/>
      <c r="TAE719" s="613"/>
      <c r="TAF719" s="613"/>
      <c r="TAG719" s="613"/>
      <c r="TAH719" s="613"/>
      <c r="TAI719" s="613"/>
      <c r="TAJ719" s="613"/>
      <c r="TAK719" s="613"/>
      <c r="TAL719" s="613"/>
      <c r="TAM719" s="613"/>
      <c r="TAN719" s="613"/>
      <c r="TAO719" s="613"/>
      <c r="TAP719" s="613"/>
      <c r="TAQ719" s="613"/>
      <c r="TAR719" s="613"/>
      <c r="TAS719" s="613"/>
      <c r="TAT719" s="613"/>
      <c r="TAU719" s="613"/>
      <c r="TAV719" s="613"/>
      <c r="TAW719" s="613"/>
      <c r="TAX719" s="613"/>
      <c r="TAY719" s="613"/>
      <c r="TAZ719" s="613"/>
      <c r="TBA719" s="613"/>
      <c r="TBB719" s="613"/>
      <c r="TBC719" s="613"/>
      <c r="TBD719" s="613"/>
      <c r="TBE719" s="613"/>
      <c r="TBF719" s="613"/>
      <c r="TBG719" s="613"/>
      <c r="TBH719" s="613"/>
      <c r="TBI719" s="613"/>
      <c r="TBJ719" s="613"/>
      <c r="TBK719" s="613"/>
      <c r="TBL719" s="613"/>
      <c r="TBM719" s="613"/>
      <c r="TBN719" s="613"/>
      <c r="TBO719" s="613"/>
      <c r="TBP719" s="613"/>
      <c r="TBQ719" s="613"/>
      <c r="TBR719" s="613"/>
      <c r="TBS719" s="613"/>
      <c r="TBT719" s="613"/>
      <c r="TBU719" s="613"/>
      <c r="TBV719" s="613"/>
      <c r="TBW719" s="613"/>
      <c r="TBX719" s="613"/>
      <c r="TBY719" s="613"/>
      <c r="TBZ719" s="613"/>
      <c r="TCA719" s="613"/>
      <c r="TCB719" s="613"/>
      <c r="TCC719" s="613"/>
      <c r="TCD719" s="613"/>
      <c r="TCE719" s="613"/>
      <c r="TCF719" s="613"/>
      <c r="TCG719" s="613"/>
      <c r="TCH719" s="613"/>
      <c r="TCI719" s="613"/>
      <c r="TCJ719" s="613"/>
      <c r="TCK719" s="613"/>
      <c r="TCL719" s="613"/>
      <c r="TCM719" s="613"/>
      <c r="TCN719" s="613"/>
      <c r="TCO719" s="613"/>
      <c r="TCP719" s="613"/>
      <c r="TCQ719" s="613"/>
      <c r="TCR719" s="613"/>
      <c r="TCS719" s="613"/>
      <c r="TCT719" s="613"/>
      <c r="TCU719" s="613"/>
      <c r="TCV719" s="613"/>
      <c r="TCW719" s="613"/>
      <c r="TCX719" s="613"/>
      <c r="TCY719" s="613"/>
      <c r="TCZ719" s="613"/>
      <c r="TDA719" s="613"/>
      <c r="TDB719" s="613"/>
      <c r="TDC719" s="613"/>
      <c r="TDD719" s="613"/>
      <c r="TDE719" s="613"/>
      <c r="TDF719" s="613"/>
      <c r="TDG719" s="613"/>
      <c r="TDH719" s="613"/>
      <c r="TDI719" s="613"/>
      <c r="TDJ719" s="613"/>
      <c r="TDK719" s="613"/>
      <c r="TDL719" s="613"/>
      <c r="TDM719" s="613"/>
      <c r="TDN719" s="613"/>
      <c r="TDO719" s="613"/>
      <c r="TDP719" s="613"/>
      <c r="TDQ719" s="613"/>
      <c r="TDR719" s="613"/>
      <c r="TDS719" s="613"/>
      <c r="TDT719" s="613"/>
      <c r="TDU719" s="613"/>
      <c r="TDV719" s="613"/>
      <c r="TDW719" s="613"/>
      <c r="TDX719" s="613"/>
      <c r="TDY719" s="613"/>
      <c r="TDZ719" s="613"/>
      <c r="TEA719" s="613"/>
      <c r="TEB719" s="613"/>
      <c r="TEC719" s="613"/>
      <c r="TED719" s="613"/>
      <c r="TEE719" s="613"/>
      <c r="TEF719" s="613"/>
      <c r="TEG719" s="613"/>
      <c r="TEH719" s="613"/>
      <c r="TEI719" s="613"/>
      <c r="TEJ719" s="613"/>
      <c r="TEK719" s="613"/>
      <c r="TEL719" s="613"/>
      <c r="TEM719" s="613"/>
      <c r="TEN719" s="613"/>
      <c r="TEO719" s="613"/>
      <c r="TEP719" s="613"/>
      <c r="TEQ719" s="613"/>
      <c r="TER719" s="613"/>
      <c r="TES719" s="613"/>
      <c r="TET719" s="613"/>
      <c r="TEU719" s="613"/>
      <c r="TEV719" s="613"/>
      <c r="TEW719" s="613"/>
      <c r="TEX719" s="613"/>
      <c r="TEY719" s="613"/>
      <c r="TEZ719" s="613"/>
      <c r="TFA719" s="613"/>
      <c r="TFB719" s="613"/>
      <c r="TFC719" s="613"/>
      <c r="TFD719" s="613"/>
      <c r="TFE719" s="613"/>
      <c r="TFF719" s="613"/>
      <c r="TFG719" s="613"/>
      <c r="TFH719" s="613"/>
      <c r="TFI719" s="613"/>
      <c r="TFJ719" s="613"/>
      <c r="TFK719" s="613"/>
      <c r="TFL719" s="613"/>
      <c r="TFM719" s="613"/>
      <c r="TFN719" s="613"/>
      <c r="TFO719" s="613"/>
      <c r="TFP719" s="613"/>
      <c r="TFQ719" s="613"/>
      <c r="TFR719" s="613"/>
      <c r="TFS719" s="613"/>
      <c r="TFT719" s="613"/>
      <c r="TFU719" s="613"/>
      <c r="TFV719" s="613"/>
      <c r="TFW719" s="613"/>
      <c r="TFX719" s="613"/>
      <c r="TFY719" s="613"/>
      <c r="TFZ719" s="613"/>
      <c r="TGA719" s="613"/>
      <c r="TGB719" s="613"/>
      <c r="TGC719" s="613"/>
      <c r="TGD719" s="613"/>
      <c r="TGE719" s="613"/>
      <c r="TGF719" s="613"/>
      <c r="TGG719" s="613"/>
      <c r="TGH719" s="613"/>
      <c r="TGI719" s="613"/>
      <c r="TGJ719" s="613"/>
      <c r="TGK719" s="613"/>
      <c r="TGL719" s="613"/>
      <c r="TGM719" s="613"/>
      <c r="TGN719" s="613"/>
      <c r="TGO719" s="613"/>
      <c r="TGP719" s="613"/>
      <c r="TGQ719" s="613"/>
      <c r="TGR719" s="613"/>
      <c r="TGS719" s="613"/>
      <c r="TGT719" s="613"/>
      <c r="TGU719" s="613"/>
      <c r="TGV719" s="613"/>
      <c r="TGW719" s="613"/>
      <c r="TGX719" s="613"/>
      <c r="TGY719" s="613"/>
      <c r="TGZ719" s="613"/>
      <c r="THA719" s="613"/>
      <c r="THB719" s="613"/>
      <c r="THC719" s="613"/>
      <c r="THD719" s="613"/>
      <c r="THE719" s="613"/>
      <c r="THF719" s="613"/>
      <c r="THG719" s="613"/>
      <c r="THH719" s="613"/>
      <c r="THI719" s="613"/>
      <c r="THJ719" s="613"/>
      <c r="THK719" s="613"/>
      <c r="THL719" s="613"/>
      <c r="THM719" s="613"/>
      <c r="THN719" s="613"/>
      <c r="THO719" s="613"/>
      <c r="THP719" s="613"/>
      <c r="THQ719" s="613"/>
      <c r="THR719" s="613"/>
      <c r="THS719" s="613"/>
      <c r="THT719" s="613"/>
      <c r="THU719" s="613"/>
      <c r="THV719" s="613"/>
      <c r="THW719" s="613"/>
      <c r="THX719" s="613"/>
      <c r="THY719" s="613"/>
      <c r="THZ719" s="613"/>
      <c r="TIA719" s="613"/>
      <c r="TIB719" s="613"/>
      <c r="TIC719" s="613"/>
      <c r="TID719" s="613"/>
      <c r="TIE719" s="613"/>
      <c r="TIF719" s="613"/>
      <c r="TIG719" s="613"/>
      <c r="TIH719" s="613"/>
      <c r="TII719" s="613"/>
      <c r="TIJ719" s="613"/>
      <c r="TIK719" s="613"/>
      <c r="TIL719" s="613"/>
      <c r="TIM719" s="613"/>
      <c r="TIN719" s="613"/>
      <c r="TIO719" s="613"/>
      <c r="TIP719" s="613"/>
      <c r="TIQ719" s="613"/>
      <c r="TIR719" s="613"/>
      <c r="TIS719" s="613"/>
      <c r="TIT719" s="613"/>
      <c r="TIU719" s="613"/>
      <c r="TIV719" s="613"/>
      <c r="TIW719" s="613"/>
      <c r="TIX719" s="613"/>
      <c r="TIY719" s="613"/>
      <c r="TIZ719" s="613"/>
      <c r="TJA719" s="613"/>
      <c r="TJB719" s="613"/>
      <c r="TJC719" s="613"/>
      <c r="TJD719" s="613"/>
      <c r="TJE719" s="613"/>
      <c r="TJF719" s="613"/>
      <c r="TJG719" s="613"/>
      <c r="TJH719" s="613"/>
      <c r="TJI719" s="613"/>
      <c r="TJJ719" s="613"/>
      <c r="TJK719" s="613"/>
      <c r="TJL719" s="613"/>
      <c r="TJM719" s="613"/>
      <c r="TJN719" s="613"/>
      <c r="TJO719" s="613"/>
      <c r="TJP719" s="613"/>
      <c r="TJQ719" s="613"/>
      <c r="TJR719" s="613"/>
      <c r="TJS719" s="613"/>
      <c r="TJT719" s="613"/>
      <c r="TJU719" s="613"/>
      <c r="TJV719" s="613"/>
      <c r="TJW719" s="613"/>
      <c r="TJX719" s="613"/>
      <c r="TJY719" s="613"/>
      <c r="TJZ719" s="613"/>
      <c r="TKA719" s="613"/>
      <c r="TKB719" s="613"/>
      <c r="TKC719" s="613"/>
      <c r="TKD719" s="613"/>
      <c r="TKE719" s="613"/>
      <c r="TKF719" s="613"/>
      <c r="TKG719" s="613"/>
      <c r="TKH719" s="613"/>
      <c r="TKI719" s="613"/>
      <c r="TKJ719" s="613"/>
      <c r="TKK719" s="613"/>
      <c r="TKL719" s="613"/>
      <c r="TKM719" s="613"/>
      <c r="TKN719" s="613"/>
      <c r="TKO719" s="613"/>
      <c r="TKP719" s="613"/>
      <c r="TKQ719" s="613"/>
      <c r="TKR719" s="613"/>
      <c r="TKS719" s="613"/>
      <c r="TKT719" s="613"/>
      <c r="TKU719" s="613"/>
      <c r="TKV719" s="613"/>
      <c r="TKW719" s="613"/>
      <c r="TKX719" s="613"/>
      <c r="TKY719" s="613"/>
      <c r="TKZ719" s="613"/>
      <c r="TLA719" s="613"/>
      <c r="TLB719" s="613"/>
      <c r="TLC719" s="613"/>
      <c r="TLD719" s="613"/>
      <c r="TLE719" s="613"/>
      <c r="TLF719" s="613"/>
      <c r="TLG719" s="613"/>
      <c r="TLH719" s="613"/>
      <c r="TLI719" s="613"/>
      <c r="TLJ719" s="613"/>
      <c r="TLK719" s="613"/>
      <c r="TLL719" s="613"/>
      <c r="TLM719" s="613"/>
      <c r="TLN719" s="613"/>
      <c r="TLO719" s="613"/>
      <c r="TLP719" s="613"/>
      <c r="TLQ719" s="613"/>
      <c r="TLR719" s="613"/>
      <c r="TLS719" s="613"/>
      <c r="TLT719" s="613"/>
      <c r="TLU719" s="613"/>
      <c r="TLV719" s="613"/>
      <c r="TLW719" s="613"/>
      <c r="TLX719" s="613"/>
      <c r="TLY719" s="613"/>
      <c r="TLZ719" s="613"/>
      <c r="TMA719" s="613"/>
      <c r="TMB719" s="613"/>
      <c r="TMC719" s="613"/>
      <c r="TMD719" s="613"/>
      <c r="TME719" s="613"/>
      <c r="TMF719" s="613"/>
      <c r="TMG719" s="613"/>
      <c r="TMH719" s="613"/>
      <c r="TMI719" s="613"/>
      <c r="TMJ719" s="613"/>
      <c r="TMK719" s="613"/>
      <c r="TML719" s="613"/>
      <c r="TMM719" s="613"/>
      <c r="TMN719" s="613"/>
      <c r="TMO719" s="613"/>
      <c r="TMP719" s="613"/>
      <c r="TMQ719" s="613"/>
      <c r="TMR719" s="613"/>
      <c r="TMS719" s="613"/>
      <c r="TMT719" s="613"/>
      <c r="TMU719" s="613"/>
      <c r="TMV719" s="613"/>
      <c r="TMW719" s="613"/>
      <c r="TMX719" s="613"/>
      <c r="TMY719" s="613"/>
      <c r="TMZ719" s="613"/>
      <c r="TNA719" s="613"/>
      <c r="TNB719" s="613"/>
      <c r="TNC719" s="613"/>
      <c r="TND719" s="613"/>
      <c r="TNE719" s="613"/>
      <c r="TNF719" s="613"/>
      <c r="TNG719" s="613"/>
      <c r="TNH719" s="613"/>
      <c r="TNI719" s="613"/>
      <c r="TNJ719" s="613"/>
      <c r="TNK719" s="613"/>
      <c r="TNL719" s="613"/>
      <c r="TNM719" s="613"/>
      <c r="TNN719" s="613"/>
      <c r="TNO719" s="613"/>
      <c r="TNP719" s="613"/>
      <c r="TNQ719" s="613"/>
      <c r="TNR719" s="613"/>
      <c r="TNS719" s="613"/>
      <c r="TNT719" s="613"/>
      <c r="TNU719" s="613"/>
      <c r="TNV719" s="613"/>
      <c r="TNW719" s="613"/>
      <c r="TNX719" s="613"/>
      <c r="TNY719" s="613"/>
      <c r="TNZ719" s="613"/>
      <c r="TOA719" s="613"/>
      <c r="TOB719" s="613"/>
      <c r="TOC719" s="613"/>
      <c r="TOD719" s="613"/>
      <c r="TOE719" s="613"/>
      <c r="TOF719" s="613"/>
      <c r="TOG719" s="613"/>
      <c r="TOH719" s="613"/>
      <c r="TOI719" s="613"/>
      <c r="TOJ719" s="613"/>
      <c r="TOK719" s="613"/>
      <c r="TOL719" s="613"/>
      <c r="TOM719" s="613"/>
      <c r="TON719" s="613"/>
      <c r="TOO719" s="613"/>
      <c r="TOP719" s="613"/>
      <c r="TOQ719" s="613"/>
      <c r="TOR719" s="613"/>
      <c r="TOS719" s="613"/>
      <c r="TOT719" s="613"/>
      <c r="TOU719" s="613"/>
      <c r="TOV719" s="613"/>
      <c r="TOW719" s="613"/>
      <c r="TOX719" s="613"/>
      <c r="TOY719" s="613"/>
      <c r="TOZ719" s="613"/>
      <c r="TPA719" s="613"/>
      <c r="TPB719" s="613"/>
      <c r="TPC719" s="613"/>
      <c r="TPD719" s="613"/>
      <c r="TPE719" s="613"/>
      <c r="TPF719" s="613"/>
      <c r="TPG719" s="613"/>
      <c r="TPH719" s="613"/>
      <c r="TPI719" s="613"/>
      <c r="TPJ719" s="613"/>
      <c r="TPK719" s="613"/>
      <c r="TPL719" s="613"/>
      <c r="TPM719" s="613"/>
      <c r="TPN719" s="613"/>
      <c r="TPO719" s="613"/>
      <c r="TPP719" s="613"/>
      <c r="TPQ719" s="613"/>
      <c r="TPR719" s="613"/>
      <c r="TPS719" s="613"/>
      <c r="TPT719" s="613"/>
      <c r="TPU719" s="613"/>
      <c r="TPV719" s="613"/>
      <c r="TPW719" s="613"/>
      <c r="TPX719" s="613"/>
      <c r="TPY719" s="613"/>
      <c r="TPZ719" s="613"/>
      <c r="TQA719" s="613"/>
      <c r="TQB719" s="613"/>
      <c r="TQC719" s="613"/>
      <c r="TQD719" s="613"/>
      <c r="TQE719" s="613"/>
      <c r="TQF719" s="613"/>
      <c r="TQG719" s="613"/>
      <c r="TQH719" s="613"/>
      <c r="TQI719" s="613"/>
      <c r="TQJ719" s="613"/>
      <c r="TQK719" s="613"/>
      <c r="TQL719" s="613"/>
      <c r="TQM719" s="613"/>
      <c r="TQN719" s="613"/>
      <c r="TQO719" s="613"/>
      <c r="TQP719" s="613"/>
      <c r="TQQ719" s="613"/>
      <c r="TQR719" s="613"/>
      <c r="TQS719" s="613"/>
      <c r="TQT719" s="613"/>
      <c r="TQU719" s="613"/>
      <c r="TQV719" s="613"/>
      <c r="TQW719" s="613"/>
      <c r="TQX719" s="613"/>
      <c r="TQY719" s="613"/>
      <c r="TQZ719" s="613"/>
      <c r="TRA719" s="613"/>
      <c r="TRB719" s="613"/>
      <c r="TRC719" s="613"/>
      <c r="TRD719" s="613"/>
      <c r="TRE719" s="613"/>
      <c r="TRF719" s="613"/>
      <c r="TRG719" s="613"/>
      <c r="TRH719" s="613"/>
      <c r="TRI719" s="613"/>
      <c r="TRJ719" s="613"/>
      <c r="TRK719" s="613"/>
      <c r="TRL719" s="613"/>
      <c r="TRM719" s="613"/>
      <c r="TRN719" s="613"/>
      <c r="TRO719" s="613"/>
      <c r="TRP719" s="613"/>
      <c r="TRQ719" s="613"/>
      <c r="TRR719" s="613"/>
      <c r="TRS719" s="613"/>
      <c r="TRT719" s="613"/>
      <c r="TRU719" s="613"/>
      <c r="TRV719" s="613"/>
      <c r="TRW719" s="613"/>
      <c r="TRX719" s="613"/>
      <c r="TRY719" s="613"/>
      <c r="TRZ719" s="613"/>
      <c r="TSA719" s="613"/>
      <c r="TSB719" s="613"/>
      <c r="TSC719" s="613"/>
      <c r="TSD719" s="613"/>
      <c r="TSE719" s="613"/>
      <c r="TSF719" s="613"/>
      <c r="TSG719" s="613"/>
      <c r="TSH719" s="613"/>
      <c r="TSI719" s="613"/>
      <c r="TSJ719" s="613"/>
      <c r="TSK719" s="613"/>
      <c r="TSL719" s="613"/>
      <c r="TSM719" s="613"/>
      <c r="TSN719" s="613"/>
      <c r="TSO719" s="613"/>
      <c r="TSP719" s="613"/>
      <c r="TSQ719" s="613"/>
      <c r="TSR719" s="613"/>
      <c r="TSS719" s="613"/>
      <c r="TST719" s="613"/>
      <c r="TSU719" s="613"/>
      <c r="TSV719" s="613"/>
      <c r="TSW719" s="613"/>
      <c r="TSX719" s="613"/>
      <c r="TSY719" s="613"/>
      <c r="TSZ719" s="613"/>
      <c r="TTA719" s="613"/>
      <c r="TTB719" s="613"/>
      <c r="TTC719" s="613"/>
      <c r="TTD719" s="613"/>
      <c r="TTE719" s="613"/>
      <c r="TTF719" s="613"/>
      <c r="TTG719" s="613"/>
      <c r="TTH719" s="613"/>
      <c r="TTI719" s="613"/>
      <c r="TTJ719" s="613"/>
      <c r="TTK719" s="613"/>
      <c r="TTL719" s="613"/>
      <c r="TTM719" s="613"/>
      <c r="TTN719" s="613"/>
      <c r="TTO719" s="613"/>
      <c r="TTP719" s="613"/>
      <c r="TTQ719" s="613"/>
      <c r="TTR719" s="613"/>
      <c r="TTS719" s="613"/>
      <c r="TTT719" s="613"/>
      <c r="TTU719" s="613"/>
      <c r="TTV719" s="613"/>
      <c r="TTW719" s="613"/>
      <c r="TTX719" s="613"/>
      <c r="TTY719" s="613"/>
      <c r="TTZ719" s="613"/>
      <c r="TUA719" s="613"/>
      <c r="TUB719" s="613"/>
      <c r="TUC719" s="613"/>
      <c r="TUD719" s="613"/>
      <c r="TUE719" s="613"/>
      <c r="TUF719" s="613"/>
      <c r="TUG719" s="613"/>
      <c r="TUH719" s="613"/>
      <c r="TUI719" s="613"/>
      <c r="TUJ719" s="613"/>
      <c r="TUK719" s="613"/>
      <c r="TUL719" s="613"/>
      <c r="TUM719" s="613"/>
      <c r="TUN719" s="613"/>
      <c r="TUO719" s="613"/>
      <c r="TUP719" s="613"/>
      <c r="TUQ719" s="613"/>
      <c r="TUR719" s="613"/>
      <c r="TUS719" s="613"/>
      <c r="TUT719" s="613"/>
      <c r="TUU719" s="613"/>
      <c r="TUV719" s="613"/>
      <c r="TUW719" s="613"/>
      <c r="TUX719" s="613"/>
      <c r="TUY719" s="613"/>
      <c r="TUZ719" s="613"/>
      <c r="TVA719" s="613"/>
      <c r="TVB719" s="613"/>
      <c r="TVC719" s="613"/>
      <c r="TVD719" s="613"/>
      <c r="TVE719" s="613"/>
      <c r="TVF719" s="613"/>
      <c r="TVG719" s="613"/>
      <c r="TVH719" s="613"/>
      <c r="TVI719" s="613"/>
      <c r="TVJ719" s="613"/>
      <c r="TVK719" s="613"/>
      <c r="TVL719" s="613"/>
      <c r="TVM719" s="613"/>
      <c r="TVN719" s="613"/>
      <c r="TVO719" s="613"/>
      <c r="TVP719" s="613"/>
      <c r="TVQ719" s="613"/>
      <c r="TVR719" s="613"/>
      <c r="TVS719" s="613"/>
      <c r="TVT719" s="613"/>
      <c r="TVU719" s="613"/>
      <c r="TVV719" s="613"/>
      <c r="TVW719" s="613"/>
      <c r="TVX719" s="613"/>
      <c r="TVY719" s="613"/>
      <c r="TVZ719" s="613"/>
      <c r="TWA719" s="613"/>
      <c r="TWB719" s="613"/>
      <c r="TWC719" s="613"/>
      <c r="TWD719" s="613"/>
      <c r="TWE719" s="613"/>
      <c r="TWF719" s="613"/>
      <c r="TWG719" s="613"/>
      <c r="TWH719" s="613"/>
      <c r="TWI719" s="613"/>
      <c r="TWJ719" s="613"/>
      <c r="TWK719" s="613"/>
      <c r="TWL719" s="613"/>
      <c r="TWM719" s="613"/>
      <c r="TWN719" s="613"/>
      <c r="TWO719" s="613"/>
      <c r="TWP719" s="613"/>
      <c r="TWQ719" s="613"/>
      <c r="TWR719" s="613"/>
      <c r="TWS719" s="613"/>
      <c r="TWT719" s="613"/>
      <c r="TWU719" s="613"/>
      <c r="TWV719" s="613"/>
      <c r="TWW719" s="613"/>
      <c r="TWX719" s="613"/>
      <c r="TWY719" s="613"/>
      <c r="TWZ719" s="613"/>
      <c r="TXA719" s="613"/>
      <c r="TXB719" s="613"/>
      <c r="TXC719" s="613"/>
      <c r="TXD719" s="613"/>
      <c r="TXE719" s="613"/>
      <c r="TXF719" s="613"/>
      <c r="TXG719" s="613"/>
      <c r="TXH719" s="613"/>
      <c r="TXI719" s="613"/>
      <c r="TXJ719" s="613"/>
      <c r="TXK719" s="613"/>
      <c r="TXL719" s="613"/>
      <c r="TXM719" s="613"/>
      <c r="TXN719" s="613"/>
      <c r="TXO719" s="613"/>
      <c r="TXP719" s="613"/>
      <c r="TXQ719" s="613"/>
      <c r="TXR719" s="613"/>
      <c r="TXS719" s="613"/>
      <c r="TXT719" s="613"/>
      <c r="TXU719" s="613"/>
      <c r="TXV719" s="613"/>
      <c r="TXW719" s="613"/>
      <c r="TXX719" s="613"/>
      <c r="TXY719" s="613"/>
      <c r="TXZ719" s="613"/>
      <c r="TYA719" s="613"/>
      <c r="TYB719" s="613"/>
      <c r="TYC719" s="613"/>
      <c r="TYD719" s="613"/>
      <c r="TYE719" s="613"/>
      <c r="TYF719" s="613"/>
      <c r="TYG719" s="613"/>
      <c r="TYH719" s="613"/>
      <c r="TYI719" s="613"/>
      <c r="TYJ719" s="613"/>
      <c r="TYK719" s="613"/>
      <c r="TYL719" s="613"/>
      <c r="TYM719" s="613"/>
      <c r="TYN719" s="613"/>
      <c r="TYO719" s="613"/>
      <c r="TYP719" s="613"/>
      <c r="TYQ719" s="613"/>
      <c r="TYR719" s="613"/>
      <c r="TYS719" s="613"/>
      <c r="TYT719" s="613"/>
      <c r="TYU719" s="613"/>
      <c r="TYV719" s="613"/>
      <c r="TYW719" s="613"/>
      <c r="TYX719" s="613"/>
      <c r="TYY719" s="613"/>
      <c r="TYZ719" s="613"/>
      <c r="TZA719" s="613"/>
      <c r="TZB719" s="613"/>
      <c r="TZC719" s="613"/>
      <c r="TZD719" s="613"/>
      <c r="TZE719" s="613"/>
      <c r="TZF719" s="613"/>
      <c r="TZG719" s="613"/>
      <c r="TZH719" s="613"/>
      <c r="TZI719" s="613"/>
      <c r="TZJ719" s="613"/>
      <c r="TZK719" s="613"/>
      <c r="TZL719" s="613"/>
      <c r="TZM719" s="613"/>
      <c r="TZN719" s="613"/>
      <c r="TZO719" s="613"/>
      <c r="TZP719" s="613"/>
      <c r="TZQ719" s="613"/>
      <c r="TZR719" s="613"/>
      <c r="TZS719" s="613"/>
      <c r="TZT719" s="613"/>
      <c r="TZU719" s="613"/>
      <c r="TZV719" s="613"/>
      <c r="TZW719" s="613"/>
      <c r="TZX719" s="613"/>
      <c r="TZY719" s="613"/>
      <c r="TZZ719" s="613"/>
      <c r="UAA719" s="613"/>
      <c r="UAB719" s="613"/>
      <c r="UAC719" s="613"/>
      <c r="UAD719" s="613"/>
      <c r="UAE719" s="613"/>
      <c r="UAF719" s="613"/>
      <c r="UAG719" s="613"/>
      <c r="UAH719" s="613"/>
      <c r="UAI719" s="613"/>
      <c r="UAJ719" s="613"/>
      <c r="UAK719" s="613"/>
      <c r="UAL719" s="613"/>
      <c r="UAM719" s="613"/>
      <c r="UAN719" s="613"/>
      <c r="UAO719" s="613"/>
      <c r="UAP719" s="613"/>
      <c r="UAQ719" s="613"/>
      <c r="UAR719" s="613"/>
      <c r="UAS719" s="613"/>
      <c r="UAT719" s="613"/>
      <c r="UAU719" s="613"/>
      <c r="UAV719" s="613"/>
      <c r="UAW719" s="613"/>
      <c r="UAX719" s="613"/>
      <c r="UAY719" s="613"/>
      <c r="UAZ719" s="613"/>
      <c r="UBA719" s="613"/>
      <c r="UBB719" s="613"/>
      <c r="UBC719" s="613"/>
      <c r="UBD719" s="613"/>
      <c r="UBE719" s="613"/>
      <c r="UBF719" s="613"/>
      <c r="UBG719" s="613"/>
      <c r="UBH719" s="613"/>
      <c r="UBI719" s="613"/>
      <c r="UBJ719" s="613"/>
      <c r="UBK719" s="613"/>
      <c r="UBL719" s="613"/>
      <c r="UBM719" s="613"/>
      <c r="UBN719" s="613"/>
      <c r="UBO719" s="613"/>
      <c r="UBP719" s="613"/>
      <c r="UBQ719" s="613"/>
      <c r="UBR719" s="613"/>
      <c r="UBS719" s="613"/>
      <c r="UBT719" s="613"/>
      <c r="UBU719" s="613"/>
      <c r="UBV719" s="613"/>
      <c r="UBW719" s="613"/>
      <c r="UBX719" s="613"/>
      <c r="UBY719" s="613"/>
      <c r="UBZ719" s="613"/>
      <c r="UCA719" s="613"/>
      <c r="UCB719" s="613"/>
      <c r="UCC719" s="613"/>
      <c r="UCD719" s="613"/>
      <c r="UCE719" s="613"/>
      <c r="UCF719" s="613"/>
      <c r="UCG719" s="613"/>
      <c r="UCH719" s="613"/>
      <c r="UCI719" s="613"/>
      <c r="UCJ719" s="613"/>
      <c r="UCK719" s="613"/>
      <c r="UCL719" s="613"/>
      <c r="UCM719" s="613"/>
      <c r="UCN719" s="613"/>
      <c r="UCO719" s="613"/>
      <c r="UCP719" s="613"/>
      <c r="UCQ719" s="613"/>
      <c r="UCR719" s="613"/>
      <c r="UCS719" s="613"/>
      <c r="UCT719" s="613"/>
      <c r="UCU719" s="613"/>
      <c r="UCV719" s="613"/>
      <c r="UCW719" s="613"/>
      <c r="UCX719" s="613"/>
      <c r="UCY719" s="613"/>
      <c r="UCZ719" s="613"/>
      <c r="UDA719" s="613"/>
      <c r="UDB719" s="613"/>
      <c r="UDC719" s="613"/>
      <c r="UDD719" s="613"/>
      <c r="UDE719" s="613"/>
      <c r="UDF719" s="613"/>
      <c r="UDG719" s="613"/>
      <c r="UDH719" s="613"/>
      <c r="UDI719" s="613"/>
      <c r="UDJ719" s="613"/>
      <c r="UDK719" s="613"/>
      <c r="UDL719" s="613"/>
      <c r="UDM719" s="613"/>
      <c r="UDN719" s="613"/>
      <c r="UDO719" s="613"/>
      <c r="UDP719" s="613"/>
      <c r="UDQ719" s="613"/>
      <c r="UDR719" s="613"/>
      <c r="UDS719" s="613"/>
      <c r="UDT719" s="613"/>
      <c r="UDU719" s="613"/>
      <c r="UDV719" s="613"/>
      <c r="UDW719" s="613"/>
      <c r="UDX719" s="613"/>
      <c r="UDY719" s="613"/>
      <c r="UDZ719" s="613"/>
      <c r="UEA719" s="613"/>
      <c r="UEB719" s="613"/>
      <c r="UEC719" s="613"/>
      <c r="UED719" s="613"/>
      <c r="UEE719" s="613"/>
      <c r="UEF719" s="613"/>
      <c r="UEG719" s="613"/>
      <c r="UEH719" s="613"/>
      <c r="UEI719" s="613"/>
      <c r="UEJ719" s="613"/>
      <c r="UEK719" s="613"/>
      <c r="UEL719" s="613"/>
      <c r="UEM719" s="613"/>
      <c r="UEN719" s="613"/>
      <c r="UEO719" s="613"/>
      <c r="UEP719" s="613"/>
      <c r="UEQ719" s="613"/>
      <c r="UER719" s="613"/>
      <c r="UES719" s="613"/>
      <c r="UET719" s="613"/>
      <c r="UEU719" s="613"/>
      <c r="UEV719" s="613"/>
      <c r="UEW719" s="613"/>
      <c r="UEX719" s="613"/>
      <c r="UEY719" s="613"/>
      <c r="UEZ719" s="613"/>
      <c r="UFA719" s="613"/>
      <c r="UFB719" s="613"/>
      <c r="UFC719" s="613"/>
      <c r="UFD719" s="613"/>
      <c r="UFE719" s="613"/>
      <c r="UFF719" s="613"/>
      <c r="UFG719" s="613"/>
      <c r="UFH719" s="613"/>
      <c r="UFI719" s="613"/>
      <c r="UFJ719" s="613"/>
      <c r="UFK719" s="613"/>
      <c r="UFL719" s="613"/>
      <c r="UFM719" s="613"/>
      <c r="UFN719" s="613"/>
      <c r="UFO719" s="613"/>
      <c r="UFP719" s="613"/>
      <c r="UFQ719" s="613"/>
      <c r="UFR719" s="613"/>
      <c r="UFS719" s="613"/>
      <c r="UFT719" s="613"/>
      <c r="UFU719" s="613"/>
      <c r="UFV719" s="613"/>
      <c r="UFW719" s="613"/>
      <c r="UFX719" s="613"/>
      <c r="UFY719" s="613"/>
      <c r="UFZ719" s="613"/>
      <c r="UGA719" s="613"/>
      <c r="UGB719" s="613"/>
      <c r="UGC719" s="613"/>
      <c r="UGD719" s="613"/>
      <c r="UGE719" s="613"/>
      <c r="UGF719" s="613"/>
      <c r="UGG719" s="613"/>
      <c r="UGH719" s="613"/>
      <c r="UGI719" s="613"/>
      <c r="UGJ719" s="613"/>
      <c r="UGK719" s="613"/>
      <c r="UGL719" s="613"/>
      <c r="UGM719" s="613"/>
      <c r="UGN719" s="613"/>
      <c r="UGO719" s="613"/>
      <c r="UGP719" s="613"/>
      <c r="UGQ719" s="613"/>
      <c r="UGR719" s="613"/>
      <c r="UGS719" s="613"/>
      <c r="UGT719" s="613"/>
      <c r="UGU719" s="613"/>
      <c r="UGV719" s="613"/>
      <c r="UGW719" s="613"/>
      <c r="UGX719" s="613"/>
      <c r="UGY719" s="613"/>
      <c r="UGZ719" s="613"/>
      <c r="UHA719" s="613"/>
      <c r="UHB719" s="613"/>
      <c r="UHC719" s="613"/>
      <c r="UHD719" s="613"/>
      <c r="UHE719" s="613"/>
      <c r="UHF719" s="613"/>
      <c r="UHG719" s="613"/>
      <c r="UHH719" s="613"/>
      <c r="UHI719" s="613"/>
      <c r="UHJ719" s="613"/>
      <c r="UHK719" s="613"/>
      <c r="UHL719" s="613"/>
      <c r="UHM719" s="613"/>
      <c r="UHN719" s="613"/>
      <c r="UHO719" s="613"/>
      <c r="UHP719" s="613"/>
      <c r="UHQ719" s="613"/>
      <c r="UHR719" s="613"/>
      <c r="UHS719" s="613"/>
      <c r="UHT719" s="613"/>
      <c r="UHU719" s="613"/>
      <c r="UHV719" s="613"/>
      <c r="UHW719" s="613"/>
      <c r="UHX719" s="613"/>
      <c r="UHY719" s="613"/>
      <c r="UHZ719" s="613"/>
      <c r="UIA719" s="613"/>
      <c r="UIB719" s="613"/>
      <c r="UIC719" s="613"/>
      <c r="UID719" s="613"/>
      <c r="UIE719" s="613"/>
      <c r="UIF719" s="613"/>
      <c r="UIG719" s="613"/>
      <c r="UIH719" s="613"/>
      <c r="UII719" s="613"/>
      <c r="UIJ719" s="613"/>
      <c r="UIK719" s="613"/>
      <c r="UIL719" s="613"/>
      <c r="UIM719" s="613"/>
      <c r="UIN719" s="613"/>
      <c r="UIO719" s="613"/>
      <c r="UIP719" s="613"/>
      <c r="UIQ719" s="613"/>
      <c r="UIR719" s="613"/>
      <c r="UIS719" s="613"/>
      <c r="UIT719" s="613"/>
      <c r="UIU719" s="613"/>
      <c r="UIV719" s="613"/>
      <c r="UIW719" s="613"/>
      <c r="UIX719" s="613"/>
      <c r="UIY719" s="613"/>
      <c r="UIZ719" s="613"/>
      <c r="UJA719" s="613"/>
      <c r="UJB719" s="613"/>
      <c r="UJC719" s="613"/>
      <c r="UJD719" s="613"/>
      <c r="UJE719" s="613"/>
      <c r="UJF719" s="613"/>
      <c r="UJG719" s="613"/>
      <c r="UJH719" s="613"/>
      <c r="UJI719" s="613"/>
      <c r="UJJ719" s="613"/>
      <c r="UJK719" s="613"/>
      <c r="UJL719" s="613"/>
      <c r="UJM719" s="613"/>
      <c r="UJN719" s="613"/>
      <c r="UJO719" s="613"/>
      <c r="UJP719" s="613"/>
      <c r="UJQ719" s="613"/>
      <c r="UJR719" s="613"/>
      <c r="UJS719" s="613"/>
      <c r="UJT719" s="613"/>
      <c r="UJU719" s="613"/>
      <c r="UJV719" s="613"/>
      <c r="UJW719" s="613"/>
      <c r="UJX719" s="613"/>
      <c r="UJY719" s="613"/>
      <c r="UJZ719" s="613"/>
      <c r="UKA719" s="613"/>
      <c r="UKB719" s="613"/>
      <c r="UKC719" s="613"/>
      <c r="UKD719" s="613"/>
      <c r="UKE719" s="613"/>
      <c r="UKF719" s="613"/>
      <c r="UKG719" s="613"/>
      <c r="UKH719" s="613"/>
      <c r="UKI719" s="613"/>
      <c r="UKJ719" s="613"/>
      <c r="UKK719" s="613"/>
      <c r="UKL719" s="613"/>
      <c r="UKM719" s="613"/>
      <c r="UKN719" s="613"/>
      <c r="UKO719" s="613"/>
      <c r="UKP719" s="613"/>
      <c r="UKQ719" s="613"/>
      <c r="UKR719" s="613"/>
      <c r="UKS719" s="613"/>
      <c r="UKT719" s="613"/>
      <c r="UKU719" s="613"/>
      <c r="UKV719" s="613"/>
      <c r="UKW719" s="613"/>
      <c r="UKX719" s="613"/>
      <c r="UKY719" s="613"/>
      <c r="UKZ719" s="613"/>
      <c r="ULA719" s="613"/>
      <c r="ULB719" s="613"/>
      <c r="ULC719" s="613"/>
      <c r="ULD719" s="613"/>
      <c r="ULE719" s="613"/>
      <c r="ULF719" s="613"/>
      <c r="ULG719" s="613"/>
      <c r="ULH719" s="613"/>
      <c r="ULI719" s="613"/>
      <c r="ULJ719" s="613"/>
      <c r="ULK719" s="613"/>
      <c r="ULL719" s="613"/>
      <c r="ULM719" s="613"/>
      <c r="ULN719" s="613"/>
      <c r="ULO719" s="613"/>
      <c r="ULP719" s="613"/>
      <c r="ULQ719" s="613"/>
      <c r="ULR719" s="613"/>
      <c r="ULS719" s="613"/>
      <c r="ULT719" s="613"/>
      <c r="ULU719" s="613"/>
      <c r="ULV719" s="613"/>
      <c r="ULW719" s="613"/>
      <c r="ULX719" s="613"/>
      <c r="ULY719" s="613"/>
      <c r="ULZ719" s="613"/>
      <c r="UMA719" s="613"/>
      <c r="UMB719" s="613"/>
      <c r="UMC719" s="613"/>
      <c r="UMD719" s="613"/>
      <c r="UME719" s="613"/>
      <c r="UMF719" s="613"/>
      <c r="UMG719" s="613"/>
      <c r="UMH719" s="613"/>
      <c r="UMI719" s="613"/>
      <c r="UMJ719" s="613"/>
      <c r="UMK719" s="613"/>
      <c r="UML719" s="613"/>
      <c r="UMM719" s="613"/>
      <c r="UMN719" s="613"/>
      <c r="UMO719" s="613"/>
      <c r="UMP719" s="613"/>
      <c r="UMQ719" s="613"/>
      <c r="UMR719" s="613"/>
      <c r="UMS719" s="613"/>
      <c r="UMT719" s="613"/>
      <c r="UMU719" s="613"/>
      <c r="UMV719" s="613"/>
      <c r="UMW719" s="613"/>
      <c r="UMX719" s="613"/>
      <c r="UMY719" s="613"/>
      <c r="UMZ719" s="613"/>
      <c r="UNA719" s="613"/>
      <c r="UNB719" s="613"/>
      <c r="UNC719" s="613"/>
      <c r="UND719" s="613"/>
      <c r="UNE719" s="613"/>
      <c r="UNF719" s="613"/>
      <c r="UNG719" s="613"/>
      <c r="UNH719" s="613"/>
      <c r="UNI719" s="613"/>
      <c r="UNJ719" s="613"/>
      <c r="UNK719" s="613"/>
      <c r="UNL719" s="613"/>
      <c r="UNM719" s="613"/>
      <c r="UNN719" s="613"/>
      <c r="UNO719" s="613"/>
      <c r="UNP719" s="613"/>
      <c r="UNQ719" s="613"/>
      <c r="UNR719" s="613"/>
      <c r="UNS719" s="613"/>
      <c r="UNT719" s="613"/>
      <c r="UNU719" s="613"/>
      <c r="UNV719" s="613"/>
      <c r="UNW719" s="613"/>
      <c r="UNX719" s="613"/>
      <c r="UNY719" s="613"/>
      <c r="UNZ719" s="613"/>
      <c r="UOA719" s="613"/>
      <c r="UOB719" s="613"/>
      <c r="UOC719" s="613"/>
      <c r="UOD719" s="613"/>
      <c r="UOE719" s="613"/>
      <c r="UOF719" s="613"/>
      <c r="UOG719" s="613"/>
      <c r="UOH719" s="613"/>
      <c r="UOI719" s="613"/>
      <c r="UOJ719" s="613"/>
      <c r="UOK719" s="613"/>
      <c r="UOL719" s="613"/>
      <c r="UOM719" s="613"/>
      <c r="UON719" s="613"/>
      <c r="UOO719" s="613"/>
      <c r="UOP719" s="613"/>
      <c r="UOQ719" s="613"/>
      <c r="UOR719" s="613"/>
      <c r="UOS719" s="613"/>
      <c r="UOT719" s="613"/>
      <c r="UOU719" s="613"/>
      <c r="UOV719" s="613"/>
      <c r="UOW719" s="613"/>
      <c r="UOX719" s="613"/>
      <c r="UOY719" s="613"/>
      <c r="UOZ719" s="613"/>
      <c r="UPA719" s="613"/>
      <c r="UPB719" s="613"/>
      <c r="UPC719" s="613"/>
      <c r="UPD719" s="613"/>
      <c r="UPE719" s="613"/>
      <c r="UPF719" s="613"/>
      <c r="UPG719" s="613"/>
      <c r="UPH719" s="613"/>
      <c r="UPI719" s="613"/>
      <c r="UPJ719" s="613"/>
      <c r="UPK719" s="613"/>
      <c r="UPL719" s="613"/>
      <c r="UPM719" s="613"/>
      <c r="UPN719" s="613"/>
      <c r="UPO719" s="613"/>
      <c r="UPP719" s="613"/>
      <c r="UPQ719" s="613"/>
      <c r="UPR719" s="613"/>
      <c r="UPS719" s="613"/>
      <c r="UPT719" s="613"/>
      <c r="UPU719" s="613"/>
      <c r="UPV719" s="613"/>
      <c r="UPW719" s="613"/>
      <c r="UPX719" s="613"/>
      <c r="UPY719" s="613"/>
      <c r="UPZ719" s="613"/>
      <c r="UQA719" s="613"/>
      <c r="UQB719" s="613"/>
      <c r="UQC719" s="613"/>
      <c r="UQD719" s="613"/>
      <c r="UQE719" s="613"/>
      <c r="UQF719" s="613"/>
      <c r="UQG719" s="613"/>
      <c r="UQH719" s="613"/>
      <c r="UQI719" s="613"/>
      <c r="UQJ719" s="613"/>
      <c r="UQK719" s="613"/>
      <c r="UQL719" s="613"/>
      <c r="UQM719" s="613"/>
      <c r="UQN719" s="613"/>
      <c r="UQO719" s="613"/>
      <c r="UQP719" s="613"/>
      <c r="UQQ719" s="613"/>
      <c r="UQR719" s="613"/>
      <c r="UQS719" s="613"/>
      <c r="UQT719" s="613"/>
      <c r="UQU719" s="613"/>
      <c r="UQV719" s="613"/>
      <c r="UQW719" s="613"/>
      <c r="UQX719" s="613"/>
      <c r="UQY719" s="613"/>
      <c r="UQZ719" s="613"/>
      <c r="URA719" s="613"/>
      <c r="URB719" s="613"/>
      <c r="URC719" s="613"/>
      <c r="URD719" s="613"/>
      <c r="URE719" s="613"/>
      <c r="URF719" s="613"/>
      <c r="URG719" s="613"/>
      <c r="URH719" s="613"/>
      <c r="URI719" s="613"/>
      <c r="URJ719" s="613"/>
      <c r="URK719" s="613"/>
      <c r="URL719" s="613"/>
      <c r="URM719" s="613"/>
      <c r="URN719" s="613"/>
      <c r="URO719" s="613"/>
      <c r="URP719" s="613"/>
      <c r="URQ719" s="613"/>
      <c r="URR719" s="613"/>
      <c r="URS719" s="613"/>
      <c r="URT719" s="613"/>
      <c r="URU719" s="613"/>
      <c r="URV719" s="613"/>
      <c r="URW719" s="613"/>
      <c r="URX719" s="613"/>
      <c r="URY719" s="613"/>
      <c r="URZ719" s="613"/>
      <c r="USA719" s="613"/>
      <c r="USB719" s="613"/>
      <c r="USC719" s="613"/>
      <c r="USD719" s="613"/>
      <c r="USE719" s="613"/>
      <c r="USF719" s="613"/>
      <c r="USG719" s="613"/>
      <c r="USH719" s="613"/>
      <c r="USI719" s="613"/>
      <c r="USJ719" s="613"/>
      <c r="USK719" s="613"/>
      <c r="USL719" s="613"/>
      <c r="USM719" s="613"/>
      <c r="USN719" s="613"/>
      <c r="USO719" s="613"/>
      <c r="USP719" s="613"/>
      <c r="USQ719" s="613"/>
      <c r="USR719" s="613"/>
      <c r="USS719" s="613"/>
      <c r="UST719" s="613"/>
      <c r="USU719" s="613"/>
      <c r="USV719" s="613"/>
      <c r="USW719" s="613"/>
      <c r="USX719" s="613"/>
      <c r="USY719" s="613"/>
      <c r="USZ719" s="613"/>
      <c r="UTA719" s="613"/>
      <c r="UTB719" s="613"/>
      <c r="UTC719" s="613"/>
      <c r="UTD719" s="613"/>
      <c r="UTE719" s="613"/>
      <c r="UTF719" s="613"/>
      <c r="UTG719" s="613"/>
      <c r="UTH719" s="613"/>
      <c r="UTI719" s="613"/>
      <c r="UTJ719" s="613"/>
      <c r="UTK719" s="613"/>
      <c r="UTL719" s="613"/>
      <c r="UTM719" s="613"/>
      <c r="UTN719" s="613"/>
      <c r="UTO719" s="613"/>
      <c r="UTP719" s="613"/>
      <c r="UTQ719" s="613"/>
      <c r="UTR719" s="613"/>
      <c r="UTS719" s="613"/>
      <c r="UTT719" s="613"/>
      <c r="UTU719" s="613"/>
      <c r="UTV719" s="613"/>
      <c r="UTW719" s="613"/>
      <c r="UTX719" s="613"/>
      <c r="UTY719" s="613"/>
      <c r="UTZ719" s="613"/>
      <c r="UUA719" s="613"/>
      <c r="UUB719" s="613"/>
      <c r="UUC719" s="613"/>
      <c r="UUD719" s="613"/>
      <c r="UUE719" s="613"/>
      <c r="UUF719" s="613"/>
      <c r="UUG719" s="613"/>
      <c r="UUH719" s="613"/>
      <c r="UUI719" s="613"/>
      <c r="UUJ719" s="613"/>
      <c r="UUK719" s="613"/>
      <c r="UUL719" s="613"/>
      <c r="UUM719" s="613"/>
      <c r="UUN719" s="613"/>
      <c r="UUO719" s="613"/>
      <c r="UUP719" s="613"/>
      <c r="UUQ719" s="613"/>
      <c r="UUR719" s="613"/>
      <c r="UUS719" s="613"/>
      <c r="UUT719" s="613"/>
      <c r="UUU719" s="613"/>
      <c r="UUV719" s="613"/>
      <c r="UUW719" s="613"/>
      <c r="UUX719" s="613"/>
      <c r="UUY719" s="613"/>
      <c r="UUZ719" s="613"/>
      <c r="UVA719" s="613"/>
      <c r="UVB719" s="613"/>
      <c r="UVC719" s="613"/>
      <c r="UVD719" s="613"/>
      <c r="UVE719" s="613"/>
      <c r="UVF719" s="613"/>
      <c r="UVG719" s="613"/>
      <c r="UVH719" s="613"/>
      <c r="UVI719" s="613"/>
      <c r="UVJ719" s="613"/>
      <c r="UVK719" s="613"/>
      <c r="UVL719" s="613"/>
      <c r="UVM719" s="613"/>
      <c r="UVN719" s="613"/>
      <c r="UVO719" s="613"/>
      <c r="UVP719" s="613"/>
      <c r="UVQ719" s="613"/>
      <c r="UVR719" s="613"/>
      <c r="UVS719" s="613"/>
      <c r="UVT719" s="613"/>
      <c r="UVU719" s="613"/>
      <c r="UVV719" s="613"/>
      <c r="UVW719" s="613"/>
      <c r="UVX719" s="613"/>
      <c r="UVY719" s="613"/>
      <c r="UVZ719" s="613"/>
      <c r="UWA719" s="613"/>
      <c r="UWB719" s="613"/>
      <c r="UWC719" s="613"/>
      <c r="UWD719" s="613"/>
      <c r="UWE719" s="613"/>
      <c r="UWF719" s="613"/>
      <c r="UWG719" s="613"/>
      <c r="UWH719" s="613"/>
      <c r="UWI719" s="613"/>
      <c r="UWJ719" s="613"/>
      <c r="UWK719" s="613"/>
      <c r="UWL719" s="613"/>
      <c r="UWM719" s="613"/>
      <c r="UWN719" s="613"/>
      <c r="UWO719" s="613"/>
      <c r="UWP719" s="613"/>
      <c r="UWQ719" s="613"/>
      <c r="UWR719" s="613"/>
      <c r="UWS719" s="613"/>
      <c r="UWT719" s="613"/>
      <c r="UWU719" s="613"/>
      <c r="UWV719" s="613"/>
      <c r="UWW719" s="613"/>
      <c r="UWX719" s="613"/>
      <c r="UWY719" s="613"/>
      <c r="UWZ719" s="613"/>
      <c r="UXA719" s="613"/>
      <c r="UXB719" s="613"/>
      <c r="UXC719" s="613"/>
      <c r="UXD719" s="613"/>
      <c r="UXE719" s="613"/>
      <c r="UXF719" s="613"/>
      <c r="UXG719" s="613"/>
      <c r="UXH719" s="613"/>
      <c r="UXI719" s="613"/>
      <c r="UXJ719" s="613"/>
      <c r="UXK719" s="613"/>
      <c r="UXL719" s="613"/>
      <c r="UXM719" s="613"/>
      <c r="UXN719" s="613"/>
      <c r="UXO719" s="613"/>
      <c r="UXP719" s="613"/>
      <c r="UXQ719" s="613"/>
      <c r="UXR719" s="613"/>
      <c r="UXS719" s="613"/>
      <c r="UXT719" s="613"/>
      <c r="UXU719" s="613"/>
      <c r="UXV719" s="613"/>
      <c r="UXW719" s="613"/>
      <c r="UXX719" s="613"/>
      <c r="UXY719" s="613"/>
      <c r="UXZ719" s="613"/>
      <c r="UYA719" s="613"/>
      <c r="UYB719" s="613"/>
      <c r="UYC719" s="613"/>
      <c r="UYD719" s="613"/>
      <c r="UYE719" s="613"/>
      <c r="UYF719" s="613"/>
      <c r="UYG719" s="613"/>
      <c r="UYH719" s="613"/>
      <c r="UYI719" s="613"/>
      <c r="UYJ719" s="613"/>
      <c r="UYK719" s="613"/>
      <c r="UYL719" s="613"/>
      <c r="UYM719" s="613"/>
      <c r="UYN719" s="613"/>
      <c r="UYO719" s="613"/>
      <c r="UYP719" s="613"/>
      <c r="UYQ719" s="613"/>
      <c r="UYR719" s="613"/>
      <c r="UYS719" s="613"/>
      <c r="UYT719" s="613"/>
      <c r="UYU719" s="613"/>
      <c r="UYV719" s="613"/>
      <c r="UYW719" s="613"/>
      <c r="UYX719" s="613"/>
      <c r="UYY719" s="613"/>
      <c r="UYZ719" s="613"/>
      <c r="UZA719" s="613"/>
      <c r="UZB719" s="613"/>
      <c r="UZC719" s="613"/>
      <c r="UZD719" s="613"/>
      <c r="UZE719" s="613"/>
      <c r="UZF719" s="613"/>
      <c r="UZG719" s="613"/>
      <c r="UZH719" s="613"/>
      <c r="UZI719" s="613"/>
      <c r="UZJ719" s="613"/>
      <c r="UZK719" s="613"/>
      <c r="UZL719" s="613"/>
      <c r="UZM719" s="613"/>
      <c r="UZN719" s="613"/>
      <c r="UZO719" s="613"/>
      <c r="UZP719" s="613"/>
      <c r="UZQ719" s="613"/>
      <c r="UZR719" s="613"/>
      <c r="UZS719" s="613"/>
      <c r="UZT719" s="613"/>
      <c r="UZU719" s="613"/>
      <c r="UZV719" s="613"/>
      <c r="UZW719" s="613"/>
      <c r="UZX719" s="613"/>
      <c r="UZY719" s="613"/>
      <c r="UZZ719" s="613"/>
      <c r="VAA719" s="613"/>
      <c r="VAB719" s="613"/>
      <c r="VAC719" s="613"/>
      <c r="VAD719" s="613"/>
      <c r="VAE719" s="613"/>
      <c r="VAF719" s="613"/>
      <c r="VAG719" s="613"/>
      <c r="VAH719" s="613"/>
      <c r="VAI719" s="613"/>
      <c r="VAJ719" s="613"/>
      <c r="VAK719" s="613"/>
      <c r="VAL719" s="613"/>
      <c r="VAM719" s="613"/>
      <c r="VAN719" s="613"/>
      <c r="VAO719" s="613"/>
      <c r="VAP719" s="613"/>
      <c r="VAQ719" s="613"/>
      <c r="VAR719" s="613"/>
      <c r="VAS719" s="613"/>
      <c r="VAT719" s="613"/>
      <c r="VAU719" s="613"/>
      <c r="VAV719" s="613"/>
      <c r="VAW719" s="613"/>
      <c r="VAX719" s="613"/>
      <c r="VAY719" s="613"/>
      <c r="VAZ719" s="613"/>
      <c r="VBA719" s="613"/>
      <c r="VBB719" s="613"/>
      <c r="VBC719" s="613"/>
      <c r="VBD719" s="613"/>
      <c r="VBE719" s="613"/>
      <c r="VBF719" s="613"/>
      <c r="VBG719" s="613"/>
      <c r="VBH719" s="613"/>
      <c r="VBI719" s="613"/>
      <c r="VBJ719" s="613"/>
      <c r="VBK719" s="613"/>
      <c r="VBL719" s="613"/>
      <c r="VBM719" s="613"/>
      <c r="VBN719" s="613"/>
      <c r="VBO719" s="613"/>
      <c r="VBP719" s="613"/>
      <c r="VBQ719" s="613"/>
      <c r="VBR719" s="613"/>
      <c r="VBS719" s="613"/>
      <c r="VBT719" s="613"/>
      <c r="VBU719" s="613"/>
      <c r="VBV719" s="613"/>
      <c r="VBW719" s="613"/>
      <c r="VBX719" s="613"/>
      <c r="VBY719" s="613"/>
      <c r="VBZ719" s="613"/>
      <c r="VCA719" s="613"/>
      <c r="VCB719" s="613"/>
      <c r="VCC719" s="613"/>
      <c r="VCD719" s="613"/>
      <c r="VCE719" s="613"/>
      <c r="VCF719" s="613"/>
      <c r="VCG719" s="613"/>
      <c r="VCH719" s="613"/>
      <c r="VCI719" s="613"/>
      <c r="VCJ719" s="613"/>
      <c r="VCK719" s="613"/>
      <c r="VCL719" s="613"/>
      <c r="VCM719" s="613"/>
      <c r="VCN719" s="613"/>
      <c r="VCO719" s="613"/>
      <c r="VCP719" s="613"/>
      <c r="VCQ719" s="613"/>
      <c r="VCR719" s="613"/>
      <c r="VCS719" s="613"/>
      <c r="VCT719" s="613"/>
      <c r="VCU719" s="613"/>
      <c r="VCV719" s="613"/>
      <c r="VCW719" s="613"/>
      <c r="VCX719" s="613"/>
      <c r="VCY719" s="613"/>
      <c r="VCZ719" s="613"/>
      <c r="VDA719" s="613"/>
      <c r="VDB719" s="613"/>
      <c r="VDC719" s="613"/>
      <c r="VDD719" s="613"/>
      <c r="VDE719" s="613"/>
      <c r="VDF719" s="613"/>
      <c r="VDG719" s="613"/>
      <c r="VDH719" s="613"/>
      <c r="VDI719" s="613"/>
      <c r="VDJ719" s="613"/>
      <c r="VDK719" s="613"/>
      <c r="VDL719" s="613"/>
      <c r="VDM719" s="613"/>
      <c r="VDN719" s="613"/>
      <c r="VDO719" s="613"/>
      <c r="VDP719" s="613"/>
      <c r="VDQ719" s="613"/>
      <c r="VDR719" s="613"/>
      <c r="VDS719" s="613"/>
      <c r="VDT719" s="613"/>
      <c r="VDU719" s="613"/>
      <c r="VDV719" s="613"/>
      <c r="VDW719" s="613"/>
      <c r="VDX719" s="613"/>
      <c r="VDY719" s="613"/>
      <c r="VDZ719" s="613"/>
      <c r="VEA719" s="613"/>
      <c r="VEB719" s="613"/>
      <c r="VEC719" s="613"/>
      <c r="VED719" s="613"/>
      <c r="VEE719" s="613"/>
      <c r="VEF719" s="613"/>
      <c r="VEG719" s="613"/>
      <c r="VEH719" s="613"/>
      <c r="VEI719" s="613"/>
      <c r="VEJ719" s="613"/>
      <c r="VEK719" s="613"/>
      <c r="VEL719" s="613"/>
      <c r="VEM719" s="613"/>
      <c r="VEN719" s="613"/>
      <c r="VEO719" s="613"/>
      <c r="VEP719" s="613"/>
      <c r="VEQ719" s="613"/>
      <c r="VER719" s="613"/>
      <c r="VES719" s="613"/>
      <c r="VET719" s="613"/>
      <c r="VEU719" s="613"/>
      <c r="VEV719" s="613"/>
      <c r="VEW719" s="613"/>
      <c r="VEX719" s="613"/>
      <c r="VEY719" s="613"/>
      <c r="VEZ719" s="613"/>
      <c r="VFA719" s="613"/>
      <c r="VFB719" s="613"/>
      <c r="VFC719" s="613"/>
      <c r="VFD719" s="613"/>
      <c r="VFE719" s="613"/>
      <c r="VFF719" s="613"/>
      <c r="VFG719" s="613"/>
      <c r="VFH719" s="613"/>
      <c r="VFI719" s="613"/>
      <c r="VFJ719" s="613"/>
      <c r="VFK719" s="613"/>
      <c r="VFL719" s="613"/>
      <c r="VFM719" s="613"/>
      <c r="VFN719" s="613"/>
      <c r="VFO719" s="613"/>
      <c r="VFP719" s="613"/>
      <c r="VFQ719" s="613"/>
      <c r="VFR719" s="613"/>
      <c r="VFS719" s="613"/>
      <c r="VFT719" s="613"/>
      <c r="VFU719" s="613"/>
      <c r="VFV719" s="613"/>
      <c r="VFW719" s="613"/>
      <c r="VFX719" s="613"/>
      <c r="VFY719" s="613"/>
      <c r="VFZ719" s="613"/>
      <c r="VGA719" s="613"/>
      <c r="VGB719" s="613"/>
      <c r="VGC719" s="613"/>
      <c r="VGD719" s="613"/>
      <c r="VGE719" s="613"/>
      <c r="VGF719" s="613"/>
      <c r="VGG719" s="613"/>
      <c r="VGH719" s="613"/>
      <c r="VGI719" s="613"/>
      <c r="VGJ719" s="613"/>
      <c r="VGK719" s="613"/>
      <c r="VGL719" s="613"/>
      <c r="VGM719" s="613"/>
      <c r="VGN719" s="613"/>
      <c r="VGO719" s="613"/>
      <c r="VGP719" s="613"/>
      <c r="VGQ719" s="613"/>
      <c r="VGR719" s="613"/>
      <c r="VGS719" s="613"/>
      <c r="VGT719" s="613"/>
      <c r="VGU719" s="613"/>
      <c r="VGV719" s="613"/>
      <c r="VGW719" s="613"/>
      <c r="VGX719" s="613"/>
      <c r="VGY719" s="613"/>
      <c r="VGZ719" s="613"/>
      <c r="VHA719" s="613"/>
      <c r="VHB719" s="613"/>
      <c r="VHC719" s="613"/>
      <c r="VHD719" s="613"/>
      <c r="VHE719" s="613"/>
      <c r="VHF719" s="613"/>
      <c r="VHG719" s="613"/>
      <c r="VHH719" s="613"/>
      <c r="VHI719" s="613"/>
      <c r="VHJ719" s="613"/>
      <c r="VHK719" s="613"/>
      <c r="VHL719" s="613"/>
      <c r="VHM719" s="613"/>
      <c r="VHN719" s="613"/>
      <c r="VHO719" s="613"/>
      <c r="VHP719" s="613"/>
      <c r="VHQ719" s="613"/>
      <c r="VHR719" s="613"/>
      <c r="VHS719" s="613"/>
      <c r="VHT719" s="613"/>
      <c r="VHU719" s="613"/>
      <c r="VHV719" s="613"/>
      <c r="VHW719" s="613"/>
      <c r="VHX719" s="613"/>
      <c r="VHY719" s="613"/>
      <c r="VHZ719" s="613"/>
      <c r="VIA719" s="613"/>
      <c r="VIB719" s="613"/>
      <c r="VIC719" s="613"/>
      <c r="VID719" s="613"/>
      <c r="VIE719" s="613"/>
      <c r="VIF719" s="613"/>
      <c r="VIG719" s="613"/>
      <c r="VIH719" s="613"/>
      <c r="VII719" s="613"/>
      <c r="VIJ719" s="613"/>
      <c r="VIK719" s="613"/>
      <c r="VIL719" s="613"/>
      <c r="VIM719" s="613"/>
      <c r="VIN719" s="613"/>
      <c r="VIO719" s="613"/>
      <c r="VIP719" s="613"/>
      <c r="VIQ719" s="613"/>
      <c r="VIR719" s="613"/>
      <c r="VIS719" s="613"/>
      <c r="VIT719" s="613"/>
      <c r="VIU719" s="613"/>
      <c r="VIV719" s="613"/>
      <c r="VIW719" s="613"/>
      <c r="VIX719" s="613"/>
      <c r="VIY719" s="613"/>
      <c r="VIZ719" s="613"/>
      <c r="VJA719" s="613"/>
      <c r="VJB719" s="613"/>
      <c r="VJC719" s="613"/>
      <c r="VJD719" s="613"/>
      <c r="VJE719" s="613"/>
      <c r="VJF719" s="613"/>
      <c r="VJG719" s="613"/>
      <c r="VJH719" s="613"/>
      <c r="VJI719" s="613"/>
      <c r="VJJ719" s="613"/>
      <c r="VJK719" s="613"/>
      <c r="VJL719" s="613"/>
      <c r="VJM719" s="613"/>
      <c r="VJN719" s="613"/>
      <c r="VJO719" s="613"/>
      <c r="VJP719" s="613"/>
      <c r="VJQ719" s="613"/>
      <c r="VJR719" s="613"/>
      <c r="VJS719" s="613"/>
      <c r="VJT719" s="613"/>
      <c r="VJU719" s="613"/>
      <c r="VJV719" s="613"/>
      <c r="VJW719" s="613"/>
      <c r="VJX719" s="613"/>
      <c r="VJY719" s="613"/>
      <c r="VJZ719" s="613"/>
      <c r="VKA719" s="613"/>
      <c r="VKB719" s="613"/>
      <c r="VKC719" s="613"/>
      <c r="VKD719" s="613"/>
      <c r="VKE719" s="613"/>
      <c r="VKF719" s="613"/>
      <c r="VKG719" s="613"/>
      <c r="VKH719" s="613"/>
      <c r="VKI719" s="613"/>
      <c r="VKJ719" s="613"/>
      <c r="VKK719" s="613"/>
      <c r="VKL719" s="613"/>
      <c r="VKM719" s="613"/>
      <c r="VKN719" s="613"/>
      <c r="VKO719" s="613"/>
      <c r="VKP719" s="613"/>
      <c r="VKQ719" s="613"/>
      <c r="VKR719" s="613"/>
      <c r="VKS719" s="613"/>
      <c r="VKT719" s="613"/>
      <c r="VKU719" s="613"/>
      <c r="VKV719" s="613"/>
      <c r="VKW719" s="613"/>
      <c r="VKX719" s="613"/>
      <c r="VKY719" s="613"/>
      <c r="VKZ719" s="613"/>
      <c r="VLA719" s="613"/>
      <c r="VLB719" s="613"/>
      <c r="VLC719" s="613"/>
      <c r="VLD719" s="613"/>
      <c r="VLE719" s="613"/>
      <c r="VLF719" s="613"/>
      <c r="VLG719" s="613"/>
      <c r="VLH719" s="613"/>
      <c r="VLI719" s="613"/>
      <c r="VLJ719" s="613"/>
      <c r="VLK719" s="613"/>
      <c r="VLL719" s="613"/>
      <c r="VLM719" s="613"/>
      <c r="VLN719" s="613"/>
      <c r="VLO719" s="613"/>
      <c r="VLP719" s="613"/>
      <c r="VLQ719" s="613"/>
      <c r="VLR719" s="613"/>
      <c r="VLS719" s="613"/>
      <c r="VLT719" s="613"/>
      <c r="VLU719" s="613"/>
      <c r="VLV719" s="613"/>
      <c r="VLW719" s="613"/>
      <c r="VLX719" s="613"/>
      <c r="VLY719" s="613"/>
      <c r="VLZ719" s="613"/>
      <c r="VMA719" s="613"/>
      <c r="VMB719" s="613"/>
      <c r="VMC719" s="613"/>
      <c r="VMD719" s="613"/>
      <c r="VME719" s="613"/>
      <c r="VMF719" s="613"/>
      <c r="VMG719" s="613"/>
      <c r="VMH719" s="613"/>
      <c r="VMI719" s="613"/>
      <c r="VMJ719" s="613"/>
      <c r="VMK719" s="613"/>
      <c r="VML719" s="613"/>
      <c r="VMM719" s="613"/>
      <c r="VMN719" s="613"/>
      <c r="VMO719" s="613"/>
      <c r="VMP719" s="613"/>
      <c r="VMQ719" s="613"/>
      <c r="VMR719" s="613"/>
      <c r="VMS719" s="613"/>
      <c r="VMT719" s="613"/>
      <c r="VMU719" s="613"/>
      <c r="VMV719" s="613"/>
      <c r="VMW719" s="613"/>
      <c r="VMX719" s="613"/>
      <c r="VMY719" s="613"/>
      <c r="VMZ719" s="613"/>
      <c r="VNA719" s="613"/>
      <c r="VNB719" s="613"/>
      <c r="VNC719" s="613"/>
      <c r="VND719" s="613"/>
      <c r="VNE719" s="613"/>
      <c r="VNF719" s="613"/>
      <c r="VNG719" s="613"/>
      <c r="VNH719" s="613"/>
      <c r="VNI719" s="613"/>
      <c r="VNJ719" s="613"/>
      <c r="VNK719" s="613"/>
      <c r="VNL719" s="613"/>
      <c r="VNM719" s="613"/>
      <c r="VNN719" s="613"/>
      <c r="VNO719" s="613"/>
      <c r="VNP719" s="613"/>
      <c r="VNQ719" s="613"/>
      <c r="VNR719" s="613"/>
      <c r="VNS719" s="613"/>
      <c r="VNT719" s="613"/>
      <c r="VNU719" s="613"/>
      <c r="VNV719" s="613"/>
      <c r="VNW719" s="613"/>
      <c r="VNX719" s="613"/>
      <c r="VNY719" s="613"/>
      <c r="VNZ719" s="613"/>
      <c r="VOA719" s="613"/>
      <c r="VOB719" s="613"/>
      <c r="VOC719" s="613"/>
      <c r="VOD719" s="613"/>
      <c r="VOE719" s="613"/>
      <c r="VOF719" s="613"/>
      <c r="VOG719" s="613"/>
      <c r="VOH719" s="613"/>
      <c r="VOI719" s="613"/>
      <c r="VOJ719" s="613"/>
      <c r="VOK719" s="613"/>
      <c r="VOL719" s="613"/>
      <c r="VOM719" s="613"/>
      <c r="VON719" s="613"/>
      <c r="VOO719" s="613"/>
      <c r="VOP719" s="613"/>
      <c r="VOQ719" s="613"/>
      <c r="VOR719" s="613"/>
      <c r="VOS719" s="613"/>
      <c r="VOT719" s="613"/>
      <c r="VOU719" s="613"/>
      <c r="VOV719" s="613"/>
      <c r="VOW719" s="613"/>
      <c r="VOX719" s="613"/>
      <c r="VOY719" s="613"/>
      <c r="VOZ719" s="613"/>
      <c r="VPA719" s="613"/>
      <c r="VPB719" s="613"/>
      <c r="VPC719" s="613"/>
      <c r="VPD719" s="613"/>
      <c r="VPE719" s="613"/>
      <c r="VPF719" s="613"/>
      <c r="VPG719" s="613"/>
      <c r="VPH719" s="613"/>
      <c r="VPI719" s="613"/>
      <c r="VPJ719" s="613"/>
      <c r="VPK719" s="613"/>
      <c r="VPL719" s="613"/>
      <c r="VPM719" s="613"/>
      <c r="VPN719" s="613"/>
      <c r="VPO719" s="613"/>
      <c r="VPP719" s="613"/>
      <c r="VPQ719" s="613"/>
      <c r="VPR719" s="613"/>
      <c r="VPS719" s="613"/>
      <c r="VPT719" s="613"/>
      <c r="VPU719" s="613"/>
      <c r="VPV719" s="613"/>
      <c r="VPW719" s="613"/>
      <c r="VPX719" s="613"/>
      <c r="VPY719" s="613"/>
      <c r="VPZ719" s="613"/>
      <c r="VQA719" s="613"/>
      <c r="VQB719" s="613"/>
      <c r="VQC719" s="613"/>
      <c r="VQD719" s="613"/>
      <c r="VQE719" s="613"/>
      <c r="VQF719" s="613"/>
      <c r="VQG719" s="613"/>
      <c r="VQH719" s="613"/>
      <c r="VQI719" s="613"/>
      <c r="VQJ719" s="613"/>
      <c r="VQK719" s="613"/>
      <c r="VQL719" s="613"/>
      <c r="VQM719" s="613"/>
      <c r="VQN719" s="613"/>
      <c r="VQO719" s="613"/>
      <c r="VQP719" s="613"/>
      <c r="VQQ719" s="613"/>
      <c r="VQR719" s="613"/>
      <c r="VQS719" s="613"/>
      <c r="VQT719" s="613"/>
      <c r="VQU719" s="613"/>
      <c r="VQV719" s="613"/>
      <c r="VQW719" s="613"/>
      <c r="VQX719" s="613"/>
      <c r="VQY719" s="613"/>
      <c r="VQZ719" s="613"/>
      <c r="VRA719" s="613"/>
      <c r="VRB719" s="613"/>
      <c r="VRC719" s="613"/>
      <c r="VRD719" s="613"/>
      <c r="VRE719" s="613"/>
      <c r="VRF719" s="613"/>
      <c r="VRG719" s="613"/>
      <c r="VRH719" s="613"/>
      <c r="VRI719" s="613"/>
      <c r="VRJ719" s="613"/>
      <c r="VRK719" s="613"/>
      <c r="VRL719" s="613"/>
      <c r="VRM719" s="613"/>
      <c r="VRN719" s="613"/>
      <c r="VRO719" s="613"/>
      <c r="VRP719" s="613"/>
      <c r="VRQ719" s="613"/>
      <c r="VRR719" s="613"/>
      <c r="VRS719" s="613"/>
      <c r="VRT719" s="613"/>
      <c r="VRU719" s="613"/>
      <c r="VRV719" s="613"/>
      <c r="VRW719" s="613"/>
      <c r="VRX719" s="613"/>
      <c r="VRY719" s="613"/>
      <c r="VRZ719" s="613"/>
      <c r="VSA719" s="613"/>
      <c r="VSB719" s="613"/>
      <c r="VSC719" s="613"/>
      <c r="VSD719" s="613"/>
      <c r="VSE719" s="613"/>
      <c r="VSF719" s="613"/>
      <c r="VSG719" s="613"/>
      <c r="VSH719" s="613"/>
      <c r="VSI719" s="613"/>
      <c r="VSJ719" s="613"/>
      <c r="VSK719" s="613"/>
      <c r="VSL719" s="613"/>
      <c r="VSM719" s="613"/>
      <c r="VSN719" s="613"/>
      <c r="VSO719" s="613"/>
      <c r="VSP719" s="613"/>
      <c r="VSQ719" s="613"/>
      <c r="VSR719" s="613"/>
      <c r="VSS719" s="613"/>
      <c r="VST719" s="613"/>
      <c r="VSU719" s="613"/>
      <c r="VSV719" s="613"/>
      <c r="VSW719" s="613"/>
      <c r="VSX719" s="613"/>
      <c r="VSY719" s="613"/>
      <c r="VSZ719" s="613"/>
      <c r="VTA719" s="613"/>
      <c r="VTB719" s="613"/>
      <c r="VTC719" s="613"/>
      <c r="VTD719" s="613"/>
      <c r="VTE719" s="613"/>
      <c r="VTF719" s="613"/>
      <c r="VTG719" s="613"/>
      <c r="VTH719" s="613"/>
      <c r="VTI719" s="613"/>
      <c r="VTJ719" s="613"/>
      <c r="VTK719" s="613"/>
      <c r="VTL719" s="613"/>
      <c r="VTM719" s="613"/>
      <c r="VTN719" s="613"/>
      <c r="VTO719" s="613"/>
      <c r="VTP719" s="613"/>
      <c r="VTQ719" s="613"/>
      <c r="VTR719" s="613"/>
      <c r="VTS719" s="613"/>
      <c r="VTT719" s="613"/>
      <c r="VTU719" s="613"/>
      <c r="VTV719" s="613"/>
      <c r="VTW719" s="613"/>
      <c r="VTX719" s="613"/>
      <c r="VTY719" s="613"/>
      <c r="VTZ719" s="613"/>
      <c r="VUA719" s="613"/>
      <c r="VUB719" s="613"/>
      <c r="VUC719" s="613"/>
      <c r="VUD719" s="613"/>
      <c r="VUE719" s="613"/>
      <c r="VUF719" s="613"/>
      <c r="VUG719" s="613"/>
      <c r="VUH719" s="613"/>
      <c r="VUI719" s="613"/>
      <c r="VUJ719" s="613"/>
      <c r="VUK719" s="613"/>
      <c r="VUL719" s="613"/>
      <c r="VUM719" s="613"/>
      <c r="VUN719" s="613"/>
      <c r="VUO719" s="613"/>
      <c r="VUP719" s="613"/>
      <c r="VUQ719" s="613"/>
      <c r="VUR719" s="613"/>
      <c r="VUS719" s="613"/>
      <c r="VUT719" s="613"/>
      <c r="VUU719" s="613"/>
      <c r="VUV719" s="613"/>
      <c r="VUW719" s="613"/>
      <c r="VUX719" s="613"/>
      <c r="VUY719" s="613"/>
      <c r="VUZ719" s="613"/>
      <c r="VVA719" s="613"/>
      <c r="VVB719" s="613"/>
      <c r="VVC719" s="613"/>
      <c r="VVD719" s="613"/>
      <c r="VVE719" s="613"/>
      <c r="VVF719" s="613"/>
      <c r="VVG719" s="613"/>
      <c r="VVH719" s="613"/>
      <c r="VVI719" s="613"/>
      <c r="VVJ719" s="613"/>
      <c r="VVK719" s="613"/>
      <c r="VVL719" s="613"/>
      <c r="VVM719" s="613"/>
      <c r="VVN719" s="613"/>
      <c r="VVO719" s="613"/>
      <c r="VVP719" s="613"/>
      <c r="VVQ719" s="613"/>
      <c r="VVR719" s="613"/>
      <c r="VVS719" s="613"/>
      <c r="VVT719" s="613"/>
      <c r="VVU719" s="613"/>
      <c r="VVV719" s="613"/>
      <c r="VVW719" s="613"/>
      <c r="VVX719" s="613"/>
      <c r="VVY719" s="613"/>
      <c r="VVZ719" s="613"/>
      <c r="VWA719" s="613"/>
      <c r="VWB719" s="613"/>
      <c r="VWC719" s="613"/>
      <c r="VWD719" s="613"/>
      <c r="VWE719" s="613"/>
      <c r="VWF719" s="613"/>
      <c r="VWG719" s="613"/>
      <c r="VWH719" s="613"/>
      <c r="VWI719" s="613"/>
      <c r="VWJ719" s="613"/>
      <c r="VWK719" s="613"/>
      <c r="VWL719" s="613"/>
      <c r="VWM719" s="613"/>
      <c r="VWN719" s="613"/>
      <c r="VWO719" s="613"/>
      <c r="VWP719" s="613"/>
      <c r="VWQ719" s="613"/>
      <c r="VWR719" s="613"/>
      <c r="VWS719" s="613"/>
      <c r="VWT719" s="613"/>
      <c r="VWU719" s="613"/>
      <c r="VWV719" s="613"/>
      <c r="VWW719" s="613"/>
      <c r="VWX719" s="613"/>
      <c r="VWY719" s="613"/>
      <c r="VWZ719" s="613"/>
      <c r="VXA719" s="613"/>
      <c r="VXB719" s="613"/>
      <c r="VXC719" s="613"/>
      <c r="VXD719" s="613"/>
      <c r="VXE719" s="613"/>
      <c r="VXF719" s="613"/>
      <c r="VXG719" s="613"/>
      <c r="VXH719" s="613"/>
      <c r="VXI719" s="613"/>
      <c r="VXJ719" s="613"/>
      <c r="VXK719" s="613"/>
      <c r="VXL719" s="613"/>
      <c r="VXM719" s="613"/>
      <c r="VXN719" s="613"/>
      <c r="VXO719" s="613"/>
      <c r="VXP719" s="613"/>
      <c r="VXQ719" s="613"/>
      <c r="VXR719" s="613"/>
      <c r="VXS719" s="613"/>
      <c r="VXT719" s="613"/>
      <c r="VXU719" s="613"/>
      <c r="VXV719" s="613"/>
      <c r="VXW719" s="613"/>
      <c r="VXX719" s="613"/>
      <c r="VXY719" s="613"/>
      <c r="VXZ719" s="613"/>
      <c r="VYA719" s="613"/>
      <c r="VYB719" s="613"/>
      <c r="VYC719" s="613"/>
      <c r="VYD719" s="613"/>
      <c r="VYE719" s="613"/>
      <c r="VYF719" s="613"/>
      <c r="VYG719" s="613"/>
      <c r="VYH719" s="613"/>
      <c r="VYI719" s="613"/>
      <c r="VYJ719" s="613"/>
      <c r="VYK719" s="613"/>
      <c r="VYL719" s="613"/>
      <c r="VYM719" s="613"/>
      <c r="VYN719" s="613"/>
      <c r="VYO719" s="613"/>
      <c r="VYP719" s="613"/>
      <c r="VYQ719" s="613"/>
      <c r="VYR719" s="613"/>
      <c r="VYS719" s="613"/>
      <c r="VYT719" s="613"/>
      <c r="VYU719" s="613"/>
      <c r="VYV719" s="613"/>
      <c r="VYW719" s="613"/>
      <c r="VYX719" s="613"/>
      <c r="VYY719" s="613"/>
      <c r="VYZ719" s="613"/>
      <c r="VZA719" s="613"/>
      <c r="VZB719" s="613"/>
      <c r="VZC719" s="613"/>
      <c r="VZD719" s="613"/>
      <c r="VZE719" s="613"/>
      <c r="VZF719" s="613"/>
      <c r="VZG719" s="613"/>
      <c r="VZH719" s="613"/>
      <c r="VZI719" s="613"/>
      <c r="VZJ719" s="613"/>
      <c r="VZK719" s="613"/>
      <c r="VZL719" s="613"/>
      <c r="VZM719" s="613"/>
      <c r="VZN719" s="613"/>
      <c r="VZO719" s="613"/>
      <c r="VZP719" s="613"/>
      <c r="VZQ719" s="613"/>
      <c r="VZR719" s="613"/>
      <c r="VZS719" s="613"/>
      <c r="VZT719" s="613"/>
      <c r="VZU719" s="613"/>
      <c r="VZV719" s="613"/>
      <c r="VZW719" s="613"/>
      <c r="VZX719" s="613"/>
      <c r="VZY719" s="613"/>
      <c r="VZZ719" s="613"/>
      <c r="WAA719" s="613"/>
      <c r="WAB719" s="613"/>
      <c r="WAC719" s="613"/>
      <c r="WAD719" s="613"/>
      <c r="WAE719" s="613"/>
      <c r="WAF719" s="613"/>
      <c r="WAG719" s="613"/>
      <c r="WAH719" s="613"/>
      <c r="WAI719" s="613"/>
      <c r="WAJ719" s="613"/>
      <c r="WAK719" s="613"/>
      <c r="WAL719" s="613"/>
      <c r="WAM719" s="613"/>
      <c r="WAN719" s="613"/>
      <c r="WAO719" s="613"/>
      <c r="WAP719" s="613"/>
      <c r="WAQ719" s="613"/>
      <c r="WAR719" s="613"/>
      <c r="WAS719" s="613"/>
      <c r="WAT719" s="613"/>
      <c r="WAU719" s="613"/>
      <c r="WAV719" s="613"/>
      <c r="WAW719" s="613"/>
      <c r="WAX719" s="613"/>
      <c r="WAY719" s="613"/>
      <c r="WAZ719" s="613"/>
      <c r="WBA719" s="613"/>
      <c r="WBB719" s="613"/>
      <c r="WBC719" s="613"/>
      <c r="WBD719" s="613"/>
      <c r="WBE719" s="613"/>
      <c r="WBF719" s="613"/>
      <c r="WBG719" s="613"/>
      <c r="WBH719" s="613"/>
      <c r="WBI719" s="613"/>
      <c r="WBJ719" s="613"/>
      <c r="WBK719" s="613"/>
      <c r="WBL719" s="613"/>
      <c r="WBM719" s="613"/>
      <c r="WBN719" s="613"/>
      <c r="WBO719" s="613"/>
      <c r="WBP719" s="613"/>
      <c r="WBQ719" s="613"/>
      <c r="WBR719" s="613"/>
      <c r="WBS719" s="613"/>
      <c r="WBT719" s="613"/>
      <c r="WBU719" s="613"/>
      <c r="WBV719" s="613"/>
      <c r="WBW719" s="613"/>
      <c r="WBX719" s="613"/>
      <c r="WBY719" s="613"/>
      <c r="WBZ719" s="613"/>
      <c r="WCA719" s="613"/>
      <c r="WCB719" s="613"/>
      <c r="WCC719" s="613"/>
      <c r="WCD719" s="613"/>
      <c r="WCE719" s="613"/>
      <c r="WCF719" s="613"/>
      <c r="WCG719" s="613"/>
      <c r="WCH719" s="613"/>
      <c r="WCI719" s="613"/>
      <c r="WCJ719" s="613"/>
      <c r="WCK719" s="613"/>
      <c r="WCL719" s="613"/>
      <c r="WCM719" s="613"/>
      <c r="WCN719" s="613"/>
      <c r="WCO719" s="613"/>
      <c r="WCP719" s="613"/>
      <c r="WCQ719" s="613"/>
      <c r="WCR719" s="613"/>
      <c r="WCS719" s="613"/>
      <c r="WCT719" s="613"/>
      <c r="WCU719" s="613"/>
      <c r="WCV719" s="613"/>
      <c r="WCW719" s="613"/>
      <c r="WCX719" s="613"/>
      <c r="WCY719" s="613"/>
      <c r="WCZ719" s="613"/>
      <c r="WDA719" s="613"/>
      <c r="WDB719" s="613"/>
      <c r="WDC719" s="613"/>
      <c r="WDD719" s="613"/>
      <c r="WDE719" s="613"/>
      <c r="WDF719" s="613"/>
      <c r="WDG719" s="613"/>
      <c r="WDH719" s="613"/>
      <c r="WDI719" s="613"/>
      <c r="WDJ719" s="613"/>
      <c r="WDK719" s="613"/>
      <c r="WDL719" s="613"/>
      <c r="WDM719" s="613"/>
      <c r="WDN719" s="613"/>
      <c r="WDO719" s="613"/>
      <c r="WDP719" s="613"/>
      <c r="WDQ719" s="613"/>
      <c r="WDR719" s="613"/>
      <c r="WDS719" s="613"/>
      <c r="WDT719" s="613"/>
      <c r="WDU719" s="613"/>
      <c r="WDV719" s="613"/>
      <c r="WDW719" s="613"/>
      <c r="WDX719" s="613"/>
      <c r="WDY719" s="613"/>
      <c r="WDZ719" s="613"/>
      <c r="WEA719" s="613"/>
      <c r="WEB719" s="613"/>
      <c r="WEC719" s="613"/>
      <c r="WED719" s="613"/>
      <c r="WEE719" s="613"/>
      <c r="WEF719" s="613"/>
      <c r="WEG719" s="613"/>
      <c r="WEH719" s="613"/>
      <c r="WEI719" s="613"/>
      <c r="WEJ719" s="613"/>
      <c r="WEK719" s="613"/>
      <c r="WEL719" s="613"/>
      <c r="WEM719" s="613"/>
      <c r="WEN719" s="613"/>
      <c r="WEO719" s="613"/>
      <c r="WEP719" s="613"/>
      <c r="WEQ719" s="613"/>
      <c r="WER719" s="613"/>
      <c r="WES719" s="613"/>
      <c r="WET719" s="613"/>
      <c r="WEU719" s="613"/>
      <c r="WEV719" s="613"/>
      <c r="WEW719" s="613"/>
      <c r="WEX719" s="613"/>
      <c r="WEY719" s="613"/>
      <c r="WEZ719" s="613"/>
      <c r="WFA719" s="613"/>
      <c r="WFB719" s="613"/>
      <c r="WFC719" s="613"/>
      <c r="WFD719" s="613"/>
      <c r="WFE719" s="613"/>
      <c r="WFF719" s="613"/>
      <c r="WFG719" s="613"/>
      <c r="WFH719" s="613"/>
      <c r="WFI719" s="613"/>
      <c r="WFJ719" s="613"/>
      <c r="WFK719" s="613"/>
      <c r="WFL719" s="613"/>
      <c r="WFM719" s="613"/>
      <c r="WFN719" s="613"/>
      <c r="WFO719" s="613"/>
      <c r="WFP719" s="613"/>
      <c r="WFQ719" s="613"/>
      <c r="WFR719" s="613"/>
      <c r="WFS719" s="613"/>
      <c r="WFT719" s="613"/>
      <c r="WFU719" s="613"/>
      <c r="WFV719" s="613"/>
      <c r="WFW719" s="613"/>
      <c r="WFX719" s="613"/>
      <c r="WFY719" s="613"/>
      <c r="WFZ719" s="613"/>
      <c r="WGA719" s="613"/>
      <c r="WGB719" s="613"/>
      <c r="WGC719" s="613"/>
      <c r="WGD719" s="613"/>
      <c r="WGE719" s="613"/>
      <c r="WGF719" s="613"/>
      <c r="WGG719" s="613"/>
      <c r="WGH719" s="613"/>
      <c r="WGI719" s="613"/>
      <c r="WGJ719" s="613"/>
      <c r="WGK719" s="613"/>
      <c r="WGL719" s="613"/>
      <c r="WGM719" s="613"/>
      <c r="WGN719" s="613"/>
      <c r="WGO719" s="613"/>
      <c r="WGP719" s="613"/>
      <c r="WGQ719" s="613"/>
      <c r="WGR719" s="613"/>
      <c r="WGS719" s="613"/>
      <c r="WGT719" s="613"/>
      <c r="WGU719" s="613"/>
      <c r="WGV719" s="613"/>
      <c r="WGW719" s="613"/>
      <c r="WGX719" s="613"/>
      <c r="WGY719" s="613"/>
      <c r="WGZ719" s="613"/>
      <c r="WHA719" s="613"/>
      <c r="WHB719" s="613"/>
      <c r="WHC719" s="613"/>
      <c r="WHD719" s="613"/>
      <c r="WHE719" s="613"/>
      <c r="WHF719" s="613"/>
      <c r="WHG719" s="613"/>
      <c r="WHH719" s="613"/>
      <c r="WHI719" s="613"/>
      <c r="WHJ719" s="613"/>
      <c r="WHK719" s="613"/>
      <c r="WHL719" s="613"/>
      <c r="WHM719" s="613"/>
      <c r="WHN719" s="613"/>
      <c r="WHO719" s="613"/>
      <c r="WHP719" s="613"/>
      <c r="WHQ719" s="613"/>
      <c r="WHR719" s="613"/>
      <c r="WHS719" s="613"/>
      <c r="WHT719" s="613"/>
      <c r="WHU719" s="613"/>
      <c r="WHV719" s="613"/>
      <c r="WHW719" s="613"/>
      <c r="WHX719" s="613"/>
      <c r="WHY719" s="613"/>
      <c r="WHZ719" s="613"/>
      <c r="WIA719" s="613"/>
      <c r="WIB719" s="613"/>
      <c r="WIC719" s="613"/>
      <c r="WID719" s="613"/>
      <c r="WIE719" s="613"/>
      <c r="WIF719" s="613"/>
      <c r="WIG719" s="613"/>
      <c r="WIH719" s="613"/>
      <c r="WII719" s="613"/>
      <c r="WIJ719" s="613"/>
      <c r="WIK719" s="613"/>
      <c r="WIL719" s="613"/>
      <c r="WIM719" s="613"/>
      <c r="WIN719" s="613"/>
      <c r="WIO719" s="613"/>
      <c r="WIP719" s="613"/>
      <c r="WIQ719" s="613"/>
      <c r="WIR719" s="613"/>
      <c r="WIS719" s="613"/>
      <c r="WIT719" s="613"/>
      <c r="WIU719" s="613"/>
      <c r="WIV719" s="613"/>
      <c r="WIW719" s="613"/>
      <c r="WIX719" s="613"/>
      <c r="WIY719" s="613"/>
      <c r="WIZ719" s="613"/>
      <c r="WJA719" s="613"/>
      <c r="WJB719" s="613"/>
      <c r="WJC719" s="613"/>
      <c r="WJD719" s="613"/>
      <c r="WJE719" s="613"/>
      <c r="WJF719" s="613"/>
      <c r="WJG719" s="613"/>
      <c r="WJH719" s="613"/>
      <c r="WJI719" s="613"/>
      <c r="WJJ719" s="613"/>
      <c r="WJK719" s="613"/>
      <c r="WJL719" s="613"/>
      <c r="WJM719" s="613"/>
      <c r="WJN719" s="613"/>
      <c r="WJO719" s="613"/>
      <c r="WJP719" s="613"/>
      <c r="WJQ719" s="613"/>
      <c r="WJR719" s="613"/>
      <c r="WJS719" s="613"/>
      <c r="WJT719" s="613"/>
      <c r="WJU719" s="613"/>
      <c r="WJV719" s="613"/>
      <c r="WJW719" s="613"/>
      <c r="WJX719" s="613"/>
      <c r="WJY719" s="613"/>
      <c r="WJZ719" s="613"/>
      <c r="WKA719" s="613"/>
      <c r="WKB719" s="613"/>
      <c r="WKC719" s="613"/>
      <c r="WKD719" s="613"/>
      <c r="WKE719" s="613"/>
      <c r="WKF719" s="613"/>
      <c r="WKG719" s="613"/>
      <c r="WKH719" s="613"/>
      <c r="WKI719" s="613"/>
      <c r="WKJ719" s="613"/>
      <c r="WKK719" s="613"/>
      <c r="WKL719" s="613"/>
      <c r="WKM719" s="613"/>
      <c r="WKN719" s="613"/>
      <c r="WKO719" s="613"/>
      <c r="WKP719" s="613"/>
      <c r="WKQ719" s="613"/>
      <c r="WKR719" s="613"/>
      <c r="WKS719" s="613"/>
      <c r="WKT719" s="613"/>
      <c r="WKU719" s="613"/>
      <c r="WKV719" s="613"/>
      <c r="WKW719" s="613"/>
      <c r="WKX719" s="613"/>
      <c r="WKY719" s="613"/>
      <c r="WKZ719" s="613"/>
      <c r="WLA719" s="613"/>
      <c r="WLB719" s="613"/>
      <c r="WLC719" s="613"/>
      <c r="WLD719" s="613"/>
      <c r="WLE719" s="613"/>
      <c r="WLF719" s="613"/>
      <c r="WLG719" s="613"/>
      <c r="WLH719" s="613"/>
      <c r="WLI719" s="613"/>
      <c r="WLJ719" s="613"/>
      <c r="WLK719" s="613"/>
      <c r="WLL719" s="613"/>
      <c r="WLM719" s="613"/>
      <c r="WLN719" s="613"/>
      <c r="WLO719" s="613"/>
      <c r="WLP719" s="613"/>
      <c r="WLQ719" s="613"/>
      <c r="WLR719" s="613"/>
      <c r="WLS719" s="613"/>
      <c r="WLT719" s="613"/>
      <c r="WLU719" s="613"/>
      <c r="WLV719" s="613"/>
      <c r="WLW719" s="613"/>
      <c r="WLX719" s="613"/>
      <c r="WLY719" s="613"/>
      <c r="WLZ719" s="613"/>
      <c r="WMA719" s="613"/>
      <c r="WMB719" s="613"/>
      <c r="WMC719" s="613"/>
      <c r="WMD719" s="613"/>
      <c r="WME719" s="613"/>
      <c r="WMF719" s="613"/>
      <c r="WMG719" s="613"/>
      <c r="WMH719" s="613"/>
      <c r="WMI719" s="613"/>
      <c r="WMJ719" s="613"/>
      <c r="WMK719" s="613"/>
      <c r="WML719" s="613"/>
      <c r="WMM719" s="613"/>
      <c r="WMN719" s="613"/>
      <c r="WMO719" s="613"/>
      <c r="WMP719" s="613"/>
      <c r="WMQ719" s="613"/>
      <c r="WMR719" s="613"/>
      <c r="WMS719" s="613"/>
      <c r="WMT719" s="613"/>
      <c r="WMU719" s="613"/>
      <c r="WMV719" s="613"/>
      <c r="WMW719" s="613"/>
      <c r="WMX719" s="613"/>
      <c r="WMY719" s="613"/>
      <c r="WMZ719" s="613"/>
      <c r="WNA719" s="613"/>
      <c r="WNB719" s="613"/>
      <c r="WNC719" s="613"/>
      <c r="WND719" s="613"/>
      <c r="WNE719" s="613"/>
      <c r="WNF719" s="613"/>
      <c r="WNG719" s="613"/>
      <c r="WNH719" s="613"/>
      <c r="WNI719" s="613"/>
      <c r="WNJ719" s="613"/>
      <c r="WNK719" s="613"/>
      <c r="WNL719" s="613"/>
      <c r="WNM719" s="613"/>
      <c r="WNN719" s="613"/>
      <c r="WNO719" s="613"/>
      <c r="WNP719" s="613"/>
      <c r="WNQ719" s="613"/>
      <c r="WNR719" s="613"/>
      <c r="WNS719" s="613"/>
      <c r="WNT719" s="613"/>
      <c r="WNU719" s="613"/>
      <c r="WNV719" s="613"/>
      <c r="WNW719" s="613"/>
      <c r="WNX719" s="613"/>
      <c r="WNY719" s="613"/>
      <c r="WNZ719" s="613"/>
      <c r="WOA719" s="613"/>
      <c r="WOB719" s="613"/>
      <c r="WOC719" s="613"/>
      <c r="WOD719" s="613"/>
      <c r="WOE719" s="613"/>
      <c r="WOF719" s="613"/>
      <c r="WOG719" s="613"/>
      <c r="WOH719" s="613"/>
      <c r="WOI719" s="613"/>
      <c r="WOJ719" s="613"/>
      <c r="WOK719" s="613"/>
      <c r="WOL719" s="613"/>
      <c r="WOM719" s="613"/>
      <c r="WON719" s="613"/>
      <c r="WOO719" s="613"/>
      <c r="WOP719" s="613"/>
      <c r="WOQ719" s="613"/>
      <c r="WOR719" s="613"/>
      <c r="WOS719" s="613"/>
      <c r="WOT719" s="613"/>
      <c r="WOU719" s="613"/>
      <c r="WOV719" s="613"/>
      <c r="WOW719" s="613"/>
      <c r="WOX719" s="613"/>
      <c r="WOY719" s="613"/>
      <c r="WOZ719" s="613"/>
      <c r="WPA719" s="613"/>
      <c r="WPB719" s="613"/>
      <c r="WPC719" s="613"/>
      <c r="WPD719" s="613"/>
      <c r="WPE719" s="613"/>
      <c r="WPF719" s="613"/>
      <c r="WPG719" s="613"/>
      <c r="WPH719" s="613"/>
      <c r="WPI719" s="613"/>
      <c r="WPJ719" s="613"/>
      <c r="WPK719" s="613"/>
      <c r="WPL719" s="613"/>
      <c r="WPM719" s="613"/>
      <c r="WPN719" s="613"/>
      <c r="WPO719" s="613"/>
      <c r="WPP719" s="613"/>
      <c r="WPQ719" s="613"/>
      <c r="WPR719" s="613"/>
      <c r="WPS719" s="613"/>
      <c r="WPT719" s="613"/>
      <c r="WPU719" s="613"/>
      <c r="WPV719" s="613"/>
      <c r="WPW719" s="613"/>
      <c r="WPX719" s="613"/>
      <c r="WPY719" s="613"/>
      <c r="WPZ719" s="613"/>
      <c r="WQA719" s="613"/>
      <c r="WQB719" s="613"/>
      <c r="WQC719" s="613"/>
      <c r="WQD719" s="613"/>
      <c r="WQE719" s="613"/>
      <c r="WQF719" s="613"/>
      <c r="WQG719" s="613"/>
      <c r="WQH719" s="613"/>
      <c r="WQI719" s="613"/>
      <c r="WQJ719" s="613"/>
      <c r="WQK719" s="613"/>
      <c r="WQL719" s="613"/>
      <c r="WQM719" s="613"/>
      <c r="WQN719" s="613"/>
      <c r="WQO719" s="613"/>
      <c r="WQP719" s="613"/>
      <c r="WQQ719" s="613"/>
      <c r="WQR719" s="613"/>
      <c r="WQS719" s="613"/>
      <c r="WQT719" s="613"/>
      <c r="WQU719" s="613"/>
      <c r="WQV719" s="613"/>
      <c r="WQW719" s="613"/>
      <c r="WQX719" s="613"/>
      <c r="WQY719" s="613"/>
      <c r="WQZ719" s="613"/>
      <c r="WRA719" s="613"/>
      <c r="WRB719" s="613"/>
      <c r="WRC719" s="613"/>
      <c r="WRD719" s="613"/>
      <c r="WRE719" s="613"/>
      <c r="WRF719" s="613"/>
      <c r="WRG719" s="613"/>
      <c r="WRH719" s="613"/>
      <c r="WRI719" s="613"/>
      <c r="WRJ719" s="613"/>
      <c r="WRK719" s="613"/>
      <c r="WRL719" s="613"/>
      <c r="WRM719" s="613"/>
      <c r="WRN719" s="613"/>
      <c r="WRO719" s="613"/>
      <c r="WRP719" s="613"/>
      <c r="WRQ719" s="613"/>
      <c r="WRR719" s="613"/>
      <c r="WRS719" s="613"/>
      <c r="WRT719" s="613"/>
      <c r="WRU719" s="613"/>
      <c r="WRV719" s="613"/>
      <c r="WRW719" s="613"/>
      <c r="WRX719" s="613"/>
      <c r="WRY719" s="613"/>
      <c r="WRZ719" s="613"/>
      <c r="WSA719" s="613"/>
      <c r="WSB719" s="613"/>
      <c r="WSC719" s="613"/>
      <c r="WSD719" s="613"/>
      <c r="WSE719" s="613"/>
      <c r="WSF719" s="613"/>
      <c r="WSG719" s="613"/>
      <c r="WSH719" s="613"/>
      <c r="WSI719" s="613"/>
      <c r="WSJ719" s="613"/>
      <c r="WSK719" s="613"/>
      <c r="WSL719" s="613"/>
      <c r="WSM719" s="613"/>
      <c r="WSN719" s="613"/>
      <c r="WSO719" s="613"/>
      <c r="WSP719" s="613"/>
      <c r="WSQ719" s="613"/>
      <c r="WSR719" s="613"/>
      <c r="WSS719" s="613"/>
      <c r="WST719" s="613"/>
      <c r="WSU719" s="613"/>
      <c r="WSV719" s="613"/>
      <c r="WSW719" s="613"/>
      <c r="WSX719" s="613"/>
      <c r="WSY719" s="613"/>
      <c r="WSZ719" s="613"/>
      <c r="WTA719" s="613"/>
      <c r="WTB719" s="613"/>
      <c r="WTC719" s="613"/>
      <c r="WTD719" s="613"/>
      <c r="WTE719" s="613"/>
      <c r="WTF719" s="613"/>
      <c r="WTG719" s="613"/>
      <c r="WTH719" s="613"/>
      <c r="WTI719" s="613"/>
      <c r="WTJ719" s="613"/>
      <c r="WTK719" s="613"/>
      <c r="WTL719" s="613"/>
      <c r="WTM719" s="613"/>
      <c r="WTN719" s="613"/>
      <c r="WTO719" s="613"/>
      <c r="WTP719" s="613"/>
      <c r="WTQ719" s="613"/>
      <c r="WTR719" s="613"/>
      <c r="WTS719" s="613"/>
      <c r="WTT719" s="613"/>
      <c r="WTU719" s="613"/>
      <c r="WTV719" s="613"/>
      <c r="WTW719" s="613"/>
      <c r="WTX719" s="613"/>
      <c r="WTY719" s="613"/>
      <c r="WTZ719" s="613"/>
      <c r="WUA719" s="613"/>
      <c r="WUB719" s="613"/>
      <c r="WUC719" s="613"/>
      <c r="WUD719" s="613"/>
      <c r="WUE719" s="613"/>
      <c r="WUF719" s="613"/>
      <c r="WUG719" s="613"/>
      <c r="WUH719" s="613"/>
      <c r="WUI719" s="613"/>
      <c r="WUJ719" s="613"/>
      <c r="WUK719" s="613"/>
      <c r="WUL719" s="613"/>
      <c r="WUM719" s="613"/>
      <c r="WUN719" s="613"/>
      <c r="WUO719" s="613"/>
      <c r="WUP719" s="613"/>
      <c r="WUQ719" s="613"/>
      <c r="WUR719" s="613"/>
      <c r="WUS719" s="613"/>
      <c r="WUT719" s="613"/>
      <c r="WUU719" s="613"/>
      <c r="WUV719" s="613"/>
      <c r="WUW719" s="613"/>
      <c r="WUX719" s="613"/>
      <c r="WUY719" s="613"/>
      <c r="WUZ719" s="613"/>
      <c r="WVA719" s="613"/>
      <c r="WVB719" s="613"/>
      <c r="WVC719" s="613"/>
      <c r="WVD719" s="613"/>
      <c r="WVE719" s="613"/>
      <c r="WVF719" s="613"/>
      <c r="WVG719" s="613"/>
      <c r="WVH719" s="613"/>
      <c r="WVI719" s="613"/>
      <c r="WVJ719" s="613"/>
      <c r="WVK719" s="613"/>
      <c r="WVL719" s="613"/>
      <c r="WVM719" s="613"/>
      <c r="WVN719" s="613"/>
      <c r="WVO719" s="613"/>
      <c r="WVP719" s="613"/>
      <c r="WVQ719" s="613"/>
      <c r="WVR719" s="613"/>
      <c r="WVS719" s="613"/>
      <c r="WVT719" s="613"/>
      <c r="WVU719" s="613"/>
      <c r="WVV719" s="613"/>
      <c r="WVW719" s="613"/>
      <c r="WVX719" s="613"/>
      <c r="WVY719" s="613"/>
      <c r="WVZ719" s="613"/>
      <c r="WWA719" s="613"/>
      <c r="WWB719" s="613"/>
      <c r="WWC719" s="613"/>
      <c r="WWD719" s="613"/>
      <c r="WWE719" s="613"/>
      <c r="WWF719" s="613"/>
      <c r="WWG719" s="613"/>
      <c r="WWH719" s="613"/>
      <c r="WWI719" s="613"/>
      <c r="WWJ719" s="613"/>
      <c r="WWK719" s="613"/>
      <c r="WWL719" s="613"/>
      <c r="WWM719" s="613"/>
      <c r="WWN719" s="613"/>
      <c r="WWO719" s="613"/>
      <c r="WWP719" s="613"/>
      <c r="WWQ719" s="613"/>
      <c r="WWR719" s="613"/>
      <c r="WWS719" s="613"/>
      <c r="WWT719" s="613"/>
      <c r="WWU719" s="613"/>
      <c r="WWV719" s="613"/>
      <c r="WWW719" s="613"/>
      <c r="WWX719" s="613"/>
      <c r="WWY719" s="613"/>
      <c r="WWZ719" s="613"/>
      <c r="WXA719" s="613"/>
      <c r="WXB719" s="613"/>
      <c r="WXC719" s="613"/>
      <c r="WXD719" s="613"/>
      <c r="WXE719" s="613"/>
      <c r="WXF719" s="613"/>
      <c r="WXG719" s="613"/>
      <c r="WXH719" s="613"/>
      <c r="WXI719" s="613"/>
      <c r="WXJ719" s="613"/>
      <c r="WXK719" s="613"/>
      <c r="WXL719" s="613"/>
      <c r="WXM719" s="613"/>
      <c r="WXN719" s="613"/>
      <c r="WXO719" s="613"/>
      <c r="WXP719" s="613"/>
      <c r="WXQ719" s="613"/>
      <c r="WXR719" s="613"/>
      <c r="WXS719" s="613"/>
      <c r="WXT719" s="613"/>
      <c r="WXU719" s="613"/>
      <c r="WXV719" s="613"/>
      <c r="WXW719" s="613"/>
      <c r="WXX719" s="613"/>
      <c r="WXY719" s="613"/>
      <c r="WXZ719" s="613"/>
      <c r="WYA719" s="613"/>
      <c r="WYB719" s="613"/>
      <c r="WYC719" s="613"/>
      <c r="WYD719" s="613"/>
      <c r="WYE719" s="613"/>
      <c r="WYF719" s="613"/>
      <c r="WYG719" s="613"/>
      <c r="WYH719" s="613"/>
      <c r="WYI719" s="613"/>
      <c r="WYJ719" s="613"/>
      <c r="WYK719" s="613"/>
      <c r="WYL719" s="613"/>
      <c r="WYM719" s="613"/>
      <c r="WYN719" s="613"/>
      <c r="WYO719" s="613"/>
      <c r="WYP719" s="613"/>
      <c r="WYQ719" s="613"/>
      <c r="WYR719" s="613"/>
      <c r="WYS719" s="613"/>
      <c r="WYT719" s="613"/>
      <c r="WYU719" s="613"/>
      <c r="WYV719" s="613"/>
      <c r="WYW719" s="613"/>
      <c r="WYX719" s="613"/>
      <c r="WYY719" s="613"/>
      <c r="WYZ719" s="613"/>
      <c r="WZA719" s="613"/>
      <c r="WZB719" s="613"/>
      <c r="WZC719" s="613"/>
      <c r="WZD719" s="613"/>
      <c r="WZE719" s="613"/>
      <c r="WZF719" s="613"/>
      <c r="WZG719" s="613"/>
      <c r="WZH719" s="613"/>
      <c r="WZI719" s="613"/>
      <c r="WZJ719" s="613"/>
      <c r="WZK719" s="613"/>
      <c r="WZL719" s="613"/>
      <c r="WZM719" s="613"/>
      <c r="WZN719" s="613"/>
      <c r="WZO719" s="613"/>
      <c r="WZP719" s="613"/>
      <c r="WZQ719" s="613"/>
      <c r="WZR719" s="613"/>
      <c r="WZS719" s="613"/>
      <c r="WZT719" s="613"/>
      <c r="WZU719" s="613"/>
      <c r="WZV719" s="613"/>
      <c r="WZW719" s="613"/>
      <c r="WZX719" s="613"/>
      <c r="WZY719" s="613"/>
      <c r="WZZ719" s="613"/>
      <c r="XAA719" s="613"/>
      <c r="XAB719" s="613"/>
      <c r="XAC719" s="613"/>
      <c r="XAD719" s="613"/>
      <c r="XAE719" s="613"/>
      <c r="XAF719" s="613"/>
      <c r="XAG719" s="613"/>
      <c r="XAH719" s="613"/>
      <c r="XAI719" s="613"/>
      <c r="XAJ719" s="613"/>
      <c r="XAK719" s="613"/>
      <c r="XAL719" s="613"/>
      <c r="XAM719" s="613"/>
      <c r="XAN719" s="613"/>
      <c r="XAO719" s="613"/>
      <c r="XAP719" s="613"/>
      <c r="XAQ719" s="613"/>
      <c r="XAR719" s="613"/>
      <c r="XAS719" s="613"/>
      <c r="XAT719" s="613"/>
      <c r="XAU719" s="613"/>
      <c r="XAV719" s="613"/>
      <c r="XAW719" s="613"/>
      <c r="XAX719" s="613"/>
      <c r="XAY719" s="613"/>
      <c r="XAZ719" s="613"/>
      <c r="XBA719" s="613"/>
      <c r="XBB719" s="613"/>
      <c r="XBC719" s="613"/>
      <c r="XBD719" s="613"/>
      <c r="XBE719" s="613"/>
      <c r="XBF719" s="613"/>
      <c r="XBG719" s="613"/>
      <c r="XBH719" s="613"/>
      <c r="XBI719" s="613"/>
      <c r="XBJ719" s="613"/>
      <c r="XBK719" s="613"/>
      <c r="XBL719" s="613"/>
      <c r="XBM719" s="613"/>
      <c r="XBN719" s="613"/>
      <c r="XBO719" s="613"/>
      <c r="XBP719" s="613"/>
      <c r="XBQ719" s="613"/>
      <c r="XBR719" s="613"/>
      <c r="XBS719" s="613"/>
      <c r="XBT719" s="613"/>
      <c r="XBU719" s="613"/>
      <c r="XBV719" s="613"/>
      <c r="XBW719" s="613"/>
      <c r="XBX719" s="613"/>
      <c r="XBY719" s="613"/>
      <c r="XBZ719" s="613"/>
      <c r="XCA719" s="613"/>
      <c r="XCB719" s="613"/>
      <c r="XCC719" s="613"/>
      <c r="XCD719" s="613"/>
      <c r="XCE719" s="613"/>
      <c r="XCF719" s="613"/>
      <c r="XCG719" s="613"/>
      <c r="XCH719" s="613"/>
      <c r="XCI719" s="613"/>
      <c r="XCJ719" s="613"/>
      <c r="XCK719" s="613"/>
      <c r="XCL719" s="613"/>
      <c r="XCM719" s="613"/>
      <c r="XCN719" s="613"/>
      <c r="XCO719" s="613"/>
      <c r="XCP719" s="613"/>
      <c r="XCQ719" s="613"/>
    </row>
    <row r="720" spans="1:16319" ht="56.1" customHeight="1" x14ac:dyDescent="0.2">
      <c r="A720" s="494"/>
      <c r="B720" s="499"/>
      <c r="C720" s="494"/>
      <c r="D720" s="481">
        <v>287</v>
      </c>
      <c r="E720" s="481"/>
      <c r="F720" s="481" t="s">
        <v>2481</v>
      </c>
      <c r="G720" s="482" t="s">
        <v>53</v>
      </c>
      <c r="H720" s="481" t="s">
        <v>329</v>
      </c>
      <c r="I720" s="654" t="s">
        <v>500</v>
      </c>
      <c r="J720" s="654" t="s">
        <v>501</v>
      </c>
      <c r="K720" s="495" t="s">
        <v>507</v>
      </c>
      <c r="L720" s="767"/>
      <c r="M720" s="484" t="s">
        <v>58</v>
      </c>
      <c r="N720" s="327" t="s">
        <v>2601</v>
      </c>
      <c r="O720" s="484" t="s">
        <v>2996</v>
      </c>
      <c r="P720" s="484" t="s">
        <v>81</v>
      </c>
      <c r="Q720" s="667" t="s">
        <v>334</v>
      </c>
      <c r="R720" s="484" t="s">
        <v>334</v>
      </c>
      <c r="S720" s="484" t="s">
        <v>392</v>
      </c>
      <c r="T720" s="484"/>
      <c r="U720" s="620" t="s">
        <v>63</v>
      </c>
      <c r="V720" s="620" t="s">
        <v>63</v>
      </c>
      <c r="W720" s="723">
        <v>45767</v>
      </c>
      <c r="X720" s="723"/>
      <c r="Y720" s="654" t="s">
        <v>226</v>
      </c>
      <c r="Z720" s="654"/>
      <c r="AA720" s="723">
        <v>45767</v>
      </c>
      <c r="AB720" s="652" t="s">
        <v>82</v>
      </c>
      <c r="AC720" s="652"/>
      <c r="AD720" s="496"/>
      <c r="AE720" s="496"/>
      <c r="AF720" s="496"/>
      <c r="AG720" s="496"/>
      <c r="AH720" s="496"/>
      <c r="AI720" s="487"/>
      <c r="AJ720" s="496"/>
      <c r="AK720" s="496"/>
      <c r="AL720" s="496"/>
      <c r="AM720" s="496"/>
      <c r="AN720" s="496"/>
      <c r="AO720" s="496"/>
      <c r="AP720" s="496"/>
      <c r="AQ720" s="496"/>
      <c r="AR720" s="496" t="s">
        <v>66</v>
      </c>
      <c r="AS720" s="496"/>
      <c r="AT720" s="496"/>
      <c r="AU720" s="487"/>
      <c r="AV720" s="487"/>
      <c r="AW720" s="487"/>
      <c r="AX720" s="487"/>
      <c r="AY720" s="487"/>
      <c r="AZ720" s="487"/>
      <c r="BA720" s="484"/>
      <c r="BB720" s="484"/>
      <c r="BC720" s="484"/>
      <c r="BD720" s="494"/>
      <c r="BE720" s="494"/>
      <c r="BF720" s="613"/>
      <c r="BG720" s="613"/>
      <c r="BH720" s="613"/>
      <c r="BI720" s="613"/>
      <c r="BJ720" s="613"/>
      <c r="BK720" s="613"/>
      <c r="BL720" s="613"/>
      <c r="BM720" s="613"/>
      <c r="BN720" s="613"/>
      <c r="BO720" s="613"/>
      <c r="BP720" s="613"/>
      <c r="BQ720" s="613"/>
      <c r="BR720" s="613"/>
      <c r="BS720" s="613"/>
      <c r="BT720" s="613"/>
      <c r="BU720" s="613"/>
      <c r="BV720" s="613"/>
      <c r="BW720" s="613"/>
      <c r="BX720" s="613"/>
      <c r="BY720" s="613"/>
      <c r="BZ720" s="613"/>
      <c r="CA720" s="613"/>
      <c r="CB720" s="613"/>
      <c r="CC720" s="613"/>
      <c r="CD720" s="613"/>
      <c r="CE720" s="613"/>
      <c r="CF720" s="613"/>
      <c r="CG720" s="613"/>
      <c r="CH720" s="613"/>
      <c r="CI720" s="613"/>
      <c r="CJ720" s="613"/>
      <c r="CK720" s="613"/>
      <c r="CL720" s="613"/>
      <c r="CM720" s="613"/>
      <c r="CN720" s="613"/>
      <c r="CO720" s="613"/>
      <c r="CP720" s="613"/>
      <c r="CQ720" s="613"/>
      <c r="CR720" s="613"/>
      <c r="CS720" s="613"/>
      <c r="CT720" s="613"/>
      <c r="CU720" s="613"/>
      <c r="CV720" s="613"/>
      <c r="CW720" s="613"/>
      <c r="CX720" s="613"/>
      <c r="CY720" s="613"/>
      <c r="CZ720" s="613"/>
      <c r="DA720" s="613"/>
      <c r="DB720" s="613"/>
      <c r="DC720" s="613"/>
      <c r="DD720" s="613"/>
      <c r="DE720" s="613"/>
      <c r="DF720" s="613"/>
      <c r="DG720" s="613"/>
      <c r="DH720" s="613"/>
      <c r="DI720" s="613"/>
      <c r="DJ720" s="613"/>
      <c r="DK720" s="613"/>
      <c r="DL720" s="613"/>
      <c r="DM720" s="613"/>
      <c r="DN720" s="613"/>
      <c r="DO720" s="613"/>
      <c r="DP720" s="613"/>
      <c r="DQ720" s="613"/>
      <c r="DR720" s="613"/>
      <c r="DS720" s="613"/>
      <c r="DT720" s="613"/>
      <c r="DU720" s="613"/>
      <c r="DV720" s="613"/>
      <c r="DW720" s="613"/>
      <c r="DX720" s="613"/>
      <c r="DY720" s="613"/>
      <c r="DZ720" s="613"/>
      <c r="EA720" s="613"/>
      <c r="EB720" s="613"/>
      <c r="EC720" s="613"/>
      <c r="ED720" s="613"/>
      <c r="EE720" s="613"/>
      <c r="EF720" s="613"/>
      <c r="EG720" s="613"/>
      <c r="EH720" s="613"/>
      <c r="EI720" s="613"/>
      <c r="EJ720" s="613"/>
      <c r="EK720" s="613"/>
      <c r="EL720" s="613"/>
      <c r="EM720" s="613"/>
      <c r="EN720" s="613"/>
      <c r="EO720" s="613"/>
      <c r="EP720" s="613"/>
      <c r="EQ720" s="613"/>
      <c r="ER720" s="613"/>
      <c r="ES720" s="613"/>
      <c r="ET720" s="613"/>
      <c r="EU720" s="613"/>
      <c r="EV720" s="613"/>
      <c r="EW720" s="613"/>
      <c r="EX720" s="613"/>
      <c r="EY720" s="613"/>
      <c r="EZ720" s="613"/>
      <c r="FA720" s="613"/>
      <c r="FB720" s="613"/>
      <c r="FC720" s="613"/>
      <c r="FD720" s="613"/>
      <c r="FE720" s="613"/>
      <c r="FF720" s="613"/>
      <c r="FG720" s="613"/>
      <c r="FH720" s="613"/>
      <c r="FI720" s="613"/>
      <c r="FJ720" s="613"/>
      <c r="FK720" s="613"/>
      <c r="FL720" s="613"/>
      <c r="FM720" s="613"/>
      <c r="FN720" s="613"/>
      <c r="FO720" s="613"/>
      <c r="FP720" s="613"/>
      <c r="FQ720" s="613"/>
      <c r="FR720" s="613"/>
      <c r="FS720" s="613"/>
      <c r="FT720" s="613"/>
      <c r="FU720" s="613"/>
      <c r="FV720" s="613"/>
      <c r="FW720" s="613"/>
      <c r="FX720" s="613"/>
      <c r="FY720" s="613"/>
      <c r="FZ720" s="613"/>
      <c r="GA720" s="613"/>
      <c r="GB720" s="613"/>
      <c r="GC720" s="613"/>
      <c r="GD720" s="613"/>
      <c r="GE720" s="613"/>
      <c r="GF720" s="613"/>
      <c r="GG720" s="613"/>
      <c r="GH720" s="613"/>
      <c r="GI720" s="613"/>
      <c r="GJ720" s="613"/>
      <c r="GK720" s="613"/>
      <c r="GL720" s="613"/>
      <c r="GM720" s="613"/>
      <c r="GN720" s="613"/>
      <c r="GO720" s="613"/>
      <c r="GP720" s="613"/>
      <c r="GQ720" s="613"/>
      <c r="GR720" s="613"/>
      <c r="GS720" s="613"/>
      <c r="GT720" s="613"/>
      <c r="GU720" s="613"/>
      <c r="GV720" s="613"/>
      <c r="GW720" s="613"/>
      <c r="GX720" s="613"/>
      <c r="GY720" s="613"/>
      <c r="GZ720" s="613"/>
      <c r="HA720" s="613"/>
      <c r="HB720" s="613"/>
      <c r="HC720" s="613"/>
      <c r="HD720" s="613"/>
      <c r="HE720" s="613"/>
      <c r="HF720" s="613"/>
      <c r="HG720" s="613"/>
      <c r="HH720" s="613"/>
      <c r="HI720" s="613"/>
      <c r="HJ720" s="613"/>
      <c r="HK720" s="613"/>
      <c r="HL720" s="613"/>
      <c r="HM720" s="613"/>
      <c r="HN720" s="613"/>
      <c r="HO720" s="613"/>
      <c r="HP720" s="613"/>
      <c r="HQ720" s="613"/>
      <c r="HR720" s="613"/>
      <c r="HS720" s="613"/>
      <c r="HT720" s="613"/>
      <c r="HU720" s="613"/>
      <c r="HV720" s="613"/>
      <c r="HW720" s="613"/>
      <c r="HX720" s="613"/>
      <c r="HY720" s="613"/>
      <c r="HZ720" s="613"/>
      <c r="IA720" s="613"/>
      <c r="IB720" s="613"/>
      <c r="IC720" s="613"/>
      <c r="ID720" s="613"/>
      <c r="IE720" s="613"/>
      <c r="IF720" s="613"/>
      <c r="IG720" s="613"/>
      <c r="IH720" s="613"/>
      <c r="II720" s="613"/>
      <c r="IJ720" s="613"/>
      <c r="IK720" s="613"/>
      <c r="IL720" s="613"/>
      <c r="IM720" s="613"/>
      <c r="IN720" s="613"/>
      <c r="IO720" s="613"/>
      <c r="IP720" s="613"/>
      <c r="IQ720" s="613"/>
      <c r="IR720" s="613"/>
      <c r="IS720" s="613"/>
      <c r="IT720" s="613"/>
      <c r="IU720" s="613"/>
      <c r="IV720" s="613"/>
      <c r="IW720" s="613"/>
      <c r="IX720" s="613"/>
      <c r="IY720" s="613"/>
      <c r="IZ720" s="613"/>
      <c r="JA720" s="613"/>
      <c r="JB720" s="613"/>
      <c r="JC720" s="613"/>
      <c r="JD720" s="613"/>
      <c r="JE720" s="613"/>
      <c r="JF720" s="613"/>
      <c r="JG720" s="613"/>
      <c r="JH720" s="613"/>
      <c r="JI720" s="613"/>
      <c r="JJ720" s="613"/>
      <c r="JK720" s="613"/>
      <c r="JL720" s="613"/>
      <c r="JM720" s="613"/>
      <c r="JN720" s="613"/>
      <c r="JO720" s="613"/>
      <c r="JP720" s="613"/>
      <c r="JQ720" s="613"/>
      <c r="JR720" s="613"/>
      <c r="JS720" s="613"/>
      <c r="JT720" s="613"/>
      <c r="JU720" s="613"/>
      <c r="JV720" s="613"/>
      <c r="JW720" s="613"/>
      <c r="JX720" s="613"/>
      <c r="JY720" s="613"/>
      <c r="JZ720" s="613"/>
      <c r="KA720" s="613"/>
      <c r="KB720" s="613"/>
      <c r="KC720" s="613"/>
      <c r="KD720" s="613"/>
      <c r="KE720" s="613"/>
      <c r="KF720" s="613"/>
      <c r="KG720" s="613"/>
      <c r="KH720" s="613"/>
      <c r="KI720" s="613"/>
      <c r="KJ720" s="613"/>
      <c r="KK720" s="613"/>
      <c r="KL720" s="613"/>
      <c r="KM720" s="613"/>
      <c r="KN720" s="613"/>
      <c r="KO720" s="613"/>
      <c r="KP720" s="613"/>
      <c r="KQ720" s="613"/>
      <c r="KR720" s="613"/>
      <c r="KS720" s="613"/>
      <c r="KT720" s="613"/>
      <c r="KU720" s="613"/>
      <c r="KV720" s="613"/>
      <c r="KW720" s="613"/>
      <c r="KX720" s="613"/>
      <c r="KY720" s="613"/>
      <c r="KZ720" s="613"/>
      <c r="LA720" s="613"/>
      <c r="LB720" s="613"/>
      <c r="LC720" s="613"/>
      <c r="LD720" s="613"/>
      <c r="LE720" s="613"/>
      <c r="LF720" s="613"/>
      <c r="LG720" s="613"/>
      <c r="LH720" s="613"/>
      <c r="LI720" s="613"/>
      <c r="LJ720" s="613"/>
      <c r="LK720" s="613"/>
      <c r="LL720" s="613"/>
      <c r="LM720" s="613"/>
      <c r="LN720" s="613"/>
      <c r="LO720" s="613"/>
      <c r="LP720" s="613"/>
      <c r="LQ720" s="613"/>
      <c r="LR720" s="613"/>
      <c r="LS720" s="613"/>
      <c r="LT720" s="613"/>
      <c r="LU720" s="613"/>
      <c r="LV720" s="613"/>
      <c r="LW720" s="613"/>
      <c r="LX720" s="613"/>
      <c r="LY720" s="613"/>
      <c r="LZ720" s="613"/>
      <c r="MA720" s="613"/>
      <c r="MB720" s="613"/>
      <c r="MC720" s="613"/>
      <c r="MD720" s="613"/>
      <c r="ME720" s="613"/>
      <c r="MF720" s="613"/>
      <c r="MG720" s="613"/>
      <c r="MH720" s="613"/>
      <c r="MI720" s="613"/>
      <c r="MJ720" s="613"/>
      <c r="MK720" s="613"/>
      <c r="ML720" s="613"/>
      <c r="MM720" s="613"/>
      <c r="MN720" s="613"/>
      <c r="MO720" s="613"/>
      <c r="MP720" s="613"/>
      <c r="MQ720" s="613"/>
      <c r="MR720" s="613"/>
      <c r="MS720" s="613"/>
      <c r="MT720" s="613"/>
      <c r="MU720" s="613"/>
      <c r="MV720" s="613"/>
      <c r="MW720" s="613"/>
      <c r="MX720" s="613"/>
      <c r="MY720" s="613"/>
      <c r="MZ720" s="613"/>
      <c r="NA720" s="613"/>
      <c r="NB720" s="613"/>
      <c r="NC720" s="613"/>
      <c r="ND720" s="613"/>
      <c r="NE720" s="613"/>
      <c r="NF720" s="613"/>
      <c r="NG720" s="613"/>
      <c r="NH720" s="613"/>
      <c r="NI720" s="613"/>
      <c r="NJ720" s="613"/>
      <c r="NK720" s="613"/>
      <c r="NL720" s="613"/>
      <c r="NM720" s="613"/>
      <c r="NN720" s="613"/>
      <c r="NO720" s="613"/>
      <c r="NP720" s="613"/>
      <c r="NQ720" s="613"/>
      <c r="NR720" s="613"/>
      <c r="NS720" s="613"/>
      <c r="NT720" s="613"/>
      <c r="NU720" s="613"/>
      <c r="NV720" s="613"/>
      <c r="NW720" s="613"/>
      <c r="NX720" s="613"/>
      <c r="NY720" s="613"/>
      <c r="NZ720" s="613"/>
      <c r="OA720" s="613"/>
      <c r="OB720" s="613"/>
      <c r="OC720" s="613"/>
      <c r="OD720" s="613"/>
      <c r="OE720" s="613"/>
      <c r="OF720" s="613"/>
      <c r="OG720" s="613"/>
      <c r="OH720" s="613"/>
      <c r="OI720" s="613"/>
      <c r="OJ720" s="613"/>
      <c r="OK720" s="613"/>
      <c r="OL720" s="613"/>
      <c r="OM720" s="613"/>
      <c r="ON720" s="613"/>
      <c r="OO720" s="613"/>
      <c r="OP720" s="613"/>
      <c r="OQ720" s="613"/>
      <c r="OR720" s="613"/>
      <c r="OS720" s="613"/>
      <c r="OT720" s="613"/>
      <c r="OU720" s="613"/>
      <c r="OV720" s="613"/>
      <c r="OW720" s="613"/>
      <c r="OX720" s="613"/>
      <c r="OY720" s="613"/>
      <c r="OZ720" s="613"/>
      <c r="PA720" s="613"/>
      <c r="PB720" s="613"/>
      <c r="PC720" s="613"/>
      <c r="PD720" s="613"/>
      <c r="PE720" s="613"/>
      <c r="PF720" s="613"/>
      <c r="PG720" s="613"/>
      <c r="PH720" s="613"/>
      <c r="PI720" s="613"/>
      <c r="PJ720" s="613"/>
      <c r="PK720" s="613"/>
      <c r="PL720" s="613"/>
      <c r="PM720" s="613"/>
      <c r="PN720" s="613"/>
      <c r="PO720" s="613"/>
      <c r="PP720" s="613"/>
      <c r="PQ720" s="613"/>
      <c r="PR720" s="613"/>
      <c r="PS720" s="613"/>
      <c r="PT720" s="613"/>
      <c r="PU720" s="613"/>
      <c r="PV720" s="613"/>
      <c r="PW720" s="613"/>
      <c r="PX720" s="613"/>
      <c r="PY720" s="613"/>
      <c r="PZ720" s="613"/>
      <c r="QA720" s="613"/>
      <c r="QB720" s="613"/>
      <c r="QC720" s="613"/>
      <c r="QD720" s="613"/>
      <c r="QE720" s="613"/>
      <c r="QF720" s="613"/>
      <c r="QG720" s="613"/>
      <c r="QH720" s="613"/>
      <c r="QI720" s="613"/>
      <c r="QJ720" s="613"/>
      <c r="QK720" s="613"/>
      <c r="QL720" s="613"/>
      <c r="QM720" s="613"/>
      <c r="QN720" s="613"/>
      <c r="QO720" s="613"/>
      <c r="QP720" s="613"/>
      <c r="QQ720" s="613"/>
      <c r="QR720" s="613"/>
      <c r="QS720" s="613"/>
      <c r="QT720" s="613"/>
      <c r="QU720" s="613"/>
      <c r="QV720" s="613"/>
      <c r="QW720" s="613"/>
      <c r="QX720" s="613"/>
      <c r="QY720" s="613"/>
      <c r="QZ720" s="613"/>
      <c r="RA720" s="613"/>
      <c r="RB720" s="613"/>
      <c r="RC720" s="613"/>
      <c r="RD720" s="613"/>
      <c r="RE720" s="613"/>
      <c r="RF720" s="613"/>
      <c r="RG720" s="613"/>
      <c r="RH720" s="613"/>
      <c r="RI720" s="613"/>
      <c r="RJ720" s="613"/>
      <c r="RK720" s="613"/>
      <c r="RL720" s="613"/>
      <c r="RM720" s="613"/>
      <c r="RN720" s="613"/>
      <c r="RO720" s="613"/>
      <c r="RP720" s="613"/>
      <c r="RQ720" s="613"/>
      <c r="RR720" s="613"/>
      <c r="RS720" s="613"/>
      <c r="RT720" s="613"/>
      <c r="RU720" s="613"/>
      <c r="RV720" s="613"/>
      <c r="RW720" s="613"/>
      <c r="RX720" s="613"/>
      <c r="RY720" s="613"/>
      <c r="RZ720" s="613"/>
      <c r="SA720" s="613"/>
      <c r="SB720" s="613"/>
      <c r="SC720" s="613"/>
      <c r="SD720" s="613"/>
      <c r="SE720" s="613"/>
      <c r="SF720" s="613"/>
      <c r="SG720" s="613"/>
      <c r="SH720" s="613"/>
      <c r="SI720" s="613"/>
      <c r="SJ720" s="613"/>
      <c r="SK720" s="613"/>
      <c r="SL720" s="613"/>
      <c r="SM720" s="613"/>
      <c r="SN720" s="613"/>
      <c r="SO720" s="613"/>
      <c r="SP720" s="613"/>
      <c r="SQ720" s="613"/>
      <c r="SR720" s="613"/>
      <c r="SS720" s="613"/>
      <c r="ST720" s="613"/>
      <c r="SU720" s="613"/>
      <c r="SV720" s="613"/>
      <c r="SW720" s="613"/>
      <c r="SX720" s="613"/>
      <c r="SY720" s="613"/>
      <c r="SZ720" s="613"/>
      <c r="TA720" s="613"/>
      <c r="TB720" s="613"/>
      <c r="TC720" s="613"/>
      <c r="TD720" s="613"/>
      <c r="TE720" s="613"/>
      <c r="TF720" s="613"/>
      <c r="TG720" s="613"/>
      <c r="TH720" s="613"/>
      <c r="TI720" s="613"/>
      <c r="TJ720" s="613"/>
      <c r="TK720" s="613"/>
      <c r="TL720" s="613"/>
      <c r="TM720" s="613"/>
      <c r="TN720" s="613"/>
      <c r="TO720" s="613"/>
      <c r="TP720" s="613"/>
      <c r="TQ720" s="613"/>
      <c r="TR720" s="613"/>
      <c r="TS720" s="613"/>
      <c r="TT720" s="613"/>
      <c r="TU720" s="613"/>
      <c r="TV720" s="613"/>
      <c r="TW720" s="613"/>
      <c r="TX720" s="613"/>
      <c r="TY720" s="613"/>
      <c r="TZ720" s="613"/>
      <c r="UA720" s="613"/>
      <c r="UB720" s="613"/>
      <c r="UC720" s="613"/>
      <c r="UD720" s="613"/>
      <c r="UE720" s="613"/>
      <c r="UF720" s="613"/>
      <c r="UG720" s="613"/>
      <c r="UH720" s="613"/>
      <c r="UI720" s="613"/>
      <c r="UJ720" s="613"/>
      <c r="UK720" s="613"/>
      <c r="UL720" s="613"/>
      <c r="UM720" s="613"/>
      <c r="UN720" s="613"/>
      <c r="UO720" s="613"/>
      <c r="UP720" s="613"/>
      <c r="UQ720" s="613"/>
      <c r="UR720" s="613"/>
      <c r="US720" s="613"/>
      <c r="UT720" s="613"/>
      <c r="UU720" s="613"/>
      <c r="UV720" s="613"/>
      <c r="UW720" s="613"/>
      <c r="UX720" s="613"/>
      <c r="UY720" s="613"/>
      <c r="UZ720" s="613"/>
      <c r="VA720" s="613"/>
      <c r="VB720" s="613"/>
      <c r="VC720" s="613"/>
      <c r="VD720" s="613"/>
      <c r="VE720" s="613"/>
      <c r="VF720" s="613"/>
      <c r="VG720" s="613"/>
      <c r="VH720" s="613"/>
      <c r="VI720" s="613"/>
      <c r="VJ720" s="613"/>
      <c r="VK720" s="613"/>
      <c r="VL720" s="613"/>
      <c r="VM720" s="613"/>
      <c r="VN720" s="613"/>
      <c r="VO720" s="613"/>
      <c r="VP720" s="613"/>
      <c r="VQ720" s="613"/>
      <c r="VR720" s="613"/>
      <c r="VS720" s="613"/>
      <c r="VT720" s="613"/>
      <c r="VU720" s="613"/>
      <c r="VV720" s="613"/>
      <c r="VW720" s="613"/>
      <c r="VX720" s="613"/>
      <c r="VY720" s="613"/>
      <c r="VZ720" s="613"/>
      <c r="WA720" s="613"/>
      <c r="WB720" s="613"/>
      <c r="WC720" s="613"/>
      <c r="WD720" s="613"/>
      <c r="WE720" s="613"/>
      <c r="WF720" s="613"/>
      <c r="WG720" s="613"/>
      <c r="WH720" s="613"/>
      <c r="WI720" s="613"/>
      <c r="WJ720" s="613"/>
      <c r="WK720" s="613"/>
      <c r="WL720" s="613"/>
      <c r="WM720" s="613"/>
      <c r="WN720" s="613"/>
      <c r="WO720" s="613"/>
      <c r="WP720" s="613"/>
      <c r="WQ720" s="613"/>
      <c r="WR720" s="613"/>
      <c r="WS720" s="613"/>
      <c r="WT720" s="613"/>
      <c r="WU720" s="613"/>
      <c r="WV720" s="613"/>
      <c r="WW720" s="613"/>
      <c r="WX720" s="613"/>
      <c r="WY720" s="613"/>
      <c r="WZ720" s="613"/>
      <c r="XA720" s="613"/>
      <c r="XB720" s="613"/>
      <c r="XC720" s="613"/>
      <c r="XD720" s="613"/>
      <c r="XE720" s="613"/>
      <c r="XF720" s="613"/>
      <c r="XG720" s="613"/>
      <c r="XH720" s="613"/>
      <c r="XI720" s="613"/>
      <c r="XJ720" s="613"/>
      <c r="XK720" s="613"/>
      <c r="XL720" s="613"/>
      <c r="XM720" s="613"/>
      <c r="XN720" s="613"/>
      <c r="XO720" s="613"/>
      <c r="XP720" s="613"/>
      <c r="XQ720" s="613"/>
      <c r="XR720" s="613"/>
      <c r="XS720" s="613"/>
      <c r="XT720" s="613"/>
      <c r="XU720" s="613"/>
      <c r="XV720" s="613"/>
      <c r="XW720" s="613"/>
      <c r="XX720" s="613"/>
      <c r="XY720" s="613"/>
      <c r="XZ720" s="613"/>
      <c r="YA720" s="613"/>
      <c r="YB720" s="613"/>
      <c r="YC720" s="613"/>
      <c r="YD720" s="613"/>
      <c r="YE720" s="613"/>
      <c r="YF720" s="613"/>
      <c r="YG720" s="613"/>
      <c r="YH720" s="613"/>
      <c r="YI720" s="613"/>
      <c r="YJ720" s="613"/>
      <c r="YK720" s="613"/>
      <c r="YL720" s="613"/>
      <c r="YM720" s="613"/>
      <c r="YN720" s="613"/>
      <c r="YO720" s="613"/>
      <c r="YP720" s="613"/>
      <c r="YQ720" s="613"/>
      <c r="YR720" s="613"/>
      <c r="YS720" s="613"/>
      <c r="YT720" s="613"/>
      <c r="YU720" s="613"/>
      <c r="YV720" s="613"/>
      <c r="YW720" s="613"/>
      <c r="YX720" s="613"/>
      <c r="YY720" s="613"/>
      <c r="YZ720" s="613"/>
      <c r="ZA720" s="613"/>
      <c r="ZB720" s="613"/>
      <c r="ZC720" s="613"/>
      <c r="ZD720" s="613"/>
      <c r="ZE720" s="613"/>
      <c r="ZF720" s="613"/>
      <c r="ZG720" s="613"/>
      <c r="ZH720" s="613"/>
      <c r="ZI720" s="613"/>
      <c r="ZJ720" s="613"/>
      <c r="ZK720" s="613"/>
      <c r="ZL720" s="613"/>
      <c r="ZM720" s="613"/>
      <c r="ZN720" s="613"/>
      <c r="ZO720" s="613"/>
      <c r="ZP720" s="613"/>
      <c r="ZQ720" s="613"/>
      <c r="ZR720" s="613"/>
      <c r="ZS720" s="613"/>
      <c r="ZT720" s="613"/>
      <c r="ZU720" s="613"/>
      <c r="ZV720" s="613"/>
      <c r="ZW720" s="613"/>
      <c r="ZX720" s="613"/>
      <c r="ZY720" s="613"/>
      <c r="ZZ720" s="613"/>
      <c r="AAA720" s="613"/>
      <c r="AAB720" s="613"/>
      <c r="AAC720" s="613"/>
      <c r="AAD720" s="613"/>
      <c r="AAE720" s="613"/>
      <c r="AAF720" s="613"/>
      <c r="AAG720" s="613"/>
      <c r="AAH720" s="613"/>
      <c r="AAI720" s="613"/>
      <c r="AAJ720" s="613"/>
      <c r="AAK720" s="613"/>
      <c r="AAL720" s="613"/>
      <c r="AAM720" s="613"/>
      <c r="AAN720" s="613"/>
      <c r="AAO720" s="613"/>
      <c r="AAP720" s="613"/>
      <c r="AAQ720" s="613"/>
      <c r="AAR720" s="613"/>
      <c r="AAS720" s="613"/>
      <c r="AAT720" s="613"/>
      <c r="AAU720" s="613"/>
      <c r="AAV720" s="613"/>
      <c r="AAW720" s="613"/>
      <c r="AAX720" s="613"/>
      <c r="AAY720" s="613"/>
      <c r="AAZ720" s="613"/>
      <c r="ABA720" s="613"/>
      <c r="ABB720" s="613"/>
      <c r="ABC720" s="613"/>
      <c r="ABD720" s="613"/>
      <c r="ABE720" s="613"/>
      <c r="ABF720" s="613"/>
      <c r="ABG720" s="613"/>
      <c r="ABH720" s="613"/>
      <c r="ABI720" s="613"/>
      <c r="ABJ720" s="613"/>
      <c r="ABK720" s="613"/>
      <c r="ABL720" s="613"/>
      <c r="ABM720" s="613"/>
      <c r="ABN720" s="613"/>
      <c r="ABO720" s="613"/>
      <c r="ABP720" s="613"/>
      <c r="ABQ720" s="613"/>
      <c r="ABR720" s="613"/>
      <c r="ABS720" s="613"/>
      <c r="ABT720" s="613"/>
      <c r="ABU720" s="613"/>
      <c r="ABV720" s="613"/>
      <c r="ABW720" s="613"/>
      <c r="ABX720" s="613"/>
      <c r="ABY720" s="613"/>
      <c r="ABZ720" s="613"/>
      <c r="ACA720" s="613"/>
      <c r="ACB720" s="613"/>
      <c r="ACC720" s="613"/>
      <c r="ACD720" s="613"/>
      <c r="ACE720" s="613"/>
      <c r="ACF720" s="613"/>
      <c r="ACG720" s="613"/>
      <c r="ACH720" s="613"/>
      <c r="ACI720" s="613"/>
      <c r="ACJ720" s="613"/>
      <c r="ACK720" s="613"/>
      <c r="ACL720" s="613"/>
      <c r="ACM720" s="613"/>
      <c r="ACN720" s="613"/>
      <c r="ACO720" s="613"/>
      <c r="ACP720" s="613"/>
      <c r="ACQ720" s="613"/>
      <c r="ACR720" s="613"/>
      <c r="ACS720" s="613"/>
      <c r="ACT720" s="613"/>
      <c r="ACU720" s="613"/>
      <c r="ACV720" s="613"/>
      <c r="ACW720" s="613"/>
      <c r="ACX720" s="613"/>
      <c r="ACY720" s="613"/>
      <c r="ACZ720" s="613"/>
      <c r="ADA720" s="613"/>
      <c r="ADB720" s="613"/>
      <c r="ADC720" s="613"/>
      <c r="ADD720" s="613"/>
      <c r="ADE720" s="613"/>
      <c r="ADF720" s="613"/>
      <c r="ADG720" s="613"/>
      <c r="ADH720" s="613"/>
      <c r="ADI720" s="613"/>
      <c r="ADJ720" s="613"/>
      <c r="ADK720" s="613"/>
      <c r="ADL720" s="613"/>
      <c r="ADM720" s="613"/>
      <c r="ADN720" s="613"/>
      <c r="ADO720" s="613"/>
      <c r="ADP720" s="613"/>
      <c r="ADQ720" s="613"/>
      <c r="ADR720" s="613"/>
      <c r="ADS720" s="613"/>
      <c r="ADT720" s="613"/>
      <c r="ADU720" s="613"/>
      <c r="ADV720" s="613"/>
      <c r="ADW720" s="613"/>
      <c r="ADX720" s="613"/>
      <c r="ADY720" s="613"/>
      <c r="ADZ720" s="613"/>
      <c r="AEA720" s="613"/>
      <c r="AEB720" s="613"/>
      <c r="AEC720" s="613"/>
      <c r="AED720" s="613"/>
      <c r="AEE720" s="613"/>
      <c r="AEF720" s="613"/>
      <c r="AEG720" s="613"/>
      <c r="AEH720" s="613"/>
      <c r="AEI720" s="613"/>
      <c r="AEJ720" s="613"/>
      <c r="AEK720" s="613"/>
      <c r="AEL720" s="613"/>
      <c r="AEM720" s="613"/>
      <c r="AEN720" s="613"/>
      <c r="AEO720" s="613"/>
      <c r="AEP720" s="613"/>
      <c r="AEQ720" s="613"/>
      <c r="AER720" s="613"/>
      <c r="AES720" s="613"/>
      <c r="AET720" s="613"/>
      <c r="AEU720" s="613"/>
      <c r="AEV720" s="613"/>
      <c r="AEW720" s="613"/>
      <c r="AEX720" s="613"/>
      <c r="AEY720" s="613"/>
      <c r="AEZ720" s="613"/>
      <c r="AFA720" s="613"/>
      <c r="AFB720" s="613"/>
      <c r="AFC720" s="613"/>
      <c r="AFD720" s="613"/>
      <c r="AFE720" s="613"/>
      <c r="AFF720" s="613"/>
      <c r="AFG720" s="613"/>
      <c r="AFH720" s="613"/>
      <c r="AFI720" s="613"/>
      <c r="AFJ720" s="613"/>
      <c r="AFK720" s="613"/>
      <c r="AFL720" s="613"/>
      <c r="AFM720" s="613"/>
      <c r="AFN720" s="613"/>
      <c r="AFO720" s="613"/>
      <c r="AFP720" s="613"/>
      <c r="AFQ720" s="613"/>
      <c r="AFR720" s="613"/>
      <c r="AFS720" s="613"/>
      <c r="AFT720" s="613"/>
      <c r="AFU720" s="613"/>
      <c r="AFV720" s="613"/>
      <c r="AFW720" s="613"/>
      <c r="AFX720" s="613"/>
      <c r="AFY720" s="613"/>
      <c r="AFZ720" s="613"/>
      <c r="AGA720" s="613"/>
      <c r="AGB720" s="613"/>
      <c r="AGC720" s="613"/>
      <c r="AGD720" s="613"/>
      <c r="AGE720" s="613"/>
      <c r="AGF720" s="613"/>
      <c r="AGG720" s="613"/>
      <c r="AGH720" s="613"/>
      <c r="AGI720" s="613"/>
      <c r="AGJ720" s="613"/>
      <c r="AGK720" s="613"/>
      <c r="AGL720" s="613"/>
      <c r="AGM720" s="613"/>
      <c r="AGN720" s="613"/>
      <c r="AGO720" s="613"/>
      <c r="AGP720" s="613"/>
      <c r="AGQ720" s="613"/>
      <c r="AGR720" s="613"/>
      <c r="AGS720" s="613"/>
      <c r="AGT720" s="613"/>
      <c r="AGU720" s="613"/>
      <c r="AGV720" s="613"/>
      <c r="AGW720" s="613"/>
      <c r="AGX720" s="613"/>
      <c r="AGY720" s="613"/>
      <c r="AGZ720" s="613"/>
      <c r="AHA720" s="613"/>
      <c r="AHB720" s="613"/>
      <c r="AHC720" s="613"/>
      <c r="AHD720" s="613"/>
      <c r="AHE720" s="613"/>
      <c r="AHF720" s="613"/>
      <c r="AHG720" s="613"/>
      <c r="AHH720" s="613"/>
      <c r="AHI720" s="613"/>
      <c r="AHJ720" s="613"/>
      <c r="AHK720" s="613"/>
      <c r="AHL720" s="613"/>
      <c r="AHM720" s="613"/>
      <c r="AHN720" s="613"/>
      <c r="AHO720" s="613"/>
      <c r="AHP720" s="613"/>
      <c r="AHQ720" s="613"/>
      <c r="AHR720" s="613"/>
      <c r="AHS720" s="613"/>
      <c r="AHT720" s="613"/>
      <c r="AHU720" s="613"/>
      <c r="AHV720" s="613"/>
      <c r="AHW720" s="613"/>
      <c r="AHX720" s="613"/>
      <c r="AHY720" s="613"/>
      <c r="AHZ720" s="613"/>
      <c r="AIA720" s="613"/>
      <c r="AIB720" s="613"/>
      <c r="AIC720" s="613"/>
      <c r="AID720" s="613"/>
      <c r="AIE720" s="613"/>
      <c r="AIF720" s="613"/>
      <c r="AIG720" s="613"/>
      <c r="AIH720" s="613"/>
      <c r="AII720" s="613"/>
      <c r="AIJ720" s="613"/>
      <c r="AIK720" s="613"/>
      <c r="AIL720" s="613"/>
      <c r="AIM720" s="613"/>
      <c r="AIN720" s="613"/>
      <c r="AIO720" s="613"/>
      <c r="AIP720" s="613"/>
      <c r="AIQ720" s="613"/>
      <c r="AIR720" s="613"/>
      <c r="AIS720" s="613"/>
      <c r="AIT720" s="613"/>
      <c r="AIU720" s="613"/>
      <c r="AIV720" s="613"/>
      <c r="AIW720" s="613"/>
      <c r="AIX720" s="613"/>
      <c r="AIY720" s="613"/>
      <c r="AIZ720" s="613"/>
      <c r="AJA720" s="613"/>
      <c r="AJB720" s="613"/>
      <c r="AJC720" s="613"/>
      <c r="AJD720" s="613"/>
      <c r="AJE720" s="613"/>
      <c r="AJF720" s="613"/>
      <c r="AJG720" s="613"/>
      <c r="AJH720" s="613"/>
      <c r="AJI720" s="613"/>
      <c r="AJJ720" s="613"/>
      <c r="AJK720" s="613"/>
      <c r="AJL720" s="613"/>
      <c r="AJM720" s="613"/>
      <c r="AJN720" s="613"/>
      <c r="AJO720" s="613"/>
      <c r="AJP720" s="613"/>
      <c r="AJQ720" s="613"/>
      <c r="AJR720" s="613"/>
      <c r="AJS720" s="613"/>
      <c r="AJT720" s="613"/>
      <c r="AJU720" s="613"/>
      <c r="AJV720" s="613"/>
      <c r="AJW720" s="613"/>
      <c r="AJX720" s="613"/>
      <c r="AJY720" s="613"/>
      <c r="AJZ720" s="613"/>
      <c r="AKA720" s="613"/>
      <c r="AKB720" s="613"/>
      <c r="AKC720" s="613"/>
      <c r="AKD720" s="613"/>
      <c r="AKE720" s="613"/>
      <c r="AKF720" s="613"/>
      <c r="AKG720" s="613"/>
      <c r="AKH720" s="613"/>
      <c r="AKI720" s="613"/>
      <c r="AKJ720" s="613"/>
      <c r="AKK720" s="613"/>
      <c r="AKL720" s="613"/>
      <c r="AKM720" s="613"/>
      <c r="AKN720" s="613"/>
      <c r="AKO720" s="613"/>
      <c r="AKP720" s="613"/>
      <c r="AKQ720" s="613"/>
      <c r="AKR720" s="613"/>
      <c r="AKS720" s="613"/>
      <c r="AKT720" s="613"/>
      <c r="AKU720" s="613"/>
      <c r="AKV720" s="613"/>
      <c r="AKW720" s="613"/>
      <c r="AKX720" s="613"/>
      <c r="AKY720" s="613"/>
      <c r="AKZ720" s="613"/>
      <c r="ALA720" s="613"/>
      <c r="ALB720" s="613"/>
      <c r="ALC720" s="613"/>
      <c r="ALD720" s="613"/>
      <c r="ALE720" s="613"/>
      <c r="ALF720" s="613"/>
      <c r="ALG720" s="613"/>
      <c r="ALH720" s="613"/>
      <c r="ALI720" s="613"/>
      <c r="ALJ720" s="613"/>
      <c r="ALK720" s="613"/>
      <c r="ALL720" s="613"/>
      <c r="ALM720" s="613"/>
      <c r="ALN720" s="613"/>
      <c r="ALO720" s="613"/>
      <c r="ALP720" s="613"/>
      <c r="ALQ720" s="613"/>
      <c r="ALR720" s="613"/>
      <c r="ALS720" s="613"/>
      <c r="ALT720" s="613"/>
      <c r="ALU720" s="613"/>
      <c r="ALV720" s="613"/>
      <c r="ALW720" s="613"/>
      <c r="ALX720" s="613"/>
      <c r="ALY720" s="613"/>
      <c r="ALZ720" s="613"/>
      <c r="AMA720" s="613"/>
      <c r="AMB720" s="613"/>
      <c r="AMC720" s="613"/>
      <c r="AMD720" s="613"/>
      <c r="AME720" s="613"/>
      <c r="AMF720" s="613"/>
      <c r="AMG720" s="613"/>
      <c r="AMH720" s="613"/>
      <c r="AMI720" s="613"/>
      <c r="AMJ720" s="613"/>
      <c r="AMK720" s="613"/>
      <c r="AML720" s="613"/>
      <c r="AMM720" s="613"/>
      <c r="AMN720" s="613"/>
      <c r="AMO720" s="613"/>
      <c r="AMP720" s="613"/>
      <c r="AMQ720" s="613"/>
      <c r="AMR720" s="613"/>
      <c r="AMS720" s="613"/>
      <c r="AMT720" s="613"/>
      <c r="AMU720" s="613"/>
      <c r="AMV720" s="613"/>
      <c r="AMW720" s="613"/>
      <c r="AMX720" s="613"/>
      <c r="AMY720" s="613"/>
      <c r="AMZ720" s="613"/>
      <c r="ANA720" s="613"/>
      <c r="ANB720" s="613"/>
      <c r="ANC720" s="613"/>
      <c r="AND720" s="613"/>
      <c r="ANE720" s="613"/>
      <c r="ANF720" s="613"/>
      <c r="ANG720" s="613"/>
      <c r="ANH720" s="613"/>
      <c r="ANI720" s="613"/>
      <c r="ANJ720" s="613"/>
      <c r="ANK720" s="613"/>
      <c r="ANL720" s="613"/>
      <c r="ANM720" s="613"/>
      <c r="ANN720" s="613"/>
      <c r="ANO720" s="613"/>
      <c r="ANP720" s="613"/>
      <c r="ANQ720" s="613"/>
      <c r="ANR720" s="613"/>
      <c r="ANS720" s="613"/>
      <c r="ANT720" s="613"/>
      <c r="ANU720" s="613"/>
      <c r="ANV720" s="613"/>
      <c r="ANW720" s="613"/>
      <c r="ANX720" s="613"/>
      <c r="ANY720" s="613"/>
      <c r="ANZ720" s="613"/>
      <c r="AOA720" s="613"/>
      <c r="AOB720" s="613"/>
      <c r="AOC720" s="613"/>
      <c r="AOD720" s="613"/>
      <c r="AOE720" s="613"/>
      <c r="AOF720" s="613"/>
      <c r="AOG720" s="613"/>
      <c r="AOH720" s="613"/>
      <c r="AOI720" s="613"/>
      <c r="AOJ720" s="613"/>
      <c r="AOK720" s="613"/>
      <c r="AOL720" s="613"/>
      <c r="AOM720" s="613"/>
      <c r="AON720" s="613"/>
      <c r="AOO720" s="613"/>
      <c r="AOP720" s="613"/>
      <c r="AOQ720" s="613"/>
      <c r="AOR720" s="613"/>
      <c r="AOS720" s="613"/>
      <c r="AOT720" s="613"/>
      <c r="AOU720" s="613"/>
      <c r="AOV720" s="613"/>
      <c r="AOW720" s="613"/>
      <c r="AOX720" s="613"/>
      <c r="AOY720" s="613"/>
      <c r="AOZ720" s="613"/>
      <c r="APA720" s="613"/>
      <c r="APB720" s="613"/>
      <c r="APC720" s="613"/>
      <c r="APD720" s="613"/>
      <c r="APE720" s="613"/>
      <c r="APF720" s="613"/>
      <c r="APG720" s="613"/>
      <c r="APH720" s="613"/>
      <c r="API720" s="613"/>
      <c r="APJ720" s="613"/>
      <c r="APK720" s="613"/>
      <c r="APL720" s="613"/>
      <c r="APM720" s="613"/>
      <c r="APN720" s="613"/>
      <c r="APO720" s="613"/>
      <c r="APP720" s="613"/>
      <c r="APQ720" s="613"/>
      <c r="APR720" s="613"/>
      <c r="APS720" s="613"/>
      <c r="APT720" s="613"/>
      <c r="APU720" s="613"/>
      <c r="APV720" s="613"/>
      <c r="APW720" s="613"/>
      <c r="APX720" s="613"/>
      <c r="APY720" s="613"/>
      <c r="APZ720" s="613"/>
      <c r="AQA720" s="613"/>
      <c r="AQB720" s="613"/>
      <c r="AQC720" s="613"/>
      <c r="AQD720" s="613"/>
      <c r="AQE720" s="613"/>
      <c r="AQF720" s="613"/>
      <c r="AQG720" s="613"/>
      <c r="AQH720" s="613"/>
      <c r="AQI720" s="613"/>
      <c r="AQJ720" s="613"/>
      <c r="AQK720" s="613"/>
      <c r="AQL720" s="613"/>
      <c r="AQM720" s="613"/>
      <c r="AQN720" s="613"/>
      <c r="AQO720" s="613"/>
      <c r="AQP720" s="613"/>
      <c r="AQQ720" s="613"/>
      <c r="AQR720" s="613"/>
      <c r="AQS720" s="613"/>
      <c r="AQT720" s="613"/>
      <c r="AQU720" s="613"/>
      <c r="AQV720" s="613"/>
      <c r="AQW720" s="613"/>
      <c r="AQX720" s="613"/>
      <c r="AQY720" s="613"/>
      <c r="AQZ720" s="613"/>
      <c r="ARA720" s="613"/>
      <c r="ARB720" s="613"/>
      <c r="ARC720" s="613"/>
      <c r="ARD720" s="613"/>
      <c r="ARE720" s="613"/>
      <c r="ARF720" s="613"/>
      <c r="ARG720" s="613"/>
      <c r="ARH720" s="613"/>
      <c r="ARI720" s="613"/>
      <c r="ARJ720" s="613"/>
      <c r="ARK720" s="613"/>
      <c r="ARL720" s="613"/>
      <c r="ARM720" s="613"/>
      <c r="ARN720" s="613"/>
      <c r="ARO720" s="613"/>
      <c r="ARP720" s="613"/>
      <c r="ARQ720" s="613"/>
      <c r="ARR720" s="613"/>
      <c r="ARS720" s="613"/>
      <c r="ART720" s="613"/>
      <c r="ARU720" s="613"/>
      <c r="ARV720" s="613"/>
      <c r="ARW720" s="613"/>
      <c r="ARX720" s="613"/>
      <c r="ARY720" s="613"/>
      <c r="ARZ720" s="613"/>
      <c r="ASA720" s="613"/>
      <c r="ASB720" s="613"/>
      <c r="ASC720" s="613"/>
      <c r="ASD720" s="613"/>
      <c r="ASE720" s="613"/>
      <c r="ASF720" s="613"/>
      <c r="ASG720" s="613"/>
      <c r="ASH720" s="613"/>
      <c r="ASI720" s="613"/>
      <c r="ASJ720" s="613"/>
      <c r="ASK720" s="613"/>
      <c r="ASL720" s="613"/>
      <c r="ASM720" s="613"/>
      <c r="ASN720" s="613"/>
      <c r="ASO720" s="613"/>
      <c r="ASP720" s="613"/>
      <c r="ASQ720" s="613"/>
      <c r="ASR720" s="613"/>
      <c r="ASS720" s="613"/>
      <c r="AST720" s="613"/>
      <c r="ASU720" s="613"/>
      <c r="ASV720" s="613"/>
      <c r="ASW720" s="613"/>
      <c r="ASX720" s="613"/>
      <c r="ASY720" s="613"/>
      <c r="ASZ720" s="613"/>
      <c r="ATA720" s="613"/>
      <c r="ATB720" s="613"/>
      <c r="ATC720" s="613"/>
      <c r="ATD720" s="613"/>
      <c r="ATE720" s="613"/>
      <c r="ATF720" s="613"/>
      <c r="ATG720" s="613"/>
      <c r="ATH720" s="613"/>
      <c r="ATI720" s="613"/>
      <c r="ATJ720" s="613"/>
      <c r="ATK720" s="613"/>
      <c r="ATL720" s="613"/>
      <c r="ATM720" s="613"/>
      <c r="ATN720" s="613"/>
      <c r="ATO720" s="613"/>
      <c r="ATP720" s="613"/>
      <c r="ATQ720" s="613"/>
      <c r="ATR720" s="613"/>
      <c r="ATS720" s="613"/>
      <c r="ATT720" s="613"/>
      <c r="ATU720" s="613"/>
      <c r="ATV720" s="613"/>
      <c r="ATW720" s="613"/>
      <c r="ATX720" s="613"/>
      <c r="ATY720" s="613"/>
      <c r="ATZ720" s="613"/>
      <c r="AUA720" s="613"/>
      <c r="AUB720" s="613"/>
      <c r="AUC720" s="613"/>
      <c r="AUD720" s="613"/>
      <c r="AUE720" s="613"/>
      <c r="AUF720" s="613"/>
      <c r="AUG720" s="613"/>
      <c r="AUH720" s="613"/>
      <c r="AUI720" s="613"/>
      <c r="AUJ720" s="613"/>
      <c r="AUK720" s="613"/>
      <c r="AUL720" s="613"/>
      <c r="AUM720" s="613"/>
      <c r="AUN720" s="613"/>
      <c r="AUO720" s="613"/>
      <c r="AUP720" s="613"/>
      <c r="AUQ720" s="613"/>
      <c r="AUR720" s="613"/>
      <c r="AUS720" s="613"/>
      <c r="AUT720" s="613"/>
      <c r="AUU720" s="613"/>
      <c r="AUV720" s="613"/>
      <c r="AUW720" s="613"/>
      <c r="AUX720" s="613"/>
      <c r="AUY720" s="613"/>
      <c r="AUZ720" s="613"/>
      <c r="AVA720" s="613"/>
      <c r="AVB720" s="613"/>
      <c r="AVC720" s="613"/>
      <c r="AVD720" s="613"/>
      <c r="AVE720" s="613"/>
      <c r="AVF720" s="613"/>
      <c r="AVG720" s="613"/>
      <c r="AVH720" s="613"/>
      <c r="AVI720" s="613"/>
      <c r="AVJ720" s="613"/>
      <c r="AVK720" s="613"/>
      <c r="AVL720" s="613"/>
      <c r="AVM720" s="613"/>
      <c r="AVN720" s="613"/>
      <c r="AVO720" s="613"/>
      <c r="AVP720" s="613"/>
      <c r="AVQ720" s="613"/>
      <c r="AVR720" s="613"/>
      <c r="AVS720" s="613"/>
      <c r="AVT720" s="613"/>
      <c r="AVU720" s="613"/>
      <c r="AVV720" s="613"/>
      <c r="AVW720" s="613"/>
      <c r="AVX720" s="613"/>
      <c r="AVY720" s="613"/>
      <c r="AVZ720" s="613"/>
      <c r="AWA720" s="613"/>
      <c r="AWB720" s="613"/>
      <c r="AWC720" s="613"/>
      <c r="AWD720" s="613"/>
      <c r="AWE720" s="613"/>
      <c r="AWF720" s="613"/>
      <c r="AWG720" s="613"/>
      <c r="AWH720" s="613"/>
      <c r="AWI720" s="613"/>
      <c r="AWJ720" s="613"/>
      <c r="AWK720" s="613"/>
      <c r="AWL720" s="613"/>
      <c r="AWM720" s="613"/>
      <c r="AWN720" s="613"/>
      <c r="AWO720" s="613"/>
      <c r="AWP720" s="613"/>
      <c r="AWQ720" s="613"/>
      <c r="AWR720" s="613"/>
      <c r="AWS720" s="613"/>
      <c r="AWT720" s="613"/>
      <c r="AWU720" s="613"/>
      <c r="AWV720" s="613"/>
      <c r="AWW720" s="613"/>
      <c r="AWX720" s="613"/>
      <c r="AWY720" s="613"/>
      <c r="AWZ720" s="613"/>
      <c r="AXA720" s="613"/>
      <c r="AXB720" s="613"/>
      <c r="AXC720" s="613"/>
      <c r="AXD720" s="613"/>
      <c r="AXE720" s="613"/>
      <c r="AXF720" s="613"/>
      <c r="AXG720" s="613"/>
      <c r="AXH720" s="613"/>
      <c r="AXI720" s="613"/>
      <c r="AXJ720" s="613"/>
      <c r="AXK720" s="613"/>
      <c r="AXL720" s="613"/>
      <c r="AXM720" s="613"/>
      <c r="AXN720" s="613"/>
      <c r="AXO720" s="613"/>
      <c r="AXP720" s="613"/>
      <c r="AXQ720" s="613"/>
      <c r="AXR720" s="613"/>
      <c r="AXS720" s="613"/>
      <c r="AXT720" s="613"/>
      <c r="AXU720" s="613"/>
      <c r="AXV720" s="613"/>
      <c r="AXW720" s="613"/>
      <c r="AXX720" s="613"/>
      <c r="AXY720" s="613"/>
      <c r="AXZ720" s="613"/>
      <c r="AYA720" s="613"/>
      <c r="AYB720" s="613"/>
      <c r="AYC720" s="613"/>
      <c r="AYD720" s="613"/>
      <c r="AYE720" s="613"/>
      <c r="AYF720" s="613"/>
      <c r="AYG720" s="613"/>
      <c r="AYH720" s="613"/>
      <c r="AYI720" s="613"/>
      <c r="AYJ720" s="613"/>
      <c r="AYK720" s="613"/>
      <c r="AYL720" s="613"/>
      <c r="AYM720" s="613"/>
      <c r="AYN720" s="613"/>
      <c r="AYO720" s="613"/>
      <c r="AYP720" s="613"/>
      <c r="AYQ720" s="613"/>
      <c r="AYR720" s="613"/>
      <c r="AYS720" s="613"/>
      <c r="AYT720" s="613"/>
      <c r="AYU720" s="613"/>
      <c r="AYV720" s="613"/>
      <c r="AYW720" s="613"/>
      <c r="AYX720" s="613"/>
      <c r="AYY720" s="613"/>
      <c r="AYZ720" s="613"/>
      <c r="AZA720" s="613"/>
      <c r="AZB720" s="613"/>
      <c r="AZC720" s="613"/>
      <c r="AZD720" s="613"/>
      <c r="AZE720" s="613"/>
      <c r="AZF720" s="613"/>
      <c r="AZG720" s="613"/>
      <c r="AZH720" s="613"/>
      <c r="AZI720" s="613"/>
      <c r="AZJ720" s="613"/>
      <c r="AZK720" s="613"/>
      <c r="AZL720" s="613"/>
      <c r="AZM720" s="613"/>
      <c r="AZN720" s="613"/>
      <c r="AZO720" s="613"/>
      <c r="AZP720" s="613"/>
      <c r="AZQ720" s="613"/>
      <c r="AZR720" s="613"/>
      <c r="AZS720" s="613"/>
      <c r="AZT720" s="613"/>
      <c r="AZU720" s="613"/>
      <c r="AZV720" s="613"/>
      <c r="AZW720" s="613"/>
      <c r="AZX720" s="613"/>
      <c r="AZY720" s="613"/>
      <c r="AZZ720" s="613"/>
      <c r="BAA720" s="613"/>
      <c r="BAB720" s="613"/>
      <c r="BAC720" s="613"/>
      <c r="BAD720" s="613"/>
      <c r="BAE720" s="613"/>
      <c r="BAF720" s="613"/>
      <c r="BAG720" s="613"/>
      <c r="BAH720" s="613"/>
      <c r="BAI720" s="613"/>
      <c r="BAJ720" s="613"/>
      <c r="BAK720" s="613"/>
      <c r="BAL720" s="613"/>
      <c r="BAM720" s="613"/>
      <c r="BAN720" s="613"/>
      <c r="BAO720" s="613"/>
      <c r="BAP720" s="613"/>
      <c r="BAQ720" s="613"/>
      <c r="BAR720" s="613"/>
      <c r="BAS720" s="613"/>
      <c r="BAT720" s="613"/>
      <c r="BAU720" s="613"/>
      <c r="BAV720" s="613"/>
      <c r="BAW720" s="613"/>
      <c r="BAX720" s="613"/>
      <c r="BAY720" s="613"/>
      <c r="BAZ720" s="613"/>
      <c r="BBA720" s="613"/>
      <c r="BBB720" s="613"/>
      <c r="BBC720" s="613"/>
      <c r="BBD720" s="613"/>
      <c r="BBE720" s="613"/>
      <c r="BBF720" s="613"/>
      <c r="BBG720" s="613"/>
      <c r="BBH720" s="613"/>
      <c r="BBI720" s="613"/>
      <c r="BBJ720" s="613"/>
      <c r="BBK720" s="613"/>
      <c r="BBL720" s="613"/>
      <c r="BBM720" s="613"/>
      <c r="BBN720" s="613"/>
      <c r="BBO720" s="613"/>
      <c r="BBP720" s="613"/>
      <c r="BBQ720" s="613"/>
      <c r="BBR720" s="613"/>
      <c r="BBS720" s="613"/>
      <c r="BBT720" s="613"/>
      <c r="BBU720" s="613"/>
      <c r="BBV720" s="613"/>
      <c r="BBW720" s="613"/>
      <c r="BBX720" s="613"/>
      <c r="BBY720" s="613"/>
      <c r="BBZ720" s="613"/>
      <c r="BCA720" s="613"/>
      <c r="BCB720" s="613"/>
      <c r="BCC720" s="613"/>
      <c r="BCD720" s="613"/>
      <c r="BCE720" s="613"/>
      <c r="BCF720" s="613"/>
      <c r="BCG720" s="613"/>
      <c r="BCH720" s="613"/>
      <c r="BCI720" s="613"/>
      <c r="BCJ720" s="613"/>
      <c r="BCK720" s="613"/>
      <c r="BCL720" s="613"/>
      <c r="BCM720" s="613"/>
      <c r="BCN720" s="613"/>
      <c r="BCO720" s="613"/>
      <c r="BCP720" s="613"/>
      <c r="BCQ720" s="613"/>
      <c r="BCR720" s="613"/>
      <c r="BCS720" s="613"/>
      <c r="BCT720" s="613"/>
      <c r="BCU720" s="613"/>
      <c r="BCV720" s="613"/>
      <c r="BCW720" s="613"/>
      <c r="BCX720" s="613"/>
      <c r="BCY720" s="613"/>
      <c r="BCZ720" s="613"/>
      <c r="BDA720" s="613"/>
      <c r="BDB720" s="613"/>
      <c r="BDC720" s="613"/>
      <c r="BDD720" s="613"/>
      <c r="BDE720" s="613"/>
      <c r="BDF720" s="613"/>
      <c r="BDG720" s="613"/>
      <c r="BDH720" s="613"/>
      <c r="BDI720" s="613"/>
      <c r="BDJ720" s="613"/>
      <c r="BDK720" s="613"/>
      <c r="BDL720" s="613"/>
      <c r="BDM720" s="613"/>
      <c r="BDN720" s="613"/>
      <c r="BDO720" s="613"/>
      <c r="BDP720" s="613"/>
      <c r="BDQ720" s="613"/>
      <c r="BDR720" s="613"/>
      <c r="BDS720" s="613"/>
      <c r="BDT720" s="613"/>
      <c r="BDU720" s="613"/>
      <c r="BDV720" s="613"/>
      <c r="BDW720" s="613"/>
      <c r="BDX720" s="613"/>
      <c r="BDY720" s="613"/>
      <c r="BDZ720" s="613"/>
      <c r="BEA720" s="613"/>
      <c r="BEB720" s="613"/>
      <c r="BEC720" s="613"/>
      <c r="BED720" s="613"/>
      <c r="BEE720" s="613"/>
      <c r="BEF720" s="613"/>
      <c r="BEG720" s="613"/>
      <c r="BEH720" s="613"/>
      <c r="BEI720" s="613"/>
      <c r="BEJ720" s="613"/>
      <c r="BEK720" s="613"/>
      <c r="BEL720" s="613"/>
      <c r="BEM720" s="613"/>
      <c r="BEN720" s="613"/>
      <c r="BEO720" s="613"/>
      <c r="BEP720" s="613"/>
      <c r="BEQ720" s="613"/>
      <c r="BER720" s="613"/>
      <c r="BES720" s="613"/>
      <c r="BET720" s="613"/>
      <c r="BEU720" s="613"/>
      <c r="BEV720" s="613"/>
      <c r="BEW720" s="613"/>
      <c r="BEX720" s="613"/>
      <c r="BEY720" s="613"/>
      <c r="BEZ720" s="613"/>
      <c r="BFA720" s="613"/>
      <c r="BFB720" s="613"/>
      <c r="BFC720" s="613"/>
      <c r="BFD720" s="613"/>
      <c r="BFE720" s="613"/>
      <c r="BFF720" s="613"/>
      <c r="BFG720" s="613"/>
      <c r="BFH720" s="613"/>
      <c r="BFI720" s="613"/>
      <c r="BFJ720" s="613"/>
      <c r="BFK720" s="613"/>
      <c r="BFL720" s="613"/>
      <c r="BFM720" s="613"/>
      <c r="BFN720" s="613"/>
      <c r="BFO720" s="613"/>
      <c r="BFP720" s="613"/>
      <c r="BFQ720" s="613"/>
      <c r="BFR720" s="613"/>
      <c r="BFS720" s="613"/>
      <c r="BFT720" s="613"/>
      <c r="BFU720" s="613"/>
      <c r="BFV720" s="613"/>
      <c r="BFW720" s="613"/>
      <c r="BFX720" s="613"/>
      <c r="BFY720" s="613"/>
      <c r="BFZ720" s="613"/>
      <c r="BGA720" s="613"/>
      <c r="BGB720" s="613"/>
      <c r="BGC720" s="613"/>
      <c r="BGD720" s="613"/>
      <c r="BGE720" s="613"/>
      <c r="BGF720" s="613"/>
      <c r="BGG720" s="613"/>
      <c r="BGH720" s="613"/>
      <c r="BGI720" s="613"/>
      <c r="BGJ720" s="613"/>
      <c r="BGK720" s="613"/>
      <c r="BGL720" s="613"/>
      <c r="BGM720" s="613"/>
      <c r="BGN720" s="613"/>
      <c r="BGO720" s="613"/>
      <c r="BGP720" s="613"/>
      <c r="BGQ720" s="613"/>
      <c r="BGR720" s="613"/>
      <c r="BGS720" s="613"/>
      <c r="BGT720" s="613"/>
      <c r="BGU720" s="613"/>
      <c r="BGV720" s="613"/>
      <c r="BGW720" s="613"/>
      <c r="BGX720" s="613"/>
      <c r="BGY720" s="613"/>
      <c r="BGZ720" s="613"/>
      <c r="BHA720" s="613"/>
      <c r="BHB720" s="613"/>
      <c r="BHC720" s="613"/>
      <c r="BHD720" s="613"/>
      <c r="BHE720" s="613"/>
      <c r="BHF720" s="613"/>
      <c r="BHG720" s="613"/>
      <c r="BHH720" s="613"/>
      <c r="BHI720" s="613"/>
      <c r="BHJ720" s="613"/>
      <c r="BHK720" s="613"/>
      <c r="BHL720" s="613"/>
      <c r="BHM720" s="613"/>
      <c r="BHN720" s="613"/>
      <c r="BHO720" s="613"/>
      <c r="BHP720" s="613"/>
      <c r="BHQ720" s="613"/>
      <c r="BHR720" s="613"/>
      <c r="BHS720" s="613"/>
      <c r="BHT720" s="613"/>
      <c r="BHU720" s="613"/>
      <c r="BHV720" s="613"/>
      <c r="BHW720" s="613"/>
      <c r="BHX720" s="613"/>
      <c r="BHY720" s="613"/>
      <c r="BHZ720" s="613"/>
      <c r="BIA720" s="613"/>
      <c r="BIB720" s="613"/>
      <c r="BIC720" s="613"/>
      <c r="BID720" s="613"/>
      <c r="BIE720" s="613"/>
      <c r="BIF720" s="613"/>
      <c r="BIG720" s="613"/>
      <c r="BIH720" s="613"/>
      <c r="BII720" s="613"/>
      <c r="BIJ720" s="613"/>
      <c r="BIK720" s="613"/>
      <c r="BIL720" s="613"/>
      <c r="BIM720" s="613"/>
      <c r="BIN720" s="613"/>
      <c r="BIO720" s="613"/>
      <c r="BIP720" s="613"/>
      <c r="BIQ720" s="613"/>
      <c r="BIR720" s="613"/>
      <c r="BIS720" s="613"/>
      <c r="BIT720" s="613"/>
      <c r="BIU720" s="613"/>
      <c r="BIV720" s="613"/>
      <c r="BIW720" s="613"/>
      <c r="BIX720" s="613"/>
      <c r="BIY720" s="613"/>
      <c r="BIZ720" s="613"/>
      <c r="BJA720" s="613"/>
      <c r="BJB720" s="613"/>
      <c r="BJC720" s="613"/>
      <c r="BJD720" s="613"/>
      <c r="BJE720" s="613"/>
      <c r="BJF720" s="613"/>
      <c r="BJG720" s="613"/>
      <c r="BJH720" s="613"/>
      <c r="BJI720" s="613"/>
      <c r="BJJ720" s="613"/>
      <c r="BJK720" s="613"/>
      <c r="BJL720" s="613"/>
      <c r="BJM720" s="613"/>
      <c r="BJN720" s="613"/>
      <c r="BJO720" s="613"/>
      <c r="BJP720" s="613"/>
      <c r="BJQ720" s="613"/>
      <c r="BJR720" s="613"/>
      <c r="BJS720" s="613"/>
      <c r="BJT720" s="613"/>
      <c r="BJU720" s="613"/>
      <c r="BJV720" s="613"/>
      <c r="BJW720" s="613"/>
      <c r="BJX720" s="613"/>
      <c r="BJY720" s="613"/>
      <c r="BJZ720" s="613"/>
      <c r="BKA720" s="613"/>
      <c r="BKB720" s="613"/>
      <c r="BKC720" s="613"/>
      <c r="BKD720" s="613"/>
      <c r="BKE720" s="613"/>
      <c r="BKF720" s="613"/>
      <c r="BKG720" s="613"/>
      <c r="BKH720" s="613"/>
      <c r="BKI720" s="613"/>
      <c r="BKJ720" s="613"/>
      <c r="BKK720" s="613"/>
      <c r="BKL720" s="613"/>
      <c r="BKM720" s="613"/>
      <c r="BKN720" s="613"/>
      <c r="BKO720" s="613"/>
      <c r="BKP720" s="613"/>
      <c r="BKQ720" s="613"/>
      <c r="BKR720" s="613"/>
      <c r="BKS720" s="613"/>
      <c r="BKT720" s="613"/>
      <c r="BKU720" s="613"/>
      <c r="BKV720" s="613"/>
      <c r="BKW720" s="613"/>
      <c r="BKX720" s="613"/>
      <c r="BKY720" s="613"/>
      <c r="BKZ720" s="613"/>
      <c r="BLA720" s="613"/>
      <c r="BLB720" s="613"/>
      <c r="BLC720" s="613"/>
      <c r="BLD720" s="613"/>
      <c r="BLE720" s="613"/>
      <c r="BLF720" s="613"/>
      <c r="BLG720" s="613"/>
      <c r="BLH720" s="613"/>
      <c r="BLI720" s="613"/>
      <c r="BLJ720" s="613"/>
      <c r="BLK720" s="613"/>
      <c r="BLL720" s="613"/>
      <c r="BLM720" s="613"/>
      <c r="BLN720" s="613"/>
      <c r="BLO720" s="613"/>
      <c r="BLP720" s="613"/>
      <c r="BLQ720" s="613"/>
      <c r="BLR720" s="613"/>
      <c r="BLS720" s="613"/>
      <c r="BLT720" s="613"/>
      <c r="BLU720" s="613"/>
      <c r="BLV720" s="613"/>
      <c r="BLW720" s="613"/>
      <c r="BLX720" s="613"/>
      <c r="BLY720" s="613"/>
      <c r="BLZ720" s="613"/>
      <c r="BMA720" s="613"/>
      <c r="BMB720" s="613"/>
      <c r="BMC720" s="613"/>
      <c r="BMD720" s="613"/>
      <c r="BME720" s="613"/>
      <c r="BMF720" s="613"/>
      <c r="BMG720" s="613"/>
      <c r="BMH720" s="613"/>
      <c r="BMI720" s="613"/>
      <c r="BMJ720" s="613"/>
      <c r="BMK720" s="613"/>
      <c r="BML720" s="613"/>
      <c r="BMM720" s="613"/>
      <c r="BMN720" s="613"/>
      <c r="BMO720" s="613"/>
      <c r="BMP720" s="613"/>
      <c r="BMQ720" s="613"/>
      <c r="BMR720" s="613"/>
      <c r="BMS720" s="613"/>
      <c r="BMT720" s="613"/>
      <c r="BMU720" s="613"/>
      <c r="BMV720" s="613"/>
      <c r="BMW720" s="613"/>
      <c r="BMX720" s="613"/>
      <c r="BMY720" s="613"/>
      <c r="BMZ720" s="613"/>
      <c r="BNA720" s="613"/>
      <c r="BNB720" s="613"/>
      <c r="BNC720" s="613"/>
      <c r="BND720" s="613"/>
      <c r="BNE720" s="613"/>
      <c r="BNF720" s="613"/>
      <c r="BNG720" s="613"/>
      <c r="BNH720" s="613"/>
      <c r="BNI720" s="613"/>
      <c r="BNJ720" s="613"/>
      <c r="BNK720" s="613"/>
      <c r="BNL720" s="613"/>
      <c r="BNM720" s="613"/>
      <c r="BNN720" s="613"/>
      <c r="BNO720" s="613"/>
      <c r="BNP720" s="613"/>
      <c r="BNQ720" s="613"/>
      <c r="BNR720" s="613"/>
      <c r="BNS720" s="613"/>
      <c r="BNT720" s="613"/>
      <c r="BNU720" s="613"/>
      <c r="BNV720" s="613"/>
      <c r="BNW720" s="613"/>
      <c r="BNX720" s="613"/>
      <c r="BNY720" s="613"/>
      <c r="BNZ720" s="613"/>
      <c r="BOA720" s="613"/>
      <c r="BOB720" s="613"/>
      <c r="BOC720" s="613"/>
      <c r="BOD720" s="613"/>
      <c r="BOE720" s="613"/>
      <c r="BOF720" s="613"/>
      <c r="BOG720" s="613"/>
      <c r="BOH720" s="613"/>
      <c r="BOI720" s="613"/>
      <c r="BOJ720" s="613"/>
      <c r="BOK720" s="613"/>
      <c r="BOL720" s="613"/>
      <c r="BOM720" s="613"/>
      <c r="BON720" s="613"/>
      <c r="BOO720" s="613"/>
      <c r="BOP720" s="613"/>
      <c r="BOQ720" s="613"/>
      <c r="BOR720" s="613"/>
      <c r="BOS720" s="613"/>
      <c r="BOT720" s="613"/>
      <c r="BOU720" s="613"/>
      <c r="BOV720" s="613"/>
      <c r="BOW720" s="613"/>
      <c r="BOX720" s="613"/>
      <c r="BOY720" s="613"/>
      <c r="BOZ720" s="613"/>
      <c r="BPA720" s="613"/>
      <c r="BPB720" s="613"/>
      <c r="BPC720" s="613"/>
      <c r="BPD720" s="613"/>
      <c r="BPE720" s="613"/>
      <c r="BPF720" s="613"/>
      <c r="BPG720" s="613"/>
      <c r="BPH720" s="613"/>
      <c r="BPI720" s="613"/>
      <c r="BPJ720" s="613"/>
      <c r="BPK720" s="613"/>
      <c r="BPL720" s="613"/>
      <c r="BPM720" s="613"/>
      <c r="BPN720" s="613"/>
      <c r="BPO720" s="613"/>
      <c r="BPP720" s="613"/>
      <c r="BPQ720" s="613"/>
      <c r="BPR720" s="613"/>
      <c r="BPS720" s="613"/>
      <c r="BPT720" s="613"/>
      <c r="BPU720" s="613"/>
      <c r="BPV720" s="613"/>
      <c r="BPW720" s="613"/>
      <c r="BPX720" s="613"/>
      <c r="BPY720" s="613"/>
      <c r="BPZ720" s="613"/>
      <c r="BQA720" s="613"/>
      <c r="BQB720" s="613"/>
      <c r="BQC720" s="613"/>
      <c r="BQD720" s="613"/>
      <c r="BQE720" s="613"/>
      <c r="BQF720" s="613"/>
      <c r="BQG720" s="613"/>
      <c r="BQH720" s="613"/>
      <c r="BQI720" s="613"/>
      <c r="BQJ720" s="613"/>
      <c r="BQK720" s="613"/>
      <c r="BQL720" s="613"/>
      <c r="BQM720" s="613"/>
      <c r="BQN720" s="613"/>
      <c r="BQO720" s="613"/>
      <c r="BQP720" s="613"/>
      <c r="BQQ720" s="613"/>
      <c r="BQR720" s="613"/>
      <c r="BQS720" s="613"/>
      <c r="BQT720" s="613"/>
      <c r="BQU720" s="613"/>
      <c r="BQV720" s="613"/>
      <c r="BQW720" s="613"/>
      <c r="BQX720" s="613"/>
      <c r="BQY720" s="613"/>
      <c r="BQZ720" s="613"/>
      <c r="BRA720" s="613"/>
      <c r="BRB720" s="613"/>
      <c r="BRC720" s="613"/>
      <c r="BRD720" s="613"/>
      <c r="BRE720" s="613"/>
      <c r="BRF720" s="613"/>
      <c r="BRG720" s="613"/>
      <c r="BRH720" s="613"/>
      <c r="BRI720" s="613"/>
      <c r="BRJ720" s="613"/>
      <c r="BRK720" s="613"/>
      <c r="BRL720" s="613"/>
      <c r="BRM720" s="613"/>
      <c r="BRN720" s="613"/>
      <c r="BRO720" s="613"/>
      <c r="BRP720" s="613"/>
      <c r="BRQ720" s="613"/>
      <c r="BRR720" s="613"/>
      <c r="BRS720" s="613"/>
      <c r="BRT720" s="613"/>
      <c r="BRU720" s="613"/>
      <c r="BRV720" s="613"/>
      <c r="BRW720" s="613"/>
      <c r="BRX720" s="613"/>
      <c r="BRY720" s="613"/>
      <c r="BRZ720" s="613"/>
      <c r="BSA720" s="613"/>
      <c r="BSB720" s="613"/>
      <c r="BSC720" s="613"/>
      <c r="BSD720" s="613"/>
      <c r="BSE720" s="613"/>
      <c r="BSF720" s="613"/>
      <c r="BSG720" s="613"/>
      <c r="BSH720" s="613"/>
      <c r="BSI720" s="613"/>
      <c r="BSJ720" s="613"/>
      <c r="BSK720" s="613"/>
      <c r="BSL720" s="613"/>
      <c r="BSM720" s="613"/>
      <c r="BSN720" s="613"/>
      <c r="BSO720" s="613"/>
      <c r="BSP720" s="613"/>
      <c r="BSQ720" s="613"/>
      <c r="BSR720" s="613"/>
      <c r="BSS720" s="613"/>
      <c r="BST720" s="613"/>
      <c r="BSU720" s="613"/>
      <c r="BSV720" s="613"/>
      <c r="BSW720" s="613"/>
      <c r="BSX720" s="613"/>
      <c r="BSY720" s="613"/>
      <c r="BSZ720" s="613"/>
      <c r="BTA720" s="613"/>
      <c r="BTB720" s="613"/>
      <c r="BTC720" s="613"/>
      <c r="BTD720" s="613"/>
      <c r="BTE720" s="613"/>
      <c r="BTF720" s="613"/>
      <c r="BTG720" s="613"/>
      <c r="BTH720" s="613"/>
      <c r="BTI720" s="613"/>
      <c r="BTJ720" s="613"/>
      <c r="BTK720" s="613"/>
      <c r="BTL720" s="613"/>
      <c r="BTM720" s="613"/>
      <c r="BTN720" s="613"/>
      <c r="BTO720" s="613"/>
      <c r="BTP720" s="613"/>
      <c r="BTQ720" s="613"/>
      <c r="BTR720" s="613"/>
      <c r="BTS720" s="613"/>
      <c r="BTT720" s="613"/>
      <c r="BTU720" s="613"/>
      <c r="BTV720" s="613"/>
      <c r="BTW720" s="613"/>
      <c r="BTX720" s="613"/>
      <c r="BTY720" s="613"/>
      <c r="BTZ720" s="613"/>
      <c r="BUA720" s="613"/>
      <c r="BUB720" s="613"/>
      <c r="BUC720" s="613"/>
      <c r="BUD720" s="613"/>
      <c r="BUE720" s="613"/>
      <c r="BUF720" s="613"/>
      <c r="BUG720" s="613"/>
      <c r="BUH720" s="613"/>
      <c r="BUI720" s="613"/>
      <c r="BUJ720" s="613"/>
      <c r="BUK720" s="613"/>
      <c r="BUL720" s="613"/>
      <c r="BUM720" s="613"/>
      <c r="BUN720" s="613"/>
      <c r="BUO720" s="613"/>
      <c r="BUP720" s="613"/>
      <c r="BUQ720" s="613"/>
      <c r="BUR720" s="613"/>
      <c r="BUS720" s="613"/>
      <c r="BUT720" s="613"/>
      <c r="BUU720" s="613"/>
      <c r="BUV720" s="613"/>
      <c r="BUW720" s="613"/>
      <c r="BUX720" s="613"/>
      <c r="BUY720" s="613"/>
      <c r="BUZ720" s="613"/>
      <c r="BVA720" s="613"/>
      <c r="BVB720" s="613"/>
      <c r="BVC720" s="613"/>
      <c r="BVD720" s="613"/>
      <c r="BVE720" s="613"/>
      <c r="BVF720" s="613"/>
      <c r="BVG720" s="613"/>
      <c r="BVH720" s="613"/>
      <c r="BVI720" s="613"/>
      <c r="BVJ720" s="613"/>
      <c r="BVK720" s="613"/>
      <c r="BVL720" s="613"/>
      <c r="BVM720" s="613"/>
      <c r="BVN720" s="613"/>
      <c r="BVO720" s="613"/>
      <c r="BVP720" s="613"/>
      <c r="BVQ720" s="613"/>
      <c r="BVR720" s="613"/>
      <c r="BVS720" s="613"/>
      <c r="BVT720" s="613"/>
      <c r="BVU720" s="613"/>
      <c r="BVV720" s="613"/>
      <c r="BVW720" s="613"/>
      <c r="BVX720" s="613"/>
      <c r="BVY720" s="613"/>
      <c r="BVZ720" s="613"/>
      <c r="BWA720" s="613"/>
      <c r="BWB720" s="613"/>
      <c r="BWC720" s="613"/>
      <c r="BWD720" s="613"/>
      <c r="BWE720" s="613"/>
      <c r="BWF720" s="613"/>
      <c r="BWG720" s="613"/>
      <c r="BWH720" s="613"/>
      <c r="BWI720" s="613"/>
      <c r="BWJ720" s="613"/>
      <c r="BWK720" s="613"/>
      <c r="BWL720" s="613"/>
      <c r="BWM720" s="613"/>
      <c r="BWN720" s="613"/>
      <c r="BWO720" s="613"/>
      <c r="BWP720" s="613"/>
      <c r="BWQ720" s="613"/>
      <c r="BWR720" s="613"/>
      <c r="BWS720" s="613"/>
      <c r="BWT720" s="613"/>
      <c r="BWU720" s="613"/>
      <c r="BWV720" s="613"/>
      <c r="BWW720" s="613"/>
      <c r="BWX720" s="613"/>
      <c r="BWY720" s="613"/>
      <c r="BWZ720" s="613"/>
      <c r="BXA720" s="613"/>
      <c r="BXB720" s="613"/>
      <c r="BXC720" s="613"/>
      <c r="BXD720" s="613"/>
      <c r="BXE720" s="613"/>
      <c r="BXF720" s="613"/>
      <c r="BXG720" s="613"/>
      <c r="BXH720" s="613"/>
      <c r="BXI720" s="613"/>
      <c r="BXJ720" s="613"/>
      <c r="BXK720" s="613"/>
      <c r="BXL720" s="613"/>
      <c r="BXM720" s="613"/>
      <c r="BXN720" s="613"/>
      <c r="BXO720" s="613"/>
      <c r="BXP720" s="613"/>
      <c r="BXQ720" s="613"/>
      <c r="BXR720" s="613"/>
      <c r="BXS720" s="613"/>
      <c r="BXT720" s="613"/>
      <c r="BXU720" s="613"/>
      <c r="BXV720" s="613"/>
      <c r="BXW720" s="613"/>
      <c r="BXX720" s="613"/>
      <c r="BXY720" s="613"/>
      <c r="BXZ720" s="613"/>
      <c r="BYA720" s="613"/>
      <c r="BYB720" s="613"/>
      <c r="BYC720" s="613"/>
      <c r="BYD720" s="613"/>
      <c r="BYE720" s="613"/>
      <c r="BYF720" s="613"/>
      <c r="BYG720" s="613"/>
      <c r="BYH720" s="613"/>
      <c r="BYI720" s="613"/>
      <c r="BYJ720" s="613"/>
      <c r="BYK720" s="613"/>
      <c r="BYL720" s="613"/>
      <c r="BYM720" s="613"/>
      <c r="BYN720" s="613"/>
      <c r="BYO720" s="613"/>
      <c r="BYP720" s="613"/>
      <c r="BYQ720" s="613"/>
      <c r="BYR720" s="613"/>
      <c r="BYS720" s="613"/>
      <c r="BYT720" s="613"/>
      <c r="BYU720" s="613"/>
      <c r="BYV720" s="613"/>
      <c r="BYW720" s="613"/>
      <c r="BYX720" s="613"/>
      <c r="BYY720" s="613"/>
      <c r="BYZ720" s="613"/>
      <c r="BZA720" s="613"/>
      <c r="BZB720" s="613"/>
      <c r="BZC720" s="613"/>
      <c r="BZD720" s="613"/>
      <c r="BZE720" s="613"/>
      <c r="BZF720" s="613"/>
      <c r="BZG720" s="613"/>
      <c r="BZH720" s="613"/>
      <c r="BZI720" s="613"/>
      <c r="BZJ720" s="613"/>
      <c r="BZK720" s="613"/>
      <c r="BZL720" s="613"/>
      <c r="BZM720" s="613"/>
      <c r="BZN720" s="613"/>
      <c r="BZO720" s="613"/>
      <c r="BZP720" s="613"/>
      <c r="BZQ720" s="613"/>
      <c r="BZR720" s="613"/>
      <c r="BZS720" s="613"/>
      <c r="BZT720" s="613"/>
      <c r="BZU720" s="613"/>
      <c r="BZV720" s="613"/>
      <c r="BZW720" s="613"/>
      <c r="BZX720" s="613"/>
      <c r="BZY720" s="613"/>
      <c r="BZZ720" s="613"/>
      <c r="CAA720" s="613"/>
      <c r="CAB720" s="613"/>
      <c r="CAC720" s="613"/>
      <c r="CAD720" s="613"/>
      <c r="CAE720" s="613"/>
      <c r="CAF720" s="613"/>
      <c r="CAG720" s="613"/>
      <c r="CAH720" s="613"/>
      <c r="CAI720" s="613"/>
      <c r="CAJ720" s="613"/>
      <c r="CAK720" s="613"/>
      <c r="CAL720" s="613"/>
      <c r="CAM720" s="613"/>
      <c r="CAN720" s="613"/>
      <c r="CAO720" s="613"/>
      <c r="CAP720" s="613"/>
      <c r="CAQ720" s="613"/>
      <c r="CAR720" s="613"/>
      <c r="CAS720" s="613"/>
      <c r="CAT720" s="613"/>
      <c r="CAU720" s="613"/>
      <c r="CAV720" s="613"/>
      <c r="CAW720" s="613"/>
      <c r="CAX720" s="613"/>
      <c r="CAY720" s="613"/>
      <c r="CAZ720" s="613"/>
      <c r="CBA720" s="613"/>
      <c r="CBB720" s="613"/>
      <c r="CBC720" s="613"/>
      <c r="CBD720" s="613"/>
      <c r="CBE720" s="613"/>
      <c r="CBF720" s="613"/>
      <c r="CBG720" s="613"/>
      <c r="CBH720" s="613"/>
      <c r="CBI720" s="613"/>
      <c r="CBJ720" s="613"/>
      <c r="CBK720" s="613"/>
      <c r="CBL720" s="613"/>
      <c r="CBM720" s="613"/>
      <c r="CBN720" s="613"/>
      <c r="CBO720" s="613"/>
      <c r="CBP720" s="613"/>
      <c r="CBQ720" s="613"/>
      <c r="CBR720" s="613"/>
      <c r="CBS720" s="613"/>
      <c r="CBT720" s="613"/>
      <c r="CBU720" s="613"/>
      <c r="CBV720" s="613"/>
      <c r="CBW720" s="613"/>
      <c r="CBX720" s="613"/>
      <c r="CBY720" s="613"/>
      <c r="CBZ720" s="613"/>
      <c r="CCA720" s="613"/>
      <c r="CCB720" s="613"/>
      <c r="CCC720" s="613"/>
      <c r="CCD720" s="613"/>
      <c r="CCE720" s="613"/>
      <c r="CCF720" s="613"/>
      <c r="CCG720" s="613"/>
      <c r="CCH720" s="613"/>
      <c r="CCI720" s="613"/>
      <c r="CCJ720" s="613"/>
      <c r="CCK720" s="613"/>
      <c r="CCL720" s="613"/>
      <c r="CCM720" s="613"/>
      <c r="CCN720" s="613"/>
      <c r="CCO720" s="613"/>
      <c r="CCP720" s="613"/>
      <c r="CCQ720" s="613"/>
      <c r="CCR720" s="613"/>
      <c r="CCS720" s="613"/>
      <c r="CCT720" s="613"/>
      <c r="CCU720" s="613"/>
      <c r="CCV720" s="613"/>
      <c r="CCW720" s="613"/>
      <c r="CCX720" s="613"/>
      <c r="CCY720" s="613"/>
      <c r="CCZ720" s="613"/>
      <c r="CDA720" s="613"/>
      <c r="CDB720" s="613"/>
      <c r="CDC720" s="613"/>
      <c r="CDD720" s="613"/>
      <c r="CDE720" s="613"/>
      <c r="CDF720" s="613"/>
      <c r="CDG720" s="613"/>
      <c r="CDH720" s="613"/>
      <c r="CDI720" s="613"/>
      <c r="CDJ720" s="613"/>
      <c r="CDK720" s="613"/>
      <c r="CDL720" s="613"/>
      <c r="CDM720" s="613"/>
      <c r="CDN720" s="613"/>
      <c r="CDO720" s="613"/>
      <c r="CDP720" s="613"/>
      <c r="CDQ720" s="613"/>
      <c r="CDR720" s="613"/>
      <c r="CDS720" s="613"/>
      <c r="CDT720" s="613"/>
      <c r="CDU720" s="613"/>
      <c r="CDV720" s="613"/>
      <c r="CDW720" s="613"/>
      <c r="CDX720" s="613"/>
      <c r="CDY720" s="613"/>
      <c r="CDZ720" s="613"/>
      <c r="CEA720" s="613"/>
      <c r="CEB720" s="613"/>
      <c r="CEC720" s="613"/>
      <c r="CED720" s="613"/>
      <c r="CEE720" s="613"/>
      <c r="CEF720" s="613"/>
      <c r="CEG720" s="613"/>
      <c r="CEH720" s="613"/>
      <c r="CEI720" s="613"/>
      <c r="CEJ720" s="613"/>
      <c r="CEK720" s="613"/>
      <c r="CEL720" s="613"/>
      <c r="CEM720" s="613"/>
      <c r="CEN720" s="613"/>
      <c r="CEO720" s="613"/>
      <c r="CEP720" s="613"/>
      <c r="CEQ720" s="613"/>
      <c r="CER720" s="613"/>
      <c r="CES720" s="613"/>
      <c r="CET720" s="613"/>
      <c r="CEU720" s="613"/>
      <c r="CEV720" s="613"/>
      <c r="CEW720" s="613"/>
      <c r="CEX720" s="613"/>
      <c r="CEY720" s="613"/>
      <c r="CEZ720" s="613"/>
      <c r="CFA720" s="613"/>
      <c r="CFB720" s="613"/>
      <c r="CFC720" s="613"/>
      <c r="CFD720" s="613"/>
      <c r="CFE720" s="613"/>
      <c r="CFF720" s="613"/>
      <c r="CFG720" s="613"/>
      <c r="CFH720" s="613"/>
      <c r="CFI720" s="613"/>
      <c r="CFJ720" s="613"/>
      <c r="CFK720" s="613"/>
      <c r="CFL720" s="613"/>
      <c r="CFM720" s="613"/>
      <c r="CFN720" s="613"/>
      <c r="CFO720" s="613"/>
      <c r="CFP720" s="613"/>
      <c r="CFQ720" s="613"/>
      <c r="CFR720" s="613"/>
      <c r="CFS720" s="613"/>
      <c r="CFT720" s="613"/>
      <c r="CFU720" s="613"/>
      <c r="CFV720" s="613"/>
      <c r="CFW720" s="613"/>
      <c r="CFX720" s="613"/>
      <c r="CFY720" s="613"/>
      <c r="CFZ720" s="613"/>
      <c r="CGA720" s="613"/>
      <c r="CGB720" s="613"/>
      <c r="CGC720" s="613"/>
      <c r="CGD720" s="613"/>
      <c r="CGE720" s="613"/>
      <c r="CGF720" s="613"/>
      <c r="CGG720" s="613"/>
      <c r="CGH720" s="613"/>
      <c r="CGI720" s="613"/>
      <c r="CGJ720" s="613"/>
      <c r="CGK720" s="613"/>
      <c r="CGL720" s="613"/>
      <c r="CGM720" s="613"/>
      <c r="CGN720" s="613"/>
      <c r="CGO720" s="613"/>
      <c r="CGP720" s="613"/>
      <c r="CGQ720" s="613"/>
      <c r="CGR720" s="613"/>
      <c r="CGS720" s="613"/>
      <c r="CGT720" s="613"/>
      <c r="CGU720" s="613"/>
      <c r="CGV720" s="613"/>
      <c r="CGW720" s="613"/>
      <c r="CGX720" s="613"/>
      <c r="CGY720" s="613"/>
      <c r="CGZ720" s="613"/>
      <c r="CHA720" s="613"/>
      <c r="CHB720" s="613"/>
      <c r="CHC720" s="613"/>
      <c r="CHD720" s="613"/>
      <c r="CHE720" s="613"/>
      <c r="CHF720" s="613"/>
      <c r="CHG720" s="613"/>
      <c r="CHH720" s="613"/>
      <c r="CHI720" s="613"/>
      <c r="CHJ720" s="613"/>
      <c r="CHK720" s="613"/>
      <c r="CHL720" s="613"/>
      <c r="CHM720" s="613"/>
      <c r="CHN720" s="613"/>
      <c r="CHO720" s="613"/>
      <c r="CHP720" s="613"/>
      <c r="CHQ720" s="613"/>
      <c r="CHR720" s="613"/>
      <c r="CHS720" s="613"/>
      <c r="CHT720" s="613"/>
      <c r="CHU720" s="613"/>
      <c r="CHV720" s="613"/>
      <c r="CHW720" s="613"/>
      <c r="CHX720" s="613"/>
      <c r="CHY720" s="613"/>
      <c r="CHZ720" s="613"/>
      <c r="CIA720" s="613"/>
      <c r="CIB720" s="613"/>
      <c r="CIC720" s="613"/>
      <c r="CID720" s="613"/>
      <c r="CIE720" s="613"/>
      <c r="CIF720" s="613"/>
      <c r="CIG720" s="613"/>
      <c r="CIH720" s="613"/>
      <c r="CII720" s="613"/>
      <c r="CIJ720" s="613"/>
      <c r="CIK720" s="613"/>
      <c r="CIL720" s="613"/>
      <c r="CIM720" s="613"/>
      <c r="CIN720" s="613"/>
      <c r="CIO720" s="613"/>
      <c r="CIP720" s="613"/>
      <c r="CIQ720" s="613"/>
      <c r="CIR720" s="613"/>
      <c r="CIS720" s="613"/>
      <c r="CIT720" s="613"/>
      <c r="CIU720" s="613"/>
      <c r="CIV720" s="613"/>
      <c r="CIW720" s="613"/>
      <c r="CIX720" s="613"/>
      <c r="CIY720" s="613"/>
      <c r="CIZ720" s="613"/>
      <c r="CJA720" s="613"/>
      <c r="CJB720" s="613"/>
      <c r="CJC720" s="613"/>
      <c r="CJD720" s="613"/>
      <c r="CJE720" s="613"/>
      <c r="CJF720" s="613"/>
      <c r="CJG720" s="613"/>
      <c r="CJH720" s="613"/>
      <c r="CJI720" s="613"/>
      <c r="CJJ720" s="613"/>
      <c r="CJK720" s="613"/>
      <c r="CJL720" s="613"/>
      <c r="CJM720" s="613"/>
      <c r="CJN720" s="613"/>
      <c r="CJO720" s="613"/>
      <c r="CJP720" s="613"/>
      <c r="CJQ720" s="613"/>
      <c r="CJR720" s="613"/>
      <c r="CJS720" s="613"/>
      <c r="CJT720" s="613"/>
      <c r="CJU720" s="613"/>
      <c r="CJV720" s="613"/>
      <c r="CJW720" s="613"/>
      <c r="CJX720" s="613"/>
      <c r="CJY720" s="613"/>
      <c r="CJZ720" s="613"/>
      <c r="CKA720" s="613"/>
      <c r="CKB720" s="613"/>
      <c r="CKC720" s="613"/>
      <c r="CKD720" s="613"/>
      <c r="CKE720" s="613"/>
      <c r="CKF720" s="613"/>
      <c r="CKG720" s="613"/>
      <c r="CKH720" s="613"/>
      <c r="CKI720" s="613"/>
      <c r="CKJ720" s="613"/>
      <c r="CKK720" s="613"/>
      <c r="CKL720" s="613"/>
      <c r="CKM720" s="613"/>
      <c r="CKN720" s="613"/>
      <c r="CKO720" s="613"/>
      <c r="CKP720" s="613"/>
      <c r="CKQ720" s="613"/>
      <c r="CKR720" s="613"/>
      <c r="CKS720" s="613"/>
      <c r="CKT720" s="613"/>
      <c r="CKU720" s="613"/>
      <c r="CKV720" s="613"/>
      <c r="CKW720" s="613"/>
      <c r="CKX720" s="613"/>
      <c r="CKY720" s="613"/>
      <c r="CKZ720" s="613"/>
      <c r="CLA720" s="613"/>
      <c r="CLB720" s="613"/>
      <c r="CLC720" s="613"/>
      <c r="CLD720" s="613"/>
      <c r="CLE720" s="613"/>
      <c r="CLF720" s="613"/>
      <c r="CLG720" s="613"/>
      <c r="CLH720" s="613"/>
      <c r="CLI720" s="613"/>
      <c r="CLJ720" s="613"/>
      <c r="CLK720" s="613"/>
      <c r="CLL720" s="613"/>
      <c r="CLM720" s="613"/>
      <c r="CLN720" s="613"/>
      <c r="CLO720" s="613"/>
      <c r="CLP720" s="613"/>
      <c r="CLQ720" s="613"/>
      <c r="CLR720" s="613"/>
      <c r="CLS720" s="613"/>
      <c r="CLT720" s="613"/>
      <c r="CLU720" s="613"/>
      <c r="CLV720" s="613"/>
      <c r="CLW720" s="613"/>
      <c r="CLX720" s="613"/>
      <c r="CLY720" s="613"/>
      <c r="CLZ720" s="613"/>
      <c r="CMA720" s="613"/>
      <c r="CMB720" s="613"/>
      <c r="CMC720" s="613"/>
      <c r="CMD720" s="613"/>
      <c r="CME720" s="613"/>
      <c r="CMF720" s="613"/>
      <c r="CMG720" s="613"/>
      <c r="CMH720" s="613"/>
      <c r="CMI720" s="613"/>
      <c r="CMJ720" s="613"/>
      <c r="CMK720" s="613"/>
      <c r="CML720" s="613"/>
      <c r="CMM720" s="613"/>
      <c r="CMN720" s="613"/>
      <c r="CMO720" s="613"/>
      <c r="CMP720" s="613"/>
      <c r="CMQ720" s="613"/>
      <c r="CMR720" s="613"/>
      <c r="CMS720" s="613"/>
      <c r="CMT720" s="613"/>
      <c r="CMU720" s="613"/>
      <c r="CMV720" s="613"/>
      <c r="CMW720" s="613"/>
      <c r="CMX720" s="613"/>
      <c r="CMY720" s="613"/>
      <c r="CMZ720" s="613"/>
      <c r="CNA720" s="613"/>
      <c r="CNB720" s="613"/>
      <c r="CNC720" s="613"/>
      <c r="CND720" s="613"/>
      <c r="CNE720" s="613"/>
      <c r="CNF720" s="613"/>
      <c r="CNG720" s="613"/>
      <c r="CNH720" s="613"/>
      <c r="CNI720" s="613"/>
      <c r="CNJ720" s="613"/>
      <c r="CNK720" s="613"/>
      <c r="CNL720" s="613"/>
      <c r="CNM720" s="613"/>
      <c r="CNN720" s="613"/>
      <c r="CNO720" s="613"/>
      <c r="CNP720" s="613"/>
      <c r="CNQ720" s="613"/>
      <c r="CNR720" s="613"/>
      <c r="CNS720" s="613"/>
      <c r="CNT720" s="613"/>
      <c r="CNU720" s="613"/>
      <c r="CNV720" s="613"/>
      <c r="CNW720" s="613"/>
      <c r="CNX720" s="613"/>
      <c r="CNY720" s="613"/>
      <c r="CNZ720" s="613"/>
      <c r="COA720" s="613"/>
      <c r="COB720" s="613"/>
      <c r="COC720" s="613"/>
      <c r="COD720" s="613"/>
      <c r="COE720" s="613"/>
      <c r="COF720" s="613"/>
      <c r="COG720" s="613"/>
      <c r="COH720" s="613"/>
      <c r="COI720" s="613"/>
      <c r="COJ720" s="613"/>
      <c r="COK720" s="613"/>
      <c r="COL720" s="613"/>
      <c r="COM720" s="613"/>
      <c r="CON720" s="613"/>
      <c r="COO720" s="613"/>
      <c r="COP720" s="613"/>
      <c r="COQ720" s="613"/>
      <c r="COR720" s="613"/>
      <c r="COS720" s="613"/>
      <c r="COT720" s="613"/>
      <c r="COU720" s="613"/>
      <c r="COV720" s="613"/>
      <c r="COW720" s="613"/>
      <c r="COX720" s="613"/>
      <c r="COY720" s="613"/>
      <c r="COZ720" s="613"/>
      <c r="CPA720" s="613"/>
      <c r="CPB720" s="613"/>
      <c r="CPC720" s="613"/>
      <c r="CPD720" s="613"/>
      <c r="CPE720" s="613"/>
      <c r="CPF720" s="613"/>
      <c r="CPG720" s="613"/>
      <c r="CPH720" s="613"/>
      <c r="CPI720" s="613"/>
      <c r="CPJ720" s="613"/>
      <c r="CPK720" s="613"/>
      <c r="CPL720" s="613"/>
      <c r="CPM720" s="613"/>
      <c r="CPN720" s="613"/>
      <c r="CPO720" s="613"/>
      <c r="CPP720" s="613"/>
      <c r="CPQ720" s="613"/>
      <c r="CPR720" s="613"/>
      <c r="CPS720" s="613"/>
      <c r="CPT720" s="613"/>
      <c r="CPU720" s="613"/>
      <c r="CPV720" s="613"/>
      <c r="CPW720" s="613"/>
      <c r="CPX720" s="613"/>
      <c r="CPY720" s="613"/>
      <c r="CPZ720" s="613"/>
      <c r="CQA720" s="613"/>
      <c r="CQB720" s="613"/>
      <c r="CQC720" s="613"/>
      <c r="CQD720" s="613"/>
      <c r="CQE720" s="613"/>
      <c r="CQF720" s="613"/>
      <c r="CQG720" s="613"/>
      <c r="CQH720" s="613"/>
      <c r="CQI720" s="613"/>
      <c r="CQJ720" s="613"/>
      <c r="CQK720" s="613"/>
      <c r="CQL720" s="613"/>
      <c r="CQM720" s="613"/>
      <c r="CQN720" s="613"/>
      <c r="CQO720" s="613"/>
      <c r="CQP720" s="613"/>
      <c r="CQQ720" s="613"/>
      <c r="CQR720" s="613"/>
      <c r="CQS720" s="613"/>
      <c r="CQT720" s="613"/>
      <c r="CQU720" s="613"/>
      <c r="CQV720" s="613"/>
      <c r="CQW720" s="613"/>
      <c r="CQX720" s="613"/>
      <c r="CQY720" s="613"/>
      <c r="CQZ720" s="613"/>
      <c r="CRA720" s="613"/>
      <c r="CRB720" s="613"/>
      <c r="CRC720" s="613"/>
      <c r="CRD720" s="613"/>
      <c r="CRE720" s="613"/>
      <c r="CRF720" s="613"/>
      <c r="CRG720" s="613"/>
      <c r="CRH720" s="613"/>
      <c r="CRI720" s="613"/>
      <c r="CRJ720" s="613"/>
      <c r="CRK720" s="613"/>
      <c r="CRL720" s="613"/>
      <c r="CRM720" s="613"/>
      <c r="CRN720" s="613"/>
      <c r="CRO720" s="613"/>
      <c r="CRP720" s="613"/>
      <c r="CRQ720" s="613"/>
      <c r="CRR720" s="613"/>
      <c r="CRS720" s="613"/>
      <c r="CRT720" s="613"/>
      <c r="CRU720" s="613"/>
      <c r="CRV720" s="613"/>
      <c r="CRW720" s="613"/>
      <c r="CRX720" s="613"/>
      <c r="CRY720" s="613"/>
      <c r="CRZ720" s="613"/>
      <c r="CSA720" s="613"/>
      <c r="CSB720" s="613"/>
      <c r="CSC720" s="613"/>
      <c r="CSD720" s="613"/>
      <c r="CSE720" s="613"/>
      <c r="CSF720" s="613"/>
      <c r="CSG720" s="613"/>
      <c r="CSH720" s="613"/>
      <c r="CSI720" s="613"/>
      <c r="CSJ720" s="613"/>
      <c r="CSK720" s="613"/>
      <c r="CSL720" s="613"/>
      <c r="CSM720" s="613"/>
      <c r="CSN720" s="613"/>
      <c r="CSO720" s="613"/>
      <c r="CSP720" s="613"/>
      <c r="CSQ720" s="613"/>
      <c r="CSR720" s="613"/>
      <c r="CSS720" s="613"/>
      <c r="CST720" s="613"/>
      <c r="CSU720" s="613"/>
      <c r="CSV720" s="613"/>
      <c r="CSW720" s="613"/>
      <c r="CSX720" s="613"/>
      <c r="CSY720" s="613"/>
      <c r="CSZ720" s="613"/>
      <c r="CTA720" s="613"/>
      <c r="CTB720" s="613"/>
      <c r="CTC720" s="613"/>
      <c r="CTD720" s="613"/>
      <c r="CTE720" s="613"/>
      <c r="CTF720" s="613"/>
      <c r="CTG720" s="613"/>
      <c r="CTH720" s="613"/>
      <c r="CTI720" s="613"/>
      <c r="CTJ720" s="613"/>
      <c r="CTK720" s="613"/>
      <c r="CTL720" s="613"/>
      <c r="CTM720" s="613"/>
      <c r="CTN720" s="613"/>
      <c r="CTO720" s="613"/>
      <c r="CTP720" s="613"/>
      <c r="CTQ720" s="613"/>
      <c r="CTR720" s="613"/>
      <c r="CTS720" s="613"/>
      <c r="CTT720" s="613"/>
      <c r="CTU720" s="613"/>
      <c r="CTV720" s="613"/>
      <c r="CTW720" s="613"/>
      <c r="CTX720" s="613"/>
      <c r="CTY720" s="613"/>
      <c r="CTZ720" s="613"/>
      <c r="CUA720" s="613"/>
      <c r="CUB720" s="613"/>
      <c r="CUC720" s="613"/>
      <c r="CUD720" s="613"/>
      <c r="CUE720" s="613"/>
      <c r="CUF720" s="613"/>
      <c r="CUG720" s="613"/>
      <c r="CUH720" s="613"/>
      <c r="CUI720" s="613"/>
      <c r="CUJ720" s="613"/>
      <c r="CUK720" s="613"/>
      <c r="CUL720" s="613"/>
      <c r="CUM720" s="613"/>
      <c r="CUN720" s="613"/>
      <c r="CUO720" s="613"/>
      <c r="CUP720" s="613"/>
      <c r="CUQ720" s="613"/>
      <c r="CUR720" s="613"/>
      <c r="CUS720" s="613"/>
      <c r="CUT720" s="613"/>
      <c r="CUU720" s="613"/>
      <c r="CUV720" s="613"/>
      <c r="CUW720" s="613"/>
      <c r="CUX720" s="613"/>
      <c r="CUY720" s="613"/>
      <c r="CUZ720" s="613"/>
      <c r="CVA720" s="613"/>
      <c r="CVB720" s="613"/>
      <c r="CVC720" s="613"/>
      <c r="CVD720" s="613"/>
      <c r="CVE720" s="613"/>
      <c r="CVF720" s="613"/>
      <c r="CVG720" s="613"/>
      <c r="CVH720" s="613"/>
      <c r="CVI720" s="613"/>
      <c r="CVJ720" s="613"/>
      <c r="CVK720" s="613"/>
      <c r="CVL720" s="613"/>
      <c r="CVM720" s="613"/>
      <c r="CVN720" s="613"/>
      <c r="CVO720" s="613"/>
      <c r="CVP720" s="613"/>
      <c r="CVQ720" s="613"/>
      <c r="CVR720" s="613"/>
      <c r="CVS720" s="613"/>
      <c r="CVT720" s="613"/>
      <c r="CVU720" s="613"/>
      <c r="CVV720" s="613"/>
      <c r="CVW720" s="613"/>
      <c r="CVX720" s="613"/>
      <c r="CVY720" s="613"/>
      <c r="CVZ720" s="613"/>
      <c r="CWA720" s="613"/>
      <c r="CWB720" s="613"/>
      <c r="CWC720" s="613"/>
      <c r="CWD720" s="613"/>
      <c r="CWE720" s="613"/>
      <c r="CWF720" s="613"/>
      <c r="CWG720" s="613"/>
      <c r="CWH720" s="613"/>
      <c r="CWI720" s="613"/>
      <c r="CWJ720" s="613"/>
      <c r="CWK720" s="613"/>
      <c r="CWL720" s="613"/>
      <c r="CWM720" s="613"/>
      <c r="CWN720" s="613"/>
      <c r="CWO720" s="613"/>
      <c r="CWP720" s="613"/>
      <c r="CWQ720" s="613"/>
      <c r="CWR720" s="613"/>
      <c r="CWS720" s="613"/>
      <c r="CWT720" s="613"/>
      <c r="CWU720" s="613"/>
      <c r="CWV720" s="613"/>
      <c r="CWW720" s="613"/>
      <c r="CWX720" s="613"/>
      <c r="CWY720" s="613"/>
      <c r="CWZ720" s="613"/>
      <c r="CXA720" s="613"/>
      <c r="CXB720" s="613"/>
      <c r="CXC720" s="613"/>
      <c r="CXD720" s="613"/>
      <c r="CXE720" s="613"/>
      <c r="CXF720" s="613"/>
      <c r="CXG720" s="613"/>
      <c r="CXH720" s="613"/>
      <c r="CXI720" s="613"/>
      <c r="CXJ720" s="613"/>
      <c r="CXK720" s="613"/>
      <c r="CXL720" s="613"/>
      <c r="CXM720" s="613"/>
      <c r="CXN720" s="613"/>
      <c r="CXO720" s="613"/>
      <c r="CXP720" s="613"/>
      <c r="CXQ720" s="613"/>
      <c r="CXR720" s="613"/>
      <c r="CXS720" s="613"/>
      <c r="CXT720" s="613"/>
      <c r="CXU720" s="613"/>
      <c r="CXV720" s="613"/>
      <c r="CXW720" s="613"/>
      <c r="CXX720" s="613"/>
      <c r="CXY720" s="613"/>
      <c r="CXZ720" s="613"/>
      <c r="CYA720" s="613"/>
      <c r="CYB720" s="613"/>
      <c r="CYC720" s="613"/>
      <c r="CYD720" s="613"/>
      <c r="CYE720" s="613"/>
      <c r="CYF720" s="613"/>
      <c r="CYG720" s="613"/>
      <c r="CYH720" s="613"/>
      <c r="CYI720" s="613"/>
      <c r="CYJ720" s="613"/>
      <c r="CYK720" s="613"/>
      <c r="CYL720" s="613"/>
      <c r="CYM720" s="613"/>
      <c r="CYN720" s="613"/>
      <c r="CYO720" s="613"/>
      <c r="CYP720" s="613"/>
      <c r="CYQ720" s="613"/>
      <c r="CYR720" s="613"/>
      <c r="CYS720" s="613"/>
      <c r="CYT720" s="613"/>
      <c r="CYU720" s="613"/>
      <c r="CYV720" s="613"/>
      <c r="CYW720" s="613"/>
      <c r="CYX720" s="613"/>
      <c r="CYY720" s="613"/>
      <c r="CYZ720" s="613"/>
      <c r="CZA720" s="613"/>
      <c r="CZB720" s="613"/>
      <c r="CZC720" s="613"/>
      <c r="CZD720" s="613"/>
      <c r="CZE720" s="613"/>
      <c r="CZF720" s="613"/>
      <c r="CZG720" s="613"/>
      <c r="CZH720" s="613"/>
      <c r="CZI720" s="613"/>
      <c r="CZJ720" s="613"/>
      <c r="CZK720" s="613"/>
      <c r="CZL720" s="613"/>
      <c r="CZM720" s="613"/>
      <c r="CZN720" s="613"/>
      <c r="CZO720" s="613"/>
      <c r="CZP720" s="613"/>
      <c r="CZQ720" s="613"/>
      <c r="CZR720" s="613"/>
      <c r="CZS720" s="613"/>
      <c r="CZT720" s="613"/>
      <c r="CZU720" s="613"/>
      <c r="CZV720" s="613"/>
      <c r="CZW720" s="613"/>
      <c r="CZX720" s="613"/>
      <c r="CZY720" s="613"/>
      <c r="CZZ720" s="613"/>
      <c r="DAA720" s="613"/>
      <c r="DAB720" s="613"/>
      <c r="DAC720" s="613"/>
      <c r="DAD720" s="613"/>
      <c r="DAE720" s="613"/>
      <c r="DAF720" s="613"/>
      <c r="DAG720" s="613"/>
      <c r="DAH720" s="613"/>
      <c r="DAI720" s="613"/>
      <c r="DAJ720" s="613"/>
      <c r="DAK720" s="613"/>
      <c r="DAL720" s="613"/>
      <c r="DAM720" s="613"/>
      <c r="DAN720" s="613"/>
      <c r="DAO720" s="613"/>
      <c r="DAP720" s="613"/>
      <c r="DAQ720" s="613"/>
      <c r="DAR720" s="613"/>
      <c r="DAS720" s="613"/>
      <c r="DAT720" s="613"/>
      <c r="DAU720" s="613"/>
      <c r="DAV720" s="613"/>
      <c r="DAW720" s="613"/>
      <c r="DAX720" s="613"/>
      <c r="DAY720" s="613"/>
      <c r="DAZ720" s="613"/>
      <c r="DBA720" s="613"/>
      <c r="DBB720" s="613"/>
      <c r="DBC720" s="613"/>
      <c r="DBD720" s="613"/>
      <c r="DBE720" s="613"/>
      <c r="DBF720" s="613"/>
      <c r="DBG720" s="613"/>
      <c r="DBH720" s="613"/>
      <c r="DBI720" s="613"/>
      <c r="DBJ720" s="613"/>
      <c r="DBK720" s="613"/>
      <c r="DBL720" s="613"/>
      <c r="DBM720" s="613"/>
      <c r="DBN720" s="613"/>
      <c r="DBO720" s="613"/>
      <c r="DBP720" s="613"/>
      <c r="DBQ720" s="613"/>
      <c r="DBR720" s="613"/>
      <c r="DBS720" s="613"/>
      <c r="DBT720" s="613"/>
      <c r="DBU720" s="613"/>
      <c r="DBV720" s="613"/>
      <c r="DBW720" s="613"/>
      <c r="DBX720" s="613"/>
      <c r="DBY720" s="613"/>
      <c r="DBZ720" s="613"/>
      <c r="DCA720" s="613"/>
      <c r="DCB720" s="613"/>
      <c r="DCC720" s="613"/>
      <c r="DCD720" s="613"/>
      <c r="DCE720" s="613"/>
      <c r="DCF720" s="613"/>
      <c r="DCG720" s="613"/>
      <c r="DCH720" s="613"/>
      <c r="DCI720" s="613"/>
      <c r="DCJ720" s="613"/>
      <c r="DCK720" s="613"/>
      <c r="DCL720" s="613"/>
      <c r="DCM720" s="613"/>
      <c r="DCN720" s="613"/>
      <c r="DCO720" s="613"/>
      <c r="DCP720" s="613"/>
      <c r="DCQ720" s="613"/>
      <c r="DCR720" s="613"/>
      <c r="DCS720" s="613"/>
      <c r="DCT720" s="613"/>
      <c r="DCU720" s="613"/>
      <c r="DCV720" s="613"/>
      <c r="DCW720" s="613"/>
      <c r="DCX720" s="613"/>
      <c r="DCY720" s="613"/>
      <c r="DCZ720" s="613"/>
      <c r="DDA720" s="613"/>
      <c r="DDB720" s="613"/>
      <c r="DDC720" s="613"/>
      <c r="DDD720" s="613"/>
      <c r="DDE720" s="613"/>
      <c r="DDF720" s="613"/>
      <c r="DDG720" s="613"/>
      <c r="DDH720" s="613"/>
      <c r="DDI720" s="613"/>
      <c r="DDJ720" s="613"/>
      <c r="DDK720" s="613"/>
      <c r="DDL720" s="613"/>
      <c r="DDM720" s="613"/>
      <c r="DDN720" s="613"/>
      <c r="DDO720" s="613"/>
      <c r="DDP720" s="613"/>
      <c r="DDQ720" s="613"/>
      <c r="DDR720" s="613"/>
      <c r="DDS720" s="613"/>
      <c r="DDT720" s="613"/>
      <c r="DDU720" s="613"/>
      <c r="DDV720" s="613"/>
      <c r="DDW720" s="613"/>
      <c r="DDX720" s="613"/>
      <c r="DDY720" s="613"/>
      <c r="DDZ720" s="613"/>
      <c r="DEA720" s="613"/>
      <c r="DEB720" s="613"/>
      <c r="DEC720" s="613"/>
      <c r="DED720" s="613"/>
      <c r="DEE720" s="613"/>
      <c r="DEF720" s="613"/>
      <c r="DEG720" s="613"/>
      <c r="DEH720" s="613"/>
      <c r="DEI720" s="613"/>
      <c r="DEJ720" s="613"/>
      <c r="DEK720" s="613"/>
      <c r="DEL720" s="613"/>
      <c r="DEM720" s="613"/>
      <c r="DEN720" s="613"/>
      <c r="DEO720" s="613"/>
      <c r="DEP720" s="613"/>
      <c r="DEQ720" s="613"/>
      <c r="DER720" s="613"/>
      <c r="DES720" s="613"/>
      <c r="DET720" s="613"/>
      <c r="DEU720" s="613"/>
      <c r="DEV720" s="613"/>
      <c r="DEW720" s="613"/>
      <c r="DEX720" s="613"/>
      <c r="DEY720" s="613"/>
      <c r="DEZ720" s="613"/>
      <c r="DFA720" s="613"/>
      <c r="DFB720" s="613"/>
      <c r="DFC720" s="613"/>
      <c r="DFD720" s="613"/>
      <c r="DFE720" s="613"/>
      <c r="DFF720" s="613"/>
      <c r="DFG720" s="613"/>
      <c r="DFH720" s="613"/>
      <c r="DFI720" s="613"/>
      <c r="DFJ720" s="613"/>
      <c r="DFK720" s="613"/>
      <c r="DFL720" s="613"/>
      <c r="DFM720" s="613"/>
      <c r="DFN720" s="613"/>
      <c r="DFO720" s="613"/>
      <c r="DFP720" s="613"/>
      <c r="DFQ720" s="613"/>
      <c r="DFR720" s="613"/>
      <c r="DFS720" s="613"/>
      <c r="DFT720" s="613"/>
      <c r="DFU720" s="613"/>
      <c r="DFV720" s="613"/>
      <c r="DFW720" s="613"/>
      <c r="DFX720" s="613"/>
      <c r="DFY720" s="613"/>
      <c r="DFZ720" s="613"/>
      <c r="DGA720" s="613"/>
      <c r="DGB720" s="613"/>
      <c r="DGC720" s="613"/>
      <c r="DGD720" s="613"/>
      <c r="DGE720" s="613"/>
      <c r="DGF720" s="613"/>
      <c r="DGG720" s="613"/>
      <c r="DGH720" s="613"/>
      <c r="DGI720" s="613"/>
      <c r="DGJ720" s="613"/>
      <c r="DGK720" s="613"/>
      <c r="DGL720" s="613"/>
      <c r="DGM720" s="613"/>
      <c r="DGN720" s="613"/>
      <c r="DGO720" s="613"/>
      <c r="DGP720" s="613"/>
      <c r="DGQ720" s="613"/>
      <c r="DGR720" s="613"/>
      <c r="DGS720" s="613"/>
      <c r="DGT720" s="613"/>
      <c r="DGU720" s="613"/>
      <c r="DGV720" s="613"/>
      <c r="DGW720" s="613"/>
      <c r="DGX720" s="613"/>
      <c r="DGY720" s="613"/>
      <c r="DGZ720" s="613"/>
      <c r="DHA720" s="613"/>
      <c r="DHB720" s="613"/>
      <c r="DHC720" s="613"/>
      <c r="DHD720" s="613"/>
      <c r="DHE720" s="613"/>
      <c r="DHF720" s="613"/>
      <c r="DHG720" s="613"/>
      <c r="DHH720" s="613"/>
      <c r="DHI720" s="613"/>
      <c r="DHJ720" s="613"/>
      <c r="DHK720" s="613"/>
      <c r="DHL720" s="613"/>
      <c r="DHM720" s="613"/>
      <c r="DHN720" s="613"/>
      <c r="DHO720" s="613"/>
      <c r="DHP720" s="613"/>
      <c r="DHQ720" s="613"/>
      <c r="DHR720" s="613"/>
      <c r="DHS720" s="613"/>
      <c r="DHT720" s="613"/>
      <c r="DHU720" s="613"/>
      <c r="DHV720" s="613"/>
      <c r="DHW720" s="613"/>
      <c r="DHX720" s="613"/>
      <c r="DHY720" s="613"/>
      <c r="DHZ720" s="613"/>
      <c r="DIA720" s="613"/>
      <c r="DIB720" s="613"/>
      <c r="DIC720" s="613"/>
      <c r="DID720" s="613"/>
      <c r="DIE720" s="613"/>
      <c r="DIF720" s="613"/>
      <c r="DIG720" s="613"/>
      <c r="DIH720" s="613"/>
      <c r="DII720" s="613"/>
      <c r="DIJ720" s="613"/>
      <c r="DIK720" s="613"/>
      <c r="DIL720" s="613"/>
      <c r="DIM720" s="613"/>
      <c r="DIN720" s="613"/>
      <c r="DIO720" s="613"/>
      <c r="DIP720" s="613"/>
      <c r="DIQ720" s="613"/>
      <c r="DIR720" s="613"/>
      <c r="DIS720" s="613"/>
      <c r="DIT720" s="613"/>
      <c r="DIU720" s="613"/>
      <c r="DIV720" s="613"/>
      <c r="DIW720" s="613"/>
      <c r="DIX720" s="613"/>
      <c r="DIY720" s="613"/>
      <c r="DIZ720" s="613"/>
      <c r="DJA720" s="613"/>
      <c r="DJB720" s="613"/>
      <c r="DJC720" s="613"/>
      <c r="DJD720" s="613"/>
      <c r="DJE720" s="613"/>
      <c r="DJF720" s="613"/>
      <c r="DJG720" s="613"/>
      <c r="DJH720" s="613"/>
      <c r="DJI720" s="613"/>
      <c r="DJJ720" s="613"/>
      <c r="DJK720" s="613"/>
      <c r="DJL720" s="613"/>
      <c r="DJM720" s="613"/>
      <c r="DJN720" s="613"/>
      <c r="DJO720" s="613"/>
      <c r="DJP720" s="613"/>
      <c r="DJQ720" s="613"/>
      <c r="DJR720" s="613"/>
      <c r="DJS720" s="613"/>
      <c r="DJT720" s="613"/>
      <c r="DJU720" s="613"/>
      <c r="DJV720" s="613"/>
      <c r="DJW720" s="613"/>
      <c r="DJX720" s="613"/>
      <c r="DJY720" s="613"/>
      <c r="DJZ720" s="613"/>
      <c r="DKA720" s="613"/>
      <c r="DKB720" s="613"/>
      <c r="DKC720" s="613"/>
      <c r="DKD720" s="613"/>
      <c r="DKE720" s="613"/>
      <c r="DKF720" s="613"/>
      <c r="DKG720" s="613"/>
      <c r="DKH720" s="613"/>
      <c r="DKI720" s="613"/>
      <c r="DKJ720" s="613"/>
      <c r="DKK720" s="613"/>
      <c r="DKL720" s="613"/>
      <c r="DKM720" s="613"/>
      <c r="DKN720" s="613"/>
      <c r="DKO720" s="613"/>
      <c r="DKP720" s="613"/>
      <c r="DKQ720" s="613"/>
      <c r="DKR720" s="613"/>
      <c r="DKS720" s="613"/>
      <c r="DKT720" s="613"/>
      <c r="DKU720" s="613"/>
      <c r="DKV720" s="613"/>
      <c r="DKW720" s="613"/>
      <c r="DKX720" s="613"/>
      <c r="DKY720" s="613"/>
      <c r="DKZ720" s="613"/>
      <c r="DLA720" s="613"/>
      <c r="DLB720" s="613"/>
      <c r="DLC720" s="613"/>
      <c r="DLD720" s="613"/>
      <c r="DLE720" s="613"/>
      <c r="DLF720" s="613"/>
      <c r="DLG720" s="613"/>
      <c r="DLH720" s="613"/>
      <c r="DLI720" s="613"/>
      <c r="DLJ720" s="613"/>
      <c r="DLK720" s="613"/>
      <c r="DLL720" s="613"/>
      <c r="DLM720" s="613"/>
      <c r="DLN720" s="613"/>
      <c r="DLO720" s="613"/>
      <c r="DLP720" s="613"/>
      <c r="DLQ720" s="613"/>
      <c r="DLR720" s="613"/>
      <c r="DLS720" s="613"/>
      <c r="DLT720" s="613"/>
      <c r="DLU720" s="613"/>
      <c r="DLV720" s="613"/>
      <c r="DLW720" s="613"/>
      <c r="DLX720" s="613"/>
      <c r="DLY720" s="613"/>
      <c r="DLZ720" s="613"/>
      <c r="DMA720" s="613"/>
      <c r="DMB720" s="613"/>
      <c r="DMC720" s="613"/>
      <c r="DMD720" s="613"/>
      <c r="DME720" s="613"/>
      <c r="DMF720" s="613"/>
      <c r="DMG720" s="613"/>
      <c r="DMH720" s="613"/>
      <c r="DMI720" s="613"/>
      <c r="DMJ720" s="613"/>
      <c r="DMK720" s="613"/>
      <c r="DML720" s="613"/>
      <c r="DMM720" s="613"/>
      <c r="DMN720" s="613"/>
      <c r="DMO720" s="613"/>
      <c r="DMP720" s="613"/>
      <c r="DMQ720" s="613"/>
      <c r="DMR720" s="613"/>
      <c r="DMS720" s="613"/>
      <c r="DMT720" s="613"/>
      <c r="DMU720" s="613"/>
      <c r="DMV720" s="613"/>
      <c r="DMW720" s="613"/>
      <c r="DMX720" s="613"/>
      <c r="DMY720" s="613"/>
      <c r="DMZ720" s="613"/>
      <c r="DNA720" s="613"/>
      <c r="DNB720" s="613"/>
      <c r="DNC720" s="613"/>
      <c r="DND720" s="613"/>
      <c r="DNE720" s="613"/>
      <c r="DNF720" s="613"/>
      <c r="DNG720" s="613"/>
      <c r="DNH720" s="613"/>
      <c r="DNI720" s="613"/>
      <c r="DNJ720" s="613"/>
      <c r="DNK720" s="613"/>
      <c r="DNL720" s="613"/>
      <c r="DNM720" s="613"/>
      <c r="DNN720" s="613"/>
      <c r="DNO720" s="613"/>
      <c r="DNP720" s="613"/>
      <c r="DNQ720" s="613"/>
      <c r="DNR720" s="613"/>
      <c r="DNS720" s="613"/>
      <c r="DNT720" s="613"/>
      <c r="DNU720" s="613"/>
      <c r="DNV720" s="613"/>
      <c r="DNW720" s="613"/>
      <c r="DNX720" s="613"/>
      <c r="DNY720" s="613"/>
      <c r="DNZ720" s="613"/>
      <c r="DOA720" s="613"/>
      <c r="DOB720" s="613"/>
      <c r="DOC720" s="613"/>
      <c r="DOD720" s="613"/>
      <c r="DOE720" s="613"/>
      <c r="DOF720" s="613"/>
      <c r="DOG720" s="613"/>
      <c r="DOH720" s="613"/>
      <c r="DOI720" s="613"/>
      <c r="DOJ720" s="613"/>
      <c r="DOK720" s="613"/>
      <c r="DOL720" s="613"/>
      <c r="DOM720" s="613"/>
      <c r="DON720" s="613"/>
      <c r="DOO720" s="613"/>
      <c r="DOP720" s="613"/>
      <c r="DOQ720" s="613"/>
      <c r="DOR720" s="613"/>
      <c r="DOS720" s="613"/>
      <c r="DOT720" s="613"/>
      <c r="DOU720" s="613"/>
      <c r="DOV720" s="613"/>
      <c r="DOW720" s="613"/>
      <c r="DOX720" s="613"/>
      <c r="DOY720" s="613"/>
      <c r="DOZ720" s="613"/>
      <c r="DPA720" s="613"/>
      <c r="DPB720" s="613"/>
      <c r="DPC720" s="613"/>
      <c r="DPD720" s="613"/>
      <c r="DPE720" s="613"/>
      <c r="DPF720" s="613"/>
      <c r="DPG720" s="613"/>
      <c r="DPH720" s="613"/>
      <c r="DPI720" s="613"/>
      <c r="DPJ720" s="613"/>
      <c r="DPK720" s="613"/>
      <c r="DPL720" s="613"/>
      <c r="DPM720" s="613"/>
      <c r="DPN720" s="613"/>
      <c r="DPO720" s="613"/>
      <c r="DPP720" s="613"/>
      <c r="DPQ720" s="613"/>
      <c r="DPR720" s="613"/>
      <c r="DPS720" s="613"/>
      <c r="DPT720" s="613"/>
      <c r="DPU720" s="613"/>
      <c r="DPV720" s="613"/>
      <c r="DPW720" s="613"/>
      <c r="DPX720" s="613"/>
      <c r="DPY720" s="613"/>
      <c r="DPZ720" s="613"/>
      <c r="DQA720" s="613"/>
      <c r="DQB720" s="613"/>
      <c r="DQC720" s="613"/>
      <c r="DQD720" s="613"/>
      <c r="DQE720" s="613"/>
      <c r="DQF720" s="613"/>
      <c r="DQG720" s="613"/>
      <c r="DQH720" s="613"/>
      <c r="DQI720" s="613"/>
      <c r="DQJ720" s="613"/>
      <c r="DQK720" s="613"/>
      <c r="DQL720" s="613"/>
      <c r="DQM720" s="613"/>
      <c r="DQN720" s="613"/>
      <c r="DQO720" s="613"/>
      <c r="DQP720" s="613"/>
      <c r="DQQ720" s="613"/>
      <c r="DQR720" s="613"/>
      <c r="DQS720" s="613"/>
      <c r="DQT720" s="613"/>
      <c r="DQU720" s="613"/>
      <c r="DQV720" s="613"/>
      <c r="DQW720" s="613"/>
      <c r="DQX720" s="613"/>
      <c r="DQY720" s="613"/>
      <c r="DQZ720" s="613"/>
      <c r="DRA720" s="613"/>
      <c r="DRB720" s="613"/>
      <c r="DRC720" s="613"/>
      <c r="DRD720" s="613"/>
      <c r="DRE720" s="613"/>
      <c r="DRF720" s="613"/>
      <c r="DRG720" s="613"/>
      <c r="DRH720" s="613"/>
      <c r="DRI720" s="613"/>
      <c r="DRJ720" s="613"/>
      <c r="DRK720" s="613"/>
      <c r="DRL720" s="613"/>
      <c r="DRM720" s="613"/>
      <c r="DRN720" s="613"/>
      <c r="DRO720" s="613"/>
      <c r="DRP720" s="613"/>
      <c r="DRQ720" s="613"/>
      <c r="DRR720" s="613"/>
      <c r="DRS720" s="613"/>
      <c r="DRT720" s="613"/>
      <c r="DRU720" s="613"/>
      <c r="DRV720" s="613"/>
      <c r="DRW720" s="613"/>
      <c r="DRX720" s="613"/>
      <c r="DRY720" s="613"/>
      <c r="DRZ720" s="613"/>
      <c r="DSA720" s="613"/>
      <c r="DSB720" s="613"/>
      <c r="DSC720" s="613"/>
      <c r="DSD720" s="613"/>
      <c r="DSE720" s="613"/>
      <c r="DSF720" s="613"/>
      <c r="DSG720" s="613"/>
      <c r="DSH720" s="613"/>
      <c r="DSI720" s="613"/>
      <c r="DSJ720" s="613"/>
      <c r="DSK720" s="613"/>
      <c r="DSL720" s="613"/>
      <c r="DSM720" s="613"/>
      <c r="DSN720" s="613"/>
      <c r="DSO720" s="613"/>
      <c r="DSP720" s="613"/>
      <c r="DSQ720" s="613"/>
      <c r="DSR720" s="613"/>
      <c r="DSS720" s="613"/>
      <c r="DST720" s="613"/>
      <c r="DSU720" s="613"/>
      <c r="DSV720" s="613"/>
      <c r="DSW720" s="613"/>
      <c r="DSX720" s="613"/>
      <c r="DSY720" s="613"/>
      <c r="DSZ720" s="613"/>
      <c r="DTA720" s="613"/>
      <c r="DTB720" s="613"/>
      <c r="DTC720" s="613"/>
      <c r="DTD720" s="613"/>
      <c r="DTE720" s="613"/>
      <c r="DTF720" s="613"/>
      <c r="DTG720" s="613"/>
      <c r="DTH720" s="613"/>
      <c r="DTI720" s="613"/>
      <c r="DTJ720" s="613"/>
      <c r="DTK720" s="613"/>
      <c r="DTL720" s="613"/>
      <c r="DTM720" s="613"/>
      <c r="DTN720" s="613"/>
      <c r="DTO720" s="613"/>
      <c r="DTP720" s="613"/>
      <c r="DTQ720" s="613"/>
      <c r="DTR720" s="613"/>
      <c r="DTS720" s="613"/>
      <c r="DTT720" s="613"/>
      <c r="DTU720" s="613"/>
      <c r="DTV720" s="613"/>
      <c r="DTW720" s="613"/>
      <c r="DTX720" s="613"/>
      <c r="DTY720" s="613"/>
      <c r="DTZ720" s="613"/>
      <c r="DUA720" s="613"/>
      <c r="DUB720" s="613"/>
      <c r="DUC720" s="613"/>
      <c r="DUD720" s="613"/>
      <c r="DUE720" s="613"/>
      <c r="DUF720" s="613"/>
      <c r="DUG720" s="613"/>
      <c r="DUH720" s="613"/>
      <c r="DUI720" s="613"/>
      <c r="DUJ720" s="613"/>
      <c r="DUK720" s="613"/>
      <c r="DUL720" s="613"/>
      <c r="DUM720" s="613"/>
      <c r="DUN720" s="613"/>
      <c r="DUO720" s="613"/>
      <c r="DUP720" s="613"/>
      <c r="DUQ720" s="613"/>
      <c r="DUR720" s="613"/>
      <c r="DUS720" s="613"/>
      <c r="DUT720" s="613"/>
      <c r="DUU720" s="613"/>
      <c r="DUV720" s="613"/>
      <c r="DUW720" s="613"/>
      <c r="DUX720" s="613"/>
      <c r="DUY720" s="613"/>
      <c r="DUZ720" s="613"/>
      <c r="DVA720" s="613"/>
      <c r="DVB720" s="613"/>
      <c r="DVC720" s="613"/>
      <c r="DVD720" s="613"/>
      <c r="DVE720" s="613"/>
      <c r="DVF720" s="613"/>
      <c r="DVG720" s="613"/>
      <c r="DVH720" s="613"/>
      <c r="DVI720" s="613"/>
      <c r="DVJ720" s="613"/>
      <c r="DVK720" s="613"/>
      <c r="DVL720" s="613"/>
      <c r="DVM720" s="613"/>
      <c r="DVN720" s="613"/>
      <c r="DVO720" s="613"/>
      <c r="DVP720" s="613"/>
      <c r="DVQ720" s="613"/>
      <c r="DVR720" s="613"/>
      <c r="DVS720" s="613"/>
      <c r="DVT720" s="613"/>
      <c r="DVU720" s="613"/>
      <c r="DVV720" s="613"/>
      <c r="DVW720" s="613"/>
      <c r="DVX720" s="613"/>
      <c r="DVY720" s="613"/>
      <c r="DVZ720" s="613"/>
      <c r="DWA720" s="613"/>
      <c r="DWB720" s="613"/>
      <c r="DWC720" s="613"/>
      <c r="DWD720" s="613"/>
      <c r="DWE720" s="613"/>
      <c r="DWF720" s="613"/>
      <c r="DWG720" s="613"/>
      <c r="DWH720" s="613"/>
      <c r="DWI720" s="613"/>
      <c r="DWJ720" s="613"/>
      <c r="DWK720" s="613"/>
      <c r="DWL720" s="613"/>
      <c r="DWM720" s="613"/>
      <c r="DWN720" s="613"/>
      <c r="DWO720" s="613"/>
      <c r="DWP720" s="613"/>
      <c r="DWQ720" s="613"/>
      <c r="DWR720" s="613"/>
      <c r="DWS720" s="613"/>
      <c r="DWT720" s="613"/>
      <c r="DWU720" s="613"/>
      <c r="DWV720" s="613"/>
      <c r="DWW720" s="613"/>
      <c r="DWX720" s="613"/>
      <c r="DWY720" s="613"/>
      <c r="DWZ720" s="613"/>
      <c r="DXA720" s="613"/>
      <c r="DXB720" s="613"/>
      <c r="DXC720" s="613"/>
      <c r="DXD720" s="613"/>
      <c r="DXE720" s="613"/>
      <c r="DXF720" s="613"/>
      <c r="DXG720" s="613"/>
      <c r="DXH720" s="613"/>
      <c r="DXI720" s="613"/>
      <c r="DXJ720" s="613"/>
      <c r="DXK720" s="613"/>
      <c r="DXL720" s="613"/>
      <c r="DXM720" s="613"/>
      <c r="DXN720" s="613"/>
      <c r="DXO720" s="613"/>
      <c r="DXP720" s="613"/>
      <c r="DXQ720" s="613"/>
      <c r="DXR720" s="613"/>
      <c r="DXS720" s="613"/>
      <c r="DXT720" s="613"/>
      <c r="DXU720" s="613"/>
      <c r="DXV720" s="613"/>
      <c r="DXW720" s="613"/>
      <c r="DXX720" s="613"/>
      <c r="DXY720" s="613"/>
      <c r="DXZ720" s="613"/>
      <c r="DYA720" s="613"/>
      <c r="DYB720" s="613"/>
      <c r="DYC720" s="613"/>
      <c r="DYD720" s="613"/>
      <c r="DYE720" s="613"/>
      <c r="DYF720" s="613"/>
      <c r="DYG720" s="613"/>
      <c r="DYH720" s="613"/>
      <c r="DYI720" s="613"/>
      <c r="DYJ720" s="613"/>
      <c r="DYK720" s="613"/>
      <c r="DYL720" s="613"/>
      <c r="DYM720" s="613"/>
      <c r="DYN720" s="613"/>
      <c r="DYO720" s="613"/>
      <c r="DYP720" s="613"/>
      <c r="DYQ720" s="613"/>
      <c r="DYR720" s="613"/>
      <c r="DYS720" s="613"/>
      <c r="DYT720" s="613"/>
      <c r="DYU720" s="613"/>
      <c r="DYV720" s="613"/>
      <c r="DYW720" s="613"/>
      <c r="DYX720" s="613"/>
      <c r="DYY720" s="613"/>
      <c r="DYZ720" s="613"/>
      <c r="DZA720" s="613"/>
      <c r="DZB720" s="613"/>
      <c r="DZC720" s="613"/>
      <c r="DZD720" s="613"/>
      <c r="DZE720" s="613"/>
      <c r="DZF720" s="613"/>
      <c r="DZG720" s="613"/>
      <c r="DZH720" s="613"/>
      <c r="DZI720" s="613"/>
      <c r="DZJ720" s="613"/>
      <c r="DZK720" s="613"/>
      <c r="DZL720" s="613"/>
      <c r="DZM720" s="613"/>
      <c r="DZN720" s="613"/>
      <c r="DZO720" s="613"/>
      <c r="DZP720" s="613"/>
      <c r="DZQ720" s="613"/>
      <c r="DZR720" s="613"/>
      <c r="DZS720" s="613"/>
      <c r="DZT720" s="613"/>
      <c r="DZU720" s="613"/>
      <c r="DZV720" s="613"/>
      <c r="DZW720" s="613"/>
      <c r="DZX720" s="613"/>
      <c r="DZY720" s="613"/>
      <c r="DZZ720" s="613"/>
      <c r="EAA720" s="613"/>
      <c r="EAB720" s="613"/>
      <c r="EAC720" s="613"/>
      <c r="EAD720" s="613"/>
      <c r="EAE720" s="613"/>
      <c r="EAF720" s="613"/>
      <c r="EAG720" s="613"/>
      <c r="EAH720" s="613"/>
      <c r="EAI720" s="613"/>
      <c r="EAJ720" s="613"/>
      <c r="EAK720" s="613"/>
      <c r="EAL720" s="613"/>
      <c r="EAM720" s="613"/>
      <c r="EAN720" s="613"/>
      <c r="EAO720" s="613"/>
      <c r="EAP720" s="613"/>
      <c r="EAQ720" s="613"/>
      <c r="EAR720" s="613"/>
      <c r="EAS720" s="613"/>
      <c r="EAT720" s="613"/>
      <c r="EAU720" s="613"/>
      <c r="EAV720" s="613"/>
      <c r="EAW720" s="613"/>
      <c r="EAX720" s="613"/>
      <c r="EAY720" s="613"/>
      <c r="EAZ720" s="613"/>
      <c r="EBA720" s="613"/>
      <c r="EBB720" s="613"/>
      <c r="EBC720" s="613"/>
      <c r="EBD720" s="613"/>
      <c r="EBE720" s="613"/>
      <c r="EBF720" s="613"/>
      <c r="EBG720" s="613"/>
      <c r="EBH720" s="613"/>
      <c r="EBI720" s="613"/>
      <c r="EBJ720" s="613"/>
      <c r="EBK720" s="613"/>
      <c r="EBL720" s="613"/>
      <c r="EBM720" s="613"/>
      <c r="EBN720" s="613"/>
      <c r="EBO720" s="613"/>
      <c r="EBP720" s="613"/>
      <c r="EBQ720" s="613"/>
      <c r="EBR720" s="613"/>
      <c r="EBS720" s="613"/>
      <c r="EBT720" s="613"/>
      <c r="EBU720" s="613"/>
      <c r="EBV720" s="613"/>
      <c r="EBW720" s="613"/>
      <c r="EBX720" s="613"/>
      <c r="EBY720" s="613"/>
      <c r="EBZ720" s="613"/>
      <c r="ECA720" s="613"/>
      <c r="ECB720" s="613"/>
      <c r="ECC720" s="613"/>
      <c r="ECD720" s="613"/>
      <c r="ECE720" s="613"/>
      <c r="ECF720" s="613"/>
      <c r="ECG720" s="613"/>
      <c r="ECH720" s="613"/>
      <c r="ECI720" s="613"/>
      <c r="ECJ720" s="613"/>
      <c r="ECK720" s="613"/>
      <c r="ECL720" s="613"/>
      <c r="ECM720" s="613"/>
      <c r="ECN720" s="613"/>
      <c r="ECO720" s="613"/>
      <c r="ECP720" s="613"/>
      <c r="ECQ720" s="613"/>
      <c r="ECR720" s="613"/>
      <c r="ECS720" s="613"/>
      <c r="ECT720" s="613"/>
      <c r="ECU720" s="613"/>
      <c r="ECV720" s="613"/>
      <c r="ECW720" s="613"/>
      <c r="ECX720" s="613"/>
      <c r="ECY720" s="613"/>
      <c r="ECZ720" s="613"/>
      <c r="EDA720" s="613"/>
      <c r="EDB720" s="613"/>
      <c r="EDC720" s="613"/>
      <c r="EDD720" s="613"/>
      <c r="EDE720" s="613"/>
      <c r="EDF720" s="613"/>
      <c r="EDG720" s="613"/>
      <c r="EDH720" s="613"/>
      <c r="EDI720" s="613"/>
      <c r="EDJ720" s="613"/>
      <c r="EDK720" s="613"/>
      <c r="EDL720" s="613"/>
      <c r="EDM720" s="613"/>
      <c r="EDN720" s="613"/>
      <c r="EDO720" s="613"/>
      <c r="EDP720" s="613"/>
      <c r="EDQ720" s="613"/>
      <c r="EDR720" s="613"/>
      <c r="EDS720" s="613"/>
      <c r="EDT720" s="613"/>
      <c r="EDU720" s="613"/>
      <c r="EDV720" s="613"/>
      <c r="EDW720" s="613"/>
      <c r="EDX720" s="613"/>
      <c r="EDY720" s="613"/>
      <c r="EDZ720" s="613"/>
      <c r="EEA720" s="613"/>
      <c r="EEB720" s="613"/>
      <c r="EEC720" s="613"/>
      <c r="EED720" s="613"/>
      <c r="EEE720" s="613"/>
      <c r="EEF720" s="613"/>
      <c r="EEG720" s="613"/>
      <c r="EEH720" s="613"/>
      <c r="EEI720" s="613"/>
      <c r="EEJ720" s="613"/>
      <c r="EEK720" s="613"/>
      <c r="EEL720" s="613"/>
      <c r="EEM720" s="613"/>
      <c r="EEN720" s="613"/>
      <c r="EEO720" s="613"/>
      <c r="EEP720" s="613"/>
      <c r="EEQ720" s="613"/>
      <c r="EER720" s="613"/>
      <c r="EES720" s="613"/>
      <c r="EET720" s="613"/>
      <c r="EEU720" s="613"/>
      <c r="EEV720" s="613"/>
      <c r="EEW720" s="613"/>
      <c r="EEX720" s="613"/>
      <c r="EEY720" s="613"/>
      <c r="EEZ720" s="613"/>
      <c r="EFA720" s="613"/>
      <c r="EFB720" s="613"/>
      <c r="EFC720" s="613"/>
      <c r="EFD720" s="613"/>
      <c r="EFE720" s="613"/>
      <c r="EFF720" s="613"/>
      <c r="EFG720" s="613"/>
      <c r="EFH720" s="613"/>
      <c r="EFI720" s="613"/>
      <c r="EFJ720" s="613"/>
      <c r="EFK720" s="613"/>
      <c r="EFL720" s="613"/>
      <c r="EFM720" s="613"/>
      <c r="EFN720" s="613"/>
      <c r="EFO720" s="613"/>
      <c r="EFP720" s="613"/>
      <c r="EFQ720" s="613"/>
      <c r="EFR720" s="613"/>
      <c r="EFS720" s="613"/>
      <c r="EFT720" s="613"/>
      <c r="EFU720" s="613"/>
      <c r="EFV720" s="613"/>
      <c r="EFW720" s="613"/>
      <c r="EFX720" s="613"/>
      <c r="EFY720" s="613"/>
      <c r="EFZ720" s="613"/>
      <c r="EGA720" s="613"/>
      <c r="EGB720" s="613"/>
      <c r="EGC720" s="613"/>
      <c r="EGD720" s="613"/>
      <c r="EGE720" s="613"/>
      <c r="EGF720" s="613"/>
      <c r="EGG720" s="613"/>
      <c r="EGH720" s="613"/>
      <c r="EGI720" s="613"/>
      <c r="EGJ720" s="613"/>
      <c r="EGK720" s="613"/>
      <c r="EGL720" s="613"/>
      <c r="EGM720" s="613"/>
      <c r="EGN720" s="613"/>
      <c r="EGO720" s="613"/>
      <c r="EGP720" s="613"/>
      <c r="EGQ720" s="613"/>
      <c r="EGR720" s="613"/>
      <c r="EGS720" s="613"/>
      <c r="EGT720" s="613"/>
      <c r="EGU720" s="613"/>
      <c r="EGV720" s="613"/>
      <c r="EGW720" s="613"/>
      <c r="EGX720" s="613"/>
      <c r="EGY720" s="613"/>
      <c r="EGZ720" s="613"/>
      <c r="EHA720" s="613"/>
      <c r="EHB720" s="613"/>
      <c r="EHC720" s="613"/>
      <c r="EHD720" s="613"/>
      <c r="EHE720" s="613"/>
      <c r="EHF720" s="613"/>
      <c r="EHG720" s="613"/>
      <c r="EHH720" s="613"/>
      <c r="EHI720" s="613"/>
      <c r="EHJ720" s="613"/>
      <c r="EHK720" s="613"/>
      <c r="EHL720" s="613"/>
      <c r="EHM720" s="613"/>
      <c r="EHN720" s="613"/>
      <c r="EHO720" s="613"/>
      <c r="EHP720" s="613"/>
      <c r="EHQ720" s="613"/>
      <c r="EHR720" s="613"/>
      <c r="EHS720" s="613"/>
      <c r="EHT720" s="613"/>
      <c r="EHU720" s="613"/>
      <c r="EHV720" s="613"/>
      <c r="EHW720" s="613"/>
      <c r="EHX720" s="613"/>
      <c r="EHY720" s="613"/>
      <c r="EHZ720" s="613"/>
      <c r="EIA720" s="613"/>
      <c r="EIB720" s="613"/>
      <c r="EIC720" s="613"/>
      <c r="EID720" s="613"/>
      <c r="EIE720" s="613"/>
      <c r="EIF720" s="613"/>
      <c r="EIG720" s="613"/>
      <c r="EIH720" s="613"/>
      <c r="EII720" s="613"/>
      <c r="EIJ720" s="613"/>
      <c r="EIK720" s="613"/>
      <c r="EIL720" s="613"/>
      <c r="EIM720" s="613"/>
      <c r="EIN720" s="613"/>
      <c r="EIO720" s="613"/>
      <c r="EIP720" s="613"/>
      <c r="EIQ720" s="613"/>
      <c r="EIR720" s="613"/>
      <c r="EIS720" s="613"/>
      <c r="EIT720" s="613"/>
      <c r="EIU720" s="613"/>
      <c r="EIV720" s="613"/>
      <c r="EIW720" s="613"/>
      <c r="EIX720" s="613"/>
      <c r="EIY720" s="613"/>
      <c r="EIZ720" s="613"/>
      <c r="EJA720" s="613"/>
      <c r="EJB720" s="613"/>
      <c r="EJC720" s="613"/>
      <c r="EJD720" s="613"/>
      <c r="EJE720" s="613"/>
      <c r="EJF720" s="613"/>
      <c r="EJG720" s="613"/>
      <c r="EJH720" s="613"/>
      <c r="EJI720" s="613"/>
      <c r="EJJ720" s="613"/>
      <c r="EJK720" s="613"/>
      <c r="EJL720" s="613"/>
      <c r="EJM720" s="613"/>
      <c r="EJN720" s="613"/>
      <c r="EJO720" s="613"/>
      <c r="EJP720" s="613"/>
      <c r="EJQ720" s="613"/>
      <c r="EJR720" s="613"/>
      <c r="EJS720" s="613"/>
      <c r="EJT720" s="613"/>
      <c r="EJU720" s="613"/>
      <c r="EJV720" s="613"/>
      <c r="EJW720" s="613"/>
      <c r="EJX720" s="613"/>
      <c r="EJY720" s="613"/>
      <c r="EJZ720" s="613"/>
      <c r="EKA720" s="613"/>
      <c r="EKB720" s="613"/>
      <c r="EKC720" s="613"/>
      <c r="EKD720" s="613"/>
      <c r="EKE720" s="613"/>
      <c r="EKF720" s="613"/>
      <c r="EKG720" s="613"/>
      <c r="EKH720" s="613"/>
      <c r="EKI720" s="613"/>
      <c r="EKJ720" s="613"/>
      <c r="EKK720" s="613"/>
      <c r="EKL720" s="613"/>
      <c r="EKM720" s="613"/>
      <c r="EKN720" s="613"/>
      <c r="EKO720" s="613"/>
      <c r="EKP720" s="613"/>
      <c r="EKQ720" s="613"/>
      <c r="EKR720" s="613"/>
      <c r="EKS720" s="613"/>
      <c r="EKT720" s="613"/>
      <c r="EKU720" s="613"/>
      <c r="EKV720" s="613"/>
      <c r="EKW720" s="613"/>
      <c r="EKX720" s="613"/>
      <c r="EKY720" s="613"/>
      <c r="EKZ720" s="613"/>
      <c r="ELA720" s="613"/>
      <c r="ELB720" s="613"/>
      <c r="ELC720" s="613"/>
      <c r="ELD720" s="613"/>
      <c r="ELE720" s="613"/>
      <c r="ELF720" s="613"/>
      <c r="ELG720" s="613"/>
      <c r="ELH720" s="613"/>
      <c r="ELI720" s="613"/>
      <c r="ELJ720" s="613"/>
      <c r="ELK720" s="613"/>
      <c r="ELL720" s="613"/>
      <c r="ELM720" s="613"/>
      <c r="ELN720" s="613"/>
      <c r="ELO720" s="613"/>
      <c r="ELP720" s="613"/>
      <c r="ELQ720" s="613"/>
      <c r="ELR720" s="613"/>
      <c r="ELS720" s="613"/>
      <c r="ELT720" s="613"/>
      <c r="ELU720" s="613"/>
      <c r="ELV720" s="613"/>
      <c r="ELW720" s="613"/>
      <c r="ELX720" s="613"/>
      <c r="ELY720" s="613"/>
      <c r="ELZ720" s="613"/>
      <c r="EMA720" s="613"/>
      <c r="EMB720" s="613"/>
      <c r="EMC720" s="613"/>
      <c r="EMD720" s="613"/>
      <c r="EME720" s="613"/>
      <c r="EMF720" s="613"/>
      <c r="EMG720" s="613"/>
      <c r="EMH720" s="613"/>
      <c r="EMI720" s="613"/>
      <c r="EMJ720" s="613"/>
      <c r="EMK720" s="613"/>
      <c r="EML720" s="613"/>
      <c r="EMM720" s="613"/>
      <c r="EMN720" s="613"/>
      <c r="EMO720" s="613"/>
      <c r="EMP720" s="613"/>
      <c r="EMQ720" s="613"/>
      <c r="EMR720" s="613"/>
      <c r="EMS720" s="613"/>
      <c r="EMT720" s="613"/>
      <c r="EMU720" s="613"/>
      <c r="EMV720" s="613"/>
      <c r="EMW720" s="613"/>
      <c r="EMX720" s="613"/>
      <c r="EMY720" s="613"/>
      <c r="EMZ720" s="613"/>
      <c r="ENA720" s="613"/>
      <c r="ENB720" s="613"/>
      <c r="ENC720" s="613"/>
      <c r="END720" s="613"/>
      <c r="ENE720" s="613"/>
      <c r="ENF720" s="613"/>
      <c r="ENG720" s="613"/>
      <c r="ENH720" s="613"/>
      <c r="ENI720" s="613"/>
      <c r="ENJ720" s="613"/>
      <c r="ENK720" s="613"/>
      <c r="ENL720" s="613"/>
      <c r="ENM720" s="613"/>
      <c r="ENN720" s="613"/>
      <c r="ENO720" s="613"/>
      <c r="ENP720" s="613"/>
      <c r="ENQ720" s="613"/>
      <c r="ENR720" s="613"/>
      <c r="ENS720" s="613"/>
      <c r="ENT720" s="613"/>
      <c r="ENU720" s="613"/>
      <c r="ENV720" s="613"/>
      <c r="ENW720" s="613"/>
      <c r="ENX720" s="613"/>
      <c r="ENY720" s="613"/>
      <c r="ENZ720" s="613"/>
      <c r="EOA720" s="613"/>
      <c r="EOB720" s="613"/>
      <c r="EOC720" s="613"/>
      <c r="EOD720" s="613"/>
      <c r="EOE720" s="613"/>
      <c r="EOF720" s="613"/>
      <c r="EOG720" s="613"/>
      <c r="EOH720" s="613"/>
      <c r="EOI720" s="613"/>
      <c r="EOJ720" s="613"/>
      <c r="EOK720" s="613"/>
      <c r="EOL720" s="613"/>
      <c r="EOM720" s="613"/>
      <c r="EON720" s="613"/>
      <c r="EOO720" s="613"/>
      <c r="EOP720" s="613"/>
      <c r="EOQ720" s="613"/>
      <c r="EOR720" s="613"/>
      <c r="EOS720" s="613"/>
      <c r="EOT720" s="613"/>
      <c r="EOU720" s="613"/>
      <c r="EOV720" s="613"/>
      <c r="EOW720" s="613"/>
      <c r="EOX720" s="613"/>
      <c r="EOY720" s="613"/>
      <c r="EOZ720" s="613"/>
      <c r="EPA720" s="613"/>
      <c r="EPB720" s="613"/>
      <c r="EPC720" s="613"/>
      <c r="EPD720" s="613"/>
      <c r="EPE720" s="613"/>
      <c r="EPF720" s="613"/>
      <c r="EPG720" s="613"/>
      <c r="EPH720" s="613"/>
      <c r="EPI720" s="613"/>
      <c r="EPJ720" s="613"/>
      <c r="EPK720" s="613"/>
      <c r="EPL720" s="613"/>
      <c r="EPM720" s="613"/>
      <c r="EPN720" s="613"/>
      <c r="EPO720" s="613"/>
      <c r="EPP720" s="613"/>
      <c r="EPQ720" s="613"/>
      <c r="EPR720" s="613"/>
      <c r="EPS720" s="613"/>
      <c r="EPT720" s="613"/>
      <c r="EPU720" s="613"/>
      <c r="EPV720" s="613"/>
      <c r="EPW720" s="613"/>
      <c r="EPX720" s="613"/>
      <c r="EPY720" s="613"/>
      <c r="EPZ720" s="613"/>
      <c r="EQA720" s="613"/>
      <c r="EQB720" s="613"/>
      <c r="EQC720" s="613"/>
      <c r="EQD720" s="613"/>
      <c r="EQE720" s="613"/>
      <c r="EQF720" s="613"/>
      <c r="EQG720" s="613"/>
      <c r="EQH720" s="613"/>
      <c r="EQI720" s="613"/>
      <c r="EQJ720" s="613"/>
      <c r="EQK720" s="613"/>
      <c r="EQL720" s="613"/>
      <c r="EQM720" s="613"/>
      <c r="EQN720" s="613"/>
      <c r="EQO720" s="613"/>
      <c r="EQP720" s="613"/>
      <c r="EQQ720" s="613"/>
      <c r="EQR720" s="613"/>
      <c r="EQS720" s="613"/>
      <c r="EQT720" s="613"/>
      <c r="EQU720" s="613"/>
      <c r="EQV720" s="613"/>
      <c r="EQW720" s="613"/>
      <c r="EQX720" s="613"/>
      <c r="EQY720" s="613"/>
      <c r="EQZ720" s="613"/>
      <c r="ERA720" s="613"/>
      <c r="ERB720" s="613"/>
      <c r="ERC720" s="613"/>
      <c r="ERD720" s="613"/>
      <c r="ERE720" s="613"/>
      <c r="ERF720" s="613"/>
      <c r="ERG720" s="613"/>
      <c r="ERH720" s="613"/>
      <c r="ERI720" s="613"/>
      <c r="ERJ720" s="613"/>
      <c r="ERK720" s="613"/>
      <c r="ERL720" s="613"/>
      <c r="ERM720" s="613"/>
      <c r="ERN720" s="613"/>
      <c r="ERO720" s="613"/>
      <c r="ERP720" s="613"/>
      <c r="ERQ720" s="613"/>
      <c r="ERR720" s="613"/>
      <c r="ERS720" s="613"/>
      <c r="ERT720" s="613"/>
      <c r="ERU720" s="613"/>
      <c r="ERV720" s="613"/>
      <c r="ERW720" s="613"/>
      <c r="ERX720" s="613"/>
      <c r="ERY720" s="613"/>
      <c r="ERZ720" s="613"/>
      <c r="ESA720" s="613"/>
      <c r="ESB720" s="613"/>
      <c r="ESC720" s="613"/>
      <c r="ESD720" s="613"/>
      <c r="ESE720" s="613"/>
      <c r="ESF720" s="613"/>
      <c r="ESG720" s="613"/>
      <c r="ESH720" s="613"/>
      <c r="ESI720" s="613"/>
      <c r="ESJ720" s="613"/>
      <c r="ESK720" s="613"/>
      <c r="ESL720" s="613"/>
      <c r="ESM720" s="613"/>
      <c r="ESN720" s="613"/>
      <c r="ESO720" s="613"/>
      <c r="ESP720" s="613"/>
      <c r="ESQ720" s="613"/>
      <c r="ESR720" s="613"/>
      <c r="ESS720" s="613"/>
      <c r="EST720" s="613"/>
      <c r="ESU720" s="613"/>
      <c r="ESV720" s="613"/>
      <c r="ESW720" s="613"/>
      <c r="ESX720" s="613"/>
      <c r="ESY720" s="613"/>
      <c r="ESZ720" s="613"/>
      <c r="ETA720" s="613"/>
      <c r="ETB720" s="613"/>
      <c r="ETC720" s="613"/>
      <c r="ETD720" s="613"/>
      <c r="ETE720" s="613"/>
      <c r="ETF720" s="613"/>
      <c r="ETG720" s="613"/>
      <c r="ETH720" s="613"/>
      <c r="ETI720" s="613"/>
      <c r="ETJ720" s="613"/>
      <c r="ETK720" s="613"/>
      <c r="ETL720" s="613"/>
      <c r="ETM720" s="613"/>
      <c r="ETN720" s="613"/>
      <c r="ETO720" s="613"/>
      <c r="ETP720" s="613"/>
      <c r="ETQ720" s="613"/>
      <c r="ETR720" s="613"/>
      <c r="ETS720" s="613"/>
      <c r="ETT720" s="613"/>
      <c r="ETU720" s="613"/>
      <c r="ETV720" s="613"/>
      <c r="ETW720" s="613"/>
      <c r="ETX720" s="613"/>
      <c r="ETY720" s="613"/>
      <c r="ETZ720" s="613"/>
      <c r="EUA720" s="613"/>
      <c r="EUB720" s="613"/>
      <c r="EUC720" s="613"/>
      <c r="EUD720" s="613"/>
      <c r="EUE720" s="613"/>
      <c r="EUF720" s="613"/>
      <c r="EUG720" s="613"/>
      <c r="EUH720" s="613"/>
      <c r="EUI720" s="613"/>
      <c r="EUJ720" s="613"/>
      <c r="EUK720" s="613"/>
      <c r="EUL720" s="613"/>
      <c r="EUM720" s="613"/>
      <c r="EUN720" s="613"/>
      <c r="EUO720" s="613"/>
      <c r="EUP720" s="613"/>
      <c r="EUQ720" s="613"/>
      <c r="EUR720" s="613"/>
      <c r="EUS720" s="613"/>
      <c r="EUT720" s="613"/>
      <c r="EUU720" s="613"/>
      <c r="EUV720" s="613"/>
      <c r="EUW720" s="613"/>
      <c r="EUX720" s="613"/>
      <c r="EUY720" s="613"/>
      <c r="EUZ720" s="613"/>
      <c r="EVA720" s="613"/>
      <c r="EVB720" s="613"/>
      <c r="EVC720" s="613"/>
      <c r="EVD720" s="613"/>
      <c r="EVE720" s="613"/>
      <c r="EVF720" s="613"/>
      <c r="EVG720" s="613"/>
      <c r="EVH720" s="613"/>
      <c r="EVI720" s="613"/>
      <c r="EVJ720" s="613"/>
      <c r="EVK720" s="613"/>
      <c r="EVL720" s="613"/>
      <c r="EVM720" s="613"/>
      <c r="EVN720" s="613"/>
      <c r="EVO720" s="613"/>
      <c r="EVP720" s="613"/>
      <c r="EVQ720" s="613"/>
      <c r="EVR720" s="613"/>
      <c r="EVS720" s="613"/>
      <c r="EVT720" s="613"/>
      <c r="EVU720" s="613"/>
      <c r="EVV720" s="613"/>
      <c r="EVW720" s="613"/>
      <c r="EVX720" s="613"/>
      <c r="EVY720" s="613"/>
      <c r="EVZ720" s="613"/>
      <c r="EWA720" s="613"/>
      <c r="EWB720" s="613"/>
      <c r="EWC720" s="613"/>
      <c r="EWD720" s="613"/>
      <c r="EWE720" s="613"/>
      <c r="EWF720" s="613"/>
      <c r="EWG720" s="613"/>
      <c r="EWH720" s="613"/>
      <c r="EWI720" s="613"/>
      <c r="EWJ720" s="613"/>
      <c r="EWK720" s="613"/>
      <c r="EWL720" s="613"/>
      <c r="EWM720" s="613"/>
      <c r="EWN720" s="613"/>
      <c r="EWO720" s="613"/>
      <c r="EWP720" s="613"/>
      <c r="EWQ720" s="613"/>
      <c r="EWR720" s="613"/>
      <c r="EWS720" s="613"/>
      <c r="EWT720" s="613"/>
      <c r="EWU720" s="613"/>
      <c r="EWV720" s="613"/>
      <c r="EWW720" s="613"/>
      <c r="EWX720" s="613"/>
      <c r="EWY720" s="613"/>
      <c r="EWZ720" s="613"/>
      <c r="EXA720" s="613"/>
      <c r="EXB720" s="613"/>
      <c r="EXC720" s="613"/>
      <c r="EXD720" s="613"/>
      <c r="EXE720" s="613"/>
      <c r="EXF720" s="613"/>
      <c r="EXG720" s="613"/>
      <c r="EXH720" s="613"/>
      <c r="EXI720" s="613"/>
      <c r="EXJ720" s="613"/>
      <c r="EXK720" s="613"/>
      <c r="EXL720" s="613"/>
      <c r="EXM720" s="613"/>
      <c r="EXN720" s="613"/>
      <c r="EXO720" s="613"/>
      <c r="EXP720" s="613"/>
      <c r="EXQ720" s="613"/>
      <c r="EXR720" s="613"/>
      <c r="EXS720" s="613"/>
      <c r="EXT720" s="613"/>
      <c r="EXU720" s="613"/>
      <c r="EXV720" s="613"/>
      <c r="EXW720" s="613"/>
      <c r="EXX720" s="613"/>
      <c r="EXY720" s="613"/>
      <c r="EXZ720" s="613"/>
      <c r="EYA720" s="613"/>
      <c r="EYB720" s="613"/>
      <c r="EYC720" s="613"/>
      <c r="EYD720" s="613"/>
      <c r="EYE720" s="613"/>
      <c r="EYF720" s="613"/>
      <c r="EYG720" s="613"/>
      <c r="EYH720" s="613"/>
      <c r="EYI720" s="613"/>
      <c r="EYJ720" s="613"/>
      <c r="EYK720" s="613"/>
      <c r="EYL720" s="613"/>
      <c r="EYM720" s="613"/>
      <c r="EYN720" s="613"/>
      <c r="EYO720" s="613"/>
      <c r="EYP720" s="613"/>
      <c r="EYQ720" s="613"/>
      <c r="EYR720" s="613"/>
      <c r="EYS720" s="613"/>
      <c r="EYT720" s="613"/>
      <c r="EYU720" s="613"/>
      <c r="EYV720" s="613"/>
      <c r="EYW720" s="613"/>
      <c r="EYX720" s="613"/>
      <c r="EYY720" s="613"/>
      <c r="EYZ720" s="613"/>
      <c r="EZA720" s="613"/>
      <c r="EZB720" s="613"/>
      <c r="EZC720" s="613"/>
      <c r="EZD720" s="613"/>
      <c r="EZE720" s="613"/>
      <c r="EZF720" s="613"/>
      <c r="EZG720" s="613"/>
      <c r="EZH720" s="613"/>
      <c r="EZI720" s="613"/>
      <c r="EZJ720" s="613"/>
      <c r="EZK720" s="613"/>
      <c r="EZL720" s="613"/>
      <c r="EZM720" s="613"/>
      <c r="EZN720" s="613"/>
      <c r="EZO720" s="613"/>
      <c r="EZP720" s="613"/>
      <c r="EZQ720" s="613"/>
      <c r="EZR720" s="613"/>
      <c r="EZS720" s="613"/>
      <c r="EZT720" s="613"/>
      <c r="EZU720" s="613"/>
      <c r="EZV720" s="613"/>
      <c r="EZW720" s="613"/>
      <c r="EZX720" s="613"/>
      <c r="EZY720" s="613"/>
      <c r="EZZ720" s="613"/>
      <c r="FAA720" s="613"/>
      <c r="FAB720" s="613"/>
      <c r="FAC720" s="613"/>
      <c r="FAD720" s="613"/>
      <c r="FAE720" s="613"/>
      <c r="FAF720" s="613"/>
      <c r="FAG720" s="613"/>
      <c r="FAH720" s="613"/>
      <c r="FAI720" s="613"/>
      <c r="FAJ720" s="613"/>
      <c r="FAK720" s="613"/>
      <c r="FAL720" s="613"/>
      <c r="FAM720" s="613"/>
      <c r="FAN720" s="613"/>
      <c r="FAO720" s="613"/>
      <c r="FAP720" s="613"/>
      <c r="FAQ720" s="613"/>
      <c r="FAR720" s="613"/>
      <c r="FAS720" s="613"/>
      <c r="FAT720" s="613"/>
      <c r="FAU720" s="613"/>
      <c r="FAV720" s="613"/>
      <c r="FAW720" s="613"/>
      <c r="FAX720" s="613"/>
      <c r="FAY720" s="613"/>
      <c r="FAZ720" s="613"/>
      <c r="FBA720" s="613"/>
      <c r="FBB720" s="613"/>
      <c r="FBC720" s="613"/>
      <c r="FBD720" s="613"/>
      <c r="FBE720" s="613"/>
      <c r="FBF720" s="613"/>
      <c r="FBG720" s="613"/>
      <c r="FBH720" s="613"/>
      <c r="FBI720" s="613"/>
      <c r="FBJ720" s="613"/>
      <c r="FBK720" s="613"/>
      <c r="FBL720" s="613"/>
      <c r="FBM720" s="613"/>
      <c r="FBN720" s="613"/>
      <c r="FBO720" s="613"/>
      <c r="FBP720" s="613"/>
      <c r="FBQ720" s="613"/>
      <c r="FBR720" s="613"/>
      <c r="FBS720" s="613"/>
      <c r="FBT720" s="613"/>
      <c r="FBU720" s="613"/>
      <c r="FBV720" s="613"/>
      <c r="FBW720" s="613"/>
      <c r="FBX720" s="613"/>
      <c r="FBY720" s="613"/>
      <c r="FBZ720" s="613"/>
      <c r="FCA720" s="613"/>
      <c r="FCB720" s="613"/>
      <c r="FCC720" s="613"/>
      <c r="FCD720" s="613"/>
      <c r="FCE720" s="613"/>
      <c r="FCF720" s="613"/>
      <c r="FCG720" s="613"/>
      <c r="FCH720" s="613"/>
      <c r="FCI720" s="613"/>
      <c r="FCJ720" s="613"/>
      <c r="FCK720" s="613"/>
      <c r="FCL720" s="613"/>
      <c r="FCM720" s="613"/>
      <c r="FCN720" s="613"/>
      <c r="FCO720" s="613"/>
      <c r="FCP720" s="613"/>
      <c r="FCQ720" s="613"/>
      <c r="FCR720" s="613"/>
      <c r="FCS720" s="613"/>
      <c r="FCT720" s="613"/>
      <c r="FCU720" s="613"/>
      <c r="FCV720" s="613"/>
      <c r="FCW720" s="613"/>
      <c r="FCX720" s="613"/>
      <c r="FCY720" s="613"/>
      <c r="FCZ720" s="613"/>
      <c r="FDA720" s="613"/>
      <c r="FDB720" s="613"/>
      <c r="FDC720" s="613"/>
      <c r="FDD720" s="613"/>
      <c r="FDE720" s="613"/>
      <c r="FDF720" s="613"/>
      <c r="FDG720" s="613"/>
      <c r="FDH720" s="613"/>
      <c r="FDI720" s="613"/>
      <c r="FDJ720" s="613"/>
      <c r="FDK720" s="613"/>
      <c r="FDL720" s="613"/>
      <c r="FDM720" s="613"/>
      <c r="FDN720" s="613"/>
      <c r="FDO720" s="613"/>
      <c r="FDP720" s="613"/>
      <c r="FDQ720" s="613"/>
      <c r="FDR720" s="613"/>
      <c r="FDS720" s="613"/>
      <c r="FDT720" s="613"/>
      <c r="FDU720" s="613"/>
      <c r="FDV720" s="613"/>
      <c r="FDW720" s="613"/>
      <c r="FDX720" s="613"/>
      <c r="FDY720" s="613"/>
      <c r="FDZ720" s="613"/>
      <c r="FEA720" s="613"/>
      <c r="FEB720" s="613"/>
      <c r="FEC720" s="613"/>
      <c r="FED720" s="613"/>
      <c r="FEE720" s="613"/>
      <c r="FEF720" s="613"/>
      <c r="FEG720" s="613"/>
      <c r="FEH720" s="613"/>
      <c r="FEI720" s="613"/>
      <c r="FEJ720" s="613"/>
      <c r="FEK720" s="613"/>
      <c r="FEL720" s="613"/>
      <c r="FEM720" s="613"/>
      <c r="FEN720" s="613"/>
      <c r="FEO720" s="613"/>
      <c r="FEP720" s="613"/>
      <c r="FEQ720" s="613"/>
      <c r="FER720" s="613"/>
      <c r="FES720" s="613"/>
      <c r="FET720" s="613"/>
      <c r="FEU720" s="613"/>
      <c r="FEV720" s="613"/>
      <c r="FEW720" s="613"/>
      <c r="FEX720" s="613"/>
      <c r="FEY720" s="613"/>
      <c r="FEZ720" s="613"/>
      <c r="FFA720" s="613"/>
      <c r="FFB720" s="613"/>
      <c r="FFC720" s="613"/>
      <c r="FFD720" s="613"/>
      <c r="FFE720" s="613"/>
      <c r="FFF720" s="613"/>
      <c r="FFG720" s="613"/>
      <c r="FFH720" s="613"/>
      <c r="FFI720" s="613"/>
      <c r="FFJ720" s="613"/>
      <c r="FFK720" s="613"/>
      <c r="FFL720" s="613"/>
      <c r="FFM720" s="613"/>
      <c r="FFN720" s="613"/>
      <c r="FFO720" s="613"/>
      <c r="FFP720" s="613"/>
      <c r="FFQ720" s="613"/>
      <c r="FFR720" s="613"/>
      <c r="FFS720" s="613"/>
      <c r="FFT720" s="613"/>
      <c r="FFU720" s="613"/>
      <c r="FFV720" s="613"/>
      <c r="FFW720" s="613"/>
      <c r="FFX720" s="613"/>
      <c r="FFY720" s="613"/>
      <c r="FFZ720" s="613"/>
      <c r="FGA720" s="613"/>
      <c r="FGB720" s="613"/>
      <c r="FGC720" s="613"/>
      <c r="FGD720" s="613"/>
      <c r="FGE720" s="613"/>
      <c r="FGF720" s="613"/>
      <c r="FGG720" s="613"/>
      <c r="FGH720" s="613"/>
      <c r="FGI720" s="613"/>
      <c r="FGJ720" s="613"/>
      <c r="FGK720" s="613"/>
      <c r="FGL720" s="613"/>
      <c r="FGM720" s="613"/>
      <c r="FGN720" s="613"/>
      <c r="FGO720" s="613"/>
      <c r="FGP720" s="613"/>
      <c r="FGQ720" s="613"/>
      <c r="FGR720" s="613"/>
      <c r="FGS720" s="613"/>
      <c r="FGT720" s="613"/>
      <c r="FGU720" s="613"/>
      <c r="FGV720" s="613"/>
      <c r="FGW720" s="613"/>
      <c r="FGX720" s="613"/>
      <c r="FGY720" s="613"/>
      <c r="FGZ720" s="613"/>
      <c r="FHA720" s="613"/>
      <c r="FHB720" s="613"/>
      <c r="FHC720" s="613"/>
      <c r="FHD720" s="613"/>
      <c r="FHE720" s="613"/>
      <c r="FHF720" s="613"/>
      <c r="FHG720" s="613"/>
      <c r="FHH720" s="613"/>
      <c r="FHI720" s="613"/>
      <c r="FHJ720" s="613"/>
      <c r="FHK720" s="613"/>
      <c r="FHL720" s="613"/>
      <c r="FHM720" s="613"/>
      <c r="FHN720" s="613"/>
      <c r="FHO720" s="613"/>
      <c r="FHP720" s="613"/>
      <c r="FHQ720" s="613"/>
      <c r="FHR720" s="613"/>
      <c r="FHS720" s="613"/>
      <c r="FHT720" s="613"/>
      <c r="FHU720" s="613"/>
      <c r="FHV720" s="613"/>
      <c r="FHW720" s="613"/>
      <c r="FHX720" s="613"/>
      <c r="FHY720" s="613"/>
      <c r="FHZ720" s="613"/>
      <c r="FIA720" s="613"/>
      <c r="FIB720" s="613"/>
      <c r="FIC720" s="613"/>
      <c r="FID720" s="613"/>
      <c r="FIE720" s="613"/>
      <c r="FIF720" s="613"/>
      <c r="FIG720" s="613"/>
      <c r="FIH720" s="613"/>
      <c r="FII720" s="613"/>
      <c r="FIJ720" s="613"/>
      <c r="FIK720" s="613"/>
      <c r="FIL720" s="613"/>
      <c r="FIM720" s="613"/>
      <c r="FIN720" s="613"/>
      <c r="FIO720" s="613"/>
      <c r="FIP720" s="613"/>
      <c r="FIQ720" s="613"/>
      <c r="FIR720" s="613"/>
      <c r="FIS720" s="613"/>
      <c r="FIT720" s="613"/>
      <c r="FIU720" s="613"/>
      <c r="FIV720" s="613"/>
      <c r="FIW720" s="613"/>
      <c r="FIX720" s="613"/>
      <c r="FIY720" s="613"/>
      <c r="FIZ720" s="613"/>
      <c r="FJA720" s="613"/>
      <c r="FJB720" s="613"/>
      <c r="FJC720" s="613"/>
      <c r="FJD720" s="613"/>
      <c r="FJE720" s="613"/>
      <c r="FJF720" s="613"/>
      <c r="FJG720" s="613"/>
      <c r="FJH720" s="613"/>
      <c r="FJI720" s="613"/>
      <c r="FJJ720" s="613"/>
      <c r="FJK720" s="613"/>
      <c r="FJL720" s="613"/>
      <c r="FJM720" s="613"/>
      <c r="FJN720" s="613"/>
      <c r="FJO720" s="613"/>
      <c r="FJP720" s="613"/>
      <c r="FJQ720" s="613"/>
      <c r="FJR720" s="613"/>
      <c r="FJS720" s="613"/>
      <c r="FJT720" s="613"/>
      <c r="FJU720" s="613"/>
      <c r="FJV720" s="613"/>
      <c r="FJW720" s="613"/>
      <c r="FJX720" s="613"/>
      <c r="FJY720" s="613"/>
      <c r="FJZ720" s="613"/>
      <c r="FKA720" s="613"/>
      <c r="FKB720" s="613"/>
      <c r="FKC720" s="613"/>
      <c r="FKD720" s="613"/>
      <c r="FKE720" s="613"/>
      <c r="FKF720" s="613"/>
      <c r="FKG720" s="613"/>
      <c r="FKH720" s="613"/>
      <c r="FKI720" s="613"/>
      <c r="FKJ720" s="613"/>
      <c r="FKK720" s="613"/>
      <c r="FKL720" s="613"/>
      <c r="FKM720" s="613"/>
      <c r="FKN720" s="613"/>
      <c r="FKO720" s="613"/>
      <c r="FKP720" s="613"/>
      <c r="FKQ720" s="613"/>
      <c r="FKR720" s="613"/>
      <c r="FKS720" s="613"/>
      <c r="FKT720" s="613"/>
      <c r="FKU720" s="613"/>
      <c r="FKV720" s="613"/>
      <c r="FKW720" s="613"/>
      <c r="FKX720" s="613"/>
      <c r="FKY720" s="613"/>
      <c r="FKZ720" s="613"/>
      <c r="FLA720" s="613"/>
      <c r="FLB720" s="613"/>
      <c r="FLC720" s="613"/>
      <c r="FLD720" s="613"/>
      <c r="FLE720" s="613"/>
      <c r="FLF720" s="613"/>
      <c r="FLG720" s="613"/>
      <c r="FLH720" s="613"/>
      <c r="FLI720" s="613"/>
      <c r="FLJ720" s="613"/>
      <c r="FLK720" s="613"/>
      <c r="FLL720" s="613"/>
      <c r="FLM720" s="613"/>
      <c r="FLN720" s="613"/>
      <c r="FLO720" s="613"/>
      <c r="FLP720" s="613"/>
      <c r="FLQ720" s="613"/>
      <c r="FLR720" s="613"/>
      <c r="FLS720" s="613"/>
      <c r="FLT720" s="613"/>
      <c r="FLU720" s="613"/>
      <c r="FLV720" s="613"/>
      <c r="FLW720" s="613"/>
      <c r="FLX720" s="613"/>
      <c r="FLY720" s="613"/>
      <c r="FLZ720" s="613"/>
      <c r="FMA720" s="613"/>
      <c r="FMB720" s="613"/>
      <c r="FMC720" s="613"/>
      <c r="FMD720" s="613"/>
      <c r="FME720" s="613"/>
      <c r="FMF720" s="613"/>
      <c r="FMG720" s="613"/>
      <c r="FMH720" s="613"/>
      <c r="FMI720" s="613"/>
      <c r="FMJ720" s="613"/>
      <c r="FMK720" s="613"/>
      <c r="FML720" s="613"/>
      <c r="FMM720" s="613"/>
      <c r="FMN720" s="613"/>
      <c r="FMO720" s="613"/>
      <c r="FMP720" s="613"/>
      <c r="FMQ720" s="613"/>
      <c r="FMR720" s="613"/>
      <c r="FMS720" s="613"/>
      <c r="FMT720" s="613"/>
      <c r="FMU720" s="613"/>
      <c r="FMV720" s="613"/>
      <c r="FMW720" s="613"/>
      <c r="FMX720" s="613"/>
      <c r="FMY720" s="613"/>
      <c r="FMZ720" s="613"/>
      <c r="FNA720" s="613"/>
      <c r="FNB720" s="613"/>
      <c r="FNC720" s="613"/>
      <c r="FND720" s="613"/>
      <c r="FNE720" s="613"/>
      <c r="FNF720" s="613"/>
      <c r="FNG720" s="613"/>
      <c r="FNH720" s="613"/>
      <c r="FNI720" s="613"/>
      <c r="FNJ720" s="613"/>
      <c r="FNK720" s="613"/>
      <c r="FNL720" s="613"/>
      <c r="FNM720" s="613"/>
      <c r="FNN720" s="613"/>
      <c r="FNO720" s="613"/>
      <c r="FNP720" s="613"/>
      <c r="FNQ720" s="613"/>
      <c r="FNR720" s="613"/>
      <c r="FNS720" s="613"/>
      <c r="FNT720" s="613"/>
      <c r="FNU720" s="613"/>
      <c r="FNV720" s="613"/>
      <c r="FNW720" s="613"/>
      <c r="FNX720" s="613"/>
      <c r="FNY720" s="613"/>
      <c r="FNZ720" s="613"/>
      <c r="FOA720" s="613"/>
      <c r="FOB720" s="613"/>
      <c r="FOC720" s="613"/>
      <c r="FOD720" s="613"/>
      <c r="FOE720" s="613"/>
      <c r="FOF720" s="613"/>
      <c r="FOG720" s="613"/>
      <c r="FOH720" s="613"/>
      <c r="FOI720" s="613"/>
      <c r="FOJ720" s="613"/>
      <c r="FOK720" s="613"/>
      <c r="FOL720" s="613"/>
      <c r="FOM720" s="613"/>
      <c r="FON720" s="613"/>
      <c r="FOO720" s="613"/>
      <c r="FOP720" s="613"/>
      <c r="FOQ720" s="613"/>
      <c r="FOR720" s="613"/>
      <c r="FOS720" s="613"/>
      <c r="FOT720" s="613"/>
      <c r="FOU720" s="613"/>
      <c r="FOV720" s="613"/>
      <c r="FOW720" s="613"/>
      <c r="FOX720" s="613"/>
      <c r="FOY720" s="613"/>
      <c r="FOZ720" s="613"/>
      <c r="FPA720" s="613"/>
      <c r="FPB720" s="613"/>
      <c r="FPC720" s="613"/>
      <c r="FPD720" s="613"/>
      <c r="FPE720" s="613"/>
      <c r="FPF720" s="613"/>
      <c r="FPG720" s="613"/>
      <c r="FPH720" s="613"/>
      <c r="FPI720" s="613"/>
      <c r="FPJ720" s="613"/>
      <c r="FPK720" s="613"/>
      <c r="FPL720" s="613"/>
      <c r="FPM720" s="613"/>
      <c r="FPN720" s="613"/>
      <c r="FPO720" s="613"/>
      <c r="FPP720" s="613"/>
      <c r="FPQ720" s="613"/>
      <c r="FPR720" s="613"/>
      <c r="FPS720" s="613"/>
      <c r="FPT720" s="613"/>
      <c r="FPU720" s="613"/>
      <c r="FPV720" s="613"/>
      <c r="FPW720" s="613"/>
      <c r="FPX720" s="613"/>
      <c r="FPY720" s="613"/>
      <c r="FPZ720" s="613"/>
      <c r="FQA720" s="613"/>
      <c r="FQB720" s="613"/>
      <c r="FQC720" s="613"/>
      <c r="FQD720" s="613"/>
      <c r="FQE720" s="613"/>
      <c r="FQF720" s="613"/>
      <c r="FQG720" s="613"/>
      <c r="FQH720" s="613"/>
      <c r="FQI720" s="613"/>
      <c r="FQJ720" s="613"/>
      <c r="FQK720" s="613"/>
      <c r="FQL720" s="613"/>
      <c r="FQM720" s="613"/>
      <c r="FQN720" s="613"/>
      <c r="FQO720" s="613"/>
      <c r="FQP720" s="613"/>
      <c r="FQQ720" s="613"/>
      <c r="FQR720" s="613"/>
      <c r="FQS720" s="613"/>
      <c r="FQT720" s="613"/>
      <c r="FQU720" s="613"/>
      <c r="FQV720" s="613"/>
      <c r="FQW720" s="613"/>
      <c r="FQX720" s="613"/>
      <c r="FQY720" s="613"/>
      <c r="FQZ720" s="613"/>
      <c r="FRA720" s="613"/>
      <c r="FRB720" s="613"/>
      <c r="FRC720" s="613"/>
      <c r="FRD720" s="613"/>
      <c r="FRE720" s="613"/>
      <c r="FRF720" s="613"/>
      <c r="FRG720" s="613"/>
      <c r="FRH720" s="613"/>
      <c r="FRI720" s="613"/>
      <c r="FRJ720" s="613"/>
      <c r="FRK720" s="613"/>
      <c r="FRL720" s="613"/>
      <c r="FRM720" s="613"/>
      <c r="FRN720" s="613"/>
      <c r="FRO720" s="613"/>
      <c r="FRP720" s="613"/>
      <c r="FRQ720" s="613"/>
      <c r="FRR720" s="613"/>
      <c r="FRS720" s="613"/>
      <c r="FRT720" s="613"/>
      <c r="FRU720" s="613"/>
      <c r="FRV720" s="613"/>
      <c r="FRW720" s="613"/>
      <c r="FRX720" s="613"/>
      <c r="FRY720" s="613"/>
      <c r="FRZ720" s="613"/>
      <c r="FSA720" s="613"/>
      <c r="FSB720" s="613"/>
      <c r="FSC720" s="613"/>
      <c r="FSD720" s="613"/>
      <c r="FSE720" s="613"/>
      <c r="FSF720" s="613"/>
      <c r="FSG720" s="613"/>
      <c r="FSH720" s="613"/>
      <c r="FSI720" s="613"/>
      <c r="FSJ720" s="613"/>
      <c r="FSK720" s="613"/>
      <c r="FSL720" s="613"/>
      <c r="FSM720" s="613"/>
      <c r="FSN720" s="613"/>
      <c r="FSO720" s="613"/>
      <c r="FSP720" s="613"/>
      <c r="FSQ720" s="613"/>
      <c r="FSR720" s="613"/>
      <c r="FSS720" s="613"/>
      <c r="FST720" s="613"/>
      <c r="FSU720" s="613"/>
      <c r="FSV720" s="613"/>
      <c r="FSW720" s="613"/>
      <c r="FSX720" s="613"/>
      <c r="FSY720" s="613"/>
      <c r="FSZ720" s="613"/>
      <c r="FTA720" s="613"/>
      <c r="FTB720" s="613"/>
      <c r="FTC720" s="613"/>
      <c r="FTD720" s="613"/>
      <c r="FTE720" s="613"/>
      <c r="FTF720" s="613"/>
      <c r="FTG720" s="613"/>
      <c r="FTH720" s="613"/>
      <c r="FTI720" s="613"/>
      <c r="FTJ720" s="613"/>
      <c r="FTK720" s="613"/>
      <c r="FTL720" s="613"/>
      <c r="FTM720" s="613"/>
      <c r="FTN720" s="613"/>
      <c r="FTO720" s="613"/>
      <c r="FTP720" s="613"/>
      <c r="FTQ720" s="613"/>
      <c r="FTR720" s="613"/>
      <c r="FTS720" s="613"/>
      <c r="FTT720" s="613"/>
      <c r="FTU720" s="613"/>
      <c r="FTV720" s="613"/>
      <c r="FTW720" s="613"/>
      <c r="FTX720" s="613"/>
      <c r="FTY720" s="613"/>
      <c r="FTZ720" s="613"/>
      <c r="FUA720" s="613"/>
      <c r="FUB720" s="613"/>
      <c r="FUC720" s="613"/>
      <c r="FUD720" s="613"/>
      <c r="FUE720" s="613"/>
      <c r="FUF720" s="613"/>
      <c r="FUG720" s="613"/>
      <c r="FUH720" s="613"/>
      <c r="FUI720" s="613"/>
      <c r="FUJ720" s="613"/>
      <c r="FUK720" s="613"/>
      <c r="FUL720" s="613"/>
      <c r="FUM720" s="613"/>
      <c r="FUN720" s="613"/>
      <c r="FUO720" s="613"/>
      <c r="FUP720" s="613"/>
      <c r="FUQ720" s="613"/>
      <c r="FUR720" s="613"/>
      <c r="FUS720" s="613"/>
      <c r="FUT720" s="613"/>
      <c r="FUU720" s="613"/>
      <c r="FUV720" s="613"/>
      <c r="FUW720" s="613"/>
      <c r="FUX720" s="613"/>
      <c r="FUY720" s="613"/>
      <c r="FUZ720" s="613"/>
      <c r="FVA720" s="613"/>
      <c r="FVB720" s="613"/>
      <c r="FVC720" s="613"/>
      <c r="FVD720" s="613"/>
      <c r="FVE720" s="613"/>
      <c r="FVF720" s="613"/>
      <c r="FVG720" s="613"/>
      <c r="FVH720" s="613"/>
      <c r="FVI720" s="613"/>
      <c r="FVJ720" s="613"/>
      <c r="FVK720" s="613"/>
      <c r="FVL720" s="613"/>
      <c r="FVM720" s="613"/>
      <c r="FVN720" s="613"/>
      <c r="FVO720" s="613"/>
      <c r="FVP720" s="613"/>
      <c r="FVQ720" s="613"/>
      <c r="FVR720" s="613"/>
      <c r="FVS720" s="613"/>
      <c r="FVT720" s="613"/>
      <c r="FVU720" s="613"/>
      <c r="FVV720" s="613"/>
      <c r="FVW720" s="613"/>
      <c r="FVX720" s="613"/>
      <c r="FVY720" s="613"/>
      <c r="FVZ720" s="613"/>
      <c r="FWA720" s="613"/>
      <c r="FWB720" s="613"/>
      <c r="FWC720" s="613"/>
      <c r="FWD720" s="613"/>
      <c r="FWE720" s="613"/>
      <c r="FWF720" s="613"/>
      <c r="FWG720" s="613"/>
      <c r="FWH720" s="613"/>
      <c r="FWI720" s="613"/>
      <c r="FWJ720" s="613"/>
      <c r="FWK720" s="613"/>
      <c r="FWL720" s="613"/>
      <c r="FWM720" s="613"/>
      <c r="FWN720" s="613"/>
      <c r="FWO720" s="613"/>
      <c r="FWP720" s="613"/>
      <c r="FWQ720" s="613"/>
      <c r="FWR720" s="613"/>
      <c r="FWS720" s="613"/>
      <c r="FWT720" s="613"/>
      <c r="FWU720" s="613"/>
      <c r="FWV720" s="613"/>
      <c r="FWW720" s="613"/>
      <c r="FWX720" s="613"/>
      <c r="FWY720" s="613"/>
      <c r="FWZ720" s="613"/>
      <c r="FXA720" s="613"/>
      <c r="FXB720" s="613"/>
      <c r="FXC720" s="613"/>
      <c r="FXD720" s="613"/>
      <c r="FXE720" s="613"/>
      <c r="FXF720" s="613"/>
      <c r="FXG720" s="613"/>
      <c r="FXH720" s="613"/>
      <c r="FXI720" s="613"/>
      <c r="FXJ720" s="613"/>
      <c r="FXK720" s="613"/>
      <c r="FXL720" s="613"/>
      <c r="FXM720" s="613"/>
      <c r="FXN720" s="613"/>
      <c r="FXO720" s="613"/>
      <c r="FXP720" s="613"/>
      <c r="FXQ720" s="613"/>
      <c r="FXR720" s="613"/>
      <c r="FXS720" s="613"/>
      <c r="FXT720" s="613"/>
      <c r="FXU720" s="613"/>
      <c r="FXV720" s="613"/>
      <c r="FXW720" s="613"/>
      <c r="FXX720" s="613"/>
      <c r="FXY720" s="613"/>
      <c r="FXZ720" s="613"/>
      <c r="FYA720" s="613"/>
      <c r="FYB720" s="613"/>
      <c r="FYC720" s="613"/>
      <c r="FYD720" s="613"/>
      <c r="FYE720" s="613"/>
      <c r="FYF720" s="613"/>
      <c r="FYG720" s="613"/>
      <c r="FYH720" s="613"/>
      <c r="FYI720" s="613"/>
      <c r="FYJ720" s="613"/>
      <c r="FYK720" s="613"/>
      <c r="FYL720" s="613"/>
      <c r="FYM720" s="613"/>
      <c r="FYN720" s="613"/>
      <c r="FYO720" s="613"/>
      <c r="FYP720" s="613"/>
      <c r="FYQ720" s="613"/>
      <c r="FYR720" s="613"/>
      <c r="FYS720" s="613"/>
      <c r="FYT720" s="613"/>
      <c r="FYU720" s="613"/>
      <c r="FYV720" s="613"/>
      <c r="FYW720" s="613"/>
      <c r="FYX720" s="613"/>
      <c r="FYY720" s="613"/>
      <c r="FYZ720" s="613"/>
      <c r="FZA720" s="613"/>
      <c r="FZB720" s="613"/>
      <c r="FZC720" s="613"/>
      <c r="FZD720" s="613"/>
      <c r="FZE720" s="613"/>
      <c r="FZF720" s="613"/>
      <c r="FZG720" s="613"/>
      <c r="FZH720" s="613"/>
      <c r="FZI720" s="613"/>
      <c r="FZJ720" s="613"/>
      <c r="FZK720" s="613"/>
      <c r="FZL720" s="613"/>
      <c r="FZM720" s="613"/>
      <c r="FZN720" s="613"/>
      <c r="FZO720" s="613"/>
      <c r="FZP720" s="613"/>
      <c r="FZQ720" s="613"/>
      <c r="FZR720" s="613"/>
      <c r="FZS720" s="613"/>
      <c r="FZT720" s="613"/>
      <c r="FZU720" s="613"/>
      <c r="FZV720" s="613"/>
      <c r="FZW720" s="613"/>
      <c r="FZX720" s="613"/>
      <c r="FZY720" s="613"/>
      <c r="FZZ720" s="613"/>
      <c r="GAA720" s="613"/>
      <c r="GAB720" s="613"/>
      <c r="GAC720" s="613"/>
      <c r="GAD720" s="613"/>
      <c r="GAE720" s="613"/>
      <c r="GAF720" s="613"/>
      <c r="GAG720" s="613"/>
      <c r="GAH720" s="613"/>
      <c r="GAI720" s="613"/>
      <c r="GAJ720" s="613"/>
      <c r="GAK720" s="613"/>
      <c r="GAL720" s="613"/>
      <c r="GAM720" s="613"/>
      <c r="GAN720" s="613"/>
      <c r="GAO720" s="613"/>
      <c r="GAP720" s="613"/>
      <c r="GAQ720" s="613"/>
      <c r="GAR720" s="613"/>
      <c r="GAS720" s="613"/>
      <c r="GAT720" s="613"/>
      <c r="GAU720" s="613"/>
      <c r="GAV720" s="613"/>
      <c r="GAW720" s="613"/>
      <c r="GAX720" s="613"/>
      <c r="GAY720" s="613"/>
      <c r="GAZ720" s="613"/>
      <c r="GBA720" s="613"/>
      <c r="GBB720" s="613"/>
      <c r="GBC720" s="613"/>
      <c r="GBD720" s="613"/>
      <c r="GBE720" s="613"/>
      <c r="GBF720" s="613"/>
      <c r="GBG720" s="613"/>
      <c r="GBH720" s="613"/>
      <c r="GBI720" s="613"/>
      <c r="GBJ720" s="613"/>
      <c r="GBK720" s="613"/>
      <c r="GBL720" s="613"/>
      <c r="GBM720" s="613"/>
      <c r="GBN720" s="613"/>
      <c r="GBO720" s="613"/>
      <c r="GBP720" s="613"/>
      <c r="GBQ720" s="613"/>
      <c r="GBR720" s="613"/>
      <c r="GBS720" s="613"/>
      <c r="GBT720" s="613"/>
      <c r="GBU720" s="613"/>
      <c r="GBV720" s="613"/>
      <c r="GBW720" s="613"/>
      <c r="GBX720" s="613"/>
      <c r="GBY720" s="613"/>
      <c r="GBZ720" s="613"/>
      <c r="GCA720" s="613"/>
      <c r="GCB720" s="613"/>
      <c r="GCC720" s="613"/>
      <c r="GCD720" s="613"/>
      <c r="GCE720" s="613"/>
      <c r="GCF720" s="613"/>
      <c r="GCG720" s="613"/>
      <c r="GCH720" s="613"/>
      <c r="GCI720" s="613"/>
      <c r="GCJ720" s="613"/>
      <c r="GCK720" s="613"/>
      <c r="GCL720" s="613"/>
      <c r="GCM720" s="613"/>
      <c r="GCN720" s="613"/>
      <c r="GCO720" s="613"/>
      <c r="GCP720" s="613"/>
      <c r="GCQ720" s="613"/>
      <c r="GCR720" s="613"/>
      <c r="GCS720" s="613"/>
      <c r="GCT720" s="613"/>
      <c r="GCU720" s="613"/>
      <c r="GCV720" s="613"/>
      <c r="GCW720" s="613"/>
      <c r="GCX720" s="613"/>
      <c r="GCY720" s="613"/>
      <c r="GCZ720" s="613"/>
      <c r="GDA720" s="613"/>
      <c r="GDB720" s="613"/>
      <c r="GDC720" s="613"/>
      <c r="GDD720" s="613"/>
      <c r="GDE720" s="613"/>
      <c r="GDF720" s="613"/>
      <c r="GDG720" s="613"/>
      <c r="GDH720" s="613"/>
      <c r="GDI720" s="613"/>
      <c r="GDJ720" s="613"/>
      <c r="GDK720" s="613"/>
      <c r="GDL720" s="613"/>
      <c r="GDM720" s="613"/>
      <c r="GDN720" s="613"/>
      <c r="GDO720" s="613"/>
      <c r="GDP720" s="613"/>
      <c r="GDQ720" s="613"/>
      <c r="GDR720" s="613"/>
      <c r="GDS720" s="613"/>
      <c r="GDT720" s="613"/>
      <c r="GDU720" s="613"/>
      <c r="GDV720" s="613"/>
      <c r="GDW720" s="613"/>
      <c r="GDX720" s="613"/>
      <c r="GDY720" s="613"/>
      <c r="GDZ720" s="613"/>
      <c r="GEA720" s="613"/>
      <c r="GEB720" s="613"/>
      <c r="GEC720" s="613"/>
      <c r="GED720" s="613"/>
      <c r="GEE720" s="613"/>
      <c r="GEF720" s="613"/>
      <c r="GEG720" s="613"/>
      <c r="GEH720" s="613"/>
      <c r="GEI720" s="613"/>
      <c r="GEJ720" s="613"/>
      <c r="GEK720" s="613"/>
      <c r="GEL720" s="613"/>
      <c r="GEM720" s="613"/>
      <c r="GEN720" s="613"/>
      <c r="GEO720" s="613"/>
      <c r="GEP720" s="613"/>
      <c r="GEQ720" s="613"/>
      <c r="GER720" s="613"/>
      <c r="GES720" s="613"/>
      <c r="GET720" s="613"/>
      <c r="GEU720" s="613"/>
      <c r="GEV720" s="613"/>
      <c r="GEW720" s="613"/>
      <c r="GEX720" s="613"/>
      <c r="GEY720" s="613"/>
      <c r="GEZ720" s="613"/>
      <c r="GFA720" s="613"/>
      <c r="GFB720" s="613"/>
      <c r="GFC720" s="613"/>
      <c r="GFD720" s="613"/>
      <c r="GFE720" s="613"/>
      <c r="GFF720" s="613"/>
      <c r="GFG720" s="613"/>
      <c r="GFH720" s="613"/>
      <c r="GFI720" s="613"/>
      <c r="GFJ720" s="613"/>
      <c r="GFK720" s="613"/>
      <c r="GFL720" s="613"/>
      <c r="GFM720" s="613"/>
      <c r="GFN720" s="613"/>
      <c r="GFO720" s="613"/>
      <c r="GFP720" s="613"/>
      <c r="GFQ720" s="613"/>
      <c r="GFR720" s="613"/>
      <c r="GFS720" s="613"/>
      <c r="GFT720" s="613"/>
      <c r="GFU720" s="613"/>
      <c r="GFV720" s="613"/>
      <c r="GFW720" s="613"/>
      <c r="GFX720" s="613"/>
      <c r="GFY720" s="613"/>
      <c r="GFZ720" s="613"/>
      <c r="GGA720" s="613"/>
      <c r="GGB720" s="613"/>
      <c r="GGC720" s="613"/>
      <c r="GGD720" s="613"/>
      <c r="GGE720" s="613"/>
      <c r="GGF720" s="613"/>
      <c r="GGG720" s="613"/>
      <c r="GGH720" s="613"/>
      <c r="GGI720" s="613"/>
      <c r="GGJ720" s="613"/>
      <c r="GGK720" s="613"/>
      <c r="GGL720" s="613"/>
      <c r="GGM720" s="613"/>
      <c r="GGN720" s="613"/>
      <c r="GGO720" s="613"/>
      <c r="GGP720" s="613"/>
      <c r="GGQ720" s="613"/>
      <c r="GGR720" s="613"/>
      <c r="GGS720" s="613"/>
      <c r="GGT720" s="613"/>
      <c r="GGU720" s="613"/>
      <c r="GGV720" s="613"/>
      <c r="GGW720" s="613"/>
      <c r="GGX720" s="613"/>
      <c r="GGY720" s="613"/>
      <c r="GGZ720" s="613"/>
      <c r="GHA720" s="613"/>
      <c r="GHB720" s="613"/>
      <c r="GHC720" s="613"/>
      <c r="GHD720" s="613"/>
      <c r="GHE720" s="613"/>
      <c r="GHF720" s="613"/>
      <c r="GHG720" s="613"/>
      <c r="GHH720" s="613"/>
      <c r="GHI720" s="613"/>
      <c r="GHJ720" s="613"/>
      <c r="GHK720" s="613"/>
      <c r="GHL720" s="613"/>
      <c r="GHM720" s="613"/>
      <c r="GHN720" s="613"/>
      <c r="GHO720" s="613"/>
      <c r="GHP720" s="613"/>
      <c r="GHQ720" s="613"/>
      <c r="GHR720" s="613"/>
      <c r="GHS720" s="613"/>
      <c r="GHT720" s="613"/>
      <c r="GHU720" s="613"/>
      <c r="GHV720" s="613"/>
      <c r="GHW720" s="613"/>
      <c r="GHX720" s="613"/>
      <c r="GHY720" s="613"/>
      <c r="GHZ720" s="613"/>
      <c r="GIA720" s="613"/>
      <c r="GIB720" s="613"/>
      <c r="GIC720" s="613"/>
      <c r="GID720" s="613"/>
      <c r="GIE720" s="613"/>
      <c r="GIF720" s="613"/>
      <c r="GIG720" s="613"/>
      <c r="GIH720" s="613"/>
      <c r="GII720" s="613"/>
      <c r="GIJ720" s="613"/>
      <c r="GIK720" s="613"/>
      <c r="GIL720" s="613"/>
      <c r="GIM720" s="613"/>
      <c r="GIN720" s="613"/>
      <c r="GIO720" s="613"/>
      <c r="GIP720" s="613"/>
      <c r="GIQ720" s="613"/>
      <c r="GIR720" s="613"/>
      <c r="GIS720" s="613"/>
      <c r="GIT720" s="613"/>
      <c r="GIU720" s="613"/>
      <c r="GIV720" s="613"/>
      <c r="GIW720" s="613"/>
      <c r="GIX720" s="613"/>
      <c r="GIY720" s="613"/>
      <c r="GIZ720" s="613"/>
      <c r="GJA720" s="613"/>
      <c r="GJB720" s="613"/>
      <c r="GJC720" s="613"/>
      <c r="GJD720" s="613"/>
      <c r="GJE720" s="613"/>
      <c r="GJF720" s="613"/>
      <c r="GJG720" s="613"/>
      <c r="GJH720" s="613"/>
      <c r="GJI720" s="613"/>
      <c r="GJJ720" s="613"/>
      <c r="GJK720" s="613"/>
      <c r="GJL720" s="613"/>
      <c r="GJM720" s="613"/>
      <c r="GJN720" s="613"/>
      <c r="GJO720" s="613"/>
      <c r="GJP720" s="613"/>
      <c r="GJQ720" s="613"/>
      <c r="GJR720" s="613"/>
      <c r="GJS720" s="613"/>
      <c r="GJT720" s="613"/>
      <c r="GJU720" s="613"/>
      <c r="GJV720" s="613"/>
      <c r="GJW720" s="613"/>
      <c r="GJX720" s="613"/>
      <c r="GJY720" s="613"/>
      <c r="GJZ720" s="613"/>
      <c r="GKA720" s="613"/>
      <c r="GKB720" s="613"/>
      <c r="GKC720" s="613"/>
      <c r="GKD720" s="613"/>
      <c r="GKE720" s="613"/>
      <c r="GKF720" s="613"/>
      <c r="GKG720" s="613"/>
      <c r="GKH720" s="613"/>
      <c r="GKI720" s="613"/>
      <c r="GKJ720" s="613"/>
      <c r="GKK720" s="613"/>
      <c r="GKL720" s="613"/>
      <c r="GKM720" s="613"/>
      <c r="GKN720" s="613"/>
      <c r="GKO720" s="613"/>
      <c r="GKP720" s="613"/>
      <c r="GKQ720" s="613"/>
      <c r="GKR720" s="613"/>
      <c r="GKS720" s="613"/>
      <c r="GKT720" s="613"/>
      <c r="GKU720" s="613"/>
      <c r="GKV720" s="613"/>
      <c r="GKW720" s="613"/>
      <c r="GKX720" s="613"/>
      <c r="GKY720" s="613"/>
      <c r="GKZ720" s="613"/>
      <c r="GLA720" s="613"/>
      <c r="GLB720" s="613"/>
      <c r="GLC720" s="613"/>
      <c r="GLD720" s="613"/>
      <c r="GLE720" s="613"/>
      <c r="GLF720" s="613"/>
      <c r="GLG720" s="613"/>
      <c r="GLH720" s="613"/>
      <c r="GLI720" s="613"/>
      <c r="GLJ720" s="613"/>
      <c r="GLK720" s="613"/>
      <c r="GLL720" s="613"/>
      <c r="GLM720" s="613"/>
      <c r="GLN720" s="613"/>
      <c r="GLO720" s="613"/>
      <c r="GLP720" s="613"/>
      <c r="GLQ720" s="613"/>
      <c r="GLR720" s="613"/>
      <c r="GLS720" s="613"/>
      <c r="GLT720" s="613"/>
      <c r="GLU720" s="613"/>
      <c r="GLV720" s="613"/>
      <c r="GLW720" s="613"/>
      <c r="GLX720" s="613"/>
      <c r="GLY720" s="613"/>
      <c r="GLZ720" s="613"/>
      <c r="GMA720" s="613"/>
      <c r="GMB720" s="613"/>
      <c r="GMC720" s="613"/>
      <c r="GMD720" s="613"/>
      <c r="GME720" s="613"/>
      <c r="GMF720" s="613"/>
      <c r="GMG720" s="613"/>
      <c r="GMH720" s="613"/>
      <c r="GMI720" s="613"/>
      <c r="GMJ720" s="613"/>
      <c r="GMK720" s="613"/>
      <c r="GML720" s="613"/>
      <c r="GMM720" s="613"/>
      <c r="GMN720" s="613"/>
      <c r="GMO720" s="613"/>
      <c r="GMP720" s="613"/>
      <c r="GMQ720" s="613"/>
      <c r="GMR720" s="613"/>
      <c r="GMS720" s="613"/>
      <c r="GMT720" s="613"/>
      <c r="GMU720" s="613"/>
      <c r="GMV720" s="613"/>
      <c r="GMW720" s="613"/>
      <c r="GMX720" s="613"/>
      <c r="GMY720" s="613"/>
      <c r="GMZ720" s="613"/>
      <c r="GNA720" s="613"/>
      <c r="GNB720" s="613"/>
      <c r="GNC720" s="613"/>
      <c r="GND720" s="613"/>
      <c r="GNE720" s="613"/>
      <c r="GNF720" s="613"/>
      <c r="GNG720" s="613"/>
      <c r="GNH720" s="613"/>
      <c r="GNI720" s="613"/>
      <c r="GNJ720" s="613"/>
      <c r="GNK720" s="613"/>
      <c r="GNL720" s="613"/>
      <c r="GNM720" s="613"/>
      <c r="GNN720" s="613"/>
      <c r="GNO720" s="613"/>
      <c r="GNP720" s="613"/>
      <c r="GNQ720" s="613"/>
      <c r="GNR720" s="613"/>
      <c r="GNS720" s="613"/>
      <c r="GNT720" s="613"/>
      <c r="GNU720" s="613"/>
      <c r="GNV720" s="613"/>
      <c r="GNW720" s="613"/>
      <c r="GNX720" s="613"/>
      <c r="GNY720" s="613"/>
      <c r="GNZ720" s="613"/>
      <c r="GOA720" s="613"/>
      <c r="GOB720" s="613"/>
      <c r="GOC720" s="613"/>
      <c r="GOD720" s="613"/>
      <c r="GOE720" s="613"/>
      <c r="GOF720" s="613"/>
      <c r="GOG720" s="613"/>
      <c r="GOH720" s="613"/>
      <c r="GOI720" s="613"/>
      <c r="GOJ720" s="613"/>
      <c r="GOK720" s="613"/>
      <c r="GOL720" s="613"/>
      <c r="GOM720" s="613"/>
      <c r="GON720" s="613"/>
      <c r="GOO720" s="613"/>
      <c r="GOP720" s="613"/>
      <c r="GOQ720" s="613"/>
      <c r="GOR720" s="613"/>
      <c r="GOS720" s="613"/>
      <c r="GOT720" s="613"/>
      <c r="GOU720" s="613"/>
      <c r="GOV720" s="613"/>
      <c r="GOW720" s="613"/>
      <c r="GOX720" s="613"/>
      <c r="GOY720" s="613"/>
      <c r="GOZ720" s="613"/>
      <c r="GPA720" s="613"/>
      <c r="GPB720" s="613"/>
      <c r="GPC720" s="613"/>
      <c r="GPD720" s="613"/>
      <c r="GPE720" s="613"/>
      <c r="GPF720" s="613"/>
      <c r="GPG720" s="613"/>
      <c r="GPH720" s="613"/>
      <c r="GPI720" s="613"/>
      <c r="GPJ720" s="613"/>
      <c r="GPK720" s="613"/>
      <c r="GPL720" s="613"/>
      <c r="GPM720" s="613"/>
      <c r="GPN720" s="613"/>
      <c r="GPO720" s="613"/>
      <c r="GPP720" s="613"/>
      <c r="GPQ720" s="613"/>
      <c r="GPR720" s="613"/>
      <c r="GPS720" s="613"/>
      <c r="GPT720" s="613"/>
      <c r="GPU720" s="613"/>
      <c r="GPV720" s="613"/>
      <c r="GPW720" s="613"/>
      <c r="GPX720" s="613"/>
      <c r="GPY720" s="613"/>
      <c r="GPZ720" s="613"/>
      <c r="GQA720" s="613"/>
      <c r="GQB720" s="613"/>
      <c r="GQC720" s="613"/>
      <c r="GQD720" s="613"/>
      <c r="GQE720" s="613"/>
      <c r="GQF720" s="613"/>
      <c r="GQG720" s="613"/>
      <c r="GQH720" s="613"/>
      <c r="GQI720" s="613"/>
      <c r="GQJ720" s="613"/>
      <c r="GQK720" s="613"/>
      <c r="GQL720" s="613"/>
      <c r="GQM720" s="613"/>
      <c r="GQN720" s="613"/>
      <c r="GQO720" s="613"/>
      <c r="GQP720" s="613"/>
      <c r="GQQ720" s="613"/>
      <c r="GQR720" s="613"/>
      <c r="GQS720" s="613"/>
      <c r="GQT720" s="613"/>
      <c r="GQU720" s="613"/>
      <c r="GQV720" s="613"/>
      <c r="GQW720" s="613"/>
      <c r="GQX720" s="613"/>
      <c r="GQY720" s="613"/>
      <c r="GQZ720" s="613"/>
      <c r="GRA720" s="613"/>
      <c r="GRB720" s="613"/>
      <c r="GRC720" s="613"/>
      <c r="GRD720" s="613"/>
      <c r="GRE720" s="613"/>
      <c r="GRF720" s="613"/>
      <c r="GRG720" s="613"/>
      <c r="GRH720" s="613"/>
      <c r="GRI720" s="613"/>
      <c r="GRJ720" s="613"/>
      <c r="GRK720" s="613"/>
      <c r="GRL720" s="613"/>
      <c r="GRM720" s="613"/>
      <c r="GRN720" s="613"/>
      <c r="GRO720" s="613"/>
      <c r="GRP720" s="613"/>
      <c r="GRQ720" s="613"/>
      <c r="GRR720" s="613"/>
      <c r="GRS720" s="613"/>
      <c r="GRT720" s="613"/>
      <c r="GRU720" s="613"/>
      <c r="GRV720" s="613"/>
      <c r="GRW720" s="613"/>
      <c r="GRX720" s="613"/>
      <c r="GRY720" s="613"/>
      <c r="GRZ720" s="613"/>
      <c r="GSA720" s="613"/>
      <c r="GSB720" s="613"/>
      <c r="GSC720" s="613"/>
      <c r="GSD720" s="613"/>
      <c r="GSE720" s="613"/>
      <c r="GSF720" s="613"/>
      <c r="GSG720" s="613"/>
      <c r="GSH720" s="613"/>
      <c r="GSI720" s="613"/>
      <c r="GSJ720" s="613"/>
      <c r="GSK720" s="613"/>
      <c r="GSL720" s="613"/>
      <c r="GSM720" s="613"/>
      <c r="GSN720" s="613"/>
      <c r="GSO720" s="613"/>
      <c r="GSP720" s="613"/>
      <c r="GSQ720" s="613"/>
      <c r="GSR720" s="613"/>
      <c r="GSS720" s="613"/>
      <c r="GST720" s="613"/>
      <c r="GSU720" s="613"/>
      <c r="GSV720" s="613"/>
      <c r="GSW720" s="613"/>
      <c r="GSX720" s="613"/>
      <c r="GSY720" s="613"/>
      <c r="GSZ720" s="613"/>
      <c r="GTA720" s="613"/>
      <c r="GTB720" s="613"/>
      <c r="GTC720" s="613"/>
      <c r="GTD720" s="613"/>
      <c r="GTE720" s="613"/>
      <c r="GTF720" s="613"/>
      <c r="GTG720" s="613"/>
      <c r="GTH720" s="613"/>
      <c r="GTI720" s="613"/>
      <c r="GTJ720" s="613"/>
      <c r="GTK720" s="613"/>
      <c r="GTL720" s="613"/>
      <c r="GTM720" s="613"/>
      <c r="GTN720" s="613"/>
      <c r="GTO720" s="613"/>
      <c r="GTP720" s="613"/>
      <c r="GTQ720" s="613"/>
      <c r="GTR720" s="613"/>
      <c r="GTS720" s="613"/>
      <c r="GTT720" s="613"/>
      <c r="GTU720" s="613"/>
      <c r="GTV720" s="613"/>
      <c r="GTW720" s="613"/>
      <c r="GTX720" s="613"/>
      <c r="GTY720" s="613"/>
      <c r="GTZ720" s="613"/>
      <c r="GUA720" s="613"/>
      <c r="GUB720" s="613"/>
      <c r="GUC720" s="613"/>
      <c r="GUD720" s="613"/>
      <c r="GUE720" s="613"/>
      <c r="GUF720" s="613"/>
      <c r="GUG720" s="613"/>
      <c r="GUH720" s="613"/>
      <c r="GUI720" s="613"/>
      <c r="GUJ720" s="613"/>
      <c r="GUK720" s="613"/>
      <c r="GUL720" s="613"/>
      <c r="GUM720" s="613"/>
      <c r="GUN720" s="613"/>
      <c r="GUO720" s="613"/>
      <c r="GUP720" s="613"/>
      <c r="GUQ720" s="613"/>
      <c r="GUR720" s="613"/>
      <c r="GUS720" s="613"/>
      <c r="GUT720" s="613"/>
      <c r="GUU720" s="613"/>
      <c r="GUV720" s="613"/>
      <c r="GUW720" s="613"/>
      <c r="GUX720" s="613"/>
      <c r="GUY720" s="613"/>
      <c r="GUZ720" s="613"/>
      <c r="GVA720" s="613"/>
      <c r="GVB720" s="613"/>
      <c r="GVC720" s="613"/>
      <c r="GVD720" s="613"/>
      <c r="GVE720" s="613"/>
      <c r="GVF720" s="613"/>
      <c r="GVG720" s="613"/>
      <c r="GVH720" s="613"/>
      <c r="GVI720" s="613"/>
      <c r="GVJ720" s="613"/>
      <c r="GVK720" s="613"/>
      <c r="GVL720" s="613"/>
      <c r="GVM720" s="613"/>
      <c r="GVN720" s="613"/>
      <c r="GVO720" s="613"/>
      <c r="GVP720" s="613"/>
      <c r="GVQ720" s="613"/>
      <c r="GVR720" s="613"/>
      <c r="GVS720" s="613"/>
      <c r="GVT720" s="613"/>
      <c r="GVU720" s="613"/>
      <c r="GVV720" s="613"/>
      <c r="GVW720" s="613"/>
      <c r="GVX720" s="613"/>
      <c r="GVY720" s="613"/>
      <c r="GVZ720" s="613"/>
      <c r="GWA720" s="613"/>
      <c r="GWB720" s="613"/>
      <c r="GWC720" s="613"/>
      <c r="GWD720" s="613"/>
      <c r="GWE720" s="613"/>
      <c r="GWF720" s="613"/>
      <c r="GWG720" s="613"/>
      <c r="GWH720" s="613"/>
      <c r="GWI720" s="613"/>
      <c r="GWJ720" s="613"/>
      <c r="GWK720" s="613"/>
      <c r="GWL720" s="613"/>
      <c r="GWM720" s="613"/>
      <c r="GWN720" s="613"/>
      <c r="GWO720" s="613"/>
      <c r="GWP720" s="613"/>
      <c r="GWQ720" s="613"/>
      <c r="GWR720" s="613"/>
      <c r="GWS720" s="613"/>
      <c r="GWT720" s="613"/>
      <c r="GWU720" s="613"/>
      <c r="GWV720" s="613"/>
      <c r="GWW720" s="613"/>
      <c r="GWX720" s="613"/>
      <c r="GWY720" s="613"/>
      <c r="GWZ720" s="613"/>
      <c r="GXA720" s="613"/>
      <c r="GXB720" s="613"/>
      <c r="GXC720" s="613"/>
      <c r="GXD720" s="613"/>
      <c r="GXE720" s="613"/>
      <c r="GXF720" s="613"/>
      <c r="GXG720" s="613"/>
      <c r="GXH720" s="613"/>
      <c r="GXI720" s="613"/>
      <c r="GXJ720" s="613"/>
      <c r="GXK720" s="613"/>
      <c r="GXL720" s="613"/>
      <c r="GXM720" s="613"/>
      <c r="GXN720" s="613"/>
      <c r="GXO720" s="613"/>
      <c r="GXP720" s="613"/>
      <c r="GXQ720" s="613"/>
      <c r="GXR720" s="613"/>
      <c r="GXS720" s="613"/>
      <c r="GXT720" s="613"/>
      <c r="GXU720" s="613"/>
      <c r="GXV720" s="613"/>
      <c r="GXW720" s="613"/>
      <c r="GXX720" s="613"/>
      <c r="GXY720" s="613"/>
      <c r="GXZ720" s="613"/>
      <c r="GYA720" s="613"/>
      <c r="GYB720" s="613"/>
      <c r="GYC720" s="613"/>
      <c r="GYD720" s="613"/>
      <c r="GYE720" s="613"/>
      <c r="GYF720" s="613"/>
      <c r="GYG720" s="613"/>
      <c r="GYH720" s="613"/>
      <c r="GYI720" s="613"/>
      <c r="GYJ720" s="613"/>
      <c r="GYK720" s="613"/>
      <c r="GYL720" s="613"/>
      <c r="GYM720" s="613"/>
      <c r="GYN720" s="613"/>
      <c r="GYO720" s="613"/>
      <c r="GYP720" s="613"/>
      <c r="GYQ720" s="613"/>
      <c r="GYR720" s="613"/>
      <c r="GYS720" s="613"/>
      <c r="GYT720" s="613"/>
      <c r="GYU720" s="613"/>
      <c r="GYV720" s="613"/>
      <c r="GYW720" s="613"/>
      <c r="GYX720" s="613"/>
      <c r="GYY720" s="613"/>
      <c r="GYZ720" s="613"/>
      <c r="GZA720" s="613"/>
      <c r="GZB720" s="613"/>
      <c r="GZC720" s="613"/>
      <c r="GZD720" s="613"/>
      <c r="GZE720" s="613"/>
      <c r="GZF720" s="613"/>
      <c r="GZG720" s="613"/>
      <c r="GZH720" s="613"/>
      <c r="GZI720" s="613"/>
      <c r="GZJ720" s="613"/>
      <c r="GZK720" s="613"/>
      <c r="GZL720" s="613"/>
      <c r="GZM720" s="613"/>
      <c r="GZN720" s="613"/>
      <c r="GZO720" s="613"/>
      <c r="GZP720" s="613"/>
      <c r="GZQ720" s="613"/>
      <c r="GZR720" s="613"/>
      <c r="GZS720" s="613"/>
      <c r="GZT720" s="613"/>
      <c r="GZU720" s="613"/>
      <c r="GZV720" s="613"/>
      <c r="GZW720" s="613"/>
      <c r="GZX720" s="613"/>
      <c r="GZY720" s="613"/>
      <c r="GZZ720" s="613"/>
      <c r="HAA720" s="613"/>
      <c r="HAB720" s="613"/>
      <c r="HAC720" s="613"/>
      <c r="HAD720" s="613"/>
      <c r="HAE720" s="613"/>
      <c r="HAF720" s="613"/>
      <c r="HAG720" s="613"/>
      <c r="HAH720" s="613"/>
      <c r="HAI720" s="613"/>
      <c r="HAJ720" s="613"/>
      <c r="HAK720" s="613"/>
      <c r="HAL720" s="613"/>
      <c r="HAM720" s="613"/>
      <c r="HAN720" s="613"/>
      <c r="HAO720" s="613"/>
      <c r="HAP720" s="613"/>
      <c r="HAQ720" s="613"/>
      <c r="HAR720" s="613"/>
      <c r="HAS720" s="613"/>
      <c r="HAT720" s="613"/>
      <c r="HAU720" s="613"/>
      <c r="HAV720" s="613"/>
      <c r="HAW720" s="613"/>
      <c r="HAX720" s="613"/>
      <c r="HAY720" s="613"/>
      <c r="HAZ720" s="613"/>
      <c r="HBA720" s="613"/>
      <c r="HBB720" s="613"/>
      <c r="HBC720" s="613"/>
      <c r="HBD720" s="613"/>
      <c r="HBE720" s="613"/>
      <c r="HBF720" s="613"/>
      <c r="HBG720" s="613"/>
      <c r="HBH720" s="613"/>
      <c r="HBI720" s="613"/>
      <c r="HBJ720" s="613"/>
      <c r="HBK720" s="613"/>
      <c r="HBL720" s="613"/>
      <c r="HBM720" s="613"/>
      <c r="HBN720" s="613"/>
      <c r="HBO720" s="613"/>
      <c r="HBP720" s="613"/>
      <c r="HBQ720" s="613"/>
      <c r="HBR720" s="613"/>
      <c r="HBS720" s="613"/>
      <c r="HBT720" s="613"/>
      <c r="HBU720" s="613"/>
      <c r="HBV720" s="613"/>
      <c r="HBW720" s="613"/>
      <c r="HBX720" s="613"/>
      <c r="HBY720" s="613"/>
      <c r="HBZ720" s="613"/>
      <c r="HCA720" s="613"/>
      <c r="HCB720" s="613"/>
      <c r="HCC720" s="613"/>
      <c r="HCD720" s="613"/>
      <c r="HCE720" s="613"/>
      <c r="HCF720" s="613"/>
      <c r="HCG720" s="613"/>
      <c r="HCH720" s="613"/>
      <c r="HCI720" s="613"/>
      <c r="HCJ720" s="613"/>
      <c r="HCK720" s="613"/>
      <c r="HCL720" s="613"/>
      <c r="HCM720" s="613"/>
      <c r="HCN720" s="613"/>
      <c r="HCO720" s="613"/>
      <c r="HCP720" s="613"/>
      <c r="HCQ720" s="613"/>
      <c r="HCR720" s="613"/>
      <c r="HCS720" s="613"/>
      <c r="HCT720" s="613"/>
      <c r="HCU720" s="613"/>
      <c r="HCV720" s="613"/>
      <c r="HCW720" s="613"/>
      <c r="HCX720" s="613"/>
      <c r="HCY720" s="613"/>
      <c r="HCZ720" s="613"/>
      <c r="HDA720" s="613"/>
      <c r="HDB720" s="613"/>
      <c r="HDC720" s="613"/>
      <c r="HDD720" s="613"/>
      <c r="HDE720" s="613"/>
      <c r="HDF720" s="613"/>
      <c r="HDG720" s="613"/>
      <c r="HDH720" s="613"/>
      <c r="HDI720" s="613"/>
      <c r="HDJ720" s="613"/>
      <c r="HDK720" s="613"/>
      <c r="HDL720" s="613"/>
      <c r="HDM720" s="613"/>
      <c r="HDN720" s="613"/>
      <c r="HDO720" s="613"/>
      <c r="HDP720" s="613"/>
      <c r="HDQ720" s="613"/>
      <c r="HDR720" s="613"/>
      <c r="HDS720" s="613"/>
      <c r="HDT720" s="613"/>
      <c r="HDU720" s="613"/>
      <c r="HDV720" s="613"/>
      <c r="HDW720" s="613"/>
      <c r="HDX720" s="613"/>
      <c r="HDY720" s="613"/>
      <c r="HDZ720" s="613"/>
      <c r="HEA720" s="613"/>
      <c r="HEB720" s="613"/>
      <c r="HEC720" s="613"/>
      <c r="HED720" s="613"/>
      <c r="HEE720" s="613"/>
      <c r="HEF720" s="613"/>
      <c r="HEG720" s="613"/>
      <c r="HEH720" s="613"/>
      <c r="HEI720" s="613"/>
      <c r="HEJ720" s="613"/>
      <c r="HEK720" s="613"/>
      <c r="HEL720" s="613"/>
      <c r="HEM720" s="613"/>
      <c r="HEN720" s="613"/>
      <c r="HEO720" s="613"/>
      <c r="HEP720" s="613"/>
      <c r="HEQ720" s="613"/>
      <c r="HER720" s="613"/>
      <c r="HES720" s="613"/>
      <c r="HET720" s="613"/>
      <c r="HEU720" s="613"/>
      <c r="HEV720" s="613"/>
      <c r="HEW720" s="613"/>
      <c r="HEX720" s="613"/>
      <c r="HEY720" s="613"/>
      <c r="HEZ720" s="613"/>
      <c r="HFA720" s="613"/>
      <c r="HFB720" s="613"/>
      <c r="HFC720" s="613"/>
      <c r="HFD720" s="613"/>
      <c r="HFE720" s="613"/>
      <c r="HFF720" s="613"/>
      <c r="HFG720" s="613"/>
      <c r="HFH720" s="613"/>
      <c r="HFI720" s="613"/>
      <c r="HFJ720" s="613"/>
      <c r="HFK720" s="613"/>
      <c r="HFL720" s="613"/>
      <c r="HFM720" s="613"/>
      <c r="HFN720" s="613"/>
      <c r="HFO720" s="613"/>
      <c r="HFP720" s="613"/>
      <c r="HFQ720" s="613"/>
      <c r="HFR720" s="613"/>
      <c r="HFS720" s="613"/>
      <c r="HFT720" s="613"/>
      <c r="HFU720" s="613"/>
      <c r="HFV720" s="613"/>
      <c r="HFW720" s="613"/>
      <c r="HFX720" s="613"/>
      <c r="HFY720" s="613"/>
      <c r="HFZ720" s="613"/>
      <c r="HGA720" s="613"/>
      <c r="HGB720" s="613"/>
      <c r="HGC720" s="613"/>
      <c r="HGD720" s="613"/>
      <c r="HGE720" s="613"/>
      <c r="HGF720" s="613"/>
      <c r="HGG720" s="613"/>
      <c r="HGH720" s="613"/>
      <c r="HGI720" s="613"/>
      <c r="HGJ720" s="613"/>
      <c r="HGK720" s="613"/>
      <c r="HGL720" s="613"/>
      <c r="HGM720" s="613"/>
      <c r="HGN720" s="613"/>
      <c r="HGO720" s="613"/>
      <c r="HGP720" s="613"/>
      <c r="HGQ720" s="613"/>
      <c r="HGR720" s="613"/>
      <c r="HGS720" s="613"/>
      <c r="HGT720" s="613"/>
      <c r="HGU720" s="613"/>
      <c r="HGV720" s="613"/>
      <c r="HGW720" s="613"/>
      <c r="HGX720" s="613"/>
      <c r="HGY720" s="613"/>
      <c r="HGZ720" s="613"/>
      <c r="HHA720" s="613"/>
      <c r="HHB720" s="613"/>
      <c r="HHC720" s="613"/>
      <c r="HHD720" s="613"/>
      <c r="HHE720" s="613"/>
      <c r="HHF720" s="613"/>
      <c r="HHG720" s="613"/>
      <c r="HHH720" s="613"/>
      <c r="HHI720" s="613"/>
      <c r="HHJ720" s="613"/>
      <c r="HHK720" s="613"/>
      <c r="HHL720" s="613"/>
      <c r="HHM720" s="613"/>
      <c r="HHN720" s="613"/>
      <c r="HHO720" s="613"/>
      <c r="HHP720" s="613"/>
      <c r="HHQ720" s="613"/>
      <c r="HHR720" s="613"/>
      <c r="HHS720" s="613"/>
      <c r="HHT720" s="613"/>
      <c r="HHU720" s="613"/>
      <c r="HHV720" s="613"/>
      <c r="HHW720" s="613"/>
      <c r="HHX720" s="613"/>
      <c r="HHY720" s="613"/>
      <c r="HHZ720" s="613"/>
      <c r="HIA720" s="613"/>
      <c r="HIB720" s="613"/>
      <c r="HIC720" s="613"/>
      <c r="HID720" s="613"/>
      <c r="HIE720" s="613"/>
      <c r="HIF720" s="613"/>
      <c r="HIG720" s="613"/>
      <c r="HIH720" s="613"/>
      <c r="HII720" s="613"/>
      <c r="HIJ720" s="613"/>
      <c r="HIK720" s="613"/>
      <c r="HIL720" s="613"/>
      <c r="HIM720" s="613"/>
      <c r="HIN720" s="613"/>
      <c r="HIO720" s="613"/>
      <c r="HIP720" s="613"/>
      <c r="HIQ720" s="613"/>
      <c r="HIR720" s="613"/>
      <c r="HIS720" s="613"/>
      <c r="HIT720" s="613"/>
      <c r="HIU720" s="613"/>
      <c r="HIV720" s="613"/>
      <c r="HIW720" s="613"/>
      <c r="HIX720" s="613"/>
      <c r="HIY720" s="613"/>
      <c r="HIZ720" s="613"/>
      <c r="HJA720" s="613"/>
      <c r="HJB720" s="613"/>
      <c r="HJC720" s="613"/>
      <c r="HJD720" s="613"/>
      <c r="HJE720" s="613"/>
      <c r="HJF720" s="613"/>
      <c r="HJG720" s="613"/>
      <c r="HJH720" s="613"/>
      <c r="HJI720" s="613"/>
      <c r="HJJ720" s="613"/>
      <c r="HJK720" s="613"/>
      <c r="HJL720" s="613"/>
      <c r="HJM720" s="613"/>
      <c r="HJN720" s="613"/>
      <c r="HJO720" s="613"/>
      <c r="HJP720" s="613"/>
      <c r="HJQ720" s="613"/>
      <c r="HJR720" s="613"/>
      <c r="HJS720" s="613"/>
      <c r="HJT720" s="613"/>
      <c r="HJU720" s="613"/>
      <c r="HJV720" s="613"/>
      <c r="HJW720" s="613"/>
      <c r="HJX720" s="613"/>
      <c r="HJY720" s="613"/>
      <c r="HJZ720" s="613"/>
      <c r="HKA720" s="613"/>
      <c r="HKB720" s="613"/>
      <c r="HKC720" s="613"/>
      <c r="HKD720" s="613"/>
      <c r="HKE720" s="613"/>
      <c r="HKF720" s="613"/>
      <c r="HKG720" s="613"/>
      <c r="HKH720" s="613"/>
      <c r="HKI720" s="613"/>
      <c r="HKJ720" s="613"/>
      <c r="HKK720" s="613"/>
      <c r="HKL720" s="613"/>
      <c r="HKM720" s="613"/>
      <c r="HKN720" s="613"/>
      <c r="HKO720" s="613"/>
      <c r="HKP720" s="613"/>
      <c r="HKQ720" s="613"/>
      <c r="HKR720" s="613"/>
      <c r="HKS720" s="613"/>
      <c r="HKT720" s="613"/>
      <c r="HKU720" s="613"/>
      <c r="HKV720" s="613"/>
      <c r="HKW720" s="613"/>
      <c r="HKX720" s="613"/>
      <c r="HKY720" s="613"/>
      <c r="HKZ720" s="613"/>
      <c r="HLA720" s="613"/>
      <c r="HLB720" s="613"/>
      <c r="HLC720" s="613"/>
      <c r="HLD720" s="613"/>
      <c r="HLE720" s="613"/>
      <c r="HLF720" s="613"/>
      <c r="HLG720" s="613"/>
      <c r="HLH720" s="613"/>
      <c r="HLI720" s="613"/>
      <c r="HLJ720" s="613"/>
      <c r="HLK720" s="613"/>
      <c r="HLL720" s="613"/>
      <c r="HLM720" s="613"/>
      <c r="HLN720" s="613"/>
      <c r="HLO720" s="613"/>
      <c r="HLP720" s="613"/>
      <c r="HLQ720" s="613"/>
      <c r="HLR720" s="613"/>
      <c r="HLS720" s="613"/>
      <c r="HLT720" s="613"/>
      <c r="HLU720" s="613"/>
      <c r="HLV720" s="613"/>
      <c r="HLW720" s="613"/>
      <c r="HLX720" s="613"/>
      <c r="HLY720" s="613"/>
      <c r="HLZ720" s="613"/>
      <c r="HMA720" s="613"/>
      <c r="HMB720" s="613"/>
      <c r="HMC720" s="613"/>
      <c r="HMD720" s="613"/>
      <c r="HME720" s="613"/>
      <c r="HMF720" s="613"/>
      <c r="HMG720" s="613"/>
      <c r="HMH720" s="613"/>
      <c r="HMI720" s="613"/>
      <c r="HMJ720" s="613"/>
      <c r="HMK720" s="613"/>
      <c r="HML720" s="613"/>
      <c r="HMM720" s="613"/>
      <c r="HMN720" s="613"/>
      <c r="HMO720" s="613"/>
      <c r="HMP720" s="613"/>
      <c r="HMQ720" s="613"/>
      <c r="HMR720" s="613"/>
      <c r="HMS720" s="613"/>
      <c r="HMT720" s="613"/>
      <c r="HMU720" s="613"/>
      <c r="HMV720" s="613"/>
      <c r="HMW720" s="613"/>
      <c r="HMX720" s="613"/>
      <c r="HMY720" s="613"/>
      <c r="HMZ720" s="613"/>
      <c r="HNA720" s="613"/>
      <c r="HNB720" s="613"/>
      <c r="HNC720" s="613"/>
      <c r="HND720" s="613"/>
      <c r="HNE720" s="613"/>
      <c r="HNF720" s="613"/>
      <c r="HNG720" s="613"/>
      <c r="HNH720" s="613"/>
      <c r="HNI720" s="613"/>
      <c r="HNJ720" s="613"/>
      <c r="HNK720" s="613"/>
      <c r="HNL720" s="613"/>
      <c r="HNM720" s="613"/>
      <c r="HNN720" s="613"/>
      <c r="HNO720" s="613"/>
      <c r="HNP720" s="613"/>
      <c r="HNQ720" s="613"/>
      <c r="HNR720" s="613"/>
      <c r="HNS720" s="613"/>
      <c r="HNT720" s="613"/>
      <c r="HNU720" s="613"/>
      <c r="HNV720" s="613"/>
      <c r="HNW720" s="613"/>
      <c r="HNX720" s="613"/>
      <c r="HNY720" s="613"/>
      <c r="HNZ720" s="613"/>
      <c r="HOA720" s="613"/>
      <c r="HOB720" s="613"/>
      <c r="HOC720" s="613"/>
      <c r="HOD720" s="613"/>
      <c r="HOE720" s="613"/>
      <c r="HOF720" s="613"/>
      <c r="HOG720" s="613"/>
      <c r="HOH720" s="613"/>
      <c r="HOI720" s="613"/>
      <c r="HOJ720" s="613"/>
      <c r="HOK720" s="613"/>
      <c r="HOL720" s="613"/>
      <c r="HOM720" s="613"/>
      <c r="HON720" s="613"/>
      <c r="HOO720" s="613"/>
      <c r="HOP720" s="613"/>
      <c r="HOQ720" s="613"/>
      <c r="HOR720" s="613"/>
      <c r="HOS720" s="613"/>
      <c r="HOT720" s="613"/>
      <c r="HOU720" s="613"/>
      <c r="HOV720" s="613"/>
      <c r="HOW720" s="613"/>
      <c r="HOX720" s="613"/>
      <c r="HOY720" s="613"/>
      <c r="HOZ720" s="613"/>
      <c r="HPA720" s="613"/>
      <c r="HPB720" s="613"/>
      <c r="HPC720" s="613"/>
      <c r="HPD720" s="613"/>
      <c r="HPE720" s="613"/>
      <c r="HPF720" s="613"/>
      <c r="HPG720" s="613"/>
      <c r="HPH720" s="613"/>
      <c r="HPI720" s="613"/>
      <c r="HPJ720" s="613"/>
      <c r="HPK720" s="613"/>
      <c r="HPL720" s="613"/>
      <c r="HPM720" s="613"/>
      <c r="HPN720" s="613"/>
      <c r="HPO720" s="613"/>
      <c r="HPP720" s="613"/>
      <c r="HPQ720" s="613"/>
      <c r="HPR720" s="613"/>
      <c r="HPS720" s="613"/>
      <c r="HPT720" s="613"/>
      <c r="HPU720" s="613"/>
      <c r="HPV720" s="613"/>
      <c r="HPW720" s="613"/>
      <c r="HPX720" s="613"/>
      <c r="HPY720" s="613"/>
      <c r="HPZ720" s="613"/>
      <c r="HQA720" s="613"/>
      <c r="HQB720" s="613"/>
      <c r="HQC720" s="613"/>
      <c r="HQD720" s="613"/>
      <c r="HQE720" s="613"/>
      <c r="HQF720" s="613"/>
      <c r="HQG720" s="613"/>
      <c r="HQH720" s="613"/>
      <c r="HQI720" s="613"/>
      <c r="HQJ720" s="613"/>
      <c r="HQK720" s="613"/>
      <c r="HQL720" s="613"/>
      <c r="HQM720" s="613"/>
      <c r="HQN720" s="613"/>
      <c r="HQO720" s="613"/>
      <c r="HQP720" s="613"/>
      <c r="HQQ720" s="613"/>
      <c r="HQR720" s="613"/>
      <c r="HQS720" s="613"/>
      <c r="HQT720" s="613"/>
      <c r="HQU720" s="613"/>
      <c r="HQV720" s="613"/>
      <c r="HQW720" s="613"/>
      <c r="HQX720" s="613"/>
      <c r="HQY720" s="613"/>
      <c r="HQZ720" s="613"/>
      <c r="HRA720" s="613"/>
      <c r="HRB720" s="613"/>
      <c r="HRC720" s="613"/>
      <c r="HRD720" s="613"/>
      <c r="HRE720" s="613"/>
      <c r="HRF720" s="613"/>
      <c r="HRG720" s="613"/>
      <c r="HRH720" s="613"/>
      <c r="HRI720" s="613"/>
      <c r="HRJ720" s="613"/>
      <c r="HRK720" s="613"/>
      <c r="HRL720" s="613"/>
      <c r="HRM720" s="613"/>
      <c r="HRN720" s="613"/>
      <c r="HRO720" s="613"/>
      <c r="HRP720" s="613"/>
      <c r="HRQ720" s="613"/>
      <c r="HRR720" s="613"/>
      <c r="HRS720" s="613"/>
      <c r="HRT720" s="613"/>
      <c r="HRU720" s="613"/>
      <c r="HRV720" s="613"/>
      <c r="HRW720" s="613"/>
      <c r="HRX720" s="613"/>
      <c r="HRY720" s="613"/>
      <c r="HRZ720" s="613"/>
      <c r="HSA720" s="613"/>
      <c r="HSB720" s="613"/>
      <c r="HSC720" s="613"/>
      <c r="HSD720" s="613"/>
      <c r="HSE720" s="613"/>
      <c r="HSF720" s="613"/>
      <c r="HSG720" s="613"/>
      <c r="HSH720" s="613"/>
      <c r="HSI720" s="613"/>
      <c r="HSJ720" s="613"/>
      <c r="HSK720" s="613"/>
      <c r="HSL720" s="613"/>
      <c r="HSM720" s="613"/>
      <c r="HSN720" s="613"/>
      <c r="HSO720" s="613"/>
      <c r="HSP720" s="613"/>
      <c r="HSQ720" s="613"/>
      <c r="HSR720" s="613"/>
      <c r="HSS720" s="613"/>
      <c r="HST720" s="613"/>
      <c r="HSU720" s="613"/>
      <c r="HSV720" s="613"/>
      <c r="HSW720" s="613"/>
      <c r="HSX720" s="613"/>
      <c r="HSY720" s="613"/>
      <c r="HSZ720" s="613"/>
      <c r="HTA720" s="613"/>
      <c r="HTB720" s="613"/>
      <c r="HTC720" s="613"/>
      <c r="HTD720" s="613"/>
      <c r="HTE720" s="613"/>
      <c r="HTF720" s="613"/>
      <c r="HTG720" s="613"/>
      <c r="HTH720" s="613"/>
      <c r="HTI720" s="613"/>
      <c r="HTJ720" s="613"/>
      <c r="HTK720" s="613"/>
      <c r="HTL720" s="613"/>
      <c r="HTM720" s="613"/>
      <c r="HTN720" s="613"/>
      <c r="HTO720" s="613"/>
      <c r="HTP720" s="613"/>
      <c r="HTQ720" s="613"/>
      <c r="HTR720" s="613"/>
      <c r="HTS720" s="613"/>
      <c r="HTT720" s="613"/>
      <c r="HTU720" s="613"/>
      <c r="HTV720" s="613"/>
      <c r="HTW720" s="613"/>
      <c r="HTX720" s="613"/>
      <c r="HTY720" s="613"/>
      <c r="HTZ720" s="613"/>
      <c r="HUA720" s="613"/>
      <c r="HUB720" s="613"/>
      <c r="HUC720" s="613"/>
      <c r="HUD720" s="613"/>
      <c r="HUE720" s="613"/>
      <c r="HUF720" s="613"/>
      <c r="HUG720" s="613"/>
      <c r="HUH720" s="613"/>
      <c r="HUI720" s="613"/>
      <c r="HUJ720" s="613"/>
      <c r="HUK720" s="613"/>
      <c r="HUL720" s="613"/>
      <c r="HUM720" s="613"/>
      <c r="HUN720" s="613"/>
      <c r="HUO720" s="613"/>
      <c r="HUP720" s="613"/>
      <c r="HUQ720" s="613"/>
      <c r="HUR720" s="613"/>
      <c r="HUS720" s="613"/>
      <c r="HUT720" s="613"/>
      <c r="HUU720" s="613"/>
      <c r="HUV720" s="613"/>
      <c r="HUW720" s="613"/>
      <c r="HUX720" s="613"/>
      <c r="HUY720" s="613"/>
      <c r="HUZ720" s="613"/>
      <c r="HVA720" s="613"/>
      <c r="HVB720" s="613"/>
      <c r="HVC720" s="613"/>
      <c r="HVD720" s="613"/>
      <c r="HVE720" s="613"/>
      <c r="HVF720" s="613"/>
      <c r="HVG720" s="613"/>
      <c r="HVH720" s="613"/>
      <c r="HVI720" s="613"/>
      <c r="HVJ720" s="613"/>
      <c r="HVK720" s="613"/>
      <c r="HVL720" s="613"/>
      <c r="HVM720" s="613"/>
      <c r="HVN720" s="613"/>
      <c r="HVO720" s="613"/>
      <c r="HVP720" s="613"/>
      <c r="HVQ720" s="613"/>
      <c r="HVR720" s="613"/>
      <c r="HVS720" s="613"/>
      <c r="HVT720" s="613"/>
      <c r="HVU720" s="613"/>
      <c r="HVV720" s="613"/>
      <c r="HVW720" s="613"/>
      <c r="HVX720" s="613"/>
      <c r="HVY720" s="613"/>
      <c r="HVZ720" s="613"/>
      <c r="HWA720" s="613"/>
      <c r="HWB720" s="613"/>
      <c r="HWC720" s="613"/>
      <c r="HWD720" s="613"/>
      <c r="HWE720" s="613"/>
      <c r="HWF720" s="613"/>
      <c r="HWG720" s="613"/>
      <c r="HWH720" s="613"/>
      <c r="HWI720" s="613"/>
      <c r="HWJ720" s="613"/>
      <c r="HWK720" s="613"/>
      <c r="HWL720" s="613"/>
      <c r="HWM720" s="613"/>
      <c r="HWN720" s="613"/>
      <c r="HWO720" s="613"/>
      <c r="HWP720" s="613"/>
      <c r="HWQ720" s="613"/>
      <c r="HWR720" s="613"/>
      <c r="HWS720" s="613"/>
      <c r="HWT720" s="613"/>
      <c r="HWU720" s="613"/>
      <c r="HWV720" s="613"/>
      <c r="HWW720" s="613"/>
      <c r="HWX720" s="613"/>
      <c r="HWY720" s="613"/>
      <c r="HWZ720" s="613"/>
      <c r="HXA720" s="613"/>
      <c r="HXB720" s="613"/>
      <c r="HXC720" s="613"/>
      <c r="HXD720" s="613"/>
      <c r="HXE720" s="613"/>
      <c r="HXF720" s="613"/>
      <c r="HXG720" s="613"/>
      <c r="HXH720" s="613"/>
      <c r="HXI720" s="613"/>
      <c r="HXJ720" s="613"/>
      <c r="HXK720" s="613"/>
      <c r="HXL720" s="613"/>
      <c r="HXM720" s="613"/>
      <c r="HXN720" s="613"/>
      <c r="HXO720" s="613"/>
      <c r="HXP720" s="613"/>
      <c r="HXQ720" s="613"/>
      <c r="HXR720" s="613"/>
      <c r="HXS720" s="613"/>
      <c r="HXT720" s="613"/>
      <c r="HXU720" s="613"/>
      <c r="HXV720" s="613"/>
      <c r="HXW720" s="613"/>
      <c r="HXX720" s="613"/>
      <c r="HXY720" s="613"/>
      <c r="HXZ720" s="613"/>
      <c r="HYA720" s="613"/>
      <c r="HYB720" s="613"/>
      <c r="HYC720" s="613"/>
      <c r="HYD720" s="613"/>
      <c r="HYE720" s="613"/>
      <c r="HYF720" s="613"/>
      <c r="HYG720" s="613"/>
      <c r="HYH720" s="613"/>
      <c r="HYI720" s="613"/>
      <c r="HYJ720" s="613"/>
      <c r="HYK720" s="613"/>
      <c r="HYL720" s="613"/>
      <c r="HYM720" s="613"/>
      <c r="HYN720" s="613"/>
      <c r="HYO720" s="613"/>
      <c r="HYP720" s="613"/>
      <c r="HYQ720" s="613"/>
      <c r="HYR720" s="613"/>
      <c r="HYS720" s="613"/>
      <c r="HYT720" s="613"/>
      <c r="HYU720" s="613"/>
      <c r="HYV720" s="613"/>
      <c r="HYW720" s="613"/>
      <c r="HYX720" s="613"/>
      <c r="HYY720" s="613"/>
      <c r="HYZ720" s="613"/>
      <c r="HZA720" s="613"/>
      <c r="HZB720" s="613"/>
      <c r="HZC720" s="613"/>
      <c r="HZD720" s="613"/>
      <c r="HZE720" s="613"/>
      <c r="HZF720" s="613"/>
      <c r="HZG720" s="613"/>
      <c r="HZH720" s="613"/>
      <c r="HZI720" s="613"/>
      <c r="HZJ720" s="613"/>
      <c r="HZK720" s="613"/>
      <c r="HZL720" s="613"/>
      <c r="HZM720" s="613"/>
      <c r="HZN720" s="613"/>
      <c r="HZO720" s="613"/>
      <c r="HZP720" s="613"/>
      <c r="HZQ720" s="613"/>
      <c r="HZR720" s="613"/>
      <c r="HZS720" s="613"/>
      <c r="HZT720" s="613"/>
      <c r="HZU720" s="613"/>
      <c r="HZV720" s="613"/>
      <c r="HZW720" s="613"/>
      <c r="HZX720" s="613"/>
      <c r="HZY720" s="613"/>
      <c r="HZZ720" s="613"/>
      <c r="IAA720" s="613"/>
      <c r="IAB720" s="613"/>
      <c r="IAC720" s="613"/>
      <c r="IAD720" s="613"/>
      <c r="IAE720" s="613"/>
      <c r="IAF720" s="613"/>
      <c r="IAG720" s="613"/>
      <c r="IAH720" s="613"/>
      <c r="IAI720" s="613"/>
      <c r="IAJ720" s="613"/>
      <c r="IAK720" s="613"/>
      <c r="IAL720" s="613"/>
      <c r="IAM720" s="613"/>
      <c r="IAN720" s="613"/>
      <c r="IAO720" s="613"/>
      <c r="IAP720" s="613"/>
      <c r="IAQ720" s="613"/>
      <c r="IAR720" s="613"/>
      <c r="IAS720" s="613"/>
      <c r="IAT720" s="613"/>
      <c r="IAU720" s="613"/>
      <c r="IAV720" s="613"/>
      <c r="IAW720" s="613"/>
      <c r="IAX720" s="613"/>
      <c r="IAY720" s="613"/>
      <c r="IAZ720" s="613"/>
      <c r="IBA720" s="613"/>
      <c r="IBB720" s="613"/>
      <c r="IBC720" s="613"/>
      <c r="IBD720" s="613"/>
      <c r="IBE720" s="613"/>
      <c r="IBF720" s="613"/>
      <c r="IBG720" s="613"/>
      <c r="IBH720" s="613"/>
      <c r="IBI720" s="613"/>
      <c r="IBJ720" s="613"/>
      <c r="IBK720" s="613"/>
      <c r="IBL720" s="613"/>
      <c r="IBM720" s="613"/>
      <c r="IBN720" s="613"/>
      <c r="IBO720" s="613"/>
      <c r="IBP720" s="613"/>
      <c r="IBQ720" s="613"/>
      <c r="IBR720" s="613"/>
      <c r="IBS720" s="613"/>
      <c r="IBT720" s="613"/>
      <c r="IBU720" s="613"/>
      <c r="IBV720" s="613"/>
      <c r="IBW720" s="613"/>
      <c r="IBX720" s="613"/>
      <c r="IBY720" s="613"/>
      <c r="IBZ720" s="613"/>
      <c r="ICA720" s="613"/>
      <c r="ICB720" s="613"/>
      <c r="ICC720" s="613"/>
      <c r="ICD720" s="613"/>
      <c r="ICE720" s="613"/>
      <c r="ICF720" s="613"/>
      <c r="ICG720" s="613"/>
      <c r="ICH720" s="613"/>
      <c r="ICI720" s="613"/>
      <c r="ICJ720" s="613"/>
      <c r="ICK720" s="613"/>
      <c r="ICL720" s="613"/>
      <c r="ICM720" s="613"/>
      <c r="ICN720" s="613"/>
      <c r="ICO720" s="613"/>
      <c r="ICP720" s="613"/>
      <c r="ICQ720" s="613"/>
      <c r="ICR720" s="613"/>
      <c r="ICS720" s="613"/>
      <c r="ICT720" s="613"/>
      <c r="ICU720" s="613"/>
      <c r="ICV720" s="613"/>
      <c r="ICW720" s="613"/>
      <c r="ICX720" s="613"/>
      <c r="ICY720" s="613"/>
      <c r="ICZ720" s="613"/>
      <c r="IDA720" s="613"/>
      <c r="IDB720" s="613"/>
      <c r="IDC720" s="613"/>
      <c r="IDD720" s="613"/>
      <c r="IDE720" s="613"/>
      <c r="IDF720" s="613"/>
      <c r="IDG720" s="613"/>
      <c r="IDH720" s="613"/>
      <c r="IDI720" s="613"/>
      <c r="IDJ720" s="613"/>
      <c r="IDK720" s="613"/>
      <c r="IDL720" s="613"/>
      <c r="IDM720" s="613"/>
      <c r="IDN720" s="613"/>
      <c r="IDO720" s="613"/>
      <c r="IDP720" s="613"/>
      <c r="IDQ720" s="613"/>
      <c r="IDR720" s="613"/>
      <c r="IDS720" s="613"/>
      <c r="IDT720" s="613"/>
      <c r="IDU720" s="613"/>
      <c r="IDV720" s="613"/>
      <c r="IDW720" s="613"/>
      <c r="IDX720" s="613"/>
      <c r="IDY720" s="613"/>
      <c r="IDZ720" s="613"/>
      <c r="IEA720" s="613"/>
      <c r="IEB720" s="613"/>
      <c r="IEC720" s="613"/>
      <c r="IED720" s="613"/>
      <c r="IEE720" s="613"/>
      <c r="IEF720" s="613"/>
      <c r="IEG720" s="613"/>
      <c r="IEH720" s="613"/>
      <c r="IEI720" s="613"/>
      <c r="IEJ720" s="613"/>
      <c r="IEK720" s="613"/>
      <c r="IEL720" s="613"/>
      <c r="IEM720" s="613"/>
      <c r="IEN720" s="613"/>
      <c r="IEO720" s="613"/>
      <c r="IEP720" s="613"/>
      <c r="IEQ720" s="613"/>
      <c r="IER720" s="613"/>
      <c r="IES720" s="613"/>
      <c r="IET720" s="613"/>
      <c r="IEU720" s="613"/>
      <c r="IEV720" s="613"/>
      <c r="IEW720" s="613"/>
      <c r="IEX720" s="613"/>
      <c r="IEY720" s="613"/>
      <c r="IEZ720" s="613"/>
      <c r="IFA720" s="613"/>
      <c r="IFB720" s="613"/>
      <c r="IFC720" s="613"/>
      <c r="IFD720" s="613"/>
      <c r="IFE720" s="613"/>
      <c r="IFF720" s="613"/>
      <c r="IFG720" s="613"/>
      <c r="IFH720" s="613"/>
      <c r="IFI720" s="613"/>
      <c r="IFJ720" s="613"/>
      <c r="IFK720" s="613"/>
      <c r="IFL720" s="613"/>
      <c r="IFM720" s="613"/>
      <c r="IFN720" s="613"/>
      <c r="IFO720" s="613"/>
      <c r="IFP720" s="613"/>
      <c r="IFQ720" s="613"/>
      <c r="IFR720" s="613"/>
      <c r="IFS720" s="613"/>
      <c r="IFT720" s="613"/>
      <c r="IFU720" s="613"/>
      <c r="IFV720" s="613"/>
      <c r="IFW720" s="613"/>
      <c r="IFX720" s="613"/>
      <c r="IFY720" s="613"/>
      <c r="IFZ720" s="613"/>
      <c r="IGA720" s="613"/>
      <c r="IGB720" s="613"/>
      <c r="IGC720" s="613"/>
      <c r="IGD720" s="613"/>
      <c r="IGE720" s="613"/>
      <c r="IGF720" s="613"/>
      <c r="IGG720" s="613"/>
      <c r="IGH720" s="613"/>
      <c r="IGI720" s="613"/>
      <c r="IGJ720" s="613"/>
      <c r="IGK720" s="613"/>
      <c r="IGL720" s="613"/>
      <c r="IGM720" s="613"/>
      <c r="IGN720" s="613"/>
      <c r="IGO720" s="613"/>
      <c r="IGP720" s="613"/>
      <c r="IGQ720" s="613"/>
      <c r="IGR720" s="613"/>
      <c r="IGS720" s="613"/>
      <c r="IGT720" s="613"/>
      <c r="IGU720" s="613"/>
      <c r="IGV720" s="613"/>
      <c r="IGW720" s="613"/>
      <c r="IGX720" s="613"/>
      <c r="IGY720" s="613"/>
      <c r="IGZ720" s="613"/>
      <c r="IHA720" s="613"/>
      <c r="IHB720" s="613"/>
      <c r="IHC720" s="613"/>
      <c r="IHD720" s="613"/>
      <c r="IHE720" s="613"/>
      <c r="IHF720" s="613"/>
      <c r="IHG720" s="613"/>
      <c r="IHH720" s="613"/>
      <c r="IHI720" s="613"/>
      <c r="IHJ720" s="613"/>
      <c r="IHK720" s="613"/>
      <c r="IHL720" s="613"/>
      <c r="IHM720" s="613"/>
      <c r="IHN720" s="613"/>
      <c r="IHO720" s="613"/>
      <c r="IHP720" s="613"/>
      <c r="IHQ720" s="613"/>
      <c r="IHR720" s="613"/>
      <c r="IHS720" s="613"/>
      <c r="IHT720" s="613"/>
      <c r="IHU720" s="613"/>
      <c r="IHV720" s="613"/>
      <c r="IHW720" s="613"/>
      <c r="IHX720" s="613"/>
      <c r="IHY720" s="613"/>
      <c r="IHZ720" s="613"/>
      <c r="IIA720" s="613"/>
      <c r="IIB720" s="613"/>
      <c r="IIC720" s="613"/>
      <c r="IID720" s="613"/>
      <c r="IIE720" s="613"/>
      <c r="IIF720" s="613"/>
      <c r="IIG720" s="613"/>
      <c r="IIH720" s="613"/>
      <c r="III720" s="613"/>
      <c r="IIJ720" s="613"/>
      <c r="IIK720" s="613"/>
      <c r="IIL720" s="613"/>
      <c r="IIM720" s="613"/>
      <c r="IIN720" s="613"/>
      <c r="IIO720" s="613"/>
      <c r="IIP720" s="613"/>
      <c r="IIQ720" s="613"/>
      <c r="IIR720" s="613"/>
      <c r="IIS720" s="613"/>
      <c r="IIT720" s="613"/>
      <c r="IIU720" s="613"/>
      <c r="IIV720" s="613"/>
      <c r="IIW720" s="613"/>
      <c r="IIX720" s="613"/>
      <c r="IIY720" s="613"/>
      <c r="IIZ720" s="613"/>
      <c r="IJA720" s="613"/>
      <c r="IJB720" s="613"/>
      <c r="IJC720" s="613"/>
      <c r="IJD720" s="613"/>
      <c r="IJE720" s="613"/>
      <c r="IJF720" s="613"/>
      <c r="IJG720" s="613"/>
      <c r="IJH720" s="613"/>
      <c r="IJI720" s="613"/>
      <c r="IJJ720" s="613"/>
      <c r="IJK720" s="613"/>
      <c r="IJL720" s="613"/>
      <c r="IJM720" s="613"/>
      <c r="IJN720" s="613"/>
      <c r="IJO720" s="613"/>
      <c r="IJP720" s="613"/>
      <c r="IJQ720" s="613"/>
      <c r="IJR720" s="613"/>
      <c r="IJS720" s="613"/>
      <c r="IJT720" s="613"/>
      <c r="IJU720" s="613"/>
      <c r="IJV720" s="613"/>
      <c r="IJW720" s="613"/>
      <c r="IJX720" s="613"/>
      <c r="IJY720" s="613"/>
      <c r="IJZ720" s="613"/>
      <c r="IKA720" s="613"/>
      <c r="IKB720" s="613"/>
      <c r="IKC720" s="613"/>
      <c r="IKD720" s="613"/>
      <c r="IKE720" s="613"/>
      <c r="IKF720" s="613"/>
      <c r="IKG720" s="613"/>
      <c r="IKH720" s="613"/>
      <c r="IKI720" s="613"/>
      <c r="IKJ720" s="613"/>
      <c r="IKK720" s="613"/>
      <c r="IKL720" s="613"/>
      <c r="IKM720" s="613"/>
      <c r="IKN720" s="613"/>
      <c r="IKO720" s="613"/>
      <c r="IKP720" s="613"/>
      <c r="IKQ720" s="613"/>
      <c r="IKR720" s="613"/>
      <c r="IKS720" s="613"/>
      <c r="IKT720" s="613"/>
      <c r="IKU720" s="613"/>
      <c r="IKV720" s="613"/>
      <c r="IKW720" s="613"/>
      <c r="IKX720" s="613"/>
      <c r="IKY720" s="613"/>
      <c r="IKZ720" s="613"/>
      <c r="ILA720" s="613"/>
      <c r="ILB720" s="613"/>
      <c r="ILC720" s="613"/>
      <c r="ILD720" s="613"/>
      <c r="ILE720" s="613"/>
      <c r="ILF720" s="613"/>
      <c r="ILG720" s="613"/>
      <c r="ILH720" s="613"/>
      <c r="ILI720" s="613"/>
      <c r="ILJ720" s="613"/>
      <c r="ILK720" s="613"/>
      <c r="ILL720" s="613"/>
      <c r="ILM720" s="613"/>
      <c r="ILN720" s="613"/>
      <c r="ILO720" s="613"/>
      <c r="ILP720" s="613"/>
      <c r="ILQ720" s="613"/>
      <c r="ILR720" s="613"/>
      <c r="ILS720" s="613"/>
      <c r="ILT720" s="613"/>
      <c r="ILU720" s="613"/>
      <c r="ILV720" s="613"/>
      <c r="ILW720" s="613"/>
      <c r="ILX720" s="613"/>
      <c r="ILY720" s="613"/>
      <c r="ILZ720" s="613"/>
      <c r="IMA720" s="613"/>
      <c r="IMB720" s="613"/>
      <c r="IMC720" s="613"/>
      <c r="IMD720" s="613"/>
      <c r="IME720" s="613"/>
      <c r="IMF720" s="613"/>
      <c r="IMG720" s="613"/>
      <c r="IMH720" s="613"/>
      <c r="IMI720" s="613"/>
      <c r="IMJ720" s="613"/>
      <c r="IMK720" s="613"/>
      <c r="IML720" s="613"/>
      <c r="IMM720" s="613"/>
      <c r="IMN720" s="613"/>
      <c r="IMO720" s="613"/>
      <c r="IMP720" s="613"/>
      <c r="IMQ720" s="613"/>
      <c r="IMR720" s="613"/>
      <c r="IMS720" s="613"/>
      <c r="IMT720" s="613"/>
      <c r="IMU720" s="613"/>
      <c r="IMV720" s="613"/>
      <c r="IMW720" s="613"/>
      <c r="IMX720" s="613"/>
      <c r="IMY720" s="613"/>
      <c r="IMZ720" s="613"/>
      <c r="INA720" s="613"/>
      <c r="INB720" s="613"/>
      <c r="INC720" s="613"/>
      <c r="IND720" s="613"/>
      <c r="INE720" s="613"/>
      <c r="INF720" s="613"/>
      <c r="ING720" s="613"/>
      <c r="INH720" s="613"/>
      <c r="INI720" s="613"/>
      <c r="INJ720" s="613"/>
      <c r="INK720" s="613"/>
      <c r="INL720" s="613"/>
      <c r="INM720" s="613"/>
      <c r="INN720" s="613"/>
      <c r="INO720" s="613"/>
      <c r="INP720" s="613"/>
      <c r="INQ720" s="613"/>
      <c r="INR720" s="613"/>
      <c r="INS720" s="613"/>
      <c r="INT720" s="613"/>
      <c r="INU720" s="613"/>
      <c r="INV720" s="613"/>
      <c r="INW720" s="613"/>
      <c r="INX720" s="613"/>
      <c r="INY720" s="613"/>
      <c r="INZ720" s="613"/>
      <c r="IOA720" s="613"/>
      <c r="IOB720" s="613"/>
      <c r="IOC720" s="613"/>
      <c r="IOD720" s="613"/>
      <c r="IOE720" s="613"/>
      <c r="IOF720" s="613"/>
      <c r="IOG720" s="613"/>
      <c r="IOH720" s="613"/>
      <c r="IOI720" s="613"/>
      <c r="IOJ720" s="613"/>
      <c r="IOK720" s="613"/>
      <c r="IOL720" s="613"/>
      <c r="IOM720" s="613"/>
      <c r="ION720" s="613"/>
      <c r="IOO720" s="613"/>
      <c r="IOP720" s="613"/>
      <c r="IOQ720" s="613"/>
      <c r="IOR720" s="613"/>
      <c r="IOS720" s="613"/>
      <c r="IOT720" s="613"/>
      <c r="IOU720" s="613"/>
      <c r="IOV720" s="613"/>
      <c r="IOW720" s="613"/>
      <c r="IOX720" s="613"/>
      <c r="IOY720" s="613"/>
      <c r="IOZ720" s="613"/>
      <c r="IPA720" s="613"/>
      <c r="IPB720" s="613"/>
      <c r="IPC720" s="613"/>
      <c r="IPD720" s="613"/>
      <c r="IPE720" s="613"/>
      <c r="IPF720" s="613"/>
      <c r="IPG720" s="613"/>
      <c r="IPH720" s="613"/>
      <c r="IPI720" s="613"/>
      <c r="IPJ720" s="613"/>
      <c r="IPK720" s="613"/>
      <c r="IPL720" s="613"/>
      <c r="IPM720" s="613"/>
      <c r="IPN720" s="613"/>
      <c r="IPO720" s="613"/>
      <c r="IPP720" s="613"/>
      <c r="IPQ720" s="613"/>
      <c r="IPR720" s="613"/>
      <c r="IPS720" s="613"/>
      <c r="IPT720" s="613"/>
      <c r="IPU720" s="613"/>
      <c r="IPV720" s="613"/>
      <c r="IPW720" s="613"/>
      <c r="IPX720" s="613"/>
      <c r="IPY720" s="613"/>
      <c r="IPZ720" s="613"/>
      <c r="IQA720" s="613"/>
      <c r="IQB720" s="613"/>
      <c r="IQC720" s="613"/>
      <c r="IQD720" s="613"/>
      <c r="IQE720" s="613"/>
      <c r="IQF720" s="613"/>
      <c r="IQG720" s="613"/>
      <c r="IQH720" s="613"/>
      <c r="IQI720" s="613"/>
      <c r="IQJ720" s="613"/>
      <c r="IQK720" s="613"/>
      <c r="IQL720" s="613"/>
      <c r="IQM720" s="613"/>
      <c r="IQN720" s="613"/>
      <c r="IQO720" s="613"/>
      <c r="IQP720" s="613"/>
      <c r="IQQ720" s="613"/>
      <c r="IQR720" s="613"/>
      <c r="IQS720" s="613"/>
      <c r="IQT720" s="613"/>
      <c r="IQU720" s="613"/>
      <c r="IQV720" s="613"/>
      <c r="IQW720" s="613"/>
      <c r="IQX720" s="613"/>
      <c r="IQY720" s="613"/>
      <c r="IQZ720" s="613"/>
      <c r="IRA720" s="613"/>
      <c r="IRB720" s="613"/>
      <c r="IRC720" s="613"/>
      <c r="IRD720" s="613"/>
      <c r="IRE720" s="613"/>
      <c r="IRF720" s="613"/>
      <c r="IRG720" s="613"/>
      <c r="IRH720" s="613"/>
      <c r="IRI720" s="613"/>
      <c r="IRJ720" s="613"/>
      <c r="IRK720" s="613"/>
      <c r="IRL720" s="613"/>
      <c r="IRM720" s="613"/>
      <c r="IRN720" s="613"/>
      <c r="IRO720" s="613"/>
      <c r="IRP720" s="613"/>
      <c r="IRQ720" s="613"/>
      <c r="IRR720" s="613"/>
      <c r="IRS720" s="613"/>
      <c r="IRT720" s="613"/>
      <c r="IRU720" s="613"/>
      <c r="IRV720" s="613"/>
      <c r="IRW720" s="613"/>
      <c r="IRX720" s="613"/>
      <c r="IRY720" s="613"/>
      <c r="IRZ720" s="613"/>
      <c r="ISA720" s="613"/>
      <c r="ISB720" s="613"/>
      <c r="ISC720" s="613"/>
      <c r="ISD720" s="613"/>
      <c r="ISE720" s="613"/>
      <c r="ISF720" s="613"/>
      <c r="ISG720" s="613"/>
      <c r="ISH720" s="613"/>
      <c r="ISI720" s="613"/>
      <c r="ISJ720" s="613"/>
      <c r="ISK720" s="613"/>
      <c r="ISL720" s="613"/>
      <c r="ISM720" s="613"/>
      <c r="ISN720" s="613"/>
      <c r="ISO720" s="613"/>
      <c r="ISP720" s="613"/>
      <c r="ISQ720" s="613"/>
      <c r="ISR720" s="613"/>
      <c r="ISS720" s="613"/>
      <c r="IST720" s="613"/>
      <c r="ISU720" s="613"/>
      <c r="ISV720" s="613"/>
      <c r="ISW720" s="613"/>
      <c r="ISX720" s="613"/>
      <c r="ISY720" s="613"/>
      <c r="ISZ720" s="613"/>
      <c r="ITA720" s="613"/>
      <c r="ITB720" s="613"/>
      <c r="ITC720" s="613"/>
      <c r="ITD720" s="613"/>
      <c r="ITE720" s="613"/>
      <c r="ITF720" s="613"/>
      <c r="ITG720" s="613"/>
      <c r="ITH720" s="613"/>
      <c r="ITI720" s="613"/>
      <c r="ITJ720" s="613"/>
      <c r="ITK720" s="613"/>
      <c r="ITL720" s="613"/>
      <c r="ITM720" s="613"/>
      <c r="ITN720" s="613"/>
      <c r="ITO720" s="613"/>
      <c r="ITP720" s="613"/>
      <c r="ITQ720" s="613"/>
      <c r="ITR720" s="613"/>
      <c r="ITS720" s="613"/>
      <c r="ITT720" s="613"/>
      <c r="ITU720" s="613"/>
      <c r="ITV720" s="613"/>
      <c r="ITW720" s="613"/>
      <c r="ITX720" s="613"/>
      <c r="ITY720" s="613"/>
      <c r="ITZ720" s="613"/>
      <c r="IUA720" s="613"/>
      <c r="IUB720" s="613"/>
      <c r="IUC720" s="613"/>
      <c r="IUD720" s="613"/>
      <c r="IUE720" s="613"/>
      <c r="IUF720" s="613"/>
      <c r="IUG720" s="613"/>
      <c r="IUH720" s="613"/>
      <c r="IUI720" s="613"/>
      <c r="IUJ720" s="613"/>
      <c r="IUK720" s="613"/>
      <c r="IUL720" s="613"/>
      <c r="IUM720" s="613"/>
      <c r="IUN720" s="613"/>
      <c r="IUO720" s="613"/>
      <c r="IUP720" s="613"/>
      <c r="IUQ720" s="613"/>
      <c r="IUR720" s="613"/>
      <c r="IUS720" s="613"/>
      <c r="IUT720" s="613"/>
      <c r="IUU720" s="613"/>
      <c r="IUV720" s="613"/>
      <c r="IUW720" s="613"/>
      <c r="IUX720" s="613"/>
      <c r="IUY720" s="613"/>
      <c r="IUZ720" s="613"/>
      <c r="IVA720" s="613"/>
      <c r="IVB720" s="613"/>
      <c r="IVC720" s="613"/>
      <c r="IVD720" s="613"/>
      <c r="IVE720" s="613"/>
      <c r="IVF720" s="613"/>
      <c r="IVG720" s="613"/>
      <c r="IVH720" s="613"/>
      <c r="IVI720" s="613"/>
      <c r="IVJ720" s="613"/>
      <c r="IVK720" s="613"/>
      <c r="IVL720" s="613"/>
      <c r="IVM720" s="613"/>
      <c r="IVN720" s="613"/>
      <c r="IVO720" s="613"/>
      <c r="IVP720" s="613"/>
      <c r="IVQ720" s="613"/>
      <c r="IVR720" s="613"/>
      <c r="IVS720" s="613"/>
      <c r="IVT720" s="613"/>
      <c r="IVU720" s="613"/>
      <c r="IVV720" s="613"/>
      <c r="IVW720" s="613"/>
      <c r="IVX720" s="613"/>
      <c r="IVY720" s="613"/>
      <c r="IVZ720" s="613"/>
      <c r="IWA720" s="613"/>
      <c r="IWB720" s="613"/>
      <c r="IWC720" s="613"/>
      <c r="IWD720" s="613"/>
      <c r="IWE720" s="613"/>
      <c r="IWF720" s="613"/>
      <c r="IWG720" s="613"/>
      <c r="IWH720" s="613"/>
      <c r="IWI720" s="613"/>
      <c r="IWJ720" s="613"/>
      <c r="IWK720" s="613"/>
      <c r="IWL720" s="613"/>
      <c r="IWM720" s="613"/>
      <c r="IWN720" s="613"/>
      <c r="IWO720" s="613"/>
      <c r="IWP720" s="613"/>
      <c r="IWQ720" s="613"/>
      <c r="IWR720" s="613"/>
      <c r="IWS720" s="613"/>
      <c r="IWT720" s="613"/>
      <c r="IWU720" s="613"/>
      <c r="IWV720" s="613"/>
      <c r="IWW720" s="613"/>
      <c r="IWX720" s="613"/>
      <c r="IWY720" s="613"/>
      <c r="IWZ720" s="613"/>
      <c r="IXA720" s="613"/>
      <c r="IXB720" s="613"/>
      <c r="IXC720" s="613"/>
      <c r="IXD720" s="613"/>
      <c r="IXE720" s="613"/>
      <c r="IXF720" s="613"/>
      <c r="IXG720" s="613"/>
      <c r="IXH720" s="613"/>
      <c r="IXI720" s="613"/>
      <c r="IXJ720" s="613"/>
      <c r="IXK720" s="613"/>
      <c r="IXL720" s="613"/>
      <c r="IXM720" s="613"/>
      <c r="IXN720" s="613"/>
      <c r="IXO720" s="613"/>
      <c r="IXP720" s="613"/>
      <c r="IXQ720" s="613"/>
      <c r="IXR720" s="613"/>
      <c r="IXS720" s="613"/>
      <c r="IXT720" s="613"/>
      <c r="IXU720" s="613"/>
      <c r="IXV720" s="613"/>
      <c r="IXW720" s="613"/>
      <c r="IXX720" s="613"/>
      <c r="IXY720" s="613"/>
      <c r="IXZ720" s="613"/>
      <c r="IYA720" s="613"/>
      <c r="IYB720" s="613"/>
      <c r="IYC720" s="613"/>
      <c r="IYD720" s="613"/>
      <c r="IYE720" s="613"/>
      <c r="IYF720" s="613"/>
      <c r="IYG720" s="613"/>
      <c r="IYH720" s="613"/>
      <c r="IYI720" s="613"/>
      <c r="IYJ720" s="613"/>
      <c r="IYK720" s="613"/>
      <c r="IYL720" s="613"/>
      <c r="IYM720" s="613"/>
      <c r="IYN720" s="613"/>
      <c r="IYO720" s="613"/>
      <c r="IYP720" s="613"/>
      <c r="IYQ720" s="613"/>
      <c r="IYR720" s="613"/>
      <c r="IYS720" s="613"/>
      <c r="IYT720" s="613"/>
      <c r="IYU720" s="613"/>
      <c r="IYV720" s="613"/>
      <c r="IYW720" s="613"/>
      <c r="IYX720" s="613"/>
      <c r="IYY720" s="613"/>
      <c r="IYZ720" s="613"/>
      <c r="IZA720" s="613"/>
      <c r="IZB720" s="613"/>
      <c r="IZC720" s="613"/>
      <c r="IZD720" s="613"/>
      <c r="IZE720" s="613"/>
      <c r="IZF720" s="613"/>
      <c r="IZG720" s="613"/>
      <c r="IZH720" s="613"/>
      <c r="IZI720" s="613"/>
      <c r="IZJ720" s="613"/>
      <c r="IZK720" s="613"/>
      <c r="IZL720" s="613"/>
      <c r="IZM720" s="613"/>
      <c r="IZN720" s="613"/>
      <c r="IZO720" s="613"/>
      <c r="IZP720" s="613"/>
      <c r="IZQ720" s="613"/>
      <c r="IZR720" s="613"/>
      <c r="IZS720" s="613"/>
      <c r="IZT720" s="613"/>
      <c r="IZU720" s="613"/>
      <c r="IZV720" s="613"/>
      <c r="IZW720" s="613"/>
      <c r="IZX720" s="613"/>
      <c r="IZY720" s="613"/>
      <c r="IZZ720" s="613"/>
      <c r="JAA720" s="613"/>
      <c r="JAB720" s="613"/>
      <c r="JAC720" s="613"/>
      <c r="JAD720" s="613"/>
      <c r="JAE720" s="613"/>
      <c r="JAF720" s="613"/>
      <c r="JAG720" s="613"/>
      <c r="JAH720" s="613"/>
      <c r="JAI720" s="613"/>
      <c r="JAJ720" s="613"/>
      <c r="JAK720" s="613"/>
      <c r="JAL720" s="613"/>
      <c r="JAM720" s="613"/>
      <c r="JAN720" s="613"/>
      <c r="JAO720" s="613"/>
      <c r="JAP720" s="613"/>
      <c r="JAQ720" s="613"/>
      <c r="JAR720" s="613"/>
      <c r="JAS720" s="613"/>
      <c r="JAT720" s="613"/>
      <c r="JAU720" s="613"/>
      <c r="JAV720" s="613"/>
      <c r="JAW720" s="613"/>
      <c r="JAX720" s="613"/>
      <c r="JAY720" s="613"/>
      <c r="JAZ720" s="613"/>
      <c r="JBA720" s="613"/>
      <c r="JBB720" s="613"/>
      <c r="JBC720" s="613"/>
      <c r="JBD720" s="613"/>
      <c r="JBE720" s="613"/>
      <c r="JBF720" s="613"/>
      <c r="JBG720" s="613"/>
      <c r="JBH720" s="613"/>
      <c r="JBI720" s="613"/>
      <c r="JBJ720" s="613"/>
      <c r="JBK720" s="613"/>
      <c r="JBL720" s="613"/>
      <c r="JBM720" s="613"/>
      <c r="JBN720" s="613"/>
      <c r="JBO720" s="613"/>
      <c r="JBP720" s="613"/>
      <c r="JBQ720" s="613"/>
      <c r="JBR720" s="613"/>
      <c r="JBS720" s="613"/>
      <c r="JBT720" s="613"/>
      <c r="JBU720" s="613"/>
      <c r="JBV720" s="613"/>
      <c r="JBW720" s="613"/>
      <c r="JBX720" s="613"/>
      <c r="JBY720" s="613"/>
      <c r="JBZ720" s="613"/>
      <c r="JCA720" s="613"/>
      <c r="JCB720" s="613"/>
      <c r="JCC720" s="613"/>
      <c r="JCD720" s="613"/>
      <c r="JCE720" s="613"/>
      <c r="JCF720" s="613"/>
      <c r="JCG720" s="613"/>
      <c r="JCH720" s="613"/>
      <c r="JCI720" s="613"/>
      <c r="JCJ720" s="613"/>
      <c r="JCK720" s="613"/>
      <c r="JCL720" s="613"/>
      <c r="JCM720" s="613"/>
      <c r="JCN720" s="613"/>
      <c r="JCO720" s="613"/>
      <c r="JCP720" s="613"/>
      <c r="JCQ720" s="613"/>
      <c r="JCR720" s="613"/>
      <c r="JCS720" s="613"/>
      <c r="JCT720" s="613"/>
      <c r="JCU720" s="613"/>
      <c r="JCV720" s="613"/>
      <c r="JCW720" s="613"/>
      <c r="JCX720" s="613"/>
      <c r="JCY720" s="613"/>
      <c r="JCZ720" s="613"/>
      <c r="JDA720" s="613"/>
      <c r="JDB720" s="613"/>
      <c r="JDC720" s="613"/>
      <c r="JDD720" s="613"/>
      <c r="JDE720" s="613"/>
      <c r="JDF720" s="613"/>
      <c r="JDG720" s="613"/>
      <c r="JDH720" s="613"/>
      <c r="JDI720" s="613"/>
      <c r="JDJ720" s="613"/>
      <c r="JDK720" s="613"/>
      <c r="JDL720" s="613"/>
      <c r="JDM720" s="613"/>
      <c r="JDN720" s="613"/>
      <c r="JDO720" s="613"/>
      <c r="JDP720" s="613"/>
      <c r="JDQ720" s="613"/>
      <c r="JDR720" s="613"/>
      <c r="JDS720" s="613"/>
      <c r="JDT720" s="613"/>
      <c r="JDU720" s="613"/>
      <c r="JDV720" s="613"/>
      <c r="JDW720" s="613"/>
      <c r="JDX720" s="613"/>
      <c r="JDY720" s="613"/>
      <c r="JDZ720" s="613"/>
      <c r="JEA720" s="613"/>
      <c r="JEB720" s="613"/>
      <c r="JEC720" s="613"/>
      <c r="JED720" s="613"/>
      <c r="JEE720" s="613"/>
      <c r="JEF720" s="613"/>
      <c r="JEG720" s="613"/>
      <c r="JEH720" s="613"/>
      <c r="JEI720" s="613"/>
      <c r="JEJ720" s="613"/>
      <c r="JEK720" s="613"/>
      <c r="JEL720" s="613"/>
      <c r="JEM720" s="613"/>
      <c r="JEN720" s="613"/>
      <c r="JEO720" s="613"/>
      <c r="JEP720" s="613"/>
      <c r="JEQ720" s="613"/>
      <c r="JER720" s="613"/>
      <c r="JES720" s="613"/>
      <c r="JET720" s="613"/>
      <c r="JEU720" s="613"/>
      <c r="JEV720" s="613"/>
      <c r="JEW720" s="613"/>
      <c r="JEX720" s="613"/>
      <c r="JEY720" s="613"/>
      <c r="JEZ720" s="613"/>
      <c r="JFA720" s="613"/>
      <c r="JFB720" s="613"/>
      <c r="JFC720" s="613"/>
      <c r="JFD720" s="613"/>
      <c r="JFE720" s="613"/>
      <c r="JFF720" s="613"/>
      <c r="JFG720" s="613"/>
      <c r="JFH720" s="613"/>
      <c r="JFI720" s="613"/>
      <c r="JFJ720" s="613"/>
      <c r="JFK720" s="613"/>
      <c r="JFL720" s="613"/>
      <c r="JFM720" s="613"/>
      <c r="JFN720" s="613"/>
      <c r="JFO720" s="613"/>
      <c r="JFP720" s="613"/>
      <c r="JFQ720" s="613"/>
      <c r="JFR720" s="613"/>
      <c r="JFS720" s="613"/>
      <c r="JFT720" s="613"/>
      <c r="JFU720" s="613"/>
      <c r="JFV720" s="613"/>
      <c r="JFW720" s="613"/>
      <c r="JFX720" s="613"/>
      <c r="JFY720" s="613"/>
      <c r="JFZ720" s="613"/>
      <c r="JGA720" s="613"/>
      <c r="JGB720" s="613"/>
      <c r="JGC720" s="613"/>
      <c r="JGD720" s="613"/>
      <c r="JGE720" s="613"/>
      <c r="JGF720" s="613"/>
      <c r="JGG720" s="613"/>
      <c r="JGH720" s="613"/>
      <c r="JGI720" s="613"/>
      <c r="JGJ720" s="613"/>
      <c r="JGK720" s="613"/>
      <c r="JGL720" s="613"/>
      <c r="JGM720" s="613"/>
      <c r="JGN720" s="613"/>
      <c r="JGO720" s="613"/>
      <c r="JGP720" s="613"/>
      <c r="JGQ720" s="613"/>
      <c r="JGR720" s="613"/>
      <c r="JGS720" s="613"/>
      <c r="JGT720" s="613"/>
      <c r="JGU720" s="613"/>
      <c r="JGV720" s="613"/>
      <c r="JGW720" s="613"/>
      <c r="JGX720" s="613"/>
      <c r="JGY720" s="613"/>
      <c r="JGZ720" s="613"/>
      <c r="JHA720" s="613"/>
      <c r="JHB720" s="613"/>
      <c r="JHC720" s="613"/>
      <c r="JHD720" s="613"/>
      <c r="JHE720" s="613"/>
      <c r="JHF720" s="613"/>
      <c r="JHG720" s="613"/>
      <c r="JHH720" s="613"/>
      <c r="JHI720" s="613"/>
      <c r="JHJ720" s="613"/>
      <c r="JHK720" s="613"/>
      <c r="JHL720" s="613"/>
      <c r="JHM720" s="613"/>
      <c r="JHN720" s="613"/>
      <c r="JHO720" s="613"/>
      <c r="JHP720" s="613"/>
      <c r="JHQ720" s="613"/>
      <c r="JHR720" s="613"/>
      <c r="JHS720" s="613"/>
      <c r="JHT720" s="613"/>
      <c r="JHU720" s="613"/>
      <c r="JHV720" s="613"/>
      <c r="JHW720" s="613"/>
      <c r="JHX720" s="613"/>
      <c r="JHY720" s="613"/>
      <c r="JHZ720" s="613"/>
      <c r="JIA720" s="613"/>
      <c r="JIB720" s="613"/>
      <c r="JIC720" s="613"/>
      <c r="JID720" s="613"/>
      <c r="JIE720" s="613"/>
      <c r="JIF720" s="613"/>
      <c r="JIG720" s="613"/>
      <c r="JIH720" s="613"/>
      <c r="JII720" s="613"/>
      <c r="JIJ720" s="613"/>
      <c r="JIK720" s="613"/>
      <c r="JIL720" s="613"/>
      <c r="JIM720" s="613"/>
      <c r="JIN720" s="613"/>
      <c r="JIO720" s="613"/>
      <c r="JIP720" s="613"/>
      <c r="JIQ720" s="613"/>
      <c r="JIR720" s="613"/>
      <c r="JIS720" s="613"/>
      <c r="JIT720" s="613"/>
      <c r="JIU720" s="613"/>
      <c r="JIV720" s="613"/>
      <c r="JIW720" s="613"/>
      <c r="JIX720" s="613"/>
      <c r="JIY720" s="613"/>
      <c r="JIZ720" s="613"/>
      <c r="JJA720" s="613"/>
      <c r="JJB720" s="613"/>
      <c r="JJC720" s="613"/>
      <c r="JJD720" s="613"/>
      <c r="JJE720" s="613"/>
      <c r="JJF720" s="613"/>
      <c r="JJG720" s="613"/>
      <c r="JJH720" s="613"/>
      <c r="JJI720" s="613"/>
      <c r="JJJ720" s="613"/>
      <c r="JJK720" s="613"/>
      <c r="JJL720" s="613"/>
      <c r="JJM720" s="613"/>
      <c r="JJN720" s="613"/>
      <c r="JJO720" s="613"/>
      <c r="JJP720" s="613"/>
      <c r="JJQ720" s="613"/>
      <c r="JJR720" s="613"/>
      <c r="JJS720" s="613"/>
      <c r="JJT720" s="613"/>
      <c r="JJU720" s="613"/>
      <c r="JJV720" s="613"/>
      <c r="JJW720" s="613"/>
      <c r="JJX720" s="613"/>
      <c r="JJY720" s="613"/>
      <c r="JJZ720" s="613"/>
      <c r="JKA720" s="613"/>
      <c r="JKB720" s="613"/>
      <c r="JKC720" s="613"/>
      <c r="JKD720" s="613"/>
      <c r="JKE720" s="613"/>
      <c r="JKF720" s="613"/>
      <c r="JKG720" s="613"/>
      <c r="JKH720" s="613"/>
      <c r="JKI720" s="613"/>
      <c r="JKJ720" s="613"/>
      <c r="JKK720" s="613"/>
      <c r="JKL720" s="613"/>
      <c r="JKM720" s="613"/>
      <c r="JKN720" s="613"/>
      <c r="JKO720" s="613"/>
      <c r="JKP720" s="613"/>
      <c r="JKQ720" s="613"/>
      <c r="JKR720" s="613"/>
      <c r="JKS720" s="613"/>
      <c r="JKT720" s="613"/>
      <c r="JKU720" s="613"/>
      <c r="JKV720" s="613"/>
      <c r="JKW720" s="613"/>
      <c r="JKX720" s="613"/>
      <c r="JKY720" s="613"/>
      <c r="JKZ720" s="613"/>
      <c r="JLA720" s="613"/>
      <c r="JLB720" s="613"/>
      <c r="JLC720" s="613"/>
      <c r="JLD720" s="613"/>
      <c r="JLE720" s="613"/>
      <c r="JLF720" s="613"/>
      <c r="JLG720" s="613"/>
      <c r="JLH720" s="613"/>
      <c r="JLI720" s="613"/>
      <c r="JLJ720" s="613"/>
      <c r="JLK720" s="613"/>
      <c r="JLL720" s="613"/>
      <c r="JLM720" s="613"/>
      <c r="JLN720" s="613"/>
      <c r="JLO720" s="613"/>
      <c r="JLP720" s="613"/>
      <c r="JLQ720" s="613"/>
      <c r="JLR720" s="613"/>
      <c r="JLS720" s="613"/>
      <c r="JLT720" s="613"/>
      <c r="JLU720" s="613"/>
      <c r="JLV720" s="613"/>
      <c r="JLW720" s="613"/>
      <c r="JLX720" s="613"/>
      <c r="JLY720" s="613"/>
      <c r="JLZ720" s="613"/>
      <c r="JMA720" s="613"/>
      <c r="JMB720" s="613"/>
      <c r="JMC720" s="613"/>
      <c r="JMD720" s="613"/>
      <c r="JME720" s="613"/>
      <c r="JMF720" s="613"/>
      <c r="JMG720" s="613"/>
      <c r="JMH720" s="613"/>
      <c r="JMI720" s="613"/>
      <c r="JMJ720" s="613"/>
      <c r="JMK720" s="613"/>
      <c r="JML720" s="613"/>
      <c r="JMM720" s="613"/>
      <c r="JMN720" s="613"/>
      <c r="JMO720" s="613"/>
      <c r="JMP720" s="613"/>
      <c r="JMQ720" s="613"/>
      <c r="JMR720" s="613"/>
      <c r="JMS720" s="613"/>
      <c r="JMT720" s="613"/>
      <c r="JMU720" s="613"/>
      <c r="JMV720" s="613"/>
      <c r="JMW720" s="613"/>
      <c r="JMX720" s="613"/>
      <c r="JMY720" s="613"/>
      <c r="JMZ720" s="613"/>
      <c r="JNA720" s="613"/>
      <c r="JNB720" s="613"/>
      <c r="JNC720" s="613"/>
      <c r="JND720" s="613"/>
      <c r="JNE720" s="613"/>
      <c r="JNF720" s="613"/>
      <c r="JNG720" s="613"/>
      <c r="JNH720" s="613"/>
      <c r="JNI720" s="613"/>
      <c r="JNJ720" s="613"/>
      <c r="JNK720" s="613"/>
      <c r="JNL720" s="613"/>
      <c r="JNM720" s="613"/>
      <c r="JNN720" s="613"/>
      <c r="JNO720" s="613"/>
      <c r="JNP720" s="613"/>
      <c r="JNQ720" s="613"/>
      <c r="JNR720" s="613"/>
      <c r="JNS720" s="613"/>
      <c r="JNT720" s="613"/>
      <c r="JNU720" s="613"/>
      <c r="JNV720" s="613"/>
      <c r="JNW720" s="613"/>
      <c r="JNX720" s="613"/>
      <c r="JNY720" s="613"/>
      <c r="JNZ720" s="613"/>
      <c r="JOA720" s="613"/>
      <c r="JOB720" s="613"/>
      <c r="JOC720" s="613"/>
      <c r="JOD720" s="613"/>
      <c r="JOE720" s="613"/>
      <c r="JOF720" s="613"/>
      <c r="JOG720" s="613"/>
      <c r="JOH720" s="613"/>
      <c r="JOI720" s="613"/>
      <c r="JOJ720" s="613"/>
      <c r="JOK720" s="613"/>
      <c r="JOL720" s="613"/>
      <c r="JOM720" s="613"/>
      <c r="JON720" s="613"/>
      <c r="JOO720" s="613"/>
      <c r="JOP720" s="613"/>
      <c r="JOQ720" s="613"/>
      <c r="JOR720" s="613"/>
      <c r="JOS720" s="613"/>
      <c r="JOT720" s="613"/>
      <c r="JOU720" s="613"/>
      <c r="JOV720" s="613"/>
      <c r="JOW720" s="613"/>
      <c r="JOX720" s="613"/>
      <c r="JOY720" s="613"/>
      <c r="JOZ720" s="613"/>
      <c r="JPA720" s="613"/>
      <c r="JPB720" s="613"/>
      <c r="JPC720" s="613"/>
      <c r="JPD720" s="613"/>
      <c r="JPE720" s="613"/>
      <c r="JPF720" s="613"/>
      <c r="JPG720" s="613"/>
      <c r="JPH720" s="613"/>
      <c r="JPI720" s="613"/>
      <c r="JPJ720" s="613"/>
      <c r="JPK720" s="613"/>
      <c r="JPL720" s="613"/>
      <c r="JPM720" s="613"/>
      <c r="JPN720" s="613"/>
      <c r="JPO720" s="613"/>
      <c r="JPP720" s="613"/>
      <c r="JPQ720" s="613"/>
      <c r="JPR720" s="613"/>
      <c r="JPS720" s="613"/>
      <c r="JPT720" s="613"/>
      <c r="JPU720" s="613"/>
      <c r="JPV720" s="613"/>
      <c r="JPW720" s="613"/>
      <c r="JPX720" s="613"/>
      <c r="JPY720" s="613"/>
      <c r="JPZ720" s="613"/>
      <c r="JQA720" s="613"/>
      <c r="JQB720" s="613"/>
      <c r="JQC720" s="613"/>
      <c r="JQD720" s="613"/>
      <c r="JQE720" s="613"/>
      <c r="JQF720" s="613"/>
      <c r="JQG720" s="613"/>
      <c r="JQH720" s="613"/>
      <c r="JQI720" s="613"/>
      <c r="JQJ720" s="613"/>
      <c r="JQK720" s="613"/>
      <c r="JQL720" s="613"/>
      <c r="JQM720" s="613"/>
      <c r="JQN720" s="613"/>
      <c r="JQO720" s="613"/>
      <c r="JQP720" s="613"/>
      <c r="JQQ720" s="613"/>
      <c r="JQR720" s="613"/>
      <c r="JQS720" s="613"/>
      <c r="JQT720" s="613"/>
      <c r="JQU720" s="613"/>
      <c r="JQV720" s="613"/>
      <c r="JQW720" s="613"/>
      <c r="JQX720" s="613"/>
      <c r="JQY720" s="613"/>
      <c r="JQZ720" s="613"/>
      <c r="JRA720" s="613"/>
      <c r="JRB720" s="613"/>
      <c r="JRC720" s="613"/>
      <c r="JRD720" s="613"/>
      <c r="JRE720" s="613"/>
      <c r="JRF720" s="613"/>
      <c r="JRG720" s="613"/>
      <c r="JRH720" s="613"/>
      <c r="JRI720" s="613"/>
      <c r="JRJ720" s="613"/>
      <c r="JRK720" s="613"/>
      <c r="JRL720" s="613"/>
      <c r="JRM720" s="613"/>
      <c r="JRN720" s="613"/>
      <c r="JRO720" s="613"/>
      <c r="JRP720" s="613"/>
      <c r="JRQ720" s="613"/>
      <c r="JRR720" s="613"/>
      <c r="JRS720" s="613"/>
      <c r="JRT720" s="613"/>
      <c r="JRU720" s="613"/>
      <c r="JRV720" s="613"/>
      <c r="JRW720" s="613"/>
      <c r="JRX720" s="613"/>
      <c r="JRY720" s="613"/>
      <c r="JRZ720" s="613"/>
      <c r="JSA720" s="613"/>
      <c r="JSB720" s="613"/>
      <c r="JSC720" s="613"/>
      <c r="JSD720" s="613"/>
      <c r="JSE720" s="613"/>
      <c r="JSF720" s="613"/>
      <c r="JSG720" s="613"/>
      <c r="JSH720" s="613"/>
      <c r="JSI720" s="613"/>
      <c r="JSJ720" s="613"/>
      <c r="JSK720" s="613"/>
      <c r="JSL720" s="613"/>
      <c r="JSM720" s="613"/>
      <c r="JSN720" s="613"/>
      <c r="JSO720" s="613"/>
      <c r="JSP720" s="613"/>
      <c r="JSQ720" s="613"/>
      <c r="JSR720" s="613"/>
      <c r="JSS720" s="613"/>
      <c r="JST720" s="613"/>
      <c r="JSU720" s="613"/>
      <c r="JSV720" s="613"/>
      <c r="JSW720" s="613"/>
      <c r="JSX720" s="613"/>
      <c r="JSY720" s="613"/>
      <c r="JSZ720" s="613"/>
      <c r="JTA720" s="613"/>
      <c r="JTB720" s="613"/>
      <c r="JTC720" s="613"/>
      <c r="JTD720" s="613"/>
      <c r="JTE720" s="613"/>
      <c r="JTF720" s="613"/>
      <c r="JTG720" s="613"/>
      <c r="JTH720" s="613"/>
      <c r="JTI720" s="613"/>
      <c r="JTJ720" s="613"/>
      <c r="JTK720" s="613"/>
      <c r="JTL720" s="613"/>
      <c r="JTM720" s="613"/>
      <c r="JTN720" s="613"/>
      <c r="JTO720" s="613"/>
      <c r="JTP720" s="613"/>
      <c r="JTQ720" s="613"/>
      <c r="JTR720" s="613"/>
      <c r="JTS720" s="613"/>
      <c r="JTT720" s="613"/>
      <c r="JTU720" s="613"/>
      <c r="JTV720" s="613"/>
      <c r="JTW720" s="613"/>
      <c r="JTX720" s="613"/>
      <c r="JTY720" s="613"/>
      <c r="JTZ720" s="613"/>
      <c r="JUA720" s="613"/>
      <c r="JUB720" s="613"/>
      <c r="JUC720" s="613"/>
      <c r="JUD720" s="613"/>
      <c r="JUE720" s="613"/>
      <c r="JUF720" s="613"/>
      <c r="JUG720" s="613"/>
      <c r="JUH720" s="613"/>
      <c r="JUI720" s="613"/>
      <c r="JUJ720" s="613"/>
      <c r="JUK720" s="613"/>
      <c r="JUL720" s="613"/>
      <c r="JUM720" s="613"/>
      <c r="JUN720" s="613"/>
      <c r="JUO720" s="613"/>
      <c r="JUP720" s="613"/>
      <c r="JUQ720" s="613"/>
      <c r="JUR720" s="613"/>
      <c r="JUS720" s="613"/>
      <c r="JUT720" s="613"/>
      <c r="JUU720" s="613"/>
      <c r="JUV720" s="613"/>
      <c r="JUW720" s="613"/>
      <c r="JUX720" s="613"/>
      <c r="JUY720" s="613"/>
      <c r="JUZ720" s="613"/>
      <c r="JVA720" s="613"/>
      <c r="JVB720" s="613"/>
      <c r="JVC720" s="613"/>
      <c r="JVD720" s="613"/>
      <c r="JVE720" s="613"/>
      <c r="JVF720" s="613"/>
      <c r="JVG720" s="613"/>
      <c r="JVH720" s="613"/>
      <c r="JVI720" s="613"/>
      <c r="JVJ720" s="613"/>
      <c r="JVK720" s="613"/>
      <c r="JVL720" s="613"/>
      <c r="JVM720" s="613"/>
      <c r="JVN720" s="613"/>
      <c r="JVO720" s="613"/>
      <c r="JVP720" s="613"/>
      <c r="JVQ720" s="613"/>
      <c r="JVR720" s="613"/>
      <c r="JVS720" s="613"/>
      <c r="JVT720" s="613"/>
      <c r="JVU720" s="613"/>
      <c r="JVV720" s="613"/>
      <c r="JVW720" s="613"/>
      <c r="JVX720" s="613"/>
      <c r="JVY720" s="613"/>
      <c r="JVZ720" s="613"/>
      <c r="JWA720" s="613"/>
      <c r="JWB720" s="613"/>
      <c r="JWC720" s="613"/>
      <c r="JWD720" s="613"/>
      <c r="JWE720" s="613"/>
      <c r="JWF720" s="613"/>
      <c r="JWG720" s="613"/>
      <c r="JWH720" s="613"/>
      <c r="JWI720" s="613"/>
      <c r="JWJ720" s="613"/>
      <c r="JWK720" s="613"/>
      <c r="JWL720" s="613"/>
      <c r="JWM720" s="613"/>
      <c r="JWN720" s="613"/>
      <c r="JWO720" s="613"/>
      <c r="JWP720" s="613"/>
      <c r="JWQ720" s="613"/>
      <c r="JWR720" s="613"/>
      <c r="JWS720" s="613"/>
      <c r="JWT720" s="613"/>
      <c r="JWU720" s="613"/>
      <c r="JWV720" s="613"/>
      <c r="JWW720" s="613"/>
      <c r="JWX720" s="613"/>
      <c r="JWY720" s="613"/>
      <c r="JWZ720" s="613"/>
      <c r="JXA720" s="613"/>
      <c r="JXB720" s="613"/>
      <c r="JXC720" s="613"/>
      <c r="JXD720" s="613"/>
      <c r="JXE720" s="613"/>
      <c r="JXF720" s="613"/>
      <c r="JXG720" s="613"/>
      <c r="JXH720" s="613"/>
      <c r="JXI720" s="613"/>
      <c r="JXJ720" s="613"/>
      <c r="JXK720" s="613"/>
      <c r="JXL720" s="613"/>
      <c r="JXM720" s="613"/>
      <c r="JXN720" s="613"/>
      <c r="JXO720" s="613"/>
      <c r="JXP720" s="613"/>
      <c r="JXQ720" s="613"/>
      <c r="JXR720" s="613"/>
      <c r="JXS720" s="613"/>
      <c r="JXT720" s="613"/>
      <c r="JXU720" s="613"/>
      <c r="JXV720" s="613"/>
      <c r="JXW720" s="613"/>
      <c r="JXX720" s="613"/>
      <c r="JXY720" s="613"/>
      <c r="JXZ720" s="613"/>
      <c r="JYA720" s="613"/>
      <c r="JYB720" s="613"/>
      <c r="JYC720" s="613"/>
      <c r="JYD720" s="613"/>
      <c r="JYE720" s="613"/>
      <c r="JYF720" s="613"/>
      <c r="JYG720" s="613"/>
      <c r="JYH720" s="613"/>
      <c r="JYI720" s="613"/>
      <c r="JYJ720" s="613"/>
      <c r="JYK720" s="613"/>
      <c r="JYL720" s="613"/>
      <c r="JYM720" s="613"/>
      <c r="JYN720" s="613"/>
      <c r="JYO720" s="613"/>
      <c r="JYP720" s="613"/>
      <c r="JYQ720" s="613"/>
      <c r="JYR720" s="613"/>
      <c r="JYS720" s="613"/>
      <c r="JYT720" s="613"/>
      <c r="JYU720" s="613"/>
      <c r="JYV720" s="613"/>
      <c r="JYW720" s="613"/>
      <c r="JYX720" s="613"/>
      <c r="JYY720" s="613"/>
      <c r="JYZ720" s="613"/>
      <c r="JZA720" s="613"/>
      <c r="JZB720" s="613"/>
      <c r="JZC720" s="613"/>
      <c r="JZD720" s="613"/>
      <c r="JZE720" s="613"/>
      <c r="JZF720" s="613"/>
      <c r="JZG720" s="613"/>
      <c r="JZH720" s="613"/>
      <c r="JZI720" s="613"/>
      <c r="JZJ720" s="613"/>
      <c r="JZK720" s="613"/>
      <c r="JZL720" s="613"/>
      <c r="JZM720" s="613"/>
      <c r="JZN720" s="613"/>
      <c r="JZO720" s="613"/>
      <c r="JZP720" s="613"/>
      <c r="JZQ720" s="613"/>
      <c r="JZR720" s="613"/>
      <c r="JZS720" s="613"/>
      <c r="JZT720" s="613"/>
      <c r="JZU720" s="613"/>
      <c r="JZV720" s="613"/>
      <c r="JZW720" s="613"/>
      <c r="JZX720" s="613"/>
      <c r="JZY720" s="613"/>
      <c r="JZZ720" s="613"/>
      <c r="KAA720" s="613"/>
      <c r="KAB720" s="613"/>
      <c r="KAC720" s="613"/>
      <c r="KAD720" s="613"/>
      <c r="KAE720" s="613"/>
      <c r="KAF720" s="613"/>
      <c r="KAG720" s="613"/>
      <c r="KAH720" s="613"/>
      <c r="KAI720" s="613"/>
      <c r="KAJ720" s="613"/>
      <c r="KAK720" s="613"/>
      <c r="KAL720" s="613"/>
      <c r="KAM720" s="613"/>
      <c r="KAN720" s="613"/>
      <c r="KAO720" s="613"/>
      <c r="KAP720" s="613"/>
      <c r="KAQ720" s="613"/>
      <c r="KAR720" s="613"/>
      <c r="KAS720" s="613"/>
      <c r="KAT720" s="613"/>
      <c r="KAU720" s="613"/>
      <c r="KAV720" s="613"/>
      <c r="KAW720" s="613"/>
      <c r="KAX720" s="613"/>
      <c r="KAY720" s="613"/>
      <c r="KAZ720" s="613"/>
      <c r="KBA720" s="613"/>
      <c r="KBB720" s="613"/>
      <c r="KBC720" s="613"/>
      <c r="KBD720" s="613"/>
      <c r="KBE720" s="613"/>
      <c r="KBF720" s="613"/>
      <c r="KBG720" s="613"/>
      <c r="KBH720" s="613"/>
      <c r="KBI720" s="613"/>
      <c r="KBJ720" s="613"/>
      <c r="KBK720" s="613"/>
      <c r="KBL720" s="613"/>
      <c r="KBM720" s="613"/>
      <c r="KBN720" s="613"/>
      <c r="KBO720" s="613"/>
      <c r="KBP720" s="613"/>
      <c r="KBQ720" s="613"/>
      <c r="KBR720" s="613"/>
      <c r="KBS720" s="613"/>
      <c r="KBT720" s="613"/>
      <c r="KBU720" s="613"/>
      <c r="KBV720" s="613"/>
      <c r="KBW720" s="613"/>
      <c r="KBX720" s="613"/>
      <c r="KBY720" s="613"/>
      <c r="KBZ720" s="613"/>
      <c r="KCA720" s="613"/>
      <c r="KCB720" s="613"/>
      <c r="KCC720" s="613"/>
      <c r="KCD720" s="613"/>
      <c r="KCE720" s="613"/>
      <c r="KCF720" s="613"/>
      <c r="KCG720" s="613"/>
      <c r="KCH720" s="613"/>
      <c r="KCI720" s="613"/>
      <c r="KCJ720" s="613"/>
      <c r="KCK720" s="613"/>
      <c r="KCL720" s="613"/>
      <c r="KCM720" s="613"/>
      <c r="KCN720" s="613"/>
      <c r="KCO720" s="613"/>
      <c r="KCP720" s="613"/>
      <c r="KCQ720" s="613"/>
      <c r="KCR720" s="613"/>
      <c r="KCS720" s="613"/>
      <c r="KCT720" s="613"/>
      <c r="KCU720" s="613"/>
      <c r="KCV720" s="613"/>
      <c r="KCW720" s="613"/>
      <c r="KCX720" s="613"/>
      <c r="KCY720" s="613"/>
      <c r="KCZ720" s="613"/>
      <c r="KDA720" s="613"/>
      <c r="KDB720" s="613"/>
      <c r="KDC720" s="613"/>
      <c r="KDD720" s="613"/>
      <c r="KDE720" s="613"/>
      <c r="KDF720" s="613"/>
      <c r="KDG720" s="613"/>
      <c r="KDH720" s="613"/>
      <c r="KDI720" s="613"/>
      <c r="KDJ720" s="613"/>
      <c r="KDK720" s="613"/>
      <c r="KDL720" s="613"/>
      <c r="KDM720" s="613"/>
      <c r="KDN720" s="613"/>
      <c r="KDO720" s="613"/>
      <c r="KDP720" s="613"/>
      <c r="KDQ720" s="613"/>
      <c r="KDR720" s="613"/>
      <c r="KDS720" s="613"/>
      <c r="KDT720" s="613"/>
      <c r="KDU720" s="613"/>
      <c r="KDV720" s="613"/>
      <c r="KDW720" s="613"/>
      <c r="KDX720" s="613"/>
      <c r="KDY720" s="613"/>
      <c r="KDZ720" s="613"/>
      <c r="KEA720" s="613"/>
      <c r="KEB720" s="613"/>
      <c r="KEC720" s="613"/>
      <c r="KED720" s="613"/>
      <c r="KEE720" s="613"/>
      <c r="KEF720" s="613"/>
      <c r="KEG720" s="613"/>
      <c r="KEH720" s="613"/>
      <c r="KEI720" s="613"/>
      <c r="KEJ720" s="613"/>
      <c r="KEK720" s="613"/>
      <c r="KEL720" s="613"/>
      <c r="KEM720" s="613"/>
      <c r="KEN720" s="613"/>
      <c r="KEO720" s="613"/>
      <c r="KEP720" s="613"/>
      <c r="KEQ720" s="613"/>
      <c r="KER720" s="613"/>
      <c r="KES720" s="613"/>
      <c r="KET720" s="613"/>
      <c r="KEU720" s="613"/>
      <c r="KEV720" s="613"/>
      <c r="KEW720" s="613"/>
      <c r="KEX720" s="613"/>
      <c r="KEY720" s="613"/>
      <c r="KEZ720" s="613"/>
      <c r="KFA720" s="613"/>
      <c r="KFB720" s="613"/>
      <c r="KFC720" s="613"/>
      <c r="KFD720" s="613"/>
      <c r="KFE720" s="613"/>
      <c r="KFF720" s="613"/>
      <c r="KFG720" s="613"/>
      <c r="KFH720" s="613"/>
      <c r="KFI720" s="613"/>
      <c r="KFJ720" s="613"/>
      <c r="KFK720" s="613"/>
      <c r="KFL720" s="613"/>
      <c r="KFM720" s="613"/>
      <c r="KFN720" s="613"/>
      <c r="KFO720" s="613"/>
      <c r="KFP720" s="613"/>
      <c r="KFQ720" s="613"/>
      <c r="KFR720" s="613"/>
      <c r="KFS720" s="613"/>
      <c r="KFT720" s="613"/>
      <c r="KFU720" s="613"/>
      <c r="KFV720" s="613"/>
      <c r="KFW720" s="613"/>
      <c r="KFX720" s="613"/>
      <c r="KFY720" s="613"/>
      <c r="KFZ720" s="613"/>
      <c r="KGA720" s="613"/>
      <c r="KGB720" s="613"/>
      <c r="KGC720" s="613"/>
      <c r="KGD720" s="613"/>
      <c r="KGE720" s="613"/>
      <c r="KGF720" s="613"/>
      <c r="KGG720" s="613"/>
      <c r="KGH720" s="613"/>
      <c r="KGI720" s="613"/>
      <c r="KGJ720" s="613"/>
      <c r="KGK720" s="613"/>
      <c r="KGL720" s="613"/>
      <c r="KGM720" s="613"/>
      <c r="KGN720" s="613"/>
      <c r="KGO720" s="613"/>
      <c r="KGP720" s="613"/>
      <c r="KGQ720" s="613"/>
      <c r="KGR720" s="613"/>
      <c r="KGS720" s="613"/>
      <c r="KGT720" s="613"/>
      <c r="KGU720" s="613"/>
      <c r="KGV720" s="613"/>
      <c r="KGW720" s="613"/>
      <c r="KGX720" s="613"/>
      <c r="KGY720" s="613"/>
      <c r="KGZ720" s="613"/>
      <c r="KHA720" s="613"/>
      <c r="KHB720" s="613"/>
      <c r="KHC720" s="613"/>
      <c r="KHD720" s="613"/>
      <c r="KHE720" s="613"/>
      <c r="KHF720" s="613"/>
      <c r="KHG720" s="613"/>
      <c r="KHH720" s="613"/>
      <c r="KHI720" s="613"/>
      <c r="KHJ720" s="613"/>
      <c r="KHK720" s="613"/>
      <c r="KHL720" s="613"/>
      <c r="KHM720" s="613"/>
      <c r="KHN720" s="613"/>
      <c r="KHO720" s="613"/>
      <c r="KHP720" s="613"/>
      <c r="KHQ720" s="613"/>
      <c r="KHR720" s="613"/>
      <c r="KHS720" s="613"/>
      <c r="KHT720" s="613"/>
      <c r="KHU720" s="613"/>
      <c r="KHV720" s="613"/>
      <c r="KHW720" s="613"/>
      <c r="KHX720" s="613"/>
      <c r="KHY720" s="613"/>
      <c r="KHZ720" s="613"/>
      <c r="KIA720" s="613"/>
      <c r="KIB720" s="613"/>
      <c r="KIC720" s="613"/>
      <c r="KID720" s="613"/>
      <c r="KIE720" s="613"/>
      <c r="KIF720" s="613"/>
      <c r="KIG720" s="613"/>
      <c r="KIH720" s="613"/>
      <c r="KII720" s="613"/>
      <c r="KIJ720" s="613"/>
      <c r="KIK720" s="613"/>
      <c r="KIL720" s="613"/>
      <c r="KIM720" s="613"/>
      <c r="KIN720" s="613"/>
      <c r="KIO720" s="613"/>
      <c r="KIP720" s="613"/>
      <c r="KIQ720" s="613"/>
      <c r="KIR720" s="613"/>
      <c r="KIS720" s="613"/>
      <c r="KIT720" s="613"/>
      <c r="KIU720" s="613"/>
      <c r="KIV720" s="613"/>
      <c r="KIW720" s="613"/>
      <c r="KIX720" s="613"/>
      <c r="KIY720" s="613"/>
      <c r="KIZ720" s="613"/>
      <c r="KJA720" s="613"/>
      <c r="KJB720" s="613"/>
      <c r="KJC720" s="613"/>
      <c r="KJD720" s="613"/>
      <c r="KJE720" s="613"/>
      <c r="KJF720" s="613"/>
      <c r="KJG720" s="613"/>
      <c r="KJH720" s="613"/>
      <c r="KJI720" s="613"/>
      <c r="KJJ720" s="613"/>
      <c r="KJK720" s="613"/>
      <c r="KJL720" s="613"/>
      <c r="KJM720" s="613"/>
      <c r="KJN720" s="613"/>
      <c r="KJO720" s="613"/>
      <c r="KJP720" s="613"/>
      <c r="KJQ720" s="613"/>
      <c r="KJR720" s="613"/>
      <c r="KJS720" s="613"/>
      <c r="KJT720" s="613"/>
      <c r="KJU720" s="613"/>
      <c r="KJV720" s="613"/>
      <c r="KJW720" s="613"/>
      <c r="KJX720" s="613"/>
      <c r="KJY720" s="613"/>
      <c r="KJZ720" s="613"/>
      <c r="KKA720" s="613"/>
      <c r="KKB720" s="613"/>
      <c r="KKC720" s="613"/>
      <c r="KKD720" s="613"/>
      <c r="KKE720" s="613"/>
      <c r="KKF720" s="613"/>
      <c r="KKG720" s="613"/>
      <c r="KKH720" s="613"/>
      <c r="KKI720" s="613"/>
      <c r="KKJ720" s="613"/>
      <c r="KKK720" s="613"/>
      <c r="KKL720" s="613"/>
      <c r="KKM720" s="613"/>
      <c r="KKN720" s="613"/>
      <c r="KKO720" s="613"/>
      <c r="KKP720" s="613"/>
      <c r="KKQ720" s="613"/>
      <c r="KKR720" s="613"/>
      <c r="KKS720" s="613"/>
      <c r="KKT720" s="613"/>
      <c r="KKU720" s="613"/>
      <c r="KKV720" s="613"/>
      <c r="KKW720" s="613"/>
      <c r="KKX720" s="613"/>
      <c r="KKY720" s="613"/>
      <c r="KKZ720" s="613"/>
      <c r="KLA720" s="613"/>
      <c r="KLB720" s="613"/>
      <c r="KLC720" s="613"/>
      <c r="KLD720" s="613"/>
      <c r="KLE720" s="613"/>
      <c r="KLF720" s="613"/>
      <c r="KLG720" s="613"/>
      <c r="KLH720" s="613"/>
      <c r="KLI720" s="613"/>
      <c r="KLJ720" s="613"/>
      <c r="KLK720" s="613"/>
      <c r="KLL720" s="613"/>
      <c r="KLM720" s="613"/>
      <c r="KLN720" s="613"/>
      <c r="KLO720" s="613"/>
      <c r="KLP720" s="613"/>
      <c r="KLQ720" s="613"/>
      <c r="KLR720" s="613"/>
      <c r="KLS720" s="613"/>
      <c r="KLT720" s="613"/>
      <c r="KLU720" s="613"/>
      <c r="KLV720" s="613"/>
      <c r="KLW720" s="613"/>
      <c r="KLX720" s="613"/>
      <c r="KLY720" s="613"/>
      <c r="KLZ720" s="613"/>
      <c r="KMA720" s="613"/>
      <c r="KMB720" s="613"/>
      <c r="KMC720" s="613"/>
      <c r="KMD720" s="613"/>
      <c r="KME720" s="613"/>
      <c r="KMF720" s="613"/>
      <c r="KMG720" s="613"/>
      <c r="KMH720" s="613"/>
      <c r="KMI720" s="613"/>
      <c r="KMJ720" s="613"/>
      <c r="KMK720" s="613"/>
      <c r="KML720" s="613"/>
      <c r="KMM720" s="613"/>
      <c r="KMN720" s="613"/>
      <c r="KMO720" s="613"/>
      <c r="KMP720" s="613"/>
      <c r="KMQ720" s="613"/>
      <c r="KMR720" s="613"/>
      <c r="KMS720" s="613"/>
      <c r="KMT720" s="613"/>
      <c r="KMU720" s="613"/>
      <c r="KMV720" s="613"/>
      <c r="KMW720" s="613"/>
      <c r="KMX720" s="613"/>
      <c r="KMY720" s="613"/>
      <c r="KMZ720" s="613"/>
      <c r="KNA720" s="613"/>
      <c r="KNB720" s="613"/>
      <c r="KNC720" s="613"/>
      <c r="KND720" s="613"/>
      <c r="KNE720" s="613"/>
      <c r="KNF720" s="613"/>
      <c r="KNG720" s="613"/>
      <c r="KNH720" s="613"/>
      <c r="KNI720" s="613"/>
      <c r="KNJ720" s="613"/>
      <c r="KNK720" s="613"/>
      <c r="KNL720" s="613"/>
      <c r="KNM720" s="613"/>
      <c r="KNN720" s="613"/>
      <c r="KNO720" s="613"/>
      <c r="KNP720" s="613"/>
      <c r="KNQ720" s="613"/>
      <c r="KNR720" s="613"/>
      <c r="KNS720" s="613"/>
      <c r="KNT720" s="613"/>
      <c r="KNU720" s="613"/>
      <c r="KNV720" s="613"/>
      <c r="KNW720" s="613"/>
      <c r="KNX720" s="613"/>
      <c r="KNY720" s="613"/>
      <c r="KNZ720" s="613"/>
      <c r="KOA720" s="613"/>
      <c r="KOB720" s="613"/>
      <c r="KOC720" s="613"/>
      <c r="KOD720" s="613"/>
      <c r="KOE720" s="613"/>
      <c r="KOF720" s="613"/>
      <c r="KOG720" s="613"/>
      <c r="KOH720" s="613"/>
      <c r="KOI720" s="613"/>
      <c r="KOJ720" s="613"/>
      <c r="KOK720" s="613"/>
      <c r="KOL720" s="613"/>
      <c r="KOM720" s="613"/>
      <c r="KON720" s="613"/>
      <c r="KOO720" s="613"/>
      <c r="KOP720" s="613"/>
      <c r="KOQ720" s="613"/>
      <c r="KOR720" s="613"/>
      <c r="KOS720" s="613"/>
      <c r="KOT720" s="613"/>
      <c r="KOU720" s="613"/>
      <c r="KOV720" s="613"/>
      <c r="KOW720" s="613"/>
      <c r="KOX720" s="613"/>
      <c r="KOY720" s="613"/>
      <c r="KOZ720" s="613"/>
      <c r="KPA720" s="613"/>
      <c r="KPB720" s="613"/>
      <c r="KPC720" s="613"/>
      <c r="KPD720" s="613"/>
      <c r="KPE720" s="613"/>
      <c r="KPF720" s="613"/>
      <c r="KPG720" s="613"/>
      <c r="KPH720" s="613"/>
      <c r="KPI720" s="613"/>
      <c r="KPJ720" s="613"/>
      <c r="KPK720" s="613"/>
      <c r="KPL720" s="613"/>
      <c r="KPM720" s="613"/>
      <c r="KPN720" s="613"/>
      <c r="KPO720" s="613"/>
      <c r="KPP720" s="613"/>
      <c r="KPQ720" s="613"/>
      <c r="KPR720" s="613"/>
      <c r="KPS720" s="613"/>
      <c r="KPT720" s="613"/>
      <c r="KPU720" s="613"/>
      <c r="KPV720" s="613"/>
      <c r="KPW720" s="613"/>
      <c r="KPX720" s="613"/>
      <c r="KPY720" s="613"/>
      <c r="KPZ720" s="613"/>
      <c r="KQA720" s="613"/>
      <c r="KQB720" s="613"/>
      <c r="KQC720" s="613"/>
      <c r="KQD720" s="613"/>
      <c r="KQE720" s="613"/>
      <c r="KQF720" s="613"/>
      <c r="KQG720" s="613"/>
      <c r="KQH720" s="613"/>
      <c r="KQI720" s="613"/>
      <c r="KQJ720" s="613"/>
      <c r="KQK720" s="613"/>
      <c r="KQL720" s="613"/>
      <c r="KQM720" s="613"/>
      <c r="KQN720" s="613"/>
      <c r="KQO720" s="613"/>
      <c r="KQP720" s="613"/>
      <c r="KQQ720" s="613"/>
      <c r="KQR720" s="613"/>
      <c r="KQS720" s="613"/>
      <c r="KQT720" s="613"/>
      <c r="KQU720" s="613"/>
      <c r="KQV720" s="613"/>
      <c r="KQW720" s="613"/>
      <c r="KQX720" s="613"/>
      <c r="KQY720" s="613"/>
      <c r="KQZ720" s="613"/>
      <c r="KRA720" s="613"/>
      <c r="KRB720" s="613"/>
      <c r="KRC720" s="613"/>
      <c r="KRD720" s="613"/>
      <c r="KRE720" s="613"/>
      <c r="KRF720" s="613"/>
      <c r="KRG720" s="613"/>
      <c r="KRH720" s="613"/>
      <c r="KRI720" s="613"/>
      <c r="KRJ720" s="613"/>
      <c r="KRK720" s="613"/>
      <c r="KRL720" s="613"/>
      <c r="KRM720" s="613"/>
      <c r="KRN720" s="613"/>
      <c r="KRO720" s="613"/>
      <c r="KRP720" s="613"/>
      <c r="KRQ720" s="613"/>
      <c r="KRR720" s="613"/>
      <c r="KRS720" s="613"/>
      <c r="KRT720" s="613"/>
      <c r="KRU720" s="613"/>
      <c r="KRV720" s="613"/>
      <c r="KRW720" s="613"/>
      <c r="KRX720" s="613"/>
      <c r="KRY720" s="613"/>
      <c r="KRZ720" s="613"/>
      <c r="KSA720" s="613"/>
      <c r="KSB720" s="613"/>
      <c r="KSC720" s="613"/>
      <c r="KSD720" s="613"/>
      <c r="KSE720" s="613"/>
      <c r="KSF720" s="613"/>
      <c r="KSG720" s="613"/>
      <c r="KSH720" s="613"/>
      <c r="KSI720" s="613"/>
      <c r="KSJ720" s="613"/>
      <c r="KSK720" s="613"/>
      <c r="KSL720" s="613"/>
      <c r="KSM720" s="613"/>
      <c r="KSN720" s="613"/>
      <c r="KSO720" s="613"/>
      <c r="KSP720" s="613"/>
      <c r="KSQ720" s="613"/>
      <c r="KSR720" s="613"/>
      <c r="KSS720" s="613"/>
      <c r="KST720" s="613"/>
      <c r="KSU720" s="613"/>
      <c r="KSV720" s="613"/>
      <c r="KSW720" s="613"/>
      <c r="KSX720" s="613"/>
      <c r="KSY720" s="613"/>
      <c r="KSZ720" s="613"/>
      <c r="KTA720" s="613"/>
      <c r="KTB720" s="613"/>
      <c r="KTC720" s="613"/>
      <c r="KTD720" s="613"/>
      <c r="KTE720" s="613"/>
      <c r="KTF720" s="613"/>
      <c r="KTG720" s="613"/>
      <c r="KTH720" s="613"/>
      <c r="KTI720" s="613"/>
      <c r="KTJ720" s="613"/>
      <c r="KTK720" s="613"/>
      <c r="KTL720" s="613"/>
      <c r="KTM720" s="613"/>
      <c r="KTN720" s="613"/>
      <c r="KTO720" s="613"/>
      <c r="KTP720" s="613"/>
      <c r="KTQ720" s="613"/>
      <c r="KTR720" s="613"/>
      <c r="KTS720" s="613"/>
      <c r="KTT720" s="613"/>
      <c r="KTU720" s="613"/>
      <c r="KTV720" s="613"/>
      <c r="KTW720" s="613"/>
      <c r="KTX720" s="613"/>
      <c r="KTY720" s="613"/>
      <c r="KTZ720" s="613"/>
      <c r="KUA720" s="613"/>
      <c r="KUB720" s="613"/>
      <c r="KUC720" s="613"/>
      <c r="KUD720" s="613"/>
      <c r="KUE720" s="613"/>
      <c r="KUF720" s="613"/>
      <c r="KUG720" s="613"/>
      <c r="KUH720" s="613"/>
      <c r="KUI720" s="613"/>
      <c r="KUJ720" s="613"/>
      <c r="KUK720" s="613"/>
      <c r="KUL720" s="613"/>
      <c r="KUM720" s="613"/>
      <c r="KUN720" s="613"/>
      <c r="KUO720" s="613"/>
      <c r="KUP720" s="613"/>
      <c r="KUQ720" s="613"/>
      <c r="KUR720" s="613"/>
      <c r="KUS720" s="613"/>
      <c r="KUT720" s="613"/>
      <c r="KUU720" s="613"/>
      <c r="KUV720" s="613"/>
      <c r="KUW720" s="613"/>
      <c r="KUX720" s="613"/>
      <c r="KUY720" s="613"/>
      <c r="KUZ720" s="613"/>
      <c r="KVA720" s="613"/>
      <c r="KVB720" s="613"/>
      <c r="KVC720" s="613"/>
      <c r="KVD720" s="613"/>
      <c r="KVE720" s="613"/>
      <c r="KVF720" s="613"/>
      <c r="KVG720" s="613"/>
      <c r="KVH720" s="613"/>
      <c r="KVI720" s="613"/>
      <c r="KVJ720" s="613"/>
      <c r="KVK720" s="613"/>
      <c r="KVL720" s="613"/>
      <c r="KVM720" s="613"/>
      <c r="KVN720" s="613"/>
      <c r="KVO720" s="613"/>
      <c r="KVP720" s="613"/>
      <c r="KVQ720" s="613"/>
      <c r="KVR720" s="613"/>
      <c r="KVS720" s="613"/>
      <c r="KVT720" s="613"/>
      <c r="KVU720" s="613"/>
      <c r="KVV720" s="613"/>
      <c r="KVW720" s="613"/>
      <c r="KVX720" s="613"/>
      <c r="KVY720" s="613"/>
      <c r="KVZ720" s="613"/>
      <c r="KWA720" s="613"/>
      <c r="KWB720" s="613"/>
      <c r="KWC720" s="613"/>
      <c r="KWD720" s="613"/>
      <c r="KWE720" s="613"/>
      <c r="KWF720" s="613"/>
      <c r="KWG720" s="613"/>
      <c r="KWH720" s="613"/>
      <c r="KWI720" s="613"/>
      <c r="KWJ720" s="613"/>
      <c r="KWK720" s="613"/>
      <c r="KWL720" s="613"/>
      <c r="KWM720" s="613"/>
      <c r="KWN720" s="613"/>
      <c r="KWO720" s="613"/>
      <c r="KWP720" s="613"/>
      <c r="KWQ720" s="613"/>
      <c r="KWR720" s="613"/>
      <c r="KWS720" s="613"/>
      <c r="KWT720" s="613"/>
      <c r="KWU720" s="613"/>
      <c r="KWV720" s="613"/>
      <c r="KWW720" s="613"/>
      <c r="KWX720" s="613"/>
      <c r="KWY720" s="613"/>
      <c r="KWZ720" s="613"/>
      <c r="KXA720" s="613"/>
      <c r="KXB720" s="613"/>
      <c r="KXC720" s="613"/>
      <c r="KXD720" s="613"/>
      <c r="KXE720" s="613"/>
      <c r="KXF720" s="613"/>
      <c r="KXG720" s="613"/>
      <c r="KXH720" s="613"/>
      <c r="KXI720" s="613"/>
      <c r="KXJ720" s="613"/>
      <c r="KXK720" s="613"/>
      <c r="KXL720" s="613"/>
      <c r="KXM720" s="613"/>
      <c r="KXN720" s="613"/>
      <c r="KXO720" s="613"/>
      <c r="KXP720" s="613"/>
      <c r="KXQ720" s="613"/>
      <c r="KXR720" s="613"/>
      <c r="KXS720" s="613"/>
      <c r="KXT720" s="613"/>
      <c r="KXU720" s="613"/>
      <c r="KXV720" s="613"/>
      <c r="KXW720" s="613"/>
      <c r="KXX720" s="613"/>
      <c r="KXY720" s="613"/>
      <c r="KXZ720" s="613"/>
      <c r="KYA720" s="613"/>
      <c r="KYB720" s="613"/>
      <c r="KYC720" s="613"/>
      <c r="KYD720" s="613"/>
      <c r="KYE720" s="613"/>
      <c r="KYF720" s="613"/>
      <c r="KYG720" s="613"/>
      <c r="KYH720" s="613"/>
      <c r="KYI720" s="613"/>
      <c r="KYJ720" s="613"/>
      <c r="KYK720" s="613"/>
      <c r="KYL720" s="613"/>
      <c r="KYM720" s="613"/>
      <c r="KYN720" s="613"/>
      <c r="KYO720" s="613"/>
      <c r="KYP720" s="613"/>
      <c r="KYQ720" s="613"/>
      <c r="KYR720" s="613"/>
      <c r="KYS720" s="613"/>
      <c r="KYT720" s="613"/>
      <c r="KYU720" s="613"/>
      <c r="KYV720" s="613"/>
      <c r="KYW720" s="613"/>
      <c r="KYX720" s="613"/>
      <c r="KYY720" s="613"/>
      <c r="KYZ720" s="613"/>
      <c r="KZA720" s="613"/>
      <c r="KZB720" s="613"/>
      <c r="KZC720" s="613"/>
      <c r="KZD720" s="613"/>
      <c r="KZE720" s="613"/>
      <c r="KZF720" s="613"/>
      <c r="KZG720" s="613"/>
      <c r="KZH720" s="613"/>
      <c r="KZI720" s="613"/>
      <c r="KZJ720" s="613"/>
      <c r="KZK720" s="613"/>
      <c r="KZL720" s="613"/>
      <c r="KZM720" s="613"/>
      <c r="KZN720" s="613"/>
      <c r="KZO720" s="613"/>
      <c r="KZP720" s="613"/>
      <c r="KZQ720" s="613"/>
      <c r="KZR720" s="613"/>
      <c r="KZS720" s="613"/>
      <c r="KZT720" s="613"/>
      <c r="KZU720" s="613"/>
      <c r="KZV720" s="613"/>
      <c r="KZW720" s="613"/>
      <c r="KZX720" s="613"/>
      <c r="KZY720" s="613"/>
      <c r="KZZ720" s="613"/>
      <c r="LAA720" s="613"/>
      <c r="LAB720" s="613"/>
      <c r="LAC720" s="613"/>
      <c r="LAD720" s="613"/>
      <c r="LAE720" s="613"/>
      <c r="LAF720" s="613"/>
      <c r="LAG720" s="613"/>
      <c r="LAH720" s="613"/>
      <c r="LAI720" s="613"/>
      <c r="LAJ720" s="613"/>
      <c r="LAK720" s="613"/>
      <c r="LAL720" s="613"/>
      <c r="LAM720" s="613"/>
      <c r="LAN720" s="613"/>
      <c r="LAO720" s="613"/>
      <c r="LAP720" s="613"/>
      <c r="LAQ720" s="613"/>
      <c r="LAR720" s="613"/>
      <c r="LAS720" s="613"/>
      <c r="LAT720" s="613"/>
      <c r="LAU720" s="613"/>
      <c r="LAV720" s="613"/>
      <c r="LAW720" s="613"/>
      <c r="LAX720" s="613"/>
      <c r="LAY720" s="613"/>
      <c r="LAZ720" s="613"/>
      <c r="LBA720" s="613"/>
      <c r="LBB720" s="613"/>
      <c r="LBC720" s="613"/>
      <c r="LBD720" s="613"/>
      <c r="LBE720" s="613"/>
      <c r="LBF720" s="613"/>
      <c r="LBG720" s="613"/>
      <c r="LBH720" s="613"/>
      <c r="LBI720" s="613"/>
      <c r="LBJ720" s="613"/>
      <c r="LBK720" s="613"/>
      <c r="LBL720" s="613"/>
      <c r="LBM720" s="613"/>
      <c r="LBN720" s="613"/>
      <c r="LBO720" s="613"/>
      <c r="LBP720" s="613"/>
      <c r="LBQ720" s="613"/>
      <c r="LBR720" s="613"/>
      <c r="LBS720" s="613"/>
      <c r="LBT720" s="613"/>
      <c r="LBU720" s="613"/>
      <c r="LBV720" s="613"/>
      <c r="LBW720" s="613"/>
      <c r="LBX720" s="613"/>
      <c r="LBY720" s="613"/>
      <c r="LBZ720" s="613"/>
      <c r="LCA720" s="613"/>
      <c r="LCB720" s="613"/>
      <c r="LCC720" s="613"/>
      <c r="LCD720" s="613"/>
      <c r="LCE720" s="613"/>
      <c r="LCF720" s="613"/>
      <c r="LCG720" s="613"/>
      <c r="LCH720" s="613"/>
      <c r="LCI720" s="613"/>
      <c r="LCJ720" s="613"/>
      <c r="LCK720" s="613"/>
      <c r="LCL720" s="613"/>
      <c r="LCM720" s="613"/>
      <c r="LCN720" s="613"/>
      <c r="LCO720" s="613"/>
      <c r="LCP720" s="613"/>
      <c r="LCQ720" s="613"/>
      <c r="LCR720" s="613"/>
      <c r="LCS720" s="613"/>
      <c r="LCT720" s="613"/>
      <c r="LCU720" s="613"/>
      <c r="LCV720" s="613"/>
      <c r="LCW720" s="613"/>
      <c r="LCX720" s="613"/>
      <c r="LCY720" s="613"/>
      <c r="LCZ720" s="613"/>
      <c r="LDA720" s="613"/>
      <c r="LDB720" s="613"/>
      <c r="LDC720" s="613"/>
      <c r="LDD720" s="613"/>
      <c r="LDE720" s="613"/>
      <c r="LDF720" s="613"/>
      <c r="LDG720" s="613"/>
      <c r="LDH720" s="613"/>
      <c r="LDI720" s="613"/>
      <c r="LDJ720" s="613"/>
      <c r="LDK720" s="613"/>
      <c r="LDL720" s="613"/>
      <c r="LDM720" s="613"/>
      <c r="LDN720" s="613"/>
      <c r="LDO720" s="613"/>
      <c r="LDP720" s="613"/>
      <c r="LDQ720" s="613"/>
      <c r="LDR720" s="613"/>
      <c r="LDS720" s="613"/>
      <c r="LDT720" s="613"/>
      <c r="LDU720" s="613"/>
      <c r="LDV720" s="613"/>
      <c r="LDW720" s="613"/>
      <c r="LDX720" s="613"/>
      <c r="LDY720" s="613"/>
      <c r="LDZ720" s="613"/>
      <c r="LEA720" s="613"/>
      <c r="LEB720" s="613"/>
      <c r="LEC720" s="613"/>
      <c r="LED720" s="613"/>
      <c r="LEE720" s="613"/>
      <c r="LEF720" s="613"/>
      <c r="LEG720" s="613"/>
      <c r="LEH720" s="613"/>
      <c r="LEI720" s="613"/>
      <c r="LEJ720" s="613"/>
      <c r="LEK720" s="613"/>
      <c r="LEL720" s="613"/>
      <c r="LEM720" s="613"/>
      <c r="LEN720" s="613"/>
      <c r="LEO720" s="613"/>
      <c r="LEP720" s="613"/>
      <c r="LEQ720" s="613"/>
      <c r="LER720" s="613"/>
      <c r="LES720" s="613"/>
      <c r="LET720" s="613"/>
      <c r="LEU720" s="613"/>
      <c r="LEV720" s="613"/>
      <c r="LEW720" s="613"/>
      <c r="LEX720" s="613"/>
      <c r="LEY720" s="613"/>
      <c r="LEZ720" s="613"/>
      <c r="LFA720" s="613"/>
      <c r="LFB720" s="613"/>
      <c r="LFC720" s="613"/>
      <c r="LFD720" s="613"/>
      <c r="LFE720" s="613"/>
      <c r="LFF720" s="613"/>
      <c r="LFG720" s="613"/>
      <c r="LFH720" s="613"/>
      <c r="LFI720" s="613"/>
      <c r="LFJ720" s="613"/>
      <c r="LFK720" s="613"/>
      <c r="LFL720" s="613"/>
      <c r="LFM720" s="613"/>
      <c r="LFN720" s="613"/>
      <c r="LFO720" s="613"/>
      <c r="LFP720" s="613"/>
      <c r="LFQ720" s="613"/>
      <c r="LFR720" s="613"/>
      <c r="LFS720" s="613"/>
      <c r="LFT720" s="613"/>
      <c r="LFU720" s="613"/>
      <c r="LFV720" s="613"/>
      <c r="LFW720" s="613"/>
      <c r="LFX720" s="613"/>
      <c r="LFY720" s="613"/>
      <c r="LFZ720" s="613"/>
      <c r="LGA720" s="613"/>
      <c r="LGB720" s="613"/>
      <c r="LGC720" s="613"/>
      <c r="LGD720" s="613"/>
      <c r="LGE720" s="613"/>
      <c r="LGF720" s="613"/>
      <c r="LGG720" s="613"/>
      <c r="LGH720" s="613"/>
      <c r="LGI720" s="613"/>
      <c r="LGJ720" s="613"/>
      <c r="LGK720" s="613"/>
      <c r="LGL720" s="613"/>
      <c r="LGM720" s="613"/>
      <c r="LGN720" s="613"/>
      <c r="LGO720" s="613"/>
      <c r="LGP720" s="613"/>
      <c r="LGQ720" s="613"/>
      <c r="LGR720" s="613"/>
      <c r="LGS720" s="613"/>
      <c r="LGT720" s="613"/>
      <c r="LGU720" s="613"/>
      <c r="LGV720" s="613"/>
      <c r="LGW720" s="613"/>
      <c r="LGX720" s="613"/>
      <c r="LGY720" s="613"/>
      <c r="LGZ720" s="613"/>
      <c r="LHA720" s="613"/>
      <c r="LHB720" s="613"/>
      <c r="LHC720" s="613"/>
      <c r="LHD720" s="613"/>
      <c r="LHE720" s="613"/>
      <c r="LHF720" s="613"/>
      <c r="LHG720" s="613"/>
      <c r="LHH720" s="613"/>
      <c r="LHI720" s="613"/>
      <c r="LHJ720" s="613"/>
      <c r="LHK720" s="613"/>
      <c r="LHL720" s="613"/>
      <c r="LHM720" s="613"/>
      <c r="LHN720" s="613"/>
      <c r="LHO720" s="613"/>
      <c r="LHP720" s="613"/>
      <c r="LHQ720" s="613"/>
      <c r="LHR720" s="613"/>
      <c r="LHS720" s="613"/>
      <c r="LHT720" s="613"/>
      <c r="LHU720" s="613"/>
      <c r="LHV720" s="613"/>
      <c r="LHW720" s="613"/>
      <c r="LHX720" s="613"/>
      <c r="LHY720" s="613"/>
      <c r="LHZ720" s="613"/>
      <c r="LIA720" s="613"/>
      <c r="LIB720" s="613"/>
      <c r="LIC720" s="613"/>
      <c r="LID720" s="613"/>
      <c r="LIE720" s="613"/>
      <c r="LIF720" s="613"/>
      <c r="LIG720" s="613"/>
      <c r="LIH720" s="613"/>
      <c r="LII720" s="613"/>
      <c r="LIJ720" s="613"/>
      <c r="LIK720" s="613"/>
      <c r="LIL720" s="613"/>
      <c r="LIM720" s="613"/>
      <c r="LIN720" s="613"/>
      <c r="LIO720" s="613"/>
      <c r="LIP720" s="613"/>
      <c r="LIQ720" s="613"/>
      <c r="LIR720" s="613"/>
      <c r="LIS720" s="613"/>
      <c r="LIT720" s="613"/>
      <c r="LIU720" s="613"/>
      <c r="LIV720" s="613"/>
      <c r="LIW720" s="613"/>
      <c r="LIX720" s="613"/>
      <c r="LIY720" s="613"/>
      <c r="LIZ720" s="613"/>
      <c r="LJA720" s="613"/>
      <c r="LJB720" s="613"/>
      <c r="LJC720" s="613"/>
      <c r="LJD720" s="613"/>
      <c r="LJE720" s="613"/>
      <c r="LJF720" s="613"/>
      <c r="LJG720" s="613"/>
      <c r="LJH720" s="613"/>
      <c r="LJI720" s="613"/>
      <c r="LJJ720" s="613"/>
      <c r="LJK720" s="613"/>
      <c r="LJL720" s="613"/>
      <c r="LJM720" s="613"/>
      <c r="LJN720" s="613"/>
      <c r="LJO720" s="613"/>
      <c r="LJP720" s="613"/>
      <c r="LJQ720" s="613"/>
      <c r="LJR720" s="613"/>
      <c r="LJS720" s="613"/>
      <c r="LJT720" s="613"/>
      <c r="LJU720" s="613"/>
      <c r="LJV720" s="613"/>
      <c r="LJW720" s="613"/>
      <c r="LJX720" s="613"/>
      <c r="LJY720" s="613"/>
      <c r="LJZ720" s="613"/>
      <c r="LKA720" s="613"/>
      <c r="LKB720" s="613"/>
      <c r="LKC720" s="613"/>
      <c r="LKD720" s="613"/>
      <c r="LKE720" s="613"/>
      <c r="LKF720" s="613"/>
      <c r="LKG720" s="613"/>
      <c r="LKH720" s="613"/>
      <c r="LKI720" s="613"/>
      <c r="LKJ720" s="613"/>
      <c r="LKK720" s="613"/>
      <c r="LKL720" s="613"/>
      <c r="LKM720" s="613"/>
      <c r="LKN720" s="613"/>
      <c r="LKO720" s="613"/>
      <c r="LKP720" s="613"/>
      <c r="LKQ720" s="613"/>
      <c r="LKR720" s="613"/>
      <c r="LKS720" s="613"/>
      <c r="LKT720" s="613"/>
      <c r="LKU720" s="613"/>
      <c r="LKV720" s="613"/>
      <c r="LKW720" s="613"/>
      <c r="LKX720" s="613"/>
      <c r="LKY720" s="613"/>
      <c r="LKZ720" s="613"/>
      <c r="LLA720" s="613"/>
      <c r="LLB720" s="613"/>
      <c r="LLC720" s="613"/>
      <c r="LLD720" s="613"/>
      <c r="LLE720" s="613"/>
      <c r="LLF720" s="613"/>
      <c r="LLG720" s="613"/>
      <c r="LLH720" s="613"/>
      <c r="LLI720" s="613"/>
      <c r="LLJ720" s="613"/>
      <c r="LLK720" s="613"/>
      <c r="LLL720" s="613"/>
      <c r="LLM720" s="613"/>
      <c r="LLN720" s="613"/>
      <c r="LLO720" s="613"/>
      <c r="LLP720" s="613"/>
      <c r="LLQ720" s="613"/>
      <c r="LLR720" s="613"/>
      <c r="LLS720" s="613"/>
      <c r="LLT720" s="613"/>
      <c r="LLU720" s="613"/>
      <c r="LLV720" s="613"/>
      <c r="LLW720" s="613"/>
      <c r="LLX720" s="613"/>
      <c r="LLY720" s="613"/>
      <c r="LLZ720" s="613"/>
      <c r="LMA720" s="613"/>
      <c r="LMB720" s="613"/>
      <c r="LMC720" s="613"/>
      <c r="LMD720" s="613"/>
      <c r="LME720" s="613"/>
      <c r="LMF720" s="613"/>
      <c r="LMG720" s="613"/>
      <c r="LMH720" s="613"/>
      <c r="LMI720" s="613"/>
      <c r="LMJ720" s="613"/>
      <c r="LMK720" s="613"/>
      <c r="LML720" s="613"/>
      <c r="LMM720" s="613"/>
      <c r="LMN720" s="613"/>
      <c r="LMO720" s="613"/>
      <c r="LMP720" s="613"/>
      <c r="LMQ720" s="613"/>
      <c r="LMR720" s="613"/>
      <c r="LMS720" s="613"/>
      <c r="LMT720" s="613"/>
      <c r="LMU720" s="613"/>
      <c r="LMV720" s="613"/>
      <c r="LMW720" s="613"/>
      <c r="LMX720" s="613"/>
      <c r="LMY720" s="613"/>
      <c r="LMZ720" s="613"/>
      <c r="LNA720" s="613"/>
      <c r="LNB720" s="613"/>
      <c r="LNC720" s="613"/>
      <c r="LND720" s="613"/>
      <c r="LNE720" s="613"/>
      <c r="LNF720" s="613"/>
      <c r="LNG720" s="613"/>
      <c r="LNH720" s="613"/>
      <c r="LNI720" s="613"/>
      <c r="LNJ720" s="613"/>
      <c r="LNK720" s="613"/>
      <c r="LNL720" s="613"/>
      <c r="LNM720" s="613"/>
      <c r="LNN720" s="613"/>
      <c r="LNO720" s="613"/>
      <c r="LNP720" s="613"/>
      <c r="LNQ720" s="613"/>
      <c r="LNR720" s="613"/>
      <c r="LNS720" s="613"/>
      <c r="LNT720" s="613"/>
      <c r="LNU720" s="613"/>
      <c r="LNV720" s="613"/>
      <c r="LNW720" s="613"/>
      <c r="LNX720" s="613"/>
      <c r="LNY720" s="613"/>
      <c r="LNZ720" s="613"/>
      <c r="LOA720" s="613"/>
      <c r="LOB720" s="613"/>
      <c r="LOC720" s="613"/>
      <c r="LOD720" s="613"/>
      <c r="LOE720" s="613"/>
      <c r="LOF720" s="613"/>
      <c r="LOG720" s="613"/>
      <c r="LOH720" s="613"/>
      <c r="LOI720" s="613"/>
      <c r="LOJ720" s="613"/>
      <c r="LOK720" s="613"/>
      <c r="LOL720" s="613"/>
      <c r="LOM720" s="613"/>
      <c r="LON720" s="613"/>
      <c r="LOO720" s="613"/>
      <c r="LOP720" s="613"/>
      <c r="LOQ720" s="613"/>
      <c r="LOR720" s="613"/>
      <c r="LOS720" s="613"/>
      <c r="LOT720" s="613"/>
      <c r="LOU720" s="613"/>
      <c r="LOV720" s="613"/>
      <c r="LOW720" s="613"/>
      <c r="LOX720" s="613"/>
      <c r="LOY720" s="613"/>
      <c r="LOZ720" s="613"/>
      <c r="LPA720" s="613"/>
      <c r="LPB720" s="613"/>
      <c r="LPC720" s="613"/>
      <c r="LPD720" s="613"/>
      <c r="LPE720" s="613"/>
      <c r="LPF720" s="613"/>
      <c r="LPG720" s="613"/>
      <c r="LPH720" s="613"/>
      <c r="LPI720" s="613"/>
      <c r="LPJ720" s="613"/>
      <c r="LPK720" s="613"/>
      <c r="LPL720" s="613"/>
      <c r="LPM720" s="613"/>
      <c r="LPN720" s="613"/>
      <c r="LPO720" s="613"/>
      <c r="LPP720" s="613"/>
      <c r="LPQ720" s="613"/>
      <c r="LPR720" s="613"/>
      <c r="LPS720" s="613"/>
      <c r="LPT720" s="613"/>
      <c r="LPU720" s="613"/>
      <c r="LPV720" s="613"/>
      <c r="LPW720" s="613"/>
      <c r="LPX720" s="613"/>
      <c r="LPY720" s="613"/>
      <c r="LPZ720" s="613"/>
      <c r="LQA720" s="613"/>
      <c r="LQB720" s="613"/>
      <c r="LQC720" s="613"/>
      <c r="LQD720" s="613"/>
      <c r="LQE720" s="613"/>
      <c r="LQF720" s="613"/>
      <c r="LQG720" s="613"/>
      <c r="LQH720" s="613"/>
      <c r="LQI720" s="613"/>
      <c r="LQJ720" s="613"/>
      <c r="LQK720" s="613"/>
      <c r="LQL720" s="613"/>
      <c r="LQM720" s="613"/>
      <c r="LQN720" s="613"/>
      <c r="LQO720" s="613"/>
      <c r="LQP720" s="613"/>
      <c r="LQQ720" s="613"/>
      <c r="LQR720" s="613"/>
      <c r="LQS720" s="613"/>
      <c r="LQT720" s="613"/>
      <c r="LQU720" s="613"/>
      <c r="LQV720" s="613"/>
      <c r="LQW720" s="613"/>
      <c r="LQX720" s="613"/>
      <c r="LQY720" s="613"/>
      <c r="LQZ720" s="613"/>
      <c r="LRA720" s="613"/>
      <c r="LRB720" s="613"/>
      <c r="LRC720" s="613"/>
      <c r="LRD720" s="613"/>
      <c r="LRE720" s="613"/>
      <c r="LRF720" s="613"/>
      <c r="LRG720" s="613"/>
      <c r="LRH720" s="613"/>
      <c r="LRI720" s="613"/>
      <c r="LRJ720" s="613"/>
      <c r="LRK720" s="613"/>
      <c r="LRL720" s="613"/>
      <c r="LRM720" s="613"/>
      <c r="LRN720" s="613"/>
      <c r="LRO720" s="613"/>
      <c r="LRP720" s="613"/>
      <c r="LRQ720" s="613"/>
      <c r="LRR720" s="613"/>
      <c r="LRS720" s="613"/>
      <c r="LRT720" s="613"/>
      <c r="LRU720" s="613"/>
      <c r="LRV720" s="613"/>
      <c r="LRW720" s="613"/>
      <c r="LRX720" s="613"/>
      <c r="LRY720" s="613"/>
      <c r="LRZ720" s="613"/>
      <c r="LSA720" s="613"/>
      <c r="LSB720" s="613"/>
      <c r="LSC720" s="613"/>
      <c r="LSD720" s="613"/>
      <c r="LSE720" s="613"/>
      <c r="LSF720" s="613"/>
      <c r="LSG720" s="613"/>
      <c r="LSH720" s="613"/>
      <c r="LSI720" s="613"/>
      <c r="LSJ720" s="613"/>
      <c r="LSK720" s="613"/>
      <c r="LSL720" s="613"/>
      <c r="LSM720" s="613"/>
      <c r="LSN720" s="613"/>
      <c r="LSO720" s="613"/>
      <c r="LSP720" s="613"/>
      <c r="LSQ720" s="613"/>
      <c r="LSR720" s="613"/>
      <c r="LSS720" s="613"/>
      <c r="LST720" s="613"/>
      <c r="LSU720" s="613"/>
      <c r="LSV720" s="613"/>
      <c r="LSW720" s="613"/>
      <c r="LSX720" s="613"/>
      <c r="LSY720" s="613"/>
      <c r="LSZ720" s="613"/>
      <c r="LTA720" s="613"/>
      <c r="LTB720" s="613"/>
      <c r="LTC720" s="613"/>
      <c r="LTD720" s="613"/>
      <c r="LTE720" s="613"/>
      <c r="LTF720" s="613"/>
      <c r="LTG720" s="613"/>
      <c r="LTH720" s="613"/>
      <c r="LTI720" s="613"/>
      <c r="LTJ720" s="613"/>
      <c r="LTK720" s="613"/>
      <c r="LTL720" s="613"/>
      <c r="LTM720" s="613"/>
      <c r="LTN720" s="613"/>
      <c r="LTO720" s="613"/>
      <c r="LTP720" s="613"/>
      <c r="LTQ720" s="613"/>
      <c r="LTR720" s="613"/>
      <c r="LTS720" s="613"/>
      <c r="LTT720" s="613"/>
      <c r="LTU720" s="613"/>
      <c r="LTV720" s="613"/>
      <c r="LTW720" s="613"/>
      <c r="LTX720" s="613"/>
      <c r="LTY720" s="613"/>
      <c r="LTZ720" s="613"/>
      <c r="LUA720" s="613"/>
      <c r="LUB720" s="613"/>
      <c r="LUC720" s="613"/>
      <c r="LUD720" s="613"/>
      <c r="LUE720" s="613"/>
      <c r="LUF720" s="613"/>
      <c r="LUG720" s="613"/>
      <c r="LUH720" s="613"/>
      <c r="LUI720" s="613"/>
      <c r="LUJ720" s="613"/>
      <c r="LUK720" s="613"/>
      <c r="LUL720" s="613"/>
      <c r="LUM720" s="613"/>
      <c r="LUN720" s="613"/>
      <c r="LUO720" s="613"/>
      <c r="LUP720" s="613"/>
      <c r="LUQ720" s="613"/>
      <c r="LUR720" s="613"/>
      <c r="LUS720" s="613"/>
      <c r="LUT720" s="613"/>
      <c r="LUU720" s="613"/>
      <c r="LUV720" s="613"/>
      <c r="LUW720" s="613"/>
      <c r="LUX720" s="613"/>
      <c r="LUY720" s="613"/>
      <c r="LUZ720" s="613"/>
      <c r="LVA720" s="613"/>
      <c r="LVB720" s="613"/>
      <c r="LVC720" s="613"/>
      <c r="LVD720" s="613"/>
      <c r="LVE720" s="613"/>
      <c r="LVF720" s="613"/>
      <c r="LVG720" s="613"/>
      <c r="LVH720" s="613"/>
      <c r="LVI720" s="613"/>
      <c r="LVJ720" s="613"/>
      <c r="LVK720" s="613"/>
      <c r="LVL720" s="613"/>
      <c r="LVM720" s="613"/>
      <c r="LVN720" s="613"/>
      <c r="LVO720" s="613"/>
      <c r="LVP720" s="613"/>
      <c r="LVQ720" s="613"/>
      <c r="LVR720" s="613"/>
      <c r="LVS720" s="613"/>
      <c r="LVT720" s="613"/>
      <c r="LVU720" s="613"/>
      <c r="LVV720" s="613"/>
      <c r="LVW720" s="613"/>
      <c r="LVX720" s="613"/>
      <c r="LVY720" s="613"/>
      <c r="LVZ720" s="613"/>
      <c r="LWA720" s="613"/>
      <c r="LWB720" s="613"/>
      <c r="LWC720" s="613"/>
      <c r="LWD720" s="613"/>
      <c r="LWE720" s="613"/>
      <c r="LWF720" s="613"/>
      <c r="LWG720" s="613"/>
      <c r="LWH720" s="613"/>
      <c r="LWI720" s="613"/>
      <c r="LWJ720" s="613"/>
      <c r="LWK720" s="613"/>
      <c r="LWL720" s="613"/>
      <c r="LWM720" s="613"/>
      <c r="LWN720" s="613"/>
      <c r="LWO720" s="613"/>
      <c r="LWP720" s="613"/>
      <c r="LWQ720" s="613"/>
      <c r="LWR720" s="613"/>
      <c r="LWS720" s="613"/>
      <c r="LWT720" s="613"/>
      <c r="LWU720" s="613"/>
      <c r="LWV720" s="613"/>
      <c r="LWW720" s="613"/>
      <c r="LWX720" s="613"/>
      <c r="LWY720" s="613"/>
      <c r="LWZ720" s="613"/>
      <c r="LXA720" s="613"/>
      <c r="LXB720" s="613"/>
      <c r="LXC720" s="613"/>
      <c r="LXD720" s="613"/>
      <c r="LXE720" s="613"/>
      <c r="LXF720" s="613"/>
      <c r="LXG720" s="613"/>
      <c r="LXH720" s="613"/>
      <c r="LXI720" s="613"/>
      <c r="LXJ720" s="613"/>
      <c r="LXK720" s="613"/>
      <c r="LXL720" s="613"/>
      <c r="LXM720" s="613"/>
      <c r="LXN720" s="613"/>
      <c r="LXO720" s="613"/>
      <c r="LXP720" s="613"/>
      <c r="LXQ720" s="613"/>
      <c r="LXR720" s="613"/>
      <c r="LXS720" s="613"/>
      <c r="LXT720" s="613"/>
      <c r="LXU720" s="613"/>
      <c r="LXV720" s="613"/>
      <c r="LXW720" s="613"/>
      <c r="LXX720" s="613"/>
      <c r="LXY720" s="613"/>
      <c r="LXZ720" s="613"/>
      <c r="LYA720" s="613"/>
      <c r="LYB720" s="613"/>
      <c r="LYC720" s="613"/>
      <c r="LYD720" s="613"/>
      <c r="LYE720" s="613"/>
      <c r="LYF720" s="613"/>
      <c r="LYG720" s="613"/>
      <c r="LYH720" s="613"/>
      <c r="LYI720" s="613"/>
      <c r="LYJ720" s="613"/>
      <c r="LYK720" s="613"/>
      <c r="LYL720" s="613"/>
      <c r="LYM720" s="613"/>
      <c r="LYN720" s="613"/>
      <c r="LYO720" s="613"/>
      <c r="LYP720" s="613"/>
      <c r="LYQ720" s="613"/>
      <c r="LYR720" s="613"/>
      <c r="LYS720" s="613"/>
      <c r="LYT720" s="613"/>
      <c r="LYU720" s="613"/>
      <c r="LYV720" s="613"/>
      <c r="LYW720" s="613"/>
      <c r="LYX720" s="613"/>
      <c r="LYY720" s="613"/>
      <c r="LYZ720" s="613"/>
      <c r="LZA720" s="613"/>
      <c r="LZB720" s="613"/>
      <c r="LZC720" s="613"/>
      <c r="LZD720" s="613"/>
      <c r="LZE720" s="613"/>
      <c r="LZF720" s="613"/>
      <c r="LZG720" s="613"/>
      <c r="LZH720" s="613"/>
      <c r="LZI720" s="613"/>
      <c r="LZJ720" s="613"/>
      <c r="LZK720" s="613"/>
      <c r="LZL720" s="613"/>
      <c r="LZM720" s="613"/>
      <c r="LZN720" s="613"/>
      <c r="LZO720" s="613"/>
      <c r="LZP720" s="613"/>
      <c r="LZQ720" s="613"/>
      <c r="LZR720" s="613"/>
      <c r="LZS720" s="613"/>
      <c r="LZT720" s="613"/>
      <c r="LZU720" s="613"/>
      <c r="LZV720" s="613"/>
      <c r="LZW720" s="613"/>
      <c r="LZX720" s="613"/>
      <c r="LZY720" s="613"/>
      <c r="LZZ720" s="613"/>
      <c r="MAA720" s="613"/>
      <c r="MAB720" s="613"/>
      <c r="MAC720" s="613"/>
      <c r="MAD720" s="613"/>
      <c r="MAE720" s="613"/>
      <c r="MAF720" s="613"/>
      <c r="MAG720" s="613"/>
      <c r="MAH720" s="613"/>
      <c r="MAI720" s="613"/>
      <c r="MAJ720" s="613"/>
      <c r="MAK720" s="613"/>
      <c r="MAL720" s="613"/>
      <c r="MAM720" s="613"/>
      <c r="MAN720" s="613"/>
      <c r="MAO720" s="613"/>
      <c r="MAP720" s="613"/>
      <c r="MAQ720" s="613"/>
      <c r="MAR720" s="613"/>
      <c r="MAS720" s="613"/>
      <c r="MAT720" s="613"/>
      <c r="MAU720" s="613"/>
      <c r="MAV720" s="613"/>
      <c r="MAW720" s="613"/>
      <c r="MAX720" s="613"/>
      <c r="MAY720" s="613"/>
      <c r="MAZ720" s="613"/>
      <c r="MBA720" s="613"/>
      <c r="MBB720" s="613"/>
      <c r="MBC720" s="613"/>
      <c r="MBD720" s="613"/>
      <c r="MBE720" s="613"/>
      <c r="MBF720" s="613"/>
      <c r="MBG720" s="613"/>
      <c r="MBH720" s="613"/>
      <c r="MBI720" s="613"/>
      <c r="MBJ720" s="613"/>
      <c r="MBK720" s="613"/>
      <c r="MBL720" s="613"/>
      <c r="MBM720" s="613"/>
      <c r="MBN720" s="613"/>
      <c r="MBO720" s="613"/>
      <c r="MBP720" s="613"/>
      <c r="MBQ720" s="613"/>
      <c r="MBR720" s="613"/>
      <c r="MBS720" s="613"/>
      <c r="MBT720" s="613"/>
      <c r="MBU720" s="613"/>
      <c r="MBV720" s="613"/>
      <c r="MBW720" s="613"/>
      <c r="MBX720" s="613"/>
      <c r="MBY720" s="613"/>
      <c r="MBZ720" s="613"/>
      <c r="MCA720" s="613"/>
      <c r="MCB720" s="613"/>
      <c r="MCC720" s="613"/>
      <c r="MCD720" s="613"/>
      <c r="MCE720" s="613"/>
      <c r="MCF720" s="613"/>
      <c r="MCG720" s="613"/>
      <c r="MCH720" s="613"/>
      <c r="MCI720" s="613"/>
      <c r="MCJ720" s="613"/>
      <c r="MCK720" s="613"/>
      <c r="MCL720" s="613"/>
      <c r="MCM720" s="613"/>
      <c r="MCN720" s="613"/>
      <c r="MCO720" s="613"/>
      <c r="MCP720" s="613"/>
      <c r="MCQ720" s="613"/>
      <c r="MCR720" s="613"/>
      <c r="MCS720" s="613"/>
      <c r="MCT720" s="613"/>
      <c r="MCU720" s="613"/>
      <c r="MCV720" s="613"/>
      <c r="MCW720" s="613"/>
      <c r="MCX720" s="613"/>
      <c r="MCY720" s="613"/>
      <c r="MCZ720" s="613"/>
      <c r="MDA720" s="613"/>
      <c r="MDB720" s="613"/>
      <c r="MDC720" s="613"/>
      <c r="MDD720" s="613"/>
      <c r="MDE720" s="613"/>
      <c r="MDF720" s="613"/>
      <c r="MDG720" s="613"/>
      <c r="MDH720" s="613"/>
      <c r="MDI720" s="613"/>
      <c r="MDJ720" s="613"/>
      <c r="MDK720" s="613"/>
      <c r="MDL720" s="613"/>
      <c r="MDM720" s="613"/>
      <c r="MDN720" s="613"/>
      <c r="MDO720" s="613"/>
      <c r="MDP720" s="613"/>
      <c r="MDQ720" s="613"/>
      <c r="MDR720" s="613"/>
      <c r="MDS720" s="613"/>
      <c r="MDT720" s="613"/>
      <c r="MDU720" s="613"/>
      <c r="MDV720" s="613"/>
      <c r="MDW720" s="613"/>
      <c r="MDX720" s="613"/>
      <c r="MDY720" s="613"/>
      <c r="MDZ720" s="613"/>
      <c r="MEA720" s="613"/>
      <c r="MEB720" s="613"/>
      <c r="MEC720" s="613"/>
      <c r="MED720" s="613"/>
      <c r="MEE720" s="613"/>
      <c r="MEF720" s="613"/>
      <c r="MEG720" s="613"/>
      <c r="MEH720" s="613"/>
      <c r="MEI720" s="613"/>
      <c r="MEJ720" s="613"/>
      <c r="MEK720" s="613"/>
      <c r="MEL720" s="613"/>
      <c r="MEM720" s="613"/>
      <c r="MEN720" s="613"/>
      <c r="MEO720" s="613"/>
      <c r="MEP720" s="613"/>
      <c r="MEQ720" s="613"/>
      <c r="MER720" s="613"/>
      <c r="MES720" s="613"/>
      <c r="MET720" s="613"/>
      <c r="MEU720" s="613"/>
      <c r="MEV720" s="613"/>
      <c r="MEW720" s="613"/>
      <c r="MEX720" s="613"/>
      <c r="MEY720" s="613"/>
      <c r="MEZ720" s="613"/>
      <c r="MFA720" s="613"/>
      <c r="MFB720" s="613"/>
      <c r="MFC720" s="613"/>
      <c r="MFD720" s="613"/>
      <c r="MFE720" s="613"/>
      <c r="MFF720" s="613"/>
      <c r="MFG720" s="613"/>
      <c r="MFH720" s="613"/>
      <c r="MFI720" s="613"/>
      <c r="MFJ720" s="613"/>
      <c r="MFK720" s="613"/>
      <c r="MFL720" s="613"/>
      <c r="MFM720" s="613"/>
      <c r="MFN720" s="613"/>
      <c r="MFO720" s="613"/>
      <c r="MFP720" s="613"/>
      <c r="MFQ720" s="613"/>
      <c r="MFR720" s="613"/>
      <c r="MFS720" s="613"/>
      <c r="MFT720" s="613"/>
      <c r="MFU720" s="613"/>
      <c r="MFV720" s="613"/>
      <c r="MFW720" s="613"/>
      <c r="MFX720" s="613"/>
      <c r="MFY720" s="613"/>
      <c r="MFZ720" s="613"/>
      <c r="MGA720" s="613"/>
      <c r="MGB720" s="613"/>
      <c r="MGC720" s="613"/>
      <c r="MGD720" s="613"/>
      <c r="MGE720" s="613"/>
      <c r="MGF720" s="613"/>
      <c r="MGG720" s="613"/>
      <c r="MGH720" s="613"/>
      <c r="MGI720" s="613"/>
      <c r="MGJ720" s="613"/>
      <c r="MGK720" s="613"/>
      <c r="MGL720" s="613"/>
      <c r="MGM720" s="613"/>
      <c r="MGN720" s="613"/>
      <c r="MGO720" s="613"/>
      <c r="MGP720" s="613"/>
      <c r="MGQ720" s="613"/>
      <c r="MGR720" s="613"/>
      <c r="MGS720" s="613"/>
      <c r="MGT720" s="613"/>
      <c r="MGU720" s="613"/>
      <c r="MGV720" s="613"/>
      <c r="MGW720" s="613"/>
      <c r="MGX720" s="613"/>
      <c r="MGY720" s="613"/>
      <c r="MGZ720" s="613"/>
      <c r="MHA720" s="613"/>
      <c r="MHB720" s="613"/>
      <c r="MHC720" s="613"/>
      <c r="MHD720" s="613"/>
      <c r="MHE720" s="613"/>
      <c r="MHF720" s="613"/>
      <c r="MHG720" s="613"/>
      <c r="MHH720" s="613"/>
      <c r="MHI720" s="613"/>
      <c r="MHJ720" s="613"/>
      <c r="MHK720" s="613"/>
      <c r="MHL720" s="613"/>
      <c r="MHM720" s="613"/>
      <c r="MHN720" s="613"/>
      <c r="MHO720" s="613"/>
      <c r="MHP720" s="613"/>
      <c r="MHQ720" s="613"/>
      <c r="MHR720" s="613"/>
      <c r="MHS720" s="613"/>
      <c r="MHT720" s="613"/>
      <c r="MHU720" s="613"/>
      <c r="MHV720" s="613"/>
      <c r="MHW720" s="613"/>
      <c r="MHX720" s="613"/>
      <c r="MHY720" s="613"/>
      <c r="MHZ720" s="613"/>
      <c r="MIA720" s="613"/>
      <c r="MIB720" s="613"/>
      <c r="MIC720" s="613"/>
      <c r="MID720" s="613"/>
      <c r="MIE720" s="613"/>
      <c r="MIF720" s="613"/>
      <c r="MIG720" s="613"/>
      <c r="MIH720" s="613"/>
      <c r="MII720" s="613"/>
      <c r="MIJ720" s="613"/>
      <c r="MIK720" s="613"/>
      <c r="MIL720" s="613"/>
      <c r="MIM720" s="613"/>
      <c r="MIN720" s="613"/>
      <c r="MIO720" s="613"/>
      <c r="MIP720" s="613"/>
      <c r="MIQ720" s="613"/>
      <c r="MIR720" s="613"/>
      <c r="MIS720" s="613"/>
      <c r="MIT720" s="613"/>
      <c r="MIU720" s="613"/>
      <c r="MIV720" s="613"/>
      <c r="MIW720" s="613"/>
      <c r="MIX720" s="613"/>
      <c r="MIY720" s="613"/>
      <c r="MIZ720" s="613"/>
      <c r="MJA720" s="613"/>
      <c r="MJB720" s="613"/>
      <c r="MJC720" s="613"/>
      <c r="MJD720" s="613"/>
      <c r="MJE720" s="613"/>
      <c r="MJF720" s="613"/>
      <c r="MJG720" s="613"/>
      <c r="MJH720" s="613"/>
      <c r="MJI720" s="613"/>
      <c r="MJJ720" s="613"/>
      <c r="MJK720" s="613"/>
      <c r="MJL720" s="613"/>
      <c r="MJM720" s="613"/>
      <c r="MJN720" s="613"/>
      <c r="MJO720" s="613"/>
      <c r="MJP720" s="613"/>
      <c r="MJQ720" s="613"/>
      <c r="MJR720" s="613"/>
      <c r="MJS720" s="613"/>
      <c r="MJT720" s="613"/>
      <c r="MJU720" s="613"/>
      <c r="MJV720" s="613"/>
      <c r="MJW720" s="613"/>
      <c r="MJX720" s="613"/>
      <c r="MJY720" s="613"/>
      <c r="MJZ720" s="613"/>
      <c r="MKA720" s="613"/>
      <c r="MKB720" s="613"/>
      <c r="MKC720" s="613"/>
      <c r="MKD720" s="613"/>
      <c r="MKE720" s="613"/>
      <c r="MKF720" s="613"/>
      <c r="MKG720" s="613"/>
      <c r="MKH720" s="613"/>
      <c r="MKI720" s="613"/>
      <c r="MKJ720" s="613"/>
      <c r="MKK720" s="613"/>
      <c r="MKL720" s="613"/>
      <c r="MKM720" s="613"/>
      <c r="MKN720" s="613"/>
      <c r="MKO720" s="613"/>
      <c r="MKP720" s="613"/>
      <c r="MKQ720" s="613"/>
      <c r="MKR720" s="613"/>
      <c r="MKS720" s="613"/>
      <c r="MKT720" s="613"/>
      <c r="MKU720" s="613"/>
      <c r="MKV720" s="613"/>
      <c r="MKW720" s="613"/>
      <c r="MKX720" s="613"/>
      <c r="MKY720" s="613"/>
      <c r="MKZ720" s="613"/>
      <c r="MLA720" s="613"/>
      <c r="MLB720" s="613"/>
      <c r="MLC720" s="613"/>
      <c r="MLD720" s="613"/>
      <c r="MLE720" s="613"/>
      <c r="MLF720" s="613"/>
      <c r="MLG720" s="613"/>
      <c r="MLH720" s="613"/>
      <c r="MLI720" s="613"/>
      <c r="MLJ720" s="613"/>
      <c r="MLK720" s="613"/>
      <c r="MLL720" s="613"/>
      <c r="MLM720" s="613"/>
      <c r="MLN720" s="613"/>
      <c r="MLO720" s="613"/>
      <c r="MLP720" s="613"/>
      <c r="MLQ720" s="613"/>
      <c r="MLR720" s="613"/>
      <c r="MLS720" s="613"/>
      <c r="MLT720" s="613"/>
      <c r="MLU720" s="613"/>
      <c r="MLV720" s="613"/>
      <c r="MLW720" s="613"/>
      <c r="MLX720" s="613"/>
      <c r="MLY720" s="613"/>
      <c r="MLZ720" s="613"/>
      <c r="MMA720" s="613"/>
      <c r="MMB720" s="613"/>
      <c r="MMC720" s="613"/>
      <c r="MMD720" s="613"/>
      <c r="MME720" s="613"/>
      <c r="MMF720" s="613"/>
      <c r="MMG720" s="613"/>
      <c r="MMH720" s="613"/>
      <c r="MMI720" s="613"/>
      <c r="MMJ720" s="613"/>
      <c r="MMK720" s="613"/>
      <c r="MML720" s="613"/>
      <c r="MMM720" s="613"/>
      <c r="MMN720" s="613"/>
      <c r="MMO720" s="613"/>
      <c r="MMP720" s="613"/>
      <c r="MMQ720" s="613"/>
      <c r="MMR720" s="613"/>
      <c r="MMS720" s="613"/>
      <c r="MMT720" s="613"/>
      <c r="MMU720" s="613"/>
      <c r="MMV720" s="613"/>
      <c r="MMW720" s="613"/>
      <c r="MMX720" s="613"/>
      <c r="MMY720" s="613"/>
      <c r="MMZ720" s="613"/>
      <c r="MNA720" s="613"/>
      <c r="MNB720" s="613"/>
      <c r="MNC720" s="613"/>
      <c r="MND720" s="613"/>
      <c r="MNE720" s="613"/>
      <c r="MNF720" s="613"/>
      <c r="MNG720" s="613"/>
      <c r="MNH720" s="613"/>
      <c r="MNI720" s="613"/>
      <c r="MNJ720" s="613"/>
      <c r="MNK720" s="613"/>
      <c r="MNL720" s="613"/>
      <c r="MNM720" s="613"/>
      <c r="MNN720" s="613"/>
      <c r="MNO720" s="613"/>
      <c r="MNP720" s="613"/>
      <c r="MNQ720" s="613"/>
      <c r="MNR720" s="613"/>
      <c r="MNS720" s="613"/>
      <c r="MNT720" s="613"/>
      <c r="MNU720" s="613"/>
      <c r="MNV720" s="613"/>
      <c r="MNW720" s="613"/>
      <c r="MNX720" s="613"/>
      <c r="MNY720" s="613"/>
      <c r="MNZ720" s="613"/>
      <c r="MOA720" s="613"/>
      <c r="MOB720" s="613"/>
      <c r="MOC720" s="613"/>
      <c r="MOD720" s="613"/>
      <c r="MOE720" s="613"/>
      <c r="MOF720" s="613"/>
      <c r="MOG720" s="613"/>
      <c r="MOH720" s="613"/>
      <c r="MOI720" s="613"/>
      <c r="MOJ720" s="613"/>
      <c r="MOK720" s="613"/>
      <c r="MOL720" s="613"/>
      <c r="MOM720" s="613"/>
      <c r="MON720" s="613"/>
      <c r="MOO720" s="613"/>
      <c r="MOP720" s="613"/>
      <c r="MOQ720" s="613"/>
      <c r="MOR720" s="613"/>
      <c r="MOS720" s="613"/>
      <c r="MOT720" s="613"/>
      <c r="MOU720" s="613"/>
      <c r="MOV720" s="613"/>
      <c r="MOW720" s="613"/>
      <c r="MOX720" s="613"/>
      <c r="MOY720" s="613"/>
      <c r="MOZ720" s="613"/>
      <c r="MPA720" s="613"/>
      <c r="MPB720" s="613"/>
      <c r="MPC720" s="613"/>
      <c r="MPD720" s="613"/>
      <c r="MPE720" s="613"/>
      <c r="MPF720" s="613"/>
      <c r="MPG720" s="613"/>
      <c r="MPH720" s="613"/>
      <c r="MPI720" s="613"/>
      <c r="MPJ720" s="613"/>
      <c r="MPK720" s="613"/>
      <c r="MPL720" s="613"/>
      <c r="MPM720" s="613"/>
      <c r="MPN720" s="613"/>
      <c r="MPO720" s="613"/>
      <c r="MPP720" s="613"/>
      <c r="MPQ720" s="613"/>
      <c r="MPR720" s="613"/>
      <c r="MPS720" s="613"/>
      <c r="MPT720" s="613"/>
      <c r="MPU720" s="613"/>
      <c r="MPV720" s="613"/>
      <c r="MPW720" s="613"/>
      <c r="MPX720" s="613"/>
      <c r="MPY720" s="613"/>
      <c r="MPZ720" s="613"/>
      <c r="MQA720" s="613"/>
      <c r="MQB720" s="613"/>
      <c r="MQC720" s="613"/>
      <c r="MQD720" s="613"/>
      <c r="MQE720" s="613"/>
      <c r="MQF720" s="613"/>
      <c r="MQG720" s="613"/>
      <c r="MQH720" s="613"/>
      <c r="MQI720" s="613"/>
      <c r="MQJ720" s="613"/>
      <c r="MQK720" s="613"/>
      <c r="MQL720" s="613"/>
      <c r="MQM720" s="613"/>
      <c r="MQN720" s="613"/>
      <c r="MQO720" s="613"/>
      <c r="MQP720" s="613"/>
      <c r="MQQ720" s="613"/>
      <c r="MQR720" s="613"/>
      <c r="MQS720" s="613"/>
      <c r="MQT720" s="613"/>
      <c r="MQU720" s="613"/>
      <c r="MQV720" s="613"/>
      <c r="MQW720" s="613"/>
      <c r="MQX720" s="613"/>
      <c r="MQY720" s="613"/>
      <c r="MQZ720" s="613"/>
      <c r="MRA720" s="613"/>
      <c r="MRB720" s="613"/>
      <c r="MRC720" s="613"/>
      <c r="MRD720" s="613"/>
      <c r="MRE720" s="613"/>
      <c r="MRF720" s="613"/>
      <c r="MRG720" s="613"/>
      <c r="MRH720" s="613"/>
      <c r="MRI720" s="613"/>
      <c r="MRJ720" s="613"/>
      <c r="MRK720" s="613"/>
      <c r="MRL720" s="613"/>
      <c r="MRM720" s="613"/>
      <c r="MRN720" s="613"/>
      <c r="MRO720" s="613"/>
      <c r="MRP720" s="613"/>
      <c r="MRQ720" s="613"/>
      <c r="MRR720" s="613"/>
      <c r="MRS720" s="613"/>
      <c r="MRT720" s="613"/>
      <c r="MRU720" s="613"/>
      <c r="MRV720" s="613"/>
      <c r="MRW720" s="613"/>
      <c r="MRX720" s="613"/>
      <c r="MRY720" s="613"/>
      <c r="MRZ720" s="613"/>
      <c r="MSA720" s="613"/>
      <c r="MSB720" s="613"/>
      <c r="MSC720" s="613"/>
      <c r="MSD720" s="613"/>
      <c r="MSE720" s="613"/>
      <c r="MSF720" s="613"/>
      <c r="MSG720" s="613"/>
      <c r="MSH720" s="613"/>
      <c r="MSI720" s="613"/>
      <c r="MSJ720" s="613"/>
      <c r="MSK720" s="613"/>
      <c r="MSL720" s="613"/>
      <c r="MSM720" s="613"/>
      <c r="MSN720" s="613"/>
      <c r="MSO720" s="613"/>
      <c r="MSP720" s="613"/>
      <c r="MSQ720" s="613"/>
      <c r="MSR720" s="613"/>
      <c r="MSS720" s="613"/>
      <c r="MST720" s="613"/>
      <c r="MSU720" s="613"/>
      <c r="MSV720" s="613"/>
      <c r="MSW720" s="613"/>
      <c r="MSX720" s="613"/>
      <c r="MSY720" s="613"/>
      <c r="MSZ720" s="613"/>
      <c r="MTA720" s="613"/>
      <c r="MTB720" s="613"/>
      <c r="MTC720" s="613"/>
      <c r="MTD720" s="613"/>
      <c r="MTE720" s="613"/>
      <c r="MTF720" s="613"/>
      <c r="MTG720" s="613"/>
      <c r="MTH720" s="613"/>
      <c r="MTI720" s="613"/>
      <c r="MTJ720" s="613"/>
      <c r="MTK720" s="613"/>
      <c r="MTL720" s="613"/>
      <c r="MTM720" s="613"/>
      <c r="MTN720" s="613"/>
      <c r="MTO720" s="613"/>
      <c r="MTP720" s="613"/>
      <c r="MTQ720" s="613"/>
      <c r="MTR720" s="613"/>
      <c r="MTS720" s="613"/>
      <c r="MTT720" s="613"/>
      <c r="MTU720" s="613"/>
      <c r="MTV720" s="613"/>
      <c r="MTW720" s="613"/>
      <c r="MTX720" s="613"/>
      <c r="MTY720" s="613"/>
      <c r="MTZ720" s="613"/>
      <c r="MUA720" s="613"/>
      <c r="MUB720" s="613"/>
      <c r="MUC720" s="613"/>
      <c r="MUD720" s="613"/>
      <c r="MUE720" s="613"/>
      <c r="MUF720" s="613"/>
      <c r="MUG720" s="613"/>
      <c r="MUH720" s="613"/>
      <c r="MUI720" s="613"/>
      <c r="MUJ720" s="613"/>
      <c r="MUK720" s="613"/>
      <c r="MUL720" s="613"/>
      <c r="MUM720" s="613"/>
      <c r="MUN720" s="613"/>
      <c r="MUO720" s="613"/>
      <c r="MUP720" s="613"/>
      <c r="MUQ720" s="613"/>
      <c r="MUR720" s="613"/>
      <c r="MUS720" s="613"/>
      <c r="MUT720" s="613"/>
      <c r="MUU720" s="613"/>
      <c r="MUV720" s="613"/>
      <c r="MUW720" s="613"/>
      <c r="MUX720" s="613"/>
      <c r="MUY720" s="613"/>
      <c r="MUZ720" s="613"/>
      <c r="MVA720" s="613"/>
      <c r="MVB720" s="613"/>
      <c r="MVC720" s="613"/>
      <c r="MVD720" s="613"/>
      <c r="MVE720" s="613"/>
      <c r="MVF720" s="613"/>
      <c r="MVG720" s="613"/>
      <c r="MVH720" s="613"/>
      <c r="MVI720" s="613"/>
      <c r="MVJ720" s="613"/>
      <c r="MVK720" s="613"/>
      <c r="MVL720" s="613"/>
      <c r="MVM720" s="613"/>
      <c r="MVN720" s="613"/>
      <c r="MVO720" s="613"/>
      <c r="MVP720" s="613"/>
      <c r="MVQ720" s="613"/>
      <c r="MVR720" s="613"/>
      <c r="MVS720" s="613"/>
      <c r="MVT720" s="613"/>
      <c r="MVU720" s="613"/>
      <c r="MVV720" s="613"/>
      <c r="MVW720" s="613"/>
      <c r="MVX720" s="613"/>
      <c r="MVY720" s="613"/>
      <c r="MVZ720" s="613"/>
      <c r="MWA720" s="613"/>
      <c r="MWB720" s="613"/>
      <c r="MWC720" s="613"/>
      <c r="MWD720" s="613"/>
      <c r="MWE720" s="613"/>
      <c r="MWF720" s="613"/>
      <c r="MWG720" s="613"/>
      <c r="MWH720" s="613"/>
      <c r="MWI720" s="613"/>
      <c r="MWJ720" s="613"/>
      <c r="MWK720" s="613"/>
      <c r="MWL720" s="613"/>
      <c r="MWM720" s="613"/>
      <c r="MWN720" s="613"/>
      <c r="MWO720" s="613"/>
      <c r="MWP720" s="613"/>
      <c r="MWQ720" s="613"/>
      <c r="MWR720" s="613"/>
      <c r="MWS720" s="613"/>
      <c r="MWT720" s="613"/>
      <c r="MWU720" s="613"/>
      <c r="MWV720" s="613"/>
      <c r="MWW720" s="613"/>
      <c r="MWX720" s="613"/>
      <c r="MWY720" s="613"/>
      <c r="MWZ720" s="613"/>
      <c r="MXA720" s="613"/>
      <c r="MXB720" s="613"/>
      <c r="MXC720" s="613"/>
      <c r="MXD720" s="613"/>
      <c r="MXE720" s="613"/>
      <c r="MXF720" s="613"/>
      <c r="MXG720" s="613"/>
      <c r="MXH720" s="613"/>
      <c r="MXI720" s="613"/>
      <c r="MXJ720" s="613"/>
      <c r="MXK720" s="613"/>
      <c r="MXL720" s="613"/>
      <c r="MXM720" s="613"/>
      <c r="MXN720" s="613"/>
      <c r="MXO720" s="613"/>
      <c r="MXP720" s="613"/>
      <c r="MXQ720" s="613"/>
      <c r="MXR720" s="613"/>
      <c r="MXS720" s="613"/>
      <c r="MXT720" s="613"/>
      <c r="MXU720" s="613"/>
      <c r="MXV720" s="613"/>
      <c r="MXW720" s="613"/>
      <c r="MXX720" s="613"/>
      <c r="MXY720" s="613"/>
      <c r="MXZ720" s="613"/>
      <c r="MYA720" s="613"/>
      <c r="MYB720" s="613"/>
      <c r="MYC720" s="613"/>
      <c r="MYD720" s="613"/>
      <c r="MYE720" s="613"/>
      <c r="MYF720" s="613"/>
      <c r="MYG720" s="613"/>
      <c r="MYH720" s="613"/>
      <c r="MYI720" s="613"/>
      <c r="MYJ720" s="613"/>
      <c r="MYK720" s="613"/>
      <c r="MYL720" s="613"/>
      <c r="MYM720" s="613"/>
      <c r="MYN720" s="613"/>
      <c r="MYO720" s="613"/>
      <c r="MYP720" s="613"/>
      <c r="MYQ720" s="613"/>
      <c r="MYR720" s="613"/>
      <c r="MYS720" s="613"/>
      <c r="MYT720" s="613"/>
      <c r="MYU720" s="613"/>
      <c r="MYV720" s="613"/>
      <c r="MYW720" s="613"/>
      <c r="MYX720" s="613"/>
      <c r="MYY720" s="613"/>
      <c r="MYZ720" s="613"/>
      <c r="MZA720" s="613"/>
      <c r="MZB720" s="613"/>
      <c r="MZC720" s="613"/>
      <c r="MZD720" s="613"/>
      <c r="MZE720" s="613"/>
      <c r="MZF720" s="613"/>
      <c r="MZG720" s="613"/>
      <c r="MZH720" s="613"/>
      <c r="MZI720" s="613"/>
      <c r="MZJ720" s="613"/>
      <c r="MZK720" s="613"/>
      <c r="MZL720" s="613"/>
      <c r="MZM720" s="613"/>
      <c r="MZN720" s="613"/>
      <c r="MZO720" s="613"/>
      <c r="MZP720" s="613"/>
      <c r="MZQ720" s="613"/>
      <c r="MZR720" s="613"/>
      <c r="MZS720" s="613"/>
      <c r="MZT720" s="613"/>
      <c r="MZU720" s="613"/>
      <c r="MZV720" s="613"/>
      <c r="MZW720" s="613"/>
      <c r="MZX720" s="613"/>
      <c r="MZY720" s="613"/>
      <c r="MZZ720" s="613"/>
      <c r="NAA720" s="613"/>
      <c r="NAB720" s="613"/>
      <c r="NAC720" s="613"/>
      <c r="NAD720" s="613"/>
      <c r="NAE720" s="613"/>
      <c r="NAF720" s="613"/>
      <c r="NAG720" s="613"/>
      <c r="NAH720" s="613"/>
      <c r="NAI720" s="613"/>
      <c r="NAJ720" s="613"/>
      <c r="NAK720" s="613"/>
      <c r="NAL720" s="613"/>
      <c r="NAM720" s="613"/>
      <c r="NAN720" s="613"/>
      <c r="NAO720" s="613"/>
      <c r="NAP720" s="613"/>
      <c r="NAQ720" s="613"/>
      <c r="NAR720" s="613"/>
      <c r="NAS720" s="613"/>
      <c r="NAT720" s="613"/>
      <c r="NAU720" s="613"/>
      <c r="NAV720" s="613"/>
      <c r="NAW720" s="613"/>
      <c r="NAX720" s="613"/>
      <c r="NAY720" s="613"/>
      <c r="NAZ720" s="613"/>
      <c r="NBA720" s="613"/>
      <c r="NBB720" s="613"/>
      <c r="NBC720" s="613"/>
      <c r="NBD720" s="613"/>
      <c r="NBE720" s="613"/>
      <c r="NBF720" s="613"/>
      <c r="NBG720" s="613"/>
      <c r="NBH720" s="613"/>
      <c r="NBI720" s="613"/>
      <c r="NBJ720" s="613"/>
      <c r="NBK720" s="613"/>
      <c r="NBL720" s="613"/>
      <c r="NBM720" s="613"/>
      <c r="NBN720" s="613"/>
      <c r="NBO720" s="613"/>
      <c r="NBP720" s="613"/>
      <c r="NBQ720" s="613"/>
      <c r="NBR720" s="613"/>
      <c r="NBS720" s="613"/>
      <c r="NBT720" s="613"/>
      <c r="NBU720" s="613"/>
      <c r="NBV720" s="613"/>
      <c r="NBW720" s="613"/>
      <c r="NBX720" s="613"/>
      <c r="NBY720" s="613"/>
      <c r="NBZ720" s="613"/>
      <c r="NCA720" s="613"/>
      <c r="NCB720" s="613"/>
      <c r="NCC720" s="613"/>
      <c r="NCD720" s="613"/>
      <c r="NCE720" s="613"/>
      <c r="NCF720" s="613"/>
      <c r="NCG720" s="613"/>
      <c r="NCH720" s="613"/>
      <c r="NCI720" s="613"/>
      <c r="NCJ720" s="613"/>
      <c r="NCK720" s="613"/>
      <c r="NCL720" s="613"/>
      <c r="NCM720" s="613"/>
      <c r="NCN720" s="613"/>
      <c r="NCO720" s="613"/>
      <c r="NCP720" s="613"/>
      <c r="NCQ720" s="613"/>
      <c r="NCR720" s="613"/>
      <c r="NCS720" s="613"/>
      <c r="NCT720" s="613"/>
      <c r="NCU720" s="613"/>
      <c r="NCV720" s="613"/>
      <c r="NCW720" s="613"/>
      <c r="NCX720" s="613"/>
      <c r="NCY720" s="613"/>
      <c r="NCZ720" s="613"/>
      <c r="NDA720" s="613"/>
      <c r="NDB720" s="613"/>
      <c r="NDC720" s="613"/>
      <c r="NDD720" s="613"/>
      <c r="NDE720" s="613"/>
      <c r="NDF720" s="613"/>
      <c r="NDG720" s="613"/>
      <c r="NDH720" s="613"/>
      <c r="NDI720" s="613"/>
      <c r="NDJ720" s="613"/>
      <c r="NDK720" s="613"/>
      <c r="NDL720" s="613"/>
      <c r="NDM720" s="613"/>
      <c r="NDN720" s="613"/>
      <c r="NDO720" s="613"/>
      <c r="NDP720" s="613"/>
      <c r="NDQ720" s="613"/>
      <c r="NDR720" s="613"/>
      <c r="NDS720" s="613"/>
      <c r="NDT720" s="613"/>
      <c r="NDU720" s="613"/>
      <c r="NDV720" s="613"/>
      <c r="NDW720" s="613"/>
      <c r="NDX720" s="613"/>
      <c r="NDY720" s="613"/>
      <c r="NDZ720" s="613"/>
      <c r="NEA720" s="613"/>
      <c r="NEB720" s="613"/>
      <c r="NEC720" s="613"/>
      <c r="NED720" s="613"/>
      <c r="NEE720" s="613"/>
      <c r="NEF720" s="613"/>
      <c r="NEG720" s="613"/>
      <c r="NEH720" s="613"/>
      <c r="NEI720" s="613"/>
      <c r="NEJ720" s="613"/>
      <c r="NEK720" s="613"/>
      <c r="NEL720" s="613"/>
      <c r="NEM720" s="613"/>
      <c r="NEN720" s="613"/>
      <c r="NEO720" s="613"/>
      <c r="NEP720" s="613"/>
      <c r="NEQ720" s="613"/>
      <c r="NER720" s="613"/>
      <c r="NES720" s="613"/>
      <c r="NET720" s="613"/>
      <c r="NEU720" s="613"/>
      <c r="NEV720" s="613"/>
      <c r="NEW720" s="613"/>
      <c r="NEX720" s="613"/>
      <c r="NEY720" s="613"/>
      <c r="NEZ720" s="613"/>
      <c r="NFA720" s="613"/>
      <c r="NFB720" s="613"/>
      <c r="NFC720" s="613"/>
      <c r="NFD720" s="613"/>
      <c r="NFE720" s="613"/>
      <c r="NFF720" s="613"/>
      <c r="NFG720" s="613"/>
      <c r="NFH720" s="613"/>
      <c r="NFI720" s="613"/>
      <c r="NFJ720" s="613"/>
      <c r="NFK720" s="613"/>
      <c r="NFL720" s="613"/>
      <c r="NFM720" s="613"/>
      <c r="NFN720" s="613"/>
      <c r="NFO720" s="613"/>
      <c r="NFP720" s="613"/>
      <c r="NFQ720" s="613"/>
      <c r="NFR720" s="613"/>
      <c r="NFS720" s="613"/>
      <c r="NFT720" s="613"/>
      <c r="NFU720" s="613"/>
      <c r="NFV720" s="613"/>
      <c r="NFW720" s="613"/>
      <c r="NFX720" s="613"/>
      <c r="NFY720" s="613"/>
      <c r="NFZ720" s="613"/>
      <c r="NGA720" s="613"/>
      <c r="NGB720" s="613"/>
      <c r="NGC720" s="613"/>
      <c r="NGD720" s="613"/>
      <c r="NGE720" s="613"/>
      <c r="NGF720" s="613"/>
      <c r="NGG720" s="613"/>
      <c r="NGH720" s="613"/>
      <c r="NGI720" s="613"/>
      <c r="NGJ720" s="613"/>
      <c r="NGK720" s="613"/>
      <c r="NGL720" s="613"/>
      <c r="NGM720" s="613"/>
      <c r="NGN720" s="613"/>
      <c r="NGO720" s="613"/>
      <c r="NGP720" s="613"/>
      <c r="NGQ720" s="613"/>
      <c r="NGR720" s="613"/>
      <c r="NGS720" s="613"/>
      <c r="NGT720" s="613"/>
      <c r="NGU720" s="613"/>
      <c r="NGV720" s="613"/>
      <c r="NGW720" s="613"/>
      <c r="NGX720" s="613"/>
      <c r="NGY720" s="613"/>
      <c r="NGZ720" s="613"/>
      <c r="NHA720" s="613"/>
      <c r="NHB720" s="613"/>
      <c r="NHC720" s="613"/>
      <c r="NHD720" s="613"/>
      <c r="NHE720" s="613"/>
      <c r="NHF720" s="613"/>
      <c r="NHG720" s="613"/>
      <c r="NHH720" s="613"/>
      <c r="NHI720" s="613"/>
      <c r="NHJ720" s="613"/>
      <c r="NHK720" s="613"/>
      <c r="NHL720" s="613"/>
      <c r="NHM720" s="613"/>
      <c r="NHN720" s="613"/>
      <c r="NHO720" s="613"/>
      <c r="NHP720" s="613"/>
      <c r="NHQ720" s="613"/>
      <c r="NHR720" s="613"/>
      <c r="NHS720" s="613"/>
      <c r="NHT720" s="613"/>
      <c r="NHU720" s="613"/>
      <c r="NHV720" s="613"/>
      <c r="NHW720" s="613"/>
      <c r="NHX720" s="613"/>
      <c r="NHY720" s="613"/>
      <c r="NHZ720" s="613"/>
      <c r="NIA720" s="613"/>
      <c r="NIB720" s="613"/>
      <c r="NIC720" s="613"/>
      <c r="NID720" s="613"/>
      <c r="NIE720" s="613"/>
      <c r="NIF720" s="613"/>
      <c r="NIG720" s="613"/>
      <c r="NIH720" s="613"/>
      <c r="NII720" s="613"/>
      <c r="NIJ720" s="613"/>
      <c r="NIK720" s="613"/>
      <c r="NIL720" s="613"/>
      <c r="NIM720" s="613"/>
      <c r="NIN720" s="613"/>
      <c r="NIO720" s="613"/>
      <c r="NIP720" s="613"/>
      <c r="NIQ720" s="613"/>
      <c r="NIR720" s="613"/>
      <c r="NIS720" s="613"/>
      <c r="NIT720" s="613"/>
      <c r="NIU720" s="613"/>
      <c r="NIV720" s="613"/>
      <c r="NIW720" s="613"/>
      <c r="NIX720" s="613"/>
      <c r="NIY720" s="613"/>
      <c r="NIZ720" s="613"/>
      <c r="NJA720" s="613"/>
      <c r="NJB720" s="613"/>
      <c r="NJC720" s="613"/>
      <c r="NJD720" s="613"/>
      <c r="NJE720" s="613"/>
      <c r="NJF720" s="613"/>
      <c r="NJG720" s="613"/>
      <c r="NJH720" s="613"/>
      <c r="NJI720" s="613"/>
      <c r="NJJ720" s="613"/>
      <c r="NJK720" s="613"/>
      <c r="NJL720" s="613"/>
      <c r="NJM720" s="613"/>
      <c r="NJN720" s="613"/>
      <c r="NJO720" s="613"/>
      <c r="NJP720" s="613"/>
      <c r="NJQ720" s="613"/>
      <c r="NJR720" s="613"/>
      <c r="NJS720" s="613"/>
      <c r="NJT720" s="613"/>
      <c r="NJU720" s="613"/>
      <c r="NJV720" s="613"/>
      <c r="NJW720" s="613"/>
      <c r="NJX720" s="613"/>
      <c r="NJY720" s="613"/>
      <c r="NJZ720" s="613"/>
      <c r="NKA720" s="613"/>
      <c r="NKB720" s="613"/>
      <c r="NKC720" s="613"/>
      <c r="NKD720" s="613"/>
      <c r="NKE720" s="613"/>
      <c r="NKF720" s="613"/>
      <c r="NKG720" s="613"/>
      <c r="NKH720" s="613"/>
      <c r="NKI720" s="613"/>
      <c r="NKJ720" s="613"/>
      <c r="NKK720" s="613"/>
      <c r="NKL720" s="613"/>
      <c r="NKM720" s="613"/>
      <c r="NKN720" s="613"/>
      <c r="NKO720" s="613"/>
      <c r="NKP720" s="613"/>
      <c r="NKQ720" s="613"/>
      <c r="NKR720" s="613"/>
      <c r="NKS720" s="613"/>
      <c r="NKT720" s="613"/>
      <c r="NKU720" s="613"/>
      <c r="NKV720" s="613"/>
      <c r="NKW720" s="613"/>
      <c r="NKX720" s="613"/>
      <c r="NKY720" s="613"/>
      <c r="NKZ720" s="613"/>
      <c r="NLA720" s="613"/>
      <c r="NLB720" s="613"/>
      <c r="NLC720" s="613"/>
      <c r="NLD720" s="613"/>
      <c r="NLE720" s="613"/>
      <c r="NLF720" s="613"/>
      <c r="NLG720" s="613"/>
      <c r="NLH720" s="613"/>
      <c r="NLI720" s="613"/>
      <c r="NLJ720" s="613"/>
      <c r="NLK720" s="613"/>
      <c r="NLL720" s="613"/>
      <c r="NLM720" s="613"/>
      <c r="NLN720" s="613"/>
      <c r="NLO720" s="613"/>
      <c r="NLP720" s="613"/>
      <c r="NLQ720" s="613"/>
      <c r="NLR720" s="613"/>
      <c r="NLS720" s="613"/>
      <c r="NLT720" s="613"/>
      <c r="NLU720" s="613"/>
      <c r="NLV720" s="613"/>
      <c r="NLW720" s="613"/>
      <c r="NLX720" s="613"/>
      <c r="NLY720" s="613"/>
      <c r="NLZ720" s="613"/>
      <c r="NMA720" s="613"/>
      <c r="NMB720" s="613"/>
      <c r="NMC720" s="613"/>
      <c r="NMD720" s="613"/>
      <c r="NME720" s="613"/>
      <c r="NMF720" s="613"/>
      <c r="NMG720" s="613"/>
      <c r="NMH720" s="613"/>
      <c r="NMI720" s="613"/>
      <c r="NMJ720" s="613"/>
      <c r="NMK720" s="613"/>
      <c r="NML720" s="613"/>
      <c r="NMM720" s="613"/>
      <c r="NMN720" s="613"/>
      <c r="NMO720" s="613"/>
      <c r="NMP720" s="613"/>
      <c r="NMQ720" s="613"/>
      <c r="NMR720" s="613"/>
      <c r="NMS720" s="613"/>
      <c r="NMT720" s="613"/>
      <c r="NMU720" s="613"/>
      <c r="NMV720" s="613"/>
      <c r="NMW720" s="613"/>
      <c r="NMX720" s="613"/>
      <c r="NMY720" s="613"/>
      <c r="NMZ720" s="613"/>
      <c r="NNA720" s="613"/>
      <c r="NNB720" s="613"/>
      <c r="NNC720" s="613"/>
      <c r="NND720" s="613"/>
      <c r="NNE720" s="613"/>
      <c r="NNF720" s="613"/>
      <c r="NNG720" s="613"/>
      <c r="NNH720" s="613"/>
      <c r="NNI720" s="613"/>
      <c r="NNJ720" s="613"/>
      <c r="NNK720" s="613"/>
      <c r="NNL720" s="613"/>
      <c r="NNM720" s="613"/>
      <c r="NNN720" s="613"/>
      <c r="NNO720" s="613"/>
      <c r="NNP720" s="613"/>
      <c r="NNQ720" s="613"/>
      <c r="NNR720" s="613"/>
      <c r="NNS720" s="613"/>
      <c r="NNT720" s="613"/>
      <c r="NNU720" s="613"/>
      <c r="NNV720" s="613"/>
      <c r="NNW720" s="613"/>
      <c r="NNX720" s="613"/>
      <c r="NNY720" s="613"/>
      <c r="NNZ720" s="613"/>
      <c r="NOA720" s="613"/>
      <c r="NOB720" s="613"/>
      <c r="NOC720" s="613"/>
      <c r="NOD720" s="613"/>
      <c r="NOE720" s="613"/>
      <c r="NOF720" s="613"/>
      <c r="NOG720" s="613"/>
      <c r="NOH720" s="613"/>
      <c r="NOI720" s="613"/>
      <c r="NOJ720" s="613"/>
      <c r="NOK720" s="613"/>
      <c r="NOL720" s="613"/>
      <c r="NOM720" s="613"/>
      <c r="NON720" s="613"/>
      <c r="NOO720" s="613"/>
      <c r="NOP720" s="613"/>
      <c r="NOQ720" s="613"/>
      <c r="NOR720" s="613"/>
      <c r="NOS720" s="613"/>
      <c r="NOT720" s="613"/>
      <c r="NOU720" s="613"/>
      <c r="NOV720" s="613"/>
      <c r="NOW720" s="613"/>
      <c r="NOX720" s="613"/>
      <c r="NOY720" s="613"/>
      <c r="NOZ720" s="613"/>
      <c r="NPA720" s="613"/>
      <c r="NPB720" s="613"/>
      <c r="NPC720" s="613"/>
      <c r="NPD720" s="613"/>
      <c r="NPE720" s="613"/>
      <c r="NPF720" s="613"/>
      <c r="NPG720" s="613"/>
      <c r="NPH720" s="613"/>
      <c r="NPI720" s="613"/>
      <c r="NPJ720" s="613"/>
      <c r="NPK720" s="613"/>
      <c r="NPL720" s="613"/>
      <c r="NPM720" s="613"/>
      <c r="NPN720" s="613"/>
      <c r="NPO720" s="613"/>
      <c r="NPP720" s="613"/>
      <c r="NPQ720" s="613"/>
      <c r="NPR720" s="613"/>
      <c r="NPS720" s="613"/>
      <c r="NPT720" s="613"/>
      <c r="NPU720" s="613"/>
      <c r="NPV720" s="613"/>
      <c r="NPW720" s="613"/>
      <c r="NPX720" s="613"/>
      <c r="NPY720" s="613"/>
      <c r="NPZ720" s="613"/>
      <c r="NQA720" s="613"/>
      <c r="NQB720" s="613"/>
      <c r="NQC720" s="613"/>
      <c r="NQD720" s="613"/>
      <c r="NQE720" s="613"/>
      <c r="NQF720" s="613"/>
      <c r="NQG720" s="613"/>
      <c r="NQH720" s="613"/>
      <c r="NQI720" s="613"/>
      <c r="NQJ720" s="613"/>
      <c r="NQK720" s="613"/>
      <c r="NQL720" s="613"/>
      <c r="NQM720" s="613"/>
      <c r="NQN720" s="613"/>
      <c r="NQO720" s="613"/>
      <c r="NQP720" s="613"/>
      <c r="NQQ720" s="613"/>
      <c r="NQR720" s="613"/>
      <c r="NQS720" s="613"/>
      <c r="NQT720" s="613"/>
      <c r="NQU720" s="613"/>
      <c r="NQV720" s="613"/>
      <c r="NQW720" s="613"/>
      <c r="NQX720" s="613"/>
      <c r="NQY720" s="613"/>
      <c r="NQZ720" s="613"/>
      <c r="NRA720" s="613"/>
      <c r="NRB720" s="613"/>
      <c r="NRC720" s="613"/>
      <c r="NRD720" s="613"/>
      <c r="NRE720" s="613"/>
      <c r="NRF720" s="613"/>
      <c r="NRG720" s="613"/>
      <c r="NRH720" s="613"/>
      <c r="NRI720" s="613"/>
      <c r="NRJ720" s="613"/>
      <c r="NRK720" s="613"/>
      <c r="NRL720" s="613"/>
      <c r="NRM720" s="613"/>
      <c r="NRN720" s="613"/>
      <c r="NRO720" s="613"/>
      <c r="NRP720" s="613"/>
      <c r="NRQ720" s="613"/>
      <c r="NRR720" s="613"/>
      <c r="NRS720" s="613"/>
      <c r="NRT720" s="613"/>
      <c r="NRU720" s="613"/>
      <c r="NRV720" s="613"/>
      <c r="NRW720" s="613"/>
      <c r="NRX720" s="613"/>
      <c r="NRY720" s="613"/>
      <c r="NRZ720" s="613"/>
      <c r="NSA720" s="613"/>
      <c r="NSB720" s="613"/>
      <c r="NSC720" s="613"/>
      <c r="NSD720" s="613"/>
      <c r="NSE720" s="613"/>
      <c r="NSF720" s="613"/>
      <c r="NSG720" s="613"/>
      <c r="NSH720" s="613"/>
      <c r="NSI720" s="613"/>
      <c r="NSJ720" s="613"/>
      <c r="NSK720" s="613"/>
      <c r="NSL720" s="613"/>
      <c r="NSM720" s="613"/>
      <c r="NSN720" s="613"/>
      <c r="NSO720" s="613"/>
      <c r="NSP720" s="613"/>
      <c r="NSQ720" s="613"/>
      <c r="NSR720" s="613"/>
      <c r="NSS720" s="613"/>
      <c r="NST720" s="613"/>
      <c r="NSU720" s="613"/>
      <c r="NSV720" s="613"/>
      <c r="NSW720" s="613"/>
      <c r="NSX720" s="613"/>
      <c r="NSY720" s="613"/>
      <c r="NSZ720" s="613"/>
      <c r="NTA720" s="613"/>
      <c r="NTB720" s="613"/>
      <c r="NTC720" s="613"/>
      <c r="NTD720" s="613"/>
      <c r="NTE720" s="613"/>
      <c r="NTF720" s="613"/>
      <c r="NTG720" s="613"/>
      <c r="NTH720" s="613"/>
      <c r="NTI720" s="613"/>
      <c r="NTJ720" s="613"/>
      <c r="NTK720" s="613"/>
      <c r="NTL720" s="613"/>
      <c r="NTM720" s="613"/>
      <c r="NTN720" s="613"/>
      <c r="NTO720" s="613"/>
      <c r="NTP720" s="613"/>
      <c r="NTQ720" s="613"/>
      <c r="NTR720" s="613"/>
      <c r="NTS720" s="613"/>
      <c r="NTT720" s="613"/>
      <c r="NTU720" s="613"/>
      <c r="NTV720" s="613"/>
      <c r="NTW720" s="613"/>
      <c r="NTX720" s="613"/>
      <c r="NTY720" s="613"/>
      <c r="NTZ720" s="613"/>
      <c r="NUA720" s="613"/>
      <c r="NUB720" s="613"/>
      <c r="NUC720" s="613"/>
      <c r="NUD720" s="613"/>
      <c r="NUE720" s="613"/>
      <c r="NUF720" s="613"/>
      <c r="NUG720" s="613"/>
      <c r="NUH720" s="613"/>
      <c r="NUI720" s="613"/>
      <c r="NUJ720" s="613"/>
      <c r="NUK720" s="613"/>
      <c r="NUL720" s="613"/>
      <c r="NUM720" s="613"/>
      <c r="NUN720" s="613"/>
      <c r="NUO720" s="613"/>
      <c r="NUP720" s="613"/>
      <c r="NUQ720" s="613"/>
      <c r="NUR720" s="613"/>
      <c r="NUS720" s="613"/>
      <c r="NUT720" s="613"/>
      <c r="NUU720" s="613"/>
      <c r="NUV720" s="613"/>
      <c r="NUW720" s="613"/>
      <c r="NUX720" s="613"/>
      <c r="NUY720" s="613"/>
      <c r="NUZ720" s="613"/>
      <c r="NVA720" s="613"/>
      <c r="NVB720" s="613"/>
      <c r="NVC720" s="613"/>
      <c r="NVD720" s="613"/>
      <c r="NVE720" s="613"/>
      <c r="NVF720" s="613"/>
      <c r="NVG720" s="613"/>
      <c r="NVH720" s="613"/>
      <c r="NVI720" s="613"/>
      <c r="NVJ720" s="613"/>
      <c r="NVK720" s="613"/>
      <c r="NVL720" s="613"/>
      <c r="NVM720" s="613"/>
      <c r="NVN720" s="613"/>
      <c r="NVO720" s="613"/>
      <c r="NVP720" s="613"/>
      <c r="NVQ720" s="613"/>
      <c r="NVR720" s="613"/>
      <c r="NVS720" s="613"/>
      <c r="NVT720" s="613"/>
      <c r="NVU720" s="613"/>
      <c r="NVV720" s="613"/>
      <c r="NVW720" s="613"/>
      <c r="NVX720" s="613"/>
      <c r="NVY720" s="613"/>
      <c r="NVZ720" s="613"/>
      <c r="NWA720" s="613"/>
      <c r="NWB720" s="613"/>
      <c r="NWC720" s="613"/>
      <c r="NWD720" s="613"/>
      <c r="NWE720" s="613"/>
      <c r="NWF720" s="613"/>
      <c r="NWG720" s="613"/>
      <c r="NWH720" s="613"/>
      <c r="NWI720" s="613"/>
      <c r="NWJ720" s="613"/>
      <c r="NWK720" s="613"/>
      <c r="NWL720" s="613"/>
      <c r="NWM720" s="613"/>
      <c r="NWN720" s="613"/>
      <c r="NWO720" s="613"/>
      <c r="NWP720" s="613"/>
      <c r="NWQ720" s="613"/>
      <c r="NWR720" s="613"/>
      <c r="NWS720" s="613"/>
      <c r="NWT720" s="613"/>
      <c r="NWU720" s="613"/>
      <c r="NWV720" s="613"/>
      <c r="NWW720" s="613"/>
      <c r="NWX720" s="613"/>
      <c r="NWY720" s="613"/>
      <c r="NWZ720" s="613"/>
      <c r="NXA720" s="613"/>
      <c r="NXB720" s="613"/>
      <c r="NXC720" s="613"/>
      <c r="NXD720" s="613"/>
      <c r="NXE720" s="613"/>
      <c r="NXF720" s="613"/>
      <c r="NXG720" s="613"/>
      <c r="NXH720" s="613"/>
      <c r="NXI720" s="613"/>
      <c r="NXJ720" s="613"/>
      <c r="NXK720" s="613"/>
      <c r="NXL720" s="613"/>
      <c r="NXM720" s="613"/>
      <c r="NXN720" s="613"/>
      <c r="NXO720" s="613"/>
      <c r="NXP720" s="613"/>
      <c r="NXQ720" s="613"/>
      <c r="NXR720" s="613"/>
      <c r="NXS720" s="613"/>
      <c r="NXT720" s="613"/>
      <c r="NXU720" s="613"/>
      <c r="NXV720" s="613"/>
      <c r="NXW720" s="613"/>
      <c r="NXX720" s="613"/>
      <c r="NXY720" s="613"/>
      <c r="NXZ720" s="613"/>
      <c r="NYA720" s="613"/>
      <c r="NYB720" s="613"/>
      <c r="NYC720" s="613"/>
      <c r="NYD720" s="613"/>
      <c r="NYE720" s="613"/>
      <c r="NYF720" s="613"/>
      <c r="NYG720" s="613"/>
      <c r="NYH720" s="613"/>
      <c r="NYI720" s="613"/>
      <c r="NYJ720" s="613"/>
      <c r="NYK720" s="613"/>
      <c r="NYL720" s="613"/>
      <c r="NYM720" s="613"/>
      <c r="NYN720" s="613"/>
      <c r="NYO720" s="613"/>
      <c r="NYP720" s="613"/>
      <c r="NYQ720" s="613"/>
      <c r="NYR720" s="613"/>
      <c r="NYS720" s="613"/>
      <c r="NYT720" s="613"/>
      <c r="NYU720" s="613"/>
      <c r="NYV720" s="613"/>
      <c r="NYW720" s="613"/>
      <c r="NYX720" s="613"/>
      <c r="NYY720" s="613"/>
      <c r="NYZ720" s="613"/>
      <c r="NZA720" s="613"/>
      <c r="NZB720" s="613"/>
      <c r="NZC720" s="613"/>
      <c r="NZD720" s="613"/>
      <c r="NZE720" s="613"/>
      <c r="NZF720" s="613"/>
      <c r="NZG720" s="613"/>
      <c r="NZH720" s="613"/>
      <c r="NZI720" s="613"/>
      <c r="NZJ720" s="613"/>
      <c r="NZK720" s="613"/>
      <c r="NZL720" s="613"/>
      <c r="NZM720" s="613"/>
      <c r="NZN720" s="613"/>
      <c r="NZO720" s="613"/>
      <c r="NZP720" s="613"/>
      <c r="NZQ720" s="613"/>
      <c r="NZR720" s="613"/>
      <c r="NZS720" s="613"/>
      <c r="NZT720" s="613"/>
      <c r="NZU720" s="613"/>
      <c r="NZV720" s="613"/>
      <c r="NZW720" s="613"/>
      <c r="NZX720" s="613"/>
      <c r="NZY720" s="613"/>
      <c r="NZZ720" s="613"/>
      <c r="OAA720" s="613"/>
      <c r="OAB720" s="613"/>
      <c r="OAC720" s="613"/>
      <c r="OAD720" s="613"/>
      <c r="OAE720" s="613"/>
      <c r="OAF720" s="613"/>
      <c r="OAG720" s="613"/>
      <c r="OAH720" s="613"/>
      <c r="OAI720" s="613"/>
      <c r="OAJ720" s="613"/>
      <c r="OAK720" s="613"/>
      <c r="OAL720" s="613"/>
      <c r="OAM720" s="613"/>
      <c r="OAN720" s="613"/>
      <c r="OAO720" s="613"/>
      <c r="OAP720" s="613"/>
      <c r="OAQ720" s="613"/>
      <c r="OAR720" s="613"/>
      <c r="OAS720" s="613"/>
      <c r="OAT720" s="613"/>
      <c r="OAU720" s="613"/>
      <c r="OAV720" s="613"/>
      <c r="OAW720" s="613"/>
      <c r="OAX720" s="613"/>
      <c r="OAY720" s="613"/>
      <c r="OAZ720" s="613"/>
      <c r="OBA720" s="613"/>
      <c r="OBB720" s="613"/>
      <c r="OBC720" s="613"/>
      <c r="OBD720" s="613"/>
      <c r="OBE720" s="613"/>
      <c r="OBF720" s="613"/>
      <c r="OBG720" s="613"/>
      <c r="OBH720" s="613"/>
      <c r="OBI720" s="613"/>
      <c r="OBJ720" s="613"/>
      <c r="OBK720" s="613"/>
      <c r="OBL720" s="613"/>
      <c r="OBM720" s="613"/>
      <c r="OBN720" s="613"/>
      <c r="OBO720" s="613"/>
      <c r="OBP720" s="613"/>
      <c r="OBQ720" s="613"/>
      <c r="OBR720" s="613"/>
      <c r="OBS720" s="613"/>
      <c r="OBT720" s="613"/>
      <c r="OBU720" s="613"/>
      <c r="OBV720" s="613"/>
      <c r="OBW720" s="613"/>
      <c r="OBX720" s="613"/>
      <c r="OBY720" s="613"/>
      <c r="OBZ720" s="613"/>
      <c r="OCA720" s="613"/>
      <c r="OCB720" s="613"/>
      <c r="OCC720" s="613"/>
      <c r="OCD720" s="613"/>
      <c r="OCE720" s="613"/>
      <c r="OCF720" s="613"/>
      <c r="OCG720" s="613"/>
      <c r="OCH720" s="613"/>
      <c r="OCI720" s="613"/>
      <c r="OCJ720" s="613"/>
      <c r="OCK720" s="613"/>
      <c r="OCL720" s="613"/>
      <c r="OCM720" s="613"/>
      <c r="OCN720" s="613"/>
      <c r="OCO720" s="613"/>
      <c r="OCP720" s="613"/>
      <c r="OCQ720" s="613"/>
      <c r="OCR720" s="613"/>
      <c r="OCS720" s="613"/>
      <c r="OCT720" s="613"/>
      <c r="OCU720" s="613"/>
      <c r="OCV720" s="613"/>
      <c r="OCW720" s="613"/>
      <c r="OCX720" s="613"/>
      <c r="OCY720" s="613"/>
      <c r="OCZ720" s="613"/>
      <c r="ODA720" s="613"/>
      <c r="ODB720" s="613"/>
      <c r="ODC720" s="613"/>
      <c r="ODD720" s="613"/>
      <c r="ODE720" s="613"/>
      <c r="ODF720" s="613"/>
      <c r="ODG720" s="613"/>
      <c r="ODH720" s="613"/>
      <c r="ODI720" s="613"/>
      <c r="ODJ720" s="613"/>
      <c r="ODK720" s="613"/>
      <c r="ODL720" s="613"/>
      <c r="ODM720" s="613"/>
      <c r="ODN720" s="613"/>
      <c r="ODO720" s="613"/>
      <c r="ODP720" s="613"/>
      <c r="ODQ720" s="613"/>
      <c r="ODR720" s="613"/>
      <c r="ODS720" s="613"/>
      <c r="ODT720" s="613"/>
      <c r="ODU720" s="613"/>
      <c r="ODV720" s="613"/>
      <c r="ODW720" s="613"/>
      <c r="ODX720" s="613"/>
      <c r="ODY720" s="613"/>
      <c r="ODZ720" s="613"/>
      <c r="OEA720" s="613"/>
      <c r="OEB720" s="613"/>
      <c r="OEC720" s="613"/>
      <c r="OED720" s="613"/>
      <c r="OEE720" s="613"/>
      <c r="OEF720" s="613"/>
      <c r="OEG720" s="613"/>
      <c r="OEH720" s="613"/>
      <c r="OEI720" s="613"/>
      <c r="OEJ720" s="613"/>
      <c r="OEK720" s="613"/>
      <c r="OEL720" s="613"/>
      <c r="OEM720" s="613"/>
      <c r="OEN720" s="613"/>
      <c r="OEO720" s="613"/>
      <c r="OEP720" s="613"/>
      <c r="OEQ720" s="613"/>
      <c r="OER720" s="613"/>
      <c r="OES720" s="613"/>
      <c r="OET720" s="613"/>
      <c r="OEU720" s="613"/>
      <c r="OEV720" s="613"/>
      <c r="OEW720" s="613"/>
      <c r="OEX720" s="613"/>
      <c r="OEY720" s="613"/>
      <c r="OEZ720" s="613"/>
      <c r="OFA720" s="613"/>
      <c r="OFB720" s="613"/>
      <c r="OFC720" s="613"/>
      <c r="OFD720" s="613"/>
      <c r="OFE720" s="613"/>
      <c r="OFF720" s="613"/>
      <c r="OFG720" s="613"/>
      <c r="OFH720" s="613"/>
      <c r="OFI720" s="613"/>
      <c r="OFJ720" s="613"/>
      <c r="OFK720" s="613"/>
      <c r="OFL720" s="613"/>
      <c r="OFM720" s="613"/>
      <c r="OFN720" s="613"/>
      <c r="OFO720" s="613"/>
      <c r="OFP720" s="613"/>
      <c r="OFQ720" s="613"/>
      <c r="OFR720" s="613"/>
      <c r="OFS720" s="613"/>
      <c r="OFT720" s="613"/>
      <c r="OFU720" s="613"/>
      <c r="OFV720" s="613"/>
      <c r="OFW720" s="613"/>
      <c r="OFX720" s="613"/>
      <c r="OFY720" s="613"/>
      <c r="OFZ720" s="613"/>
      <c r="OGA720" s="613"/>
      <c r="OGB720" s="613"/>
      <c r="OGC720" s="613"/>
      <c r="OGD720" s="613"/>
      <c r="OGE720" s="613"/>
      <c r="OGF720" s="613"/>
      <c r="OGG720" s="613"/>
      <c r="OGH720" s="613"/>
      <c r="OGI720" s="613"/>
      <c r="OGJ720" s="613"/>
      <c r="OGK720" s="613"/>
      <c r="OGL720" s="613"/>
      <c r="OGM720" s="613"/>
      <c r="OGN720" s="613"/>
      <c r="OGO720" s="613"/>
      <c r="OGP720" s="613"/>
      <c r="OGQ720" s="613"/>
      <c r="OGR720" s="613"/>
      <c r="OGS720" s="613"/>
      <c r="OGT720" s="613"/>
      <c r="OGU720" s="613"/>
      <c r="OGV720" s="613"/>
      <c r="OGW720" s="613"/>
      <c r="OGX720" s="613"/>
      <c r="OGY720" s="613"/>
      <c r="OGZ720" s="613"/>
      <c r="OHA720" s="613"/>
      <c r="OHB720" s="613"/>
      <c r="OHC720" s="613"/>
      <c r="OHD720" s="613"/>
      <c r="OHE720" s="613"/>
      <c r="OHF720" s="613"/>
      <c r="OHG720" s="613"/>
      <c r="OHH720" s="613"/>
      <c r="OHI720" s="613"/>
      <c r="OHJ720" s="613"/>
      <c r="OHK720" s="613"/>
      <c r="OHL720" s="613"/>
      <c r="OHM720" s="613"/>
      <c r="OHN720" s="613"/>
      <c r="OHO720" s="613"/>
      <c r="OHP720" s="613"/>
      <c r="OHQ720" s="613"/>
      <c r="OHR720" s="613"/>
      <c r="OHS720" s="613"/>
      <c r="OHT720" s="613"/>
      <c r="OHU720" s="613"/>
      <c r="OHV720" s="613"/>
      <c r="OHW720" s="613"/>
      <c r="OHX720" s="613"/>
      <c r="OHY720" s="613"/>
      <c r="OHZ720" s="613"/>
      <c r="OIA720" s="613"/>
      <c r="OIB720" s="613"/>
      <c r="OIC720" s="613"/>
      <c r="OID720" s="613"/>
      <c r="OIE720" s="613"/>
      <c r="OIF720" s="613"/>
      <c r="OIG720" s="613"/>
      <c r="OIH720" s="613"/>
      <c r="OII720" s="613"/>
      <c r="OIJ720" s="613"/>
      <c r="OIK720" s="613"/>
      <c r="OIL720" s="613"/>
      <c r="OIM720" s="613"/>
      <c r="OIN720" s="613"/>
      <c r="OIO720" s="613"/>
      <c r="OIP720" s="613"/>
      <c r="OIQ720" s="613"/>
      <c r="OIR720" s="613"/>
      <c r="OIS720" s="613"/>
      <c r="OIT720" s="613"/>
      <c r="OIU720" s="613"/>
      <c r="OIV720" s="613"/>
      <c r="OIW720" s="613"/>
      <c r="OIX720" s="613"/>
      <c r="OIY720" s="613"/>
      <c r="OIZ720" s="613"/>
      <c r="OJA720" s="613"/>
      <c r="OJB720" s="613"/>
      <c r="OJC720" s="613"/>
      <c r="OJD720" s="613"/>
      <c r="OJE720" s="613"/>
      <c r="OJF720" s="613"/>
      <c r="OJG720" s="613"/>
      <c r="OJH720" s="613"/>
      <c r="OJI720" s="613"/>
      <c r="OJJ720" s="613"/>
      <c r="OJK720" s="613"/>
      <c r="OJL720" s="613"/>
      <c r="OJM720" s="613"/>
      <c r="OJN720" s="613"/>
      <c r="OJO720" s="613"/>
      <c r="OJP720" s="613"/>
      <c r="OJQ720" s="613"/>
      <c r="OJR720" s="613"/>
      <c r="OJS720" s="613"/>
      <c r="OJT720" s="613"/>
      <c r="OJU720" s="613"/>
      <c r="OJV720" s="613"/>
      <c r="OJW720" s="613"/>
      <c r="OJX720" s="613"/>
      <c r="OJY720" s="613"/>
      <c r="OJZ720" s="613"/>
      <c r="OKA720" s="613"/>
      <c r="OKB720" s="613"/>
      <c r="OKC720" s="613"/>
      <c r="OKD720" s="613"/>
      <c r="OKE720" s="613"/>
      <c r="OKF720" s="613"/>
      <c r="OKG720" s="613"/>
      <c r="OKH720" s="613"/>
      <c r="OKI720" s="613"/>
      <c r="OKJ720" s="613"/>
      <c r="OKK720" s="613"/>
      <c r="OKL720" s="613"/>
      <c r="OKM720" s="613"/>
      <c r="OKN720" s="613"/>
      <c r="OKO720" s="613"/>
      <c r="OKP720" s="613"/>
      <c r="OKQ720" s="613"/>
      <c r="OKR720" s="613"/>
      <c r="OKS720" s="613"/>
      <c r="OKT720" s="613"/>
      <c r="OKU720" s="613"/>
      <c r="OKV720" s="613"/>
      <c r="OKW720" s="613"/>
      <c r="OKX720" s="613"/>
      <c r="OKY720" s="613"/>
      <c r="OKZ720" s="613"/>
      <c r="OLA720" s="613"/>
      <c r="OLB720" s="613"/>
      <c r="OLC720" s="613"/>
      <c r="OLD720" s="613"/>
      <c r="OLE720" s="613"/>
      <c r="OLF720" s="613"/>
      <c r="OLG720" s="613"/>
      <c r="OLH720" s="613"/>
      <c r="OLI720" s="613"/>
      <c r="OLJ720" s="613"/>
      <c r="OLK720" s="613"/>
      <c r="OLL720" s="613"/>
      <c r="OLM720" s="613"/>
      <c r="OLN720" s="613"/>
      <c r="OLO720" s="613"/>
      <c r="OLP720" s="613"/>
      <c r="OLQ720" s="613"/>
      <c r="OLR720" s="613"/>
      <c r="OLS720" s="613"/>
      <c r="OLT720" s="613"/>
      <c r="OLU720" s="613"/>
      <c r="OLV720" s="613"/>
      <c r="OLW720" s="613"/>
      <c r="OLX720" s="613"/>
      <c r="OLY720" s="613"/>
      <c r="OLZ720" s="613"/>
      <c r="OMA720" s="613"/>
      <c r="OMB720" s="613"/>
      <c r="OMC720" s="613"/>
      <c r="OMD720" s="613"/>
      <c r="OME720" s="613"/>
      <c r="OMF720" s="613"/>
      <c r="OMG720" s="613"/>
      <c r="OMH720" s="613"/>
      <c r="OMI720" s="613"/>
      <c r="OMJ720" s="613"/>
      <c r="OMK720" s="613"/>
      <c r="OML720" s="613"/>
      <c r="OMM720" s="613"/>
      <c r="OMN720" s="613"/>
      <c r="OMO720" s="613"/>
      <c r="OMP720" s="613"/>
      <c r="OMQ720" s="613"/>
      <c r="OMR720" s="613"/>
      <c r="OMS720" s="613"/>
      <c r="OMT720" s="613"/>
      <c r="OMU720" s="613"/>
      <c r="OMV720" s="613"/>
      <c r="OMW720" s="613"/>
      <c r="OMX720" s="613"/>
      <c r="OMY720" s="613"/>
      <c r="OMZ720" s="613"/>
      <c r="ONA720" s="613"/>
      <c r="ONB720" s="613"/>
      <c r="ONC720" s="613"/>
      <c r="OND720" s="613"/>
      <c r="ONE720" s="613"/>
      <c r="ONF720" s="613"/>
      <c r="ONG720" s="613"/>
      <c r="ONH720" s="613"/>
      <c r="ONI720" s="613"/>
      <c r="ONJ720" s="613"/>
      <c r="ONK720" s="613"/>
      <c r="ONL720" s="613"/>
      <c r="ONM720" s="613"/>
      <c r="ONN720" s="613"/>
      <c r="ONO720" s="613"/>
      <c r="ONP720" s="613"/>
      <c r="ONQ720" s="613"/>
      <c r="ONR720" s="613"/>
      <c r="ONS720" s="613"/>
      <c r="ONT720" s="613"/>
      <c r="ONU720" s="613"/>
      <c r="ONV720" s="613"/>
      <c r="ONW720" s="613"/>
      <c r="ONX720" s="613"/>
      <c r="ONY720" s="613"/>
      <c r="ONZ720" s="613"/>
      <c r="OOA720" s="613"/>
      <c r="OOB720" s="613"/>
      <c r="OOC720" s="613"/>
      <c r="OOD720" s="613"/>
      <c r="OOE720" s="613"/>
      <c r="OOF720" s="613"/>
      <c r="OOG720" s="613"/>
      <c r="OOH720" s="613"/>
      <c r="OOI720" s="613"/>
      <c r="OOJ720" s="613"/>
      <c r="OOK720" s="613"/>
      <c r="OOL720" s="613"/>
      <c r="OOM720" s="613"/>
      <c r="OON720" s="613"/>
      <c r="OOO720" s="613"/>
      <c r="OOP720" s="613"/>
      <c r="OOQ720" s="613"/>
      <c r="OOR720" s="613"/>
      <c r="OOS720" s="613"/>
      <c r="OOT720" s="613"/>
      <c r="OOU720" s="613"/>
      <c r="OOV720" s="613"/>
      <c r="OOW720" s="613"/>
      <c r="OOX720" s="613"/>
      <c r="OOY720" s="613"/>
      <c r="OOZ720" s="613"/>
      <c r="OPA720" s="613"/>
      <c r="OPB720" s="613"/>
      <c r="OPC720" s="613"/>
      <c r="OPD720" s="613"/>
      <c r="OPE720" s="613"/>
      <c r="OPF720" s="613"/>
      <c r="OPG720" s="613"/>
      <c r="OPH720" s="613"/>
      <c r="OPI720" s="613"/>
      <c r="OPJ720" s="613"/>
      <c r="OPK720" s="613"/>
      <c r="OPL720" s="613"/>
      <c r="OPM720" s="613"/>
      <c r="OPN720" s="613"/>
      <c r="OPO720" s="613"/>
      <c r="OPP720" s="613"/>
      <c r="OPQ720" s="613"/>
      <c r="OPR720" s="613"/>
      <c r="OPS720" s="613"/>
      <c r="OPT720" s="613"/>
      <c r="OPU720" s="613"/>
      <c r="OPV720" s="613"/>
      <c r="OPW720" s="613"/>
      <c r="OPX720" s="613"/>
      <c r="OPY720" s="613"/>
      <c r="OPZ720" s="613"/>
      <c r="OQA720" s="613"/>
      <c r="OQB720" s="613"/>
      <c r="OQC720" s="613"/>
      <c r="OQD720" s="613"/>
      <c r="OQE720" s="613"/>
      <c r="OQF720" s="613"/>
      <c r="OQG720" s="613"/>
      <c r="OQH720" s="613"/>
      <c r="OQI720" s="613"/>
      <c r="OQJ720" s="613"/>
      <c r="OQK720" s="613"/>
      <c r="OQL720" s="613"/>
      <c r="OQM720" s="613"/>
      <c r="OQN720" s="613"/>
      <c r="OQO720" s="613"/>
      <c r="OQP720" s="613"/>
      <c r="OQQ720" s="613"/>
      <c r="OQR720" s="613"/>
      <c r="OQS720" s="613"/>
      <c r="OQT720" s="613"/>
      <c r="OQU720" s="613"/>
      <c r="OQV720" s="613"/>
      <c r="OQW720" s="613"/>
      <c r="OQX720" s="613"/>
      <c r="OQY720" s="613"/>
      <c r="OQZ720" s="613"/>
      <c r="ORA720" s="613"/>
      <c r="ORB720" s="613"/>
      <c r="ORC720" s="613"/>
      <c r="ORD720" s="613"/>
      <c r="ORE720" s="613"/>
      <c r="ORF720" s="613"/>
      <c r="ORG720" s="613"/>
      <c r="ORH720" s="613"/>
      <c r="ORI720" s="613"/>
      <c r="ORJ720" s="613"/>
      <c r="ORK720" s="613"/>
      <c r="ORL720" s="613"/>
      <c r="ORM720" s="613"/>
      <c r="ORN720" s="613"/>
      <c r="ORO720" s="613"/>
      <c r="ORP720" s="613"/>
      <c r="ORQ720" s="613"/>
      <c r="ORR720" s="613"/>
      <c r="ORS720" s="613"/>
      <c r="ORT720" s="613"/>
      <c r="ORU720" s="613"/>
      <c r="ORV720" s="613"/>
      <c r="ORW720" s="613"/>
      <c r="ORX720" s="613"/>
      <c r="ORY720" s="613"/>
      <c r="ORZ720" s="613"/>
      <c r="OSA720" s="613"/>
      <c r="OSB720" s="613"/>
      <c r="OSC720" s="613"/>
      <c r="OSD720" s="613"/>
      <c r="OSE720" s="613"/>
      <c r="OSF720" s="613"/>
      <c r="OSG720" s="613"/>
      <c r="OSH720" s="613"/>
      <c r="OSI720" s="613"/>
      <c r="OSJ720" s="613"/>
      <c r="OSK720" s="613"/>
      <c r="OSL720" s="613"/>
      <c r="OSM720" s="613"/>
      <c r="OSN720" s="613"/>
      <c r="OSO720" s="613"/>
      <c r="OSP720" s="613"/>
      <c r="OSQ720" s="613"/>
      <c r="OSR720" s="613"/>
      <c r="OSS720" s="613"/>
      <c r="OST720" s="613"/>
      <c r="OSU720" s="613"/>
      <c r="OSV720" s="613"/>
      <c r="OSW720" s="613"/>
      <c r="OSX720" s="613"/>
      <c r="OSY720" s="613"/>
      <c r="OSZ720" s="613"/>
      <c r="OTA720" s="613"/>
      <c r="OTB720" s="613"/>
      <c r="OTC720" s="613"/>
      <c r="OTD720" s="613"/>
      <c r="OTE720" s="613"/>
      <c r="OTF720" s="613"/>
      <c r="OTG720" s="613"/>
      <c r="OTH720" s="613"/>
      <c r="OTI720" s="613"/>
      <c r="OTJ720" s="613"/>
      <c r="OTK720" s="613"/>
      <c r="OTL720" s="613"/>
      <c r="OTM720" s="613"/>
      <c r="OTN720" s="613"/>
      <c r="OTO720" s="613"/>
      <c r="OTP720" s="613"/>
      <c r="OTQ720" s="613"/>
      <c r="OTR720" s="613"/>
      <c r="OTS720" s="613"/>
      <c r="OTT720" s="613"/>
      <c r="OTU720" s="613"/>
      <c r="OTV720" s="613"/>
      <c r="OTW720" s="613"/>
      <c r="OTX720" s="613"/>
      <c r="OTY720" s="613"/>
      <c r="OTZ720" s="613"/>
      <c r="OUA720" s="613"/>
      <c r="OUB720" s="613"/>
      <c r="OUC720" s="613"/>
      <c r="OUD720" s="613"/>
      <c r="OUE720" s="613"/>
      <c r="OUF720" s="613"/>
      <c r="OUG720" s="613"/>
      <c r="OUH720" s="613"/>
      <c r="OUI720" s="613"/>
      <c r="OUJ720" s="613"/>
      <c r="OUK720" s="613"/>
      <c r="OUL720" s="613"/>
      <c r="OUM720" s="613"/>
      <c r="OUN720" s="613"/>
      <c r="OUO720" s="613"/>
      <c r="OUP720" s="613"/>
      <c r="OUQ720" s="613"/>
      <c r="OUR720" s="613"/>
      <c r="OUS720" s="613"/>
      <c r="OUT720" s="613"/>
      <c r="OUU720" s="613"/>
      <c r="OUV720" s="613"/>
      <c r="OUW720" s="613"/>
      <c r="OUX720" s="613"/>
      <c r="OUY720" s="613"/>
      <c r="OUZ720" s="613"/>
      <c r="OVA720" s="613"/>
      <c r="OVB720" s="613"/>
      <c r="OVC720" s="613"/>
      <c r="OVD720" s="613"/>
      <c r="OVE720" s="613"/>
      <c r="OVF720" s="613"/>
      <c r="OVG720" s="613"/>
      <c r="OVH720" s="613"/>
      <c r="OVI720" s="613"/>
      <c r="OVJ720" s="613"/>
      <c r="OVK720" s="613"/>
      <c r="OVL720" s="613"/>
      <c r="OVM720" s="613"/>
      <c r="OVN720" s="613"/>
      <c r="OVO720" s="613"/>
      <c r="OVP720" s="613"/>
      <c r="OVQ720" s="613"/>
      <c r="OVR720" s="613"/>
      <c r="OVS720" s="613"/>
      <c r="OVT720" s="613"/>
      <c r="OVU720" s="613"/>
      <c r="OVV720" s="613"/>
      <c r="OVW720" s="613"/>
      <c r="OVX720" s="613"/>
      <c r="OVY720" s="613"/>
      <c r="OVZ720" s="613"/>
      <c r="OWA720" s="613"/>
      <c r="OWB720" s="613"/>
      <c r="OWC720" s="613"/>
      <c r="OWD720" s="613"/>
      <c r="OWE720" s="613"/>
      <c r="OWF720" s="613"/>
      <c r="OWG720" s="613"/>
      <c r="OWH720" s="613"/>
      <c r="OWI720" s="613"/>
      <c r="OWJ720" s="613"/>
      <c r="OWK720" s="613"/>
      <c r="OWL720" s="613"/>
      <c r="OWM720" s="613"/>
      <c r="OWN720" s="613"/>
      <c r="OWO720" s="613"/>
      <c r="OWP720" s="613"/>
      <c r="OWQ720" s="613"/>
      <c r="OWR720" s="613"/>
      <c r="OWS720" s="613"/>
      <c r="OWT720" s="613"/>
      <c r="OWU720" s="613"/>
      <c r="OWV720" s="613"/>
      <c r="OWW720" s="613"/>
      <c r="OWX720" s="613"/>
      <c r="OWY720" s="613"/>
      <c r="OWZ720" s="613"/>
      <c r="OXA720" s="613"/>
      <c r="OXB720" s="613"/>
      <c r="OXC720" s="613"/>
      <c r="OXD720" s="613"/>
      <c r="OXE720" s="613"/>
      <c r="OXF720" s="613"/>
      <c r="OXG720" s="613"/>
      <c r="OXH720" s="613"/>
      <c r="OXI720" s="613"/>
      <c r="OXJ720" s="613"/>
      <c r="OXK720" s="613"/>
      <c r="OXL720" s="613"/>
      <c r="OXM720" s="613"/>
      <c r="OXN720" s="613"/>
      <c r="OXO720" s="613"/>
      <c r="OXP720" s="613"/>
      <c r="OXQ720" s="613"/>
      <c r="OXR720" s="613"/>
      <c r="OXS720" s="613"/>
      <c r="OXT720" s="613"/>
      <c r="OXU720" s="613"/>
      <c r="OXV720" s="613"/>
      <c r="OXW720" s="613"/>
      <c r="OXX720" s="613"/>
      <c r="OXY720" s="613"/>
      <c r="OXZ720" s="613"/>
      <c r="OYA720" s="613"/>
      <c r="OYB720" s="613"/>
      <c r="OYC720" s="613"/>
      <c r="OYD720" s="613"/>
      <c r="OYE720" s="613"/>
      <c r="OYF720" s="613"/>
      <c r="OYG720" s="613"/>
      <c r="OYH720" s="613"/>
      <c r="OYI720" s="613"/>
      <c r="OYJ720" s="613"/>
      <c r="OYK720" s="613"/>
      <c r="OYL720" s="613"/>
      <c r="OYM720" s="613"/>
      <c r="OYN720" s="613"/>
      <c r="OYO720" s="613"/>
      <c r="OYP720" s="613"/>
      <c r="OYQ720" s="613"/>
      <c r="OYR720" s="613"/>
      <c r="OYS720" s="613"/>
      <c r="OYT720" s="613"/>
      <c r="OYU720" s="613"/>
      <c r="OYV720" s="613"/>
      <c r="OYW720" s="613"/>
      <c r="OYX720" s="613"/>
      <c r="OYY720" s="613"/>
      <c r="OYZ720" s="613"/>
      <c r="OZA720" s="613"/>
      <c r="OZB720" s="613"/>
      <c r="OZC720" s="613"/>
      <c r="OZD720" s="613"/>
      <c r="OZE720" s="613"/>
      <c r="OZF720" s="613"/>
      <c r="OZG720" s="613"/>
      <c r="OZH720" s="613"/>
      <c r="OZI720" s="613"/>
      <c r="OZJ720" s="613"/>
      <c r="OZK720" s="613"/>
      <c r="OZL720" s="613"/>
      <c r="OZM720" s="613"/>
      <c r="OZN720" s="613"/>
      <c r="OZO720" s="613"/>
      <c r="OZP720" s="613"/>
      <c r="OZQ720" s="613"/>
      <c r="OZR720" s="613"/>
      <c r="OZS720" s="613"/>
      <c r="OZT720" s="613"/>
      <c r="OZU720" s="613"/>
      <c r="OZV720" s="613"/>
      <c r="OZW720" s="613"/>
      <c r="OZX720" s="613"/>
      <c r="OZY720" s="613"/>
      <c r="OZZ720" s="613"/>
      <c r="PAA720" s="613"/>
      <c r="PAB720" s="613"/>
      <c r="PAC720" s="613"/>
      <c r="PAD720" s="613"/>
      <c r="PAE720" s="613"/>
      <c r="PAF720" s="613"/>
      <c r="PAG720" s="613"/>
      <c r="PAH720" s="613"/>
      <c r="PAI720" s="613"/>
      <c r="PAJ720" s="613"/>
      <c r="PAK720" s="613"/>
      <c r="PAL720" s="613"/>
      <c r="PAM720" s="613"/>
      <c r="PAN720" s="613"/>
      <c r="PAO720" s="613"/>
      <c r="PAP720" s="613"/>
      <c r="PAQ720" s="613"/>
      <c r="PAR720" s="613"/>
      <c r="PAS720" s="613"/>
      <c r="PAT720" s="613"/>
      <c r="PAU720" s="613"/>
      <c r="PAV720" s="613"/>
      <c r="PAW720" s="613"/>
      <c r="PAX720" s="613"/>
      <c r="PAY720" s="613"/>
      <c r="PAZ720" s="613"/>
      <c r="PBA720" s="613"/>
      <c r="PBB720" s="613"/>
      <c r="PBC720" s="613"/>
      <c r="PBD720" s="613"/>
      <c r="PBE720" s="613"/>
      <c r="PBF720" s="613"/>
      <c r="PBG720" s="613"/>
      <c r="PBH720" s="613"/>
      <c r="PBI720" s="613"/>
      <c r="PBJ720" s="613"/>
      <c r="PBK720" s="613"/>
      <c r="PBL720" s="613"/>
      <c r="PBM720" s="613"/>
      <c r="PBN720" s="613"/>
      <c r="PBO720" s="613"/>
      <c r="PBP720" s="613"/>
      <c r="PBQ720" s="613"/>
      <c r="PBR720" s="613"/>
      <c r="PBS720" s="613"/>
      <c r="PBT720" s="613"/>
      <c r="PBU720" s="613"/>
      <c r="PBV720" s="613"/>
      <c r="PBW720" s="613"/>
      <c r="PBX720" s="613"/>
      <c r="PBY720" s="613"/>
      <c r="PBZ720" s="613"/>
      <c r="PCA720" s="613"/>
      <c r="PCB720" s="613"/>
      <c r="PCC720" s="613"/>
      <c r="PCD720" s="613"/>
      <c r="PCE720" s="613"/>
      <c r="PCF720" s="613"/>
      <c r="PCG720" s="613"/>
      <c r="PCH720" s="613"/>
      <c r="PCI720" s="613"/>
      <c r="PCJ720" s="613"/>
      <c r="PCK720" s="613"/>
      <c r="PCL720" s="613"/>
      <c r="PCM720" s="613"/>
      <c r="PCN720" s="613"/>
      <c r="PCO720" s="613"/>
      <c r="PCP720" s="613"/>
      <c r="PCQ720" s="613"/>
      <c r="PCR720" s="613"/>
      <c r="PCS720" s="613"/>
      <c r="PCT720" s="613"/>
      <c r="PCU720" s="613"/>
      <c r="PCV720" s="613"/>
      <c r="PCW720" s="613"/>
      <c r="PCX720" s="613"/>
      <c r="PCY720" s="613"/>
      <c r="PCZ720" s="613"/>
      <c r="PDA720" s="613"/>
      <c r="PDB720" s="613"/>
      <c r="PDC720" s="613"/>
      <c r="PDD720" s="613"/>
      <c r="PDE720" s="613"/>
      <c r="PDF720" s="613"/>
      <c r="PDG720" s="613"/>
      <c r="PDH720" s="613"/>
      <c r="PDI720" s="613"/>
      <c r="PDJ720" s="613"/>
      <c r="PDK720" s="613"/>
      <c r="PDL720" s="613"/>
      <c r="PDM720" s="613"/>
      <c r="PDN720" s="613"/>
      <c r="PDO720" s="613"/>
      <c r="PDP720" s="613"/>
      <c r="PDQ720" s="613"/>
      <c r="PDR720" s="613"/>
      <c r="PDS720" s="613"/>
      <c r="PDT720" s="613"/>
      <c r="PDU720" s="613"/>
      <c r="PDV720" s="613"/>
      <c r="PDW720" s="613"/>
      <c r="PDX720" s="613"/>
      <c r="PDY720" s="613"/>
      <c r="PDZ720" s="613"/>
      <c r="PEA720" s="613"/>
      <c r="PEB720" s="613"/>
      <c r="PEC720" s="613"/>
      <c r="PED720" s="613"/>
      <c r="PEE720" s="613"/>
      <c r="PEF720" s="613"/>
      <c r="PEG720" s="613"/>
      <c r="PEH720" s="613"/>
      <c r="PEI720" s="613"/>
      <c r="PEJ720" s="613"/>
      <c r="PEK720" s="613"/>
      <c r="PEL720" s="613"/>
      <c r="PEM720" s="613"/>
      <c r="PEN720" s="613"/>
      <c r="PEO720" s="613"/>
      <c r="PEP720" s="613"/>
      <c r="PEQ720" s="613"/>
      <c r="PER720" s="613"/>
      <c r="PES720" s="613"/>
      <c r="PET720" s="613"/>
      <c r="PEU720" s="613"/>
      <c r="PEV720" s="613"/>
      <c r="PEW720" s="613"/>
      <c r="PEX720" s="613"/>
      <c r="PEY720" s="613"/>
      <c r="PEZ720" s="613"/>
      <c r="PFA720" s="613"/>
      <c r="PFB720" s="613"/>
      <c r="PFC720" s="613"/>
      <c r="PFD720" s="613"/>
      <c r="PFE720" s="613"/>
      <c r="PFF720" s="613"/>
      <c r="PFG720" s="613"/>
      <c r="PFH720" s="613"/>
      <c r="PFI720" s="613"/>
      <c r="PFJ720" s="613"/>
      <c r="PFK720" s="613"/>
      <c r="PFL720" s="613"/>
      <c r="PFM720" s="613"/>
      <c r="PFN720" s="613"/>
      <c r="PFO720" s="613"/>
      <c r="PFP720" s="613"/>
      <c r="PFQ720" s="613"/>
      <c r="PFR720" s="613"/>
      <c r="PFS720" s="613"/>
      <c r="PFT720" s="613"/>
      <c r="PFU720" s="613"/>
      <c r="PFV720" s="613"/>
      <c r="PFW720" s="613"/>
      <c r="PFX720" s="613"/>
      <c r="PFY720" s="613"/>
      <c r="PFZ720" s="613"/>
      <c r="PGA720" s="613"/>
      <c r="PGB720" s="613"/>
      <c r="PGC720" s="613"/>
      <c r="PGD720" s="613"/>
      <c r="PGE720" s="613"/>
      <c r="PGF720" s="613"/>
      <c r="PGG720" s="613"/>
      <c r="PGH720" s="613"/>
      <c r="PGI720" s="613"/>
      <c r="PGJ720" s="613"/>
      <c r="PGK720" s="613"/>
      <c r="PGL720" s="613"/>
      <c r="PGM720" s="613"/>
      <c r="PGN720" s="613"/>
      <c r="PGO720" s="613"/>
      <c r="PGP720" s="613"/>
      <c r="PGQ720" s="613"/>
      <c r="PGR720" s="613"/>
      <c r="PGS720" s="613"/>
      <c r="PGT720" s="613"/>
      <c r="PGU720" s="613"/>
      <c r="PGV720" s="613"/>
      <c r="PGW720" s="613"/>
      <c r="PGX720" s="613"/>
      <c r="PGY720" s="613"/>
      <c r="PGZ720" s="613"/>
      <c r="PHA720" s="613"/>
      <c r="PHB720" s="613"/>
      <c r="PHC720" s="613"/>
      <c r="PHD720" s="613"/>
      <c r="PHE720" s="613"/>
      <c r="PHF720" s="613"/>
      <c r="PHG720" s="613"/>
      <c r="PHH720" s="613"/>
      <c r="PHI720" s="613"/>
      <c r="PHJ720" s="613"/>
      <c r="PHK720" s="613"/>
      <c r="PHL720" s="613"/>
      <c r="PHM720" s="613"/>
      <c r="PHN720" s="613"/>
      <c r="PHO720" s="613"/>
      <c r="PHP720" s="613"/>
      <c r="PHQ720" s="613"/>
      <c r="PHR720" s="613"/>
      <c r="PHS720" s="613"/>
      <c r="PHT720" s="613"/>
      <c r="PHU720" s="613"/>
      <c r="PHV720" s="613"/>
      <c r="PHW720" s="613"/>
      <c r="PHX720" s="613"/>
      <c r="PHY720" s="613"/>
      <c r="PHZ720" s="613"/>
      <c r="PIA720" s="613"/>
      <c r="PIB720" s="613"/>
      <c r="PIC720" s="613"/>
      <c r="PID720" s="613"/>
      <c r="PIE720" s="613"/>
      <c r="PIF720" s="613"/>
      <c r="PIG720" s="613"/>
      <c r="PIH720" s="613"/>
      <c r="PII720" s="613"/>
      <c r="PIJ720" s="613"/>
      <c r="PIK720" s="613"/>
      <c r="PIL720" s="613"/>
      <c r="PIM720" s="613"/>
      <c r="PIN720" s="613"/>
      <c r="PIO720" s="613"/>
      <c r="PIP720" s="613"/>
      <c r="PIQ720" s="613"/>
      <c r="PIR720" s="613"/>
      <c r="PIS720" s="613"/>
      <c r="PIT720" s="613"/>
      <c r="PIU720" s="613"/>
      <c r="PIV720" s="613"/>
      <c r="PIW720" s="613"/>
      <c r="PIX720" s="613"/>
      <c r="PIY720" s="613"/>
      <c r="PIZ720" s="613"/>
      <c r="PJA720" s="613"/>
      <c r="PJB720" s="613"/>
      <c r="PJC720" s="613"/>
      <c r="PJD720" s="613"/>
      <c r="PJE720" s="613"/>
      <c r="PJF720" s="613"/>
      <c r="PJG720" s="613"/>
      <c r="PJH720" s="613"/>
      <c r="PJI720" s="613"/>
      <c r="PJJ720" s="613"/>
      <c r="PJK720" s="613"/>
      <c r="PJL720" s="613"/>
      <c r="PJM720" s="613"/>
      <c r="PJN720" s="613"/>
      <c r="PJO720" s="613"/>
      <c r="PJP720" s="613"/>
      <c r="PJQ720" s="613"/>
      <c r="PJR720" s="613"/>
      <c r="PJS720" s="613"/>
      <c r="PJT720" s="613"/>
      <c r="PJU720" s="613"/>
      <c r="PJV720" s="613"/>
      <c r="PJW720" s="613"/>
      <c r="PJX720" s="613"/>
      <c r="PJY720" s="613"/>
      <c r="PJZ720" s="613"/>
      <c r="PKA720" s="613"/>
      <c r="PKB720" s="613"/>
      <c r="PKC720" s="613"/>
      <c r="PKD720" s="613"/>
      <c r="PKE720" s="613"/>
      <c r="PKF720" s="613"/>
      <c r="PKG720" s="613"/>
      <c r="PKH720" s="613"/>
      <c r="PKI720" s="613"/>
      <c r="PKJ720" s="613"/>
      <c r="PKK720" s="613"/>
      <c r="PKL720" s="613"/>
      <c r="PKM720" s="613"/>
      <c r="PKN720" s="613"/>
      <c r="PKO720" s="613"/>
      <c r="PKP720" s="613"/>
      <c r="PKQ720" s="613"/>
      <c r="PKR720" s="613"/>
      <c r="PKS720" s="613"/>
      <c r="PKT720" s="613"/>
      <c r="PKU720" s="613"/>
      <c r="PKV720" s="613"/>
      <c r="PKW720" s="613"/>
      <c r="PKX720" s="613"/>
      <c r="PKY720" s="613"/>
      <c r="PKZ720" s="613"/>
      <c r="PLA720" s="613"/>
      <c r="PLB720" s="613"/>
      <c r="PLC720" s="613"/>
      <c r="PLD720" s="613"/>
      <c r="PLE720" s="613"/>
      <c r="PLF720" s="613"/>
      <c r="PLG720" s="613"/>
      <c r="PLH720" s="613"/>
      <c r="PLI720" s="613"/>
      <c r="PLJ720" s="613"/>
      <c r="PLK720" s="613"/>
      <c r="PLL720" s="613"/>
      <c r="PLM720" s="613"/>
      <c r="PLN720" s="613"/>
      <c r="PLO720" s="613"/>
      <c r="PLP720" s="613"/>
      <c r="PLQ720" s="613"/>
      <c r="PLR720" s="613"/>
      <c r="PLS720" s="613"/>
      <c r="PLT720" s="613"/>
      <c r="PLU720" s="613"/>
      <c r="PLV720" s="613"/>
      <c r="PLW720" s="613"/>
      <c r="PLX720" s="613"/>
      <c r="PLY720" s="613"/>
      <c r="PLZ720" s="613"/>
      <c r="PMA720" s="613"/>
      <c r="PMB720" s="613"/>
      <c r="PMC720" s="613"/>
      <c r="PMD720" s="613"/>
      <c r="PME720" s="613"/>
      <c r="PMF720" s="613"/>
      <c r="PMG720" s="613"/>
      <c r="PMH720" s="613"/>
      <c r="PMI720" s="613"/>
      <c r="PMJ720" s="613"/>
      <c r="PMK720" s="613"/>
      <c r="PML720" s="613"/>
      <c r="PMM720" s="613"/>
      <c r="PMN720" s="613"/>
      <c r="PMO720" s="613"/>
      <c r="PMP720" s="613"/>
      <c r="PMQ720" s="613"/>
      <c r="PMR720" s="613"/>
      <c r="PMS720" s="613"/>
      <c r="PMT720" s="613"/>
      <c r="PMU720" s="613"/>
      <c r="PMV720" s="613"/>
      <c r="PMW720" s="613"/>
      <c r="PMX720" s="613"/>
      <c r="PMY720" s="613"/>
      <c r="PMZ720" s="613"/>
      <c r="PNA720" s="613"/>
      <c r="PNB720" s="613"/>
      <c r="PNC720" s="613"/>
      <c r="PND720" s="613"/>
      <c r="PNE720" s="613"/>
      <c r="PNF720" s="613"/>
      <c r="PNG720" s="613"/>
      <c r="PNH720" s="613"/>
      <c r="PNI720" s="613"/>
      <c r="PNJ720" s="613"/>
      <c r="PNK720" s="613"/>
      <c r="PNL720" s="613"/>
      <c r="PNM720" s="613"/>
      <c r="PNN720" s="613"/>
      <c r="PNO720" s="613"/>
      <c r="PNP720" s="613"/>
      <c r="PNQ720" s="613"/>
      <c r="PNR720" s="613"/>
      <c r="PNS720" s="613"/>
      <c r="PNT720" s="613"/>
      <c r="PNU720" s="613"/>
      <c r="PNV720" s="613"/>
      <c r="PNW720" s="613"/>
      <c r="PNX720" s="613"/>
      <c r="PNY720" s="613"/>
      <c r="PNZ720" s="613"/>
      <c r="POA720" s="613"/>
      <c r="POB720" s="613"/>
      <c r="POC720" s="613"/>
      <c r="POD720" s="613"/>
      <c r="POE720" s="613"/>
      <c r="POF720" s="613"/>
      <c r="POG720" s="613"/>
      <c r="POH720" s="613"/>
      <c r="POI720" s="613"/>
      <c r="POJ720" s="613"/>
      <c r="POK720" s="613"/>
      <c r="POL720" s="613"/>
      <c r="POM720" s="613"/>
      <c r="PON720" s="613"/>
      <c r="POO720" s="613"/>
      <c r="POP720" s="613"/>
      <c r="POQ720" s="613"/>
      <c r="POR720" s="613"/>
      <c r="POS720" s="613"/>
      <c r="POT720" s="613"/>
      <c r="POU720" s="613"/>
      <c r="POV720" s="613"/>
      <c r="POW720" s="613"/>
      <c r="POX720" s="613"/>
      <c r="POY720" s="613"/>
      <c r="POZ720" s="613"/>
      <c r="PPA720" s="613"/>
      <c r="PPB720" s="613"/>
      <c r="PPC720" s="613"/>
      <c r="PPD720" s="613"/>
      <c r="PPE720" s="613"/>
      <c r="PPF720" s="613"/>
      <c r="PPG720" s="613"/>
      <c r="PPH720" s="613"/>
      <c r="PPI720" s="613"/>
      <c r="PPJ720" s="613"/>
      <c r="PPK720" s="613"/>
      <c r="PPL720" s="613"/>
      <c r="PPM720" s="613"/>
      <c r="PPN720" s="613"/>
      <c r="PPO720" s="613"/>
      <c r="PPP720" s="613"/>
      <c r="PPQ720" s="613"/>
      <c r="PPR720" s="613"/>
      <c r="PPS720" s="613"/>
      <c r="PPT720" s="613"/>
      <c r="PPU720" s="613"/>
      <c r="PPV720" s="613"/>
      <c r="PPW720" s="613"/>
      <c r="PPX720" s="613"/>
      <c r="PPY720" s="613"/>
      <c r="PPZ720" s="613"/>
      <c r="PQA720" s="613"/>
      <c r="PQB720" s="613"/>
      <c r="PQC720" s="613"/>
      <c r="PQD720" s="613"/>
      <c r="PQE720" s="613"/>
      <c r="PQF720" s="613"/>
      <c r="PQG720" s="613"/>
      <c r="PQH720" s="613"/>
      <c r="PQI720" s="613"/>
      <c r="PQJ720" s="613"/>
      <c r="PQK720" s="613"/>
      <c r="PQL720" s="613"/>
      <c r="PQM720" s="613"/>
      <c r="PQN720" s="613"/>
      <c r="PQO720" s="613"/>
      <c r="PQP720" s="613"/>
      <c r="PQQ720" s="613"/>
      <c r="PQR720" s="613"/>
      <c r="PQS720" s="613"/>
      <c r="PQT720" s="613"/>
      <c r="PQU720" s="613"/>
      <c r="PQV720" s="613"/>
      <c r="PQW720" s="613"/>
      <c r="PQX720" s="613"/>
      <c r="PQY720" s="613"/>
      <c r="PQZ720" s="613"/>
      <c r="PRA720" s="613"/>
      <c r="PRB720" s="613"/>
      <c r="PRC720" s="613"/>
      <c r="PRD720" s="613"/>
      <c r="PRE720" s="613"/>
      <c r="PRF720" s="613"/>
      <c r="PRG720" s="613"/>
      <c r="PRH720" s="613"/>
      <c r="PRI720" s="613"/>
      <c r="PRJ720" s="613"/>
      <c r="PRK720" s="613"/>
      <c r="PRL720" s="613"/>
      <c r="PRM720" s="613"/>
      <c r="PRN720" s="613"/>
      <c r="PRO720" s="613"/>
      <c r="PRP720" s="613"/>
      <c r="PRQ720" s="613"/>
      <c r="PRR720" s="613"/>
      <c r="PRS720" s="613"/>
      <c r="PRT720" s="613"/>
      <c r="PRU720" s="613"/>
      <c r="PRV720" s="613"/>
      <c r="PRW720" s="613"/>
      <c r="PRX720" s="613"/>
      <c r="PRY720" s="613"/>
      <c r="PRZ720" s="613"/>
      <c r="PSA720" s="613"/>
      <c r="PSB720" s="613"/>
      <c r="PSC720" s="613"/>
      <c r="PSD720" s="613"/>
      <c r="PSE720" s="613"/>
      <c r="PSF720" s="613"/>
      <c r="PSG720" s="613"/>
      <c r="PSH720" s="613"/>
      <c r="PSI720" s="613"/>
      <c r="PSJ720" s="613"/>
      <c r="PSK720" s="613"/>
      <c r="PSL720" s="613"/>
      <c r="PSM720" s="613"/>
      <c r="PSN720" s="613"/>
      <c r="PSO720" s="613"/>
      <c r="PSP720" s="613"/>
      <c r="PSQ720" s="613"/>
      <c r="PSR720" s="613"/>
      <c r="PSS720" s="613"/>
      <c r="PST720" s="613"/>
      <c r="PSU720" s="613"/>
      <c r="PSV720" s="613"/>
      <c r="PSW720" s="613"/>
      <c r="PSX720" s="613"/>
      <c r="PSY720" s="613"/>
      <c r="PSZ720" s="613"/>
      <c r="PTA720" s="613"/>
      <c r="PTB720" s="613"/>
      <c r="PTC720" s="613"/>
      <c r="PTD720" s="613"/>
      <c r="PTE720" s="613"/>
      <c r="PTF720" s="613"/>
      <c r="PTG720" s="613"/>
      <c r="PTH720" s="613"/>
      <c r="PTI720" s="613"/>
      <c r="PTJ720" s="613"/>
      <c r="PTK720" s="613"/>
      <c r="PTL720" s="613"/>
      <c r="PTM720" s="613"/>
      <c r="PTN720" s="613"/>
      <c r="PTO720" s="613"/>
      <c r="PTP720" s="613"/>
      <c r="PTQ720" s="613"/>
      <c r="PTR720" s="613"/>
      <c r="PTS720" s="613"/>
      <c r="PTT720" s="613"/>
      <c r="PTU720" s="613"/>
      <c r="PTV720" s="613"/>
      <c r="PTW720" s="613"/>
      <c r="PTX720" s="613"/>
      <c r="PTY720" s="613"/>
      <c r="PTZ720" s="613"/>
      <c r="PUA720" s="613"/>
      <c r="PUB720" s="613"/>
      <c r="PUC720" s="613"/>
      <c r="PUD720" s="613"/>
      <c r="PUE720" s="613"/>
      <c r="PUF720" s="613"/>
      <c r="PUG720" s="613"/>
      <c r="PUH720" s="613"/>
      <c r="PUI720" s="613"/>
      <c r="PUJ720" s="613"/>
      <c r="PUK720" s="613"/>
      <c r="PUL720" s="613"/>
      <c r="PUM720" s="613"/>
      <c r="PUN720" s="613"/>
      <c r="PUO720" s="613"/>
      <c r="PUP720" s="613"/>
      <c r="PUQ720" s="613"/>
      <c r="PUR720" s="613"/>
      <c r="PUS720" s="613"/>
      <c r="PUT720" s="613"/>
      <c r="PUU720" s="613"/>
      <c r="PUV720" s="613"/>
      <c r="PUW720" s="613"/>
      <c r="PUX720" s="613"/>
      <c r="PUY720" s="613"/>
      <c r="PUZ720" s="613"/>
      <c r="PVA720" s="613"/>
      <c r="PVB720" s="613"/>
      <c r="PVC720" s="613"/>
      <c r="PVD720" s="613"/>
      <c r="PVE720" s="613"/>
      <c r="PVF720" s="613"/>
      <c r="PVG720" s="613"/>
      <c r="PVH720" s="613"/>
      <c r="PVI720" s="613"/>
      <c r="PVJ720" s="613"/>
      <c r="PVK720" s="613"/>
      <c r="PVL720" s="613"/>
      <c r="PVM720" s="613"/>
      <c r="PVN720" s="613"/>
      <c r="PVO720" s="613"/>
      <c r="PVP720" s="613"/>
      <c r="PVQ720" s="613"/>
      <c r="PVR720" s="613"/>
      <c r="PVS720" s="613"/>
      <c r="PVT720" s="613"/>
      <c r="PVU720" s="613"/>
      <c r="PVV720" s="613"/>
      <c r="PVW720" s="613"/>
      <c r="PVX720" s="613"/>
      <c r="PVY720" s="613"/>
      <c r="PVZ720" s="613"/>
      <c r="PWA720" s="613"/>
      <c r="PWB720" s="613"/>
      <c r="PWC720" s="613"/>
      <c r="PWD720" s="613"/>
      <c r="PWE720" s="613"/>
      <c r="PWF720" s="613"/>
      <c r="PWG720" s="613"/>
      <c r="PWH720" s="613"/>
      <c r="PWI720" s="613"/>
      <c r="PWJ720" s="613"/>
      <c r="PWK720" s="613"/>
      <c r="PWL720" s="613"/>
      <c r="PWM720" s="613"/>
      <c r="PWN720" s="613"/>
      <c r="PWO720" s="613"/>
      <c r="PWP720" s="613"/>
      <c r="PWQ720" s="613"/>
      <c r="PWR720" s="613"/>
      <c r="PWS720" s="613"/>
      <c r="PWT720" s="613"/>
      <c r="PWU720" s="613"/>
      <c r="PWV720" s="613"/>
      <c r="PWW720" s="613"/>
      <c r="PWX720" s="613"/>
      <c r="PWY720" s="613"/>
      <c r="PWZ720" s="613"/>
      <c r="PXA720" s="613"/>
      <c r="PXB720" s="613"/>
      <c r="PXC720" s="613"/>
      <c r="PXD720" s="613"/>
      <c r="PXE720" s="613"/>
      <c r="PXF720" s="613"/>
      <c r="PXG720" s="613"/>
      <c r="PXH720" s="613"/>
      <c r="PXI720" s="613"/>
      <c r="PXJ720" s="613"/>
      <c r="PXK720" s="613"/>
      <c r="PXL720" s="613"/>
      <c r="PXM720" s="613"/>
      <c r="PXN720" s="613"/>
      <c r="PXO720" s="613"/>
      <c r="PXP720" s="613"/>
      <c r="PXQ720" s="613"/>
      <c r="PXR720" s="613"/>
      <c r="PXS720" s="613"/>
      <c r="PXT720" s="613"/>
      <c r="PXU720" s="613"/>
      <c r="PXV720" s="613"/>
      <c r="PXW720" s="613"/>
      <c r="PXX720" s="613"/>
      <c r="PXY720" s="613"/>
      <c r="PXZ720" s="613"/>
      <c r="PYA720" s="613"/>
      <c r="PYB720" s="613"/>
      <c r="PYC720" s="613"/>
      <c r="PYD720" s="613"/>
      <c r="PYE720" s="613"/>
      <c r="PYF720" s="613"/>
      <c r="PYG720" s="613"/>
      <c r="PYH720" s="613"/>
      <c r="PYI720" s="613"/>
      <c r="PYJ720" s="613"/>
      <c r="PYK720" s="613"/>
      <c r="PYL720" s="613"/>
      <c r="PYM720" s="613"/>
      <c r="PYN720" s="613"/>
      <c r="PYO720" s="613"/>
      <c r="PYP720" s="613"/>
      <c r="PYQ720" s="613"/>
      <c r="PYR720" s="613"/>
      <c r="PYS720" s="613"/>
      <c r="PYT720" s="613"/>
      <c r="PYU720" s="613"/>
      <c r="PYV720" s="613"/>
      <c r="PYW720" s="613"/>
      <c r="PYX720" s="613"/>
      <c r="PYY720" s="613"/>
      <c r="PYZ720" s="613"/>
      <c r="PZA720" s="613"/>
      <c r="PZB720" s="613"/>
      <c r="PZC720" s="613"/>
      <c r="PZD720" s="613"/>
      <c r="PZE720" s="613"/>
      <c r="PZF720" s="613"/>
      <c r="PZG720" s="613"/>
      <c r="PZH720" s="613"/>
      <c r="PZI720" s="613"/>
      <c r="PZJ720" s="613"/>
      <c r="PZK720" s="613"/>
      <c r="PZL720" s="613"/>
      <c r="PZM720" s="613"/>
      <c r="PZN720" s="613"/>
      <c r="PZO720" s="613"/>
      <c r="PZP720" s="613"/>
      <c r="PZQ720" s="613"/>
      <c r="PZR720" s="613"/>
      <c r="PZS720" s="613"/>
      <c r="PZT720" s="613"/>
      <c r="PZU720" s="613"/>
      <c r="PZV720" s="613"/>
      <c r="PZW720" s="613"/>
      <c r="PZX720" s="613"/>
      <c r="PZY720" s="613"/>
      <c r="PZZ720" s="613"/>
      <c r="QAA720" s="613"/>
      <c r="QAB720" s="613"/>
      <c r="QAC720" s="613"/>
      <c r="QAD720" s="613"/>
      <c r="QAE720" s="613"/>
      <c r="QAF720" s="613"/>
      <c r="QAG720" s="613"/>
      <c r="QAH720" s="613"/>
      <c r="QAI720" s="613"/>
      <c r="QAJ720" s="613"/>
      <c r="QAK720" s="613"/>
      <c r="QAL720" s="613"/>
      <c r="QAM720" s="613"/>
      <c r="QAN720" s="613"/>
      <c r="QAO720" s="613"/>
      <c r="QAP720" s="613"/>
      <c r="QAQ720" s="613"/>
      <c r="QAR720" s="613"/>
      <c r="QAS720" s="613"/>
      <c r="QAT720" s="613"/>
      <c r="QAU720" s="613"/>
      <c r="QAV720" s="613"/>
      <c r="QAW720" s="613"/>
      <c r="QAX720" s="613"/>
      <c r="QAY720" s="613"/>
      <c r="QAZ720" s="613"/>
      <c r="QBA720" s="613"/>
      <c r="QBB720" s="613"/>
      <c r="QBC720" s="613"/>
      <c r="QBD720" s="613"/>
      <c r="QBE720" s="613"/>
      <c r="QBF720" s="613"/>
      <c r="QBG720" s="613"/>
      <c r="QBH720" s="613"/>
      <c r="QBI720" s="613"/>
      <c r="QBJ720" s="613"/>
      <c r="QBK720" s="613"/>
      <c r="QBL720" s="613"/>
      <c r="QBM720" s="613"/>
      <c r="QBN720" s="613"/>
      <c r="QBO720" s="613"/>
      <c r="QBP720" s="613"/>
      <c r="QBQ720" s="613"/>
      <c r="QBR720" s="613"/>
      <c r="QBS720" s="613"/>
      <c r="QBT720" s="613"/>
      <c r="QBU720" s="613"/>
      <c r="QBV720" s="613"/>
      <c r="QBW720" s="613"/>
      <c r="QBX720" s="613"/>
      <c r="QBY720" s="613"/>
      <c r="QBZ720" s="613"/>
      <c r="QCA720" s="613"/>
      <c r="QCB720" s="613"/>
      <c r="QCC720" s="613"/>
      <c r="QCD720" s="613"/>
      <c r="QCE720" s="613"/>
      <c r="QCF720" s="613"/>
      <c r="QCG720" s="613"/>
      <c r="QCH720" s="613"/>
      <c r="QCI720" s="613"/>
      <c r="QCJ720" s="613"/>
      <c r="QCK720" s="613"/>
      <c r="QCL720" s="613"/>
      <c r="QCM720" s="613"/>
      <c r="QCN720" s="613"/>
      <c r="QCO720" s="613"/>
      <c r="QCP720" s="613"/>
      <c r="QCQ720" s="613"/>
      <c r="QCR720" s="613"/>
      <c r="QCS720" s="613"/>
      <c r="QCT720" s="613"/>
      <c r="QCU720" s="613"/>
      <c r="QCV720" s="613"/>
      <c r="QCW720" s="613"/>
      <c r="QCX720" s="613"/>
      <c r="QCY720" s="613"/>
      <c r="QCZ720" s="613"/>
      <c r="QDA720" s="613"/>
      <c r="QDB720" s="613"/>
      <c r="QDC720" s="613"/>
      <c r="QDD720" s="613"/>
      <c r="QDE720" s="613"/>
      <c r="QDF720" s="613"/>
      <c r="QDG720" s="613"/>
      <c r="QDH720" s="613"/>
      <c r="QDI720" s="613"/>
      <c r="QDJ720" s="613"/>
      <c r="QDK720" s="613"/>
      <c r="QDL720" s="613"/>
      <c r="QDM720" s="613"/>
      <c r="QDN720" s="613"/>
      <c r="QDO720" s="613"/>
      <c r="QDP720" s="613"/>
      <c r="QDQ720" s="613"/>
      <c r="QDR720" s="613"/>
      <c r="QDS720" s="613"/>
      <c r="QDT720" s="613"/>
      <c r="QDU720" s="613"/>
      <c r="QDV720" s="613"/>
      <c r="QDW720" s="613"/>
      <c r="QDX720" s="613"/>
      <c r="QDY720" s="613"/>
      <c r="QDZ720" s="613"/>
      <c r="QEA720" s="613"/>
      <c r="QEB720" s="613"/>
      <c r="QEC720" s="613"/>
      <c r="QED720" s="613"/>
      <c r="QEE720" s="613"/>
      <c r="QEF720" s="613"/>
      <c r="QEG720" s="613"/>
      <c r="QEH720" s="613"/>
      <c r="QEI720" s="613"/>
      <c r="QEJ720" s="613"/>
      <c r="QEK720" s="613"/>
      <c r="QEL720" s="613"/>
      <c r="QEM720" s="613"/>
      <c r="QEN720" s="613"/>
      <c r="QEO720" s="613"/>
      <c r="QEP720" s="613"/>
      <c r="QEQ720" s="613"/>
      <c r="QER720" s="613"/>
      <c r="QES720" s="613"/>
      <c r="QET720" s="613"/>
      <c r="QEU720" s="613"/>
      <c r="QEV720" s="613"/>
      <c r="QEW720" s="613"/>
      <c r="QEX720" s="613"/>
      <c r="QEY720" s="613"/>
      <c r="QEZ720" s="613"/>
      <c r="QFA720" s="613"/>
      <c r="QFB720" s="613"/>
      <c r="QFC720" s="613"/>
      <c r="QFD720" s="613"/>
      <c r="QFE720" s="613"/>
      <c r="QFF720" s="613"/>
      <c r="QFG720" s="613"/>
      <c r="QFH720" s="613"/>
      <c r="QFI720" s="613"/>
      <c r="QFJ720" s="613"/>
      <c r="QFK720" s="613"/>
      <c r="QFL720" s="613"/>
      <c r="QFM720" s="613"/>
      <c r="QFN720" s="613"/>
      <c r="QFO720" s="613"/>
      <c r="QFP720" s="613"/>
      <c r="QFQ720" s="613"/>
      <c r="QFR720" s="613"/>
      <c r="QFS720" s="613"/>
      <c r="QFT720" s="613"/>
      <c r="QFU720" s="613"/>
      <c r="QFV720" s="613"/>
      <c r="QFW720" s="613"/>
      <c r="QFX720" s="613"/>
      <c r="QFY720" s="613"/>
      <c r="QFZ720" s="613"/>
      <c r="QGA720" s="613"/>
      <c r="QGB720" s="613"/>
      <c r="QGC720" s="613"/>
      <c r="QGD720" s="613"/>
      <c r="QGE720" s="613"/>
      <c r="QGF720" s="613"/>
      <c r="QGG720" s="613"/>
      <c r="QGH720" s="613"/>
      <c r="QGI720" s="613"/>
      <c r="QGJ720" s="613"/>
      <c r="QGK720" s="613"/>
      <c r="QGL720" s="613"/>
      <c r="QGM720" s="613"/>
      <c r="QGN720" s="613"/>
      <c r="QGO720" s="613"/>
      <c r="QGP720" s="613"/>
      <c r="QGQ720" s="613"/>
      <c r="QGR720" s="613"/>
      <c r="QGS720" s="613"/>
      <c r="QGT720" s="613"/>
      <c r="QGU720" s="613"/>
      <c r="QGV720" s="613"/>
      <c r="QGW720" s="613"/>
      <c r="QGX720" s="613"/>
      <c r="QGY720" s="613"/>
      <c r="QGZ720" s="613"/>
      <c r="QHA720" s="613"/>
      <c r="QHB720" s="613"/>
      <c r="QHC720" s="613"/>
      <c r="QHD720" s="613"/>
      <c r="QHE720" s="613"/>
      <c r="QHF720" s="613"/>
      <c r="QHG720" s="613"/>
      <c r="QHH720" s="613"/>
      <c r="QHI720" s="613"/>
      <c r="QHJ720" s="613"/>
      <c r="QHK720" s="613"/>
      <c r="QHL720" s="613"/>
      <c r="QHM720" s="613"/>
      <c r="QHN720" s="613"/>
      <c r="QHO720" s="613"/>
      <c r="QHP720" s="613"/>
      <c r="QHQ720" s="613"/>
      <c r="QHR720" s="613"/>
      <c r="QHS720" s="613"/>
      <c r="QHT720" s="613"/>
      <c r="QHU720" s="613"/>
      <c r="QHV720" s="613"/>
      <c r="QHW720" s="613"/>
      <c r="QHX720" s="613"/>
      <c r="QHY720" s="613"/>
      <c r="QHZ720" s="613"/>
      <c r="QIA720" s="613"/>
      <c r="QIB720" s="613"/>
      <c r="QIC720" s="613"/>
      <c r="QID720" s="613"/>
      <c r="QIE720" s="613"/>
      <c r="QIF720" s="613"/>
      <c r="QIG720" s="613"/>
      <c r="QIH720" s="613"/>
      <c r="QII720" s="613"/>
      <c r="QIJ720" s="613"/>
      <c r="QIK720" s="613"/>
      <c r="QIL720" s="613"/>
      <c r="QIM720" s="613"/>
      <c r="QIN720" s="613"/>
      <c r="QIO720" s="613"/>
      <c r="QIP720" s="613"/>
      <c r="QIQ720" s="613"/>
      <c r="QIR720" s="613"/>
      <c r="QIS720" s="613"/>
      <c r="QIT720" s="613"/>
      <c r="QIU720" s="613"/>
      <c r="QIV720" s="613"/>
      <c r="QIW720" s="613"/>
      <c r="QIX720" s="613"/>
      <c r="QIY720" s="613"/>
      <c r="QIZ720" s="613"/>
      <c r="QJA720" s="613"/>
      <c r="QJB720" s="613"/>
      <c r="QJC720" s="613"/>
      <c r="QJD720" s="613"/>
      <c r="QJE720" s="613"/>
      <c r="QJF720" s="613"/>
      <c r="QJG720" s="613"/>
      <c r="QJH720" s="613"/>
      <c r="QJI720" s="613"/>
      <c r="QJJ720" s="613"/>
      <c r="QJK720" s="613"/>
      <c r="QJL720" s="613"/>
      <c r="QJM720" s="613"/>
      <c r="QJN720" s="613"/>
      <c r="QJO720" s="613"/>
      <c r="QJP720" s="613"/>
      <c r="QJQ720" s="613"/>
      <c r="QJR720" s="613"/>
      <c r="QJS720" s="613"/>
      <c r="QJT720" s="613"/>
      <c r="QJU720" s="613"/>
      <c r="QJV720" s="613"/>
      <c r="QJW720" s="613"/>
      <c r="QJX720" s="613"/>
      <c r="QJY720" s="613"/>
      <c r="QJZ720" s="613"/>
      <c r="QKA720" s="613"/>
      <c r="QKB720" s="613"/>
      <c r="QKC720" s="613"/>
      <c r="QKD720" s="613"/>
      <c r="QKE720" s="613"/>
      <c r="QKF720" s="613"/>
      <c r="QKG720" s="613"/>
      <c r="QKH720" s="613"/>
      <c r="QKI720" s="613"/>
      <c r="QKJ720" s="613"/>
      <c r="QKK720" s="613"/>
      <c r="QKL720" s="613"/>
      <c r="QKM720" s="613"/>
      <c r="QKN720" s="613"/>
      <c r="QKO720" s="613"/>
      <c r="QKP720" s="613"/>
      <c r="QKQ720" s="613"/>
      <c r="QKR720" s="613"/>
      <c r="QKS720" s="613"/>
      <c r="QKT720" s="613"/>
      <c r="QKU720" s="613"/>
      <c r="QKV720" s="613"/>
      <c r="QKW720" s="613"/>
      <c r="QKX720" s="613"/>
      <c r="QKY720" s="613"/>
      <c r="QKZ720" s="613"/>
      <c r="QLA720" s="613"/>
      <c r="QLB720" s="613"/>
      <c r="QLC720" s="613"/>
      <c r="QLD720" s="613"/>
      <c r="QLE720" s="613"/>
      <c r="QLF720" s="613"/>
      <c r="QLG720" s="613"/>
      <c r="QLH720" s="613"/>
      <c r="QLI720" s="613"/>
      <c r="QLJ720" s="613"/>
      <c r="QLK720" s="613"/>
      <c r="QLL720" s="613"/>
      <c r="QLM720" s="613"/>
      <c r="QLN720" s="613"/>
      <c r="QLO720" s="613"/>
      <c r="QLP720" s="613"/>
      <c r="QLQ720" s="613"/>
      <c r="QLR720" s="613"/>
      <c r="QLS720" s="613"/>
      <c r="QLT720" s="613"/>
      <c r="QLU720" s="613"/>
      <c r="QLV720" s="613"/>
      <c r="QLW720" s="613"/>
      <c r="QLX720" s="613"/>
      <c r="QLY720" s="613"/>
      <c r="QLZ720" s="613"/>
      <c r="QMA720" s="613"/>
      <c r="QMB720" s="613"/>
      <c r="QMC720" s="613"/>
      <c r="QMD720" s="613"/>
      <c r="QME720" s="613"/>
      <c r="QMF720" s="613"/>
      <c r="QMG720" s="613"/>
      <c r="QMH720" s="613"/>
      <c r="QMI720" s="613"/>
      <c r="QMJ720" s="613"/>
      <c r="QMK720" s="613"/>
      <c r="QML720" s="613"/>
      <c r="QMM720" s="613"/>
      <c r="QMN720" s="613"/>
      <c r="QMO720" s="613"/>
      <c r="QMP720" s="613"/>
      <c r="QMQ720" s="613"/>
      <c r="QMR720" s="613"/>
      <c r="QMS720" s="613"/>
      <c r="QMT720" s="613"/>
      <c r="QMU720" s="613"/>
      <c r="QMV720" s="613"/>
      <c r="QMW720" s="613"/>
      <c r="QMX720" s="613"/>
      <c r="QMY720" s="613"/>
      <c r="QMZ720" s="613"/>
      <c r="QNA720" s="613"/>
      <c r="QNB720" s="613"/>
      <c r="QNC720" s="613"/>
      <c r="QND720" s="613"/>
      <c r="QNE720" s="613"/>
      <c r="QNF720" s="613"/>
      <c r="QNG720" s="613"/>
      <c r="QNH720" s="613"/>
      <c r="QNI720" s="613"/>
      <c r="QNJ720" s="613"/>
      <c r="QNK720" s="613"/>
      <c r="QNL720" s="613"/>
      <c r="QNM720" s="613"/>
      <c r="QNN720" s="613"/>
      <c r="QNO720" s="613"/>
      <c r="QNP720" s="613"/>
      <c r="QNQ720" s="613"/>
      <c r="QNR720" s="613"/>
      <c r="QNS720" s="613"/>
      <c r="QNT720" s="613"/>
      <c r="QNU720" s="613"/>
      <c r="QNV720" s="613"/>
      <c r="QNW720" s="613"/>
      <c r="QNX720" s="613"/>
      <c r="QNY720" s="613"/>
      <c r="QNZ720" s="613"/>
      <c r="QOA720" s="613"/>
      <c r="QOB720" s="613"/>
      <c r="QOC720" s="613"/>
      <c r="QOD720" s="613"/>
      <c r="QOE720" s="613"/>
      <c r="QOF720" s="613"/>
      <c r="QOG720" s="613"/>
      <c r="QOH720" s="613"/>
      <c r="QOI720" s="613"/>
      <c r="QOJ720" s="613"/>
      <c r="QOK720" s="613"/>
      <c r="QOL720" s="613"/>
      <c r="QOM720" s="613"/>
      <c r="QON720" s="613"/>
      <c r="QOO720" s="613"/>
      <c r="QOP720" s="613"/>
      <c r="QOQ720" s="613"/>
      <c r="QOR720" s="613"/>
      <c r="QOS720" s="613"/>
      <c r="QOT720" s="613"/>
      <c r="QOU720" s="613"/>
      <c r="QOV720" s="613"/>
      <c r="QOW720" s="613"/>
      <c r="QOX720" s="613"/>
      <c r="QOY720" s="613"/>
      <c r="QOZ720" s="613"/>
      <c r="QPA720" s="613"/>
      <c r="QPB720" s="613"/>
      <c r="QPC720" s="613"/>
      <c r="QPD720" s="613"/>
      <c r="QPE720" s="613"/>
      <c r="QPF720" s="613"/>
      <c r="QPG720" s="613"/>
      <c r="QPH720" s="613"/>
      <c r="QPI720" s="613"/>
      <c r="QPJ720" s="613"/>
      <c r="QPK720" s="613"/>
      <c r="QPL720" s="613"/>
      <c r="QPM720" s="613"/>
      <c r="QPN720" s="613"/>
      <c r="QPO720" s="613"/>
      <c r="QPP720" s="613"/>
      <c r="QPQ720" s="613"/>
      <c r="QPR720" s="613"/>
      <c r="QPS720" s="613"/>
      <c r="QPT720" s="613"/>
      <c r="QPU720" s="613"/>
      <c r="QPV720" s="613"/>
      <c r="QPW720" s="613"/>
      <c r="QPX720" s="613"/>
      <c r="QPY720" s="613"/>
      <c r="QPZ720" s="613"/>
      <c r="QQA720" s="613"/>
      <c r="QQB720" s="613"/>
      <c r="QQC720" s="613"/>
      <c r="QQD720" s="613"/>
      <c r="QQE720" s="613"/>
      <c r="QQF720" s="613"/>
      <c r="QQG720" s="613"/>
      <c r="QQH720" s="613"/>
      <c r="QQI720" s="613"/>
      <c r="QQJ720" s="613"/>
      <c r="QQK720" s="613"/>
      <c r="QQL720" s="613"/>
      <c r="QQM720" s="613"/>
      <c r="QQN720" s="613"/>
      <c r="QQO720" s="613"/>
      <c r="QQP720" s="613"/>
      <c r="QQQ720" s="613"/>
      <c r="QQR720" s="613"/>
      <c r="QQS720" s="613"/>
      <c r="QQT720" s="613"/>
      <c r="QQU720" s="613"/>
      <c r="QQV720" s="613"/>
      <c r="QQW720" s="613"/>
      <c r="QQX720" s="613"/>
      <c r="QQY720" s="613"/>
      <c r="QQZ720" s="613"/>
      <c r="QRA720" s="613"/>
      <c r="QRB720" s="613"/>
      <c r="QRC720" s="613"/>
      <c r="QRD720" s="613"/>
      <c r="QRE720" s="613"/>
      <c r="QRF720" s="613"/>
      <c r="QRG720" s="613"/>
      <c r="QRH720" s="613"/>
      <c r="QRI720" s="613"/>
      <c r="QRJ720" s="613"/>
      <c r="QRK720" s="613"/>
      <c r="QRL720" s="613"/>
      <c r="QRM720" s="613"/>
      <c r="QRN720" s="613"/>
      <c r="QRO720" s="613"/>
      <c r="QRP720" s="613"/>
      <c r="QRQ720" s="613"/>
      <c r="QRR720" s="613"/>
      <c r="QRS720" s="613"/>
      <c r="QRT720" s="613"/>
      <c r="QRU720" s="613"/>
      <c r="QRV720" s="613"/>
      <c r="QRW720" s="613"/>
      <c r="QRX720" s="613"/>
      <c r="QRY720" s="613"/>
      <c r="QRZ720" s="613"/>
      <c r="QSA720" s="613"/>
      <c r="QSB720" s="613"/>
      <c r="QSC720" s="613"/>
      <c r="QSD720" s="613"/>
      <c r="QSE720" s="613"/>
      <c r="QSF720" s="613"/>
      <c r="QSG720" s="613"/>
      <c r="QSH720" s="613"/>
      <c r="QSI720" s="613"/>
      <c r="QSJ720" s="613"/>
      <c r="QSK720" s="613"/>
      <c r="QSL720" s="613"/>
      <c r="QSM720" s="613"/>
      <c r="QSN720" s="613"/>
      <c r="QSO720" s="613"/>
      <c r="QSP720" s="613"/>
      <c r="QSQ720" s="613"/>
      <c r="QSR720" s="613"/>
      <c r="QSS720" s="613"/>
      <c r="QST720" s="613"/>
      <c r="QSU720" s="613"/>
      <c r="QSV720" s="613"/>
      <c r="QSW720" s="613"/>
      <c r="QSX720" s="613"/>
      <c r="QSY720" s="613"/>
      <c r="QSZ720" s="613"/>
      <c r="QTA720" s="613"/>
      <c r="QTB720" s="613"/>
      <c r="QTC720" s="613"/>
      <c r="QTD720" s="613"/>
      <c r="QTE720" s="613"/>
      <c r="QTF720" s="613"/>
      <c r="QTG720" s="613"/>
      <c r="QTH720" s="613"/>
      <c r="QTI720" s="613"/>
      <c r="QTJ720" s="613"/>
      <c r="QTK720" s="613"/>
      <c r="QTL720" s="613"/>
      <c r="QTM720" s="613"/>
      <c r="QTN720" s="613"/>
      <c r="QTO720" s="613"/>
      <c r="QTP720" s="613"/>
      <c r="QTQ720" s="613"/>
      <c r="QTR720" s="613"/>
      <c r="QTS720" s="613"/>
      <c r="QTT720" s="613"/>
      <c r="QTU720" s="613"/>
      <c r="QTV720" s="613"/>
      <c r="QTW720" s="613"/>
      <c r="QTX720" s="613"/>
      <c r="QTY720" s="613"/>
      <c r="QTZ720" s="613"/>
      <c r="QUA720" s="613"/>
      <c r="QUB720" s="613"/>
      <c r="QUC720" s="613"/>
      <c r="QUD720" s="613"/>
      <c r="QUE720" s="613"/>
      <c r="QUF720" s="613"/>
      <c r="QUG720" s="613"/>
      <c r="QUH720" s="613"/>
      <c r="QUI720" s="613"/>
      <c r="QUJ720" s="613"/>
      <c r="QUK720" s="613"/>
      <c r="QUL720" s="613"/>
      <c r="QUM720" s="613"/>
      <c r="QUN720" s="613"/>
      <c r="QUO720" s="613"/>
      <c r="QUP720" s="613"/>
      <c r="QUQ720" s="613"/>
      <c r="QUR720" s="613"/>
      <c r="QUS720" s="613"/>
      <c r="QUT720" s="613"/>
      <c r="QUU720" s="613"/>
      <c r="QUV720" s="613"/>
      <c r="QUW720" s="613"/>
      <c r="QUX720" s="613"/>
      <c r="QUY720" s="613"/>
      <c r="QUZ720" s="613"/>
      <c r="QVA720" s="613"/>
      <c r="QVB720" s="613"/>
      <c r="QVC720" s="613"/>
      <c r="QVD720" s="613"/>
      <c r="QVE720" s="613"/>
      <c r="QVF720" s="613"/>
      <c r="QVG720" s="613"/>
      <c r="QVH720" s="613"/>
      <c r="QVI720" s="613"/>
      <c r="QVJ720" s="613"/>
      <c r="QVK720" s="613"/>
      <c r="QVL720" s="613"/>
      <c r="QVM720" s="613"/>
      <c r="QVN720" s="613"/>
      <c r="QVO720" s="613"/>
      <c r="QVP720" s="613"/>
      <c r="QVQ720" s="613"/>
      <c r="QVR720" s="613"/>
      <c r="QVS720" s="613"/>
      <c r="QVT720" s="613"/>
      <c r="QVU720" s="613"/>
      <c r="QVV720" s="613"/>
      <c r="QVW720" s="613"/>
      <c r="QVX720" s="613"/>
      <c r="QVY720" s="613"/>
      <c r="QVZ720" s="613"/>
      <c r="QWA720" s="613"/>
      <c r="QWB720" s="613"/>
      <c r="QWC720" s="613"/>
      <c r="QWD720" s="613"/>
      <c r="QWE720" s="613"/>
      <c r="QWF720" s="613"/>
      <c r="QWG720" s="613"/>
      <c r="QWH720" s="613"/>
      <c r="QWI720" s="613"/>
      <c r="QWJ720" s="613"/>
      <c r="QWK720" s="613"/>
      <c r="QWL720" s="613"/>
      <c r="QWM720" s="613"/>
      <c r="QWN720" s="613"/>
      <c r="QWO720" s="613"/>
      <c r="QWP720" s="613"/>
      <c r="QWQ720" s="613"/>
      <c r="QWR720" s="613"/>
      <c r="QWS720" s="613"/>
      <c r="QWT720" s="613"/>
      <c r="QWU720" s="613"/>
      <c r="QWV720" s="613"/>
      <c r="QWW720" s="613"/>
      <c r="QWX720" s="613"/>
      <c r="QWY720" s="613"/>
      <c r="QWZ720" s="613"/>
      <c r="QXA720" s="613"/>
      <c r="QXB720" s="613"/>
      <c r="QXC720" s="613"/>
      <c r="QXD720" s="613"/>
      <c r="QXE720" s="613"/>
      <c r="QXF720" s="613"/>
      <c r="QXG720" s="613"/>
      <c r="QXH720" s="613"/>
      <c r="QXI720" s="613"/>
      <c r="QXJ720" s="613"/>
      <c r="QXK720" s="613"/>
      <c r="QXL720" s="613"/>
      <c r="QXM720" s="613"/>
      <c r="QXN720" s="613"/>
      <c r="QXO720" s="613"/>
      <c r="QXP720" s="613"/>
      <c r="QXQ720" s="613"/>
      <c r="QXR720" s="613"/>
      <c r="QXS720" s="613"/>
      <c r="QXT720" s="613"/>
      <c r="QXU720" s="613"/>
      <c r="QXV720" s="613"/>
      <c r="QXW720" s="613"/>
      <c r="QXX720" s="613"/>
      <c r="QXY720" s="613"/>
      <c r="QXZ720" s="613"/>
      <c r="QYA720" s="613"/>
      <c r="QYB720" s="613"/>
      <c r="QYC720" s="613"/>
      <c r="QYD720" s="613"/>
      <c r="QYE720" s="613"/>
      <c r="QYF720" s="613"/>
      <c r="QYG720" s="613"/>
      <c r="QYH720" s="613"/>
      <c r="QYI720" s="613"/>
      <c r="QYJ720" s="613"/>
      <c r="QYK720" s="613"/>
      <c r="QYL720" s="613"/>
      <c r="QYM720" s="613"/>
      <c r="QYN720" s="613"/>
      <c r="QYO720" s="613"/>
      <c r="QYP720" s="613"/>
      <c r="QYQ720" s="613"/>
      <c r="QYR720" s="613"/>
      <c r="QYS720" s="613"/>
      <c r="QYT720" s="613"/>
      <c r="QYU720" s="613"/>
      <c r="QYV720" s="613"/>
      <c r="QYW720" s="613"/>
      <c r="QYX720" s="613"/>
      <c r="QYY720" s="613"/>
      <c r="QYZ720" s="613"/>
      <c r="QZA720" s="613"/>
      <c r="QZB720" s="613"/>
      <c r="QZC720" s="613"/>
      <c r="QZD720" s="613"/>
      <c r="QZE720" s="613"/>
      <c r="QZF720" s="613"/>
      <c r="QZG720" s="613"/>
      <c r="QZH720" s="613"/>
      <c r="QZI720" s="613"/>
      <c r="QZJ720" s="613"/>
      <c r="QZK720" s="613"/>
      <c r="QZL720" s="613"/>
      <c r="QZM720" s="613"/>
      <c r="QZN720" s="613"/>
      <c r="QZO720" s="613"/>
      <c r="QZP720" s="613"/>
      <c r="QZQ720" s="613"/>
      <c r="QZR720" s="613"/>
      <c r="QZS720" s="613"/>
      <c r="QZT720" s="613"/>
      <c r="QZU720" s="613"/>
      <c r="QZV720" s="613"/>
      <c r="QZW720" s="613"/>
      <c r="QZX720" s="613"/>
      <c r="QZY720" s="613"/>
      <c r="QZZ720" s="613"/>
      <c r="RAA720" s="613"/>
      <c r="RAB720" s="613"/>
      <c r="RAC720" s="613"/>
      <c r="RAD720" s="613"/>
      <c r="RAE720" s="613"/>
      <c r="RAF720" s="613"/>
      <c r="RAG720" s="613"/>
      <c r="RAH720" s="613"/>
      <c r="RAI720" s="613"/>
      <c r="RAJ720" s="613"/>
      <c r="RAK720" s="613"/>
      <c r="RAL720" s="613"/>
      <c r="RAM720" s="613"/>
      <c r="RAN720" s="613"/>
      <c r="RAO720" s="613"/>
      <c r="RAP720" s="613"/>
      <c r="RAQ720" s="613"/>
      <c r="RAR720" s="613"/>
      <c r="RAS720" s="613"/>
      <c r="RAT720" s="613"/>
      <c r="RAU720" s="613"/>
      <c r="RAV720" s="613"/>
      <c r="RAW720" s="613"/>
      <c r="RAX720" s="613"/>
      <c r="RAY720" s="613"/>
      <c r="RAZ720" s="613"/>
      <c r="RBA720" s="613"/>
      <c r="RBB720" s="613"/>
      <c r="RBC720" s="613"/>
      <c r="RBD720" s="613"/>
      <c r="RBE720" s="613"/>
      <c r="RBF720" s="613"/>
      <c r="RBG720" s="613"/>
      <c r="RBH720" s="613"/>
      <c r="RBI720" s="613"/>
      <c r="RBJ720" s="613"/>
      <c r="RBK720" s="613"/>
      <c r="RBL720" s="613"/>
      <c r="RBM720" s="613"/>
      <c r="RBN720" s="613"/>
      <c r="RBO720" s="613"/>
      <c r="RBP720" s="613"/>
      <c r="RBQ720" s="613"/>
      <c r="RBR720" s="613"/>
      <c r="RBS720" s="613"/>
      <c r="RBT720" s="613"/>
      <c r="RBU720" s="613"/>
      <c r="RBV720" s="613"/>
      <c r="RBW720" s="613"/>
      <c r="RBX720" s="613"/>
      <c r="RBY720" s="613"/>
      <c r="RBZ720" s="613"/>
      <c r="RCA720" s="613"/>
      <c r="RCB720" s="613"/>
      <c r="RCC720" s="613"/>
      <c r="RCD720" s="613"/>
      <c r="RCE720" s="613"/>
      <c r="RCF720" s="613"/>
      <c r="RCG720" s="613"/>
      <c r="RCH720" s="613"/>
      <c r="RCI720" s="613"/>
      <c r="RCJ720" s="613"/>
      <c r="RCK720" s="613"/>
      <c r="RCL720" s="613"/>
      <c r="RCM720" s="613"/>
      <c r="RCN720" s="613"/>
      <c r="RCO720" s="613"/>
      <c r="RCP720" s="613"/>
      <c r="RCQ720" s="613"/>
      <c r="RCR720" s="613"/>
      <c r="RCS720" s="613"/>
      <c r="RCT720" s="613"/>
      <c r="RCU720" s="613"/>
      <c r="RCV720" s="613"/>
      <c r="RCW720" s="613"/>
      <c r="RCX720" s="613"/>
      <c r="RCY720" s="613"/>
      <c r="RCZ720" s="613"/>
      <c r="RDA720" s="613"/>
      <c r="RDB720" s="613"/>
      <c r="RDC720" s="613"/>
      <c r="RDD720" s="613"/>
      <c r="RDE720" s="613"/>
      <c r="RDF720" s="613"/>
      <c r="RDG720" s="613"/>
      <c r="RDH720" s="613"/>
      <c r="RDI720" s="613"/>
      <c r="RDJ720" s="613"/>
      <c r="RDK720" s="613"/>
      <c r="RDL720" s="613"/>
      <c r="RDM720" s="613"/>
      <c r="RDN720" s="613"/>
      <c r="RDO720" s="613"/>
      <c r="RDP720" s="613"/>
      <c r="RDQ720" s="613"/>
      <c r="RDR720" s="613"/>
      <c r="RDS720" s="613"/>
      <c r="RDT720" s="613"/>
      <c r="RDU720" s="613"/>
      <c r="RDV720" s="613"/>
      <c r="RDW720" s="613"/>
      <c r="RDX720" s="613"/>
      <c r="RDY720" s="613"/>
      <c r="RDZ720" s="613"/>
      <c r="REA720" s="613"/>
      <c r="REB720" s="613"/>
      <c r="REC720" s="613"/>
      <c r="RED720" s="613"/>
      <c r="REE720" s="613"/>
      <c r="REF720" s="613"/>
      <c r="REG720" s="613"/>
      <c r="REH720" s="613"/>
      <c r="REI720" s="613"/>
      <c r="REJ720" s="613"/>
      <c r="REK720" s="613"/>
      <c r="REL720" s="613"/>
      <c r="REM720" s="613"/>
      <c r="REN720" s="613"/>
      <c r="REO720" s="613"/>
      <c r="REP720" s="613"/>
      <c r="REQ720" s="613"/>
      <c r="RER720" s="613"/>
      <c r="RES720" s="613"/>
      <c r="RET720" s="613"/>
      <c r="REU720" s="613"/>
      <c r="REV720" s="613"/>
      <c r="REW720" s="613"/>
      <c r="REX720" s="613"/>
      <c r="REY720" s="613"/>
      <c r="REZ720" s="613"/>
      <c r="RFA720" s="613"/>
      <c r="RFB720" s="613"/>
      <c r="RFC720" s="613"/>
      <c r="RFD720" s="613"/>
      <c r="RFE720" s="613"/>
      <c r="RFF720" s="613"/>
      <c r="RFG720" s="613"/>
      <c r="RFH720" s="613"/>
      <c r="RFI720" s="613"/>
      <c r="RFJ720" s="613"/>
      <c r="RFK720" s="613"/>
      <c r="RFL720" s="613"/>
      <c r="RFM720" s="613"/>
      <c r="RFN720" s="613"/>
      <c r="RFO720" s="613"/>
      <c r="RFP720" s="613"/>
      <c r="RFQ720" s="613"/>
      <c r="RFR720" s="613"/>
      <c r="RFS720" s="613"/>
      <c r="RFT720" s="613"/>
      <c r="RFU720" s="613"/>
      <c r="RFV720" s="613"/>
      <c r="RFW720" s="613"/>
      <c r="RFX720" s="613"/>
      <c r="RFY720" s="613"/>
      <c r="RFZ720" s="613"/>
      <c r="RGA720" s="613"/>
      <c r="RGB720" s="613"/>
      <c r="RGC720" s="613"/>
      <c r="RGD720" s="613"/>
      <c r="RGE720" s="613"/>
      <c r="RGF720" s="613"/>
      <c r="RGG720" s="613"/>
      <c r="RGH720" s="613"/>
      <c r="RGI720" s="613"/>
      <c r="RGJ720" s="613"/>
      <c r="RGK720" s="613"/>
      <c r="RGL720" s="613"/>
      <c r="RGM720" s="613"/>
      <c r="RGN720" s="613"/>
      <c r="RGO720" s="613"/>
      <c r="RGP720" s="613"/>
      <c r="RGQ720" s="613"/>
      <c r="RGR720" s="613"/>
      <c r="RGS720" s="613"/>
      <c r="RGT720" s="613"/>
      <c r="RGU720" s="613"/>
      <c r="RGV720" s="613"/>
      <c r="RGW720" s="613"/>
      <c r="RGX720" s="613"/>
      <c r="RGY720" s="613"/>
      <c r="RGZ720" s="613"/>
      <c r="RHA720" s="613"/>
      <c r="RHB720" s="613"/>
      <c r="RHC720" s="613"/>
      <c r="RHD720" s="613"/>
      <c r="RHE720" s="613"/>
      <c r="RHF720" s="613"/>
      <c r="RHG720" s="613"/>
      <c r="RHH720" s="613"/>
      <c r="RHI720" s="613"/>
      <c r="RHJ720" s="613"/>
      <c r="RHK720" s="613"/>
      <c r="RHL720" s="613"/>
      <c r="RHM720" s="613"/>
      <c r="RHN720" s="613"/>
      <c r="RHO720" s="613"/>
      <c r="RHP720" s="613"/>
      <c r="RHQ720" s="613"/>
      <c r="RHR720" s="613"/>
      <c r="RHS720" s="613"/>
      <c r="RHT720" s="613"/>
      <c r="RHU720" s="613"/>
      <c r="RHV720" s="613"/>
      <c r="RHW720" s="613"/>
      <c r="RHX720" s="613"/>
      <c r="RHY720" s="613"/>
      <c r="RHZ720" s="613"/>
      <c r="RIA720" s="613"/>
      <c r="RIB720" s="613"/>
      <c r="RIC720" s="613"/>
      <c r="RID720" s="613"/>
      <c r="RIE720" s="613"/>
      <c r="RIF720" s="613"/>
      <c r="RIG720" s="613"/>
      <c r="RIH720" s="613"/>
      <c r="RII720" s="613"/>
      <c r="RIJ720" s="613"/>
      <c r="RIK720" s="613"/>
      <c r="RIL720" s="613"/>
      <c r="RIM720" s="613"/>
      <c r="RIN720" s="613"/>
      <c r="RIO720" s="613"/>
      <c r="RIP720" s="613"/>
      <c r="RIQ720" s="613"/>
      <c r="RIR720" s="613"/>
      <c r="RIS720" s="613"/>
      <c r="RIT720" s="613"/>
      <c r="RIU720" s="613"/>
      <c r="RIV720" s="613"/>
      <c r="RIW720" s="613"/>
      <c r="RIX720" s="613"/>
      <c r="RIY720" s="613"/>
      <c r="RIZ720" s="613"/>
      <c r="RJA720" s="613"/>
      <c r="RJB720" s="613"/>
      <c r="RJC720" s="613"/>
      <c r="RJD720" s="613"/>
      <c r="RJE720" s="613"/>
      <c r="RJF720" s="613"/>
      <c r="RJG720" s="613"/>
      <c r="RJH720" s="613"/>
      <c r="RJI720" s="613"/>
      <c r="RJJ720" s="613"/>
      <c r="RJK720" s="613"/>
      <c r="RJL720" s="613"/>
      <c r="RJM720" s="613"/>
      <c r="RJN720" s="613"/>
      <c r="RJO720" s="613"/>
      <c r="RJP720" s="613"/>
      <c r="RJQ720" s="613"/>
      <c r="RJR720" s="613"/>
      <c r="RJS720" s="613"/>
      <c r="RJT720" s="613"/>
      <c r="RJU720" s="613"/>
      <c r="RJV720" s="613"/>
      <c r="RJW720" s="613"/>
      <c r="RJX720" s="613"/>
      <c r="RJY720" s="613"/>
      <c r="RJZ720" s="613"/>
      <c r="RKA720" s="613"/>
      <c r="RKB720" s="613"/>
      <c r="RKC720" s="613"/>
      <c r="RKD720" s="613"/>
      <c r="RKE720" s="613"/>
      <c r="RKF720" s="613"/>
      <c r="RKG720" s="613"/>
      <c r="RKH720" s="613"/>
      <c r="RKI720" s="613"/>
      <c r="RKJ720" s="613"/>
      <c r="RKK720" s="613"/>
      <c r="RKL720" s="613"/>
      <c r="RKM720" s="613"/>
      <c r="RKN720" s="613"/>
      <c r="RKO720" s="613"/>
      <c r="RKP720" s="613"/>
      <c r="RKQ720" s="613"/>
      <c r="RKR720" s="613"/>
      <c r="RKS720" s="613"/>
      <c r="RKT720" s="613"/>
      <c r="RKU720" s="613"/>
      <c r="RKV720" s="613"/>
      <c r="RKW720" s="613"/>
      <c r="RKX720" s="613"/>
      <c r="RKY720" s="613"/>
      <c r="RKZ720" s="613"/>
      <c r="RLA720" s="613"/>
      <c r="RLB720" s="613"/>
      <c r="RLC720" s="613"/>
      <c r="RLD720" s="613"/>
      <c r="RLE720" s="613"/>
      <c r="RLF720" s="613"/>
      <c r="RLG720" s="613"/>
      <c r="RLH720" s="613"/>
      <c r="RLI720" s="613"/>
      <c r="RLJ720" s="613"/>
      <c r="RLK720" s="613"/>
      <c r="RLL720" s="613"/>
      <c r="RLM720" s="613"/>
      <c r="RLN720" s="613"/>
      <c r="RLO720" s="613"/>
      <c r="RLP720" s="613"/>
      <c r="RLQ720" s="613"/>
      <c r="RLR720" s="613"/>
      <c r="RLS720" s="613"/>
      <c r="RLT720" s="613"/>
      <c r="RLU720" s="613"/>
      <c r="RLV720" s="613"/>
      <c r="RLW720" s="613"/>
      <c r="RLX720" s="613"/>
      <c r="RLY720" s="613"/>
      <c r="RLZ720" s="613"/>
      <c r="RMA720" s="613"/>
      <c r="RMB720" s="613"/>
      <c r="RMC720" s="613"/>
      <c r="RMD720" s="613"/>
      <c r="RME720" s="613"/>
      <c r="RMF720" s="613"/>
      <c r="RMG720" s="613"/>
      <c r="RMH720" s="613"/>
      <c r="RMI720" s="613"/>
      <c r="RMJ720" s="613"/>
      <c r="RMK720" s="613"/>
      <c r="RML720" s="613"/>
      <c r="RMM720" s="613"/>
      <c r="RMN720" s="613"/>
      <c r="RMO720" s="613"/>
      <c r="RMP720" s="613"/>
      <c r="RMQ720" s="613"/>
      <c r="RMR720" s="613"/>
      <c r="RMS720" s="613"/>
      <c r="RMT720" s="613"/>
      <c r="RMU720" s="613"/>
      <c r="RMV720" s="613"/>
      <c r="RMW720" s="613"/>
      <c r="RMX720" s="613"/>
      <c r="RMY720" s="613"/>
      <c r="RMZ720" s="613"/>
      <c r="RNA720" s="613"/>
      <c r="RNB720" s="613"/>
      <c r="RNC720" s="613"/>
      <c r="RND720" s="613"/>
      <c r="RNE720" s="613"/>
      <c r="RNF720" s="613"/>
      <c r="RNG720" s="613"/>
      <c r="RNH720" s="613"/>
      <c r="RNI720" s="613"/>
      <c r="RNJ720" s="613"/>
      <c r="RNK720" s="613"/>
      <c r="RNL720" s="613"/>
      <c r="RNM720" s="613"/>
      <c r="RNN720" s="613"/>
      <c r="RNO720" s="613"/>
      <c r="RNP720" s="613"/>
      <c r="RNQ720" s="613"/>
      <c r="RNR720" s="613"/>
      <c r="RNS720" s="613"/>
      <c r="RNT720" s="613"/>
      <c r="RNU720" s="613"/>
      <c r="RNV720" s="613"/>
      <c r="RNW720" s="613"/>
      <c r="RNX720" s="613"/>
      <c r="RNY720" s="613"/>
      <c r="RNZ720" s="613"/>
      <c r="ROA720" s="613"/>
      <c r="ROB720" s="613"/>
      <c r="ROC720" s="613"/>
      <c r="ROD720" s="613"/>
      <c r="ROE720" s="613"/>
      <c r="ROF720" s="613"/>
      <c r="ROG720" s="613"/>
      <c r="ROH720" s="613"/>
      <c r="ROI720" s="613"/>
      <c r="ROJ720" s="613"/>
      <c r="ROK720" s="613"/>
      <c r="ROL720" s="613"/>
      <c r="ROM720" s="613"/>
      <c r="RON720" s="613"/>
      <c r="ROO720" s="613"/>
      <c r="ROP720" s="613"/>
      <c r="ROQ720" s="613"/>
      <c r="ROR720" s="613"/>
      <c r="ROS720" s="613"/>
      <c r="ROT720" s="613"/>
      <c r="ROU720" s="613"/>
      <c r="ROV720" s="613"/>
      <c r="ROW720" s="613"/>
      <c r="ROX720" s="613"/>
      <c r="ROY720" s="613"/>
      <c r="ROZ720" s="613"/>
      <c r="RPA720" s="613"/>
      <c r="RPB720" s="613"/>
      <c r="RPC720" s="613"/>
      <c r="RPD720" s="613"/>
      <c r="RPE720" s="613"/>
      <c r="RPF720" s="613"/>
      <c r="RPG720" s="613"/>
      <c r="RPH720" s="613"/>
      <c r="RPI720" s="613"/>
      <c r="RPJ720" s="613"/>
      <c r="RPK720" s="613"/>
      <c r="RPL720" s="613"/>
      <c r="RPM720" s="613"/>
      <c r="RPN720" s="613"/>
      <c r="RPO720" s="613"/>
      <c r="RPP720" s="613"/>
      <c r="RPQ720" s="613"/>
      <c r="RPR720" s="613"/>
      <c r="RPS720" s="613"/>
      <c r="RPT720" s="613"/>
      <c r="RPU720" s="613"/>
      <c r="RPV720" s="613"/>
      <c r="RPW720" s="613"/>
      <c r="RPX720" s="613"/>
      <c r="RPY720" s="613"/>
      <c r="RPZ720" s="613"/>
      <c r="RQA720" s="613"/>
      <c r="RQB720" s="613"/>
      <c r="RQC720" s="613"/>
      <c r="RQD720" s="613"/>
      <c r="RQE720" s="613"/>
      <c r="RQF720" s="613"/>
      <c r="RQG720" s="613"/>
      <c r="RQH720" s="613"/>
      <c r="RQI720" s="613"/>
      <c r="RQJ720" s="613"/>
      <c r="RQK720" s="613"/>
      <c r="RQL720" s="613"/>
      <c r="RQM720" s="613"/>
      <c r="RQN720" s="613"/>
      <c r="RQO720" s="613"/>
      <c r="RQP720" s="613"/>
      <c r="RQQ720" s="613"/>
      <c r="RQR720" s="613"/>
      <c r="RQS720" s="613"/>
      <c r="RQT720" s="613"/>
      <c r="RQU720" s="613"/>
      <c r="RQV720" s="613"/>
      <c r="RQW720" s="613"/>
      <c r="RQX720" s="613"/>
      <c r="RQY720" s="613"/>
      <c r="RQZ720" s="613"/>
      <c r="RRA720" s="613"/>
      <c r="RRB720" s="613"/>
      <c r="RRC720" s="613"/>
      <c r="RRD720" s="613"/>
      <c r="RRE720" s="613"/>
      <c r="RRF720" s="613"/>
      <c r="RRG720" s="613"/>
      <c r="RRH720" s="613"/>
      <c r="RRI720" s="613"/>
      <c r="RRJ720" s="613"/>
      <c r="RRK720" s="613"/>
      <c r="RRL720" s="613"/>
      <c r="RRM720" s="613"/>
      <c r="RRN720" s="613"/>
      <c r="RRO720" s="613"/>
      <c r="RRP720" s="613"/>
      <c r="RRQ720" s="613"/>
      <c r="RRR720" s="613"/>
      <c r="RRS720" s="613"/>
      <c r="RRT720" s="613"/>
      <c r="RRU720" s="613"/>
      <c r="RRV720" s="613"/>
      <c r="RRW720" s="613"/>
      <c r="RRX720" s="613"/>
      <c r="RRY720" s="613"/>
      <c r="RRZ720" s="613"/>
      <c r="RSA720" s="613"/>
      <c r="RSB720" s="613"/>
      <c r="RSC720" s="613"/>
      <c r="RSD720" s="613"/>
      <c r="RSE720" s="613"/>
      <c r="RSF720" s="613"/>
      <c r="RSG720" s="613"/>
      <c r="RSH720" s="613"/>
      <c r="RSI720" s="613"/>
      <c r="RSJ720" s="613"/>
      <c r="RSK720" s="613"/>
      <c r="RSL720" s="613"/>
      <c r="RSM720" s="613"/>
      <c r="RSN720" s="613"/>
      <c r="RSO720" s="613"/>
      <c r="RSP720" s="613"/>
      <c r="RSQ720" s="613"/>
      <c r="RSR720" s="613"/>
      <c r="RSS720" s="613"/>
      <c r="RST720" s="613"/>
      <c r="RSU720" s="613"/>
      <c r="RSV720" s="613"/>
      <c r="RSW720" s="613"/>
      <c r="RSX720" s="613"/>
      <c r="RSY720" s="613"/>
      <c r="RSZ720" s="613"/>
      <c r="RTA720" s="613"/>
      <c r="RTB720" s="613"/>
      <c r="RTC720" s="613"/>
      <c r="RTD720" s="613"/>
      <c r="RTE720" s="613"/>
      <c r="RTF720" s="613"/>
      <c r="RTG720" s="613"/>
      <c r="RTH720" s="613"/>
      <c r="RTI720" s="613"/>
      <c r="RTJ720" s="613"/>
      <c r="RTK720" s="613"/>
      <c r="RTL720" s="613"/>
      <c r="RTM720" s="613"/>
      <c r="RTN720" s="613"/>
      <c r="RTO720" s="613"/>
      <c r="RTP720" s="613"/>
      <c r="RTQ720" s="613"/>
      <c r="RTR720" s="613"/>
      <c r="RTS720" s="613"/>
      <c r="RTT720" s="613"/>
      <c r="RTU720" s="613"/>
      <c r="RTV720" s="613"/>
      <c r="RTW720" s="613"/>
      <c r="RTX720" s="613"/>
      <c r="RTY720" s="613"/>
      <c r="RTZ720" s="613"/>
      <c r="RUA720" s="613"/>
      <c r="RUB720" s="613"/>
      <c r="RUC720" s="613"/>
      <c r="RUD720" s="613"/>
      <c r="RUE720" s="613"/>
      <c r="RUF720" s="613"/>
      <c r="RUG720" s="613"/>
      <c r="RUH720" s="613"/>
      <c r="RUI720" s="613"/>
      <c r="RUJ720" s="613"/>
      <c r="RUK720" s="613"/>
      <c r="RUL720" s="613"/>
      <c r="RUM720" s="613"/>
      <c r="RUN720" s="613"/>
      <c r="RUO720" s="613"/>
      <c r="RUP720" s="613"/>
      <c r="RUQ720" s="613"/>
      <c r="RUR720" s="613"/>
      <c r="RUS720" s="613"/>
      <c r="RUT720" s="613"/>
      <c r="RUU720" s="613"/>
      <c r="RUV720" s="613"/>
      <c r="RUW720" s="613"/>
      <c r="RUX720" s="613"/>
      <c r="RUY720" s="613"/>
      <c r="RUZ720" s="613"/>
      <c r="RVA720" s="613"/>
      <c r="RVB720" s="613"/>
      <c r="RVC720" s="613"/>
      <c r="RVD720" s="613"/>
      <c r="RVE720" s="613"/>
      <c r="RVF720" s="613"/>
      <c r="RVG720" s="613"/>
      <c r="RVH720" s="613"/>
      <c r="RVI720" s="613"/>
      <c r="RVJ720" s="613"/>
      <c r="RVK720" s="613"/>
      <c r="RVL720" s="613"/>
      <c r="RVM720" s="613"/>
      <c r="RVN720" s="613"/>
      <c r="RVO720" s="613"/>
      <c r="RVP720" s="613"/>
      <c r="RVQ720" s="613"/>
      <c r="RVR720" s="613"/>
      <c r="RVS720" s="613"/>
      <c r="RVT720" s="613"/>
      <c r="RVU720" s="613"/>
      <c r="RVV720" s="613"/>
      <c r="RVW720" s="613"/>
      <c r="RVX720" s="613"/>
      <c r="RVY720" s="613"/>
      <c r="RVZ720" s="613"/>
      <c r="RWA720" s="613"/>
      <c r="RWB720" s="613"/>
      <c r="RWC720" s="613"/>
      <c r="RWD720" s="613"/>
      <c r="RWE720" s="613"/>
      <c r="RWF720" s="613"/>
      <c r="RWG720" s="613"/>
      <c r="RWH720" s="613"/>
      <c r="RWI720" s="613"/>
      <c r="RWJ720" s="613"/>
      <c r="RWK720" s="613"/>
      <c r="RWL720" s="613"/>
      <c r="RWM720" s="613"/>
      <c r="RWN720" s="613"/>
      <c r="RWO720" s="613"/>
      <c r="RWP720" s="613"/>
      <c r="RWQ720" s="613"/>
      <c r="RWR720" s="613"/>
      <c r="RWS720" s="613"/>
      <c r="RWT720" s="613"/>
      <c r="RWU720" s="613"/>
      <c r="RWV720" s="613"/>
      <c r="RWW720" s="613"/>
      <c r="RWX720" s="613"/>
      <c r="RWY720" s="613"/>
      <c r="RWZ720" s="613"/>
      <c r="RXA720" s="613"/>
      <c r="RXB720" s="613"/>
      <c r="RXC720" s="613"/>
      <c r="RXD720" s="613"/>
      <c r="RXE720" s="613"/>
      <c r="RXF720" s="613"/>
      <c r="RXG720" s="613"/>
      <c r="RXH720" s="613"/>
      <c r="RXI720" s="613"/>
      <c r="RXJ720" s="613"/>
      <c r="RXK720" s="613"/>
      <c r="RXL720" s="613"/>
      <c r="RXM720" s="613"/>
      <c r="RXN720" s="613"/>
      <c r="RXO720" s="613"/>
      <c r="RXP720" s="613"/>
      <c r="RXQ720" s="613"/>
      <c r="RXR720" s="613"/>
      <c r="RXS720" s="613"/>
      <c r="RXT720" s="613"/>
      <c r="RXU720" s="613"/>
      <c r="RXV720" s="613"/>
      <c r="RXW720" s="613"/>
      <c r="RXX720" s="613"/>
      <c r="RXY720" s="613"/>
      <c r="RXZ720" s="613"/>
      <c r="RYA720" s="613"/>
      <c r="RYB720" s="613"/>
      <c r="RYC720" s="613"/>
      <c r="RYD720" s="613"/>
      <c r="RYE720" s="613"/>
      <c r="RYF720" s="613"/>
      <c r="RYG720" s="613"/>
      <c r="RYH720" s="613"/>
      <c r="RYI720" s="613"/>
      <c r="RYJ720" s="613"/>
      <c r="RYK720" s="613"/>
      <c r="RYL720" s="613"/>
      <c r="RYM720" s="613"/>
      <c r="RYN720" s="613"/>
      <c r="RYO720" s="613"/>
      <c r="RYP720" s="613"/>
      <c r="RYQ720" s="613"/>
      <c r="RYR720" s="613"/>
      <c r="RYS720" s="613"/>
      <c r="RYT720" s="613"/>
      <c r="RYU720" s="613"/>
      <c r="RYV720" s="613"/>
      <c r="RYW720" s="613"/>
      <c r="RYX720" s="613"/>
      <c r="RYY720" s="613"/>
      <c r="RYZ720" s="613"/>
      <c r="RZA720" s="613"/>
      <c r="RZB720" s="613"/>
      <c r="RZC720" s="613"/>
      <c r="RZD720" s="613"/>
      <c r="RZE720" s="613"/>
      <c r="RZF720" s="613"/>
      <c r="RZG720" s="613"/>
      <c r="RZH720" s="613"/>
      <c r="RZI720" s="613"/>
      <c r="RZJ720" s="613"/>
      <c r="RZK720" s="613"/>
      <c r="RZL720" s="613"/>
      <c r="RZM720" s="613"/>
      <c r="RZN720" s="613"/>
      <c r="RZO720" s="613"/>
      <c r="RZP720" s="613"/>
      <c r="RZQ720" s="613"/>
      <c r="RZR720" s="613"/>
      <c r="RZS720" s="613"/>
      <c r="RZT720" s="613"/>
      <c r="RZU720" s="613"/>
      <c r="RZV720" s="613"/>
      <c r="RZW720" s="613"/>
      <c r="RZX720" s="613"/>
      <c r="RZY720" s="613"/>
      <c r="RZZ720" s="613"/>
      <c r="SAA720" s="613"/>
      <c r="SAB720" s="613"/>
      <c r="SAC720" s="613"/>
      <c r="SAD720" s="613"/>
      <c r="SAE720" s="613"/>
      <c r="SAF720" s="613"/>
      <c r="SAG720" s="613"/>
      <c r="SAH720" s="613"/>
      <c r="SAI720" s="613"/>
      <c r="SAJ720" s="613"/>
      <c r="SAK720" s="613"/>
      <c r="SAL720" s="613"/>
      <c r="SAM720" s="613"/>
      <c r="SAN720" s="613"/>
      <c r="SAO720" s="613"/>
      <c r="SAP720" s="613"/>
      <c r="SAQ720" s="613"/>
      <c r="SAR720" s="613"/>
      <c r="SAS720" s="613"/>
      <c r="SAT720" s="613"/>
      <c r="SAU720" s="613"/>
      <c r="SAV720" s="613"/>
      <c r="SAW720" s="613"/>
      <c r="SAX720" s="613"/>
      <c r="SAY720" s="613"/>
      <c r="SAZ720" s="613"/>
      <c r="SBA720" s="613"/>
      <c r="SBB720" s="613"/>
      <c r="SBC720" s="613"/>
      <c r="SBD720" s="613"/>
      <c r="SBE720" s="613"/>
      <c r="SBF720" s="613"/>
      <c r="SBG720" s="613"/>
      <c r="SBH720" s="613"/>
      <c r="SBI720" s="613"/>
      <c r="SBJ720" s="613"/>
      <c r="SBK720" s="613"/>
      <c r="SBL720" s="613"/>
      <c r="SBM720" s="613"/>
      <c r="SBN720" s="613"/>
      <c r="SBO720" s="613"/>
      <c r="SBP720" s="613"/>
      <c r="SBQ720" s="613"/>
      <c r="SBR720" s="613"/>
      <c r="SBS720" s="613"/>
      <c r="SBT720" s="613"/>
      <c r="SBU720" s="613"/>
      <c r="SBV720" s="613"/>
      <c r="SBW720" s="613"/>
      <c r="SBX720" s="613"/>
      <c r="SBY720" s="613"/>
      <c r="SBZ720" s="613"/>
      <c r="SCA720" s="613"/>
      <c r="SCB720" s="613"/>
      <c r="SCC720" s="613"/>
      <c r="SCD720" s="613"/>
      <c r="SCE720" s="613"/>
      <c r="SCF720" s="613"/>
      <c r="SCG720" s="613"/>
      <c r="SCH720" s="613"/>
      <c r="SCI720" s="613"/>
      <c r="SCJ720" s="613"/>
      <c r="SCK720" s="613"/>
      <c r="SCL720" s="613"/>
      <c r="SCM720" s="613"/>
      <c r="SCN720" s="613"/>
      <c r="SCO720" s="613"/>
      <c r="SCP720" s="613"/>
      <c r="SCQ720" s="613"/>
      <c r="SCR720" s="613"/>
      <c r="SCS720" s="613"/>
      <c r="SCT720" s="613"/>
      <c r="SCU720" s="613"/>
      <c r="SCV720" s="613"/>
      <c r="SCW720" s="613"/>
      <c r="SCX720" s="613"/>
      <c r="SCY720" s="613"/>
      <c r="SCZ720" s="613"/>
      <c r="SDA720" s="613"/>
      <c r="SDB720" s="613"/>
      <c r="SDC720" s="613"/>
      <c r="SDD720" s="613"/>
      <c r="SDE720" s="613"/>
      <c r="SDF720" s="613"/>
      <c r="SDG720" s="613"/>
      <c r="SDH720" s="613"/>
      <c r="SDI720" s="613"/>
      <c r="SDJ720" s="613"/>
      <c r="SDK720" s="613"/>
      <c r="SDL720" s="613"/>
      <c r="SDM720" s="613"/>
      <c r="SDN720" s="613"/>
      <c r="SDO720" s="613"/>
      <c r="SDP720" s="613"/>
      <c r="SDQ720" s="613"/>
      <c r="SDR720" s="613"/>
      <c r="SDS720" s="613"/>
      <c r="SDT720" s="613"/>
      <c r="SDU720" s="613"/>
      <c r="SDV720" s="613"/>
      <c r="SDW720" s="613"/>
      <c r="SDX720" s="613"/>
      <c r="SDY720" s="613"/>
      <c r="SDZ720" s="613"/>
      <c r="SEA720" s="613"/>
      <c r="SEB720" s="613"/>
      <c r="SEC720" s="613"/>
      <c r="SED720" s="613"/>
      <c r="SEE720" s="613"/>
      <c r="SEF720" s="613"/>
      <c r="SEG720" s="613"/>
      <c r="SEH720" s="613"/>
      <c r="SEI720" s="613"/>
      <c r="SEJ720" s="613"/>
      <c r="SEK720" s="613"/>
      <c r="SEL720" s="613"/>
      <c r="SEM720" s="613"/>
      <c r="SEN720" s="613"/>
      <c r="SEO720" s="613"/>
      <c r="SEP720" s="613"/>
      <c r="SEQ720" s="613"/>
      <c r="SER720" s="613"/>
      <c r="SES720" s="613"/>
      <c r="SET720" s="613"/>
      <c r="SEU720" s="613"/>
      <c r="SEV720" s="613"/>
      <c r="SEW720" s="613"/>
      <c r="SEX720" s="613"/>
      <c r="SEY720" s="613"/>
      <c r="SEZ720" s="613"/>
      <c r="SFA720" s="613"/>
      <c r="SFB720" s="613"/>
      <c r="SFC720" s="613"/>
      <c r="SFD720" s="613"/>
      <c r="SFE720" s="613"/>
      <c r="SFF720" s="613"/>
      <c r="SFG720" s="613"/>
      <c r="SFH720" s="613"/>
      <c r="SFI720" s="613"/>
      <c r="SFJ720" s="613"/>
      <c r="SFK720" s="613"/>
      <c r="SFL720" s="613"/>
      <c r="SFM720" s="613"/>
      <c r="SFN720" s="613"/>
      <c r="SFO720" s="613"/>
      <c r="SFP720" s="613"/>
      <c r="SFQ720" s="613"/>
      <c r="SFR720" s="613"/>
      <c r="SFS720" s="613"/>
      <c r="SFT720" s="613"/>
      <c r="SFU720" s="613"/>
      <c r="SFV720" s="613"/>
      <c r="SFW720" s="613"/>
      <c r="SFX720" s="613"/>
      <c r="SFY720" s="613"/>
      <c r="SFZ720" s="613"/>
      <c r="SGA720" s="613"/>
      <c r="SGB720" s="613"/>
      <c r="SGC720" s="613"/>
      <c r="SGD720" s="613"/>
      <c r="SGE720" s="613"/>
      <c r="SGF720" s="613"/>
      <c r="SGG720" s="613"/>
      <c r="SGH720" s="613"/>
      <c r="SGI720" s="613"/>
      <c r="SGJ720" s="613"/>
      <c r="SGK720" s="613"/>
      <c r="SGL720" s="613"/>
      <c r="SGM720" s="613"/>
      <c r="SGN720" s="613"/>
      <c r="SGO720" s="613"/>
      <c r="SGP720" s="613"/>
      <c r="SGQ720" s="613"/>
      <c r="SGR720" s="613"/>
      <c r="SGS720" s="613"/>
      <c r="SGT720" s="613"/>
      <c r="SGU720" s="613"/>
      <c r="SGV720" s="613"/>
      <c r="SGW720" s="613"/>
      <c r="SGX720" s="613"/>
      <c r="SGY720" s="613"/>
      <c r="SGZ720" s="613"/>
      <c r="SHA720" s="613"/>
      <c r="SHB720" s="613"/>
      <c r="SHC720" s="613"/>
      <c r="SHD720" s="613"/>
      <c r="SHE720" s="613"/>
      <c r="SHF720" s="613"/>
      <c r="SHG720" s="613"/>
      <c r="SHH720" s="613"/>
      <c r="SHI720" s="613"/>
      <c r="SHJ720" s="613"/>
      <c r="SHK720" s="613"/>
      <c r="SHL720" s="613"/>
      <c r="SHM720" s="613"/>
      <c r="SHN720" s="613"/>
      <c r="SHO720" s="613"/>
      <c r="SHP720" s="613"/>
      <c r="SHQ720" s="613"/>
      <c r="SHR720" s="613"/>
      <c r="SHS720" s="613"/>
      <c r="SHT720" s="613"/>
      <c r="SHU720" s="613"/>
      <c r="SHV720" s="613"/>
      <c r="SHW720" s="613"/>
      <c r="SHX720" s="613"/>
      <c r="SHY720" s="613"/>
      <c r="SHZ720" s="613"/>
      <c r="SIA720" s="613"/>
      <c r="SIB720" s="613"/>
      <c r="SIC720" s="613"/>
      <c r="SID720" s="613"/>
      <c r="SIE720" s="613"/>
      <c r="SIF720" s="613"/>
      <c r="SIG720" s="613"/>
      <c r="SIH720" s="613"/>
      <c r="SII720" s="613"/>
      <c r="SIJ720" s="613"/>
      <c r="SIK720" s="613"/>
      <c r="SIL720" s="613"/>
      <c r="SIM720" s="613"/>
      <c r="SIN720" s="613"/>
      <c r="SIO720" s="613"/>
      <c r="SIP720" s="613"/>
      <c r="SIQ720" s="613"/>
      <c r="SIR720" s="613"/>
      <c r="SIS720" s="613"/>
      <c r="SIT720" s="613"/>
      <c r="SIU720" s="613"/>
      <c r="SIV720" s="613"/>
      <c r="SIW720" s="613"/>
      <c r="SIX720" s="613"/>
      <c r="SIY720" s="613"/>
      <c r="SIZ720" s="613"/>
      <c r="SJA720" s="613"/>
      <c r="SJB720" s="613"/>
      <c r="SJC720" s="613"/>
      <c r="SJD720" s="613"/>
      <c r="SJE720" s="613"/>
      <c r="SJF720" s="613"/>
      <c r="SJG720" s="613"/>
      <c r="SJH720" s="613"/>
      <c r="SJI720" s="613"/>
      <c r="SJJ720" s="613"/>
      <c r="SJK720" s="613"/>
      <c r="SJL720" s="613"/>
      <c r="SJM720" s="613"/>
      <c r="SJN720" s="613"/>
      <c r="SJO720" s="613"/>
      <c r="SJP720" s="613"/>
      <c r="SJQ720" s="613"/>
      <c r="SJR720" s="613"/>
      <c r="SJS720" s="613"/>
      <c r="SJT720" s="613"/>
      <c r="SJU720" s="613"/>
      <c r="SJV720" s="613"/>
      <c r="SJW720" s="613"/>
      <c r="SJX720" s="613"/>
      <c r="SJY720" s="613"/>
      <c r="SJZ720" s="613"/>
      <c r="SKA720" s="613"/>
      <c r="SKB720" s="613"/>
      <c r="SKC720" s="613"/>
      <c r="SKD720" s="613"/>
      <c r="SKE720" s="613"/>
      <c r="SKF720" s="613"/>
      <c r="SKG720" s="613"/>
      <c r="SKH720" s="613"/>
      <c r="SKI720" s="613"/>
      <c r="SKJ720" s="613"/>
      <c r="SKK720" s="613"/>
      <c r="SKL720" s="613"/>
      <c r="SKM720" s="613"/>
      <c r="SKN720" s="613"/>
      <c r="SKO720" s="613"/>
      <c r="SKP720" s="613"/>
      <c r="SKQ720" s="613"/>
      <c r="SKR720" s="613"/>
      <c r="SKS720" s="613"/>
      <c r="SKT720" s="613"/>
      <c r="SKU720" s="613"/>
      <c r="SKV720" s="613"/>
      <c r="SKW720" s="613"/>
      <c r="SKX720" s="613"/>
      <c r="SKY720" s="613"/>
      <c r="SKZ720" s="613"/>
      <c r="SLA720" s="613"/>
      <c r="SLB720" s="613"/>
      <c r="SLC720" s="613"/>
      <c r="SLD720" s="613"/>
      <c r="SLE720" s="613"/>
      <c r="SLF720" s="613"/>
      <c r="SLG720" s="613"/>
      <c r="SLH720" s="613"/>
      <c r="SLI720" s="613"/>
      <c r="SLJ720" s="613"/>
      <c r="SLK720" s="613"/>
      <c r="SLL720" s="613"/>
      <c r="SLM720" s="613"/>
      <c r="SLN720" s="613"/>
      <c r="SLO720" s="613"/>
      <c r="SLP720" s="613"/>
      <c r="SLQ720" s="613"/>
      <c r="SLR720" s="613"/>
      <c r="SLS720" s="613"/>
      <c r="SLT720" s="613"/>
      <c r="SLU720" s="613"/>
      <c r="SLV720" s="613"/>
      <c r="SLW720" s="613"/>
      <c r="SLX720" s="613"/>
      <c r="SLY720" s="613"/>
      <c r="SLZ720" s="613"/>
      <c r="SMA720" s="613"/>
      <c r="SMB720" s="613"/>
      <c r="SMC720" s="613"/>
      <c r="SMD720" s="613"/>
      <c r="SME720" s="613"/>
      <c r="SMF720" s="613"/>
      <c r="SMG720" s="613"/>
      <c r="SMH720" s="613"/>
      <c r="SMI720" s="613"/>
      <c r="SMJ720" s="613"/>
      <c r="SMK720" s="613"/>
      <c r="SML720" s="613"/>
      <c r="SMM720" s="613"/>
      <c r="SMN720" s="613"/>
      <c r="SMO720" s="613"/>
      <c r="SMP720" s="613"/>
      <c r="SMQ720" s="613"/>
      <c r="SMR720" s="613"/>
      <c r="SMS720" s="613"/>
      <c r="SMT720" s="613"/>
      <c r="SMU720" s="613"/>
      <c r="SMV720" s="613"/>
      <c r="SMW720" s="613"/>
      <c r="SMX720" s="613"/>
      <c r="SMY720" s="613"/>
      <c r="SMZ720" s="613"/>
      <c r="SNA720" s="613"/>
      <c r="SNB720" s="613"/>
      <c r="SNC720" s="613"/>
      <c r="SND720" s="613"/>
      <c r="SNE720" s="613"/>
      <c r="SNF720" s="613"/>
      <c r="SNG720" s="613"/>
      <c r="SNH720" s="613"/>
      <c r="SNI720" s="613"/>
      <c r="SNJ720" s="613"/>
      <c r="SNK720" s="613"/>
      <c r="SNL720" s="613"/>
      <c r="SNM720" s="613"/>
      <c r="SNN720" s="613"/>
      <c r="SNO720" s="613"/>
      <c r="SNP720" s="613"/>
      <c r="SNQ720" s="613"/>
      <c r="SNR720" s="613"/>
      <c r="SNS720" s="613"/>
      <c r="SNT720" s="613"/>
      <c r="SNU720" s="613"/>
      <c r="SNV720" s="613"/>
      <c r="SNW720" s="613"/>
      <c r="SNX720" s="613"/>
      <c r="SNY720" s="613"/>
      <c r="SNZ720" s="613"/>
      <c r="SOA720" s="613"/>
      <c r="SOB720" s="613"/>
      <c r="SOC720" s="613"/>
      <c r="SOD720" s="613"/>
      <c r="SOE720" s="613"/>
      <c r="SOF720" s="613"/>
      <c r="SOG720" s="613"/>
      <c r="SOH720" s="613"/>
      <c r="SOI720" s="613"/>
      <c r="SOJ720" s="613"/>
      <c r="SOK720" s="613"/>
      <c r="SOL720" s="613"/>
      <c r="SOM720" s="613"/>
      <c r="SON720" s="613"/>
      <c r="SOO720" s="613"/>
      <c r="SOP720" s="613"/>
      <c r="SOQ720" s="613"/>
      <c r="SOR720" s="613"/>
      <c r="SOS720" s="613"/>
      <c r="SOT720" s="613"/>
      <c r="SOU720" s="613"/>
      <c r="SOV720" s="613"/>
      <c r="SOW720" s="613"/>
      <c r="SOX720" s="613"/>
      <c r="SOY720" s="613"/>
      <c r="SOZ720" s="613"/>
      <c r="SPA720" s="613"/>
      <c r="SPB720" s="613"/>
      <c r="SPC720" s="613"/>
      <c r="SPD720" s="613"/>
      <c r="SPE720" s="613"/>
      <c r="SPF720" s="613"/>
      <c r="SPG720" s="613"/>
      <c r="SPH720" s="613"/>
      <c r="SPI720" s="613"/>
      <c r="SPJ720" s="613"/>
      <c r="SPK720" s="613"/>
      <c r="SPL720" s="613"/>
      <c r="SPM720" s="613"/>
      <c r="SPN720" s="613"/>
      <c r="SPO720" s="613"/>
      <c r="SPP720" s="613"/>
      <c r="SPQ720" s="613"/>
      <c r="SPR720" s="613"/>
      <c r="SPS720" s="613"/>
      <c r="SPT720" s="613"/>
      <c r="SPU720" s="613"/>
      <c r="SPV720" s="613"/>
      <c r="SPW720" s="613"/>
      <c r="SPX720" s="613"/>
      <c r="SPY720" s="613"/>
      <c r="SPZ720" s="613"/>
      <c r="SQA720" s="613"/>
      <c r="SQB720" s="613"/>
      <c r="SQC720" s="613"/>
      <c r="SQD720" s="613"/>
      <c r="SQE720" s="613"/>
      <c r="SQF720" s="613"/>
      <c r="SQG720" s="613"/>
      <c r="SQH720" s="613"/>
      <c r="SQI720" s="613"/>
      <c r="SQJ720" s="613"/>
      <c r="SQK720" s="613"/>
      <c r="SQL720" s="613"/>
      <c r="SQM720" s="613"/>
      <c r="SQN720" s="613"/>
      <c r="SQO720" s="613"/>
      <c r="SQP720" s="613"/>
      <c r="SQQ720" s="613"/>
      <c r="SQR720" s="613"/>
      <c r="SQS720" s="613"/>
      <c r="SQT720" s="613"/>
      <c r="SQU720" s="613"/>
      <c r="SQV720" s="613"/>
      <c r="SQW720" s="613"/>
      <c r="SQX720" s="613"/>
      <c r="SQY720" s="613"/>
      <c r="SQZ720" s="613"/>
      <c r="SRA720" s="613"/>
      <c r="SRB720" s="613"/>
      <c r="SRC720" s="613"/>
      <c r="SRD720" s="613"/>
      <c r="SRE720" s="613"/>
      <c r="SRF720" s="613"/>
      <c r="SRG720" s="613"/>
      <c r="SRH720" s="613"/>
      <c r="SRI720" s="613"/>
      <c r="SRJ720" s="613"/>
      <c r="SRK720" s="613"/>
      <c r="SRL720" s="613"/>
      <c r="SRM720" s="613"/>
      <c r="SRN720" s="613"/>
      <c r="SRO720" s="613"/>
      <c r="SRP720" s="613"/>
      <c r="SRQ720" s="613"/>
      <c r="SRR720" s="613"/>
      <c r="SRS720" s="613"/>
      <c r="SRT720" s="613"/>
      <c r="SRU720" s="613"/>
      <c r="SRV720" s="613"/>
      <c r="SRW720" s="613"/>
      <c r="SRX720" s="613"/>
      <c r="SRY720" s="613"/>
      <c r="SRZ720" s="613"/>
      <c r="SSA720" s="613"/>
      <c r="SSB720" s="613"/>
      <c r="SSC720" s="613"/>
      <c r="SSD720" s="613"/>
      <c r="SSE720" s="613"/>
      <c r="SSF720" s="613"/>
      <c r="SSG720" s="613"/>
      <c r="SSH720" s="613"/>
      <c r="SSI720" s="613"/>
      <c r="SSJ720" s="613"/>
      <c r="SSK720" s="613"/>
      <c r="SSL720" s="613"/>
      <c r="SSM720" s="613"/>
      <c r="SSN720" s="613"/>
      <c r="SSO720" s="613"/>
      <c r="SSP720" s="613"/>
      <c r="SSQ720" s="613"/>
      <c r="SSR720" s="613"/>
      <c r="SSS720" s="613"/>
      <c r="SST720" s="613"/>
      <c r="SSU720" s="613"/>
      <c r="SSV720" s="613"/>
      <c r="SSW720" s="613"/>
      <c r="SSX720" s="613"/>
      <c r="SSY720" s="613"/>
      <c r="SSZ720" s="613"/>
      <c r="STA720" s="613"/>
      <c r="STB720" s="613"/>
      <c r="STC720" s="613"/>
      <c r="STD720" s="613"/>
      <c r="STE720" s="613"/>
      <c r="STF720" s="613"/>
      <c r="STG720" s="613"/>
      <c r="STH720" s="613"/>
      <c r="STI720" s="613"/>
      <c r="STJ720" s="613"/>
      <c r="STK720" s="613"/>
      <c r="STL720" s="613"/>
      <c r="STM720" s="613"/>
      <c r="STN720" s="613"/>
      <c r="STO720" s="613"/>
      <c r="STP720" s="613"/>
      <c r="STQ720" s="613"/>
      <c r="STR720" s="613"/>
      <c r="STS720" s="613"/>
      <c r="STT720" s="613"/>
      <c r="STU720" s="613"/>
      <c r="STV720" s="613"/>
      <c r="STW720" s="613"/>
      <c r="STX720" s="613"/>
      <c r="STY720" s="613"/>
      <c r="STZ720" s="613"/>
      <c r="SUA720" s="613"/>
      <c r="SUB720" s="613"/>
      <c r="SUC720" s="613"/>
      <c r="SUD720" s="613"/>
      <c r="SUE720" s="613"/>
      <c r="SUF720" s="613"/>
      <c r="SUG720" s="613"/>
      <c r="SUH720" s="613"/>
      <c r="SUI720" s="613"/>
      <c r="SUJ720" s="613"/>
      <c r="SUK720" s="613"/>
      <c r="SUL720" s="613"/>
      <c r="SUM720" s="613"/>
      <c r="SUN720" s="613"/>
      <c r="SUO720" s="613"/>
      <c r="SUP720" s="613"/>
      <c r="SUQ720" s="613"/>
      <c r="SUR720" s="613"/>
      <c r="SUS720" s="613"/>
      <c r="SUT720" s="613"/>
      <c r="SUU720" s="613"/>
      <c r="SUV720" s="613"/>
      <c r="SUW720" s="613"/>
      <c r="SUX720" s="613"/>
      <c r="SUY720" s="613"/>
      <c r="SUZ720" s="613"/>
      <c r="SVA720" s="613"/>
      <c r="SVB720" s="613"/>
      <c r="SVC720" s="613"/>
      <c r="SVD720" s="613"/>
      <c r="SVE720" s="613"/>
      <c r="SVF720" s="613"/>
      <c r="SVG720" s="613"/>
      <c r="SVH720" s="613"/>
      <c r="SVI720" s="613"/>
      <c r="SVJ720" s="613"/>
      <c r="SVK720" s="613"/>
      <c r="SVL720" s="613"/>
      <c r="SVM720" s="613"/>
      <c r="SVN720" s="613"/>
      <c r="SVO720" s="613"/>
      <c r="SVP720" s="613"/>
      <c r="SVQ720" s="613"/>
      <c r="SVR720" s="613"/>
      <c r="SVS720" s="613"/>
      <c r="SVT720" s="613"/>
      <c r="SVU720" s="613"/>
      <c r="SVV720" s="613"/>
      <c r="SVW720" s="613"/>
      <c r="SVX720" s="613"/>
      <c r="SVY720" s="613"/>
      <c r="SVZ720" s="613"/>
      <c r="SWA720" s="613"/>
      <c r="SWB720" s="613"/>
      <c r="SWC720" s="613"/>
      <c r="SWD720" s="613"/>
      <c r="SWE720" s="613"/>
      <c r="SWF720" s="613"/>
      <c r="SWG720" s="613"/>
      <c r="SWH720" s="613"/>
      <c r="SWI720" s="613"/>
      <c r="SWJ720" s="613"/>
      <c r="SWK720" s="613"/>
      <c r="SWL720" s="613"/>
      <c r="SWM720" s="613"/>
      <c r="SWN720" s="613"/>
      <c r="SWO720" s="613"/>
      <c r="SWP720" s="613"/>
      <c r="SWQ720" s="613"/>
      <c r="SWR720" s="613"/>
      <c r="SWS720" s="613"/>
      <c r="SWT720" s="613"/>
      <c r="SWU720" s="613"/>
      <c r="SWV720" s="613"/>
      <c r="SWW720" s="613"/>
      <c r="SWX720" s="613"/>
      <c r="SWY720" s="613"/>
      <c r="SWZ720" s="613"/>
      <c r="SXA720" s="613"/>
      <c r="SXB720" s="613"/>
      <c r="SXC720" s="613"/>
      <c r="SXD720" s="613"/>
      <c r="SXE720" s="613"/>
      <c r="SXF720" s="613"/>
      <c r="SXG720" s="613"/>
      <c r="SXH720" s="613"/>
      <c r="SXI720" s="613"/>
      <c r="SXJ720" s="613"/>
      <c r="SXK720" s="613"/>
      <c r="SXL720" s="613"/>
      <c r="SXM720" s="613"/>
      <c r="SXN720" s="613"/>
      <c r="SXO720" s="613"/>
      <c r="SXP720" s="613"/>
      <c r="SXQ720" s="613"/>
      <c r="SXR720" s="613"/>
      <c r="SXS720" s="613"/>
      <c r="SXT720" s="613"/>
      <c r="SXU720" s="613"/>
      <c r="SXV720" s="613"/>
      <c r="SXW720" s="613"/>
      <c r="SXX720" s="613"/>
      <c r="SXY720" s="613"/>
      <c r="SXZ720" s="613"/>
      <c r="SYA720" s="613"/>
      <c r="SYB720" s="613"/>
      <c r="SYC720" s="613"/>
      <c r="SYD720" s="613"/>
      <c r="SYE720" s="613"/>
      <c r="SYF720" s="613"/>
      <c r="SYG720" s="613"/>
      <c r="SYH720" s="613"/>
      <c r="SYI720" s="613"/>
      <c r="SYJ720" s="613"/>
      <c r="SYK720" s="613"/>
      <c r="SYL720" s="613"/>
      <c r="SYM720" s="613"/>
      <c r="SYN720" s="613"/>
      <c r="SYO720" s="613"/>
      <c r="SYP720" s="613"/>
      <c r="SYQ720" s="613"/>
      <c r="SYR720" s="613"/>
      <c r="SYS720" s="613"/>
      <c r="SYT720" s="613"/>
      <c r="SYU720" s="613"/>
      <c r="SYV720" s="613"/>
      <c r="SYW720" s="613"/>
      <c r="SYX720" s="613"/>
      <c r="SYY720" s="613"/>
      <c r="SYZ720" s="613"/>
      <c r="SZA720" s="613"/>
      <c r="SZB720" s="613"/>
      <c r="SZC720" s="613"/>
      <c r="SZD720" s="613"/>
      <c r="SZE720" s="613"/>
      <c r="SZF720" s="613"/>
      <c r="SZG720" s="613"/>
      <c r="SZH720" s="613"/>
      <c r="SZI720" s="613"/>
      <c r="SZJ720" s="613"/>
      <c r="SZK720" s="613"/>
      <c r="SZL720" s="613"/>
      <c r="SZM720" s="613"/>
      <c r="SZN720" s="613"/>
      <c r="SZO720" s="613"/>
      <c r="SZP720" s="613"/>
      <c r="SZQ720" s="613"/>
      <c r="SZR720" s="613"/>
      <c r="SZS720" s="613"/>
      <c r="SZT720" s="613"/>
      <c r="SZU720" s="613"/>
      <c r="SZV720" s="613"/>
      <c r="SZW720" s="613"/>
      <c r="SZX720" s="613"/>
      <c r="SZY720" s="613"/>
      <c r="SZZ720" s="613"/>
      <c r="TAA720" s="613"/>
      <c r="TAB720" s="613"/>
      <c r="TAC720" s="613"/>
      <c r="TAD720" s="613"/>
      <c r="TAE720" s="613"/>
      <c r="TAF720" s="613"/>
      <c r="TAG720" s="613"/>
      <c r="TAH720" s="613"/>
      <c r="TAI720" s="613"/>
      <c r="TAJ720" s="613"/>
      <c r="TAK720" s="613"/>
      <c r="TAL720" s="613"/>
      <c r="TAM720" s="613"/>
      <c r="TAN720" s="613"/>
      <c r="TAO720" s="613"/>
      <c r="TAP720" s="613"/>
      <c r="TAQ720" s="613"/>
      <c r="TAR720" s="613"/>
      <c r="TAS720" s="613"/>
      <c r="TAT720" s="613"/>
      <c r="TAU720" s="613"/>
      <c r="TAV720" s="613"/>
      <c r="TAW720" s="613"/>
      <c r="TAX720" s="613"/>
      <c r="TAY720" s="613"/>
      <c r="TAZ720" s="613"/>
      <c r="TBA720" s="613"/>
      <c r="TBB720" s="613"/>
      <c r="TBC720" s="613"/>
      <c r="TBD720" s="613"/>
      <c r="TBE720" s="613"/>
      <c r="TBF720" s="613"/>
      <c r="TBG720" s="613"/>
      <c r="TBH720" s="613"/>
      <c r="TBI720" s="613"/>
      <c r="TBJ720" s="613"/>
      <c r="TBK720" s="613"/>
      <c r="TBL720" s="613"/>
      <c r="TBM720" s="613"/>
      <c r="TBN720" s="613"/>
      <c r="TBO720" s="613"/>
      <c r="TBP720" s="613"/>
      <c r="TBQ720" s="613"/>
      <c r="TBR720" s="613"/>
      <c r="TBS720" s="613"/>
      <c r="TBT720" s="613"/>
      <c r="TBU720" s="613"/>
      <c r="TBV720" s="613"/>
      <c r="TBW720" s="613"/>
      <c r="TBX720" s="613"/>
      <c r="TBY720" s="613"/>
      <c r="TBZ720" s="613"/>
      <c r="TCA720" s="613"/>
      <c r="TCB720" s="613"/>
      <c r="TCC720" s="613"/>
      <c r="TCD720" s="613"/>
      <c r="TCE720" s="613"/>
      <c r="TCF720" s="613"/>
      <c r="TCG720" s="613"/>
      <c r="TCH720" s="613"/>
      <c r="TCI720" s="613"/>
      <c r="TCJ720" s="613"/>
      <c r="TCK720" s="613"/>
      <c r="TCL720" s="613"/>
      <c r="TCM720" s="613"/>
      <c r="TCN720" s="613"/>
      <c r="TCO720" s="613"/>
      <c r="TCP720" s="613"/>
      <c r="TCQ720" s="613"/>
      <c r="TCR720" s="613"/>
      <c r="TCS720" s="613"/>
      <c r="TCT720" s="613"/>
      <c r="TCU720" s="613"/>
      <c r="TCV720" s="613"/>
      <c r="TCW720" s="613"/>
      <c r="TCX720" s="613"/>
      <c r="TCY720" s="613"/>
      <c r="TCZ720" s="613"/>
      <c r="TDA720" s="613"/>
      <c r="TDB720" s="613"/>
      <c r="TDC720" s="613"/>
      <c r="TDD720" s="613"/>
      <c r="TDE720" s="613"/>
      <c r="TDF720" s="613"/>
      <c r="TDG720" s="613"/>
      <c r="TDH720" s="613"/>
      <c r="TDI720" s="613"/>
      <c r="TDJ720" s="613"/>
      <c r="TDK720" s="613"/>
      <c r="TDL720" s="613"/>
      <c r="TDM720" s="613"/>
      <c r="TDN720" s="613"/>
      <c r="TDO720" s="613"/>
      <c r="TDP720" s="613"/>
      <c r="TDQ720" s="613"/>
      <c r="TDR720" s="613"/>
      <c r="TDS720" s="613"/>
      <c r="TDT720" s="613"/>
      <c r="TDU720" s="613"/>
      <c r="TDV720" s="613"/>
      <c r="TDW720" s="613"/>
      <c r="TDX720" s="613"/>
      <c r="TDY720" s="613"/>
      <c r="TDZ720" s="613"/>
      <c r="TEA720" s="613"/>
      <c r="TEB720" s="613"/>
      <c r="TEC720" s="613"/>
      <c r="TED720" s="613"/>
      <c r="TEE720" s="613"/>
      <c r="TEF720" s="613"/>
      <c r="TEG720" s="613"/>
      <c r="TEH720" s="613"/>
      <c r="TEI720" s="613"/>
      <c r="TEJ720" s="613"/>
      <c r="TEK720" s="613"/>
      <c r="TEL720" s="613"/>
      <c r="TEM720" s="613"/>
      <c r="TEN720" s="613"/>
      <c r="TEO720" s="613"/>
      <c r="TEP720" s="613"/>
      <c r="TEQ720" s="613"/>
      <c r="TER720" s="613"/>
      <c r="TES720" s="613"/>
      <c r="TET720" s="613"/>
      <c r="TEU720" s="613"/>
      <c r="TEV720" s="613"/>
      <c r="TEW720" s="613"/>
      <c r="TEX720" s="613"/>
      <c r="TEY720" s="613"/>
      <c r="TEZ720" s="613"/>
      <c r="TFA720" s="613"/>
      <c r="TFB720" s="613"/>
      <c r="TFC720" s="613"/>
      <c r="TFD720" s="613"/>
      <c r="TFE720" s="613"/>
      <c r="TFF720" s="613"/>
      <c r="TFG720" s="613"/>
      <c r="TFH720" s="613"/>
      <c r="TFI720" s="613"/>
      <c r="TFJ720" s="613"/>
      <c r="TFK720" s="613"/>
      <c r="TFL720" s="613"/>
      <c r="TFM720" s="613"/>
      <c r="TFN720" s="613"/>
      <c r="TFO720" s="613"/>
      <c r="TFP720" s="613"/>
      <c r="TFQ720" s="613"/>
      <c r="TFR720" s="613"/>
      <c r="TFS720" s="613"/>
      <c r="TFT720" s="613"/>
      <c r="TFU720" s="613"/>
      <c r="TFV720" s="613"/>
      <c r="TFW720" s="613"/>
      <c r="TFX720" s="613"/>
      <c r="TFY720" s="613"/>
      <c r="TFZ720" s="613"/>
      <c r="TGA720" s="613"/>
      <c r="TGB720" s="613"/>
      <c r="TGC720" s="613"/>
      <c r="TGD720" s="613"/>
      <c r="TGE720" s="613"/>
      <c r="TGF720" s="613"/>
      <c r="TGG720" s="613"/>
      <c r="TGH720" s="613"/>
      <c r="TGI720" s="613"/>
      <c r="TGJ720" s="613"/>
      <c r="TGK720" s="613"/>
      <c r="TGL720" s="613"/>
      <c r="TGM720" s="613"/>
      <c r="TGN720" s="613"/>
      <c r="TGO720" s="613"/>
      <c r="TGP720" s="613"/>
      <c r="TGQ720" s="613"/>
      <c r="TGR720" s="613"/>
      <c r="TGS720" s="613"/>
      <c r="TGT720" s="613"/>
      <c r="TGU720" s="613"/>
      <c r="TGV720" s="613"/>
      <c r="TGW720" s="613"/>
      <c r="TGX720" s="613"/>
      <c r="TGY720" s="613"/>
      <c r="TGZ720" s="613"/>
      <c r="THA720" s="613"/>
      <c r="THB720" s="613"/>
      <c r="THC720" s="613"/>
      <c r="THD720" s="613"/>
      <c r="THE720" s="613"/>
      <c r="THF720" s="613"/>
      <c r="THG720" s="613"/>
      <c r="THH720" s="613"/>
      <c r="THI720" s="613"/>
      <c r="THJ720" s="613"/>
      <c r="THK720" s="613"/>
      <c r="THL720" s="613"/>
      <c r="THM720" s="613"/>
      <c r="THN720" s="613"/>
      <c r="THO720" s="613"/>
      <c r="THP720" s="613"/>
      <c r="THQ720" s="613"/>
      <c r="THR720" s="613"/>
      <c r="THS720" s="613"/>
      <c r="THT720" s="613"/>
      <c r="THU720" s="613"/>
      <c r="THV720" s="613"/>
      <c r="THW720" s="613"/>
      <c r="THX720" s="613"/>
      <c r="THY720" s="613"/>
      <c r="THZ720" s="613"/>
      <c r="TIA720" s="613"/>
      <c r="TIB720" s="613"/>
      <c r="TIC720" s="613"/>
      <c r="TID720" s="613"/>
      <c r="TIE720" s="613"/>
      <c r="TIF720" s="613"/>
      <c r="TIG720" s="613"/>
      <c r="TIH720" s="613"/>
      <c r="TII720" s="613"/>
      <c r="TIJ720" s="613"/>
      <c r="TIK720" s="613"/>
      <c r="TIL720" s="613"/>
      <c r="TIM720" s="613"/>
      <c r="TIN720" s="613"/>
      <c r="TIO720" s="613"/>
      <c r="TIP720" s="613"/>
      <c r="TIQ720" s="613"/>
      <c r="TIR720" s="613"/>
      <c r="TIS720" s="613"/>
      <c r="TIT720" s="613"/>
      <c r="TIU720" s="613"/>
      <c r="TIV720" s="613"/>
      <c r="TIW720" s="613"/>
      <c r="TIX720" s="613"/>
      <c r="TIY720" s="613"/>
      <c r="TIZ720" s="613"/>
      <c r="TJA720" s="613"/>
      <c r="TJB720" s="613"/>
      <c r="TJC720" s="613"/>
      <c r="TJD720" s="613"/>
      <c r="TJE720" s="613"/>
      <c r="TJF720" s="613"/>
      <c r="TJG720" s="613"/>
      <c r="TJH720" s="613"/>
      <c r="TJI720" s="613"/>
      <c r="TJJ720" s="613"/>
      <c r="TJK720" s="613"/>
      <c r="TJL720" s="613"/>
      <c r="TJM720" s="613"/>
      <c r="TJN720" s="613"/>
      <c r="TJO720" s="613"/>
      <c r="TJP720" s="613"/>
      <c r="TJQ720" s="613"/>
      <c r="TJR720" s="613"/>
      <c r="TJS720" s="613"/>
      <c r="TJT720" s="613"/>
      <c r="TJU720" s="613"/>
      <c r="TJV720" s="613"/>
      <c r="TJW720" s="613"/>
      <c r="TJX720" s="613"/>
      <c r="TJY720" s="613"/>
      <c r="TJZ720" s="613"/>
      <c r="TKA720" s="613"/>
      <c r="TKB720" s="613"/>
      <c r="TKC720" s="613"/>
      <c r="TKD720" s="613"/>
      <c r="TKE720" s="613"/>
      <c r="TKF720" s="613"/>
      <c r="TKG720" s="613"/>
      <c r="TKH720" s="613"/>
      <c r="TKI720" s="613"/>
      <c r="TKJ720" s="613"/>
      <c r="TKK720" s="613"/>
      <c r="TKL720" s="613"/>
      <c r="TKM720" s="613"/>
      <c r="TKN720" s="613"/>
      <c r="TKO720" s="613"/>
      <c r="TKP720" s="613"/>
      <c r="TKQ720" s="613"/>
      <c r="TKR720" s="613"/>
      <c r="TKS720" s="613"/>
      <c r="TKT720" s="613"/>
      <c r="TKU720" s="613"/>
      <c r="TKV720" s="613"/>
      <c r="TKW720" s="613"/>
      <c r="TKX720" s="613"/>
      <c r="TKY720" s="613"/>
      <c r="TKZ720" s="613"/>
      <c r="TLA720" s="613"/>
      <c r="TLB720" s="613"/>
      <c r="TLC720" s="613"/>
      <c r="TLD720" s="613"/>
      <c r="TLE720" s="613"/>
      <c r="TLF720" s="613"/>
      <c r="TLG720" s="613"/>
      <c r="TLH720" s="613"/>
      <c r="TLI720" s="613"/>
      <c r="TLJ720" s="613"/>
      <c r="TLK720" s="613"/>
      <c r="TLL720" s="613"/>
      <c r="TLM720" s="613"/>
      <c r="TLN720" s="613"/>
      <c r="TLO720" s="613"/>
      <c r="TLP720" s="613"/>
      <c r="TLQ720" s="613"/>
      <c r="TLR720" s="613"/>
      <c r="TLS720" s="613"/>
      <c r="TLT720" s="613"/>
      <c r="TLU720" s="613"/>
      <c r="TLV720" s="613"/>
      <c r="TLW720" s="613"/>
      <c r="TLX720" s="613"/>
      <c r="TLY720" s="613"/>
      <c r="TLZ720" s="613"/>
      <c r="TMA720" s="613"/>
      <c r="TMB720" s="613"/>
      <c r="TMC720" s="613"/>
      <c r="TMD720" s="613"/>
      <c r="TME720" s="613"/>
      <c r="TMF720" s="613"/>
      <c r="TMG720" s="613"/>
      <c r="TMH720" s="613"/>
      <c r="TMI720" s="613"/>
      <c r="TMJ720" s="613"/>
      <c r="TMK720" s="613"/>
      <c r="TML720" s="613"/>
      <c r="TMM720" s="613"/>
      <c r="TMN720" s="613"/>
      <c r="TMO720" s="613"/>
      <c r="TMP720" s="613"/>
      <c r="TMQ720" s="613"/>
      <c r="TMR720" s="613"/>
      <c r="TMS720" s="613"/>
      <c r="TMT720" s="613"/>
      <c r="TMU720" s="613"/>
      <c r="TMV720" s="613"/>
      <c r="TMW720" s="613"/>
      <c r="TMX720" s="613"/>
      <c r="TMY720" s="613"/>
      <c r="TMZ720" s="613"/>
      <c r="TNA720" s="613"/>
      <c r="TNB720" s="613"/>
      <c r="TNC720" s="613"/>
      <c r="TND720" s="613"/>
      <c r="TNE720" s="613"/>
      <c r="TNF720" s="613"/>
      <c r="TNG720" s="613"/>
      <c r="TNH720" s="613"/>
      <c r="TNI720" s="613"/>
      <c r="TNJ720" s="613"/>
      <c r="TNK720" s="613"/>
      <c r="TNL720" s="613"/>
      <c r="TNM720" s="613"/>
      <c r="TNN720" s="613"/>
      <c r="TNO720" s="613"/>
      <c r="TNP720" s="613"/>
      <c r="TNQ720" s="613"/>
      <c r="TNR720" s="613"/>
      <c r="TNS720" s="613"/>
      <c r="TNT720" s="613"/>
      <c r="TNU720" s="613"/>
      <c r="TNV720" s="613"/>
      <c r="TNW720" s="613"/>
      <c r="TNX720" s="613"/>
      <c r="TNY720" s="613"/>
      <c r="TNZ720" s="613"/>
      <c r="TOA720" s="613"/>
      <c r="TOB720" s="613"/>
      <c r="TOC720" s="613"/>
      <c r="TOD720" s="613"/>
      <c r="TOE720" s="613"/>
      <c r="TOF720" s="613"/>
      <c r="TOG720" s="613"/>
      <c r="TOH720" s="613"/>
      <c r="TOI720" s="613"/>
      <c r="TOJ720" s="613"/>
      <c r="TOK720" s="613"/>
      <c r="TOL720" s="613"/>
      <c r="TOM720" s="613"/>
      <c r="TON720" s="613"/>
      <c r="TOO720" s="613"/>
      <c r="TOP720" s="613"/>
      <c r="TOQ720" s="613"/>
      <c r="TOR720" s="613"/>
      <c r="TOS720" s="613"/>
      <c r="TOT720" s="613"/>
      <c r="TOU720" s="613"/>
      <c r="TOV720" s="613"/>
      <c r="TOW720" s="613"/>
      <c r="TOX720" s="613"/>
      <c r="TOY720" s="613"/>
      <c r="TOZ720" s="613"/>
      <c r="TPA720" s="613"/>
      <c r="TPB720" s="613"/>
      <c r="TPC720" s="613"/>
      <c r="TPD720" s="613"/>
      <c r="TPE720" s="613"/>
      <c r="TPF720" s="613"/>
      <c r="TPG720" s="613"/>
      <c r="TPH720" s="613"/>
      <c r="TPI720" s="613"/>
      <c r="TPJ720" s="613"/>
      <c r="TPK720" s="613"/>
      <c r="TPL720" s="613"/>
      <c r="TPM720" s="613"/>
      <c r="TPN720" s="613"/>
      <c r="TPO720" s="613"/>
      <c r="TPP720" s="613"/>
      <c r="TPQ720" s="613"/>
      <c r="TPR720" s="613"/>
      <c r="TPS720" s="613"/>
      <c r="TPT720" s="613"/>
      <c r="TPU720" s="613"/>
      <c r="TPV720" s="613"/>
      <c r="TPW720" s="613"/>
      <c r="TPX720" s="613"/>
      <c r="TPY720" s="613"/>
      <c r="TPZ720" s="613"/>
      <c r="TQA720" s="613"/>
      <c r="TQB720" s="613"/>
      <c r="TQC720" s="613"/>
      <c r="TQD720" s="613"/>
      <c r="TQE720" s="613"/>
      <c r="TQF720" s="613"/>
      <c r="TQG720" s="613"/>
      <c r="TQH720" s="613"/>
      <c r="TQI720" s="613"/>
      <c r="TQJ720" s="613"/>
      <c r="TQK720" s="613"/>
      <c r="TQL720" s="613"/>
      <c r="TQM720" s="613"/>
      <c r="TQN720" s="613"/>
      <c r="TQO720" s="613"/>
      <c r="TQP720" s="613"/>
      <c r="TQQ720" s="613"/>
      <c r="TQR720" s="613"/>
      <c r="TQS720" s="613"/>
      <c r="TQT720" s="613"/>
      <c r="TQU720" s="613"/>
      <c r="TQV720" s="613"/>
      <c r="TQW720" s="613"/>
      <c r="TQX720" s="613"/>
      <c r="TQY720" s="613"/>
      <c r="TQZ720" s="613"/>
      <c r="TRA720" s="613"/>
      <c r="TRB720" s="613"/>
      <c r="TRC720" s="613"/>
      <c r="TRD720" s="613"/>
      <c r="TRE720" s="613"/>
      <c r="TRF720" s="613"/>
      <c r="TRG720" s="613"/>
      <c r="TRH720" s="613"/>
      <c r="TRI720" s="613"/>
      <c r="TRJ720" s="613"/>
      <c r="TRK720" s="613"/>
      <c r="TRL720" s="613"/>
      <c r="TRM720" s="613"/>
      <c r="TRN720" s="613"/>
      <c r="TRO720" s="613"/>
      <c r="TRP720" s="613"/>
      <c r="TRQ720" s="613"/>
      <c r="TRR720" s="613"/>
      <c r="TRS720" s="613"/>
      <c r="TRT720" s="613"/>
      <c r="TRU720" s="613"/>
      <c r="TRV720" s="613"/>
      <c r="TRW720" s="613"/>
      <c r="TRX720" s="613"/>
      <c r="TRY720" s="613"/>
      <c r="TRZ720" s="613"/>
      <c r="TSA720" s="613"/>
      <c r="TSB720" s="613"/>
      <c r="TSC720" s="613"/>
      <c r="TSD720" s="613"/>
      <c r="TSE720" s="613"/>
      <c r="TSF720" s="613"/>
      <c r="TSG720" s="613"/>
      <c r="TSH720" s="613"/>
      <c r="TSI720" s="613"/>
      <c r="TSJ720" s="613"/>
      <c r="TSK720" s="613"/>
      <c r="TSL720" s="613"/>
      <c r="TSM720" s="613"/>
      <c r="TSN720" s="613"/>
      <c r="TSO720" s="613"/>
      <c r="TSP720" s="613"/>
      <c r="TSQ720" s="613"/>
      <c r="TSR720" s="613"/>
      <c r="TSS720" s="613"/>
      <c r="TST720" s="613"/>
      <c r="TSU720" s="613"/>
      <c r="TSV720" s="613"/>
      <c r="TSW720" s="613"/>
      <c r="TSX720" s="613"/>
      <c r="TSY720" s="613"/>
      <c r="TSZ720" s="613"/>
      <c r="TTA720" s="613"/>
      <c r="TTB720" s="613"/>
      <c r="TTC720" s="613"/>
      <c r="TTD720" s="613"/>
      <c r="TTE720" s="613"/>
      <c r="TTF720" s="613"/>
      <c r="TTG720" s="613"/>
      <c r="TTH720" s="613"/>
      <c r="TTI720" s="613"/>
      <c r="TTJ720" s="613"/>
      <c r="TTK720" s="613"/>
      <c r="TTL720" s="613"/>
      <c r="TTM720" s="613"/>
      <c r="TTN720" s="613"/>
      <c r="TTO720" s="613"/>
      <c r="TTP720" s="613"/>
      <c r="TTQ720" s="613"/>
      <c r="TTR720" s="613"/>
      <c r="TTS720" s="613"/>
      <c r="TTT720" s="613"/>
      <c r="TTU720" s="613"/>
      <c r="TTV720" s="613"/>
      <c r="TTW720" s="613"/>
      <c r="TTX720" s="613"/>
      <c r="TTY720" s="613"/>
      <c r="TTZ720" s="613"/>
      <c r="TUA720" s="613"/>
      <c r="TUB720" s="613"/>
      <c r="TUC720" s="613"/>
      <c r="TUD720" s="613"/>
      <c r="TUE720" s="613"/>
      <c r="TUF720" s="613"/>
      <c r="TUG720" s="613"/>
      <c r="TUH720" s="613"/>
      <c r="TUI720" s="613"/>
      <c r="TUJ720" s="613"/>
      <c r="TUK720" s="613"/>
      <c r="TUL720" s="613"/>
      <c r="TUM720" s="613"/>
      <c r="TUN720" s="613"/>
      <c r="TUO720" s="613"/>
      <c r="TUP720" s="613"/>
      <c r="TUQ720" s="613"/>
      <c r="TUR720" s="613"/>
      <c r="TUS720" s="613"/>
      <c r="TUT720" s="613"/>
      <c r="TUU720" s="613"/>
      <c r="TUV720" s="613"/>
      <c r="TUW720" s="613"/>
      <c r="TUX720" s="613"/>
      <c r="TUY720" s="613"/>
      <c r="TUZ720" s="613"/>
      <c r="TVA720" s="613"/>
      <c r="TVB720" s="613"/>
      <c r="TVC720" s="613"/>
      <c r="TVD720" s="613"/>
      <c r="TVE720" s="613"/>
      <c r="TVF720" s="613"/>
      <c r="TVG720" s="613"/>
      <c r="TVH720" s="613"/>
      <c r="TVI720" s="613"/>
      <c r="TVJ720" s="613"/>
      <c r="TVK720" s="613"/>
      <c r="TVL720" s="613"/>
      <c r="TVM720" s="613"/>
      <c r="TVN720" s="613"/>
      <c r="TVO720" s="613"/>
      <c r="TVP720" s="613"/>
      <c r="TVQ720" s="613"/>
      <c r="TVR720" s="613"/>
      <c r="TVS720" s="613"/>
      <c r="TVT720" s="613"/>
      <c r="TVU720" s="613"/>
      <c r="TVV720" s="613"/>
      <c r="TVW720" s="613"/>
      <c r="TVX720" s="613"/>
      <c r="TVY720" s="613"/>
      <c r="TVZ720" s="613"/>
      <c r="TWA720" s="613"/>
      <c r="TWB720" s="613"/>
      <c r="TWC720" s="613"/>
      <c r="TWD720" s="613"/>
      <c r="TWE720" s="613"/>
      <c r="TWF720" s="613"/>
      <c r="TWG720" s="613"/>
      <c r="TWH720" s="613"/>
      <c r="TWI720" s="613"/>
      <c r="TWJ720" s="613"/>
      <c r="TWK720" s="613"/>
      <c r="TWL720" s="613"/>
      <c r="TWM720" s="613"/>
      <c r="TWN720" s="613"/>
      <c r="TWO720" s="613"/>
      <c r="TWP720" s="613"/>
      <c r="TWQ720" s="613"/>
      <c r="TWR720" s="613"/>
      <c r="TWS720" s="613"/>
      <c r="TWT720" s="613"/>
      <c r="TWU720" s="613"/>
      <c r="TWV720" s="613"/>
      <c r="TWW720" s="613"/>
      <c r="TWX720" s="613"/>
      <c r="TWY720" s="613"/>
      <c r="TWZ720" s="613"/>
      <c r="TXA720" s="613"/>
      <c r="TXB720" s="613"/>
      <c r="TXC720" s="613"/>
      <c r="TXD720" s="613"/>
      <c r="TXE720" s="613"/>
      <c r="TXF720" s="613"/>
      <c r="TXG720" s="613"/>
      <c r="TXH720" s="613"/>
      <c r="TXI720" s="613"/>
      <c r="TXJ720" s="613"/>
      <c r="TXK720" s="613"/>
      <c r="TXL720" s="613"/>
      <c r="TXM720" s="613"/>
      <c r="TXN720" s="613"/>
      <c r="TXO720" s="613"/>
      <c r="TXP720" s="613"/>
      <c r="TXQ720" s="613"/>
      <c r="TXR720" s="613"/>
      <c r="TXS720" s="613"/>
      <c r="TXT720" s="613"/>
      <c r="TXU720" s="613"/>
      <c r="TXV720" s="613"/>
      <c r="TXW720" s="613"/>
      <c r="TXX720" s="613"/>
      <c r="TXY720" s="613"/>
      <c r="TXZ720" s="613"/>
      <c r="TYA720" s="613"/>
      <c r="TYB720" s="613"/>
      <c r="TYC720" s="613"/>
      <c r="TYD720" s="613"/>
      <c r="TYE720" s="613"/>
      <c r="TYF720" s="613"/>
      <c r="TYG720" s="613"/>
      <c r="TYH720" s="613"/>
      <c r="TYI720" s="613"/>
      <c r="TYJ720" s="613"/>
      <c r="TYK720" s="613"/>
      <c r="TYL720" s="613"/>
      <c r="TYM720" s="613"/>
      <c r="TYN720" s="613"/>
      <c r="TYO720" s="613"/>
      <c r="TYP720" s="613"/>
      <c r="TYQ720" s="613"/>
      <c r="TYR720" s="613"/>
      <c r="TYS720" s="613"/>
      <c r="TYT720" s="613"/>
      <c r="TYU720" s="613"/>
      <c r="TYV720" s="613"/>
      <c r="TYW720" s="613"/>
      <c r="TYX720" s="613"/>
      <c r="TYY720" s="613"/>
      <c r="TYZ720" s="613"/>
      <c r="TZA720" s="613"/>
      <c r="TZB720" s="613"/>
      <c r="TZC720" s="613"/>
      <c r="TZD720" s="613"/>
      <c r="TZE720" s="613"/>
      <c r="TZF720" s="613"/>
      <c r="TZG720" s="613"/>
      <c r="TZH720" s="613"/>
      <c r="TZI720" s="613"/>
      <c r="TZJ720" s="613"/>
      <c r="TZK720" s="613"/>
      <c r="TZL720" s="613"/>
      <c r="TZM720" s="613"/>
      <c r="TZN720" s="613"/>
      <c r="TZO720" s="613"/>
      <c r="TZP720" s="613"/>
      <c r="TZQ720" s="613"/>
      <c r="TZR720" s="613"/>
      <c r="TZS720" s="613"/>
      <c r="TZT720" s="613"/>
      <c r="TZU720" s="613"/>
      <c r="TZV720" s="613"/>
      <c r="TZW720" s="613"/>
      <c r="TZX720" s="613"/>
      <c r="TZY720" s="613"/>
      <c r="TZZ720" s="613"/>
      <c r="UAA720" s="613"/>
      <c r="UAB720" s="613"/>
      <c r="UAC720" s="613"/>
      <c r="UAD720" s="613"/>
      <c r="UAE720" s="613"/>
      <c r="UAF720" s="613"/>
      <c r="UAG720" s="613"/>
      <c r="UAH720" s="613"/>
      <c r="UAI720" s="613"/>
      <c r="UAJ720" s="613"/>
      <c r="UAK720" s="613"/>
      <c r="UAL720" s="613"/>
      <c r="UAM720" s="613"/>
      <c r="UAN720" s="613"/>
      <c r="UAO720" s="613"/>
      <c r="UAP720" s="613"/>
      <c r="UAQ720" s="613"/>
      <c r="UAR720" s="613"/>
      <c r="UAS720" s="613"/>
      <c r="UAT720" s="613"/>
      <c r="UAU720" s="613"/>
      <c r="UAV720" s="613"/>
      <c r="UAW720" s="613"/>
      <c r="UAX720" s="613"/>
      <c r="UAY720" s="613"/>
      <c r="UAZ720" s="613"/>
      <c r="UBA720" s="613"/>
      <c r="UBB720" s="613"/>
      <c r="UBC720" s="613"/>
      <c r="UBD720" s="613"/>
      <c r="UBE720" s="613"/>
      <c r="UBF720" s="613"/>
      <c r="UBG720" s="613"/>
      <c r="UBH720" s="613"/>
      <c r="UBI720" s="613"/>
      <c r="UBJ720" s="613"/>
      <c r="UBK720" s="613"/>
      <c r="UBL720" s="613"/>
      <c r="UBM720" s="613"/>
      <c r="UBN720" s="613"/>
      <c r="UBO720" s="613"/>
      <c r="UBP720" s="613"/>
      <c r="UBQ720" s="613"/>
      <c r="UBR720" s="613"/>
      <c r="UBS720" s="613"/>
      <c r="UBT720" s="613"/>
      <c r="UBU720" s="613"/>
      <c r="UBV720" s="613"/>
      <c r="UBW720" s="613"/>
      <c r="UBX720" s="613"/>
      <c r="UBY720" s="613"/>
      <c r="UBZ720" s="613"/>
      <c r="UCA720" s="613"/>
      <c r="UCB720" s="613"/>
      <c r="UCC720" s="613"/>
      <c r="UCD720" s="613"/>
      <c r="UCE720" s="613"/>
      <c r="UCF720" s="613"/>
      <c r="UCG720" s="613"/>
      <c r="UCH720" s="613"/>
      <c r="UCI720" s="613"/>
      <c r="UCJ720" s="613"/>
      <c r="UCK720" s="613"/>
      <c r="UCL720" s="613"/>
      <c r="UCM720" s="613"/>
      <c r="UCN720" s="613"/>
      <c r="UCO720" s="613"/>
      <c r="UCP720" s="613"/>
      <c r="UCQ720" s="613"/>
      <c r="UCR720" s="613"/>
      <c r="UCS720" s="613"/>
      <c r="UCT720" s="613"/>
      <c r="UCU720" s="613"/>
      <c r="UCV720" s="613"/>
      <c r="UCW720" s="613"/>
      <c r="UCX720" s="613"/>
      <c r="UCY720" s="613"/>
      <c r="UCZ720" s="613"/>
      <c r="UDA720" s="613"/>
      <c r="UDB720" s="613"/>
      <c r="UDC720" s="613"/>
      <c r="UDD720" s="613"/>
      <c r="UDE720" s="613"/>
      <c r="UDF720" s="613"/>
      <c r="UDG720" s="613"/>
      <c r="UDH720" s="613"/>
      <c r="UDI720" s="613"/>
      <c r="UDJ720" s="613"/>
      <c r="UDK720" s="613"/>
      <c r="UDL720" s="613"/>
      <c r="UDM720" s="613"/>
      <c r="UDN720" s="613"/>
      <c r="UDO720" s="613"/>
      <c r="UDP720" s="613"/>
      <c r="UDQ720" s="613"/>
      <c r="UDR720" s="613"/>
      <c r="UDS720" s="613"/>
      <c r="UDT720" s="613"/>
      <c r="UDU720" s="613"/>
      <c r="UDV720" s="613"/>
      <c r="UDW720" s="613"/>
      <c r="UDX720" s="613"/>
      <c r="UDY720" s="613"/>
      <c r="UDZ720" s="613"/>
      <c r="UEA720" s="613"/>
      <c r="UEB720" s="613"/>
      <c r="UEC720" s="613"/>
      <c r="UED720" s="613"/>
      <c r="UEE720" s="613"/>
      <c r="UEF720" s="613"/>
      <c r="UEG720" s="613"/>
      <c r="UEH720" s="613"/>
      <c r="UEI720" s="613"/>
      <c r="UEJ720" s="613"/>
      <c r="UEK720" s="613"/>
      <c r="UEL720" s="613"/>
      <c r="UEM720" s="613"/>
      <c r="UEN720" s="613"/>
      <c r="UEO720" s="613"/>
      <c r="UEP720" s="613"/>
      <c r="UEQ720" s="613"/>
      <c r="UER720" s="613"/>
      <c r="UES720" s="613"/>
      <c r="UET720" s="613"/>
      <c r="UEU720" s="613"/>
      <c r="UEV720" s="613"/>
      <c r="UEW720" s="613"/>
      <c r="UEX720" s="613"/>
      <c r="UEY720" s="613"/>
      <c r="UEZ720" s="613"/>
      <c r="UFA720" s="613"/>
      <c r="UFB720" s="613"/>
      <c r="UFC720" s="613"/>
      <c r="UFD720" s="613"/>
      <c r="UFE720" s="613"/>
      <c r="UFF720" s="613"/>
      <c r="UFG720" s="613"/>
      <c r="UFH720" s="613"/>
      <c r="UFI720" s="613"/>
      <c r="UFJ720" s="613"/>
      <c r="UFK720" s="613"/>
      <c r="UFL720" s="613"/>
      <c r="UFM720" s="613"/>
      <c r="UFN720" s="613"/>
      <c r="UFO720" s="613"/>
      <c r="UFP720" s="613"/>
      <c r="UFQ720" s="613"/>
      <c r="UFR720" s="613"/>
      <c r="UFS720" s="613"/>
      <c r="UFT720" s="613"/>
      <c r="UFU720" s="613"/>
      <c r="UFV720" s="613"/>
      <c r="UFW720" s="613"/>
      <c r="UFX720" s="613"/>
      <c r="UFY720" s="613"/>
      <c r="UFZ720" s="613"/>
      <c r="UGA720" s="613"/>
      <c r="UGB720" s="613"/>
      <c r="UGC720" s="613"/>
      <c r="UGD720" s="613"/>
      <c r="UGE720" s="613"/>
      <c r="UGF720" s="613"/>
      <c r="UGG720" s="613"/>
      <c r="UGH720" s="613"/>
      <c r="UGI720" s="613"/>
      <c r="UGJ720" s="613"/>
      <c r="UGK720" s="613"/>
      <c r="UGL720" s="613"/>
      <c r="UGM720" s="613"/>
      <c r="UGN720" s="613"/>
      <c r="UGO720" s="613"/>
      <c r="UGP720" s="613"/>
      <c r="UGQ720" s="613"/>
      <c r="UGR720" s="613"/>
      <c r="UGS720" s="613"/>
      <c r="UGT720" s="613"/>
      <c r="UGU720" s="613"/>
      <c r="UGV720" s="613"/>
      <c r="UGW720" s="613"/>
      <c r="UGX720" s="613"/>
      <c r="UGY720" s="613"/>
      <c r="UGZ720" s="613"/>
      <c r="UHA720" s="613"/>
      <c r="UHB720" s="613"/>
      <c r="UHC720" s="613"/>
      <c r="UHD720" s="613"/>
      <c r="UHE720" s="613"/>
      <c r="UHF720" s="613"/>
      <c r="UHG720" s="613"/>
      <c r="UHH720" s="613"/>
      <c r="UHI720" s="613"/>
      <c r="UHJ720" s="613"/>
      <c r="UHK720" s="613"/>
      <c r="UHL720" s="613"/>
      <c r="UHM720" s="613"/>
      <c r="UHN720" s="613"/>
      <c r="UHO720" s="613"/>
      <c r="UHP720" s="613"/>
      <c r="UHQ720" s="613"/>
      <c r="UHR720" s="613"/>
      <c r="UHS720" s="613"/>
      <c r="UHT720" s="613"/>
      <c r="UHU720" s="613"/>
      <c r="UHV720" s="613"/>
      <c r="UHW720" s="613"/>
      <c r="UHX720" s="613"/>
      <c r="UHY720" s="613"/>
      <c r="UHZ720" s="613"/>
      <c r="UIA720" s="613"/>
      <c r="UIB720" s="613"/>
      <c r="UIC720" s="613"/>
      <c r="UID720" s="613"/>
      <c r="UIE720" s="613"/>
      <c r="UIF720" s="613"/>
      <c r="UIG720" s="613"/>
      <c r="UIH720" s="613"/>
      <c r="UII720" s="613"/>
      <c r="UIJ720" s="613"/>
      <c r="UIK720" s="613"/>
      <c r="UIL720" s="613"/>
      <c r="UIM720" s="613"/>
      <c r="UIN720" s="613"/>
      <c r="UIO720" s="613"/>
      <c r="UIP720" s="613"/>
      <c r="UIQ720" s="613"/>
      <c r="UIR720" s="613"/>
      <c r="UIS720" s="613"/>
      <c r="UIT720" s="613"/>
      <c r="UIU720" s="613"/>
      <c r="UIV720" s="613"/>
      <c r="UIW720" s="613"/>
      <c r="UIX720" s="613"/>
      <c r="UIY720" s="613"/>
      <c r="UIZ720" s="613"/>
      <c r="UJA720" s="613"/>
      <c r="UJB720" s="613"/>
      <c r="UJC720" s="613"/>
      <c r="UJD720" s="613"/>
      <c r="UJE720" s="613"/>
      <c r="UJF720" s="613"/>
      <c r="UJG720" s="613"/>
      <c r="UJH720" s="613"/>
      <c r="UJI720" s="613"/>
      <c r="UJJ720" s="613"/>
      <c r="UJK720" s="613"/>
      <c r="UJL720" s="613"/>
      <c r="UJM720" s="613"/>
      <c r="UJN720" s="613"/>
      <c r="UJO720" s="613"/>
      <c r="UJP720" s="613"/>
      <c r="UJQ720" s="613"/>
      <c r="UJR720" s="613"/>
      <c r="UJS720" s="613"/>
      <c r="UJT720" s="613"/>
      <c r="UJU720" s="613"/>
      <c r="UJV720" s="613"/>
      <c r="UJW720" s="613"/>
      <c r="UJX720" s="613"/>
      <c r="UJY720" s="613"/>
      <c r="UJZ720" s="613"/>
      <c r="UKA720" s="613"/>
      <c r="UKB720" s="613"/>
      <c r="UKC720" s="613"/>
      <c r="UKD720" s="613"/>
      <c r="UKE720" s="613"/>
      <c r="UKF720" s="613"/>
      <c r="UKG720" s="613"/>
      <c r="UKH720" s="613"/>
      <c r="UKI720" s="613"/>
      <c r="UKJ720" s="613"/>
      <c r="UKK720" s="613"/>
      <c r="UKL720" s="613"/>
      <c r="UKM720" s="613"/>
      <c r="UKN720" s="613"/>
      <c r="UKO720" s="613"/>
      <c r="UKP720" s="613"/>
      <c r="UKQ720" s="613"/>
      <c r="UKR720" s="613"/>
      <c r="UKS720" s="613"/>
      <c r="UKT720" s="613"/>
      <c r="UKU720" s="613"/>
      <c r="UKV720" s="613"/>
      <c r="UKW720" s="613"/>
      <c r="UKX720" s="613"/>
      <c r="UKY720" s="613"/>
      <c r="UKZ720" s="613"/>
      <c r="ULA720" s="613"/>
      <c r="ULB720" s="613"/>
      <c r="ULC720" s="613"/>
      <c r="ULD720" s="613"/>
      <c r="ULE720" s="613"/>
      <c r="ULF720" s="613"/>
      <c r="ULG720" s="613"/>
      <c r="ULH720" s="613"/>
      <c r="ULI720" s="613"/>
      <c r="ULJ720" s="613"/>
      <c r="ULK720" s="613"/>
      <c r="ULL720" s="613"/>
      <c r="ULM720" s="613"/>
      <c r="ULN720" s="613"/>
      <c r="ULO720" s="613"/>
      <c r="ULP720" s="613"/>
      <c r="ULQ720" s="613"/>
      <c r="ULR720" s="613"/>
      <c r="ULS720" s="613"/>
      <c r="ULT720" s="613"/>
      <c r="ULU720" s="613"/>
      <c r="ULV720" s="613"/>
      <c r="ULW720" s="613"/>
      <c r="ULX720" s="613"/>
      <c r="ULY720" s="613"/>
      <c r="ULZ720" s="613"/>
      <c r="UMA720" s="613"/>
      <c r="UMB720" s="613"/>
      <c r="UMC720" s="613"/>
      <c r="UMD720" s="613"/>
      <c r="UME720" s="613"/>
      <c r="UMF720" s="613"/>
      <c r="UMG720" s="613"/>
      <c r="UMH720" s="613"/>
      <c r="UMI720" s="613"/>
      <c r="UMJ720" s="613"/>
      <c r="UMK720" s="613"/>
      <c r="UML720" s="613"/>
      <c r="UMM720" s="613"/>
      <c r="UMN720" s="613"/>
      <c r="UMO720" s="613"/>
      <c r="UMP720" s="613"/>
      <c r="UMQ720" s="613"/>
      <c r="UMR720" s="613"/>
      <c r="UMS720" s="613"/>
      <c r="UMT720" s="613"/>
      <c r="UMU720" s="613"/>
      <c r="UMV720" s="613"/>
      <c r="UMW720" s="613"/>
      <c r="UMX720" s="613"/>
      <c r="UMY720" s="613"/>
      <c r="UMZ720" s="613"/>
      <c r="UNA720" s="613"/>
      <c r="UNB720" s="613"/>
      <c r="UNC720" s="613"/>
      <c r="UND720" s="613"/>
      <c r="UNE720" s="613"/>
      <c r="UNF720" s="613"/>
      <c r="UNG720" s="613"/>
      <c r="UNH720" s="613"/>
      <c r="UNI720" s="613"/>
      <c r="UNJ720" s="613"/>
      <c r="UNK720" s="613"/>
      <c r="UNL720" s="613"/>
      <c r="UNM720" s="613"/>
      <c r="UNN720" s="613"/>
      <c r="UNO720" s="613"/>
      <c r="UNP720" s="613"/>
      <c r="UNQ720" s="613"/>
      <c r="UNR720" s="613"/>
      <c r="UNS720" s="613"/>
      <c r="UNT720" s="613"/>
      <c r="UNU720" s="613"/>
      <c r="UNV720" s="613"/>
      <c r="UNW720" s="613"/>
      <c r="UNX720" s="613"/>
      <c r="UNY720" s="613"/>
      <c r="UNZ720" s="613"/>
      <c r="UOA720" s="613"/>
      <c r="UOB720" s="613"/>
      <c r="UOC720" s="613"/>
      <c r="UOD720" s="613"/>
      <c r="UOE720" s="613"/>
      <c r="UOF720" s="613"/>
      <c r="UOG720" s="613"/>
      <c r="UOH720" s="613"/>
      <c r="UOI720" s="613"/>
      <c r="UOJ720" s="613"/>
      <c r="UOK720" s="613"/>
      <c r="UOL720" s="613"/>
      <c r="UOM720" s="613"/>
      <c r="UON720" s="613"/>
      <c r="UOO720" s="613"/>
      <c r="UOP720" s="613"/>
      <c r="UOQ720" s="613"/>
      <c r="UOR720" s="613"/>
      <c r="UOS720" s="613"/>
      <c r="UOT720" s="613"/>
      <c r="UOU720" s="613"/>
      <c r="UOV720" s="613"/>
      <c r="UOW720" s="613"/>
      <c r="UOX720" s="613"/>
      <c r="UOY720" s="613"/>
      <c r="UOZ720" s="613"/>
      <c r="UPA720" s="613"/>
      <c r="UPB720" s="613"/>
      <c r="UPC720" s="613"/>
      <c r="UPD720" s="613"/>
      <c r="UPE720" s="613"/>
      <c r="UPF720" s="613"/>
      <c r="UPG720" s="613"/>
      <c r="UPH720" s="613"/>
      <c r="UPI720" s="613"/>
      <c r="UPJ720" s="613"/>
      <c r="UPK720" s="613"/>
      <c r="UPL720" s="613"/>
      <c r="UPM720" s="613"/>
      <c r="UPN720" s="613"/>
      <c r="UPO720" s="613"/>
      <c r="UPP720" s="613"/>
      <c r="UPQ720" s="613"/>
      <c r="UPR720" s="613"/>
      <c r="UPS720" s="613"/>
      <c r="UPT720" s="613"/>
      <c r="UPU720" s="613"/>
      <c r="UPV720" s="613"/>
      <c r="UPW720" s="613"/>
      <c r="UPX720" s="613"/>
      <c r="UPY720" s="613"/>
      <c r="UPZ720" s="613"/>
      <c r="UQA720" s="613"/>
      <c r="UQB720" s="613"/>
      <c r="UQC720" s="613"/>
      <c r="UQD720" s="613"/>
      <c r="UQE720" s="613"/>
      <c r="UQF720" s="613"/>
      <c r="UQG720" s="613"/>
      <c r="UQH720" s="613"/>
      <c r="UQI720" s="613"/>
      <c r="UQJ720" s="613"/>
      <c r="UQK720" s="613"/>
      <c r="UQL720" s="613"/>
      <c r="UQM720" s="613"/>
      <c r="UQN720" s="613"/>
      <c r="UQO720" s="613"/>
      <c r="UQP720" s="613"/>
      <c r="UQQ720" s="613"/>
      <c r="UQR720" s="613"/>
      <c r="UQS720" s="613"/>
      <c r="UQT720" s="613"/>
      <c r="UQU720" s="613"/>
      <c r="UQV720" s="613"/>
      <c r="UQW720" s="613"/>
      <c r="UQX720" s="613"/>
      <c r="UQY720" s="613"/>
      <c r="UQZ720" s="613"/>
      <c r="URA720" s="613"/>
      <c r="URB720" s="613"/>
      <c r="URC720" s="613"/>
      <c r="URD720" s="613"/>
      <c r="URE720" s="613"/>
      <c r="URF720" s="613"/>
      <c r="URG720" s="613"/>
      <c r="URH720" s="613"/>
      <c r="URI720" s="613"/>
      <c r="URJ720" s="613"/>
      <c r="URK720" s="613"/>
      <c r="URL720" s="613"/>
      <c r="URM720" s="613"/>
      <c r="URN720" s="613"/>
      <c r="URO720" s="613"/>
      <c r="URP720" s="613"/>
      <c r="URQ720" s="613"/>
      <c r="URR720" s="613"/>
      <c r="URS720" s="613"/>
      <c r="URT720" s="613"/>
      <c r="URU720" s="613"/>
      <c r="URV720" s="613"/>
      <c r="URW720" s="613"/>
      <c r="URX720" s="613"/>
      <c r="URY720" s="613"/>
      <c r="URZ720" s="613"/>
      <c r="USA720" s="613"/>
      <c r="USB720" s="613"/>
      <c r="USC720" s="613"/>
      <c r="USD720" s="613"/>
      <c r="USE720" s="613"/>
      <c r="USF720" s="613"/>
      <c r="USG720" s="613"/>
      <c r="USH720" s="613"/>
      <c r="USI720" s="613"/>
      <c r="USJ720" s="613"/>
      <c r="USK720" s="613"/>
      <c r="USL720" s="613"/>
      <c r="USM720" s="613"/>
      <c r="USN720" s="613"/>
      <c r="USO720" s="613"/>
      <c r="USP720" s="613"/>
      <c r="USQ720" s="613"/>
      <c r="USR720" s="613"/>
      <c r="USS720" s="613"/>
      <c r="UST720" s="613"/>
      <c r="USU720" s="613"/>
      <c r="USV720" s="613"/>
      <c r="USW720" s="613"/>
      <c r="USX720" s="613"/>
      <c r="USY720" s="613"/>
      <c r="USZ720" s="613"/>
      <c r="UTA720" s="613"/>
      <c r="UTB720" s="613"/>
      <c r="UTC720" s="613"/>
      <c r="UTD720" s="613"/>
      <c r="UTE720" s="613"/>
      <c r="UTF720" s="613"/>
      <c r="UTG720" s="613"/>
      <c r="UTH720" s="613"/>
      <c r="UTI720" s="613"/>
      <c r="UTJ720" s="613"/>
      <c r="UTK720" s="613"/>
      <c r="UTL720" s="613"/>
      <c r="UTM720" s="613"/>
      <c r="UTN720" s="613"/>
      <c r="UTO720" s="613"/>
      <c r="UTP720" s="613"/>
      <c r="UTQ720" s="613"/>
      <c r="UTR720" s="613"/>
      <c r="UTS720" s="613"/>
      <c r="UTT720" s="613"/>
      <c r="UTU720" s="613"/>
      <c r="UTV720" s="613"/>
      <c r="UTW720" s="613"/>
      <c r="UTX720" s="613"/>
      <c r="UTY720" s="613"/>
      <c r="UTZ720" s="613"/>
      <c r="UUA720" s="613"/>
      <c r="UUB720" s="613"/>
      <c r="UUC720" s="613"/>
      <c r="UUD720" s="613"/>
      <c r="UUE720" s="613"/>
      <c r="UUF720" s="613"/>
      <c r="UUG720" s="613"/>
      <c r="UUH720" s="613"/>
      <c r="UUI720" s="613"/>
      <c r="UUJ720" s="613"/>
      <c r="UUK720" s="613"/>
      <c r="UUL720" s="613"/>
      <c r="UUM720" s="613"/>
      <c r="UUN720" s="613"/>
      <c r="UUO720" s="613"/>
      <c r="UUP720" s="613"/>
      <c r="UUQ720" s="613"/>
      <c r="UUR720" s="613"/>
      <c r="UUS720" s="613"/>
      <c r="UUT720" s="613"/>
      <c r="UUU720" s="613"/>
      <c r="UUV720" s="613"/>
      <c r="UUW720" s="613"/>
      <c r="UUX720" s="613"/>
      <c r="UUY720" s="613"/>
      <c r="UUZ720" s="613"/>
      <c r="UVA720" s="613"/>
      <c r="UVB720" s="613"/>
      <c r="UVC720" s="613"/>
      <c r="UVD720" s="613"/>
      <c r="UVE720" s="613"/>
      <c r="UVF720" s="613"/>
      <c r="UVG720" s="613"/>
      <c r="UVH720" s="613"/>
      <c r="UVI720" s="613"/>
      <c r="UVJ720" s="613"/>
      <c r="UVK720" s="613"/>
      <c r="UVL720" s="613"/>
      <c r="UVM720" s="613"/>
      <c r="UVN720" s="613"/>
      <c r="UVO720" s="613"/>
      <c r="UVP720" s="613"/>
      <c r="UVQ720" s="613"/>
      <c r="UVR720" s="613"/>
      <c r="UVS720" s="613"/>
      <c r="UVT720" s="613"/>
      <c r="UVU720" s="613"/>
      <c r="UVV720" s="613"/>
      <c r="UVW720" s="613"/>
      <c r="UVX720" s="613"/>
      <c r="UVY720" s="613"/>
      <c r="UVZ720" s="613"/>
      <c r="UWA720" s="613"/>
      <c r="UWB720" s="613"/>
      <c r="UWC720" s="613"/>
      <c r="UWD720" s="613"/>
      <c r="UWE720" s="613"/>
      <c r="UWF720" s="613"/>
      <c r="UWG720" s="613"/>
      <c r="UWH720" s="613"/>
      <c r="UWI720" s="613"/>
      <c r="UWJ720" s="613"/>
      <c r="UWK720" s="613"/>
      <c r="UWL720" s="613"/>
      <c r="UWM720" s="613"/>
      <c r="UWN720" s="613"/>
      <c r="UWO720" s="613"/>
      <c r="UWP720" s="613"/>
      <c r="UWQ720" s="613"/>
      <c r="UWR720" s="613"/>
      <c r="UWS720" s="613"/>
      <c r="UWT720" s="613"/>
      <c r="UWU720" s="613"/>
      <c r="UWV720" s="613"/>
      <c r="UWW720" s="613"/>
      <c r="UWX720" s="613"/>
      <c r="UWY720" s="613"/>
      <c r="UWZ720" s="613"/>
      <c r="UXA720" s="613"/>
      <c r="UXB720" s="613"/>
      <c r="UXC720" s="613"/>
      <c r="UXD720" s="613"/>
      <c r="UXE720" s="613"/>
      <c r="UXF720" s="613"/>
      <c r="UXG720" s="613"/>
      <c r="UXH720" s="613"/>
      <c r="UXI720" s="613"/>
      <c r="UXJ720" s="613"/>
      <c r="UXK720" s="613"/>
      <c r="UXL720" s="613"/>
      <c r="UXM720" s="613"/>
      <c r="UXN720" s="613"/>
      <c r="UXO720" s="613"/>
      <c r="UXP720" s="613"/>
      <c r="UXQ720" s="613"/>
      <c r="UXR720" s="613"/>
      <c r="UXS720" s="613"/>
      <c r="UXT720" s="613"/>
      <c r="UXU720" s="613"/>
      <c r="UXV720" s="613"/>
      <c r="UXW720" s="613"/>
      <c r="UXX720" s="613"/>
      <c r="UXY720" s="613"/>
      <c r="UXZ720" s="613"/>
      <c r="UYA720" s="613"/>
      <c r="UYB720" s="613"/>
      <c r="UYC720" s="613"/>
      <c r="UYD720" s="613"/>
      <c r="UYE720" s="613"/>
      <c r="UYF720" s="613"/>
      <c r="UYG720" s="613"/>
      <c r="UYH720" s="613"/>
      <c r="UYI720" s="613"/>
      <c r="UYJ720" s="613"/>
      <c r="UYK720" s="613"/>
      <c r="UYL720" s="613"/>
      <c r="UYM720" s="613"/>
      <c r="UYN720" s="613"/>
      <c r="UYO720" s="613"/>
      <c r="UYP720" s="613"/>
      <c r="UYQ720" s="613"/>
      <c r="UYR720" s="613"/>
      <c r="UYS720" s="613"/>
      <c r="UYT720" s="613"/>
      <c r="UYU720" s="613"/>
      <c r="UYV720" s="613"/>
      <c r="UYW720" s="613"/>
      <c r="UYX720" s="613"/>
      <c r="UYY720" s="613"/>
      <c r="UYZ720" s="613"/>
      <c r="UZA720" s="613"/>
      <c r="UZB720" s="613"/>
      <c r="UZC720" s="613"/>
      <c r="UZD720" s="613"/>
      <c r="UZE720" s="613"/>
      <c r="UZF720" s="613"/>
      <c r="UZG720" s="613"/>
      <c r="UZH720" s="613"/>
      <c r="UZI720" s="613"/>
      <c r="UZJ720" s="613"/>
      <c r="UZK720" s="613"/>
      <c r="UZL720" s="613"/>
      <c r="UZM720" s="613"/>
      <c r="UZN720" s="613"/>
      <c r="UZO720" s="613"/>
      <c r="UZP720" s="613"/>
      <c r="UZQ720" s="613"/>
      <c r="UZR720" s="613"/>
      <c r="UZS720" s="613"/>
      <c r="UZT720" s="613"/>
      <c r="UZU720" s="613"/>
      <c r="UZV720" s="613"/>
      <c r="UZW720" s="613"/>
      <c r="UZX720" s="613"/>
      <c r="UZY720" s="613"/>
      <c r="UZZ720" s="613"/>
      <c r="VAA720" s="613"/>
      <c r="VAB720" s="613"/>
      <c r="VAC720" s="613"/>
      <c r="VAD720" s="613"/>
      <c r="VAE720" s="613"/>
      <c r="VAF720" s="613"/>
      <c r="VAG720" s="613"/>
      <c r="VAH720" s="613"/>
      <c r="VAI720" s="613"/>
      <c r="VAJ720" s="613"/>
      <c r="VAK720" s="613"/>
      <c r="VAL720" s="613"/>
      <c r="VAM720" s="613"/>
      <c r="VAN720" s="613"/>
      <c r="VAO720" s="613"/>
      <c r="VAP720" s="613"/>
      <c r="VAQ720" s="613"/>
      <c r="VAR720" s="613"/>
      <c r="VAS720" s="613"/>
      <c r="VAT720" s="613"/>
      <c r="VAU720" s="613"/>
      <c r="VAV720" s="613"/>
      <c r="VAW720" s="613"/>
      <c r="VAX720" s="613"/>
      <c r="VAY720" s="613"/>
      <c r="VAZ720" s="613"/>
      <c r="VBA720" s="613"/>
      <c r="VBB720" s="613"/>
      <c r="VBC720" s="613"/>
      <c r="VBD720" s="613"/>
      <c r="VBE720" s="613"/>
      <c r="VBF720" s="613"/>
      <c r="VBG720" s="613"/>
      <c r="VBH720" s="613"/>
      <c r="VBI720" s="613"/>
      <c r="VBJ720" s="613"/>
      <c r="VBK720" s="613"/>
      <c r="VBL720" s="613"/>
      <c r="VBM720" s="613"/>
      <c r="VBN720" s="613"/>
      <c r="VBO720" s="613"/>
      <c r="VBP720" s="613"/>
      <c r="VBQ720" s="613"/>
      <c r="VBR720" s="613"/>
      <c r="VBS720" s="613"/>
      <c r="VBT720" s="613"/>
      <c r="VBU720" s="613"/>
      <c r="VBV720" s="613"/>
      <c r="VBW720" s="613"/>
      <c r="VBX720" s="613"/>
      <c r="VBY720" s="613"/>
      <c r="VBZ720" s="613"/>
      <c r="VCA720" s="613"/>
      <c r="VCB720" s="613"/>
      <c r="VCC720" s="613"/>
      <c r="VCD720" s="613"/>
      <c r="VCE720" s="613"/>
      <c r="VCF720" s="613"/>
      <c r="VCG720" s="613"/>
      <c r="VCH720" s="613"/>
      <c r="VCI720" s="613"/>
      <c r="VCJ720" s="613"/>
      <c r="VCK720" s="613"/>
      <c r="VCL720" s="613"/>
      <c r="VCM720" s="613"/>
      <c r="VCN720" s="613"/>
      <c r="VCO720" s="613"/>
      <c r="VCP720" s="613"/>
      <c r="VCQ720" s="613"/>
      <c r="VCR720" s="613"/>
      <c r="VCS720" s="613"/>
      <c r="VCT720" s="613"/>
      <c r="VCU720" s="613"/>
      <c r="VCV720" s="613"/>
      <c r="VCW720" s="613"/>
      <c r="VCX720" s="613"/>
      <c r="VCY720" s="613"/>
      <c r="VCZ720" s="613"/>
      <c r="VDA720" s="613"/>
      <c r="VDB720" s="613"/>
      <c r="VDC720" s="613"/>
      <c r="VDD720" s="613"/>
      <c r="VDE720" s="613"/>
      <c r="VDF720" s="613"/>
      <c r="VDG720" s="613"/>
      <c r="VDH720" s="613"/>
      <c r="VDI720" s="613"/>
      <c r="VDJ720" s="613"/>
      <c r="VDK720" s="613"/>
      <c r="VDL720" s="613"/>
      <c r="VDM720" s="613"/>
      <c r="VDN720" s="613"/>
      <c r="VDO720" s="613"/>
      <c r="VDP720" s="613"/>
      <c r="VDQ720" s="613"/>
      <c r="VDR720" s="613"/>
      <c r="VDS720" s="613"/>
      <c r="VDT720" s="613"/>
      <c r="VDU720" s="613"/>
      <c r="VDV720" s="613"/>
      <c r="VDW720" s="613"/>
      <c r="VDX720" s="613"/>
      <c r="VDY720" s="613"/>
      <c r="VDZ720" s="613"/>
      <c r="VEA720" s="613"/>
      <c r="VEB720" s="613"/>
      <c r="VEC720" s="613"/>
      <c r="VED720" s="613"/>
      <c r="VEE720" s="613"/>
      <c r="VEF720" s="613"/>
      <c r="VEG720" s="613"/>
      <c r="VEH720" s="613"/>
      <c r="VEI720" s="613"/>
      <c r="VEJ720" s="613"/>
      <c r="VEK720" s="613"/>
      <c r="VEL720" s="613"/>
      <c r="VEM720" s="613"/>
      <c r="VEN720" s="613"/>
      <c r="VEO720" s="613"/>
      <c r="VEP720" s="613"/>
      <c r="VEQ720" s="613"/>
      <c r="VER720" s="613"/>
      <c r="VES720" s="613"/>
      <c r="VET720" s="613"/>
      <c r="VEU720" s="613"/>
      <c r="VEV720" s="613"/>
      <c r="VEW720" s="613"/>
      <c r="VEX720" s="613"/>
      <c r="VEY720" s="613"/>
      <c r="VEZ720" s="613"/>
      <c r="VFA720" s="613"/>
      <c r="VFB720" s="613"/>
      <c r="VFC720" s="613"/>
      <c r="VFD720" s="613"/>
      <c r="VFE720" s="613"/>
      <c r="VFF720" s="613"/>
      <c r="VFG720" s="613"/>
      <c r="VFH720" s="613"/>
      <c r="VFI720" s="613"/>
      <c r="VFJ720" s="613"/>
      <c r="VFK720" s="613"/>
      <c r="VFL720" s="613"/>
      <c r="VFM720" s="613"/>
      <c r="VFN720" s="613"/>
      <c r="VFO720" s="613"/>
      <c r="VFP720" s="613"/>
      <c r="VFQ720" s="613"/>
      <c r="VFR720" s="613"/>
      <c r="VFS720" s="613"/>
      <c r="VFT720" s="613"/>
      <c r="VFU720" s="613"/>
      <c r="VFV720" s="613"/>
      <c r="VFW720" s="613"/>
      <c r="VFX720" s="613"/>
      <c r="VFY720" s="613"/>
      <c r="VFZ720" s="613"/>
      <c r="VGA720" s="613"/>
      <c r="VGB720" s="613"/>
      <c r="VGC720" s="613"/>
      <c r="VGD720" s="613"/>
      <c r="VGE720" s="613"/>
      <c r="VGF720" s="613"/>
      <c r="VGG720" s="613"/>
      <c r="VGH720" s="613"/>
      <c r="VGI720" s="613"/>
      <c r="VGJ720" s="613"/>
      <c r="VGK720" s="613"/>
      <c r="VGL720" s="613"/>
      <c r="VGM720" s="613"/>
      <c r="VGN720" s="613"/>
      <c r="VGO720" s="613"/>
      <c r="VGP720" s="613"/>
      <c r="VGQ720" s="613"/>
      <c r="VGR720" s="613"/>
      <c r="VGS720" s="613"/>
      <c r="VGT720" s="613"/>
      <c r="VGU720" s="613"/>
      <c r="VGV720" s="613"/>
      <c r="VGW720" s="613"/>
      <c r="VGX720" s="613"/>
      <c r="VGY720" s="613"/>
      <c r="VGZ720" s="613"/>
      <c r="VHA720" s="613"/>
      <c r="VHB720" s="613"/>
      <c r="VHC720" s="613"/>
      <c r="VHD720" s="613"/>
      <c r="VHE720" s="613"/>
      <c r="VHF720" s="613"/>
      <c r="VHG720" s="613"/>
      <c r="VHH720" s="613"/>
      <c r="VHI720" s="613"/>
      <c r="VHJ720" s="613"/>
      <c r="VHK720" s="613"/>
      <c r="VHL720" s="613"/>
      <c r="VHM720" s="613"/>
      <c r="VHN720" s="613"/>
      <c r="VHO720" s="613"/>
      <c r="VHP720" s="613"/>
      <c r="VHQ720" s="613"/>
      <c r="VHR720" s="613"/>
      <c r="VHS720" s="613"/>
      <c r="VHT720" s="613"/>
      <c r="VHU720" s="613"/>
      <c r="VHV720" s="613"/>
      <c r="VHW720" s="613"/>
      <c r="VHX720" s="613"/>
      <c r="VHY720" s="613"/>
      <c r="VHZ720" s="613"/>
      <c r="VIA720" s="613"/>
      <c r="VIB720" s="613"/>
      <c r="VIC720" s="613"/>
      <c r="VID720" s="613"/>
      <c r="VIE720" s="613"/>
      <c r="VIF720" s="613"/>
      <c r="VIG720" s="613"/>
      <c r="VIH720" s="613"/>
      <c r="VII720" s="613"/>
      <c r="VIJ720" s="613"/>
      <c r="VIK720" s="613"/>
      <c r="VIL720" s="613"/>
      <c r="VIM720" s="613"/>
      <c r="VIN720" s="613"/>
      <c r="VIO720" s="613"/>
      <c r="VIP720" s="613"/>
      <c r="VIQ720" s="613"/>
      <c r="VIR720" s="613"/>
      <c r="VIS720" s="613"/>
      <c r="VIT720" s="613"/>
      <c r="VIU720" s="613"/>
      <c r="VIV720" s="613"/>
      <c r="VIW720" s="613"/>
      <c r="VIX720" s="613"/>
      <c r="VIY720" s="613"/>
      <c r="VIZ720" s="613"/>
      <c r="VJA720" s="613"/>
      <c r="VJB720" s="613"/>
      <c r="VJC720" s="613"/>
      <c r="VJD720" s="613"/>
      <c r="VJE720" s="613"/>
      <c r="VJF720" s="613"/>
      <c r="VJG720" s="613"/>
      <c r="VJH720" s="613"/>
      <c r="VJI720" s="613"/>
      <c r="VJJ720" s="613"/>
      <c r="VJK720" s="613"/>
      <c r="VJL720" s="613"/>
      <c r="VJM720" s="613"/>
      <c r="VJN720" s="613"/>
      <c r="VJO720" s="613"/>
      <c r="VJP720" s="613"/>
      <c r="VJQ720" s="613"/>
      <c r="VJR720" s="613"/>
      <c r="VJS720" s="613"/>
      <c r="VJT720" s="613"/>
      <c r="VJU720" s="613"/>
      <c r="VJV720" s="613"/>
      <c r="VJW720" s="613"/>
      <c r="VJX720" s="613"/>
      <c r="VJY720" s="613"/>
      <c r="VJZ720" s="613"/>
      <c r="VKA720" s="613"/>
      <c r="VKB720" s="613"/>
      <c r="VKC720" s="613"/>
      <c r="VKD720" s="613"/>
      <c r="VKE720" s="613"/>
      <c r="VKF720" s="613"/>
      <c r="VKG720" s="613"/>
      <c r="VKH720" s="613"/>
      <c r="VKI720" s="613"/>
      <c r="VKJ720" s="613"/>
      <c r="VKK720" s="613"/>
      <c r="VKL720" s="613"/>
      <c r="VKM720" s="613"/>
      <c r="VKN720" s="613"/>
      <c r="VKO720" s="613"/>
      <c r="VKP720" s="613"/>
      <c r="VKQ720" s="613"/>
      <c r="VKR720" s="613"/>
      <c r="VKS720" s="613"/>
      <c r="VKT720" s="613"/>
      <c r="VKU720" s="613"/>
      <c r="VKV720" s="613"/>
      <c r="VKW720" s="613"/>
      <c r="VKX720" s="613"/>
      <c r="VKY720" s="613"/>
      <c r="VKZ720" s="613"/>
      <c r="VLA720" s="613"/>
      <c r="VLB720" s="613"/>
      <c r="VLC720" s="613"/>
      <c r="VLD720" s="613"/>
      <c r="VLE720" s="613"/>
      <c r="VLF720" s="613"/>
      <c r="VLG720" s="613"/>
      <c r="VLH720" s="613"/>
      <c r="VLI720" s="613"/>
      <c r="VLJ720" s="613"/>
      <c r="VLK720" s="613"/>
      <c r="VLL720" s="613"/>
      <c r="VLM720" s="613"/>
      <c r="VLN720" s="613"/>
      <c r="VLO720" s="613"/>
      <c r="VLP720" s="613"/>
      <c r="VLQ720" s="613"/>
      <c r="VLR720" s="613"/>
      <c r="VLS720" s="613"/>
      <c r="VLT720" s="613"/>
      <c r="VLU720" s="613"/>
      <c r="VLV720" s="613"/>
      <c r="VLW720" s="613"/>
      <c r="VLX720" s="613"/>
      <c r="VLY720" s="613"/>
      <c r="VLZ720" s="613"/>
      <c r="VMA720" s="613"/>
      <c r="VMB720" s="613"/>
      <c r="VMC720" s="613"/>
      <c r="VMD720" s="613"/>
      <c r="VME720" s="613"/>
      <c r="VMF720" s="613"/>
      <c r="VMG720" s="613"/>
      <c r="VMH720" s="613"/>
      <c r="VMI720" s="613"/>
      <c r="VMJ720" s="613"/>
      <c r="VMK720" s="613"/>
      <c r="VML720" s="613"/>
      <c r="VMM720" s="613"/>
      <c r="VMN720" s="613"/>
      <c r="VMO720" s="613"/>
      <c r="VMP720" s="613"/>
      <c r="VMQ720" s="613"/>
      <c r="VMR720" s="613"/>
      <c r="VMS720" s="613"/>
      <c r="VMT720" s="613"/>
      <c r="VMU720" s="613"/>
      <c r="VMV720" s="613"/>
      <c r="VMW720" s="613"/>
      <c r="VMX720" s="613"/>
      <c r="VMY720" s="613"/>
      <c r="VMZ720" s="613"/>
      <c r="VNA720" s="613"/>
      <c r="VNB720" s="613"/>
      <c r="VNC720" s="613"/>
      <c r="VND720" s="613"/>
      <c r="VNE720" s="613"/>
      <c r="VNF720" s="613"/>
      <c r="VNG720" s="613"/>
      <c r="VNH720" s="613"/>
      <c r="VNI720" s="613"/>
      <c r="VNJ720" s="613"/>
      <c r="VNK720" s="613"/>
      <c r="VNL720" s="613"/>
      <c r="VNM720" s="613"/>
      <c r="VNN720" s="613"/>
      <c r="VNO720" s="613"/>
      <c r="VNP720" s="613"/>
      <c r="VNQ720" s="613"/>
      <c r="VNR720" s="613"/>
      <c r="VNS720" s="613"/>
      <c r="VNT720" s="613"/>
      <c r="VNU720" s="613"/>
      <c r="VNV720" s="613"/>
      <c r="VNW720" s="613"/>
      <c r="VNX720" s="613"/>
      <c r="VNY720" s="613"/>
      <c r="VNZ720" s="613"/>
      <c r="VOA720" s="613"/>
      <c r="VOB720" s="613"/>
      <c r="VOC720" s="613"/>
      <c r="VOD720" s="613"/>
      <c r="VOE720" s="613"/>
      <c r="VOF720" s="613"/>
      <c r="VOG720" s="613"/>
      <c r="VOH720" s="613"/>
      <c r="VOI720" s="613"/>
      <c r="VOJ720" s="613"/>
      <c r="VOK720" s="613"/>
      <c r="VOL720" s="613"/>
      <c r="VOM720" s="613"/>
      <c r="VON720" s="613"/>
      <c r="VOO720" s="613"/>
      <c r="VOP720" s="613"/>
      <c r="VOQ720" s="613"/>
      <c r="VOR720" s="613"/>
      <c r="VOS720" s="613"/>
      <c r="VOT720" s="613"/>
      <c r="VOU720" s="613"/>
      <c r="VOV720" s="613"/>
      <c r="VOW720" s="613"/>
      <c r="VOX720" s="613"/>
      <c r="VOY720" s="613"/>
      <c r="VOZ720" s="613"/>
      <c r="VPA720" s="613"/>
      <c r="VPB720" s="613"/>
      <c r="VPC720" s="613"/>
      <c r="VPD720" s="613"/>
      <c r="VPE720" s="613"/>
      <c r="VPF720" s="613"/>
      <c r="VPG720" s="613"/>
      <c r="VPH720" s="613"/>
      <c r="VPI720" s="613"/>
      <c r="VPJ720" s="613"/>
      <c r="VPK720" s="613"/>
      <c r="VPL720" s="613"/>
      <c r="VPM720" s="613"/>
      <c r="VPN720" s="613"/>
      <c r="VPO720" s="613"/>
      <c r="VPP720" s="613"/>
      <c r="VPQ720" s="613"/>
      <c r="VPR720" s="613"/>
      <c r="VPS720" s="613"/>
      <c r="VPT720" s="613"/>
      <c r="VPU720" s="613"/>
      <c r="VPV720" s="613"/>
      <c r="VPW720" s="613"/>
      <c r="VPX720" s="613"/>
      <c r="VPY720" s="613"/>
      <c r="VPZ720" s="613"/>
      <c r="VQA720" s="613"/>
      <c r="VQB720" s="613"/>
      <c r="VQC720" s="613"/>
      <c r="VQD720" s="613"/>
      <c r="VQE720" s="613"/>
      <c r="VQF720" s="613"/>
      <c r="VQG720" s="613"/>
      <c r="VQH720" s="613"/>
      <c r="VQI720" s="613"/>
      <c r="VQJ720" s="613"/>
      <c r="VQK720" s="613"/>
      <c r="VQL720" s="613"/>
      <c r="VQM720" s="613"/>
      <c r="VQN720" s="613"/>
      <c r="VQO720" s="613"/>
      <c r="VQP720" s="613"/>
      <c r="VQQ720" s="613"/>
      <c r="VQR720" s="613"/>
      <c r="VQS720" s="613"/>
      <c r="VQT720" s="613"/>
      <c r="VQU720" s="613"/>
      <c r="VQV720" s="613"/>
      <c r="VQW720" s="613"/>
      <c r="VQX720" s="613"/>
      <c r="VQY720" s="613"/>
      <c r="VQZ720" s="613"/>
      <c r="VRA720" s="613"/>
      <c r="VRB720" s="613"/>
      <c r="VRC720" s="613"/>
      <c r="VRD720" s="613"/>
      <c r="VRE720" s="613"/>
      <c r="VRF720" s="613"/>
      <c r="VRG720" s="613"/>
      <c r="VRH720" s="613"/>
      <c r="VRI720" s="613"/>
      <c r="VRJ720" s="613"/>
      <c r="VRK720" s="613"/>
      <c r="VRL720" s="613"/>
      <c r="VRM720" s="613"/>
      <c r="VRN720" s="613"/>
      <c r="VRO720" s="613"/>
      <c r="VRP720" s="613"/>
      <c r="VRQ720" s="613"/>
      <c r="VRR720" s="613"/>
      <c r="VRS720" s="613"/>
      <c r="VRT720" s="613"/>
      <c r="VRU720" s="613"/>
      <c r="VRV720" s="613"/>
      <c r="VRW720" s="613"/>
      <c r="VRX720" s="613"/>
      <c r="VRY720" s="613"/>
      <c r="VRZ720" s="613"/>
      <c r="VSA720" s="613"/>
      <c r="VSB720" s="613"/>
      <c r="VSC720" s="613"/>
      <c r="VSD720" s="613"/>
      <c r="VSE720" s="613"/>
      <c r="VSF720" s="613"/>
      <c r="VSG720" s="613"/>
      <c r="VSH720" s="613"/>
      <c r="VSI720" s="613"/>
      <c r="VSJ720" s="613"/>
      <c r="VSK720" s="613"/>
      <c r="VSL720" s="613"/>
      <c r="VSM720" s="613"/>
      <c r="VSN720" s="613"/>
      <c r="VSO720" s="613"/>
      <c r="VSP720" s="613"/>
      <c r="VSQ720" s="613"/>
      <c r="VSR720" s="613"/>
      <c r="VSS720" s="613"/>
      <c r="VST720" s="613"/>
      <c r="VSU720" s="613"/>
      <c r="VSV720" s="613"/>
      <c r="VSW720" s="613"/>
      <c r="VSX720" s="613"/>
      <c r="VSY720" s="613"/>
      <c r="VSZ720" s="613"/>
      <c r="VTA720" s="613"/>
      <c r="VTB720" s="613"/>
      <c r="VTC720" s="613"/>
      <c r="VTD720" s="613"/>
      <c r="VTE720" s="613"/>
      <c r="VTF720" s="613"/>
      <c r="VTG720" s="613"/>
      <c r="VTH720" s="613"/>
      <c r="VTI720" s="613"/>
      <c r="VTJ720" s="613"/>
      <c r="VTK720" s="613"/>
      <c r="VTL720" s="613"/>
      <c r="VTM720" s="613"/>
      <c r="VTN720" s="613"/>
      <c r="VTO720" s="613"/>
      <c r="VTP720" s="613"/>
      <c r="VTQ720" s="613"/>
      <c r="VTR720" s="613"/>
      <c r="VTS720" s="613"/>
      <c r="VTT720" s="613"/>
      <c r="VTU720" s="613"/>
      <c r="VTV720" s="613"/>
      <c r="VTW720" s="613"/>
      <c r="VTX720" s="613"/>
      <c r="VTY720" s="613"/>
      <c r="VTZ720" s="613"/>
      <c r="VUA720" s="613"/>
      <c r="VUB720" s="613"/>
      <c r="VUC720" s="613"/>
      <c r="VUD720" s="613"/>
      <c r="VUE720" s="613"/>
      <c r="VUF720" s="613"/>
      <c r="VUG720" s="613"/>
      <c r="VUH720" s="613"/>
      <c r="VUI720" s="613"/>
      <c r="VUJ720" s="613"/>
      <c r="VUK720" s="613"/>
      <c r="VUL720" s="613"/>
      <c r="VUM720" s="613"/>
      <c r="VUN720" s="613"/>
      <c r="VUO720" s="613"/>
      <c r="VUP720" s="613"/>
      <c r="VUQ720" s="613"/>
      <c r="VUR720" s="613"/>
      <c r="VUS720" s="613"/>
      <c r="VUT720" s="613"/>
      <c r="VUU720" s="613"/>
      <c r="VUV720" s="613"/>
      <c r="VUW720" s="613"/>
      <c r="VUX720" s="613"/>
      <c r="VUY720" s="613"/>
      <c r="VUZ720" s="613"/>
      <c r="VVA720" s="613"/>
      <c r="VVB720" s="613"/>
      <c r="VVC720" s="613"/>
      <c r="VVD720" s="613"/>
      <c r="VVE720" s="613"/>
      <c r="VVF720" s="613"/>
      <c r="VVG720" s="613"/>
      <c r="VVH720" s="613"/>
      <c r="VVI720" s="613"/>
      <c r="VVJ720" s="613"/>
      <c r="VVK720" s="613"/>
      <c r="VVL720" s="613"/>
      <c r="VVM720" s="613"/>
      <c r="VVN720" s="613"/>
      <c r="VVO720" s="613"/>
      <c r="VVP720" s="613"/>
      <c r="VVQ720" s="613"/>
      <c r="VVR720" s="613"/>
      <c r="VVS720" s="613"/>
      <c r="VVT720" s="613"/>
      <c r="VVU720" s="613"/>
      <c r="VVV720" s="613"/>
      <c r="VVW720" s="613"/>
      <c r="VVX720" s="613"/>
      <c r="VVY720" s="613"/>
      <c r="VVZ720" s="613"/>
      <c r="VWA720" s="613"/>
      <c r="VWB720" s="613"/>
      <c r="VWC720" s="613"/>
      <c r="VWD720" s="613"/>
      <c r="VWE720" s="613"/>
      <c r="VWF720" s="613"/>
      <c r="VWG720" s="613"/>
      <c r="VWH720" s="613"/>
      <c r="VWI720" s="613"/>
      <c r="VWJ720" s="613"/>
      <c r="VWK720" s="613"/>
      <c r="VWL720" s="613"/>
      <c r="VWM720" s="613"/>
      <c r="VWN720" s="613"/>
      <c r="VWO720" s="613"/>
      <c r="VWP720" s="613"/>
      <c r="VWQ720" s="613"/>
      <c r="VWR720" s="613"/>
      <c r="VWS720" s="613"/>
      <c r="VWT720" s="613"/>
      <c r="VWU720" s="613"/>
      <c r="VWV720" s="613"/>
      <c r="VWW720" s="613"/>
      <c r="VWX720" s="613"/>
      <c r="VWY720" s="613"/>
      <c r="VWZ720" s="613"/>
      <c r="VXA720" s="613"/>
      <c r="VXB720" s="613"/>
      <c r="VXC720" s="613"/>
      <c r="VXD720" s="613"/>
      <c r="VXE720" s="613"/>
      <c r="VXF720" s="613"/>
      <c r="VXG720" s="613"/>
      <c r="VXH720" s="613"/>
      <c r="VXI720" s="613"/>
      <c r="VXJ720" s="613"/>
      <c r="VXK720" s="613"/>
      <c r="VXL720" s="613"/>
      <c r="VXM720" s="613"/>
      <c r="VXN720" s="613"/>
      <c r="VXO720" s="613"/>
      <c r="VXP720" s="613"/>
      <c r="VXQ720" s="613"/>
      <c r="VXR720" s="613"/>
      <c r="VXS720" s="613"/>
      <c r="VXT720" s="613"/>
      <c r="VXU720" s="613"/>
      <c r="VXV720" s="613"/>
      <c r="VXW720" s="613"/>
      <c r="VXX720" s="613"/>
      <c r="VXY720" s="613"/>
      <c r="VXZ720" s="613"/>
      <c r="VYA720" s="613"/>
      <c r="VYB720" s="613"/>
      <c r="VYC720" s="613"/>
      <c r="VYD720" s="613"/>
      <c r="VYE720" s="613"/>
      <c r="VYF720" s="613"/>
      <c r="VYG720" s="613"/>
      <c r="VYH720" s="613"/>
      <c r="VYI720" s="613"/>
      <c r="VYJ720" s="613"/>
      <c r="VYK720" s="613"/>
      <c r="VYL720" s="613"/>
      <c r="VYM720" s="613"/>
      <c r="VYN720" s="613"/>
      <c r="VYO720" s="613"/>
      <c r="VYP720" s="613"/>
      <c r="VYQ720" s="613"/>
      <c r="VYR720" s="613"/>
      <c r="VYS720" s="613"/>
      <c r="VYT720" s="613"/>
      <c r="VYU720" s="613"/>
      <c r="VYV720" s="613"/>
      <c r="VYW720" s="613"/>
      <c r="VYX720" s="613"/>
      <c r="VYY720" s="613"/>
      <c r="VYZ720" s="613"/>
      <c r="VZA720" s="613"/>
      <c r="VZB720" s="613"/>
      <c r="VZC720" s="613"/>
      <c r="VZD720" s="613"/>
      <c r="VZE720" s="613"/>
      <c r="VZF720" s="613"/>
      <c r="VZG720" s="613"/>
      <c r="VZH720" s="613"/>
      <c r="VZI720" s="613"/>
      <c r="VZJ720" s="613"/>
      <c r="VZK720" s="613"/>
      <c r="VZL720" s="613"/>
      <c r="VZM720" s="613"/>
      <c r="VZN720" s="613"/>
      <c r="VZO720" s="613"/>
      <c r="VZP720" s="613"/>
      <c r="VZQ720" s="613"/>
      <c r="VZR720" s="613"/>
      <c r="VZS720" s="613"/>
      <c r="VZT720" s="613"/>
      <c r="VZU720" s="613"/>
      <c r="VZV720" s="613"/>
      <c r="VZW720" s="613"/>
      <c r="VZX720" s="613"/>
      <c r="VZY720" s="613"/>
      <c r="VZZ720" s="613"/>
      <c r="WAA720" s="613"/>
      <c r="WAB720" s="613"/>
      <c r="WAC720" s="613"/>
      <c r="WAD720" s="613"/>
      <c r="WAE720" s="613"/>
      <c r="WAF720" s="613"/>
      <c r="WAG720" s="613"/>
      <c r="WAH720" s="613"/>
      <c r="WAI720" s="613"/>
      <c r="WAJ720" s="613"/>
      <c r="WAK720" s="613"/>
      <c r="WAL720" s="613"/>
      <c r="WAM720" s="613"/>
      <c r="WAN720" s="613"/>
      <c r="WAO720" s="613"/>
      <c r="WAP720" s="613"/>
      <c r="WAQ720" s="613"/>
      <c r="WAR720" s="613"/>
      <c r="WAS720" s="613"/>
      <c r="WAT720" s="613"/>
      <c r="WAU720" s="613"/>
      <c r="WAV720" s="613"/>
      <c r="WAW720" s="613"/>
      <c r="WAX720" s="613"/>
      <c r="WAY720" s="613"/>
      <c r="WAZ720" s="613"/>
      <c r="WBA720" s="613"/>
      <c r="WBB720" s="613"/>
      <c r="WBC720" s="613"/>
      <c r="WBD720" s="613"/>
      <c r="WBE720" s="613"/>
      <c r="WBF720" s="613"/>
      <c r="WBG720" s="613"/>
      <c r="WBH720" s="613"/>
      <c r="WBI720" s="613"/>
      <c r="WBJ720" s="613"/>
      <c r="WBK720" s="613"/>
      <c r="WBL720" s="613"/>
      <c r="WBM720" s="613"/>
      <c r="WBN720" s="613"/>
      <c r="WBO720" s="613"/>
      <c r="WBP720" s="613"/>
      <c r="WBQ720" s="613"/>
      <c r="WBR720" s="613"/>
      <c r="WBS720" s="613"/>
      <c r="WBT720" s="613"/>
      <c r="WBU720" s="613"/>
      <c r="WBV720" s="613"/>
      <c r="WBW720" s="613"/>
      <c r="WBX720" s="613"/>
      <c r="WBY720" s="613"/>
      <c r="WBZ720" s="613"/>
      <c r="WCA720" s="613"/>
      <c r="WCB720" s="613"/>
      <c r="WCC720" s="613"/>
      <c r="WCD720" s="613"/>
      <c r="WCE720" s="613"/>
      <c r="WCF720" s="613"/>
      <c r="WCG720" s="613"/>
      <c r="WCH720" s="613"/>
      <c r="WCI720" s="613"/>
      <c r="WCJ720" s="613"/>
      <c r="WCK720" s="613"/>
      <c r="WCL720" s="613"/>
      <c r="WCM720" s="613"/>
      <c r="WCN720" s="613"/>
      <c r="WCO720" s="613"/>
      <c r="WCP720" s="613"/>
      <c r="WCQ720" s="613"/>
      <c r="WCR720" s="613"/>
      <c r="WCS720" s="613"/>
      <c r="WCT720" s="613"/>
      <c r="WCU720" s="613"/>
      <c r="WCV720" s="613"/>
      <c r="WCW720" s="613"/>
      <c r="WCX720" s="613"/>
      <c r="WCY720" s="613"/>
      <c r="WCZ720" s="613"/>
      <c r="WDA720" s="613"/>
      <c r="WDB720" s="613"/>
      <c r="WDC720" s="613"/>
      <c r="WDD720" s="613"/>
      <c r="WDE720" s="613"/>
      <c r="WDF720" s="613"/>
      <c r="WDG720" s="613"/>
      <c r="WDH720" s="613"/>
      <c r="WDI720" s="613"/>
      <c r="WDJ720" s="613"/>
      <c r="WDK720" s="613"/>
      <c r="WDL720" s="613"/>
      <c r="WDM720" s="613"/>
      <c r="WDN720" s="613"/>
      <c r="WDO720" s="613"/>
      <c r="WDP720" s="613"/>
      <c r="WDQ720" s="613"/>
      <c r="WDR720" s="613"/>
      <c r="WDS720" s="613"/>
      <c r="WDT720" s="613"/>
      <c r="WDU720" s="613"/>
      <c r="WDV720" s="613"/>
      <c r="WDW720" s="613"/>
      <c r="WDX720" s="613"/>
      <c r="WDY720" s="613"/>
      <c r="WDZ720" s="613"/>
      <c r="WEA720" s="613"/>
      <c r="WEB720" s="613"/>
      <c r="WEC720" s="613"/>
      <c r="WED720" s="613"/>
      <c r="WEE720" s="613"/>
      <c r="WEF720" s="613"/>
      <c r="WEG720" s="613"/>
      <c r="WEH720" s="613"/>
      <c r="WEI720" s="613"/>
      <c r="WEJ720" s="613"/>
      <c r="WEK720" s="613"/>
      <c r="WEL720" s="613"/>
      <c r="WEM720" s="613"/>
      <c r="WEN720" s="613"/>
      <c r="WEO720" s="613"/>
      <c r="WEP720" s="613"/>
      <c r="WEQ720" s="613"/>
      <c r="WER720" s="613"/>
      <c r="WES720" s="613"/>
      <c r="WET720" s="613"/>
      <c r="WEU720" s="613"/>
      <c r="WEV720" s="613"/>
      <c r="WEW720" s="613"/>
      <c r="WEX720" s="613"/>
      <c r="WEY720" s="613"/>
      <c r="WEZ720" s="613"/>
      <c r="WFA720" s="613"/>
      <c r="WFB720" s="613"/>
      <c r="WFC720" s="613"/>
      <c r="WFD720" s="613"/>
      <c r="WFE720" s="613"/>
      <c r="WFF720" s="613"/>
      <c r="WFG720" s="613"/>
      <c r="WFH720" s="613"/>
      <c r="WFI720" s="613"/>
      <c r="WFJ720" s="613"/>
      <c r="WFK720" s="613"/>
      <c r="WFL720" s="613"/>
      <c r="WFM720" s="613"/>
      <c r="WFN720" s="613"/>
      <c r="WFO720" s="613"/>
      <c r="WFP720" s="613"/>
      <c r="WFQ720" s="613"/>
      <c r="WFR720" s="613"/>
      <c r="WFS720" s="613"/>
      <c r="WFT720" s="613"/>
      <c r="WFU720" s="613"/>
      <c r="WFV720" s="613"/>
      <c r="WFW720" s="613"/>
      <c r="WFX720" s="613"/>
      <c r="WFY720" s="613"/>
      <c r="WFZ720" s="613"/>
      <c r="WGA720" s="613"/>
      <c r="WGB720" s="613"/>
      <c r="WGC720" s="613"/>
      <c r="WGD720" s="613"/>
      <c r="WGE720" s="613"/>
      <c r="WGF720" s="613"/>
      <c r="WGG720" s="613"/>
      <c r="WGH720" s="613"/>
      <c r="WGI720" s="613"/>
      <c r="WGJ720" s="613"/>
      <c r="WGK720" s="613"/>
      <c r="WGL720" s="613"/>
      <c r="WGM720" s="613"/>
      <c r="WGN720" s="613"/>
      <c r="WGO720" s="613"/>
      <c r="WGP720" s="613"/>
      <c r="WGQ720" s="613"/>
      <c r="WGR720" s="613"/>
      <c r="WGS720" s="613"/>
      <c r="WGT720" s="613"/>
      <c r="WGU720" s="613"/>
      <c r="WGV720" s="613"/>
      <c r="WGW720" s="613"/>
      <c r="WGX720" s="613"/>
      <c r="WGY720" s="613"/>
      <c r="WGZ720" s="613"/>
      <c r="WHA720" s="613"/>
      <c r="WHB720" s="613"/>
      <c r="WHC720" s="613"/>
      <c r="WHD720" s="613"/>
      <c r="WHE720" s="613"/>
      <c r="WHF720" s="613"/>
      <c r="WHG720" s="613"/>
      <c r="WHH720" s="613"/>
      <c r="WHI720" s="613"/>
      <c r="WHJ720" s="613"/>
      <c r="WHK720" s="613"/>
      <c r="WHL720" s="613"/>
      <c r="WHM720" s="613"/>
      <c r="WHN720" s="613"/>
      <c r="WHO720" s="613"/>
      <c r="WHP720" s="613"/>
      <c r="WHQ720" s="613"/>
      <c r="WHR720" s="613"/>
      <c r="WHS720" s="613"/>
      <c r="WHT720" s="613"/>
      <c r="WHU720" s="613"/>
      <c r="WHV720" s="613"/>
      <c r="WHW720" s="613"/>
      <c r="WHX720" s="613"/>
      <c r="WHY720" s="613"/>
      <c r="WHZ720" s="613"/>
      <c r="WIA720" s="613"/>
      <c r="WIB720" s="613"/>
      <c r="WIC720" s="613"/>
      <c r="WID720" s="613"/>
      <c r="WIE720" s="613"/>
      <c r="WIF720" s="613"/>
      <c r="WIG720" s="613"/>
      <c r="WIH720" s="613"/>
      <c r="WII720" s="613"/>
      <c r="WIJ720" s="613"/>
      <c r="WIK720" s="613"/>
      <c r="WIL720" s="613"/>
      <c r="WIM720" s="613"/>
      <c r="WIN720" s="613"/>
      <c r="WIO720" s="613"/>
      <c r="WIP720" s="613"/>
      <c r="WIQ720" s="613"/>
      <c r="WIR720" s="613"/>
      <c r="WIS720" s="613"/>
      <c r="WIT720" s="613"/>
      <c r="WIU720" s="613"/>
      <c r="WIV720" s="613"/>
      <c r="WIW720" s="613"/>
      <c r="WIX720" s="613"/>
      <c r="WIY720" s="613"/>
      <c r="WIZ720" s="613"/>
      <c r="WJA720" s="613"/>
      <c r="WJB720" s="613"/>
      <c r="WJC720" s="613"/>
      <c r="WJD720" s="613"/>
      <c r="WJE720" s="613"/>
      <c r="WJF720" s="613"/>
      <c r="WJG720" s="613"/>
      <c r="WJH720" s="613"/>
      <c r="WJI720" s="613"/>
      <c r="WJJ720" s="613"/>
      <c r="WJK720" s="613"/>
      <c r="WJL720" s="613"/>
      <c r="WJM720" s="613"/>
      <c r="WJN720" s="613"/>
      <c r="WJO720" s="613"/>
      <c r="WJP720" s="613"/>
      <c r="WJQ720" s="613"/>
      <c r="WJR720" s="613"/>
      <c r="WJS720" s="613"/>
      <c r="WJT720" s="613"/>
      <c r="WJU720" s="613"/>
      <c r="WJV720" s="613"/>
      <c r="WJW720" s="613"/>
      <c r="WJX720" s="613"/>
      <c r="WJY720" s="613"/>
      <c r="WJZ720" s="613"/>
      <c r="WKA720" s="613"/>
      <c r="WKB720" s="613"/>
      <c r="WKC720" s="613"/>
      <c r="WKD720" s="613"/>
      <c r="WKE720" s="613"/>
      <c r="WKF720" s="613"/>
      <c r="WKG720" s="613"/>
      <c r="WKH720" s="613"/>
      <c r="WKI720" s="613"/>
      <c r="WKJ720" s="613"/>
      <c r="WKK720" s="613"/>
      <c r="WKL720" s="613"/>
      <c r="WKM720" s="613"/>
      <c r="WKN720" s="613"/>
      <c r="WKO720" s="613"/>
      <c r="WKP720" s="613"/>
      <c r="WKQ720" s="613"/>
      <c r="WKR720" s="613"/>
      <c r="WKS720" s="613"/>
      <c r="WKT720" s="613"/>
      <c r="WKU720" s="613"/>
      <c r="WKV720" s="613"/>
      <c r="WKW720" s="613"/>
      <c r="WKX720" s="613"/>
      <c r="WKY720" s="613"/>
      <c r="WKZ720" s="613"/>
      <c r="WLA720" s="613"/>
      <c r="WLB720" s="613"/>
      <c r="WLC720" s="613"/>
      <c r="WLD720" s="613"/>
      <c r="WLE720" s="613"/>
      <c r="WLF720" s="613"/>
      <c r="WLG720" s="613"/>
      <c r="WLH720" s="613"/>
      <c r="WLI720" s="613"/>
      <c r="WLJ720" s="613"/>
      <c r="WLK720" s="613"/>
      <c r="WLL720" s="613"/>
      <c r="WLM720" s="613"/>
      <c r="WLN720" s="613"/>
      <c r="WLO720" s="613"/>
      <c r="WLP720" s="613"/>
      <c r="WLQ720" s="613"/>
      <c r="WLR720" s="613"/>
      <c r="WLS720" s="613"/>
      <c r="WLT720" s="613"/>
      <c r="WLU720" s="613"/>
      <c r="WLV720" s="613"/>
      <c r="WLW720" s="613"/>
      <c r="WLX720" s="613"/>
      <c r="WLY720" s="613"/>
      <c r="WLZ720" s="613"/>
      <c r="WMA720" s="613"/>
      <c r="WMB720" s="613"/>
      <c r="WMC720" s="613"/>
      <c r="WMD720" s="613"/>
      <c r="WME720" s="613"/>
      <c r="WMF720" s="613"/>
      <c r="WMG720" s="613"/>
      <c r="WMH720" s="613"/>
      <c r="WMI720" s="613"/>
      <c r="WMJ720" s="613"/>
      <c r="WMK720" s="613"/>
      <c r="WML720" s="613"/>
      <c r="WMM720" s="613"/>
      <c r="WMN720" s="613"/>
      <c r="WMO720" s="613"/>
      <c r="WMP720" s="613"/>
      <c r="WMQ720" s="613"/>
      <c r="WMR720" s="613"/>
      <c r="WMS720" s="613"/>
      <c r="WMT720" s="613"/>
      <c r="WMU720" s="613"/>
      <c r="WMV720" s="613"/>
      <c r="WMW720" s="613"/>
      <c r="WMX720" s="613"/>
      <c r="WMY720" s="613"/>
      <c r="WMZ720" s="613"/>
      <c r="WNA720" s="613"/>
      <c r="WNB720" s="613"/>
      <c r="WNC720" s="613"/>
      <c r="WND720" s="613"/>
      <c r="WNE720" s="613"/>
      <c r="WNF720" s="613"/>
      <c r="WNG720" s="613"/>
      <c r="WNH720" s="613"/>
      <c r="WNI720" s="613"/>
      <c r="WNJ720" s="613"/>
      <c r="WNK720" s="613"/>
      <c r="WNL720" s="613"/>
      <c r="WNM720" s="613"/>
      <c r="WNN720" s="613"/>
      <c r="WNO720" s="613"/>
      <c r="WNP720" s="613"/>
      <c r="WNQ720" s="613"/>
      <c r="WNR720" s="613"/>
      <c r="WNS720" s="613"/>
      <c r="WNT720" s="613"/>
      <c r="WNU720" s="613"/>
      <c r="WNV720" s="613"/>
      <c r="WNW720" s="613"/>
      <c r="WNX720" s="613"/>
      <c r="WNY720" s="613"/>
      <c r="WNZ720" s="613"/>
      <c r="WOA720" s="613"/>
      <c r="WOB720" s="613"/>
      <c r="WOC720" s="613"/>
      <c r="WOD720" s="613"/>
      <c r="WOE720" s="613"/>
      <c r="WOF720" s="613"/>
      <c r="WOG720" s="613"/>
      <c r="WOH720" s="613"/>
      <c r="WOI720" s="613"/>
      <c r="WOJ720" s="613"/>
      <c r="WOK720" s="613"/>
      <c r="WOL720" s="613"/>
      <c r="WOM720" s="613"/>
      <c r="WON720" s="613"/>
      <c r="WOO720" s="613"/>
      <c r="WOP720" s="613"/>
      <c r="WOQ720" s="613"/>
      <c r="WOR720" s="613"/>
      <c r="WOS720" s="613"/>
      <c r="WOT720" s="613"/>
      <c r="WOU720" s="613"/>
      <c r="WOV720" s="613"/>
      <c r="WOW720" s="613"/>
      <c r="WOX720" s="613"/>
      <c r="WOY720" s="613"/>
      <c r="WOZ720" s="613"/>
      <c r="WPA720" s="613"/>
      <c r="WPB720" s="613"/>
      <c r="WPC720" s="613"/>
      <c r="WPD720" s="613"/>
      <c r="WPE720" s="613"/>
      <c r="WPF720" s="613"/>
      <c r="WPG720" s="613"/>
      <c r="WPH720" s="613"/>
      <c r="WPI720" s="613"/>
      <c r="WPJ720" s="613"/>
      <c r="WPK720" s="613"/>
      <c r="WPL720" s="613"/>
      <c r="WPM720" s="613"/>
      <c r="WPN720" s="613"/>
      <c r="WPO720" s="613"/>
      <c r="WPP720" s="613"/>
      <c r="WPQ720" s="613"/>
      <c r="WPR720" s="613"/>
      <c r="WPS720" s="613"/>
      <c r="WPT720" s="613"/>
      <c r="WPU720" s="613"/>
      <c r="WPV720" s="613"/>
      <c r="WPW720" s="613"/>
      <c r="WPX720" s="613"/>
      <c r="WPY720" s="613"/>
      <c r="WPZ720" s="613"/>
      <c r="WQA720" s="613"/>
      <c r="WQB720" s="613"/>
      <c r="WQC720" s="613"/>
      <c r="WQD720" s="613"/>
      <c r="WQE720" s="613"/>
      <c r="WQF720" s="613"/>
      <c r="WQG720" s="613"/>
      <c r="WQH720" s="613"/>
      <c r="WQI720" s="613"/>
      <c r="WQJ720" s="613"/>
      <c r="WQK720" s="613"/>
      <c r="WQL720" s="613"/>
      <c r="WQM720" s="613"/>
      <c r="WQN720" s="613"/>
      <c r="WQO720" s="613"/>
      <c r="WQP720" s="613"/>
      <c r="WQQ720" s="613"/>
      <c r="WQR720" s="613"/>
      <c r="WQS720" s="613"/>
      <c r="WQT720" s="613"/>
      <c r="WQU720" s="613"/>
      <c r="WQV720" s="613"/>
      <c r="WQW720" s="613"/>
      <c r="WQX720" s="613"/>
      <c r="WQY720" s="613"/>
      <c r="WQZ720" s="613"/>
      <c r="WRA720" s="613"/>
      <c r="WRB720" s="613"/>
      <c r="WRC720" s="613"/>
      <c r="WRD720" s="613"/>
      <c r="WRE720" s="613"/>
      <c r="WRF720" s="613"/>
      <c r="WRG720" s="613"/>
      <c r="WRH720" s="613"/>
      <c r="WRI720" s="613"/>
      <c r="WRJ720" s="613"/>
      <c r="WRK720" s="613"/>
      <c r="WRL720" s="613"/>
      <c r="WRM720" s="613"/>
      <c r="WRN720" s="613"/>
      <c r="WRO720" s="613"/>
      <c r="WRP720" s="613"/>
      <c r="WRQ720" s="613"/>
      <c r="WRR720" s="613"/>
      <c r="WRS720" s="613"/>
      <c r="WRT720" s="613"/>
      <c r="WRU720" s="613"/>
      <c r="WRV720" s="613"/>
      <c r="WRW720" s="613"/>
      <c r="WRX720" s="613"/>
      <c r="WRY720" s="613"/>
      <c r="WRZ720" s="613"/>
      <c r="WSA720" s="613"/>
      <c r="WSB720" s="613"/>
      <c r="WSC720" s="613"/>
      <c r="WSD720" s="613"/>
      <c r="WSE720" s="613"/>
      <c r="WSF720" s="613"/>
      <c r="WSG720" s="613"/>
      <c r="WSH720" s="613"/>
      <c r="WSI720" s="613"/>
      <c r="WSJ720" s="613"/>
      <c r="WSK720" s="613"/>
      <c r="WSL720" s="613"/>
      <c r="WSM720" s="613"/>
      <c r="WSN720" s="613"/>
      <c r="WSO720" s="613"/>
      <c r="WSP720" s="613"/>
      <c r="WSQ720" s="613"/>
      <c r="WSR720" s="613"/>
      <c r="WSS720" s="613"/>
      <c r="WST720" s="613"/>
      <c r="WSU720" s="613"/>
      <c r="WSV720" s="613"/>
      <c r="WSW720" s="613"/>
      <c r="WSX720" s="613"/>
      <c r="WSY720" s="613"/>
      <c r="WSZ720" s="613"/>
      <c r="WTA720" s="613"/>
      <c r="WTB720" s="613"/>
      <c r="WTC720" s="613"/>
      <c r="WTD720" s="613"/>
      <c r="WTE720" s="613"/>
      <c r="WTF720" s="613"/>
      <c r="WTG720" s="613"/>
      <c r="WTH720" s="613"/>
      <c r="WTI720" s="613"/>
      <c r="WTJ720" s="613"/>
      <c r="WTK720" s="613"/>
      <c r="WTL720" s="613"/>
      <c r="WTM720" s="613"/>
      <c r="WTN720" s="613"/>
      <c r="WTO720" s="613"/>
      <c r="WTP720" s="613"/>
      <c r="WTQ720" s="613"/>
      <c r="WTR720" s="613"/>
      <c r="WTS720" s="613"/>
      <c r="WTT720" s="613"/>
      <c r="WTU720" s="613"/>
      <c r="WTV720" s="613"/>
      <c r="WTW720" s="613"/>
      <c r="WTX720" s="613"/>
      <c r="WTY720" s="613"/>
      <c r="WTZ720" s="613"/>
      <c r="WUA720" s="613"/>
      <c r="WUB720" s="613"/>
      <c r="WUC720" s="613"/>
      <c r="WUD720" s="613"/>
      <c r="WUE720" s="613"/>
      <c r="WUF720" s="613"/>
      <c r="WUG720" s="613"/>
      <c r="WUH720" s="613"/>
      <c r="WUI720" s="613"/>
      <c r="WUJ720" s="613"/>
      <c r="WUK720" s="613"/>
      <c r="WUL720" s="613"/>
      <c r="WUM720" s="613"/>
      <c r="WUN720" s="613"/>
      <c r="WUO720" s="613"/>
      <c r="WUP720" s="613"/>
      <c r="WUQ720" s="613"/>
      <c r="WUR720" s="613"/>
      <c r="WUS720" s="613"/>
      <c r="WUT720" s="613"/>
      <c r="WUU720" s="613"/>
      <c r="WUV720" s="613"/>
      <c r="WUW720" s="613"/>
      <c r="WUX720" s="613"/>
      <c r="WUY720" s="613"/>
      <c r="WUZ720" s="613"/>
      <c r="WVA720" s="613"/>
      <c r="WVB720" s="613"/>
      <c r="WVC720" s="613"/>
      <c r="WVD720" s="613"/>
      <c r="WVE720" s="613"/>
      <c r="WVF720" s="613"/>
      <c r="WVG720" s="613"/>
      <c r="WVH720" s="613"/>
      <c r="WVI720" s="613"/>
      <c r="WVJ720" s="613"/>
      <c r="WVK720" s="613"/>
      <c r="WVL720" s="613"/>
      <c r="WVM720" s="613"/>
      <c r="WVN720" s="613"/>
      <c r="WVO720" s="613"/>
      <c r="WVP720" s="613"/>
      <c r="WVQ720" s="613"/>
      <c r="WVR720" s="613"/>
      <c r="WVS720" s="613"/>
      <c r="WVT720" s="613"/>
      <c r="WVU720" s="613"/>
      <c r="WVV720" s="613"/>
      <c r="WVW720" s="613"/>
      <c r="WVX720" s="613"/>
      <c r="WVY720" s="613"/>
      <c r="WVZ720" s="613"/>
      <c r="WWA720" s="613"/>
      <c r="WWB720" s="613"/>
      <c r="WWC720" s="613"/>
      <c r="WWD720" s="613"/>
      <c r="WWE720" s="613"/>
      <c r="WWF720" s="613"/>
      <c r="WWG720" s="613"/>
      <c r="WWH720" s="613"/>
      <c r="WWI720" s="613"/>
      <c r="WWJ720" s="613"/>
      <c r="WWK720" s="613"/>
      <c r="WWL720" s="613"/>
      <c r="WWM720" s="613"/>
      <c r="WWN720" s="613"/>
      <c r="WWO720" s="613"/>
      <c r="WWP720" s="613"/>
      <c r="WWQ720" s="613"/>
      <c r="WWR720" s="613"/>
      <c r="WWS720" s="613"/>
      <c r="WWT720" s="613"/>
      <c r="WWU720" s="613"/>
      <c r="WWV720" s="613"/>
      <c r="WWW720" s="613"/>
      <c r="WWX720" s="613"/>
      <c r="WWY720" s="613"/>
      <c r="WWZ720" s="613"/>
      <c r="WXA720" s="613"/>
      <c r="WXB720" s="613"/>
      <c r="WXC720" s="613"/>
      <c r="WXD720" s="613"/>
      <c r="WXE720" s="613"/>
      <c r="WXF720" s="613"/>
      <c r="WXG720" s="613"/>
      <c r="WXH720" s="613"/>
      <c r="WXI720" s="613"/>
      <c r="WXJ720" s="613"/>
      <c r="WXK720" s="613"/>
      <c r="WXL720" s="613"/>
      <c r="WXM720" s="613"/>
      <c r="WXN720" s="613"/>
      <c r="WXO720" s="613"/>
      <c r="WXP720" s="613"/>
      <c r="WXQ720" s="613"/>
      <c r="WXR720" s="613"/>
      <c r="WXS720" s="613"/>
      <c r="WXT720" s="613"/>
      <c r="WXU720" s="613"/>
      <c r="WXV720" s="613"/>
      <c r="WXW720" s="613"/>
      <c r="WXX720" s="613"/>
      <c r="WXY720" s="613"/>
      <c r="WXZ720" s="613"/>
      <c r="WYA720" s="613"/>
      <c r="WYB720" s="613"/>
      <c r="WYC720" s="613"/>
      <c r="WYD720" s="613"/>
      <c r="WYE720" s="613"/>
      <c r="WYF720" s="613"/>
      <c r="WYG720" s="613"/>
      <c r="WYH720" s="613"/>
      <c r="WYI720" s="613"/>
      <c r="WYJ720" s="613"/>
      <c r="WYK720" s="613"/>
      <c r="WYL720" s="613"/>
      <c r="WYM720" s="613"/>
      <c r="WYN720" s="613"/>
      <c r="WYO720" s="613"/>
      <c r="WYP720" s="613"/>
      <c r="WYQ720" s="613"/>
      <c r="WYR720" s="613"/>
      <c r="WYS720" s="613"/>
      <c r="WYT720" s="613"/>
      <c r="WYU720" s="613"/>
      <c r="WYV720" s="613"/>
      <c r="WYW720" s="613"/>
      <c r="WYX720" s="613"/>
      <c r="WYY720" s="613"/>
      <c r="WYZ720" s="613"/>
      <c r="WZA720" s="613"/>
      <c r="WZB720" s="613"/>
      <c r="WZC720" s="613"/>
      <c r="WZD720" s="613"/>
      <c r="WZE720" s="613"/>
      <c r="WZF720" s="613"/>
      <c r="WZG720" s="613"/>
      <c r="WZH720" s="613"/>
      <c r="WZI720" s="613"/>
      <c r="WZJ720" s="613"/>
      <c r="WZK720" s="613"/>
      <c r="WZL720" s="613"/>
      <c r="WZM720" s="613"/>
      <c r="WZN720" s="613"/>
      <c r="WZO720" s="613"/>
      <c r="WZP720" s="613"/>
      <c r="WZQ720" s="613"/>
      <c r="WZR720" s="613"/>
      <c r="WZS720" s="613"/>
      <c r="WZT720" s="613"/>
      <c r="WZU720" s="613"/>
      <c r="WZV720" s="613"/>
      <c r="WZW720" s="613"/>
      <c r="WZX720" s="613"/>
      <c r="WZY720" s="613"/>
      <c r="WZZ720" s="613"/>
      <c r="XAA720" s="613"/>
      <c r="XAB720" s="613"/>
      <c r="XAC720" s="613"/>
      <c r="XAD720" s="613"/>
      <c r="XAE720" s="613"/>
      <c r="XAF720" s="613"/>
      <c r="XAG720" s="613"/>
      <c r="XAH720" s="613"/>
      <c r="XAI720" s="613"/>
      <c r="XAJ720" s="613"/>
      <c r="XAK720" s="613"/>
      <c r="XAL720" s="613"/>
      <c r="XAM720" s="613"/>
      <c r="XAN720" s="613"/>
      <c r="XAO720" s="613"/>
      <c r="XAP720" s="613"/>
      <c r="XAQ720" s="613"/>
      <c r="XAR720" s="613"/>
      <c r="XAS720" s="613"/>
      <c r="XAT720" s="613"/>
      <c r="XAU720" s="613"/>
      <c r="XAV720" s="613"/>
      <c r="XAW720" s="613"/>
      <c r="XAX720" s="613"/>
      <c r="XAY720" s="613"/>
      <c r="XAZ720" s="613"/>
      <c r="XBA720" s="613"/>
      <c r="XBB720" s="613"/>
      <c r="XBC720" s="613"/>
      <c r="XBD720" s="613"/>
      <c r="XBE720" s="613"/>
      <c r="XBF720" s="613"/>
      <c r="XBG720" s="613"/>
      <c r="XBH720" s="613"/>
      <c r="XBI720" s="613"/>
      <c r="XBJ720" s="613"/>
      <c r="XBK720" s="613"/>
      <c r="XBL720" s="613"/>
      <c r="XBM720" s="613"/>
      <c r="XBN720" s="613"/>
      <c r="XBO720" s="613"/>
      <c r="XBP720" s="613"/>
      <c r="XBQ720" s="613"/>
      <c r="XBR720" s="613"/>
      <c r="XBS720" s="613"/>
      <c r="XBT720" s="613"/>
      <c r="XBU720" s="613"/>
      <c r="XBV720" s="613"/>
      <c r="XBW720" s="613"/>
      <c r="XBX720" s="613"/>
      <c r="XBY720" s="613"/>
      <c r="XBZ720" s="613"/>
      <c r="XCA720" s="613"/>
      <c r="XCB720" s="613"/>
      <c r="XCC720" s="613"/>
      <c r="XCD720" s="613"/>
      <c r="XCE720" s="613"/>
      <c r="XCF720" s="613"/>
      <c r="XCG720" s="613"/>
      <c r="XCH720" s="613"/>
      <c r="XCI720" s="613"/>
      <c r="XCJ720" s="613"/>
      <c r="XCK720" s="613"/>
      <c r="XCL720" s="613"/>
      <c r="XCM720" s="613"/>
      <c r="XCN720" s="613"/>
      <c r="XCO720" s="613"/>
      <c r="XCP720" s="613"/>
      <c r="XCQ720" s="613"/>
    </row>
    <row r="721" spans="1:16319" ht="56.1" customHeight="1" x14ac:dyDescent="0.2">
      <c r="A721" s="494"/>
      <c r="B721" s="499"/>
      <c r="C721" s="494"/>
      <c r="D721" s="481">
        <v>276</v>
      </c>
      <c r="E721" s="481"/>
      <c r="F721" s="481" t="s">
        <v>2481</v>
      </c>
      <c r="G721" s="482" t="s">
        <v>53</v>
      </c>
      <c r="H721" s="481" t="s">
        <v>329</v>
      </c>
      <c r="I721" s="654" t="s">
        <v>500</v>
      </c>
      <c r="J721" s="654" t="s">
        <v>501</v>
      </c>
      <c r="K721" s="495" t="s">
        <v>513</v>
      </c>
      <c r="L721" s="767"/>
      <c r="M721" s="484" t="s">
        <v>58</v>
      </c>
      <c r="N721" s="327" t="s">
        <v>1363</v>
      </c>
      <c r="O721" s="484" t="s">
        <v>2996</v>
      </c>
      <c r="P721" s="484" t="s">
        <v>81</v>
      </c>
      <c r="Q721" s="667" t="s">
        <v>334</v>
      </c>
      <c r="R721" s="484" t="s">
        <v>334</v>
      </c>
      <c r="S721" s="484" t="s">
        <v>375</v>
      </c>
      <c r="T721" s="484"/>
      <c r="U721" s="620" t="s">
        <v>63</v>
      </c>
      <c r="V721" s="620" t="s">
        <v>63</v>
      </c>
      <c r="W721" s="723">
        <v>177984</v>
      </c>
      <c r="X721" s="723"/>
      <c r="Y721" s="654" t="s">
        <v>226</v>
      </c>
      <c r="Z721" s="654"/>
      <c r="AA721" s="723">
        <v>177984</v>
      </c>
      <c r="AB721" s="652" t="s">
        <v>82</v>
      </c>
      <c r="AC721" s="652"/>
      <c r="AD721" s="496"/>
      <c r="AE721" s="496"/>
      <c r="AF721" s="496"/>
      <c r="AG721" s="487" t="s">
        <v>66</v>
      </c>
      <c r="AH721" s="496"/>
      <c r="AI721" s="496"/>
      <c r="AJ721" s="496"/>
      <c r="AK721" s="496"/>
      <c r="AL721" s="496"/>
      <c r="AM721" s="496"/>
      <c r="AN721" s="496"/>
      <c r="AO721" s="496"/>
      <c r="AP721" s="496"/>
      <c r="AQ721" s="496"/>
      <c r="AR721" s="496"/>
      <c r="AS721" s="496"/>
      <c r="AT721" s="496"/>
      <c r="AU721" s="487"/>
      <c r="AV721" s="487"/>
      <c r="AW721" s="487"/>
      <c r="AX721" s="487"/>
      <c r="AY721" s="487"/>
      <c r="AZ721" s="487"/>
      <c r="BA721" s="484"/>
      <c r="BB721" s="484"/>
      <c r="BC721" s="484"/>
      <c r="BD721" s="494"/>
      <c r="BE721" s="494"/>
      <c r="BF721" s="613"/>
      <c r="BG721" s="613"/>
      <c r="BH721" s="613"/>
      <c r="BI721" s="613"/>
      <c r="BJ721" s="613"/>
      <c r="BK721" s="613"/>
      <c r="BL721" s="613"/>
      <c r="BM721" s="613"/>
      <c r="BN721" s="613"/>
      <c r="BO721" s="613"/>
      <c r="BP721" s="613"/>
      <c r="BQ721" s="613"/>
      <c r="BR721" s="613"/>
      <c r="BS721" s="613"/>
      <c r="BT721" s="613"/>
      <c r="BU721" s="613"/>
      <c r="BV721" s="613"/>
      <c r="BW721" s="613"/>
      <c r="BX721" s="613"/>
      <c r="BY721" s="613"/>
      <c r="BZ721" s="613"/>
      <c r="CA721" s="613"/>
      <c r="CB721" s="613"/>
      <c r="CC721" s="613"/>
      <c r="CD721" s="613"/>
      <c r="CE721" s="613"/>
      <c r="CF721" s="613"/>
      <c r="CG721" s="613"/>
      <c r="CH721" s="613"/>
      <c r="CI721" s="613"/>
      <c r="CJ721" s="613"/>
      <c r="CK721" s="613"/>
      <c r="CL721" s="613"/>
      <c r="CM721" s="613"/>
      <c r="CN721" s="613"/>
      <c r="CO721" s="613"/>
      <c r="CP721" s="613"/>
      <c r="CQ721" s="613"/>
      <c r="CR721" s="613"/>
      <c r="CS721" s="613"/>
      <c r="CT721" s="613"/>
      <c r="CU721" s="613"/>
      <c r="CV721" s="613"/>
      <c r="CW721" s="613"/>
      <c r="CX721" s="613"/>
      <c r="CY721" s="613"/>
      <c r="CZ721" s="613"/>
      <c r="DA721" s="613"/>
      <c r="DB721" s="613"/>
      <c r="DC721" s="613"/>
      <c r="DD721" s="613"/>
      <c r="DE721" s="613"/>
      <c r="DF721" s="613"/>
      <c r="DG721" s="613"/>
      <c r="DH721" s="613"/>
      <c r="DI721" s="613"/>
      <c r="DJ721" s="613"/>
      <c r="DK721" s="613"/>
      <c r="DL721" s="613"/>
      <c r="DM721" s="613"/>
      <c r="DN721" s="613"/>
      <c r="DO721" s="613"/>
      <c r="DP721" s="613"/>
      <c r="DQ721" s="613"/>
      <c r="DR721" s="613"/>
      <c r="DS721" s="613"/>
      <c r="DT721" s="613"/>
      <c r="DU721" s="613"/>
      <c r="DV721" s="613"/>
      <c r="DW721" s="613"/>
      <c r="DX721" s="613"/>
      <c r="DY721" s="613"/>
      <c r="DZ721" s="613"/>
      <c r="EA721" s="613"/>
      <c r="EB721" s="613"/>
      <c r="EC721" s="613"/>
      <c r="ED721" s="613"/>
      <c r="EE721" s="613"/>
      <c r="EF721" s="613"/>
      <c r="EG721" s="613"/>
      <c r="EH721" s="613"/>
      <c r="EI721" s="613"/>
      <c r="EJ721" s="613"/>
      <c r="EK721" s="613"/>
      <c r="EL721" s="613"/>
      <c r="EM721" s="613"/>
      <c r="EN721" s="613"/>
      <c r="EO721" s="613"/>
      <c r="EP721" s="613"/>
      <c r="EQ721" s="613"/>
      <c r="ER721" s="613"/>
      <c r="ES721" s="613"/>
      <c r="ET721" s="613"/>
      <c r="EU721" s="613"/>
      <c r="EV721" s="613"/>
      <c r="EW721" s="613"/>
      <c r="EX721" s="613"/>
      <c r="EY721" s="613"/>
      <c r="EZ721" s="613"/>
      <c r="FA721" s="613"/>
      <c r="FB721" s="613"/>
      <c r="FC721" s="613"/>
      <c r="FD721" s="613"/>
      <c r="FE721" s="613"/>
      <c r="FF721" s="613"/>
      <c r="FG721" s="613"/>
      <c r="FH721" s="613"/>
      <c r="FI721" s="613"/>
      <c r="FJ721" s="613"/>
      <c r="FK721" s="613"/>
      <c r="FL721" s="613"/>
      <c r="FM721" s="613"/>
      <c r="FN721" s="613"/>
      <c r="FO721" s="613"/>
      <c r="FP721" s="613"/>
      <c r="FQ721" s="613"/>
      <c r="FR721" s="613"/>
      <c r="FS721" s="613"/>
      <c r="FT721" s="613"/>
      <c r="FU721" s="613"/>
      <c r="FV721" s="613"/>
      <c r="FW721" s="613"/>
      <c r="FX721" s="613"/>
      <c r="FY721" s="613"/>
      <c r="FZ721" s="613"/>
      <c r="GA721" s="613"/>
      <c r="GB721" s="613"/>
      <c r="GC721" s="613"/>
      <c r="GD721" s="613"/>
      <c r="GE721" s="613"/>
      <c r="GF721" s="613"/>
      <c r="GG721" s="613"/>
      <c r="GH721" s="613"/>
      <c r="GI721" s="613"/>
      <c r="GJ721" s="613"/>
      <c r="GK721" s="613"/>
      <c r="GL721" s="613"/>
      <c r="GM721" s="613"/>
      <c r="GN721" s="613"/>
      <c r="GO721" s="613"/>
      <c r="GP721" s="613"/>
      <c r="GQ721" s="613"/>
      <c r="GR721" s="613"/>
      <c r="GS721" s="613"/>
      <c r="GT721" s="613"/>
      <c r="GU721" s="613"/>
      <c r="GV721" s="613"/>
      <c r="GW721" s="613"/>
      <c r="GX721" s="613"/>
      <c r="GY721" s="613"/>
      <c r="GZ721" s="613"/>
      <c r="HA721" s="613"/>
      <c r="HB721" s="613"/>
      <c r="HC721" s="613"/>
      <c r="HD721" s="613"/>
      <c r="HE721" s="613"/>
      <c r="HF721" s="613"/>
      <c r="HG721" s="613"/>
      <c r="HH721" s="613"/>
      <c r="HI721" s="613"/>
      <c r="HJ721" s="613"/>
      <c r="HK721" s="613"/>
      <c r="HL721" s="613"/>
      <c r="HM721" s="613"/>
      <c r="HN721" s="613"/>
      <c r="HO721" s="613"/>
      <c r="HP721" s="613"/>
      <c r="HQ721" s="613"/>
      <c r="HR721" s="613"/>
      <c r="HS721" s="613"/>
      <c r="HT721" s="613"/>
      <c r="HU721" s="613"/>
      <c r="HV721" s="613"/>
      <c r="HW721" s="613"/>
      <c r="HX721" s="613"/>
      <c r="HY721" s="613"/>
      <c r="HZ721" s="613"/>
      <c r="IA721" s="613"/>
      <c r="IB721" s="613"/>
      <c r="IC721" s="613"/>
      <c r="ID721" s="613"/>
      <c r="IE721" s="613"/>
      <c r="IF721" s="613"/>
      <c r="IG721" s="613"/>
      <c r="IH721" s="613"/>
      <c r="II721" s="613"/>
      <c r="IJ721" s="613"/>
      <c r="IK721" s="613"/>
      <c r="IL721" s="613"/>
      <c r="IM721" s="613"/>
      <c r="IN721" s="613"/>
      <c r="IO721" s="613"/>
      <c r="IP721" s="613"/>
      <c r="IQ721" s="613"/>
      <c r="IR721" s="613"/>
      <c r="IS721" s="613"/>
      <c r="IT721" s="613"/>
      <c r="IU721" s="613"/>
      <c r="IV721" s="613"/>
      <c r="IW721" s="613"/>
      <c r="IX721" s="613"/>
      <c r="IY721" s="613"/>
      <c r="IZ721" s="613"/>
      <c r="JA721" s="613"/>
      <c r="JB721" s="613"/>
      <c r="JC721" s="613"/>
      <c r="JD721" s="613"/>
      <c r="JE721" s="613"/>
      <c r="JF721" s="613"/>
      <c r="JG721" s="613"/>
      <c r="JH721" s="613"/>
      <c r="JI721" s="613"/>
      <c r="JJ721" s="613"/>
      <c r="JK721" s="613"/>
      <c r="JL721" s="613"/>
      <c r="JM721" s="613"/>
      <c r="JN721" s="613"/>
      <c r="JO721" s="613"/>
      <c r="JP721" s="613"/>
      <c r="JQ721" s="613"/>
      <c r="JR721" s="613"/>
      <c r="JS721" s="613"/>
      <c r="JT721" s="613"/>
      <c r="JU721" s="613"/>
      <c r="JV721" s="613"/>
      <c r="JW721" s="613"/>
      <c r="JX721" s="613"/>
      <c r="JY721" s="613"/>
      <c r="JZ721" s="613"/>
      <c r="KA721" s="613"/>
      <c r="KB721" s="613"/>
      <c r="KC721" s="613"/>
      <c r="KD721" s="613"/>
      <c r="KE721" s="613"/>
      <c r="KF721" s="613"/>
      <c r="KG721" s="613"/>
      <c r="KH721" s="613"/>
      <c r="KI721" s="613"/>
      <c r="KJ721" s="613"/>
      <c r="KK721" s="613"/>
      <c r="KL721" s="613"/>
      <c r="KM721" s="613"/>
      <c r="KN721" s="613"/>
      <c r="KO721" s="613"/>
      <c r="KP721" s="613"/>
      <c r="KQ721" s="613"/>
      <c r="KR721" s="613"/>
      <c r="KS721" s="613"/>
      <c r="KT721" s="613"/>
      <c r="KU721" s="613"/>
      <c r="KV721" s="613"/>
      <c r="KW721" s="613"/>
      <c r="KX721" s="613"/>
      <c r="KY721" s="613"/>
      <c r="KZ721" s="613"/>
      <c r="LA721" s="613"/>
      <c r="LB721" s="613"/>
      <c r="LC721" s="613"/>
      <c r="LD721" s="613"/>
      <c r="LE721" s="613"/>
      <c r="LF721" s="613"/>
      <c r="LG721" s="613"/>
      <c r="LH721" s="613"/>
      <c r="LI721" s="613"/>
      <c r="LJ721" s="613"/>
      <c r="LK721" s="613"/>
      <c r="LL721" s="613"/>
      <c r="LM721" s="613"/>
      <c r="LN721" s="613"/>
      <c r="LO721" s="613"/>
      <c r="LP721" s="613"/>
      <c r="LQ721" s="613"/>
      <c r="LR721" s="613"/>
      <c r="LS721" s="613"/>
      <c r="LT721" s="613"/>
      <c r="LU721" s="613"/>
      <c r="LV721" s="613"/>
      <c r="LW721" s="613"/>
      <c r="LX721" s="613"/>
      <c r="LY721" s="613"/>
      <c r="LZ721" s="613"/>
      <c r="MA721" s="613"/>
      <c r="MB721" s="613"/>
      <c r="MC721" s="613"/>
      <c r="MD721" s="613"/>
      <c r="ME721" s="613"/>
      <c r="MF721" s="613"/>
      <c r="MG721" s="613"/>
      <c r="MH721" s="613"/>
      <c r="MI721" s="613"/>
      <c r="MJ721" s="613"/>
      <c r="MK721" s="613"/>
      <c r="ML721" s="613"/>
      <c r="MM721" s="613"/>
      <c r="MN721" s="613"/>
      <c r="MO721" s="613"/>
      <c r="MP721" s="613"/>
      <c r="MQ721" s="613"/>
      <c r="MR721" s="613"/>
      <c r="MS721" s="613"/>
      <c r="MT721" s="613"/>
      <c r="MU721" s="613"/>
      <c r="MV721" s="613"/>
      <c r="MW721" s="613"/>
      <c r="MX721" s="613"/>
      <c r="MY721" s="613"/>
      <c r="MZ721" s="613"/>
      <c r="NA721" s="613"/>
      <c r="NB721" s="613"/>
      <c r="NC721" s="613"/>
      <c r="ND721" s="613"/>
      <c r="NE721" s="613"/>
      <c r="NF721" s="613"/>
      <c r="NG721" s="613"/>
      <c r="NH721" s="613"/>
      <c r="NI721" s="613"/>
      <c r="NJ721" s="613"/>
      <c r="NK721" s="613"/>
      <c r="NL721" s="613"/>
      <c r="NM721" s="613"/>
      <c r="NN721" s="613"/>
      <c r="NO721" s="613"/>
      <c r="NP721" s="613"/>
      <c r="NQ721" s="613"/>
      <c r="NR721" s="613"/>
      <c r="NS721" s="613"/>
      <c r="NT721" s="613"/>
      <c r="NU721" s="613"/>
      <c r="NV721" s="613"/>
      <c r="NW721" s="613"/>
      <c r="NX721" s="613"/>
      <c r="NY721" s="613"/>
      <c r="NZ721" s="613"/>
      <c r="OA721" s="613"/>
      <c r="OB721" s="613"/>
      <c r="OC721" s="613"/>
      <c r="OD721" s="613"/>
      <c r="OE721" s="613"/>
      <c r="OF721" s="613"/>
      <c r="OG721" s="613"/>
      <c r="OH721" s="613"/>
      <c r="OI721" s="613"/>
      <c r="OJ721" s="613"/>
      <c r="OK721" s="613"/>
      <c r="OL721" s="613"/>
      <c r="OM721" s="613"/>
      <c r="ON721" s="613"/>
      <c r="OO721" s="613"/>
      <c r="OP721" s="613"/>
      <c r="OQ721" s="613"/>
      <c r="OR721" s="613"/>
      <c r="OS721" s="613"/>
      <c r="OT721" s="613"/>
      <c r="OU721" s="613"/>
      <c r="OV721" s="613"/>
      <c r="OW721" s="613"/>
      <c r="OX721" s="613"/>
      <c r="OY721" s="613"/>
      <c r="OZ721" s="613"/>
      <c r="PA721" s="613"/>
      <c r="PB721" s="613"/>
      <c r="PC721" s="613"/>
      <c r="PD721" s="613"/>
      <c r="PE721" s="613"/>
      <c r="PF721" s="613"/>
      <c r="PG721" s="613"/>
      <c r="PH721" s="613"/>
      <c r="PI721" s="613"/>
      <c r="PJ721" s="613"/>
      <c r="PK721" s="613"/>
      <c r="PL721" s="613"/>
      <c r="PM721" s="613"/>
      <c r="PN721" s="613"/>
      <c r="PO721" s="613"/>
      <c r="PP721" s="613"/>
      <c r="PQ721" s="613"/>
      <c r="PR721" s="613"/>
      <c r="PS721" s="613"/>
      <c r="PT721" s="613"/>
      <c r="PU721" s="613"/>
      <c r="PV721" s="613"/>
      <c r="PW721" s="613"/>
      <c r="PX721" s="613"/>
      <c r="PY721" s="613"/>
      <c r="PZ721" s="613"/>
      <c r="QA721" s="613"/>
      <c r="QB721" s="613"/>
      <c r="QC721" s="613"/>
      <c r="QD721" s="613"/>
      <c r="QE721" s="613"/>
      <c r="QF721" s="613"/>
      <c r="QG721" s="613"/>
      <c r="QH721" s="613"/>
      <c r="QI721" s="613"/>
      <c r="QJ721" s="613"/>
      <c r="QK721" s="613"/>
      <c r="QL721" s="613"/>
      <c r="QM721" s="613"/>
      <c r="QN721" s="613"/>
      <c r="QO721" s="613"/>
      <c r="QP721" s="613"/>
      <c r="QQ721" s="613"/>
      <c r="QR721" s="613"/>
      <c r="QS721" s="613"/>
      <c r="QT721" s="613"/>
      <c r="QU721" s="613"/>
      <c r="QV721" s="613"/>
      <c r="QW721" s="613"/>
      <c r="QX721" s="613"/>
      <c r="QY721" s="613"/>
      <c r="QZ721" s="613"/>
      <c r="RA721" s="613"/>
      <c r="RB721" s="613"/>
      <c r="RC721" s="613"/>
      <c r="RD721" s="613"/>
      <c r="RE721" s="613"/>
      <c r="RF721" s="613"/>
      <c r="RG721" s="613"/>
      <c r="RH721" s="613"/>
      <c r="RI721" s="613"/>
      <c r="RJ721" s="613"/>
      <c r="RK721" s="613"/>
      <c r="RL721" s="613"/>
      <c r="RM721" s="613"/>
      <c r="RN721" s="613"/>
      <c r="RO721" s="613"/>
      <c r="RP721" s="613"/>
      <c r="RQ721" s="613"/>
      <c r="RR721" s="613"/>
      <c r="RS721" s="613"/>
      <c r="RT721" s="613"/>
      <c r="RU721" s="613"/>
      <c r="RV721" s="613"/>
      <c r="RW721" s="613"/>
      <c r="RX721" s="613"/>
      <c r="RY721" s="613"/>
      <c r="RZ721" s="613"/>
      <c r="SA721" s="613"/>
      <c r="SB721" s="613"/>
      <c r="SC721" s="613"/>
      <c r="SD721" s="613"/>
      <c r="SE721" s="613"/>
      <c r="SF721" s="613"/>
      <c r="SG721" s="613"/>
      <c r="SH721" s="613"/>
      <c r="SI721" s="613"/>
      <c r="SJ721" s="613"/>
      <c r="SK721" s="613"/>
      <c r="SL721" s="613"/>
      <c r="SM721" s="613"/>
      <c r="SN721" s="613"/>
      <c r="SO721" s="613"/>
      <c r="SP721" s="613"/>
      <c r="SQ721" s="613"/>
      <c r="SR721" s="613"/>
      <c r="SS721" s="613"/>
      <c r="ST721" s="613"/>
      <c r="SU721" s="613"/>
      <c r="SV721" s="613"/>
      <c r="SW721" s="613"/>
      <c r="SX721" s="613"/>
      <c r="SY721" s="613"/>
      <c r="SZ721" s="613"/>
      <c r="TA721" s="613"/>
      <c r="TB721" s="613"/>
      <c r="TC721" s="613"/>
      <c r="TD721" s="613"/>
      <c r="TE721" s="613"/>
      <c r="TF721" s="613"/>
      <c r="TG721" s="613"/>
      <c r="TH721" s="613"/>
      <c r="TI721" s="613"/>
      <c r="TJ721" s="613"/>
      <c r="TK721" s="613"/>
      <c r="TL721" s="613"/>
      <c r="TM721" s="613"/>
      <c r="TN721" s="613"/>
      <c r="TO721" s="613"/>
      <c r="TP721" s="613"/>
      <c r="TQ721" s="613"/>
      <c r="TR721" s="613"/>
      <c r="TS721" s="613"/>
      <c r="TT721" s="613"/>
      <c r="TU721" s="613"/>
      <c r="TV721" s="613"/>
      <c r="TW721" s="613"/>
      <c r="TX721" s="613"/>
      <c r="TY721" s="613"/>
      <c r="TZ721" s="613"/>
      <c r="UA721" s="613"/>
      <c r="UB721" s="613"/>
      <c r="UC721" s="613"/>
      <c r="UD721" s="613"/>
      <c r="UE721" s="613"/>
      <c r="UF721" s="613"/>
      <c r="UG721" s="613"/>
      <c r="UH721" s="613"/>
      <c r="UI721" s="613"/>
      <c r="UJ721" s="613"/>
      <c r="UK721" s="613"/>
      <c r="UL721" s="613"/>
      <c r="UM721" s="613"/>
      <c r="UN721" s="613"/>
      <c r="UO721" s="613"/>
      <c r="UP721" s="613"/>
      <c r="UQ721" s="613"/>
      <c r="UR721" s="613"/>
      <c r="US721" s="613"/>
      <c r="UT721" s="613"/>
      <c r="UU721" s="613"/>
      <c r="UV721" s="613"/>
      <c r="UW721" s="613"/>
      <c r="UX721" s="613"/>
      <c r="UY721" s="613"/>
      <c r="UZ721" s="613"/>
      <c r="VA721" s="613"/>
      <c r="VB721" s="613"/>
      <c r="VC721" s="613"/>
      <c r="VD721" s="613"/>
      <c r="VE721" s="613"/>
      <c r="VF721" s="613"/>
      <c r="VG721" s="613"/>
      <c r="VH721" s="613"/>
      <c r="VI721" s="613"/>
      <c r="VJ721" s="613"/>
      <c r="VK721" s="613"/>
      <c r="VL721" s="613"/>
      <c r="VM721" s="613"/>
      <c r="VN721" s="613"/>
      <c r="VO721" s="613"/>
      <c r="VP721" s="613"/>
      <c r="VQ721" s="613"/>
      <c r="VR721" s="613"/>
      <c r="VS721" s="613"/>
      <c r="VT721" s="613"/>
      <c r="VU721" s="613"/>
      <c r="VV721" s="613"/>
      <c r="VW721" s="613"/>
      <c r="VX721" s="613"/>
      <c r="VY721" s="613"/>
      <c r="VZ721" s="613"/>
      <c r="WA721" s="613"/>
      <c r="WB721" s="613"/>
      <c r="WC721" s="613"/>
      <c r="WD721" s="613"/>
      <c r="WE721" s="613"/>
      <c r="WF721" s="613"/>
      <c r="WG721" s="613"/>
      <c r="WH721" s="613"/>
      <c r="WI721" s="613"/>
      <c r="WJ721" s="613"/>
      <c r="WK721" s="613"/>
      <c r="WL721" s="613"/>
      <c r="WM721" s="613"/>
      <c r="WN721" s="613"/>
      <c r="WO721" s="613"/>
      <c r="WP721" s="613"/>
      <c r="WQ721" s="613"/>
      <c r="WR721" s="613"/>
      <c r="WS721" s="613"/>
      <c r="WT721" s="613"/>
      <c r="WU721" s="613"/>
      <c r="WV721" s="613"/>
      <c r="WW721" s="613"/>
      <c r="WX721" s="613"/>
      <c r="WY721" s="613"/>
      <c r="WZ721" s="613"/>
      <c r="XA721" s="613"/>
      <c r="XB721" s="613"/>
      <c r="XC721" s="613"/>
      <c r="XD721" s="613"/>
      <c r="XE721" s="613"/>
      <c r="XF721" s="613"/>
      <c r="XG721" s="613"/>
      <c r="XH721" s="613"/>
      <c r="XI721" s="613"/>
      <c r="XJ721" s="613"/>
      <c r="XK721" s="613"/>
      <c r="XL721" s="613"/>
      <c r="XM721" s="613"/>
      <c r="XN721" s="613"/>
      <c r="XO721" s="613"/>
      <c r="XP721" s="613"/>
      <c r="XQ721" s="613"/>
      <c r="XR721" s="613"/>
      <c r="XS721" s="613"/>
      <c r="XT721" s="613"/>
      <c r="XU721" s="613"/>
      <c r="XV721" s="613"/>
      <c r="XW721" s="613"/>
      <c r="XX721" s="613"/>
      <c r="XY721" s="613"/>
      <c r="XZ721" s="613"/>
      <c r="YA721" s="613"/>
      <c r="YB721" s="613"/>
      <c r="YC721" s="613"/>
      <c r="YD721" s="613"/>
      <c r="YE721" s="613"/>
      <c r="YF721" s="613"/>
      <c r="YG721" s="613"/>
      <c r="YH721" s="613"/>
      <c r="YI721" s="613"/>
      <c r="YJ721" s="613"/>
      <c r="YK721" s="613"/>
      <c r="YL721" s="613"/>
      <c r="YM721" s="613"/>
      <c r="YN721" s="613"/>
      <c r="YO721" s="613"/>
      <c r="YP721" s="613"/>
      <c r="YQ721" s="613"/>
      <c r="YR721" s="613"/>
      <c r="YS721" s="613"/>
      <c r="YT721" s="613"/>
      <c r="YU721" s="613"/>
      <c r="YV721" s="613"/>
      <c r="YW721" s="613"/>
      <c r="YX721" s="613"/>
      <c r="YY721" s="613"/>
      <c r="YZ721" s="613"/>
      <c r="ZA721" s="613"/>
      <c r="ZB721" s="613"/>
      <c r="ZC721" s="613"/>
      <c r="ZD721" s="613"/>
      <c r="ZE721" s="613"/>
      <c r="ZF721" s="613"/>
      <c r="ZG721" s="613"/>
      <c r="ZH721" s="613"/>
      <c r="ZI721" s="613"/>
      <c r="ZJ721" s="613"/>
      <c r="ZK721" s="613"/>
      <c r="ZL721" s="613"/>
      <c r="ZM721" s="613"/>
      <c r="ZN721" s="613"/>
      <c r="ZO721" s="613"/>
      <c r="ZP721" s="613"/>
      <c r="ZQ721" s="613"/>
      <c r="ZR721" s="613"/>
      <c r="ZS721" s="613"/>
      <c r="ZT721" s="613"/>
      <c r="ZU721" s="613"/>
      <c r="ZV721" s="613"/>
      <c r="ZW721" s="613"/>
      <c r="ZX721" s="613"/>
      <c r="ZY721" s="613"/>
      <c r="ZZ721" s="613"/>
      <c r="AAA721" s="613"/>
      <c r="AAB721" s="613"/>
      <c r="AAC721" s="613"/>
      <c r="AAD721" s="613"/>
      <c r="AAE721" s="613"/>
      <c r="AAF721" s="613"/>
      <c r="AAG721" s="613"/>
      <c r="AAH721" s="613"/>
      <c r="AAI721" s="613"/>
      <c r="AAJ721" s="613"/>
      <c r="AAK721" s="613"/>
      <c r="AAL721" s="613"/>
      <c r="AAM721" s="613"/>
      <c r="AAN721" s="613"/>
      <c r="AAO721" s="613"/>
      <c r="AAP721" s="613"/>
      <c r="AAQ721" s="613"/>
      <c r="AAR721" s="613"/>
      <c r="AAS721" s="613"/>
      <c r="AAT721" s="613"/>
      <c r="AAU721" s="613"/>
      <c r="AAV721" s="613"/>
      <c r="AAW721" s="613"/>
      <c r="AAX721" s="613"/>
      <c r="AAY721" s="613"/>
      <c r="AAZ721" s="613"/>
      <c r="ABA721" s="613"/>
      <c r="ABB721" s="613"/>
      <c r="ABC721" s="613"/>
      <c r="ABD721" s="613"/>
      <c r="ABE721" s="613"/>
      <c r="ABF721" s="613"/>
      <c r="ABG721" s="613"/>
      <c r="ABH721" s="613"/>
      <c r="ABI721" s="613"/>
      <c r="ABJ721" s="613"/>
      <c r="ABK721" s="613"/>
      <c r="ABL721" s="613"/>
      <c r="ABM721" s="613"/>
      <c r="ABN721" s="613"/>
      <c r="ABO721" s="613"/>
      <c r="ABP721" s="613"/>
      <c r="ABQ721" s="613"/>
      <c r="ABR721" s="613"/>
      <c r="ABS721" s="613"/>
      <c r="ABT721" s="613"/>
      <c r="ABU721" s="613"/>
      <c r="ABV721" s="613"/>
      <c r="ABW721" s="613"/>
      <c r="ABX721" s="613"/>
      <c r="ABY721" s="613"/>
      <c r="ABZ721" s="613"/>
      <c r="ACA721" s="613"/>
      <c r="ACB721" s="613"/>
      <c r="ACC721" s="613"/>
      <c r="ACD721" s="613"/>
      <c r="ACE721" s="613"/>
      <c r="ACF721" s="613"/>
      <c r="ACG721" s="613"/>
      <c r="ACH721" s="613"/>
      <c r="ACI721" s="613"/>
      <c r="ACJ721" s="613"/>
      <c r="ACK721" s="613"/>
      <c r="ACL721" s="613"/>
      <c r="ACM721" s="613"/>
      <c r="ACN721" s="613"/>
      <c r="ACO721" s="613"/>
      <c r="ACP721" s="613"/>
      <c r="ACQ721" s="613"/>
      <c r="ACR721" s="613"/>
      <c r="ACS721" s="613"/>
      <c r="ACT721" s="613"/>
      <c r="ACU721" s="613"/>
      <c r="ACV721" s="613"/>
      <c r="ACW721" s="613"/>
      <c r="ACX721" s="613"/>
      <c r="ACY721" s="613"/>
      <c r="ACZ721" s="613"/>
      <c r="ADA721" s="613"/>
      <c r="ADB721" s="613"/>
      <c r="ADC721" s="613"/>
      <c r="ADD721" s="613"/>
      <c r="ADE721" s="613"/>
      <c r="ADF721" s="613"/>
      <c r="ADG721" s="613"/>
      <c r="ADH721" s="613"/>
      <c r="ADI721" s="613"/>
      <c r="ADJ721" s="613"/>
      <c r="ADK721" s="613"/>
      <c r="ADL721" s="613"/>
      <c r="ADM721" s="613"/>
      <c r="ADN721" s="613"/>
      <c r="ADO721" s="613"/>
      <c r="ADP721" s="613"/>
      <c r="ADQ721" s="613"/>
      <c r="ADR721" s="613"/>
      <c r="ADS721" s="613"/>
      <c r="ADT721" s="613"/>
      <c r="ADU721" s="613"/>
      <c r="ADV721" s="613"/>
      <c r="ADW721" s="613"/>
      <c r="ADX721" s="613"/>
      <c r="ADY721" s="613"/>
      <c r="ADZ721" s="613"/>
      <c r="AEA721" s="613"/>
      <c r="AEB721" s="613"/>
      <c r="AEC721" s="613"/>
      <c r="AED721" s="613"/>
      <c r="AEE721" s="613"/>
      <c r="AEF721" s="613"/>
      <c r="AEG721" s="613"/>
      <c r="AEH721" s="613"/>
      <c r="AEI721" s="613"/>
      <c r="AEJ721" s="613"/>
      <c r="AEK721" s="613"/>
      <c r="AEL721" s="613"/>
      <c r="AEM721" s="613"/>
      <c r="AEN721" s="613"/>
      <c r="AEO721" s="613"/>
      <c r="AEP721" s="613"/>
      <c r="AEQ721" s="613"/>
      <c r="AER721" s="613"/>
      <c r="AES721" s="613"/>
      <c r="AET721" s="613"/>
      <c r="AEU721" s="613"/>
      <c r="AEV721" s="613"/>
      <c r="AEW721" s="613"/>
      <c r="AEX721" s="613"/>
      <c r="AEY721" s="613"/>
      <c r="AEZ721" s="613"/>
      <c r="AFA721" s="613"/>
      <c r="AFB721" s="613"/>
      <c r="AFC721" s="613"/>
      <c r="AFD721" s="613"/>
      <c r="AFE721" s="613"/>
      <c r="AFF721" s="613"/>
      <c r="AFG721" s="613"/>
      <c r="AFH721" s="613"/>
      <c r="AFI721" s="613"/>
      <c r="AFJ721" s="613"/>
      <c r="AFK721" s="613"/>
      <c r="AFL721" s="613"/>
      <c r="AFM721" s="613"/>
      <c r="AFN721" s="613"/>
      <c r="AFO721" s="613"/>
      <c r="AFP721" s="613"/>
      <c r="AFQ721" s="613"/>
      <c r="AFR721" s="613"/>
      <c r="AFS721" s="613"/>
      <c r="AFT721" s="613"/>
      <c r="AFU721" s="613"/>
      <c r="AFV721" s="613"/>
      <c r="AFW721" s="613"/>
      <c r="AFX721" s="613"/>
      <c r="AFY721" s="613"/>
      <c r="AFZ721" s="613"/>
      <c r="AGA721" s="613"/>
      <c r="AGB721" s="613"/>
      <c r="AGC721" s="613"/>
      <c r="AGD721" s="613"/>
      <c r="AGE721" s="613"/>
      <c r="AGF721" s="613"/>
      <c r="AGG721" s="613"/>
      <c r="AGH721" s="613"/>
      <c r="AGI721" s="613"/>
      <c r="AGJ721" s="613"/>
      <c r="AGK721" s="613"/>
      <c r="AGL721" s="613"/>
      <c r="AGM721" s="613"/>
      <c r="AGN721" s="613"/>
      <c r="AGO721" s="613"/>
      <c r="AGP721" s="613"/>
      <c r="AGQ721" s="613"/>
      <c r="AGR721" s="613"/>
      <c r="AGS721" s="613"/>
      <c r="AGT721" s="613"/>
      <c r="AGU721" s="613"/>
      <c r="AGV721" s="613"/>
      <c r="AGW721" s="613"/>
      <c r="AGX721" s="613"/>
      <c r="AGY721" s="613"/>
      <c r="AGZ721" s="613"/>
      <c r="AHA721" s="613"/>
      <c r="AHB721" s="613"/>
      <c r="AHC721" s="613"/>
      <c r="AHD721" s="613"/>
      <c r="AHE721" s="613"/>
      <c r="AHF721" s="613"/>
      <c r="AHG721" s="613"/>
      <c r="AHH721" s="613"/>
      <c r="AHI721" s="613"/>
      <c r="AHJ721" s="613"/>
      <c r="AHK721" s="613"/>
      <c r="AHL721" s="613"/>
      <c r="AHM721" s="613"/>
      <c r="AHN721" s="613"/>
      <c r="AHO721" s="613"/>
      <c r="AHP721" s="613"/>
      <c r="AHQ721" s="613"/>
      <c r="AHR721" s="613"/>
      <c r="AHS721" s="613"/>
      <c r="AHT721" s="613"/>
      <c r="AHU721" s="613"/>
      <c r="AHV721" s="613"/>
      <c r="AHW721" s="613"/>
      <c r="AHX721" s="613"/>
      <c r="AHY721" s="613"/>
      <c r="AHZ721" s="613"/>
      <c r="AIA721" s="613"/>
      <c r="AIB721" s="613"/>
      <c r="AIC721" s="613"/>
      <c r="AID721" s="613"/>
      <c r="AIE721" s="613"/>
      <c r="AIF721" s="613"/>
      <c r="AIG721" s="613"/>
      <c r="AIH721" s="613"/>
      <c r="AII721" s="613"/>
      <c r="AIJ721" s="613"/>
      <c r="AIK721" s="613"/>
      <c r="AIL721" s="613"/>
      <c r="AIM721" s="613"/>
      <c r="AIN721" s="613"/>
      <c r="AIO721" s="613"/>
      <c r="AIP721" s="613"/>
      <c r="AIQ721" s="613"/>
      <c r="AIR721" s="613"/>
      <c r="AIS721" s="613"/>
      <c r="AIT721" s="613"/>
      <c r="AIU721" s="613"/>
      <c r="AIV721" s="613"/>
      <c r="AIW721" s="613"/>
      <c r="AIX721" s="613"/>
      <c r="AIY721" s="613"/>
      <c r="AIZ721" s="613"/>
      <c r="AJA721" s="613"/>
      <c r="AJB721" s="613"/>
      <c r="AJC721" s="613"/>
      <c r="AJD721" s="613"/>
      <c r="AJE721" s="613"/>
      <c r="AJF721" s="613"/>
      <c r="AJG721" s="613"/>
      <c r="AJH721" s="613"/>
      <c r="AJI721" s="613"/>
      <c r="AJJ721" s="613"/>
      <c r="AJK721" s="613"/>
      <c r="AJL721" s="613"/>
      <c r="AJM721" s="613"/>
      <c r="AJN721" s="613"/>
      <c r="AJO721" s="613"/>
      <c r="AJP721" s="613"/>
      <c r="AJQ721" s="613"/>
      <c r="AJR721" s="613"/>
      <c r="AJS721" s="613"/>
      <c r="AJT721" s="613"/>
      <c r="AJU721" s="613"/>
      <c r="AJV721" s="613"/>
      <c r="AJW721" s="613"/>
      <c r="AJX721" s="613"/>
      <c r="AJY721" s="613"/>
      <c r="AJZ721" s="613"/>
      <c r="AKA721" s="613"/>
      <c r="AKB721" s="613"/>
      <c r="AKC721" s="613"/>
      <c r="AKD721" s="613"/>
      <c r="AKE721" s="613"/>
      <c r="AKF721" s="613"/>
      <c r="AKG721" s="613"/>
      <c r="AKH721" s="613"/>
      <c r="AKI721" s="613"/>
      <c r="AKJ721" s="613"/>
      <c r="AKK721" s="613"/>
      <c r="AKL721" s="613"/>
      <c r="AKM721" s="613"/>
      <c r="AKN721" s="613"/>
      <c r="AKO721" s="613"/>
      <c r="AKP721" s="613"/>
      <c r="AKQ721" s="613"/>
      <c r="AKR721" s="613"/>
      <c r="AKS721" s="613"/>
      <c r="AKT721" s="613"/>
      <c r="AKU721" s="613"/>
      <c r="AKV721" s="613"/>
      <c r="AKW721" s="613"/>
      <c r="AKX721" s="613"/>
      <c r="AKY721" s="613"/>
      <c r="AKZ721" s="613"/>
      <c r="ALA721" s="613"/>
      <c r="ALB721" s="613"/>
      <c r="ALC721" s="613"/>
      <c r="ALD721" s="613"/>
      <c r="ALE721" s="613"/>
      <c r="ALF721" s="613"/>
      <c r="ALG721" s="613"/>
      <c r="ALH721" s="613"/>
      <c r="ALI721" s="613"/>
      <c r="ALJ721" s="613"/>
      <c r="ALK721" s="613"/>
      <c r="ALL721" s="613"/>
      <c r="ALM721" s="613"/>
      <c r="ALN721" s="613"/>
      <c r="ALO721" s="613"/>
      <c r="ALP721" s="613"/>
      <c r="ALQ721" s="613"/>
      <c r="ALR721" s="613"/>
      <c r="ALS721" s="613"/>
      <c r="ALT721" s="613"/>
      <c r="ALU721" s="613"/>
      <c r="ALV721" s="613"/>
      <c r="ALW721" s="613"/>
      <c r="ALX721" s="613"/>
      <c r="ALY721" s="613"/>
      <c r="ALZ721" s="613"/>
      <c r="AMA721" s="613"/>
      <c r="AMB721" s="613"/>
      <c r="AMC721" s="613"/>
      <c r="AMD721" s="613"/>
      <c r="AME721" s="613"/>
      <c r="AMF721" s="613"/>
      <c r="AMG721" s="613"/>
      <c r="AMH721" s="613"/>
      <c r="AMI721" s="613"/>
      <c r="AMJ721" s="613"/>
      <c r="AMK721" s="613"/>
      <c r="AML721" s="613"/>
      <c r="AMM721" s="613"/>
      <c r="AMN721" s="613"/>
      <c r="AMO721" s="613"/>
      <c r="AMP721" s="613"/>
      <c r="AMQ721" s="613"/>
      <c r="AMR721" s="613"/>
      <c r="AMS721" s="613"/>
      <c r="AMT721" s="613"/>
      <c r="AMU721" s="613"/>
      <c r="AMV721" s="613"/>
      <c r="AMW721" s="613"/>
      <c r="AMX721" s="613"/>
      <c r="AMY721" s="613"/>
      <c r="AMZ721" s="613"/>
      <c r="ANA721" s="613"/>
      <c r="ANB721" s="613"/>
      <c r="ANC721" s="613"/>
      <c r="AND721" s="613"/>
      <c r="ANE721" s="613"/>
      <c r="ANF721" s="613"/>
      <c r="ANG721" s="613"/>
      <c r="ANH721" s="613"/>
      <c r="ANI721" s="613"/>
      <c r="ANJ721" s="613"/>
      <c r="ANK721" s="613"/>
      <c r="ANL721" s="613"/>
      <c r="ANM721" s="613"/>
      <c r="ANN721" s="613"/>
      <c r="ANO721" s="613"/>
      <c r="ANP721" s="613"/>
      <c r="ANQ721" s="613"/>
      <c r="ANR721" s="613"/>
      <c r="ANS721" s="613"/>
      <c r="ANT721" s="613"/>
      <c r="ANU721" s="613"/>
      <c r="ANV721" s="613"/>
      <c r="ANW721" s="613"/>
      <c r="ANX721" s="613"/>
      <c r="ANY721" s="613"/>
      <c r="ANZ721" s="613"/>
      <c r="AOA721" s="613"/>
      <c r="AOB721" s="613"/>
      <c r="AOC721" s="613"/>
      <c r="AOD721" s="613"/>
      <c r="AOE721" s="613"/>
      <c r="AOF721" s="613"/>
      <c r="AOG721" s="613"/>
      <c r="AOH721" s="613"/>
      <c r="AOI721" s="613"/>
      <c r="AOJ721" s="613"/>
      <c r="AOK721" s="613"/>
      <c r="AOL721" s="613"/>
      <c r="AOM721" s="613"/>
      <c r="AON721" s="613"/>
      <c r="AOO721" s="613"/>
      <c r="AOP721" s="613"/>
      <c r="AOQ721" s="613"/>
      <c r="AOR721" s="613"/>
      <c r="AOS721" s="613"/>
      <c r="AOT721" s="613"/>
      <c r="AOU721" s="613"/>
      <c r="AOV721" s="613"/>
      <c r="AOW721" s="613"/>
      <c r="AOX721" s="613"/>
      <c r="AOY721" s="613"/>
      <c r="AOZ721" s="613"/>
      <c r="APA721" s="613"/>
      <c r="APB721" s="613"/>
      <c r="APC721" s="613"/>
      <c r="APD721" s="613"/>
      <c r="APE721" s="613"/>
      <c r="APF721" s="613"/>
      <c r="APG721" s="613"/>
      <c r="APH721" s="613"/>
      <c r="API721" s="613"/>
      <c r="APJ721" s="613"/>
      <c r="APK721" s="613"/>
      <c r="APL721" s="613"/>
      <c r="APM721" s="613"/>
      <c r="APN721" s="613"/>
      <c r="APO721" s="613"/>
      <c r="APP721" s="613"/>
      <c r="APQ721" s="613"/>
      <c r="APR721" s="613"/>
      <c r="APS721" s="613"/>
      <c r="APT721" s="613"/>
      <c r="APU721" s="613"/>
      <c r="APV721" s="613"/>
      <c r="APW721" s="613"/>
      <c r="APX721" s="613"/>
      <c r="APY721" s="613"/>
      <c r="APZ721" s="613"/>
      <c r="AQA721" s="613"/>
      <c r="AQB721" s="613"/>
      <c r="AQC721" s="613"/>
      <c r="AQD721" s="613"/>
      <c r="AQE721" s="613"/>
      <c r="AQF721" s="613"/>
      <c r="AQG721" s="613"/>
      <c r="AQH721" s="613"/>
      <c r="AQI721" s="613"/>
      <c r="AQJ721" s="613"/>
      <c r="AQK721" s="613"/>
      <c r="AQL721" s="613"/>
      <c r="AQM721" s="613"/>
      <c r="AQN721" s="613"/>
      <c r="AQO721" s="613"/>
      <c r="AQP721" s="613"/>
      <c r="AQQ721" s="613"/>
      <c r="AQR721" s="613"/>
      <c r="AQS721" s="613"/>
      <c r="AQT721" s="613"/>
      <c r="AQU721" s="613"/>
      <c r="AQV721" s="613"/>
      <c r="AQW721" s="613"/>
      <c r="AQX721" s="613"/>
      <c r="AQY721" s="613"/>
      <c r="AQZ721" s="613"/>
      <c r="ARA721" s="613"/>
      <c r="ARB721" s="613"/>
      <c r="ARC721" s="613"/>
      <c r="ARD721" s="613"/>
      <c r="ARE721" s="613"/>
      <c r="ARF721" s="613"/>
      <c r="ARG721" s="613"/>
      <c r="ARH721" s="613"/>
      <c r="ARI721" s="613"/>
      <c r="ARJ721" s="613"/>
      <c r="ARK721" s="613"/>
      <c r="ARL721" s="613"/>
      <c r="ARM721" s="613"/>
      <c r="ARN721" s="613"/>
      <c r="ARO721" s="613"/>
      <c r="ARP721" s="613"/>
      <c r="ARQ721" s="613"/>
      <c r="ARR721" s="613"/>
      <c r="ARS721" s="613"/>
      <c r="ART721" s="613"/>
      <c r="ARU721" s="613"/>
      <c r="ARV721" s="613"/>
      <c r="ARW721" s="613"/>
      <c r="ARX721" s="613"/>
      <c r="ARY721" s="613"/>
      <c r="ARZ721" s="613"/>
      <c r="ASA721" s="613"/>
      <c r="ASB721" s="613"/>
      <c r="ASC721" s="613"/>
      <c r="ASD721" s="613"/>
      <c r="ASE721" s="613"/>
      <c r="ASF721" s="613"/>
      <c r="ASG721" s="613"/>
      <c r="ASH721" s="613"/>
      <c r="ASI721" s="613"/>
      <c r="ASJ721" s="613"/>
      <c r="ASK721" s="613"/>
      <c r="ASL721" s="613"/>
      <c r="ASM721" s="613"/>
      <c r="ASN721" s="613"/>
      <c r="ASO721" s="613"/>
      <c r="ASP721" s="613"/>
      <c r="ASQ721" s="613"/>
      <c r="ASR721" s="613"/>
      <c r="ASS721" s="613"/>
      <c r="AST721" s="613"/>
      <c r="ASU721" s="613"/>
      <c r="ASV721" s="613"/>
      <c r="ASW721" s="613"/>
      <c r="ASX721" s="613"/>
      <c r="ASY721" s="613"/>
      <c r="ASZ721" s="613"/>
      <c r="ATA721" s="613"/>
      <c r="ATB721" s="613"/>
      <c r="ATC721" s="613"/>
      <c r="ATD721" s="613"/>
      <c r="ATE721" s="613"/>
      <c r="ATF721" s="613"/>
      <c r="ATG721" s="613"/>
      <c r="ATH721" s="613"/>
      <c r="ATI721" s="613"/>
      <c r="ATJ721" s="613"/>
      <c r="ATK721" s="613"/>
      <c r="ATL721" s="613"/>
      <c r="ATM721" s="613"/>
      <c r="ATN721" s="613"/>
      <c r="ATO721" s="613"/>
      <c r="ATP721" s="613"/>
      <c r="ATQ721" s="613"/>
      <c r="ATR721" s="613"/>
      <c r="ATS721" s="613"/>
      <c r="ATT721" s="613"/>
      <c r="ATU721" s="613"/>
      <c r="ATV721" s="613"/>
      <c r="ATW721" s="613"/>
      <c r="ATX721" s="613"/>
      <c r="ATY721" s="613"/>
      <c r="ATZ721" s="613"/>
      <c r="AUA721" s="613"/>
      <c r="AUB721" s="613"/>
      <c r="AUC721" s="613"/>
      <c r="AUD721" s="613"/>
      <c r="AUE721" s="613"/>
      <c r="AUF721" s="613"/>
      <c r="AUG721" s="613"/>
      <c r="AUH721" s="613"/>
      <c r="AUI721" s="613"/>
      <c r="AUJ721" s="613"/>
      <c r="AUK721" s="613"/>
      <c r="AUL721" s="613"/>
      <c r="AUM721" s="613"/>
      <c r="AUN721" s="613"/>
      <c r="AUO721" s="613"/>
      <c r="AUP721" s="613"/>
      <c r="AUQ721" s="613"/>
      <c r="AUR721" s="613"/>
      <c r="AUS721" s="613"/>
      <c r="AUT721" s="613"/>
      <c r="AUU721" s="613"/>
      <c r="AUV721" s="613"/>
      <c r="AUW721" s="613"/>
      <c r="AUX721" s="613"/>
      <c r="AUY721" s="613"/>
      <c r="AUZ721" s="613"/>
      <c r="AVA721" s="613"/>
      <c r="AVB721" s="613"/>
      <c r="AVC721" s="613"/>
      <c r="AVD721" s="613"/>
      <c r="AVE721" s="613"/>
      <c r="AVF721" s="613"/>
      <c r="AVG721" s="613"/>
      <c r="AVH721" s="613"/>
      <c r="AVI721" s="613"/>
      <c r="AVJ721" s="613"/>
      <c r="AVK721" s="613"/>
      <c r="AVL721" s="613"/>
      <c r="AVM721" s="613"/>
      <c r="AVN721" s="613"/>
      <c r="AVO721" s="613"/>
      <c r="AVP721" s="613"/>
      <c r="AVQ721" s="613"/>
      <c r="AVR721" s="613"/>
      <c r="AVS721" s="613"/>
      <c r="AVT721" s="613"/>
      <c r="AVU721" s="613"/>
      <c r="AVV721" s="613"/>
      <c r="AVW721" s="613"/>
      <c r="AVX721" s="613"/>
      <c r="AVY721" s="613"/>
      <c r="AVZ721" s="613"/>
      <c r="AWA721" s="613"/>
      <c r="AWB721" s="613"/>
      <c r="AWC721" s="613"/>
      <c r="AWD721" s="613"/>
      <c r="AWE721" s="613"/>
      <c r="AWF721" s="613"/>
      <c r="AWG721" s="613"/>
      <c r="AWH721" s="613"/>
      <c r="AWI721" s="613"/>
      <c r="AWJ721" s="613"/>
      <c r="AWK721" s="613"/>
      <c r="AWL721" s="613"/>
      <c r="AWM721" s="613"/>
      <c r="AWN721" s="613"/>
      <c r="AWO721" s="613"/>
      <c r="AWP721" s="613"/>
      <c r="AWQ721" s="613"/>
      <c r="AWR721" s="613"/>
      <c r="AWS721" s="613"/>
      <c r="AWT721" s="613"/>
      <c r="AWU721" s="613"/>
      <c r="AWV721" s="613"/>
      <c r="AWW721" s="613"/>
      <c r="AWX721" s="613"/>
      <c r="AWY721" s="613"/>
      <c r="AWZ721" s="613"/>
      <c r="AXA721" s="613"/>
      <c r="AXB721" s="613"/>
      <c r="AXC721" s="613"/>
      <c r="AXD721" s="613"/>
      <c r="AXE721" s="613"/>
      <c r="AXF721" s="613"/>
      <c r="AXG721" s="613"/>
      <c r="AXH721" s="613"/>
      <c r="AXI721" s="613"/>
      <c r="AXJ721" s="613"/>
      <c r="AXK721" s="613"/>
      <c r="AXL721" s="613"/>
      <c r="AXM721" s="613"/>
      <c r="AXN721" s="613"/>
      <c r="AXO721" s="613"/>
      <c r="AXP721" s="613"/>
      <c r="AXQ721" s="613"/>
      <c r="AXR721" s="613"/>
      <c r="AXS721" s="613"/>
      <c r="AXT721" s="613"/>
      <c r="AXU721" s="613"/>
      <c r="AXV721" s="613"/>
      <c r="AXW721" s="613"/>
      <c r="AXX721" s="613"/>
      <c r="AXY721" s="613"/>
      <c r="AXZ721" s="613"/>
      <c r="AYA721" s="613"/>
      <c r="AYB721" s="613"/>
      <c r="AYC721" s="613"/>
      <c r="AYD721" s="613"/>
      <c r="AYE721" s="613"/>
      <c r="AYF721" s="613"/>
      <c r="AYG721" s="613"/>
      <c r="AYH721" s="613"/>
      <c r="AYI721" s="613"/>
      <c r="AYJ721" s="613"/>
      <c r="AYK721" s="613"/>
      <c r="AYL721" s="613"/>
      <c r="AYM721" s="613"/>
      <c r="AYN721" s="613"/>
      <c r="AYO721" s="613"/>
      <c r="AYP721" s="613"/>
      <c r="AYQ721" s="613"/>
      <c r="AYR721" s="613"/>
      <c r="AYS721" s="613"/>
      <c r="AYT721" s="613"/>
      <c r="AYU721" s="613"/>
      <c r="AYV721" s="613"/>
      <c r="AYW721" s="613"/>
      <c r="AYX721" s="613"/>
      <c r="AYY721" s="613"/>
      <c r="AYZ721" s="613"/>
      <c r="AZA721" s="613"/>
      <c r="AZB721" s="613"/>
      <c r="AZC721" s="613"/>
      <c r="AZD721" s="613"/>
      <c r="AZE721" s="613"/>
      <c r="AZF721" s="613"/>
      <c r="AZG721" s="613"/>
      <c r="AZH721" s="613"/>
      <c r="AZI721" s="613"/>
      <c r="AZJ721" s="613"/>
      <c r="AZK721" s="613"/>
      <c r="AZL721" s="613"/>
      <c r="AZM721" s="613"/>
      <c r="AZN721" s="613"/>
      <c r="AZO721" s="613"/>
      <c r="AZP721" s="613"/>
      <c r="AZQ721" s="613"/>
      <c r="AZR721" s="613"/>
      <c r="AZS721" s="613"/>
      <c r="AZT721" s="613"/>
      <c r="AZU721" s="613"/>
      <c r="AZV721" s="613"/>
      <c r="AZW721" s="613"/>
      <c r="AZX721" s="613"/>
      <c r="AZY721" s="613"/>
      <c r="AZZ721" s="613"/>
      <c r="BAA721" s="613"/>
      <c r="BAB721" s="613"/>
      <c r="BAC721" s="613"/>
      <c r="BAD721" s="613"/>
      <c r="BAE721" s="613"/>
      <c r="BAF721" s="613"/>
      <c r="BAG721" s="613"/>
      <c r="BAH721" s="613"/>
      <c r="BAI721" s="613"/>
      <c r="BAJ721" s="613"/>
      <c r="BAK721" s="613"/>
      <c r="BAL721" s="613"/>
      <c r="BAM721" s="613"/>
      <c r="BAN721" s="613"/>
      <c r="BAO721" s="613"/>
      <c r="BAP721" s="613"/>
      <c r="BAQ721" s="613"/>
      <c r="BAR721" s="613"/>
      <c r="BAS721" s="613"/>
      <c r="BAT721" s="613"/>
      <c r="BAU721" s="613"/>
      <c r="BAV721" s="613"/>
      <c r="BAW721" s="613"/>
      <c r="BAX721" s="613"/>
      <c r="BAY721" s="613"/>
      <c r="BAZ721" s="613"/>
      <c r="BBA721" s="613"/>
      <c r="BBB721" s="613"/>
      <c r="BBC721" s="613"/>
      <c r="BBD721" s="613"/>
      <c r="BBE721" s="613"/>
      <c r="BBF721" s="613"/>
      <c r="BBG721" s="613"/>
      <c r="BBH721" s="613"/>
      <c r="BBI721" s="613"/>
      <c r="BBJ721" s="613"/>
      <c r="BBK721" s="613"/>
      <c r="BBL721" s="613"/>
      <c r="BBM721" s="613"/>
      <c r="BBN721" s="613"/>
      <c r="BBO721" s="613"/>
      <c r="BBP721" s="613"/>
      <c r="BBQ721" s="613"/>
      <c r="BBR721" s="613"/>
      <c r="BBS721" s="613"/>
      <c r="BBT721" s="613"/>
      <c r="BBU721" s="613"/>
      <c r="BBV721" s="613"/>
      <c r="BBW721" s="613"/>
      <c r="BBX721" s="613"/>
      <c r="BBY721" s="613"/>
      <c r="BBZ721" s="613"/>
      <c r="BCA721" s="613"/>
      <c r="BCB721" s="613"/>
      <c r="BCC721" s="613"/>
      <c r="BCD721" s="613"/>
      <c r="BCE721" s="613"/>
      <c r="BCF721" s="613"/>
      <c r="BCG721" s="613"/>
      <c r="BCH721" s="613"/>
      <c r="BCI721" s="613"/>
      <c r="BCJ721" s="613"/>
      <c r="BCK721" s="613"/>
      <c r="BCL721" s="613"/>
      <c r="BCM721" s="613"/>
      <c r="BCN721" s="613"/>
      <c r="BCO721" s="613"/>
      <c r="BCP721" s="613"/>
      <c r="BCQ721" s="613"/>
      <c r="BCR721" s="613"/>
      <c r="BCS721" s="613"/>
      <c r="BCT721" s="613"/>
      <c r="BCU721" s="613"/>
      <c r="BCV721" s="613"/>
      <c r="BCW721" s="613"/>
      <c r="BCX721" s="613"/>
      <c r="BCY721" s="613"/>
      <c r="BCZ721" s="613"/>
      <c r="BDA721" s="613"/>
      <c r="BDB721" s="613"/>
      <c r="BDC721" s="613"/>
      <c r="BDD721" s="613"/>
      <c r="BDE721" s="613"/>
      <c r="BDF721" s="613"/>
      <c r="BDG721" s="613"/>
      <c r="BDH721" s="613"/>
      <c r="BDI721" s="613"/>
      <c r="BDJ721" s="613"/>
      <c r="BDK721" s="613"/>
      <c r="BDL721" s="613"/>
      <c r="BDM721" s="613"/>
      <c r="BDN721" s="613"/>
      <c r="BDO721" s="613"/>
      <c r="BDP721" s="613"/>
      <c r="BDQ721" s="613"/>
      <c r="BDR721" s="613"/>
      <c r="BDS721" s="613"/>
      <c r="BDT721" s="613"/>
      <c r="BDU721" s="613"/>
      <c r="BDV721" s="613"/>
      <c r="BDW721" s="613"/>
      <c r="BDX721" s="613"/>
      <c r="BDY721" s="613"/>
      <c r="BDZ721" s="613"/>
      <c r="BEA721" s="613"/>
      <c r="BEB721" s="613"/>
      <c r="BEC721" s="613"/>
      <c r="BED721" s="613"/>
      <c r="BEE721" s="613"/>
      <c r="BEF721" s="613"/>
      <c r="BEG721" s="613"/>
      <c r="BEH721" s="613"/>
      <c r="BEI721" s="613"/>
      <c r="BEJ721" s="613"/>
      <c r="BEK721" s="613"/>
      <c r="BEL721" s="613"/>
      <c r="BEM721" s="613"/>
      <c r="BEN721" s="613"/>
      <c r="BEO721" s="613"/>
      <c r="BEP721" s="613"/>
      <c r="BEQ721" s="613"/>
      <c r="BER721" s="613"/>
      <c r="BES721" s="613"/>
      <c r="BET721" s="613"/>
      <c r="BEU721" s="613"/>
      <c r="BEV721" s="613"/>
      <c r="BEW721" s="613"/>
      <c r="BEX721" s="613"/>
      <c r="BEY721" s="613"/>
      <c r="BEZ721" s="613"/>
      <c r="BFA721" s="613"/>
      <c r="BFB721" s="613"/>
      <c r="BFC721" s="613"/>
      <c r="BFD721" s="613"/>
      <c r="BFE721" s="613"/>
      <c r="BFF721" s="613"/>
      <c r="BFG721" s="613"/>
      <c r="BFH721" s="613"/>
      <c r="BFI721" s="613"/>
      <c r="BFJ721" s="613"/>
      <c r="BFK721" s="613"/>
      <c r="BFL721" s="613"/>
      <c r="BFM721" s="613"/>
      <c r="BFN721" s="613"/>
      <c r="BFO721" s="613"/>
      <c r="BFP721" s="613"/>
      <c r="BFQ721" s="613"/>
      <c r="BFR721" s="613"/>
      <c r="BFS721" s="613"/>
      <c r="BFT721" s="613"/>
      <c r="BFU721" s="613"/>
      <c r="BFV721" s="613"/>
      <c r="BFW721" s="613"/>
      <c r="BFX721" s="613"/>
      <c r="BFY721" s="613"/>
      <c r="BFZ721" s="613"/>
      <c r="BGA721" s="613"/>
      <c r="BGB721" s="613"/>
      <c r="BGC721" s="613"/>
      <c r="BGD721" s="613"/>
      <c r="BGE721" s="613"/>
      <c r="BGF721" s="613"/>
      <c r="BGG721" s="613"/>
      <c r="BGH721" s="613"/>
      <c r="BGI721" s="613"/>
      <c r="BGJ721" s="613"/>
      <c r="BGK721" s="613"/>
      <c r="BGL721" s="613"/>
      <c r="BGM721" s="613"/>
      <c r="BGN721" s="613"/>
      <c r="BGO721" s="613"/>
      <c r="BGP721" s="613"/>
      <c r="BGQ721" s="613"/>
      <c r="BGR721" s="613"/>
      <c r="BGS721" s="613"/>
      <c r="BGT721" s="613"/>
      <c r="BGU721" s="613"/>
      <c r="BGV721" s="613"/>
      <c r="BGW721" s="613"/>
      <c r="BGX721" s="613"/>
      <c r="BGY721" s="613"/>
      <c r="BGZ721" s="613"/>
      <c r="BHA721" s="613"/>
      <c r="BHB721" s="613"/>
      <c r="BHC721" s="613"/>
      <c r="BHD721" s="613"/>
      <c r="BHE721" s="613"/>
      <c r="BHF721" s="613"/>
      <c r="BHG721" s="613"/>
      <c r="BHH721" s="613"/>
      <c r="BHI721" s="613"/>
      <c r="BHJ721" s="613"/>
      <c r="BHK721" s="613"/>
      <c r="BHL721" s="613"/>
      <c r="BHM721" s="613"/>
      <c r="BHN721" s="613"/>
      <c r="BHO721" s="613"/>
      <c r="BHP721" s="613"/>
      <c r="BHQ721" s="613"/>
      <c r="BHR721" s="613"/>
      <c r="BHS721" s="613"/>
      <c r="BHT721" s="613"/>
      <c r="BHU721" s="613"/>
      <c r="BHV721" s="613"/>
      <c r="BHW721" s="613"/>
      <c r="BHX721" s="613"/>
      <c r="BHY721" s="613"/>
      <c r="BHZ721" s="613"/>
      <c r="BIA721" s="613"/>
      <c r="BIB721" s="613"/>
      <c r="BIC721" s="613"/>
      <c r="BID721" s="613"/>
      <c r="BIE721" s="613"/>
      <c r="BIF721" s="613"/>
      <c r="BIG721" s="613"/>
      <c r="BIH721" s="613"/>
      <c r="BII721" s="613"/>
      <c r="BIJ721" s="613"/>
      <c r="BIK721" s="613"/>
      <c r="BIL721" s="613"/>
      <c r="BIM721" s="613"/>
      <c r="BIN721" s="613"/>
      <c r="BIO721" s="613"/>
      <c r="BIP721" s="613"/>
      <c r="BIQ721" s="613"/>
      <c r="BIR721" s="613"/>
      <c r="BIS721" s="613"/>
      <c r="BIT721" s="613"/>
      <c r="BIU721" s="613"/>
      <c r="BIV721" s="613"/>
      <c r="BIW721" s="613"/>
      <c r="BIX721" s="613"/>
      <c r="BIY721" s="613"/>
      <c r="BIZ721" s="613"/>
      <c r="BJA721" s="613"/>
      <c r="BJB721" s="613"/>
      <c r="BJC721" s="613"/>
      <c r="BJD721" s="613"/>
      <c r="BJE721" s="613"/>
      <c r="BJF721" s="613"/>
      <c r="BJG721" s="613"/>
      <c r="BJH721" s="613"/>
      <c r="BJI721" s="613"/>
      <c r="BJJ721" s="613"/>
      <c r="BJK721" s="613"/>
      <c r="BJL721" s="613"/>
      <c r="BJM721" s="613"/>
      <c r="BJN721" s="613"/>
      <c r="BJO721" s="613"/>
      <c r="BJP721" s="613"/>
      <c r="BJQ721" s="613"/>
      <c r="BJR721" s="613"/>
      <c r="BJS721" s="613"/>
      <c r="BJT721" s="613"/>
      <c r="BJU721" s="613"/>
      <c r="BJV721" s="613"/>
      <c r="BJW721" s="613"/>
      <c r="BJX721" s="613"/>
      <c r="BJY721" s="613"/>
      <c r="BJZ721" s="613"/>
      <c r="BKA721" s="613"/>
      <c r="BKB721" s="613"/>
      <c r="BKC721" s="613"/>
      <c r="BKD721" s="613"/>
      <c r="BKE721" s="613"/>
      <c r="BKF721" s="613"/>
      <c r="BKG721" s="613"/>
      <c r="BKH721" s="613"/>
      <c r="BKI721" s="613"/>
      <c r="BKJ721" s="613"/>
      <c r="BKK721" s="613"/>
      <c r="BKL721" s="613"/>
      <c r="BKM721" s="613"/>
      <c r="BKN721" s="613"/>
      <c r="BKO721" s="613"/>
      <c r="BKP721" s="613"/>
      <c r="BKQ721" s="613"/>
      <c r="BKR721" s="613"/>
      <c r="BKS721" s="613"/>
      <c r="BKT721" s="613"/>
      <c r="BKU721" s="613"/>
      <c r="BKV721" s="613"/>
      <c r="BKW721" s="613"/>
      <c r="BKX721" s="613"/>
      <c r="BKY721" s="613"/>
      <c r="BKZ721" s="613"/>
      <c r="BLA721" s="613"/>
      <c r="BLB721" s="613"/>
      <c r="BLC721" s="613"/>
      <c r="BLD721" s="613"/>
      <c r="BLE721" s="613"/>
      <c r="BLF721" s="613"/>
      <c r="BLG721" s="613"/>
      <c r="BLH721" s="613"/>
      <c r="BLI721" s="613"/>
      <c r="BLJ721" s="613"/>
      <c r="BLK721" s="613"/>
      <c r="BLL721" s="613"/>
      <c r="BLM721" s="613"/>
      <c r="BLN721" s="613"/>
      <c r="BLO721" s="613"/>
      <c r="BLP721" s="613"/>
      <c r="BLQ721" s="613"/>
      <c r="BLR721" s="613"/>
      <c r="BLS721" s="613"/>
      <c r="BLT721" s="613"/>
      <c r="BLU721" s="613"/>
      <c r="BLV721" s="613"/>
      <c r="BLW721" s="613"/>
      <c r="BLX721" s="613"/>
      <c r="BLY721" s="613"/>
      <c r="BLZ721" s="613"/>
      <c r="BMA721" s="613"/>
      <c r="BMB721" s="613"/>
      <c r="BMC721" s="613"/>
      <c r="BMD721" s="613"/>
      <c r="BME721" s="613"/>
      <c r="BMF721" s="613"/>
      <c r="BMG721" s="613"/>
      <c r="BMH721" s="613"/>
      <c r="BMI721" s="613"/>
      <c r="BMJ721" s="613"/>
      <c r="BMK721" s="613"/>
      <c r="BML721" s="613"/>
      <c r="BMM721" s="613"/>
      <c r="BMN721" s="613"/>
      <c r="BMO721" s="613"/>
      <c r="BMP721" s="613"/>
      <c r="BMQ721" s="613"/>
      <c r="BMR721" s="613"/>
      <c r="BMS721" s="613"/>
      <c r="BMT721" s="613"/>
      <c r="BMU721" s="613"/>
      <c r="BMV721" s="613"/>
      <c r="BMW721" s="613"/>
      <c r="BMX721" s="613"/>
      <c r="BMY721" s="613"/>
      <c r="BMZ721" s="613"/>
      <c r="BNA721" s="613"/>
      <c r="BNB721" s="613"/>
      <c r="BNC721" s="613"/>
      <c r="BND721" s="613"/>
      <c r="BNE721" s="613"/>
      <c r="BNF721" s="613"/>
      <c r="BNG721" s="613"/>
      <c r="BNH721" s="613"/>
      <c r="BNI721" s="613"/>
      <c r="BNJ721" s="613"/>
      <c r="BNK721" s="613"/>
      <c r="BNL721" s="613"/>
      <c r="BNM721" s="613"/>
      <c r="BNN721" s="613"/>
      <c r="BNO721" s="613"/>
      <c r="BNP721" s="613"/>
      <c r="BNQ721" s="613"/>
      <c r="BNR721" s="613"/>
      <c r="BNS721" s="613"/>
      <c r="BNT721" s="613"/>
      <c r="BNU721" s="613"/>
      <c r="BNV721" s="613"/>
      <c r="BNW721" s="613"/>
      <c r="BNX721" s="613"/>
      <c r="BNY721" s="613"/>
      <c r="BNZ721" s="613"/>
      <c r="BOA721" s="613"/>
      <c r="BOB721" s="613"/>
      <c r="BOC721" s="613"/>
      <c r="BOD721" s="613"/>
      <c r="BOE721" s="613"/>
      <c r="BOF721" s="613"/>
      <c r="BOG721" s="613"/>
      <c r="BOH721" s="613"/>
      <c r="BOI721" s="613"/>
      <c r="BOJ721" s="613"/>
      <c r="BOK721" s="613"/>
      <c r="BOL721" s="613"/>
      <c r="BOM721" s="613"/>
      <c r="BON721" s="613"/>
      <c r="BOO721" s="613"/>
      <c r="BOP721" s="613"/>
      <c r="BOQ721" s="613"/>
      <c r="BOR721" s="613"/>
      <c r="BOS721" s="613"/>
      <c r="BOT721" s="613"/>
      <c r="BOU721" s="613"/>
      <c r="BOV721" s="613"/>
      <c r="BOW721" s="613"/>
      <c r="BOX721" s="613"/>
      <c r="BOY721" s="613"/>
      <c r="BOZ721" s="613"/>
      <c r="BPA721" s="613"/>
      <c r="BPB721" s="613"/>
      <c r="BPC721" s="613"/>
      <c r="BPD721" s="613"/>
      <c r="BPE721" s="613"/>
      <c r="BPF721" s="613"/>
      <c r="BPG721" s="613"/>
      <c r="BPH721" s="613"/>
      <c r="BPI721" s="613"/>
      <c r="BPJ721" s="613"/>
      <c r="BPK721" s="613"/>
      <c r="BPL721" s="613"/>
      <c r="BPM721" s="613"/>
      <c r="BPN721" s="613"/>
      <c r="BPO721" s="613"/>
      <c r="BPP721" s="613"/>
      <c r="BPQ721" s="613"/>
      <c r="BPR721" s="613"/>
      <c r="BPS721" s="613"/>
      <c r="BPT721" s="613"/>
      <c r="BPU721" s="613"/>
      <c r="BPV721" s="613"/>
      <c r="BPW721" s="613"/>
      <c r="BPX721" s="613"/>
      <c r="BPY721" s="613"/>
      <c r="BPZ721" s="613"/>
      <c r="BQA721" s="613"/>
      <c r="BQB721" s="613"/>
      <c r="BQC721" s="613"/>
      <c r="BQD721" s="613"/>
      <c r="BQE721" s="613"/>
      <c r="BQF721" s="613"/>
      <c r="BQG721" s="613"/>
      <c r="BQH721" s="613"/>
      <c r="BQI721" s="613"/>
      <c r="BQJ721" s="613"/>
      <c r="BQK721" s="613"/>
      <c r="BQL721" s="613"/>
      <c r="BQM721" s="613"/>
      <c r="BQN721" s="613"/>
      <c r="BQO721" s="613"/>
      <c r="BQP721" s="613"/>
      <c r="BQQ721" s="613"/>
      <c r="BQR721" s="613"/>
      <c r="BQS721" s="613"/>
      <c r="BQT721" s="613"/>
      <c r="BQU721" s="613"/>
      <c r="BQV721" s="613"/>
      <c r="BQW721" s="613"/>
      <c r="BQX721" s="613"/>
      <c r="BQY721" s="613"/>
      <c r="BQZ721" s="613"/>
      <c r="BRA721" s="613"/>
      <c r="BRB721" s="613"/>
      <c r="BRC721" s="613"/>
      <c r="BRD721" s="613"/>
      <c r="BRE721" s="613"/>
      <c r="BRF721" s="613"/>
      <c r="BRG721" s="613"/>
      <c r="BRH721" s="613"/>
      <c r="BRI721" s="613"/>
      <c r="BRJ721" s="613"/>
      <c r="BRK721" s="613"/>
      <c r="BRL721" s="613"/>
      <c r="BRM721" s="613"/>
      <c r="BRN721" s="613"/>
      <c r="BRO721" s="613"/>
      <c r="BRP721" s="613"/>
      <c r="BRQ721" s="613"/>
      <c r="BRR721" s="613"/>
      <c r="BRS721" s="613"/>
      <c r="BRT721" s="613"/>
      <c r="BRU721" s="613"/>
      <c r="BRV721" s="613"/>
      <c r="BRW721" s="613"/>
      <c r="BRX721" s="613"/>
      <c r="BRY721" s="613"/>
      <c r="BRZ721" s="613"/>
      <c r="BSA721" s="613"/>
      <c r="BSB721" s="613"/>
      <c r="BSC721" s="613"/>
      <c r="BSD721" s="613"/>
      <c r="BSE721" s="613"/>
      <c r="BSF721" s="613"/>
      <c r="BSG721" s="613"/>
      <c r="BSH721" s="613"/>
      <c r="BSI721" s="613"/>
      <c r="BSJ721" s="613"/>
      <c r="BSK721" s="613"/>
      <c r="BSL721" s="613"/>
      <c r="BSM721" s="613"/>
      <c r="BSN721" s="613"/>
      <c r="BSO721" s="613"/>
      <c r="BSP721" s="613"/>
      <c r="BSQ721" s="613"/>
      <c r="BSR721" s="613"/>
      <c r="BSS721" s="613"/>
      <c r="BST721" s="613"/>
      <c r="BSU721" s="613"/>
      <c r="BSV721" s="613"/>
      <c r="BSW721" s="613"/>
      <c r="BSX721" s="613"/>
      <c r="BSY721" s="613"/>
      <c r="BSZ721" s="613"/>
      <c r="BTA721" s="613"/>
      <c r="BTB721" s="613"/>
      <c r="BTC721" s="613"/>
      <c r="BTD721" s="613"/>
      <c r="BTE721" s="613"/>
      <c r="BTF721" s="613"/>
      <c r="BTG721" s="613"/>
      <c r="BTH721" s="613"/>
      <c r="BTI721" s="613"/>
      <c r="BTJ721" s="613"/>
      <c r="BTK721" s="613"/>
      <c r="BTL721" s="613"/>
      <c r="BTM721" s="613"/>
      <c r="BTN721" s="613"/>
      <c r="BTO721" s="613"/>
      <c r="BTP721" s="613"/>
      <c r="BTQ721" s="613"/>
      <c r="BTR721" s="613"/>
      <c r="BTS721" s="613"/>
      <c r="BTT721" s="613"/>
      <c r="BTU721" s="613"/>
      <c r="BTV721" s="613"/>
      <c r="BTW721" s="613"/>
      <c r="BTX721" s="613"/>
      <c r="BTY721" s="613"/>
      <c r="BTZ721" s="613"/>
      <c r="BUA721" s="613"/>
      <c r="BUB721" s="613"/>
      <c r="BUC721" s="613"/>
      <c r="BUD721" s="613"/>
      <c r="BUE721" s="613"/>
      <c r="BUF721" s="613"/>
      <c r="BUG721" s="613"/>
      <c r="BUH721" s="613"/>
      <c r="BUI721" s="613"/>
      <c r="BUJ721" s="613"/>
      <c r="BUK721" s="613"/>
      <c r="BUL721" s="613"/>
      <c r="BUM721" s="613"/>
      <c r="BUN721" s="613"/>
      <c r="BUO721" s="613"/>
      <c r="BUP721" s="613"/>
      <c r="BUQ721" s="613"/>
      <c r="BUR721" s="613"/>
      <c r="BUS721" s="613"/>
      <c r="BUT721" s="613"/>
      <c r="BUU721" s="613"/>
      <c r="BUV721" s="613"/>
      <c r="BUW721" s="613"/>
      <c r="BUX721" s="613"/>
      <c r="BUY721" s="613"/>
      <c r="BUZ721" s="613"/>
      <c r="BVA721" s="613"/>
      <c r="BVB721" s="613"/>
      <c r="BVC721" s="613"/>
      <c r="BVD721" s="613"/>
      <c r="BVE721" s="613"/>
      <c r="BVF721" s="613"/>
      <c r="BVG721" s="613"/>
      <c r="BVH721" s="613"/>
      <c r="BVI721" s="613"/>
      <c r="BVJ721" s="613"/>
      <c r="BVK721" s="613"/>
      <c r="BVL721" s="613"/>
      <c r="BVM721" s="613"/>
      <c r="BVN721" s="613"/>
      <c r="BVO721" s="613"/>
      <c r="BVP721" s="613"/>
      <c r="BVQ721" s="613"/>
      <c r="BVR721" s="613"/>
      <c r="BVS721" s="613"/>
      <c r="BVT721" s="613"/>
      <c r="BVU721" s="613"/>
      <c r="BVV721" s="613"/>
      <c r="BVW721" s="613"/>
      <c r="BVX721" s="613"/>
      <c r="BVY721" s="613"/>
      <c r="BVZ721" s="613"/>
      <c r="BWA721" s="613"/>
      <c r="BWB721" s="613"/>
      <c r="BWC721" s="613"/>
      <c r="BWD721" s="613"/>
      <c r="BWE721" s="613"/>
      <c r="BWF721" s="613"/>
      <c r="BWG721" s="613"/>
      <c r="BWH721" s="613"/>
      <c r="BWI721" s="613"/>
      <c r="BWJ721" s="613"/>
      <c r="BWK721" s="613"/>
      <c r="BWL721" s="613"/>
      <c r="BWM721" s="613"/>
      <c r="BWN721" s="613"/>
      <c r="BWO721" s="613"/>
      <c r="BWP721" s="613"/>
      <c r="BWQ721" s="613"/>
      <c r="BWR721" s="613"/>
      <c r="BWS721" s="613"/>
      <c r="BWT721" s="613"/>
      <c r="BWU721" s="613"/>
      <c r="BWV721" s="613"/>
      <c r="BWW721" s="613"/>
      <c r="BWX721" s="613"/>
      <c r="BWY721" s="613"/>
      <c r="BWZ721" s="613"/>
      <c r="BXA721" s="613"/>
      <c r="BXB721" s="613"/>
      <c r="BXC721" s="613"/>
      <c r="BXD721" s="613"/>
      <c r="BXE721" s="613"/>
      <c r="BXF721" s="613"/>
      <c r="BXG721" s="613"/>
      <c r="BXH721" s="613"/>
      <c r="BXI721" s="613"/>
      <c r="BXJ721" s="613"/>
      <c r="BXK721" s="613"/>
      <c r="BXL721" s="613"/>
      <c r="BXM721" s="613"/>
      <c r="BXN721" s="613"/>
      <c r="BXO721" s="613"/>
      <c r="BXP721" s="613"/>
      <c r="BXQ721" s="613"/>
      <c r="BXR721" s="613"/>
      <c r="BXS721" s="613"/>
      <c r="BXT721" s="613"/>
      <c r="BXU721" s="613"/>
      <c r="BXV721" s="613"/>
      <c r="BXW721" s="613"/>
      <c r="BXX721" s="613"/>
      <c r="BXY721" s="613"/>
      <c r="BXZ721" s="613"/>
      <c r="BYA721" s="613"/>
      <c r="BYB721" s="613"/>
      <c r="BYC721" s="613"/>
      <c r="BYD721" s="613"/>
      <c r="BYE721" s="613"/>
      <c r="BYF721" s="613"/>
      <c r="BYG721" s="613"/>
      <c r="BYH721" s="613"/>
      <c r="BYI721" s="613"/>
      <c r="BYJ721" s="613"/>
      <c r="BYK721" s="613"/>
      <c r="BYL721" s="613"/>
      <c r="BYM721" s="613"/>
      <c r="BYN721" s="613"/>
      <c r="BYO721" s="613"/>
      <c r="BYP721" s="613"/>
      <c r="BYQ721" s="613"/>
      <c r="BYR721" s="613"/>
      <c r="BYS721" s="613"/>
      <c r="BYT721" s="613"/>
      <c r="BYU721" s="613"/>
      <c r="BYV721" s="613"/>
      <c r="BYW721" s="613"/>
      <c r="BYX721" s="613"/>
      <c r="BYY721" s="613"/>
      <c r="BYZ721" s="613"/>
      <c r="BZA721" s="613"/>
      <c r="BZB721" s="613"/>
      <c r="BZC721" s="613"/>
      <c r="BZD721" s="613"/>
      <c r="BZE721" s="613"/>
      <c r="BZF721" s="613"/>
      <c r="BZG721" s="613"/>
      <c r="BZH721" s="613"/>
      <c r="BZI721" s="613"/>
      <c r="BZJ721" s="613"/>
      <c r="BZK721" s="613"/>
      <c r="BZL721" s="613"/>
      <c r="BZM721" s="613"/>
      <c r="BZN721" s="613"/>
      <c r="BZO721" s="613"/>
      <c r="BZP721" s="613"/>
      <c r="BZQ721" s="613"/>
      <c r="BZR721" s="613"/>
      <c r="BZS721" s="613"/>
      <c r="BZT721" s="613"/>
      <c r="BZU721" s="613"/>
      <c r="BZV721" s="613"/>
      <c r="BZW721" s="613"/>
      <c r="BZX721" s="613"/>
      <c r="BZY721" s="613"/>
      <c r="BZZ721" s="613"/>
      <c r="CAA721" s="613"/>
      <c r="CAB721" s="613"/>
      <c r="CAC721" s="613"/>
      <c r="CAD721" s="613"/>
      <c r="CAE721" s="613"/>
      <c r="CAF721" s="613"/>
      <c r="CAG721" s="613"/>
      <c r="CAH721" s="613"/>
      <c r="CAI721" s="613"/>
      <c r="CAJ721" s="613"/>
      <c r="CAK721" s="613"/>
      <c r="CAL721" s="613"/>
      <c r="CAM721" s="613"/>
      <c r="CAN721" s="613"/>
      <c r="CAO721" s="613"/>
      <c r="CAP721" s="613"/>
      <c r="CAQ721" s="613"/>
      <c r="CAR721" s="613"/>
      <c r="CAS721" s="613"/>
      <c r="CAT721" s="613"/>
      <c r="CAU721" s="613"/>
      <c r="CAV721" s="613"/>
      <c r="CAW721" s="613"/>
      <c r="CAX721" s="613"/>
      <c r="CAY721" s="613"/>
      <c r="CAZ721" s="613"/>
      <c r="CBA721" s="613"/>
      <c r="CBB721" s="613"/>
      <c r="CBC721" s="613"/>
      <c r="CBD721" s="613"/>
      <c r="CBE721" s="613"/>
      <c r="CBF721" s="613"/>
      <c r="CBG721" s="613"/>
      <c r="CBH721" s="613"/>
      <c r="CBI721" s="613"/>
      <c r="CBJ721" s="613"/>
      <c r="CBK721" s="613"/>
      <c r="CBL721" s="613"/>
      <c r="CBM721" s="613"/>
      <c r="CBN721" s="613"/>
      <c r="CBO721" s="613"/>
      <c r="CBP721" s="613"/>
      <c r="CBQ721" s="613"/>
      <c r="CBR721" s="613"/>
      <c r="CBS721" s="613"/>
      <c r="CBT721" s="613"/>
      <c r="CBU721" s="613"/>
      <c r="CBV721" s="613"/>
      <c r="CBW721" s="613"/>
      <c r="CBX721" s="613"/>
      <c r="CBY721" s="613"/>
      <c r="CBZ721" s="613"/>
      <c r="CCA721" s="613"/>
      <c r="CCB721" s="613"/>
      <c r="CCC721" s="613"/>
      <c r="CCD721" s="613"/>
      <c r="CCE721" s="613"/>
      <c r="CCF721" s="613"/>
      <c r="CCG721" s="613"/>
      <c r="CCH721" s="613"/>
      <c r="CCI721" s="613"/>
      <c r="CCJ721" s="613"/>
      <c r="CCK721" s="613"/>
      <c r="CCL721" s="613"/>
      <c r="CCM721" s="613"/>
      <c r="CCN721" s="613"/>
      <c r="CCO721" s="613"/>
      <c r="CCP721" s="613"/>
      <c r="CCQ721" s="613"/>
      <c r="CCR721" s="613"/>
      <c r="CCS721" s="613"/>
      <c r="CCT721" s="613"/>
      <c r="CCU721" s="613"/>
      <c r="CCV721" s="613"/>
      <c r="CCW721" s="613"/>
      <c r="CCX721" s="613"/>
      <c r="CCY721" s="613"/>
      <c r="CCZ721" s="613"/>
      <c r="CDA721" s="613"/>
      <c r="CDB721" s="613"/>
      <c r="CDC721" s="613"/>
      <c r="CDD721" s="613"/>
      <c r="CDE721" s="613"/>
      <c r="CDF721" s="613"/>
      <c r="CDG721" s="613"/>
      <c r="CDH721" s="613"/>
      <c r="CDI721" s="613"/>
      <c r="CDJ721" s="613"/>
      <c r="CDK721" s="613"/>
      <c r="CDL721" s="613"/>
      <c r="CDM721" s="613"/>
      <c r="CDN721" s="613"/>
      <c r="CDO721" s="613"/>
      <c r="CDP721" s="613"/>
      <c r="CDQ721" s="613"/>
      <c r="CDR721" s="613"/>
      <c r="CDS721" s="613"/>
      <c r="CDT721" s="613"/>
      <c r="CDU721" s="613"/>
      <c r="CDV721" s="613"/>
      <c r="CDW721" s="613"/>
      <c r="CDX721" s="613"/>
      <c r="CDY721" s="613"/>
      <c r="CDZ721" s="613"/>
      <c r="CEA721" s="613"/>
      <c r="CEB721" s="613"/>
      <c r="CEC721" s="613"/>
      <c r="CED721" s="613"/>
      <c r="CEE721" s="613"/>
      <c r="CEF721" s="613"/>
      <c r="CEG721" s="613"/>
      <c r="CEH721" s="613"/>
      <c r="CEI721" s="613"/>
      <c r="CEJ721" s="613"/>
      <c r="CEK721" s="613"/>
      <c r="CEL721" s="613"/>
      <c r="CEM721" s="613"/>
      <c r="CEN721" s="613"/>
      <c r="CEO721" s="613"/>
      <c r="CEP721" s="613"/>
      <c r="CEQ721" s="613"/>
      <c r="CER721" s="613"/>
      <c r="CES721" s="613"/>
      <c r="CET721" s="613"/>
      <c r="CEU721" s="613"/>
      <c r="CEV721" s="613"/>
      <c r="CEW721" s="613"/>
      <c r="CEX721" s="613"/>
      <c r="CEY721" s="613"/>
      <c r="CEZ721" s="613"/>
      <c r="CFA721" s="613"/>
      <c r="CFB721" s="613"/>
      <c r="CFC721" s="613"/>
      <c r="CFD721" s="613"/>
      <c r="CFE721" s="613"/>
      <c r="CFF721" s="613"/>
      <c r="CFG721" s="613"/>
      <c r="CFH721" s="613"/>
      <c r="CFI721" s="613"/>
      <c r="CFJ721" s="613"/>
      <c r="CFK721" s="613"/>
      <c r="CFL721" s="613"/>
      <c r="CFM721" s="613"/>
      <c r="CFN721" s="613"/>
      <c r="CFO721" s="613"/>
      <c r="CFP721" s="613"/>
      <c r="CFQ721" s="613"/>
      <c r="CFR721" s="613"/>
      <c r="CFS721" s="613"/>
      <c r="CFT721" s="613"/>
      <c r="CFU721" s="613"/>
      <c r="CFV721" s="613"/>
      <c r="CFW721" s="613"/>
      <c r="CFX721" s="613"/>
      <c r="CFY721" s="613"/>
      <c r="CFZ721" s="613"/>
      <c r="CGA721" s="613"/>
      <c r="CGB721" s="613"/>
      <c r="CGC721" s="613"/>
      <c r="CGD721" s="613"/>
      <c r="CGE721" s="613"/>
      <c r="CGF721" s="613"/>
      <c r="CGG721" s="613"/>
      <c r="CGH721" s="613"/>
      <c r="CGI721" s="613"/>
      <c r="CGJ721" s="613"/>
      <c r="CGK721" s="613"/>
      <c r="CGL721" s="613"/>
      <c r="CGM721" s="613"/>
      <c r="CGN721" s="613"/>
      <c r="CGO721" s="613"/>
      <c r="CGP721" s="613"/>
      <c r="CGQ721" s="613"/>
      <c r="CGR721" s="613"/>
      <c r="CGS721" s="613"/>
      <c r="CGT721" s="613"/>
      <c r="CGU721" s="613"/>
      <c r="CGV721" s="613"/>
      <c r="CGW721" s="613"/>
      <c r="CGX721" s="613"/>
      <c r="CGY721" s="613"/>
      <c r="CGZ721" s="613"/>
      <c r="CHA721" s="613"/>
      <c r="CHB721" s="613"/>
      <c r="CHC721" s="613"/>
      <c r="CHD721" s="613"/>
      <c r="CHE721" s="613"/>
      <c r="CHF721" s="613"/>
      <c r="CHG721" s="613"/>
      <c r="CHH721" s="613"/>
      <c r="CHI721" s="613"/>
      <c r="CHJ721" s="613"/>
      <c r="CHK721" s="613"/>
      <c r="CHL721" s="613"/>
      <c r="CHM721" s="613"/>
      <c r="CHN721" s="613"/>
      <c r="CHO721" s="613"/>
      <c r="CHP721" s="613"/>
      <c r="CHQ721" s="613"/>
      <c r="CHR721" s="613"/>
      <c r="CHS721" s="613"/>
      <c r="CHT721" s="613"/>
      <c r="CHU721" s="613"/>
      <c r="CHV721" s="613"/>
      <c r="CHW721" s="613"/>
      <c r="CHX721" s="613"/>
      <c r="CHY721" s="613"/>
      <c r="CHZ721" s="613"/>
      <c r="CIA721" s="613"/>
      <c r="CIB721" s="613"/>
      <c r="CIC721" s="613"/>
      <c r="CID721" s="613"/>
      <c r="CIE721" s="613"/>
      <c r="CIF721" s="613"/>
      <c r="CIG721" s="613"/>
      <c r="CIH721" s="613"/>
      <c r="CII721" s="613"/>
      <c r="CIJ721" s="613"/>
      <c r="CIK721" s="613"/>
      <c r="CIL721" s="613"/>
      <c r="CIM721" s="613"/>
      <c r="CIN721" s="613"/>
      <c r="CIO721" s="613"/>
      <c r="CIP721" s="613"/>
      <c r="CIQ721" s="613"/>
      <c r="CIR721" s="613"/>
      <c r="CIS721" s="613"/>
      <c r="CIT721" s="613"/>
      <c r="CIU721" s="613"/>
      <c r="CIV721" s="613"/>
      <c r="CIW721" s="613"/>
      <c r="CIX721" s="613"/>
      <c r="CIY721" s="613"/>
      <c r="CIZ721" s="613"/>
      <c r="CJA721" s="613"/>
      <c r="CJB721" s="613"/>
      <c r="CJC721" s="613"/>
      <c r="CJD721" s="613"/>
      <c r="CJE721" s="613"/>
      <c r="CJF721" s="613"/>
      <c r="CJG721" s="613"/>
      <c r="CJH721" s="613"/>
      <c r="CJI721" s="613"/>
      <c r="CJJ721" s="613"/>
      <c r="CJK721" s="613"/>
      <c r="CJL721" s="613"/>
      <c r="CJM721" s="613"/>
      <c r="CJN721" s="613"/>
      <c r="CJO721" s="613"/>
      <c r="CJP721" s="613"/>
      <c r="CJQ721" s="613"/>
      <c r="CJR721" s="613"/>
      <c r="CJS721" s="613"/>
      <c r="CJT721" s="613"/>
      <c r="CJU721" s="613"/>
      <c r="CJV721" s="613"/>
      <c r="CJW721" s="613"/>
      <c r="CJX721" s="613"/>
      <c r="CJY721" s="613"/>
      <c r="CJZ721" s="613"/>
      <c r="CKA721" s="613"/>
      <c r="CKB721" s="613"/>
      <c r="CKC721" s="613"/>
      <c r="CKD721" s="613"/>
      <c r="CKE721" s="613"/>
      <c r="CKF721" s="613"/>
      <c r="CKG721" s="613"/>
      <c r="CKH721" s="613"/>
      <c r="CKI721" s="613"/>
      <c r="CKJ721" s="613"/>
      <c r="CKK721" s="613"/>
      <c r="CKL721" s="613"/>
      <c r="CKM721" s="613"/>
      <c r="CKN721" s="613"/>
      <c r="CKO721" s="613"/>
      <c r="CKP721" s="613"/>
      <c r="CKQ721" s="613"/>
      <c r="CKR721" s="613"/>
      <c r="CKS721" s="613"/>
      <c r="CKT721" s="613"/>
      <c r="CKU721" s="613"/>
      <c r="CKV721" s="613"/>
      <c r="CKW721" s="613"/>
      <c r="CKX721" s="613"/>
      <c r="CKY721" s="613"/>
      <c r="CKZ721" s="613"/>
      <c r="CLA721" s="613"/>
      <c r="CLB721" s="613"/>
      <c r="CLC721" s="613"/>
      <c r="CLD721" s="613"/>
      <c r="CLE721" s="613"/>
      <c r="CLF721" s="613"/>
      <c r="CLG721" s="613"/>
      <c r="CLH721" s="613"/>
      <c r="CLI721" s="613"/>
      <c r="CLJ721" s="613"/>
      <c r="CLK721" s="613"/>
      <c r="CLL721" s="613"/>
      <c r="CLM721" s="613"/>
      <c r="CLN721" s="613"/>
      <c r="CLO721" s="613"/>
      <c r="CLP721" s="613"/>
      <c r="CLQ721" s="613"/>
      <c r="CLR721" s="613"/>
      <c r="CLS721" s="613"/>
      <c r="CLT721" s="613"/>
      <c r="CLU721" s="613"/>
      <c r="CLV721" s="613"/>
      <c r="CLW721" s="613"/>
      <c r="CLX721" s="613"/>
      <c r="CLY721" s="613"/>
      <c r="CLZ721" s="613"/>
      <c r="CMA721" s="613"/>
      <c r="CMB721" s="613"/>
      <c r="CMC721" s="613"/>
      <c r="CMD721" s="613"/>
      <c r="CME721" s="613"/>
      <c r="CMF721" s="613"/>
      <c r="CMG721" s="613"/>
      <c r="CMH721" s="613"/>
      <c r="CMI721" s="613"/>
      <c r="CMJ721" s="613"/>
      <c r="CMK721" s="613"/>
      <c r="CML721" s="613"/>
      <c r="CMM721" s="613"/>
      <c r="CMN721" s="613"/>
      <c r="CMO721" s="613"/>
      <c r="CMP721" s="613"/>
      <c r="CMQ721" s="613"/>
      <c r="CMR721" s="613"/>
      <c r="CMS721" s="613"/>
      <c r="CMT721" s="613"/>
      <c r="CMU721" s="613"/>
      <c r="CMV721" s="613"/>
      <c r="CMW721" s="613"/>
      <c r="CMX721" s="613"/>
      <c r="CMY721" s="613"/>
      <c r="CMZ721" s="613"/>
      <c r="CNA721" s="613"/>
      <c r="CNB721" s="613"/>
      <c r="CNC721" s="613"/>
      <c r="CND721" s="613"/>
      <c r="CNE721" s="613"/>
      <c r="CNF721" s="613"/>
      <c r="CNG721" s="613"/>
      <c r="CNH721" s="613"/>
      <c r="CNI721" s="613"/>
      <c r="CNJ721" s="613"/>
      <c r="CNK721" s="613"/>
      <c r="CNL721" s="613"/>
      <c r="CNM721" s="613"/>
      <c r="CNN721" s="613"/>
      <c r="CNO721" s="613"/>
      <c r="CNP721" s="613"/>
      <c r="CNQ721" s="613"/>
      <c r="CNR721" s="613"/>
      <c r="CNS721" s="613"/>
      <c r="CNT721" s="613"/>
      <c r="CNU721" s="613"/>
      <c r="CNV721" s="613"/>
      <c r="CNW721" s="613"/>
      <c r="CNX721" s="613"/>
      <c r="CNY721" s="613"/>
      <c r="CNZ721" s="613"/>
      <c r="COA721" s="613"/>
      <c r="COB721" s="613"/>
      <c r="COC721" s="613"/>
      <c r="COD721" s="613"/>
      <c r="COE721" s="613"/>
      <c r="COF721" s="613"/>
      <c r="COG721" s="613"/>
      <c r="COH721" s="613"/>
      <c r="COI721" s="613"/>
      <c r="COJ721" s="613"/>
      <c r="COK721" s="613"/>
      <c r="COL721" s="613"/>
      <c r="COM721" s="613"/>
      <c r="CON721" s="613"/>
      <c r="COO721" s="613"/>
      <c r="COP721" s="613"/>
      <c r="COQ721" s="613"/>
      <c r="COR721" s="613"/>
      <c r="COS721" s="613"/>
      <c r="COT721" s="613"/>
      <c r="COU721" s="613"/>
      <c r="COV721" s="613"/>
      <c r="COW721" s="613"/>
      <c r="COX721" s="613"/>
      <c r="COY721" s="613"/>
      <c r="COZ721" s="613"/>
      <c r="CPA721" s="613"/>
      <c r="CPB721" s="613"/>
      <c r="CPC721" s="613"/>
      <c r="CPD721" s="613"/>
      <c r="CPE721" s="613"/>
      <c r="CPF721" s="613"/>
      <c r="CPG721" s="613"/>
      <c r="CPH721" s="613"/>
      <c r="CPI721" s="613"/>
      <c r="CPJ721" s="613"/>
      <c r="CPK721" s="613"/>
      <c r="CPL721" s="613"/>
      <c r="CPM721" s="613"/>
      <c r="CPN721" s="613"/>
      <c r="CPO721" s="613"/>
      <c r="CPP721" s="613"/>
      <c r="CPQ721" s="613"/>
      <c r="CPR721" s="613"/>
      <c r="CPS721" s="613"/>
      <c r="CPT721" s="613"/>
      <c r="CPU721" s="613"/>
      <c r="CPV721" s="613"/>
      <c r="CPW721" s="613"/>
      <c r="CPX721" s="613"/>
      <c r="CPY721" s="613"/>
      <c r="CPZ721" s="613"/>
      <c r="CQA721" s="613"/>
      <c r="CQB721" s="613"/>
      <c r="CQC721" s="613"/>
      <c r="CQD721" s="613"/>
      <c r="CQE721" s="613"/>
      <c r="CQF721" s="613"/>
      <c r="CQG721" s="613"/>
      <c r="CQH721" s="613"/>
      <c r="CQI721" s="613"/>
      <c r="CQJ721" s="613"/>
      <c r="CQK721" s="613"/>
      <c r="CQL721" s="613"/>
      <c r="CQM721" s="613"/>
      <c r="CQN721" s="613"/>
      <c r="CQO721" s="613"/>
      <c r="CQP721" s="613"/>
      <c r="CQQ721" s="613"/>
      <c r="CQR721" s="613"/>
      <c r="CQS721" s="613"/>
      <c r="CQT721" s="613"/>
      <c r="CQU721" s="613"/>
      <c r="CQV721" s="613"/>
      <c r="CQW721" s="613"/>
      <c r="CQX721" s="613"/>
      <c r="CQY721" s="613"/>
      <c r="CQZ721" s="613"/>
      <c r="CRA721" s="613"/>
      <c r="CRB721" s="613"/>
      <c r="CRC721" s="613"/>
      <c r="CRD721" s="613"/>
      <c r="CRE721" s="613"/>
      <c r="CRF721" s="613"/>
      <c r="CRG721" s="613"/>
      <c r="CRH721" s="613"/>
      <c r="CRI721" s="613"/>
      <c r="CRJ721" s="613"/>
      <c r="CRK721" s="613"/>
      <c r="CRL721" s="613"/>
      <c r="CRM721" s="613"/>
      <c r="CRN721" s="613"/>
      <c r="CRO721" s="613"/>
      <c r="CRP721" s="613"/>
      <c r="CRQ721" s="613"/>
      <c r="CRR721" s="613"/>
      <c r="CRS721" s="613"/>
      <c r="CRT721" s="613"/>
      <c r="CRU721" s="613"/>
      <c r="CRV721" s="613"/>
      <c r="CRW721" s="613"/>
      <c r="CRX721" s="613"/>
      <c r="CRY721" s="613"/>
      <c r="CRZ721" s="613"/>
      <c r="CSA721" s="613"/>
      <c r="CSB721" s="613"/>
      <c r="CSC721" s="613"/>
      <c r="CSD721" s="613"/>
      <c r="CSE721" s="613"/>
      <c r="CSF721" s="613"/>
      <c r="CSG721" s="613"/>
      <c r="CSH721" s="613"/>
      <c r="CSI721" s="613"/>
      <c r="CSJ721" s="613"/>
      <c r="CSK721" s="613"/>
      <c r="CSL721" s="613"/>
      <c r="CSM721" s="613"/>
      <c r="CSN721" s="613"/>
      <c r="CSO721" s="613"/>
      <c r="CSP721" s="613"/>
      <c r="CSQ721" s="613"/>
      <c r="CSR721" s="613"/>
      <c r="CSS721" s="613"/>
      <c r="CST721" s="613"/>
      <c r="CSU721" s="613"/>
      <c r="CSV721" s="613"/>
      <c r="CSW721" s="613"/>
      <c r="CSX721" s="613"/>
      <c r="CSY721" s="613"/>
      <c r="CSZ721" s="613"/>
      <c r="CTA721" s="613"/>
      <c r="CTB721" s="613"/>
      <c r="CTC721" s="613"/>
      <c r="CTD721" s="613"/>
      <c r="CTE721" s="613"/>
      <c r="CTF721" s="613"/>
      <c r="CTG721" s="613"/>
      <c r="CTH721" s="613"/>
      <c r="CTI721" s="613"/>
      <c r="CTJ721" s="613"/>
      <c r="CTK721" s="613"/>
      <c r="CTL721" s="613"/>
      <c r="CTM721" s="613"/>
      <c r="CTN721" s="613"/>
      <c r="CTO721" s="613"/>
      <c r="CTP721" s="613"/>
      <c r="CTQ721" s="613"/>
      <c r="CTR721" s="613"/>
      <c r="CTS721" s="613"/>
      <c r="CTT721" s="613"/>
      <c r="CTU721" s="613"/>
      <c r="CTV721" s="613"/>
      <c r="CTW721" s="613"/>
      <c r="CTX721" s="613"/>
      <c r="CTY721" s="613"/>
      <c r="CTZ721" s="613"/>
      <c r="CUA721" s="613"/>
      <c r="CUB721" s="613"/>
      <c r="CUC721" s="613"/>
      <c r="CUD721" s="613"/>
      <c r="CUE721" s="613"/>
      <c r="CUF721" s="613"/>
      <c r="CUG721" s="613"/>
      <c r="CUH721" s="613"/>
      <c r="CUI721" s="613"/>
      <c r="CUJ721" s="613"/>
      <c r="CUK721" s="613"/>
      <c r="CUL721" s="613"/>
      <c r="CUM721" s="613"/>
      <c r="CUN721" s="613"/>
      <c r="CUO721" s="613"/>
      <c r="CUP721" s="613"/>
      <c r="CUQ721" s="613"/>
      <c r="CUR721" s="613"/>
      <c r="CUS721" s="613"/>
      <c r="CUT721" s="613"/>
      <c r="CUU721" s="613"/>
      <c r="CUV721" s="613"/>
      <c r="CUW721" s="613"/>
      <c r="CUX721" s="613"/>
      <c r="CUY721" s="613"/>
      <c r="CUZ721" s="613"/>
      <c r="CVA721" s="613"/>
      <c r="CVB721" s="613"/>
      <c r="CVC721" s="613"/>
      <c r="CVD721" s="613"/>
      <c r="CVE721" s="613"/>
      <c r="CVF721" s="613"/>
      <c r="CVG721" s="613"/>
      <c r="CVH721" s="613"/>
      <c r="CVI721" s="613"/>
      <c r="CVJ721" s="613"/>
      <c r="CVK721" s="613"/>
      <c r="CVL721" s="613"/>
      <c r="CVM721" s="613"/>
      <c r="CVN721" s="613"/>
      <c r="CVO721" s="613"/>
      <c r="CVP721" s="613"/>
      <c r="CVQ721" s="613"/>
      <c r="CVR721" s="613"/>
      <c r="CVS721" s="613"/>
      <c r="CVT721" s="613"/>
      <c r="CVU721" s="613"/>
      <c r="CVV721" s="613"/>
      <c r="CVW721" s="613"/>
      <c r="CVX721" s="613"/>
      <c r="CVY721" s="613"/>
      <c r="CVZ721" s="613"/>
      <c r="CWA721" s="613"/>
      <c r="CWB721" s="613"/>
      <c r="CWC721" s="613"/>
      <c r="CWD721" s="613"/>
      <c r="CWE721" s="613"/>
      <c r="CWF721" s="613"/>
      <c r="CWG721" s="613"/>
      <c r="CWH721" s="613"/>
      <c r="CWI721" s="613"/>
      <c r="CWJ721" s="613"/>
      <c r="CWK721" s="613"/>
      <c r="CWL721" s="613"/>
      <c r="CWM721" s="613"/>
      <c r="CWN721" s="613"/>
      <c r="CWO721" s="613"/>
      <c r="CWP721" s="613"/>
      <c r="CWQ721" s="613"/>
      <c r="CWR721" s="613"/>
      <c r="CWS721" s="613"/>
      <c r="CWT721" s="613"/>
      <c r="CWU721" s="613"/>
      <c r="CWV721" s="613"/>
      <c r="CWW721" s="613"/>
      <c r="CWX721" s="613"/>
      <c r="CWY721" s="613"/>
      <c r="CWZ721" s="613"/>
      <c r="CXA721" s="613"/>
      <c r="CXB721" s="613"/>
      <c r="CXC721" s="613"/>
      <c r="CXD721" s="613"/>
      <c r="CXE721" s="613"/>
      <c r="CXF721" s="613"/>
      <c r="CXG721" s="613"/>
      <c r="CXH721" s="613"/>
      <c r="CXI721" s="613"/>
      <c r="CXJ721" s="613"/>
      <c r="CXK721" s="613"/>
      <c r="CXL721" s="613"/>
      <c r="CXM721" s="613"/>
      <c r="CXN721" s="613"/>
      <c r="CXO721" s="613"/>
      <c r="CXP721" s="613"/>
      <c r="CXQ721" s="613"/>
      <c r="CXR721" s="613"/>
      <c r="CXS721" s="613"/>
      <c r="CXT721" s="613"/>
      <c r="CXU721" s="613"/>
      <c r="CXV721" s="613"/>
      <c r="CXW721" s="613"/>
      <c r="CXX721" s="613"/>
      <c r="CXY721" s="613"/>
      <c r="CXZ721" s="613"/>
      <c r="CYA721" s="613"/>
      <c r="CYB721" s="613"/>
      <c r="CYC721" s="613"/>
      <c r="CYD721" s="613"/>
      <c r="CYE721" s="613"/>
      <c r="CYF721" s="613"/>
      <c r="CYG721" s="613"/>
      <c r="CYH721" s="613"/>
      <c r="CYI721" s="613"/>
      <c r="CYJ721" s="613"/>
      <c r="CYK721" s="613"/>
      <c r="CYL721" s="613"/>
      <c r="CYM721" s="613"/>
      <c r="CYN721" s="613"/>
      <c r="CYO721" s="613"/>
      <c r="CYP721" s="613"/>
      <c r="CYQ721" s="613"/>
      <c r="CYR721" s="613"/>
      <c r="CYS721" s="613"/>
      <c r="CYT721" s="613"/>
      <c r="CYU721" s="613"/>
      <c r="CYV721" s="613"/>
      <c r="CYW721" s="613"/>
      <c r="CYX721" s="613"/>
      <c r="CYY721" s="613"/>
      <c r="CYZ721" s="613"/>
      <c r="CZA721" s="613"/>
      <c r="CZB721" s="613"/>
      <c r="CZC721" s="613"/>
      <c r="CZD721" s="613"/>
      <c r="CZE721" s="613"/>
      <c r="CZF721" s="613"/>
      <c r="CZG721" s="613"/>
      <c r="CZH721" s="613"/>
      <c r="CZI721" s="613"/>
      <c r="CZJ721" s="613"/>
      <c r="CZK721" s="613"/>
      <c r="CZL721" s="613"/>
      <c r="CZM721" s="613"/>
      <c r="CZN721" s="613"/>
      <c r="CZO721" s="613"/>
      <c r="CZP721" s="613"/>
      <c r="CZQ721" s="613"/>
      <c r="CZR721" s="613"/>
      <c r="CZS721" s="613"/>
      <c r="CZT721" s="613"/>
      <c r="CZU721" s="613"/>
      <c r="CZV721" s="613"/>
      <c r="CZW721" s="613"/>
      <c r="CZX721" s="613"/>
      <c r="CZY721" s="613"/>
      <c r="CZZ721" s="613"/>
      <c r="DAA721" s="613"/>
      <c r="DAB721" s="613"/>
      <c r="DAC721" s="613"/>
      <c r="DAD721" s="613"/>
      <c r="DAE721" s="613"/>
      <c r="DAF721" s="613"/>
      <c r="DAG721" s="613"/>
      <c r="DAH721" s="613"/>
      <c r="DAI721" s="613"/>
      <c r="DAJ721" s="613"/>
      <c r="DAK721" s="613"/>
      <c r="DAL721" s="613"/>
      <c r="DAM721" s="613"/>
      <c r="DAN721" s="613"/>
      <c r="DAO721" s="613"/>
      <c r="DAP721" s="613"/>
      <c r="DAQ721" s="613"/>
      <c r="DAR721" s="613"/>
      <c r="DAS721" s="613"/>
      <c r="DAT721" s="613"/>
      <c r="DAU721" s="613"/>
      <c r="DAV721" s="613"/>
      <c r="DAW721" s="613"/>
      <c r="DAX721" s="613"/>
      <c r="DAY721" s="613"/>
      <c r="DAZ721" s="613"/>
      <c r="DBA721" s="613"/>
      <c r="DBB721" s="613"/>
      <c r="DBC721" s="613"/>
      <c r="DBD721" s="613"/>
      <c r="DBE721" s="613"/>
      <c r="DBF721" s="613"/>
      <c r="DBG721" s="613"/>
      <c r="DBH721" s="613"/>
      <c r="DBI721" s="613"/>
      <c r="DBJ721" s="613"/>
      <c r="DBK721" s="613"/>
      <c r="DBL721" s="613"/>
      <c r="DBM721" s="613"/>
      <c r="DBN721" s="613"/>
      <c r="DBO721" s="613"/>
      <c r="DBP721" s="613"/>
      <c r="DBQ721" s="613"/>
      <c r="DBR721" s="613"/>
      <c r="DBS721" s="613"/>
      <c r="DBT721" s="613"/>
      <c r="DBU721" s="613"/>
      <c r="DBV721" s="613"/>
      <c r="DBW721" s="613"/>
      <c r="DBX721" s="613"/>
      <c r="DBY721" s="613"/>
      <c r="DBZ721" s="613"/>
      <c r="DCA721" s="613"/>
      <c r="DCB721" s="613"/>
      <c r="DCC721" s="613"/>
      <c r="DCD721" s="613"/>
      <c r="DCE721" s="613"/>
      <c r="DCF721" s="613"/>
      <c r="DCG721" s="613"/>
      <c r="DCH721" s="613"/>
      <c r="DCI721" s="613"/>
      <c r="DCJ721" s="613"/>
      <c r="DCK721" s="613"/>
      <c r="DCL721" s="613"/>
      <c r="DCM721" s="613"/>
      <c r="DCN721" s="613"/>
      <c r="DCO721" s="613"/>
      <c r="DCP721" s="613"/>
      <c r="DCQ721" s="613"/>
      <c r="DCR721" s="613"/>
      <c r="DCS721" s="613"/>
      <c r="DCT721" s="613"/>
      <c r="DCU721" s="613"/>
      <c r="DCV721" s="613"/>
      <c r="DCW721" s="613"/>
      <c r="DCX721" s="613"/>
      <c r="DCY721" s="613"/>
      <c r="DCZ721" s="613"/>
      <c r="DDA721" s="613"/>
      <c r="DDB721" s="613"/>
      <c r="DDC721" s="613"/>
      <c r="DDD721" s="613"/>
      <c r="DDE721" s="613"/>
      <c r="DDF721" s="613"/>
      <c r="DDG721" s="613"/>
      <c r="DDH721" s="613"/>
      <c r="DDI721" s="613"/>
      <c r="DDJ721" s="613"/>
      <c r="DDK721" s="613"/>
      <c r="DDL721" s="613"/>
      <c r="DDM721" s="613"/>
      <c r="DDN721" s="613"/>
      <c r="DDO721" s="613"/>
      <c r="DDP721" s="613"/>
      <c r="DDQ721" s="613"/>
      <c r="DDR721" s="613"/>
      <c r="DDS721" s="613"/>
      <c r="DDT721" s="613"/>
      <c r="DDU721" s="613"/>
      <c r="DDV721" s="613"/>
      <c r="DDW721" s="613"/>
      <c r="DDX721" s="613"/>
      <c r="DDY721" s="613"/>
      <c r="DDZ721" s="613"/>
      <c r="DEA721" s="613"/>
      <c r="DEB721" s="613"/>
      <c r="DEC721" s="613"/>
      <c r="DED721" s="613"/>
      <c r="DEE721" s="613"/>
      <c r="DEF721" s="613"/>
      <c r="DEG721" s="613"/>
      <c r="DEH721" s="613"/>
      <c r="DEI721" s="613"/>
      <c r="DEJ721" s="613"/>
      <c r="DEK721" s="613"/>
      <c r="DEL721" s="613"/>
      <c r="DEM721" s="613"/>
      <c r="DEN721" s="613"/>
      <c r="DEO721" s="613"/>
      <c r="DEP721" s="613"/>
      <c r="DEQ721" s="613"/>
      <c r="DER721" s="613"/>
      <c r="DES721" s="613"/>
      <c r="DET721" s="613"/>
      <c r="DEU721" s="613"/>
      <c r="DEV721" s="613"/>
      <c r="DEW721" s="613"/>
      <c r="DEX721" s="613"/>
      <c r="DEY721" s="613"/>
      <c r="DEZ721" s="613"/>
      <c r="DFA721" s="613"/>
      <c r="DFB721" s="613"/>
      <c r="DFC721" s="613"/>
      <c r="DFD721" s="613"/>
      <c r="DFE721" s="613"/>
      <c r="DFF721" s="613"/>
      <c r="DFG721" s="613"/>
      <c r="DFH721" s="613"/>
      <c r="DFI721" s="613"/>
      <c r="DFJ721" s="613"/>
      <c r="DFK721" s="613"/>
      <c r="DFL721" s="613"/>
      <c r="DFM721" s="613"/>
      <c r="DFN721" s="613"/>
      <c r="DFO721" s="613"/>
      <c r="DFP721" s="613"/>
      <c r="DFQ721" s="613"/>
      <c r="DFR721" s="613"/>
      <c r="DFS721" s="613"/>
      <c r="DFT721" s="613"/>
      <c r="DFU721" s="613"/>
      <c r="DFV721" s="613"/>
      <c r="DFW721" s="613"/>
      <c r="DFX721" s="613"/>
      <c r="DFY721" s="613"/>
      <c r="DFZ721" s="613"/>
      <c r="DGA721" s="613"/>
      <c r="DGB721" s="613"/>
      <c r="DGC721" s="613"/>
      <c r="DGD721" s="613"/>
      <c r="DGE721" s="613"/>
      <c r="DGF721" s="613"/>
      <c r="DGG721" s="613"/>
      <c r="DGH721" s="613"/>
      <c r="DGI721" s="613"/>
      <c r="DGJ721" s="613"/>
      <c r="DGK721" s="613"/>
      <c r="DGL721" s="613"/>
      <c r="DGM721" s="613"/>
      <c r="DGN721" s="613"/>
      <c r="DGO721" s="613"/>
      <c r="DGP721" s="613"/>
      <c r="DGQ721" s="613"/>
      <c r="DGR721" s="613"/>
      <c r="DGS721" s="613"/>
      <c r="DGT721" s="613"/>
      <c r="DGU721" s="613"/>
      <c r="DGV721" s="613"/>
      <c r="DGW721" s="613"/>
      <c r="DGX721" s="613"/>
      <c r="DGY721" s="613"/>
      <c r="DGZ721" s="613"/>
      <c r="DHA721" s="613"/>
      <c r="DHB721" s="613"/>
      <c r="DHC721" s="613"/>
      <c r="DHD721" s="613"/>
      <c r="DHE721" s="613"/>
      <c r="DHF721" s="613"/>
      <c r="DHG721" s="613"/>
      <c r="DHH721" s="613"/>
      <c r="DHI721" s="613"/>
      <c r="DHJ721" s="613"/>
      <c r="DHK721" s="613"/>
      <c r="DHL721" s="613"/>
      <c r="DHM721" s="613"/>
      <c r="DHN721" s="613"/>
      <c r="DHO721" s="613"/>
      <c r="DHP721" s="613"/>
      <c r="DHQ721" s="613"/>
      <c r="DHR721" s="613"/>
      <c r="DHS721" s="613"/>
      <c r="DHT721" s="613"/>
      <c r="DHU721" s="613"/>
      <c r="DHV721" s="613"/>
      <c r="DHW721" s="613"/>
      <c r="DHX721" s="613"/>
      <c r="DHY721" s="613"/>
      <c r="DHZ721" s="613"/>
      <c r="DIA721" s="613"/>
      <c r="DIB721" s="613"/>
      <c r="DIC721" s="613"/>
      <c r="DID721" s="613"/>
      <c r="DIE721" s="613"/>
      <c r="DIF721" s="613"/>
      <c r="DIG721" s="613"/>
      <c r="DIH721" s="613"/>
      <c r="DII721" s="613"/>
      <c r="DIJ721" s="613"/>
      <c r="DIK721" s="613"/>
      <c r="DIL721" s="613"/>
      <c r="DIM721" s="613"/>
      <c r="DIN721" s="613"/>
      <c r="DIO721" s="613"/>
      <c r="DIP721" s="613"/>
      <c r="DIQ721" s="613"/>
      <c r="DIR721" s="613"/>
      <c r="DIS721" s="613"/>
      <c r="DIT721" s="613"/>
      <c r="DIU721" s="613"/>
      <c r="DIV721" s="613"/>
      <c r="DIW721" s="613"/>
      <c r="DIX721" s="613"/>
      <c r="DIY721" s="613"/>
      <c r="DIZ721" s="613"/>
      <c r="DJA721" s="613"/>
      <c r="DJB721" s="613"/>
      <c r="DJC721" s="613"/>
      <c r="DJD721" s="613"/>
      <c r="DJE721" s="613"/>
      <c r="DJF721" s="613"/>
      <c r="DJG721" s="613"/>
      <c r="DJH721" s="613"/>
      <c r="DJI721" s="613"/>
      <c r="DJJ721" s="613"/>
      <c r="DJK721" s="613"/>
      <c r="DJL721" s="613"/>
      <c r="DJM721" s="613"/>
      <c r="DJN721" s="613"/>
      <c r="DJO721" s="613"/>
      <c r="DJP721" s="613"/>
      <c r="DJQ721" s="613"/>
      <c r="DJR721" s="613"/>
      <c r="DJS721" s="613"/>
      <c r="DJT721" s="613"/>
      <c r="DJU721" s="613"/>
      <c r="DJV721" s="613"/>
      <c r="DJW721" s="613"/>
      <c r="DJX721" s="613"/>
      <c r="DJY721" s="613"/>
      <c r="DJZ721" s="613"/>
      <c r="DKA721" s="613"/>
      <c r="DKB721" s="613"/>
      <c r="DKC721" s="613"/>
      <c r="DKD721" s="613"/>
      <c r="DKE721" s="613"/>
      <c r="DKF721" s="613"/>
      <c r="DKG721" s="613"/>
      <c r="DKH721" s="613"/>
      <c r="DKI721" s="613"/>
      <c r="DKJ721" s="613"/>
      <c r="DKK721" s="613"/>
      <c r="DKL721" s="613"/>
      <c r="DKM721" s="613"/>
      <c r="DKN721" s="613"/>
      <c r="DKO721" s="613"/>
      <c r="DKP721" s="613"/>
      <c r="DKQ721" s="613"/>
      <c r="DKR721" s="613"/>
      <c r="DKS721" s="613"/>
      <c r="DKT721" s="613"/>
      <c r="DKU721" s="613"/>
      <c r="DKV721" s="613"/>
      <c r="DKW721" s="613"/>
      <c r="DKX721" s="613"/>
      <c r="DKY721" s="613"/>
      <c r="DKZ721" s="613"/>
      <c r="DLA721" s="613"/>
      <c r="DLB721" s="613"/>
      <c r="DLC721" s="613"/>
      <c r="DLD721" s="613"/>
      <c r="DLE721" s="613"/>
      <c r="DLF721" s="613"/>
      <c r="DLG721" s="613"/>
      <c r="DLH721" s="613"/>
      <c r="DLI721" s="613"/>
      <c r="DLJ721" s="613"/>
      <c r="DLK721" s="613"/>
      <c r="DLL721" s="613"/>
      <c r="DLM721" s="613"/>
      <c r="DLN721" s="613"/>
      <c r="DLO721" s="613"/>
      <c r="DLP721" s="613"/>
      <c r="DLQ721" s="613"/>
      <c r="DLR721" s="613"/>
      <c r="DLS721" s="613"/>
      <c r="DLT721" s="613"/>
      <c r="DLU721" s="613"/>
      <c r="DLV721" s="613"/>
      <c r="DLW721" s="613"/>
      <c r="DLX721" s="613"/>
      <c r="DLY721" s="613"/>
      <c r="DLZ721" s="613"/>
      <c r="DMA721" s="613"/>
      <c r="DMB721" s="613"/>
      <c r="DMC721" s="613"/>
      <c r="DMD721" s="613"/>
      <c r="DME721" s="613"/>
      <c r="DMF721" s="613"/>
      <c r="DMG721" s="613"/>
      <c r="DMH721" s="613"/>
      <c r="DMI721" s="613"/>
      <c r="DMJ721" s="613"/>
      <c r="DMK721" s="613"/>
      <c r="DML721" s="613"/>
      <c r="DMM721" s="613"/>
      <c r="DMN721" s="613"/>
      <c r="DMO721" s="613"/>
      <c r="DMP721" s="613"/>
      <c r="DMQ721" s="613"/>
      <c r="DMR721" s="613"/>
      <c r="DMS721" s="613"/>
      <c r="DMT721" s="613"/>
      <c r="DMU721" s="613"/>
      <c r="DMV721" s="613"/>
      <c r="DMW721" s="613"/>
      <c r="DMX721" s="613"/>
      <c r="DMY721" s="613"/>
      <c r="DMZ721" s="613"/>
      <c r="DNA721" s="613"/>
      <c r="DNB721" s="613"/>
      <c r="DNC721" s="613"/>
      <c r="DND721" s="613"/>
      <c r="DNE721" s="613"/>
      <c r="DNF721" s="613"/>
      <c r="DNG721" s="613"/>
      <c r="DNH721" s="613"/>
      <c r="DNI721" s="613"/>
      <c r="DNJ721" s="613"/>
      <c r="DNK721" s="613"/>
      <c r="DNL721" s="613"/>
      <c r="DNM721" s="613"/>
      <c r="DNN721" s="613"/>
      <c r="DNO721" s="613"/>
      <c r="DNP721" s="613"/>
      <c r="DNQ721" s="613"/>
      <c r="DNR721" s="613"/>
      <c r="DNS721" s="613"/>
      <c r="DNT721" s="613"/>
      <c r="DNU721" s="613"/>
      <c r="DNV721" s="613"/>
      <c r="DNW721" s="613"/>
      <c r="DNX721" s="613"/>
      <c r="DNY721" s="613"/>
      <c r="DNZ721" s="613"/>
      <c r="DOA721" s="613"/>
      <c r="DOB721" s="613"/>
      <c r="DOC721" s="613"/>
      <c r="DOD721" s="613"/>
      <c r="DOE721" s="613"/>
      <c r="DOF721" s="613"/>
      <c r="DOG721" s="613"/>
      <c r="DOH721" s="613"/>
      <c r="DOI721" s="613"/>
      <c r="DOJ721" s="613"/>
      <c r="DOK721" s="613"/>
      <c r="DOL721" s="613"/>
      <c r="DOM721" s="613"/>
      <c r="DON721" s="613"/>
      <c r="DOO721" s="613"/>
      <c r="DOP721" s="613"/>
      <c r="DOQ721" s="613"/>
      <c r="DOR721" s="613"/>
      <c r="DOS721" s="613"/>
      <c r="DOT721" s="613"/>
      <c r="DOU721" s="613"/>
      <c r="DOV721" s="613"/>
      <c r="DOW721" s="613"/>
      <c r="DOX721" s="613"/>
      <c r="DOY721" s="613"/>
      <c r="DOZ721" s="613"/>
      <c r="DPA721" s="613"/>
      <c r="DPB721" s="613"/>
      <c r="DPC721" s="613"/>
      <c r="DPD721" s="613"/>
      <c r="DPE721" s="613"/>
      <c r="DPF721" s="613"/>
      <c r="DPG721" s="613"/>
      <c r="DPH721" s="613"/>
      <c r="DPI721" s="613"/>
      <c r="DPJ721" s="613"/>
      <c r="DPK721" s="613"/>
      <c r="DPL721" s="613"/>
      <c r="DPM721" s="613"/>
      <c r="DPN721" s="613"/>
      <c r="DPO721" s="613"/>
      <c r="DPP721" s="613"/>
      <c r="DPQ721" s="613"/>
      <c r="DPR721" s="613"/>
      <c r="DPS721" s="613"/>
      <c r="DPT721" s="613"/>
      <c r="DPU721" s="613"/>
      <c r="DPV721" s="613"/>
      <c r="DPW721" s="613"/>
      <c r="DPX721" s="613"/>
      <c r="DPY721" s="613"/>
      <c r="DPZ721" s="613"/>
      <c r="DQA721" s="613"/>
      <c r="DQB721" s="613"/>
      <c r="DQC721" s="613"/>
      <c r="DQD721" s="613"/>
      <c r="DQE721" s="613"/>
      <c r="DQF721" s="613"/>
      <c r="DQG721" s="613"/>
      <c r="DQH721" s="613"/>
      <c r="DQI721" s="613"/>
      <c r="DQJ721" s="613"/>
      <c r="DQK721" s="613"/>
      <c r="DQL721" s="613"/>
      <c r="DQM721" s="613"/>
      <c r="DQN721" s="613"/>
      <c r="DQO721" s="613"/>
      <c r="DQP721" s="613"/>
      <c r="DQQ721" s="613"/>
      <c r="DQR721" s="613"/>
      <c r="DQS721" s="613"/>
      <c r="DQT721" s="613"/>
      <c r="DQU721" s="613"/>
      <c r="DQV721" s="613"/>
      <c r="DQW721" s="613"/>
      <c r="DQX721" s="613"/>
      <c r="DQY721" s="613"/>
      <c r="DQZ721" s="613"/>
      <c r="DRA721" s="613"/>
      <c r="DRB721" s="613"/>
      <c r="DRC721" s="613"/>
      <c r="DRD721" s="613"/>
      <c r="DRE721" s="613"/>
      <c r="DRF721" s="613"/>
      <c r="DRG721" s="613"/>
      <c r="DRH721" s="613"/>
      <c r="DRI721" s="613"/>
      <c r="DRJ721" s="613"/>
      <c r="DRK721" s="613"/>
      <c r="DRL721" s="613"/>
      <c r="DRM721" s="613"/>
      <c r="DRN721" s="613"/>
      <c r="DRO721" s="613"/>
      <c r="DRP721" s="613"/>
      <c r="DRQ721" s="613"/>
      <c r="DRR721" s="613"/>
      <c r="DRS721" s="613"/>
      <c r="DRT721" s="613"/>
      <c r="DRU721" s="613"/>
      <c r="DRV721" s="613"/>
      <c r="DRW721" s="613"/>
      <c r="DRX721" s="613"/>
      <c r="DRY721" s="613"/>
      <c r="DRZ721" s="613"/>
      <c r="DSA721" s="613"/>
      <c r="DSB721" s="613"/>
      <c r="DSC721" s="613"/>
      <c r="DSD721" s="613"/>
      <c r="DSE721" s="613"/>
      <c r="DSF721" s="613"/>
      <c r="DSG721" s="613"/>
      <c r="DSH721" s="613"/>
      <c r="DSI721" s="613"/>
      <c r="DSJ721" s="613"/>
      <c r="DSK721" s="613"/>
      <c r="DSL721" s="613"/>
      <c r="DSM721" s="613"/>
      <c r="DSN721" s="613"/>
      <c r="DSO721" s="613"/>
      <c r="DSP721" s="613"/>
      <c r="DSQ721" s="613"/>
      <c r="DSR721" s="613"/>
      <c r="DSS721" s="613"/>
      <c r="DST721" s="613"/>
      <c r="DSU721" s="613"/>
      <c r="DSV721" s="613"/>
      <c r="DSW721" s="613"/>
      <c r="DSX721" s="613"/>
      <c r="DSY721" s="613"/>
      <c r="DSZ721" s="613"/>
      <c r="DTA721" s="613"/>
      <c r="DTB721" s="613"/>
      <c r="DTC721" s="613"/>
      <c r="DTD721" s="613"/>
      <c r="DTE721" s="613"/>
      <c r="DTF721" s="613"/>
      <c r="DTG721" s="613"/>
      <c r="DTH721" s="613"/>
      <c r="DTI721" s="613"/>
      <c r="DTJ721" s="613"/>
      <c r="DTK721" s="613"/>
      <c r="DTL721" s="613"/>
      <c r="DTM721" s="613"/>
      <c r="DTN721" s="613"/>
      <c r="DTO721" s="613"/>
      <c r="DTP721" s="613"/>
      <c r="DTQ721" s="613"/>
      <c r="DTR721" s="613"/>
      <c r="DTS721" s="613"/>
      <c r="DTT721" s="613"/>
      <c r="DTU721" s="613"/>
      <c r="DTV721" s="613"/>
      <c r="DTW721" s="613"/>
      <c r="DTX721" s="613"/>
      <c r="DTY721" s="613"/>
      <c r="DTZ721" s="613"/>
      <c r="DUA721" s="613"/>
      <c r="DUB721" s="613"/>
      <c r="DUC721" s="613"/>
      <c r="DUD721" s="613"/>
      <c r="DUE721" s="613"/>
      <c r="DUF721" s="613"/>
      <c r="DUG721" s="613"/>
      <c r="DUH721" s="613"/>
      <c r="DUI721" s="613"/>
      <c r="DUJ721" s="613"/>
      <c r="DUK721" s="613"/>
      <c r="DUL721" s="613"/>
      <c r="DUM721" s="613"/>
      <c r="DUN721" s="613"/>
      <c r="DUO721" s="613"/>
      <c r="DUP721" s="613"/>
      <c r="DUQ721" s="613"/>
      <c r="DUR721" s="613"/>
      <c r="DUS721" s="613"/>
      <c r="DUT721" s="613"/>
      <c r="DUU721" s="613"/>
      <c r="DUV721" s="613"/>
      <c r="DUW721" s="613"/>
      <c r="DUX721" s="613"/>
      <c r="DUY721" s="613"/>
      <c r="DUZ721" s="613"/>
      <c r="DVA721" s="613"/>
      <c r="DVB721" s="613"/>
      <c r="DVC721" s="613"/>
      <c r="DVD721" s="613"/>
      <c r="DVE721" s="613"/>
      <c r="DVF721" s="613"/>
      <c r="DVG721" s="613"/>
      <c r="DVH721" s="613"/>
      <c r="DVI721" s="613"/>
      <c r="DVJ721" s="613"/>
      <c r="DVK721" s="613"/>
      <c r="DVL721" s="613"/>
      <c r="DVM721" s="613"/>
      <c r="DVN721" s="613"/>
      <c r="DVO721" s="613"/>
      <c r="DVP721" s="613"/>
      <c r="DVQ721" s="613"/>
      <c r="DVR721" s="613"/>
      <c r="DVS721" s="613"/>
      <c r="DVT721" s="613"/>
      <c r="DVU721" s="613"/>
      <c r="DVV721" s="613"/>
      <c r="DVW721" s="613"/>
      <c r="DVX721" s="613"/>
      <c r="DVY721" s="613"/>
      <c r="DVZ721" s="613"/>
      <c r="DWA721" s="613"/>
      <c r="DWB721" s="613"/>
      <c r="DWC721" s="613"/>
      <c r="DWD721" s="613"/>
      <c r="DWE721" s="613"/>
      <c r="DWF721" s="613"/>
      <c r="DWG721" s="613"/>
      <c r="DWH721" s="613"/>
      <c r="DWI721" s="613"/>
      <c r="DWJ721" s="613"/>
      <c r="DWK721" s="613"/>
      <c r="DWL721" s="613"/>
      <c r="DWM721" s="613"/>
      <c r="DWN721" s="613"/>
      <c r="DWO721" s="613"/>
      <c r="DWP721" s="613"/>
      <c r="DWQ721" s="613"/>
      <c r="DWR721" s="613"/>
      <c r="DWS721" s="613"/>
      <c r="DWT721" s="613"/>
      <c r="DWU721" s="613"/>
      <c r="DWV721" s="613"/>
      <c r="DWW721" s="613"/>
      <c r="DWX721" s="613"/>
      <c r="DWY721" s="613"/>
      <c r="DWZ721" s="613"/>
      <c r="DXA721" s="613"/>
      <c r="DXB721" s="613"/>
      <c r="DXC721" s="613"/>
      <c r="DXD721" s="613"/>
      <c r="DXE721" s="613"/>
      <c r="DXF721" s="613"/>
      <c r="DXG721" s="613"/>
      <c r="DXH721" s="613"/>
      <c r="DXI721" s="613"/>
      <c r="DXJ721" s="613"/>
      <c r="DXK721" s="613"/>
      <c r="DXL721" s="613"/>
      <c r="DXM721" s="613"/>
      <c r="DXN721" s="613"/>
      <c r="DXO721" s="613"/>
      <c r="DXP721" s="613"/>
      <c r="DXQ721" s="613"/>
      <c r="DXR721" s="613"/>
      <c r="DXS721" s="613"/>
      <c r="DXT721" s="613"/>
      <c r="DXU721" s="613"/>
      <c r="DXV721" s="613"/>
      <c r="DXW721" s="613"/>
      <c r="DXX721" s="613"/>
      <c r="DXY721" s="613"/>
      <c r="DXZ721" s="613"/>
      <c r="DYA721" s="613"/>
      <c r="DYB721" s="613"/>
      <c r="DYC721" s="613"/>
      <c r="DYD721" s="613"/>
      <c r="DYE721" s="613"/>
      <c r="DYF721" s="613"/>
      <c r="DYG721" s="613"/>
      <c r="DYH721" s="613"/>
      <c r="DYI721" s="613"/>
      <c r="DYJ721" s="613"/>
      <c r="DYK721" s="613"/>
      <c r="DYL721" s="613"/>
      <c r="DYM721" s="613"/>
      <c r="DYN721" s="613"/>
      <c r="DYO721" s="613"/>
      <c r="DYP721" s="613"/>
      <c r="DYQ721" s="613"/>
      <c r="DYR721" s="613"/>
      <c r="DYS721" s="613"/>
      <c r="DYT721" s="613"/>
      <c r="DYU721" s="613"/>
      <c r="DYV721" s="613"/>
      <c r="DYW721" s="613"/>
      <c r="DYX721" s="613"/>
      <c r="DYY721" s="613"/>
      <c r="DYZ721" s="613"/>
      <c r="DZA721" s="613"/>
      <c r="DZB721" s="613"/>
      <c r="DZC721" s="613"/>
      <c r="DZD721" s="613"/>
      <c r="DZE721" s="613"/>
      <c r="DZF721" s="613"/>
      <c r="DZG721" s="613"/>
      <c r="DZH721" s="613"/>
      <c r="DZI721" s="613"/>
      <c r="DZJ721" s="613"/>
      <c r="DZK721" s="613"/>
      <c r="DZL721" s="613"/>
      <c r="DZM721" s="613"/>
      <c r="DZN721" s="613"/>
      <c r="DZO721" s="613"/>
      <c r="DZP721" s="613"/>
      <c r="DZQ721" s="613"/>
      <c r="DZR721" s="613"/>
      <c r="DZS721" s="613"/>
      <c r="DZT721" s="613"/>
      <c r="DZU721" s="613"/>
      <c r="DZV721" s="613"/>
      <c r="DZW721" s="613"/>
      <c r="DZX721" s="613"/>
      <c r="DZY721" s="613"/>
      <c r="DZZ721" s="613"/>
      <c r="EAA721" s="613"/>
      <c r="EAB721" s="613"/>
      <c r="EAC721" s="613"/>
      <c r="EAD721" s="613"/>
      <c r="EAE721" s="613"/>
      <c r="EAF721" s="613"/>
      <c r="EAG721" s="613"/>
      <c r="EAH721" s="613"/>
      <c r="EAI721" s="613"/>
      <c r="EAJ721" s="613"/>
      <c r="EAK721" s="613"/>
      <c r="EAL721" s="613"/>
      <c r="EAM721" s="613"/>
      <c r="EAN721" s="613"/>
      <c r="EAO721" s="613"/>
      <c r="EAP721" s="613"/>
      <c r="EAQ721" s="613"/>
      <c r="EAR721" s="613"/>
      <c r="EAS721" s="613"/>
      <c r="EAT721" s="613"/>
      <c r="EAU721" s="613"/>
      <c r="EAV721" s="613"/>
      <c r="EAW721" s="613"/>
      <c r="EAX721" s="613"/>
      <c r="EAY721" s="613"/>
      <c r="EAZ721" s="613"/>
      <c r="EBA721" s="613"/>
      <c r="EBB721" s="613"/>
      <c r="EBC721" s="613"/>
      <c r="EBD721" s="613"/>
      <c r="EBE721" s="613"/>
      <c r="EBF721" s="613"/>
      <c r="EBG721" s="613"/>
      <c r="EBH721" s="613"/>
      <c r="EBI721" s="613"/>
      <c r="EBJ721" s="613"/>
      <c r="EBK721" s="613"/>
      <c r="EBL721" s="613"/>
      <c r="EBM721" s="613"/>
      <c r="EBN721" s="613"/>
      <c r="EBO721" s="613"/>
      <c r="EBP721" s="613"/>
      <c r="EBQ721" s="613"/>
      <c r="EBR721" s="613"/>
      <c r="EBS721" s="613"/>
      <c r="EBT721" s="613"/>
      <c r="EBU721" s="613"/>
      <c r="EBV721" s="613"/>
      <c r="EBW721" s="613"/>
      <c r="EBX721" s="613"/>
      <c r="EBY721" s="613"/>
      <c r="EBZ721" s="613"/>
      <c r="ECA721" s="613"/>
      <c r="ECB721" s="613"/>
      <c r="ECC721" s="613"/>
      <c r="ECD721" s="613"/>
      <c r="ECE721" s="613"/>
      <c r="ECF721" s="613"/>
      <c r="ECG721" s="613"/>
      <c r="ECH721" s="613"/>
      <c r="ECI721" s="613"/>
      <c r="ECJ721" s="613"/>
      <c r="ECK721" s="613"/>
      <c r="ECL721" s="613"/>
      <c r="ECM721" s="613"/>
      <c r="ECN721" s="613"/>
      <c r="ECO721" s="613"/>
      <c r="ECP721" s="613"/>
      <c r="ECQ721" s="613"/>
      <c r="ECR721" s="613"/>
      <c r="ECS721" s="613"/>
      <c r="ECT721" s="613"/>
      <c r="ECU721" s="613"/>
      <c r="ECV721" s="613"/>
      <c r="ECW721" s="613"/>
      <c r="ECX721" s="613"/>
      <c r="ECY721" s="613"/>
      <c r="ECZ721" s="613"/>
      <c r="EDA721" s="613"/>
      <c r="EDB721" s="613"/>
      <c r="EDC721" s="613"/>
      <c r="EDD721" s="613"/>
      <c r="EDE721" s="613"/>
      <c r="EDF721" s="613"/>
      <c r="EDG721" s="613"/>
      <c r="EDH721" s="613"/>
      <c r="EDI721" s="613"/>
      <c r="EDJ721" s="613"/>
      <c r="EDK721" s="613"/>
      <c r="EDL721" s="613"/>
      <c r="EDM721" s="613"/>
      <c r="EDN721" s="613"/>
      <c r="EDO721" s="613"/>
      <c r="EDP721" s="613"/>
      <c r="EDQ721" s="613"/>
      <c r="EDR721" s="613"/>
      <c r="EDS721" s="613"/>
      <c r="EDT721" s="613"/>
      <c r="EDU721" s="613"/>
      <c r="EDV721" s="613"/>
      <c r="EDW721" s="613"/>
      <c r="EDX721" s="613"/>
      <c r="EDY721" s="613"/>
      <c r="EDZ721" s="613"/>
      <c r="EEA721" s="613"/>
      <c r="EEB721" s="613"/>
      <c r="EEC721" s="613"/>
      <c r="EED721" s="613"/>
      <c r="EEE721" s="613"/>
      <c r="EEF721" s="613"/>
      <c r="EEG721" s="613"/>
      <c r="EEH721" s="613"/>
      <c r="EEI721" s="613"/>
      <c r="EEJ721" s="613"/>
      <c r="EEK721" s="613"/>
      <c r="EEL721" s="613"/>
      <c r="EEM721" s="613"/>
      <c r="EEN721" s="613"/>
      <c r="EEO721" s="613"/>
      <c r="EEP721" s="613"/>
      <c r="EEQ721" s="613"/>
      <c r="EER721" s="613"/>
      <c r="EES721" s="613"/>
      <c r="EET721" s="613"/>
      <c r="EEU721" s="613"/>
      <c r="EEV721" s="613"/>
      <c r="EEW721" s="613"/>
      <c r="EEX721" s="613"/>
      <c r="EEY721" s="613"/>
      <c r="EEZ721" s="613"/>
      <c r="EFA721" s="613"/>
      <c r="EFB721" s="613"/>
      <c r="EFC721" s="613"/>
      <c r="EFD721" s="613"/>
      <c r="EFE721" s="613"/>
      <c r="EFF721" s="613"/>
      <c r="EFG721" s="613"/>
      <c r="EFH721" s="613"/>
      <c r="EFI721" s="613"/>
      <c r="EFJ721" s="613"/>
      <c r="EFK721" s="613"/>
      <c r="EFL721" s="613"/>
      <c r="EFM721" s="613"/>
      <c r="EFN721" s="613"/>
      <c r="EFO721" s="613"/>
      <c r="EFP721" s="613"/>
      <c r="EFQ721" s="613"/>
      <c r="EFR721" s="613"/>
      <c r="EFS721" s="613"/>
      <c r="EFT721" s="613"/>
      <c r="EFU721" s="613"/>
      <c r="EFV721" s="613"/>
      <c r="EFW721" s="613"/>
      <c r="EFX721" s="613"/>
      <c r="EFY721" s="613"/>
      <c r="EFZ721" s="613"/>
      <c r="EGA721" s="613"/>
      <c r="EGB721" s="613"/>
      <c r="EGC721" s="613"/>
      <c r="EGD721" s="613"/>
      <c r="EGE721" s="613"/>
      <c r="EGF721" s="613"/>
      <c r="EGG721" s="613"/>
      <c r="EGH721" s="613"/>
      <c r="EGI721" s="613"/>
      <c r="EGJ721" s="613"/>
      <c r="EGK721" s="613"/>
      <c r="EGL721" s="613"/>
      <c r="EGM721" s="613"/>
      <c r="EGN721" s="613"/>
      <c r="EGO721" s="613"/>
      <c r="EGP721" s="613"/>
      <c r="EGQ721" s="613"/>
      <c r="EGR721" s="613"/>
      <c r="EGS721" s="613"/>
      <c r="EGT721" s="613"/>
      <c r="EGU721" s="613"/>
      <c r="EGV721" s="613"/>
      <c r="EGW721" s="613"/>
      <c r="EGX721" s="613"/>
      <c r="EGY721" s="613"/>
      <c r="EGZ721" s="613"/>
      <c r="EHA721" s="613"/>
      <c r="EHB721" s="613"/>
      <c r="EHC721" s="613"/>
      <c r="EHD721" s="613"/>
      <c r="EHE721" s="613"/>
      <c r="EHF721" s="613"/>
      <c r="EHG721" s="613"/>
      <c r="EHH721" s="613"/>
      <c r="EHI721" s="613"/>
      <c r="EHJ721" s="613"/>
      <c r="EHK721" s="613"/>
      <c r="EHL721" s="613"/>
      <c r="EHM721" s="613"/>
      <c r="EHN721" s="613"/>
      <c r="EHO721" s="613"/>
      <c r="EHP721" s="613"/>
      <c r="EHQ721" s="613"/>
      <c r="EHR721" s="613"/>
      <c r="EHS721" s="613"/>
      <c r="EHT721" s="613"/>
      <c r="EHU721" s="613"/>
      <c r="EHV721" s="613"/>
      <c r="EHW721" s="613"/>
      <c r="EHX721" s="613"/>
      <c r="EHY721" s="613"/>
      <c r="EHZ721" s="613"/>
      <c r="EIA721" s="613"/>
      <c r="EIB721" s="613"/>
      <c r="EIC721" s="613"/>
      <c r="EID721" s="613"/>
      <c r="EIE721" s="613"/>
      <c r="EIF721" s="613"/>
      <c r="EIG721" s="613"/>
      <c r="EIH721" s="613"/>
      <c r="EII721" s="613"/>
      <c r="EIJ721" s="613"/>
      <c r="EIK721" s="613"/>
      <c r="EIL721" s="613"/>
      <c r="EIM721" s="613"/>
      <c r="EIN721" s="613"/>
      <c r="EIO721" s="613"/>
      <c r="EIP721" s="613"/>
      <c r="EIQ721" s="613"/>
      <c r="EIR721" s="613"/>
      <c r="EIS721" s="613"/>
      <c r="EIT721" s="613"/>
      <c r="EIU721" s="613"/>
      <c r="EIV721" s="613"/>
      <c r="EIW721" s="613"/>
      <c r="EIX721" s="613"/>
      <c r="EIY721" s="613"/>
      <c r="EIZ721" s="613"/>
      <c r="EJA721" s="613"/>
      <c r="EJB721" s="613"/>
      <c r="EJC721" s="613"/>
      <c r="EJD721" s="613"/>
      <c r="EJE721" s="613"/>
      <c r="EJF721" s="613"/>
      <c r="EJG721" s="613"/>
      <c r="EJH721" s="613"/>
      <c r="EJI721" s="613"/>
      <c r="EJJ721" s="613"/>
      <c r="EJK721" s="613"/>
      <c r="EJL721" s="613"/>
      <c r="EJM721" s="613"/>
      <c r="EJN721" s="613"/>
      <c r="EJO721" s="613"/>
      <c r="EJP721" s="613"/>
      <c r="EJQ721" s="613"/>
      <c r="EJR721" s="613"/>
      <c r="EJS721" s="613"/>
      <c r="EJT721" s="613"/>
      <c r="EJU721" s="613"/>
      <c r="EJV721" s="613"/>
      <c r="EJW721" s="613"/>
      <c r="EJX721" s="613"/>
      <c r="EJY721" s="613"/>
      <c r="EJZ721" s="613"/>
      <c r="EKA721" s="613"/>
      <c r="EKB721" s="613"/>
      <c r="EKC721" s="613"/>
      <c r="EKD721" s="613"/>
      <c r="EKE721" s="613"/>
      <c r="EKF721" s="613"/>
      <c r="EKG721" s="613"/>
      <c r="EKH721" s="613"/>
      <c r="EKI721" s="613"/>
      <c r="EKJ721" s="613"/>
      <c r="EKK721" s="613"/>
      <c r="EKL721" s="613"/>
      <c r="EKM721" s="613"/>
      <c r="EKN721" s="613"/>
      <c r="EKO721" s="613"/>
      <c r="EKP721" s="613"/>
      <c r="EKQ721" s="613"/>
      <c r="EKR721" s="613"/>
      <c r="EKS721" s="613"/>
      <c r="EKT721" s="613"/>
      <c r="EKU721" s="613"/>
      <c r="EKV721" s="613"/>
      <c r="EKW721" s="613"/>
      <c r="EKX721" s="613"/>
      <c r="EKY721" s="613"/>
      <c r="EKZ721" s="613"/>
      <c r="ELA721" s="613"/>
      <c r="ELB721" s="613"/>
      <c r="ELC721" s="613"/>
      <c r="ELD721" s="613"/>
      <c r="ELE721" s="613"/>
      <c r="ELF721" s="613"/>
      <c r="ELG721" s="613"/>
      <c r="ELH721" s="613"/>
      <c r="ELI721" s="613"/>
      <c r="ELJ721" s="613"/>
      <c r="ELK721" s="613"/>
      <c r="ELL721" s="613"/>
      <c r="ELM721" s="613"/>
      <c r="ELN721" s="613"/>
      <c r="ELO721" s="613"/>
      <c r="ELP721" s="613"/>
      <c r="ELQ721" s="613"/>
      <c r="ELR721" s="613"/>
      <c r="ELS721" s="613"/>
      <c r="ELT721" s="613"/>
      <c r="ELU721" s="613"/>
      <c r="ELV721" s="613"/>
      <c r="ELW721" s="613"/>
      <c r="ELX721" s="613"/>
      <c r="ELY721" s="613"/>
      <c r="ELZ721" s="613"/>
      <c r="EMA721" s="613"/>
      <c r="EMB721" s="613"/>
      <c r="EMC721" s="613"/>
      <c r="EMD721" s="613"/>
      <c r="EME721" s="613"/>
      <c r="EMF721" s="613"/>
      <c r="EMG721" s="613"/>
      <c r="EMH721" s="613"/>
      <c r="EMI721" s="613"/>
      <c r="EMJ721" s="613"/>
      <c r="EMK721" s="613"/>
      <c r="EML721" s="613"/>
      <c r="EMM721" s="613"/>
      <c r="EMN721" s="613"/>
      <c r="EMO721" s="613"/>
      <c r="EMP721" s="613"/>
      <c r="EMQ721" s="613"/>
      <c r="EMR721" s="613"/>
      <c r="EMS721" s="613"/>
      <c r="EMT721" s="613"/>
      <c r="EMU721" s="613"/>
      <c r="EMV721" s="613"/>
      <c r="EMW721" s="613"/>
      <c r="EMX721" s="613"/>
      <c r="EMY721" s="613"/>
      <c r="EMZ721" s="613"/>
      <c r="ENA721" s="613"/>
      <c r="ENB721" s="613"/>
      <c r="ENC721" s="613"/>
      <c r="END721" s="613"/>
      <c r="ENE721" s="613"/>
      <c r="ENF721" s="613"/>
      <c r="ENG721" s="613"/>
      <c r="ENH721" s="613"/>
      <c r="ENI721" s="613"/>
      <c r="ENJ721" s="613"/>
      <c r="ENK721" s="613"/>
      <c r="ENL721" s="613"/>
      <c r="ENM721" s="613"/>
      <c r="ENN721" s="613"/>
      <c r="ENO721" s="613"/>
      <c r="ENP721" s="613"/>
      <c r="ENQ721" s="613"/>
      <c r="ENR721" s="613"/>
      <c r="ENS721" s="613"/>
      <c r="ENT721" s="613"/>
      <c r="ENU721" s="613"/>
      <c r="ENV721" s="613"/>
      <c r="ENW721" s="613"/>
      <c r="ENX721" s="613"/>
      <c r="ENY721" s="613"/>
      <c r="ENZ721" s="613"/>
      <c r="EOA721" s="613"/>
      <c r="EOB721" s="613"/>
      <c r="EOC721" s="613"/>
      <c r="EOD721" s="613"/>
      <c r="EOE721" s="613"/>
      <c r="EOF721" s="613"/>
      <c r="EOG721" s="613"/>
      <c r="EOH721" s="613"/>
      <c r="EOI721" s="613"/>
      <c r="EOJ721" s="613"/>
      <c r="EOK721" s="613"/>
      <c r="EOL721" s="613"/>
      <c r="EOM721" s="613"/>
      <c r="EON721" s="613"/>
      <c r="EOO721" s="613"/>
      <c r="EOP721" s="613"/>
      <c r="EOQ721" s="613"/>
      <c r="EOR721" s="613"/>
      <c r="EOS721" s="613"/>
      <c r="EOT721" s="613"/>
      <c r="EOU721" s="613"/>
      <c r="EOV721" s="613"/>
      <c r="EOW721" s="613"/>
      <c r="EOX721" s="613"/>
      <c r="EOY721" s="613"/>
      <c r="EOZ721" s="613"/>
      <c r="EPA721" s="613"/>
      <c r="EPB721" s="613"/>
      <c r="EPC721" s="613"/>
      <c r="EPD721" s="613"/>
      <c r="EPE721" s="613"/>
      <c r="EPF721" s="613"/>
      <c r="EPG721" s="613"/>
      <c r="EPH721" s="613"/>
      <c r="EPI721" s="613"/>
      <c r="EPJ721" s="613"/>
      <c r="EPK721" s="613"/>
      <c r="EPL721" s="613"/>
      <c r="EPM721" s="613"/>
      <c r="EPN721" s="613"/>
      <c r="EPO721" s="613"/>
      <c r="EPP721" s="613"/>
      <c r="EPQ721" s="613"/>
      <c r="EPR721" s="613"/>
      <c r="EPS721" s="613"/>
      <c r="EPT721" s="613"/>
      <c r="EPU721" s="613"/>
      <c r="EPV721" s="613"/>
      <c r="EPW721" s="613"/>
      <c r="EPX721" s="613"/>
      <c r="EPY721" s="613"/>
      <c r="EPZ721" s="613"/>
      <c r="EQA721" s="613"/>
      <c r="EQB721" s="613"/>
      <c r="EQC721" s="613"/>
      <c r="EQD721" s="613"/>
      <c r="EQE721" s="613"/>
      <c r="EQF721" s="613"/>
      <c r="EQG721" s="613"/>
      <c r="EQH721" s="613"/>
      <c r="EQI721" s="613"/>
      <c r="EQJ721" s="613"/>
      <c r="EQK721" s="613"/>
      <c r="EQL721" s="613"/>
      <c r="EQM721" s="613"/>
      <c r="EQN721" s="613"/>
      <c r="EQO721" s="613"/>
      <c r="EQP721" s="613"/>
      <c r="EQQ721" s="613"/>
      <c r="EQR721" s="613"/>
      <c r="EQS721" s="613"/>
      <c r="EQT721" s="613"/>
      <c r="EQU721" s="613"/>
      <c r="EQV721" s="613"/>
      <c r="EQW721" s="613"/>
      <c r="EQX721" s="613"/>
      <c r="EQY721" s="613"/>
      <c r="EQZ721" s="613"/>
      <c r="ERA721" s="613"/>
      <c r="ERB721" s="613"/>
      <c r="ERC721" s="613"/>
      <c r="ERD721" s="613"/>
      <c r="ERE721" s="613"/>
      <c r="ERF721" s="613"/>
      <c r="ERG721" s="613"/>
      <c r="ERH721" s="613"/>
      <c r="ERI721" s="613"/>
      <c r="ERJ721" s="613"/>
      <c r="ERK721" s="613"/>
      <c r="ERL721" s="613"/>
      <c r="ERM721" s="613"/>
      <c r="ERN721" s="613"/>
      <c r="ERO721" s="613"/>
      <c r="ERP721" s="613"/>
      <c r="ERQ721" s="613"/>
      <c r="ERR721" s="613"/>
      <c r="ERS721" s="613"/>
      <c r="ERT721" s="613"/>
      <c r="ERU721" s="613"/>
      <c r="ERV721" s="613"/>
      <c r="ERW721" s="613"/>
      <c r="ERX721" s="613"/>
      <c r="ERY721" s="613"/>
      <c r="ERZ721" s="613"/>
      <c r="ESA721" s="613"/>
      <c r="ESB721" s="613"/>
      <c r="ESC721" s="613"/>
      <c r="ESD721" s="613"/>
      <c r="ESE721" s="613"/>
      <c r="ESF721" s="613"/>
      <c r="ESG721" s="613"/>
      <c r="ESH721" s="613"/>
      <c r="ESI721" s="613"/>
      <c r="ESJ721" s="613"/>
      <c r="ESK721" s="613"/>
      <c r="ESL721" s="613"/>
      <c r="ESM721" s="613"/>
      <c r="ESN721" s="613"/>
      <c r="ESO721" s="613"/>
      <c r="ESP721" s="613"/>
      <c r="ESQ721" s="613"/>
      <c r="ESR721" s="613"/>
      <c r="ESS721" s="613"/>
      <c r="EST721" s="613"/>
      <c r="ESU721" s="613"/>
      <c r="ESV721" s="613"/>
      <c r="ESW721" s="613"/>
      <c r="ESX721" s="613"/>
      <c r="ESY721" s="613"/>
      <c r="ESZ721" s="613"/>
      <c r="ETA721" s="613"/>
      <c r="ETB721" s="613"/>
      <c r="ETC721" s="613"/>
      <c r="ETD721" s="613"/>
      <c r="ETE721" s="613"/>
      <c r="ETF721" s="613"/>
      <c r="ETG721" s="613"/>
      <c r="ETH721" s="613"/>
      <c r="ETI721" s="613"/>
      <c r="ETJ721" s="613"/>
      <c r="ETK721" s="613"/>
      <c r="ETL721" s="613"/>
      <c r="ETM721" s="613"/>
      <c r="ETN721" s="613"/>
      <c r="ETO721" s="613"/>
      <c r="ETP721" s="613"/>
      <c r="ETQ721" s="613"/>
      <c r="ETR721" s="613"/>
      <c r="ETS721" s="613"/>
      <c r="ETT721" s="613"/>
      <c r="ETU721" s="613"/>
      <c r="ETV721" s="613"/>
      <c r="ETW721" s="613"/>
      <c r="ETX721" s="613"/>
      <c r="ETY721" s="613"/>
      <c r="ETZ721" s="613"/>
      <c r="EUA721" s="613"/>
      <c r="EUB721" s="613"/>
      <c r="EUC721" s="613"/>
      <c r="EUD721" s="613"/>
      <c r="EUE721" s="613"/>
      <c r="EUF721" s="613"/>
      <c r="EUG721" s="613"/>
      <c r="EUH721" s="613"/>
      <c r="EUI721" s="613"/>
      <c r="EUJ721" s="613"/>
      <c r="EUK721" s="613"/>
      <c r="EUL721" s="613"/>
      <c r="EUM721" s="613"/>
      <c r="EUN721" s="613"/>
      <c r="EUO721" s="613"/>
      <c r="EUP721" s="613"/>
      <c r="EUQ721" s="613"/>
      <c r="EUR721" s="613"/>
      <c r="EUS721" s="613"/>
      <c r="EUT721" s="613"/>
      <c r="EUU721" s="613"/>
      <c r="EUV721" s="613"/>
      <c r="EUW721" s="613"/>
      <c r="EUX721" s="613"/>
      <c r="EUY721" s="613"/>
      <c r="EUZ721" s="613"/>
      <c r="EVA721" s="613"/>
      <c r="EVB721" s="613"/>
      <c r="EVC721" s="613"/>
      <c r="EVD721" s="613"/>
      <c r="EVE721" s="613"/>
      <c r="EVF721" s="613"/>
      <c r="EVG721" s="613"/>
      <c r="EVH721" s="613"/>
      <c r="EVI721" s="613"/>
      <c r="EVJ721" s="613"/>
      <c r="EVK721" s="613"/>
      <c r="EVL721" s="613"/>
      <c r="EVM721" s="613"/>
      <c r="EVN721" s="613"/>
      <c r="EVO721" s="613"/>
      <c r="EVP721" s="613"/>
      <c r="EVQ721" s="613"/>
      <c r="EVR721" s="613"/>
      <c r="EVS721" s="613"/>
      <c r="EVT721" s="613"/>
      <c r="EVU721" s="613"/>
      <c r="EVV721" s="613"/>
      <c r="EVW721" s="613"/>
      <c r="EVX721" s="613"/>
      <c r="EVY721" s="613"/>
      <c r="EVZ721" s="613"/>
      <c r="EWA721" s="613"/>
      <c r="EWB721" s="613"/>
      <c r="EWC721" s="613"/>
      <c r="EWD721" s="613"/>
      <c r="EWE721" s="613"/>
      <c r="EWF721" s="613"/>
      <c r="EWG721" s="613"/>
      <c r="EWH721" s="613"/>
      <c r="EWI721" s="613"/>
      <c r="EWJ721" s="613"/>
      <c r="EWK721" s="613"/>
      <c r="EWL721" s="613"/>
      <c r="EWM721" s="613"/>
      <c r="EWN721" s="613"/>
      <c r="EWO721" s="613"/>
      <c r="EWP721" s="613"/>
      <c r="EWQ721" s="613"/>
      <c r="EWR721" s="613"/>
      <c r="EWS721" s="613"/>
      <c r="EWT721" s="613"/>
      <c r="EWU721" s="613"/>
      <c r="EWV721" s="613"/>
      <c r="EWW721" s="613"/>
      <c r="EWX721" s="613"/>
      <c r="EWY721" s="613"/>
      <c r="EWZ721" s="613"/>
      <c r="EXA721" s="613"/>
      <c r="EXB721" s="613"/>
      <c r="EXC721" s="613"/>
      <c r="EXD721" s="613"/>
      <c r="EXE721" s="613"/>
      <c r="EXF721" s="613"/>
      <c r="EXG721" s="613"/>
      <c r="EXH721" s="613"/>
      <c r="EXI721" s="613"/>
      <c r="EXJ721" s="613"/>
      <c r="EXK721" s="613"/>
      <c r="EXL721" s="613"/>
      <c r="EXM721" s="613"/>
      <c r="EXN721" s="613"/>
      <c r="EXO721" s="613"/>
      <c r="EXP721" s="613"/>
      <c r="EXQ721" s="613"/>
      <c r="EXR721" s="613"/>
      <c r="EXS721" s="613"/>
      <c r="EXT721" s="613"/>
      <c r="EXU721" s="613"/>
      <c r="EXV721" s="613"/>
      <c r="EXW721" s="613"/>
      <c r="EXX721" s="613"/>
      <c r="EXY721" s="613"/>
      <c r="EXZ721" s="613"/>
      <c r="EYA721" s="613"/>
      <c r="EYB721" s="613"/>
      <c r="EYC721" s="613"/>
      <c r="EYD721" s="613"/>
      <c r="EYE721" s="613"/>
      <c r="EYF721" s="613"/>
      <c r="EYG721" s="613"/>
      <c r="EYH721" s="613"/>
      <c r="EYI721" s="613"/>
      <c r="EYJ721" s="613"/>
      <c r="EYK721" s="613"/>
      <c r="EYL721" s="613"/>
      <c r="EYM721" s="613"/>
      <c r="EYN721" s="613"/>
      <c r="EYO721" s="613"/>
      <c r="EYP721" s="613"/>
      <c r="EYQ721" s="613"/>
      <c r="EYR721" s="613"/>
      <c r="EYS721" s="613"/>
      <c r="EYT721" s="613"/>
      <c r="EYU721" s="613"/>
      <c r="EYV721" s="613"/>
      <c r="EYW721" s="613"/>
      <c r="EYX721" s="613"/>
      <c r="EYY721" s="613"/>
      <c r="EYZ721" s="613"/>
      <c r="EZA721" s="613"/>
      <c r="EZB721" s="613"/>
      <c r="EZC721" s="613"/>
      <c r="EZD721" s="613"/>
      <c r="EZE721" s="613"/>
      <c r="EZF721" s="613"/>
      <c r="EZG721" s="613"/>
      <c r="EZH721" s="613"/>
      <c r="EZI721" s="613"/>
      <c r="EZJ721" s="613"/>
      <c r="EZK721" s="613"/>
      <c r="EZL721" s="613"/>
      <c r="EZM721" s="613"/>
      <c r="EZN721" s="613"/>
      <c r="EZO721" s="613"/>
      <c r="EZP721" s="613"/>
      <c r="EZQ721" s="613"/>
      <c r="EZR721" s="613"/>
      <c r="EZS721" s="613"/>
      <c r="EZT721" s="613"/>
      <c r="EZU721" s="613"/>
      <c r="EZV721" s="613"/>
      <c r="EZW721" s="613"/>
      <c r="EZX721" s="613"/>
      <c r="EZY721" s="613"/>
      <c r="EZZ721" s="613"/>
      <c r="FAA721" s="613"/>
      <c r="FAB721" s="613"/>
      <c r="FAC721" s="613"/>
      <c r="FAD721" s="613"/>
      <c r="FAE721" s="613"/>
      <c r="FAF721" s="613"/>
      <c r="FAG721" s="613"/>
      <c r="FAH721" s="613"/>
      <c r="FAI721" s="613"/>
      <c r="FAJ721" s="613"/>
      <c r="FAK721" s="613"/>
      <c r="FAL721" s="613"/>
      <c r="FAM721" s="613"/>
      <c r="FAN721" s="613"/>
      <c r="FAO721" s="613"/>
      <c r="FAP721" s="613"/>
      <c r="FAQ721" s="613"/>
      <c r="FAR721" s="613"/>
      <c r="FAS721" s="613"/>
      <c r="FAT721" s="613"/>
      <c r="FAU721" s="613"/>
      <c r="FAV721" s="613"/>
      <c r="FAW721" s="613"/>
      <c r="FAX721" s="613"/>
      <c r="FAY721" s="613"/>
      <c r="FAZ721" s="613"/>
      <c r="FBA721" s="613"/>
      <c r="FBB721" s="613"/>
      <c r="FBC721" s="613"/>
      <c r="FBD721" s="613"/>
      <c r="FBE721" s="613"/>
      <c r="FBF721" s="613"/>
      <c r="FBG721" s="613"/>
      <c r="FBH721" s="613"/>
      <c r="FBI721" s="613"/>
      <c r="FBJ721" s="613"/>
      <c r="FBK721" s="613"/>
      <c r="FBL721" s="613"/>
      <c r="FBM721" s="613"/>
      <c r="FBN721" s="613"/>
      <c r="FBO721" s="613"/>
      <c r="FBP721" s="613"/>
      <c r="FBQ721" s="613"/>
      <c r="FBR721" s="613"/>
      <c r="FBS721" s="613"/>
      <c r="FBT721" s="613"/>
      <c r="FBU721" s="613"/>
      <c r="FBV721" s="613"/>
      <c r="FBW721" s="613"/>
      <c r="FBX721" s="613"/>
      <c r="FBY721" s="613"/>
      <c r="FBZ721" s="613"/>
      <c r="FCA721" s="613"/>
      <c r="FCB721" s="613"/>
      <c r="FCC721" s="613"/>
      <c r="FCD721" s="613"/>
      <c r="FCE721" s="613"/>
      <c r="FCF721" s="613"/>
      <c r="FCG721" s="613"/>
      <c r="FCH721" s="613"/>
      <c r="FCI721" s="613"/>
      <c r="FCJ721" s="613"/>
      <c r="FCK721" s="613"/>
      <c r="FCL721" s="613"/>
      <c r="FCM721" s="613"/>
      <c r="FCN721" s="613"/>
      <c r="FCO721" s="613"/>
      <c r="FCP721" s="613"/>
      <c r="FCQ721" s="613"/>
      <c r="FCR721" s="613"/>
      <c r="FCS721" s="613"/>
      <c r="FCT721" s="613"/>
      <c r="FCU721" s="613"/>
      <c r="FCV721" s="613"/>
      <c r="FCW721" s="613"/>
      <c r="FCX721" s="613"/>
      <c r="FCY721" s="613"/>
      <c r="FCZ721" s="613"/>
      <c r="FDA721" s="613"/>
      <c r="FDB721" s="613"/>
      <c r="FDC721" s="613"/>
      <c r="FDD721" s="613"/>
      <c r="FDE721" s="613"/>
      <c r="FDF721" s="613"/>
      <c r="FDG721" s="613"/>
      <c r="FDH721" s="613"/>
      <c r="FDI721" s="613"/>
      <c r="FDJ721" s="613"/>
      <c r="FDK721" s="613"/>
      <c r="FDL721" s="613"/>
      <c r="FDM721" s="613"/>
      <c r="FDN721" s="613"/>
      <c r="FDO721" s="613"/>
      <c r="FDP721" s="613"/>
      <c r="FDQ721" s="613"/>
      <c r="FDR721" s="613"/>
      <c r="FDS721" s="613"/>
      <c r="FDT721" s="613"/>
      <c r="FDU721" s="613"/>
      <c r="FDV721" s="613"/>
      <c r="FDW721" s="613"/>
      <c r="FDX721" s="613"/>
      <c r="FDY721" s="613"/>
      <c r="FDZ721" s="613"/>
      <c r="FEA721" s="613"/>
      <c r="FEB721" s="613"/>
      <c r="FEC721" s="613"/>
      <c r="FED721" s="613"/>
      <c r="FEE721" s="613"/>
      <c r="FEF721" s="613"/>
      <c r="FEG721" s="613"/>
      <c r="FEH721" s="613"/>
      <c r="FEI721" s="613"/>
      <c r="FEJ721" s="613"/>
      <c r="FEK721" s="613"/>
      <c r="FEL721" s="613"/>
      <c r="FEM721" s="613"/>
      <c r="FEN721" s="613"/>
      <c r="FEO721" s="613"/>
      <c r="FEP721" s="613"/>
      <c r="FEQ721" s="613"/>
      <c r="FER721" s="613"/>
      <c r="FES721" s="613"/>
      <c r="FET721" s="613"/>
      <c r="FEU721" s="613"/>
      <c r="FEV721" s="613"/>
      <c r="FEW721" s="613"/>
      <c r="FEX721" s="613"/>
      <c r="FEY721" s="613"/>
      <c r="FEZ721" s="613"/>
      <c r="FFA721" s="613"/>
      <c r="FFB721" s="613"/>
      <c r="FFC721" s="613"/>
      <c r="FFD721" s="613"/>
      <c r="FFE721" s="613"/>
      <c r="FFF721" s="613"/>
      <c r="FFG721" s="613"/>
      <c r="FFH721" s="613"/>
      <c r="FFI721" s="613"/>
      <c r="FFJ721" s="613"/>
      <c r="FFK721" s="613"/>
      <c r="FFL721" s="613"/>
      <c r="FFM721" s="613"/>
      <c r="FFN721" s="613"/>
      <c r="FFO721" s="613"/>
      <c r="FFP721" s="613"/>
      <c r="FFQ721" s="613"/>
      <c r="FFR721" s="613"/>
      <c r="FFS721" s="613"/>
      <c r="FFT721" s="613"/>
      <c r="FFU721" s="613"/>
      <c r="FFV721" s="613"/>
      <c r="FFW721" s="613"/>
      <c r="FFX721" s="613"/>
      <c r="FFY721" s="613"/>
      <c r="FFZ721" s="613"/>
      <c r="FGA721" s="613"/>
      <c r="FGB721" s="613"/>
      <c r="FGC721" s="613"/>
      <c r="FGD721" s="613"/>
      <c r="FGE721" s="613"/>
      <c r="FGF721" s="613"/>
      <c r="FGG721" s="613"/>
      <c r="FGH721" s="613"/>
      <c r="FGI721" s="613"/>
      <c r="FGJ721" s="613"/>
      <c r="FGK721" s="613"/>
      <c r="FGL721" s="613"/>
      <c r="FGM721" s="613"/>
      <c r="FGN721" s="613"/>
      <c r="FGO721" s="613"/>
      <c r="FGP721" s="613"/>
      <c r="FGQ721" s="613"/>
      <c r="FGR721" s="613"/>
      <c r="FGS721" s="613"/>
      <c r="FGT721" s="613"/>
      <c r="FGU721" s="613"/>
      <c r="FGV721" s="613"/>
      <c r="FGW721" s="613"/>
      <c r="FGX721" s="613"/>
      <c r="FGY721" s="613"/>
      <c r="FGZ721" s="613"/>
      <c r="FHA721" s="613"/>
      <c r="FHB721" s="613"/>
      <c r="FHC721" s="613"/>
      <c r="FHD721" s="613"/>
      <c r="FHE721" s="613"/>
      <c r="FHF721" s="613"/>
      <c r="FHG721" s="613"/>
      <c r="FHH721" s="613"/>
      <c r="FHI721" s="613"/>
      <c r="FHJ721" s="613"/>
      <c r="FHK721" s="613"/>
      <c r="FHL721" s="613"/>
      <c r="FHM721" s="613"/>
      <c r="FHN721" s="613"/>
      <c r="FHO721" s="613"/>
      <c r="FHP721" s="613"/>
      <c r="FHQ721" s="613"/>
      <c r="FHR721" s="613"/>
      <c r="FHS721" s="613"/>
      <c r="FHT721" s="613"/>
      <c r="FHU721" s="613"/>
      <c r="FHV721" s="613"/>
      <c r="FHW721" s="613"/>
      <c r="FHX721" s="613"/>
      <c r="FHY721" s="613"/>
      <c r="FHZ721" s="613"/>
      <c r="FIA721" s="613"/>
      <c r="FIB721" s="613"/>
      <c r="FIC721" s="613"/>
      <c r="FID721" s="613"/>
      <c r="FIE721" s="613"/>
      <c r="FIF721" s="613"/>
      <c r="FIG721" s="613"/>
      <c r="FIH721" s="613"/>
      <c r="FII721" s="613"/>
      <c r="FIJ721" s="613"/>
      <c r="FIK721" s="613"/>
      <c r="FIL721" s="613"/>
      <c r="FIM721" s="613"/>
      <c r="FIN721" s="613"/>
      <c r="FIO721" s="613"/>
      <c r="FIP721" s="613"/>
      <c r="FIQ721" s="613"/>
      <c r="FIR721" s="613"/>
      <c r="FIS721" s="613"/>
      <c r="FIT721" s="613"/>
      <c r="FIU721" s="613"/>
      <c r="FIV721" s="613"/>
      <c r="FIW721" s="613"/>
      <c r="FIX721" s="613"/>
      <c r="FIY721" s="613"/>
      <c r="FIZ721" s="613"/>
      <c r="FJA721" s="613"/>
      <c r="FJB721" s="613"/>
      <c r="FJC721" s="613"/>
      <c r="FJD721" s="613"/>
      <c r="FJE721" s="613"/>
      <c r="FJF721" s="613"/>
      <c r="FJG721" s="613"/>
      <c r="FJH721" s="613"/>
      <c r="FJI721" s="613"/>
      <c r="FJJ721" s="613"/>
      <c r="FJK721" s="613"/>
      <c r="FJL721" s="613"/>
      <c r="FJM721" s="613"/>
      <c r="FJN721" s="613"/>
      <c r="FJO721" s="613"/>
      <c r="FJP721" s="613"/>
      <c r="FJQ721" s="613"/>
      <c r="FJR721" s="613"/>
      <c r="FJS721" s="613"/>
      <c r="FJT721" s="613"/>
      <c r="FJU721" s="613"/>
      <c r="FJV721" s="613"/>
      <c r="FJW721" s="613"/>
      <c r="FJX721" s="613"/>
      <c r="FJY721" s="613"/>
      <c r="FJZ721" s="613"/>
      <c r="FKA721" s="613"/>
      <c r="FKB721" s="613"/>
      <c r="FKC721" s="613"/>
      <c r="FKD721" s="613"/>
      <c r="FKE721" s="613"/>
      <c r="FKF721" s="613"/>
      <c r="FKG721" s="613"/>
      <c r="FKH721" s="613"/>
      <c r="FKI721" s="613"/>
      <c r="FKJ721" s="613"/>
      <c r="FKK721" s="613"/>
      <c r="FKL721" s="613"/>
      <c r="FKM721" s="613"/>
      <c r="FKN721" s="613"/>
      <c r="FKO721" s="613"/>
      <c r="FKP721" s="613"/>
      <c r="FKQ721" s="613"/>
      <c r="FKR721" s="613"/>
      <c r="FKS721" s="613"/>
      <c r="FKT721" s="613"/>
      <c r="FKU721" s="613"/>
      <c r="FKV721" s="613"/>
      <c r="FKW721" s="613"/>
      <c r="FKX721" s="613"/>
      <c r="FKY721" s="613"/>
      <c r="FKZ721" s="613"/>
      <c r="FLA721" s="613"/>
      <c r="FLB721" s="613"/>
      <c r="FLC721" s="613"/>
      <c r="FLD721" s="613"/>
      <c r="FLE721" s="613"/>
      <c r="FLF721" s="613"/>
      <c r="FLG721" s="613"/>
      <c r="FLH721" s="613"/>
      <c r="FLI721" s="613"/>
      <c r="FLJ721" s="613"/>
      <c r="FLK721" s="613"/>
      <c r="FLL721" s="613"/>
      <c r="FLM721" s="613"/>
      <c r="FLN721" s="613"/>
      <c r="FLO721" s="613"/>
      <c r="FLP721" s="613"/>
      <c r="FLQ721" s="613"/>
      <c r="FLR721" s="613"/>
      <c r="FLS721" s="613"/>
      <c r="FLT721" s="613"/>
      <c r="FLU721" s="613"/>
      <c r="FLV721" s="613"/>
      <c r="FLW721" s="613"/>
      <c r="FLX721" s="613"/>
      <c r="FLY721" s="613"/>
      <c r="FLZ721" s="613"/>
      <c r="FMA721" s="613"/>
      <c r="FMB721" s="613"/>
      <c r="FMC721" s="613"/>
      <c r="FMD721" s="613"/>
      <c r="FME721" s="613"/>
      <c r="FMF721" s="613"/>
      <c r="FMG721" s="613"/>
      <c r="FMH721" s="613"/>
      <c r="FMI721" s="613"/>
      <c r="FMJ721" s="613"/>
      <c r="FMK721" s="613"/>
      <c r="FML721" s="613"/>
      <c r="FMM721" s="613"/>
      <c r="FMN721" s="613"/>
      <c r="FMO721" s="613"/>
      <c r="FMP721" s="613"/>
      <c r="FMQ721" s="613"/>
      <c r="FMR721" s="613"/>
      <c r="FMS721" s="613"/>
      <c r="FMT721" s="613"/>
      <c r="FMU721" s="613"/>
      <c r="FMV721" s="613"/>
      <c r="FMW721" s="613"/>
      <c r="FMX721" s="613"/>
      <c r="FMY721" s="613"/>
      <c r="FMZ721" s="613"/>
      <c r="FNA721" s="613"/>
      <c r="FNB721" s="613"/>
      <c r="FNC721" s="613"/>
      <c r="FND721" s="613"/>
      <c r="FNE721" s="613"/>
      <c r="FNF721" s="613"/>
      <c r="FNG721" s="613"/>
      <c r="FNH721" s="613"/>
      <c r="FNI721" s="613"/>
      <c r="FNJ721" s="613"/>
      <c r="FNK721" s="613"/>
      <c r="FNL721" s="613"/>
      <c r="FNM721" s="613"/>
      <c r="FNN721" s="613"/>
      <c r="FNO721" s="613"/>
      <c r="FNP721" s="613"/>
      <c r="FNQ721" s="613"/>
      <c r="FNR721" s="613"/>
      <c r="FNS721" s="613"/>
      <c r="FNT721" s="613"/>
      <c r="FNU721" s="613"/>
      <c r="FNV721" s="613"/>
      <c r="FNW721" s="613"/>
      <c r="FNX721" s="613"/>
      <c r="FNY721" s="613"/>
      <c r="FNZ721" s="613"/>
      <c r="FOA721" s="613"/>
      <c r="FOB721" s="613"/>
      <c r="FOC721" s="613"/>
      <c r="FOD721" s="613"/>
      <c r="FOE721" s="613"/>
      <c r="FOF721" s="613"/>
      <c r="FOG721" s="613"/>
      <c r="FOH721" s="613"/>
      <c r="FOI721" s="613"/>
      <c r="FOJ721" s="613"/>
      <c r="FOK721" s="613"/>
      <c r="FOL721" s="613"/>
      <c r="FOM721" s="613"/>
      <c r="FON721" s="613"/>
      <c r="FOO721" s="613"/>
      <c r="FOP721" s="613"/>
      <c r="FOQ721" s="613"/>
      <c r="FOR721" s="613"/>
      <c r="FOS721" s="613"/>
      <c r="FOT721" s="613"/>
      <c r="FOU721" s="613"/>
      <c r="FOV721" s="613"/>
      <c r="FOW721" s="613"/>
      <c r="FOX721" s="613"/>
      <c r="FOY721" s="613"/>
      <c r="FOZ721" s="613"/>
      <c r="FPA721" s="613"/>
      <c r="FPB721" s="613"/>
      <c r="FPC721" s="613"/>
      <c r="FPD721" s="613"/>
      <c r="FPE721" s="613"/>
      <c r="FPF721" s="613"/>
      <c r="FPG721" s="613"/>
      <c r="FPH721" s="613"/>
      <c r="FPI721" s="613"/>
      <c r="FPJ721" s="613"/>
      <c r="FPK721" s="613"/>
      <c r="FPL721" s="613"/>
      <c r="FPM721" s="613"/>
      <c r="FPN721" s="613"/>
      <c r="FPO721" s="613"/>
      <c r="FPP721" s="613"/>
      <c r="FPQ721" s="613"/>
      <c r="FPR721" s="613"/>
      <c r="FPS721" s="613"/>
      <c r="FPT721" s="613"/>
      <c r="FPU721" s="613"/>
      <c r="FPV721" s="613"/>
      <c r="FPW721" s="613"/>
      <c r="FPX721" s="613"/>
      <c r="FPY721" s="613"/>
      <c r="FPZ721" s="613"/>
      <c r="FQA721" s="613"/>
      <c r="FQB721" s="613"/>
      <c r="FQC721" s="613"/>
      <c r="FQD721" s="613"/>
      <c r="FQE721" s="613"/>
      <c r="FQF721" s="613"/>
      <c r="FQG721" s="613"/>
      <c r="FQH721" s="613"/>
      <c r="FQI721" s="613"/>
      <c r="FQJ721" s="613"/>
      <c r="FQK721" s="613"/>
      <c r="FQL721" s="613"/>
      <c r="FQM721" s="613"/>
      <c r="FQN721" s="613"/>
      <c r="FQO721" s="613"/>
      <c r="FQP721" s="613"/>
      <c r="FQQ721" s="613"/>
      <c r="FQR721" s="613"/>
      <c r="FQS721" s="613"/>
      <c r="FQT721" s="613"/>
      <c r="FQU721" s="613"/>
      <c r="FQV721" s="613"/>
      <c r="FQW721" s="613"/>
      <c r="FQX721" s="613"/>
      <c r="FQY721" s="613"/>
      <c r="FQZ721" s="613"/>
      <c r="FRA721" s="613"/>
      <c r="FRB721" s="613"/>
      <c r="FRC721" s="613"/>
      <c r="FRD721" s="613"/>
      <c r="FRE721" s="613"/>
      <c r="FRF721" s="613"/>
      <c r="FRG721" s="613"/>
      <c r="FRH721" s="613"/>
      <c r="FRI721" s="613"/>
      <c r="FRJ721" s="613"/>
      <c r="FRK721" s="613"/>
      <c r="FRL721" s="613"/>
      <c r="FRM721" s="613"/>
      <c r="FRN721" s="613"/>
      <c r="FRO721" s="613"/>
      <c r="FRP721" s="613"/>
      <c r="FRQ721" s="613"/>
      <c r="FRR721" s="613"/>
      <c r="FRS721" s="613"/>
      <c r="FRT721" s="613"/>
      <c r="FRU721" s="613"/>
      <c r="FRV721" s="613"/>
      <c r="FRW721" s="613"/>
      <c r="FRX721" s="613"/>
      <c r="FRY721" s="613"/>
      <c r="FRZ721" s="613"/>
      <c r="FSA721" s="613"/>
      <c r="FSB721" s="613"/>
      <c r="FSC721" s="613"/>
      <c r="FSD721" s="613"/>
      <c r="FSE721" s="613"/>
      <c r="FSF721" s="613"/>
      <c r="FSG721" s="613"/>
      <c r="FSH721" s="613"/>
      <c r="FSI721" s="613"/>
      <c r="FSJ721" s="613"/>
      <c r="FSK721" s="613"/>
      <c r="FSL721" s="613"/>
      <c r="FSM721" s="613"/>
      <c r="FSN721" s="613"/>
      <c r="FSO721" s="613"/>
      <c r="FSP721" s="613"/>
      <c r="FSQ721" s="613"/>
      <c r="FSR721" s="613"/>
      <c r="FSS721" s="613"/>
      <c r="FST721" s="613"/>
      <c r="FSU721" s="613"/>
      <c r="FSV721" s="613"/>
      <c r="FSW721" s="613"/>
      <c r="FSX721" s="613"/>
      <c r="FSY721" s="613"/>
      <c r="FSZ721" s="613"/>
      <c r="FTA721" s="613"/>
      <c r="FTB721" s="613"/>
      <c r="FTC721" s="613"/>
      <c r="FTD721" s="613"/>
      <c r="FTE721" s="613"/>
      <c r="FTF721" s="613"/>
      <c r="FTG721" s="613"/>
      <c r="FTH721" s="613"/>
      <c r="FTI721" s="613"/>
      <c r="FTJ721" s="613"/>
      <c r="FTK721" s="613"/>
      <c r="FTL721" s="613"/>
      <c r="FTM721" s="613"/>
      <c r="FTN721" s="613"/>
      <c r="FTO721" s="613"/>
      <c r="FTP721" s="613"/>
      <c r="FTQ721" s="613"/>
      <c r="FTR721" s="613"/>
      <c r="FTS721" s="613"/>
      <c r="FTT721" s="613"/>
      <c r="FTU721" s="613"/>
      <c r="FTV721" s="613"/>
      <c r="FTW721" s="613"/>
      <c r="FTX721" s="613"/>
      <c r="FTY721" s="613"/>
      <c r="FTZ721" s="613"/>
      <c r="FUA721" s="613"/>
      <c r="FUB721" s="613"/>
      <c r="FUC721" s="613"/>
      <c r="FUD721" s="613"/>
      <c r="FUE721" s="613"/>
      <c r="FUF721" s="613"/>
      <c r="FUG721" s="613"/>
      <c r="FUH721" s="613"/>
      <c r="FUI721" s="613"/>
      <c r="FUJ721" s="613"/>
      <c r="FUK721" s="613"/>
      <c r="FUL721" s="613"/>
      <c r="FUM721" s="613"/>
      <c r="FUN721" s="613"/>
      <c r="FUO721" s="613"/>
      <c r="FUP721" s="613"/>
      <c r="FUQ721" s="613"/>
      <c r="FUR721" s="613"/>
      <c r="FUS721" s="613"/>
      <c r="FUT721" s="613"/>
      <c r="FUU721" s="613"/>
      <c r="FUV721" s="613"/>
      <c r="FUW721" s="613"/>
      <c r="FUX721" s="613"/>
      <c r="FUY721" s="613"/>
      <c r="FUZ721" s="613"/>
      <c r="FVA721" s="613"/>
      <c r="FVB721" s="613"/>
      <c r="FVC721" s="613"/>
      <c r="FVD721" s="613"/>
      <c r="FVE721" s="613"/>
      <c r="FVF721" s="613"/>
      <c r="FVG721" s="613"/>
      <c r="FVH721" s="613"/>
      <c r="FVI721" s="613"/>
      <c r="FVJ721" s="613"/>
      <c r="FVK721" s="613"/>
      <c r="FVL721" s="613"/>
      <c r="FVM721" s="613"/>
      <c r="FVN721" s="613"/>
      <c r="FVO721" s="613"/>
      <c r="FVP721" s="613"/>
      <c r="FVQ721" s="613"/>
      <c r="FVR721" s="613"/>
      <c r="FVS721" s="613"/>
      <c r="FVT721" s="613"/>
      <c r="FVU721" s="613"/>
      <c r="FVV721" s="613"/>
      <c r="FVW721" s="613"/>
      <c r="FVX721" s="613"/>
      <c r="FVY721" s="613"/>
      <c r="FVZ721" s="613"/>
      <c r="FWA721" s="613"/>
      <c r="FWB721" s="613"/>
      <c r="FWC721" s="613"/>
      <c r="FWD721" s="613"/>
      <c r="FWE721" s="613"/>
      <c r="FWF721" s="613"/>
      <c r="FWG721" s="613"/>
      <c r="FWH721" s="613"/>
      <c r="FWI721" s="613"/>
      <c r="FWJ721" s="613"/>
      <c r="FWK721" s="613"/>
      <c r="FWL721" s="613"/>
      <c r="FWM721" s="613"/>
      <c r="FWN721" s="613"/>
      <c r="FWO721" s="613"/>
      <c r="FWP721" s="613"/>
      <c r="FWQ721" s="613"/>
      <c r="FWR721" s="613"/>
      <c r="FWS721" s="613"/>
      <c r="FWT721" s="613"/>
      <c r="FWU721" s="613"/>
      <c r="FWV721" s="613"/>
      <c r="FWW721" s="613"/>
      <c r="FWX721" s="613"/>
      <c r="FWY721" s="613"/>
      <c r="FWZ721" s="613"/>
      <c r="FXA721" s="613"/>
      <c r="FXB721" s="613"/>
      <c r="FXC721" s="613"/>
      <c r="FXD721" s="613"/>
      <c r="FXE721" s="613"/>
      <c r="FXF721" s="613"/>
      <c r="FXG721" s="613"/>
      <c r="FXH721" s="613"/>
      <c r="FXI721" s="613"/>
      <c r="FXJ721" s="613"/>
      <c r="FXK721" s="613"/>
      <c r="FXL721" s="613"/>
      <c r="FXM721" s="613"/>
      <c r="FXN721" s="613"/>
      <c r="FXO721" s="613"/>
      <c r="FXP721" s="613"/>
      <c r="FXQ721" s="613"/>
      <c r="FXR721" s="613"/>
      <c r="FXS721" s="613"/>
      <c r="FXT721" s="613"/>
      <c r="FXU721" s="613"/>
      <c r="FXV721" s="613"/>
      <c r="FXW721" s="613"/>
      <c r="FXX721" s="613"/>
      <c r="FXY721" s="613"/>
      <c r="FXZ721" s="613"/>
      <c r="FYA721" s="613"/>
      <c r="FYB721" s="613"/>
      <c r="FYC721" s="613"/>
      <c r="FYD721" s="613"/>
      <c r="FYE721" s="613"/>
      <c r="FYF721" s="613"/>
      <c r="FYG721" s="613"/>
      <c r="FYH721" s="613"/>
      <c r="FYI721" s="613"/>
      <c r="FYJ721" s="613"/>
      <c r="FYK721" s="613"/>
      <c r="FYL721" s="613"/>
      <c r="FYM721" s="613"/>
      <c r="FYN721" s="613"/>
      <c r="FYO721" s="613"/>
      <c r="FYP721" s="613"/>
      <c r="FYQ721" s="613"/>
      <c r="FYR721" s="613"/>
      <c r="FYS721" s="613"/>
      <c r="FYT721" s="613"/>
      <c r="FYU721" s="613"/>
      <c r="FYV721" s="613"/>
      <c r="FYW721" s="613"/>
      <c r="FYX721" s="613"/>
      <c r="FYY721" s="613"/>
      <c r="FYZ721" s="613"/>
      <c r="FZA721" s="613"/>
      <c r="FZB721" s="613"/>
      <c r="FZC721" s="613"/>
      <c r="FZD721" s="613"/>
      <c r="FZE721" s="613"/>
      <c r="FZF721" s="613"/>
      <c r="FZG721" s="613"/>
      <c r="FZH721" s="613"/>
      <c r="FZI721" s="613"/>
      <c r="FZJ721" s="613"/>
      <c r="FZK721" s="613"/>
      <c r="FZL721" s="613"/>
      <c r="FZM721" s="613"/>
      <c r="FZN721" s="613"/>
      <c r="FZO721" s="613"/>
      <c r="FZP721" s="613"/>
      <c r="FZQ721" s="613"/>
      <c r="FZR721" s="613"/>
      <c r="FZS721" s="613"/>
      <c r="FZT721" s="613"/>
      <c r="FZU721" s="613"/>
      <c r="FZV721" s="613"/>
      <c r="FZW721" s="613"/>
      <c r="FZX721" s="613"/>
      <c r="FZY721" s="613"/>
      <c r="FZZ721" s="613"/>
      <c r="GAA721" s="613"/>
      <c r="GAB721" s="613"/>
      <c r="GAC721" s="613"/>
      <c r="GAD721" s="613"/>
      <c r="GAE721" s="613"/>
      <c r="GAF721" s="613"/>
      <c r="GAG721" s="613"/>
      <c r="GAH721" s="613"/>
      <c r="GAI721" s="613"/>
      <c r="GAJ721" s="613"/>
      <c r="GAK721" s="613"/>
      <c r="GAL721" s="613"/>
      <c r="GAM721" s="613"/>
      <c r="GAN721" s="613"/>
      <c r="GAO721" s="613"/>
      <c r="GAP721" s="613"/>
      <c r="GAQ721" s="613"/>
      <c r="GAR721" s="613"/>
      <c r="GAS721" s="613"/>
      <c r="GAT721" s="613"/>
      <c r="GAU721" s="613"/>
      <c r="GAV721" s="613"/>
      <c r="GAW721" s="613"/>
      <c r="GAX721" s="613"/>
      <c r="GAY721" s="613"/>
      <c r="GAZ721" s="613"/>
      <c r="GBA721" s="613"/>
      <c r="GBB721" s="613"/>
      <c r="GBC721" s="613"/>
      <c r="GBD721" s="613"/>
      <c r="GBE721" s="613"/>
      <c r="GBF721" s="613"/>
      <c r="GBG721" s="613"/>
      <c r="GBH721" s="613"/>
      <c r="GBI721" s="613"/>
      <c r="GBJ721" s="613"/>
      <c r="GBK721" s="613"/>
      <c r="GBL721" s="613"/>
      <c r="GBM721" s="613"/>
      <c r="GBN721" s="613"/>
      <c r="GBO721" s="613"/>
      <c r="GBP721" s="613"/>
      <c r="GBQ721" s="613"/>
      <c r="GBR721" s="613"/>
      <c r="GBS721" s="613"/>
      <c r="GBT721" s="613"/>
      <c r="GBU721" s="613"/>
      <c r="GBV721" s="613"/>
      <c r="GBW721" s="613"/>
      <c r="GBX721" s="613"/>
      <c r="GBY721" s="613"/>
      <c r="GBZ721" s="613"/>
      <c r="GCA721" s="613"/>
      <c r="GCB721" s="613"/>
      <c r="GCC721" s="613"/>
      <c r="GCD721" s="613"/>
      <c r="GCE721" s="613"/>
      <c r="GCF721" s="613"/>
      <c r="GCG721" s="613"/>
      <c r="GCH721" s="613"/>
      <c r="GCI721" s="613"/>
      <c r="GCJ721" s="613"/>
      <c r="GCK721" s="613"/>
      <c r="GCL721" s="613"/>
      <c r="GCM721" s="613"/>
      <c r="GCN721" s="613"/>
      <c r="GCO721" s="613"/>
      <c r="GCP721" s="613"/>
      <c r="GCQ721" s="613"/>
      <c r="GCR721" s="613"/>
      <c r="GCS721" s="613"/>
      <c r="GCT721" s="613"/>
      <c r="GCU721" s="613"/>
      <c r="GCV721" s="613"/>
      <c r="GCW721" s="613"/>
      <c r="GCX721" s="613"/>
      <c r="GCY721" s="613"/>
      <c r="GCZ721" s="613"/>
      <c r="GDA721" s="613"/>
      <c r="GDB721" s="613"/>
      <c r="GDC721" s="613"/>
      <c r="GDD721" s="613"/>
      <c r="GDE721" s="613"/>
      <c r="GDF721" s="613"/>
      <c r="GDG721" s="613"/>
      <c r="GDH721" s="613"/>
      <c r="GDI721" s="613"/>
      <c r="GDJ721" s="613"/>
      <c r="GDK721" s="613"/>
      <c r="GDL721" s="613"/>
      <c r="GDM721" s="613"/>
      <c r="GDN721" s="613"/>
      <c r="GDO721" s="613"/>
      <c r="GDP721" s="613"/>
      <c r="GDQ721" s="613"/>
      <c r="GDR721" s="613"/>
      <c r="GDS721" s="613"/>
      <c r="GDT721" s="613"/>
      <c r="GDU721" s="613"/>
      <c r="GDV721" s="613"/>
      <c r="GDW721" s="613"/>
      <c r="GDX721" s="613"/>
      <c r="GDY721" s="613"/>
      <c r="GDZ721" s="613"/>
      <c r="GEA721" s="613"/>
      <c r="GEB721" s="613"/>
      <c r="GEC721" s="613"/>
      <c r="GED721" s="613"/>
      <c r="GEE721" s="613"/>
      <c r="GEF721" s="613"/>
      <c r="GEG721" s="613"/>
      <c r="GEH721" s="613"/>
      <c r="GEI721" s="613"/>
      <c r="GEJ721" s="613"/>
      <c r="GEK721" s="613"/>
      <c r="GEL721" s="613"/>
      <c r="GEM721" s="613"/>
      <c r="GEN721" s="613"/>
      <c r="GEO721" s="613"/>
      <c r="GEP721" s="613"/>
      <c r="GEQ721" s="613"/>
      <c r="GER721" s="613"/>
      <c r="GES721" s="613"/>
      <c r="GET721" s="613"/>
      <c r="GEU721" s="613"/>
      <c r="GEV721" s="613"/>
      <c r="GEW721" s="613"/>
      <c r="GEX721" s="613"/>
      <c r="GEY721" s="613"/>
      <c r="GEZ721" s="613"/>
      <c r="GFA721" s="613"/>
      <c r="GFB721" s="613"/>
      <c r="GFC721" s="613"/>
      <c r="GFD721" s="613"/>
      <c r="GFE721" s="613"/>
      <c r="GFF721" s="613"/>
      <c r="GFG721" s="613"/>
      <c r="GFH721" s="613"/>
      <c r="GFI721" s="613"/>
      <c r="GFJ721" s="613"/>
      <c r="GFK721" s="613"/>
      <c r="GFL721" s="613"/>
      <c r="GFM721" s="613"/>
      <c r="GFN721" s="613"/>
      <c r="GFO721" s="613"/>
      <c r="GFP721" s="613"/>
      <c r="GFQ721" s="613"/>
      <c r="GFR721" s="613"/>
      <c r="GFS721" s="613"/>
      <c r="GFT721" s="613"/>
      <c r="GFU721" s="613"/>
      <c r="GFV721" s="613"/>
      <c r="GFW721" s="613"/>
      <c r="GFX721" s="613"/>
      <c r="GFY721" s="613"/>
      <c r="GFZ721" s="613"/>
      <c r="GGA721" s="613"/>
      <c r="GGB721" s="613"/>
      <c r="GGC721" s="613"/>
      <c r="GGD721" s="613"/>
      <c r="GGE721" s="613"/>
      <c r="GGF721" s="613"/>
      <c r="GGG721" s="613"/>
      <c r="GGH721" s="613"/>
      <c r="GGI721" s="613"/>
      <c r="GGJ721" s="613"/>
      <c r="GGK721" s="613"/>
      <c r="GGL721" s="613"/>
      <c r="GGM721" s="613"/>
      <c r="GGN721" s="613"/>
      <c r="GGO721" s="613"/>
      <c r="GGP721" s="613"/>
      <c r="GGQ721" s="613"/>
      <c r="GGR721" s="613"/>
      <c r="GGS721" s="613"/>
      <c r="GGT721" s="613"/>
      <c r="GGU721" s="613"/>
      <c r="GGV721" s="613"/>
      <c r="GGW721" s="613"/>
      <c r="GGX721" s="613"/>
      <c r="GGY721" s="613"/>
      <c r="GGZ721" s="613"/>
      <c r="GHA721" s="613"/>
      <c r="GHB721" s="613"/>
      <c r="GHC721" s="613"/>
      <c r="GHD721" s="613"/>
      <c r="GHE721" s="613"/>
      <c r="GHF721" s="613"/>
      <c r="GHG721" s="613"/>
      <c r="GHH721" s="613"/>
      <c r="GHI721" s="613"/>
      <c r="GHJ721" s="613"/>
      <c r="GHK721" s="613"/>
      <c r="GHL721" s="613"/>
      <c r="GHM721" s="613"/>
      <c r="GHN721" s="613"/>
      <c r="GHO721" s="613"/>
      <c r="GHP721" s="613"/>
      <c r="GHQ721" s="613"/>
      <c r="GHR721" s="613"/>
      <c r="GHS721" s="613"/>
      <c r="GHT721" s="613"/>
      <c r="GHU721" s="613"/>
      <c r="GHV721" s="613"/>
      <c r="GHW721" s="613"/>
      <c r="GHX721" s="613"/>
      <c r="GHY721" s="613"/>
      <c r="GHZ721" s="613"/>
      <c r="GIA721" s="613"/>
      <c r="GIB721" s="613"/>
      <c r="GIC721" s="613"/>
      <c r="GID721" s="613"/>
      <c r="GIE721" s="613"/>
      <c r="GIF721" s="613"/>
      <c r="GIG721" s="613"/>
      <c r="GIH721" s="613"/>
      <c r="GII721" s="613"/>
      <c r="GIJ721" s="613"/>
      <c r="GIK721" s="613"/>
      <c r="GIL721" s="613"/>
      <c r="GIM721" s="613"/>
      <c r="GIN721" s="613"/>
      <c r="GIO721" s="613"/>
      <c r="GIP721" s="613"/>
      <c r="GIQ721" s="613"/>
      <c r="GIR721" s="613"/>
      <c r="GIS721" s="613"/>
      <c r="GIT721" s="613"/>
      <c r="GIU721" s="613"/>
      <c r="GIV721" s="613"/>
      <c r="GIW721" s="613"/>
      <c r="GIX721" s="613"/>
      <c r="GIY721" s="613"/>
      <c r="GIZ721" s="613"/>
      <c r="GJA721" s="613"/>
      <c r="GJB721" s="613"/>
      <c r="GJC721" s="613"/>
      <c r="GJD721" s="613"/>
      <c r="GJE721" s="613"/>
      <c r="GJF721" s="613"/>
      <c r="GJG721" s="613"/>
      <c r="GJH721" s="613"/>
      <c r="GJI721" s="613"/>
      <c r="GJJ721" s="613"/>
      <c r="GJK721" s="613"/>
      <c r="GJL721" s="613"/>
      <c r="GJM721" s="613"/>
      <c r="GJN721" s="613"/>
      <c r="GJO721" s="613"/>
      <c r="GJP721" s="613"/>
      <c r="GJQ721" s="613"/>
      <c r="GJR721" s="613"/>
      <c r="GJS721" s="613"/>
      <c r="GJT721" s="613"/>
      <c r="GJU721" s="613"/>
      <c r="GJV721" s="613"/>
      <c r="GJW721" s="613"/>
      <c r="GJX721" s="613"/>
      <c r="GJY721" s="613"/>
      <c r="GJZ721" s="613"/>
      <c r="GKA721" s="613"/>
      <c r="GKB721" s="613"/>
      <c r="GKC721" s="613"/>
      <c r="GKD721" s="613"/>
      <c r="GKE721" s="613"/>
      <c r="GKF721" s="613"/>
      <c r="GKG721" s="613"/>
      <c r="GKH721" s="613"/>
      <c r="GKI721" s="613"/>
      <c r="GKJ721" s="613"/>
      <c r="GKK721" s="613"/>
      <c r="GKL721" s="613"/>
      <c r="GKM721" s="613"/>
      <c r="GKN721" s="613"/>
      <c r="GKO721" s="613"/>
      <c r="GKP721" s="613"/>
      <c r="GKQ721" s="613"/>
      <c r="GKR721" s="613"/>
      <c r="GKS721" s="613"/>
      <c r="GKT721" s="613"/>
      <c r="GKU721" s="613"/>
      <c r="GKV721" s="613"/>
      <c r="GKW721" s="613"/>
      <c r="GKX721" s="613"/>
      <c r="GKY721" s="613"/>
      <c r="GKZ721" s="613"/>
      <c r="GLA721" s="613"/>
      <c r="GLB721" s="613"/>
      <c r="GLC721" s="613"/>
      <c r="GLD721" s="613"/>
      <c r="GLE721" s="613"/>
      <c r="GLF721" s="613"/>
      <c r="GLG721" s="613"/>
      <c r="GLH721" s="613"/>
      <c r="GLI721" s="613"/>
      <c r="GLJ721" s="613"/>
      <c r="GLK721" s="613"/>
      <c r="GLL721" s="613"/>
      <c r="GLM721" s="613"/>
      <c r="GLN721" s="613"/>
      <c r="GLO721" s="613"/>
      <c r="GLP721" s="613"/>
      <c r="GLQ721" s="613"/>
      <c r="GLR721" s="613"/>
      <c r="GLS721" s="613"/>
      <c r="GLT721" s="613"/>
      <c r="GLU721" s="613"/>
      <c r="GLV721" s="613"/>
      <c r="GLW721" s="613"/>
      <c r="GLX721" s="613"/>
      <c r="GLY721" s="613"/>
      <c r="GLZ721" s="613"/>
      <c r="GMA721" s="613"/>
      <c r="GMB721" s="613"/>
      <c r="GMC721" s="613"/>
      <c r="GMD721" s="613"/>
      <c r="GME721" s="613"/>
      <c r="GMF721" s="613"/>
      <c r="GMG721" s="613"/>
      <c r="GMH721" s="613"/>
      <c r="GMI721" s="613"/>
      <c r="GMJ721" s="613"/>
      <c r="GMK721" s="613"/>
      <c r="GML721" s="613"/>
      <c r="GMM721" s="613"/>
      <c r="GMN721" s="613"/>
      <c r="GMO721" s="613"/>
      <c r="GMP721" s="613"/>
      <c r="GMQ721" s="613"/>
      <c r="GMR721" s="613"/>
      <c r="GMS721" s="613"/>
      <c r="GMT721" s="613"/>
      <c r="GMU721" s="613"/>
      <c r="GMV721" s="613"/>
      <c r="GMW721" s="613"/>
      <c r="GMX721" s="613"/>
      <c r="GMY721" s="613"/>
      <c r="GMZ721" s="613"/>
      <c r="GNA721" s="613"/>
      <c r="GNB721" s="613"/>
      <c r="GNC721" s="613"/>
      <c r="GND721" s="613"/>
      <c r="GNE721" s="613"/>
      <c r="GNF721" s="613"/>
      <c r="GNG721" s="613"/>
      <c r="GNH721" s="613"/>
      <c r="GNI721" s="613"/>
      <c r="GNJ721" s="613"/>
      <c r="GNK721" s="613"/>
      <c r="GNL721" s="613"/>
      <c r="GNM721" s="613"/>
      <c r="GNN721" s="613"/>
      <c r="GNO721" s="613"/>
      <c r="GNP721" s="613"/>
      <c r="GNQ721" s="613"/>
      <c r="GNR721" s="613"/>
      <c r="GNS721" s="613"/>
      <c r="GNT721" s="613"/>
      <c r="GNU721" s="613"/>
      <c r="GNV721" s="613"/>
      <c r="GNW721" s="613"/>
      <c r="GNX721" s="613"/>
      <c r="GNY721" s="613"/>
      <c r="GNZ721" s="613"/>
      <c r="GOA721" s="613"/>
      <c r="GOB721" s="613"/>
      <c r="GOC721" s="613"/>
      <c r="GOD721" s="613"/>
      <c r="GOE721" s="613"/>
      <c r="GOF721" s="613"/>
      <c r="GOG721" s="613"/>
      <c r="GOH721" s="613"/>
      <c r="GOI721" s="613"/>
      <c r="GOJ721" s="613"/>
      <c r="GOK721" s="613"/>
      <c r="GOL721" s="613"/>
      <c r="GOM721" s="613"/>
      <c r="GON721" s="613"/>
      <c r="GOO721" s="613"/>
      <c r="GOP721" s="613"/>
      <c r="GOQ721" s="613"/>
      <c r="GOR721" s="613"/>
      <c r="GOS721" s="613"/>
      <c r="GOT721" s="613"/>
      <c r="GOU721" s="613"/>
      <c r="GOV721" s="613"/>
      <c r="GOW721" s="613"/>
      <c r="GOX721" s="613"/>
      <c r="GOY721" s="613"/>
      <c r="GOZ721" s="613"/>
      <c r="GPA721" s="613"/>
      <c r="GPB721" s="613"/>
      <c r="GPC721" s="613"/>
      <c r="GPD721" s="613"/>
      <c r="GPE721" s="613"/>
      <c r="GPF721" s="613"/>
      <c r="GPG721" s="613"/>
      <c r="GPH721" s="613"/>
      <c r="GPI721" s="613"/>
      <c r="GPJ721" s="613"/>
      <c r="GPK721" s="613"/>
      <c r="GPL721" s="613"/>
      <c r="GPM721" s="613"/>
      <c r="GPN721" s="613"/>
      <c r="GPO721" s="613"/>
      <c r="GPP721" s="613"/>
      <c r="GPQ721" s="613"/>
      <c r="GPR721" s="613"/>
      <c r="GPS721" s="613"/>
      <c r="GPT721" s="613"/>
      <c r="GPU721" s="613"/>
      <c r="GPV721" s="613"/>
      <c r="GPW721" s="613"/>
      <c r="GPX721" s="613"/>
      <c r="GPY721" s="613"/>
      <c r="GPZ721" s="613"/>
      <c r="GQA721" s="613"/>
      <c r="GQB721" s="613"/>
      <c r="GQC721" s="613"/>
      <c r="GQD721" s="613"/>
      <c r="GQE721" s="613"/>
      <c r="GQF721" s="613"/>
      <c r="GQG721" s="613"/>
      <c r="GQH721" s="613"/>
      <c r="GQI721" s="613"/>
      <c r="GQJ721" s="613"/>
      <c r="GQK721" s="613"/>
      <c r="GQL721" s="613"/>
      <c r="GQM721" s="613"/>
      <c r="GQN721" s="613"/>
      <c r="GQO721" s="613"/>
      <c r="GQP721" s="613"/>
      <c r="GQQ721" s="613"/>
      <c r="GQR721" s="613"/>
      <c r="GQS721" s="613"/>
      <c r="GQT721" s="613"/>
      <c r="GQU721" s="613"/>
      <c r="GQV721" s="613"/>
      <c r="GQW721" s="613"/>
      <c r="GQX721" s="613"/>
      <c r="GQY721" s="613"/>
      <c r="GQZ721" s="613"/>
      <c r="GRA721" s="613"/>
      <c r="GRB721" s="613"/>
      <c r="GRC721" s="613"/>
      <c r="GRD721" s="613"/>
      <c r="GRE721" s="613"/>
      <c r="GRF721" s="613"/>
      <c r="GRG721" s="613"/>
      <c r="GRH721" s="613"/>
      <c r="GRI721" s="613"/>
      <c r="GRJ721" s="613"/>
      <c r="GRK721" s="613"/>
      <c r="GRL721" s="613"/>
      <c r="GRM721" s="613"/>
      <c r="GRN721" s="613"/>
      <c r="GRO721" s="613"/>
      <c r="GRP721" s="613"/>
      <c r="GRQ721" s="613"/>
      <c r="GRR721" s="613"/>
      <c r="GRS721" s="613"/>
      <c r="GRT721" s="613"/>
      <c r="GRU721" s="613"/>
      <c r="GRV721" s="613"/>
      <c r="GRW721" s="613"/>
      <c r="GRX721" s="613"/>
      <c r="GRY721" s="613"/>
      <c r="GRZ721" s="613"/>
      <c r="GSA721" s="613"/>
      <c r="GSB721" s="613"/>
      <c r="GSC721" s="613"/>
      <c r="GSD721" s="613"/>
      <c r="GSE721" s="613"/>
      <c r="GSF721" s="613"/>
      <c r="GSG721" s="613"/>
      <c r="GSH721" s="613"/>
      <c r="GSI721" s="613"/>
      <c r="GSJ721" s="613"/>
      <c r="GSK721" s="613"/>
      <c r="GSL721" s="613"/>
      <c r="GSM721" s="613"/>
      <c r="GSN721" s="613"/>
      <c r="GSO721" s="613"/>
      <c r="GSP721" s="613"/>
      <c r="GSQ721" s="613"/>
      <c r="GSR721" s="613"/>
      <c r="GSS721" s="613"/>
      <c r="GST721" s="613"/>
      <c r="GSU721" s="613"/>
      <c r="GSV721" s="613"/>
      <c r="GSW721" s="613"/>
      <c r="GSX721" s="613"/>
      <c r="GSY721" s="613"/>
      <c r="GSZ721" s="613"/>
      <c r="GTA721" s="613"/>
      <c r="GTB721" s="613"/>
      <c r="GTC721" s="613"/>
      <c r="GTD721" s="613"/>
      <c r="GTE721" s="613"/>
      <c r="GTF721" s="613"/>
      <c r="GTG721" s="613"/>
      <c r="GTH721" s="613"/>
      <c r="GTI721" s="613"/>
      <c r="GTJ721" s="613"/>
      <c r="GTK721" s="613"/>
      <c r="GTL721" s="613"/>
      <c r="GTM721" s="613"/>
      <c r="GTN721" s="613"/>
      <c r="GTO721" s="613"/>
      <c r="GTP721" s="613"/>
      <c r="GTQ721" s="613"/>
      <c r="GTR721" s="613"/>
      <c r="GTS721" s="613"/>
      <c r="GTT721" s="613"/>
      <c r="GTU721" s="613"/>
      <c r="GTV721" s="613"/>
      <c r="GTW721" s="613"/>
      <c r="GTX721" s="613"/>
      <c r="GTY721" s="613"/>
      <c r="GTZ721" s="613"/>
      <c r="GUA721" s="613"/>
      <c r="GUB721" s="613"/>
      <c r="GUC721" s="613"/>
      <c r="GUD721" s="613"/>
      <c r="GUE721" s="613"/>
      <c r="GUF721" s="613"/>
      <c r="GUG721" s="613"/>
      <c r="GUH721" s="613"/>
      <c r="GUI721" s="613"/>
      <c r="GUJ721" s="613"/>
      <c r="GUK721" s="613"/>
      <c r="GUL721" s="613"/>
      <c r="GUM721" s="613"/>
      <c r="GUN721" s="613"/>
      <c r="GUO721" s="613"/>
      <c r="GUP721" s="613"/>
      <c r="GUQ721" s="613"/>
      <c r="GUR721" s="613"/>
      <c r="GUS721" s="613"/>
      <c r="GUT721" s="613"/>
      <c r="GUU721" s="613"/>
      <c r="GUV721" s="613"/>
      <c r="GUW721" s="613"/>
      <c r="GUX721" s="613"/>
      <c r="GUY721" s="613"/>
      <c r="GUZ721" s="613"/>
      <c r="GVA721" s="613"/>
      <c r="GVB721" s="613"/>
      <c r="GVC721" s="613"/>
      <c r="GVD721" s="613"/>
      <c r="GVE721" s="613"/>
      <c r="GVF721" s="613"/>
      <c r="GVG721" s="613"/>
      <c r="GVH721" s="613"/>
      <c r="GVI721" s="613"/>
      <c r="GVJ721" s="613"/>
      <c r="GVK721" s="613"/>
      <c r="GVL721" s="613"/>
      <c r="GVM721" s="613"/>
      <c r="GVN721" s="613"/>
      <c r="GVO721" s="613"/>
      <c r="GVP721" s="613"/>
      <c r="GVQ721" s="613"/>
      <c r="GVR721" s="613"/>
      <c r="GVS721" s="613"/>
      <c r="GVT721" s="613"/>
      <c r="GVU721" s="613"/>
      <c r="GVV721" s="613"/>
      <c r="GVW721" s="613"/>
      <c r="GVX721" s="613"/>
      <c r="GVY721" s="613"/>
      <c r="GVZ721" s="613"/>
      <c r="GWA721" s="613"/>
      <c r="GWB721" s="613"/>
      <c r="GWC721" s="613"/>
      <c r="GWD721" s="613"/>
      <c r="GWE721" s="613"/>
      <c r="GWF721" s="613"/>
      <c r="GWG721" s="613"/>
      <c r="GWH721" s="613"/>
      <c r="GWI721" s="613"/>
      <c r="GWJ721" s="613"/>
      <c r="GWK721" s="613"/>
      <c r="GWL721" s="613"/>
      <c r="GWM721" s="613"/>
      <c r="GWN721" s="613"/>
      <c r="GWO721" s="613"/>
      <c r="GWP721" s="613"/>
      <c r="GWQ721" s="613"/>
      <c r="GWR721" s="613"/>
      <c r="GWS721" s="613"/>
      <c r="GWT721" s="613"/>
      <c r="GWU721" s="613"/>
      <c r="GWV721" s="613"/>
      <c r="GWW721" s="613"/>
      <c r="GWX721" s="613"/>
      <c r="GWY721" s="613"/>
      <c r="GWZ721" s="613"/>
      <c r="GXA721" s="613"/>
      <c r="GXB721" s="613"/>
      <c r="GXC721" s="613"/>
      <c r="GXD721" s="613"/>
      <c r="GXE721" s="613"/>
      <c r="GXF721" s="613"/>
      <c r="GXG721" s="613"/>
      <c r="GXH721" s="613"/>
      <c r="GXI721" s="613"/>
      <c r="GXJ721" s="613"/>
      <c r="GXK721" s="613"/>
      <c r="GXL721" s="613"/>
      <c r="GXM721" s="613"/>
      <c r="GXN721" s="613"/>
      <c r="GXO721" s="613"/>
      <c r="GXP721" s="613"/>
      <c r="GXQ721" s="613"/>
      <c r="GXR721" s="613"/>
      <c r="GXS721" s="613"/>
      <c r="GXT721" s="613"/>
      <c r="GXU721" s="613"/>
      <c r="GXV721" s="613"/>
      <c r="GXW721" s="613"/>
      <c r="GXX721" s="613"/>
      <c r="GXY721" s="613"/>
      <c r="GXZ721" s="613"/>
      <c r="GYA721" s="613"/>
      <c r="GYB721" s="613"/>
      <c r="GYC721" s="613"/>
      <c r="GYD721" s="613"/>
      <c r="GYE721" s="613"/>
      <c r="GYF721" s="613"/>
      <c r="GYG721" s="613"/>
      <c r="GYH721" s="613"/>
      <c r="GYI721" s="613"/>
      <c r="GYJ721" s="613"/>
      <c r="GYK721" s="613"/>
      <c r="GYL721" s="613"/>
      <c r="GYM721" s="613"/>
      <c r="GYN721" s="613"/>
      <c r="GYO721" s="613"/>
      <c r="GYP721" s="613"/>
      <c r="GYQ721" s="613"/>
      <c r="GYR721" s="613"/>
      <c r="GYS721" s="613"/>
      <c r="GYT721" s="613"/>
      <c r="GYU721" s="613"/>
      <c r="GYV721" s="613"/>
      <c r="GYW721" s="613"/>
      <c r="GYX721" s="613"/>
      <c r="GYY721" s="613"/>
      <c r="GYZ721" s="613"/>
      <c r="GZA721" s="613"/>
      <c r="GZB721" s="613"/>
      <c r="GZC721" s="613"/>
      <c r="GZD721" s="613"/>
      <c r="GZE721" s="613"/>
      <c r="GZF721" s="613"/>
      <c r="GZG721" s="613"/>
      <c r="GZH721" s="613"/>
      <c r="GZI721" s="613"/>
      <c r="GZJ721" s="613"/>
      <c r="GZK721" s="613"/>
      <c r="GZL721" s="613"/>
      <c r="GZM721" s="613"/>
      <c r="GZN721" s="613"/>
      <c r="GZO721" s="613"/>
      <c r="GZP721" s="613"/>
      <c r="GZQ721" s="613"/>
      <c r="GZR721" s="613"/>
      <c r="GZS721" s="613"/>
      <c r="GZT721" s="613"/>
      <c r="GZU721" s="613"/>
      <c r="GZV721" s="613"/>
      <c r="GZW721" s="613"/>
      <c r="GZX721" s="613"/>
      <c r="GZY721" s="613"/>
      <c r="GZZ721" s="613"/>
      <c r="HAA721" s="613"/>
      <c r="HAB721" s="613"/>
      <c r="HAC721" s="613"/>
      <c r="HAD721" s="613"/>
      <c r="HAE721" s="613"/>
      <c r="HAF721" s="613"/>
      <c r="HAG721" s="613"/>
      <c r="HAH721" s="613"/>
      <c r="HAI721" s="613"/>
      <c r="HAJ721" s="613"/>
      <c r="HAK721" s="613"/>
      <c r="HAL721" s="613"/>
      <c r="HAM721" s="613"/>
      <c r="HAN721" s="613"/>
      <c r="HAO721" s="613"/>
      <c r="HAP721" s="613"/>
      <c r="HAQ721" s="613"/>
      <c r="HAR721" s="613"/>
      <c r="HAS721" s="613"/>
      <c r="HAT721" s="613"/>
      <c r="HAU721" s="613"/>
      <c r="HAV721" s="613"/>
      <c r="HAW721" s="613"/>
      <c r="HAX721" s="613"/>
      <c r="HAY721" s="613"/>
      <c r="HAZ721" s="613"/>
      <c r="HBA721" s="613"/>
      <c r="HBB721" s="613"/>
      <c r="HBC721" s="613"/>
      <c r="HBD721" s="613"/>
      <c r="HBE721" s="613"/>
      <c r="HBF721" s="613"/>
      <c r="HBG721" s="613"/>
      <c r="HBH721" s="613"/>
      <c r="HBI721" s="613"/>
      <c r="HBJ721" s="613"/>
      <c r="HBK721" s="613"/>
      <c r="HBL721" s="613"/>
      <c r="HBM721" s="613"/>
      <c r="HBN721" s="613"/>
      <c r="HBO721" s="613"/>
      <c r="HBP721" s="613"/>
      <c r="HBQ721" s="613"/>
      <c r="HBR721" s="613"/>
      <c r="HBS721" s="613"/>
      <c r="HBT721" s="613"/>
      <c r="HBU721" s="613"/>
      <c r="HBV721" s="613"/>
      <c r="HBW721" s="613"/>
      <c r="HBX721" s="613"/>
      <c r="HBY721" s="613"/>
      <c r="HBZ721" s="613"/>
      <c r="HCA721" s="613"/>
      <c r="HCB721" s="613"/>
      <c r="HCC721" s="613"/>
      <c r="HCD721" s="613"/>
      <c r="HCE721" s="613"/>
      <c r="HCF721" s="613"/>
      <c r="HCG721" s="613"/>
      <c r="HCH721" s="613"/>
      <c r="HCI721" s="613"/>
      <c r="HCJ721" s="613"/>
      <c r="HCK721" s="613"/>
      <c r="HCL721" s="613"/>
      <c r="HCM721" s="613"/>
      <c r="HCN721" s="613"/>
      <c r="HCO721" s="613"/>
      <c r="HCP721" s="613"/>
      <c r="HCQ721" s="613"/>
      <c r="HCR721" s="613"/>
      <c r="HCS721" s="613"/>
      <c r="HCT721" s="613"/>
      <c r="HCU721" s="613"/>
      <c r="HCV721" s="613"/>
      <c r="HCW721" s="613"/>
      <c r="HCX721" s="613"/>
      <c r="HCY721" s="613"/>
      <c r="HCZ721" s="613"/>
      <c r="HDA721" s="613"/>
      <c r="HDB721" s="613"/>
      <c r="HDC721" s="613"/>
      <c r="HDD721" s="613"/>
      <c r="HDE721" s="613"/>
      <c r="HDF721" s="613"/>
      <c r="HDG721" s="613"/>
      <c r="HDH721" s="613"/>
      <c r="HDI721" s="613"/>
      <c r="HDJ721" s="613"/>
      <c r="HDK721" s="613"/>
      <c r="HDL721" s="613"/>
      <c r="HDM721" s="613"/>
      <c r="HDN721" s="613"/>
      <c r="HDO721" s="613"/>
      <c r="HDP721" s="613"/>
      <c r="HDQ721" s="613"/>
      <c r="HDR721" s="613"/>
      <c r="HDS721" s="613"/>
      <c r="HDT721" s="613"/>
      <c r="HDU721" s="613"/>
      <c r="HDV721" s="613"/>
      <c r="HDW721" s="613"/>
      <c r="HDX721" s="613"/>
      <c r="HDY721" s="613"/>
      <c r="HDZ721" s="613"/>
      <c r="HEA721" s="613"/>
      <c r="HEB721" s="613"/>
      <c r="HEC721" s="613"/>
      <c r="HED721" s="613"/>
      <c r="HEE721" s="613"/>
      <c r="HEF721" s="613"/>
      <c r="HEG721" s="613"/>
      <c r="HEH721" s="613"/>
      <c r="HEI721" s="613"/>
      <c r="HEJ721" s="613"/>
      <c r="HEK721" s="613"/>
      <c r="HEL721" s="613"/>
      <c r="HEM721" s="613"/>
      <c r="HEN721" s="613"/>
      <c r="HEO721" s="613"/>
      <c r="HEP721" s="613"/>
      <c r="HEQ721" s="613"/>
      <c r="HER721" s="613"/>
      <c r="HES721" s="613"/>
      <c r="HET721" s="613"/>
      <c r="HEU721" s="613"/>
      <c r="HEV721" s="613"/>
      <c r="HEW721" s="613"/>
      <c r="HEX721" s="613"/>
      <c r="HEY721" s="613"/>
      <c r="HEZ721" s="613"/>
      <c r="HFA721" s="613"/>
      <c r="HFB721" s="613"/>
      <c r="HFC721" s="613"/>
      <c r="HFD721" s="613"/>
      <c r="HFE721" s="613"/>
      <c r="HFF721" s="613"/>
      <c r="HFG721" s="613"/>
      <c r="HFH721" s="613"/>
      <c r="HFI721" s="613"/>
      <c r="HFJ721" s="613"/>
      <c r="HFK721" s="613"/>
      <c r="HFL721" s="613"/>
      <c r="HFM721" s="613"/>
      <c r="HFN721" s="613"/>
      <c r="HFO721" s="613"/>
      <c r="HFP721" s="613"/>
      <c r="HFQ721" s="613"/>
      <c r="HFR721" s="613"/>
      <c r="HFS721" s="613"/>
      <c r="HFT721" s="613"/>
      <c r="HFU721" s="613"/>
      <c r="HFV721" s="613"/>
      <c r="HFW721" s="613"/>
      <c r="HFX721" s="613"/>
      <c r="HFY721" s="613"/>
      <c r="HFZ721" s="613"/>
      <c r="HGA721" s="613"/>
      <c r="HGB721" s="613"/>
      <c r="HGC721" s="613"/>
      <c r="HGD721" s="613"/>
      <c r="HGE721" s="613"/>
      <c r="HGF721" s="613"/>
      <c r="HGG721" s="613"/>
      <c r="HGH721" s="613"/>
      <c r="HGI721" s="613"/>
      <c r="HGJ721" s="613"/>
      <c r="HGK721" s="613"/>
      <c r="HGL721" s="613"/>
      <c r="HGM721" s="613"/>
      <c r="HGN721" s="613"/>
      <c r="HGO721" s="613"/>
      <c r="HGP721" s="613"/>
      <c r="HGQ721" s="613"/>
      <c r="HGR721" s="613"/>
      <c r="HGS721" s="613"/>
      <c r="HGT721" s="613"/>
      <c r="HGU721" s="613"/>
      <c r="HGV721" s="613"/>
      <c r="HGW721" s="613"/>
      <c r="HGX721" s="613"/>
      <c r="HGY721" s="613"/>
      <c r="HGZ721" s="613"/>
      <c r="HHA721" s="613"/>
      <c r="HHB721" s="613"/>
      <c r="HHC721" s="613"/>
      <c r="HHD721" s="613"/>
      <c r="HHE721" s="613"/>
      <c r="HHF721" s="613"/>
      <c r="HHG721" s="613"/>
      <c r="HHH721" s="613"/>
      <c r="HHI721" s="613"/>
      <c r="HHJ721" s="613"/>
      <c r="HHK721" s="613"/>
      <c r="HHL721" s="613"/>
      <c r="HHM721" s="613"/>
      <c r="HHN721" s="613"/>
      <c r="HHO721" s="613"/>
      <c r="HHP721" s="613"/>
      <c r="HHQ721" s="613"/>
      <c r="HHR721" s="613"/>
      <c r="HHS721" s="613"/>
      <c r="HHT721" s="613"/>
      <c r="HHU721" s="613"/>
      <c r="HHV721" s="613"/>
      <c r="HHW721" s="613"/>
      <c r="HHX721" s="613"/>
      <c r="HHY721" s="613"/>
      <c r="HHZ721" s="613"/>
      <c r="HIA721" s="613"/>
      <c r="HIB721" s="613"/>
      <c r="HIC721" s="613"/>
      <c r="HID721" s="613"/>
      <c r="HIE721" s="613"/>
      <c r="HIF721" s="613"/>
      <c r="HIG721" s="613"/>
      <c r="HIH721" s="613"/>
      <c r="HII721" s="613"/>
      <c r="HIJ721" s="613"/>
      <c r="HIK721" s="613"/>
      <c r="HIL721" s="613"/>
      <c r="HIM721" s="613"/>
      <c r="HIN721" s="613"/>
      <c r="HIO721" s="613"/>
      <c r="HIP721" s="613"/>
      <c r="HIQ721" s="613"/>
      <c r="HIR721" s="613"/>
      <c r="HIS721" s="613"/>
      <c r="HIT721" s="613"/>
      <c r="HIU721" s="613"/>
      <c r="HIV721" s="613"/>
      <c r="HIW721" s="613"/>
      <c r="HIX721" s="613"/>
      <c r="HIY721" s="613"/>
      <c r="HIZ721" s="613"/>
      <c r="HJA721" s="613"/>
      <c r="HJB721" s="613"/>
      <c r="HJC721" s="613"/>
      <c r="HJD721" s="613"/>
      <c r="HJE721" s="613"/>
      <c r="HJF721" s="613"/>
      <c r="HJG721" s="613"/>
      <c r="HJH721" s="613"/>
      <c r="HJI721" s="613"/>
      <c r="HJJ721" s="613"/>
      <c r="HJK721" s="613"/>
      <c r="HJL721" s="613"/>
      <c r="HJM721" s="613"/>
      <c r="HJN721" s="613"/>
      <c r="HJO721" s="613"/>
      <c r="HJP721" s="613"/>
      <c r="HJQ721" s="613"/>
      <c r="HJR721" s="613"/>
      <c r="HJS721" s="613"/>
      <c r="HJT721" s="613"/>
      <c r="HJU721" s="613"/>
      <c r="HJV721" s="613"/>
      <c r="HJW721" s="613"/>
      <c r="HJX721" s="613"/>
      <c r="HJY721" s="613"/>
      <c r="HJZ721" s="613"/>
      <c r="HKA721" s="613"/>
      <c r="HKB721" s="613"/>
      <c r="HKC721" s="613"/>
      <c r="HKD721" s="613"/>
      <c r="HKE721" s="613"/>
      <c r="HKF721" s="613"/>
      <c r="HKG721" s="613"/>
      <c r="HKH721" s="613"/>
      <c r="HKI721" s="613"/>
      <c r="HKJ721" s="613"/>
      <c r="HKK721" s="613"/>
      <c r="HKL721" s="613"/>
      <c r="HKM721" s="613"/>
      <c r="HKN721" s="613"/>
      <c r="HKO721" s="613"/>
      <c r="HKP721" s="613"/>
      <c r="HKQ721" s="613"/>
      <c r="HKR721" s="613"/>
      <c r="HKS721" s="613"/>
      <c r="HKT721" s="613"/>
      <c r="HKU721" s="613"/>
      <c r="HKV721" s="613"/>
      <c r="HKW721" s="613"/>
      <c r="HKX721" s="613"/>
      <c r="HKY721" s="613"/>
      <c r="HKZ721" s="613"/>
      <c r="HLA721" s="613"/>
      <c r="HLB721" s="613"/>
      <c r="HLC721" s="613"/>
      <c r="HLD721" s="613"/>
      <c r="HLE721" s="613"/>
      <c r="HLF721" s="613"/>
      <c r="HLG721" s="613"/>
      <c r="HLH721" s="613"/>
      <c r="HLI721" s="613"/>
      <c r="HLJ721" s="613"/>
      <c r="HLK721" s="613"/>
      <c r="HLL721" s="613"/>
      <c r="HLM721" s="613"/>
      <c r="HLN721" s="613"/>
      <c r="HLO721" s="613"/>
      <c r="HLP721" s="613"/>
      <c r="HLQ721" s="613"/>
      <c r="HLR721" s="613"/>
      <c r="HLS721" s="613"/>
      <c r="HLT721" s="613"/>
      <c r="HLU721" s="613"/>
      <c r="HLV721" s="613"/>
      <c r="HLW721" s="613"/>
      <c r="HLX721" s="613"/>
      <c r="HLY721" s="613"/>
      <c r="HLZ721" s="613"/>
      <c r="HMA721" s="613"/>
      <c r="HMB721" s="613"/>
      <c r="HMC721" s="613"/>
      <c r="HMD721" s="613"/>
      <c r="HME721" s="613"/>
      <c r="HMF721" s="613"/>
      <c r="HMG721" s="613"/>
      <c r="HMH721" s="613"/>
      <c r="HMI721" s="613"/>
      <c r="HMJ721" s="613"/>
      <c r="HMK721" s="613"/>
      <c r="HML721" s="613"/>
      <c r="HMM721" s="613"/>
      <c r="HMN721" s="613"/>
      <c r="HMO721" s="613"/>
      <c r="HMP721" s="613"/>
      <c r="HMQ721" s="613"/>
      <c r="HMR721" s="613"/>
      <c r="HMS721" s="613"/>
      <c r="HMT721" s="613"/>
      <c r="HMU721" s="613"/>
      <c r="HMV721" s="613"/>
      <c r="HMW721" s="613"/>
      <c r="HMX721" s="613"/>
      <c r="HMY721" s="613"/>
      <c r="HMZ721" s="613"/>
      <c r="HNA721" s="613"/>
      <c r="HNB721" s="613"/>
      <c r="HNC721" s="613"/>
      <c r="HND721" s="613"/>
      <c r="HNE721" s="613"/>
      <c r="HNF721" s="613"/>
      <c r="HNG721" s="613"/>
      <c r="HNH721" s="613"/>
      <c r="HNI721" s="613"/>
      <c r="HNJ721" s="613"/>
      <c r="HNK721" s="613"/>
      <c r="HNL721" s="613"/>
      <c r="HNM721" s="613"/>
      <c r="HNN721" s="613"/>
      <c r="HNO721" s="613"/>
      <c r="HNP721" s="613"/>
      <c r="HNQ721" s="613"/>
      <c r="HNR721" s="613"/>
      <c r="HNS721" s="613"/>
      <c r="HNT721" s="613"/>
      <c r="HNU721" s="613"/>
      <c r="HNV721" s="613"/>
      <c r="HNW721" s="613"/>
      <c r="HNX721" s="613"/>
      <c r="HNY721" s="613"/>
      <c r="HNZ721" s="613"/>
      <c r="HOA721" s="613"/>
      <c r="HOB721" s="613"/>
      <c r="HOC721" s="613"/>
      <c r="HOD721" s="613"/>
      <c r="HOE721" s="613"/>
      <c r="HOF721" s="613"/>
      <c r="HOG721" s="613"/>
      <c r="HOH721" s="613"/>
      <c r="HOI721" s="613"/>
      <c r="HOJ721" s="613"/>
      <c r="HOK721" s="613"/>
      <c r="HOL721" s="613"/>
      <c r="HOM721" s="613"/>
      <c r="HON721" s="613"/>
      <c r="HOO721" s="613"/>
      <c r="HOP721" s="613"/>
      <c r="HOQ721" s="613"/>
      <c r="HOR721" s="613"/>
      <c r="HOS721" s="613"/>
      <c r="HOT721" s="613"/>
      <c r="HOU721" s="613"/>
      <c r="HOV721" s="613"/>
      <c r="HOW721" s="613"/>
      <c r="HOX721" s="613"/>
      <c r="HOY721" s="613"/>
      <c r="HOZ721" s="613"/>
      <c r="HPA721" s="613"/>
      <c r="HPB721" s="613"/>
      <c r="HPC721" s="613"/>
      <c r="HPD721" s="613"/>
      <c r="HPE721" s="613"/>
      <c r="HPF721" s="613"/>
      <c r="HPG721" s="613"/>
      <c r="HPH721" s="613"/>
      <c r="HPI721" s="613"/>
      <c r="HPJ721" s="613"/>
      <c r="HPK721" s="613"/>
      <c r="HPL721" s="613"/>
      <c r="HPM721" s="613"/>
      <c r="HPN721" s="613"/>
      <c r="HPO721" s="613"/>
      <c r="HPP721" s="613"/>
      <c r="HPQ721" s="613"/>
      <c r="HPR721" s="613"/>
      <c r="HPS721" s="613"/>
      <c r="HPT721" s="613"/>
      <c r="HPU721" s="613"/>
      <c r="HPV721" s="613"/>
      <c r="HPW721" s="613"/>
      <c r="HPX721" s="613"/>
      <c r="HPY721" s="613"/>
      <c r="HPZ721" s="613"/>
      <c r="HQA721" s="613"/>
      <c r="HQB721" s="613"/>
      <c r="HQC721" s="613"/>
      <c r="HQD721" s="613"/>
      <c r="HQE721" s="613"/>
      <c r="HQF721" s="613"/>
      <c r="HQG721" s="613"/>
      <c r="HQH721" s="613"/>
      <c r="HQI721" s="613"/>
      <c r="HQJ721" s="613"/>
      <c r="HQK721" s="613"/>
      <c r="HQL721" s="613"/>
      <c r="HQM721" s="613"/>
      <c r="HQN721" s="613"/>
      <c r="HQO721" s="613"/>
      <c r="HQP721" s="613"/>
      <c r="HQQ721" s="613"/>
      <c r="HQR721" s="613"/>
      <c r="HQS721" s="613"/>
      <c r="HQT721" s="613"/>
      <c r="HQU721" s="613"/>
      <c r="HQV721" s="613"/>
      <c r="HQW721" s="613"/>
      <c r="HQX721" s="613"/>
      <c r="HQY721" s="613"/>
      <c r="HQZ721" s="613"/>
      <c r="HRA721" s="613"/>
      <c r="HRB721" s="613"/>
      <c r="HRC721" s="613"/>
      <c r="HRD721" s="613"/>
      <c r="HRE721" s="613"/>
      <c r="HRF721" s="613"/>
      <c r="HRG721" s="613"/>
      <c r="HRH721" s="613"/>
      <c r="HRI721" s="613"/>
      <c r="HRJ721" s="613"/>
      <c r="HRK721" s="613"/>
      <c r="HRL721" s="613"/>
      <c r="HRM721" s="613"/>
      <c r="HRN721" s="613"/>
      <c r="HRO721" s="613"/>
      <c r="HRP721" s="613"/>
      <c r="HRQ721" s="613"/>
      <c r="HRR721" s="613"/>
      <c r="HRS721" s="613"/>
      <c r="HRT721" s="613"/>
      <c r="HRU721" s="613"/>
      <c r="HRV721" s="613"/>
      <c r="HRW721" s="613"/>
      <c r="HRX721" s="613"/>
      <c r="HRY721" s="613"/>
      <c r="HRZ721" s="613"/>
      <c r="HSA721" s="613"/>
      <c r="HSB721" s="613"/>
      <c r="HSC721" s="613"/>
      <c r="HSD721" s="613"/>
      <c r="HSE721" s="613"/>
      <c r="HSF721" s="613"/>
      <c r="HSG721" s="613"/>
      <c r="HSH721" s="613"/>
      <c r="HSI721" s="613"/>
      <c r="HSJ721" s="613"/>
      <c r="HSK721" s="613"/>
      <c r="HSL721" s="613"/>
      <c r="HSM721" s="613"/>
      <c r="HSN721" s="613"/>
      <c r="HSO721" s="613"/>
      <c r="HSP721" s="613"/>
      <c r="HSQ721" s="613"/>
      <c r="HSR721" s="613"/>
      <c r="HSS721" s="613"/>
      <c r="HST721" s="613"/>
      <c r="HSU721" s="613"/>
      <c r="HSV721" s="613"/>
      <c r="HSW721" s="613"/>
      <c r="HSX721" s="613"/>
      <c r="HSY721" s="613"/>
      <c r="HSZ721" s="613"/>
      <c r="HTA721" s="613"/>
      <c r="HTB721" s="613"/>
      <c r="HTC721" s="613"/>
      <c r="HTD721" s="613"/>
      <c r="HTE721" s="613"/>
      <c r="HTF721" s="613"/>
      <c r="HTG721" s="613"/>
      <c r="HTH721" s="613"/>
      <c r="HTI721" s="613"/>
      <c r="HTJ721" s="613"/>
      <c r="HTK721" s="613"/>
      <c r="HTL721" s="613"/>
      <c r="HTM721" s="613"/>
      <c r="HTN721" s="613"/>
      <c r="HTO721" s="613"/>
      <c r="HTP721" s="613"/>
      <c r="HTQ721" s="613"/>
      <c r="HTR721" s="613"/>
      <c r="HTS721" s="613"/>
      <c r="HTT721" s="613"/>
      <c r="HTU721" s="613"/>
      <c r="HTV721" s="613"/>
      <c r="HTW721" s="613"/>
      <c r="HTX721" s="613"/>
      <c r="HTY721" s="613"/>
      <c r="HTZ721" s="613"/>
      <c r="HUA721" s="613"/>
      <c r="HUB721" s="613"/>
      <c r="HUC721" s="613"/>
      <c r="HUD721" s="613"/>
      <c r="HUE721" s="613"/>
      <c r="HUF721" s="613"/>
      <c r="HUG721" s="613"/>
      <c r="HUH721" s="613"/>
      <c r="HUI721" s="613"/>
      <c r="HUJ721" s="613"/>
      <c r="HUK721" s="613"/>
      <c r="HUL721" s="613"/>
      <c r="HUM721" s="613"/>
      <c r="HUN721" s="613"/>
      <c r="HUO721" s="613"/>
      <c r="HUP721" s="613"/>
      <c r="HUQ721" s="613"/>
      <c r="HUR721" s="613"/>
      <c r="HUS721" s="613"/>
      <c r="HUT721" s="613"/>
      <c r="HUU721" s="613"/>
      <c r="HUV721" s="613"/>
      <c r="HUW721" s="613"/>
      <c r="HUX721" s="613"/>
      <c r="HUY721" s="613"/>
      <c r="HUZ721" s="613"/>
      <c r="HVA721" s="613"/>
      <c r="HVB721" s="613"/>
      <c r="HVC721" s="613"/>
      <c r="HVD721" s="613"/>
      <c r="HVE721" s="613"/>
      <c r="HVF721" s="613"/>
      <c r="HVG721" s="613"/>
      <c r="HVH721" s="613"/>
      <c r="HVI721" s="613"/>
      <c r="HVJ721" s="613"/>
      <c r="HVK721" s="613"/>
      <c r="HVL721" s="613"/>
      <c r="HVM721" s="613"/>
      <c r="HVN721" s="613"/>
      <c r="HVO721" s="613"/>
      <c r="HVP721" s="613"/>
      <c r="HVQ721" s="613"/>
      <c r="HVR721" s="613"/>
      <c r="HVS721" s="613"/>
      <c r="HVT721" s="613"/>
      <c r="HVU721" s="613"/>
      <c r="HVV721" s="613"/>
      <c r="HVW721" s="613"/>
      <c r="HVX721" s="613"/>
      <c r="HVY721" s="613"/>
      <c r="HVZ721" s="613"/>
      <c r="HWA721" s="613"/>
      <c r="HWB721" s="613"/>
      <c r="HWC721" s="613"/>
      <c r="HWD721" s="613"/>
      <c r="HWE721" s="613"/>
      <c r="HWF721" s="613"/>
      <c r="HWG721" s="613"/>
      <c r="HWH721" s="613"/>
      <c r="HWI721" s="613"/>
      <c r="HWJ721" s="613"/>
      <c r="HWK721" s="613"/>
      <c r="HWL721" s="613"/>
      <c r="HWM721" s="613"/>
      <c r="HWN721" s="613"/>
      <c r="HWO721" s="613"/>
      <c r="HWP721" s="613"/>
      <c r="HWQ721" s="613"/>
      <c r="HWR721" s="613"/>
      <c r="HWS721" s="613"/>
      <c r="HWT721" s="613"/>
      <c r="HWU721" s="613"/>
      <c r="HWV721" s="613"/>
      <c r="HWW721" s="613"/>
      <c r="HWX721" s="613"/>
      <c r="HWY721" s="613"/>
      <c r="HWZ721" s="613"/>
      <c r="HXA721" s="613"/>
      <c r="HXB721" s="613"/>
      <c r="HXC721" s="613"/>
      <c r="HXD721" s="613"/>
      <c r="HXE721" s="613"/>
      <c r="HXF721" s="613"/>
      <c r="HXG721" s="613"/>
      <c r="HXH721" s="613"/>
      <c r="HXI721" s="613"/>
      <c r="HXJ721" s="613"/>
      <c r="HXK721" s="613"/>
      <c r="HXL721" s="613"/>
      <c r="HXM721" s="613"/>
      <c r="HXN721" s="613"/>
      <c r="HXO721" s="613"/>
      <c r="HXP721" s="613"/>
      <c r="HXQ721" s="613"/>
      <c r="HXR721" s="613"/>
      <c r="HXS721" s="613"/>
      <c r="HXT721" s="613"/>
      <c r="HXU721" s="613"/>
      <c r="HXV721" s="613"/>
      <c r="HXW721" s="613"/>
      <c r="HXX721" s="613"/>
      <c r="HXY721" s="613"/>
      <c r="HXZ721" s="613"/>
      <c r="HYA721" s="613"/>
      <c r="HYB721" s="613"/>
      <c r="HYC721" s="613"/>
      <c r="HYD721" s="613"/>
      <c r="HYE721" s="613"/>
      <c r="HYF721" s="613"/>
      <c r="HYG721" s="613"/>
      <c r="HYH721" s="613"/>
      <c r="HYI721" s="613"/>
      <c r="HYJ721" s="613"/>
      <c r="HYK721" s="613"/>
      <c r="HYL721" s="613"/>
      <c r="HYM721" s="613"/>
      <c r="HYN721" s="613"/>
      <c r="HYO721" s="613"/>
      <c r="HYP721" s="613"/>
      <c r="HYQ721" s="613"/>
      <c r="HYR721" s="613"/>
      <c r="HYS721" s="613"/>
      <c r="HYT721" s="613"/>
      <c r="HYU721" s="613"/>
      <c r="HYV721" s="613"/>
      <c r="HYW721" s="613"/>
      <c r="HYX721" s="613"/>
      <c r="HYY721" s="613"/>
      <c r="HYZ721" s="613"/>
      <c r="HZA721" s="613"/>
      <c r="HZB721" s="613"/>
      <c r="HZC721" s="613"/>
      <c r="HZD721" s="613"/>
      <c r="HZE721" s="613"/>
      <c r="HZF721" s="613"/>
      <c r="HZG721" s="613"/>
      <c r="HZH721" s="613"/>
      <c r="HZI721" s="613"/>
      <c r="HZJ721" s="613"/>
      <c r="HZK721" s="613"/>
      <c r="HZL721" s="613"/>
      <c r="HZM721" s="613"/>
      <c r="HZN721" s="613"/>
      <c r="HZO721" s="613"/>
      <c r="HZP721" s="613"/>
      <c r="HZQ721" s="613"/>
      <c r="HZR721" s="613"/>
      <c r="HZS721" s="613"/>
      <c r="HZT721" s="613"/>
      <c r="HZU721" s="613"/>
      <c r="HZV721" s="613"/>
      <c r="HZW721" s="613"/>
      <c r="HZX721" s="613"/>
      <c r="HZY721" s="613"/>
      <c r="HZZ721" s="613"/>
      <c r="IAA721" s="613"/>
      <c r="IAB721" s="613"/>
      <c r="IAC721" s="613"/>
      <c r="IAD721" s="613"/>
      <c r="IAE721" s="613"/>
      <c r="IAF721" s="613"/>
      <c r="IAG721" s="613"/>
      <c r="IAH721" s="613"/>
      <c r="IAI721" s="613"/>
      <c r="IAJ721" s="613"/>
      <c r="IAK721" s="613"/>
      <c r="IAL721" s="613"/>
      <c r="IAM721" s="613"/>
      <c r="IAN721" s="613"/>
      <c r="IAO721" s="613"/>
      <c r="IAP721" s="613"/>
      <c r="IAQ721" s="613"/>
      <c r="IAR721" s="613"/>
      <c r="IAS721" s="613"/>
      <c r="IAT721" s="613"/>
      <c r="IAU721" s="613"/>
      <c r="IAV721" s="613"/>
      <c r="IAW721" s="613"/>
      <c r="IAX721" s="613"/>
      <c r="IAY721" s="613"/>
      <c r="IAZ721" s="613"/>
      <c r="IBA721" s="613"/>
      <c r="IBB721" s="613"/>
      <c r="IBC721" s="613"/>
      <c r="IBD721" s="613"/>
      <c r="IBE721" s="613"/>
      <c r="IBF721" s="613"/>
      <c r="IBG721" s="613"/>
      <c r="IBH721" s="613"/>
      <c r="IBI721" s="613"/>
      <c r="IBJ721" s="613"/>
      <c r="IBK721" s="613"/>
      <c r="IBL721" s="613"/>
      <c r="IBM721" s="613"/>
      <c r="IBN721" s="613"/>
      <c r="IBO721" s="613"/>
      <c r="IBP721" s="613"/>
      <c r="IBQ721" s="613"/>
      <c r="IBR721" s="613"/>
      <c r="IBS721" s="613"/>
      <c r="IBT721" s="613"/>
      <c r="IBU721" s="613"/>
      <c r="IBV721" s="613"/>
      <c r="IBW721" s="613"/>
      <c r="IBX721" s="613"/>
      <c r="IBY721" s="613"/>
      <c r="IBZ721" s="613"/>
      <c r="ICA721" s="613"/>
      <c r="ICB721" s="613"/>
      <c r="ICC721" s="613"/>
      <c r="ICD721" s="613"/>
      <c r="ICE721" s="613"/>
      <c r="ICF721" s="613"/>
      <c r="ICG721" s="613"/>
      <c r="ICH721" s="613"/>
      <c r="ICI721" s="613"/>
      <c r="ICJ721" s="613"/>
      <c r="ICK721" s="613"/>
      <c r="ICL721" s="613"/>
      <c r="ICM721" s="613"/>
      <c r="ICN721" s="613"/>
      <c r="ICO721" s="613"/>
      <c r="ICP721" s="613"/>
      <c r="ICQ721" s="613"/>
      <c r="ICR721" s="613"/>
      <c r="ICS721" s="613"/>
      <c r="ICT721" s="613"/>
      <c r="ICU721" s="613"/>
      <c r="ICV721" s="613"/>
      <c r="ICW721" s="613"/>
      <c r="ICX721" s="613"/>
      <c r="ICY721" s="613"/>
      <c r="ICZ721" s="613"/>
      <c r="IDA721" s="613"/>
      <c r="IDB721" s="613"/>
      <c r="IDC721" s="613"/>
      <c r="IDD721" s="613"/>
      <c r="IDE721" s="613"/>
      <c r="IDF721" s="613"/>
      <c r="IDG721" s="613"/>
      <c r="IDH721" s="613"/>
      <c r="IDI721" s="613"/>
      <c r="IDJ721" s="613"/>
      <c r="IDK721" s="613"/>
      <c r="IDL721" s="613"/>
      <c r="IDM721" s="613"/>
      <c r="IDN721" s="613"/>
      <c r="IDO721" s="613"/>
      <c r="IDP721" s="613"/>
      <c r="IDQ721" s="613"/>
      <c r="IDR721" s="613"/>
      <c r="IDS721" s="613"/>
      <c r="IDT721" s="613"/>
      <c r="IDU721" s="613"/>
      <c r="IDV721" s="613"/>
      <c r="IDW721" s="613"/>
      <c r="IDX721" s="613"/>
      <c r="IDY721" s="613"/>
      <c r="IDZ721" s="613"/>
      <c r="IEA721" s="613"/>
      <c r="IEB721" s="613"/>
      <c r="IEC721" s="613"/>
      <c r="IED721" s="613"/>
      <c r="IEE721" s="613"/>
      <c r="IEF721" s="613"/>
      <c r="IEG721" s="613"/>
      <c r="IEH721" s="613"/>
      <c r="IEI721" s="613"/>
      <c r="IEJ721" s="613"/>
      <c r="IEK721" s="613"/>
      <c r="IEL721" s="613"/>
      <c r="IEM721" s="613"/>
      <c r="IEN721" s="613"/>
      <c r="IEO721" s="613"/>
      <c r="IEP721" s="613"/>
      <c r="IEQ721" s="613"/>
      <c r="IER721" s="613"/>
      <c r="IES721" s="613"/>
      <c r="IET721" s="613"/>
      <c r="IEU721" s="613"/>
      <c r="IEV721" s="613"/>
      <c r="IEW721" s="613"/>
      <c r="IEX721" s="613"/>
      <c r="IEY721" s="613"/>
      <c r="IEZ721" s="613"/>
      <c r="IFA721" s="613"/>
      <c r="IFB721" s="613"/>
      <c r="IFC721" s="613"/>
      <c r="IFD721" s="613"/>
      <c r="IFE721" s="613"/>
      <c r="IFF721" s="613"/>
      <c r="IFG721" s="613"/>
      <c r="IFH721" s="613"/>
      <c r="IFI721" s="613"/>
      <c r="IFJ721" s="613"/>
      <c r="IFK721" s="613"/>
      <c r="IFL721" s="613"/>
      <c r="IFM721" s="613"/>
      <c r="IFN721" s="613"/>
      <c r="IFO721" s="613"/>
      <c r="IFP721" s="613"/>
      <c r="IFQ721" s="613"/>
      <c r="IFR721" s="613"/>
      <c r="IFS721" s="613"/>
      <c r="IFT721" s="613"/>
      <c r="IFU721" s="613"/>
      <c r="IFV721" s="613"/>
      <c r="IFW721" s="613"/>
      <c r="IFX721" s="613"/>
      <c r="IFY721" s="613"/>
      <c r="IFZ721" s="613"/>
      <c r="IGA721" s="613"/>
      <c r="IGB721" s="613"/>
      <c r="IGC721" s="613"/>
      <c r="IGD721" s="613"/>
      <c r="IGE721" s="613"/>
      <c r="IGF721" s="613"/>
      <c r="IGG721" s="613"/>
      <c r="IGH721" s="613"/>
      <c r="IGI721" s="613"/>
      <c r="IGJ721" s="613"/>
      <c r="IGK721" s="613"/>
      <c r="IGL721" s="613"/>
      <c r="IGM721" s="613"/>
      <c r="IGN721" s="613"/>
      <c r="IGO721" s="613"/>
      <c r="IGP721" s="613"/>
      <c r="IGQ721" s="613"/>
      <c r="IGR721" s="613"/>
      <c r="IGS721" s="613"/>
      <c r="IGT721" s="613"/>
      <c r="IGU721" s="613"/>
      <c r="IGV721" s="613"/>
      <c r="IGW721" s="613"/>
      <c r="IGX721" s="613"/>
      <c r="IGY721" s="613"/>
      <c r="IGZ721" s="613"/>
      <c r="IHA721" s="613"/>
      <c r="IHB721" s="613"/>
      <c r="IHC721" s="613"/>
      <c r="IHD721" s="613"/>
      <c r="IHE721" s="613"/>
      <c r="IHF721" s="613"/>
      <c r="IHG721" s="613"/>
      <c r="IHH721" s="613"/>
      <c r="IHI721" s="613"/>
      <c r="IHJ721" s="613"/>
      <c r="IHK721" s="613"/>
      <c r="IHL721" s="613"/>
      <c r="IHM721" s="613"/>
      <c r="IHN721" s="613"/>
      <c r="IHO721" s="613"/>
      <c r="IHP721" s="613"/>
      <c r="IHQ721" s="613"/>
      <c r="IHR721" s="613"/>
      <c r="IHS721" s="613"/>
      <c r="IHT721" s="613"/>
      <c r="IHU721" s="613"/>
      <c r="IHV721" s="613"/>
      <c r="IHW721" s="613"/>
      <c r="IHX721" s="613"/>
      <c r="IHY721" s="613"/>
      <c r="IHZ721" s="613"/>
      <c r="IIA721" s="613"/>
      <c r="IIB721" s="613"/>
      <c r="IIC721" s="613"/>
      <c r="IID721" s="613"/>
      <c r="IIE721" s="613"/>
      <c r="IIF721" s="613"/>
      <c r="IIG721" s="613"/>
      <c r="IIH721" s="613"/>
      <c r="III721" s="613"/>
      <c r="IIJ721" s="613"/>
      <c r="IIK721" s="613"/>
      <c r="IIL721" s="613"/>
      <c r="IIM721" s="613"/>
      <c r="IIN721" s="613"/>
      <c r="IIO721" s="613"/>
      <c r="IIP721" s="613"/>
      <c r="IIQ721" s="613"/>
      <c r="IIR721" s="613"/>
      <c r="IIS721" s="613"/>
      <c r="IIT721" s="613"/>
      <c r="IIU721" s="613"/>
      <c r="IIV721" s="613"/>
      <c r="IIW721" s="613"/>
      <c r="IIX721" s="613"/>
      <c r="IIY721" s="613"/>
      <c r="IIZ721" s="613"/>
      <c r="IJA721" s="613"/>
      <c r="IJB721" s="613"/>
      <c r="IJC721" s="613"/>
      <c r="IJD721" s="613"/>
      <c r="IJE721" s="613"/>
      <c r="IJF721" s="613"/>
      <c r="IJG721" s="613"/>
      <c r="IJH721" s="613"/>
      <c r="IJI721" s="613"/>
      <c r="IJJ721" s="613"/>
      <c r="IJK721" s="613"/>
      <c r="IJL721" s="613"/>
      <c r="IJM721" s="613"/>
      <c r="IJN721" s="613"/>
      <c r="IJO721" s="613"/>
      <c r="IJP721" s="613"/>
      <c r="IJQ721" s="613"/>
      <c r="IJR721" s="613"/>
      <c r="IJS721" s="613"/>
      <c r="IJT721" s="613"/>
      <c r="IJU721" s="613"/>
      <c r="IJV721" s="613"/>
      <c r="IJW721" s="613"/>
      <c r="IJX721" s="613"/>
      <c r="IJY721" s="613"/>
      <c r="IJZ721" s="613"/>
      <c r="IKA721" s="613"/>
      <c r="IKB721" s="613"/>
      <c r="IKC721" s="613"/>
      <c r="IKD721" s="613"/>
      <c r="IKE721" s="613"/>
      <c r="IKF721" s="613"/>
      <c r="IKG721" s="613"/>
      <c r="IKH721" s="613"/>
      <c r="IKI721" s="613"/>
      <c r="IKJ721" s="613"/>
      <c r="IKK721" s="613"/>
      <c r="IKL721" s="613"/>
      <c r="IKM721" s="613"/>
      <c r="IKN721" s="613"/>
      <c r="IKO721" s="613"/>
      <c r="IKP721" s="613"/>
      <c r="IKQ721" s="613"/>
      <c r="IKR721" s="613"/>
      <c r="IKS721" s="613"/>
      <c r="IKT721" s="613"/>
      <c r="IKU721" s="613"/>
      <c r="IKV721" s="613"/>
      <c r="IKW721" s="613"/>
      <c r="IKX721" s="613"/>
      <c r="IKY721" s="613"/>
      <c r="IKZ721" s="613"/>
      <c r="ILA721" s="613"/>
      <c r="ILB721" s="613"/>
      <c r="ILC721" s="613"/>
      <c r="ILD721" s="613"/>
      <c r="ILE721" s="613"/>
      <c r="ILF721" s="613"/>
      <c r="ILG721" s="613"/>
      <c r="ILH721" s="613"/>
      <c r="ILI721" s="613"/>
      <c r="ILJ721" s="613"/>
      <c r="ILK721" s="613"/>
      <c r="ILL721" s="613"/>
      <c r="ILM721" s="613"/>
      <c r="ILN721" s="613"/>
      <c r="ILO721" s="613"/>
      <c r="ILP721" s="613"/>
      <c r="ILQ721" s="613"/>
      <c r="ILR721" s="613"/>
      <c r="ILS721" s="613"/>
      <c r="ILT721" s="613"/>
      <c r="ILU721" s="613"/>
      <c r="ILV721" s="613"/>
      <c r="ILW721" s="613"/>
      <c r="ILX721" s="613"/>
      <c r="ILY721" s="613"/>
      <c r="ILZ721" s="613"/>
      <c r="IMA721" s="613"/>
      <c r="IMB721" s="613"/>
      <c r="IMC721" s="613"/>
      <c r="IMD721" s="613"/>
      <c r="IME721" s="613"/>
      <c r="IMF721" s="613"/>
      <c r="IMG721" s="613"/>
      <c r="IMH721" s="613"/>
      <c r="IMI721" s="613"/>
      <c r="IMJ721" s="613"/>
      <c r="IMK721" s="613"/>
      <c r="IML721" s="613"/>
      <c r="IMM721" s="613"/>
      <c r="IMN721" s="613"/>
      <c r="IMO721" s="613"/>
      <c r="IMP721" s="613"/>
      <c r="IMQ721" s="613"/>
      <c r="IMR721" s="613"/>
      <c r="IMS721" s="613"/>
      <c r="IMT721" s="613"/>
      <c r="IMU721" s="613"/>
      <c r="IMV721" s="613"/>
      <c r="IMW721" s="613"/>
      <c r="IMX721" s="613"/>
      <c r="IMY721" s="613"/>
      <c r="IMZ721" s="613"/>
      <c r="INA721" s="613"/>
      <c r="INB721" s="613"/>
      <c r="INC721" s="613"/>
      <c r="IND721" s="613"/>
      <c r="INE721" s="613"/>
      <c r="INF721" s="613"/>
      <c r="ING721" s="613"/>
      <c r="INH721" s="613"/>
      <c r="INI721" s="613"/>
      <c r="INJ721" s="613"/>
      <c r="INK721" s="613"/>
      <c r="INL721" s="613"/>
      <c r="INM721" s="613"/>
      <c r="INN721" s="613"/>
      <c r="INO721" s="613"/>
      <c r="INP721" s="613"/>
      <c r="INQ721" s="613"/>
      <c r="INR721" s="613"/>
      <c r="INS721" s="613"/>
      <c r="INT721" s="613"/>
      <c r="INU721" s="613"/>
      <c r="INV721" s="613"/>
      <c r="INW721" s="613"/>
      <c r="INX721" s="613"/>
      <c r="INY721" s="613"/>
      <c r="INZ721" s="613"/>
      <c r="IOA721" s="613"/>
      <c r="IOB721" s="613"/>
      <c r="IOC721" s="613"/>
      <c r="IOD721" s="613"/>
      <c r="IOE721" s="613"/>
      <c r="IOF721" s="613"/>
      <c r="IOG721" s="613"/>
      <c r="IOH721" s="613"/>
      <c r="IOI721" s="613"/>
      <c r="IOJ721" s="613"/>
      <c r="IOK721" s="613"/>
      <c r="IOL721" s="613"/>
      <c r="IOM721" s="613"/>
      <c r="ION721" s="613"/>
      <c r="IOO721" s="613"/>
      <c r="IOP721" s="613"/>
      <c r="IOQ721" s="613"/>
      <c r="IOR721" s="613"/>
      <c r="IOS721" s="613"/>
      <c r="IOT721" s="613"/>
      <c r="IOU721" s="613"/>
      <c r="IOV721" s="613"/>
      <c r="IOW721" s="613"/>
      <c r="IOX721" s="613"/>
      <c r="IOY721" s="613"/>
      <c r="IOZ721" s="613"/>
      <c r="IPA721" s="613"/>
      <c r="IPB721" s="613"/>
      <c r="IPC721" s="613"/>
      <c r="IPD721" s="613"/>
      <c r="IPE721" s="613"/>
      <c r="IPF721" s="613"/>
      <c r="IPG721" s="613"/>
      <c r="IPH721" s="613"/>
      <c r="IPI721" s="613"/>
      <c r="IPJ721" s="613"/>
      <c r="IPK721" s="613"/>
      <c r="IPL721" s="613"/>
      <c r="IPM721" s="613"/>
      <c r="IPN721" s="613"/>
      <c r="IPO721" s="613"/>
      <c r="IPP721" s="613"/>
      <c r="IPQ721" s="613"/>
      <c r="IPR721" s="613"/>
      <c r="IPS721" s="613"/>
      <c r="IPT721" s="613"/>
      <c r="IPU721" s="613"/>
      <c r="IPV721" s="613"/>
      <c r="IPW721" s="613"/>
      <c r="IPX721" s="613"/>
      <c r="IPY721" s="613"/>
      <c r="IPZ721" s="613"/>
      <c r="IQA721" s="613"/>
      <c r="IQB721" s="613"/>
      <c r="IQC721" s="613"/>
      <c r="IQD721" s="613"/>
      <c r="IQE721" s="613"/>
      <c r="IQF721" s="613"/>
      <c r="IQG721" s="613"/>
      <c r="IQH721" s="613"/>
      <c r="IQI721" s="613"/>
      <c r="IQJ721" s="613"/>
      <c r="IQK721" s="613"/>
      <c r="IQL721" s="613"/>
      <c r="IQM721" s="613"/>
      <c r="IQN721" s="613"/>
      <c r="IQO721" s="613"/>
      <c r="IQP721" s="613"/>
      <c r="IQQ721" s="613"/>
      <c r="IQR721" s="613"/>
      <c r="IQS721" s="613"/>
      <c r="IQT721" s="613"/>
      <c r="IQU721" s="613"/>
      <c r="IQV721" s="613"/>
      <c r="IQW721" s="613"/>
      <c r="IQX721" s="613"/>
      <c r="IQY721" s="613"/>
      <c r="IQZ721" s="613"/>
      <c r="IRA721" s="613"/>
      <c r="IRB721" s="613"/>
      <c r="IRC721" s="613"/>
      <c r="IRD721" s="613"/>
      <c r="IRE721" s="613"/>
      <c r="IRF721" s="613"/>
      <c r="IRG721" s="613"/>
      <c r="IRH721" s="613"/>
      <c r="IRI721" s="613"/>
      <c r="IRJ721" s="613"/>
      <c r="IRK721" s="613"/>
      <c r="IRL721" s="613"/>
      <c r="IRM721" s="613"/>
      <c r="IRN721" s="613"/>
      <c r="IRO721" s="613"/>
      <c r="IRP721" s="613"/>
      <c r="IRQ721" s="613"/>
      <c r="IRR721" s="613"/>
      <c r="IRS721" s="613"/>
      <c r="IRT721" s="613"/>
      <c r="IRU721" s="613"/>
      <c r="IRV721" s="613"/>
      <c r="IRW721" s="613"/>
      <c r="IRX721" s="613"/>
      <c r="IRY721" s="613"/>
      <c r="IRZ721" s="613"/>
      <c r="ISA721" s="613"/>
      <c r="ISB721" s="613"/>
      <c r="ISC721" s="613"/>
      <c r="ISD721" s="613"/>
      <c r="ISE721" s="613"/>
      <c r="ISF721" s="613"/>
      <c r="ISG721" s="613"/>
      <c r="ISH721" s="613"/>
      <c r="ISI721" s="613"/>
      <c r="ISJ721" s="613"/>
      <c r="ISK721" s="613"/>
      <c r="ISL721" s="613"/>
      <c r="ISM721" s="613"/>
      <c r="ISN721" s="613"/>
      <c r="ISO721" s="613"/>
      <c r="ISP721" s="613"/>
      <c r="ISQ721" s="613"/>
      <c r="ISR721" s="613"/>
      <c r="ISS721" s="613"/>
      <c r="IST721" s="613"/>
      <c r="ISU721" s="613"/>
      <c r="ISV721" s="613"/>
      <c r="ISW721" s="613"/>
      <c r="ISX721" s="613"/>
      <c r="ISY721" s="613"/>
      <c r="ISZ721" s="613"/>
      <c r="ITA721" s="613"/>
      <c r="ITB721" s="613"/>
      <c r="ITC721" s="613"/>
      <c r="ITD721" s="613"/>
      <c r="ITE721" s="613"/>
      <c r="ITF721" s="613"/>
      <c r="ITG721" s="613"/>
      <c r="ITH721" s="613"/>
      <c r="ITI721" s="613"/>
      <c r="ITJ721" s="613"/>
      <c r="ITK721" s="613"/>
      <c r="ITL721" s="613"/>
      <c r="ITM721" s="613"/>
      <c r="ITN721" s="613"/>
      <c r="ITO721" s="613"/>
      <c r="ITP721" s="613"/>
      <c r="ITQ721" s="613"/>
      <c r="ITR721" s="613"/>
      <c r="ITS721" s="613"/>
      <c r="ITT721" s="613"/>
      <c r="ITU721" s="613"/>
      <c r="ITV721" s="613"/>
      <c r="ITW721" s="613"/>
      <c r="ITX721" s="613"/>
      <c r="ITY721" s="613"/>
      <c r="ITZ721" s="613"/>
      <c r="IUA721" s="613"/>
      <c r="IUB721" s="613"/>
      <c r="IUC721" s="613"/>
      <c r="IUD721" s="613"/>
      <c r="IUE721" s="613"/>
      <c r="IUF721" s="613"/>
      <c r="IUG721" s="613"/>
      <c r="IUH721" s="613"/>
      <c r="IUI721" s="613"/>
      <c r="IUJ721" s="613"/>
      <c r="IUK721" s="613"/>
      <c r="IUL721" s="613"/>
      <c r="IUM721" s="613"/>
      <c r="IUN721" s="613"/>
      <c r="IUO721" s="613"/>
      <c r="IUP721" s="613"/>
      <c r="IUQ721" s="613"/>
      <c r="IUR721" s="613"/>
      <c r="IUS721" s="613"/>
      <c r="IUT721" s="613"/>
      <c r="IUU721" s="613"/>
      <c r="IUV721" s="613"/>
      <c r="IUW721" s="613"/>
      <c r="IUX721" s="613"/>
      <c r="IUY721" s="613"/>
      <c r="IUZ721" s="613"/>
      <c r="IVA721" s="613"/>
      <c r="IVB721" s="613"/>
      <c r="IVC721" s="613"/>
      <c r="IVD721" s="613"/>
      <c r="IVE721" s="613"/>
      <c r="IVF721" s="613"/>
      <c r="IVG721" s="613"/>
      <c r="IVH721" s="613"/>
      <c r="IVI721" s="613"/>
      <c r="IVJ721" s="613"/>
      <c r="IVK721" s="613"/>
      <c r="IVL721" s="613"/>
      <c r="IVM721" s="613"/>
      <c r="IVN721" s="613"/>
      <c r="IVO721" s="613"/>
      <c r="IVP721" s="613"/>
      <c r="IVQ721" s="613"/>
      <c r="IVR721" s="613"/>
      <c r="IVS721" s="613"/>
      <c r="IVT721" s="613"/>
      <c r="IVU721" s="613"/>
      <c r="IVV721" s="613"/>
      <c r="IVW721" s="613"/>
      <c r="IVX721" s="613"/>
      <c r="IVY721" s="613"/>
      <c r="IVZ721" s="613"/>
      <c r="IWA721" s="613"/>
      <c r="IWB721" s="613"/>
      <c r="IWC721" s="613"/>
      <c r="IWD721" s="613"/>
      <c r="IWE721" s="613"/>
      <c r="IWF721" s="613"/>
      <c r="IWG721" s="613"/>
      <c r="IWH721" s="613"/>
      <c r="IWI721" s="613"/>
      <c r="IWJ721" s="613"/>
      <c r="IWK721" s="613"/>
      <c r="IWL721" s="613"/>
      <c r="IWM721" s="613"/>
      <c r="IWN721" s="613"/>
      <c r="IWO721" s="613"/>
      <c r="IWP721" s="613"/>
      <c r="IWQ721" s="613"/>
      <c r="IWR721" s="613"/>
      <c r="IWS721" s="613"/>
      <c r="IWT721" s="613"/>
      <c r="IWU721" s="613"/>
      <c r="IWV721" s="613"/>
      <c r="IWW721" s="613"/>
      <c r="IWX721" s="613"/>
      <c r="IWY721" s="613"/>
      <c r="IWZ721" s="613"/>
      <c r="IXA721" s="613"/>
      <c r="IXB721" s="613"/>
      <c r="IXC721" s="613"/>
      <c r="IXD721" s="613"/>
      <c r="IXE721" s="613"/>
      <c r="IXF721" s="613"/>
      <c r="IXG721" s="613"/>
      <c r="IXH721" s="613"/>
      <c r="IXI721" s="613"/>
      <c r="IXJ721" s="613"/>
      <c r="IXK721" s="613"/>
      <c r="IXL721" s="613"/>
      <c r="IXM721" s="613"/>
      <c r="IXN721" s="613"/>
      <c r="IXO721" s="613"/>
      <c r="IXP721" s="613"/>
      <c r="IXQ721" s="613"/>
      <c r="IXR721" s="613"/>
      <c r="IXS721" s="613"/>
      <c r="IXT721" s="613"/>
      <c r="IXU721" s="613"/>
      <c r="IXV721" s="613"/>
      <c r="IXW721" s="613"/>
      <c r="IXX721" s="613"/>
      <c r="IXY721" s="613"/>
      <c r="IXZ721" s="613"/>
      <c r="IYA721" s="613"/>
      <c r="IYB721" s="613"/>
      <c r="IYC721" s="613"/>
      <c r="IYD721" s="613"/>
      <c r="IYE721" s="613"/>
      <c r="IYF721" s="613"/>
      <c r="IYG721" s="613"/>
      <c r="IYH721" s="613"/>
      <c r="IYI721" s="613"/>
      <c r="IYJ721" s="613"/>
      <c r="IYK721" s="613"/>
      <c r="IYL721" s="613"/>
      <c r="IYM721" s="613"/>
      <c r="IYN721" s="613"/>
      <c r="IYO721" s="613"/>
      <c r="IYP721" s="613"/>
      <c r="IYQ721" s="613"/>
      <c r="IYR721" s="613"/>
      <c r="IYS721" s="613"/>
      <c r="IYT721" s="613"/>
      <c r="IYU721" s="613"/>
      <c r="IYV721" s="613"/>
      <c r="IYW721" s="613"/>
      <c r="IYX721" s="613"/>
      <c r="IYY721" s="613"/>
      <c r="IYZ721" s="613"/>
      <c r="IZA721" s="613"/>
      <c r="IZB721" s="613"/>
      <c r="IZC721" s="613"/>
      <c r="IZD721" s="613"/>
      <c r="IZE721" s="613"/>
      <c r="IZF721" s="613"/>
      <c r="IZG721" s="613"/>
      <c r="IZH721" s="613"/>
      <c r="IZI721" s="613"/>
      <c r="IZJ721" s="613"/>
      <c r="IZK721" s="613"/>
      <c r="IZL721" s="613"/>
      <c r="IZM721" s="613"/>
      <c r="IZN721" s="613"/>
      <c r="IZO721" s="613"/>
      <c r="IZP721" s="613"/>
      <c r="IZQ721" s="613"/>
      <c r="IZR721" s="613"/>
      <c r="IZS721" s="613"/>
      <c r="IZT721" s="613"/>
      <c r="IZU721" s="613"/>
      <c r="IZV721" s="613"/>
      <c r="IZW721" s="613"/>
      <c r="IZX721" s="613"/>
      <c r="IZY721" s="613"/>
      <c r="IZZ721" s="613"/>
      <c r="JAA721" s="613"/>
      <c r="JAB721" s="613"/>
      <c r="JAC721" s="613"/>
      <c r="JAD721" s="613"/>
      <c r="JAE721" s="613"/>
      <c r="JAF721" s="613"/>
      <c r="JAG721" s="613"/>
      <c r="JAH721" s="613"/>
      <c r="JAI721" s="613"/>
      <c r="JAJ721" s="613"/>
      <c r="JAK721" s="613"/>
      <c r="JAL721" s="613"/>
      <c r="JAM721" s="613"/>
      <c r="JAN721" s="613"/>
      <c r="JAO721" s="613"/>
      <c r="JAP721" s="613"/>
      <c r="JAQ721" s="613"/>
      <c r="JAR721" s="613"/>
      <c r="JAS721" s="613"/>
      <c r="JAT721" s="613"/>
      <c r="JAU721" s="613"/>
      <c r="JAV721" s="613"/>
      <c r="JAW721" s="613"/>
      <c r="JAX721" s="613"/>
      <c r="JAY721" s="613"/>
      <c r="JAZ721" s="613"/>
      <c r="JBA721" s="613"/>
      <c r="JBB721" s="613"/>
      <c r="JBC721" s="613"/>
      <c r="JBD721" s="613"/>
      <c r="JBE721" s="613"/>
      <c r="JBF721" s="613"/>
      <c r="JBG721" s="613"/>
      <c r="JBH721" s="613"/>
      <c r="JBI721" s="613"/>
      <c r="JBJ721" s="613"/>
      <c r="JBK721" s="613"/>
      <c r="JBL721" s="613"/>
      <c r="JBM721" s="613"/>
      <c r="JBN721" s="613"/>
      <c r="JBO721" s="613"/>
      <c r="JBP721" s="613"/>
      <c r="JBQ721" s="613"/>
      <c r="JBR721" s="613"/>
      <c r="JBS721" s="613"/>
      <c r="JBT721" s="613"/>
      <c r="JBU721" s="613"/>
      <c r="JBV721" s="613"/>
      <c r="JBW721" s="613"/>
      <c r="JBX721" s="613"/>
      <c r="JBY721" s="613"/>
      <c r="JBZ721" s="613"/>
      <c r="JCA721" s="613"/>
      <c r="JCB721" s="613"/>
      <c r="JCC721" s="613"/>
      <c r="JCD721" s="613"/>
      <c r="JCE721" s="613"/>
      <c r="JCF721" s="613"/>
      <c r="JCG721" s="613"/>
      <c r="JCH721" s="613"/>
      <c r="JCI721" s="613"/>
      <c r="JCJ721" s="613"/>
      <c r="JCK721" s="613"/>
      <c r="JCL721" s="613"/>
      <c r="JCM721" s="613"/>
      <c r="JCN721" s="613"/>
      <c r="JCO721" s="613"/>
      <c r="JCP721" s="613"/>
      <c r="JCQ721" s="613"/>
      <c r="JCR721" s="613"/>
      <c r="JCS721" s="613"/>
      <c r="JCT721" s="613"/>
      <c r="JCU721" s="613"/>
      <c r="JCV721" s="613"/>
      <c r="JCW721" s="613"/>
      <c r="JCX721" s="613"/>
      <c r="JCY721" s="613"/>
      <c r="JCZ721" s="613"/>
      <c r="JDA721" s="613"/>
      <c r="JDB721" s="613"/>
      <c r="JDC721" s="613"/>
      <c r="JDD721" s="613"/>
      <c r="JDE721" s="613"/>
      <c r="JDF721" s="613"/>
      <c r="JDG721" s="613"/>
      <c r="JDH721" s="613"/>
      <c r="JDI721" s="613"/>
      <c r="JDJ721" s="613"/>
      <c r="JDK721" s="613"/>
      <c r="JDL721" s="613"/>
      <c r="JDM721" s="613"/>
      <c r="JDN721" s="613"/>
      <c r="JDO721" s="613"/>
      <c r="JDP721" s="613"/>
      <c r="JDQ721" s="613"/>
      <c r="JDR721" s="613"/>
      <c r="JDS721" s="613"/>
      <c r="JDT721" s="613"/>
      <c r="JDU721" s="613"/>
      <c r="JDV721" s="613"/>
      <c r="JDW721" s="613"/>
      <c r="JDX721" s="613"/>
      <c r="JDY721" s="613"/>
      <c r="JDZ721" s="613"/>
      <c r="JEA721" s="613"/>
      <c r="JEB721" s="613"/>
      <c r="JEC721" s="613"/>
      <c r="JED721" s="613"/>
      <c r="JEE721" s="613"/>
      <c r="JEF721" s="613"/>
      <c r="JEG721" s="613"/>
      <c r="JEH721" s="613"/>
      <c r="JEI721" s="613"/>
      <c r="JEJ721" s="613"/>
      <c r="JEK721" s="613"/>
      <c r="JEL721" s="613"/>
      <c r="JEM721" s="613"/>
      <c r="JEN721" s="613"/>
      <c r="JEO721" s="613"/>
      <c r="JEP721" s="613"/>
      <c r="JEQ721" s="613"/>
      <c r="JER721" s="613"/>
      <c r="JES721" s="613"/>
      <c r="JET721" s="613"/>
      <c r="JEU721" s="613"/>
      <c r="JEV721" s="613"/>
      <c r="JEW721" s="613"/>
      <c r="JEX721" s="613"/>
      <c r="JEY721" s="613"/>
      <c r="JEZ721" s="613"/>
      <c r="JFA721" s="613"/>
      <c r="JFB721" s="613"/>
      <c r="JFC721" s="613"/>
      <c r="JFD721" s="613"/>
      <c r="JFE721" s="613"/>
      <c r="JFF721" s="613"/>
      <c r="JFG721" s="613"/>
      <c r="JFH721" s="613"/>
      <c r="JFI721" s="613"/>
      <c r="JFJ721" s="613"/>
      <c r="JFK721" s="613"/>
      <c r="JFL721" s="613"/>
      <c r="JFM721" s="613"/>
      <c r="JFN721" s="613"/>
      <c r="JFO721" s="613"/>
      <c r="JFP721" s="613"/>
      <c r="JFQ721" s="613"/>
      <c r="JFR721" s="613"/>
      <c r="JFS721" s="613"/>
      <c r="JFT721" s="613"/>
      <c r="JFU721" s="613"/>
      <c r="JFV721" s="613"/>
      <c r="JFW721" s="613"/>
      <c r="JFX721" s="613"/>
      <c r="JFY721" s="613"/>
      <c r="JFZ721" s="613"/>
      <c r="JGA721" s="613"/>
      <c r="JGB721" s="613"/>
      <c r="JGC721" s="613"/>
      <c r="JGD721" s="613"/>
      <c r="JGE721" s="613"/>
      <c r="JGF721" s="613"/>
      <c r="JGG721" s="613"/>
      <c r="JGH721" s="613"/>
      <c r="JGI721" s="613"/>
      <c r="JGJ721" s="613"/>
      <c r="JGK721" s="613"/>
      <c r="JGL721" s="613"/>
      <c r="JGM721" s="613"/>
      <c r="JGN721" s="613"/>
      <c r="JGO721" s="613"/>
      <c r="JGP721" s="613"/>
      <c r="JGQ721" s="613"/>
      <c r="JGR721" s="613"/>
      <c r="JGS721" s="613"/>
      <c r="JGT721" s="613"/>
      <c r="JGU721" s="613"/>
      <c r="JGV721" s="613"/>
      <c r="JGW721" s="613"/>
      <c r="JGX721" s="613"/>
      <c r="JGY721" s="613"/>
      <c r="JGZ721" s="613"/>
      <c r="JHA721" s="613"/>
      <c r="JHB721" s="613"/>
      <c r="JHC721" s="613"/>
      <c r="JHD721" s="613"/>
      <c r="JHE721" s="613"/>
      <c r="JHF721" s="613"/>
      <c r="JHG721" s="613"/>
      <c r="JHH721" s="613"/>
      <c r="JHI721" s="613"/>
      <c r="JHJ721" s="613"/>
      <c r="JHK721" s="613"/>
      <c r="JHL721" s="613"/>
      <c r="JHM721" s="613"/>
      <c r="JHN721" s="613"/>
      <c r="JHO721" s="613"/>
      <c r="JHP721" s="613"/>
      <c r="JHQ721" s="613"/>
      <c r="JHR721" s="613"/>
      <c r="JHS721" s="613"/>
      <c r="JHT721" s="613"/>
      <c r="JHU721" s="613"/>
      <c r="JHV721" s="613"/>
      <c r="JHW721" s="613"/>
      <c r="JHX721" s="613"/>
      <c r="JHY721" s="613"/>
      <c r="JHZ721" s="613"/>
      <c r="JIA721" s="613"/>
      <c r="JIB721" s="613"/>
      <c r="JIC721" s="613"/>
      <c r="JID721" s="613"/>
      <c r="JIE721" s="613"/>
      <c r="JIF721" s="613"/>
      <c r="JIG721" s="613"/>
      <c r="JIH721" s="613"/>
      <c r="JII721" s="613"/>
      <c r="JIJ721" s="613"/>
      <c r="JIK721" s="613"/>
      <c r="JIL721" s="613"/>
      <c r="JIM721" s="613"/>
      <c r="JIN721" s="613"/>
      <c r="JIO721" s="613"/>
      <c r="JIP721" s="613"/>
      <c r="JIQ721" s="613"/>
      <c r="JIR721" s="613"/>
      <c r="JIS721" s="613"/>
      <c r="JIT721" s="613"/>
      <c r="JIU721" s="613"/>
      <c r="JIV721" s="613"/>
      <c r="JIW721" s="613"/>
      <c r="JIX721" s="613"/>
      <c r="JIY721" s="613"/>
      <c r="JIZ721" s="613"/>
      <c r="JJA721" s="613"/>
      <c r="JJB721" s="613"/>
      <c r="JJC721" s="613"/>
      <c r="JJD721" s="613"/>
      <c r="JJE721" s="613"/>
      <c r="JJF721" s="613"/>
      <c r="JJG721" s="613"/>
      <c r="JJH721" s="613"/>
      <c r="JJI721" s="613"/>
      <c r="JJJ721" s="613"/>
      <c r="JJK721" s="613"/>
      <c r="JJL721" s="613"/>
      <c r="JJM721" s="613"/>
      <c r="JJN721" s="613"/>
      <c r="JJO721" s="613"/>
      <c r="JJP721" s="613"/>
      <c r="JJQ721" s="613"/>
      <c r="JJR721" s="613"/>
      <c r="JJS721" s="613"/>
      <c r="JJT721" s="613"/>
      <c r="JJU721" s="613"/>
      <c r="JJV721" s="613"/>
      <c r="JJW721" s="613"/>
      <c r="JJX721" s="613"/>
      <c r="JJY721" s="613"/>
      <c r="JJZ721" s="613"/>
      <c r="JKA721" s="613"/>
      <c r="JKB721" s="613"/>
      <c r="JKC721" s="613"/>
      <c r="JKD721" s="613"/>
      <c r="JKE721" s="613"/>
      <c r="JKF721" s="613"/>
      <c r="JKG721" s="613"/>
      <c r="JKH721" s="613"/>
      <c r="JKI721" s="613"/>
      <c r="JKJ721" s="613"/>
      <c r="JKK721" s="613"/>
      <c r="JKL721" s="613"/>
      <c r="JKM721" s="613"/>
      <c r="JKN721" s="613"/>
      <c r="JKO721" s="613"/>
      <c r="JKP721" s="613"/>
      <c r="JKQ721" s="613"/>
      <c r="JKR721" s="613"/>
      <c r="JKS721" s="613"/>
      <c r="JKT721" s="613"/>
      <c r="JKU721" s="613"/>
      <c r="JKV721" s="613"/>
      <c r="JKW721" s="613"/>
      <c r="JKX721" s="613"/>
      <c r="JKY721" s="613"/>
      <c r="JKZ721" s="613"/>
      <c r="JLA721" s="613"/>
      <c r="JLB721" s="613"/>
      <c r="JLC721" s="613"/>
      <c r="JLD721" s="613"/>
      <c r="JLE721" s="613"/>
      <c r="JLF721" s="613"/>
      <c r="JLG721" s="613"/>
      <c r="JLH721" s="613"/>
      <c r="JLI721" s="613"/>
      <c r="JLJ721" s="613"/>
      <c r="JLK721" s="613"/>
      <c r="JLL721" s="613"/>
      <c r="JLM721" s="613"/>
      <c r="JLN721" s="613"/>
      <c r="JLO721" s="613"/>
      <c r="JLP721" s="613"/>
      <c r="JLQ721" s="613"/>
      <c r="JLR721" s="613"/>
      <c r="JLS721" s="613"/>
      <c r="JLT721" s="613"/>
      <c r="JLU721" s="613"/>
      <c r="JLV721" s="613"/>
      <c r="JLW721" s="613"/>
      <c r="JLX721" s="613"/>
      <c r="JLY721" s="613"/>
      <c r="JLZ721" s="613"/>
      <c r="JMA721" s="613"/>
      <c r="JMB721" s="613"/>
      <c r="JMC721" s="613"/>
      <c r="JMD721" s="613"/>
      <c r="JME721" s="613"/>
      <c r="JMF721" s="613"/>
      <c r="JMG721" s="613"/>
      <c r="JMH721" s="613"/>
      <c r="JMI721" s="613"/>
      <c r="JMJ721" s="613"/>
      <c r="JMK721" s="613"/>
      <c r="JML721" s="613"/>
      <c r="JMM721" s="613"/>
      <c r="JMN721" s="613"/>
      <c r="JMO721" s="613"/>
      <c r="JMP721" s="613"/>
      <c r="JMQ721" s="613"/>
      <c r="JMR721" s="613"/>
      <c r="JMS721" s="613"/>
      <c r="JMT721" s="613"/>
      <c r="JMU721" s="613"/>
      <c r="JMV721" s="613"/>
      <c r="JMW721" s="613"/>
      <c r="JMX721" s="613"/>
      <c r="JMY721" s="613"/>
      <c r="JMZ721" s="613"/>
      <c r="JNA721" s="613"/>
      <c r="JNB721" s="613"/>
      <c r="JNC721" s="613"/>
      <c r="JND721" s="613"/>
      <c r="JNE721" s="613"/>
      <c r="JNF721" s="613"/>
      <c r="JNG721" s="613"/>
      <c r="JNH721" s="613"/>
      <c r="JNI721" s="613"/>
      <c r="JNJ721" s="613"/>
      <c r="JNK721" s="613"/>
      <c r="JNL721" s="613"/>
      <c r="JNM721" s="613"/>
      <c r="JNN721" s="613"/>
      <c r="JNO721" s="613"/>
      <c r="JNP721" s="613"/>
      <c r="JNQ721" s="613"/>
      <c r="JNR721" s="613"/>
      <c r="JNS721" s="613"/>
      <c r="JNT721" s="613"/>
      <c r="JNU721" s="613"/>
      <c r="JNV721" s="613"/>
      <c r="JNW721" s="613"/>
      <c r="JNX721" s="613"/>
      <c r="JNY721" s="613"/>
      <c r="JNZ721" s="613"/>
      <c r="JOA721" s="613"/>
      <c r="JOB721" s="613"/>
      <c r="JOC721" s="613"/>
      <c r="JOD721" s="613"/>
      <c r="JOE721" s="613"/>
      <c r="JOF721" s="613"/>
      <c r="JOG721" s="613"/>
      <c r="JOH721" s="613"/>
      <c r="JOI721" s="613"/>
      <c r="JOJ721" s="613"/>
      <c r="JOK721" s="613"/>
      <c r="JOL721" s="613"/>
      <c r="JOM721" s="613"/>
      <c r="JON721" s="613"/>
      <c r="JOO721" s="613"/>
      <c r="JOP721" s="613"/>
      <c r="JOQ721" s="613"/>
      <c r="JOR721" s="613"/>
      <c r="JOS721" s="613"/>
      <c r="JOT721" s="613"/>
      <c r="JOU721" s="613"/>
      <c r="JOV721" s="613"/>
      <c r="JOW721" s="613"/>
      <c r="JOX721" s="613"/>
      <c r="JOY721" s="613"/>
      <c r="JOZ721" s="613"/>
      <c r="JPA721" s="613"/>
      <c r="JPB721" s="613"/>
      <c r="JPC721" s="613"/>
      <c r="JPD721" s="613"/>
      <c r="JPE721" s="613"/>
      <c r="JPF721" s="613"/>
      <c r="JPG721" s="613"/>
      <c r="JPH721" s="613"/>
      <c r="JPI721" s="613"/>
      <c r="JPJ721" s="613"/>
      <c r="JPK721" s="613"/>
      <c r="JPL721" s="613"/>
      <c r="JPM721" s="613"/>
      <c r="JPN721" s="613"/>
      <c r="JPO721" s="613"/>
      <c r="JPP721" s="613"/>
      <c r="JPQ721" s="613"/>
      <c r="JPR721" s="613"/>
      <c r="JPS721" s="613"/>
      <c r="JPT721" s="613"/>
      <c r="JPU721" s="613"/>
      <c r="JPV721" s="613"/>
      <c r="JPW721" s="613"/>
      <c r="JPX721" s="613"/>
      <c r="JPY721" s="613"/>
      <c r="JPZ721" s="613"/>
      <c r="JQA721" s="613"/>
      <c r="JQB721" s="613"/>
      <c r="JQC721" s="613"/>
      <c r="JQD721" s="613"/>
      <c r="JQE721" s="613"/>
      <c r="JQF721" s="613"/>
      <c r="JQG721" s="613"/>
      <c r="JQH721" s="613"/>
      <c r="JQI721" s="613"/>
      <c r="JQJ721" s="613"/>
      <c r="JQK721" s="613"/>
      <c r="JQL721" s="613"/>
      <c r="JQM721" s="613"/>
      <c r="JQN721" s="613"/>
      <c r="JQO721" s="613"/>
      <c r="JQP721" s="613"/>
      <c r="JQQ721" s="613"/>
      <c r="JQR721" s="613"/>
      <c r="JQS721" s="613"/>
      <c r="JQT721" s="613"/>
      <c r="JQU721" s="613"/>
      <c r="JQV721" s="613"/>
      <c r="JQW721" s="613"/>
      <c r="JQX721" s="613"/>
      <c r="JQY721" s="613"/>
      <c r="JQZ721" s="613"/>
      <c r="JRA721" s="613"/>
      <c r="JRB721" s="613"/>
      <c r="JRC721" s="613"/>
      <c r="JRD721" s="613"/>
      <c r="JRE721" s="613"/>
      <c r="JRF721" s="613"/>
      <c r="JRG721" s="613"/>
      <c r="JRH721" s="613"/>
      <c r="JRI721" s="613"/>
      <c r="JRJ721" s="613"/>
      <c r="JRK721" s="613"/>
      <c r="JRL721" s="613"/>
      <c r="JRM721" s="613"/>
      <c r="JRN721" s="613"/>
      <c r="JRO721" s="613"/>
      <c r="JRP721" s="613"/>
      <c r="JRQ721" s="613"/>
      <c r="JRR721" s="613"/>
      <c r="JRS721" s="613"/>
      <c r="JRT721" s="613"/>
      <c r="JRU721" s="613"/>
      <c r="JRV721" s="613"/>
      <c r="JRW721" s="613"/>
      <c r="JRX721" s="613"/>
      <c r="JRY721" s="613"/>
      <c r="JRZ721" s="613"/>
      <c r="JSA721" s="613"/>
      <c r="JSB721" s="613"/>
      <c r="JSC721" s="613"/>
      <c r="JSD721" s="613"/>
      <c r="JSE721" s="613"/>
      <c r="JSF721" s="613"/>
      <c r="JSG721" s="613"/>
      <c r="JSH721" s="613"/>
      <c r="JSI721" s="613"/>
      <c r="JSJ721" s="613"/>
      <c r="JSK721" s="613"/>
      <c r="JSL721" s="613"/>
      <c r="JSM721" s="613"/>
      <c r="JSN721" s="613"/>
      <c r="JSO721" s="613"/>
      <c r="JSP721" s="613"/>
      <c r="JSQ721" s="613"/>
      <c r="JSR721" s="613"/>
      <c r="JSS721" s="613"/>
      <c r="JST721" s="613"/>
      <c r="JSU721" s="613"/>
      <c r="JSV721" s="613"/>
      <c r="JSW721" s="613"/>
      <c r="JSX721" s="613"/>
      <c r="JSY721" s="613"/>
      <c r="JSZ721" s="613"/>
      <c r="JTA721" s="613"/>
      <c r="JTB721" s="613"/>
      <c r="JTC721" s="613"/>
      <c r="JTD721" s="613"/>
      <c r="JTE721" s="613"/>
      <c r="JTF721" s="613"/>
      <c r="JTG721" s="613"/>
      <c r="JTH721" s="613"/>
      <c r="JTI721" s="613"/>
      <c r="JTJ721" s="613"/>
      <c r="JTK721" s="613"/>
      <c r="JTL721" s="613"/>
      <c r="JTM721" s="613"/>
      <c r="JTN721" s="613"/>
      <c r="JTO721" s="613"/>
      <c r="JTP721" s="613"/>
      <c r="JTQ721" s="613"/>
      <c r="JTR721" s="613"/>
      <c r="JTS721" s="613"/>
      <c r="JTT721" s="613"/>
      <c r="JTU721" s="613"/>
      <c r="JTV721" s="613"/>
      <c r="JTW721" s="613"/>
      <c r="JTX721" s="613"/>
      <c r="JTY721" s="613"/>
      <c r="JTZ721" s="613"/>
      <c r="JUA721" s="613"/>
      <c r="JUB721" s="613"/>
      <c r="JUC721" s="613"/>
      <c r="JUD721" s="613"/>
      <c r="JUE721" s="613"/>
      <c r="JUF721" s="613"/>
      <c r="JUG721" s="613"/>
      <c r="JUH721" s="613"/>
      <c r="JUI721" s="613"/>
      <c r="JUJ721" s="613"/>
      <c r="JUK721" s="613"/>
      <c r="JUL721" s="613"/>
      <c r="JUM721" s="613"/>
      <c r="JUN721" s="613"/>
      <c r="JUO721" s="613"/>
      <c r="JUP721" s="613"/>
      <c r="JUQ721" s="613"/>
      <c r="JUR721" s="613"/>
      <c r="JUS721" s="613"/>
      <c r="JUT721" s="613"/>
      <c r="JUU721" s="613"/>
      <c r="JUV721" s="613"/>
      <c r="JUW721" s="613"/>
      <c r="JUX721" s="613"/>
      <c r="JUY721" s="613"/>
      <c r="JUZ721" s="613"/>
      <c r="JVA721" s="613"/>
      <c r="JVB721" s="613"/>
      <c r="JVC721" s="613"/>
      <c r="JVD721" s="613"/>
      <c r="JVE721" s="613"/>
      <c r="JVF721" s="613"/>
      <c r="JVG721" s="613"/>
      <c r="JVH721" s="613"/>
      <c r="JVI721" s="613"/>
      <c r="JVJ721" s="613"/>
      <c r="JVK721" s="613"/>
      <c r="JVL721" s="613"/>
      <c r="JVM721" s="613"/>
      <c r="JVN721" s="613"/>
      <c r="JVO721" s="613"/>
      <c r="JVP721" s="613"/>
      <c r="JVQ721" s="613"/>
      <c r="JVR721" s="613"/>
      <c r="JVS721" s="613"/>
      <c r="JVT721" s="613"/>
      <c r="JVU721" s="613"/>
      <c r="JVV721" s="613"/>
      <c r="JVW721" s="613"/>
      <c r="JVX721" s="613"/>
      <c r="JVY721" s="613"/>
      <c r="JVZ721" s="613"/>
      <c r="JWA721" s="613"/>
      <c r="JWB721" s="613"/>
      <c r="JWC721" s="613"/>
      <c r="JWD721" s="613"/>
      <c r="JWE721" s="613"/>
      <c r="JWF721" s="613"/>
      <c r="JWG721" s="613"/>
      <c r="JWH721" s="613"/>
      <c r="JWI721" s="613"/>
      <c r="JWJ721" s="613"/>
      <c r="JWK721" s="613"/>
      <c r="JWL721" s="613"/>
      <c r="JWM721" s="613"/>
      <c r="JWN721" s="613"/>
      <c r="JWO721" s="613"/>
      <c r="JWP721" s="613"/>
      <c r="JWQ721" s="613"/>
      <c r="JWR721" s="613"/>
      <c r="JWS721" s="613"/>
      <c r="JWT721" s="613"/>
      <c r="JWU721" s="613"/>
      <c r="JWV721" s="613"/>
      <c r="JWW721" s="613"/>
      <c r="JWX721" s="613"/>
      <c r="JWY721" s="613"/>
      <c r="JWZ721" s="613"/>
      <c r="JXA721" s="613"/>
      <c r="JXB721" s="613"/>
      <c r="JXC721" s="613"/>
      <c r="JXD721" s="613"/>
      <c r="JXE721" s="613"/>
      <c r="JXF721" s="613"/>
      <c r="JXG721" s="613"/>
      <c r="JXH721" s="613"/>
      <c r="JXI721" s="613"/>
      <c r="JXJ721" s="613"/>
      <c r="JXK721" s="613"/>
      <c r="JXL721" s="613"/>
      <c r="JXM721" s="613"/>
      <c r="JXN721" s="613"/>
      <c r="JXO721" s="613"/>
      <c r="JXP721" s="613"/>
      <c r="JXQ721" s="613"/>
      <c r="JXR721" s="613"/>
      <c r="JXS721" s="613"/>
      <c r="JXT721" s="613"/>
      <c r="JXU721" s="613"/>
      <c r="JXV721" s="613"/>
      <c r="JXW721" s="613"/>
      <c r="JXX721" s="613"/>
      <c r="JXY721" s="613"/>
      <c r="JXZ721" s="613"/>
      <c r="JYA721" s="613"/>
      <c r="JYB721" s="613"/>
      <c r="JYC721" s="613"/>
      <c r="JYD721" s="613"/>
      <c r="JYE721" s="613"/>
      <c r="JYF721" s="613"/>
      <c r="JYG721" s="613"/>
      <c r="JYH721" s="613"/>
      <c r="JYI721" s="613"/>
      <c r="JYJ721" s="613"/>
      <c r="JYK721" s="613"/>
      <c r="JYL721" s="613"/>
      <c r="JYM721" s="613"/>
      <c r="JYN721" s="613"/>
      <c r="JYO721" s="613"/>
      <c r="JYP721" s="613"/>
      <c r="JYQ721" s="613"/>
      <c r="JYR721" s="613"/>
      <c r="JYS721" s="613"/>
      <c r="JYT721" s="613"/>
      <c r="JYU721" s="613"/>
      <c r="JYV721" s="613"/>
      <c r="JYW721" s="613"/>
      <c r="JYX721" s="613"/>
      <c r="JYY721" s="613"/>
      <c r="JYZ721" s="613"/>
      <c r="JZA721" s="613"/>
      <c r="JZB721" s="613"/>
      <c r="JZC721" s="613"/>
      <c r="JZD721" s="613"/>
      <c r="JZE721" s="613"/>
      <c r="JZF721" s="613"/>
      <c r="JZG721" s="613"/>
      <c r="JZH721" s="613"/>
      <c r="JZI721" s="613"/>
      <c r="JZJ721" s="613"/>
      <c r="JZK721" s="613"/>
      <c r="JZL721" s="613"/>
      <c r="JZM721" s="613"/>
      <c r="JZN721" s="613"/>
      <c r="JZO721" s="613"/>
      <c r="JZP721" s="613"/>
      <c r="JZQ721" s="613"/>
      <c r="JZR721" s="613"/>
      <c r="JZS721" s="613"/>
      <c r="JZT721" s="613"/>
      <c r="JZU721" s="613"/>
      <c r="JZV721" s="613"/>
      <c r="JZW721" s="613"/>
      <c r="JZX721" s="613"/>
      <c r="JZY721" s="613"/>
      <c r="JZZ721" s="613"/>
      <c r="KAA721" s="613"/>
      <c r="KAB721" s="613"/>
      <c r="KAC721" s="613"/>
      <c r="KAD721" s="613"/>
      <c r="KAE721" s="613"/>
      <c r="KAF721" s="613"/>
      <c r="KAG721" s="613"/>
      <c r="KAH721" s="613"/>
      <c r="KAI721" s="613"/>
      <c r="KAJ721" s="613"/>
      <c r="KAK721" s="613"/>
      <c r="KAL721" s="613"/>
      <c r="KAM721" s="613"/>
      <c r="KAN721" s="613"/>
      <c r="KAO721" s="613"/>
      <c r="KAP721" s="613"/>
      <c r="KAQ721" s="613"/>
      <c r="KAR721" s="613"/>
      <c r="KAS721" s="613"/>
      <c r="KAT721" s="613"/>
      <c r="KAU721" s="613"/>
      <c r="KAV721" s="613"/>
      <c r="KAW721" s="613"/>
      <c r="KAX721" s="613"/>
      <c r="KAY721" s="613"/>
      <c r="KAZ721" s="613"/>
      <c r="KBA721" s="613"/>
      <c r="KBB721" s="613"/>
      <c r="KBC721" s="613"/>
      <c r="KBD721" s="613"/>
      <c r="KBE721" s="613"/>
      <c r="KBF721" s="613"/>
      <c r="KBG721" s="613"/>
      <c r="KBH721" s="613"/>
      <c r="KBI721" s="613"/>
      <c r="KBJ721" s="613"/>
      <c r="KBK721" s="613"/>
      <c r="KBL721" s="613"/>
      <c r="KBM721" s="613"/>
      <c r="KBN721" s="613"/>
      <c r="KBO721" s="613"/>
      <c r="KBP721" s="613"/>
      <c r="KBQ721" s="613"/>
      <c r="KBR721" s="613"/>
      <c r="KBS721" s="613"/>
      <c r="KBT721" s="613"/>
      <c r="KBU721" s="613"/>
      <c r="KBV721" s="613"/>
      <c r="KBW721" s="613"/>
      <c r="KBX721" s="613"/>
      <c r="KBY721" s="613"/>
      <c r="KBZ721" s="613"/>
      <c r="KCA721" s="613"/>
      <c r="KCB721" s="613"/>
      <c r="KCC721" s="613"/>
      <c r="KCD721" s="613"/>
      <c r="KCE721" s="613"/>
      <c r="KCF721" s="613"/>
      <c r="KCG721" s="613"/>
      <c r="KCH721" s="613"/>
      <c r="KCI721" s="613"/>
      <c r="KCJ721" s="613"/>
      <c r="KCK721" s="613"/>
      <c r="KCL721" s="613"/>
      <c r="KCM721" s="613"/>
      <c r="KCN721" s="613"/>
      <c r="KCO721" s="613"/>
      <c r="KCP721" s="613"/>
      <c r="KCQ721" s="613"/>
      <c r="KCR721" s="613"/>
      <c r="KCS721" s="613"/>
      <c r="KCT721" s="613"/>
      <c r="KCU721" s="613"/>
      <c r="KCV721" s="613"/>
      <c r="KCW721" s="613"/>
      <c r="KCX721" s="613"/>
      <c r="KCY721" s="613"/>
      <c r="KCZ721" s="613"/>
      <c r="KDA721" s="613"/>
      <c r="KDB721" s="613"/>
      <c r="KDC721" s="613"/>
      <c r="KDD721" s="613"/>
      <c r="KDE721" s="613"/>
      <c r="KDF721" s="613"/>
      <c r="KDG721" s="613"/>
      <c r="KDH721" s="613"/>
      <c r="KDI721" s="613"/>
      <c r="KDJ721" s="613"/>
      <c r="KDK721" s="613"/>
      <c r="KDL721" s="613"/>
      <c r="KDM721" s="613"/>
      <c r="KDN721" s="613"/>
      <c r="KDO721" s="613"/>
      <c r="KDP721" s="613"/>
      <c r="KDQ721" s="613"/>
      <c r="KDR721" s="613"/>
      <c r="KDS721" s="613"/>
      <c r="KDT721" s="613"/>
      <c r="KDU721" s="613"/>
      <c r="KDV721" s="613"/>
      <c r="KDW721" s="613"/>
      <c r="KDX721" s="613"/>
      <c r="KDY721" s="613"/>
      <c r="KDZ721" s="613"/>
      <c r="KEA721" s="613"/>
      <c r="KEB721" s="613"/>
      <c r="KEC721" s="613"/>
      <c r="KED721" s="613"/>
      <c r="KEE721" s="613"/>
      <c r="KEF721" s="613"/>
      <c r="KEG721" s="613"/>
      <c r="KEH721" s="613"/>
      <c r="KEI721" s="613"/>
      <c r="KEJ721" s="613"/>
      <c r="KEK721" s="613"/>
      <c r="KEL721" s="613"/>
      <c r="KEM721" s="613"/>
      <c r="KEN721" s="613"/>
      <c r="KEO721" s="613"/>
      <c r="KEP721" s="613"/>
      <c r="KEQ721" s="613"/>
      <c r="KER721" s="613"/>
      <c r="KES721" s="613"/>
      <c r="KET721" s="613"/>
      <c r="KEU721" s="613"/>
      <c r="KEV721" s="613"/>
      <c r="KEW721" s="613"/>
      <c r="KEX721" s="613"/>
      <c r="KEY721" s="613"/>
      <c r="KEZ721" s="613"/>
      <c r="KFA721" s="613"/>
      <c r="KFB721" s="613"/>
      <c r="KFC721" s="613"/>
      <c r="KFD721" s="613"/>
      <c r="KFE721" s="613"/>
      <c r="KFF721" s="613"/>
      <c r="KFG721" s="613"/>
      <c r="KFH721" s="613"/>
      <c r="KFI721" s="613"/>
      <c r="KFJ721" s="613"/>
      <c r="KFK721" s="613"/>
      <c r="KFL721" s="613"/>
      <c r="KFM721" s="613"/>
      <c r="KFN721" s="613"/>
      <c r="KFO721" s="613"/>
      <c r="KFP721" s="613"/>
      <c r="KFQ721" s="613"/>
      <c r="KFR721" s="613"/>
      <c r="KFS721" s="613"/>
      <c r="KFT721" s="613"/>
      <c r="KFU721" s="613"/>
      <c r="KFV721" s="613"/>
      <c r="KFW721" s="613"/>
      <c r="KFX721" s="613"/>
      <c r="KFY721" s="613"/>
      <c r="KFZ721" s="613"/>
      <c r="KGA721" s="613"/>
      <c r="KGB721" s="613"/>
      <c r="KGC721" s="613"/>
      <c r="KGD721" s="613"/>
      <c r="KGE721" s="613"/>
      <c r="KGF721" s="613"/>
      <c r="KGG721" s="613"/>
      <c r="KGH721" s="613"/>
      <c r="KGI721" s="613"/>
      <c r="KGJ721" s="613"/>
      <c r="KGK721" s="613"/>
      <c r="KGL721" s="613"/>
      <c r="KGM721" s="613"/>
      <c r="KGN721" s="613"/>
      <c r="KGO721" s="613"/>
      <c r="KGP721" s="613"/>
      <c r="KGQ721" s="613"/>
      <c r="KGR721" s="613"/>
      <c r="KGS721" s="613"/>
      <c r="KGT721" s="613"/>
      <c r="KGU721" s="613"/>
      <c r="KGV721" s="613"/>
      <c r="KGW721" s="613"/>
      <c r="KGX721" s="613"/>
      <c r="KGY721" s="613"/>
      <c r="KGZ721" s="613"/>
      <c r="KHA721" s="613"/>
      <c r="KHB721" s="613"/>
      <c r="KHC721" s="613"/>
      <c r="KHD721" s="613"/>
      <c r="KHE721" s="613"/>
      <c r="KHF721" s="613"/>
      <c r="KHG721" s="613"/>
      <c r="KHH721" s="613"/>
      <c r="KHI721" s="613"/>
      <c r="KHJ721" s="613"/>
      <c r="KHK721" s="613"/>
      <c r="KHL721" s="613"/>
      <c r="KHM721" s="613"/>
      <c r="KHN721" s="613"/>
      <c r="KHO721" s="613"/>
      <c r="KHP721" s="613"/>
      <c r="KHQ721" s="613"/>
      <c r="KHR721" s="613"/>
      <c r="KHS721" s="613"/>
      <c r="KHT721" s="613"/>
      <c r="KHU721" s="613"/>
      <c r="KHV721" s="613"/>
      <c r="KHW721" s="613"/>
      <c r="KHX721" s="613"/>
      <c r="KHY721" s="613"/>
      <c r="KHZ721" s="613"/>
      <c r="KIA721" s="613"/>
      <c r="KIB721" s="613"/>
      <c r="KIC721" s="613"/>
      <c r="KID721" s="613"/>
      <c r="KIE721" s="613"/>
      <c r="KIF721" s="613"/>
      <c r="KIG721" s="613"/>
      <c r="KIH721" s="613"/>
      <c r="KII721" s="613"/>
      <c r="KIJ721" s="613"/>
      <c r="KIK721" s="613"/>
      <c r="KIL721" s="613"/>
      <c r="KIM721" s="613"/>
      <c r="KIN721" s="613"/>
      <c r="KIO721" s="613"/>
      <c r="KIP721" s="613"/>
      <c r="KIQ721" s="613"/>
      <c r="KIR721" s="613"/>
      <c r="KIS721" s="613"/>
      <c r="KIT721" s="613"/>
      <c r="KIU721" s="613"/>
      <c r="KIV721" s="613"/>
      <c r="KIW721" s="613"/>
      <c r="KIX721" s="613"/>
      <c r="KIY721" s="613"/>
      <c r="KIZ721" s="613"/>
      <c r="KJA721" s="613"/>
      <c r="KJB721" s="613"/>
      <c r="KJC721" s="613"/>
      <c r="KJD721" s="613"/>
      <c r="KJE721" s="613"/>
      <c r="KJF721" s="613"/>
      <c r="KJG721" s="613"/>
      <c r="KJH721" s="613"/>
      <c r="KJI721" s="613"/>
      <c r="KJJ721" s="613"/>
      <c r="KJK721" s="613"/>
      <c r="KJL721" s="613"/>
      <c r="KJM721" s="613"/>
      <c r="KJN721" s="613"/>
      <c r="KJO721" s="613"/>
      <c r="KJP721" s="613"/>
      <c r="KJQ721" s="613"/>
      <c r="KJR721" s="613"/>
      <c r="KJS721" s="613"/>
      <c r="KJT721" s="613"/>
      <c r="KJU721" s="613"/>
      <c r="KJV721" s="613"/>
      <c r="KJW721" s="613"/>
      <c r="KJX721" s="613"/>
      <c r="KJY721" s="613"/>
      <c r="KJZ721" s="613"/>
      <c r="KKA721" s="613"/>
      <c r="KKB721" s="613"/>
      <c r="KKC721" s="613"/>
      <c r="KKD721" s="613"/>
      <c r="KKE721" s="613"/>
      <c r="KKF721" s="613"/>
      <c r="KKG721" s="613"/>
      <c r="KKH721" s="613"/>
      <c r="KKI721" s="613"/>
      <c r="KKJ721" s="613"/>
      <c r="KKK721" s="613"/>
      <c r="KKL721" s="613"/>
      <c r="KKM721" s="613"/>
      <c r="KKN721" s="613"/>
      <c r="KKO721" s="613"/>
      <c r="KKP721" s="613"/>
      <c r="KKQ721" s="613"/>
      <c r="KKR721" s="613"/>
      <c r="KKS721" s="613"/>
      <c r="KKT721" s="613"/>
      <c r="KKU721" s="613"/>
      <c r="KKV721" s="613"/>
      <c r="KKW721" s="613"/>
      <c r="KKX721" s="613"/>
      <c r="KKY721" s="613"/>
      <c r="KKZ721" s="613"/>
      <c r="KLA721" s="613"/>
      <c r="KLB721" s="613"/>
      <c r="KLC721" s="613"/>
      <c r="KLD721" s="613"/>
      <c r="KLE721" s="613"/>
      <c r="KLF721" s="613"/>
      <c r="KLG721" s="613"/>
      <c r="KLH721" s="613"/>
      <c r="KLI721" s="613"/>
      <c r="KLJ721" s="613"/>
      <c r="KLK721" s="613"/>
      <c r="KLL721" s="613"/>
      <c r="KLM721" s="613"/>
      <c r="KLN721" s="613"/>
      <c r="KLO721" s="613"/>
      <c r="KLP721" s="613"/>
      <c r="KLQ721" s="613"/>
      <c r="KLR721" s="613"/>
      <c r="KLS721" s="613"/>
      <c r="KLT721" s="613"/>
      <c r="KLU721" s="613"/>
      <c r="KLV721" s="613"/>
      <c r="KLW721" s="613"/>
      <c r="KLX721" s="613"/>
      <c r="KLY721" s="613"/>
      <c r="KLZ721" s="613"/>
      <c r="KMA721" s="613"/>
      <c r="KMB721" s="613"/>
      <c r="KMC721" s="613"/>
      <c r="KMD721" s="613"/>
      <c r="KME721" s="613"/>
      <c r="KMF721" s="613"/>
      <c r="KMG721" s="613"/>
      <c r="KMH721" s="613"/>
      <c r="KMI721" s="613"/>
      <c r="KMJ721" s="613"/>
      <c r="KMK721" s="613"/>
      <c r="KML721" s="613"/>
      <c r="KMM721" s="613"/>
      <c r="KMN721" s="613"/>
      <c r="KMO721" s="613"/>
      <c r="KMP721" s="613"/>
      <c r="KMQ721" s="613"/>
      <c r="KMR721" s="613"/>
      <c r="KMS721" s="613"/>
      <c r="KMT721" s="613"/>
      <c r="KMU721" s="613"/>
      <c r="KMV721" s="613"/>
      <c r="KMW721" s="613"/>
      <c r="KMX721" s="613"/>
      <c r="KMY721" s="613"/>
      <c r="KMZ721" s="613"/>
      <c r="KNA721" s="613"/>
      <c r="KNB721" s="613"/>
      <c r="KNC721" s="613"/>
      <c r="KND721" s="613"/>
      <c r="KNE721" s="613"/>
      <c r="KNF721" s="613"/>
      <c r="KNG721" s="613"/>
      <c r="KNH721" s="613"/>
      <c r="KNI721" s="613"/>
      <c r="KNJ721" s="613"/>
      <c r="KNK721" s="613"/>
      <c r="KNL721" s="613"/>
      <c r="KNM721" s="613"/>
      <c r="KNN721" s="613"/>
      <c r="KNO721" s="613"/>
      <c r="KNP721" s="613"/>
      <c r="KNQ721" s="613"/>
      <c r="KNR721" s="613"/>
      <c r="KNS721" s="613"/>
      <c r="KNT721" s="613"/>
      <c r="KNU721" s="613"/>
      <c r="KNV721" s="613"/>
      <c r="KNW721" s="613"/>
      <c r="KNX721" s="613"/>
      <c r="KNY721" s="613"/>
      <c r="KNZ721" s="613"/>
      <c r="KOA721" s="613"/>
      <c r="KOB721" s="613"/>
      <c r="KOC721" s="613"/>
      <c r="KOD721" s="613"/>
      <c r="KOE721" s="613"/>
      <c r="KOF721" s="613"/>
      <c r="KOG721" s="613"/>
      <c r="KOH721" s="613"/>
      <c r="KOI721" s="613"/>
      <c r="KOJ721" s="613"/>
      <c r="KOK721" s="613"/>
      <c r="KOL721" s="613"/>
      <c r="KOM721" s="613"/>
      <c r="KON721" s="613"/>
      <c r="KOO721" s="613"/>
      <c r="KOP721" s="613"/>
      <c r="KOQ721" s="613"/>
      <c r="KOR721" s="613"/>
      <c r="KOS721" s="613"/>
      <c r="KOT721" s="613"/>
      <c r="KOU721" s="613"/>
      <c r="KOV721" s="613"/>
      <c r="KOW721" s="613"/>
      <c r="KOX721" s="613"/>
      <c r="KOY721" s="613"/>
      <c r="KOZ721" s="613"/>
      <c r="KPA721" s="613"/>
      <c r="KPB721" s="613"/>
      <c r="KPC721" s="613"/>
      <c r="KPD721" s="613"/>
      <c r="KPE721" s="613"/>
      <c r="KPF721" s="613"/>
      <c r="KPG721" s="613"/>
      <c r="KPH721" s="613"/>
      <c r="KPI721" s="613"/>
      <c r="KPJ721" s="613"/>
      <c r="KPK721" s="613"/>
      <c r="KPL721" s="613"/>
      <c r="KPM721" s="613"/>
      <c r="KPN721" s="613"/>
      <c r="KPO721" s="613"/>
      <c r="KPP721" s="613"/>
      <c r="KPQ721" s="613"/>
      <c r="KPR721" s="613"/>
      <c r="KPS721" s="613"/>
      <c r="KPT721" s="613"/>
      <c r="KPU721" s="613"/>
      <c r="KPV721" s="613"/>
      <c r="KPW721" s="613"/>
      <c r="KPX721" s="613"/>
      <c r="KPY721" s="613"/>
      <c r="KPZ721" s="613"/>
      <c r="KQA721" s="613"/>
      <c r="KQB721" s="613"/>
      <c r="KQC721" s="613"/>
      <c r="KQD721" s="613"/>
      <c r="KQE721" s="613"/>
      <c r="KQF721" s="613"/>
      <c r="KQG721" s="613"/>
      <c r="KQH721" s="613"/>
      <c r="KQI721" s="613"/>
      <c r="KQJ721" s="613"/>
      <c r="KQK721" s="613"/>
      <c r="KQL721" s="613"/>
      <c r="KQM721" s="613"/>
      <c r="KQN721" s="613"/>
      <c r="KQO721" s="613"/>
      <c r="KQP721" s="613"/>
      <c r="KQQ721" s="613"/>
      <c r="KQR721" s="613"/>
      <c r="KQS721" s="613"/>
      <c r="KQT721" s="613"/>
      <c r="KQU721" s="613"/>
      <c r="KQV721" s="613"/>
      <c r="KQW721" s="613"/>
      <c r="KQX721" s="613"/>
      <c r="KQY721" s="613"/>
      <c r="KQZ721" s="613"/>
      <c r="KRA721" s="613"/>
      <c r="KRB721" s="613"/>
      <c r="KRC721" s="613"/>
      <c r="KRD721" s="613"/>
      <c r="KRE721" s="613"/>
      <c r="KRF721" s="613"/>
      <c r="KRG721" s="613"/>
      <c r="KRH721" s="613"/>
      <c r="KRI721" s="613"/>
      <c r="KRJ721" s="613"/>
      <c r="KRK721" s="613"/>
      <c r="KRL721" s="613"/>
      <c r="KRM721" s="613"/>
      <c r="KRN721" s="613"/>
      <c r="KRO721" s="613"/>
      <c r="KRP721" s="613"/>
      <c r="KRQ721" s="613"/>
      <c r="KRR721" s="613"/>
      <c r="KRS721" s="613"/>
      <c r="KRT721" s="613"/>
      <c r="KRU721" s="613"/>
      <c r="KRV721" s="613"/>
      <c r="KRW721" s="613"/>
      <c r="KRX721" s="613"/>
      <c r="KRY721" s="613"/>
      <c r="KRZ721" s="613"/>
      <c r="KSA721" s="613"/>
      <c r="KSB721" s="613"/>
      <c r="KSC721" s="613"/>
      <c r="KSD721" s="613"/>
      <c r="KSE721" s="613"/>
      <c r="KSF721" s="613"/>
      <c r="KSG721" s="613"/>
      <c r="KSH721" s="613"/>
      <c r="KSI721" s="613"/>
      <c r="KSJ721" s="613"/>
      <c r="KSK721" s="613"/>
      <c r="KSL721" s="613"/>
      <c r="KSM721" s="613"/>
      <c r="KSN721" s="613"/>
      <c r="KSO721" s="613"/>
      <c r="KSP721" s="613"/>
      <c r="KSQ721" s="613"/>
      <c r="KSR721" s="613"/>
      <c r="KSS721" s="613"/>
      <c r="KST721" s="613"/>
      <c r="KSU721" s="613"/>
      <c r="KSV721" s="613"/>
      <c r="KSW721" s="613"/>
      <c r="KSX721" s="613"/>
      <c r="KSY721" s="613"/>
      <c r="KSZ721" s="613"/>
      <c r="KTA721" s="613"/>
      <c r="KTB721" s="613"/>
      <c r="KTC721" s="613"/>
      <c r="KTD721" s="613"/>
      <c r="KTE721" s="613"/>
      <c r="KTF721" s="613"/>
      <c r="KTG721" s="613"/>
      <c r="KTH721" s="613"/>
      <c r="KTI721" s="613"/>
      <c r="KTJ721" s="613"/>
      <c r="KTK721" s="613"/>
      <c r="KTL721" s="613"/>
      <c r="KTM721" s="613"/>
      <c r="KTN721" s="613"/>
      <c r="KTO721" s="613"/>
      <c r="KTP721" s="613"/>
      <c r="KTQ721" s="613"/>
      <c r="KTR721" s="613"/>
      <c r="KTS721" s="613"/>
      <c r="KTT721" s="613"/>
      <c r="KTU721" s="613"/>
      <c r="KTV721" s="613"/>
      <c r="KTW721" s="613"/>
      <c r="KTX721" s="613"/>
      <c r="KTY721" s="613"/>
      <c r="KTZ721" s="613"/>
      <c r="KUA721" s="613"/>
      <c r="KUB721" s="613"/>
      <c r="KUC721" s="613"/>
      <c r="KUD721" s="613"/>
      <c r="KUE721" s="613"/>
      <c r="KUF721" s="613"/>
      <c r="KUG721" s="613"/>
      <c r="KUH721" s="613"/>
      <c r="KUI721" s="613"/>
      <c r="KUJ721" s="613"/>
      <c r="KUK721" s="613"/>
      <c r="KUL721" s="613"/>
      <c r="KUM721" s="613"/>
      <c r="KUN721" s="613"/>
      <c r="KUO721" s="613"/>
      <c r="KUP721" s="613"/>
      <c r="KUQ721" s="613"/>
      <c r="KUR721" s="613"/>
      <c r="KUS721" s="613"/>
      <c r="KUT721" s="613"/>
      <c r="KUU721" s="613"/>
      <c r="KUV721" s="613"/>
      <c r="KUW721" s="613"/>
      <c r="KUX721" s="613"/>
      <c r="KUY721" s="613"/>
      <c r="KUZ721" s="613"/>
      <c r="KVA721" s="613"/>
      <c r="KVB721" s="613"/>
      <c r="KVC721" s="613"/>
      <c r="KVD721" s="613"/>
      <c r="KVE721" s="613"/>
      <c r="KVF721" s="613"/>
      <c r="KVG721" s="613"/>
      <c r="KVH721" s="613"/>
      <c r="KVI721" s="613"/>
      <c r="KVJ721" s="613"/>
      <c r="KVK721" s="613"/>
      <c r="KVL721" s="613"/>
      <c r="KVM721" s="613"/>
      <c r="KVN721" s="613"/>
      <c r="KVO721" s="613"/>
      <c r="KVP721" s="613"/>
      <c r="KVQ721" s="613"/>
      <c r="KVR721" s="613"/>
      <c r="KVS721" s="613"/>
      <c r="KVT721" s="613"/>
      <c r="KVU721" s="613"/>
      <c r="KVV721" s="613"/>
      <c r="KVW721" s="613"/>
      <c r="KVX721" s="613"/>
      <c r="KVY721" s="613"/>
      <c r="KVZ721" s="613"/>
      <c r="KWA721" s="613"/>
      <c r="KWB721" s="613"/>
      <c r="KWC721" s="613"/>
      <c r="KWD721" s="613"/>
      <c r="KWE721" s="613"/>
      <c r="KWF721" s="613"/>
      <c r="KWG721" s="613"/>
      <c r="KWH721" s="613"/>
      <c r="KWI721" s="613"/>
      <c r="KWJ721" s="613"/>
      <c r="KWK721" s="613"/>
      <c r="KWL721" s="613"/>
      <c r="KWM721" s="613"/>
      <c r="KWN721" s="613"/>
      <c r="KWO721" s="613"/>
      <c r="KWP721" s="613"/>
      <c r="KWQ721" s="613"/>
      <c r="KWR721" s="613"/>
      <c r="KWS721" s="613"/>
      <c r="KWT721" s="613"/>
      <c r="KWU721" s="613"/>
      <c r="KWV721" s="613"/>
      <c r="KWW721" s="613"/>
      <c r="KWX721" s="613"/>
      <c r="KWY721" s="613"/>
      <c r="KWZ721" s="613"/>
      <c r="KXA721" s="613"/>
      <c r="KXB721" s="613"/>
      <c r="KXC721" s="613"/>
      <c r="KXD721" s="613"/>
      <c r="KXE721" s="613"/>
      <c r="KXF721" s="613"/>
      <c r="KXG721" s="613"/>
      <c r="KXH721" s="613"/>
      <c r="KXI721" s="613"/>
      <c r="KXJ721" s="613"/>
      <c r="KXK721" s="613"/>
      <c r="KXL721" s="613"/>
      <c r="KXM721" s="613"/>
      <c r="KXN721" s="613"/>
      <c r="KXO721" s="613"/>
      <c r="KXP721" s="613"/>
      <c r="KXQ721" s="613"/>
      <c r="KXR721" s="613"/>
      <c r="KXS721" s="613"/>
      <c r="KXT721" s="613"/>
      <c r="KXU721" s="613"/>
      <c r="KXV721" s="613"/>
      <c r="KXW721" s="613"/>
      <c r="KXX721" s="613"/>
      <c r="KXY721" s="613"/>
      <c r="KXZ721" s="613"/>
      <c r="KYA721" s="613"/>
      <c r="KYB721" s="613"/>
      <c r="KYC721" s="613"/>
      <c r="KYD721" s="613"/>
      <c r="KYE721" s="613"/>
      <c r="KYF721" s="613"/>
      <c r="KYG721" s="613"/>
      <c r="KYH721" s="613"/>
      <c r="KYI721" s="613"/>
      <c r="KYJ721" s="613"/>
      <c r="KYK721" s="613"/>
      <c r="KYL721" s="613"/>
      <c r="KYM721" s="613"/>
      <c r="KYN721" s="613"/>
      <c r="KYO721" s="613"/>
      <c r="KYP721" s="613"/>
      <c r="KYQ721" s="613"/>
      <c r="KYR721" s="613"/>
      <c r="KYS721" s="613"/>
      <c r="KYT721" s="613"/>
      <c r="KYU721" s="613"/>
      <c r="KYV721" s="613"/>
      <c r="KYW721" s="613"/>
      <c r="KYX721" s="613"/>
      <c r="KYY721" s="613"/>
      <c r="KYZ721" s="613"/>
      <c r="KZA721" s="613"/>
      <c r="KZB721" s="613"/>
      <c r="KZC721" s="613"/>
      <c r="KZD721" s="613"/>
      <c r="KZE721" s="613"/>
      <c r="KZF721" s="613"/>
      <c r="KZG721" s="613"/>
      <c r="KZH721" s="613"/>
      <c r="KZI721" s="613"/>
      <c r="KZJ721" s="613"/>
      <c r="KZK721" s="613"/>
      <c r="KZL721" s="613"/>
      <c r="KZM721" s="613"/>
      <c r="KZN721" s="613"/>
      <c r="KZO721" s="613"/>
      <c r="KZP721" s="613"/>
      <c r="KZQ721" s="613"/>
      <c r="KZR721" s="613"/>
      <c r="KZS721" s="613"/>
      <c r="KZT721" s="613"/>
      <c r="KZU721" s="613"/>
      <c r="KZV721" s="613"/>
      <c r="KZW721" s="613"/>
      <c r="KZX721" s="613"/>
      <c r="KZY721" s="613"/>
      <c r="KZZ721" s="613"/>
      <c r="LAA721" s="613"/>
      <c r="LAB721" s="613"/>
      <c r="LAC721" s="613"/>
      <c r="LAD721" s="613"/>
      <c r="LAE721" s="613"/>
      <c r="LAF721" s="613"/>
      <c r="LAG721" s="613"/>
      <c r="LAH721" s="613"/>
      <c r="LAI721" s="613"/>
      <c r="LAJ721" s="613"/>
      <c r="LAK721" s="613"/>
      <c r="LAL721" s="613"/>
      <c r="LAM721" s="613"/>
      <c r="LAN721" s="613"/>
      <c r="LAO721" s="613"/>
      <c r="LAP721" s="613"/>
      <c r="LAQ721" s="613"/>
      <c r="LAR721" s="613"/>
      <c r="LAS721" s="613"/>
      <c r="LAT721" s="613"/>
      <c r="LAU721" s="613"/>
      <c r="LAV721" s="613"/>
      <c r="LAW721" s="613"/>
      <c r="LAX721" s="613"/>
      <c r="LAY721" s="613"/>
      <c r="LAZ721" s="613"/>
      <c r="LBA721" s="613"/>
      <c r="LBB721" s="613"/>
      <c r="LBC721" s="613"/>
      <c r="LBD721" s="613"/>
      <c r="LBE721" s="613"/>
      <c r="LBF721" s="613"/>
      <c r="LBG721" s="613"/>
      <c r="LBH721" s="613"/>
      <c r="LBI721" s="613"/>
      <c r="LBJ721" s="613"/>
      <c r="LBK721" s="613"/>
      <c r="LBL721" s="613"/>
      <c r="LBM721" s="613"/>
      <c r="LBN721" s="613"/>
      <c r="LBO721" s="613"/>
      <c r="LBP721" s="613"/>
      <c r="LBQ721" s="613"/>
      <c r="LBR721" s="613"/>
      <c r="LBS721" s="613"/>
      <c r="LBT721" s="613"/>
      <c r="LBU721" s="613"/>
      <c r="LBV721" s="613"/>
      <c r="LBW721" s="613"/>
      <c r="LBX721" s="613"/>
      <c r="LBY721" s="613"/>
      <c r="LBZ721" s="613"/>
      <c r="LCA721" s="613"/>
      <c r="LCB721" s="613"/>
      <c r="LCC721" s="613"/>
      <c r="LCD721" s="613"/>
      <c r="LCE721" s="613"/>
      <c r="LCF721" s="613"/>
      <c r="LCG721" s="613"/>
      <c r="LCH721" s="613"/>
      <c r="LCI721" s="613"/>
      <c r="LCJ721" s="613"/>
      <c r="LCK721" s="613"/>
      <c r="LCL721" s="613"/>
      <c r="LCM721" s="613"/>
      <c r="LCN721" s="613"/>
      <c r="LCO721" s="613"/>
      <c r="LCP721" s="613"/>
      <c r="LCQ721" s="613"/>
      <c r="LCR721" s="613"/>
      <c r="LCS721" s="613"/>
      <c r="LCT721" s="613"/>
      <c r="LCU721" s="613"/>
      <c r="LCV721" s="613"/>
      <c r="LCW721" s="613"/>
      <c r="LCX721" s="613"/>
      <c r="LCY721" s="613"/>
      <c r="LCZ721" s="613"/>
      <c r="LDA721" s="613"/>
      <c r="LDB721" s="613"/>
      <c r="LDC721" s="613"/>
      <c r="LDD721" s="613"/>
      <c r="LDE721" s="613"/>
      <c r="LDF721" s="613"/>
      <c r="LDG721" s="613"/>
      <c r="LDH721" s="613"/>
      <c r="LDI721" s="613"/>
      <c r="LDJ721" s="613"/>
      <c r="LDK721" s="613"/>
      <c r="LDL721" s="613"/>
      <c r="LDM721" s="613"/>
      <c r="LDN721" s="613"/>
      <c r="LDO721" s="613"/>
      <c r="LDP721" s="613"/>
      <c r="LDQ721" s="613"/>
      <c r="LDR721" s="613"/>
      <c r="LDS721" s="613"/>
      <c r="LDT721" s="613"/>
      <c r="LDU721" s="613"/>
      <c r="LDV721" s="613"/>
      <c r="LDW721" s="613"/>
      <c r="LDX721" s="613"/>
      <c r="LDY721" s="613"/>
      <c r="LDZ721" s="613"/>
      <c r="LEA721" s="613"/>
      <c r="LEB721" s="613"/>
      <c r="LEC721" s="613"/>
      <c r="LED721" s="613"/>
      <c r="LEE721" s="613"/>
      <c r="LEF721" s="613"/>
      <c r="LEG721" s="613"/>
      <c r="LEH721" s="613"/>
      <c r="LEI721" s="613"/>
      <c r="LEJ721" s="613"/>
      <c r="LEK721" s="613"/>
      <c r="LEL721" s="613"/>
      <c r="LEM721" s="613"/>
      <c r="LEN721" s="613"/>
      <c r="LEO721" s="613"/>
      <c r="LEP721" s="613"/>
      <c r="LEQ721" s="613"/>
      <c r="LER721" s="613"/>
      <c r="LES721" s="613"/>
      <c r="LET721" s="613"/>
      <c r="LEU721" s="613"/>
      <c r="LEV721" s="613"/>
      <c r="LEW721" s="613"/>
      <c r="LEX721" s="613"/>
      <c r="LEY721" s="613"/>
      <c r="LEZ721" s="613"/>
      <c r="LFA721" s="613"/>
      <c r="LFB721" s="613"/>
      <c r="LFC721" s="613"/>
      <c r="LFD721" s="613"/>
      <c r="LFE721" s="613"/>
      <c r="LFF721" s="613"/>
      <c r="LFG721" s="613"/>
      <c r="LFH721" s="613"/>
      <c r="LFI721" s="613"/>
      <c r="LFJ721" s="613"/>
      <c r="LFK721" s="613"/>
      <c r="LFL721" s="613"/>
      <c r="LFM721" s="613"/>
      <c r="LFN721" s="613"/>
      <c r="LFO721" s="613"/>
      <c r="LFP721" s="613"/>
      <c r="LFQ721" s="613"/>
      <c r="LFR721" s="613"/>
      <c r="LFS721" s="613"/>
      <c r="LFT721" s="613"/>
      <c r="LFU721" s="613"/>
      <c r="LFV721" s="613"/>
      <c r="LFW721" s="613"/>
      <c r="LFX721" s="613"/>
      <c r="LFY721" s="613"/>
      <c r="LFZ721" s="613"/>
      <c r="LGA721" s="613"/>
      <c r="LGB721" s="613"/>
      <c r="LGC721" s="613"/>
      <c r="LGD721" s="613"/>
      <c r="LGE721" s="613"/>
      <c r="LGF721" s="613"/>
      <c r="LGG721" s="613"/>
      <c r="LGH721" s="613"/>
      <c r="LGI721" s="613"/>
      <c r="LGJ721" s="613"/>
      <c r="LGK721" s="613"/>
      <c r="LGL721" s="613"/>
      <c r="LGM721" s="613"/>
      <c r="LGN721" s="613"/>
      <c r="LGO721" s="613"/>
      <c r="LGP721" s="613"/>
      <c r="LGQ721" s="613"/>
      <c r="LGR721" s="613"/>
      <c r="LGS721" s="613"/>
      <c r="LGT721" s="613"/>
      <c r="LGU721" s="613"/>
      <c r="LGV721" s="613"/>
      <c r="LGW721" s="613"/>
      <c r="LGX721" s="613"/>
      <c r="LGY721" s="613"/>
      <c r="LGZ721" s="613"/>
      <c r="LHA721" s="613"/>
      <c r="LHB721" s="613"/>
      <c r="LHC721" s="613"/>
      <c r="LHD721" s="613"/>
      <c r="LHE721" s="613"/>
      <c r="LHF721" s="613"/>
      <c r="LHG721" s="613"/>
      <c r="LHH721" s="613"/>
      <c r="LHI721" s="613"/>
      <c r="LHJ721" s="613"/>
      <c r="LHK721" s="613"/>
      <c r="LHL721" s="613"/>
      <c r="LHM721" s="613"/>
      <c r="LHN721" s="613"/>
      <c r="LHO721" s="613"/>
      <c r="LHP721" s="613"/>
      <c r="LHQ721" s="613"/>
      <c r="LHR721" s="613"/>
      <c r="LHS721" s="613"/>
      <c r="LHT721" s="613"/>
      <c r="LHU721" s="613"/>
      <c r="LHV721" s="613"/>
      <c r="LHW721" s="613"/>
      <c r="LHX721" s="613"/>
      <c r="LHY721" s="613"/>
      <c r="LHZ721" s="613"/>
      <c r="LIA721" s="613"/>
      <c r="LIB721" s="613"/>
      <c r="LIC721" s="613"/>
      <c r="LID721" s="613"/>
      <c r="LIE721" s="613"/>
      <c r="LIF721" s="613"/>
      <c r="LIG721" s="613"/>
      <c r="LIH721" s="613"/>
      <c r="LII721" s="613"/>
      <c r="LIJ721" s="613"/>
      <c r="LIK721" s="613"/>
      <c r="LIL721" s="613"/>
      <c r="LIM721" s="613"/>
      <c r="LIN721" s="613"/>
      <c r="LIO721" s="613"/>
      <c r="LIP721" s="613"/>
      <c r="LIQ721" s="613"/>
      <c r="LIR721" s="613"/>
      <c r="LIS721" s="613"/>
      <c r="LIT721" s="613"/>
      <c r="LIU721" s="613"/>
      <c r="LIV721" s="613"/>
      <c r="LIW721" s="613"/>
      <c r="LIX721" s="613"/>
      <c r="LIY721" s="613"/>
      <c r="LIZ721" s="613"/>
      <c r="LJA721" s="613"/>
      <c r="LJB721" s="613"/>
      <c r="LJC721" s="613"/>
      <c r="LJD721" s="613"/>
      <c r="LJE721" s="613"/>
      <c r="LJF721" s="613"/>
      <c r="LJG721" s="613"/>
      <c r="LJH721" s="613"/>
      <c r="LJI721" s="613"/>
      <c r="LJJ721" s="613"/>
      <c r="LJK721" s="613"/>
      <c r="LJL721" s="613"/>
      <c r="LJM721" s="613"/>
      <c r="LJN721" s="613"/>
      <c r="LJO721" s="613"/>
      <c r="LJP721" s="613"/>
      <c r="LJQ721" s="613"/>
      <c r="LJR721" s="613"/>
      <c r="LJS721" s="613"/>
      <c r="LJT721" s="613"/>
      <c r="LJU721" s="613"/>
      <c r="LJV721" s="613"/>
      <c r="LJW721" s="613"/>
      <c r="LJX721" s="613"/>
      <c r="LJY721" s="613"/>
      <c r="LJZ721" s="613"/>
      <c r="LKA721" s="613"/>
      <c r="LKB721" s="613"/>
      <c r="LKC721" s="613"/>
      <c r="LKD721" s="613"/>
      <c r="LKE721" s="613"/>
      <c r="LKF721" s="613"/>
      <c r="LKG721" s="613"/>
      <c r="LKH721" s="613"/>
      <c r="LKI721" s="613"/>
      <c r="LKJ721" s="613"/>
      <c r="LKK721" s="613"/>
      <c r="LKL721" s="613"/>
      <c r="LKM721" s="613"/>
      <c r="LKN721" s="613"/>
      <c r="LKO721" s="613"/>
      <c r="LKP721" s="613"/>
      <c r="LKQ721" s="613"/>
      <c r="LKR721" s="613"/>
      <c r="LKS721" s="613"/>
      <c r="LKT721" s="613"/>
      <c r="LKU721" s="613"/>
      <c r="LKV721" s="613"/>
      <c r="LKW721" s="613"/>
      <c r="LKX721" s="613"/>
      <c r="LKY721" s="613"/>
      <c r="LKZ721" s="613"/>
      <c r="LLA721" s="613"/>
      <c r="LLB721" s="613"/>
      <c r="LLC721" s="613"/>
      <c r="LLD721" s="613"/>
      <c r="LLE721" s="613"/>
      <c r="LLF721" s="613"/>
      <c r="LLG721" s="613"/>
      <c r="LLH721" s="613"/>
      <c r="LLI721" s="613"/>
      <c r="LLJ721" s="613"/>
      <c r="LLK721" s="613"/>
      <c r="LLL721" s="613"/>
      <c r="LLM721" s="613"/>
      <c r="LLN721" s="613"/>
      <c r="LLO721" s="613"/>
      <c r="LLP721" s="613"/>
      <c r="LLQ721" s="613"/>
      <c r="LLR721" s="613"/>
      <c r="LLS721" s="613"/>
      <c r="LLT721" s="613"/>
      <c r="LLU721" s="613"/>
      <c r="LLV721" s="613"/>
      <c r="LLW721" s="613"/>
      <c r="LLX721" s="613"/>
      <c r="LLY721" s="613"/>
      <c r="LLZ721" s="613"/>
      <c r="LMA721" s="613"/>
      <c r="LMB721" s="613"/>
      <c r="LMC721" s="613"/>
      <c r="LMD721" s="613"/>
      <c r="LME721" s="613"/>
      <c r="LMF721" s="613"/>
      <c r="LMG721" s="613"/>
      <c r="LMH721" s="613"/>
      <c r="LMI721" s="613"/>
      <c r="LMJ721" s="613"/>
      <c r="LMK721" s="613"/>
      <c r="LML721" s="613"/>
      <c r="LMM721" s="613"/>
      <c r="LMN721" s="613"/>
      <c r="LMO721" s="613"/>
      <c r="LMP721" s="613"/>
      <c r="LMQ721" s="613"/>
      <c r="LMR721" s="613"/>
      <c r="LMS721" s="613"/>
      <c r="LMT721" s="613"/>
      <c r="LMU721" s="613"/>
      <c r="LMV721" s="613"/>
      <c r="LMW721" s="613"/>
      <c r="LMX721" s="613"/>
      <c r="LMY721" s="613"/>
      <c r="LMZ721" s="613"/>
      <c r="LNA721" s="613"/>
      <c r="LNB721" s="613"/>
      <c r="LNC721" s="613"/>
      <c r="LND721" s="613"/>
      <c r="LNE721" s="613"/>
      <c r="LNF721" s="613"/>
      <c r="LNG721" s="613"/>
      <c r="LNH721" s="613"/>
      <c r="LNI721" s="613"/>
      <c r="LNJ721" s="613"/>
      <c r="LNK721" s="613"/>
      <c r="LNL721" s="613"/>
      <c r="LNM721" s="613"/>
      <c r="LNN721" s="613"/>
      <c r="LNO721" s="613"/>
      <c r="LNP721" s="613"/>
      <c r="LNQ721" s="613"/>
      <c r="LNR721" s="613"/>
      <c r="LNS721" s="613"/>
      <c r="LNT721" s="613"/>
      <c r="LNU721" s="613"/>
      <c r="LNV721" s="613"/>
      <c r="LNW721" s="613"/>
      <c r="LNX721" s="613"/>
      <c r="LNY721" s="613"/>
      <c r="LNZ721" s="613"/>
      <c r="LOA721" s="613"/>
      <c r="LOB721" s="613"/>
      <c r="LOC721" s="613"/>
      <c r="LOD721" s="613"/>
      <c r="LOE721" s="613"/>
      <c r="LOF721" s="613"/>
      <c r="LOG721" s="613"/>
      <c r="LOH721" s="613"/>
      <c r="LOI721" s="613"/>
      <c r="LOJ721" s="613"/>
      <c r="LOK721" s="613"/>
      <c r="LOL721" s="613"/>
      <c r="LOM721" s="613"/>
      <c r="LON721" s="613"/>
      <c r="LOO721" s="613"/>
      <c r="LOP721" s="613"/>
      <c r="LOQ721" s="613"/>
      <c r="LOR721" s="613"/>
      <c r="LOS721" s="613"/>
      <c r="LOT721" s="613"/>
      <c r="LOU721" s="613"/>
      <c r="LOV721" s="613"/>
      <c r="LOW721" s="613"/>
      <c r="LOX721" s="613"/>
      <c r="LOY721" s="613"/>
      <c r="LOZ721" s="613"/>
      <c r="LPA721" s="613"/>
      <c r="LPB721" s="613"/>
      <c r="LPC721" s="613"/>
      <c r="LPD721" s="613"/>
      <c r="LPE721" s="613"/>
      <c r="LPF721" s="613"/>
      <c r="LPG721" s="613"/>
      <c r="LPH721" s="613"/>
      <c r="LPI721" s="613"/>
      <c r="LPJ721" s="613"/>
      <c r="LPK721" s="613"/>
      <c r="LPL721" s="613"/>
      <c r="LPM721" s="613"/>
      <c r="LPN721" s="613"/>
      <c r="LPO721" s="613"/>
      <c r="LPP721" s="613"/>
      <c r="LPQ721" s="613"/>
      <c r="LPR721" s="613"/>
      <c r="LPS721" s="613"/>
      <c r="LPT721" s="613"/>
      <c r="LPU721" s="613"/>
      <c r="LPV721" s="613"/>
      <c r="LPW721" s="613"/>
      <c r="LPX721" s="613"/>
      <c r="LPY721" s="613"/>
      <c r="LPZ721" s="613"/>
      <c r="LQA721" s="613"/>
      <c r="LQB721" s="613"/>
      <c r="LQC721" s="613"/>
      <c r="LQD721" s="613"/>
      <c r="LQE721" s="613"/>
      <c r="LQF721" s="613"/>
      <c r="LQG721" s="613"/>
      <c r="LQH721" s="613"/>
      <c r="LQI721" s="613"/>
      <c r="LQJ721" s="613"/>
      <c r="LQK721" s="613"/>
      <c r="LQL721" s="613"/>
      <c r="LQM721" s="613"/>
      <c r="LQN721" s="613"/>
      <c r="LQO721" s="613"/>
      <c r="LQP721" s="613"/>
      <c r="LQQ721" s="613"/>
      <c r="LQR721" s="613"/>
      <c r="LQS721" s="613"/>
      <c r="LQT721" s="613"/>
      <c r="LQU721" s="613"/>
      <c r="LQV721" s="613"/>
      <c r="LQW721" s="613"/>
      <c r="LQX721" s="613"/>
      <c r="LQY721" s="613"/>
      <c r="LQZ721" s="613"/>
      <c r="LRA721" s="613"/>
      <c r="LRB721" s="613"/>
      <c r="LRC721" s="613"/>
      <c r="LRD721" s="613"/>
      <c r="LRE721" s="613"/>
      <c r="LRF721" s="613"/>
      <c r="LRG721" s="613"/>
      <c r="LRH721" s="613"/>
      <c r="LRI721" s="613"/>
      <c r="LRJ721" s="613"/>
      <c r="LRK721" s="613"/>
      <c r="LRL721" s="613"/>
      <c r="LRM721" s="613"/>
      <c r="LRN721" s="613"/>
      <c r="LRO721" s="613"/>
      <c r="LRP721" s="613"/>
      <c r="LRQ721" s="613"/>
      <c r="LRR721" s="613"/>
      <c r="LRS721" s="613"/>
      <c r="LRT721" s="613"/>
      <c r="LRU721" s="613"/>
      <c r="LRV721" s="613"/>
      <c r="LRW721" s="613"/>
      <c r="LRX721" s="613"/>
      <c r="LRY721" s="613"/>
      <c r="LRZ721" s="613"/>
      <c r="LSA721" s="613"/>
      <c r="LSB721" s="613"/>
      <c r="LSC721" s="613"/>
      <c r="LSD721" s="613"/>
      <c r="LSE721" s="613"/>
      <c r="LSF721" s="613"/>
      <c r="LSG721" s="613"/>
      <c r="LSH721" s="613"/>
      <c r="LSI721" s="613"/>
      <c r="LSJ721" s="613"/>
      <c r="LSK721" s="613"/>
      <c r="LSL721" s="613"/>
      <c r="LSM721" s="613"/>
      <c r="LSN721" s="613"/>
      <c r="LSO721" s="613"/>
      <c r="LSP721" s="613"/>
      <c r="LSQ721" s="613"/>
      <c r="LSR721" s="613"/>
      <c r="LSS721" s="613"/>
      <c r="LST721" s="613"/>
      <c r="LSU721" s="613"/>
      <c r="LSV721" s="613"/>
      <c r="LSW721" s="613"/>
      <c r="LSX721" s="613"/>
      <c r="LSY721" s="613"/>
      <c r="LSZ721" s="613"/>
      <c r="LTA721" s="613"/>
      <c r="LTB721" s="613"/>
      <c r="LTC721" s="613"/>
      <c r="LTD721" s="613"/>
      <c r="LTE721" s="613"/>
      <c r="LTF721" s="613"/>
      <c r="LTG721" s="613"/>
      <c r="LTH721" s="613"/>
      <c r="LTI721" s="613"/>
      <c r="LTJ721" s="613"/>
      <c r="LTK721" s="613"/>
      <c r="LTL721" s="613"/>
      <c r="LTM721" s="613"/>
      <c r="LTN721" s="613"/>
      <c r="LTO721" s="613"/>
      <c r="LTP721" s="613"/>
      <c r="LTQ721" s="613"/>
      <c r="LTR721" s="613"/>
      <c r="LTS721" s="613"/>
      <c r="LTT721" s="613"/>
      <c r="LTU721" s="613"/>
      <c r="LTV721" s="613"/>
      <c r="LTW721" s="613"/>
      <c r="LTX721" s="613"/>
      <c r="LTY721" s="613"/>
      <c r="LTZ721" s="613"/>
      <c r="LUA721" s="613"/>
      <c r="LUB721" s="613"/>
      <c r="LUC721" s="613"/>
      <c r="LUD721" s="613"/>
      <c r="LUE721" s="613"/>
      <c r="LUF721" s="613"/>
      <c r="LUG721" s="613"/>
      <c r="LUH721" s="613"/>
      <c r="LUI721" s="613"/>
      <c r="LUJ721" s="613"/>
      <c r="LUK721" s="613"/>
      <c r="LUL721" s="613"/>
      <c r="LUM721" s="613"/>
      <c r="LUN721" s="613"/>
      <c r="LUO721" s="613"/>
      <c r="LUP721" s="613"/>
      <c r="LUQ721" s="613"/>
      <c r="LUR721" s="613"/>
      <c r="LUS721" s="613"/>
      <c r="LUT721" s="613"/>
      <c r="LUU721" s="613"/>
      <c r="LUV721" s="613"/>
      <c r="LUW721" s="613"/>
      <c r="LUX721" s="613"/>
      <c r="LUY721" s="613"/>
      <c r="LUZ721" s="613"/>
      <c r="LVA721" s="613"/>
      <c r="LVB721" s="613"/>
      <c r="LVC721" s="613"/>
      <c r="LVD721" s="613"/>
      <c r="LVE721" s="613"/>
      <c r="LVF721" s="613"/>
      <c r="LVG721" s="613"/>
      <c r="LVH721" s="613"/>
      <c r="LVI721" s="613"/>
      <c r="LVJ721" s="613"/>
      <c r="LVK721" s="613"/>
      <c r="LVL721" s="613"/>
      <c r="LVM721" s="613"/>
      <c r="LVN721" s="613"/>
      <c r="LVO721" s="613"/>
      <c r="LVP721" s="613"/>
      <c r="LVQ721" s="613"/>
      <c r="LVR721" s="613"/>
      <c r="LVS721" s="613"/>
      <c r="LVT721" s="613"/>
      <c r="LVU721" s="613"/>
      <c r="LVV721" s="613"/>
      <c r="LVW721" s="613"/>
      <c r="LVX721" s="613"/>
      <c r="LVY721" s="613"/>
      <c r="LVZ721" s="613"/>
      <c r="LWA721" s="613"/>
      <c r="LWB721" s="613"/>
      <c r="LWC721" s="613"/>
      <c r="LWD721" s="613"/>
      <c r="LWE721" s="613"/>
      <c r="LWF721" s="613"/>
      <c r="LWG721" s="613"/>
      <c r="LWH721" s="613"/>
      <c r="LWI721" s="613"/>
      <c r="LWJ721" s="613"/>
      <c r="LWK721" s="613"/>
      <c r="LWL721" s="613"/>
      <c r="LWM721" s="613"/>
      <c r="LWN721" s="613"/>
      <c r="LWO721" s="613"/>
      <c r="LWP721" s="613"/>
      <c r="LWQ721" s="613"/>
      <c r="LWR721" s="613"/>
      <c r="LWS721" s="613"/>
      <c r="LWT721" s="613"/>
      <c r="LWU721" s="613"/>
      <c r="LWV721" s="613"/>
      <c r="LWW721" s="613"/>
      <c r="LWX721" s="613"/>
      <c r="LWY721" s="613"/>
      <c r="LWZ721" s="613"/>
      <c r="LXA721" s="613"/>
      <c r="LXB721" s="613"/>
      <c r="LXC721" s="613"/>
      <c r="LXD721" s="613"/>
      <c r="LXE721" s="613"/>
      <c r="LXF721" s="613"/>
      <c r="LXG721" s="613"/>
      <c r="LXH721" s="613"/>
      <c r="LXI721" s="613"/>
      <c r="LXJ721" s="613"/>
      <c r="LXK721" s="613"/>
      <c r="LXL721" s="613"/>
      <c r="LXM721" s="613"/>
      <c r="LXN721" s="613"/>
      <c r="LXO721" s="613"/>
      <c r="LXP721" s="613"/>
      <c r="LXQ721" s="613"/>
      <c r="LXR721" s="613"/>
      <c r="LXS721" s="613"/>
      <c r="LXT721" s="613"/>
      <c r="LXU721" s="613"/>
      <c r="LXV721" s="613"/>
      <c r="LXW721" s="613"/>
      <c r="LXX721" s="613"/>
      <c r="LXY721" s="613"/>
      <c r="LXZ721" s="613"/>
      <c r="LYA721" s="613"/>
      <c r="LYB721" s="613"/>
      <c r="LYC721" s="613"/>
      <c r="LYD721" s="613"/>
      <c r="LYE721" s="613"/>
      <c r="LYF721" s="613"/>
      <c r="LYG721" s="613"/>
      <c r="LYH721" s="613"/>
      <c r="LYI721" s="613"/>
      <c r="LYJ721" s="613"/>
      <c r="LYK721" s="613"/>
      <c r="LYL721" s="613"/>
      <c r="LYM721" s="613"/>
      <c r="LYN721" s="613"/>
      <c r="LYO721" s="613"/>
      <c r="LYP721" s="613"/>
      <c r="LYQ721" s="613"/>
      <c r="LYR721" s="613"/>
      <c r="LYS721" s="613"/>
      <c r="LYT721" s="613"/>
      <c r="LYU721" s="613"/>
      <c r="LYV721" s="613"/>
      <c r="LYW721" s="613"/>
      <c r="LYX721" s="613"/>
      <c r="LYY721" s="613"/>
      <c r="LYZ721" s="613"/>
      <c r="LZA721" s="613"/>
      <c r="LZB721" s="613"/>
      <c r="LZC721" s="613"/>
      <c r="LZD721" s="613"/>
      <c r="LZE721" s="613"/>
      <c r="LZF721" s="613"/>
      <c r="LZG721" s="613"/>
      <c r="LZH721" s="613"/>
      <c r="LZI721" s="613"/>
      <c r="LZJ721" s="613"/>
      <c r="LZK721" s="613"/>
      <c r="LZL721" s="613"/>
      <c r="LZM721" s="613"/>
      <c r="LZN721" s="613"/>
      <c r="LZO721" s="613"/>
      <c r="LZP721" s="613"/>
      <c r="LZQ721" s="613"/>
      <c r="LZR721" s="613"/>
      <c r="LZS721" s="613"/>
      <c r="LZT721" s="613"/>
      <c r="LZU721" s="613"/>
      <c r="LZV721" s="613"/>
      <c r="LZW721" s="613"/>
      <c r="LZX721" s="613"/>
      <c r="LZY721" s="613"/>
      <c r="LZZ721" s="613"/>
      <c r="MAA721" s="613"/>
      <c r="MAB721" s="613"/>
      <c r="MAC721" s="613"/>
      <c r="MAD721" s="613"/>
      <c r="MAE721" s="613"/>
      <c r="MAF721" s="613"/>
      <c r="MAG721" s="613"/>
      <c r="MAH721" s="613"/>
      <c r="MAI721" s="613"/>
      <c r="MAJ721" s="613"/>
      <c r="MAK721" s="613"/>
      <c r="MAL721" s="613"/>
      <c r="MAM721" s="613"/>
      <c r="MAN721" s="613"/>
      <c r="MAO721" s="613"/>
      <c r="MAP721" s="613"/>
      <c r="MAQ721" s="613"/>
      <c r="MAR721" s="613"/>
      <c r="MAS721" s="613"/>
      <c r="MAT721" s="613"/>
      <c r="MAU721" s="613"/>
      <c r="MAV721" s="613"/>
      <c r="MAW721" s="613"/>
      <c r="MAX721" s="613"/>
      <c r="MAY721" s="613"/>
      <c r="MAZ721" s="613"/>
      <c r="MBA721" s="613"/>
      <c r="MBB721" s="613"/>
      <c r="MBC721" s="613"/>
      <c r="MBD721" s="613"/>
      <c r="MBE721" s="613"/>
      <c r="MBF721" s="613"/>
      <c r="MBG721" s="613"/>
      <c r="MBH721" s="613"/>
      <c r="MBI721" s="613"/>
      <c r="MBJ721" s="613"/>
      <c r="MBK721" s="613"/>
      <c r="MBL721" s="613"/>
      <c r="MBM721" s="613"/>
      <c r="MBN721" s="613"/>
      <c r="MBO721" s="613"/>
      <c r="MBP721" s="613"/>
      <c r="MBQ721" s="613"/>
      <c r="MBR721" s="613"/>
      <c r="MBS721" s="613"/>
      <c r="MBT721" s="613"/>
      <c r="MBU721" s="613"/>
      <c r="MBV721" s="613"/>
      <c r="MBW721" s="613"/>
      <c r="MBX721" s="613"/>
      <c r="MBY721" s="613"/>
      <c r="MBZ721" s="613"/>
      <c r="MCA721" s="613"/>
      <c r="MCB721" s="613"/>
      <c r="MCC721" s="613"/>
      <c r="MCD721" s="613"/>
      <c r="MCE721" s="613"/>
      <c r="MCF721" s="613"/>
      <c r="MCG721" s="613"/>
      <c r="MCH721" s="613"/>
      <c r="MCI721" s="613"/>
      <c r="MCJ721" s="613"/>
      <c r="MCK721" s="613"/>
      <c r="MCL721" s="613"/>
      <c r="MCM721" s="613"/>
      <c r="MCN721" s="613"/>
      <c r="MCO721" s="613"/>
      <c r="MCP721" s="613"/>
      <c r="MCQ721" s="613"/>
      <c r="MCR721" s="613"/>
      <c r="MCS721" s="613"/>
      <c r="MCT721" s="613"/>
      <c r="MCU721" s="613"/>
      <c r="MCV721" s="613"/>
      <c r="MCW721" s="613"/>
      <c r="MCX721" s="613"/>
      <c r="MCY721" s="613"/>
      <c r="MCZ721" s="613"/>
      <c r="MDA721" s="613"/>
      <c r="MDB721" s="613"/>
      <c r="MDC721" s="613"/>
      <c r="MDD721" s="613"/>
      <c r="MDE721" s="613"/>
      <c r="MDF721" s="613"/>
      <c r="MDG721" s="613"/>
      <c r="MDH721" s="613"/>
      <c r="MDI721" s="613"/>
      <c r="MDJ721" s="613"/>
      <c r="MDK721" s="613"/>
      <c r="MDL721" s="613"/>
      <c r="MDM721" s="613"/>
      <c r="MDN721" s="613"/>
      <c r="MDO721" s="613"/>
      <c r="MDP721" s="613"/>
      <c r="MDQ721" s="613"/>
      <c r="MDR721" s="613"/>
      <c r="MDS721" s="613"/>
      <c r="MDT721" s="613"/>
      <c r="MDU721" s="613"/>
      <c r="MDV721" s="613"/>
      <c r="MDW721" s="613"/>
      <c r="MDX721" s="613"/>
      <c r="MDY721" s="613"/>
      <c r="MDZ721" s="613"/>
      <c r="MEA721" s="613"/>
      <c r="MEB721" s="613"/>
      <c r="MEC721" s="613"/>
      <c r="MED721" s="613"/>
      <c r="MEE721" s="613"/>
      <c r="MEF721" s="613"/>
      <c r="MEG721" s="613"/>
      <c r="MEH721" s="613"/>
      <c r="MEI721" s="613"/>
      <c r="MEJ721" s="613"/>
      <c r="MEK721" s="613"/>
      <c r="MEL721" s="613"/>
      <c r="MEM721" s="613"/>
      <c r="MEN721" s="613"/>
      <c r="MEO721" s="613"/>
      <c r="MEP721" s="613"/>
      <c r="MEQ721" s="613"/>
      <c r="MER721" s="613"/>
      <c r="MES721" s="613"/>
      <c r="MET721" s="613"/>
      <c r="MEU721" s="613"/>
      <c r="MEV721" s="613"/>
      <c r="MEW721" s="613"/>
      <c r="MEX721" s="613"/>
      <c r="MEY721" s="613"/>
      <c r="MEZ721" s="613"/>
      <c r="MFA721" s="613"/>
      <c r="MFB721" s="613"/>
      <c r="MFC721" s="613"/>
      <c r="MFD721" s="613"/>
      <c r="MFE721" s="613"/>
      <c r="MFF721" s="613"/>
      <c r="MFG721" s="613"/>
      <c r="MFH721" s="613"/>
      <c r="MFI721" s="613"/>
      <c r="MFJ721" s="613"/>
      <c r="MFK721" s="613"/>
      <c r="MFL721" s="613"/>
      <c r="MFM721" s="613"/>
      <c r="MFN721" s="613"/>
      <c r="MFO721" s="613"/>
      <c r="MFP721" s="613"/>
      <c r="MFQ721" s="613"/>
      <c r="MFR721" s="613"/>
      <c r="MFS721" s="613"/>
      <c r="MFT721" s="613"/>
      <c r="MFU721" s="613"/>
      <c r="MFV721" s="613"/>
      <c r="MFW721" s="613"/>
      <c r="MFX721" s="613"/>
      <c r="MFY721" s="613"/>
      <c r="MFZ721" s="613"/>
      <c r="MGA721" s="613"/>
      <c r="MGB721" s="613"/>
      <c r="MGC721" s="613"/>
      <c r="MGD721" s="613"/>
      <c r="MGE721" s="613"/>
      <c r="MGF721" s="613"/>
      <c r="MGG721" s="613"/>
      <c r="MGH721" s="613"/>
      <c r="MGI721" s="613"/>
      <c r="MGJ721" s="613"/>
      <c r="MGK721" s="613"/>
      <c r="MGL721" s="613"/>
      <c r="MGM721" s="613"/>
      <c r="MGN721" s="613"/>
      <c r="MGO721" s="613"/>
      <c r="MGP721" s="613"/>
      <c r="MGQ721" s="613"/>
      <c r="MGR721" s="613"/>
      <c r="MGS721" s="613"/>
      <c r="MGT721" s="613"/>
      <c r="MGU721" s="613"/>
      <c r="MGV721" s="613"/>
      <c r="MGW721" s="613"/>
      <c r="MGX721" s="613"/>
      <c r="MGY721" s="613"/>
      <c r="MGZ721" s="613"/>
      <c r="MHA721" s="613"/>
      <c r="MHB721" s="613"/>
      <c r="MHC721" s="613"/>
      <c r="MHD721" s="613"/>
      <c r="MHE721" s="613"/>
      <c r="MHF721" s="613"/>
      <c r="MHG721" s="613"/>
      <c r="MHH721" s="613"/>
      <c r="MHI721" s="613"/>
      <c r="MHJ721" s="613"/>
      <c r="MHK721" s="613"/>
      <c r="MHL721" s="613"/>
      <c r="MHM721" s="613"/>
      <c r="MHN721" s="613"/>
      <c r="MHO721" s="613"/>
      <c r="MHP721" s="613"/>
      <c r="MHQ721" s="613"/>
      <c r="MHR721" s="613"/>
      <c r="MHS721" s="613"/>
      <c r="MHT721" s="613"/>
      <c r="MHU721" s="613"/>
      <c r="MHV721" s="613"/>
      <c r="MHW721" s="613"/>
      <c r="MHX721" s="613"/>
      <c r="MHY721" s="613"/>
      <c r="MHZ721" s="613"/>
      <c r="MIA721" s="613"/>
      <c r="MIB721" s="613"/>
      <c r="MIC721" s="613"/>
      <c r="MID721" s="613"/>
      <c r="MIE721" s="613"/>
      <c r="MIF721" s="613"/>
      <c r="MIG721" s="613"/>
      <c r="MIH721" s="613"/>
      <c r="MII721" s="613"/>
      <c r="MIJ721" s="613"/>
      <c r="MIK721" s="613"/>
      <c r="MIL721" s="613"/>
      <c r="MIM721" s="613"/>
      <c r="MIN721" s="613"/>
      <c r="MIO721" s="613"/>
      <c r="MIP721" s="613"/>
      <c r="MIQ721" s="613"/>
      <c r="MIR721" s="613"/>
      <c r="MIS721" s="613"/>
      <c r="MIT721" s="613"/>
      <c r="MIU721" s="613"/>
      <c r="MIV721" s="613"/>
      <c r="MIW721" s="613"/>
      <c r="MIX721" s="613"/>
      <c r="MIY721" s="613"/>
      <c r="MIZ721" s="613"/>
      <c r="MJA721" s="613"/>
      <c r="MJB721" s="613"/>
      <c r="MJC721" s="613"/>
      <c r="MJD721" s="613"/>
      <c r="MJE721" s="613"/>
      <c r="MJF721" s="613"/>
      <c r="MJG721" s="613"/>
      <c r="MJH721" s="613"/>
      <c r="MJI721" s="613"/>
      <c r="MJJ721" s="613"/>
      <c r="MJK721" s="613"/>
      <c r="MJL721" s="613"/>
      <c r="MJM721" s="613"/>
      <c r="MJN721" s="613"/>
      <c r="MJO721" s="613"/>
      <c r="MJP721" s="613"/>
      <c r="MJQ721" s="613"/>
      <c r="MJR721" s="613"/>
      <c r="MJS721" s="613"/>
      <c r="MJT721" s="613"/>
      <c r="MJU721" s="613"/>
      <c r="MJV721" s="613"/>
      <c r="MJW721" s="613"/>
      <c r="MJX721" s="613"/>
      <c r="MJY721" s="613"/>
      <c r="MJZ721" s="613"/>
      <c r="MKA721" s="613"/>
      <c r="MKB721" s="613"/>
      <c r="MKC721" s="613"/>
      <c r="MKD721" s="613"/>
      <c r="MKE721" s="613"/>
      <c r="MKF721" s="613"/>
      <c r="MKG721" s="613"/>
      <c r="MKH721" s="613"/>
      <c r="MKI721" s="613"/>
      <c r="MKJ721" s="613"/>
      <c r="MKK721" s="613"/>
      <c r="MKL721" s="613"/>
      <c r="MKM721" s="613"/>
      <c r="MKN721" s="613"/>
      <c r="MKO721" s="613"/>
      <c r="MKP721" s="613"/>
      <c r="MKQ721" s="613"/>
      <c r="MKR721" s="613"/>
      <c r="MKS721" s="613"/>
      <c r="MKT721" s="613"/>
      <c r="MKU721" s="613"/>
      <c r="MKV721" s="613"/>
      <c r="MKW721" s="613"/>
      <c r="MKX721" s="613"/>
      <c r="MKY721" s="613"/>
      <c r="MKZ721" s="613"/>
      <c r="MLA721" s="613"/>
      <c r="MLB721" s="613"/>
      <c r="MLC721" s="613"/>
      <c r="MLD721" s="613"/>
      <c r="MLE721" s="613"/>
      <c r="MLF721" s="613"/>
      <c r="MLG721" s="613"/>
      <c r="MLH721" s="613"/>
      <c r="MLI721" s="613"/>
      <c r="MLJ721" s="613"/>
      <c r="MLK721" s="613"/>
      <c r="MLL721" s="613"/>
      <c r="MLM721" s="613"/>
      <c r="MLN721" s="613"/>
      <c r="MLO721" s="613"/>
      <c r="MLP721" s="613"/>
      <c r="MLQ721" s="613"/>
      <c r="MLR721" s="613"/>
      <c r="MLS721" s="613"/>
      <c r="MLT721" s="613"/>
      <c r="MLU721" s="613"/>
      <c r="MLV721" s="613"/>
      <c r="MLW721" s="613"/>
      <c r="MLX721" s="613"/>
      <c r="MLY721" s="613"/>
      <c r="MLZ721" s="613"/>
      <c r="MMA721" s="613"/>
      <c r="MMB721" s="613"/>
      <c r="MMC721" s="613"/>
      <c r="MMD721" s="613"/>
      <c r="MME721" s="613"/>
      <c r="MMF721" s="613"/>
      <c r="MMG721" s="613"/>
      <c r="MMH721" s="613"/>
      <c r="MMI721" s="613"/>
      <c r="MMJ721" s="613"/>
      <c r="MMK721" s="613"/>
      <c r="MML721" s="613"/>
      <c r="MMM721" s="613"/>
      <c r="MMN721" s="613"/>
      <c r="MMO721" s="613"/>
      <c r="MMP721" s="613"/>
      <c r="MMQ721" s="613"/>
      <c r="MMR721" s="613"/>
      <c r="MMS721" s="613"/>
      <c r="MMT721" s="613"/>
      <c r="MMU721" s="613"/>
      <c r="MMV721" s="613"/>
      <c r="MMW721" s="613"/>
      <c r="MMX721" s="613"/>
      <c r="MMY721" s="613"/>
      <c r="MMZ721" s="613"/>
      <c r="MNA721" s="613"/>
      <c r="MNB721" s="613"/>
      <c r="MNC721" s="613"/>
      <c r="MND721" s="613"/>
      <c r="MNE721" s="613"/>
      <c r="MNF721" s="613"/>
      <c r="MNG721" s="613"/>
      <c r="MNH721" s="613"/>
      <c r="MNI721" s="613"/>
      <c r="MNJ721" s="613"/>
      <c r="MNK721" s="613"/>
      <c r="MNL721" s="613"/>
      <c r="MNM721" s="613"/>
      <c r="MNN721" s="613"/>
      <c r="MNO721" s="613"/>
      <c r="MNP721" s="613"/>
      <c r="MNQ721" s="613"/>
      <c r="MNR721" s="613"/>
      <c r="MNS721" s="613"/>
      <c r="MNT721" s="613"/>
      <c r="MNU721" s="613"/>
      <c r="MNV721" s="613"/>
      <c r="MNW721" s="613"/>
      <c r="MNX721" s="613"/>
      <c r="MNY721" s="613"/>
      <c r="MNZ721" s="613"/>
      <c r="MOA721" s="613"/>
      <c r="MOB721" s="613"/>
      <c r="MOC721" s="613"/>
      <c r="MOD721" s="613"/>
      <c r="MOE721" s="613"/>
      <c r="MOF721" s="613"/>
      <c r="MOG721" s="613"/>
      <c r="MOH721" s="613"/>
      <c r="MOI721" s="613"/>
      <c r="MOJ721" s="613"/>
      <c r="MOK721" s="613"/>
      <c r="MOL721" s="613"/>
      <c r="MOM721" s="613"/>
      <c r="MON721" s="613"/>
      <c r="MOO721" s="613"/>
      <c r="MOP721" s="613"/>
      <c r="MOQ721" s="613"/>
      <c r="MOR721" s="613"/>
      <c r="MOS721" s="613"/>
      <c r="MOT721" s="613"/>
      <c r="MOU721" s="613"/>
      <c r="MOV721" s="613"/>
      <c r="MOW721" s="613"/>
      <c r="MOX721" s="613"/>
      <c r="MOY721" s="613"/>
      <c r="MOZ721" s="613"/>
      <c r="MPA721" s="613"/>
      <c r="MPB721" s="613"/>
      <c r="MPC721" s="613"/>
      <c r="MPD721" s="613"/>
      <c r="MPE721" s="613"/>
      <c r="MPF721" s="613"/>
      <c r="MPG721" s="613"/>
      <c r="MPH721" s="613"/>
      <c r="MPI721" s="613"/>
      <c r="MPJ721" s="613"/>
      <c r="MPK721" s="613"/>
      <c r="MPL721" s="613"/>
      <c r="MPM721" s="613"/>
      <c r="MPN721" s="613"/>
      <c r="MPO721" s="613"/>
      <c r="MPP721" s="613"/>
      <c r="MPQ721" s="613"/>
      <c r="MPR721" s="613"/>
      <c r="MPS721" s="613"/>
      <c r="MPT721" s="613"/>
      <c r="MPU721" s="613"/>
      <c r="MPV721" s="613"/>
      <c r="MPW721" s="613"/>
      <c r="MPX721" s="613"/>
      <c r="MPY721" s="613"/>
      <c r="MPZ721" s="613"/>
      <c r="MQA721" s="613"/>
      <c r="MQB721" s="613"/>
      <c r="MQC721" s="613"/>
      <c r="MQD721" s="613"/>
      <c r="MQE721" s="613"/>
      <c r="MQF721" s="613"/>
      <c r="MQG721" s="613"/>
      <c r="MQH721" s="613"/>
      <c r="MQI721" s="613"/>
      <c r="MQJ721" s="613"/>
      <c r="MQK721" s="613"/>
      <c r="MQL721" s="613"/>
      <c r="MQM721" s="613"/>
      <c r="MQN721" s="613"/>
      <c r="MQO721" s="613"/>
      <c r="MQP721" s="613"/>
      <c r="MQQ721" s="613"/>
      <c r="MQR721" s="613"/>
      <c r="MQS721" s="613"/>
      <c r="MQT721" s="613"/>
      <c r="MQU721" s="613"/>
      <c r="MQV721" s="613"/>
      <c r="MQW721" s="613"/>
      <c r="MQX721" s="613"/>
      <c r="MQY721" s="613"/>
      <c r="MQZ721" s="613"/>
      <c r="MRA721" s="613"/>
      <c r="MRB721" s="613"/>
      <c r="MRC721" s="613"/>
      <c r="MRD721" s="613"/>
      <c r="MRE721" s="613"/>
      <c r="MRF721" s="613"/>
      <c r="MRG721" s="613"/>
      <c r="MRH721" s="613"/>
      <c r="MRI721" s="613"/>
      <c r="MRJ721" s="613"/>
      <c r="MRK721" s="613"/>
      <c r="MRL721" s="613"/>
      <c r="MRM721" s="613"/>
      <c r="MRN721" s="613"/>
      <c r="MRO721" s="613"/>
      <c r="MRP721" s="613"/>
      <c r="MRQ721" s="613"/>
      <c r="MRR721" s="613"/>
      <c r="MRS721" s="613"/>
      <c r="MRT721" s="613"/>
      <c r="MRU721" s="613"/>
      <c r="MRV721" s="613"/>
      <c r="MRW721" s="613"/>
      <c r="MRX721" s="613"/>
      <c r="MRY721" s="613"/>
      <c r="MRZ721" s="613"/>
      <c r="MSA721" s="613"/>
      <c r="MSB721" s="613"/>
      <c r="MSC721" s="613"/>
      <c r="MSD721" s="613"/>
      <c r="MSE721" s="613"/>
      <c r="MSF721" s="613"/>
      <c r="MSG721" s="613"/>
      <c r="MSH721" s="613"/>
      <c r="MSI721" s="613"/>
      <c r="MSJ721" s="613"/>
      <c r="MSK721" s="613"/>
      <c r="MSL721" s="613"/>
      <c r="MSM721" s="613"/>
      <c r="MSN721" s="613"/>
      <c r="MSO721" s="613"/>
      <c r="MSP721" s="613"/>
      <c r="MSQ721" s="613"/>
      <c r="MSR721" s="613"/>
      <c r="MSS721" s="613"/>
      <c r="MST721" s="613"/>
      <c r="MSU721" s="613"/>
      <c r="MSV721" s="613"/>
      <c r="MSW721" s="613"/>
      <c r="MSX721" s="613"/>
      <c r="MSY721" s="613"/>
      <c r="MSZ721" s="613"/>
      <c r="MTA721" s="613"/>
      <c r="MTB721" s="613"/>
      <c r="MTC721" s="613"/>
      <c r="MTD721" s="613"/>
      <c r="MTE721" s="613"/>
      <c r="MTF721" s="613"/>
      <c r="MTG721" s="613"/>
      <c r="MTH721" s="613"/>
      <c r="MTI721" s="613"/>
      <c r="MTJ721" s="613"/>
      <c r="MTK721" s="613"/>
      <c r="MTL721" s="613"/>
      <c r="MTM721" s="613"/>
      <c r="MTN721" s="613"/>
      <c r="MTO721" s="613"/>
      <c r="MTP721" s="613"/>
      <c r="MTQ721" s="613"/>
      <c r="MTR721" s="613"/>
      <c r="MTS721" s="613"/>
      <c r="MTT721" s="613"/>
      <c r="MTU721" s="613"/>
      <c r="MTV721" s="613"/>
      <c r="MTW721" s="613"/>
      <c r="MTX721" s="613"/>
      <c r="MTY721" s="613"/>
      <c r="MTZ721" s="613"/>
      <c r="MUA721" s="613"/>
      <c r="MUB721" s="613"/>
      <c r="MUC721" s="613"/>
      <c r="MUD721" s="613"/>
      <c r="MUE721" s="613"/>
      <c r="MUF721" s="613"/>
      <c r="MUG721" s="613"/>
      <c r="MUH721" s="613"/>
      <c r="MUI721" s="613"/>
      <c r="MUJ721" s="613"/>
      <c r="MUK721" s="613"/>
      <c r="MUL721" s="613"/>
      <c r="MUM721" s="613"/>
      <c r="MUN721" s="613"/>
      <c r="MUO721" s="613"/>
      <c r="MUP721" s="613"/>
      <c r="MUQ721" s="613"/>
      <c r="MUR721" s="613"/>
      <c r="MUS721" s="613"/>
      <c r="MUT721" s="613"/>
      <c r="MUU721" s="613"/>
      <c r="MUV721" s="613"/>
      <c r="MUW721" s="613"/>
      <c r="MUX721" s="613"/>
      <c r="MUY721" s="613"/>
      <c r="MUZ721" s="613"/>
      <c r="MVA721" s="613"/>
      <c r="MVB721" s="613"/>
      <c r="MVC721" s="613"/>
      <c r="MVD721" s="613"/>
      <c r="MVE721" s="613"/>
      <c r="MVF721" s="613"/>
      <c r="MVG721" s="613"/>
      <c r="MVH721" s="613"/>
      <c r="MVI721" s="613"/>
      <c r="MVJ721" s="613"/>
      <c r="MVK721" s="613"/>
      <c r="MVL721" s="613"/>
      <c r="MVM721" s="613"/>
      <c r="MVN721" s="613"/>
      <c r="MVO721" s="613"/>
      <c r="MVP721" s="613"/>
      <c r="MVQ721" s="613"/>
      <c r="MVR721" s="613"/>
      <c r="MVS721" s="613"/>
      <c r="MVT721" s="613"/>
      <c r="MVU721" s="613"/>
      <c r="MVV721" s="613"/>
      <c r="MVW721" s="613"/>
      <c r="MVX721" s="613"/>
      <c r="MVY721" s="613"/>
      <c r="MVZ721" s="613"/>
      <c r="MWA721" s="613"/>
      <c r="MWB721" s="613"/>
      <c r="MWC721" s="613"/>
      <c r="MWD721" s="613"/>
      <c r="MWE721" s="613"/>
      <c r="MWF721" s="613"/>
      <c r="MWG721" s="613"/>
      <c r="MWH721" s="613"/>
      <c r="MWI721" s="613"/>
      <c r="MWJ721" s="613"/>
      <c r="MWK721" s="613"/>
      <c r="MWL721" s="613"/>
      <c r="MWM721" s="613"/>
      <c r="MWN721" s="613"/>
      <c r="MWO721" s="613"/>
      <c r="MWP721" s="613"/>
      <c r="MWQ721" s="613"/>
      <c r="MWR721" s="613"/>
      <c r="MWS721" s="613"/>
      <c r="MWT721" s="613"/>
      <c r="MWU721" s="613"/>
      <c r="MWV721" s="613"/>
      <c r="MWW721" s="613"/>
      <c r="MWX721" s="613"/>
      <c r="MWY721" s="613"/>
      <c r="MWZ721" s="613"/>
      <c r="MXA721" s="613"/>
      <c r="MXB721" s="613"/>
      <c r="MXC721" s="613"/>
      <c r="MXD721" s="613"/>
      <c r="MXE721" s="613"/>
      <c r="MXF721" s="613"/>
      <c r="MXG721" s="613"/>
      <c r="MXH721" s="613"/>
      <c r="MXI721" s="613"/>
      <c r="MXJ721" s="613"/>
      <c r="MXK721" s="613"/>
      <c r="MXL721" s="613"/>
      <c r="MXM721" s="613"/>
      <c r="MXN721" s="613"/>
      <c r="MXO721" s="613"/>
      <c r="MXP721" s="613"/>
      <c r="MXQ721" s="613"/>
      <c r="MXR721" s="613"/>
      <c r="MXS721" s="613"/>
      <c r="MXT721" s="613"/>
      <c r="MXU721" s="613"/>
      <c r="MXV721" s="613"/>
      <c r="MXW721" s="613"/>
      <c r="MXX721" s="613"/>
      <c r="MXY721" s="613"/>
      <c r="MXZ721" s="613"/>
      <c r="MYA721" s="613"/>
      <c r="MYB721" s="613"/>
      <c r="MYC721" s="613"/>
      <c r="MYD721" s="613"/>
      <c r="MYE721" s="613"/>
      <c r="MYF721" s="613"/>
      <c r="MYG721" s="613"/>
      <c r="MYH721" s="613"/>
      <c r="MYI721" s="613"/>
      <c r="MYJ721" s="613"/>
      <c r="MYK721" s="613"/>
      <c r="MYL721" s="613"/>
      <c r="MYM721" s="613"/>
      <c r="MYN721" s="613"/>
      <c r="MYO721" s="613"/>
      <c r="MYP721" s="613"/>
      <c r="MYQ721" s="613"/>
      <c r="MYR721" s="613"/>
      <c r="MYS721" s="613"/>
      <c r="MYT721" s="613"/>
      <c r="MYU721" s="613"/>
      <c r="MYV721" s="613"/>
      <c r="MYW721" s="613"/>
      <c r="MYX721" s="613"/>
      <c r="MYY721" s="613"/>
      <c r="MYZ721" s="613"/>
      <c r="MZA721" s="613"/>
      <c r="MZB721" s="613"/>
      <c r="MZC721" s="613"/>
      <c r="MZD721" s="613"/>
      <c r="MZE721" s="613"/>
      <c r="MZF721" s="613"/>
      <c r="MZG721" s="613"/>
      <c r="MZH721" s="613"/>
      <c r="MZI721" s="613"/>
      <c r="MZJ721" s="613"/>
      <c r="MZK721" s="613"/>
      <c r="MZL721" s="613"/>
      <c r="MZM721" s="613"/>
      <c r="MZN721" s="613"/>
      <c r="MZO721" s="613"/>
      <c r="MZP721" s="613"/>
      <c r="MZQ721" s="613"/>
      <c r="MZR721" s="613"/>
      <c r="MZS721" s="613"/>
      <c r="MZT721" s="613"/>
      <c r="MZU721" s="613"/>
      <c r="MZV721" s="613"/>
      <c r="MZW721" s="613"/>
      <c r="MZX721" s="613"/>
      <c r="MZY721" s="613"/>
      <c r="MZZ721" s="613"/>
      <c r="NAA721" s="613"/>
      <c r="NAB721" s="613"/>
      <c r="NAC721" s="613"/>
      <c r="NAD721" s="613"/>
      <c r="NAE721" s="613"/>
      <c r="NAF721" s="613"/>
      <c r="NAG721" s="613"/>
      <c r="NAH721" s="613"/>
      <c r="NAI721" s="613"/>
      <c r="NAJ721" s="613"/>
      <c r="NAK721" s="613"/>
      <c r="NAL721" s="613"/>
      <c r="NAM721" s="613"/>
      <c r="NAN721" s="613"/>
      <c r="NAO721" s="613"/>
      <c r="NAP721" s="613"/>
      <c r="NAQ721" s="613"/>
      <c r="NAR721" s="613"/>
      <c r="NAS721" s="613"/>
      <c r="NAT721" s="613"/>
      <c r="NAU721" s="613"/>
      <c r="NAV721" s="613"/>
      <c r="NAW721" s="613"/>
      <c r="NAX721" s="613"/>
      <c r="NAY721" s="613"/>
      <c r="NAZ721" s="613"/>
      <c r="NBA721" s="613"/>
      <c r="NBB721" s="613"/>
      <c r="NBC721" s="613"/>
      <c r="NBD721" s="613"/>
      <c r="NBE721" s="613"/>
      <c r="NBF721" s="613"/>
      <c r="NBG721" s="613"/>
      <c r="NBH721" s="613"/>
      <c r="NBI721" s="613"/>
      <c r="NBJ721" s="613"/>
      <c r="NBK721" s="613"/>
      <c r="NBL721" s="613"/>
      <c r="NBM721" s="613"/>
      <c r="NBN721" s="613"/>
      <c r="NBO721" s="613"/>
      <c r="NBP721" s="613"/>
      <c r="NBQ721" s="613"/>
      <c r="NBR721" s="613"/>
      <c r="NBS721" s="613"/>
      <c r="NBT721" s="613"/>
      <c r="NBU721" s="613"/>
      <c r="NBV721" s="613"/>
      <c r="NBW721" s="613"/>
      <c r="NBX721" s="613"/>
      <c r="NBY721" s="613"/>
      <c r="NBZ721" s="613"/>
      <c r="NCA721" s="613"/>
      <c r="NCB721" s="613"/>
      <c r="NCC721" s="613"/>
      <c r="NCD721" s="613"/>
      <c r="NCE721" s="613"/>
      <c r="NCF721" s="613"/>
      <c r="NCG721" s="613"/>
      <c r="NCH721" s="613"/>
      <c r="NCI721" s="613"/>
      <c r="NCJ721" s="613"/>
      <c r="NCK721" s="613"/>
      <c r="NCL721" s="613"/>
      <c r="NCM721" s="613"/>
      <c r="NCN721" s="613"/>
      <c r="NCO721" s="613"/>
      <c r="NCP721" s="613"/>
      <c r="NCQ721" s="613"/>
      <c r="NCR721" s="613"/>
      <c r="NCS721" s="613"/>
      <c r="NCT721" s="613"/>
      <c r="NCU721" s="613"/>
      <c r="NCV721" s="613"/>
      <c r="NCW721" s="613"/>
      <c r="NCX721" s="613"/>
      <c r="NCY721" s="613"/>
      <c r="NCZ721" s="613"/>
      <c r="NDA721" s="613"/>
      <c r="NDB721" s="613"/>
      <c r="NDC721" s="613"/>
      <c r="NDD721" s="613"/>
      <c r="NDE721" s="613"/>
      <c r="NDF721" s="613"/>
      <c r="NDG721" s="613"/>
      <c r="NDH721" s="613"/>
      <c r="NDI721" s="613"/>
      <c r="NDJ721" s="613"/>
      <c r="NDK721" s="613"/>
      <c r="NDL721" s="613"/>
      <c r="NDM721" s="613"/>
      <c r="NDN721" s="613"/>
      <c r="NDO721" s="613"/>
      <c r="NDP721" s="613"/>
      <c r="NDQ721" s="613"/>
      <c r="NDR721" s="613"/>
      <c r="NDS721" s="613"/>
      <c r="NDT721" s="613"/>
      <c r="NDU721" s="613"/>
      <c r="NDV721" s="613"/>
      <c r="NDW721" s="613"/>
      <c r="NDX721" s="613"/>
      <c r="NDY721" s="613"/>
      <c r="NDZ721" s="613"/>
      <c r="NEA721" s="613"/>
      <c r="NEB721" s="613"/>
      <c r="NEC721" s="613"/>
      <c r="NED721" s="613"/>
      <c r="NEE721" s="613"/>
      <c r="NEF721" s="613"/>
      <c r="NEG721" s="613"/>
      <c r="NEH721" s="613"/>
      <c r="NEI721" s="613"/>
      <c r="NEJ721" s="613"/>
      <c r="NEK721" s="613"/>
      <c r="NEL721" s="613"/>
      <c r="NEM721" s="613"/>
      <c r="NEN721" s="613"/>
      <c r="NEO721" s="613"/>
      <c r="NEP721" s="613"/>
      <c r="NEQ721" s="613"/>
      <c r="NER721" s="613"/>
      <c r="NES721" s="613"/>
      <c r="NET721" s="613"/>
      <c r="NEU721" s="613"/>
      <c r="NEV721" s="613"/>
      <c r="NEW721" s="613"/>
      <c r="NEX721" s="613"/>
      <c r="NEY721" s="613"/>
      <c r="NEZ721" s="613"/>
      <c r="NFA721" s="613"/>
      <c r="NFB721" s="613"/>
      <c r="NFC721" s="613"/>
      <c r="NFD721" s="613"/>
      <c r="NFE721" s="613"/>
      <c r="NFF721" s="613"/>
      <c r="NFG721" s="613"/>
      <c r="NFH721" s="613"/>
      <c r="NFI721" s="613"/>
      <c r="NFJ721" s="613"/>
      <c r="NFK721" s="613"/>
      <c r="NFL721" s="613"/>
      <c r="NFM721" s="613"/>
      <c r="NFN721" s="613"/>
      <c r="NFO721" s="613"/>
      <c r="NFP721" s="613"/>
      <c r="NFQ721" s="613"/>
      <c r="NFR721" s="613"/>
      <c r="NFS721" s="613"/>
      <c r="NFT721" s="613"/>
      <c r="NFU721" s="613"/>
      <c r="NFV721" s="613"/>
      <c r="NFW721" s="613"/>
      <c r="NFX721" s="613"/>
      <c r="NFY721" s="613"/>
      <c r="NFZ721" s="613"/>
      <c r="NGA721" s="613"/>
      <c r="NGB721" s="613"/>
      <c r="NGC721" s="613"/>
      <c r="NGD721" s="613"/>
      <c r="NGE721" s="613"/>
      <c r="NGF721" s="613"/>
      <c r="NGG721" s="613"/>
      <c r="NGH721" s="613"/>
      <c r="NGI721" s="613"/>
      <c r="NGJ721" s="613"/>
      <c r="NGK721" s="613"/>
      <c r="NGL721" s="613"/>
      <c r="NGM721" s="613"/>
      <c r="NGN721" s="613"/>
      <c r="NGO721" s="613"/>
      <c r="NGP721" s="613"/>
      <c r="NGQ721" s="613"/>
      <c r="NGR721" s="613"/>
      <c r="NGS721" s="613"/>
      <c r="NGT721" s="613"/>
      <c r="NGU721" s="613"/>
      <c r="NGV721" s="613"/>
      <c r="NGW721" s="613"/>
      <c r="NGX721" s="613"/>
      <c r="NGY721" s="613"/>
      <c r="NGZ721" s="613"/>
      <c r="NHA721" s="613"/>
      <c r="NHB721" s="613"/>
      <c r="NHC721" s="613"/>
      <c r="NHD721" s="613"/>
      <c r="NHE721" s="613"/>
      <c r="NHF721" s="613"/>
      <c r="NHG721" s="613"/>
      <c r="NHH721" s="613"/>
      <c r="NHI721" s="613"/>
      <c r="NHJ721" s="613"/>
      <c r="NHK721" s="613"/>
      <c r="NHL721" s="613"/>
      <c r="NHM721" s="613"/>
      <c r="NHN721" s="613"/>
      <c r="NHO721" s="613"/>
      <c r="NHP721" s="613"/>
      <c r="NHQ721" s="613"/>
      <c r="NHR721" s="613"/>
      <c r="NHS721" s="613"/>
      <c r="NHT721" s="613"/>
      <c r="NHU721" s="613"/>
      <c r="NHV721" s="613"/>
      <c r="NHW721" s="613"/>
      <c r="NHX721" s="613"/>
      <c r="NHY721" s="613"/>
      <c r="NHZ721" s="613"/>
      <c r="NIA721" s="613"/>
      <c r="NIB721" s="613"/>
      <c r="NIC721" s="613"/>
      <c r="NID721" s="613"/>
      <c r="NIE721" s="613"/>
      <c r="NIF721" s="613"/>
      <c r="NIG721" s="613"/>
      <c r="NIH721" s="613"/>
      <c r="NII721" s="613"/>
      <c r="NIJ721" s="613"/>
      <c r="NIK721" s="613"/>
      <c r="NIL721" s="613"/>
      <c r="NIM721" s="613"/>
      <c r="NIN721" s="613"/>
      <c r="NIO721" s="613"/>
      <c r="NIP721" s="613"/>
      <c r="NIQ721" s="613"/>
      <c r="NIR721" s="613"/>
      <c r="NIS721" s="613"/>
      <c r="NIT721" s="613"/>
      <c r="NIU721" s="613"/>
      <c r="NIV721" s="613"/>
      <c r="NIW721" s="613"/>
      <c r="NIX721" s="613"/>
      <c r="NIY721" s="613"/>
      <c r="NIZ721" s="613"/>
      <c r="NJA721" s="613"/>
      <c r="NJB721" s="613"/>
      <c r="NJC721" s="613"/>
      <c r="NJD721" s="613"/>
      <c r="NJE721" s="613"/>
      <c r="NJF721" s="613"/>
      <c r="NJG721" s="613"/>
      <c r="NJH721" s="613"/>
      <c r="NJI721" s="613"/>
      <c r="NJJ721" s="613"/>
      <c r="NJK721" s="613"/>
      <c r="NJL721" s="613"/>
      <c r="NJM721" s="613"/>
      <c r="NJN721" s="613"/>
      <c r="NJO721" s="613"/>
      <c r="NJP721" s="613"/>
      <c r="NJQ721" s="613"/>
      <c r="NJR721" s="613"/>
      <c r="NJS721" s="613"/>
      <c r="NJT721" s="613"/>
      <c r="NJU721" s="613"/>
      <c r="NJV721" s="613"/>
      <c r="NJW721" s="613"/>
      <c r="NJX721" s="613"/>
      <c r="NJY721" s="613"/>
      <c r="NJZ721" s="613"/>
      <c r="NKA721" s="613"/>
      <c r="NKB721" s="613"/>
      <c r="NKC721" s="613"/>
      <c r="NKD721" s="613"/>
      <c r="NKE721" s="613"/>
      <c r="NKF721" s="613"/>
      <c r="NKG721" s="613"/>
      <c r="NKH721" s="613"/>
      <c r="NKI721" s="613"/>
      <c r="NKJ721" s="613"/>
      <c r="NKK721" s="613"/>
      <c r="NKL721" s="613"/>
      <c r="NKM721" s="613"/>
      <c r="NKN721" s="613"/>
      <c r="NKO721" s="613"/>
      <c r="NKP721" s="613"/>
      <c r="NKQ721" s="613"/>
      <c r="NKR721" s="613"/>
      <c r="NKS721" s="613"/>
      <c r="NKT721" s="613"/>
      <c r="NKU721" s="613"/>
      <c r="NKV721" s="613"/>
      <c r="NKW721" s="613"/>
      <c r="NKX721" s="613"/>
      <c r="NKY721" s="613"/>
      <c r="NKZ721" s="613"/>
      <c r="NLA721" s="613"/>
      <c r="NLB721" s="613"/>
      <c r="NLC721" s="613"/>
      <c r="NLD721" s="613"/>
      <c r="NLE721" s="613"/>
      <c r="NLF721" s="613"/>
      <c r="NLG721" s="613"/>
      <c r="NLH721" s="613"/>
      <c r="NLI721" s="613"/>
      <c r="NLJ721" s="613"/>
      <c r="NLK721" s="613"/>
      <c r="NLL721" s="613"/>
      <c r="NLM721" s="613"/>
      <c r="NLN721" s="613"/>
      <c r="NLO721" s="613"/>
      <c r="NLP721" s="613"/>
      <c r="NLQ721" s="613"/>
      <c r="NLR721" s="613"/>
      <c r="NLS721" s="613"/>
      <c r="NLT721" s="613"/>
      <c r="NLU721" s="613"/>
      <c r="NLV721" s="613"/>
      <c r="NLW721" s="613"/>
      <c r="NLX721" s="613"/>
      <c r="NLY721" s="613"/>
      <c r="NLZ721" s="613"/>
      <c r="NMA721" s="613"/>
      <c r="NMB721" s="613"/>
      <c r="NMC721" s="613"/>
      <c r="NMD721" s="613"/>
      <c r="NME721" s="613"/>
      <c r="NMF721" s="613"/>
      <c r="NMG721" s="613"/>
      <c r="NMH721" s="613"/>
      <c r="NMI721" s="613"/>
      <c r="NMJ721" s="613"/>
      <c r="NMK721" s="613"/>
      <c r="NML721" s="613"/>
      <c r="NMM721" s="613"/>
      <c r="NMN721" s="613"/>
      <c r="NMO721" s="613"/>
      <c r="NMP721" s="613"/>
      <c r="NMQ721" s="613"/>
      <c r="NMR721" s="613"/>
      <c r="NMS721" s="613"/>
      <c r="NMT721" s="613"/>
      <c r="NMU721" s="613"/>
      <c r="NMV721" s="613"/>
      <c r="NMW721" s="613"/>
      <c r="NMX721" s="613"/>
      <c r="NMY721" s="613"/>
      <c r="NMZ721" s="613"/>
      <c r="NNA721" s="613"/>
      <c r="NNB721" s="613"/>
      <c r="NNC721" s="613"/>
      <c r="NND721" s="613"/>
      <c r="NNE721" s="613"/>
      <c r="NNF721" s="613"/>
      <c r="NNG721" s="613"/>
      <c r="NNH721" s="613"/>
      <c r="NNI721" s="613"/>
      <c r="NNJ721" s="613"/>
      <c r="NNK721" s="613"/>
      <c r="NNL721" s="613"/>
      <c r="NNM721" s="613"/>
      <c r="NNN721" s="613"/>
      <c r="NNO721" s="613"/>
      <c r="NNP721" s="613"/>
      <c r="NNQ721" s="613"/>
      <c r="NNR721" s="613"/>
      <c r="NNS721" s="613"/>
      <c r="NNT721" s="613"/>
      <c r="NNU721" s="613"/>
      <c r="NNV721" s="613"/>
      <c r="NNW721" s="613"/>
      <c r="NNX721" s="613"/>
      <c r="NNY721" s="613"/>
      <c r="NNZ721" s="613"/>
      <c r="NOA721" s="613"/>
      <c r="NOB721" s="613"/>
      <c r="NOC721" s="613"/>
      <c r="NOD721" s="613"/>
      <c r="NOE721" s="613"/>
      <c r="NOF721" s="613"/>
      <c r="NOG721" s="613"/>
      <c r="NOH721" s="613"/>
      <c r="NOI721" s="613"/>
      <c r="NOJ721" s="613"/>
      <c r="NOK721" s="613"/>
      <c r="NOL721" s="613"/>
      <c r="NOM721" s="613"/>
      <c r="NON721" s="613"/>
      <c r="NOO721" s="613"/>
      <c r="NOP721" s="613"/>
      <c r="NOQ721" s="613"/>
      <c r="NOR721" s="613"/>
      <c r="NOS721" s="613"/>
      <c r="NOT721" s="613"/>
      <c r="NOU721" s="613"/>
      <c r="NOV721" s="613"/>
      <c r="NOW721" s="613"/>
      <c r="NOX721" s="613"/>
      <c r="NOY721" s="613"/>
      <c r="NOZ721" s="613"/>
      <c r="NPA721" s="613"/>
      <c r="NPB721" s="613"/>
      <c r="NPC721" s="613"/>
      <c r="NPD721" s="613"/>
      <c r="NPE721" s="613"/>
      <c r="NPF721" s="613"/>
      <c r="NPG721" s="613"/>
      <c r="NPH721" s="613"/>
      <c r="NPI721" s="613"/>
      <c r="NPJ721" s="613"/>
      <c r="NPK721" s="613"/>
      <c r="NPL721" s="613"/>
      <c r="NPM721" s="613"/>
      <c r="NPN721" s="613"/>
      <c r="NPO721" s="613"/>
      <c r="NPP721" s="613"/>
      <c r="NPQ721" s="613"/>
      <c r="NPR721" s="613"/>
      <c r="NPS721" s="613"/>
      <c r="NPT721" s="613"/>
      <c r="NPU721" s="613"/>
      <c r="NPV721" s="613"/>
      <c r="NPW721" s="613"/>
      <c r="NPX721" s="613"/>
      <c r="NPY721" s="613"/>
      <c r="NPZ721" s="613"/>
      <c r="NQA721" s="613"/>
      <c r="NQB721" s="613"/>
      <c r="NQC721" s="613"/>
      <c r="NQD721" s="613"/>
      <c r="NQE721" s="613"/>
      <c r="NQF721" s="613"/>
      <c r="NQG721" s="613"/>
      <c r="NQH721" s="613"/>
      <c r="NQI721" s="613"/>
      <c r="NQJ721" s="613"/>
      <c r="NQK721" s="613"/>
      <c r="NQL721" s="613"/>
      <c r="NQM721" s="613"/>
      <c r="NQN721" s="613"/>
      <c r="NQO721" s="613"/>
      <c r="NQP721" s="613"/>
      <c r="NQQ721" s="613"/>
      <c r="NQR721" s="613"/>
      <c r="NQS721" s="613"/>
      <c r="NQT721" s="613"/>
      <c r="NQU721" s="613"/>
      <c r="NQV721" s="613"/>
      <c r="NQW721" s="613"/>
      <c r="NQX721" s="613"/>
      <c r="NQY721" s="613"/>
      <c r="NQZ721" s="613"/>
      <c r="NRA721" s="613"/>
      <c r="NRB721" s="613"/>
      <c r="NRC721" s="613"/>
      <c r="NRD721" s="613"/>
      <c r="NRE721" s="613"/>
      <c r="NRF721" s="613"/>
      <c r="NRG721" s="613"/>
      <c r="NRH721" s="613"/>
      <c r="NRI721" s="613"/>
      <c r="NRJ721" s="613"/>
      <c r="NRK721" s="613"/>
      <c r="NRL721" s="613"/>
      <c r="NRM721" s="613"/>
      <c r="NRN721" s="613"/>
      <c r="NRO721" s="613"/>
      <c r="NRP721" s="613"/>
      <c r="NRQ721" s="613"/>
      <c r="NRR721" s="613"/>
      <c r="NRS721" s="613"/>
      <c r="NRT721" s="613"/>
      <c r="NRU721" s="613"/>
      <c r="NRV721" s="613"/>
      <c r="NRW721" s="613"/>
      <c r="NRX721" s="613"/>
      <c r="NRY721" s="613"/>
      <c r="NRZ721" s="613"/>
      <c r="NSA721" s="613"/>
      <c r="NSB721" s="613"/>
      <c r="NSC721" s="613"/>
      <c r="NSD721" s="613"/>
      <c r="NSE721" s="613"/>
      <c r="NSF721" s="613"/>
      <c r="NSG721" s="613"/>
      <c r="NSH721" s="613"/>
      <c r="NSI721" s="613"/>
      <c r="NSJ721" s="613"/>
      <c r="NSK721" s="613"/>
      <c r="NSL721" s="613"/>
      <c r="NSM721" s="613"/>
      <c r="NSN721" s="613"/>
      <c r="NSO721" s="613"/>
      <c r="NSP721" s="613"/>
      <c r="NSQ721" s="613"/>
      <c r="NSR721" s="613"/>
      <c r="NSS721" s="613"/>
      <c r="NST721" s="613"/>
      <c r="NSU721" s="613"/>
      <c r="NSV721" s="613"/>
      <c r="NSW721" s="613"/>
      <c r="NSX721" s="613"/>
      <c r="NSY721" s="613"/>
      <c r="NSZ721" s="613"/>
      <c r="NTA721" s="613"/>
      <c r="NTB721" s="613"/>
      <c r="NTC721" s="613"/>
      <c r="NTD721" s="613"/>
      <c r="NTE721" s="613"/>
      <c r="NTF721" s="613"/>
      <c r="NTG721" s="613"/>
      <c r="NTH721" s="613"/>
      <c r="NTI721" s="613"/>
      <c r="NTJ721" s="613"/>
      <c r="NTK721" s="613"/>
      <c r="NTL721" s="613"/>
      <c r="NTM721" s="613"/>
      <c r="NTN721" s="613"/>
      <c r="NTO721" s="613"/>
      <c r="NTP721" s="613"/>
      <c r="NTQ721" s="613"/>
      <c r="NTR721" s="613"/>
      <c r="NTS721" s="613"/>
      <c r="NTT721" s="613"/>
      <c r="NTU721" s="613"/>
      <c r="NTV721" s="613"/>
      <c r="NTW721" s="613"/>
      <c r="NTX721" s="613"/>
      <c r="NTY721" s="613"/>
      <c r="NTZ721" s="613"/>
      <c r="NUA721" s="613"/>
      <c r="NUB721" s="613"/>
      <c r="NUC721" s="613"/>
      <c r="NUD721" s="613"/>
      <c r="NUE721" s="613"/>
      <c r="NUF721" s="613"/>
      <c r="NUG721" s="613"/>
      <c r="NUH721" s="613"/>
      <c r="NUI721" s="613"/>
      <c r="NUJ721" s="613"/>
      <c r="NUK721" s="613"/>
      <c r="NUL721" s="613"/>
      <c r="NUM721" s="613"/>
      <c r="NUN721" s="613"/>
      <c r="NUO721" s="613"/>
      <c r="NUP721" s="613"/>
      <c r="NUQ721" s="613"/>
      <c r="NUR721" s="613"/>
      <c r="NUS721" s="613"/>
      <c r="NUT721" s="613"/>
      <c r="NUU721" s="613"/>
      <c r="NUV721" s="613"/>
      <c r="NUW721" s="613"/>
      <c r="NUX721" s="613"/>
      <c r="NUY721" s="613"/>
      <c r="NUZ721" s="613"/>
      <c r="NVA721" s="613"/>
      <c r="NVB721" s="613"/>
      <c r="NVC721" s="613"/>
      <c r="NVD721" s="613"/>
      <c r="NVE721" s="613"/>
      <c r="NVF721" s="613"/>
      <c r="NVG721" s="613"/>
      <c r="NVH721" s="613"/>
      <c r="NVI721" s="613"/>
      <c r="NVJ721" s="613"/>
      <c r="NVK721" s="613"/>
      <c r="NVL721" s="613"/>
      <c r="NVM721" s="613"/>
      <c r="NVN721" s="613"/>
      <c r="NVO721" s="613"/>
      <c r="NVP721" s="613"/>
      <c r="NVQ721" s="613"/>
      <c r="NVR721" s="613"/>
      <c r="NVS721" s="613"/>
      <c r="NVT721" s="613"/>
      <c r="NVU721" s="613"/>
      <c r="NVV721" s="613"/>
      <c r="NVW721" s="613"/>
      <c r="NVX721" s="613"/>
      <c r="NVY721" s="613"/>
      <c r="NVZ721" s="613"/>
      <c r="NWA721" s="613"/>
      <c r="NWB721" s="613"/>
      <c r="NWC721" s="613"/>
      <c r="NWD721" s="613"/>
      <c r="NWE721" s="613"/>
      <c r="NWF721" s="613"/>
      <c r="NWG721" s="613"/>
      <c r="NWH721" s="613"/>
      <c r="NWI721" s="613"/>
      <c r="NWJ721" s="613"/>
      <c r="NWK721" s="613"/>
      <c r="NWL721" s="613"/>
      <c r="NWM721" s="613"/>
      <c r="NWN721" s="613"/>
      <c r="NWO721" s="613"/>
      <c r="NWP721" s="613"/>
      <c r="NWQ721" s="613"/>
      <c r="NWR721" s="613"/>
      <c r="NWS721" s="613"/>
      <c r="NWT721" s="613"/>
      <c r="NWU721" s="613"/>
      <c r="NWV721" s="613"/>
      <c r="NWW721" s="613"/>
      <c r="NWX721" s="613"/>
      <c r="NWY721" s="613"/>
      <c r="NWZ721" s="613"/>
      <c r="NXA721" s="613"/>
      <c r="NXB721" s="613"/>
      <c r="NXC721" s="613"/>
      <c r="NXD721" s="613"/>
      <c r="NXE721" s="613"/>
      <c r="NXF721" s="613"/>
      <c r="NXG721" s="613"/>
      <c r="NXH721" s="613"/>
      <c r="NXI721" s="613"/>
      <c r="NXJ721" s="613"/>
      <c r="NXK721" s="613"/>
      <c r="NXL721" s="613"/>
      <c r="NXM721" s="613"/>
      <c r="NXN721" s="613"/>
      <c r="NXO721" s="613"/>
      <c r="NXP721" s="613"/>
      <c r="NXQ721" s="613"/>
      <c r="NXR721" s="613"/>
      <c r="NXS721" s="613"/>
      <c r="NXT721" s="613"/>
      <c r="NXU721" s="613"/>
      <c r="NXV721" s="613"/>
      <c r="NXW721" s="613"/>
      <c r="NXX721" s="613"/>
      <c r="NXY721" s="613"/>
      <c r="NXZ721" s="613"/>
      <c r="NYA721" s="613"/>
      <c r="NYB721" s="613"/>
      <c r="NYC721" s="613"/>
      <c r="NYD721" s="613"/>
      <c r="NYE721" s="613"/>
      <c r="NYF721" s="613"/>
      <c r="NYG721" s="613"/>
      <c r="NYH721" s="613"/>
      <c r="NYI721" s="613"/>
      <c r="NYJ721" s="613"/>
      <c r="NYK721" s="613"/>
      <c r="NYL721" s="613"/>
      <c r="NYM721" s="613"/>
      <c r="NYN721" s="613"/>
      <c r="NYO721" s="613"/>
      <c r="NYP721" s="613"/>
      <c r="NYQ721" s="613"/>
      <c r="NYR721" s="613"/>
      <c r="NYS721" s="613"/>
      <c r="NYT721" s="613"/>
      <c r="NYU721" s="613"/>
      <c r="NYV721" s="613"/>
      <c r="NYW721" s="613"/>
      <c r="NYX721" s="613"/>
      <c r="NYY721" s="613"/>
      <c r="NYZ721" s="613"/>
      <c r="NZA721" s="613"/>
      <c r="NZB721" s="613"/>
      <c r="NZC721" s="613"/>
      <c r="NZD721" s="613"/>
      <c r="NZE721" s="613"/>
      <c r="NZF721" s="613"/>
      <c r="NZG721" s="613"/>
      <c r="NZH721" s="613"/>
      <c r="NZI721" s="613"/>
      <c r="NZJ721" s="613"/>
      <c r="NZK721" s="613"/>
      <c r="NZL721" s="613"/>
      <c r="NZM721" s="613"/>
      <c r="NZN721" s="613"/>
      <c r="NZO721" s="613"/>
      <c r="NZP721" s="613"/>
      <c r="NZQ721" s="613"/>
      <c r="NZR721" s="613"/>
      <c r="NZS721" s="613"/>
      <c r="NZT721" s="613"/>
      <c r="NZU721" s="613"/>
      <c r="NZV721" s="613"/>
      <c r="NZW721" s="613"/>
      <c r="NZX721" s="613"/>
      <c r="NZY721" s="613"/>
      <c r="NZZ721" s="613"/>
      <c r="OAA721" s="613"/>
      <c r="OAB721" s="613"/>
      <c r="OAC721" s="613"/>
      <c r="OAD721" s="613"/>
      <c r="OAE721" s="613"/>
      <c r="OAF721" s="613"/>
      <c r="OAG721" s="613"/>
      <c r="OAH721" s="613"/>
      <c r="OAI721" s="613"/>
      <c r="OAJ721" s="613"/>
      <c r="OAK721" s="613"/>
      <c r="OAL721" s="613"/>
      <c r="OAM721" s="613"/>
      <c r="OAN721" s="613"/>
      <c r="OAO721" s="613"/>
      <c r="OAP721" s="613"/>
      <c r="OAQ721" s="613"/>
      <c r="OAR721" s="613"/>
      <c r="OAS721" s="613"/>
      <c r="OAT721" s="613"/>
      <c r="OAU721" s="613"/>
      <c r="OAV721" s="613"/>
      <c r="OAW721" s="613"/>
      <c r="OAX721" s="613"/>
      <c r="OAY721" s="613"/>
      <c r="OAZ721" s="613"/>
      <c r="OBA721" s="613"/>
      <c r="OBB721" s="613"/>
      <c r="OBC721" s="613"/>
      <c r="OBD721" s="613"/>
      <c r="OBE721" s="613"/>
      <c r="OBF721" s="613"/>
      <c r="OBG721" s="613"/>
      <c r="OBH721" s="613"/>
      <c r="OBI721" s="613"/>
      <c r="OBJ721" s="613"/>
      <c r="OBK721" s="613"/>
      <c r="OBL721" s="613"/>
      <c r="OBM721" s="613"/>
      <c r="OBN721" s="613"/>
      <c r="OBO721" s="613"/>
      <c r="OBP721" s="613"/>
      <c r="OBQ721" s="613"/>
      <c r="OBR721" s="613"/>
      <c r="OBS721" s="613"/>
      <c r="OBT721" s="613"/>
      <c r="OBU721" s="613"/>
      <c r="OBV721" s="613"/>
      <c r="OBW721" s="613"/>
      <c r="OBX721" s="613"/>
      <c r="OBY721" s="613"/>
      <c r="OBZ721" s="613"/>
      <c r="OCA721" s="613"/>
      <c r="OCB721" s="613"/>
      <c r="OCC721" s="613"/>
      <c r="OCD721" s="613"/>
      <c r="OCE721" s="613"/>
      <c r="OCF721" s="613"/>
      <c r="OCG721" s="613"/>
      <c r="OCH721" s="613"/>
      <c r="OCI721" s="613"/>
      <c r="OCJ721" s="613"/>
      <c r="OCK721" s="613"/>
      <c r="OCL721" s="613"/>
      <c r="OCM721" s="613"/>
      <c r="OCN721" s="613"/>
      <c r="OCO721" s="613"/>
      <c r="OCP721" s="613"/>
      <c r="OCQ721" s="613"/>
      <c r="OCR721" s="613"/>
      <c r="OCS721" s="613"/>
      <c r="OCT721" s="613"/>
      <c r="OCU721" s="613"/>
      <c r="OCV721" s="613"/>
      <c r="OCW721" s="613"/>
      <c r="OCX721" s="613"/>
      <c r="OCY721" s="613"/>
      <c r="OCZ721" s="613"/>
      <c r="ODA721" s="613"/>
      <c r="ODB721" s="613"/>
      <c r="ODC721" s="613"/>
      <c r="ODD721" s="613"/>
      <c r="ODE721" s="613"/>
      <c r="ODF721" s="613"/>
      <c r="ODG721" s="613"/>
      <c r="ODH721" s="613"/>
      <c r="ODI721" s="613"/>
      <c r="ODJ721" s="613"/>
      <c r="ODK721" s="613"/>
      <c r="ODL721" s="613"/>
      <c r="ODM721" s="613"/>
      <c r="ODN721" s="613"/>
      <c r="ODO721" s="613"/>
      <c r="ODP721" s="613"/>
      <c r="ODQ721" s="613"/>
      <c r="ODR721" s="613"/>
      <c r="ODS721" s="613"/>
      <c r="ODT721" s="613"/>
      <c r="ODU721" s="613"/>
      <c r="ODV721" s="613"/>
      <c r="ODW721" s="613"/>
      <c r="ODX721" s="613"/>
      <c r="ODY721" s="613"/>
      <c r="ODZ721" s="613"/>
      <c r="OEA721" s="613"/>
      <c r="OEB721" s="613"/>
      <c r="OEC721" s="613"/>
      <c r="OED721" s="613"/>
      <c r="OEE721" s="613"/>
      <c r="OEF721" s="613"/>
      <c r="OEG721" s="613"/>
      <c r="OEH721" s="613"/>
      <c r="OEI721" s="613"/>
      <c r="OEJ721" s="613"/>
      <c r="OEK721" s="613"/>
      <c r="OEL721" s="613"/>
      <c r="OEM721" s="613"/>
      <c r="OEN721" s="613"/>
      <c r="OEO721" s="613"/>
      <c r="OEP721" s="613"/>
      <c r="OEQ721" s="613"/>
      <c r="OER721" s="613"/>
      <c r="OES721" s="613"/>
      <c r="OET721" s="613"/>
      <c r="OEU721" s="613"/>
      <c r="OEV721" s="613"/>
      <c r="OEW721" s="613"/>
      <c r="OEX721" s="613"/>
      <c r="OEY721" s="613"/>
      <c r="OEZ721" s="613"/>
      <c r="OFA721" s="613"/>
      <c r="OFB721" s="613"/>
      <c r="OFC721" s="613"/>
      <c r="OFD721" s="613"/>
      <c r="OFE721" s="613"/>
      <c r="OFF721" s="613"/>
      <c r="OFG721" s="613"/>
      <c r="OFH721" s="613"/>
      <c r="OFI721" s="613"/>
      <c r="OFJ721" s="613"/>
      <c r="OFK721" s="613"/>
      <c r="OFL721" s="613"/>
      <c r="OFM721" s="613"/>
      <c r="OFN721" s="613"/>
      <c r="OFO721" s="613"/>
      <c r="OFP721" s="613"/>
      <c r="OFQ721" s="613"/>
      <c r="OFR721" s="613"/>
      <c r="OFS721" s="613"/>
      <c r="OFT721" s="613"/>
      <c r="OFU721" s="613"/>
      <c r="OFV721" s="613"/>
      <c r="OFW721" s="613"/>
      <c r="OFX721" s="613"/>
      <c r="OFY721" s="613"/>
      <c r="OFZ721" s="613"/>
      <c r="OGA721" s="613"/>
      <c r="OGB721" s="613"/>
      <c r="OGC721" s="613"/>
      <c r="OGD721" s="613"/>
      <c r="OGE721" s="613"/>
      <c r="OGF721" s="613"/>
      <c r="OGG721" s="613"/>
      <c r="OGH721" s="613"/>
      <c r="OGI721" s="613"/>
      <c r="OGJ721" s="613"/>
      <c r="OGK721" s="613"/>
      <c r="OGL721" s="613"/>
      <c r="OGM721" s="613"/>
      <c r="OGN721" s="613"/>
      <c r="OGO721" s="613"/>
      <c r="OGP721" s="613"/>
      <c r="OGQ721" s="613"/>
      <c r="OGR721" s="613"/>
      <c r="OGS721" s="613"/>
      <c r="OGT721" s="613"/>
      <c r="OGU721" s="613"/>
      <c r="OGV721" s="613"/>
      <c r="OGW721" s="613"/>
      <c r="OGX721" s="613"/>
      <c r="OGY721" s="613"/>
      <c r="OGZ721" s="613"/>
      <c r="OHA721" s="613"/>
      <c r="OHB721" s="613"/>
      <c r="OHC721" s="613"/>
      <c r="OHD721" s="613"/>
      <c r="OHE721" s="613"/>
      <c r="OHF721" s="613"/>
      <c r="OHG721" s="613"/>
      <c r="OHH721" s="613"/>
      <c r="OHI721" s="613"/>
      <c r="OHJ721" s="613"/>
      <c r="OHK721" s="613"/>
      <c r="OHL721" s="613"/>
      <c r="OHM721" s="613"/>
      <c r="OHN721" s="613"/>
      <c r="OHO721" s="613"/>
      <c r="OHP721" s="613"/>
      <c r="OHQ721" s="613"/>
      <c r="OHR721" s="613"/>
      <c r="OHS721" s="613"/>
      <c r="OHT721" s="613"/>
      <c r="OHU721" s="613"/>
      <c r="OHV721" s="613"/>
      <c r="OHW721" s="613"/>
      <c r="OHX721" s="613"/>
      <c r="OHY721" s="613"/>
      <c r="OHZ721" s="613"/>
      <c r="OIA721" s="613"/>
      <c r="OIB721" s="613"/>
      <c r="OIC721" s="613"/>
      <c r="OID721" s="613"/>
      <c r="OIE721" s="613"/>
      <c r="OIF721" s="613"/>
      <c r="OIG721" s="613"/>
      <c r="OIH721" s="613"/>
      <c r="OII721" s="613"/>
      <c r="OIJ721" s="613"/>
      <c r="OIK721" s="613"/>
      <c r="OIL721" s="613"/>
      <c r="OIM721" s="613"/>
      <c r="OIN721" s="613"/>
      <c r="OIO721" s="613"/>
      <c r="OIP721" s="613"/>
      <c r="OIQ721" s="613"/>
      <c r="OIR721" s="613"/>
      <c r="OIS721" s="613"/>
      <c r="OIT721" s="613"/>
      <c r="OIU721" s="613"/>
      <c r="OIV721" s="613"/>
      <c r="OIW721" s="613"/>
      <c r="OIX721" s="613"/>
      <c r="OIY721" s="613"/>
      <c r="OIZ721" s="613"/>
      <c r="OJA721" s="613"/>
      <c r="OJB721" s="613"/>
      <c r="OJC721" s="613"/>
      <c r="OJD721" s="613"/>
      <c r="OJE721" s="613"/>
      <c r="OJF721" s="613"/>
      <c r="OJG721" s="613"/>
      <c r="OJH721" s="613"/>
      <c r="OJI721" s="613"/>
      <c r="OJJ721" s="613"/>
      <c r="OJK721" s="613"/>
      <c r="OJL721" s="613"/>
      <c r="OJM721" s="613"/>
      <c r="OJN721" s="613"/>
      <c r="OJO721" s="613"/>
      <c r="OJP721" s="613"/>
      <c r="OJQ721" s="613"/>
      <c r="OJR721" s="613"/>
      <c r="OJS721" s="613"/>
      <c r="OJT721" s="613"/>
      <c r="OJU721" s="613"/>
      <c r="OJV721" s="613"/>
      <c r="OJW721" s="613"/>
      <c r="OJX721" s="613"/>
      <c r="OJY721" s="613"/>
      <c r="OJZ721" s="613"/>
      <c r="OKA721" s="613"/>
      <c r="OKB721" s="613"/>
      <c r="OKC721" s="613"/>
      <c r="OKD721" s="613"/>
      <c r="OKE721" s="613"/>
      <c r="OKF721" s="613"/>
      <c r="OKG721" s="613"/>
      <c r="OKH721" s="613"/>
      <c r="OKI721" s="613"/>
      <c r="OKJ721" s="613"/>
      <c r="OKK721" s="613"/>
      <c r="OKL721" s="613"/>
      <c r="OKM721" s="613"/>
      <c r="OKN721" s="613"/>
      <c r="OKO721" s="613"/>
      <c r="OKP721" s="613"/>
      <c r="OKQ721" s="613"/>
      <c r="OKR721" s="613"/>
      <c r="OKS721" s="613"/>
      <c r="OKT721" s="613"/>
      <c r="OKU721" s="613"/>
      <c r="OKV721" s="613"/>
      <c r="OKW721" s="613"/>
      <c r="OKX721" s="613"/>
      <c r="OKY721" s="613"/>
      <c r="OKZ721" s="613"/>
      <c r="OLA721" s="613"/>
      <c r="OLB721" s="613"/>
      <c r="OLC721" s="613"/>
      <c r="OLD721" s="613"/>
      <c r="OLE721" s="613"/>
      <c r="OLF721" s="613"/>
      <c r="OLG721" s="613"/>
      <c r="OLH721" s="613"/>
      <c r="OLI721" s="613"/>
      <c r="OLJ721" s="613"/>
      <c r="OLK721" s="613"/>
      <c r="OLL721" s="613"/>
      <c r="OLM721" s="613"/>
      <c r="OLN721" s="613"/>
      <c r="OLO721" s="613"/>
      <c r="OLP721" s="613"/>
      <c r="OLQ721" s="613"/>
      <c r="OLR721" s="613"/>
      <c r="OLS721" s="613"/>
      <c r="OLT721" s="613"/>
      <c r="OLU721" s="613"/>
      <c r="OLV721" s="613"/>
      <c r="OLW721" s="613"/>
      <c r="OLX721" s="613"/>
      <c r="OLY721" s="613"/>
      <c r="OLZ721" s="613"/>
      <c r="OMA721" s="613"/>
      <c r="OMB721" s="613"/>
      <c r="OMC721" s="613"/>
      <c r="OMD721" s="613"/>
      <c r="OME721" s="613"/>
      <c r="OMF721" s="613"/>
      <c r="OMG721" s="613"/>
      <c r="OMH721" s="613"/>
      <c r="OMI721" s="613"/>
      <c r="OMJ721" s="613"/>
      <c r="OMK721" s="613"/>
      <c r="OML721" s="613"/>
      <c r="OMM721" s="613"/>
      <c r="OMN721" s="613"/>
      <c r="OMO721" s="613"/>
      <c r="OMP721" s="613"/>
      <c r="OMQ721" s="613"/>
      <c r="OMR721" s="613"/>
      <c r="OMS721" s="613"/>
      <c r="OMT721" s="613"/>
      <c r="OMU721" s="613"/>
      <c r="OMV721" s="613"/>
      <c r="OMW721" s="613"/>
      <c r="OMX721" s="613"/>
      <c r="OMY721" s="613"/>
      <c r="OMZ721" s="613"/>
      <c r="ONA721" s="613"/>
      <c r="ONB721" s="613"/>
      <c r="ONC721" s="613"/>
      <c r="OND721" s="613"/>
      <c r="ONE721" s="613"/>
      <c r="ONF721" s="613"/>
      <c r="ONG721" s="613"/>
      <c r="ONH721" s="613"/>
      <c r="ONI721" s="613"/>
      <c r="ONJ721" s="613"/>
      <c r="ONK721" s="613"/>
      <c r="ONL721" s="613"/>
      <c r="ONM721" s="613"/>
      <c r="ONN721" s="613"/>
      <c r="ONO721" s="613"/>
      <c r="ONP721" s="613"/>
      <c r="ONQ721" s="613"/>
      <c r="ONR721" s="613"/>
      <c r="ONS721" s="613"/>
      <c r="ONT721" s="613"/>
      <c r="ONU721" s="613"/>
      <c r="ONV721" s="613"/>
      <c r="ONW721" s="613"/>
      <c r="ONX721" s="613"/>
      <c r="ONY721" s="613"/>
      <c r="ONZ721" s="613"/>
      <c r="OOA721" s="613"/>
      <c r="OOB721" s="613"/>
      <c r="OOC721" s="613"/>
      <c r="OOD721" s="613"/>
      <c r="OOE721" s="613"/>
      <c r="OOF721" s="613"/>
      <c r="OOG721" s="613"/>
      <c r="OOH721" s="613"/>
      <c r="OOI721" s="613"/>
      <c r="OOJ721" s="613"/>
      <c r="OOK721" s="613"/>
      <c r="OOL721" s="613"/>
      <c r="OOM721" s="613"/>
      <c r="OON721" s="613"/>
      <c r="OOO721" s="613"/>
      <c r="OOP721" s="613"/>
      <c r="OOQ721" s="613"/>
      <c r="OOR721" s="613"/>
      <c r="OOS721" s="613"/>
      <c r="OOT721" s="613"/>
      <c r="OOU721" s="613"/>
      <c r="OOV721" s="613"/>
      <c r="OOW721" s="613"/>
      <c r="OOX721" s="613"/>
      <c r="OOY721" s="613"/>
      <c r="OOZ721" s="613"/>
      <c r="OPA721" s="613"/>
      <c r="OPB721" s="613"/>
      <c r="OPC721" s="613"/>
      <c r="OPD721" s="613"/>
      <c r="OPE721" s="613"/>
      <c r="OPF721" s="613"/>
      <c r="OPG721" s="613"/>
      <c r="OPH721" s="613"/>
      <c r="OPI721" s="613"/>
      <c r="OPJ721" s="613"/>
      <c r="OPK721" s="613"/>
      <c r="OPL721" s="613"/>
      <c r="OPM721" s="613"/>
      <c r="OPN721" s="613"/>
      <c r="OPO721" s="613"/>
      <c r="OPP721" s="613"/>
      <c r="OPQ721" s="613"/>
      <c r="OPR721" s="613"/>
      <c r="OPS721" s="613"/>
      <c r="OPT721" s="613"/>
      <c r="OPU721" s="613"/>
      <c r="OPV721" s="613"/>
      <c r="OPW721" s="613"/>
      <c r="OPX721" s="613"/>
      <c r="OPY721" s="613"/>
      <c r="OPZ721" s="613"/>
      <c r="OQA721" s="613"/>
      <c r="OQB721" s="613"/>
      <c r="OQC721" s="613"/>
      <c r="OQD721" s="613"/>
      <c r="OQE721" s="613"/>
      <c r="OQF721" s="613"/>
      <c r="OQG721" s="613"/>
      <c r="OQH721" s="613"/>
      <c r="OQI721" s="613"/>
      <c r="OQJ721" s="613"/>
      <c r="OQK721" s="613"/>
      <c r="OQL721" s="613"/>
      <c r="OQM721" s="613"/>
      <c r="OQN721" s="613"/>
      <c r="OQO721" s="613"/>
      <c r="OQP721" s="613"/>
      <c r="OQQ721" s="613"/>
      <c r="OQR721" s="613"/>
      <c r="OQS721" s="613"/>
      <c r="OQT721" s="613"/>
      <c r="OQU721" s="613"/>
      <c r="OQV721" s="613"/>
      <c r="OQW721" s="613"/>
      <c r="OQX721" s="613"/>
      <c r="OQY721" s="613"/>
      <c r="OQZ721" s="613"/>
      <c r="ORA721" s="613"/>
      <c r="ORB721" s="613"/>
      <c r="ORC721" s="613"/>
      <c r="ORD721" s="613"/>
      <c r="ORE721" s="613"/>
      <c r="ORF721" s="613"/>
      <c r="ORG721" s="613"/>
      <c r="ORH721" s="613"/>
      <c r="ORI721" s="613"/>
      <c r="ORJ721" s="613"/>
      <c r="ORK721" s="613"/>
      <c r="ORL721" s="613"/>
      <c r="ORM721" s="613"/>
      <c r="ORN721" s="613"/>
      <c r="ORO721" s="613"/>
      <c r="ORP721" s="613"/>
      <c r="ORQ721" s="613"/>
      <c r="ORR721" s="613"/>
      <c r="ORS721" s="613"/>
      <c r="ORT721" s="613"/>
      <c r="ORU721" s="613"/>
      <c r="ORV721" s="613"/>
      <c r="ORW721" s="613"/>
      <c r="ORX721" s="613"/>
      <c r="ORY721" s="613"/>
      <c r="ORZ721" s="613"/>
      <c r="OSA721" s="613"/>
      <c r="OSB721" s="613"/>
      <c r="OSC721" s="613"/>
      <c r="OSD721" s="613"/>
      <c r="OSE721" s="613"/>
      <c r="OSF721" s="613"/>
      <c r="OSG721" s="613"/>
      <c r="OSH721" s="613"/>
      <c r="OSI721" s="613"/>
      <c r="OSJ721" s="613"/>
      <c r="OSK721" s="613"/>
      <c r="OSL721" s="613"/>
      <c r="OSM721" s="613"/>
      <c r="OSN721" s="613"/>
      <c r="OSO721" s="613"/>
      <c r="OSP721" s="613"/>
      <c r="OSQ721" s="613"/>
      <c r="OSR721" s="613"/>
      <c r="OSS721" s="613"/>
      <c r="OST721" s="613"/>
      <c r="OSU721" s="613"/>
      <c r="OSV721" s="613"/>
      <c r="OSW721" s="613"/>
      <c r="OSX721" s="613"/>
      <c r="OSY721" s="613"/>
      <c r="OSZ721" s="613"/>
      <c r="OTA721" s="613"/>
      <c r="OTB721" s="613"/>
      <c r="OTC721" s="613"/>
      <c r="OTD721" s="613"/>
      <c r="OTE721" s="613"/>
      <c r="OTF721" s="613"/>
      <c r="OTG721" s="613"/>
      <c r="OTH721" s="613"/>
      <c r="OTI721" s="613"/>
      <c r="OTJ721" s="613"/>
      <c r="OTK721" s="613"/>
      <c r="OTL721" s="613"/>
      <c r="OTM721" s="613"/>
      <c r="OTN721" s="613"/>
      <c r="OTO721" s="613"/>
      <c r="OTP721" s="613"/>
      <c r="OTQ721" s="613"/>
      <c r="OTR721" s="613"/>
      <c r="OTS721" s="613"/>
      <c r="OTT721" s="613"/>
      <c r="OTU721" s="613"/>
      <c r="OTV721" s="613"/>
      <c r="OTW721" s="613"/>
      <c r="OTX721" s="613"/>
      <c r="OTY721" s="613"/>
      <c r="OTZ721" s="613"/>
      <c r="OUA721" s="613"/>
      <c r="OUB721" s="613"/>
      <c r="OUC721" s="613"/>
      <c r="OUD721" s="613"/>
      <c r="OUE721" s="613"/>
      <c r="OUF721" s="613"/>
      <c r="OUG721" s="613"/>
      <c r="OUH721" s="613"/>
      <c r="OUI721" s="613"/>
      <c r="OUJ721" s="613"/>
      <c r="OUK721" s="613"/>
      <c r="OUL721" s="613"/>
      <c r="OUM721" s="613"/>
      <c r="OUN721" s="613"/>
      <c r="OUO721" s="613"/>
      <c r="OUP721" s="613"/>
      <c r="OUQ721" s="613"/>
      <c r="OUR721" s="613"/>
      <c r="OUS721" s="613"/>
      <c r="OUT721" s="613"/>
      <c r="OUU721" s="613"/>
      <c r="OUV721" s="613"/>
      <c r="OUW721" s="613"/>
      <c r="OUX721" s="613"/>
      <c r="OUY721" s="613"/>
      <c r="OUZ721" s="613"/>
      <c r="OVA721" s="613"/>
      <c r="OVB721" s="613"/>
      <c r="OVC721" s="613"/>
      <c r="OVD721" s="613"/>
      <c r="OVE721" s="613"/>
      <c r="OVF721" s="613"/>
      <c r="OVG721" s="613"/>
      <c r="OVH721" s="613"/>
      <c r="OVI721" s="613"/>
      <c r="OVJ721" s="613"/>
      <c r="OVK721" s="613"/>
      <c r="OVL721" s="613"/>
      <c r="OVM721" s="613"/>
      <c r="OVN721" s="613"/>
      <c r="OVO721" s="613"/>
      <c r="OVP721" s="613"/>
      <c r="OVQ721" s="613"/>
      <c r="OVR721" s="613"/>
      <c r="OVS721" s="613"/>
      <c r="OVT721" s="613"/>
      <c r="OVU721" s="613"/>
      <c r="OVV721" s="613"/>
      <c r="OVW721" s="613"/>
      <c r="OVX721" s="613"/>
      <c r="OVY721" s="613"/>
      <c r="OVZ721" s="613"/>
      <c r="OWA721" s="613"/>
      <c r="OWB721" s="613"/>
      <c r="OWC721" s="613"/>
      <c r="OWD721" s="613"/>
      <c r="OWE721" s="613"/>
      <c r="OWF721" s="613"/>
      <c r="OWG721" s="613"/>
      <c r="OWH721" s="613"/>
      <c r="OWI721" s="613"/>
      <c r="OWJ721" s="613"/>
      <c r="OWK721" s="613"/>
      <c r="OWL721" s="613"/>
      <c r="OWM721" s="613"/>
      <c r="OWN721" s="613"/>
      <c r="OWO721" s="613"/>
      <c r="OWP721" s="613"/>
      <c r="OWQ721" s="613"/>
      <c r="OWR721" s="613"/>
      <c r="OWS721" s="613"/>
      <c r="OWT721" s="613"/>
      <c r="OWU721" s="613"/>
      <c r="OWV721" s="613"/>
      <c r="OWW721" s="613"/>
      <c r="OWX721" s="613"/>
      <c r="OWY721" s="613"/>
      <c r="OWZ721" s="613"/>
      <c r="OXA721" s="613"/>
      <c r="OXB721" s="613"/>
      <c r="OXC721" s="613"/>
      <c r="OXD721" s="613"/>
      <c r="OXE721" s="613"/>
      <c r="OXF721" s="613"/>
      <c r="OXG721" s="613"/>
      <c r="OXH721" s="613"/>
      <c r="OXI721" s="613"/>
      <c r="OXJ721" s="613"/>
      <c r="OXK721" s="613"/>
      <c r="OXL721" s="613"/>
      <c r="OXM721" s="613"/>
      <c r="OXN721" s="613"/>
      <c r="OXO721" s="613"/>
      <c r="OXP721" s="613"/>
      <c r="OXQ721" s="613"/>
      <c r="OXR721" s="613"/>
      <c r="OXS721" s="613"/>
      <c r="OXT721" s="613"/>
      <c r="OXU721" s="613"/>
      <c r="OXV721" s="613"/>
      <c r="OXW721" s="613"/>
      <c r="OXX721" s="613"/>
      <c r="OXY721" s="613"/>
      <c r="OXZ721" s="613"/>
      <c r="OYA721" s="613"/>
      <c r="OYB721" s="613"/>
      <c r="OYC721" s="613"/>
      <c r="OYD721" s="613"/>
      <c r="OYE721" s="613"/>
      <c r="OYF721" s="613"/>
      <c r="OYG721" s="613"/>
      <c r="OYH721" s="613"/>
      <c r="OYI721" s="613"/>
      <c r="OYJ721" s="613"/>
      <c r="OYK721" s="613"/>
      <c r="OYL721" s="613"/>
      <c r="OYM721" s="613"/>
      <c r="OYN721" s="613"/>
      <c r="OYO721" s="613"/>
      <c r="OYP721" s="613"/>
      <c r="OYQ721" s="613"/>
      <c r="OYR721" s="613"/>
      <c r="OYS721" s="613"/>
      <c r="OYT721" s="613"/>
      <c r="OYU721" s="613"/>
      <c r="OYV721" s="613"/>
      <c r="OYW721" s="613"/>
      <c r="OYX721" s="613"/>
      <c r="OYY721" s="613"/>
      <c r="OYZ721" s="613"/>
      <c r="OZA721" s="613"/>
      <c r="OZB721" s="613"/>
      <c r="OZC721" s="613"/>
      <c r="OZD721" s="613"/>
      <c r="OZE721" s="613"/>
      <c r="OZF721" s="613"/>
      <c r="OZG721" s="613"/>
      <c r="OZH721" s="613"/>
      <c r="OZI721" s="613"/>
      <c r="OZJ721" s="613"/>
      <c r="OZK721" s="613"/>
      <c r="OZL721" s="613"/>
      <c r="OZM721" s="613"/>
      <c r="OZN721" s="613"/>
      <c r="OZO721" s="613"/>
      <c r="OZP721" s="613"/>
      <c r="OZQ721" s="613"/>
      <c r="OZR721" s="613"/>
      <c r="OZS721" s="613"/>
      <c r="OZT721" s="613"/>
      <c r="OZU721" s="613"/>
      <c r="OZV721" s="613"/>
      <c r="OZW721" s="613"/>
      <c r="OZX721" s="613"/>
      <c r="OZY721" s="613"/>
      <c r="OZZ721" s="613"/>
      <c r="PAA721" s="613"/>
      <c r="PAB721" s="613"/>
      <c r="PAC721" s="613"/>
      <c r="PAD721" s="613"/>
      <c r="PAE721" s="613"/>
      <c r="PAF721" s="613"/>
      <c r="PAG721" s="613"/>
      <c r="PAH721" s="613"/>
      <c r="PAI721" s="613"/>
      <c r="PAJ721" s="613"/>
      <c r="PAK721" s="613"/>
      <c r="PAL721" s="613"/>
      <c r="PAM721" s="613"/>
      <c r="PAN721" s="613"/>
      <c r="PAO721" s="613"/>
      <c r="PAP721" s="613"/>
      <c r="PAQ721" s="613"/>
      <c r="PAR721" s="613"/>
      <c r="PAS721" s="613"/>
      <c r="PAT721" s="613"/>
      <c r="PAU721" s="613"/>
      <c r="PAV721" s="613"/>
      <c r="PAW721" s="613"/>
      <c r="PAX721" s="613"/>
      <c r="PAY721" s="613"/>
      <c r="PAZ721" s="613"/>
      <c r="PBA721" s="613"/>
      <c r="PBB721" s="613"/>
      <c r="PBC721" s="613"/>
      <c r="PBD721" s="613"/>
      <c r="PBE721" s="613"/>
      <c r="PBF721" s="613"/>
      <c r="PBG721" s="613"/>
      <c r="PBH721" s="613"/>
      <c r="PBI721" s="613"/>
      <c r="PBJ721" s="613"/>
      <c r="PBK721" s="613"/>
      <c r="PBL721" s="613"/>
      <c r="PBM721" s="613"/>
      <c r="PBN721" s="613"/>
      <c r="PBO721" s="613"/>
      <c r="PBP721" s="613"/>
      <c r="PBQ721" s="613"/>
      <c r="PBR721" s="613"/>
      <c r="PBS721" s="613"/>
      <c r="PBT721" s="613"/>
      <c r="PBU721" s="613"/>
      <c r="PBV721" s="613"/>
      <c r="PBW721" s="613"/>
      <c r="PBX721" s="613"/>
      <c r="PBY721" s="613"/>
      <c r="PBZ721" s="613"/>
      <c r="PCA721" s="613"/>
      <c r="PCB721" s="613"/>
      <c r="PCC721" s="613"/>
      <c r="PCD721" s="613"/>
      <c r="PCE721" s="613"/>
      <c r="PCF721" s="613"/>
      <c r="PCG721" s="613"/>
      <c r="PCH721" s="613"/>
      <c r="PCI721" s="613"/>
      <c r="PCJ721" s="613"/>
      <c r="PCK721" s="613"/>
      <c r="PCL721" s="613"/>
      <c r="PCM721" s="613"/>
      <c r="PCN721" s="613"/>
      <c r="PCO721" s="613"/>
      <c r="PCP721" s="613"/>
      <c r="PCQ721" s="613"/>
      <c r="PCR721" s="613"/>
      <c r="PCS721" s="613"/>
      <c r="PCT721" s="613"/>
      <c r="PCU721" s="613"/>
      <c r="PCV721" s="613"/>
      <c r="PCW721" s="613"/>
      <c r="PCX721" s="613"/>
      <c r="PCY721" s="613"/>
      <c r="PCZ721" s="613"/>
      <c r="PDA721" s="613"/>
      <c r="PDB721" s="613"/>
      <c r="PDC721" s="613"/>
      <c r="PDD721" s="613"/>
      <c r="PDE721" s="613"/>
      <c r="PDF721" s="613"/>
      <c r="PDG721" s="613"/>
      <c r="PDH721" s="613"/>
      <c r="PDI721" s="613"/>
      <c r="PDJ721" s="613"/>
      <c r="PDK721" s="613"/>
      <c r="PDL721" s="613"/>
      <c r="PDM721" s="613"/>
      <c r="PDN721" s="613"/>
      <c r="PDO721" s="613"/>
      <c r="PDP721" s="613"/>
      <c r="PDQ721" s="613"/>
      <c r="PDR721" s="613"/>
      <c r="PDS721" s="613"/>
      <c r="PDT721" s="613"/>
      <c r="PDU721" s="613"/>
      <c r="PDV721" s="613"/>
      <c r="PDW721" s="613"/>
      <c r="PDX721" s="613"/>
      <c r="PDY721" s="613"/>
      <c r="PDZ721" s="613"/>
      <c r="PEA721" s="613"/>
      <c r="PEB721" s="613"/>
      <c r="PEC721" s="613"/>
      <c r="PED721" s="613"/>
      <c r="PEE721" s="613"/>
      <c r="PEF721" s="613"/>
      <c r="PEG721" s="613"/>
      <c r="PEH721" s="613"/>
      <c r="PEI721" s="613"/>
      <c r="PEJ721" s="613"/>
      <c r="PEK721" s="613"/>
      <c r="PEL721" s="613"/>
      <c r="PEM721" s="613"/>
      <c r="PEN721" s="613"/>
      <c r="PEO721" s="613"/>
      <c r="PEP721" s="613"/>
      <c r="PEQ721" s="613"/>
      <c r="PER721" s="613"/>
      <c r="PES721" s="613"/>
      <c r="PET721" s="613"/>
      <c r="PEU721" s="613"/>
      <c r="PEV721" s="613"/>
      <c r="PEW721" s="613"/>
      <c r="PEX721" s="613"/>
      <c r="PEY721" s="613"/>
      <c r="PEZ721" s="613"/>
      <c r="PFA721" s="613"/>
      <c r="PFB721" s="613"/>
      <c r="PFC721" s="613"/>
      <c r="PFD721" s="613"/>
      <c r="PFE721" s="613"/>
      <c r="PFF721" s="613"/>
      <c r="PFG721" s="613"/>
      <c r="PFH721" s="613"/>
      <c r="PFI721" s="613"/>
      <c r="PFJ721" s="613"/>
      <c r="PFK721" s="613"/>
      <c r="PFL721" s="613"/>
      <c r="PFM721" s="613"/>
      <c r="PFN721" s="613"/>
      <c r="PFO721" s="613"/>
      <c r="PFP721" s="613"/>
      <c r="PFQ721" s="613"/>
      <c r="PFR721" s="613"/>
      <c r="PFS721" s="613"/>
      <c r="PFT721" s="613"/>
      <c r="PFU721" s="613"/>
      <c r="PFV721" s="613"/>
      <c r="PFW721" s="613"/>
      <c r="PFX721" s="613"/>
      <c r="PFY721" s="613"/>
      <c r="PFZ721" s="613"/>
      <c r="PGA721" s="613"/>
      <c r="PGB721" s="613"/>
      <c r="PGC721" s="613"/>
      <c r="PGD721" s="613"/>
      <c r="PGE721" s="613"/>
      <c r="PGF721" s="613"/>
      <c r="PGG721" s="613"/>
      <c r="PGH721" s="613"/>
      <c r="PGI721" s="613"/>
      <c r="PGJ721" s="613"/>
      <c r="PGK721" s="613"/>
      <c r="PGL721" s="613"/>
      <c r="PGM721" s="613"/>
      <c r="PGN721" s="613"/>
      <c r="PGO721" s="613"/>
      <c r="PGP721" s="613"/>
      <c r="PGQ721" s="613"/>
      <c r="PGR721" s="613"/>
      <c r="PGS721" s="613"/>
      <c r="PGT721" s="613"/>
      <c r="PGU721" s="613"/>
      <c r="PGV721" s="613"/>
      <c r="PGW721" s="613"/>
      <c r="PGX721" s="613"/>
      <c r="PGY721" s="613"/>
      <c r="PGZ721" s="613"/>
      <c r="PHA721" s="613"/>
      <c r="PHB721" s="613"/>
      <c r="PHC721" s="613"/>
      <c r="PHD721" s="613"/>
      <c r="PHE721" s="613"/>
      <c r="PHF721" s="613"/>
      <c r="PHG721" s="613"/>
      <c r="PHH721" s="613"/>
      <c r="PHI721" s="613"/>
      <c r="PHJ721" s="613"/>
      <c r="PHK721" s="613"/>
      <c r="PHL721" s="613"/>
      <c r="PHM721" s="613"/>
      <c r="PHN721" s="613"/>
      <c r="PHO721" s="613"/>
      <c r="PHP721" s="613"/>
      <c r="PHQ721" s="613"/>
      <c r="PHR721" s="613"/>
      <c r="PHS721" s="613"/>
      <c r="PHT721" s="613"/>
      <c r="PHU721" s="613"/>
      <c r="PHV721" s="613"/>
      <c r="PHW721" s="613"/>
      <c r="PHX721" s="613"/>
      <c r="PHY721" s="613"/>
      <c r="PHZ721" s="613"/>
      <c r="PIA721" s="613"/>
      <c r="PIB721" s="613"/>
      <c r="PIC721" s="613"/>
      <c r="PID721" s="613"/>
      <c r="PIE721" s="613"/>
      <c r="PIF721" s="613"/>
      <c r="PIG721" s="613"/>
      <c r="PIH721" s="613"/>
      <c r="PII721" s="613"/>
      <c r="PIJ721" s="613"/>
      <c r="PIK721" s="613"/>
      <c r="PIL721" s="613"/>
      <c r="PIM721" s="613"/>
      <c r="PIN721" s="613"/>
      <c r="PIO721" s="613"/>
      <c r="PIP721" s="613"/>
      <c r="PIQ721" s="613"/>
      <c r="PIR721" s="613"/>
      <c r="PIS721" s="613"/>
      <c r="PIT721" s="613"/>
      <c r="PIU721" s="613"/>
      <c r="PIV721" s="613"/>
      <c r="PIW721" s="613"/>
      <c r="PIX721" s="613"/>
      <c r="PIY721" s="613"/>
      <c r="PIZ721" s="613"/>
      <c r="PJA721" s="613"/>
      <c r="PJB721" s="613"/>
      <c r="PJC721" s="613"/>
      <c r="PJD721" s="613"/>
      <c r="PJE721" s="613"/>
      <c r="PJF721" s="613"/>
      <c r="PJG721" s="613"/>
      <c r="PJH721" s="613"/>
      <c r="PJI721" s="613"/>
      <c r="PJJ721" s="613"/>
      <c r="PJK721" s="613"/>
      <c r="PJL721" s="613"/>
      <c r="PJM721" s="613"/>
      <c r="PJN721" s="613"/>
      <c r="PJO721" s="613"/>
      <c r="PJP721" s="613"/>
      <c r="PJQ721" s="613"/>
      <c r="PJR721" s="613"/>
      <c r="PJS721" s="613"/>
      <c r="PJT721" s="613"/>
      <c r="PJU721" s="613"/>
      <c r="PJV721" s="613"/>
      <c r="PJW721" s="613"/>
      <c r="PJX721" s="613"/>
      <c r="PJY721" s="613"/>
      <c r="PJZ721" s="613"/>
      <c r="PKA721" s="613"/>
      <c r="PKB721" s="613"/>
      <c r="PKC721" s="613"/>
      <c r="PKD721" s="613"/>
      <c r="PKE721" s="613"/>
      <c r="PKF721" s="613"/>
      <c r="PKG721" s="613"/>
      <c r="PKH721" s="613"/>
      <c r="PKI721" s="613"/>
      <c r="PKJ721" s="613"/>
      <c r="PKK721" s="613"/>
      <c r="PKL721" s="613"/>
      <c r="PKM721" s="613"/>
      <c r="PKN721" s="613"/>
      <c r="PKO721" s="613"/>
      <c r="PKP721" s="613"/>
      <c r="PKQ721" s="613"/>
      <c r="PKR721" s="613"/>
      <c r="PKS721" s="613"/>
      <c r="PKT721" s="613"/>
      <c r="PKU721" s="613"/>
      <c r="PKV721" s="613"/>
      <c r="PKW721" s="613"/>
      <c r="PKX721" s="613"/>
      <c r="PKY721" s="613"/>
      <c r="PKZ721" s="613"/>
      <c r="PLA721" s="613"/>
      <c r="PLB721" s="613"/>
      <c r="PLC721" s="613"/>
      <c r="PLD721" s="613"/>
      <c r="PLE721" s="613"/>
      <c r="PLF721" s="613"/>
      <c r="PLG721" s="613"/>
      <c r="PLH721" s="613"/>
      <c r="PLI721" s="613"/>
      <c r="PLJ721" s="613"/>
      <c r="PLK721" s="613"/>
      <c r="PLL721" s="613"/>
      <c r="PLM721" s="613"/>
      <c r="PLN721" s="613"/>
      <c r="PLO721" s="613"/>
      <c r="PLP721" s="613"/>
      <c r="PLQ721" s="613"/>
      <c r="PLR721" s="613"/>
      <c r="PLS721" s="613"/>
      <c r="PLT721" s="613"/>
      <c r="PLU721" s="613"/>
      <c r="PLV721" s="613"/>
      <c r="PLW721" s="613"/>
      <c r="PLX721" s="613"/>
      <c r="PLY721" s="613"/>
      <c r="PLZ721" s="613"/>
      <c r="PMA721" s="613"/>
      <c r="PMB721" s="613"/>
      <c r="PMC721" s="613"/>
      <c r="PMD721" s="613"/>
      <c r="PME721" s="613"/>
      <c r="PMF721" s="613"/>
      <c r="PMG721" s="613"/>
      <c r="PMH721" s="613"/>
      <c r="PMI721" s="613"/>
      <c r="PMJ721" s="613"/>
      <c r="PMK721" s="613"/>
      <c r="PML721" s="613"/>
      <c r="PMM721" s="613"/>
      <c r="PMN721" s="613"/>
      <c r="PMO721" s="613"/>
      <c r="PMP721" s="613"/>
      <c r="PMQ721" s="613"/>
      <c r="PMR721" s="613"/>
      <c r="PMS721" s="613"/>
      <c r="PMT721" s="613"/>
      <c r="PMU721" s="613"/>
      <c r="PMV721" s="613"/>
      <c r="PMW721" s="613"/>
      <c r="PMX721" s="613"/>
      <c r="PMY721" s="613"/>
      <c r="PMZ721" s="613"/>
      <c r="PNA721" s="613"/>
      <c r="PNB721" s="613"/>
      <c r="PNC721" s="613"/>
      <c r="PND721" s="613"/>
      <c r="PNE721" s="613"/>
      <c r="PNF721" s="613"/>
      <c r="PNG721" s="613"/>
      <c r="PNH721" s="613"/>
      <c r="PNI721" s="613"/>
      <c r="PNJ721" s="613"/>
      <c r="PNK721" s="613"/>
      <c r="PNL721" s="613"/>
      <c r="PNM721" s="613"/>
      <c r="PNN721" s="613"/>
      <c r="PNO721" s="613"/>
      <c r="PNP721" s="613"/>
      <c r="PNQ721" s="613"/>
      <c r="PNR721" s="613"/>
      <c r="PNS721" s="613"/>
      <c r="PNT721" s="613"/>
      <c r="PNU721" s="613"/>
      <c r="PNV721" s="613"/>
      <c r="PNW721" s="613"/>
      <c r="PNX721" s="613"/>
      <c r="PNY721" s="613"/>
      <c r="PNZ721" s="613"/>
      <c r="POA721" s="613"/>
      <c r="POB721" s="613"/>
      <c r="POC721" s="613"/>
      <c r="POD721" s="613"/>
      <c r="POE721" s="613"/>
      <c r="POF721" s="613"/>
      <c r="POG721" s="613"/>
      <c r="POH721" s="613"/>
      <c r="POI721" s="613"/>
      <c r="POJ721" s="613"/>
      <c r="POK721" s="613"/>
      <c r="POL721" s="613"/>
      <c r="POM721" s="613"/>
      <c r="PON721" s="613"/>
      <c r="POO721" s="613"/>
      <c r="POP721" s="613"/>
      <c r="POQ721" s="613"/>
      <c r="POR721" s="613"/>
      <c r="POS721" s="613"/>
      <c r="POT721" s="613"/>
      <c r="POU721" s="613"/>
      <c r="POV721" s="613"/>
      <c r="POW721" s="613"/>
      <c r="POX721" s="613"/>
      <c r="POY721" s="613"/>
      <c r="POZ721" s="613"/>
      <c r="PPA721" s="613"/>
      <c r="PPB721" s="613"/>
      <c r="PPC721" s="613"/>
      <c r="PPD721" s="613"/>
      <c r="PPE721" s="613"/>
      <c r="PPF721" s="613"/>
      <c r="PPG721" s="613"/>
      <c r="PPH721" s="613"/>
      <c r="PPI721" s="613"/>
      <c r="PPJ721" s="613"/>
      <c r="PPK721" s="613"/>
      <c r="PPL721" s="613"/>
      <c r="PPM721" s="613"/>
      <c r="PPN721" s="613"/>
      <c r="PPO721" s="613"/>
      <c r="PPP721" s="613"/>
      <c r="PPQ721" s="613"/>
      <c r="PPR721" s="613"/>
      <c r="PPS721" s="613"/>
      <c r="PPT721" s="613"/>
      <c r="PPU721" s="613"/>
      <c r="PPV721" s="613"/>
      <c r="PPW721" s="613"/>
      <c r="PPX721" s="613"/>
      <c r="PPY721" s="613"/>
      <c r="PPZ721" s="613"/>
      <c r="PQA721" s="613"/>
      <c r="PQB721" s="613"/>
      <c r="PQC721" s="613"/>
      <c r="PQD721" s="613"/>
      <c r="PQE721" s="613"/>
      <c r="PQF721" s="613"/>
      <c r="PQG721" s="613"/>
      <c r="PQH721" s="613"/>
      <c r="PQI721" s="613"/>
      <c r="PQJ721" s="613"/>
      <c r="PQK721" s="613"/>
      <c r="PQL721" s="613"/>
      <c r="PQM721" s="613"/>
      <c r="PQN721" s="613"/>
      <c r="PQO721" s="613"/>
      <c r="PQP721" s="613"/>
      <c r="PQQ721" s="613"/>
      <c r="PQR721" s="613"/>
      <c r="PQS721" s="613"/>
      <c r="PQT721" s="613"/>
      <c r="PQU721" s="613"/>
      <c r="PQV721" s="613"/>
      <c r="PQW721" s="613"/>
      <c r="PQX721" s="613"/>
      <c r="PQY721" s="613"/>
      <c r="PQZ721" s="613"/>
      <c r="PRA721" s="613"/>
      <c r="PRB721" s="613"/>
      <c r="PRC721" s="613"/>
      <c r="PRD721" s="613"/>
      <c r="PRE721" s="613"/>
      <c r="PRF721" s="613"/>
      <c r="PRG721" s="613"/>
      <c r="PRH721" s="613"/>
      <c r="PRI721" s="613"/>
      <c r="PRJ721" s="613"/>
      <c r="PRK721" s="613"/>
      <c r="PRL721" s="613"/>
      <c r="PRM721" s="613"/>
      <c r="PRN721" s="613"/>
      <c r="PRO721" s="613"/>
      <c r="PRP721" s="613"/>
      <c r="PRQ721" s="613"/>
      <c r="PRR721" s="613"/>
      <c r="PRS721" s="613"/>
      <c r="PRT721" s="613"/>
      <c r="PRU721" s="613"/>
      <c r="PRV721" s="613"/>
      <c r="PRW721" s="613"/>
      <c r="PRX721" s="613"/>
      <c r="PRY721" s="613"/>
      <c r="PRZ721" s="613"/>
      <c r="PSA721" s="613"/>
      <c r="PSB721" s="613"/>
      <c r="PSC721" s="613"/>
      <c r="PSD721" s="613"/>
      <c r="PSE721" s="613"/>
      <c r="PSF721" s="613"/>
      <c r="PSG721" s="613"/>
      <c r="PSH721" s="613"/>
      <c r="PSI721" s="613"/>
      <c r="PSJ721" s="613"/>
      <c r="PSK721" s="613"/>
      <c r="PSL721" s="613"/>
      <c r="PSM721" s="613"/>
      <c r="PSN721" s="613"/>
      <c r="PSO721" s="613"/>
      <c r="PSP721" s="613"/>
      <c r="PSQ721" s="613"/>
      <c r="PSR721" s="613"/>
      <c r="PSS721" s="613"/>
      <c r="PST721" s="613"/>
      <c r="PSU721" s="613"/>
      <c r="PSV721" s="613"/>
      <c r="PSW721" s="613"/>
      <c r="PSX721" s="613"/>
      <c r="PSY721" s="613"/>
      <c r="PSZ721" s="613"/>
      <c r="PTA721" s="613"/>
      <c r="PTB721" s="613"/>
      <c r="PTC721" s="613"/>
      <c r="PTD721" s="613"/>
      <c r="PTE721" s="613"/>
      <c r="PTF721" s="613"/>
      <c r="PTG721" s="613"/>
      <c r="PTH721" s="613"/>
      <c r="PTI721" s="613"/>
      <c r="PTJ721" s="613"/>
      <c r="PTK721" s="613"/>
      <c r="PTL721" s="613"/>
      <c r="PTM721" s="613"/>
      <c r="PTN721" s="613"/>
      <c r="PTO721" s="613"/>
      <c r="PTP721" s="613"/>
      <c r="PTQ721" s="613"/>
      <c r="PTR721" s="613"/>
      <c r="PTS721" s="613"/>
      <c r="PTT721" s="613"/>
      <c r="PTU721" s="613"/>
      <c r="PTV721" s="613"/>
      <c r="PTW721" s="613"/>
      <c r="PTX721" s="613"/>
      <c r="PTY721" s="613"/>
      <c r="PTZ721" s="613"/>
      <c r="PUA721" s="613"/>
      <c r="PUB721" s="613"/>
      <c r="PUC721" s="613"/>
      <c r="PUD721" s="613"/>
      <c r="PUE721" s="613"/>
      <c r="PUF721" s="613"/>
      <c r="PUG721" s="613"/>
      <c r="PUH721" s="613"/>
      <c r="PUI721" s="613"/>
      <c r="PUJ721" s="613"/>
      <c r="PUK721" s="613"/>
      <c r="PUL721" s="613"/>
      <c r="PUM721" s="613"/>
      <c r="PUN721" s="613"/>
      <c r="PUO721" s="613"/>
      <c r="PUP721" s="613"/>
      <c r="PUQ721" s="613"/>
      <c r="PUR721" s="613"/>
      <c r="PUS721" s="613"/>
      <c r="PUT721" s="613"/>
      <c r="PUU721" s="613"/>
      <c r="PUV721" s="613"/>
      <c r="PUW721" s="613"/>
      <c r="PUX721" s="613"/>
      <c r="PUY721" s="613"/>
      <c r="PUZ721" s="613"/>
      <c r="PVA721" s="613"/>
      <c r="PVB721" s="613"/>
      <c r="PVC721" s="613"/>
      <c r="PVD721" s="613"/>
      <c r="PVE721" s="613"/>
      <c r="PVF721" s="613"/>
      <c r="PVG721" s="613"/>
      <c r="PVH721" s="613"/>
      <c r="PVI721" s="613"/>
      <c r="PVJ721" s="613"/>
      <c r="PVK721" s="613"/>
      <c r="PVL721" s="613"/>
      <c r="PVM721" s="613"/>
      <c r="PVN721" s="613"/>
      <c r="PVO721" s="613"/>
      <c r="PVP721" s="613"/>
      <c r="PVQ721" s="613"/>
      <c r="PVR721" s="613"/>
      <c r="PVS721" s="613"/>
      <c r="PVT721" s="613"/>
      <c r="PVU721" s="613"/>
      <c r="PVV721" s="613"/>
      <c r="PVW721" s="613"/>
      <c r="PVX721" s="613"/>
      <c r="PVY721" s="613"/>
      <c r="PVZ721" s="613"/>
      <c r="PWA721" s="613"/>
      <c r="PWB721" s="613"/>
      <c r="PWC721" s="613"/>
      <c r="PWD721" s="613"/>
      <c r="PWE721" s="613"/>
      <c r="PWF721" s="613"/>
      <c r="PWG721" s="613"/>
      <c r="PWH721" s="613"/>
      <c r="PWI721" s="613"/>
      <c r="PWJ721" s="613"/>
      <c r="PWK721" s="613"/>
      <c r="PWL721" s="613"/>
      <c r="PWM721" s="613"/>
      <c r="PWN721" s="613"/>
      <c r="PWO721" s="613"/>
      <c r="PWP721" s="613"/>
      <c r="PWQ721" s="613"/>
      <c r="PWR721" s="613"/>
      <c r="PWS721" s="613"/>
      <c r="PWT721" s="613"/>
      <c r="PWU721" s="613"/>
      <c r="PWV721" s="613"/>
      <c r="PWW721" s="613"/>
      <c r="PWX721" s="613"/>
      <c r="PWY721" s="613"/>
      <c r="PWZ721" s="613"/>
      <c r="PXA721" s="613"/>
      <c r="PXB721" s="613"/>
      <c r="PXC721" s="613"/>
      <c r="PXD721" s="613"/>
      <c r="PXE721" s="613"/>
      <c r="PXF721" s="613"/>
      <c r="PXG721" s="613"/>
      <c r="PXH721" s="613"/>
      <c r="PXI721" s="613"/>
      <c r="PXJ721" s="613"/>
      <c r="PXK721" s="613"/>
      <c r="PXL721" s="613"/>
      <c r="PXM721" s="613"/>
      <c r="PXN721" s="613"/>
      <c r="PXO721" s="613"/>
      <c r="PXP721" s="613"/>
      <c r="PXQ721" s="613"/>
      <c r="PXR721" s="613"/>
      <c r="PXS721" s="613"/>
      <c r="PXT721" s="613"/>
      <c r="PXU721" s="613"/>
      <c r="PXV721" s="613"/>
      <c r="PXW721" s="613"/>
      <c r="PXX721" s="613"/>
      <c r="PXY721" s="613"/>
      <c r="PXZ721" s="613"/>
      <c r="PYA721" s="613"/>
      <c r="PYB721" s="613"/>
      <c r="PYC721" s="613"/>
      <c r="PYD721" s="613"/>
      <c r="PYE721" s="613"/>
      <c r="PYF721" s="613"/>
      <c r="PYG721" s="613"/>
      <c r="PYH721" s="613"/>
      <c r="PYI721" s="613"/>
      <c r="PYJ721" s="613"/>
      <c r="PYK721" s="613"/>
      <c r="PYL721" s="613"/>
      <c r="PYM721" s="613"/>
      <c r="PYN721" s="613"/>
      <c r="PYO721" s="613"/>
      <c r="PYP721" s="613"/>
      <c r="PYQ721" s="613"/>
      <c r="PYR721" s="613"/>
      <c r="PYS721" s="613"/>
      <c r="PYT721" s="613"/>
      <c r="PYU721" s="613"/>
      <c r="PYV721" s="613"/>
      <c r="PYW721" s="613"/>
      <c r="PYX721" s="613"/>
      <c r="PYY721" s="613"/>
      <c r="PYZ721" s="613"/>
      <c r="PZA721" s="613"/>
      <c r="PZB721" s="613"/>
      <c r="PZC721" s="613"/>
      <c r="PZD721" s="613"/>
      <c r="PZE721" s="613"/>
      <c r="PZF721" s="613"/>
      <c r="PZG721" s="613"/>
      <c r="PZH721" s="613"/>
      <c r="PZI721" s="613"/>
      <c r="PZJ721" s="613"/>
      <c r="PZK721" s="613"/>
      <c r="PZL721" s="613"/>
      <c r="PZM721" s="613"/>
      <c r="PZN721" s="613"/>
      <c r="PZO721" s="613"/>
      <c r="PZP721" s="613"/>
      <c r="PZQ721" s="613"/>
      <c r="PZR721" s="613"/>
      <c r="PZS721" s="613"/>
      <c r="PZT721" s="613"/>
      <c r="PZU721" s="613"/>
      <c r="PZV721" s="613"/>
      <c r="PZW721" s="613"/>
      <c r="PZX721" s="613"/>
      <c r="PZY721" s="613"/>
      <c r="PZZ721" s="613"/>
      <c r="QAA721" s="613"/>
      <c r="QAB721" s="613"/>
      <c r="QAC721" s="613"/>
      <c r="QAD721" s="613"/>
      <c r="QAE721" s="613"/>
      <c r="QAF721" s="613"/>
      <c r="QAG721" s="613"/>
      <c r="QAH721" s="613"/>
      <c r="QAI721" s="613"/>
      <c r="QAJ721" s="613"/>
      <c r="QAK721" s="613"/>
      <c r="QAL721" s="613"/>
      <c r="QAM721" s="613"/>
      <c r="QAN721" s="613"/>
      <c r="QAO721" s="613"/>
      <c r="QAP721" s="613"/>
      <c r="QAQ721" s="613"/>
      <c r="QAR721" s="613"/>
      <c r="QAS721" s="613"/>
      <c r="QAT721" s="613"/>
      <c r="QAU721" s="613"/>
      <c r="QAV721" s="613"/>
      <c r="QAW721" s="613"/>
      <c r="QAX721" s="613"/>
      <c r="QAY721" s="613"/>
      <c r="QAZ721" s="613"/>
      <c r="QBA721" s="613"/>
      <c r="QBB721" s="613"/>
      <c r="QBC721" s="613"/>
      <c r="QBD721" s="613"/>
      <c r="QBE721" s="613"/>
      <c r="QBF721" s="613"/>
      <c r="QBG721" s="613"/>
      <c r="QBH721" s="613"/>
      <c r="QBI721" s="613"/>
      <c r="QBJ721" s="613"/>
      <c r="QBK721" s="613"/>
      <c r="QBL721" s="613"/>
      <c r="QBM721" s="613"/>
      <c r="QBN721" s="613"/>
      <c r="QBO721" s="613"/>
      <c r="QBP721" s="613"/>
      <c r="QBQ721" s="613"/>
      <c r="QBR721" s="613"/>
      <c r="QBS721" s="613"/>
      <c r="QBT721" s="613"/>
      <c r="QBU721" s="613"/>
      <c r="QBV721" s="613"/>
      <c r="QBW721" s="613"/>
      <c r="QBX721" s="613"/>
      <c r="QBY721" s="613"/>
      <c r="QBZ721" s="613"/>
      <c r="QCA721" s="613"/>
      <c r="QCB721" s="613"/>
      <c r="QCC721" s="613"/>
      <c r="QCD721" s="613"/>
      <c r="QCE721" s="613"/>
      <c r="QCF721" s="613"/>
      <c r="QCG721" s="613"/>
      <c r="QCH721" s="613"/>
      <c r="QCI721" s="613"/>
      <c r="QCJ721" s="613"/>
      <c r="QCK721" s="613"/>
      <c r="QCL721" s="613"/>
      <c r="QCM721" s="613"/>
      <c r="QCN721" s="613"/>
      <c r="QCO721" s="613"/>
      <c r="QCP721" s="613"/>
      <c r="QCQ721" s="613"/>
      <c r="QCR721" s="613"/>
      <c r="QCS721" s="613"/>
      <c r="QCT721" s="613"/>
      <c r="QCU721" s="613"/>
      <c r="QCV721" s="613"/>
      <c r="QCW721" s="613"/>
      <c r="QCX721" s="613"/>
      <c r="QCY721" s="613"/>
      <c r="QCZ721" s="613"/>
      <c r="QDA721" s="613"/>
      <c r="QDB721" s="613"/>
      <c r="QDC721" s="613"/>
      <c r="QDD721" s="613"/>
      <c r="QDE721" s="613"/>
      <c r="QDF721" s="613"/>
      <c r="QDG721" s="613"/>
      <c r="QDH721" s="613"/>
      <c r="QDI721" s="613"/>
      <c r="QDJ721" s="613"/>
      <c r="QDK721" s="613"/>
      <c r="QDL721" s="613"/>
      <c r="QDM721" s="613"/>
      <c r="QDN721" s="613"/>
      <c r="QDO721" s="613"/>
      <c r="QDP721" s="613"/>
      <c r="QDQ721" s="613"/>
      <c r="QDR721" s="613"/>
      <c r="QDS721" s="613"/>
      <c r="QDT721" s="613"/>
      <c r="QDU721" s="613"/>
      <c r="QDV721" s="613"/>
      <c r="QDW721" s="613"/>
      <c r="QDX721" s="613"/>
      <c r="QDY721" s="613"/>
      <c r="QDZ721" s="613"/>
      <c r="QEA721" s="613"/>
      <c r="QEB721" s="613"/>
      <c r="QEC721" s="613"/>
      <c r="QED721" s="613"/>
      <c r="QEE721" s="613"/>
      <c r="QEF721" s="613"/>
      <c r="QEG721" s="613"/>
      <c r="QEH721" s="613"/>
      <c r="QEI721" s="613"/>
      <c r="QEJ721" s="613"/>
      <c r="QEK721" s="613"/>
      <c r="QEL721" s="613"/>
      <c r="QEM721" s="613"/>
      <c r="QEN721" s="613"/>
      <c r="QEO721" s="613"/>
      <c r="QEP721" s="613"/>
      <c r="QEQ721" s="613"/>
      <c r="QER721" s="613"/>
      <c r="QES721" s="613"/>
      <c r="QET721" s="613"/>
      <c r="QEU721" s="613"/>
      <c r="QEV721" s="613"/>
      <c r="QEW721" s="613"/>
      <c r="QEX721" s="613"/>
      <c r="QEY721" s="613"/>
      <c r="QEZ721" s="613"/>
      <c r="QFA721" s="613"/>
      <c r="QFB721" s="613"/>
      <c r="QFC721" s="613"/>
      <c r="QFD721" s="613"/>
      <c r="QFE721" s="613"/>
      <c r="QFF721" s="613"/>
      <c r="QFG721" s="613"/>
      <c r="QFH721" s="613"/>
      <c r="QFI721" s="613"/>
      <c r="QFJ721" s="613"/>
      <c r="QFK721" s="613"/>
      <c r="QFL721" s="613"/>
      <c r="QFM721" s="613"/>
      <c r="QFN721" s="613"/>
      <c r="QFO721" s="613"/>
      <c r="QFP721" s="613"/>
      <c r="QFQ721" s="613"/>
      <c r="QFR721" s="613"/>
      <c r="QFS721" s="613"/>
      <c r="QFT721" s="613"/>
      <c r="QFU721" s="613"/>
      <c r="QFV721" s="613"/>
      <c r="QFW721" s="613"/>
      <c r="QFX721" s="613"/>
      <c r="QFY721" s="613"/>
      <c r="QFZ721" s="613"/>
      <c r="QGA721" s="613"/>
      <c r="QGB721" s="613"/>
      <c r="QGC721" s="613"/>
      <c r="QGD721" s="613"/>
      <c r="QGE721" s="613"/>
      <c r="QGF721" s="613"/>
      <c r="QGG721" s="613"/>
      <c r="QGH721" s="613"/>
      <c r="QGI721" s="613"/>
      <c r="QGJ721" s="613"/>
      <c r="QGK721" s="613"/>
      <c r="QGL721" s="613"/>
      <c r="QGM721" s="613"/>
      <c r="QGN721" s="613"/>
      <c r="QGO721" s="613"/>
      <c r="QGP721" s="613"/>
      <c r="QGQ721" s="613"/>
      <c r="QGR721" s="613"/>
      <c r="QGS721" s="613"/>
      <c r="QGT721" s="613"/>
      <c r="QGU721" s="613"/>
      <c r="QGV721" s="613"/>
      <c r="QGW721" s="613"/>
      <c r="QGX721" s="613"/>
      <c r="QGY721" s="613"/>
      <c r="QGZ721" s="613"/>
      <c r="QHA721" s="613"/>
      <c r="QHB721" s="613"/>
      <c r="QHC721" s="613"/>
      <c r="QHD721" s="613"/>
      <c r="QHE721" s="613"/>
      <c r="QHF721" s="613"/>
      <c r="QHG721" s="613"/>
      <c r="QHH721" s="613"/>
      <c r="QHI721" s="613"/>
      <c r="QHJ721" s="613"/>
      <c r="QHK721" s="613"/>
      <c r="QHL721" s="613"/>
      <c r="QHM721" s="613"/>
      <c r="QHN721" s="613"/>
      <c r="QHO721" s="613"/>
      <c r="QHP721" s="613"/>
      <c r="QHQ721" s="613"/>
      <c r="QHR721" s="613"/>
      <c r="QHS721" s="613"/>
      <c r="QHT721" s="613"/>
      <c r="QHU721" s="613"/>
      <c r="QHV721" s="613"/>
      <c r="QHW721" s="613"/>
      <c r="QHX721" s="613"/>
      <c r="QHY721" s="613"/>
      <c r="QHZ721" s="613"/>
      <c r="QIA721" s="613"/>
      <c r="QIB721" s="613"/>
      <c r="QIC721" s="613"/>
      <c r="QID721" s="613"/>
      <c r="QIE721" s="613"/>
      <c r="QIF721" s="613"/>
      <c r="QIG721" s="613"/>
      <c r="QIH721" s="613"/>
      <c r="QII721" s="613"/>
      <c r="QIJ721" s="613"/>
      <c r="QIK721" s="613"/>
      <c r="QIL721" s="613"/>
      <c r="QIM721" s="613"/>
      <c r="QIN721" s="613"/>
      <c r="QIO721" s="613"/>
      <c r="QIP721" s="613"/>
      <c r="QIQ721" s="613"/>
      <c r="QIR721" s="613"/>
      <c r="QIS721" s="613"/>
      <c r="QIT721" s="613"/>
      <c r="QIU721" s="613"/>
      <c r="QIV721" s="613"/>
      <c r="QIW721" s="613"/>
      <c r="QIX721" s="613"/>
      <c r="QIY721" s="613"/>
      <c r="QIZ721" s="613"/>
      <c r="QJA721" s="613"/>
      <c r="QJB721" s="613"/>
      <c r="QJC721" s="613"/>
      <c r="QJD721" s="613"/>
      <c r="QJE721" s="613"/>
      <c r="QJF721" s="613"/>
      <c r="QJG721" s="613"/>
      <c r="QJH721" s="613"/>
      <c r="QJI721" s="613"/>
      <c r="QJJ721" s="613"/>
      <c r="QJK721" s="613"/>
      <c r="QJL721" s="613"/>
      <c r="QJM721" s="613"/>
      <c r="QJN721" s="613"/>
      <c r="QJO721" s="613"/>
      <c r="QJP721" s="613"/>
      <c r="QJQ721" s="613"/>
      <c r="QJR721" s="613"/>
      <c r="QJS721" s="613"/>
      <c r="QJT721" s="613"/>
      <c r="QJU721" s="613"/>
      <c r="QJV721" s="613"/>
      <c r="QJW721" s="613"/>
      <c r="QJX721" s="613"/>
      <c r="QJY721" s="613"/>
      <c r="QJZ721" s="613"/>
      <c r="QKA721" s="613"/>
      <c r="QKB721" s="613"/>
      <c r="QKC721" s="613"/>
      <c r="QKD721" s="613"/>
      <c r="QKE721" s="613"/>
      <c r="QKF721" s="613"/>
      <c r="QKG721" s="613"/>
      <c r="QKH721" s="613"/>
      <c r="QKI721" s="613"/>
      <c r="QKJ721" s="613"/>
      <c r="QKK721" s="613"/>
      <c r="QKL721" s="613"/>
      <c r="QKM721" s="613"/>
      <c r="QKN721" s="613"/>
      <c r="QKO721" s="613"/>
      <c r="QKP721" s="613"/>
      <c r="QKQ721" s="613"/>
      <c r="QKR721" s="613"/>
      <c r="QKS721" s="613"/>
      <c r="QKT721" s="613"/>
      <c r="QKU721" s="613"/>
      <c r="QKV721" s="613"/>
      <c r="QKW721" s="613"/>
      <c r="QKX721" s="613"/>
      <c r="QKY721" s="613"/>
      <c r="QKZ721" s="613"/>
      <c r="QLA721" s="613"/>
      <c r="QLB721" s="613"/>
      <c r="QLC721" s="613"/>
      <c r="QLD721" s="613"/>
      <c r="QLE721" s="613"/>
      <c r="QLF721" s="613"/>
      <c r="QLG721" s="613"/>
      <c r="QLH721" s="613"/>
      <c r="QLI721" s="613"/>
      <c r="QLJ721" s="613"/>
      <c r="QLK721" s="613"/>
      <c r="QLL721" s="613"/>
      <c r="QLM721" s="613"/>
      <c r="QLN721" s="613"/>
      <c r="QLO721" s="613"/>
      <c r="QLP721" s="613"/>
      <c r="QLQ721" s="613"/>
      <c r="QLR721" s="613"/>
      <c r="QLS721" s="613"/>
      <c r="QLT721" s="613"/>
      <c r="QLU721" s="613"/>
      <c r="QLV721" s="613"/>
      <c r="QLW721" s="613"/>
      <c r="QLX721" s="613"/>
      <c r="QLY721" s="613"/>
      <c r="QLZ721" s="613"/>
      <c r="QMA721" s="613"/>
      <c r="QMB721" s="613"/>
      <c r="QMC721" s="613"/>
      <c r="QMD721" s="613"/>
      <c r="QME721" s="613"/>
      <c r="QMF721" s="613"/>
      <c r="QMG721" s="613"/>
      <c r="QMH721" s="613"/>
      <c r="QMI721" s="613"/>
      <c r="QMJ721" s="613"/>
      <c r="QMK721" s="613"/>
      <c r="QML721" s="613"/>
      <c r="QMM721" s="613"/>
      <c r="QMN721" s="613"/>
      <c r="QMO721" s="613"/>
      <c r="QMP721" s="613"/>
      <c r="QMQ721" s="613"/>
      <c r="QMR721" s="613"/>
      <c r="QMS721" s="613"/>
      <c r="QMT721" s="613"/>
      <c r="QMU721" s="613"/>
      <c r="QMV721" s="613"/>
      <c r="QMW721" s="613"/>
      <c r="QMX721" s="613"/>
      <c r="QMY721" s="613"/>
      <c r="QMZ721" s="613"/>
      <c r="QNA721" s="613"/>
      <c r="QNB721" s="613"/>
      <c r="QNC721" s="613"/>
      <c r="QND721" s="613"/>
      <c r="QNE721" s="613"/>
      <c r="QNF721" s="613"/>
      <c r="QNG721" s="613"/>
      <c r="QNH721" s="613"/>
      <c r="QNI721" s="613"/>
      <c r="QNJ721" s="613"/>
      <c r="QNK721" s="613"/>
      <c r="QNL721" s="613"/>
      <c r="QNM721" s="613"/>
      <c r="QNN721" s="613"/>
      <c r="QNO721" s="613"/>
      <c r="QNP721" s="613"/>
      <c r="QNQ721" s="613"/>
      <c r="QNR721" s="613"/>
      <c r="QNS721" s="613"/>
      <c r="QNT721" s="613"/>
      <c r="QNU721" s="613"/>
      <c r="QNV721" s="613"/>
      <c r="QNW721" s="613"/>
      <c r="QNX721" s="613"/>
      <c r="QNY721" s="613"/>
      <c r="QNZ721" s="613"/>
      <c r="QOA721" s="613"/>
      <c r="QOB721" s="613"/>
      <c r="QOC721" s="613"/>
      <c r="QOD721" s="613"/>
      <c r="QOE721" s="613"/>
      <c r="QOF721" s="613"/>
      <c r="QOG721" s="613"/>
      <c r="QOH721" s="613"/>
      <c r="QOI721" s="613"/>
      <c r="QOJ721" s="613"/>
      <c r="QOK721" s="613"/>
      <c r="QOL721" s="613"/>
      <c r="QOM721" s="613"/>
      <c r="QON721" s="613"/>
      <c r="QOO721" s="613"/>
      <c r="QOP721" s="613"/>
      <c r="QOQ721" s="613"/>
      <c r="QOR721" s="613"/>
      <c r="QOS721" s="613"/>
      <c r="QOT721" s="613"/>
      <c r="QOU721" s="613"/>
      <c r="QOV721" s="613"/>
      <c r="QOW721" s="613"/>
      <c r="QOX721" s="613"/>
      <c r="QOY721" s="613"/>
      <c r="QOZ721" s="613"/>
      <c r="QPA721" s="613"/>
      <c r="QPB721" s="613"/>
      <c r="QPC721" s="613"/>
      <c r="QPD721" s="613"/>
      <c r="QPE721" s="613"/>
      <c r="QPF721" s="613"/>
      <c r="QPG721" s="613"/>
      <c r="QPH721" s="613"/>
      <c r="QPI721" s="613"/>
      <c r="QPJ721" s="613"/>
      <c r="QPK721" s="613"/>
      <c r="QPL721" s="613"/>
      <c r="QPM721" s="613"/>
      <c r="QPN721" s="613"/>
      <c r="QPO721" s="613"/>
      <c r="QPP721" s="613"/>
      <c r="QPQ721" s="613"/>
      <c r="QPR721" s="613"/>
      <c r="QPS721" s="613"/>
      <c r="QPT721" s="613"/>
      <c r="QPU721" s="613"/>
      <c r="QPV721" s="613"/>
      <c r="QPW721" s="613"/>
      <c r="QPX721" s="613"/>
      <c r="QPY721" s="613"/>
      <c r="QPZ721" s="613"/>
      <c r="QQA721" s="613"/>
      <c r="QQB721" s="613"/>
      <c r="QQC721" s="613"/>
      <c r="QQD721" s="613"/>
      <c r="QQE721" s="613"/>
      <c r="QQF721" s="613"/>
      <c r="QQG721" s="613"/>
      <c r="QQH721" s="613"/>
      <c r="QQI721" s="613"/>
      <c r="QQJ721" s="613"/>
      <c r="QQK721" s="613"/>
      <c r="QQL721" s="613"/>
      <c r="QQM721" s="613"/>
      <c r="QQN721" s="613"/>
      <c r="QQO721" s="613"/>
      <c r="QQP721" s="613"/>
      <c r="QQQ721" s="613"/>
      <c r="QQR721" s="613"/>
      <c r="QQS721" s="613"/>
      <c r="QQT721" s="613"/>
      <c r="QQU721" s="613"/>
      <c r="QQV721" s="613"/>
      <c r="QQW721" s="613"/>
      <c r="QQX721" s="613"/>
      <c r="QQY721" s="613"/>
      <c r="QQZ721" s="613"/>
      <c r="QRA721" s="613"/>
      <c r="QRB721" s="613"/>
      <c r="QRC721" s="613"/>
      <c r="QRD721" s="613"/>
      <c r="QRE721" s="613"/>
      <c r="QRF721" s="613"/>
      <c r="QRG721" s="613"/>
      <c r="QRH721" s="613"/>
      <c r="QRI721" s="613"/>
      <c r="QRJ721" s="613"/>
      <c r="QRK721" s="613"/>
      <c r="QRL721" s="613"/>
      <c r="QRM721" s="613"/>
      <c r="QRN721" s="613"/>
      <c r="QRO721" s="613"/>
      <c r="QRP721" s="613"/>
      <c r="QRQ721" s="613"/>
      <c r="QRR721" s="613"/>
      <c r="QRS721" s="613"/>
      <c r="QRT721" s="613"/>
      <c r="QRU721" s="613"/>
      <c r="QRV721" s="613"/>
      <c r="QRW721" s="613"/>
      <c r="QRX721" s="613"/>
      <c r="QRY721" s="613"/>
      <c r="QRZ721" s="613"/>
      <c r="QSA721" s="613"/>
      <c r="QSB721" s="613"/>
      <c r="QSC721" s="613"/>
      <c r="QSD721" s="613"/>
      <c r="QSE721" s="613"/>
      <c r="QSF721" s="613"/>
      <c r="QSG721" s="613"/>
      <c r="QSH721" s="613"/>
      <c r="QSI721" s="613"/>
      <c r="QSJ721" s="613"/>
      <c r="QSK721" s="613"/>
      <c r="QSL721" s="613"/>
      <c r="QSM721" s="613"/>
      <c r="QSN721" s="613"/>
      <c r="QSO721" s="613"/>
      <c r="QSP721" s="613"/>
      <c r="QSQ721" s="613"/>
      <c r="QSR721" s="613"/>
      <c r="QSS721" s="613"/>
      <c r="QST721" s="613"/>
      <c r="QSU721" s="613"/>
      <c r="QSV721" s="613"/>
      <c r="QSW721" s="613"/>
      <c r="QSX721" s="613"/>
      <c r="QSY721" s="613"/>
      <c r="QSZ721" s="613"/>
      <c r="QTA721" s="613"/>
      <c r="QTB721" s="613"/>
      <c r="QTC721" s="613"/>
      <c r="QTD721" s="613"/>
      <c r="QTE721" s="613"/>
      <c r="QTF721" s="613"/>
      <c r="QTG721" s="613"/>
      <c r="QTH721" s="613"/>
      <c r="QTI721" s="613"/>
      <c r="QTJ721" s="613"/>
      <c r="QTK721" s="613"/>
      <c r="QTL721" s="613"/>
      <c r="QTM721" s="613"/>
      <c r="QTN721" s="613"/>
      <c r="QTO721" s="613"/>
      <c r="QTP721" s="613"/>
      <c r="QTQ721" s="613"/>
      <c r="QTR721" s="613"/>
      <c r="QTS721" s="613"/>
      <c r="QTT721" s="613"/>
      <c r="QTU721" s="613"/>
      <c r="QTV721" s="613"/>
      <c r="QTW721" s="613"/>
      <c r="QTX721" s="613"/>
      <c r="QTY721" s="613"/>
      <c r="QTZ721" s="613"/>
      <c r="QUA721" s="613"/>
      <c r="QUB721" s="613"/>
      <c r="QUC721" s="613"/>
      <c r="QUD721" s="613"/>
      <c r="QUE721" s="613"/>
      <c r="QUF721" s="613"/>
      <c r="QUG721" s="613"/>
      <c r="QUH721" s="613"/>
      <c r="QUI721" s="613"/>
      <c r="QUJ721" s="613"/>
      <c r="QUK721" s="613"/>
      <c r="QUL721" s="613"/>
      <c r="QUM721" s="613"/>
      <c r="QUN721" s="613"/>
      <c r="QUO721" s="613"/>
      <c r="QUP721" s="613"/>
      <c r="QUQ721" s="613"/>
      <c r="QUR721" s="613"/>
      <c r="QUS721" s="613"/>
      <c r="QUT721" s="613"/>
      <c r="QUU721" s="613"/>
      <c r="QUV721" s="613"/>
      <c r="QUW721" s="613"/>
      <c r="QUX721" s="613"/>
      <c r="QUY721" s="613"/>
      <c r="QUZ721" s="613"/>
      <c r="QVA721" s="613"/>
      <c r="QVB721" s="613"/>
      <c r="QVC721" s="613"/>
      <c r="QVD721" s="613"/>
      <c r="QVE721" s="613"/>
      <c r="QVF721" s="613"/>
      <c r="QVG721" s="613"/>
      <c r="QVH721" s="613"/>
      <c r="QVI721" s="613"/>
      <c r="QVJ721" s="613"/>
      <c r="QVK721" s="613"/>
      <c r="QVL721" s="613"/>
      <c r="QVM721" s="613"/>
      <c r="QVN721" s="613"/>
      <c r="QVO721" s="613"/>
      <c r="QVP721" s="613"/>
      <c r="QVQ721" s="613"/>
      <c r="QVR721" s="613"/>
      <c r="QVS721" s="613"/>
      <c r="QVT721" s="613"/>
      <c r="QVU721" s="613"/>
      <c r="QVV721" s="613"/>
      <c r="QVW721" s="613"/>
      <c r="QVX721" s="613"/>
      <c r="QVY721" s="613"/>
      <c r="QVZ721" s="613"/>
      <c r="QWA721" s="613"/>
      <c r="QWB721" s="613"/>
      <c r="QWC721" s="613"/>
      <c r="QWD721" s="613"/>
      <c r="QWE721" s="613"/>
      <c r="QWF721" s="613"/>
      <c r="QWG721" s="613"/>
      <c r="QWH721" s="613"/>
      <c r="QWI721" s="613"/>
      <c r="QWJ721" s="613"/>
      <c r="QWK721" s="613"/>
      <c r="QWL721" s="613"/>
      <c r="QWM721" s="613"/>
      <c r="QWN721" s="613"/>
      <c r="QWO721" s="613"/>
      <c r="QWP721" s="613"/>
      <c r="QWQ721" s="613"/>
      <c r="QWR721" s="613"/>
      <c r="QWS721" s="613"/>
      <c r="QWT721" s="613"/>
      <c r="QWU721" s="613"/>
      <c r="QWV721" s="613"/>
      <c r="QWW721" s="613"/>
      <c r="QWX721" s="613"/>
      <c r="QWY721" s="613"/>
      <c r="QWZ721" s="613"/>
      <c r="QXA721" s="613"/>
      <c r="QXB721" s="613"/>
      <c r="QXC721" s="613"/>
      <c r="QXD721" s="613"/>
      <c r="QXE721" s="613"/>
      <c r="QXF721" s="613"/>
      <c r="QXG721" s="613"/>
      <c r="QXH721" s="613"/>
      <c r="QXI721" s="613"/>
      <c r="QXJ721" s="613"/>
      <c r="QXK721" s="613"/>
      <c r="QXL721" s="613"/>
      <c r="QXM721" s="613"/>
      <c r="QXN721" s="613"/>
      <c r="QXO721" s="613"/>
      <c r="QXP721" s="613"/>
      <c r="QXQ721" s="613"/>
      <c r="QXR721" s="613"/>
      <c r="QXS721" s="613"/>
      <c r="QXT721" s="613"/>
      <c r="QXU721" s="613"/>
      <c r="QXV721" s="613"/>
      <c r="QXW721" s="613"/>
      <c r="QXX721" s="613"/>
      <c r="QXY721" s="613"/>
      <c r="QXZ721" s="613"/>
      <c r="QYA721" s="613"/>
      <c r="QYB721" s="613"/>
      <c r="QYC721" s="613"/>
      <c r="QYD721" s="613"/>
      <c r="QYE721" s="613"/>
      <c r="QYF721" s="613"/>
      <c r="QYG721" s="613"/>
      <c r="QYH721" s="613"/>
      <c r="QYI721" s="613"/>
      <c r="QYJ721" s="613"/>
      <c r="QYK721" s="613"/>
      <c r="QYL721" s="613"/>
      <c r="QYM721" s="613"/>
      <c r="QYN721" s="613"/>
      <c r="QYO721" s="613"/>
      <c r="QYP721" s="613"/>
      <c r="QYQ721" s="613"/>
      <c r="QYR721" s="613"/>
      <c r="QYS721" s="613"/>
      <c r="QYT721" s="613"/>
      <c r="QYU721" s="613"/>
      <c r="QYV721" s="613"/>
      <c r="QYW721" s="613"/>
      <c r="QYX721" s="613"/>
      <c r="QYY721" s="613"/>
      <c r="QYZ721" s="613"/>
      <c r="QZA721" s="613"/>
      <c r="QZB721" s="613"/>
      <c r="QZC721" s="613"/>
      <c r="QZD721" s="613"/>
      <c r="QZE721" s="613"/>
      <c r="QZF721" s="613"/>
      <c r="QZG721" s="613"/>
      <c r="QZH721" s="613"/>
      <c r="QZI721" s="613"/>
      <c r="QZJ721" s="613"/>
      <c r="QZK721" s="613"/>
      <c r="QZL721" s="613"/>
      <c r="QZM721" s="613"/>
      <c r="QZN721" s="613"/>
      <c r="QZO721" s="613"/>
      <c r="QZP721" s="613"/>
      <c r="QZQ721" s="613"/>
      <c r="QZR721" s="613"/>
      <c r="QZS721" s="613"/>
      <c r="QZT721" s="613"/>
      <c r="QZU721" s="613"/>
      <c r="QZV721" s="613"/>
      <c r="QZW721" s="613"/>
      <c r="QZX721" s="613"/>
      <c r="QZY721" s="613"/>
      <c r="QZZ721" s="613"/>
      <c r="RAA721" s="613"/>
      <c r="RAB721" s="613"/>
      <c r="RAC721" s="613"/>
      <c r="RAD721" s="613"/>
      <c r="RAE721" s="613"/>
      <c r="RAF721" s="613"/>
      <c r="RAG721" s="613"/>
      <c r="RAH721" s="613"/>
      <c r="RAI721" s="613"/>
      <c r="RAJ721" s="613"/>
      <c r="RAK721" s="613"/>
      <c r="RAL721" s="613"/>
      <c r="RAM721" s="613"/>
      <c r="RAN721" s="613"/>
      <c r="RAO721" s="613"/>
      <c r="RAP721" s="613"/>
      <c r="RAQ721" s="613"/>
      <c r="RAR721" s="613"/>
      <c r="RAS721" s="613"/>
      <c r="RAT721" s="613"/>
      <c r="RAU721" s="613"/>
      <c r="RAV721" s="613"/>
      <c r="RAW721" s="613"/>
      <c r="RAX721" s="613"/>
      <c r="RAY721" s="613"/>
      <c r="RAZ721" s="613"/>
      <c r="RBA721" s="613"/>
      <c r="RBB721" s="613"/>
      <c r="RBC721" s="613"/>
      <c r="RBD721" s="613"/>
      <c r="RBE721" s="613"/>
      <c r="RBF721" s="613"/>
      <c r="RBG721" s="613"/>
      <c r="RBH721" s="613"/>
      <c r="RBI721" s="613"/>
      <c r="RBJ721" s="613"/>
      <c r="RBK721" s="613"/>
      <c r="RBL721" s="613"/>
      <c r="RBM721" s="613"/>
      <c r="RBN721" s="613"/>
      <c r="RBO721" s="613"/>
      <c r="RBP721" s="613"/>
      <c r="RBQ721" s="613"/>
      <c r="RBR721" s="613"/>
      <c r="RBS721" s="613"/>
      <c r="RBT721" s="613"/>
      <c r="RBU721" s="613"/>
      <c r="RBV721" s="613"/>
      <c r="RBW721" s="613"/>
      <c r="RBX721" s="613"/>
      <c r="RBY721" s="613"/>
      <c r="RBZ721" s="613"/>
      <c r="RCA721" s="613"/>
      <c r="RCB721" s="613"/>
      <c r="RCC721" s="613"/>
      <c r="RCD721" s="613"/>
      <c r="RCE721" s="613"/>
      <c r="RCF721" s="613"/>
      <c r="RCG721" s="613"/>
      <c r="RCH721" s="613"/>
      <c r="RCI721" s="613"/>
      <c r="RCJ721" s="613"/>
      <c r="RCK721" s="613"/>
      <c r="RCL721" s="613"/>
      <c r="RCM721" s="613"/>
      <c r="RCN721" s="613"/>
      <c r="RCO721" s="613"/>
      <c r="RCP721" s="613"/>
      <c r="RCQ721" s="613"/>
      <c r="RCR721" s="613"/>
      <c r="RCS721" s="613"/>
      <c r="RCT721" s="613"/>
      <c r="RCU721" s="613"/>
      <c r="RCV721" s="613"/>
      <c r="RCW721" s="613"/>
      <c r="RCX721" s="613"/>
      <c r="RCY721" s="613"/>
      <c r="RCZ721" s="613"/>
      <c r="RDA721" s="613"/>
      <c r="RDB721" s="613"/>
      <c r="RDC721" s="613"/>
      <c r="RDD721" s="613"/>
      <c r="RDE721" s="613"/>
      <c r="RDF721" s="613"/>
      <c r="RDG721" s="613"/>
      <c r="RDH721" s="613"/>
      <c r="RDI721" s="613"/>
      <c r="RDJ721" s="613"/>
      <c r="RDK721" s="613"/>
      <c r="RDL721" s="613"/>
      <c r="RDM721" s="613"/>
      <c r="RDN721" s="613"/>
      <c r="RDO721" s="613"/>
      <c r="RDP721" s="613"/>
      <c r="RDQ721" s="613"/>
      <c r="RDR721" s="613"/>
      <c r="RDS721" s="613"/>
      <c r="RDT721" s="613"/>
      <c r="RDU721" s="613"/>
      <c r="RDV721" s="613"/>
      <c r="RDW721" s="613"/>
      <c r="RDX721" s="613"/>
      <c r="RDY721" s="613"/>
      <c r="RDZ721" s="613"/>
      <c r="REA721" s="613"/>
      <c r="REB721" s="613"/>
      <c r="REC721" s="613"/>
      <c r="RED721" s="613"/>
      <c r="REE721" s="613"/>
      <c r="REF721" s="613"/>
      <c r="REG721" s="613"/>
      <c r="REH721" s="613"/>
      <c r="REI721" s="613"/>
      <c r="REJ721" s="613"/>
      <c r="REK721" s="613"/>
      <c r="REL721" s="613"/>
      <c r="REM721" s="613"/>
      <c r="REN721" s="613"/>
      <c r="REO721" s="613"/>
      <c r="REP721" s="613"/>
      <c r="REQ721" s="613"/>
      <c r="RER721" s="613"/>
      <c r="RES721" s="613"/>
      <c r="RET721" s="613"/>
      <c r="REU721" s="613"/>
      <c r="REV721" s="613"/>
      <c r="REW721" s="613"/>
      <c r="REX721" s="613"/>
      <c r="REY721" s="613"/>
      <c r="REZ721" s="613"/>
      <c r="RFA721" s="613"/>
      <c r="RFB721" s="613"/>
      <c r="RFC721" s="613"/>
      <c r="RFD721" s="613"/>
      <c r="RFE721" s="613"/>
      <c r="RFF721" s="613"/>
      <c r="RFG721" s="613"/>
      <c r="RFH721" s="613"/>
      <c r="RFI721" s="613"/>
      <c r="RFJ721" s="613"/>
      <c r="RFK721" s="613"/>
      <c r="RFL721" s="613"/>
      <c r="RFM721" s="613"/>
      <c r="RFN721" s="613"/>
      <c r="RFO721" s="613"/>
      <c r="RFP721" s="613"/>
      <c r="RFQ721" s="613"/>
      <c r="RFR721" s="613"/>
      <c r="RFS721" s="613"/>
      <c r="RFT721" s="613"/>
      <c r="RFU721" s="613"/>
      <c r="RFV721" s="613"/>
      <c r="RFW721" s="613"/>
      <c r="RFX721" s="613"/>
      <c r="RFY721" s="613"/>
      <c r="RFZ721" s="613"/>
      <c r="RGA721" s="613"/>
      <c r="RGB721" s="613"/>
      <c r="RGC721" s="613"/>
      <c r="RGD721" s="613"/>
      <c r="RGE721" s="613"/>
      <c r="RGF721" s="613"/>
      <c r="RGG721" s="613"/>
      <c r="RGH721" s="613"/>
      <c r="RGI721" s="613"/>
      <c r="RGJ721" s="613"/>
      <c r="RGK721" s="613"/>
      <c r="RGL721" s="613"/>
      <c r="RGM721" s="613"/>
      <c r="RGN721" s="613"/>
      <c r="RGO721" s="613"/>
      <c r="RGP721" s="613"/>
      <c r="RGQ721" s="613"/>
      <c r="RGR721" s="613"/>
      <c r="RGS721" s="613"/>
      <c r="RGT721" s="613"/>
      <c r="RGU721" s="613"/>
      <c r="RGV721" s="613"/>
      <c r="RGW721" s="613"/>
      <c r="RGX721" s="613"/>
      <c r="RGY721" s="613"/>
      <c r="RGZ721" s="613"/>
      <c r="RHA721" s="613"/>
      <c r="RHB721" s="613"/>
      <c r="RHC721" s="613"/>
      <c r="RHD721" s="613"/>
      <c r="RHE721" s="613"/>
      <c r="RHF721" s="613"/>
      <c r="RHG721" s="613"/>
      <c r="RHH721" s="613"/>
      <c r="RHI721" s="613"/>
      <c r="RHJ721" s="613"/>
      <c r="RHK721" s="613"/>
      <c r="RHL721" s="613"/>
      <c r="RHM721" s="613"/>
      <c r="RHN721" s="613"/>
      <c r="RHO721" s="613"/>
      <c r="RHP721" s="613"/>
      <c r="RHQ721" s="613"/>
      <c r="RHR721" s="613"/>
      <c r="RHS721" s="613"/>
      <c r="RHT721" s="613"/>
      <c r="RHU721" s="613"/>
      <c r="RHV721" s="613"/>
      <c r="RHW721" s="613"/>
      <c r="RHX721" s="613"/>
      <c r="RHY721" s="613"/>
      <c r="RHZ721" s="613"/>
      <c r="RIA721" s="613"/>
      <c r="RIB721" s="613"/>
      <c r="RIC721" s="613"/>
      <c r="RID721" s="613"/>
      <c r="RIE721" s="613"/>
      <c r="RIF721" s="613"/>
      <c r="RIG721" s="613"/>
      <c r="RIH721" s="613"/>
      <c r="RII721" s="613"/>
      <c r="RIJ721" s="613"/>
      <c r="RIK721" s="613"/>
      <c r="RIL721" s="613"/>
      <c r="RIM721" s="613"/>
      <c r="RIN721" s="613"/>
      <c r="RIO721" s="613"/>
      <c r="RIP721" s="613"/>
      <c r="RIQ721" s="613"/>
      <c r="RIR721" s="613"/>
      <c r="RIS721" s="613"/>
      <c r="RIT721" s="613"/>
      <c r="RIU721" s="613"/>
      <c r="RIV721" s="613"/>
      <c r="RIW721" s="613"/>
      <c r="RIX721" s="613"/>
      <c r="RIY721" s="613"/>
      <c r="RIZ721" s="613"/>
      <c r="RJA721" s="613"/>
      <c r="RJB721" s="613"/>
      <c r="RJC721" s="613"/>
      <c r="RJD721" s="613"/>
      <c r="RJE721" s="613"/>
      <c r="RJF721" s="613"/>
      <c r="RJG721" s="613"/>
      <c r="RJH721" s="613"/>
      <c r="RJI721" s="613"/>
      <c r="RJJ721" s="613"/>
      <c r="RJK721" s="613"/>
      <c r="RJL721" s="613"/>
      <c r="RJM721" s="613"/>
      <c r="RJN721" s="613"/>
      <c r="RJO721" s="613"/>
      <c r="RJP721" s="613"/>
      <c r="RJQ721" s="613"/>
      <c r="RJR721" s="613"/>
      <c r="RJS721" s="613"/>
      <c r="RJT721" s="613"/>
      <c r="RJU721" s="613"/>
      <c r="RJV721" s="613"/>
      <c r="RJW721" s="613"/>
      <c r="RJX721" s="613"/>
      <c r="RJY721" s="613"/>
      <c r="RJZ721" s="613"/>
      <c r="RKA721" s="613"/>
      <c r="RKB721" s="613"/>
      <c r="RKC721" s="613"/>
      <c r="RKD721" s="613"/>
      <c r="RKE721" s="613"/>
      <c r="RKF721" s="613"/>
      <c r="RKG721" s="613"/>
      <c r="RKH721" s="613"/>
      <c r="RKI721" s="613"/>
      <c r="RKJ721" s="613"/>
      <c r="RKK721" s="613"/>
      <c r="RKL721" s="613"/>
      <c r="RKM721" s="613"/>
      <c r="RKN721" s="613"/>
      <c r="RKO721" s="613"/>
      <c r="RKP721" s="613"/>
      <c r="RKQ721" s="613"/>
      <c r="RKR721" s="613"/>
      <c r="RKS721" s="613"/>
      <c r="RKT721" s="613"/>
      <c r="RKU721" s="613"/>
      <c r="RKV721" s="613"/>
      <c r="RKW721" s="613"/>
      <c r="RKX721" s="613"/>
      <c r="RKY721" s="613"/>
      <c r="RKZ721" s="613"/>
      <c r="RLA721" s="613"/>
      <c r="RLB721" s="613"/>
      <c r="RLC721" s="613"/>
      <c r="RLD721" s="613"/>
      <c r="RLE721" s="613"/>
      <c r="RLF721" s="613"/>
      <c r="RLG721" s="613"/>
      <c r="RLH721" s="613"/>
      <c r="RLI721" s="613"/>
      <c r="RLJ721" s="613"/>
      <c r="RLK721" s="613"/>
      <c r="RLL721" s="613"/>
      <c r="RLM721" s="613"/>
      <c r="RLN721" s="613"/>
      <c r="RLO721" s="613"/>
      <c r="RLP721" s="613"/>
      <c r="RLQ721" s="613"/>
      <c r="RLR721" s="613"/>
      <c r="RLS721" s="613"/>
      <c r="RLT721" s="613"/>
      <c r="RLU721" s="613"/>
      <c r="RLV721" s="613"/>
      <c r="RLW721" s="613"/>
      <c r="RLX721" s="613"/>
      <c r="RLY721" s="613"/>
      <c r="RLZ721" s="613"/>
      <c r="RMA721" s="613"/>
      <c r="RMB721" s="613"/>
      <c r="RMC721" s="613"/>
      <c r="RMD721" s="613"/>
      <c r="RME721" s="613"/>
      <c r="RMF721" s="613"/>
      <c r="RMG721" s="613"/>
      <c r="RMH721" s="613"/>
      <c r="RMI721" s="613"/>
      <c r="RMJ721" s="613"/>
      <c r="RMK721" s="613"/>
      <c r="RML721" s="613"/>
      <c r="RMM721" s="613"/>
      <c r="RMN721" s="613"/>
      <c r="RMO721" s="613"/>
      <c r="RMP721" s="613"/>
      <c r="RMQ721" s="613"/>
      <c r="RMR721" s="613"/>
      <c r="RMS721" s="613"/>
      <c r="RMT721" s="613"/>
      <c r="RMU721" s="613"/>
      <c r="RMV721" s="613"/>
      <c r="RMW721" s="613"/>
      <c r="RMX721" s="613"/>
      <c r="RMY721" s="613"/>
      <c r="RMZ721" s="613"/>
      <c r="RNA721" s="613"/>
      <c r="RNB721" s="613"/>
      <c r="RNC721" s="613"/>
      <c r="RND721" s="613"/>
      <c r="RNE721" s="613"/>
      <c r="RNF721" s="613"/>
      <c r="RNG721" s="613"/>
      <c r="RNH721" s="613"/>
      <c r="RNI721" s="613"/>
      <c r="RNJ721" s="613"/>
      <c r="RNK721" s="613"/>
      <c r="RNL721" s="613"/>
      <c r="RNM721" s="613"/>
      <c r="RNN721" s="613"/>
      <c r="RNO721" s="613"/>
      <c r="RNP721" s="613"/>
      <c r="RNQ721" s="613"/>
      <c r="RNR721" s="613"/>
      <c r="RNS721" s="613"/>
      <c r="RNT721" s="613"/>
      <c r="RNU721" s="613"/>
      <c r="RNV721" s="613"/>
      <c r="RNW721" s="613"/>
      <c r="RNX721" s="613"/>
      <c r="RNY721" s="613"/>
      <c r="RNZ721" s="613"/>
      <c r="ROA721" s="613"/>
      <c r="ROB721" s="613"/>
      <c r="ROC721" s="613"/>
      <c r="ROD721" s="613"/>
      <c r="ROE721" s="613"/>
      <c r="ROF721" s="613"/>
      <c r="ROG721" s="613"/>
      <c r="ROH721" s="613"/>
      <c r="ROI721" s="613"/>
      <c r="ROJ721" s="613"/>
      <c r="ROK721" s="613"/>
      <c r="ROL721" s="613"/>
      <c r="ROM721" s="613"/>
      <c r="RON721" s="613"/>
      <c r="ROO721" s="613"/>
      <c r="ROP721" s="613"/>
      <c r="ROQ721" s="613"/>
      <c r="ROR721" s="613"/>
      <c r="ROS721" s="613"/>
      <c r="ROT721" s="613"/>
      <c r="ROU721" s="613"/>
      <c r="ROV721" s="613"/>
      <c r="ROW721" s="613"/>
      <c r="ROX721" s="613"/>
      <c r="ROY721" s="613"/>
      <c r="ROZ721" s="613"/>
      <c r="RPA721" s="613"/>
      <c r="RPB721" s="613"/>
      <c r="RPC721" s="613"/>
      <c r="RPD721" s="613"/>
      <c r="RPE721" s="613"/>
      <c r="RPF721" s="613"/>
      <c r="RPG721" s="613"/>
      <c r="RPH721" s="613"/>
      <c r="RPI721" s="613"/>
      <c r="RPJ721" s="613"/>
      <c r="RPK721" s="613"/>
      <c r="RPL721" s="613"/>
      <c r="RPM721" s="613"/>
      <c r="RPN721" s="613"/>
      <c r="RPO721" s="613"/>
      <c r="RPP721" s="613"/>
      <c r="RPQ721" s="613"/>
      <c r="RPR721" s="613"/>
      <c r="RPS721" s="613"/>
      <c r="RPT721" s="613"/>
      <c r="RPU721" s="613"/>
      <c r="RPV721" s="613"/>
      <c r="RPW721" s="613"/>
      <c r="RPX721" s="613"/>
      <c r="RPY721" s="613"/>
      <c r="RPZ721" s="613"/>
      <c r="RQA721" s="613"/>
      <c r="RQB721" s="613"/>
      <c r="RQC721" s="613"/>
      <c r="RQD721" s="613"/>
      <c r="RQE721" s="613"/>
      <c r="RQF721" s="613"/>
      <c r="RQG721" s="613"/>
      <c r="RQH721" s="613"/>
      <c r="RQI721" s="613"/>
      <c r="RQJ721" s="613"/>
      <c r="RQK721" s="613"/>
      <c r="RQL721" s="613"/>
      <c r="RQM721" s="613"/>
      <c r="RQN721" s="613"/>
      <c r="RQO721" s="613"/>
      <c r="RQP721" s="613"/>
      <c r="RQQ721" s="613"/>
      <c r="RQR721" s="613"/>
      <c r="RQS721" s="613"/>
      <c r="RQT721" s="613"/>
      <c r="RQU721" s="613"/>
      <c r="RQV721" s="613"/>
      <c r="RQW721" s="613"/>
      <c r="RQX721" s="613"/>
      <c r="RQY721" s="613"/>
      <c r="RQZ721" s="613"/>
      <c r="RRA721" s="613"/>
      <c r="RRB721" s="613"/>
      <c r="RRC721" s="613"/>
      <c r="RRD721" s="613"/>
      <c r="RRE721" s="613"/>
      <c r="RRF721" s="613"/>
      <c r="RRG721" s="613"/>
      <c r="RRH721" s="613"/>
      <c r="RRI721" s="613"/>
      <c r="RRJ721" s="613"/>
      <c r="RRK721" s="613"/>
      <c r="RRL721" s="613"/>
      <c r="RRM721" s="613"/>
      <c r="RRN721" s="613"/>
      <c r="RRO721" s="613"/>
      <c r="RRP721" s="613"/>
      <c r="RRQ721" s="613"/>
      <c r="RRR721" s="613"/>
      <c r="RRS721" s="613"/>
      <c r="RRT721" s="613"/>
      <c r="RRU721" s="613"/>
      <c r="RRV721" s="613"/>
      <c r="RRW721" s="613"/>
      <c r="RRX721" s="613"/>
      <c r="RRY721" s="613"/>
      <c r="RRZ721" s="613"/>
      <c r="RSA721" s="613"/>
      <c r="RSB721" s="613"/>
      <c r="RSC721" s="613"/>
      <c r="RSD721" s="613"/>
      <c r="RSE721" s="613"/>
      <c r="RSF721" s="613"/>
      <c r="RSG721" s="613"/>
      <c r="RSH721" s="613"/>
      <c r="RSI721" s="613"/>
      <c r="RSJ721" s="613"/>
      <c r="RSK721" s="613"/>
      <c r="RSL721" s="613"/>
      <c r="RSM721" s="613"/>
      <c r="RSN721" s="613"/>
      <c r="RSO721" s="613"/>
      <c r="RSP721" s="613"/>
      <c r="RSQ721" s="613"/>
      <c r="RSR721" s="613"/>
      <c r="RSS721" s="613"/>
      <c r="RST721" s="613"/>
      <c r="RSU721" s="613"/>
      <c r="RSV721" s="613"/>
      <c r="RSW721" s="613"/>
      <c r="RSX721" s="613"/>
      <c r="RSY721" s="613"/>
      <c r="RSZ721" s="613"/>
      <c r="RTA721" s="613"/>
      <c r="RTB721" s="613"/>
      <c r="RTC721" s="613"/>
      <c r="RTD721" s="613"/>
      <c r="RTE721" s="613"/>
      <c r="RTF721" s="613"/>
      <c r="RTG721" s="613"/>
      <c r="RTH721" s="613"/>
      <c r="RTI721" s="613"/>
      <c r="RTJ721" s="613"/>
      <c r="RTK721" s="613"/>
      <c r="RTL721" s="613"/>
      <c r="RTM721" s="613"/>
      <c r="RTN721" s="613"/>
      <c r="RTO721" s="613"/>
      <c r="RTP721" s="613"/>
      <c r="RTQ721" s="613"/>
      <c r="RTR721" s="613"/>
      <c r="RTS721" s="613"/>
      <c r="RTT721" s="613"/>
      <c r="RTU721" s="613"/>
      <c r="RTV721" s="613"/>
      <c r="RTW721" s="613"/>
      <c r="RTX721" s="613"/>
      <c r="RTY721" s="613"/>
      <c r="RTZ721" s="613"/>
      <c r="RUA721" s="613"/>
      <c r="RUB721" s="613"/>
      <c r="RUC721" s="613"/>
      <c r="RUD721" s="613"/>
      <c r="RUE721" s="613"/>
      <c r="RUF721" s="613"/>
      <c r="RUG721" s="613"/>
      <c r="RUH721" s="613"/>
      <c r="RUI721" s="613"/>
      <c r="RUJ721" s="613"/>
      <c r="RUK721" s="613"/>
      <c r="RUL721" s="613"/>
      <c r="RUM721" s="613"/>
      <c r="RUN721" s="613"/>
      <c r="RUO721" s="613"/>
      <c r="RUP721" s="613"/>
      <c r="RUQ721" s="613"/>
      <c r="RUR721" s="613"/>
      <c r="RUS721" s="613"/>
      <c r="RUT721" s="613"/>
      <c r="RUU721" s="613"/>
      <c r="RUV721" s="613"/>
      <c r="RUW721" s="613"/>
      <c r="RUX721" s="613"/>
      <c r="RUY721" s="613"/>
      <c r="RUZ721" s="613"/>
      <c r="RVA721" s="613"/>
      <c r="RVB721" s="613"/>
      <c r="RVC721" s="613"/>
      <c r="RVD721" s="613"/>
      <c r="RVE721" s="613"/>
      <c r="RVF721" s="613"/>
      <c r="RVG721" s="613"/>
      <c r="RVH721" s="613"/>
      <c r="RVI721" s="613"/>
      <c r="RVJ721" s="613"/>
      <c r="RVK721" s="613"/>
      <c r="RVL721" s="613"/>
      <c r="RVM721" s="613"/>
      <c r="RVN721" s="613"/>
      <c r="RVO721" s="613"/>
      <c r="RVP721" s="613"/>
      <c r="RVQ721" s="613"/>
      <c r="RVR721" s="613"/>
      <c r="RVS721" s="613"/>
      <c r="RVT721" s="613"/>
      <c r="RVU721" s="613"/>
      <c r="RVV721" s="613"/>
      <c r="RVW721" s="613"/>
      <c r="RVX721" s="613"/>
      <c r="RVY721" s="613"/>
      <c r="RVZ721" s="613"/>
      <c r="RWA721" s="613"/>
      <c r="RWB721" s="613"/>
      <c r="RWC721" s="613"/>
      <c r="RWD721" s="613"/>
      <c r="RWE721" s="613"/>
      <c r="RWF721" s="613"/>
      <c r="RWG721" s="613"/>
      <c r="RWH721" s="613"/>
      <c r="RWI721" s="613"/>
      <c r="RWJ721" s="613"/>
      <c r="RWK721" s="613"/>
      <c r="RWL721" s="613"/>
      <c r="RWM721" s="613"/>
      <c r="RWN721" s="613"/>
      <c r="RWO721" s="613"/>
      <c r="RWP721" s="613"/>
      <c r="RWQ721" s="613"/>
      <c r="RWR721" s="613"/>
      <c r="RWS721" s="613"/>
      <c r="RWT721" s="613"/>
      <c r="RWU721" s="613"/>
      <c r="RWV721" s="613"/>
      <c r="RWW721" s="613"/>
      <c r="RWX721" s="613"/>
      <c r="RWY721" s="613"/>
      <c r="RWZ721" s="613"/>
      <c r="RXA721" s="613"/>
      <c r="RXB721" s="613"/>
      <c r="RXC721" s="613"/>
      <c r="RXD721" s="613"/>
      <c r="RXE721" s="613"/>
      <c r="RXF721" s="613"/>
      <c r="RXG721" s="613"/>
      <c r="RXH721" s="613"/>
      <c r="RXI721" s="613"/>
      <c r="RXJ721" s="613"/>
      <c r="RXK721" s="613"/>
      <c r="RXL721" s="613"/>
      <c r="RXM721" s="613"/>
      <c r="RXN721" s="613"/>
      <c r="RXO721" s="613"/>
      <c r="RXP721" s="613"/>
      <c r="RXQ721" s="613"/>
      <c r="RXR721" s="613"/>
      <c r="RXS721" s="613"/>
      <c r="RXT721" s="613"/>
      <c r="RXU721" s="613"/>
      <c r="RXV721" s="613"/>
      <c r="RXW721" s="613"/>
      <c r="RXX721" s="613"/>
      <c r="RXY721" s="613"/>
      <c r="RXZ721" s="613"/>
      <c r="RYA721" s="613"/>
      <c r="RYB721" s="613"/>
      <c r="RYC721" s="613"/>
      <c r="RYD721" s="613"/>
      <c r="RYE721" s="613"/>
      <c r="RYF721" s="613"/>
      <c r="RYG721" s="613"/>
      <c r="RYH721" s="613"/>
      <c r="RYI721" s="613"/>
      <c r="RYJ721" s="613"/>
      <c r="RYK721" s="613"/>
      <c r="RYL721" s="613"/>
      <c r="RYM721" s="613"/>
      <c r="RYN721" s="613"/>
      <c r="RYO721" s="613"/>
      <c r="RYP721" s="613"/>
      <c r="RYQ721" s="613"/>
      <c r="RYR721" s="613"/>
      <c r="RYS721" s="613"/>
      <c r="RYT721" s="613"/>
      <c r="RYU721" s="613"/>
      <c r="RYV721" s="613"/>
      <c r="RYW721" s="613"/>
      <c r="RYX721" s="613"/>
      <c r="RYY721" s="613"/>
      <c r="RYZ721" s="613"/>
      <c r="RZA721" s="613"/>
      <c r="RZB721" s="613"/>
      <c r="RZC721" s="613"/>
      <c r="RZD721" s="613"/>
      <c r="RZE721" s="613"/>
      <c r="RZF721" s="613"/>
      <c r="RZG721" s="613"/>
      <c r="RZH721" s="613"/>
      <c r="RZI721" s="613"/>
      <c r="RZJ721" s="613"/>
      <c r="RZK721" s="613"/>
      <c r="RZL721" s="613"/>
      <c r="RZM721" s="613"/>
      <c r="RZN721" s="613"/>
      <c r="RZO721" s="613"/>
      <c r="RZP721" s="613"/>
      <c r="RZQ721" s="613"/>
      <c r="RZR721" s="613"/>
      <c r="RZS721" s="613"/>
      <c r="RZT721" s="613"/>
      <c r="RZU721" s="613"/>
      <c r="RZV721" s="613"/>
      <c r="RZW721" s="613"/>
      <c r="RZX721" s="613"/>
      <c r="RZY721" s="613"/>
      <c r="RZZ721" s="613"/>
      <c r="SAA721" s="613"/>
      <c r="SAB721" s="613"/>
      <c r="SAC721" s="613"/>
      <c r="SAD721" s="613"/>
      <c r="SAE721" s="613"/>
      <c r="SAF721" s="613"/>
      <c r="SAG721" s="613"/>
      <c r="SAH721" s="613"/>
      <c r="SAI721" s="613"/>
      <c r="SAJ721" s="613"/>
      <c r="SAK721" s="613"/>
      <c r="SAL721" s="613"/>
      <c r="SAM721" s="613"/>
      <c r="SAN721" s="613"/>
      <c r="SAO721" s="613"/>
      <c r="SAP721" s="613"/>
      <c r="SAQ721" s="613"/>
      <c r="SAR721" s="613"/>
      <c r="SAS721" s="613"/>
      <c r="SAT721" s="613"/>
      <c r="SAU721" s="613"/>
      <c r="SAV721" s="613"/>
      <c r="SAW721" s="613"/>
      <c r="SAX721" s="613"/>
      <c r="SAY721" s="613"/>
      <c r="SAZ721" s="613"/>
      <c r="SBA721" s="613"/>
      <c r="SBB721" s="613"/>
      <c r="SBC721" s="613"/>
      <c r="SBD721" s="613"/>
      <c r="SBE721" s="613"/>
      <c r="SBF721" s="613"/>
      <c r="SBG721" s="613"/>
      <c r="SBH721" s="613"/>
      <c r="SBI721" s="613"/>
      <c r="SBJ721" s="613"/>
      <c r="SBK721" s="613"/>
      <c r="SBL721" s="613"/>
      <c r="SBM721" s="613"/>
      <c r="SBN721" s="613"/>
      <c r="SBO721" s="613"/>
      <c r="SBP721" s="613"/>
      <c r="SBQ721" s="613"/>
      <c r="SBR721" s="613"/>
      <c r="SBS721" s="613"/>
      <c r="SBT721" s="613"/>
      <c r="SBU721" s="613"/>
      <c r="SBV721" s="613"/>
      <c r="SBW721" s="613"/>
      <c r="SBX721" s="613"/>
      <c r="SBY721" s="613"/>
      <c r="SBZ721" s="613"/>
      <c r="SCA721" s="613"/>
      <c r="SCB721" s="613"/>
      <c r="SCC721" s="613"/>
      <c r="SCD721" s="613"/>
      <c r="SCE721" s="613"/>
      <c r="SCF721" s="613"/>
      <c r="SCG721" s="613"/>
      <c r="SCH721" s="613"/>
      <c r="SCI721" s="613"/>
      <c r="SCJ721" s="613"/>
      <c r="SCK721" s="613"/>
      <c r="SCL721" s="613"/>
      <c r="SCM721" s="613"/>
      <c r="SCN721" s="613"/>
      <c r="SCO721" s="613"/>
      <c r="SCP721" s="613"/>
      <c r="SCQ721" s="613"/>
      <c r="SCR721" s="613"/>
      <c r="SCS721" s="613"/>
      <c r="SCT721" s="613"/>
      <c r="SCU721" s="613"/>
      <c r="SCV721" s="613"/>
      <c r="SCW721" s="613"/>
      <c r="SCX721" s="613"/>
      <c r="SCY721" s="613"/>
      <c r="SCZ721" s="613"/>
      <c r="SDA721" s="613"/>
      <c r="SDB721" s="613"/>
      <c r="SDC721" s="613"/>
      <c r="SDD721" s="613"/>
      <c r="SDE721" s="613"/>
      <c r="SDF721" s="613"/>
      <c r="SDG721" s="613"/>
      <c r="SDH721" s="613"/>
      <c r="SDI721" s="613"/>
      <c r="SDJ721" s="613"/>
      <c r="SDK721" s="613"/>
      <c r="SDL721" s="613"/>
      <c r="SDM721" s="613"/>
      <c r="SDN721" s="613"/>
      <c r="SDO721" s="613"/>
      <c r="SDP721" s="613"/>
      <c r="SDQ721" s="613"/>
      <c r="SDR721" s="613"/>
      <c r="SDS721" s="613"/>
      <c r="SDT721" s="613"/>
      <c r="SDU721" s="613"/>
      <c r="SDV721" s="613"/>
      <c r="SDW721" s="613"/>
      <c r="SDX721" s="613"/>
      <c r="SDY721" s="613"/>
      <c r="SDZ721" s="613"/>
      <c r="SEA721" s="613"/>
      <c r="SEB721" s="613"/>
      <c r="SEC721" s="613"/>
      <c r="SED721" s="613"/>
      <c r="SEE721" s="613"/>
      <c r="SEF721" s="613"/>
      <c r="SEG721" s="613"/>
      <c r="SEH721" s="613"/>
      <c r="SEI721" s="613"/>
      <c r="SEJ721" s="613"/>
      <c r="SEK721" s="613"/>
      <c r="SEL721" s="613"/>
      <c r="SEM721" s="613"/>
      <c r="SEN721" s="613"/>
      <c r="SEO721" s="613"/>
      <c r="SEP721" s="613"/>
      <c r="SEQ721" s="613"/>
      <c r="SER721" s="613"/>
      <c r="SES721" s="613"/>
      <c r="SET721" s="613"/>
      <c r="SEU721" s="613"/>
      <c r="SEV721" s="613"/>
      <c r="SEW721" s="613"/>
      <c r="SEX721" s="613"/>
      <c r="SEY721" s="613"/>
      <c r="SEZ721" s="613"/>
      <c r="SFA721" s="613"/>
      <c r="SFB721" s="613"/>
      <c r="SFC721" s="613"/>
      <c r="SFD721" s="613"/>
      <c r="SFE721" s="613"/>
      <c r="SFF721" s="613"/>
      <c r="SFG721" s="613"/>
      <c r="SFH721" s="613"/>
      <c r="SFI721" s="613"/>
      <c r="SFJ721" s="613"/>
      <c r="SFK721" s="613"/>
      <c r="SFL721" s="613"/>
      <c r="SFM721" s="613"/>
      <c r="SFN721" s="613"/>
      <c r="SFO721" s="613"/>
      <c r="SFP721" s="613"/>
      <c r="SFQ721" s="613"/>
      <c r="SFR721" s="613"/>
      <c r="SFS721" s="613"/>
      <c r="SFT721" s="613"/>
      <c r="SFU721" s="613"/>
      <c r="SFV721" s="613"/>
      <c r="SFW721" s="613"/>
      <c r="SFX721" s="613"/>
      <c r="SFY721" s="613"/>
      <c r="SFZ721" s="613"/>
      <c r="SGA721" s="613"/>
      <c r="SGB721" s="613"/>
      <c r="SGC721" s="613"/>
      <c r="SGD721" s="613"/>
      <c r="SGE721" s="613"/>
      <c r="SGF721" s="613"/>
      <c r="SGG721" s="613"/>
      <c r="SGH721" s="613"/>
      <c r="SGI721" s="613"/>
      <c r="SGJ721" s="613"/>
      <c r="SGK721" s="613"/>
      <c r="SGL721" s="613"/>
      <c r="SGM721" s="613"/>
      <c r="SGN721" s="613"/>
      <c r="SGO721" s="613"/>
      <c r="SGP721" s="613"/>
      <c r="SGQ721" s="613"/>
      <c r="SGR721" s="613"/>
      <c r="SGS721" s="613"/>
      <c r="SGT721" s="613"/>
      <c r="SGU721" s="613"/>
      <c r="SGV721" s="613"/>
      <c r="SGW721" s="613"/>
      <c r="SGX721" s="613"/>
      <c r="SGY721" s="613"/>
      <c r="SGZ721" s="613"/>
      <c r="SHA721" s="613"/>
      <c r="SHB721" s="613"/>
      <c r="SHC721" s="613"/>
      <c r="SHD721" s="613"/>
      <c r="SHE721" s="613"/>
      <c r="SHF721" s="613"/>
      <c r="SHG721" s="613"/>
      <c r="SHH721" s="613"/>
      <c r="SHI721" s="613"/>
      <c r="SHJ721" s="613"/>
      <c r="SHK721" s="613"/>
      <c r="SHL721" s="613"/>
      <c r="SHM721" s="613"/>
      <c r="SHN721" s="613"/>
      <c r="SHO721" s="613"/>
      <c r="SHP721" s="613"/>
      <c r="SHQ721" s="613"/>
      <c r="SHR721" s="613"/>
      <c r="SHS721" s="613"/>
      <c r="SHT721" s="613"/>
      <c r="SHU721" s="613"/>
      <c r="SHV721" s="613"/>
      <c r="SHW721" s="613"/>
      <c r="SHX721" s="613"/>
      <c r="SHY721" s="613"/>
      <c r="SHZ721" s="613"/>
      <c r="SIA721" s="613"/>
      <c r="SIB721" s="613"/>
      <c r="SIC721" s="613"/>
      <c r="SID721" s="613"/>
      <c r="SIE721" s="613"/>
      <c r="SIF721" s="613"/>
      <c r="SIG721" s="613"/>
      <c r="SIH721" s="613"/>
      <c r="SII721" s="613"/>
      <c r="SIJ721" s="613"/>
      <c r="SIK721" s="613"/>
      <c r="SIL721" s="613"/>
      <c r="SIM721" s="613"/>
      <c r="SIN721" s="613"/>
      <c r="SIO721" s="613"/>
      <c r="SIP721" s="613"/>
      <c r="SIQ721" s="613"/>
      <c r="SIR721" s="613"/>
      <c r="SIS721" s="613"/>
      <c r="SIT721" s="613"/>
      <c r="SIU721" s="613"/>
      <c r="SIV721" s="613"/>
      <c r="SIW721" s="613"/>
      <c r="SIX721" s="613"/>
      <c r="SIY721" s="613"/>
      <c r="SIZ721" s="613"/>
      <c r="SJA721" s="613"/>
      <c r="SJB721" s="613"/>
      <c r="SJC721" s="613"/>
      <c r="SJD721" s="613"/>
      <c r="SJE721" s="613"/>
      <c r="SJF721" s="613"/>
      <c r="SJG721" s="613"/>
      <c r="SJH721" s="613"/>
      <c r="SJI721" s="613"/>
      <c r="SJJ721" s="613"/>
      <c r="SJK721" s="613"/>
      <c r="SJL721" s="613"/>
      <c r="SJM721" s="613"/>
      <c r="SJN721" s="613"/>
      <c r="SJO721" s="613"/>
      <c r="SJP721" s="613"/>
      <c r="SJQ721" s="613"/>
      <c r="SJR721" s="613"/>
      <c r="SJS721" s="613"/>
      <c r="SJT721" s="613"/>
      <c r="SJU721" s="613"/>
      <c r="SJV721" s="613"/>
      <c r="SJW721" s="613"/>
      <c r="SJX721" s="613"/>
      <c r="SJY721" s="613"/>
      <c r="SJZ721" s="613"/>
      <c r="SKA721" s="613"/>
      <c r="SKB721" s="613"/>
      <c r="SKC721" s="613"/>
      <c r="SKD721" s="613"/>
      <c r="SKE721" s="613"/>
      <c r="SKF721" s="613"/>
      <c r="SKG721" s="613"/>
      <c r="SKH721" s="613"/>
      <c r="SKI721" s="613"/>
      <c r="SKJ721" s="613"/>
      <c r="SKK721" s="613"/>
      <c r="SKL721" s="613"/>
      <c r="SKM721" s="613"/>
      <c r="SKN721" s="613"/>
      <c r="SKO721" s="613"/>
      <c r="SKP721" s="613"/>
      <c r="SKQ721" s="613"/>
      <c r="SKR721" s="613"/>
      <c r="SKS721" s="613"/>
      <c r="SKT721" s="613"/>
      <c r="SKU721" s="613"/>
      <c r="SKV721" s="613"/>
      <c r="SKW721" s="613"/>
      <c r="SKX721" s="613"/>
      <c r="SKY721" s="613"/>
      <c r="SKZ721" s="613"/>
      <c r="SLA721" s="613"/>
      <c r="SLB721" s="613"/>
      <c r="SLC721" s="613"/>
      <c r="SLD721" s="613"/>
      <c r="SLE721" s="613"/>
      <c r="SLF721" s="613"/>
      <c r="SLG721" s="613"/>
      <c r="SLH721" s="613"/>
      <c r="SLI721" s="613"/>
      <c r="SLJ721" s="613"/>
      <c r="SLK721" s="613"/>
      <c r="SLL721" s="613"/>
      <c r="SLM721" s="613"/>
      <c r="SLN721" s="613"/>
      <c r="SLO721" s="613"/>
      <c r="SLP721" s="613"/>
      <c r="SLQ721" s="613"/>
      <c r="SLR721" s="613"/>
      <c r="SLS721" s="613"/>
      <c r="SLT721" s="613"/>
      <c r="SLU721" s="613"/>
      <c r="SLV721" s="613"/>
      <c r="SLW721" s="613"/>
      <c r="SLX721" s="613"/>
      <c r="SLY721" s="613"/>
      <c r="SLZ721" s="613"/>
      <c r="SMA721" s="613"/>
      <c r="SMB721" s="613"/>
      <c r="SMC721" s="613"/>
      <c r="SMD721" s="613"/>
      <c r="SME721" s="613"/>
      <c r="SMF721" s="613"/>
      <c r="SMG721" s="613"/>
      <c r="SMH721" s="613"/>
      <c r="SMI721" s="613"/>
      <c r="SMJ721" s="613"/>
      <c r="SMK721" s="613"/>
      <c r="SML721" s="613"/>
      <c r="SMM721" s="613"/>
      <c r="SMN721" s="613"/>
      <c r="SMO721" s="613"/>
      <c r="SMP721" s="613"/>
      <c r="SMQ721" s="613"/>
      <c r="SMR721" s="613"/>
      <c r="SMS721" s="613"/>
      <c r="SMT721" s="613"/>
      <c r="SMU721" s="613"/>
      <c r="SMV721" s="613"/>
      <c r="SMW721" s="613"/>
      <c r="SMX721" s="613"/>
      <c r="SMY721" s="613"/>
      <c r="SMZ721" s="613"/>
      <c r="SNA721" s="613"/>
      <c r="SNB721" s="613"/>
      <c r="SNC721" s="613"/>
      <c r="SND721" s="613"/>
      <c r="SNE721" s="613"/>
      <c r="SNF721" s="613"/>
      <c r="SNG721" s="613"/>
      <c r="SNH721" s="613"/>
      <c r="SNI721" s="613"/>
      <c r="SNJ721" s="613"/>
      <c r="SNK721" s="613"/>
      <c r="SNL721" s="613"/>
      <c r="SNM721" s="613"/>
      <c r="SNN721" s="613"/>
      <c r="SNO721" s="613"/>
      <c r="SNP721" s="613"/>
      <c r="SNQ721" s="613"/>
      <c r="SNR721" s="613"/>
      <c r="SNS721" s="613"/>
      <c r="SNT721" s="613"/>
      <c r="SNU721" s="613"/>
      <c r="SNV721" s="613"/>
      <c r="SNW721" s="613"/>
      <c r="SNX721" s="613"/>
      <c r="SNY721" s="613"/>
      <c r="SNZ721" s="613"/>
      <c r="SOA721" s="613"/>
      <c r="SOB721" s="613"/>
      <c r="SOC721" s="613"/>
      <c r="SOD721" s="613"/>
      <c r="SOE721" s="613"/>
      <c r="SOF721" s="613"/>
      <c r="SOG721" s="613"/>
      <c r="SOH721" s="613"/>
      <c r="SOI721" s="613"/>
      <c r="SOJ721" s="613"/>
      <c r="SOK721" s="613"/>
      <c r="SOL721" s="613"/>
      <c r="SOM721" s="613"/>
      <c r="SON721" s="613"/>
      <c r="SOO721" s="613"/>
      <c r="SOP721" s="613"/>
      <c r="SOQ721" s="613"/>
      <c r="SOR721" s="613"/>
      <c r="SOS721" s="613"/>
      <c r="SOT721" s="613"/>
      <c r="SOU721" s="613"/>
      <c r="SOV721" s="613"/>
      <c r="SOW721" s="613"/>
      <c r="SOX721" s="613"/>
      <c r="SOY721" s="613"/>
      <c r="SOZ721" s="613"/>
      <c r="SPA721" s="613"/>
      <c r="SPB721" s="613"/>
      <c r="SPC721" s="613"/>
      <c r="SPD721" s="613"/>
      <c r="SPE721" s="613"/>
      <c r="SPF721" s="613"/>
      <c r="SPG721" s="613"/>
      <c r="SPH721" s="613"/>
      <c r="SPI721" s="613"/>
      <c r="SPJ721" s="613"/>
      <c r="SPK721" s="613"/>
      <c r="SPL721" s="613"/>
      <c r="SPM721" s="613"/>
      <c r="SPN721" s="613"/>
      <c r="SPO721" s="613"/>
      <c r="SPP721" s="613"/>
      <c r="SPQ721" s="613"/>
      <c r="SPR721" s="613"/>
      <c r="SPS721" s="613"/>
      <c r="SPT721" s="613"/>
      <c r="SPU721" s="613"/>
      <c r="SPV721" s="613"/>
      <c r="SPW721" s="613"/>
      <c r="SPX721" s="613"/>
      <c r="SPY721" s="613"/>
      <c r="SPZ721" s="613"/>
      <c r="SQA721" s="613"/>
      <c r="SQB721" s="613"/>
      <c r="SQC721" s="613"/>
      <c r="SQD721" s="613"/>
      <c r="SQE721" s="613"/>
      <c r="SQF721" s="613"/>
      <c r="SQG721" s="613"/>
      <c r="SQH721" s="613"/>
      <c r="SQI721" s="613"/>
      <c r="SQJ721" s="613"/>
      <c r="SQK721" s="613"/>
      <c r="SQL721" s="613"/>
      <c r="SQM721" s="613"/>
      <c r="SQN721" s="613"/>
      <c r="SQO721" s="613"/>
      <c r="SQP721" s="613"/>
      <c r="SQQ721" s="613"/>
      <c r="SQR721" s="613"/>
      <c r="SQS721" s="613"/>
      <c r="SQT721" s="613"/>
      <c r="SQU721" s="613"/>
      <c r="SQV721" s="613"/>
      <c r="SQW721" s="613"/>
      <c r="SQX721" s="613"/>
      <c r="SQY721" s="613"/>
      <c r="SQZ721" s="613"/>
      <c r="SRA721" s="613"/>
      <c r="SRB721" s="613"/>
      <c r="SRC721" s="613"/>
      <c r="SRD721" s="613"/>
      <c r="SRE721" s="613"/>
      <c r="SRF721" s="613"/>
      <c r="SRG721" s="613"/>
      <c r="SRH721" s="613"/>
      <c r="SRI721" s="613"/>
      <c r="SRJ721" s="613"/>
      <c r="SRK721" s="613"/>
      <c r="SRL721" s="613"/>
      <c r="SRM721" s="613"/>
      <c r="SRN721" s="613"/>
      <c r="SRO721" s="613"/>
      <c r="SRP721" s="613"/>
      <c r="SRQ721" s="613"/>
      <c r="SRR721" s="613"/>
      <c r="SRS721" s="613"/>
      <c r="SRT721" s="613"/>
      <c r="SRU721" s="613"/>
      <c r="SRV721" s="613"/>
      <c r="SRW721" s="613"/>
      <c r="SRX721" s="613"/>
      <c r="SRY721" s="613"/>
      <c r="SRZ721" s="613"/>
      <c r="SSA721" s="613"/>
      <c r="SSB721" s="613"/>
      <c r="SSC721" s="613"/>
      <c r="SSD721" s="613"/>
      <c r="SSE721" s="613"/>
      <c r="SSF721" s="613"/>
      <c r="SSG721" s="613"/>
      <c r="SSH721" s="613"/>
      <c r="SSI721" s="613"/>
      <c r="SSJ721" s="613"/>
      <c r="SSK721" s="613"/>
      <c r="SSL721" s="613"/>
      <c r="SSM721" s="613"/>
      <c r="SSN721" s="613"/>
      <c r="SSO721" s="613"/>
      <c r="SSP721" s="613"/>
      <c r="SSQ721" s="613"/>
      <c r="SSR721" s="613"/>
      <c r="SSS721" s="613"/>
      <c r="SST721" s="613"/>
      <c r="SSU721" s="613"/>
      <c r="SSV721" s="613"/>
      <c r="SSW721" s="613"/>
      <c r="SSX721" s="613"/>
      <c r="SSY721" s="613"/>
      <c r="SSZ721" s="613"/>
      <c r="STA721" s="613"/>
      <c r="STB721" s="613"/>
      <c r="STC721" s="613"/>
      <c r="STD721" s="613"/>
      <c r="STE721" s="613"/>
      <c r="STF721" s="613"/>
      <c r="STG721" s="613"/>
      <c r="STH721" s="613"/>
      <c r="STI721" s="613"/>
      <c r="STJ721" s="613"/>
      <c r="STK721" s="613"/>
      <c r="STL721" s="613"/>
      <c r="STM721" s="613"/>
      <c r="STN721" s="613"/>
      <c r="STO721" s="613"/>
      <c r="STP721" s="613"/>
      <c r="STQ721" s="613"/>
      <c r="STR721" s="613"/>
      <c r="STS721" s="613"/>
      <c r="STT721" s="613"/>
      <c r="STU721" s="613"/>
      <c r="STV721" s="613"/>
      <c r="STW721" s="613"/>
      <c r="STX721" s="613"/>
      <c r="STY721" s="613"/>
      <c r="STZ721" s="613"/>
      <c r="SUA721" s="613"/>
      <c r="SUB721" s="613"/>
      <c r="SUC721" s="613"/>
      <c r="SUD721" s="613"/>
      <c r="SUE721" s="613"/>
      <c r="SUF721" s="613"/>
      <c r="SUG721" s="613"/>
      <c r="SUH721" s="613"/>
      <c r="SUI721" s="613"/>
      <c r="SUJ721" s="613"/>
      <c r="SUK721" s="613"/>
      <c r="SUL721" s="613"/>
      <c r="SUM721" s="613"/>
      <c r="SUN721" s="613"/>
      <c r="SUO721" s="613"/>
      <c r="SUP721" s="613"/>
      <c r="SUQ721" s="613"/>
      <c r="SUR721" s="613"/>
      <c r="SUS721" s="613"/>
      <c r="SUT721" s="613"/>
      <c r="SUU721" s="613"/>
      <c r="SUV721" s="613"/>
      <c r="SUW721" s="613"/>
      <c r="SUX721" s="613"/>
      <c r="SUY721" s="613"/>
      <c r="SUZ721" s="613"/>
      <c r="SVA721" s="613"/>
      <c r="SVB721" s="613"/>
      <c r="SVC721" s="613"/>
      <c r="SVD721" s="613"/>
      <c r="SVE721" s="613"/>
      <c r="SVF721" s="613"/>
      <c r="SVG721" s="613"/>
      <c r="SVH721" s="613"/>
      <c r="SVI721" s="613"/>
      <c r="SVJ721" s="613"/>
      <c r="SVK721" s="613"/>
      <c r="SVL721" s="613"/>
      <c r="SVM721" s="613"/>
      <c r="SVN721" s="613"/>
      <c r="SVO721" s="613"/>
      <c r="SVP721" s="613"/>
      <c r="SVQ721" s="613"/>
      <c r="SVR721" s="613"/>
      <c r="SVS721" s="613"/>
      <c r="SVT721" s="613"/>
      <c r="SVU721" s="613"/>
      <c r="SVV721" s="613"/>
      <c r="SVW721" s="613"/>
      <c r="SVX721" s="613"/>
      <c r="SVY721" s="613"/>
      <c r="SVZ721" s="613"/>
      <c r="SWA721" s="613"/>
      <c r="SWB721" s="613"/>
      <c r="SWC721" s="613"/>
      <c r="SWD721" s="613"/>
      <c r="SWE721" s="613"/>
      <c r="SWF721" s="613"/>
      <c r="SWG721" s="613"/>
      <c r="SWH721" s="613"/>
      <c r="SWI721" s="613"/>
      <c r="SWJ721" s="613"/>
      <c r="SWK721" s="613"/>
      <c r="SWL721" s="613"/>
      <c r="SWM721" s="613"/>
      <c r="SWN721" s="613"/>
      <c r="SWO721" s="613"/>
      <c r="SWP721" s="613"/>
      <c r="SWQ721" s="613"/>
      <c r="SWR721" s="613"/>
      <c r="SWS721" s="613"/>
      <c r="SWT721" s="613"/>
      <c r="SWU721" s="613"/>
      <c r="SWV721" s="613"/>
      <c r="SWW721" s="613"/>
      <c r="SWX721" s="613"/>
      <c r="SWY721" s="613"/>
      <c r="SWZ721" s="613"/>
      <c r="SXA721" s="613"/>
      <c r="SXB721" s="613"/>
      <c r="SXC721" s="613"/>
      <c r="SXD721" s="613"/>
      <c r="SXE721" s="613"/>
      <c r="SXF721" s="613"/>
      <c r="SXG721" s="613"/>
      <c r="SXH721" s="613"/>
      <c r="SXI721" s="613"/>
      <c r="SXJ721" s="613"/>
      <c r="SXK721" s="613"/>
      <c r="SXL721" s="613"/>
      <c r="SXM721" s="613"/>
      <c r="SXN721" s="613"/>
      <c r="SXO721" s="613"/>
      <c r="SXP721" s="613"/>
      <c r="SXQ721" s="613"/>
      <c r="SXR721" s="613"/>
      <c r="SXS721" s="613"/>
      <c r="SXT721" s="613"/>
      <c r="SXU721" s="613"/>
      <c r="SXV721" s="613"/>
      <c r="SXW721" s="613"/>
      <c r="SXX721" s="613"/>
      <c r="SXY721" s="613"/>
      <c r="SXZ721" s="613"/>
      <c r="SYA721" s="613"/>
      <c r="SYB721" s="613"/>
      <c r="SYC721" s="613"/>
      <c r="SYD721" s="613"/>
      <c r="SYE721" s="613"/>
      <c r="SYF721" s="613"/>
      <c r="SYG721" s="613"/>
      <c r="SYH721" s="613"/>
      <c r="SYI721" s="613"/>
      <c r="SYJ721" s="613"/>
      <c r="SYK721" s="613"/>
      <c r="SYL721" s="613"/>
      <c r="SYM721" s="613"/>
      <c r="SYN721" s="613"/>
      <c r="SYO721" s="613"/>
      <c r="SYP721" s="613"/>
      <c r="SYQ721" s="613"/>
      <c r="SYR721" s="613"/>
      <c r="SYS721" s="613"/>
      <c r="SYT721" s="613"/>
      <c r="SYU721" s="613"/>
      <c r="SYV721" s="613"/>
      <c r="SYW721" s="613"/>
      <c r="SYX721" s="613"/>
      <c r="SYY721" s="613"/>
      <c r="SYZ721" s="613"/>
      <c r="SZA721" s="613"/>
      <c r="SZB721" s="613"/>
      <c r="SZC721" s="613"/>
      <c r="SZD721" s="613"/>
      <c r="SZE721" s="613"/>
      <c r="SZF721" s="613"/>
      <c r="SZG721" s="613"/>
      <c r="SZH721" s="613"/>
      <c r="SZI721" s="613"/>
      <c r="SZJ721" s="613"/>
      <c r="SZK721" s="613"/>
      <c r="SZL721" s="613"/>
      <c r="SZM721" s="613"/>
      <c r="SZN721" s="613"/>
      <c r="SZO721" s="613"/>
      <c r="SZP721" s="613"/>
      <c r="SZQ721" s="613"/>
      <c r="SZR721" s="613"/>
      <c r="SZS721" s="613"/>
      <c r="SZT721" s="613"/>
      <c r="SZU721" s="613"/>
      <c r="SZV721" s="613"/>
      <c r="SZW721" s="613"/>
      <c r="SZX721" s="613"/>
      <c r="SZY721" s="613"/>
      <c r="SZZ721" s="613"/>
      <c r="TAA721" s="613"/>
      <c r="TAB721" s="613"/>
      <c r="TAC721" s="613"/>
      <c r="TAD721" s="613"/>
      <c r="TAE721" s="613"/>
      <c r="TAF721" s="613"/>
      <c r="TAG721" s="613"/>
      <c r="TAH721" s="613"/>
      <c r="TAI721" s="613"/>
      <c r="TAJ721" s="613"/>
      <c r="TAK721" s="613"/>
      <c r="TAL721" s="613"/>
      <c r="TAM721" s="613"/>
      <c r="TAN721" s="613"/>
      <c r="TAO721" s="613"/>
      <c r="TAP721" s="613"/>
      <c r="TAQ721" s="613"/>
      <c r="TAR721" s="613"/>
      <c r="TAS721" s="613"/>
      <c r="TAT721" s="613"/>
      <c r="TAU721" s="613"/>
      <c r="TAV721" s="613"/>
      <c r="TAW721" s="613"/>
      <c r="TAX721" s="613"/>
      <c r="TAY721" s="613"/>
      <c r="TAZ721" s="613"/>
      <c r="TBA721" s="613"/>
      <c r="TBB721" s="613"/>
      <c r="TBC721" s="613"/>
      <c r="TBD721" s="613"/>
      <c r="TBE721" s="613"/>
      <c r="TBF721" s="613"/>
      <c r="TBG721" s="613"/>
      <c r="TBH721" s="613"/>
      <c r="TBI721" s="613"/>
      <c r="TBJ721" s="613"/>
      <c r="TBK721" s="613"/>
      <c r="TBL721" s="613"/>
      <c r="TBM721" s="613"/>
      <c r="TBN721" s="613"/>
      <c r="TBO721" s="613"/>
      <c r="TBP721" s="613"/>
      <c r="TBQ721" s="613"/>
      <c r="TBR721" s="613"/>
      <c r="TBS721" s="613"/>
      <c r="TBT721" s="613"/>
      <c r="TBU721" s="613"/>
      <c r="TBV721" s="613"/>
      <c r="TBW721" s="613"/>
      <c r="TBX721" s="613"/>
      <c r="TBY721" s="613"/>
      <c r="TBZ721" s="613"/>
      <c r="TCA721" s="613"/>
      <c r="TCB721" s="613"/>
      <c r="TCC721" s="613"/>
      <c r="TCD721" s="613"/>
      <c r="TCE721" s="613"/>
      <c r="TCF721" s="613"/>
      <c r="TCG721" s="613"/>
      <c r="TCH721" s="613"/>
      <c r="TCI721" s="613"/>
      <c r="TCJ721" s="613"/>
      <c r="TCK721" s="613"/>
      <c r="TCL721" s="613"/>
      <c r="TCM721" s="613"/>
      <c r="TCN721" s="613"/>
      <c r="TCO721" s="613"/>
      <c r="TCP721" s="613"/>
      <c r="TCQ721" s="613"/>
      <c r="TCR721" s="613"/>
      <c r="TCS721" s="613"/>
      <c r="TCT721" s="613"/>
      <c r="TCU721" s="613"/>
      <c r="TCV721" s="613"/>
      <c r="TCW721" s="613"/>
      <c r="TCX721" s="613"/>
      <c r="TCY721" s="613"/>
      <c r="TCZ721" s="613"/>
      <c r="TDA721" s="613"/>
      <c r="TDB721" s="613"/>
      <c r="TDC721" s="613"/>
      <c r="TDD721" s="613"/>
      <c r="TDE721" s="613"/>
      <c r="TDF721" s="613"/>
      <c r="TDG721" s="613"/>
      <c r="TDH721" s="613"/>
      <c r="TDI721" s="613"/>
      <c r="TDJ721" s="613"/>
      <c r="TDK721" s="613"/>
      <c r="TDL721" s="613"/>
      <c r="TDM721" s="613"/>
      <c r="TDN721" s="613"/>
      <c r="TDO721" s="613"/>
      <c r="TDP721" s="613"/>
      <c r="TDQ721" s="613"/>
      <c r="TDR721" s="613"/>
      <c r="TDS721" s="613"/>
      <c r="TDT721" s="613"/>
      <c r="TDU721" s="613"/>
      <c r="TDV721" s="613"/>
      <c r="TDW721" s="613"/>
      <c r="TDX721" s="613"/>
      <c r="TDY721" s="613"/>
      <c r="TDZ721" s="613"/>
      <c r="TEA721" s="613"/>
      <c r="TEB721" s="613"/>
      <c r="TEC721" s="613"/>
      <c r="TED721" s="613"/>
      <c r="TEE721" s="613"/>
      <c r="TEF721" s="613"/>
      <c r="TEG721" s="613"/>
      <c r="TEH721" s="613"/>
      <c r="TEI721" s="613"/>
      <c r="TEJ721" s="613"/>
      <c r="TEK721" s="613"/>
      <c r="TEL721" s="613"/>
      <c r="TEM721" s="613"/>
      <c r="TEN721" s="613"/>
      <c r="TEO721" s="613"/>
      <c r="TEP721" s="613"/>
      <c r="TEQ721" s="613"/>
      <c r="TER721" s="613"/>
      <c r="TES721" s="613"/>
      <c r="TET721" s="613"/>
      <c r="TEU721" s="613"/>
      <c r="TEV721" s="613"/>
      <c r="TEW721" s="613"/>
      <c r="TEX721" s="613"/>
      <c r="TEY721" s="613"/>
      <c r="TEZ721" s="613"/>
      <c r="TFA721" s="613"/>
      <c r="TFB721" s="613"/>
      <c r="TFC721" s="613"/>
      <c r="TFD721" s="613"/>
      <c r="TFE721" s="613"/>
      <c r="TFF721" s="613"/>
      <c r="TFG721" s="613"/>
      <c r="TFH721" s="613"/>
      <c r="TFI721" s="613"/>
      <c r="TFJ721" s="613"/>
      <c r="TFK721" s="613"/>
      <c r="TFL721" s="613"/>
      <c r="TFM721" s="613"/>
      <c r="TFN721" s="613"/>
      <c r="TFO721" s="613"/>
      <c r="TFP721" s="613"/>
      <c r="TFQ721" s="613"/>
      <c r="TFR721" s="613"/>
      <c r="TFS721" s="613"/>
      <c r="TFT721" s="613"/>
      <c r="TFU721" s="613"/>
      <c r="TFV721" s="613"/>
      <c r="TFW721" s="613"/>
      <c r="TFX721" s="613"/>
      <c r="TFY721" s="613"/>
      <c r="TFZ721" s="613"/>
      <c r="TGA721" s="613"/>
      <c r="TGB721" s="613"/>
      <c r="TGC721" s="613"/>
      <c r="TGD721" s="613"/>
      <c r="TGE721" s="613"/>
      <c r="TGF721" s="613"/>
      <c r="TGG721" s="613"/>
      <c r="TGH721" s="613"/>
      <c r="TGI721" s="613"/>
      <c r="TGJ721" s="613"/>
      <c r="TGK721" s="613"/>
      <c r="TGL721" s="613"/>
      <c r="TGM721" s="613"/>
      <c r="TGN721" s="613"/>
      <c r="TGO721" s="613"/>
      <c r="TGP721" s="613"/>
      <c r="TGQ721" s="613"/>
      <c r="TGR721" s="613"/>
      <c r="TGS721" s="613"/>
      <c r="TGT721" s="613"/>
      <c r="TGU721" s="613"/>
      <c r="TGV721" s="613"/>
      <c r="TGW721" s="613"/>
      <c r="TGX721" s="613"/>
      <c r="TGY721" s="613"/>
      <c r="TGZ721" s="613"/>
      <c r="THA721" s="613"/>
      <c r="THB721" s="613"/>
      <c r="THC721" s="613"/>
      <c r="THD721" s="613"/>
      <c r="THE721" s="613"/>
      <c r="THF721" s="613"/>
      <c r="THG721" s="613"/>
      <c r="THH721" s="613"/>
      <c r="THI721" s="613"/>
      <c r="THJ721" s="613"/>
      <c r="THK721" s="613"/>
      <c r="THL721" s="613"/>
      <c r="THM721" s="613"/>
      <c r="THN721" s="613"/>
      <c r="THO721" s="613"/>
      <c r="THP721" s="613"/>
      <c r="THQ721" s="613"/>
      <c r="THR721" s="613"/>
      <c r="THS721" s="613"/>
      <c r="THT721" s="613"/>
      <c r="THU721" s="613"/>
      <c r="THV721" s="613"/>
      <c r="THW721" s="613"/>
      <c r="THX721" s="613"/>
      <c r="THY721" s="613"/>
      <c r="THZ721" s="613"/>
      <c r="TIA721" s="613"/>
      <c r="TIB721" s="613"/>
      <c r="TIC721" s="613"/>
      <c r="TID721" s="613"/>
      <c r="TIE721" s="613"/>
      <c r="TIF721" s="613"/>
      <c r="TIG721" s="613"/>
      <c r="TIH721" s="613"/>
      <c r="TII721" s="613"/>
      <c r="TIJ721" s="613"/>
      <c r="TIK721" s="613"/>
      <c r="TIL721" s="613"/>
      <c r="TIM721" s="613"/>
      <c r="TIN721" s="613"/>
      <c r="TIO721" s="613"/>
      <c r="TIP721" s="613"/>
      <c r="TIQ721" s="613"/>
      <c r="TIR721" s="613"/>
      <c r="TIS721" s="613"/>
      <c r="TIT721" s="613"/>
      <c r="TIU721" s="613"/>
      <c r="TIV721" s="613"/>
      <c r="TIW721" s="613"/>
      <c r="TIX721" s="613"/>
      <c r="TIY721" s="613"/>
      <c r="TIZ721" s="613"/>
      <c r="TJA721" s="613"/>
      <c r="TJB721" s="613"/>
      <c r="TJC721" s="613"/>
      <c r="TJD721" s="613"/>
      <c r="TJE721" s="613"/>
      <c r="TJF721" s="613"/>
      <c r="TJG721" s="613"/>
      <c r="TJH721" s="613"/>
      <c r="TJI721" s="613"/>
      <c r="TJJ721" s="613"/>
      <c r="TJK721" s="613"/>
      <c r="TJL721" s="613"/>
      <c r="TJM721" s="613"/>
      <c r="TJN721" s="613"/>
      <c r="TJO721" s="613"/>
      <c r="TJP721" s="613"/>
      <c r="TJQ721" s="613"/>
      <c r="TJR721" s="613"/>
      <c r="TJS721" s="613"/>
      <c r="TJT721" s="613"/>
      <c r="TJU721" s="613"/>
      <c r="TJV721" s="613"/>
      <c r="TJW721" s="613"/>
      <c r="TJX721" s="613"/>
      <c r="TJY721" s="613"/>
      <c r="TJZ721" s="613"/>
      <c r="TKA721" s="613"/>
      <c r="TKB721" s="613"/>
      <c r="TKC721" s="613"/>
      <c r="TKD721" s="613"/>
      <c r="TKE721" s="613"/>
      <c r="TKF721" s="613"/>
      <c r="TKG721" s="613"/>
      <c r="TKH721" s="613"/>
      <c r="TKI721" s="613"/>
      <c r="TKJ721" s="613"/>
      <c r="TKK721" s="613"/>
      <c r="TKL721" s="613"/>
      <c r="TKM721" s="613"/>
      <c r="TKN721" s="613"/>
      <c r="TKO721" s="613"/>
      <c r="TKP721" s="613"/>
      <c r="TKQ721" s="613"/>
      <c r="TKR721" s="613"/>
      <c r="TKS721" s="613"/>
      <c r="TKT721" s="613"/>
      <c r="TKU721" s="613"/>
      <c r="TKV721" s="613"/>
      <c r="TKW721" s="613"/>
      <c r="TKX721" s="613"/>
      <c r="TKY721" s="613"/>
      <c r="TKZ721" s="613"/>
      <c r="TLA721" s="613"/>
      <c r="TLB721" s="613"/>
      <c r="TLC721" s="613"/>
      <c r="TLD721" s="613"/>
      <c r="TLE721" s="613"/>
      <c r="TLF721" s="613"/>
      <c r="TLG721" s="613"/>
      <c r="TLH721" s="613"/>
      <c r="TLI721" s="613"/>
      <c r="TLJ721" s="613"/>
      <c r="TLK721" s="613"/>
      <c r="TLL721" s="613"/>
      <c r="TLM721" s="613"/>
      <c r="TLN721" s="613"/>
      <c r="TLO721" s="613"/>
      <c r="TLP721" s="613"/>
      <c r="TLQ721" s="613"/>
      <c r="TLR721" s="613"/>
      <c r="TLS721" s="613"/>
      <c r="TLT721" s="613"/>
      <c r="TLU721" s="613"/>
      <c r="TLV721" s="613"/>
      <c r="TLW721" s="613"/>
      <c r="TLX721" s="613"/>
      <c r="TLY721" s="613"/>
      <c r="TLZ721" s="613"/>
      <c r="TMA721" s="613"/>
      <c r="TMB721" s="613"/>
      <c r="TMC721" s="613"/>
      <c r="TMD721" s="613"/>
      <c r="TME721" s="613"/>
      <c r="TMF721" s="613"/>
      <c r="TMG721" s="613"/>
      <c r="TMH721" s="613"/>
      <c r="TMI721" s="613"/>
      <c r="TMJ721" s="613"/>
      <c r="TMK721" s="613"/>
      <c r="TML721" s="613"/>
      <c r="TMM721" s="613"/>
      <c r="TMN721" s="613"/>
      <c r="TMO721" s="613"/>
      <c r="TMP721" s="613"/>
      <c r="TMQ721" s="613"/>
      <c r="TMR721" s="613"/>
      <c r="TMS721" s="613"/>
      <c r="TMT721" s="613"/>
      <c r="TMU721" s="613"/>
      <c r="TMV721" s="613"/>
      <c r="TMW721" s="613"/>
      <c r="TMX721" s="613"/>
      <c r="TMY721" s="613"/>
      <c r="TMZ721" s="613"/>
      <c r="TNA721" s="613"/>
      <c r="TNB721" s="613"/>
      <c r="TNC721" s="613"/>
      <c r="TND721" s="613"/>
      <c r="TNE721" s="613"/>
      <c r="TNF721" s="613"/>
      <c r="TNG721" s="613"/>
      <c r="TNH721" s="613"/>
      <c r="TNI721" s="613"/>
      <c r="TNJ721" s="613"/>
      <c r="TNK721" s="613"/>
      <c r="TNL721" s="613"/>
      <c r="TNM721" s="613"/>
      <c r="TNN721" s="613"/>
      <c r="TNO721" s="613"/>
      <c r="TNP721" s="613"/>
      <c r="TNQ721" s="613"/>
      <c r="TNR721" s="613"/>
      <c r="TNS721" s="613"/>
      <c r="TNT721" s="613"/>
      <c r="TNU721" s="613"/>
      <c r="TNV721" s="613"/>
      <c r="TNW721" s="613"/>
      <c r="TNX721" s="613"/>
      <c r="TNY721" s="613"/>
      <c r="TNZ721" s="613"/>
      <c r="TOA721" s="613"/>
      <c r="TOB721" s="613"/>
      <c r="TOC721" s="613"/>
      <c r="TOD721" s="613"/>
      <c r="TOE721" s="613"/>
      <c r="TOF721" s="613"/>
      <c r="TOG721" s="613"/>
      <c r="TOH721" s="613"/>
      <c r="TOI721" s="613"/>
      <c r="TOJ721" s="613"/>
      <c r="TOK721" s="613"/>
      <c r="TOL721" s="613"/>
      <c r="TOM721" s="613"/>
      <c r="TON721" s="613"/>
      <c r="TOO721" s="613"/>
      <c r="TOP721" s="613"/>
      <c r="TOQ721" s="613"/>
      <c r="TOR721" s="613"/>
      <c r="TOS721" s="613"/>
      <c r="TOT721" s="613"/>
      <c r="TOU721" s="613"/>
      <c r="TOV721" s="613"/>
      <c r="TOW721" s="613"/>
      <c r="TOX721" s="613"/>
      <c r="TOY721" s="613"/>
      <c r="TOZ721" s="613"/>
      <c r="TPA721" s="613"/>
      <c r="TPB721" s="613"/>
      <c r="TPC721" s="613"/>
      <c r="TPD721" s="613"/>
      <c r="TPE721" s="613"/>
      <c r="TPF721" s="613"/>
      <c r="TPG721" s="613"/>
      <c r="TPH721" s="613"/>
      <c r="TPI721" s="613"/>
      <c r="TPJ721" s="613"/>
      <c r="TPK721" s="613"/>
      <c r="TPL721" s="613"/>
      <c r="TPM721" s="613"/>
      <c r="TPN721" s="613"/>
      <c r="TPO721" s="613"/>
      <c r="TPP721" s="613"/>
      <c r="TPQ721" s="613"/>
      <c r="TPR721" s="613"/>
      <c r="TPS721" s="613"/>
      <c r="TPT721" s="613"/>
      <c r="TPU721" s="613"/>
      <c r="TPV721" s="613"/>
      <c r="TPW721" s="613"/>
      <c r="TPX721" s="613"/>
      <c r="TPY721" s="613"/>
      <c r="TPZ721" s="613"/>
      <c r="TQA721" s="613"/>
      <c r="TQB721" s="613"/>
      <c r="TQC721" s="613"/>
      <c r="TQD721" s="613"/>
      <c r="TQE721" s="613"/>
      <c r="TQF721" s="613"/>
      <c r="TQG721" s="613"/>
      <c r="TQH721" s="613"/>
      <c r="TQI721" s="613"/>
      <c r="TQJ721" s="613"/>
      <c r="TQK721" s="613"/>
      <c r="TQL721" s="613"/>
      <c r="TQM721" s="613"/>
      <c r="TQN721" s="613"/>
      <c r="TQO721" s="613"/>
      <c r="TQP721" s="613"/>
      <c r="TQQ721" s="613"/>
      <c r="TQR721" s="613"/>
      <c r="TQS721" s="613"/>
      <c r="TQT721" s="613"/>
      <c r="TQU721" s="613"/>
      <c r="TQV721" s="613"/>
      <c r="TQW721" s="613"/>
      <c r="TQX721" s="613"/>
      <c r="TQY721" s="613"/>
      <c r="TQZ721" s="613"/>
      <c r="TRA721" s="613"/>
      <c r="TRB721" s="613"/>
      <c r="TRC721" s="613"/>
      <c r="TRD721" s="613"/>
      <c r="TRE721" s="613"/>
      <c r="TRF721" s="613"/>
      <c r="TRG721" s="613"/>
      <c r="TRH721" s="613"/>
      <c r="TRI721" s="613"/>
      <c r="TRJ721" s="613"/>
      <c r="TRK721" s="613"/>
      <c r="TRL721" s="613"/>
      <c r="TRM721" s="613"/>
      <c r="TRN721" s="613"/>
      <c r="TRO721" s="613"/>
      <c r="TRP721" s="613"/>
      <c r="TRQ721" s="613"/>
      <c r="TRR721" s="613"/>
      <c r="TRS721" s="613"/>
      <c r="TRT721" s="613"/>
      <c r="TRU721" s="613"/>
      <c r="TRV721" s="613"/>
      <c r="TRW721" s="613"/>
      <c r="TRX721" s="613"/>
      <c r="TRY721" s="613"/>
      <c r="TRZ721" s="613"/>
      <c r="TSA721" s="613"/>
      <c r="TSB721" s="613"/>
      <c r="TSC721" s="613"/>
      <c r="TSD721" s="613"/>
      <c r="TSE721" s="613"/>
      <c r="TSF721" s="613"/>
      <c r="TSG721" s="613"/>
      <c r="TSH721" s="613"/>
      <c r="TSI721" s="613"/>
      <c r="TSJ721" s="613"/>
      <c r="TSK721" s="613"/>
      <c r="TSL721" s="613"/>
      <c r="TSM721" s="613"/>
      <c r="TSN721" s="613"/>
      <c r="TSO721" s="613"/>
      <c r="TSP721" s="613"/>
      <c r="TSQ721" s="613"/>
      <c r="TSR721" s="613"/>
      <c r="TSS721" s="613"/>
      <c r="TST721" s="613"/>
      <c r="TSU721" s="613"/>
      <c r="TSV721" s="613"/>
      <c r="TSW721" s="613"/>
      <c r="TSX721" s="613"/>
      <c r="TSY721" s="613"/>
      <c r="TSZ721" s="613"/>
      <c r="TTA721" s="613"/>
      <c r="TTB721" s="613"/>
      <c r="TTC721" s="613"/>
      <c r="TTD721" s="613"/>
      <c r="TTE721" s="613"/>
      <c r="TTF721" s="613"/>
      <c r="TTG721" s="613"/>
      <c r="TTH721" s="613"/>
      <c r="TTI721" s="613"/>
      <c r="TTJ721" s="613"/>
      <c r="TTK721" s="613"/>
      <c r="TTL721" s="613"/>
      <c r="TTM721" s="613"/>
      <c r="TTN721" s="613"/>
      <c r="TTO721" s="613"/>
      <c r="TTP721" s="613"/>
      <c r="TTQ721" s="613"/>
      <c r="TTR721" s="613"/>
      <c r="TTS721" s="613"/>
      <c r="TTT721" s="613"/>
      <c r="TTU721" s="613"/>
      <c r="TTV721" s="613"/>
      <c r="TTW721" s="613"/>
      <c r="TTX721" s="613"/>
      <c r="TTY721" s="613"/>
      <c r="TTZ721" s="613"/>
      <c r="TUA721" s="613"/>
      <c r="TUB721" s="613"/>
      <c r="TUC721" s="613"/>
      <c r="TUD721" s="613"/>
      <c r="TUE721" s="613"/>
      <c r="TUF721" s="613"/>
      <c r="TUG721" s="613"/>
      <c r="TUH721" s="613"/>
      <c r="TUI721" s="613"/>
      <c r="TUJ721" s="613"/>
      <c r="TUK721" s="613"/>
      <c r="TUL721" s="613"/>
      <c r="TUM721" s="613"/>
      <c r="TUN721" s="613"/>
      <c r="TUO721" s="613"/>
      <c r="TUP721" s="613"/>
      <c r="TUQ721" s="613"/>
      <c r="TUR721" s="613"/>
      <c r="TUS721" s="613"/>
      <c r="TUT721" s="613"/>
      <c r="TUU721" s="613"/>
      <c r="TUV721" s="613"/>
      <c r="TUW721" s="613"/>
      <c r="TUX721" s="613"/>
      <c r="TUY721" s="613"/>
      <c r="TUZ721" s="613"/>
      <c r="TVA721" s="613"/>
      <c r="TVB721" s="613"/>
      <c r="TVC721" s="613"/>
      <c r="TVD721" s="613"/>
      <c r="TVE721" s="613"/>
      <c r="TVF721" s="613"/>
      <c r="TVG721" s="613"/>
      <c r="TVH721" s="613"/>
      <c r="TVI721" s="613"/>
      <c r="TVJ721" s="613"/>
      <c r="TVK721" s="613"/>
      <c r="TVL721" s="613"/>
      <c r="TVM721" s="613"/>
      <c r="TVN721" s="613"/>
      <c r="TVO721" s="613"/>
      <c r="TVP721" s="613"/>
      <c r="TVQ721" s="613"/>
      <c r="TVR721" s="613"/>
      <c r="TVS721" s="613"/>
      <c r="TVT721" s="613"/>
      <c r="TVU721" s="613"/>
      <c r="TVV721" s="613"/>
      <c r="TVW721" s="613"/>
      <c r="TVX721" s="613"/>
      <c r="TVY721" s="613"/>
      <c r="TVZ721" s="613"/>
      <c r="TWA721" s="613"/>
      <c r="TWB721" s="613"/>
      <c r="TWC721" s="613"/>
      <c r="TWD721" s="613"/>
      <c r="TWE721" s="613"/>
      <c r="TWF721" s="613"/>
      <c r="TWG721" s="613"/>
      <c r="TWH721" s="613"/>
      <c r="TWI721" s="613"/>
      <c r="TWJ721" s="613"/>
      <c r="TWK721" s="613"/>
      <c r="TWL721" s="613"/>
      <c r="TWM721" s="613"/>
      <c r="TWN721" s="613"/>
      <c r="TWO721" s="613"/>
      <c r="TWP721" s="613"/>
      <c r="TWQ721" s="613"/>
      <c r="TWR721" s="613"/>
      <c r="TWS721" s="613"/>
      <c r="TWT721" s="613"/>
      <c r="TWU721" s="613"/>
      <c r="TWV721" s="613"/>
      <c r="TWW721" s="613"/>
      <c r="TWX721" s="613"/>
      <c r="TWY721" s="613"/>
      <c r="TWZ721" s="613"/>
      <c r="TXA721" s="613"/>
      <c r="TXB721" s="613"/>
      <c r="TXC721" s="613"/>
      <c r="TXD721" s="613"/>
      <c r="TXE721" s="613"/>
      <c r="TXF721" s="613"/>
      <c r="TXG721" s="613"/>
      <c r="TXH721" s="613"/>
      <c r="TXI721" s="613"/>
      <c r="TXJ721" s="613"/>
      <c r="TXK721" s="613"/>
      <c r="TXL721" s="613"/>
      <c r="TXM721" s="613"/>
      <c r="TXN721" s="613"/>
      <c r="TXO721" s="613"/>
      <c r="TXP721" s="613"/>
      <c r="TXQ721" s="613"/>
      <c r="TXR721" s="613"/>
      <c r="TXS721" s="613"/>
      <c r="TXT721" s="613"/>
      <c r="TXU721" s="613"/>
      <c r="TXV721" s="613"/>
      <c r="TXW721" s="613"/>
      <c r="TXX721" s="613"/>
      <c r="TXY721" s="613"/>
      <c r="TXZ721" s="613"/>
      <c r="TYA721" s="613"/>
      <c r="TYB721" s="613"/>
      <c r="TYC721" s="613"/>
      <c r="TYD721" s="613"/>
      <c r="TYE721" s="613"/>
      <c r="TYF721" s="613"/>
      <c r="TYG721" s="613"/>
      <c r="TYH721" s="613"/>
      <c r="TYI721" s="613"/>
      <c r="TYJ721" s="613"/>
      <c r="TYK721" s="613"/>
      <c r="TYL721" s="613"/>
      <c r="TYM721" s="613"/>
      <c r="TYN721" s="613"/>
      <c r="TYO721" s="613"/>
      <c r="TYP721" s="613"/>
      <c r="TYQ721" s="613"/>
      <c r="TYR721" s="613"/>
      <c r="TYS721" s="613"/>
      <c r="TYT721" s="613"/>
      <c r="TYU721" s="613"/>
      <c r="TYV721" s="613"/>
      <c r="TYW721" s="613"/>
      <c r="TYX721" s="613"/>
      <c r="TYY721" s="613"/>
      <c r="TYZ721" s="613"/>
      <c r="TZA721" s="613"/>
      <c r="TZB721" s="613"/>
      <c r="TZC721" s="613"/>
      <c r="TZD721" s="613"/>
      <c r="TZE721" s="613"/>
      <c r="TZF721" s="613"/>
      <c r="TZG721" s="613"/>
      <c r="TZH721" s="613"/>
      <c r="TZI721" s="613"/>
      <c r="TZJ721" s="613"/>
      <c r="TZK721" s="613"/>
      <c r="TZL721" s="613"/>
      <c r="TZM721" s="613"/>
      <c r="TZN721" s="613"/>
      <c r="TZO721" s="613"/>
      <c r="TZP721" s="613"/>
      <c r="TZQ721" s="613"/>
      <c r="TZR721" s="613"/>
      <c r="TZS721" s="613"/>
      <c r="TZT721" s="613"/>
      <c r="TZU721" s="613"/>
      <c r="TZV721" s="613"/>
      <c r="TZW721" s="613"/>
      <c r="TZX721" s="613"/>
      <c r="TZY721" s="613"/>
      <c r="TZZ721" s="613"/>
      <c r="UAA721" s="613"/>
      <c r="UAB721" s="613"/>
      <c r="UAC721" s="613"/>
      <c r="UAD721" s="613"/>
      <c r="UAE721" s="613"/>
      <c r="UAF721" s="613"/>
      <c r="UAG721" s="613"/>
      <c r="UAH721" s="613"/>
      <c r="UAI721" s="613"/>
      <c r="UAJ721" s="613"/>
      <c r="UAK721" s="613"/>
      <c r="UAL721" s="613"/>
      <c r="UAM721" s="613"/>
      <c r="UAN721" s="613"/>
      <c r="UAO721" s="613"/>
      <c r="UAP721" s="613"/>
      <c r="UAQ721" s="613"/>
      <c r="UAR721" s="613"/>
      <c r="UAS721" s="613"/>
      <c r="UAT721" s="613"/>
      <c r="UAU721" s="613"/>
      <c r="UAV721" s="613"/>
      <c r="UAW721" s="613"/>
      <c r="UAX721" s="613"/>
      <c r="UAY721" s="613"/>
      <c r="UAZ721" s="613"/>
      <c r="UBA721" s="613"/>
      <c r="UBB721" s="613"/>
      <c r="UBC721" s="613"/>
      <c r="UBD721" s="613"/>
      <c r="UBE721" s="613"/>
      <c r="UBF721" s="613"/>
      <c r="UBG721" s="613"/>
      <c r="UBH721" s="613"/>
      <c r="UBI721" s="613"/>
      <c r="UBJ721" s="613"/>
      <c r="UBK721" s="613"/>
      <c r="UBL721" s="613"/>
      <c r="UBM721" s="613"/>
      <c r="UBN721" s="613"/>
      <c r="UBO721" s="613"/>
      <c r="UBP721" s="613"/>
      <c r="UBQ721" s="613"/>
      <c r="UBR721" s="613"/>
      <c r="UBS721" s="613"/>
      <c r="UBT721" s="613"/>
      <c r="UBU721" s="613"/>
      <c r="UBV721" s="613"/>
      <c r="UBW721" s="613"/>
      <c r="UBX721" s="613"/>
      <c r="UBY721" s="613"/>
      <c r="UBZ721" s="613"/>
      <c r="UCA721" s="613"/>
      <c r="UCB721" s="613"/>
      <c r="UCC721" s="613"/>
      <c r="UCD721" s="613"/>
      <c r="UCE721" s="613"/>
      <c r="UCF721" s="613"/>
      <c r="UCG721" s="613"/>
      <c r="UCH721" s="613"/>
      <c r="UCI721" s="613"/>
      <c r="UCJ721" s="613"/>
      <c r="UCK721" s="613"/>
      <c r="UCL721" s="613"/>
      <c r="UCM721" s="613"/>
      <c r="UCN721" s="613"/>
      <c r="UCO721" s="613"/>
      <c r="UCP721" s="613"/>
      <c r="UCQ721" s="613"/>
      <c r="UCR721" s="613"/>
      <c r="UCS721" s="613"/>
      <c r="UCT721" s="613"/>
      <c r="UCU721" s="613"/>
      <c r="UCV721" s="613"/>
      <c r="UCW721" s="613"/>
      <c r="UCX721" s="613"/>
      <c r="UCY721" s="613"/>
      <c r="UCZ721" s="613"/>
      <c r="UDA721" s="613"/>
      <c r="UDB721" s="613"/>
      <c r="UDC721" s="613"/>
      <c r="UDD721" s="613"/>
      <c r="UDE721" s="613"/>
      <c r="UDF721" s="613"/>
      <c r="UDG721" s="613"/>
      <c r="UDH721" s="613"/>
      <c r="UDI721" s="613"/>
      <c r="UDJ721" s="613"/>
      <c r="UDK721" s="613"/>
      <c r="UDL721" s="613"/>
      <c r="UDM721" s="613"/>
      <c r="UDN721" s="613"/>
      <c r="UDO721" s="613"/>
      <c r="UDP721" s="613"/>
      <c r="UDQ721" s="613"/>
      <c r="UDR721" s="613"/>
      <c r="UDS721" s="613"/>
      <c r="UDT721" s="613"/>
      <c r="UDU721" s="613"/>
      <c r="UDV721" s="613"/>
      <c r="UDW721" s="613"/>
      <c r="UDX721" s="613"/>
      <c r="UDY721" s="613"/>
      <c r="UDZ721" s="613"/>
      <c r="UEA721" s="613"/>
      <c r="UEB721" s="613"/>
      <c r="UEC721" s="613"/>
      <c r="UED721" s="613"/>
      <c r="UEE721" s="613"/>
      <c r="UEF721" s="613"/>
      <c r="UEG721" s="613"/>
      <c r="UEH721" s="613"/>
      <c r="UEI721" s="613"/>
      <c r="UEJ721" s="613"/>
      <c r="UEK721" s="613"/>
      <c r="UEL721" s="613"/>
      <c r="UEM721" s="613"/>
      <c r="UEN721" s="613"/>
      <c r="UEO721" s="613"/>
      <c r="UEP721" s="613"/>
      <c r="UEQ721" s="613"/>
      <c r="UER721" s="613"/>
      <c r="UES721" s="613"/>
      <c r="UET721" s="613"/>
      <c r="UEU721" s="613"/>
      <c r="UEV721" s="613"/>
      <c r="UEW721" s="613"/>
      <c r="UEX721" s="613"/>
      <c r="UEY721" s="613"/>
      <c r="UEZ721" s="613"/>
      <c r="UFA721" s="613"/>
      <c r="UFB721" s="613"/>
      <c r="UFC721" s="613"/>
      <c r="UFD721" s="613"/>
      <c r="UFE721" s="613"/>
      <c r="UFF721" s="613"/>
      <c r="UFG721" s="613"/>
      <c r="UFH721" s="613"/>
      <c r="UFI721" s="613"/>
      <c r="UFJ721" s="613"/>
      <c r="UFK721" s="613"/>
      <c r="UFL721" s="613"/>
      <c r="UFM721" s="613"/>
      <c r="UFN721" s="613"/>
      <c r="UFO721" s="613"/>
      <c r="UFP721" s="613"/>
      <c r="UFQ721" s="613"/>
      <c r="UFR721" s="613"/>
      <c r="UFS721" s="613"/>
      <c r="UFT721" s="613"/>
      <c r="UFU721" s="613"/>
      <c r="UFV721" s="613"/>
      <c r="UFW721" s="613"/>
      <c r="UFX721" s="613"/>
      <c r="UFY721" s="613"/>
      <c r="UFZ721" s="613"/>
      <c r="UGA721" s="613"/>
      <c r="UGB721" s="613"/>
      <c r="UGC721" s="613"/>
      <c r="UGD721" s="613"/>
      <c r="UGE721" s="613"/>
      <c r="UGF721" s="613"/>
      <c r="UGG721" s="613"/>
      <c r="UGH721" s="613"/>
      <c r="UGI721" s="613"/>
      <c r="UGJ721" s="613"/>
      <c r="UGK721" s="613"/>
      <c r="UGL721" s="613"/>
      <c r="UGM721" s="613"/>
      <c r="UGN721" s="613"/>
      <c r="UGO721" s="613"/>
      <c r="UGP721" s="613"/>
      <c r="UGQ721" s="613"/>
      <c r="UGR721" s="613"/>
      <c r="UGS721" s="613"/>
      <c r="UGT721" s="613"/>
      <c r="UGU721" s="613"/>
      <c r="UGV721" s="613"/>
      <c r="UGW721" s="613"/>
      <c r="UGX721" s="613"/>
      <c r="UGY721" s="613"/>
      <c r="UGZ721" s="613"/>
      <c r="UHA721" s="613"/>
      <c r="UHB721" s="613"/>
      <c r="UHC721" s="613"/>
      <c r="UHD721" s="613"/>
      <c r="UHE721" s="613"/>
      <c r="UHF721" s="613"/>
      <c r="UHG721" s="613"/>
      <c r="UHH721" s="613"/>
      <c r="UHI721" s="613"/>
      <c r="UHJ721" s="613"/>
      <c r="UHK721" s="613"/>
      <c r="UHL721" s="613"/>
      <c r="UHM721" s="613"/>
      <c r="UHN721" s="613"/>
      <c r="UHO721" s="613"/>
      <c r="UHP721" s="613"/>
      <c r="UHQ721" s="613"/>
      <c r="UHR721" s="613"/>
      <c r="UHS721" s="613"/>
      <c r="UHT721" s="613"/>
      <c r="UHU721" s="613"/>
      <c r="UHV721" s="613"/>
      <c r="UHW721" s="613"/>
      <c r="UHX721" s="613"/>
      <c r="UHY721" s="613"/>
      <c r="UHZ721" s="613"/>
      <c r="UIA721" s="613"/>
      <c r="UIB721" s="613"/>
      <c r="UIC721" s="613"/>
      <c r="UID721" s="613"/>
      <c r="UIE721" s="613"/>
      <c r="UIF721" s="613"/>
      <c r="UIG721" s="613"/>
      <c r="UIH721" s="613"/>
      <c r="UII721" s="613"/>
      <c r="UIJ721" s="613"/>
      <c r="UIK721" s="613"/>
      <c r="UIL721" s="613"/>
      <c r="UIM721" s="613"/>
      <c r="UIN721" s="613"/>
      <c r="UIO721" s="613"/>
      <c r="UIP721" s="613"/>
      <c r="UIQ721" s="613"/>
      <c r="UIR721" s="613"/>
      <c r="UIS721" s="613"/>
      <c r="UIT721" s="613"/>
      <c r="UIU721" s="613"/>
      <c r="UIV721" s="613"/>
      <c r="UIW721" s="613"/>
      <c r="UIX721" s="613"/>
      <c r="UIY721" s="613"/>
      <c r="UIZ721" s="613"/>
      <c r="UJA721" s="613"/>
      <c r="UJB721" s="613"/>
      <c r="UJC721" s="613"/>
      <c r="UJD721" s="613"/>
      <c r="UJE721" s="613"/>
      <c r="UJF721" s="613"/>
      <c r="UJG721" s="613"/>
      <c r="UJH721" s="613"/>
      <c r="UJI721" s="613"/>
      <c r="UJJ721" s="613"/>
      <c r="UJK721" s="613"/>
      <c r="UJL721" s="613"/>
      <c r="UJM721" s="613"/>
      <c r="UJN721" s="613"/>
      <c r="UJO721" s="613"/>
      <c r="UJP721" s="613"/>
      <c r="UJQ721" s="613"/>
      <c r="UJR721" s="613"/>
      <c r="UJS721" s="613"/>
      <c r="UJT721" s="613"/>
      <c r="UJU721" s="613"/>
      <c r="UJV721" s="613"/>
      <c r="UJW721" s="613"/>
      <c r="UJX721" s="613"/>
      <c r="UJY721" s="613"/>
      <c r="UJZ721" s="613"/>
      <c r="UKA721" s="613"/>
      <c r="UKB721" s="613"/>
      <c r="UKC721" s="613"/>
      <c r="UKD721" s="613"/>
      <c r="UKE721" s="613"/>
      <c r="UKF721" s="613"/>
      <c r="UKG721" s="613"/>
      <c r="UKH721" s="613"/>
      <c r="UKI721" s="613"/>
      <c r="UKJ721" s="613"/>
      <c r="UKK721" s="613"/>
      <c r="UKL721" s="613"/>
      <c r="UKM721" s="613"/>
      <c r="UKN721" s="613"/>
      <c r="UKO721" s="613"/>
      <c r="UKP721" s="613"/>
      <c r="UKQ721" s="613"/>
      <c r="UKR721" s="613"/>
      <c r="UKS721" s="613"/>
      <c r="UKT721" s="613"/>
      <c r="UKU721" s="613"/>
      <c r="UKV721" s="613"/>
      <c r="UKW721" s="613"/>
      <c r="UKX721" s="613"/>
      <c r="UKY721" s="613"/>
      <c r="UKZ721" s="613"/>
      <c r="ULA721" s="613"/>
      <c r="ULB721" s="613"/>
      <c r="ULC721" s="613"/>
      <c r="ULD721" s="613"/>
      <c r="ULE721" s="613"/>
      <c r="ULF721" s="613"/>
      <c r="ULG721" s="613"/>
      <c r="ULH721" s="613"/>
      <c r="ULI721" s="613"/>
      <c r="ULJ721" s="613"/>
      <c r="ULK721" s="613"/>
      <c r="ULL721" s="613"/>
      <c r="ULM721" s="613"/>
      <c r="ULN721" s="613"/>
      <c r="ULO721" s="613"/>
      <c r="ULP721" s="613"/>
      <c r="ULQ721" s="613"/>
      <c r="ULR721" s="613"/>
      <c r="ULS721" s="613"/>
      <c r="ULT721" s="613"/>
      <c r="ULU721" s="613"/>
      <c r="ULV721" s="613"/>
      <c r="ULW721" s="613"/>
      <c r="ULX721" s="613"/>
      <c r="ULY721" s="613"/>
      <c r="ULZ721" s="613"/>
      <c r="UMA721" s="613"/>
      <c r="UMB721" s="613"/>
      <c r="UMC721" s="613"/>
      <c r="UMD721" s="613"/>
      <c r="UME721" s="613"/>
      <c r="UMF721" s="613"/>
      <c r="UMG721" s="613"/>
      <c r="UMH721" s="613"/>
      <c r="UMI721" s="613"/>
      <c r="UMJ721" s="613"/>
      <c r="UMK721" s="613"/>
      <c r="UML721" s="613"/>
      <c r="UMM721" s="613"/>
      <c r="UMN721" s="613"/>
      <c r="UMO721" s="613"/>
      <c r="UMP721" s="613"/>
      <c r="UMQ721" s="613"/>
      <c r="UMR721" s="613"/>
      <c r="UMS721" s="613"/>
      <c r="UMT721" s="613"/>
      <c r="UMU721" s="613"/>
      <c r="UMV721" s="613"/>
      <c r="UMW721" s="613"/>
      <c r="UMX721" s="613"/>
      <c r="UMY721" s="613"/>
      <c r="UMZ721" s="613"/>
      <c r="UNA721" s="613"/>
      <c r="UNB721" s="613"/>
      <c r="UNC721" s="613"/>
      <c r="UND721" s="613"/>
      <c r="UNE721" s="613"/>
      <c r="UNF721" s="613"/>
      <c r="UNG721" s="613"/>
      <c r="UNH721" s="613"/>
      <c r="UNI721" s="613"/>
      <c r="UNJ721" s="613"/>
      <c r="UNK721" s="613"/>
      <c r="UNL721" s="613"/>
      <c r="UNM721" s="613"/>
      <c r="UNN721" s="613"/>
      <c r="UNO721" s="613"/>
      <c r="UNP721" s="613"/>
      <c r="UNQ721" s="613"/>
      <c r="UNR721" s="613"/>
      <c r="UNS721" s="613"/>
      <c r="UNT721" s="613"/>
      <c r="UNU721" s="613"/>
      <c r="UNV721" s="613"/>
      <c r="UNW721" s="613"/>
      <c r="UNX721" s="613"/>
      <c r="UNY721" s="613"/>
      <c r="UNZ721" s="613"/>
      <c r="UOA721" s="613"/>
      <c r="UOB721" s="613"/>
      <c r="UOC721" s="613"/>
      <c r="UOD721" s="613"/>
      <c r="UOE721" s="613"/>
      <c r="UOF721" s="613"/>
      <c r="UOG721" s="613"/>
      <c r="UOH721" s="613"/>
      <c r="UOI721" s="613"/>
      <c r="UOJ721" s="613"/>
      <c r="UOK721" s="613"/>
      <c r="UOL721" s="613"/>
      <c r="UOM721" s="613"/>
      <c r="UON721" s="613"/>
      <c r="UOO721" s="613"/>
      <c r="UOP721" s="613"/>
      <c r="UOQ721" s="613"/>
      <c r="UOR721" s="613"/>
      <c r="UOS721" s="613"/>
      <c r="UOT721" s="613"/>
      <c r="UOU721" s="613"/>
      <c r="UOV721" s="613"/>
      <c r="UOW721" s="613"/>
      <c r="UOX721" s="613"/>
      <c r="UOY721" s="613"/>
      <c r="UOZ721" s="613"/>
      <c r="UPA721" s="613"/>
      <c r="UPB721" s="613"/>
      <c r="UPC721" s="613"/>
      <c r="UPD721" s="613"/>
      <c r="UPE721" s="613"/>
      <c r="UPF721" s="613"/>
      <c r="UPG721" s="613"/>
      <c r="UPH721" s="613"/>
      <c r="UPI721" s="613"/>
      <c r="UPJ721" s="613"/>
      <c r="UPK721" s="613"/>
      <c r="UPL721" s="613"/>
      <c r="UPM721" s="613"/>
      <c r="UPN721" s="613"/>
      <c r="UPO721" s="613"/>
      <c r="UPP721" s="613"/>
      <c r="UPQ721" s="613"/>
      <c r="UPR721" s="613"/>
      <c r="UPS721" s="613"/>
      <c r="UPT721" s="613"/>
      <c r="UPU721" s="613"/>
      <c r="UPV721" s="613"/>
      <c r="UPW721" s="613"/>
      <c r="UPX721" s="613"/>
      <c r="UPY721" s="613"/>
      <c r="UPZ721" s="613"/>
      <c r="UQA721" s="613"/>
      <c r="UQB721" s="613"/>
      <c r="UQC721" s="613"/>
      <c r="UQD721" s="613"/>
      <c r="UQE721" s="613"/>
      <c r="UQF721" s="613"/>
      <c r="UQG721" s="613"/>
      <c r="UQH721" s="613"/>
      <c r="UQI721" s="613"/>
      <c r="UQJ721" s="613"/>
      <c r="UQK721" s="613"/>
      <c r="UQL721" s="613"/>
      <c r="UQM721" s="613"/>
      <c r="UQN721" s="613"/>
      <c r="UQO721" s="613"/>
      <c r="UQP721" s="613"/>
      <c r="UQQ721" s="613"/>
      <c r="UQR721" s="613"/>
      <c r="UQS721" s="613"/>
      <c r="UQT721" s="613"/>
      <c r="UQU721" s="613"/>
      <c r="UQV721" s="613"/>
      <c r="UQW721" s="613"/>
      <c r="UQX721" s="613"/>
      <c r="UQY721" s="613"/>
      <c r="UQZ721" s="613"/>
      <c r="URA721" s="613"/>
      <c r="URB721" s="613"/>
      <c r="URC721" s="613"/>
      <c r="URD721" s="613"/>
      <c r="URE721" s="613"/>
      <c r="URF721" s="613"/>
      <c r="URG721" s="613"/>
      <c r="URH721" s="613"/>
      <c r="URI721" s="613"/>
      <c r="URJ721" s="613"/>
      <c r="URK721" s="613"/>
      <c r="URL721" s="613"/>
      <c r="URM721" s="613"/>
      <c r="URN721" s="613"/>
      <c r="URO721" s="613"/>
      <c r="URP721" s="613"/>
      <c r="URQ721" s="613"/>
      <c r="URR721" s="613"/>
      <c r="URS721" s="613"/>
      <c r="URT721" s="613"/>
      <c r="URU721" s="613"/>
      <c r="URV721" s="613"/>
      <c r="URW721" s="613"/>
      <c r="URX721" s="613"/>
      <c r="URY721" s="613"/>
      <c r="URZ721" s="613"/>
      <c r="USA721" s="613"/>
      <c r="USB721" s="613"/>
      <c r="USC721" s="613"/>
      <c r="USD721" s="613"/>
      <c r="USE721" s="613"/>
      <c r="USF721" s="613"/>
      <c r="USG721" s="613"/>
      <c r="USH721" s="613"/>
      <c r="USI721" s="613"/>
      <c r="USJ721" s="613"/>
      <c r="USK721" s="613"/>
      <c r="USL721" s="613"/>
      <c r="USM721" s="613"/>
      <c r="USN721" s="613"/>
      <c r="USO721" s="613"/>
      <c r="USP721" s="613"/>
      <c r="USQ721" s="613"/>
      <c r="USR721" s="613"/>
      <c r="USS721" s="613"/>
      <c r="UST721" s="613"/>
      <c r="USU721" s="613"/>
      <c r="USV721" s="613"/>
      <c r="USW721" s="613"/>
      <c r="USX721" s="613"/>
      <c r="USY721" s="613"/>
      <c r="USZ721" s="613"/>
      <c r="UTA721" s="613"/>
      <c r="UTB721" s="613"/>
      <c r="UTC721" s="613"/>
      <c r="UTD721" s="613"/>
      <c r="UTE721" s="613"/>
      <c r="UTF721" s="613"/>
      <c r="UTG721" s="613"/>
      <c r="UTH721" s="613"/>
      <c r="UTI721" s="613"/>
      <c r="UTJ721" s="613"/>
      <c r="UTK721" s="613"/>
      <c r="UTL721" s="613"/>
      <c r="UTM721" s="613"/>
      <c r="UTN721" s="613"/>
      <c r="UTO721" s="613"/>
      <c r="UTP721" s="613"/>
      <c r="UTQ721" s="613"/>
      <c r="UTR721" s="613"/>
      <c r="UTS721" s="613"/>
      <c r="UTT721" s="613"/>
      <c r="UTU721" s="613"/>
      <c r="UTV721" s="613"/>
      <c r="UTW721" s="613"/>
      <c r="UTX721" s="613"/>
      <c r="UTY721" s="613"/>
      <c r="UTZ721" s="613"/>
      <c r="UUA721" s="613"/>
      <c r="UUB721" s="613"/>
      <c r="UUC721" s="613"/>
      <c r="UUD721" s="613"/>
      <c r="UUE721" s="613"/>
      <c r="UUF721" s="613"/>
      <c r="UUG721" s="613"/>
      <c r="UUH721" s="613"/>
      <c r="UUI721" s="613"/>
      <c r="UUJ721" s="613"/>
      <c r="UUK721" s="613"/>
      <c r="UUL721" s="613"/>
      <c r="UUM721" s="613"/>
      <c r="UUN721" s="613"/>
      <c r="UUO721" s="613"/>
      <c r="UUP721" s="613"/>
      <c r="UUQ721" s="613"/>
      <c r="UUR721" s="613"/>
      <c r="UUS721" s="613"/>
      <c r="UUT721" s="613"/>
      <c r="UUU721" s="613"/>
      <c r="UUV721" s="613"/>
      <c r="UUW721" s="613"/>
      <c r="UUX721" s="613"/>
      <c r="UUY721" s="613"/>
      <c r="UUZ721" s="613"/>
      <c r="UVA721" s="613"/>
      <c r="UVB721" s="613"/>
      <c r="UVC721" s="613"/>
      <c r="UVD721" s="613"/>
      <c r="UVE721" s="613"/>
      <c r="UVF721" s="613"/>
      <c r="UVG721" s="613"/>
      <c r="UVH721" s="613"/>
      <c r="UVI721" s="613"/>
      <c r="UVJ721" s="613"/>
      <c r="UVK721" s="613"/>
      <c r="UVL721" s="613"/>
      <c r="UVM721" s="613"/>
      <c r="UVN721" s="613"/>
      <c r="UVO721" s="613"/>
      <c r="UVP721" s="613"/>
      <c r="UVQ721" s="613"/>
      <c r="UVR721" s="613"/>
      <c r="UVS721" s="613"/>
      <c r="UVT721" s="613"/>
      <c r="UVU721" s="613"/>
      <c r="UVV721" s="613"/>
      <c r="UVW721" s="613"/>
      <c r="UVX721" s="613"/>
      <c r="UVY721" s="613"/>
      <c r="UVZ721" s="613"/>
      <c r="UWA721" s="613"/>
      <c r="UWB721" s="613"/>
      <c r="UWC721" s="613"/>
      <c r="UWD721" s="613"/>
      <c r="UWE721" s="613"/>
      <c r="UWF721" s="613"/>
      <c r="UWG721" s="613"/>
      <c r="UWH721" s="613"/>
      <c r="UWI721" s="613"/>
      <c r="UWJ721" s="613"/>
      <c r="UWK721" s="613"/>
      <c r="UWL721" s="613"/>
      <c r="UWM721" s="613"/>
      <c r="UWN721" s="613"/>
      <c r="UWO721" s="613"/>
      <c r="UWP721" s="613"/>
      <c r="UWQ721" s="613"/>
      <c r="UWR721" s="613"/>
      <c r="UWS721" s="613"/>
      <c r="UWT721" s="613"/>
      <c r="UWU721" s="613"/>
      <c r="UWV721" s="613"/>
      <c r="UWW721" s="613"/>
      <c r="UWX721" s="613"/>
      <c r="UWY721" s="613"/>
      <c r="UWZ721" s="613"/>
      <c r="UXA721" s="613"/>
      <c r="UXB721" s="613"/>
      <c r="UXC721" s="613"/>
      <c r="UXD721" s="613"/>
      <c r="UXE721" s="613"/>
      <c r="UXF721" s="613"/>
      <c r="UXG721" s="613"/>
      <c r="UXH721" s="613"/>
      <c r="UXI721" s="613"/>
      <c r="UXJ721" s="613"/>
      <c r="UXK721" s="613"/>
      <c r="UXL721" s="613"/>
      <c r="UXM721" s="613"/>
      <c r="UXN721" s="613"/>
      <c r="UXO721" s="613"/>
      <c r="UXP721" s="613"/>
      <c r="UXQ721" s="613"/>
      <c r="UXR721" s="613"/>
      <c r="UXS721" s="613"/>
      <c r="UXT721" s="613"/>
      <c r="UXU721" s="613"/>
      <c r="UXV721" s="613"/>
      <c r="UXW721" s="613"/>
      <c r="UXX721" s="613"/>
      <c r="UXY721" s="613"/>
      <c r="UXZ721" s="613"/>
      <c r="UYA721" s="613"/>
      <c r="UYB721" s="613"/>
      <c r="UYC721" s="613"/>
      <c r="UYD721" s="613"/>
      <c r="UYE721" s="613"/>
      <c r="UYF721" s="613"/>
      <c r="UYG721" s="613"/>
      <c r="UYH721" s="613"/>
      <c r="UYI721" s="613"/>
      <c r="UYJ721" s="613"/>
      <c r="UYK721" s="613"/>
      <c r="UYL721" s="613"/>
      <c r="UYM721" s="613"/>
      <c r="UYN721" s="613"/>
      <c r="UYO721" s="613"/>
      <c r="UYP721" s="613"/>
      <c r="UYQ721" s="613"/>
      <c r="UYR721" s="613"/>
      <c r="UYS721" s="613"/>
      <c r="UYT721" s="613"/>
      <c r="UYU721" s="613"/>
      <c r="UYV721" s="613"/>
      <c r="UYW721" s="613"/>
      <c r="UYX721" s="613"/>
      <c r="UYY721" s="613"/>
      <c r="UYZ721" s="613"/>
      <c r="UZA721" s="613"/>
      <c r="UZB721" s="613"/>
      <c r="UZC721" s="613"/>
      <c r="UZD721" s="613"/>
      <c r="UZE721" s="613"/>
      <c r="UZF721" s="613"/>
      <c r="UZG721" s="613"/>
      <c r="UZH721" s="613"/>
      <c r="UZI721" s="613"/>
      <c r="UZJ721" s="613"/>
      <c r="UZK721" s="613"/>
      <c r="UZL721" s="613"/>
      <c r="UZM721" s="613"/>
      <c r="UZN721" s="613"/>
      <c r="UZO721" s="613"/>
      <c r="UZP721" s="613"/>
      <c r="UZQ721" s="613"/>
      <c r="UZR721" s="613"/>
      <c r="UZS721" s="613"/>
      <c r="UZT721" s="613"/>
      <c r="UZU721" s="613"/>
      <c r="UZV721" s="613"/>
      <c r="UZW721" s="613"/>
      <c r="UZX721" s="613"/>
      <c r="UZY721" s="613"/>
      <c r="UZZ721" s="613"/>
      <c r="VAA721" s="613"/>
      <c r="VAB721" s="613"/>
      <c r="VAC721" s="613"/>
      <c r="VAD721" s="613"/>
      <c r="VAE721" s="613"/>
      <c r="VAF721" s="613"/>
      <c r="VAG721" s="613"/>
      <c r="VAH721" s="613"/>
      <c r="VAI721" s="613"/>
      <c r="VAJ721" s="613"/>
      <c r="VAK721" s="613"/>
      <c r="VAL721" s="613"/>
      <c r="VAM721" s="613"/>
      <c r="VAN721" s="613"/>
      <c r="VAO721" s="613"/>
      <c r="VAP721" s="613"/>
      <c r="VAQ721" s="613"/>
      <c r="VAR721" s="613"/>
      <c r="VAS721" s="613"/>
      <c r="VAT721" s="613"/>
      <c r="VAU721" s="613"/>
      <c r="VAV721" s="613"/>
      <c r="VAW721" s="613"/>
      <c r="VAX721" s="613"/>
      <c r="VAY721" s="613"/>
      <c r="VAZ721" s="613"/>
      <c r="VBA721" s="613"/>
      <c r="VBB721" s="613"/>
      <c r="VBC721" s="613"/>
      <c r="VBD721" s="613"/>
      <c r="VBE721" s="613"/>
      <c r="VBF721" s="613"/>
      <c r="VBG721" s="613"/>
      <c r="VBH721" s="613"/>
      <c r="VBI721" s="613"/>
      <c r="VBJ721" s="613"/>
      <c r="VBK721" s="613"/>
      <c r="VBL721" s="613"/>
      <c r="VBM721" s="613"/>
      <c r="VBN721" s="613"/>
      <c r="VBO721" s="613"/>
      <c r="VBP721" s="613"/>
      <c r="VBQ721" s="613"/>
      <c r="VBR721" s="613"/>
      <c r="VBS721" s="613"/>
      <c r="VBT721" s="613"/>
      <c r="VBU721" s="613"/>
      <c r="VBV721" s="613"/>
      <c r="VBW721" s="613"/>
      <c r="VBX721" s="613"/>
      <c r="VBY721" s="613"/>
      <c r="VBZ721" s="613"/>
      <c r="VCA721" s="613"/>
      <c r="VCB721" s="613"/>
      <c r="VCC721" s="613"/>
      <c r="VCD721" s="613"/>
      <c r="VCE721" s="613"/>
      <c r="VCF721" s="613"/>
      <c r="VCG721" s="613"/>
      <c r="VCH721" s="613"/>
      <c r="VCI721" s="613"/>
      <c r="VCJ721" s="613"/>
      <c r="VCK721" s="613"/>
      <c r="VCL721" s="613"/>
      <c r="VCM721" s="613"/>
      <c r="VCN721" s="613"/>
      <c r="VCO721" s="613"/>
      <c r="VCP721" s="613"/>
      <c r="VCQ721" s="613"/>
      <c r="VCR721" s="613"/>
      <c r="VCS721" s="613"/>
      <c r="VCT721" s="613"/>
      <c r="VCU721" s="613"/>
      <c r="VCV721" s="613"/>
      <c r="VCW721" s="613"/>
      <c r="VCX721" s="613"/>
      <c r="VCY721" s="613"/>
      <c r="VCZ721" s="613"/>
      <c r="VDA721" s="613"/>
      <c r="VDB721" s="613"/>
      <c r="VDC721" s="613"/>
      <c r="VDD721" s="613"/>
      <c r="VDE721" s="613"/>
      <c r="VDF721" s="613"/>
      <c r="VDG721" s="613"/>
      <c r="VDH721" s="613"/>
      <c r="VDI721" s="613"/>
      <c r="VDJ721" s="613"/>
      <c r="VDK721" s="613"/>
      <c r="VDL721" s="613"/>
      <c r="VDM721" s="613"/>
      <c r="VDN721" s="613"/>
      <c r="VDO721" s="613"/>
      <c r="VDP721" s="613"/>
      <c r="VDQ721" s="613"/>
      <c r="VDR721" s="613"/>
      <c r="VDS721" s="613"/>
      <c r="VDT721" s="613"/>
      <c r="VDU721" s="613"/>
      <c r="VDV721" s="613"/>
      <c r="VDW721" s="613"/>
      <c r="VDX721" s="613"/>
      <c r="VDY721" s="613"/>
      <c r="VDZ721" s="613"/>
      <c r="VEA721" s="613"/>
      <c r="VEB721" s="613"/>
      <c r="VEC721" s="613"/>
      <c r="VED721" s="613"/>
      <c r="VEE721" s="613"/>
      <c r="VEF721" s="613"/>
      <c r="VEG721" s="613"/>
      <c r="VEH721" s="613"/>
      <c r="VEI721" s="613"/>
      <c r="VEJ721" s="613"/>
      <c r="VEK721" s="613"/>
      <c r="VEL721" s="613"/>
      <c r="VEM721" s="613"/>
      <c r="VEN721" s="613"/>
      <c r="VEO721" s="613"/>
      <c r="VEP721" s="613"/>
      <c r="VEQ721" s="613"/>
      <c r="VER721" s="613"/>
      <c r="VES721" s="613"/>
      <c r="VET721" s="613"/>
      <c r="VEU721" s="613"/>
      <c r="VEV721" s="613"/>
      <c r="VEW721" s="613"/>
      <c r="VEX721" s="613"/>
      <c r="VEY721" s="613"/>
      <c r="VEZ721" s="613"/>
      <c r="VFA721" s="613"/>
      <c r="VFB721" s="613"/>
      <c r="VFC721" s="613"/>
      <c r="VFD721" s="613"/>
      <c r="VFE721" s="613"/>
      <c r="VFF721" s="613"/>
      <c r="VFG721" s="613"/>
      <c r="VFH721" s="613"/>
      <c r="VFI721" s="613"/>
      <c r="VFJ721" s="613"/>
      <c r="VFK721" s="613"/>
      <c r="VFL721" s="613"/>
      <c r="VFM721" s="613"/>
      <c r="VFN721" s="613"/>
      <c r="VFO721" s="613"/>
      <c r="VFP721" s="613"/>
      <c r="VFQ721" s="613"/>
      <c r="VFR721" s="613"/>
      <c r="VFS721" s="613"/>
      <c r="VFT721" s="613"/>
      <c r="VFU721" s="613"/>
      <c r="VFV721" s="613"/>
      <c r="VFW721" s="613"/>
      <c r="VFX721" s="613"/>
      <c r="VFY721" s="613"/>
      <c r="VFZ721" s="613"/>
      <c r="VGA721" s="613"/>
      <c r="VGB721" s="613"/>
      <c r="VGC721" s="613"/>
      <c r="VGD721" s="613"/>
      <c r="VGE721" s="613"/>
      <c r="VGF721" s="613"/>
      <c r="VGG721" s="613"/>
      <c r="VGH721" s="613"/>
      <c r="VGI721" s="613"/>
      <c r="VGJ721" s="613"/>
      <c r="VGK721" s="613"/>
      <c r="VGL721" s="613"/>
      <c r="VGM721" s="613"/>
      <c r="VGN721" s="613"/>
      <c r="VGO721" s="613"/>
      <c r="VGP721" s="613"/>
      <c r="VGQ721" s="613"/>
      <c r="VGR721" s="613"/>
      <c r="VGS721" s="613"/>
      <c r="VGT721" s="613"/>
      <c r="VGU721" s="613"/>
      <c r="VGV721" s="613"/>
      <c r="VGW721" s="613"/>
      <c r="VGX721" s="613"/>
      <c r="VGY721" s="613"/>
      <c r="VGZ721" s="613"/>
      <c r="VHA721" s="613"/>
      <c r="VHB721" s="613"/>
      <c r="VHC721" s="613"/>
      <c r="VHD721" s="613"/>
      <c r="VHE721" s="613"/>
      <c r="VHF721" s="613"/>
      <c r="VHG721" s="613"/>
      <c r="VHH721" s="613"/>
      <c r="VHI721" s="613"/>
      <c r="VHJ721" s="613"/>
      <c r="VHK721" s="613"/>
      <c r="VHL721" s="613"/>
      <c r="VHM721" s="613"/>
      <c r="VHN721" s="613"/>
      <c r="VHO721" s="613"/>
      <c r="VHP721" s="613"/>
      <c r="VHQ721" s="613"/>
      <c r="VHR721" s="613"/>
      <c r="VHS721" s="613"/>
      <c r="VHT721" s="613"/>
      <c r="VHU721" s="613"/>
      <c r="VHV721" s="613"/>
      <c r="VHW721" s="613"/>
      <c r="VHX721" s="613"/>
      <c r="VHY721" s="613"/>
      <c r="VHZ721" s="613"/>
      <c r="VIA721" s="613"/>
      <c r="VIB721" s="613"/>
      <c r="VIC721" s="613"/>
      <c r="VID721" s="613"/>
      <c r="VIE721" s="613"/>
      <c r="VIF721" s="613"/>
      <c r="VIG721" s="613"/>
      <c r="VIH721" s="613"/>
      <c r="VII721" s="613"/>
      <c r="VIJ721" s="613"/>
      <c r="VIK721" s="613"/>
      <c r="VIL721" s="613"/>
      <c r="VIM721" s="613"/>
      <c r="VIN721" s="613"/>
      <c r="VIO721" s="613"/>
      <c r="VIP721" s="613"/>
      <c r="VIQ721" s="613"/>
      <c r="VIR721" s="613"/>
      <c r="VIS721" s="613"/>
      <c r="VIT721" s="613"/>
      <c r="VIU721" s="613"/>
      <c r="VIV721" s="613"/>
      <c r="VIW721" s="613"/>
      <c r="VIX721" s="613"/>
      <c r="VIY721" s="613"/>
      <c r="VIZ721" s="613"/>
      <c r="VJA721" s="613"/>
      <c r="VJB721" s="613"/>
      <c r="VJC721" s="613"/>
      <c r="VJD721" s="613"/>
      <c r="VJE721" s="613"/>
      <c r="VJF721" s="613"/>
      <c r="VJG721" s="613"/>
      <c r="VJH721" s="613"/>
      <c r="VJI721" s="613"/>
      <c r="VJJ721" s="613"/>
      <c r="VJK721" s="613"/>
      <c r="VJL721" s="613"/>
      <c r="VJM721" s="613"/>
      <c r="VJN721" s="613"/>
      <c r="VJO721" s="613"/>
      <c r="VJP721" s="613"/>
      <c r="VJQ721" s="613"/>
      <c r="VJR721" s="613"/>
      <c r="VJS721" s="613"/>
      <c r="VJT721" s="613"/>
      <c r="VJU721" s="613"/>
      <c r="VJV721" s="613"/>
      <c r="VJW721" s="613"/>
      <c r="VJX721" s="613"/>
      <c r="VJY721" s="613"/>
      <c r="VJZ721" s="613"/>
      <c r="VKA721" s="613"/>
      <c r="VKB721" s="613"/>
      <c r="VKC721" s="613"/>
      <c r="VKD721" s="613"/>
      <c r="VKE721" s="613"/>
      <c r="VKF721" s="613"/>
      <c r="VKG721" s="613"/>
      <c r="VKH721" s="613"/>
      <c r="VKI721" s="613"/>
      <c r="VKJ721" s="613"/>
      <c r="VKK721" s="613"/>
      <c r="VKL721" s="613"/>
      <c r="VKM721" s="613"/>
      <c r="VKN721" s="613"/>
      <c r="VKO721" s="613"/>
      <c r="VKP721" s="613"/>
      <c r="VKQ721" s="613"/>
      <c r="VKR721" s="613"/>
      <c r="VKS721" s="613"/>
      <c r="VKT721" s="613"/>
      <c r="VKU721" s="613"/>
      <c r="VKV721" s="613"/>
      <c r="VKW721" s="613"/>
      <c r="VKX721" s="613"/>
      <c r="VKY721" s="613"/>
      <c r="VKZ721" s="613"/>
      <c r="VLA721" s="613"/>
      <c r="VLB721" s="613"/>
      <c r="VLC721" s="613"/>
      <c r="VLD721" s="613"/>
      <c r="VLE721" s="613"/>
      <c r="VLF721" s="613"/>
      <c r="VLG721" s="613"/>
      <c r="VLH721" s="613"/>
      <c r="VLI721" s="613"/>
      <c r="VLJ721" s="613"/>
      <c r="VLK721" s="613"/>
      <c r="VLL721" s="613"/>
      <c r="VLM721" s="613"/>
      <c r="VLN721" s="613"/>
      <c r="VLO721" s="613"/>
      <c r="VLP721" s="613"/>
      <c r="VLQ721" s="613"/>
      <c r="VLR721" s="613"/>
      <c r="VLS721" s="613"/>
      <c r="VLT721" s="613"/>
      <c r="VLU721" s="613"/>
      <c r="VLV721" s="613"/>
      <c r="VLW721" s="613"/>
      <c r="VLX721" s="613"/>
      <c r="VLY721" s="613"/>
      <c r="VLZ721" s="613"/>
      <c r="VMA721" s="613"/>
      <c r="VMB721" s="613"/>
      <c r="VMC721" s="613"/>
      <c r="VMD721" s="613"/>
      <c r="VME721" s="613"/>
      <c r="VMF721" s="613"/>
      <c r="VMG721" s="613"/>
      <c r="VMH721" s="613"/>
      <c r="VMI721" s="613"/>
      <c r="VMJ721" s="613"/>
      <c r="VMK721" s="613"/>
      <c r="VML721" s="613"/>
      <c r="VMM721" s="613"/>
      <c r="VMN721" s="613"/>
      <c r="VMO721" s="613"/>
      <c r="VMP721" s="613"/>
      <c r="VMQ721" s="613"/>
      <c r="VMR721" s="613"/>
      <c r="VMS721" s="613"/>
      <c r="VMT721" s="613"/>
      <c r="VMU721" s="613"/>
      <c r="VMV721" s="613"/>
      <c r="VMW721" s="613"/>
      <c r="VMX721" s="613"/>
      <c r="VMY721" s="613"/>
      <c r="VMZ721" s="613"/>
      <c r="VNA721" s="613"/>
      <c r="VNB721" s="613"/>
      <c r="VNC721" s="613"/>
      <c r="VND721" s="613"/>
      <c r="VNE721" s="613"/>
      <c r="VNF721" s="613"/>
      <c r="VNG721" s="613"/>
      <c r="VNH721" s="613"/>
      <c r="VNI721" s="613"/>
      <c r="VNJ721" s="613"/>
      <c r="VNK721" s="613"/>
      <c r="VNL721" s="613"/>
      <c r="VNM721" s="613"/>
      <c r="VNN721" s="613"/>
      <c r="VNO721" s="613"/>
      <c r="VNP721" s="613"/>
      <c r="VNQ721" s="613"/>
      <c r="VNR721" s="613"/>
      <c r="VNS721" s="613"/>
      <c r="VNT721" s="613"/>
      <c r="VNU721" s="613"/>
      <c r="VNV721" s="613"/>
      <c r="VNW721" s="613"/>
      <c r="VNX721" s="613"/>
      <c r="VNY721" s="613"/>
      <c r="VNZ721" s="613"/>
      <c r="VOA721" s="613"/>
      <c r="VOB721" s="613"/>
      <c r="VOC721" s="613"/>
      <c r="VOD721" s="613"/>
      <c r="VOE721" s="613"/>
      <c r="VOF721" s="613"/>
      <c r="VOG721" s="613"/>
      <c r="VOH721" s="613"/>
      <c r="VOI721" s="613"/>
      <c r="VOJ721" s="613"/>
      <c r="VOK721" s="613"/>
      <c r="VOL721" s="613"/>
      <c r="VOM721" s="613"/>
      <c r="VON721" s="613"/>
      <c r="VOO721" s="613"/>
      <c r="VOP721" s="613"/>
      <c r="VOQ721" s="613"/>
      <c r="VOR721" s="613"/>
      <c r="VOS721" s="613"/>
      <c r="VOT721" s="613"/>
      <c r="VOU721" s="613"/>
      <c r="VOV721" s="613"/>
      <c r="VOW721" s="613"/>
      <c r="VOX721" s="613"/>
      <c r="VOY721" s="613"/>
      <c r="VOZ721" s="613"/>
      <c r="VPA721" s="613"/>
      <c r="VPB721" s="613"/>
      <c r="VPC721" s="613"/>
      <c r="VPD721" s="613"/>
      <c r="VPE721" s="613"/>
      <c r="VPF721" s="613"/>
      <c r="VPG721" s="613"/>
      <c r="VPH721" s="613"/>
      <c r="VPI721" s="613"/>
      <c r="VPJ721" s="613"/>
      <c r="VPK721" s="613"/>
      <c r="VPL721" s="613"/>
      <c r="VPM721" s="613"/>
      <c r="VPN721" s="613"/>
      <c r="VPO721" s="613"/>
      <c r="VPP721" s="613"/>
      <c r="VPQ721" s="613"/>
      <c r="VPR721" s="613"/>
      <c r="VPS721" s="613"/>
      <c r="VPT721" s="613"/>
      <c r="VPU721" s="613"/>
      <c r="VPV721" s="613"/>
      <c r="VPW721" s="613"/>
      <c r="VPX721" s="613"/>
      <c r="VPY721" s="613"/>
      <c r="VPZ721" s="613"/>
      <c r="VQA721" s="613"/>
      <c r="VQB721" s="613"/>
      <c r="VQC721" s="613"/>
      <c r="VQD721" s="613"/>
      <c r="VQE721" s="613"/>
      <c r="VQF721" s="613"/>
      <c r="VQG721" s="613"/>
      <c r="VQH721" s="613"/>
      <c r="VQI721" s="613"/>
      <c r="VQJ721" s="613"/>
      <c r="VQK721" s="613"/>
      <c r="VQL721" s="613"/>
      <c r="VQM721" s="613"/>
      <c r="VQN721" s="613"/>
      <c r="VQO721" s="613"/>
      <c r="VQP721" s="613"/>
      <c r="VQQ721" s="613"/>
      <c r="VQR721" s="613"/>
      <c r="VQS721" s="613"/>
      <c r="VQT721" s="613"/>
      <c r="VQU721" s="613"/>
      <c r="VQV721" s="613"/>
      <c r="VQW721" s="613"/>
      <c r="VQX721" s="613"/>
      <c r="VQY721" s="613"/>
      <c r="VQZ721" s="613"/>
      <c r="VRA721" s="613"/>
      <c r="VRB721" s="613"/>
      <c r="VRC721" s="613"/>
      <c r="VRD721" s="613"/>
      <c r="VRE721" s="613"/>
      <c r="VRF721" s="613"/>
      <c r="VRG721" s="613"/>
      <c r="VRH721" s="613"/>
      <c r="VRI721" s="613"/>
      <c r="VRJ721" s="613"/>
      <c r="VRK721" s="613"/>
      <c r="VRL721" s="613"/>
      <c r="VRM721" s="613"/>
      <c r="VRN721" s="613"/>
      <c r="VRO721" s="613"/>
      <c r="VRP721" s="613"/>
      <c r="VRQ721" s="613"/>
      <c r="VRR721" s="613"/>
      <c r="VRS721" s="613"/>
      <c r="VRT721" s="613"/>
      <c r="VRU721" s="613"/>
      <c r="VRV721" s="613"/>
      <c r="VRW721" s="613"/>
      <c r="VRX721" s="613"/>
      <c r="VRY721" s="613"/>
      <c r="VRZ721" s="613"/>
      <c r="VSA721" s="613"/>
      <c r="VSB721" s="613"/>
      <c r="VSC721" s="613"/>
      <c r="VSD721" s="613"/>
      <c r="VSE721" s="613"/>
      <c r="VSF721" s="613"/>
      <c r="VSG721" s="613"/>
      <c r="VSH721" s="613"/>
      <c r="VSI721" s="613"/>
      <c r="VSJ721" s="613"/>
      <c r="VSK721" s="613"/>
      <c r="VSL721" s="613"/>
      <c r="VSM721" s="613"/>
      <c r="VSN721" s="613"/>
      <c r="VSO721" s="613"/>
      <c r="VSP721" s="613"/>
      <c r="VSQ721" s="613"/>
      <c r="VSR721" s="613"/>
      <c r="VSS721" s="613"/>
      <c r="VST721" s="613"/>
      <c r="VSU721" s="613"/>
      <c r="VSV721" s="613"/>
      <c r="VSW721" s="613"/>
      <c r="VSX721" s="613"/>
      <c r="VSY721" s="613"/>
      <c r="VSZ721" s="613"/>
      <c r="VTA721" s="613"/>
      <c r="VTB721" s="613"/>
      <c r="VTC721" s="613"/>
      <c r="VTD721" s="613"/>
      <c r="VTE721" s="613"/>
      <c r="VTF721" s="613"/>
      <c r="VTG721" s="613"/>
      <c r="VTH721" s="613"/>
      <c r="VTI721" s="613"/>
      <c r="VTJ721" s="613"/>
      <c r="VTK721" s="613"/>
      <c r="VTL721" s="613"/>
      <c r="VTM721" s="613"/>
      <c r="VTN721" s="613"/>
      <c r="VTO721" s="613"/>
      <c r="VTP721" s="613"/>
      <c r="VTQ721" s="613"/>
      <c r="VTR721" s="613"/>
      <c r="VTS721" s="613"/>
      <c r="VTT721" s="613"/>
      <c r="VTU721" s="613"/>
      <c r="VTV721" s="613"/>
      <c r="VTW721" s="613"/>
      <c r="VTX721" s="613"/>
      <c r="VTY721" s="613"/>
      <c r="VTZ721" s="613"/>
      <c r="VUA721" s="613"/>
      <c r="VUB721" s="613"/>
      <c r="VUC721" s="613"/>
      <c r="VUD721" s="613"/>
      <c r="VUE721" s="613"/>
      <c r="VUF721" s="613"/>
      <c r="VUG721" s="613"/>
      <c r="VUH721" s="613"/>
      <c r="VUI721" s="613"/>
      <c r="VUJ721" s="613"/>
      <c r="VUK721" s="613"/>
      <c r="VUL721" s="613"/>
      <c r="VUM721" s="613"/>
      <c r="VUN721" s="613"/>
      <c r="VUO721" s="613"/>
      <c r="VUP721" s="613"/>
      <c r="VUQ721" s="613"/>
      <c r="VUR721" s="613"/>
      <c r="VUS721" s="613"/>
      <c r="VUT721" s="613"/>
      <c r="VUU721" s="613"/>
      <c r="VUV721" s="613"/>
      <c r="VUW721" s="613"/>
      <c r="VUX721" s="613"/>
      <c r="VUY721" s="613"/>
      <c r="VUZ721" s="613"/>
      <c r="VVA721" s="613"/>
      <c r="VVB721" s="613"/>
      <c r="VVC721" s="613"/>
      <c r="VVD721" s="613"/>
      <c r="VVE721" s="613"/>
      <c r="VVF721" s="613"/>
      <c r="VVG721" s="613"/>
      <c r="VVH721" s="613"/>
      <c r="VVI721" s="613"/>
      <c r="VVJ721" s="613"/>
      <c r="VVK721" s="613"/>
      <c r="VVL721" s="613"/>
      <c r="VVM721" s="613"/>
      <c r="VVN721" s="613"/>
      <c r="VVO721" s="613"/>
      <c r="VVP721" s="613"/>
      <c r="VVQ721" s="613"/>
      <c r="VVR721" s="613"/>
      <c r="VVS721" s="613"/>
      <c r="VVT721" s="613"/>
      <c r="VVU721" s="613"/>
      <c r="VVV721" s="613"/>
      <c r="VVW721" s="613"/>
      <c r="VVX721" s="613"/>
      <c r="VVY721" s="613"/>
      <c r="VVZ721" s="613"/>
      <c r="VWA721" s="613"/>
      <c r="VWB721" s="613"/>
      <c r="VWC721" s="613"/>
      <c r="VWD721" s="613"/>
      <c r="VWE721" s="613"/>
      <c r="VWF721" s="613"/>
      <c r="VWG721" s="613"/>
      <c r="VWH721" s="613"/>
      <c r="VWI721" s="613"/>
      <c r="VWJ721" s="613"/>
      <c r="VWK721" s="613"/>
      <c r="VWL721" s="613"/>
      <c r="VWM721" s="613"/>
      <c r="VWN721" s="613"/>
      <c r="VWO721" s="613"/>
      <c r="VWP721" s="613"/>
      <c r="VWQ721" s="613"/>
      <c r="VWR721" s="613"/>
      <c r="VWS721" s="613"/>
      <c r="VWT721" s="613"/>
      <c r="VWU721" s="613"/>
      <c r="VWV721" s="613"/>
      <c r="VWW721" s="613"/>
      <c r="VWX721" s="613"/>
      <c r="VWY721" s="613"/>
      <c r="VWZ721" s="613"/>
      <c r="VXA721" s="613"/>
      <c r="VXB721" s="613"/>
      <c r="VXC721" s="613"/>
      <c r="VXD721" s="613"/>
      <c r="VXE721" s="613"/>
      <c r="VXF721" s="613"/>
      <c r="VXG721" s="613"/>
      <c r="VXH721" s="613"/>
      <c r="VXI721" s="613"/>
      <c r="VXJ721" s="613"/>
      <c r="VXK721" s="613"/>
      <c r="VXL721" s="613"/>
      <c r="VXM721" s="613"/>
      <c r="VXN721" s="613"/>
      <c r="VXO721" s="613"/>
      <c r="VXP721" s="613"/>
      <c r="VXQ721" s="613"/>
      <c r="VXR721" s="613"/>
      <c r="VXS721" s="613"/>
      <c r="VXT721" s="613"/>
      <c r="VXU721" s="613"/>
      <c r="VXV721" s="613"/>
      <c r="VXW721" s="613"/>
      <c r="VXX721" s="613"/>
      <c r="VXY721" s="613"/>
      <c r="VXZ721" s="613"/>
      <c r="VYA721" s="613"/>
      <c r="VYB721" s="613"/>
      <c r="VYC721" s="613"/>
      <c r="VYD721" s="613"/>
      <c r="VYE721" s="613"/>
      <c r="VYF721" s="613"/>
      <c r="VYG721" s="613"/>
      <c r="VYH721" s="613"/>
      <c r="VYI721" s="613"/>
      <c r="VYJ721" s="613"/>
      <c r="VYK721" s="613"/>
      <c r="VYL721" s="613"/>
      <c r="VYM721" s="613"/>
      <c r="VYN721" s="613"/>
      <c r="VYO721" s="613"/>
      <c r="VYP721" s="613"/>
      <c r="VYQ721" s="613"/>
      <c r="VYR721" s="613"/>
      <c r="VYS721" s="613"/>
      <c r="VYT721" s="613"/>
      <c r="VYU721" s="613"/>
      <c r="VYV721" s="613"/>
      <c r="VYW721" s="613"/>
      <c r="VYX721" s="613"/>
      <c r="VYY721" s="613"/>
      <c r="VYZ721" s="613"/>
      <c r="VZA721" s="613"/>
      <c r="VZB721" s="613"/>
      <c r="VZC721" s="613"/>
      <c r="VZD721" s="613"/>
      <c r="VZE721" s="613"/>
      <c r="VZF721" s="613"/>
      <c r="VZG721" s="613"/>
      <c r="VZH721" s="613"/>
      <c r="VZI721" s="613"/>
      <c r="VZJ721" s="613"/>
      <c r="VZK721" s="613"/>
      <c r="VZL721" s="613"/>
      <c r="VZM721" s="613"/>
      <c r="VZN721" s="613"/>
      <c r="VZO721" s="613"/>
      <c r="VZP721" s="613"/>
      <c r="VZQ721" s="613"/>
      <c r="VZR721" s="613"/>
      <c r="VZS721" s="613"/>
      <c r="VZT721" s="613"/>
      <c r="VZU721" s="613"/>
      <c r="VZV721" s="613"/>
      <c r="VZW721" s="613"/>
      <c r="VZX721" s="613"/>
      <c r="VZY721" s="613"/>
      <c r="VZZ721" s="613"/>
      <c r="WAA721" s="613"/>
      <c r="WAB721" s="613"/>
      <c r="WAC721" s="613"/>
      <c r="WAD721" s="613"/>
      <c r="WAE721" s="613"/>
      <c r="WAF721" s="613"/>
      <c r="WAG721" s="613"/>
      <c r="WAH721" s="613"/>
      <c r="WAI721" s="613"/>
      <c r="WAJ721" s="613"/>
      <c r="WAK721" s="613"/>
      <c r="WAL721" s="613"/>
      <c r="WAM721" s="613"/>
      <c r="WAN721" s="613"/>
      <c r="WAO721" s="613"/>
      <c r="WAP721" s="613"/>
      <c r="WAQ721" s="613"/>
      <c r="WAR721" s="613"/>
      <c r="WAS721" s="613"/>
      <c r="WAT721" s="613"/>
      <c r="WAU721" s="613"/>
      <c r="WAV721" s="613"/>
      <c r="WAW721" s="613"/>
      <c r="WAX721" s="613"/>
      <c r="WAY721" s="613"/>
      <c r="WAZ721" s="613"/>
      <c r="WBA721" s="613"/>
      <c r="WBB721" s="613"/>
      <c r="WBC721" s="613"/>
      <c r="WBD721" s="613"/>
      <c r="WBE721" s="613"/>
      <c r="WBF721" s="613"/>
      <c r="WBG721" s="613"/>
      <c r="WBH721" s="613"/>
      <c r="WBI721" s="613"/>
      <c r="WBJ721" s="613"/>
      <c r="WBK721" s="613"/>
      <c r="WBL721" s="613"/>
      <c r="WBM721" s="613"/>
      <c r="WBN721" s="613"/>
      <c r="WBO721" s="613"/>
      <c r="WBP721" s="613"/>
      <c r="WBQ721" s="613"/>
      <c r="WBR721" s="613"/>
      <c r="WBS721" s="613"/>
      <c r="WBT721" s="613"/>
      <c r="WBU721" s="613"/>
      <c r="WBV721" s="613"/>
      <c r="WBW721" s="613"/>
      <c r="WBX721" s="613"/>
      <c r="WBY721" s="613"/>
      <c r="WBZ721" s="613"/>
      <c r="WCA721" s="613"/>
      <c r="WCB721" s="613"/>
      <c r="WCC721" s="613"/>
      <c r="WCD721" s="613"/>
      <c r="WCE721" s="613"/>
      <c r="WCF721" s="613"/>
      <c r="WCG721" s="613"/>
      <c r="WCH721" s="613"/>
      <c r="WCI721" s="613"/>
      <c r="WCJ721" s="613"/>
      <c r="WCK721" s="613"/>
      <c r="WCL721" s="613"/>
      <c r="WCM721" s="613"/>
      <c r="WCN721" s="613"/>
      <c r="WCO721" s="613"/>
      <c r="WCP721" s="613"/>
      <c r="WCQ721" s="613"/>
      <c r="WCR721" s="613"/>
      <c r="WCS721" s="613"/>
      <c r="WCT721" s="613"/>
      <c r="WCU721" s="613"/>
      <c r="WCV721" s="613"/>
      <c r="WCW721" s="613"/>
      <c r="WCX721" s="613"/>
      <c r="WCY721" s="613"/>
      <c r="WCZ721" s="613"/>
      <c r="WDA721" s="613"/>
      <c r="WDB721" s="613"/>
      <c r="WDC721" s="613"/>
      <c r="WDD721" s="613"/>
      <c r="WDE721" s="613"/>
      <c r="WDF721" s="613"/>
      <c r="WDG721" s="613"/>
      <c r="WDH721" s="613"/>
      <c r="WDI721" s="613"/>
      <c r="WDJ721" s="613"/>
      <c r="WDK721" s="613"/>
      <c r="WDL721" s="613"/>
      <c r="WDM721" s="613"/>
      <c r="WDN721" s="613"/>
      <c r="WDO721" s="613"/>
      <c r="WDP721" s="613"/>
      <c r="WDQ721" s="613"/>
      <c r="WDR721" s="613"/>
      <c r="WDS721" s="613"/>
      <c r="WDT721" s="613"/>
      <c r="WDU721" s="613"/>
      <c r="WDV721" s="613"/>
      <c r="WDW721" s="613"/>
      <c r="WDX721" s="613"/>
      <c r="WDY721" s="613"/>
      <c r="WDZ721" s="613"/>
      <c r="WEA721" s="613"/>
      <c r="WEB721" s="613"/>
      <c r="WEC721" s="613"/>
      <c r="WED721" s="613"/>
      <c r="WEE721" s="613"/>
      <c r="WEF721" s="613"/>
      <c r="WEG721" s="613"/>
      <c r="WEH721" s="613"/>
      <c r="WEI721" s="613"/>
      <c r="WEJ721" s="613"/>
      <c r="WEK721" s="613"/>
      <c r="WEL721" s="613"/>
      <c r="WEM721" s="613"/>
      <c r="WEN721" s="613"/>
      <c r="WEO721" s="613"/>
      <c r="WEP721" s="613"/>
      <c r="WEQ721" s="613"/>
      <c r="WER721" s="613"/>
      <c r="WES721" s="613"/>
      <c r="WET721" s="613"/>
      <c r="WEU721" s="613"/>
      <c r="WEV721" s="613"/>
      <c r="WEW721" s="613"/>
      <c r="WEX721" s="613"/>
      <c r="WEY721" s="613"/>
      <c r="WEZ721" s="613"/>
      <c r="WFA721" s="613"/>
      <c r="WFB721" s="613"/>
      <c r="WFC721" s="613"/>
      <c r="WFD721" s="613"/>
      <c r="WFE721" s="613"/>
      <c r="WFF721" s="613"/>
      <c r="WFG721" s="613"/>
      <c r="WFH721" s="613"/>
      <c r="WFI721" s="613"/>
      <c r="WFJ721" s="613"/>
      <c r="WFK721" s="613"/>
      <c r="WFL721" s="613"/>
      <c r="WFM721" s="613"/>
      <c r="WFN721" s="613"/>
      <c r="WFO721" s="613"/>
      <c r="WFP721" s="613"/>
      <c r="WFQ721" s="613"/>
      <c r="WFR721" s="613"/>
      <c r="WFS721" s="613"/>
      <c r="WFT721" s="613"/>
      <c r="WFU721" s="613"/>
      <c r="WFV721" s="613"/>
      <c r="WFW721" s="613"/>
      <c r="WFX721" s="613"/>
      <c r="WFY721" s="613"/>
      <c r="WFZ721" s="613"/>
      <c r="WGA721" s="613"/>
      <c r="WGB721" s="613"/>
      <c r="WGC721" s="613"/>
      <c r="WGD721" s="613"/>
      <c r="WGE721" s="613"/>
      <c r="WGF721" s="613"/>
      <c r="WGG721" s="613"/>
      <c r="WGH721" s="613"/>
      <c r="WGI721" s="613"/>
      <c r="WGJ721" s="613"/>
      <c r="WGK721" s="613"/>
      <c r="WGL721" s="613"/>
      <c r="WGM721" s="613"/>
      <c r="WGN721" s="613"/>
      <c r="WGO721" s="613"/>
      <c r="WGP721" s="613"/>
      <c r="WGQ721" s="613"/>
      <c r="WGR721" s="613"/>
      <c r="WGS721" s="613"/>
      <c r="WGT721" s="613"/>
      <c r="WGU721" s="613"/>
      <c r="WGV721" s="613"/>
      <c r="WGW721" s="613"/>
      <c r="WGX721" s="613"/>
      <c r="WGY721" s="613"/>
      <c r="WGZ721" s="613"/>
      <c r="WHA721" s="613"/>
      <c r="WHB721" s="613"/>
      <c r="WHC721" s="613"/>
      <c r="WHD721" s="613"/>
      <c r="WHE721" s="613"/>
      <c r="WHF721" s="613"/>
      <c r="WHG721" s="613"/>
      <c r="WHH721" s="613"/>
      <c r="WHI721" s="613"/>
      <c r="WHJ721" s="613"/>
      <c r="WHK721" s="613"/>
      <c r="WHL721" s="613"/>
      <c r="WHM721" s="613"/>
      <c r="WHN721" s="613"/>
      <c r="WHO721" s="613"/>
      <c r="WHP721" s="613"/>
      <c r="WHQ721" s="613"/>
      <c r="WHR721" s="613"/>
      <c r="WHS721" s="613"/>
      <c r="WHT721" s="613"/>
      <c r="WHU721" s="613"/>
      <c r="WHV721" s="613"/>
      <c r="WHW721" s="613"/>
      <c r="WHX721" s="613"/>
      <c r="WHY721" s="613"/>
      <c r="WHZ721" s="613"/>
      <c r="WIA721" s="613"/>
      <c r="WIB721" s="613"/>
      <c r="WIC721" s="613"/>
      <c r="WID721" s="613"/>
      <c r="WIE721" s="613"/>
      <c r="WIF721" s="613"/>
      <c r="WIG721" s="613"/>
      <c r="WIH721" s="613"/>
      <c r="WII721" s="613"/>
      <c r="WIJ721" s="613"/>
      <c r="WIK721" s="613"/>
      <c r="WIL721" s="613"/>
      <c r="WIM721" s="613"/>
      <c r="WIN721" s="613"/>
      <c r="WIO721" s="613"/>
      <c r="WIP721" s="613"/>
      <c r="WIQ721" s="613"/>
      <c r="WIR721" s="613"/>
      <c r="WIS721" s="613"/>
      <c r="WIT721" s="613"/>
      <c r="WIU721" s="613"/>
      <c r="WIV721" s="613"/>
      <c r="WIW721" s="613"/>
      <c r="WIX721" s="613"/>
      <c r="WIY721" s="613"/>
      <c r="WIZ721" s="613"/>
      <c r="WJA721" s="613"/>
      <c r="WJB721" s="613"/>
      <c r="WJC721" s="613"/>
      <c r="WJD721" s="613"/>
      <c r="WJE721" s="613"/>
      <c r="WJF721" s="613"/>
      <c r="WJG721" s="613"/>
      <c r="WJH721" s="613"/>
      <c r="WJI721" s="613"/>
      <c r="WJJ721" s="613"/>
      <c r="WJK721" s="613"/>
      <c r="WJL721" s="613"/>
      <c r="WJM721" s="613"/>
      <c r="WJN721" s="613"/>
      <c r="WJO721" s="613"/>
      <c r="WJP721" s="613"/>
      <c r="WJQ721" s="613"/>
      <c r="WJR721" s="613"/>
      <c r="WJS721" s="613"/>
      <c r="WJT721" s="613"/>
      <c r="WJU721" s="613"/>
      <c r="WJV721" s="613"/>
      <c r="WJW721" s="613"/>
      <c r="WJX721" s="613"/>
      <c r="WJY721" s="613"/>
      <c r="WJZ721" s="613"/>
      <c r="WKA721" s="613"/>
      <c r="WKB721" s="613"/>
      <c r="WKC721" s="613"/>
      <c r="WKD721" s="613"/>
      <c r="WKE721" s="613"/>
      <c r="WKF721" s="613"/>
      <c r="WKG721" s="613"/>
      <c r="WKH721" s="613"/>
      <c r="WKI721" s="613"/>
      <c r="WKJ721" s="613"/>
      <c r="WKK721" s="613"/>
      <c r="WKL721" s="613"/>
      <c r="WKM721" s="613"/>
      <c r="WKN721" s="613"/>
      <c r="WKO721" s="613"/>
      <c r="WKP721" s="613"/>
      <c r="WKQ721" s="613"/>
      <c r="WKR721" s="613"/>
      <c r="WKS721" s="613"/>
      <c r="WKT721" s="613"/>
      <c r="WKU721" s="613"/>
      <c r="WKV721" s="613"/>
      <c r="WKW721" s="613"/>
      <c r="WKX721" s="613"/>
      <c r="WKY721" s="613"/>
      <c r="WKZ721" s="613"/>
      <c r="WLA721" s="613"/>
      <c r="WLB721" s="613"/>
      <c r="WLC721" s="613"/>
      <c r="WLD721" s="613"/>
      <c r="WLE721" s="613"/>
      <c r="WLF721" s="613"/>
      <c r="WLG721" s="613"/>
      <c r="WLH721" s="613"/>
      <c r="WLI721" s="613"/>
      <c r="WLJ721" s="613"/>
      <c r="WLK721" s="613"/>
      <c r="WLL721" s="613"/>
      <c r="WLM721" s="613"/>
      <c r="WLN721" s="613"/>
      <c r="WLO721" s="613"/>
      <c r="WLP721" s="613"/>
      <c r="WLQ721" s="613"/>
      <c r="WLR721" s="613"/>
      <c r="WLS721" s="613"/>
      <c r="WLT721" s="613"/>
      <c r="WLU721" s="613"/>
      <c r="WLV721" s="613"/>
      <c r="WLW721" s="613"/>
      <c r="WLX721" s="613"/>
      <c r="WLY721" s="613"/>
      <c r="WLZ721" s="613"/>
      <c r="WMA721" s="613"/>
      <c r="WMB721" s="613"/>
      <c r="WMC721" s="613"/>
      <c r="WMD721" s="613"/>
      <c r="WME721" s="613"/>
      <c r="WMF721" s="613"/>
      <c r="WMG721" s="613"/>
      <c r="WMH721" s="613"/>
      <c r="WMI721" s="613"/>
      <c r="WMJ721" s="613"/>
      <c r="WMK721" s="613"/>
      <c r="WML721" s="613"/>
      <c r="WMM721" s="613"/>
      <c r="WMN721" s="613"/>
      <c r="WMO721" s="613"/>
      <c r="WMP721" s="613"/>
      <c r="WMQ721" s="613"/>
      <c r="WMR721" s="613"/>
      <c r="WMS721" s="613"/>
      <c r="WMT721" s="613"/>
      <c r="WMU721" s="613"/>
      <c r="WMV721" s="613"/>
      <c r="WMW721" s="613"/>
      <c r="WMX721" s="613"/>
      <c r="WMY721" s="613"/>
      <c r="WMZ721" s="613"/>
      <c r="WNA721" s="613"/>
      <c r="WNB721" s="613"/>
      <c r="WNC721" s="613"/>
      <c r="WND721" s="613"/>
      <c r="WNE721" s="613"/>
      <c r="WNF721" s="613"/>
      <c r="WNG721" s="613"/>
      <c r="WNH721" s="613"/>
      <c r="WNI721" s="613"/>
      <c r="WNJ721" s="613"/>
      <c r="WNK721" s="613"/>
      <c r="WNL721" s="613"/>
      <c r="WNM721" s="613"/>
      <c r="WNN721" s="613"/>
      <c r="WNO721" s="613"/>
      <c r="WNP721" s="613"/>
      <c r="WNQ721" s="613"/>
      <c r="WNR721" s="613"/>
      <c r="WNS721" s="613"/>
      <c r="WNT721" s="613"/>
      <c r="WNU721" s="613"/>
      <c r="WNV721" s="613"/>
      <c r="WNW721" s="613"/>
      <c r="WNX721" s="613"/>
      <c r="WNY721" s="613"/>
      <c r="WNZ721" s="613"/>
      <c r="WOA721" s="613"/>
      <c r="WOB721" s="613"/>
      <c r="WOC721" s="613"/>
      <c r="WOD721" s="613"/>
      <c r="WOE721" s="613"/>
      <c r="WOF721" s="613"/>
      <c r="WOG721" s="613"/>
      <c r="WOH721" s="613"/>
      <c r="WOI721" s="613"/>
      <c r="WOJ721" s="613"/>
      <c r="WOK721" s="613"/>
      <c r="WOL721" s="613"/>
      <c r="WOM721" s="613"/>
      <c r="WON721" s="613"/>
      <c r="WOO721" s="613"/>
      <c r="WOP721" s="613"/>
      <c r="WOQ721" s="613"/>
      <c r="WOR721" s="613"/>
      <c r="WOS721" s="613"/>
      <c r="WOT721" s="613"/>
      <c r="WOU721" s="613"/>
      <c r="WOV721" s="613"/>
      <c r="WOW721" s="613"/>
      <c r="WOX721" s="613"/>
      <c r="WOY721" s="613"/>
      <c r="WOZ721" s="613"/>
      <c r="WPA721" s="613"/>
      <c r="WPB721" s="613"/>
      <c r="WPC721" s="613"/>
      <c r="WPD721" s="613"/>
      <c r="WPE721" s="613"/>
      <c r="WPF721" s="613"/>
      <c r="WPG721" s="613"/>
      <c r="WPH721" s="613"/>
      <c r="WPI721" s="613"/>
      <c r="WPJ721" s="613"/>
      <c r="WPK721" s="613"/>
      <c r="WPL721" s="613"/>
      <c r="WPM721" s="613"/>
      <c r="WPN721" s="613"/>
      <c r="WPO721" s="613"/>
      <c r="WPP721" s="613"/>
      <c r="WPQ721" s="613"/>
      <c r="WPR721" s="613"/>
      <c r="WPS721" s="613"/>
      <c r="WPT721" s="613"/>
      <c r="WPU721" s="613"/>
      <c r="WPV721" s="613"/>
      <c r="WPW721" s="613"/>
      <c r="WPX721" s="613"/>
      <c r="WPY721" s="613"/>
      <c r="WPZ721" s="613"/>
      <c r="WQA721" s="613"/>
      <c r="WQB721" s="613"/>
      <c r="WQC721" s="613"/>
      <c r="WQD721" s="613"/>
      <c r="WQE721" s="613"/>
      <c r="WQF721" s="613"/>
      <c r="WQG721" s="613"/>
      <c r="WQH721" s="613"/>
      <c r="WQI721" s="613"/>
      <c r="WQJ721" s="613"/>
      <c r="WQK721" s="613"/>
      <c r="WQL721" s="613"/>
      <c r="WQM721" s="613"/>
      <c r="WQN721" s="613"/>
      <c r="WQO721" s="613"/>
      <c r="WQP721" s="613"/>
      <c r="WQQ721" s="613"/>
      <c r="WQR721" s="613"/>
      <c r="WQS721" s="613"/>
      <c r="WQT721" s="613"/>
      <c r="WQU721" s="613"/>
      <c r="WQV721" s="613"/>
      <c r="WQW721" s="613"/>
      <c r="WQX721" s="613"/>
      <c r="WQY721" s="613"/>
      <c r="WQZ721" s="613"/>
      <c r="WRA721" s="613"/>
      <c r="WRB721" s="613"/>
      <c r="WRC721" s="613"/>
      <c r="WRD721" s="613"/>
      <c r="WRE721" s="613"/>
      <c r="WRF721" s="613"/>
      <c r="WRG721" s="613"/>
      <c r="WRH721" s="613"/>
      <c r="WRI721" s="613"/>
      <c r="WRJ721" s="613"/>
      <c r="WRK721" s="613"/>
      <c r="WRL721" s="613"/>
      <c r="WRM721" s="613"/>
      <c r="WRN721" s="613"/>
      <c r="WRO721" s="613"/>
      <c r="WRP721" s="613"/>
      <c r="WRQ721" s="613"/>
      <c r="WRR721" s="613"/>
      <c r="WRS721" s="613"/>
      <c r="WRT721" s="613"/>
      <c r="WRU721" s="613"/>
      <c r="WRV721" s="613"/>
      <c r="WRW721" s="613"/>
      <c r="WRX721" s="613"/>
      <c r="WRY721" s="613"/>
      <c r="WRZ721" s="613"/>
      <c r="WSA721" s="613"/>
      <c r="WSB721" s="613"/>
      <c r="WSC721" s="613"/>
      <c r="WSD721" s="613"/>
      <c r="WSE721" s="613"/>
      <c r="WSF721" s="613"/>
      <c r="WSG721" s="613"/>
      <c r="WSH721" s="613"/>
      <c r="WSI721" s="613"/>
      <c r="WSJ721" s="613"/>
      <c r="WSK721" s="613"/>
      <c r="WSL721" s="613"/>
      <c r="WSM721" s="613"/>
      <c r="WSN721" s="613"/>
      <c r="WSO721" s="613"/>
      <c r="WSP721" s="613"/>
      <c r="WSQ721" s="613"/>
      <c r="WSR721" s="613"/>
      <c r="WSS721" s="613"/>
      <c r="WST721" s="613"/>
      <c r="WSU721" s="613"/>
      <c r="WSV721" s="613"/>
      <c r="WSW721" s="613"/>
      <c r="WSX721" s="613"/>
      <c r="WSY721" s="613"/>
      <c r="WSZ721" s="613"/>
      <c r="WTA721" s="613"/>
      <c r="WTB721" s="613"/>
      <c r="WTC721" s="613"/>
      <c r="WTD721" s="613"/>
      <c r="WTE721" s="613"/>
      <c r="WTF721" s="613"/>
      <c r="WTG721" s="613"/>
      <c r="WTH721" s="613"/>
      <c r="WTI721" s="613"/>
      <c r="WTJ721" s="613"/>
      <c r="WTK721" s="613"/>
      <c r="WTL721" s="613"/>
      <c r="WTM721" s="613"/>
      <c r="WTN721" s="613"/>
      <c r="WTO721" s="613"/>
      <c r="WTP721" s="613"/>
      <c r="WTQ721" s="613"/>
      <c r="WTR721" s="613"/>
      <c r="WTS721" s="613"/>
      <c r="WTT721" s="613"/>
      <c r="WTU721" s="613"/>
      <c r="WTV721" s="613"/>
      <c r="WTW721" s="613"/>
      <c r="WTX721" s="613"/>
      <c r="WTY721" s="613"/>
      <c r="WTZ721" s="613"/>
      <c r="WUA721" s="613"/>
      <c r="WUB721" s="613"/>
      <c r="WUC721" s="613"/>
      <c r="WUD721" s="613"/>
      <c r="WUE721" s="613"/>
      <c r="WUF721" s="613"/>
      <c r="WUG721" s="613"/>
      <c r="WUH721" s="613"/>
      <c r="WUI721" s="613"/>
      <c r="WUJ721" s="613"/>
      <c r="WUK721" s="613"/>
      <c r="WUL721" s="613"/>
      <c r="WUM721" s="613"/>
      <c r="WUN721" s="613"/>
      <c r="WUO721" s="613"/>
      <c r="WUP721" s="613"/>
      <c r="WUQ721" s="613"/>
      <c r="WUR721" s="613"/>
      <c r="WUS721" s="613"/>
      <c r="WUT721" s="613"/>
      <c r="WUU721" s="613"/>
      <c r="WUV721" s="613"/>
      <c r="WUW721" s="613"/>
      <c r="WUX721" s="613"/>
      <c r="WUY721" s="613"/>
      <c r="WUZ721" s="613"/>
      <c r="WVA721" s="613"/>
      <c r="WVB721" s="613"/>
      <c r="WVC721" s="613"/>
      <c r="WVD721" s="613"/>
      <c r="WVE721" s="613"/>
      <c r="WVF721" s="613"/>
      <c r="WVG721" s="613"/>
      <c r="WVH721" s="613"/>
      <c r="WVI721" s="613"/>
      <c r="WVJ721" s="613"/>
      <c r="WVK721" s="613"/>
      <c r="WVL721" s="613"/>
      <c r="WVM721" s="613"/>
      <c r="WVN721" s="613"/>
      <c r="WVO721" s="613"/>
      <c r="WVP721" s="613"/>
      <c r="WVQ721" s="613"/>
      <c r="WVR721" s="613"/>
      <c r="WVS721" s="613"/>
      <c r="WVT721" s="613"/>
      <c r="WVU721" s="613"/>
      <c r="WVV721" s="613"/>
      <c r="WVW721" s="613"/>
      <c r="WVX721" s="613"/>
      <c r="WVY721" s="613"/>
      <c r="WVZ721" s="613"/>
      <c r="WWA721" s="613"/>
      <c r="WWB721" s="613"/>
      <c r="WWC721" s="613"/>
      <c r="WWD721" s="613"/>
      <c r="WWE721" s="613"/>
      <c r="WWF721" s="613"/>
      <c r="WWG721" s="613"/>
      <c r="WWH721" s="613"/>
      <c r="WWI721" s="613"/>
      <c r="WWJ721" s="613"/>
      <c r="WWK721" s="613"/>
      <c r="WWL721" s="613"/>
      <c r="WWM721" s="613"/>
      <c r="WWN721" s="613"/>
      <c r="WWO721" s="613"/>
      <c r="WWP721" s="613"/>
      <c r="WWQ721" s="613"/>
      <c r="WWR721" s="613"/>
      <c r="WWS721" s="613"/>
      <c r="WWT721" s="613"/>
      <c r="WWU721" s="613"/>
      <c r="WWV721" s="613"/>
      <c r="WWW721" s="613"/>
      <c r="WWX721" s="613"/>
      <c r="WWY721" s="613"/>
      <c r="WWZ721" s="613"/>
      <c r="WXA721" s="613"/>
      <c r="WXB721" s="613"/>
      <c r="WXC721" s="613"/>
      <c r="WXD721" s="613"/>
      <c r="WXE721" s="613"/>
      <c r="WXF721" s="613"/>
      <c r="WXG721" s="613"/>
      <c r="WXH721" s="613"/>
      <c r="WXI721" s="613"/>
      <c r="WXJ721" s="613"/>
      <c r="WXK721" s="613"/>
      <c r="WXL721" s="613"/>
      <c r="WXM721" s="613"/>
      <c r="WXN721" s="613"/>
      <c r="WXO721" s="613"/>
      <c r="WXP721" s="613"/>
      <c r="WXQ721" s="613"/>
      <c r="WXR721" s="613"/>
      <c r="WXS721" s="613"/>
      <c r="WXT721" s="613"/>
      <c r="WXU721" s="613"/>
      <c r="WXV721" s="613"/>
      <c r="WXW721" s="613"/>
      <c r="WXX721" s="613"/>
      <c r="WXY721" s="613"/>
      <c r="WXZ721" s="613"/>
      <c r="WYA721" s="613"/>
      <c r="WYB721" s="613"/>
      <c r="WYC721" s="613"/>
      <c r="WYD721" s="613"/>
      <c r="WYE721" s="613"/>
      <c r="WYF721" s="613"/>
      <c r="WYG721" s="613"/>
      <c r="WYH721" s="613"/>
      <c r="WYI721" s="613"/>
      <c r="WYJ721" s="613"/>
      <c r="WYK721" s="613"/>
      <c r="WYL721" s="613"/>
      <c r="WYM721" s="613"/>
      <c r="WYN721" s="613"/>
      <c r="WYO721" s="613"/>
      <c r="WYP721" s="613"/>
      <c r="WYQ721" s="613"/>
      <c r="WYR721" s="613"/>
      <c r="WYS721" s="613"/>
      <c r="WYT721" s="613"/>
      <c r="WYU721" s="613"/>
      <c r="WYV721" s="613"/>
      <c r="WYW721" s="613"/>
      <c r="WYX721" s="613"/>
      <c r="WYY721" s="613"/>
      <c r="WYZ721" s="613"/>
      <c r="WZA721" s="613"/>
      <c r="WZB721" s="613"/>
      <c r="WZC721" s="613"/>
      <c r="WZD721" s="613"/>
      <c r="WZE721" s="613"/>
      <c r="WZF721" s="613"/>
      <c r="WZG721" s="613"/>
      <c r="WZH721" s="613"/>
      <c r="WZI721" s="613"/>
      <c r="WZJ721" s="613"/>
      <c r="WZK721" s="613"/>
      <c r="WZL721" s="613"/>
      <c r="WZM721" s="613"/>
      <c r="WZN721" s="613"/>
      <c r="WZO721" s="613"/>
      <c r="WZP721" s="613"/>
      <c r="WZQ721" s="613"/>
      <c r="WZR721" s="613"/>
      <c r="WZS721" s="613"/>
      <c r="WZT721" s="613"/>
      <c r="WZU721" s="613"/>
      <c r="WZV721" s="613"/>
      <c r="WZW721" s="613"/>
      <c r="WZX721" s="613"/>
      <c r="WZY721" s="613"/>
      <c r="WZZ721" s="613"/>
      <c r="XAA721" s="613"/>
      <c r="XAB721" s="613"/>
      <c r="XAC721" s="613"/>
      <c r="XAD721" s="613"/>
      <c r="XAE721" s="613"/>
      <c r="XAF721" s="613"/>
      <c r="XAG721" s="613"/>
      <c r="XAH721" s="613"/>
      <c r="XAI721" s="613"/>
      <c r="XAJ721" s="613"/>
      <c r="XAK721" s="613"/>
      <c r="XAL721" s="613"/>
      <c r="XAM721" s="613"/>
      <c r="XAN721" s="613"/>
      <c r="XAO721" s="613"/>
      <c r="XAP721" s="613"/>
      <c r="XAQ721" s="613"/>
      <c r="XAR721" s="613"/>
      <c r="XAS721" s="613"/>
      <c r="XAT721" s="613"/>
      <c r="XAU721" s="613"/>
      <c r="XAV721" s="613"/>
      <c r="XAW721" s="613"/>
      <c r="XAX721" s="613"/>
      <c r="XAY721" s="613"/>
      <c r="XAZ721" s="613"/>
      <c r="XBA721" s="613"/>
      <c r="XBB721" s="613"/>
      <c r="XBC721" s="613"/>
      <c r="XBD721" s="613"/>
      <c r="XBE721" s="613"/>
      <c r="XBF721" s="613"/>
      <c r="XBG721" s="613"/>
      <c r="XBH721" s="613"/>
      <c r="XBI721" s="613"/>
      <c r="XBJ721" s="613"/>
      <c r="XBK721" s="613"/>
      <c r="XBL721" s="613"/>
      <c r="XBM721" s="613"/>
      <c r="XBN721" s="613"/>
      <c r="XBO721" s="613"/>
      <c r="XBP721" s="613"/>
      <c r="XBQ721" s="613"/>
      <c r="XBR721" s="613"/>
      <c r="XBS721" s="613"/>
      <c r="XBT721" s="613"/>
      <c r="XBU721" s="613"/>
      <c r="XBV721" s="613"/>
      <c r="XBW721" s="613"/>
      <c r="XBX721" s="613"/>
      <c r="XBY721" s="613"/>
      <c r="XBZ721" s="613"/>
      <c r="XCA721" s="613"/>
      <c r="XCB721" s="613"/>
      <c r="XCC721" s="613"/>
      <c r="XCD721" s="613"/>
      <c r="XCE721" s="613"/>
      <c r="XCF721" s="613"/>
      <c r="XCG721" s="613"/>
      <c r="XCH721" s="613"/>
      <c r="XCI721" s="613"/>
      <c r="XCJ721" s="613"/>
      <c r="XCK721" s="613"/>
      <c r="XCL721" s="613"/>
      <c r="XCM721" s="613"/>
      <c r="XCN721" s="613"/>
      <c r="XCO721" s="613"/>
      <c r="XCP721" s="613"/>
      <c r="XCQ721" s="613"/>
    </row>
    <row r="722" spans="1:16319" ht="56.1" customHeight="1" x14ac:dyDescent="0.2">
      <c r="A722" s="273" t="s">
        <v>3019</v>
      </c>
      <c r="B722" s="499"/>
      <c r="C722" s="77"/>
      <c r="D722" s="481">
        <v>283</v>
      </c>
      <c r="E722" s="481"/>
      <c r="F722" s="481" t="s">
        <v>2481</v>
      </c>
      <c r="G722" s="482" t="s">
        <v>53</v>
      </c>
      <c r="H722" s="481" t="s">
        <v>329</v>
      </c>
      <c r="I722" s="654" t="s">
        <v>500</v>
      </c>
      <c r="J722" s="654" t="s">
        <v>501</v>
      </c>
      <c r="K722" s="495" t="s">
        <v>503</v>
      </c>
      <c r="L722" s="621"/>
      <c r="M722" s="484" t="s">
        <v>58</v>
      </c>
      <c r="N722" s="329" t="s">
        <v>2606</v>
      </c>
      <c r="O722" s="484" t="s">
        <v>2996</v>
      </c>
      <c r="P722" s="484" t="s">
        <v>81</v>
      </c>
      <c r="Q722" s="667" t="s">
        <v>334</v>
      </c>
      <c r="R722" s="484" t="s">
        <v>334</v>
      </c>
      <c r="S722" s="484" t="s">
        <v>71</v>
      </c>
      <c r="T722" s="484"/>
      <c r="U722" s="620" t="s">
        <v>63</v>
      </c>
      <c r="V722" s="620" t="s">
        <v>63</v>
      </c>
      <c r="W722" s="723">
        <v>119080</v>
      </c>
      <c r="X722" s="723"/>
      <c r="Y722" s="654" t="s">
        <v>226</v>
      </c>
      <c r="Z722" s="654"/>
      <c r="AA722" s="723">
        <v>119080</v>
      </c>
      <c r="AB722" s="652" t="s">
        <v>82</v>
      </c>
      <c r="AC722" s="652"/>
      <c r="AD722" s="496"/>
      <c r="AE722" s="496"/>
      <c r="AF722" s="496"/>
      <c r="AG722" s="496"/>
      <c r="AH722" s="496"/>
      <c r="AI722" s="487"/>
      <c r="AJ722" s="496"/>
      <c r="AK722" s="496"/>
      <c r="AL722" s="496"/>
      <c r="AM722" s="496"/>
      <c r="AN722" s="496"/>
      <c r="AO722" s="496"/>
      <c r="AP722" s="496" t="s">
        <v>66</v>
      </c>
      <c r="AQ722" s="496"/>
      <c r="AR722" s="496"/>
      <c r="AS722" s="496"/>
      <c r="AT722" s="496"/>
      <c r="AU722" s="487"/>
      <c r="AV722" s="487"/>
      <c r="AW722" s="487"/>
      <c r="AX722" s="487"/>
      <c r="AY722" s="487"/>
      <c r="AZ722" s="487"/>
      <c r="BA722" s="484"/>
      <c r="BB722" s="484"/>
      <c r="BC722" s="484"/>
      <c r="BD722" s="494"/>
      <c r="BE722" s="494"/>
      <c r="BF722" s="613"/>
      <c r="BG722" s="613"/>
      <c r="BH722" s="613"/>
      <c r="BI722" s="613"/>
      <c r="BJ722" s="613"/>
      <c r="BK722" s="613"/>
      <c r="BL722" s="613"/>
      <c r="BM722" s="613"/>
      <c r="BN722" s="613"/>
      <c r="BO722" s="613"/>
      <c r="BP722" s="613"/>
      <c r="BQ722" s="613"/>
      <c r="BR722" s="613"/>
      <c r="BS722" s="613"/>
      <c r="BT722" s="613"/>
      <c r="BU722" s="613"/>
      <c r="BV722" s="613"/>
      <c r="BW722" s="613"/>
      <c r="BX722" s="613"/>
      <c r="BY722" s="613"/>
      <c r="BZ722" s="613"/>
      <c r="CA722" s="613"/>
      <c r="CB722" s="613"/>
      <c r="CC722" s="613"/>
      <c r="CD722" s="613"/>
      <c r="CE722" s="613"/>
      <c r="CF722" s="613"/>
      <c r="CG722" s="613"/>
      <c r="CH722" s="613"/>
      <c r="CI722" s="613"/>
      <c r="CJ722" s="613"/>
      <c r="CK722" s="613"/>
      <c r="CL722" s="613"/>
      <c r="CM722" s="613"/>
      <c r="CN722" s="613"/>
      <c r="CO722" s="613"/>
      <c r="CP722" s="613"/>
      <c r="CQ722" s="613"/>
      <c r="CR722" s="613"/>
      <c r="CS722" s="613"/>
      <c r="CT722" s="613"/>
      <c r="CU722" s="613"/>
      <c r="CV722" s="613"/>
      <c r="CW722" s="613"/>
      <c r="CX722" s="613"/>
      <c r="CY722" s="613"/>
      <c r="CZ722" s="613"/>
      <c r="DA722" s="613"/>
      <c r="DB722" s="613"/>
      <c r="DC722" s="613"/>
      <c r="DD722" s="613"/>
      <c r="DE722" s="613"/>
      <c r="DF722" s="613"/>
      <c r="DG722" s="613"/>
      <c r="DH722" s="613"/>
      <c r="DI722" s="613"/>
      <c r="DJ722" s="613"/>
      <c r="DK722" s="613"/>
      <c r="DL722" s="613"/>
      <c r="DM722" s="613"/>
      <c r="DN722" s="613"/>
      <c r="DO722" s="613"/>
      <c r="DP722" s="613"/>
      <c r="DQ722" s="613"/>
      <c r="DR722" s="613"/>
      <c r="DS722" s="613"/>
      <c r="DT722" s="613"/>
      <c r="DU722" s="613"/>
      <c r="DV722" s="613"/>
      <c r="DW722" s="613"/>
      <c r="DX722" s="613"/>
      <c r="DY722" s="613"/>
      <c r="DZ722" s="613"/>
      <c r="EA722" s="613"/>
      <c r="EB722" s="613"/>
      <c r="EC722" s="613"/>
      <c r="ED722" s="613"/>
      <c r="EE722" s="613"/>
      <c r="EF722" s="613"/>
      <c r="EG722" s="613"/>
      <c r="EH722" s="613"/>
      <c r="EI722" s="613"/>
      <c r="EJ722" s="613"/>
      <c r="EK722" s="613"/>
      <c r="EL722" s="613"/>
      <c r="EM722" s="613"/>
      <c r="EN722" s="613"/>
      <c r="EO722" s="613"/>
      <c r="EP722" s="613"/>
      <c r="EQ722" s="613"/>
      <c r="ER722" s="613"/>
      <c r="ES722" s="613"/>
      <c r="ET722" s="613"/>
      <c r="EU722" s="613"/>
      <c r="EV722" s="613"/>
      <c r="EW722" s="613"/>
      <c r="EX722" s="613"/>
      <c r="EY722" s="613"/>
      <c r="EZ722" s="613"/>
      <c r="FA722" s="613"/>
      <c r="FB722" s="613"/>
      <c r="FC722" s="613"/>
      <c r="FD722" s="613"/>
      <c r="FE722" s="613"/>
      <c r="FF722" s="613"/>
      <c r="FG722" s="613"/>
      <c r="FH722" s="613"/>
      <c r="FI722" s="613"/>
      <c r="FJ722" s="613"/>
      <c r="FK722" s="613"/>
      <c r="FL722" s="613"/>
      <c r="FM722" s="613"/>
      <c r="FN722" s="613"/>
      <c r="FO722" s="613"/>
      <c r="FP722" s="613"/>
      <c r="FQ722" s="613"/>
      <c r="FR722" s="613"/>
      <c r="FS722" s="613"/>
      <c r="FT722" s="613"/>
      <c r="FU722" s="613"/>
      <c r="FV722" s="613"/>
      <c r="FW722" s="613"/>
      <c r="FX722" s="613"/>
      <c r="FY722" s="613"/>
      <c r="FZ722" s="613"/>
      <c r="GA722" s="613"/>
      <c r="GB722" s="613"/>
      <c r="GC722" s="613"/>
      <c r="GD722" s="613"/>
      <c r="GE722" s="613"/>
      <c r="GF722" s="613"/>
      <c r="GG722" s="613"/>
      <c r="GH722" s="613"/>
      <c r="GI722" s="613"/>
      <c r="GJ722" s="613"/>
      <c r="GK722" s="613"/>
      <c r="GL722" s="613"/>
      <c r="GM722" s="613"/>
      <c r="GN722" s="613"/>
      <c r="GO722" s="613"/>
      <c r="GP722" s="613"/>
      <c r="GQ722" s="613"/>
      <c r="GR722" s="613"/>
      <c r="GS722" s="613"/>
      <c r="GT722" s="613"/>
      <c r="GU722" s="613"/>
      <c r="GV722" s="613"/>
      <c r="GW722" s="613"/>
      <c r="GX722" s="613"/>
      <c r="GY722" s="613"/>
      <c r="GZ722" s="613"/>
      <c r="HA722" s="613"/>
      <c r="HB722" s="613"/>
      <c r="HC722" s="613"/>
      <c r="HD722" s="613"/>
      <c r="HE722" s="613"/>
      <c r="HF722" s="613"/>
      <c r="HG722" s="613"/>
      <c r="HH722" s="613"/>
      <c r="HI722" s="613"/>
      <c r="HJ722" s="613"/>
      <c r="HK722" s="613"/>
      <c r="HL722" s="613"/>
      <c r="HM722" s="613"/>
      <c r="HN722" s="613"/>
      <c r="HO722" s="613"/>
      <c r="HP722" s="613"/>
      <c r="HQ722" s="613"/>
      <c r="HR722" s="613"/>
      <c r="HS722" s="613"/>
      <c r="HT722" s="613"/>
      <c r="HU722" s="613"/>
      <c r="HV722" s="613"/>
      <c r="HW722" s="613"/>
      <c r="HX722" s="613"/>
      <c r="HY722" s="613"/>
      <c r="HZ722" s="613"/>
      <c r="IA722" s="613"/>
      <c r="IB722" s="613"/>
      <c r="IC722" s="613"/>
      <c r="ID722" s="613"/>
      <c r="IE722" s="613"/>
      <c r="IF722" s="613"/>
      <c r="IG722" s="613"/>
      <c r="IH722" s="613"/>
      <c r="II722" s="613"/>
      <c r="IJ722" s="613"/>
      <c r="IK722" s="613"/>
      <c r="IL722" s="613"/>
      <c r="IM722" s="613"/>
      <c r="IN722" s="613"/>
      <c r="IO722" s="613"/>
      <c r="IP722" s="613"/>
      <c r="IQ722" s="613"/>
      <c r="IR722" s="613"/>
      <c r="IS722" s="613"/>
      <c r="IT722" s="613"/>
      <c r="IU722" s="613"/>
      <c r="IV722" s="613"/>
      <c r="IW722" s="613"/>
      <c r="IX722" s="613"/>
      <c r="IY722" s="613"/>
      <c r="IZ722" s="613"/>
      <c r="JA722" s="613"/>
      <c r="JB722" s="613"/>
      <c r="JC722" s="613"/>
      <c r="JD722" s="613"/>
      <c r="JE722" s="613"/>
      <c r="JF722" s="613"/>
      <c r="JG722" s="613"/>
      <c r="JH722" s="613"/>
      <c r="JI722" s="613"/>
      <c r="JJ722" s="613"/>
      <c r="JK722" s="613"/>
      <c r="JL722" s="613"/>
      <c r="JM722" s="613"/>
      <c r="JN722" s="613"/>
      <c r="JO722" s="613"/>
      <c r="JP722" s="613"/>
      <c r="JQ722" s="613"/>
      <c r="JR722" s="613"/>
      <c r="JS722" s="613"/>
      <c r="JT722" s="613"/>
      <c r="JU722" s="613"/>
      <c r="JV722" s="613"/>
      <c r="JW722" s="613"/>
      <c r="JX722" s="613"/>
      <c r="JY722" s="613"/>
      <c r="JZ722" s="613"/>
      <c r="KA722" s="613"/>
      <c r="KB722" s="613"/>
      <c r="KC722" s="613"/>
      <c r="KD722" s="613"/>
      <c r="KE722" s="613"/>
      <c r="KF722" s="613"/>
      <c r="KG722" s="613"/>
      <c r="KH722" s="613"/>
      <c r="KI722" s="613"/>
      <c r="KJ722" s="613"/>
      <c r="KK722" s="613"/>
      <c r="KL722" s="613"/>
      <c r="KM722" s="613"/>
      <c r="KN722" s="613"/>
      <c r="KO722" s="613"/>
      <c r="KP722" s="613"/>
      <c r="KQ722" s="613"/>
      <c r="KR722" s="613"/>
      <c r="KS722" s="613"/>
      <c r="KT722" s="613"/>
      <c r="KU722" s="613"/>
      <c r="KV722" s="613"/>
      <c r="KW722" s="613"/>
      <c r="KX722" s="613"/>
      <c r="KY722" s="613"/>
      <c r="KZ722" s="613"/>
      <c r="LA722" s="613"/>
      <c r="LB722" s="613"/>
      <c r="LC722" s="613"/>
      <c r="LD722" s="613"/>
      <c r="LE722" s="613"/>
      <c r="LF722" s="613"/>
      <c r="LG722" s="613"/>
      <c r="LH722" s="613"/>
      <c r="LI722" s="613"/>
      <c r="LJ722" s="613"/>
      <c r="LK722" s="613"/>
      <c r="LL722" s="613"/>
      <c r="LM722" s="613"/>
      <c r="LN722" s="613"/>
      <c r="LO722" s="613"/>
      <c r="LP722" s="613"/>
      <c r="LQ722" s="613"/>
      <c r="LR722" s="613"/>
      <c r="LS722" s="613"/>
      <c r="LT722" s="613"/>
      <c r="LU722" s="613"/>
      <c r="LV722" s="613"/>
      <c r="LW722" s="613"/>
      <c r="LX722" s="613"/>
      <c r="LY722" s="613"/>
      <c r="LZ722" s="613"/>
      <c r="MA722" s="613"/>
      <c r="MB722" s="613"/>
      <c r="MC722" s="613"/>
      <c r="MD722" s="613"/>
      <c r="ME722" s="613"/>
      <c r="MF722" s="613"/>
      <c r="MG722" s="613"/>
      <c r="MH722" s="613"/>
      <c r="MI722" s="613"/>
      <c r="MJ722" s="613"/>
      <c r="MK722" s="613"/>
      <c r="ML722" s="613"/>
      <c r="MM722" s="613"/>
      <c r="MN722" s="613"/>
      <c r="MO722" s="613"/>
      <c r="MP722" s="613"/>
      <c r="MQ722" s="613"/>
      <c r="MR722" s="613"/>
      <c r="MS722" s="613"/>
      <c r="MT722" s="613"/>
      <c r="MU722" s="613"/>
      <c r="MV722" s="613"/>
      <c r="MW722" s="613"/>
      <c r="MX722" s="613"/>
      <c r="MY722" s="613"/>
      <c r="MZ722" s="613"/>
      <c r="NA722" s="613"/>
      <c r="NB722" s="613"/>
      <c r="NC722" s="613"/>
      <c r="ND722" s="613"/>
      <c r="NE722" s="613"/>
      <c r="NF722" s="613"/>
      <c r="NG722" s="613"/>
      <c r="NH722" s="613"/>
      <c r="NI722" s="613"/>
      <c r="NJ722" s="613"/>
      <c r="NK722" s="613"/>
      <c r="NL722" s="613"/>
      <c r="NM722" s="613"/>
      <c r="NN722" s="613"/>
      <c r="NO722" s="613"/>
      <c r="NP722" s="613"/>
      <c r="NQ722" s="613"/>
      <c r="NR722" s="613"/>
      <c r="NS722" s="613"/>
      <c r="NT722" s="613"/>
      <c r="NU722" s="613"/>
      <c r="NV722" s="613"/>
      <c r="NW722" s="613"/>
      <c r="NX722" s="613"/>
      <c r="NY722" s="613"/>
      <c r="NZ722" s="613"/>
      <c r="OA722" s="613"/>
      <c r="OB722" s="613"/>
      <c r="OC722" s="613"/>
      <c r="OD722" s="613"/>
      <c r="OE722" s="613"/>
      <c r="OF722" s="613"/>
      <c r="OG722" s="613"/>
      <c r="OH722" s="613"/>
      <c r="OI722" s="613"/>
      <c r="OJ722" s="613"/>
      <c r="OK722" s="613"/>
      <c r="OL722" s="613"/>
      <c r="OM722" s="613"/>
      <c r="ON722" s="613"/>
      <c r="OO722" s="613"/>
      <c r="OP722" s="613"/>
      <c r="OQ722" s="613"/>
      <c r="OR722" s="613"/>
      <c r="OS722" s="613"/>
      <c r="OT722" s="613"/>
      <c r="OU722" s="613"/>
      <c r="OV722" s="613"/>
      <c r="OW722" s="613"/>
      <c r="OX722" s="613"/>
      <c r="OY722" s="613"/>
      <c r="OZ722" s="613"/>
      <c r="PA722" s="613"/>
      <c r="PB722" s="613"/>
      <c r="PC722" s="613"/>
      <c r="PD722" s="613"/>
      <c r="PE722" s="613"/>
      <c r="PF722" s="613"/>
      <c r="PG722" s="613"/>
      <c r="PH722" s="613"/>
      <c r="PI722" s="613"/>
      <c r="PJ722" s="613"/>
      <c r="PK722" s="613"/>
      <c r="PL722" s="613"/>
      <c r="PM722" s="613"/>
      <c r="PN722" s="613"/>
      <c r="PO722" s="613"/>
      <c r="PP722" s="613"/>
      <c r="PQ722" s="613"/>
      <c r="PR722" s="613"/>
      <c r="PS722" s="613"/>
      <c r="PT722" s="613"/>
      <c r="PU722" s="613"/>
      <c r="PV722" s="613"/>
      <c r="PW722" s="613"/>
      <c r="PX722" s="613"/>
      <c r="PY722" s="613"/>
      <c r="PZ722" s="613"/>
      <c r="QA722" s="613"/>
      <c r="QB722" s="613"/>
      <c r="QC722" s="613"/>
      <c r="QD722" s="613"/>
      <c r="QE722" s="613"/>
      <c r="QF722" s="613"/>
      <c r="QG722" s="613"/>
      <c r="QH722" s="613"/>
      <c r="QI722" s="613"/>
      <c r="QJ722" s="613"/>
      <c r="QK722" s="613"/>
      <c r="QL722" s="613"/>
      <c r="QM722" s="613"/>
      <c r="QN722" s="613"/>
      <c r="QO722" s="613"/>
      <c r="QP722" s="613"/>
      <c r="QQ722" s="613"/>
      <c r="QR722" s="613"/>
      <c r="QS722" s="613"/>
      <c r="QT722" s="613"/>
      <c r="QU722" s="613"/>
      <c r="QV722" s="613"/>
      <c r="QW722" s="613"/>
      <c r="QX722" s="613"/>
      <c r="QY722" s="613"/>
      <c r="QZ722" s="613"/>
      <c r="RA722" s="613"/>
      <c r="RB722" s="613"/>
      <c r="RC722" s="613"/>
      <c r="RD722" s="613"/>
      <c r="RE722" s="613"/>
      <c r="RF722" s="613"/>
      <c r="RG722" s="613"/>
      <c r="RH722" s="613"/>
      <c r="RI722" s="613"/>
      <c r="RJ722" s="613"/>
      <c r="RK722" s="613"/>
      <c r="RL722" s="613"/>
      <c r="RM722" s="613"/>
      <c r="RN722" s="613"/>
      <c r="RO722" s="613"/>
      <c r="RP722" s="613"/>
      <c r="RQ722" s="613"/>
      <c r="RR722" s="613"/>
      <c r="RS722" s="613"/>
      <c r="RT722" s="613"/>
      <c r="RU722" s="613"/>
      <c r="RV722" s="613"/>
      <c r="RW722" s="613"/>
      <c r="RX722" s="613"/>
      <c r="RY722" s="613"/>
      <c r="RZ722" s="613"/>
      <c r="SA722" s="613"/>
      <c r="SB722" s="613"/>
      <c r="SC722" s="613"/>
      <c r="SD722" s="613"/>
      <c r="SE722" s="613"/>
      <c r="SF722" s="613"/>
      <c r="SG722" s="613"/>
      <c r="SH722" s="613"/>
      <c r="SI722" s="613"/>
      <c r="SJ722" s="613"/>
      <c r="SK722" s="613"/>
      <c r="SL722" s="613"/>
      <c r="SM722" s="613"/>
      <c r="SN722" s="613"/>
      <c r="SO722" s="613"/>
      <c r="SP722" s="613"/>
      <c r="SQ722" s="613"/>
      <c r="SR722" s="613"/>
      <c r="SS722" s="613"/>
      <c r="ST722" s="613"/>
      <c r="SU722" s="613"/>
      <c r="SV722" s="613"/>
      <c r="SW722" s="613"/>
      <c r="SX722" s="613"/>
      <c r="SY722" s="613"/>
      <c r="SZ722" s="613"/>
      <c r="TA722" s="613"/>
      <c r="TB722" s="613"/>
      <c r="TC722" s="613"/>
      <c r="TD722" s="613"/>
      <c r="TE722" s="613"/>
      <c r="TF722" s="613"/>
      <c r="TG722" s="613"/>
      <c r="TH722" s="613"/>
      <c r="TI722" s="613"/>
      <c r="TJ722" s="613"/>
      <c r="TK722" s="613"/>
      <c r="TL722" s="613"/>
      <c r="TM722" s="613"/>
      <c r="TN722" s="613"/>
      <c r="TO722" s="613"/>
      <c r="TP722" s="613"/>
      <c r="TQ722" s="613"/>
      <c r="TR722" s="613"/>
      <c r="TS722" s="613"/>
      <c r="TT722" s="613"/>
      <c r="TU722" s="613"/>
      <c r="TV722" s="613"/>
      <c r="TW722" s="613"/>
      <c r="TX722" s="613"/>
      <c r="TY722" s="613"/>
      <c r="TZ722" s="613"/>
      <c r="UA722" s="613"/>
      <c r="UB722" s="613"/>
      <c r="UC722" s="613"/>
      <c r="UD722" s="613"/>
      <c r="UE722" s="613"/>
      <c r="UF722" s="613"/>
      <c r="UG722" s="613"/>
      <c r="UH722" s="613"/>
      <c r="UI722" s="613"/>
      <c r="UJ722" s="613"/>
      <c r="UK722" s="613"/>
      <c r="UL722" s="613"/>
      <c r="UM722" s="613"/>
      <c r="UN722" s="613"/>
      <c r="UO722" s="613"/>
      <c r="UP722" s="613"/>
      <c r="UQ722" s="613"/>
      <c r="UR722" s="613"/>
      <c r="US722" s="613"/>
      <c r="UT722" s="613"/>
      <c r="UU722" s="613"/>
      <c r="UV722" s="613"/>
      <c r="UW722" s="613"/>
      <c r="UX722" s="613"/>
      <c r="UY722" s="613"/>
      <c r="UZ722" s="613"/>
      <c r="VA722" s="613"/>
      <c r="VB722" s="613"/>
      <c r="VC722" s="613"/>
      <c r="VD722" s="613"/>
      <c r="VE722" s="613"/>
      <c r="VF722" s="613"/>
      <c r="VG722" s="613"/>
      <c r="VH722" s="613"/>
      <c r="VI722" s="613"/>
      <c r="VJ722" s="613"/>
      <c r="VK722" s="613"/>
      <c r="VL722" s="613"/>
      <c r="VM722" s="613"/>
      <c r="VN722" s="613"/>
      <c r="VO722" s="613"/>
      <c r="VP722" s="613"/>
      <c r="VQ722" s="613"/>
      <c r="VR722" s="613"/>
      <c r="VS722" s="613"/>
      <c r="VT722" s="613"/>
      <c r="VU722" s="613"/>
      <c r="VV722" s="613"/>
      <c r="VW722" s="613"/>
      <c r="VX722" s="613"/>
      <c r="VY722" s="613"/>
      <c r="VZ722" s="613"/>
      <c r="WA722" s="613"/>
      <c r="WB722" s="613"/>
      <c r="WC722" s="613"/>
      <c r="WD722" s="613"/>
      <c r="WE722" s="613"/>
      <c r="WF722" s="613"/>
      <c r="WG722" s="613"/>
      <c r="WH722" s="613"/>
      <c r="WI722" s="613"/>
      <c r="WJ722" s="613"/>
      <c r="WK722" s="613"/>
      <c r="WL722" s="613"/>
      <c r="WM722" s="613"/>
      <c r="WN722" s="613"/>
      <c r="WO722" s="613"/>
      <c r="WP722" s="613"/>
      <c r="WQ722" s="613"/>
      <c r="WR722" s="613"/>
      <c r="WS722" s="613"/>
      <c r="WT722" s="613"/>
      <c r="WU722" s="613"/>
      <c r="WV722" s="613"/>
      <c r="WW722" s="613"/>
      <c r="WX722" s="613"/>
      <c r="WY722" s="613"/>
      <c r="WZ722" s="613"/>
      <c r="XA722" s="613"/>
      <c r="XB722" s="613"/>
      <c r="XC722" s="613"/>
      <c r="XD722" s="613"/>
      <c r="XE722" s="613"/>
      <c r="XF722" s="613"/>
      <c r="XG722" s="613"/>
      <c r="XH722" s="613"/>
      <c r="XI722" s="613"/>
      <c r="XJ722" s="613"/>
      <c r="XK722" s="613"/>
      <c r="XL722" s="613"/>
      <c r="XM722" s="613"/>
      <c r="XN722" s="613"/>
      <c r="XO722" s="613"/>
      <c r="XP722" s="613"/>
      <c r="XQ722" s="613"/>
      <c r="XR722" s="613"/>
      <c r="XS722" s="613"/>
      <c r="XT722" s="613"/>
      <c r="XU722" s="613"/>
      <c r="XV722" s="613"/>
      <c r="XW722" s="613"/>
      <c r="XX722" s="613"/>
      <c r="XY722" s="613"/>
      <c r="XZ722" s="613"/>
      <c r="YA722" s="613"/>
      <c r="YB722" s="613"/>
      <c r="YC722" s="613"/>
      <c r="YD722" s="613"/>
      <c r="YE722" s="613"/>
      <c r="YF722" s="613"/>
      <c r="YG722" s="613"/>
      <c r="YH722" s="613"/>
      <c r="YI722" s="613"/>
      <c r="YJ722" s="613"/>
      <c r="YK722" s="613"/>
      <c r="YL722" s="613"/>
      <c r="YM722" s="613"/>
      <c r="YN722" s="613"/>
      <c r="YO722" s="613"/>
      <c r="YP722" s="613"/>
      <c r="YQ722" s="613"/>
      <c r="YR722" s="613"/>
      <c r="YS722" s="613"/>
      <c r="YT722" s="613"/>
      <c r="YU722" s="613"/>
      <c r="YV722" s="613"/>
      <c r="YW722" s="613"/>
      <c r="YX722" s="613"/>
      <c r="YY722" s="613"/>
      <c r="YZ722" s="613"/>
      <c r="ZA722" s="613"/>
      <c r="ZB722" s="613"/>
      <c r="ZC722" s="613"/>
      <c r="ZD722" s="613"/>
      <c r="ZE722" s="613"/>
      <c r="ZF722" s="613"/>
      <c r="ZG722" s="613"/>
      <c r="ZH722" s="613"/>
      <c r="ZI722" s="613"/>
      <c r="ZJ722" s="613"/>
      <c r="ZK722" s="613"/>
      <c r="ZL722" s="613"/>
      <c r="ZM722" s="613"/>
      <c r="ZN722" s="613"/>
      <c r="ZO722" s="613"/>
      <c r="ZP722" s="613"/>
      <c r="ZQ722" s="613"/>
      <c r="ZR722" s="613"/>
      <c r="ZS722" s="613"/>
      <c r="ZT722" s="613"/>
      <c r="ZU722" s="613"/>
      <c r="ZV722" s="613"/>
      <c r="ZW722" s="613"/>
      <c r="ZX722" s="613"/>
      <c r="ZY722" s="613"/>
      <c r="ZZ722" s="613"/>
      <c r="AAA722" s="613"/>
      <c r="AAB722" s="613"/>
      <c r="AAC722" s="613"/>
      <c r="AAD722" s="613"/>
      <c r="AAE722" s="613"/>
      <c r="AAF722" s="613"/>
      <c r="AAG722" s="613"/>
      <c r="AAH722" s="613"/>
      <c r="AAI722" s="613"/>
      <c r="AAJ722" s="613"/>
      <c r="AAK722" s="613"/>
      <c r="AAL722" s="613"/>
      <c r="AAM722" s="613"/>
      <c r="AAN722" s="613"/>
      <c r="AAO722" s="613"/>
      <c r="AAP722" s="613"/>
      <c r="AAQ722" s="613"/>
      <c r="AAR722" s="613"/>
      <c r="AAS722" s="613"/>
      <c r="AAT722" s="613"/>
      <c r="AAU722" s="613"/>
      <c r="AAV722" s="613"/>
      <c r="AAW722" s="613"/>
      <c r="AAX722" s="613"/>
      <c r="AAY722" s="613"/>
      <c r="AAZ722" s="613"/>
      <c r="ABA722" s="613"/>
      <c r="ABB722" s="613"/>
      <c r="ABC722" s="613"/>
      <c r="ABD722" s="613"/>
      <c r="ABE722" s="613"/>
      <c r="ABF722" s="613"/>
      <c r="ABG722" s="613"/>
      <c r="ABH722" s="613"/>
      <c r="ABI722" s="613"/>
      <c r="ABJ722" s="613"/>
      <c r="ABK722" s="613"/>
      <c r="ABL722" s="613"/>
      <c r="ABM722" s="613"/>
      <c r="ABN722" s="613"/>
      <c r="ABO722" s="613"/>
      <c r="ABP722" s="613"/>
      <c r="ABQ722" s="613"/>
      <c r="ABR722" s="613"/>
      <c r="ABS722" s="613"/>
      <c r="ABT722" s="613"/>
      <c r="ABU722" s="613"/>
      <c r="ABV722" s="613"/>
      <c r="ABW722" s="613"/>
      <c r="ABX722" s="613"/>
      <c r="ABY722" s="613"/>
      <c r="ABZ722" s="613"/>
      <c r="ACA722" s="613"/>
      <c r="ACB722" s="613"/>
      <c r="ACC722" s="613"/>
      <c r="ACD722" s="613"/>
      <c r="ACE722" s="613"/>
      <c r="ACF722" s="613"/>
      <c r="ACG722" s="613"/>
      <c r="ACH722" s="613"/>
      <c r="ACI722" s="613"/>
      <c r="ACJ722" s="613"/>
      <c r="ACK722" s="613"/>
      <c r="ACL722" s="613"/>
      <c r="ACM722" s="613"/>
      <c r="ACN722" s="613"/>
      <c r="ACO722" s="613"/>
      <c r="ACP722" s="613"/>
      <c r="ACQ722" s="613"/>
      <c r="ACR722" s="613"/>
      <c r="ACS722" s="613"/>
      <c r="ACT722" s="613"/>
      <c r="ACU722" s="613"/>
      <c r="ACV722" s="613"/>
      <c r="ACW722" s="613"/>
      <c r="ACX722" s="613"/>
      <c r="ACY722" s="613"/>
      <c r="ACZ722" s="613"/>
      <c r="ADA722" s="613"/>
      <c r="ADB722" s="613"/>
      <c r="ADC722" s="613"/>
      <c r="ADD722" s="613"/>
      <c r="ADE722" s="613"/>
      <c r="ADF722" s="613"/>
      <c r="ADG722" s="613"/>
      <c r="ADH722" s="613"/>
      <c r="ADI722" s="613"/>
      <c r="ADJ722" s="613"/>
      <c r="ADK722" s="613"/>
      <c r="ADL722" s="613"/>
      <c r="ADM722" s="613"/>
      <c r="ADN722" s="613"/>
      <c r="ADO722" s="613"/>
      <c r="ADP722" s="613"/>
      <c r="ADQ722" s="613"/>
      <c r="ADR722" s="613"/>
      <c r="ADS722" s="613"/>
      <c r="ADT722" s="613"/>
      <c r="ADU722" s="613"/>
      <c r="ADV722" s="613"/>
      <c r="ADW722" s="613"/>
      <c r="ADX722" s="613"/>
      <c r="ADY722" s="613"/>
      <c r="ADZ722" s="613"/>
      <c r="AEA722" s="613"/>
      <c r="AEB722" s="613"/>
      <c r="AEC722" s="613"/>
      <c r="AED722" s="613"/>
      <c r="AEE722" s="613"/>
      <c r="AEF722" s="613"/>
      <c r="AEG722" s="613"/>
      <c r="AEH722" s="613"/>
      <c r="AEI722" s="613"/>
      <c r="AEJ722" s="613"/>
      <c r="AEK722" s="613"/>
      <c r="AEL722" s="613"/>
      <c r="AEM722" s="613"/>
      <c r="AEN722" s="613"/>
      <c r="AEO722" s="613"/>
      <c r="AEP722" s="613"/>
      <c r="AEQ722" s="613"/>
      <c r="AER722" s="613"/>
      <c r="AES722" s="613"/>
      <c r="AET722" s="613"/>
      <c r="AEU722" s="613"/>
      <c r="AEV722" s="613"/>
      <c r="AEW722" s="613"/>
      <c r="AEX722" s="613"/>
      <c r="AEY722" s="613"/>
      <c r="AEZ722" s="613"/>
      <c r="AFA722" s="613"/>
      <c r="AFB722" s="613"/>
      <c r="AFC722" s="613"/>
      <c r="AFD722" s="613"/>
      <c r="AFE722" s="613"/>
      <c r="AFF722" s="613"/>
      <c r="AFG722" s="613"/>
      <c r="AFH722" s="613"/>
      <c r="AFI722" s="613"/>
      <c r="AFJ722" s="613"/>
      <c r="AFK722" s="613"/>
      <c r="AFL722" s="613"/>
      <c r="AFM722" s="613"/>
      <c r="AFN722" s="613"/>
      <c r="AFO722" s="613"/>
      <c r="AFP722" s="613"/>
      <c r="AFQ722" s="613"/>
      <c r="AFR722" s="613"/>
      <c r="AFS722" s="613"/>
      <c r="AFT722" s="613"/>
      <c r="AFU722" s="613"/>
      <c r="AFV722" s="613"/>
      <c r="AFW722" s="613"/>
      <c r="AFX722" s="613"/>
      <c r="AFY722" s="613"/>
      <c r="AFZ722" s="613"/>
      <c r="AGA722" s="613"/>
      <c r="AGB722" s="613"/>
      <c r="AGC722" s="613"/>
      <c r="AGD722" s="613"/>
      <c r="AGE722" s="613"/>
      <c r="AGF722" s="613"/>
      <c r="AGG722" s="613"/>
      <c r="AGH722" s="613"/>
      <c r="AGI722" s="613"/>
      <c r="AGJ722" s="613"/>
      <c r="AGK722" s="613"/>
      <c r="AGL722" s="613"/>
      <c r="AGM722" s="613"/>
      <c r="AGN722" s="613"/>
      <c r="AGO722" s="613"/>
      <c r="AGP722" s="613"/>
      <c r="AGQ722" s="613"/>
      <c r="AGR722" s="613"/>
      <c r="AGS722" s="613"/>
      <c r="AGT722" s="613"/>
      <c r="AGU722" s="613"/>
      <c r="AGV722" s="613"/>
      <c r="AGW722" s="613"/>
      <c r="AGX722" s="613"/>
      <c r="AGY722" s="613"/>
      <c r="AGZ722" s="613"/>
      <c r="AHA722" s="613"/>
      <c r="AHB722" s="613"/>
      <c r="AHC722" s="613"/>
      <c r="AHD722" s="613"/>
      <c r="AHE722" s="613"/>
      <c r="AHF722" s="613"/>
      <c r="AHG722" s="613"/>
      <c r="AHH722" s="613"/>
      <c r="AHI722" s="613"/>
      <c r="AHJ722" s="613"/>
      <c r="AHK722" s="613"/>
      <c r="AHL722" s="613"/>
      <c r="AHM722" s="613"/>
      <c r="AHN722" s="613"/>
      <c r="AHO722" s="613"/>
      <c r="AHP722" s="613"/>
      <c r="AHQ722" s="613"/>
      <c r="AHR722" s="613"/>
      <c r="AHS722" s="613"/>
      <c r="AHT722" s="613"/>
      <c r="AHU722" s="613"/>
      <c r="AHV722" s="613"/>
      <c r="AHW722" s="613"/>
      <c r="AHX722" s="613"/>
      <c r="AHY722" s="613"/>
      <c r="AHZ722" s="613"/>
      <c r="AIA722" s="613"/>
      <c r="AIB722" s="613"/>
      <c r="AIC722" s="613"/>
      <c r="AID722" s="613"/>
      <c r="AIE722" s="613"/>
      <c r="AIF722" s="613"/>
      <c r="AIG722" s="613"/>
      <c r="AIH722" s="613"/>
      <c r="AII722" s="613"/>
      <c r="AIJ722" s="613"/>
      <c r="AIK722" s="613"/>
      <c r="AIL722" s="613"/>
      <c r="AIM722" s="613"/>
      <c r="AIN722" s="613"/>
      <c r="AIO722" s="613"/>
      <c r="AIP722" s="613"/>
      <c r="AIQ722" s="613"/>
      <c r="AIR722" s="613"/>
      <c r="AIS722" s="613"/>
      <c r="AIT722" s="613"/>
      <c r="AIU722" s="613"/>
      <c r="AIV722" s="613"/>
      <c r="AIW722" s="613"/>
      <c r="AIX722" s="613"/>
      <c r="AIY722" s="613"/>
      <c r="AIZ722" s="613"/>
      <c r="AJA722" s="613"/>
      <c r="AJB722" s="613"/>
      <c r="AJC722" s="613"/>
      <c r="AJD722" s="613"/>
      <c r="AJE722" s="613"/>
      <c r="AJF722" s="613"/>
      <c r="AJG722" s="613"/>
      <c r="AJH722" s="613"/>
      <c r="AJI722" s="613"/>
      <c r="AJJ722" s="613"/>
      <c r="AJK722" s="613"/>
      <c r="AJL722" s="613"/>
      <c r="AJM722" s="613"/>
      <c r="AJN722" s="613"/>
      <c r="AJO722" s="613"/>
      <c r="AJP722" s="613"/>
      <c r="AJQ722" s="613"/>
      <c r="AJR722" s="613"/>
      <c r="AJS722" s="613"/>
      <c r="AJT722" s="613"/>
      <c r="AJU722" s="613"/>
      <c r="AJV722" s="613"/>
      <c r="AJW722" s="613"/>
      <c r="AJX722" s="613"/>
      <c r="AJY722" s="613"/>
      <c r="AJZ722" s="613"/>
      <c r="AKA722" s="613"/>
      <c r="AKB722" s="613"/>
      <c r="AKC722" s="613"/>
      <c r="AKD722" s="613"/>
      <c r="AKE722" s="613"/>
      <c r="AKF722" s="613"/>
      <c r="AKG722" s="613"/>
      <c r="AKH722" s="613"/>
      <c r="AKI722" s="613"/>
      <c r="AKJ722" s="613"/>
      <c r="AKK722" s="613"/>
      <c r="AKL722" s="613"/>
      <c r="AKM722" s="613"/>
      <c r="AKN722" s="613"/>
      <c r="AKO722" s="613"/>
      <c r="AKP722" s="613"/>
      <c r="AKQ722" s="613"/>
      <c r="AKR722" s="613"/>
      <c r="AKS722" s="613"/>
      <c r="AKT722" s="613"/>
      <c r="AKU722" s="613"/>
      <c r="AKV722" s="613"/>
      <c r="AKW722" s="613"/>
      <c r="AKX722" s="613"/>
      <c r="AKY722" s="613"/>
      <c r="AKZ722" s="613"/>
      <c r="ALA722" s="613"/>
      <c r="ALB722" s="613"/>
      <c r="ALC722" s="613"/>
      <c r="ALD722" s="613"/>
      <c r="ALE722" s="613"/>
      <c r="ALF722" s="613"/>
      <c r="ALG722" s="613"/>
      <c r="ALH722" s="613"/>
      <c r="ALI722" s="613"/>
      <c r="ALJ722" s="613"/>
      <c r="ALK722" s="613"/>
      <c r="ALL722" s="613"/>
      <c r="ALM722" s="613"/>
      <c r="ALN722" s="613"/>
      <c r="ALO722" s="613"/>
      <c r="ALP722" s="613"/>
      <c r="ALQ722" s="613"/>
      <c r="ALR722" s="613"/>
      <c r="ALS722" s="613"/>
      <c r="ALT722" s="613"/>
      <c r="ALU722" s="613"/>
      <c r="ALV722" s="613"/>
      <c r="ALW722" s="613"/>
      <c r="ALX722" s="613"/>
      <c r="ALY722" s="613"/>
      <c r="ALZ722" s="613"/>
      <c r="AMA722" s="613"/>
      <c r="AMB722" s="613"/>
      <c r="AMC722" s="613"/>
      <c r="AMD722" s="613"/>
      <c r="AME722" s="613"/>
      <c r="AMF722" s="613"/>
      <c r="AMG722" s="613"/>
      <c r="AMH722" s="613"/>
      <c r="AMI722" s="613"/>
      <c r="AMJ722" s="613"/>
      <c r="AMK722" s="613"/>
      <c r="AML722" s="613"/>
      <c r="AMM722" s="613"/>
      <c r="AMN722" s="613"/>
      <c r="AMO722" s="613"/>
      <c r="AMP722" s="613"/>
      <c r="AMQ722" s="613"/>
      <c r="AMR722" s="613"/>
      <c r="AMS722" s="613"/>
      <c r="AMT722" s="613"/>
      <c r="AMU722" s="613"/>
      <c r="AMV722" s="613"/>
      <c r="AMW722" s="613"/>
      <c r="AMX722" s="613"/>
      <c r="AMY722" s="613"/>
      <c r="AMZ722" s="613"/>
      <c r="ANA722" s="613"/>
      <c r="ANB722" s="613"/>
      <c r="ANC722" s="613"/>
      <c r="AND722" s="613"/>
      <c r="ANE722" s="613"/>
      <c r="ANF722" s="613"/>
      <c r="ANG722" s="613"/>
      <c r="ANH722" s="613"/>
      <c r="ANI722" s="613"/>
      <c r="ANJ722" s="613"/>
      <c r="ANK722" s="613"/>
      <c r="ANL722" s="613"/>
      <c r="ANM722" s="613"/>
      <c r="ANN722" s="613"/>
      <c r="ANO722" s="613"/>
      <c r="ANP722" s="613"/>
      <c r="ANQ722" s="613"/>
      <c r="ANR722" s="613"/>
      <c r="ANS722" s="613"/>
      <c r="ANT722" s="613"/>
      <c r="ANU722" s="613"/>
      <c r="ANV722" s="613"/>
      <c r="ANW722" s="613"/>
      <c r="ANX722" s="613"/>
      <c r="ANY722" s="613"/>
      <c r="ANZ722" s="613"/>
      <c r="AOA722" s="613"/>
      <c r="AOB722" s="613"/>
      <c r="AOC722" s="613"/>
      <c r="AOD722" s="613"/>
      <c r="AOE722" s="613"/>
      <c r="AOF722" s="613"/>
      <c r="AOG722" s="613"/>
      <c r="AOH722" s="613"/>
      <c r="AOI722" s="613"/>
      <c r="AOJ722" s="613"/>
      <c r="AOK722" s="613"/>
      <c r="AOL722" s="613"/>
      <c r="AOM722" s="613"/>
      <c r="AON722" s="613"/>
      <c r="AOO722" s="613"/>
      <c r="AOP722" s="613"/>
      <c r="AOQ722" s="613"/>
      <c r="AOR722" s="613"/>
      <c r="AOS722" s="613"/>
      <c r="AOT722" s="613"/>
      <c r="AOU722" s="613"/>
      <c r="AOV722" s="613"/>
      <c r="AOW722" s="613"/>
      <c r="AOX722" s="613"/>
      <c r="AOY722" s="613"/>
      <c r="AOZ722" s="613"/>
      <c r="APA722" s="613"/>
      <c r="APB722" s="613"/>
      <c r="APC722" s="613"/>
      <c r="APD722" s="613"/>
      <c r="APE722" s="613"/>
      <c r="APF722" s="613"/>
      <c r="APG722" s="613"/>
      <c r="APH722" s="613"/>
      <c r="API722" s="613"/>
      <c r="APJ722" s="613"/>
      <c r="APK722" s="613"/>
      <c r="APL722" s="613"/>
      <c r="APM722" s="613"/>
      <c r="APN722" s="613"/>
      <c r="APO722" s="613"/>
      <c r="APP722" s="613"/>
      <c r="APQ722" s="613"/>
      <c r="APR722" s="613"/>
      <c r="APS722" s="613"/>
      <c r="APT722" s="613"/>
      <c r="APU722" s="613"/>
      <c r="APV722" s="613"/>
      <c r="APW722" s="613"/>
      <c r="APX722" s="613"/>
      <c r="APY722" s="613"/>
      <c r="APZ722" s="613"/>
      <c r="AQA722" s="613"/>
      <c r="AQB722" s="613"/>
      <c r="AQC722" s="613"/>
      <c r="AQD722" s="613"/>
      <c r="AQE722" s="613"/>
      <c r="AQF722" s="613"/>
      <c r="AQG722" s="613"/>
      <c r="AQH722" s="613"/>
      <c r="AQI722" s="613"/>
      <c r="AQJ722" s="613"/>
      <c r="AQK722" s="613"/>
      <c r="AQL722" s="613"/>
      <c r="AQM722" s="613"/>
      <c r="AQN722" s="613"/>
      <c r="AQO722" s="613"/>
      <c r="AQP722" s="613"/>
      <c r="AQQ722" s="613"/>
      <c r="AQR722" s="613"/>
      <c r="AQS722" s="613"/>
      <c r="AQT722" s="613"/>
      <c r="AQU722" s="613"/>
      <c r="AQV722" s="613"/>
      <c r="AQW722" s="613"/>
      <c r="AQX722" s="613"/>
      <c r="AQY722" s="613"/>
      <c r="AQZ722" s="613"/>
      <c r="ARA722" s="613"/>
      <c r="ARB722" s="613"/>
      <c r="ARC722" s="613"/>
      <c r="ARD722" s="613"/>
      <c r="ARE722" s="613"/>
      <c r="ARF722" s="613"/>
      <c r="ARG722" s="613"/>
      <c r="ARH722" s="613"/>
      <c r="ARI722" s="613"/>
      <c r="ARJ722" s="613"/>
      <c r="ARK722" s="613"/>
      <c r="ARL722" s="613"/>
      <c r="ARM722" s="613"/>
      <c r="ARN722" s="613"/>
      <c r="ARO722" s="613"/>
      <c r="ARP722" s="613"/>
      <c r="ARQ722" s="613"/>
      <c r="ARR722" s="613"/>
      <c r="ARS722" s="613"/>
      <c r="ART722" s="613"/>
      <c r="ARU722" s="613"/>
      <c r="ARV722" s="613"/>
      <c r="ARW722" s="613"/>
      <c r="ARX722" s="613"/>
      <c r="ARY722" s="613"/>
      <c r="ARZ722" s="613"/>
      <c r="ASA722" s="613"/>
      <c r="ASB722" s="613"/>
      <c r="ASC722" s="613"/>
      <c r="ASD722" s="613"/>
      <c r="ASE722" s="613"/>
      <c r="ASF722" s="613"/>
      <c r="ASG722" s="613"/>
      <c r="ASH722" s="613"/>
      <c r="ASI722" s="613"/>
      <c r="ASJ722" s="613"/>
      <c r="ASK722" s="613"/>
      <c r="ASL722" s="613"/>
      <c r="ASM722" s="613"/>
      <c r="ASN722" s="613"/>
      <c r="ASO722" s="613"/>
      <c r="ASP722" s="613"/>
      <c r="ASQ722" s="613"/>
      <c r="ASR722" s="613"/>
      <c r="ASS722" s="613"/>
      <c r="AST722" s="613"/>
      <c r="ASU722" s="613"/>
      <c r="ASV722" s="613"/>
      <c r="ASW722" s="613"/>
      <c r="ASX722" s="613"/>
      <c r="ASY722" s="613"/>
      <c r="ASZ722" s="613"/>
      <c r="ATA722" s="613"/>
      <c r="ATB722" s="613"/>
      <c r="ATC722" s="613"/>
      <c r="ATD722" s="613"/>
      <c r="ATE722" s="613"/>
      <c r="ATF722" s="613"/>
      <c r="ATG722" s="613"/>
      <c r="ATH722" s="613"/>
      <c r="ATI722" s="613"/>
      <c r="ATJ722" s="613"/>
      <c r="ATK722" s="613"/>
      <c r="ATL722" s="613"/>
      <c r="ATM722" s="613"/>
      <c r="ATN722" s="613"/>
      <c r="ATO722" s="613"/>
      <c r="ATP722" s="613"/>
      <c r="ATQ722" s="613"/>
      <c r="ATR722" s="613"/>
      <c r="ATS722" s="613"/>
      <c r="ATT722" s="613"/>
      <c r="ATU722" s="613"/>
      <c r="ATV722" s="613"/>
      <c r="ATW722" s="613"/>
      <c r="ATX722" s="613"/>
      <c r="ATY722" s="613"/>
      <c r="ATZ722" s="613"/>
      <c r="AUA722" s="613"/>
      <c r="AUB722" s="613"/>
      <c r="AUC722" s="613"/>
      <c r="AUD722" s="613"/>
      <c r="AUE722" s="613"/>
      <c r="AUF722" s="613"/>
      <c r="AUG722" s="613"/>
      <c r="AUH722" s="613"/>
      <c r="AUI722" s="613"/>
      <c r="AUJ722" s="613"/>
      <c r="AUK722" s="613"/>
      <c r="AUL722" s="613"/>
      <c r="AUM722" s="613"/>
      <c r="AUN722" s="613"/>
      <c r="AUO722" s="613"/>
      <c r="AUP722" s="613"/>
      <c r="AUQ722" s="613"/>
      <c r="AUR722" s="613"/>
      <c r="AUS722" s="613"/>
      <c r="AUT722" s="613"/>
      <c r="AUU722" s="613"/>
      <c r="AUV722" s="613"/>
      <c r="AUW722" s="613"/>
      <c r="AUX722" s="613"/>
      <c r="AUY722" s="613"/>
      <c r="AUZ722" s="613"/>
      <c r="AVA722" s="613"/>
      <c r="AVB722" s="613"/>
      <c r="AVC722" s="613"/>
      <c r="AVD722" s="613"/>
      <c r="AVE722" s="613"/>
      <c r="AVF722" s="613"/>
      <c r="AVG722" s="613"/>
      <c r="AVH722" s="613"/>
      <c r="AVI722" s="613"/>
      <c r="AVJ722" s="613"/>
      <c r="AVK722" s="613"/>
      <c r="AVL722" s="613"/>
      <c r="AVM722" s="613"/>
      <c r="AVN722" s="613"/>
      <c r="AVO722" s="613"/>
      <c r="AVP722" s="613"/>
      <c r="AVQ722" s="613"/>
      <c r="AVR722" s="613"/>
      <c r="AVS722" s="613"/>
      <c r="AVT722" s="613"/>
      <c r="AVU722" s="613"/>
      <c r="AVV722" s="613"/>
      <c r="AVW722" s="613"/>
      <c r="AVX722" s="613"/>
      <c r="AVY722" s="613"/>
      <c r="AVZ722" s="613"/>
      <c r="AWA722" s="613"/>
      <c r="AWB722" s="613"/>
      <c r="AWC722" s="613"/>
      <c r="AWD722" s="613"/>
      <c r="AWE722" s="613"/>
      <c r="AWF722" s="613"/>
      <c r="AWG722" s="613"/>
      <c r="AWH722" s="613"/>
      <c r="AWI722" s="613"/>
      <c r="AWJ722" s="613"/>
      <c r="AWK722" s="613"/>
      <c r="AWL722" s="613"/>
      <c r="AWM722" s="613"/>
      <c r="AWN722" s="613"/>
      <c r="AWO722" s="613"/>
      <c r="AWP722" s="613"/>
      <c r="AWQ722" s="613"/>
      <c r="AWR722" s="613"/>
      <c r="AWS722" s="613"/>
      <c r="AWT722" s="613"/>
      <c r="AWU722" s="613"/>
      <c r="AWV722" s="613"/>
      <c r="AWW722" s="613"/>
      <c r="AWX722" s="613"/>
      <c r="AWY722" s="613"/>
      <c r="AWZ722" s="613"/>
      <c r="AXA722" s="613"/>
      <c r="AXB722" s="613"/>
      <c r="AXC722" s="613"/>
      <c r="AXD722" s="613"/>
      <c r="AXE722" s="613"/>
      <c r="AXF722" s="613"/>
      <c r="AXG722" s="613"/>
      <c r="AXH722" s="613"/>
      <c r="AXI722" s="613"/>
      <c r="AXJ722" s="613"/>
      <c r="AXK722" s="613"/>
      <c r="AXL722" s="613"/>
      <c r="AXM722" s="613"/>
      <c r="AXN722" s="613"/>
      <c r="AXO722" s="613"/>
      <c r="AXP722" s="613"/>
      <c r="AXQ722" s="613"/>
      <c r="AXR722" s="613"/>
      <c r="AXS722" s="613"/>
      <c r="AXT722" s="613"/>
      <c r="AXU722" s="613"/>
      <c r="AXV722" s="613"/>
      <c r="AXW722" s="613"/>
      <c r="AXX722" s="613"/>
      <c r="AXY722" s="613"/>
      <c r="AXZ722" s="613"/>
      <c r="AYA722" s="613"/>
      <c r="AYB722" s="613"/>
      <c r="AYC722" s="613"/>
      <c r="AYD722" s="613"/>
      <c r="AYE722" s="613"/>
      <c r="AYF722" s="613"/>
      <c r="AYG722" s="613"/>
      <c r="AYH722" s="613"/>
      <c r="AYI722" s="613"/>
      <c r="AYJ722" s="613"/>
      <c r="AYK722" s="613"/>
      <c r="AYL722" s="613"/>
      <c r="AYM722" s="613"/>
      <c r="AYN722" s="613"/>
      <c r="AYO722" s="613"/>
      <c r="AYP722" s="613"/>
      <c r="AYQ722" s="613"/>
      <c r="AYR722" s="613"/>
      <c r="AYS722" s="613"/>
      <c r="AYT722" s="613"/>
      <c r="AYU722" s="613"/>
      <c r="AYV722" s="613"/>
      <c r="AYW722" s="613"/>
      <c r="AYX722" s="613"/>
      <c r="AYY722" s="613"/>
      <c r="AYZ722" s="613"/>
      <c r="AZA722" s="613"/>
      <c r="AZB722" s="613"/>
      <c r="AZC722" s="613"/>
      <c r="AZD722" s="613"/>
      <c r="AZE722" s="613"/>
      <c r="AZF722" s="613"/>
      <c r="AZG722" s="613"/>
      <c r="AZH722" s="613"/>
      <c r="AZI722" s="613"/>
      <c r="AZJ722" s="613"/>
      <c r="AZK722" s="613"/>
      <c r="AZL722" s="613"/>
      <c r="AZM722" s="613"/>
      <c r="AZN722" s="613"/>
      <c r="AZO722" s="613"/>
      <c r="AZP722" s="613"/>
      <c r="AZQ722" s="613"/>
      <c r="AZR722" s="613"/>
      <c r="AZS722" s="613"/>
      <c r="AZT722" s="613"/>
      <c r="AZU722" s="613"/>
      <c r="AZV722" s="613"/>
      <c r="AZW722" s="613"/>
      <c r="AZX722" s="613"/>
      <c r="AZY722" s="613"/>
      <c r="AZZ722" s="613"/>
      <c r="BAA722" s="613"/>
      <c r="BAB722" s="613"/>
      <c r="BAC722" s="613"/>
      <c r="BAD722" s="613"/>
      <c r="BAE722" s="613"/>
      <c r="BAF722" s="613"/>
      <c r="BAG722" s="613"/>
      <c r="BAH722" s="613"/>
      <c r="BAI722" s="613"/>
      <c r="BAJ722" s="613"/>
      <c r="BAK722" s="613"/>
      <c r="BAL722" s="613"/>
      <c r="BAM722" s="613"/>
      <c r="BAN722" s="613"/>
      <c r="BAO722" s="613"/>
      <c r="BAP722" s="613"/>
      <c r="BAQ722" s="613"/>
      <c r="BAR722" s="613"/>
      <c r="BAS722" s="613"/>
      <c r="BAT722" s="613"/>
      <c r="BAU722" s="613"/>
      <c r="BAV722" s="613"/>
      <c r="BAW722" s="613"/>
      <c r="BAX722" s="613"/>
      <c r="BAY722" s="613"/>
      <c r="BAZ722" s="613"/>
      <c r="BBA722" s="613"/>
      <c r="BBB722" s="613"/>
      <c r="BBC722" s="613"/>
      <c r="BBD722" s="613"/>
      <c r="BBE722" s="613"/>
      <c r="BBF722" s="613"/>
      <c r="BBG722" s="613"/>
      <c r="BBH722" s="613"/>
      <c r="BBI722" s="613"/>
      <c r="BBJ722" s="613"/>
      <c r="BBK722" s="613"/>
      <c r="BBL722" s="613"/>
      <c r="BBM722" s="613"/>
      <c r="BBN722" s="613"/>
      <c r="BBO722" s="613"/>
      <c r="BBP722" s="613"/>
      <c r="BBQ722" s="613"/>
      <c r="BBR722" s="613"/>
      <c r="BBS722" s="613"/>
      <c r="BBT722" s="613"/>
      <c r="BBU722" s="613"/>
      <c r="BBV722" s="613"/>
      <c r="BBW722" s="613"/>
      <c r="BBX722" s="613"/>
      <c r="BBY722" s="613"/>
      <c r="BBZ722" s="613"/>
      <c r="BCA722" s="613"/>
      <c r="BCB722" s="613"/>
      <c r="BCC722" s="613"/>
      <c r="BCD722" s="613"/>
      <c r="BCE722" s="613"/>
      <c r="BCF722" s="613"/>
      <c r="BCG722" s="613"/>
      <c r="BCH722" s="613"/>
      <c r="BCI722" s="613"/>
      <c r="BCJ722" s="613"/>
      <c r="BCK722" s="613"/>
      <c r="BCL722" s="613"/>
      <c r="BCM722" s="613"/>
      <c r="BCN722" s="613"/>
      <c r="BCO722" s="613"/>
      <c r="BCP722" s="613"/>
      <c r="BCQ722" s="613"/>
      <c r="BCR722" s="613"/>
      <c r="BCS722" s="613"/>
      <c r="BCT722" s="613"/>
      <c r="BCU722" s="613"/>
      <c r="BCV722" s="613"/>
      <c r="BCW722" s="613"/>
      <c r="BCX722" s="613"/>
      <c r="BCY722" s="613"/>
      <c r="BCZ722" s="613"/>
      <c r="BDA722" s="613"/>
      <c r="BDB722" s="613"/>
      <c r="BDC722" s="613"/>
      <c r="BDD722" s="613"/>
      <c r="BDE722" s="613"/>
      <c r="BDF722" s="613"/>
      <c r="BDG722" s="613"/>
      <c r="BDH722" s="613"/>
      <c r="BDI722" s="613"/>
      <c r="BDJ722" s="613"/>
      <c r="BDK722" s="613"/>
      <c r="BDL722" s="613"/>
      <c r="BDM722" s="613"/>
      <c r="BDN722" s="613"/>
      <c r="BDO722" s="613"/>
      <c r="BDP722" s="613"/>
      <c r="BDQ722" s="613"/>
      <c r="BDR722" s="613"/>
      <c r="BDS722" s="613"/>
      <c r="BDT722" s="613"/>
      <c r="BDU722" s="613"/>
      <c r="BDV722" s="613"/>
      <c r="BDW722" s="613"/>
      <c r="BDX722" s="613"/>
      <c r="BDY722" s="613"/>
      <c r="BDZ722" s="613"/>
      <c r="BEA722" s="613"/>
      <c r="BEB722" s="613"/>
      <c r="BEC722" s="613"/>
      <c r="BED722" s="613"/>
      <c r="BEE722" s="613"/>
      <c r="BEF722" s="613"/>
      <c r="BEG722" s="613"/>
      <c r="BEH722" s="613"/>
      <c r="BEI722" s="613"/>
      <c r="BEJ722" s="613"/>
      <c r="BEK722" s="613"/>
      <c r="BEL722" s="613"/>
      <c r="BEM722" s="613"/>
      <c r="BEN722" s="613"/>
      <c r="BEO722" s="613"/>
      <c r="BEP722" s="613"/>
      <c r="BEQ722" s="613"/>
      <c r="BER722" s="613"/>
      <c r="BES722" s="613"/>
      <c r="BET722" s="613"/>
      <c r="BEU722" s="613"/>
      <c r="BEV722" s="613"/>
      <c r="BEW722" s="613"/>
      <c r="BEX722" s="613"/>
      <c r="BEY722" s="613"/>
      <c r="BEZ722" s="613"/>
      <c r="BFA722" s="613"/>
      <c r="BFB722" s="613"/>
      <c r="BFC722" s="613"/>
      <c r="BFD722" s="613"/>
      <c r="BFE722" s="613"/>
      <c r="BFF722" s="613"/>
      <c r="BFG722" s="613"/>
      <c r="BFH722" s="613"/>
      <c r="BFI722" s="613"/>
      <c r="BFJ722" s="613"/>
      <c r="BFK722" s="613"/>
      <c r="BFL722" s="613"/>
      <c r="BFM722" s="613"/>
      <c r="BFN722" s="613"/>
      <c r="BFO722" s="613"/>
      <c r="BFP722" s="613"/>
      <c r="BFQ722" s="613"/>
      <c r="BFR722" s="613"/>
      <c r="BFS722" s="613"/>
      <c r="BFT722" s="613"/>
      <c r="BFU722" s="613"/>
      <c r="BFV722" s="613"/>
      <c r="BFW722" s="613"/>
      <c r="BFX722" s="613"/>
      <c r="BFY722" s="613"/>
      <c r="BFZ722" s="613"/>
      <c r="BGA722" s="613"/>
      <c r="BGB722" s="613"/>
      <c r="BGC722" s="613"/>
      <c r="BGD722" s="613"/>
      <c r="BGE722" s="613"/>
      <c r="BGF722" s="613"/>
      <c r="BGG722" s="613"/>
      <c r="BGH722" s="613"/>
      <c r="BGI722" s="613"/>
      <c r="BGJ722" s="613"/>
      <c r="BGK722" s="613"/>
      <c r="BGL722" s="613"/>
      <c r="BGM722" s="613"/>
      <c r="BGN722" s="613"/>
      <c r="BGO722" s="613"/>
      <c r="BGP722" s="613"/>
      <c r="BGQ722" s="613"/>
      <c r="BGR722" s="613"/>
      <c r="BGS722" s="613"/>
      <c r="BGT722" s="613"/>
      <c r="BGU722" s="613"/>
      <c r="BGV722" s="613"/>
      <c r="BGW722" s="613"/>
      <c r="BGX722" s="613"/>
      <c r="BGY722" s="613"/>
      <c r="BGZ722" s="613"/>
      <c r="BHA722" s="613"/>
      <c r="BHB722" s="613"/>
      <c r="BHC722" s="613"/>
      <c r="BHD722" s="613"/>
      <c r="BHE722" s="613"/>
      <c r="BHF722" s="613"/>
      <c r="BHG722" s="613"/>
      <c r="BHH722" s="613"/>
      <c r="BHI722" s="613"/>
      <c r="BHJ722" s="613"/>
      <c r="BHK722" s="613"/>
      <c r="BHL722" s="613"/>
      <c r="BHM722" s="613"/>
      <c r="BHN722" s="613"/>
      <c r="BHO722" s="613"/>
      <c r="BHP722" s="613"/>
      <c r="BHQ722" s="613"/>
      <c r="BHR722" s="613"/>
      <c r="BHS722" s="613"/>
      <c r="BHT722" s="613"/>
      <c r="BHU722" s="613"/>
      <c r="BHV722" s="613"/>
      <c r="BHW722" s="613"/>
      <c r="BHX722" s="613"/>
      <c r="BHY722" s="613"/>
      <c r="BHZ722" s="613"/>
      <c r="BIA722" s="613"/>
      <c r="BIB722" s="613"/>
      <c r="BIC722" s="613"/>
      <c r="BID722" s="613"/>
      <c r="BIE722" s="613"/>
      <c r="BIF722" s="613"/>
      <c r="BIG722" s="613"/>
      <c r="BIH722" s="613"/>
      <c r="BII722" s="613"/>
      <c r="BIJ722" s="613"/>
      <c r="BIK722" s="613"/>
      <c r="BIL722" s="613"/>
      <c r="BIM722" s="613"/>
      <c r="BIN722" s="613"/>
      <c r="BIO722" s="613"/>
      <c r="BIP722" s="613"/>
      <c r="BIQ722" s="613"/>
      <c r="BIR722" s="613"/>
      <c r="BIS722" s="613"/>
      <c r="BIT722" s="613"/>
      <c r="BIU722" s="613"/>
      <c r="BIV722" s="613"/>
      <c r="BIW722" s="613"/>
      <c r="BIX722" s="613"/>
      <c r="BIY722" s="613"/>
      <c r="BIZ722" s="613"/>
      <c r="BJA722" s="613"/>
      <c r="BJB722" s="613"/>
      <c r="BJC722" s="613"/>
      <c r="BJD722" s="613"/>
      <c r="BJE722" s="613"/>
      <c r="BJF722" s="613"/>
      <c r="BJG722" s="613"/>
      <c r="BJH722" s="613"/>
      <c r="BJI722" s="613"/>
      <c r="BJJ722" s="613"/>
      <c r="BJK722" s="613"/>
      <c r="BJL722" s="613"/>
      <c r="BJM722" s="613"/>
      <c r="BJN722" s="613"/>
      <c r="BJO722" s="613"/>
      <c r="BJP722" s="613"/>
      <c r="BJQ722" s="613"/>
      <c r="BJR722" s="613"/>
      <c r="BJS722" s="613"/>
      <c r="BJT722" s="613"/>
      <c r="BJU722" s="613"/>
      <c r="BJV722" s="613"/>
      <c r="BJW722" s="613"/>
      <c r="BJX722" s="613"/>
      <c r="BJY722" s="613"/>
      <c r="BJZ722" s="613"/>
      <c r="BKA722" s="613"/>
      <c r="BKB722" s="613"/>
      <c r="BKC722" s="613"/>
      <c r="BKD722" s="613"/>
      <c r="BKE722" s="613"/>
      <c r="BKF722" s="613"/>
      <c r="BKG722" s="613"/>
      <c r="BKH722" s="613"/>
      <c r="BKI722" s="613"/>
      <c r="BKJ722" s="613"/>
      <c r="BKK722" s="613"/>
      <c r="BKL722" s="613"/>
      <c r="BKM722" s="613"/>
      <c r="BKN722" s="613"/>
      <c r="BKO722" s="613"/>
      <c r="BKP722" s="613"/>
      <c r="BKQ722" s="613"/>
      <c r="BKR722" s="613"/>
      <c r="BKS722" s="613"/>
      <c r="BKT722" s="613"/>
      <c r="BKU722" s="613"/>
      <c r="BKV722" s="613"/>
      <c r="BKW722" s="613"/>
      <c r="BKX722" s="613"/>
      <c r="BKY722" s="613"/>
      <c r="BKZ722" s="613"/>
      <c r="BLA722" s="613"/>
      <c r="BLB722" s="613"/>
      <c r="BLC722" s="613"/>
      <c r="BLD722" s="613"/>
      <c r="BLE722" s="613"/>
      <c r="BLF722" s="613"/>
      <c r="BLG722" s="613"/>
      <c r="BLH722" s="613"/>
      <c r="BLI722" s="613"/>
      <c r="BLJ722" s="613"/>
      <c r="BLK722" s="613"/>
      <c r="BLL722" s="613"/>
      <c r="BLM722" s="613"/>
      <c r="BLN722" s="613"/>
      <c r="BLO722" s="613"/>
      <c r="BLP722" s="613"/>
      <c r="BLQ722" s="613"/>
      <c r="BLR722" s="613"/>
      <c r="BLS722" s="613"/>
      <c r="BLT722" s="613"/>
      <c r="BLU722" s="613"/>
      <c r="BLV722" s="613"/>
      <c r="BLW722" s="613"/>
      <c r="BLX722" s="613"/>
      <c r="BLY722" s="613"/>
      <c r="BLZ722" s="613"/>
      <c r="BMA722" s="613"/>
      <c r="BMB722" s="613"/>
      <c r="BMC722" s="613"/>
      <c r="BMD722" s="613"/>
      <c r="BME722" s="613"/>
      <c r="BMF722" s="613"/>
      <c r="BMG722" s="613"/>
      <c r="BMH722" s="613"/>
      <c r="BMI722" s="613"/>
      <c r="BMJ722" s="613"/>
      <c r="BMK722" s="613"/>
      <c r="BML722" s="613"/>
      <c r="BMM722" s="613"/>
      <c r="BMN722" s="613"/>
      <c r="BMO722" s="613"/>
      <c r="BMP722" s="613"/>
      <c r="BMQ722" s="613"/>
      <c r="BMR722" s="613"/>
      <c r="BMS722" s="613"/>
      <c r="BMT722" s="613"/>
      <c r="BMU722" s="613"/>
      <c r="BMV722" s="613"/>
      <c r="BMW722" s="613"/>
      <c r="BMX722" s="613"/>
      <c r="BMY722" s="613"/>
      <c r="BMZ722" s="613"/>
      <c r="BNA722" s="613"/>
      <c r="BNB722" s="613"/>
      <c r="BNC722" s="613"/>
      <c r="BND722" s="613"/>
      <c r="BNE722" s="613"/>
      <c r="BNF722" s="613"/>
      <c r="BNG722" s="613"/>
      <c r="BNH722" s="613"/>
      <c r="BNI722" s="613"/>
      <c r="BNJ722" s="613"/>
      <c r="BNK722" s="613"/>
      <c r="BNL722" s="613"/>
      <c r="BNM722" s="613"/>
      <c r="BNN722" s="613"/>
      <c r="BNO722" s="613"/>
      <c r="BNP722" s="613"/>
      <c r="BNQ722" s="613"/>
      <c r="BNR722" s="613"/>
      <c r="BNS722" s="613"/>
      <c r="BNT722" s="613"/>
      <c r="BNU722" s="613"/>
      <c r="BNV722" s="613"/>
      <c r="BNW722" s="613"/>
      <c r="BNX722" s="613"/>
      <c r="BNY722" s="613"/>
      <c r="BNZ722" s="613"/>
      <c r="BOA722" s="613"/>
      <c r="BOB722" s="613"/>
      <c r="BOC722" s="613"/>
      <c r="BOD722" s="613"/>
      <c r="BOE722" s="613"/>
      <c r="BOF722" s="613"/>
      <c r="BOG722" s="613"/>
      <c r="BOH722" s="613"/>
      <c r="BOI722" s="613"/>
      <c r="BOJ722" s="613"/>
      <c r="BOK722" s="613"/>
      <c r="BOL722" s="613"/>
      <c r="BOM722" s="613"/>
      <c r="BON722" s="613"/>
      <c r="BOO722" s="613"/>
      <c r="BOP722" s="613"/>
      <c r="BOQ722" s="613"/>
      <c r="BOR722" s="613"/>
      <c r="BOS722" s="613"/>
      <c r="BOT722" s="613"/>
      <c r="BOU722" s="613"/>
      <c r="BOV722" s="613"/>
      <c r="BOW722" s="613"/>
      <c r="BOX722" s="613"/>
      <c r="BOY722" s="613"/>
      <c r="BOZ722" s="613"/>
      <c r="BPA722" s="613"/>
      <c r="BPB722" s="613"/>
      <c r="BPC722" s="613"/>
      <c r="BPD722" s="613"/>
      <c r="BPE722" s="613"/>
      <c r="BPF722" s="613"/>
      <c r="BPG722" s="613"/>
      <c r="BPH722" s="613"/>
      <c r="BPI722" s="613"/>
      <c r="BPJ722" s="613"/>
      <c r="BPK722" s="613"/>
      <c r="BPL722" s="613"/>
      <c r="BPM722" s="613"/>
      <c r="BPN722" s="613"/>
      <c r="BPO722" s="613"/>
      <c r="BPP722" s="613"/>
      <c r="BPQ722" s="613"/>
      <c r="BPR722" s="613"/>
      <c r="BPS722" s="613"/>
      <c r="BPT722" s="613"/>
      <c r="BPU722" s="613"/>
      <c r="BPV722" s="613"/>
      <c r="BPW722" s="613"/>
      <c r="BPX722" s="613"/>
      <c r="BPY722" s="613"/>
      <c r="BPZ722" s="613"/>
      <c r="BQA722" s="613"/>
      <c r="BQB722" s="613"/>
      <c r="BQC722" s="613"/>
      <c r="BQD722" s="613"/>
      <c r="BQE722" s="613"/>
      <c r="BQF722" s="613"/>
      <c r="BQG722" s="613"/>
      <c r="BQH722" s="613"/>
      <c r="BQI722" s="613"/>
      <c r="BQJ722" s="613"/>
      <c r="BQK722" s="613"/>
      <c r="BQL722" s="613"/>
      <c r="BQM722" s="613"/>
      <c r="BQN722" s="613"/>
      <c r="BQO722" s="613"/>
      <c r="BQP722" s="613"/>
      <c r="BQQ722" s="613"/>
      <c r="BQR722" s="613"/>
      <c r="BQS722" s="613"/>
      <c r="BQT722" s="613"/>
      <c r="BQU722" s="613"/>
      <c r="BQV722" s="613"/>
      <c r="BQW722" s="613"/>
      <c r="BQX722" s="613"/>
      <c r="BQY722" s="613"/>
      <c r="BQZ722" s="613"/>
      <c r="BRA722" s="613"/>
      <c r="BRB722" s="613"/>
      <c r="BRC722" s="613"/>
      <c r="BRD722" s="613"/>
      <c r="BRE722" s="613"/>
      <c r="BRF722" s="613"/>
      <c r="BRG722" s="613"/>
      <c r="BRH722" s="613"/>
      <c r="BRI722" s="613"/>
      <c r="BRJ722" s="613"/>
      <c r="BRK722" s="613"/>
      <c r="BRL722" s="613"/>
      <c r="BRM722" s="613"/>
      <c r="BRN722" s="613"/>
      <c r="BRO722" s="613"/>
      <c r="BRP722" s="613"/>
      <c r="BRQ722" s="613"/>
      <c r="BRR722" s="613"/>
      <c r="BRS722" s="613"/>
      <c r="BRT722" s="613"/>
      <c r="BRU722" s="613"/>
      <c r="BRV722" s="613"/>
      <c r="BRW722" s="613"/>
      <c r="BRX722" s="613"/>
      <c r="BRY722" s="613"/>
      <c r="BRZ722" s="613"/>
      <c r="BSA722" s="613"/>
      <c r="BSB722" s="613"/>
      <c r="BSC722" s="613"/>
      <c r="BSD722" s="613"/>
      <c r="BSE722" s="613"/>
      <c r="BSF722" s="613"/>
      <c r="BSG722" s="613"/>
      <c r="BSH722" s="613"/>
      <c r="BSI722" s="613"/>
      <c r="BSJ722" s="613"/>
      <c r="BSK722" s="613"/>
      <c r="BSL722" s="613"/>
      <c r="BSM722" s="613"/>
      <c r="BSN722" s="613"/>
      <c r="BSO722" s="613"/>
      <c r="BSP722" s="613"/>
      <c r="BSQ722" s="613"/>
      <c r="BSR722" s="613"/>
      <c r="BSS722" s="613"/>
      <c r="BST722" s="613"/>
      <c r="BSU722" s="613"/>
      <c r="BSV722" s="613"/>
      <c r="BSW722" s="613"/>
      <c r="BSX722" s="613"/>
      <c r="BSY722" s="613"/>
      <c r="BSZ722" s="613"/>
      <c r="BTA722" s="613"/>
      <c r="BTB722" s="613"/>
      <c r="BTC722" s="613"/>
      <c r="BTD722" s="613"/>
      <c r="BTE722" s="613"/>
      <c r="BTF722" s="613"/>
      <c r="BTG722" s="613"/>
      <c r="BTH722" s="613"/>
      <c r="BTI722" s="613"/>
      <c r="BTJ722" s="613"/>
      <c r="BTK722" s="613"/>
      <c r="BTL722" s="613"/>
      <c r="BTM722" s="613"/>
      <c r="BTN722" s="613"/>
      <c r="BTO722" s="613"/>
      <c r="BTP722" s="613"/>
      <c r="BTQ722" s="613"/>
      <c r="BTR722" s="613"/>
      <c r="BTS722" s="613"/>
      <c r="BTT722" s="613"/>
      <c r="BTU722" s="613"/>
      <c r="BTV722" s="613"/>
      <c r="BTW722" s="613"/>
      <c r="BTX722" s="613"/>
      <c r="BTY722" s="613"/>
      <c r="BTZ722" s="613"/>
      <c r="BUA722" s="613"/>
      <c r="BUB722" s="613"/>
      <c r="BUC722" s="613"/>
      <c r="BUD722" s="613"/>
      <c r="BUE722" s="613"/>
      <c r="BUF722" s="613"/>
      <c r="BUG722" s="613"/>
      <c r="BUH722" s="613"/>
      <c r="BUI722" s="613"/>
      <c r="BUJ722" s="613"/>
      <c r="BUK722" s="613"/>
      <c r="BUL722" s="613"/>
      <c r="BUM722" s="613"/>
      <c r="BUN722" s="613"/>
      <c r="BUO722" s="613"/>
      <c r="BUP722" s="613"/>
      <c r="BUQ722" s="613"/>
      <c r="BUR722" s="613"/>
      <c r="BUS722" s="613"/>
      <c r="BUT722" s="613"/>
      <c r="BUU722" s="613"/>
      <c r="BUV722" s="613"/>
      <c r="BUW722" s="613"/>
      <c r="BUX722" s="613"/>
      <c r="BUY722" s="613"/>
      <c r="BUZ722" s="613"/>
      <c r="BVA722" s="613"/>
      <c r="BVB722" s="613"/>
      <c r="BVC722" s="613"/>
      <c r="BVD722" s="613"/>
      <c r="BVE722" s="613"/>
      <c r="BVF722" s="613"/>
      <c r="BVG722" s="613"/>
      <c r="BVH722" s="613"/>
      <c r="BVI722" s="613"/>
      <c r="BVJ722" s="613"/>
      <c r="BVK722" s="613"/>
      <c r="BVL722" s="613"/>
      <c r="BVM722" s="613"/>
      <c r="BVN722" s="613"/>
      <c r="BVO722" s="613"/>
      <c r="BVP722" s="613"/>
      <c r="BVQ722" s="613"/>
      <c r="BVR722" s="613"/>
      <c r="BVS722" s="613"/>
      <c r="BVT722" s="613"/>
      <c r="BVU722" s="613"/>
      <c r="BVV722" s="613"/>
      <c r="BVW722" s="613"/>
      <c r="BVX722" s="613"/>
      <c r="BVY722" s="613"/>
      <c r="BVZ722" s="613"/>
      <c r="BWA722" s="613"/>
      <c r="BWB722" s="613"/>
      <c r="BWC722" s="613"/>
      <c r="BWD722" s="613"/>
      <c r="BWE722" s="613"/>
      <c r="BWF722" s="613"/>
      <c r="BWG722" s="613"/>
      <c r="BWH722" s="613"/>
      <c r="BWI722" s="613"/>
      <c r="BWJ722" s="613"/>
      <c r="BWK722" s="613"/>
      <c r="BWL722" s="613"/>
      <c r="BWM722" s="613"/>
      <c r="BWN722" s="613"/>
      <c r="BWO722" s="613"/>
      <c r="BWP722" s="613"/>
      <c r="BWQ722" s="613"/>
      <c r="BWR722" s="613"/>
      <c r="BWS722" s="613"/>
      <c r="BWT722" s="613"/>
      <c r="BWU722" s="613"/>
      <c r="BWV722" s="613"/>
      <c r="BWW722" s="613"/>
      <c r="BWX722" s="613"/>
      <c r="BWY722" s="613"/>
      <c r="BWZ722" s="613"/>
      <c r="BXA722" s="613"/>
      <c r="BXB722" s="613"/>
      <c r="BXC722" s="613"/>
      <c r="BXD722" s="613"/>
      <c r="BXE722" s="613"/>
      <c r="BXF722" s="613"/>
      <c r="BXG722" s="613"/>
      <c r="BXH722" s="613"/>
      <c r="BXI722" s="613"/>
      <c r="BXJ722" s="613"/>
      <c r="BXK722" s="613"/>
      <c r="BXL722" s="613"/>
      <c r="BXM722" s="613"/>
      <c r="BXN722" s="613"/>
      <c r="BXO722" s="613"/>
      <c r="BXP722" s="613"/>
      <c r="BXQ722" s="613"/>
      <c r="BXR722" s="613"/>
      <c r="BXS722" s="613"/>
      <c r="BXT722" s="613"/>
      <c r="BXU722" s="613"/>
      <c r="BXV722" s="613"/>
      <c r="BXW722" s="613"/>
      <c r="BXX722" s="613"/>
      <c r="BXY722" s="613"/>
      <c r="BXZ722" s="613"/>
      <c r="BYA722" s="613"/>
      <c r="BYB722" s="613"/>
      <c r="BYC722" s="613"/>
      <c r="BYD722" s="613"/>
      <c r="BYE722" s="613"/>
      <c r="BYF722" s="613"/>
      <c r="BYG722" s="613"/>
      <c r="BYH722" s="613"/>
      <c r="BYI722" s="613"/>
      <c r="BYJ722" s="613"/>
      <c r="BYK722" s="613"/>
      <c r="BYL722" s="613"/>
      <c r="BYM722" s="613"/>
      <c r="BYN722" s="613"/>
      <c r="BYO722" s="613"/>
      <c r="BYP722" s="613"/>
      <c r="BYQ722" s="613"/>
      <c r="BYR722" s="613"/>
      <c r="BYS722" s="613"/>
      <c r="BYT722" s="613"/>
      <c r="BYU722" s="613"/>
      <c r="BYV722" s="613"/>
      <c r="BYW722" s="613"/>
      <c r="BYX722" s="613"/>
      <c r="BYY722" s="613"/>
      <c r="BYZ722" s="613"/>
      <c r="BZA722" s="613"/>
      <c r="BZB722" s="613"/>
      <c r="BZC722" s="613"/>
      <c r="BZD722" s="613"/>
      <c r="BZE722" s="613"/>
      <c r="BZF722" s="613"/>
      <c r="BZG722" s="613"/>
      <c r="BZH722" s="613"/>
      <c r="BZI722" s="613"/>
      <c r="BZJ722" s="613"/>
      <c r="BZK722" s="613"/>
      <c r="BZL722" s="613"/>
      <c r="BZM722" s="613"/>
      <c r="BZN722" s="613"/>
      <c r="BZO722" s="613"/>
      <c r="BZP722" s="613"/>
      <c r="BZQ722" s="613"/>
      <c r="BZR722" s="613"/>
      <c r="BZS722" s="613"/>
      <c r="BZT722" s="613"/>
      <c r="BZU722" s="613"/>
      <c r="BZV722" s="613"/>
      <c r="BZW722" s="613"/>
      <c r="BZX722" s="613"/>
      <c r="BZY722" s="613"/>
      <c r="BZZ722" s="613"/>
      <c r="CAA722" s="613"/>
      <c r="CAB722" s="613"/>
      <c r="CAC722" s="613"/>
      <c r="CAD722" s="613"/>
      <c r="CAE722" s="613"/>
      <c r="CAF722" s="613"/>
      <c r="CAG722" s="613"/>
      <c r="CAH722" s="613"/>
      <c r="CAI722" s="613"/>
      <c r="CAJ722" s="613"/>
      <c r="CAK722" s="613"/>
      <c r="CAL722" s="613"/>
      <c r="CAM722" s="613"/>
      <c r="CAN722" s="613"/>
      <c r="CAO722" s="613"/>
      <c r="CAP722" s="613"/>
      <c r="CAQ722" s="613"/>
      <c r="CAR722" s="613"/>
      <c r="CAS722" s="613"/>
      <c r="CAT722" s="613"/>
      <c r="CAU722" s="613"/>
      <c r="CAV722" s="613"/>
      <c r="CAW722" s="613"/>
      <c r="CAX722" s="613"/>
      <c r="CAY722" s="613"/>
      <c r="CAZ722" s="613"/>
      <c r="CBA722" s="613"/>
      <c r="CBB722" s="613"/>
      <c r="CBC722" s="613"/>
      <c r="CBD722" s="613"/>
      <c r="CBE722" s="613"/>
      <c r="CBF722" s="613"/>
      <c r="CBG722" s="613"/>
      <c r="CBH722" s="613"/>
      <c r="CBI722" s="613"/>
      <c r="CBJ722" s="613"/>
      <c r="CBK722" s="613"/>
      <c r="CBL722" s="613"/>
      <c r="CBM722" s="613"/>
      <c r="CBN722" s="613"/>
      <c r="CBO722" s="613"/>
      <c r="CBP722" s="613"/>
      <c r="CBQ722" s="613"/>
      <c r="CBR722" s="613"/>
      <c r="CBS722" s="613"/>
      <c r="CBT722" s="613"/>
      <c r="CBU722" s="613"/>
      <c r="CBV722" s="613"/>
      <c r="CBW722" s="613"/>
      <c r="CBX722" s="613"/>
      <c r="CBY722" s="613"/>
      <c r="CBZ722" s="613"/>
      <c r="CCA722" s="613"/>
      <c r="CCB722" s="613"/>
      <c r="CCC722" s="613"/>
      <c r="CCD722" s="613"/>
      <c r="CCE722" s="613"/>
      <c r="CCF722" s="613"/>
      <c r="CCG722" s="613"/>
      <c r="CCH722" s="613"/>
      <c r="CCI722" s="613"/>
      <c r="CCJ722" s="613"/>
      <c r="CCK722" s="613"/>
      <c r="CCL722" s="613"/>
      <c r="CCM722" s="613"/>
      <c r="CCN722" s="613"/>
      <c r="CCO722" s="613"/>
      <c r="CCP722" s="613"/>
      <c r="CCQ722" s="613"/>
      <c r="CCR722" s="613"/>
      <c r="CCS722" s="613"/>
      <c r="CCT722" s="613"/>
      <c r="CCU722" s="613"/>
      <c r="CCV722" s="613"/>
      <c r="CCW722" s="613"/>
      <c r="CCX722" s="613"/>
      <c r="CCY722" s="613"/>
      <c r="CCZ722" s="613"/>
      <c r="CDA722" s="613"/>
      <c r="CDB722" s="613"/>
      <c r="CDC722" s="613"/>
      <c r="CDD722" s="613"/>
      <c r="CDE722" s="613"/>
      <c r="CDF722" s="613"/>
      <c r="CDG722" s="613"/>
      <c r="CDH722" s="613"/>
      <c r="CDI722" s="613"/>
      <c r="CDJ722" s="613"/>
      <c r="CDK722" s="613"/>
      <c r="CDL722" s="613"/>
      <c r="CDM722" s="613"/>
      <c r="CDN722" s="613"/>
      <c r="CDO722" s="613"/>
      <c r="CDP722" s="613"/>
      <c r="CDQ722" s="613"/>
      <c r="CDR722" s="613"/>
      <c r="CDS722" s="613"/>
      <c r="CDT722" s="613"/>
      <c r="CDU722" s="613"/>
      <c r="CDV722" s="613"/>
      <c r="CDW722" s="613"/>
      <c r="CDX722" s="613"/>
      <c r="CDY722" s="613"/>
      <c r="CDZ722" s="613"/>
      <c r="CEA722" s="613"/>
      <c r="CEB722" s="613"/>
      <c r="CEC722" s="613"/>
      <c r="CED722" s="613"/>
      <c r="CEE722" s="613"/>
      <c r="CEF722" s="613"/>
      <c r="CEG722" s="613"/>
      <c r="CEH722" s="613"/>
      <c r="CEI722" s="613"/>
      <c r="CEJ722" s="613"/>
      <c r="CEK722" s="613"/>
      <c r="CEL722" s="613"/>
      <c r="CEM722" s="613"/>
      <c r="CEN722" s="613"/>
      <c r="CEO722" s="613"/>
      <c r="CEP722" s="613"/>
      <c r="CEQ722" s="613"/>
      <c r="CER722" s="613"/>
      <c r="CES722" s="613"/>
      <c r="CET722" s="613"/>
      <c r="CEU722" s="613"/>
      <c r="CEV722" s="613"/>
      <c r="CEW722" s="613"/>
      <c r="CEX722" s="613"/>
      <c r="CEY722" s="613"/>
      <c r="CEZ722" s="613"/>
      <c r="CFA722" s="613"/>
      <c r="CFB722" s="613"/>
      <c r="CFC722" s="613"/>
      <c r="CFD722" s="613"/>
      <c r="CFE722" s="613"/>
      <c r="CFF722" s="613"/>
      <c r="CFG722" s="613"/>
      <c r="CFH722" s="613"/>
      <c r="CFI722" s="613"/>
      <c r="CFJ722" s="613"/>
      <c r="CFK722" s="613"/>
      <c r="CFL722" s="613"/>
      <c r="CFM722" s="613"/>
      <c r="CFN722" s="613"/>
      <c r="CFO722" s="613"/>
      <c r="CFP722" s="613"/>
      <c r="CFQ722" s="613"/>
      <c r="CFR722" s="613"/>
      <c r="CFS722" s="613"/>
      <c r="CFT722" s="613"/>
      <c r="CFU722" s="613"/>
      <c r="CFV722" s="613"/>
      <c r="CFW722" s="613"/>
      <c r="CFX722" s="613"/>
      <c r="CFY722" s="613"/>
      <c r="CFZ722" s="613"/>
      <c r="CGA722" s="613"/>
      <c r="CGB722" s="613"/>
      <c r="CGC722" s="613"/>
      <c r="CGD722" s="613"/>
      <c r="CGE722" s="613"/>
      <c r="CGF722" s="613"/>
      <c r="CGG722" s="613"/>
      <c r="CGH722" s="613"/>
      <c r="CGI722" s="613"/>
      <c r="CGJ722" s="613"/>
      <c r="CGK722" s="613"/>
      <c r="CGL722" s="613"/>
      <c r="CGM722" s="613"/>
      <c r="CGN722" s="613"/>
      <c r="CGO722" s="613"/>
      <c r="CGP722" s="613"/>
      <c r="CGQ722" s="613"/>
      <c r="CGR722" s="613"/>
      <c r="CGS722" s="613"/>
      <c r="CGT722" s="613"/>
      <c r="CGU722" s="613"/>
      <c r="CGV722" s="613"/>
      <c r="CGW722" s="613"/>
      <c r="CGX722" s="613"/>
      <c r="CGY722" s="613"/>
      <c r="CGZ722" s="613"/>
      <c r="CHA722" s="613"/>
      <c r="CHB722" s="613"/>
      <c r="CHC722" s="613"/>
      <c r="CHD722" s="613"/>
      <c r="CHE722" s="613"/>
      <c r="CHF722" s="613"/>
      <c r="CHG722" s="613"/>
      <c r="CHH722" s="613"/>
      <c r="CHI722" s="613"/>
      <c r="CHJ722" s="613"/>
      <c r="CHK722" s="613"/>
      <c r="CHL722" s="613"/>
      <c r="CHM722" s="613"/>
      <c r="CHN722" s="613"/>
      <c r="CHO722" s="613"/>
      <c r="CHP722" s="613"/>
      <c r="CHQ722" s="613"/>
      <c r="CHR722" s="613"/>
      <c r="CHS722" s="613"/>
      <c r="CHT722" s="613"/>
      <c r="CHU722" s="613"/>
      <c r="CHV722" s="613"/>
      <c r="CHW722" s="613"/>
      <c r="CHX722" s="613"/>
      <c r="CHY722" s="613"/>
      <c r="CHZ722" s="613"/>
      <c r="CIA722" s="613"/>
      <c r="CIB722" s="613"/>
      <c r="CIC722" s="613"/>
      <c r="CID722" s="613"/>
      <c r="CIE722" s="613"/>
      <c r="CIF722" s="613"/>
      <c r="CIG722" s="613"/>
      <c r="CIH722" s="613"/>
      <c r="CII722" s="613"/>
      <c r="CIJ722" s="613"/>
      <c r="CIK722" s="613"/>
      <c r="CIL722" s="613"/>
      <c r="CIM722" s="613"/>
      <c r="CIN722" s="613"/>
      <c r="CIO722" s="613"/>
      <c r="CIP722" s="613"/>
      <c r="CIQ722" s="613"/>
      <c r="CIR722" s="613"/>
      <c r="CIS722" s="613"/>
      <c r="CIT722" s="613"/>
      <c r="CIU722" s="613"/>
      <c r="CIV722" s="613"/>
      <c r="CIW722" s="613"/>
      <c r="CIX722" s="613"/>
      <c r="CIY722" s="613"/>
      <c r="CIZ722" s="613"/>
      <c r="CJA722" s="613"/>
      <c r="CJB722" s="613"/>
      <c r="CJC722" s="613"/>
      <c r="CJD722" s="613"/>
      <c r="CJE722" s="613"/>
      <c r="CJF722" s="613"/>
      <c r="CJG722" s="613"/>
      <c r="CJH722" s="613"/>
      <c r="CJI722" s="613"/>
      <c r="CJJ722" s="613"/>
      <c r="CJK722" s="613"/>
      <c r="CJL722" s="613"/>
      <c r="CJM722" s="613"/>
      <c r="CJN722" s="613"/>
      <c r="CJO722" s="613"/>
      <c r="CJP722" s="613"/>
      <c r="CJQ722" s="613"/>
      <c r="CJR722" s="613"/>
      <c r="CJS722" s="613"/>
      <c r="CJT722" s="613"/>
      <c r="CJU722" s="613"/>
      <c r="CJV722" s="613"/>
      <c r="CJW722" s="613"/>
      <c r="CJX722" s="613"/>
      <c r="CJY722" s="613"/>
      <c r="CJZ722" s="613"/>
      <c r="CKA722" s="613"/>
      <c r="CKB722" s="613"/>
      <c r="CKC722" s="613"/>
      <c r="CKD722" s="613"/>
      <c r="CKE722" s="613"/>
      <c r="CKF722" s="613"/>
      <c r="CKG722" s="613"/>
      <c r="CKH722" s="613"/>
      <c r="CKI722" s="613"/>
      <c r="CKJ722" s="613"/>
      <c r="CKK722" s="613"/>
      <c r="CKL722" s="613"/>
      <c r="CKM722" s="613"/>
      <c r="CKN722" s="613"/>
      <c r="CKO722" s="613"/>
      <c r="CKP722" s="613"/>
      <c r="CKQ722" s="613"/>
      <c r="CKR722" s="613"/>
      <c r="CKS722" s="613"/>
      <c r="CKT722" s="613"/>
      <c r="CKU722" s="613"/>
      <c r="CKV722" s="613"/>
      <c r="CKW722" s="613"/>
      <c r="CKX722" s="613"/>
      <c r="CKY722" s="613"/>
      <c r="CKZ722" s="613"/>
      <c r="CLA722" s="613"/>
      <c r="CLB722" s="613"/>
      <c r="CLC722" s="613"/>
      <c r="CLD722" s="613"/>
      <c r="CLE722" s="613"/>
      <c r="CLF722" s="613"/>
      <c r="CLG722" s="613"/>
      <c r="CLH722" s="613"/>
      <c r="CLI722" s="613"/>
      <c r="CLJ722" s="613"/>
      <c r="CLK722" s="613"/>
      <c r="CLL722" s="613"/>
      <c r="CLM722" s="613"/>
      <c r="CLN722" s="613"/>
      <c r="CLO722" s="613"/>
      <c r="CLP722" s="613"/>
      <c r="CLQ722" s="613"/>
      <c r="CLR722" s="613"/>
      <c r="CLS722" s="613"/>
      <c r="CLT722" s="613"/>
      <c r="CLU722" s="613"/>
      <c r="CLV722" s="613"/>
      <c r="CLW722" s="613"/>
      <c r="CLX722" s="613"/>
      <c r="CLY722" s="613"/>
      <c r="CLZ722" s="613"/>
      <c r="CMA722" s="613"/>
      <c r="CMB722" s="613"/>
      <c r="CMC722" s="613"/>
      <c r="CMD722" s="613"/>
      <c r="CME722" s="613"/>
      <c r="CMF722" s="613"/>
      <c r="CMG722" s="613"/>
      <c r="CMH722" s="613"/>
      <c r="CMI722" s="613"/>
      <c r="CMJ722" s="613"/>
      <c r="CMK722" s="613"/>
      <c r="CML722" s="613"/>
      <c r="CMM722" s="613"/>
      <c r="CMN722" s="613"/>
      <c r="CMO722" s="613"/>
      <c r="CMP722" s="613"/>
      <c r="CMQ722" s="613"/>
      <c r="CMR722" s="613"/>
      <c r="CMS722" s="613"/>
      <c r="CMT722" s="613"/>
      <c r="CMU722" s="613"/>
      <c r="CMV722" s="613"/>
      <c r="CMW722" s="613"/>
      <c r="CMX722" s="613"/>
      <c r="CMY722" s="613"/>
      <c r="CMZ722" s="613"/>
      <c r="CNA722" s="613"/>
      <c r="CNB722" s="613"/>
      <c r="CNC722" s="613"/>
      <c r="CND722" s="613"/>
      <c r="CNE722" s="613"/>
      <c r="CNF722" s="613"/>
      <c r="CNG722" s="613"/>
      <c r="CNH722" s="613"/>
      <c r="CNI722" s="613"/>
      <c r="CNJ722" s="613"/>
      <c r="CNK722" s="613"/>
      <c r="CNL722" s="613"/>
      <c r="CNM722" s="613"/>
      <c r="CNN722" s="613"/>
      <c r="CNO722" s="613"/>
      <c r="CNP722" s="613"/>
      <c r="CNQ722" s="613"/>
      <c r="CNR722" s="613"/>
      <c r="CNS722" s="613"/>
      <c r="CNT722" s="613"/>
      <c r="CNU722" s="613"/>
      <c r="CNV722" s="613"/>
      <c r="CNW722" s="613"/>
      <c r="CNX722" s="613"/>
      <c r="CNY722" s="613"/>
      <c r="CNZ722" s="613"/>
      <c r="COA722" s="613"/>
      <c r="COB722" s="613"/>
      <c r="COC722" s="613"/>
      <c r="COD722" s="613"/>
      <c r="COE722" s="613"/>
      <c r="COF722" s="613"/>
      <c r="COG722" s="613"/>
      <c r="COH722" s="613"/>
      <c r="COI722" s="613"/>
      <c r="COJ722" s="613"/>
      <c r="COK722" s="613"/>
      <c r="COL722" s="613"/>
      <c r="COM722" s="613"/>
      <c r="CON722" s="613"/>
      <c r="COO722" s="613"/>
      <c r="COP722" s="613"/>
      <c r="COQ722" s="613"/>
      <c r="COR722" s="613"/>
      <c r="COS722" s="613"/>
      <c r="COT722" s="613"/>
      <c r="COU722" s="613"/>
      <c r="COV722" s="613"/>
      <c r="COW722" s="613"/>
      <c r="COX722" s="613"/>
      <c r="COY722" s="613"/>
      <c r="COZ722" s="613"/>
      <c r="CPA722" s="613"/>
      <c r="CPB722" s="613"/>
      <c r="CPC722" s="613"/>
      <c r="CPD722" s="613"/>
      <c r="CPE722" s="613"/>
      <c r="CPF722" s="613"/>
      <c r="CPG722" s="613"/>
      <c r="CPH722" s="613"/>
      <c r="CPI722" s="613"/>
      <c r="CPJ722" s="613"/>
      <c r="CPK722" s="613"/>
      <c r="CPL722" s="613"/>
      <c r="CPM722" s="613"/>
      <c r="CPN722" s="613"/>
      <c r="CPO722" s="613"/>
      <c r="CPP722" s="613"/>
      <c r="CPQ722" s="613"/>
      <c r="CPR722" s="613"/>
      <c r="CPS722" s="613"/>
      <c r="CPT722" s="613"/>
      <c r="CPU722" s="613"/>
      <c r="CPV722" s="613"/>
      <c r="CPW722" s="613"/>
      <c r="CPX722" s="613"/>
      <c r="CPY722" s="613"/>
      <c r="CPZ722" s="613"/>
      <c r="CQA722" s="613"/>
      <c r="CQB722" s="613"/>
      <c r="CQC722" s="613"/>
      <c r="CQD722" s="613"/>
      <c r="CQE722" s="613"/>
      <c r="CQF722" s="613"/>
      <c r="CQG722" s="613"/>
      <c r="CQH722" s="613"/>
      <c r="CQI722" s="613"/>
      <c r="CQJ722" s="613"/>
      <c r="CQK722" s="613"/>
      <c r="CQL722" s="613"/>
      <c r="CQM722" s="613"/>
      <c r="CQN722" s="613"/>
      <c r="CQO722" s="613"/>
      <c r="CQP722" s="613"/>
      <c r="CQQ722" s="613"/>
      <c r="CQR722" s="613"/>
      <c r="CQS722" s="613"/>
      <c r="CQT722" s="613"/>
      <c r="CQU722" s="613"/>
      <c r="CQV722" s="613"/>
      <c r="CQW722" s="613"/>
      <c r="CQX722" s="613"/>
      <c r="CQY722" s="613"/>
      <c r="CQZ722" s="613"/>
      <c r="CRA722" s="613"/>
      <c r="CRB722" s="613"/>
      <c r="CRC722" s="613"/>
      <c r="CRD722" s="613"/>
      <c r="CRE722" s="613"/>
      <c r="CRF722" s="613"/>
      <c r="CRG722" s="613"/>
      <c r="CRH722" s="613"/>
      <c r="CRI722" s="613"/>
      <c r="CRJ722" s="613"/>
      <c r="CRK722" s="613"/>
      <c r="CRL722" s="613"/>
      <c r="CRM722" s="613"/>
      <c r="CRN722" s="613"/>
      <c r="CRO722" s="613"/>
      <c r="CRP722" s="613"/>
      <c r="CRQ722" s="613"/>
      <c r="CRR722" s="613"/>
      <c r="CRS722" s="613"/>
      <c r="CRT722" s="613"/>
      <c r="CRU722" s="613"/>
      <c r="CRV722" s="613"/>
      <c r="CRW722" s="613"/>
      <c r="CRX722" s="613"/>
      <c r="CRY722" s="613"/>
      <c r="CRZ722" s="613"/>
      <c r="CSA722" s="613"/>
      <c r="CSB722" s="613"/>
      <c r="CSC722" s="613"/>
      <c r="CSD722" s="613"/>
      <c r="CSE722" s="613"/>
      <c r="CSF722" s="613"/>
      <c r="CSG722" s="613"/>
      <c r="CSH722" s="613"/>
      <c r="CSI722" s="613"/>
      <c r="CSJ722" s="613"/>
      <c r="CSK722" s="613"/>
      <c r="CSL722" s="613"/>
      <c r="CSM722" s="613"/>
      <c r="CSN722" s="613"/>
      <c r="CSO722" s="613"/>
      <c r="CSP722" s="613"/>
      <c r="CSQ722" s="613"/>
      <c r="CSR722" s="613"/>
      <c r="CSS722" s="613"/>
      <c r="CST722" s="613"/>
      <c r="CSU722" s="613"/>
      <c r="CSV722" s="613"/>
      <c r="CSW722" s="613"/>
      <c r="CSX722" s="613"/>
      <c r="CSY722" s="613"/>
      <c r="CSZ722" s="613"/>
      <c r="CTA722" s="613"/>
      <c r="CTB722" s="613"/>
      <c r="CTC722" s="613"/>
      <c r="CTD722" s="613"/>
      <c r="CTE722" s="613"/>
      <c r="CTF722" s="613"/>
      <c r="CTG722" s="613"/>
      <c r="CTH722" s="613"/>
      <c r="CTI722" s="613"/>
      <c r="CTJ722" s="613"/>
      <c r="CTK722" s="613"/>
      <c r="CTL722" s="613"/>
      <c r="CTM722" s="613"/>
      <c r="CTN722" s="613"/>
      <c r="CTO722" s="613"/>
      <c r="CTP722" s="613"/>
      <c r="CTQ722" s="613"/>
      <c r="CTR722" s="613"/>
      <c r="CTS722" s="613"/>
      <c r="CTT722" s="613"/>
      <c r="CTU722" s="613"/>
      <c r="CTV722" s="613"/>
      <c r="CTW722" s="613"/>
      <c r="CTX722" s="613"/>
      <c r="CTY722" s="613"/>
      <c r="CTZ722" s="613"/>
      <c r="CUA722" s="613"/>
      <c r="CUB722" s="613"/>
      <c r="CUC722" s="613"/>
      <c r="CUD722" s="613"/>
      <c r="CUE722" s="613"/>
      <c r="CUF722" s="613"/>
      <c r="CUG722" s="613"/>
      <c r="CUH722" s="613"/>
      <c r="CUI722" s="613"/>
      <c r="CUJ722" s="613"/>
      <c r="CUK722" s="613"/>
      <c r="CUL722" s="613"/>
      <c r="CUM722" s="613"/>
      <c r="CUN722" s="613"/>
      <c r="CUO722" s="613"/>
      <c r="CUP722" s="613"/>
      <c r="CUQ722" s="613"/>
      <c r="CUR722" s="613"/>
      <c r="CUS722" s="613"/>
      <c r="CUT722" s="613"/>
      <c r="CUU722" s="613"/>
      <c r="CUV722" s="613"/>
      <c r="CUW722" s="613"/>
      <c r="CUX722" s="613"/>
      <c r="CUY722" s="613"/>
      <c r="CUZ722" s="613"/>
      <c r="CVA722" s="613"/>
      <c r="CVB722" s="613"/>
      <c r="CVC722" s="613"/>
      <c r="CVD722" s="613"/>
      <c r="CVE722" s="613"/>
      <c r="CVF722" s="613"/>
      <c r="CVG722" s="613"/>
      <c r="CVH722" s="613"/>
      <c r="CVI722" s="613"/>
      <c r="CVJ722" s="613"/>
      <c r="CVK722" s="613"/>
      <c r="CVL722" s="613"/>
      <c r="CVM722" s="613"/>
      <c r="CVN722" s="613"/>
      <c r="CVO722" s="613"/>
      <c r="CVP722" s="613"/>
      <c r="CVQ722" s="613"/>
      <c r="CVR722" s="613"/>
      <c r="CVS722" s="613"/>
      <c r="CVT722" s="613"/>
      <c r="CVU722" s="613"/>
      <c r="CVV722" s="613"/>
      <c r="CVW722" s="613"/>
      <c r="CVX722" s="613"/>
      <c r="CVY722" s="613"/>
      <c r="CVZ722" s="613"/>
      <c r="CWA722" s="613"/>
      <c r="CWB722" s="613"/>
      <c r="CWC722" s="613"/>
      <c r="CWD722" s="613"/>
      <c r="CWE722" s="613"/>
      <c r="CWF722" s="613"/>
      <c r="CWG722" s="613"/>
      <c r="CWH722" s="613"/>
      <c r="CWI722" s="613"/>
      <c r="CWJ722" s="613"/>
      <c r="CWK722" s="613"/>
      <c r="CWL722" s="613"/>
      <c r="CWM722" s="613"/>
      <c r="CWN722" s="613"/>
      <c r="CWO722" s="613"/>
      <c r="CWP722" s="613"/>
      <c r="CWQ722" s="613"/>
      <c r="CWR722" s="613"/>
      <c r="CWS722" s="613"/>
      <c r="CWT722" s="613"/>
      <c r="CWU722" s="613"/>
      <c r="CWV722" s="613"/>
      <c r="CWW722" s="613"/>
      <c r="CWX722" s="613"/>
      <c r="CWY722" s="613"/>
      <c r="CWZ722" s="613"/>
      <c r="CXA722" s="613"/>
      <c r="CXB722" s="613"/>
      <c r="CXC722" s="613"/>
      <c r="CXD722" s="613"/>
      <c r="CXE722" s="613"/>
      <c r="CXF722" s="613"/>
      <c r="CXG722" s="613"/>
      <c r="CXH722" s="613"/>
      <c r="CXI722" s="613"/>
      <c r="CXJ722" s="613"/>
      <c r="CXK722" s="613"/>
      <c r="CXL722" s="613"/>
      <c r="CXM722" s="613"/>
      <c r="CXN722" s="613"/>
      <c r="CXO722" s="613"/>
      <c r="CXP722" s="613"/>
      <c r="CXQ722" s="613"/>
      <c r="CXR722" s="613"/>
      <c r="CXS722" s="613"/>
      <c r="CXT722" s="613"/>
      <c r="CXU722" s="613"/>
      <c r="CXV722" s="613"/>
      <c r="CXW722" s="613"/>
      <c r="CXX722" s="613"/>
      <c r="CXY722" s="613"/>
      <c r="CXZ722" s="613"/>
      <c r="CYA722" s="613"/>
      <c r="CYB722" s="613"/>
      <c r="CYC722" s="613"/>
      <c r="CYD722" s="613"/>
      <c r="CYE722" s="613"/>
      <c r="CYF722" s="613"/>
      <c r="CYG722" s="613"/>
      <c r="CYH722" s="613"/>
      <c r="CYI722" s="613"/>
      <c r="CYJ722" s="613"/>
      <c r="CYK722" s="613"/>
      <c r="CYL722" s="613"/>
      <c r="CYM722" s="613"/>
      <c r="CYN722" s="613"/>
      <c r="CYO722" s="613"/>
      <c r="CYP722" s="613"/>
      <c r="CYQ722" s="613"/>
      <c r="CYR722" s="613"/>
      <c r="CYS722" s="613"/>
      <c r="CYT722" s="613"/>
      <c r="CYU722" s="613"/>
      <c r="CYV722" s="613"/>
      <c r="CYW722" s="613"/>
      <c r="CYX722" s="613"/>
      <c r="CYY722" s="613"/>
      <c r="CYZ722" s="613"/>
      <c r="CZA722" s="613"/>
      <c r="CZB722" s="613"/>
      <c r="CZC722" s="613"/>
      <c r="CZD722" s="613"/>
      <c r="CZE722" s="613"/>
      <c r="CZF722" s="613"/>
      <c r="CZG722" s="613"/>
      <c r="CZH722" s="613"/>
      <c r="CZI722" s="613"/>
      <c r="CZJ722" s="613"/>
      <c r="CZK722" s="613"/>
      <c r="CZL722" s="613"/>
      <c r="CZM722" s="613"/>
      <c r="CZN722" s="613"/>
      <c r="CZO722" s="613"/>
      <c r="CZP722" s="613"/>
      <c r="CZQ722" s="613"/>
      <c r="CZR722" s="613"/>
      <c r="CZS722" s="613"/>
      <c r="CZT722" s="613"/>
      <c r="CZU722" s="613"/>
      <c r="CZV722" s="613"/>
      <c r="CZW722" s="613"/>
      <c r="CZX722" s="613"/>
      <c r="CZY722" s="613"/>
      <c r="CZZ722" s="613"/>
      <c r="DAA722" s="613"/>
      <c r="DAB722" s="613"/>
      <c r="DAC722" s="613"/>
      <c r="DAD722" s="613"/>
      <c r="DAE722" s="613"/>
      <c r="DAF722" s="613"/>
      <c r="DAG722" s="613"/>
      <c r="DAH722" s="613"/>
      <c r="DAI722" s="613"/>
      <c r="DAJ722" s="613"/>
      <c r="DAK722" s="613"/>
      <c r="DAL722" s="613"/>
      <c r="DAM722" s="613"/>
      <c r="DAN722" s="613"/>
      <c r="DAO722" s="613"/>
      <c r="DAP722" s="613"/>
      <c r="DAQ722" s="613"/>
      <c r="DAR722" s="613"/>
      <c r="DAS722" s="613"/>
      <c r="DAT722" s="613"/>
      <c r="DAU722" s="613"/>
      <c r="DAV722" s="613"/>
      <c r="DAW722" s="613"/>
      <c r="DAX722" s="613"/>
      <c r="DAY722" s="613"/>
      <c r="DAZ722" s="613"/>
      <c r="DBA722" s="613"/>
      <c r="DBB722" s="613"/>
      <c r="DBC722" s="613"/>
      <c r="DBD722" s="613"/>
      <c r="DBE722" s="613"/>
      <c r="DBF722" s="613"/>
      <c r="DBG722" s="613"/>
      <c r="DBH722" s="613"/>
      <c r="DBI722" s="613"/>
      <c r="DBJ722" s="613"/>
      <c r="DBK722" s="613"/>
      <c r="DBL722" s="613"/>
      <c r="DBM722" s="613"/>
      <c r="DBN722" s="613"/>
      <c r="DBO722" s="613"/>
      <c r="DBP722" s="613"/>
      <c r="DBQ722" s="613"/>
      <c r="DBR722" s="613"/>
      <c r="DBS722" s="613"/>
      <c r="DBT722" s="613"/>
      <c r="DBU722" s="613"/>
      <c r="DBV722" s="613"/>
      <c r="DBW722" s="613"/>
      <c r="DBX722" s="613"/>
      <c r="DBY722" s="613"/>
      <c r="DBZ722" s="613"/>
      <c r="DCA722" s="613"/>
      <c r="DCB722" s="613"/>
      <c r="DCC722" s="613"/>
      <c r="DCD722" s="613"/>
      <c r="DCE722" s="613"/>
      <c r="DCF722" s="613"/>
      <c r="DCG722" s="613"/>
      <c r="DCH722" s="613"/>
      <c r="DCI722" s="613"/>
      <c r="DCJ722" s="613"/>
      <c r="DCK722" s="613"/>
      <c r="DCL722" s="613"/>
      <c r="DCM722" s="613"/>
      <c r="DCN722" s="613"/>
      <c r="DCO722" s="613"/>
      <c r="DCP722" s="613"/>
      <c r="DCQ722" s="613"/>
      <c r="DCR722" s="613"/>
      <c r="DCS722" s="613"/>
      <c r="DCT722" s="613"/>
      <c r="DCU722" s="613"/>
      <c r="DCV722" s="613"/>
      <c r="DCW722" s="613"/>
      <c r="DCX722" s="613"/>
      <c r="DCY722" s="613"/>
      <c r="DCZ722" s="613"/>
      <c r="DDA722" s="613"/>
      <c r="DDB722" s="613"/>
      <c r="DDC722" s="613"/>
      <c r="DDD722" s="613"/>
      <c r="DDE722" s="613"/>
      <c r="DDF722" s="613"/>
      <c r="DDG722" s="613"/>
      <c r="DDH722" s="613"/>
      <c r="DDI722" s="613"/>
      <c r="DDJ722" s="613"/>
      <c r="DDK722" s="613"/>
      <c r="DDL722" s="613"/>
      <c r="DDM722" s="613"/>
      <c r="DDN722" s="613"/>
      <c r="DDO722" s="613"/>
      <c r="DDP722" s="613"/>
      <c r="DDQ722" s="613"/>
      <c r="DDR722" s="613"/>
      <c r="DDS722" s="613"/>
      <c r="DDT722" s="613"/>
      <c r="DDU722" s="613"/>
      <c r="DDV722" s="613"/>
      <c r="DDW722" s="613"/>
      <c r="DDX722" s="613"/>
      <c r="DDY722" s="613"/>
      <c r="DDZ722" s="613"/>
      <c r="DEA722" s="613"/>
      <c r="DEB722" s="613"/>
      <c r="DEC722" s="613"/>
      <c r="DED722" s="613"/>
      <c r="DEE722" s="613"/>
      <c r="DEF722" s="613"/>
      <c r="DEG722" s="613"/>
      <c r="DEH722" s="613"/>
      <c r="DEI722" s="613"/>
      <c r="DEJ722" s="613"/>
      <c r="DEK722" s="613"/>
      <c r="DEL722" s="613"/>
      <c r="DEM722" s="613"/>
      <c r="DEN722" s="613"/>
      <c r="DEO722" s="613"/>
      <c r="DEP722" s="613"/>
      <c r="DEQ722" s="613"/>
      <c r="DER722" s="613"/>
      <c r="DES722" s="613"/>
      <c r="DET722" s="613"/>
      <c r="DEU722" s="613"/>
      <c r="DEV722" s="613"/>
      <c r="DEW722" s="613"/>
      <c r="DEX722" s="613"/>
      <c r="DEY722" s="613"/>
      <c r="DEZ722" s="613"/>
      <c r="DFA722" s="613"/>
      <c r="DFB722" s="613"/>
      <c r="DFC722" s="613"/>
      <c r="DFD722" s="613"/>
      <c r="DFE722" s="613"/>
      <c r="DFF722" s="613"/>
      <c r="DFG722" s="613"/>
      <c r="DFH722" s="613"/>
      <c r="DFI722" s="613"/>
      <c r="DFJ722" s="613"/>
      <c r="DFK722" s="613"/>
      <c r="DFL722" s="613"/>
      <c r="DFM722" s="613"/>
      <c r="DFN722" s="613"/>
      <c r="DFO722" s="613"/>
      <c r="DFP722" s="613"/>
      <c r="DFQ722" s="613"/>
      <c r="DFR722" s="613"/>
      <c r="DFS722" s="613"/>
      <c r="DFT722" s="613"/>
      <c r="DFU722" s="613"/>
      <c r="DFV722" s="613"/>
      <c r="DFW722" s="613"/>
      <c r="DFX722" s="613"/>
      <c r="DFY722" s="613"/>
      <c r="DFZ722" s="613"/>
      <c r="DGA722" s="613"/>
      <c r="DGB722" s="613"/>
      <c r="DGC722" s="613"/>
      <c r="DGD722" s="613"/>
      <c r="DGE722" s="613"/>
      <c r="DGF722" s="613"/>
      <c r="DGG722" s="613"/>
      <c r="DGH722" s="613"/>
      <c r="DGI722" s="613"/>
      <c r="DGJ722" s="613"/>
      <c r="DGK722" s="613"/>
      <c r="DGL722" s="613"/>
      <c r="DGM722" s="613"/>
      <c r="DGN722" s="613"/>
      <c r="DGO722" s="613"/>
      <c r="DGP722" s="613"/>
      <c r="DGQ722" s="613"/>
      <c r="DGR722" s="613"/>
      <c r="DGS722" s="613"/>
      <c r="DGT722" s="613"/>
      <c r="DGU722" s="613"/>
      <c r="DGV722" s="613"/>
      <c r="DGW722" s="613"/>
      <c r="DGX722" s="613"/>
      <c r="DGY722" s="613"/>
      <c r="DGZ722" s="613"/>
      <c r="DHA722" s="613"/>
      <c r="DHB722" s="613"/>
      <c r="DHC722" s="613"/>
      <c r="DHD722" s="613"/>
      <c r="DHE722" s="613"/>
      <c r="DHF722" s="613"/>
      <c r="DHG722" s="613"/>
      <c r="DHH722" s="613"/>
      <c r="DHI722" s="613"/>
      <c r="DHJ722" s="613"/>
      <c r="DHK722" s="613"/>
      <c r="DHL722" s="613"/>
      <c r="DHM722" s="613"/>
      <c r="DHN722" s="613"/>
      <c r="DHO722" s="613"/>
      <c r="DHP722" s="613"/>
      <c r="DHQ722" s="613"/>
      <c r="DHR722" s="613"/>
      <c r="DHS722" s="613"/>
      <c r="DHT722" s="613"/>
      <c r="DHU722" s="613"/>
      <c r="DHV722" s="613"/>
      <c r="DHW722" s="613"/>
      <c r="DHX722" s="613"/>
      <c r="DHY722" s="613"/>
      <c r="DHZ722" s="613"/>
      <c r="DIA722" s="613"/>
      <c r="DIB722" s="613"/>
      <c r="DIC722" s="613"/>
      <c r="DID722" s="613"/>
      <c r="DIE722" s="613"/>
      <c r="DIF722" s="613"/>
      <c r="DIG722" s="613"/>
      <c r="DIH722" s="613"/>
      <c r="DII722" s="613"/>
      <c r="DIJ722" s="613"/>
      <c r="DIK722" s="613"/>
      <c r="DIL722" s="613"/>
      <c r="DIM722" s="613"/>
      <c r="DIN722" s="613"/>
      <c r="DIO722" s="613"/>
      <c r="DIP722" s="613"/>
      <c r="DIQ722" s="613"/>
      <c r="DIR722" s="613"/>
      <c r="DIS722" s="613"/>
      <c r="DIT722" s="613"/>
      <c r="DIU722" s="613"/>
      <c r="DIV722" s="613"/>
      <c r="DIW722" s="613"/>
      <c r="DIX722" s="613"/>
      <c r="DIY722" s="613"/>
      <c r="DIZ722" s="613"/>
      <c r="DJA722" s="613"/>
      <c r="DJB722" s="613"/>
      <c r="DJC722" s="613"/>
      <c r="DJD722" s="613"/>
      <c r="DJE722" s="613"/>
      <c r="DJF722" s="613"/>
      <c r="DJG722" s="613"/>
      <c r="DJH722" s="613"/>
      <c r="DJI722" s="613"/>
      <c r="DJJ722" s="613"/>
      <c r="DJK722" s="613"/>
      <c r="DJL722" s="613"/>
      <c r="DJM722" s="613"/>
      <c r="DJN722" s="613"/>
      <c r="DJO722" s="613"/>
      <c r="DJP722" s="613"/>
      <c r="DJQ722" s="613"/>
      <c r="DJR722" s="613"/>
      <c r="DJS722" s="613"/>
      <c r="DJT722" s="613"/>
      <c r="DJU722" s="613"/>
      <c r="DJV722" s="613"/>
      <c r="DJW722" s="613"/>
      <c r="DJX722" s="613"/>
      <c r="DJY722" s="613"/>
      <c r="DJZ722" s="613"/>
      <c r="DKA722" s="613"/>
      <c r="DKB722" s="613"/>
      <c r="DKC722" s="613"/>
      <c r="DKD722" s="613"/>
      <c r="DKE722" s="613"/>
      <c r="DKF722" s="613"/>
      <c r="DKG722" s="613"/>
      <c r="DKH722" s="613"/>
      <c r="DKI722" s="613"/>
      <c r="DKJ722" s="613"/>
      <c r="DKK722" s="613"/>
      <c r="DKL722" s="613"/>
      <c r="DKM722" s="613"/>
      <c r="DKN722" s="613"/>
      <c r="DKO722" s="613"/>
      <c r="DKP722" s="613"/>
      <c r="DKQ722" s="613"/>
      <c r="DKR722" s="613"/>
      <c r="DKS722" s="613"/>
      <c r="DKT722" s="613"/>
      <c r="DKU722" s="613"/>
      <c r="DKV722" s="613"/>
      <c r="DKW722" s="613"/>
      <c r="DKX722" s="613"/>
      <c r="DKY722" s="613"/>
      <c r="DKZ722" s="613"/>
      <c r="DLA722" s="613"/>
      <c r="DLB722" s="613"/>
      <c r="DLC722" s="613"/>
      <c r="DLD722" s="613"/>
      <c r="DLE722" s="613"/>
      <c r="DLF722" s="613"/>
      <c r="DLG722" s="613"/>
      <c r="DLH722" s="613"/>
      <c r="DLI722" s="613"/>
      <c r="DLJ722" s="613"/>
      <c r="DLK722" s="613"/>
      <c r="DLL722" s="613"/>
      <c r="DLM722" s="613"/>
      <c r="DLN722" s="613"/>
      <c r="DLO722" s="613"/>
      <c r="DLP722" s="613"/>
      <c r="DLQ722" s="613"/>
      <c r="DLR722" s="613"/>
      <c r="DLS722" s="613"/>
      <c r="DLT722" s="613"/>
      <c r="DLU722" s="613"/>
      <c r="DLV722" s="613"/>
      <c r="DLW722" s="613"/>
      <c r="DLX722" s="613"/>
      <c r="DLY722" s="613"/>
      <c r="DLZ722" s="613"/>
      <c r="DMA722" s="613"/>
      <c r="DMB722" s="613"/>
      <c r="DMC722" s="613"/>
      <c r="DMD722" s="613"/>
      <c r="DME722" s="613"/>
      <c r="DMF722" s="613"/>
      <c r="DMG722" s="613"/>
      <c r="DMH722" s="613"/>
      <c r="DMI722" s="613"/>
      <c r="DMJ722" s="613"/>
      <c r="DMK722" s="613"/>
      <c r="DML722" s="613"/>
      <c r="DMM722" s="613"/>
      <c r="DMN722" s="613"/>
      <c r="DMO722" s="613"/>
      <c r="DMP722" s="613"/>
      <c r="DMQ722" s="613"/>
      <c r="DMR722" s="613"/>
      <c r="DMS722" s="613"/>
      <c r="DMT722" s="613"/>
      <c r="DMU722" s="613"/>
      <c r="DMV722" s="613"/>
      <c r="DMW722" s="613"/>
      <c r="DMX722" s="613"/>
      <c r="DMY722" s="613"/>
      <c r="DMZ722" s="613"/>
      <c r="DNA722" s="613"/>
      <c r="DNB722" s="613"/>
      <c r="DNC722" s="613"/>
      <c r="DND722" s="613"/>
      <c r="DNE722" s="613"/>
      <c r="DNF722" s="613"/>
      <c r="DNG722" s="613"/>
      <c r="DNH722" s="613"/>
      <c r="DNI722" s="613"/>
      <c r="DNJ722" s="613"/>
      <c r="DNK722" s="613"/>
      <c r="DNL722" s="613"/>
      <c r="DNM722" s="613"/>
      <c r="DNN722" s="613"/>
      <c r="DNO722" s="613"/>
      <c r="DNP722" s="613"/>
      <c r="DNQ722" s="613"/>
      <c r="DNR722" s="613"/>
      <c r="DNS722" s="613"/>
      <c r="DNT722" s="613"/>
      <c r="DNU722" s="613"/>
      <c r="DNV722" s="613"/>
      <c r="DNW722" s="613"/>
      <c r="DNX722" s="613"/>
      <c r="DNY722" s="613"/>
      <c r="DNZ722" s="613"/>
      <c r="DOA722" s="613"/>
      <c r="DOB722" s="613"/>
      <c r="DOC722" s="613"/>
      <c r="DOD722" s="613"/>
      <c r="DOE722" s="613"/>
      <c r="DOF722" s="613"/>
      <c r="DOG722" s="613"/>
      <c r="DOH722" s="613"/>
      <c r="DOI722" s="613"/>
      <c r="DOJ722" s="613"/>
      <c r="DOK722" s="613"/>
      <c r="DOL722" s="613"/>
      <c r="DOM722" s="613"/>
      <c r="DON722" s="613"/>
      <c r="DOO722" s="613"/>
      <c r="DOP722" s="613"/>
      <c r="DOQ722" s="613"/>
      <c r="DOR722" s="613"/>
      <c r="DOS722" s="613"/>
      <c r="DOT722" s="613"/>
      <c r="DOU722" s="613"/>
      <c r="DOV722" s="613"/>
      <c r="DOW722" s="613"/>
      <c r="DOX722" s="613"/>
      <c r="DOY722" s="613"/>
      <c r="DOZ722" s="613"/>
      <c r="DPA722" s="613"/>
      <c r="DPB722" s="613"/>
      <c r="DPC722" s="613"/>
      <c r="DPD722" s="613"/>
      <c r="DPE722" s="613"/>
      <c r="DPF722" s="613"/>
      <c r="DPG722" s="613"/>
      <c r="DPH722" s="613"/>
      <c r="DPI722" s="613"/>
      <c r="DPJ722" s="613"/>
      <c r="DPK722" s="613"/>
      <c r="DPL722" s="613"/>
      <c r="DPM722" s="613"/>
      <c r="DPN722" s="613"/>
      <c r="DPO722" s="613"/>
      <c r="DPP722" s="613"/>
      <c r="DPQ722" s="613"/>
      <c r="DPR722" s="613"/>
      <c r="DPS722" s="613"/>
      <c r="DPT722" s="613"/>
      <c r="DPU722" s="613"/>
      <c r="DPV722" s="613"/>
      <c r="DPW722" s="613"/>
      <c r="DPX722" s="613"/>
      <c r="DPY722" s="613"/>
      <c r="DPZ722" s="613"/>
      <c r="DQA722" s="613"/>
      <c r="DQB722" s="613"/>
      <c r="DQC722" s="613"/>
      <c r="DQD722" s="613"/>
      <c r="DQE722" s="613"/>
      <c r="DQF722" s="613"/>
      <c r="DQG722" s="613"/>
      <c r="DQH722" s="613"/>
      <c r="DQI722" s="613"/>
      <c r="DQJ722" s="613"/>
      <c r="DQK722" s="613"/>
      <c r="DQL722" s="613"/>
      <c r="DQM722" s="613"/>
      <c r="DQN722" s="613"/>
      <c r="DQO722" s="613"/>
      <c r="DQP722" s="613"/>
      <c r="DQQ722" s="613"/>
      <c r="DQR722" s="613"/>
      <c r="DQS722" s="613"/>
      <c r="DQT722" s="613"/>
      <c r="DQU722" s="613"/>
      <c r="DQV722" s="613"/>
      <c r="DQW722" s="613"/>
      <c r="DQX722" s="613"/>
      <c r="DQY722" s="613"/>
      <c r="DQZ722" s="613"/>
      <c r="DRA722" s="613"/>
      <c r="DRB722" s="613"/>
      <c r="DRC722" s="613"/>
      <c r="DRD722" s="613"/>
      <c r="DRE722" s="613"/>
      <c r="DRF722" s="613"/>
      <c r="DRG722" s="613"/>
      <c r="DRH722" s="613"/>
      <c r="DRI722" s="613"/>
      <c r="DRJ722" s="613"/>
      <c r="DRK722" s="613"/>
      <c r="DRL722" s="613"/>
      <c r="DRM722" s="613"/>
      <c r="DRN722" s="613"/>
      <c r="DRO722" s="613"/>
      <c r="DRP722" s="613"/>
      <c r="DRQ722" s="613"/>
      <c r="DRR722" s="613"/>
      <c r="DRS722" s="613"/>
      <c r="DRT722" s="613"/>
      <c r="DRU722" s="613"/>
      <c r="DRV722" s="613"/>
      <c r="DRW722" s="613"/>
      <c r="DRX722" s="613"/>
      <c r="DRY722" s="613"/>
      <c r="DRZ722" s="613"/>
      <c r="DSA722" s="613"/>
      <c r="DSB722" s="613"/>
      <c r="DSC722" s="613"/>
      <c r="DSD722" s="613"/>
      <c r="DSE722" s="613"/>
      <c r="DSF722" s="613"/>
      <c r="DSG722" s="613"/>
      <c r="DSH722" s="613"/>
      <c r="DSI722" s="613"/>
      <c r="DSJ722" s="613"/>
      <c r="DSK722" s="613"/>
      <c r="DSL722" s="613"/>
      <c r="DSM722" s="613"/>
      <c r="DSN722" s="613"/>
      <c r="DSO722" s="613"/>
      <c r="DSP722" s="613"/>
      <c r="DSQ722" s="613"/>
      <c r="DSR722" s="613"/>
      <c r="DSS722" s="613"/>
      <c r="DST722" s="613"/>
      <c r="DSU722" s="613"/>
      <c r="DSV722" s="613"/>
      <c r="DSW722" s="613"/>
      <c r="DSX722" s="613"/>
      <c r="DSY722" s="613"/>
      <c r="DSZ722" s="613"/>
      <c r="DTA722" s="613"/>
      <c r="DTB722" s="613"/>
      <c r="DTC722" s="613"/>
      <c r="DTD722" s="613"/>
      <c r="DTE722" s="613"/>
      <c r="DTF722" s="613"/>
      <c r="DTG722" s="613"/>
      <c r="DTH722" s="613"/>
      <c r="DTI722" s="613"/>
      <c r="DTJ722" s="613"/>
      <c r="DTK722" s="613"/>
      <c r="DTL722" s="613"/>
      <c r="DTM722" s="613"/>
      <c r="DTN722" s="613"/>
      <c r="DTO722" s="613"/>
      <c r="DTP722" s="613"/>
      <c r="DTQ722" s="613"/>
      <c r="DTR722" s="613"/>
      <c r="DTS722" s="613"/>
      <c r="DTT722" s="613"/>
      <c r="DTU722" s="613"/>
      <c r="DTV722" s="613"/>
      <c r="DTW722" s="613"/>
      <c r="DTX722" s="613"/>
      <c r="DTY722" s="613"/>
      <c r="DTZ722" s="613"/>
      <c r="DUA722" s="613"/>
      <c r="DUB722" s="613"/>
      <c r="DUC722" s="613"/>
      <c r="DUD722" s="613"/>
      <c r="DUE722" s="613"/>
      <c r="DUF722" s="613"/>
      <c r="DUG722" s="613"/>
      <c r="DUH722" s="613"/>
      <c r="DUI722" s="613"/>
      <c r="DUJ722" s="613"/>
      <c r="DUK722" s="613"/>
      <c r="DUL722" s="613"/>
      <c r="DUM722" s="613"/>
      <c r="DUN722" s="613"/>
      <c r="DUO722" s="613"/>
      <c r="DUP722" s="613"/>
      <c r="DUQ722" s="613"/>
      <c r="DUR722" s="613"/>
      <c r="DUS722" s="613"/>
      <c r="DUT722" s="613"/>
      <c r="DUU722" s="613"/>
      <c r="DUV722" s="613"/>
      <c r="DUW722" s="613"/>
      <c r="DUX722" s="613"/>
      <c r="DUY722" s="613"/>
      <c r="DUZ722" s="613"/>
      <c r="DVA722" s="613"/>
      <c r="DVB722" s="613"/>
      <c r="DVC722" s="613"/>
      <c r="DVD722" s="613"/>
      <c r="DVE722" s="613"/>
      <c r="DVF722" s="613"/>
      <c r="DVG722" s="613"/>
      <c r="DVH722" s="613"/>
      <c r="DVI722" s="613"/>
      <c r="DVJ722" s="613"/>
      <c r="DVK722" s="613"/>
      <c r="DVL722" s="613"/>
      <c r="DVM722" s="613"/>
      <c r="DVN722" s="613"/>
      <c r="DVO722" s="613"/>
      <c r="DVP722" s="613"/>
      <c r="DVQ722" s="613"/>
      <c r="DVR722" s="613"/>
      <c r="DVS722" s="613"/>
      <c r="DVT722" s="613"/>
      <c r="DVU722" s="613"/>
      <c r="DVV722" s="613"/>
      <c r="DVW722" s="613"/>
      <c r="DVX722" s="613"/>
      <c r="DVY722" s="613"/>
      <c r="DVZ722" s="613"/>
      <c r="DWA722" s="613"/>
      <c r="DWB722" s="613"/>
      <c r="DWC722" s="613"/>
      <c r="DWD722" s="613"/>
      <c r="DWE722" s="613"/>
      <c r="DWF722" s="613"/>
      <c r="DWG722" s="613"/>
      <c r="DWH722" s="613"/>
      <c r="DWI722" s="613"/>
      <c r="DWJ722" s="613"/>
      <c r="DWK722" s="613"/>
      <c r="DWL722" s="613"/>
      <c r="DWM722" s="613"/>
      <c r="DWN722" s="613"/>
      <c r="DWO722" s="613"/>
      <c r="DWP722" s="613"/>
      <c r="DWQ722" s="613"/>
      <c r="DWR722" s="613"/>
      <c r="DWS722" s="613"/>
      <c r="DWT722" s="613"/>
      <c r="DWU722" s="613"/>
      <c r="DWV722" s="613"/>
      <c r="DWW722" s="613"/>
      <c r="DWX722" s="613"/>
      <c r="DWY722" s="613"/>
      <c r="DWZ722" s="613"/>
      <c r="DXA722" s="613"/>
      <c r="DXB722" s="613"/>
      <c r="DXC722" s="613"/>
      <c r="DXD722" s="613"/>
      <c r="DXE722" s="613"/>
      <c r="DXF722" s="613"/>
      <c r="DXG722" s="613"/>
      <c r="DXH722" s="613"/>
      <c r="DXI722" s="613"/>
      <c r="DXJ722" s="613"/>
      <c r="DXK722" s="613"/>
      <c r="DXL722" s="613"/>
      <c r="DXM722" s="613"/>
      <c r="DXN722" s="613"/>
      <c r="DXO722" s="613"/>
      <c r="DXP722" s="613"/>
      <c r="DXQ722" s="613"/>
      <c r="DXR722" s="613"/>
      <c r="DXS722" s="613"/>
      <c r="DXT722" s="613"/>
      <c r="DXU722" s="613"/>
      <c r="DXV722" s="613"/>
      <c r="DXW722" s="613"/>
      <c r="DXX722" s="613"/>
      <c r="DXY722" s="613"/>
      <c r="DXZ722" s="613"/>
      <c r="DYA722" s="613"/>
      <c r="DYB722" s="613"/>
      <c r="DYC722" s="613"/>
      <c r="DYD722" s="613"/>
      <c r="DYE722" s="613"/>
      <c r="DYF722" s="613"/>
      <c r="DYG722" s="613"/>
      <c r="DYH722" s="613"/>
      <c r="DYI722" s="613"/>
      <c r="DYJ722" s="613"/>
      <c r="DYK722" s="613"/>
      <c r="DYL722" s="613"/>
      <c r="DYM722" s="613"/>
      <c r="DYN722" s="613"/>
      <c r="DYO722" s="613"/>
      <c r="DYP722" s="613"/>
      <c r="DYQ722" s="613"/>
      <c r="DYR722" s="613"/>
      <c r="DYS722" s="613"/>
      <c r="DYT722" s="613"/>
      <c r="DYU722" s="613"/>
      <c r="DYV722" s="613"/>
      <c r="DYW722" s="613"/>
      <c r="DYX722" s="613"/>
      <c r="DYY722" s="613"/>
      <c r="DYZ722" s="613"/>
      <c r="DZA722" s="613"/>
      <c r="DZB722" s="613"/>
      <c r="DZC722" s="613"/>
      <c r="DZD722" s="613"/>
      <c r="DZE722" s="613"/>
      <c r="DZF722" s="613"/>
      <c r="DZG722" s="613"/>
      <c r="DZH722" s="613"/>
      <c r="DZI722" s="613"/>
      <c r="DZJ722" s="613"/>
      <c r="DZK722" s="613"/>
      <c r="DZL722" s="613"/>
      <c r="DZM722" s="613"/>
      <c r="DZN722" s="613"/>
      <c r="DZO722" s="613"/>
      <c r="DZP722" s="613"/>
      <c r="DZQ722" s="613"/>
      <c r="DZR722" s="613"/>
      <c r="DZS722" s="613"/>
      <c r="DZT722" s="613"/>
      <c r="DZU722" s="613"/>
      <c r="DZV722" s="613"/>
      <c r="DZW722" s="613"/>
      <c r="DZX722" s="613"/>
      <c r="DZY722" s="613"/>
      <c r="DZZ722" s="613"/>
      <c r="EAA722" s="613"/>
      <c r="EAB722" s="613"/>
      <c r="EAC722" s="613"/>
      <c r="EAD722" s="613"/>
      <c r="EAE722" s="613"/>
      <c r="EAF722" s="613"/>
      <c r="EAG722" s="613"/>
      <c r="EAH722" s="613"/>
      <c r="EAI722" s="613"/>
      <c r="EAJ722" s="613"/>
      <c r="EAK722" s="613"/>
      <c r="EAL722" s="613"/>
      <c r="EAM722" s="613"/>
      <c r="EAN722" s="613"/>
      <c r="EAO722" s="613"/>
      <c r="EAP722" s="613"/>
      <c r="EAQ722" s="613"/>
      <c r="EAR722" s="613"/>
      <c r="EAS722" s="613"/>
      <c r="EAT722" s="613"/>
      <c r="EAU722" s="613"/>
      <c r="EAV722" s="613"/>
      <c r="EAW722" s="613"/>
      <c r="EAX722" s="613"/>
      <c r="EAY722" s="613"/>
      <c r="EAZ722" s="613"/>
      <c r="EBA722" s="613"/>
      <c r="EBB722" s="613"/>
      <c r="EBC722" s="613"/>
      <c r="EBD722" s="613"/>
      <c r="EBE722" s="613"/>
      <c r="EBF722" s="613"/>
      <c r="EBG722" s="613"/>
      <c r="EBH722" s="613"/>
      <c r="EBI722" s="613"/>
      <c r="EBJ722" s="613"/>
      <c r="EBK722" s="613"/>
      <c r="EBL722" s="613"/>
      <c r="EBM722" s="613"/>
      <c r="EBN722" s="613"/>
      <c r="EBO722" s="613"/>
      <c r="EBP722" s="613"/>
      <c r="EBQ722" s="613"/>
      <c r="EBR722" s="613"/>
      <c r="EBS722" s="613"/>
      <c r="EBT722" s="613"/>
      <c r="EBU722" s="613"/>
      <c r="EBV722" s="613"/>
      <c r="EBW722" s="613"/>
      <c r="EBX722" s="613"/>
      <c r="EBY722" s="613"/>
      <c r="EBZ722" s="613"/>
      <c r="ECA722" s="613"/>
      <c r="ECB722" s="613"/>
      <c r="ECC722" s="613"/>
      <c r="ECD722" s="613"/>
      <c r="ECE722" s="613"/>
      <c r="ECF722" s="613"/>
      <c r="ECG722" s="613"/>
      <c r="ECH722" s="613"/>
      <c r="ECI722" s="613"/>
      <c r="ECJ722" s="613"/>
      <c r="ECK722" s="613"/>
      <c r="ECL722" s="613"/>
      <c r="ECM722" s="613"/>
      <c r="ECN722" s="613"/>
      <c r="ECO722" s="613"/>
      <c r="ECP722" s="613"/>
      <c r="ECQ722" s="613"/>
      <c r="ECR722" s="613"/>
      <c r="ECS722" s="613"/>
      <c r="ECT722" s="613"/>
      <c r="ECU722" s="613"/>
      <c r="ECV722" s="613"/>
      <c r="ECW722" s="613"/>
      <c r="ECX722" s="613"/>
      <c r="ECY722" s="613"/>
      <c r="ECZ722" s="613"/>
      <c r="EDA722" s="613"/>
      <c r="EDB722" s="613"/>
      <c r="EDC722" s="613"/>
      <c r="EDD722" s="613"/>
      <c r="EDE722" s="613"/>
      <c r="EDF722" s="613"/>
      <c r="EDG722" s="613"/>
      <c r="EDH722" s="613"/>
      <c r="EDI722" s="613"/>
      <c r="EDJ722" s="613"/>
      <c r="EDK722" s="613"/>
      <c r="EDL722" s="613"/>
      <c r="EDM722" s="613"/>
      <c r="EDN722" s="613"/>
      <c r="EDO722" s="613"/>
      <c r="EDP722" s="613"/>
      <c r="EDQ722" s="613"/>
      <c r="EDR722" s="613"/>
      <c r="EDS722" s="613"/>
      <c r="EDT722" s="613"/>
      <c r="EDU722" s="613"/>
      <c r="EDV722" s="613"/>
      <c r="EDW722" s="613"/>
      <c r="EDX722" s="613"/>
      <c r="EDY722" s="613"/>
      <c r="EDZ722" s="613"/>
      <c r="EEA722" s="613"/>
      <c r="EEB722" s="613"/>
      <c r="EEC722" s="613"/>
      <c r="EED722" s="613"/>
      <c r="EEE722" s="613"/>
      <c r="EEF722" s="613"/>
      <c r="EEG722" s="613"/>
      <c r="EEH722" s="613"/>
      <c r="EEI722" s="613"/>
      <c r="EEJ722" s="613"/>
      <c r="EEK722" s="613"/>
      <c r="EEL722" s="613"/>
      <c r="EEM722" s="613"/>
      <c r="EEN722" s="613"/>
      <c r="EEO722" s="613"/>
      <c r="EEP722" s="613"/>
      <c r="EEQ722" s="613"/>
      <c r="EER722" s="613"/>
      <c r="EES722" s="613"/>
      <c r="EET722" s="613"/>
      <c r="EEU722" s="613"/>
      <c r="EEV722" s="613"/>
      <c r="EEW722" s="613"/>
      <c r="EEX722" s="613"/>
      <c r="EEY722" s="613"/>
      <c r="EEZ722" s="613"/>
      <c r="EFA722" s="613"/>
      <c r="EFB722" s="613"/>
      <c r="EFC722" s="613"/>
      <c r="EFD722" s="613"/>
      <c r="EFE722" s="613"/>
      <c r="EFF722" s="613"/>
      <c r="EFG722" s="613"/>
      <c r="EFH722" s="613"/>
      <c r="EFI722" s="613"/>
      <c r="EFJ722" s="613"/>
      <c r="EFK722" s="613"/>
      <c r="EFL722" s="613"/>
      <c r="EFM722" s="613"/>
      <c r="EFN722" s="613"/>
      <c r="EFO722" s="613"/>
      <c r="EFP722" s="613"/>
      <c r="EFQ722" s="613"/>
      <c r="EFR722" s="613"/>
      <c r="EFS722" s="613"/>
      <c r="EFT722" s="613"/>
      <c r="EFU722" s="613"/>
      <c r="EFV722" s="613"/>
      <c r="EFW722" s="613"/>
      <c r="EFX722" s="613"/>
      <c r="EFY722" s="613"/>
      <c r="EFZ722" s="613"/>
      <c r="EGA722" s="613"/>
      <c r="EGB722" s="613"/>
      <c r="EGC722" s="613"/>
      <c r="EGD722" s="613"/>
      <c r="EGE722" s="613"/>
      <c r="EGF722" s="613"/>
      <c r="EGG722" s="613"/>
      <c r="EGH722" s="613"/>
      <c r="EGI722" s="613"/>
      <c r="EGJ722" s="613"/>
      <c r="EGK722" s="613"/>
      <c r="EGL722" s="613"/>
      <c r="EGM722" s="613"/>
      <c r="EGN722" s="613"/>
      <c r="EGO722" s="613"/>
      <c r="EGP722" s="613"/>
      <c r="EGQ722" s="613"/>
      <c r="EGR722" s="613"/>
      <c r="EGS722" s="613"/>
      <c r="EGT722" s="613"/>
      <c r="EGU722" s="613"/>
      <c r="EGV722" s="613"/>
      <c r="EGW722" s="613"/>
      <c r="EGX722" s="613"/>
      <c r="EGY722" s="613"/>
      <c r="EGZ722" s="613"/>
      <c r="EHA722" s="613"/>
      <c r="EHB722" s="613"/>
      <c r="EHC722" s="613"/>
      <c r="EHD722" s="613"/>
      <c r="EHE722" s="613"/>
      <c r="EHF722" s="613"/>
      <c r="EHG722" s="613"/>
      <c r="EHH722" s="613"/>
      <c r="EHI722" s="613"/>
      <c r="EHJ722" s="613"/>
      <c r="EHK722" s="613"/>
      <c r="EHL722" s="613"/>
      <c r="EHM722" s="613"/>
      <c r="EHN722" s="613"/>
      <c r="EHO722" s="613"/>
      <c r="EHP722" s="613"/>
      <c r="EHQ722" s="613"/>
      <c r="EHR722" s="613"/>
      <c r="EHS722" s="613"/>
      <c r="EHT722" s="613"/>
      <c r="EHU722" s="613"/>
      <c r="EHV722" s="613"/>
      <c r="EHW722" s="613"/>
      <c r="EHX722" s="613"/>
      <c r="EHY722" s="613"/>
      <c r="EHZ722" s="613"/>
      <c r="EIA722" s="613"/>
      <c r="EIB722" s="613"/>
      <c r="EIC722" s="613"/>
      <c r="EID722" s="613"/>
      <c r="EIE722" s="613"/>
      <c r="EIF722" s="613"/>
      <c r="EIG722" s="613"/>
      <c r="EIH722" s="613"/>
      <c r="EII722" s="613"/>
      <c r="EIJ722" s="613"/>
      <c r="EIK722" s="613"/>
      <c r="EIL722" s="613"/>
      <c r="EIM722" s="613"/>
      <c r="EIN722" s="613"/>
      <c r="EIO722" s="613"/>
      <c r="EIP722" s="613"/>
      <c r="EIQ722" s="613"/>
      <c r="EIR722" s="613"/>
      <c r="EIS722" s="613"/>
      <c r="EIT722" s="613"/>
      <c r="EIU722" s="613"/>
      <c r="EIV722" s="613"/>
      <c r="EIW722" s="613"/>
      <c r="EIX722" s="613"/>
      <c r="EIY722" s="613"/>
      <c r="EIZ722" s="613"/>
      <c r="EJA722" s="613"/>
      <c r="EJB722" s="613"/>
      <c r="EJC722" s="613"/>
      <c r="EJD722" s="613"/>
      <c r="EJE722" s="613"/>
      <c r="EJF722" s="613"/>
      <c r="EJG722" s="613"/>
      <c r="EJH722" s="613"/>
      <c r="EJI722" s="613"/>
      <c r="EJJ722" s="613"/>
      <c r="EJK722" s="613"/>
      <c r="EJL722" s="613"/>
      <c r="EJM722" s="613"/>
      <c r="EJN722" s="613"/>
      <c r="EJO722" s="613"/>
      <c r="EJP722" s="613"/>
      <c r="EJQ722" s="613"/>
      <c r="EJR722" s="613"/>
      <c r="EJS722" s="613"/>
      <c r="EJT722" s="613"/>
      <c r="EJU722" s="613"/>
      <c r="EJV722" s="613"/>
      <c r="EJW722" s="613"/>
      <c r="EJX722" s="613"/>
      <c r="EJY722" s="613"/>
      <c r="EJZ722" s="613"/>
      <c r="EKA722" s="613"/>
      <c r="EKB722" s="613"/>
      <c r="EKC722" s="613"/>
      <c r="EKD722" s="613"/>
      <c r="EKE722" s="613"/>
      <c r="EKF722" s="613"/>
      <c r="EKG722" s="613"/>
      <c r="EKH722" s="613"/>
      <c r="EKI722" s="613"/>
      <c r="EKJ722" s="613"/>
      <c r="EKK722" s="613"/>
      <c r="EKL722" s="613"/>
      <c r="EKM722" s="613"/>
      <c r="EKN722" s="613"/>
      <c r="EKO722" s="613"/>
      <c r="EKP722" s="613"/>
      <c r="EKQ722" s="613"/>
      <c r="EKR722" s="613"/>
      <c r="EKS722" s="613"/>
      <c r="EKT722" s="613"/>
      <c r="EKU722" s="613"/>
      <c r="EKV722" s="613"/>
      <c r="EKW722" s="613"/>
      <c r="EKX722" s="613"/>
      <c r="EKY722" s="613"/>
      <c r="EKZ722" s="613"/>
      <c r="ELA722" s="613"/>
      <c r="ELB722" s="613"/>
      <c r="ELC722" s="613"/>
      <c r="ELD722" s="613"/>
      <c r="ELE722" s="613"/>
      <c r="ELF722" s="613"/>
      <c r="ELG722" s="613"/>
      <c r="ELH722" s="613"/>
      <c r="ELI722" s="613"/>
      <c r="ELJ722" s="613"/>
      <c r="ELK722" s="613"/>
      <c r="ELL722" s="613"/>
      <c r="ELM722" s="613"/>
      <c r="ELN722" s="613"/>
      <c r="ELO722" s="613"/>
      <c r="ELP722" s="613"/>
      <c r="ELQ722" s="613"/>
      <c r="ELR722" s="613"/>
      <c r="ELS722" s="613"/>
      <c r="ELT722" s="613"/>
      <c r="ELU722" s="613"/>
      <c r="ELV722" s="613"/>
      <c r="ELW722" s="613"/>
      <c r="ELX722" s="613"/>
      <c r="ELY722" s="613"/>
      <c r="ELZ722" s="613"/>
      <c r="EMA722" s="613"/>
      <c r="EMB722" s="613"/>
      <c r="EMC722" s="613"/>
      <c r="EMD722" s="613"/>
      <c r="EME722" s="613"/>
      <c r="EMF722" s="613"/>
      <c r="EMG722" s="613"/>
      <c r="EMH722" s="613"/>
      <c r="EMI722" s="613"/>
      <c r="EMJ722" s="613"/>
      <c r="EMK722" s="613"/>
      <c r="EML722" s="613"/>
      <c r="EMM722" s="613"/>
      <c r="EMN722" s="613"/>
      <c r="EMO722" s="613"/>
      <c r="EMP722" s="613"/>
      <c r="EMQ722" s="613"/>
      <c r="EMR722" s="613"/>
      <c r="EMS722" s="613"/>
      <c r="EMT722" s="613"/>
      <c r="EMU722" s="613"/>
      <c r="EMV722" s="613"/>
      <c r="EMW722" s="613"/>
      <c r="EMX722" s="613"/>
      <c r="EMY722" s="613"/>
      <c r="EMZ722" s="613"/>
      <c r="ENA722" s="613"/>
      <c r="ENB722" s="613"/>
      <c r="ENC722" s="613"/>
      <c r="END722" s="613"/>
      <c r="ENE722" s="613"/>
      <c r="ENF722" s="613"/>
      <c r="ENG722" s="613"/>
      <c r="ENH722" s="613"/>
      <c r="ENI722" s="613"/>
      <c r="ENJ722" s="613"/>
      <c r="ENK722" s="613"/>
      <c r="ENL722" s="613"/>
      <c r="ENM722" s="613"/>
      <c r="ENN722" s="613"/>
      <c r="ENO722" s="613"/>
      <c r="ENP722" s="613"/>
      <c r="ENQ722" s="613"/>
      <c r="ENR722" s="613"/>
      <c r="ENS722" s="613"/>
      <c r="ENT722" s="613"/>
      <c r="ENU722" s="613"/>
      <c r="ENV722" s="613"/>
      <c r="ENW722" s="613"/>
      <c r="ENX722" s="613"/>
      <c r="ENY722" s="613"/>
      <c r="ENZ722" s="613"/>
      <c r="EOA722" s="613"/>
      <c r="EOB722" s="613"/>
      <c r="EOC722" s="613"/>
      <c r="EOD722" s="613"/>
      <c r="EOE722" s="613"/>
      <c r="EOF722" s="613"/>
      <c r="EOG722" s="613"/>
      <c r="EOH722" s="613"/>
      <c r="EOI722" s="613"/>
      <c r="EOJ722" s="613"/>
      <c r="EOK722" s="613"/>
      <c r="EOL722" s="613"/>
      <c r="EOM722" s="613"/>
      <c r="EON722" s="613"/>
      <c r="EOO722" s="613"/>
      <c r="EOP722" s="613"/>
      <c r="EOQ722" s="613"/>
      <c r="EOR722" s="613"/>
      <c r="EOS722" s="613"/>
      <c r="EOT722" s="613"/>
      <c r="EOU722" s="613"/>
      <c r="EOV722" s="613"/>
      <c r="EOW722" s="613"/>
      <c r="EOX722" s="613"/>
      <c r="EOY722" s="613"/>
      <c r="EOZ722" s="613"/>
      <c r="EPA722" s="613"/>
      <c r="EPB722" s="613"/>
      <c r="EPC722" s="613"/>
      <c r="EPD722" s="613"/>
      <c r="EPE722" s="613"/>
      <c r="EPF722" s="613"/>
      <c r="EPG722" s="613"/>
      <c r="EPH722" s="613"/>
      <c r="EPI722" s="613"/>
      <c r="EPJ722" s="613"/>
      <c r="EPK722" s="613"/>
      <c r="EPL722" s="613"/>
      <c r="EPM722" s="613"/>
      <c r="EPN722" s="613"/>
      <c r="EPO722" s="613"/>
      <c r="EPP722" s="613"/>
      <c r="EPQ722" s="613"/>
      <c r="EPR722" s="613"/>
      <c r="EPS722" s="613"/>
      <c r="EPT722" s="613"/>
      <c r="EPU722" s="613"/>
      <c r="EPV722" s="613"/>
      <c r="EPW722" s="613"/>
      <c r="EPX722" s="613"/>
      <c r="EPY722" s="613"/>
      <c r="EPZ722" s="613"/>
      <c r="EQA722" s="613"/>
      <c r="EQB722" s="613"/>
      <c r="EQC722" s="613"/>
      <c r="EQD722" s="613"/>
      <c r="EQE722" s="613"/>
      <c r="EQF722" s="613"/>
      <c r="EQG722" s="613"/>
      <c r="EQH722" s="613"/>
      <c r="EQI722" s="613"/>
      <c r="EQJ722" s="613"/>
      <c r="EQK722" s="613"/>
      <c r="EQL722" s="613"/>
      <c r="EQM722" s="613"/>
      <c r="EQN722" s="613"/>
      <c r="EQO722" s="613"/>
      <c r="EQP722" s="613"/>
      <c r="EQQ722" s="613"/>
      <c r="EQR722" s="613"/>
      <c r="EQS722" s="613"/>
      <c r="EQT722" s="613"/>
      <c r="EQU722" s="613"/>
      <c r="EQV722" s="613"/>
      <c r="EQW722" s="613"/>
      <c r="EQX722" s="613"/>
      <c r="EQY722" s="613"/>
      <c r="EQZ722" s="613"/>
      <c r="ERA722" s="613"/>
      <c r="ERB722" s="613"/>
      <c r="ERC722" s="613"/>
      <c r="ERD722" s="613"/>
      <c r="ERE722" s="613"/>
      <c r="ERF722" s="613"/>
      <c r="ERG722" s="613"/>
      <c r="ERH722" s="613"/>
      <c r="ERI722" s="613"/>
      <c r="ERJ722" s="613"/>
      <c r="ERK722" s="613"/>
      <c r="ERL722" s="613"/>
      <c r="ERM722" s="613"/>
      <c r="ERN722" s="613"/>
      <c r="ERO722" s="613"/>
      <c r="ERP722" s="613"/>
      <c r="ERQ722" s="613"/>
      <c r="ERR722" s="613"/>
      <c r="ERS722" s="613"/>
      <c r="ERT722" s="613"/>
      <c r="ERU722" s="613"/>
      <c r="ERV722" s="613"/>
      <c r="ERW722" s="613"/>
      <c r="ERX722" s="613"/>
      <c r="ERY722" s="613"/>
      <c r="ERZ722" s="613"/>
      <c r="ESA722" s="613"/>
      <c r="ESB722" s="613"/>
      <c r="ESC722" s="613"/>
      <c r="ESD722" s="613"/>
      <c r="ESE722" s="613"/>
      <c r="ESF722" s="613"/>
      <c r="ESG722" s="613"/>
      <c r="ESH722" s="613"/>
      <c r="ESI722" s="613"/>
      <c r="ESJ722" s="613"/>
      <c r="ESK722" s="613"/>
      <c r="ESL722" s="613"/>
      <c r="ESM722" s="613"/>
      <c r="ESN722" s="613"/>
      <c r="ESO722" s="613"/>
      <c r="ESP722" s="613"/>
      <c r="ESQ722" s="613"/>
      <c r="ESR722" s="613"/>
      <c r="ESS722" s="613"/>
      <c r="EST722" s="613"/>
      <c r="ESU722" s="613"/>
      <c r="ESV722" s="613"/>
      <c r="ESW722" s="613"/>
      <c r="ESX722" s="613"/>
      <c r="ESY722" s="613"/>
      <c r="ESZ722" s="613"/>
      <c r="ETA722" s="613"/>
      <c r="ETB722" s="613"/>
      <c r="ETC722" s="613"/>
      <c r="ETD722" s="613"/>
      <c r="ETE722" s="613"/>
      <c r="ETF722" s="613"/>
      <c r="ETG722" s="613"/>
      <c r="ETH722" s="613"/>
      <c r="ETI722" s="613"/>
      <c r="ETJ722" s="613"/>
      <c r="ETK722" s="613"/>
      <c r="ETL722" s="613"/>
      <c r="ETM722" s="613"/>
      <c r="ETN722" s="613"/>
      <c r="ETO722" s="613"/>
      <c r="ETP722" s="613"/>
      <c r="ETQ722" s="613"/>
      <c r="ETR722" s="613"/>
      <c r="ETS722" s="613"/>
      <c r="ETT722" s="613"/>
      <c r="ETU722" s="613"/>
      <c r="ETV722" s="613"/>
      <c r="ETW722" s="613"/>
      <c r="ETX722" s="613"/>
      <c r="ETY722" s="613"/>
      <c r="ETZ722" s="613"/>
      <c r="EUA722" s="613"/>
      <c r="EUB722" s="613"/>
      <c r="EUC722" s="613"/>
      <c r="EUD722" s="613"/>
      <c r="EUE722" s="613"/>
      <c r="EUF722" s="613"/>
      <c r="EUG722" s="613"/>
      <c r="EUH722" s="613"/>
      <c r="EUI722" s="613"/>
      <c r="EUJ722" s="613"/>
      <c r="EUK722" s="613"/>
      <c r="EUL722" s="613"/>
      <c r="EUM722" s="613"/>
      <c r="EUN722" s="613"/>
      <c r="EUO722" s="613"/>
      <c r="EUP722" s="613"/>
      <c r="EUQ722" s="613"/>
      <c r="EUR722" s="613"/>
      <c r="EUS722" s="613"/>
      <c r="EUT722" s="613"/>
      <c r="EUU722" s="613"/>
      <c r="EUV722" s="613"/>
      <c r="EUW722" s="613"/>
      <c r="EUX722" s="613"/>
      <c r="EUY722" s="613"/>
      <c r="EUZ722" s="613"/>
      <c r="EVA722" s="613"/>
      <c r="EVB722" s="613"/>
      <c r="EVC722" s="613"/>
      <c r="EVD722" s="613"/>
      <c r="EVE722" s="613"/>
      <c r="EVF722" s="613"/>
      <c r="EVG722" s="613"/>
      <c r="EVH722" s="613"/>
      <c r="EVI722" s="613"/>
      <c r="EVJ722" s="613"/>
      <c r="EVK722" s="613"/>
      <c r="EVL722" s="613"/>
      <c r="EVM722" s="613"/>
      <c r="EVN722" s="613"/>
      <c r="EVO722" s="613"/>
      <c r="EVP722" s="613"/>
      <c r="EVQ722" s="613"/>
      <c r="EVR722" s="613"/>
      <c r="EVS722" s="613"/>
      <c r="EVT722" s="613"/>
      <c r="EVU722" s="613"/>
      <c r="EVV722" s="613"/>
      <c r="EVW722" s="613"/>
      <c r="EVX722" s="613"/>
      <c r="EVY722" s="613"/>
      <c r="EVZ722" s="613"/>
      <c r="EWA722" s="613"/>
      <c r="EWB722" s="613"/>
      <c r="EWC722" s="613"/>
      <c r="EWD722" s="613"/>
      <c r="EWE722" s="613"/>
      <c r="EWF722" s="613"/>
      <c r="EWG722" s="613"/>
      <c r="EWH722" s="613"/>
      <c r="EWI722" s="613"/>
      <c r="EWJ722" s="613"/>
      <c r="EWK722" s="613"/>
      <c r="EWL722" s="613"/>
      <c r="EWM722" s="613"/>
      <c r="EWN722" s="613"/>
      <c r="EWO722" s="613"/>
      <c r="EWP722" s="613"/>
      <c r="EWQ722" s="613"/>
      <c r="EWR722" s="613"/>
      <c r="EWS722" s="613"/>
      <c r="EWT722" s="613"/>
      <c r="EWU722" s="613"/>
      <c r="EWV722" s="613"/>
      <c r="EWW722" s="613"/>
      <c r="EWX722" s="613"/>
      <c r="EWY722" s="613"/>
      <c r="EWZ722" s="613"/>
      <c r="EXA722" s="613"/>
      <c r="EXB722" s="613"/>
      <c r="EXC722" s="613"/>
      <c r="EXD722" s="613"/>
      <c r="EXE722" s="613"/>
      <c r="EXF722" s="613"/>
      <c r="EXG722" s="613"/>
      <c r="EXH722" s="613"/>
      <c r="EXI722" s="613"/>
      <c r="EXJ722" s="613"/>
      <c r="EXK722" s="613"/>
      <c r="EXL722" s="613"/>
      <c r="EXM722" s="613"/>
      <c r="EXN722" s="613"/>
      <c r="EXO722" s="613"/>
      <c r="EXP722" s="613"/>
      <c r="EXQ722" s="613"/>
      <c r="EXR722" s="613"/>
      <c r="EXS722" s="613"/>
      <c r="EXT722" s="613"/>
      <c r="EXU722" s="613"/>
      <c r="EXV722" s="613"/>
      <c r="EXW722" s="613"/>
      <c r="EXX722" s="613"/>
      <c r="EXY722" s="613"/>
      <c r="EXZ722" s="613"/>
      <c r="EYA722" s="613"/>
      <c r="EYB722" s="613"/>
      <c r="EYC722" s="613"/>
      <c r="EYD722" s="613"/>
      <c r="EYE722" s="613"/>
      <c r="EYF722" s="613"/>
      <c r="EYG722" s="613"/>
      <c r="EYH722" s="613"/>
      <c r="EYI722" s="613"/>
      <c r="EYJ722" s="613"/>
      <c r="EYK722" s="613"/>
      <c r="EYL722" s="613"/>
      <c r="EYM722" s="613"/>
      <c r="EYN722" s="613"/>
      <c r="EYO722" s="613"/>
      <c r="EYP722" s="613"/>
      <c r="EYQ722" s="613"/>
      <c r="EYR722" s="613"/>
      <c r="EYS722" s="613"/>
      <c r="EYT722" s="613"/>
      <c r="EYU722" s="613"/>
      <c r="EYV722" s="613"/>
      <c r="EYW722" s="613"/>
      <c r="EYX722" s="613"/>
      <c r="EYY722" s="613"/>
      <c r="EYZ722" s="613"/>
      <c r="EZA722" s="613"/>
      <c r="EZB722" s="613"/>
      <c r="EZC722" s="613"/>
      <c r="EZD722" s="613"/>
      <c r="EZE722" s="613"/>
      <c r="EZF722" s="613"/>
      <c r="EZG722" s="613"/>
      <c r="EZH722" s="613"/>
      <c r="EZI722" s="613"/>
      <c r="EZJ722" s="613"/>
      <c r="EZK722" s="613"/>
      <c r="EZL722" s="613"/>
      <c r="EZM722" s="613"/>
      <c r="EZN722" s="613"/>
      <c r="EZO722" s="613"/>
      <c r="EZP722" s="613"/>
      <c r="EZQ722" s="613"/>
      <c r="EZR722" s="613"/>
      <c r="EZS722" s="613"/>
      <c r="EZT722" s="613"/>
      <c r="EZU722" s="613"/>
      <c r="EZV722" s="613"/>
      <c r="EZW722" s="613"/>
      <c r="EZX722" s="613"/>
      <c r="EZY722" s="613"/>
      <c r="EZZ722" s="613"/>
      <c r="FAA722" s="613"/>
      <c r="FAB722" s="613"/>
      <c r="FAC722" s="613"/>
      <c r="FAD722" s="613"/>
      <c r="FAE722" s="613"/>
      <c r="FAF722" s="613"/>
      <c r="FAG722" s="613"/>
      <c r="FAH722" s="613"/>
      <c r="FAI722" s="613"/>
      <c r="FAJ722" s="613"/>
      <c r="FAK722" s="613"/>
      <c r="FAL722" s="613"/>
      <c r="FAM722" s="613"/>
      <c r="FAN722" s="613"/>
      <c r="FAO722" s="613"/>
      <c r="FAP722" s="613"/>
      <c r="FAQ722" s="613"/>
      <c r="FAR722" s="613"/>
      <c r="FAS722" s="613"/>
      <c r="FAT722" s="613"/>
      <c r="FAU722" s="613"/>
      <c r="FAV722" s="613"/>
      <c r="FAW722" s="613"/>
      <c r="FAX722" s="613"/>
      <c r="FAY722" s="613"/>
      <c r="FAZ722" s="613"/>
      <c r="FBA722" s="613"/>
      <c r="FBB722" s="613"/>
      <c r="FBC722" s="613"/>
      <c r="FBD722" s="613"/>
      <c r="FBE722" s="613"/>
      <c r="FBF722" s="613"/>
      <c r="FBG722" s="613"/>
      <c r="FBH722" s="613"/>
      <c r="FBI722" s="613"/>
      <c r="FBJ722" s="613"/>
      <c r="FBK722" s="613"/>
      <c r="FBL722" s="613"/>
      <c r="FBM722" s="613"/>
      <c r="FBN722" s="613"/>
      <c r="FBO722" s="613"/>
      <c r="FBP722" s="613"/>
      <c r="FBQ722" s="613"/>
      <c r="FBR722" s="613"/>
      <c r="FBS722" s="613"/>
      <c r="FBT722" s="613"/>
      <c r="FBU722" s="613"/>
      <c r="FBV722" s="613"/>
      <c r="FBW722" s="613"/>
      <c r="FBX722" s="613"/>
      <c r="FBY722" s="613"/>
      <c r="FBZ722" s="613"/>
      <c r="FCA722" s="613"/>
      <c r="FCB722" s="613"/>
      <c r="FCC722" s="613"/>
      <c r="FCD722" s="613"/>
      <c r="FCE722" s="613"/>
      <c r="FCF722" s="613"/>
      <c r="FCG722" s="613"/>
      <c r="FCH722" s="613"/>
      <c r="FCI722" s="613"/>
      <c r="FCJ722" s="613"/>
      <c r="FCK722" s="613"/>
      <c r="FCL722" s="613"/>
      <c r="FCM722" s="613"/>
      <c r="FCN722" s="613"/>
      <c r="FCO722" s="613"/>
      <c r="FCP722" s="613"/>
      <c r="FCQ722" s="613"/>
      <c r="FCR722" s="613"/>
      <c r="FCS722" s="613"/>
      <c r="FCT722" s="613"/>
      <c r="FCU722" s="613"/>
      <c r="FCV722" s="613"/>
      <c r="FCW722" s="613"/>
      <c r="FCX722" s="613"/>
      <c r="FCY722" s="613"/>
      <c r="FCZ722" s="613"/>
      <c r="FDA722" s="613"/>
      <c r="FDB722" s="613"/>
      <c r="FDC722" s="613"/>
      <c r="FDD722" s="613"/>
      <c r="FDE722" s="613"/>
      <c r="FDF722" s="613"/>
      <c r="FDG722" s="613"/>
      <c r="FDH722" s="613"/>
      <c r="FDI722" s="613"/>
      <c r="FDJ722" s="613"/>
      <c r="FDK722" s="613"/>
      <c r="FDL722" s="613"/>
      <c r="FDM722" s="613"/>
      <c r="FDN722" s="613"/>
      <c r="FDO722" s="613"/>
      <c r="FDP722" s="613"/>
      <c r="FDQ722" s="613"/>
      <c r="FDR722" s="613"/>
      <c r="FDS722" s="613"/>
      <c r="FDT722" s="613"/>
      <c r="FDU722" s="613"/>
      <c r="FDV722" s="613"/>
      <c r="FDW722" s="613"/>
      <c r="FDX722" s="613"/>
      <c r="FDY722" s="613"/>
      <c r="FDZ722" s="613"/>
      <c r="FEA722" s="613"/>
      <c r="FEB722" s="613"/>
      <c r="FEC722" s="613"/>
      <c r="FED722" s="613"/>
      <c r="FEE722" s="613"/>
      <c r="FEF722" s="613"/>
      <c r="FEG722" s="613"/>
      <c r="FEH722" s="613"/>
      <c r="FEI722" s="613"/>
      <c r="FEJ722" s="613"/>
      <c r="FEK722" s="613"/>
      <c r="FEL722" s="613"/>
      <c r="FEM722" s="613"/>
      <c r="FEN722" s="613"/>
      <c r="FEO722" s="613"/>
      <c r="FEP722" s="613"/>
      <c r="FEQ722" s="613"/>
      <c r="FER722" s="613"/>
      <c r="FES722" s="613"/>
      <c r="FET722" s="613"/>
      <c r="FEU722" s="613"/>
      <c r="FEV722" s="613"/>
      <c r="FEW722" s="613"/>
      <c r="FEX722" s="613"/>
      <c r="FEY722" s="613"/>
      <c r="FEZ722" s="613"/>
      <c r="FFA722" s="613"/>
      <c r="FFB722" s="613"/>
      <c r="FFC722" s="613"/>
      <c r="FFD722" s="613"/>
      <c r="FFE722" s="613"/>
      <c r="FFF722" s="613"/>
      <c r="FFG722" s="613"/>
      <c r="FFH722" s="613"/>
      <c r="FFI722" s="613"/>
      <c r="FFJ722" s="613"/>
      <c r="FFK722" s="613"/>
      <c r="FFL722" s="613"/>
      <c r="FFM722" s="613"/>
      <c r="FFN722" s="613"/>
      <c r="FFO722" s="613"/>
      <c r="FFP722" s="613"/>
      <c r="FFQ722" s="613"/>
      <c r="FFR722" s="613"/>
      <c r="FFS722" s="613"/>
      <c r="FFT722" s="613"/>
      <c r="FFU722" s="613"/>
      <c r="FFV722" s="613"/>
      <c r="FFW722" s="613"/>
      <c r="FFX722" s="613"/>
      <c r="FFY722" s="613"/>
      <c r="FFZ722" s="613"/>
      <c r="FGA722" s="613"/>
      <c r="FGB722" s="613"/>
      <c r="FGC722" s="613"/>
      <c r="FGD722" s="613"/>
      <c r="FGE722" s="613"/>
      <c r="FGF722" s="613"/>
      <c r="FGG722" s="613"/>
      <c r="FGH722" s="613"/>
      <c r="FGI722" s="613"/>
      <c r="FGJ722" s="613"/>
      <c r="FGK722" s="613"/>
      <c r="FGL722" s="613"/>
      <c r="FGM722" s="613"/>
      <c r="FGN722" s="613"/>
      <c r="FGO722" s="613"/>
      <c r="FGP722" s="613"/>
      <c r="FGQ722" s="613"/>
      <c r="FGR722" s="613"/>
      <c r="FGS722" s="613"/>
      <c r="FGT722" s="613"/>
      <c r="FGU722" s="613"/>
      <c r="FGV722" s="613"/>
      <c r="FGW722" s="613"/>
      <c r="FGX722" s="613"/>
      <c r="FGY722" s="613"/>
      <c r="FGZ722" s="613"/>
      <c r="FHA722" s="613"/>
      <c r="FHB722" s="613"/>
      <c r="FHC722" s="613"/>
      <c r="FHD722" s="613"/>
      <c r="FHE722" s="613"/>
      <c r="FHF722" s="613"/>
      <c r="FHG722" s="613"/>
      <c r="FHH722" s="613"/>
      <c r="FHI722" s="613"/>
      <c r="FHJ722" s="613"/>
      <c r="FHK722" s="613"/>
      <c r="FHL722" s="613"/>
      <c r="FHM722" s="613"/>
      <c r="FHN722" s="613"/>
      <c r="FHO722" s="613"/>
      <c r="FHP722" s="613"/>
      <c r="FHQ722" s="613"/>
      <c r="FHR722" s="613"/>
      <c r="FHS722" s="613"/>
      <c r="FHT722" s="613"/>
      <c r="FHU722" s="613"/>
      <c r="FHV722" s="613"/>
      <c r="FHW722" s="613"/>
      <c r="FHX722" s="613"/>
      <c r="FHY722" s="613"/>
      <c r="FHZ722" s="613"/>
      <c r="FIA722" s="613"/>
      <c r="FIB722" s="613"/>
      <c r="FIC722" s="613"/>
      <c r="FID722" s="613"/>
      <c r="FIE722" s="613"/>
      <c r="FIF722" s="613"/>
      <c r="FIG722" s="613"/>
      <c r="FIH722" s="613"/>
      <c r="FII722" s="613"/>
      <c r="FIJ722" s="613"/>
      <c r="FIK722" s="613"/>
      <c r="FIL722" s="613"/>
      <c r="FIM722" s="613"/>
      <c r="FIN722" s="613"/>
      <c r="FIO722" s="613"/>
      <c r="FIP722" s="613"/>
      <c r="FIQ722" s="613"/>
      <c r="FIR722" s="613"/>
      <c r="FIS722" s="613"/>
      <c r="FIT722" s="613"/>
      <c r="FIU722" s="613"/>
      <c r="FIV722" s="613"/>
      <c r="FIW722" s="613"/>
      <c r="FIX722" s="613"/>
      <c r="FIY722" s="613"/>
      <c r="FIZ722" s="613"/>
      <c r="FJA722" s="613"/>
      <c r="FJB722" s="613"/>
      <c r="FJC722" s="613"/>
      <c r="FJD722" s="613"/>
      <c r="FJE722" s="613"/>
      <c r="FJF722" s="613"/>
      <c r="FJG722" s="613"/>
      <c r="FJH722" s="613"/>
      <c r="FJI722" s="613"/>
      <c r="FJJ722" s="613"/>
      <c r="FJK722" s="613"/>
      <c r="FJL722" s="613"/>
      <c r="FJM722" s="613"/>
      <c r="FJN722" s="613"/>
      <c r="FJO722" s="613"/>
      <c r="FJP722" s="613"/>
      <c r="FJQ722" s="613"/>
      <c r="FJR722" s="613"/>
      <c r="FJS722" s="613"/>
      <c r="FJT722" s="613"/>
      <c r="FJU722" s="613"/>
      <c r="FJV722" s="613"/>
      <c r="FJW722" s="613"/>
      <c r="FJX722" s="613"/>
      <c r="FJY722" s="613"/>
      <c r="FJZ722" s="613"/>
      <c r="FKA722" s="613"/>
      <c r="FKB722" s="613"/>
      <c r="FKC722" s="613"/>
      <c r="FKD722" s="613"/>
      <c r="FKE722" s="613"/>
      <c r="FKF722" s="613"/>
      <c r="FKG722" s="613"/>
      <c r="FKH722" s="613"/>
      <c r="FKI722" s="613"/>
      <c r="FKJ722" s="613"/>
      <c r="FKK722" s="613"/>
      <c r="FKL722" s="613"/>
      <c r="FKM722" s="613"/>
      <c r="FKN722" s="613"/>
      <c r="FKO722" s="613"/>
      <c r="FKP722" s="613"/>
      <c r="FKQ722" s="613"/>
      <c r="FKR722" s="613"/>
      <c r="FKS722" s="613"/>
      <c r="FKT722" s="613"/>
      <c r="FKU722" s="613"/>
      <c r="FKV722" s="613"/>
      <c r="FKW722" s="613"/>
      <c r="FKX722" s="613"/>
      <c r="FKY722" s="613"/>
      <c r="FKZ722" s="613"/>
      <c r="FLA722" s="613"/>
      <c r="FLB722" s="613"/>
      <c r="FLC722" s="613"/>
      <c r="FLD722" s="613"/>
      <c r="FLE722" s="613"/>
      <c r="FLF722" s="613"/>
      <c r="FLG722" s="613"/>
      <c r="FLH722" s="613"/>
      <c r="FLI722" s="613"/>
      <c r="FLJ722" s="613"/>
      <c r="FLK722" s="613"/>
      <c r="FLL722" s="613"/>
      <c r="FLM722" s="613"/>
      <c r="FLN722" s="613"/>
      <c r="FLO722" s="613"/>
      <c r="FLP722" s="613"/>
      <c r="FLQ722" s="613"/>
      <c r="FLR722" s="613"/>
      <c r="FLS722" s="613"/>
      <c r="FLT722" s="613"/>
      <c r="FLU722" s="613"/>
      <c r="FLV722" s="613"/>
      <c r="FLW722" s="613"/>
      <c r="FLX722" s="613"/>
      <c r="FLY722" s="613"/>
      <c r="FLZ722" s="613"/>
      <c r="FMA722" s="613"/>
      <c r="FMB722" s="613"/>
      <c r="FMC722" s="613"/>
      <c r="FMD722" s="613"/>
      <c r="FME722" s="613"/>
      <c r="FMF722" s="613"/>
      <c r="FMG722" s="613"/>
      <c r="FMH722" s="613"/>
      <c r="FMI722" s="613"/>
      <c r="FMJ722" s="613"/>
      <c r="FMK722" s="613"/>
      <c r="FML722" s="613"/>
      <c r="FMM722" s="613"/>
      <c r="FMN722" s="613"/>
      <c r="FMO722" s="613"/>
      <c r="FMP722" s="613"/>
      <c r="FMQ722" s="613"/>
      <c r="FMR722" s="613"/>
      <c r="FMS722" s="613"/>
      <c r="FMT722" s="613"/>
      <c r="FMU722" s="613"/>
      <c r="FMV722" s="613"/>
      <c r="FMW722" s="613"/>
      <c r="FMX722" s="613"/>
      <c r="FMY722" s="613"/>
      <c r="FMZ722" s="613"/>
      <c r="FNA722" s="613"/>
      <c r="FNB722" s="613"/>
      <c r="FNC722" s="613"/>
      <c r="FND722" s="613"/>
      <c r="FNE722" s="613"/>
      <c r="FNF722" s="613"/>
      <c r="FNG722" s="613"/>
      <c r="FNH722" s="613"/>
      <c r="FNI722" s="613"/>
      <c r="FNJ722" s="613"/>
      <c r="FNK722" s="613"/>
      <c r="FNL722" s="613"/>
      <c r="FNM722" s="613"/>
      <c r="FNN722" s="613"/>
      <c r="FNO722" s="613"/>
      <c r="FNP722" s="613"/>
      <c r="FNQ722" s="613"/>
      <c r="FNR722" s="613"/>
      <c r="FNS722" s="613"/>
      <c r="FNT722" s="613"/>
      <c r="FNU722" s="613"/>
      <c r="FNV722" s="613"/>
      <c r="FNW722" s="613"/>
      <c r="FNX722" s="613"/>
      <c r="FNY722" s="613"/>
      <c r="FNZ722" s="613"/>
      <c r="FOA722" s="613"/>
      <c r="FOB722" s="613"/>
      <c r="FOC722" s="613"/>
      <c r="FOD722" s="613"/>
      <c r="FOE722" s="613"/>
      <c r="FOF722" s="613"/>
      <c r="FOG722" s="613"/>
      <c r="FOH722" s="613"/>
      <c r="FOI722" s="613"/>
      <c r="FOJ722" s="613"/>
      <c r="FOK722" s="613"/>
      <c r="FOL722" s="613"/>
      <c r="FOM722" s="613"/>
      <c r="FON722" s="613"/>
      <c r="FOO722" s="613"/>
      <c r="FOP722" s="613"/>
      <c r="FOQ722" s="613"/>
      <c r="FOR722" s="613"/>
      <c r="FOS722" s="613"/>
      <c r="FOT722" s="613"/>
      <c r="FOU722" s="613"/>
      <c r="FOV722" s="613"/>
      <c r="FOW722" s="613"/>
      <c r="FOX722" s="613"/>
      <c r="FOY722" s="613"/>
      <c r="FOZ722" s="613"/>
      <c r="FPA722" s="613"/>
      <c r="FPB722" s="613"/>
      <c r="FPC722" s="613"/>
      <c r="FPD722" s="613"/>
      <c r="FPE722" s="613"/>
      <c r="FPF722" s="613"/>
      <c r="FPG722" s="613"/>
      <c r="FPH722" s="613"/>
      <c r="FPI722" s="613"/>
      <c r="FPJ722" s="613"/>
      <c r="FPK722" s="613"/>
      <c r="FPL722" s="613"/>
      <c r="FPM722" s="613"/>
      <c r="FPN722" s="613"/>
      <c r="FPO722" s="613"/>
      <c r="FPP722" s="613"/>
      <c r="FPQ722" s="613"/>
      <c r="FPR722" s="613"/>
      <c r="FPS722" s="613"/>
      <c r="FPT722" s="613"/>
      <c r="FPU722" s="613"/>
      <c r="FPV722" s="613"/>
      <c r="FPW722" s="613"/>
      <c r="FPX722" s="613"/>
      <c r="FPY722" s="613"/>
      <c r="FPZ722" s="613"/>
      <c r="FQA722" s="613"/>
      <c r="FQB722" s="613"/>
      <c r="FQC722" s="613"/>
      <c r="FQD722" s="613"/>
      <c r="FQE722" s="613"/>
      <c r="FQF722" s="613"/>
      <c r="FQG722" s="613"/>
      <c r="FQH722" s="613"/>
      <c r="FQI722" s="613"/>
      <c r="FQJ722" s="613"/>
      <c r="FQK722" s="613"/>
      <c r="FQL722" s="613"/>
      <c r="FQM722" s="613"/>
      <c r="FQN722" s="613"/>
      <c r="FQO722" s="613"/>
      <c r="FQP722" s="613"/>
      <c r="FQQ722" s="613"/>
      <c r="FQR722" s="613"/>
      <c r="FQS722" s="613"/>
      <c r="FQT722" s="613"/>
      <c r="FQU722" s="613"/>
      <c r="FQV722" s="613"/>
      <c r="FQW722" s="613"/>
      <c r="FQX722" s="613"/>
      <c r="FQY722" s="613"/>
      <c r="FQZ722" s="613"/>
      <c r="FRA722" s="613"/>
      <c r="FRB722" s="613"/>
      <c r="FRC722" s="613"/>
      <c r="FRD722" s="613"/>
      <c r="FRE722" s="613"/>
      <c r="FRF722" s="613"/>
      <c r="FRG722" s="613"/>
      <c r="FRH722" s="613"/>
      <c r="FRI722" s="613"/>
      <c r="FRJ722" s="613"/>
      <c r="FRK722" s="613"/>
      <c r="FRL722" s="613"/>
      <c r="FRM722" s="613"/>
      <c r="FRN722" s="613"/>
      <c r="FRO722" s="613"/>
      <c r="FRP722" s="613"/>
      <c r="FRQ722" s="613"/>
      <c r="FRR722" s="613"/>
      <c r="FRS722" s="613"/>
      <c r="FRT722" s="613"/>
      <c r="FRU722" s="613"/>
      <c r="FRV722" s="613"/>
      <c r="FRW722" s="613"/>
      <c r="FRX722" s="613"/>
      <c r="FRY722" s="613"/>
      <c r="FRZ722" s="613"/>
      <c r="FSA722" s="613"/>
      <c r="FSB722" s="613"/>
      <c r="FSC722" s="613"/>
      <c r="FSD722" s="613"/>
      <c r="FSE722" s="613"/>
      <c r="FSF722" s="613"/>
      <c r="FSG722" s="613"/>
      <c r="FSH722" s="613"/>
      <c r="FSI722" s="613"/>
      <c r="FSJ722" s="613"/>
      <c r="FSK722" s="613"/>
      <c r="FSL722" s="613"/>
      <c r="FSM722" s="613"/>
      <c r="FSN722" s="613"/>
      <c r="FSO722" s="613"/>
      <c r="FSP722" s="613"/>
      <c r="FSQ722" s="613"/>
      <c r="FSR722" s="613"/>
      <c r="FSS722" s="613"/>
      <c r="FST722" s="613"/>
      <c r="FSU722" s="613"/>
      <c r="FSV722" s="613"/>
      <c r="FSW722" s="613"/>
      <c r="FSX722" s="613"/>
      <c r="FSY722" s="613"/>
      <c r="FSZ722" s="613"/>
      <c r="FTA722" s="613"/>
      <c r="FTB722" s="613"/>
      <c r="FTC722" s="613"/>
      <c r="FTD722" s="613"/>
      <c r="FTE722" s="613"/>
      <c r="FTF722" s="613"/>
      <c r="FTG722" s="613"/>
      <c r="FTH722" s="613"/>
      <c r="FTI722" s="613"/>
      <c r="FTJ722" s="613"/>
      <c r="FTK722" s="613"/>
      <c r="FTL722" s="613"/>
      <c r="FTM722" s="613"/>
      <c r="FTN722" s="613"/>
      <c r="FTO722" s="613"/>
      <c r="FTP722" s="613"/>
      <c r="FTQ722" s="613"/>
      <c r="FTR722" s="613"/>
      <c r="FTS722" s="613"/>
      <c r="FTT722" s="613"/>
      <c r="FTU722" s="613"/>
      <c r="FTV722" s="613"/>
      <c r="FTW722" s="613"/>
      <c r="FTX722" s="613"/>
      <c r="FTY722" s="613"/>
      <c r="FTZ722" s="613"/>
      <c r="FUA722" s="613"/>
      <c r="FUB722" s="613"/>
      <c r="FUC722" s="613"/>
      <c r="FUD722" s="613"/>
      <c r="FUE722" s="613"/>
      <c r="FUF722" s="613"/>
      <c r="FUG722" s="613"/>
      <c r="FUH722" s="613"/>
      <c r="FUI722" s="613"/>
      <c r="FUJ722" s="613"/>
      <c r="FUK722" s="613"/>
      <c r="FUL722" s="613"/>
      <c r="FUM722" s="613"/>
      <c r="FUN722" s="613"/>
      <c r="FUO722" s="613"/>
      <c r="FUP722" s="613"/>
      <c r="FUQ722" s="613"/>
      <c r="FUR722" s="613"/>
      <c r="FUS722" s="613"/>
      <c r="FUT722" s="613"/>
      <c r="FUU722" s="613"/>
      <c r="FUV722" s="613"/>
      <c r="FUW722" s="613"/>
      <c r="FUX722" s="613"/>
      <c r="FUY722" s="613"/>
      <c r="FUZ722" s="613"/>
      <c r="FVA722" s="613"/>
      <c r="FVB722" s="613"/>
      <c r="FVC722" s="613"/>
      <c r="FVD722" s="613"/>
      <c r="FVE722" s="613"/>
      <c r="FVF722" s="613"/>
      <c r="FVG722" s="613"/>
      <c r="FVH722" s="613"/>
      <c r="FVI722" s="613"/>
      <c r="FVJ722" s="613"/>
      <c r="FVK722" s="613"/>
      <c r="FVL722" s="613"/>
      <c r="FVM722" s="613"/>
      <c r="FVN722" s="613"/>
      <c r="FVO722" s="613"/>
      <c r="FVP722" s="613"/>
      <c r="FVQ722" s="613"/>
      <c r="FVR722" s="613"/>
      <c r="FVS722" s="613"/>
      <c r="FVT722" s="613"/>
      <c r="FVU722" s="613"/>
      <c r="FVV722" s="613"/>
      <c r="FVW722" s="613"/>
      <c r="FVX722" s="613"/>
      <c r="FVY722" s="613"/>
      <c r="FVZ722" s="613"/>
      <c r="FWA722" s="613"/>
      <c r="FWB722" s="613"/>
      <c r="FWC722" s="613"/>
      <c r="FWD722" s="613"/>
      <c r="FWE722" s="613"/>
      <c r="FWF722" s="613"/>
      <c r="FWG722" s="613"/>
      <c r="FWH722" s="613"/>
      <c r="FWI722" s="613"/>
      <c r="FWJ722" s="613"/>
      <c r="FWK722" s="613"/>
      <c r="FWL722" s="613"/>
      <c r="FWM722" s="613"/>
      <c r="FWN722" s="613"/>
      <c r="FWO722" s="613"/>
      <c r="FWP722" s="613"/>
      <c r="FWQ722" s="613"/>
      <c r="FWR722" s="613"/>
      <c r="FWS722" s="613"/>
      <c r="FWT722" s="613"/>
      <c r="FWU722" s="613"/>
      <c r="FWV722" s="613"/>
      <c r="FWW722" s="613"/>
      <c r="FWX722" s="613"/>
      <c r="FWY722" s="613"/>
      <c r="FWZ722" s="613"/>
      <c r="FXA722" s="613"/>
      <c r="FXB722" s="613"/>
      <c r="FXC722" s="613"/>
      <c r="FXD722" s="613"/>
      <c r="FXE722" s="613"/>
      <c r="FXF722" s="613"/>
      <c r="FXG722" s="613"/>
      <c r="FXH722" s="613"/>
      <c r="FXI722" s="613"/>
      <c r="FXJ722" s="613"/>
      <c r="FXK722" s="613"/>
      <c r="FXL722" s="613"/>
      <c r="FXM722" s="613"/>
      <c r="FXN722" s="613"/>
      <c r="FXO722" s="613"/>
      <c r="FXP722" s="613"/>
      <c r="FXQ722" s="613"/>
      <c r="FXR722" s="613"/>
      <c r="FXS722" s="613"/>
      <c r="FXT722" s="613"/>
      <c r="FXU722" s="613"/>
      <c r="FXV722" s="613"/>
      <c r="FXW722" s="613"/>
      <c r="FXX722" s="613"/>
      <c r="FXY722" s="613"/>
      <c r="FXZ722" s="613"/>
      <c r="FYA722" s="613"/>
      <c r="FYB722" s="613"/>
      <c r="FYC722" s="613"/>
      <c r="FYD722" s="613"/>
      <c r="FYE722" s="613"/>
      <c r="FYF722" s="613"/>
      <c r="FYG722" s="613"/>
      <c r="FYH722" s="613"/>
      <c r="FYI722" s="613"/>
      <c r="FYJ722" s="613"/>
      <c r="FYK722" s="613"/>
      <c r="FYL722" s="613"/>
      <c r="FYM722" s="613"/>
      <c r="FYN722" s="613"/>
      <c r="FYO722" s="613"/>
      <c r="FYP722" s="613"/>
      <c r="FYQ722" s="613"/>
      <c r="FYR722" s="613"/>
      <c r="FYS722" s="613"/>
      <c r="FYT722" s="613"/>
      <c r="FYU722" s="613"/>
      <c r="FYV722" s="613"/>
      <c r="FYW722" s="613"/>
      <c r="FYX722" s="613"/>
      <c r="FYY722" s="613"/>
      <c r="FYZ722" s="613"/>
      <c r="FZA722" s="613"/>
      <c r="FZB722" s="613"/>
      <c r="FZC722" s="613"/>
      <c r="FZD722" s="613"/>
      <c r="FZE722" s="613"/>
      <c r="FZF722" s="613"/>
      <c r="FZG722" s="613"/>
      <c r="FZH722" s="613"/>
      <c r="FZI722" s="613"/>
      <c r="FZJ722" s="613"/>
      <c r="FZK722" s="613"/>
      <c r="FZL722" s="613"/>
      <c r="FZM722" s="613"/>
      <c r="FZN722" s="613"/>
      <c r="FZO722" s="613"/>
      <c r="FZP722" s="613"/>
      <c r="FZQ722" s="613"/>
      <c r="FZR722" s="613"/>
      <c r="FZS722" s="613"/>
      <c r="FZT722" s="613"/>
      <c r="FZU722" s="613"/>
      <c r="FZV722" s="613"/>
      <c r="FZW722" s="613"/>
      <c r="FZX722" s="613"/>
      <c r="FZY722" s="613"/>
      <c r="FZZ722" s="613"/>
      <c r="GAA722" s="613"/>
      <c r="GAB722" s="613"/>
      <c r="GAC722" s="613"/>
      <c r="GAD722" s="613"/>
      <c r="GAE722" s="613"/>
      <c r="GAF722" s="613"/>
      <c r="GAG722" s="613"/>
      <c r="GAH722" s="613"/>
      <c r="GAI722" s="613"/>
      <c r="GAJ722" s="613"/>
      <c r="GAK722" s="613"/>
      <c r="GAL722" s="613"/>
      <c r="GAM722" s="613"/>
      <c r="GAN722" s="613"/>
      <c r="GAO722" s="613"/>
      <c r="GAP722" s="613"/>
      <c r="GAQ722" s="613"/>
      <c r="GAR722" s="613"/>
      <c r="GAS722" s="613"/>
      <c r="GAT722" s="613"/>
      <c r="GAU722" s="613"/>
      <c r="GAV722" s="613"/>
      <c r="GAW722" s="613"/>
      <c r="GAX722" s="613"/>
      <c r="GAY722" s="613"/>
      <c r="GAZ722" s="613"/>
      <c r="GBA722" s="613"/>
      <c r="GBB722" s="613"/>
      <c r="GBC722" s="613"/>
      <c r="GBD722" s="613"/>
      <c r="GBE722" s="613"/>
      <c r="GBF722" s="613"/>
      <c r="GBG722" s="613"/>
      <c r="GBH722" s="613"/>
      <c r="GBI722" s="613"/>
      <c r="GBJ722" s="613"/>
      <c r="GBK722" s="613"/>
      <c r="GBL722" s="613"/>
      <c r="GBM722" s="613"/>
      <c r="GBN722" s="613"/>
      <c r="GBO722" s="613"/>
      <c r="GBP722" s="613"/>
      <c r="GBQ722" s="613"/>
      <c r="GBR722" s="613"/>
      <c r="GBS722" s="613"/>
      <c r="GBT722" s="613"/>
      <c r="GBU722" s="613"/>
      <c r="GBV722" s="613"/>
      <c r="GBW722" s="613"/>
      <c r="GBX722" s="613"/>
      <c r="GBY722" s="613"/>
      <c r="GBZ722" s="613"/>
      <c r="GCA722" s="613"/>
      <c r="GCB722" s="613"/>
      <c r="GCC722" s="613"/>
      <c r="GCD722" s="613"/>
      <c r="GCE722" s="613"/>
      <c r="GCF722" s="613"/>
      <c r="GCG722" s="613"/>
      <c r="GCH722" s="613"/>
      <c r="GCI722" s="613"/>
      <c r="GCJ722" s="613"/>
      <c r="GCK722" s="613"/>
      <c r="GCL722" s="613"/>
      <c r="GCM722" s="613"/>
      <c r="GCN722" s="613"/>
      <c r="GCO722" s="613"/>
      <c r="GCP722" s="613"/>
      <c r="GCQ722" s="613"/>
      <c r="GCR722" s="613"/>
      <c r="GCS722" s="613"/>
      <c r="GCT722" s="613"/>
      <c r="GCU722" s="613"/>
      <c r="GCV722" s="613"/>
      <c r="GCW722" s="613"/>
      <c r="GCX722" s="613"/>
      <c r="GCY722" s="613"/>
      <c r="GCZ722" s="613"/>
      <c r="GDA722" s="613"/>
      <c r="GDB722" s="613"/>
      <c r="GDC722" s="613"/>
      <c r="GDD722" s="613"/>
      <c r="GDE722" s="613"/>
      <c r="GDF722" s="613"/>
      <c r="GDG722" s="613"/>
      <c r="GDH722" s="613"/>
      <c r="GDI722" s="613"/>
      <c r="GDJ722" s="613"/>
      <c r="GDK722" s="613"/>
      <c r="GDL722" s="613"/>
      <c r="GDM722" s="613"/>
      <c r="GDN722" s="613"/>
      <c r="GDO722" s="613"/>
      <c r="GDP722" s="613"/>
      <c r="GDQ722" s="613"/>
      <c r="GDR722" s="613"/>
      <c r="GDS722" s="613"/>
      <c r="GDT722" s="613"/>
      <c r="GDU722" s="613"/>
      <c r="GDV722" s="613"/>
      <c r="GDW722" s="613"/>
      <c r="GDX722" s="613"/>
      <c r="GDY722" s="613"/>
      <c r="GDZ722" s="613"/>
      <c r="GEA722" s="613"/>
      <c r="GEB722" s="613"/>
      <c r="GEC722" s="613"/>
      <c r="GED722" s="613"/>
      <c r="GEE722" s="613"/>
      <c r="GEF722" s="613"/>
      <c r="GEG722" s="613"/>
      <c r="GEH722" s="613"/>
      <c r="GEI722" s="613"/>
      <c r="GEJ722" s="613"/>
      <c r="GEK722" s="613"/>
      <c r="GEL722" s="613"/>
      <c r="GEM722" s="613"/>
      <c r="GEN722" s="613"/>
      <c r="GEO722" s="613"/>
      <c r="GEP722" s="613"/>
      <c r="GEQ722" s="613"/>
      <c r="GER722" s="613"/>
      <c r="GES722" s="613"/>
      <c r="GET722" s="613"/>
      <c r="GEU722" s="613"/>
      <c r="GEV722" s="613"/>
      <c r="GEW722" s="613"/>
      <c r="GEX722" s="613"/>
      <c r="GEY722" s="613"/>
      <c r="GEZ722" s="613"/>
      <c r="GFA722" s="613"/>
      <c r="GFB722" s="613"/>
      <c r="GFC722" s="613"/>
      <c r="GFD722" s="613"/>
      <c r="GFE722" s="613"/>
      <c r="GFF722" s="613"/>
      <c r="GFG722" s="613"/>
      <c r="GFH722" s="613"/>
      <c r="GFI722" s="613"/>
      <c r="GFJ722" s="613"/>
      <c r="GFK722" s="613"/>
      <c r="GFL722" s="613"/>
      <c r="GFM722" s="613"/>
      <c r="GFN722" s="613"/>
      <c r="GFO722" s="613"/>
      <c r="GFP722" s="613"/>
      <c r="GFQ722" s="613"/>
      <c r="GFR722" s="613"/>
      <c r="GFS722" s="613"/>
      <c r="GFT722" s="613"/>
      <c r="GFU722" s="613"/>
      <c r="GFV722" s="613"/>
      <c r="GFW722" s="613"/>
      <c r="GFX722" s="613"/>
      <c r="GFY722" s="613"/>
      <c r="GFZ722" s="613"/>
      <c r="GGA722" s="613"/>
      <c r="GGB722" s="613"/>
      <c r="GGC722" s="613"/>
      <c r="GGD722" s="613"/>
      <c r="GGE722" s="613"/>
      <c r="GGF722" s="613"/>
      <c r="GGG722" s="613"/>
      <c r="GGH722" s="613"/>
      <c r="GGI722" s="613"/>
      <c r="GGJ722" s="613"/>
      <c r="GGK722" s="613"/>
      <c r="GGL722" s="613"/>
      <c r="GGM722" s="613"/>
      <c r="GGN722" s="613"/>
      <c r="GGO722" s="613"/>
      <c r="GGP722" s="613"/>
      <c r="GGQ722" s="613"/>
      <c r="GGR722" s="613"/>
      <c r="GGS722" s="613"/>
      <c r="GGT722" s="613"/>
      <c r="GGU722" s="613"/>
      <c r="GGV722" s="613"/>
      <c r="GGW722" s="613"/>
      <c r="GGX722" s="613"/>
      <c r="GGY722" s="613"/>
      <c r="GGZ722" s="613"/>
      <c r="GHA722" s="613"/>
      <c r="GHB722" s="613"/>
      <c r="GHC722" s="613"/>
      <c r="GHD722" s="613"/>
      <c r="GHE722" s="613"/>
      <c r="GHF722" s="613"/>
      <c r="GHG722" s="613"/>
      <c r="GHH722" s="613"/>
      <c r="GHI722" s="613"/>
      <c r="GHJ722" s="613"/>
      <c r="GHK722" s="613"/>
      <c r="GHL722" s="613"/>
      <c r="GHM722" s="613"/>
      <c r="GHN722" s="613"/>
      <c r="GHO722" s="613"/>
      <c r="GHP722" s="613"/>
      <c r="GHQ722" s="613"/>
      <c r="GHR722" s="613"/>
      <c r="GHS722" s="613"/>
      <c r="GHT722" s="613"/>
      <c r="GHU722" s="613"/>
      <c r="GHV722" s="613"/>
      <c r="GHW722" s="613"/>
      <c r="GHX722" s="613"/>
      <c r="GHY722" s="613"/>
      <c r="GHZ722" s="613"/>
      <c r="GIA722" s="613"/>
      <c r="GIB722" s="613"/>
      <c r="GIC722" s="613"/>
      <c r="GID722" s="613"/>
      <c r="GIE722" s="613"/>
      <c r="GIF722" s="613"/>
      <c r="GIG722" s="613"/>
      <c r="GIH722" s="613"/>
      <c r="GII722" s="613"/>
      <c r="GIJ722" s="613"/>
      <c r="GIK722" s="613"/>
      <c r="GIL722" s="613"/>
      <c r="GIM722" s="613"/>
      <c r="GIN722" s="613"/>
      <c r="GIO722" s="613"/>
      <c r="GIP722" s="613"/>
      <c r="GIQ722" s="613"/>
      <c r="GIR722" s="613"/>
      <c r="GIS722" s="613"/>
      <c r="GIT722" s="613"/>
      <c r="GIU722" s="613"/>
      <c r="GIV722" s="613"/>
      <c r="GIW722" s="613"/>
      <c r="GIX722" s="613"/>
      <c r="GIY722" s="613"/>
      <c r="GIZ722" s="613"/>
      <c r="GJA722" s="613"/>
      <c r="GJB722" s="613"/>
      <c r="GJC722" s="613"/>
      <c r="GJD722" s="613"/>
      <c r="GJE722" s="613"/>
      <c r="GJF722" s="613"/>
      <c r="GJG722" s="613"/>
      <c r="GJH722" s="613"/>
      <c r="GJI722" s="613"/>
      <c r="GJJ722" s="613"/>
      <c r="GJK722" s="613"/>
      <c r="GJL722" s="613"/>
      <c r="GJM722" s="613"/>
      <c r="GJN722" s="613"/>
      <c r="GJO722" s="613"/>
      <c r="GJP722" s="613"/>
      <c r="GJQ722" s="613"/>
      <c r="GJR722" s="613"/>
      <c r="GJS722" s="613"/>
      <c r="GJT722" s="613"/>
      <c r="GJU722" s="613"/>
      <c r="GJV722" s="613"/>
      <c r="GJW722" s="613"/>
      <c r="GJX722" s="613"/>
      <c r="GJY722" s="613"/>
      <c r="GJZ722" s="613"/>
      <c r="GKA722" s="613"/>
      <c r="GKB722" s="613"/>
      <c r="GKC722" s="613"/>
      <c r="GKD722" s="613"/>
      <c r="GKE722" s="613"/>
      <c r="GKF722" s="613"/>
      <c r="GKG722" s="613"/>
      <c r="GKH722" s="613"/>
      <c r="GKI722" s="613"/>
      <c r="GKJ722" s="613"/>
      <c r="GKK722" s="613"/>
      <c r="GKL722" s="613"/>
      <c r="GKM722" s="613"/>
      <c r="GKN722" s="613"/>
      <c r="GKO722" s="613"/>
      <c r="GKP722" s="613"/>
      <c r="GKQ722" s="613"/>
      <c r="GKR722" s="613"/>
      <c r="GKS722" s="613"/>
      <c r="GKT722" s="613"/>
      <c r="GKU722" s="613"/>
      <c r="GKV722" s="613"/>
      <c r="GKW722" s="613"/>
      <c r="GKX722" s="613"/>
      <c r="GKY722" s="613"/>
      <c r="GKZ722" s="613"/>
      <c r="GLA722" s="613"/>
      <c r="GLB722" s="613"/>
      <c r="GLC722" s="613"/>
      <c r="GLD722" s="613"/>
      <c r="GLE722" s="613"/>
      <c r="GLF722" s="613"/>
      <c r="GLG722" s="613"/>
      <c r="GLH722" s="613"/>
      <c r="GLI722" s="613"/>
      <c r="GLJ722" s="613"/>
      <c r="GLK722" s="613"/>
      <c r="GLL722" s="613"/>
      <c r="GLM722" s="613"/>
      <c r="GLN722" s="613"/>
      <c r="GLO722" s="613"/>
      <c r="GLP722" s="613"/>
      <c r="GLQ722" s="613"/>
      <c r="GLR722" s="613"/>
      <c r="GLS722" s="613"/>
      <c r="GLT722" s="613"/>
      <c r="GLU722" s="613"/>
      <c r="GLV722" s="613"/>
      <c r="GLW722" s="613"/>
      <c r="GLX722" s="613"/>
      <c r="GLY722" s="613"/>
      <c r="GLZ722" s="613"/>
      <c r="GMA722" s="613"/>
      <c r="GMB722" s="613"/>
      <c r="GMC722" s="613"/>
      <c r="GMD722" s="613"/>
      <c r="GME722" s="613"/>
      <c r="GMF722" s="613"/>
      <c r="GMG722" s="613"/>
      <c r="GMH722" s="613"/>
      <c r="GMI722" s="613"/>
      <c r="GMJ722" s="613"/>
      <c r="GMK722" s="613"/>
      <c r="GML722" s="613"/>
      <c r="GMM722" s="613"/>
      <c r="GMN722" s="613"/>
      <c r="GMO722" s="613"/>
      <c r="GMP722" s="613"/>
      <c r="GMQ722" s="613"/>
      <c r="GMR722" s="613"/>
      <c r="GMS722" s="613"/>
      <c r="GMT722" s="613"/>
      <c r="GMU722" s="613"/>
      <c r="GMV722" s="613"/>
      <c r="GMW722" s="613"/>
      <c r="GMX722" s="613"/>
      <c r="GMY722" s="613"/>
      <c r="GMZ722" s="613"/>
      <c r="GNA722" s="613"/>
      <c r="GNB722" s="613"/>
      <c r="GNC722" s="613"/>
      <c r="GND722" s="613"/>
      <c r="GNE722" s="613"/>
      <c r="GNF722" s="613"/>
      <c r="GNG722" s="613"/>
      <c r="GNH722" s="613"/>
      <c r="GNI722" s="613"/>
      <c r="GNJ722" s="613"/>
      <c r="GNK722" s="613"/>
      <c r="GNL722" s="613"/>
      <c r="GNM722" s="613"/>
      <c r="GNN722" s="613"/>
      <c r="GNO722" s="613"/>
      <c r="GNP722" s="613"/>
      <c r="GNQ722" s="613"/>
      <c r="GNR722" s="613"/>
      <c r="GNS722" s="613"/>
      <c r="GNT722" s="613"/>
      <c r="GNU722" s="613"/>
      <c r="GNV722" s="613"/>
      <c r="GNW722" s="613"/>
      <c r="GNX722" s="613"/>
      <c r="GNY722" s="613"/>
      <c r="GNZ722" s="613"/>
      <c r="GOA722" s="613"/>
      <c r="GOB722" s="613"/>
      <c r="GOC722" s="613"/>
      <c r="GOD722" s="613"/>
      <c r="GOE722" s="613"/>
      <c r="GOF722" s="613"/>
      <c r="GOG722" s="613"/>
      <c r="GOH722" s="613"/>
      <c r="GOI722" s="613"/>
      <c r="GOJ722" s="613"/>
      <c r="GOK722" s="613"/>
      <c r="GOL722" s="613"/>
      <c r="GOM722" s="613"/>
      <c r="GON722" s="613"/>
      <c r="GOO722" s="613"/>
      <c r="GOP722" s="613"/>
      <c r="GOQ722" s="613"/>
      <c r="GOR722" s="613"/>
      <c r="GOS722" s="613"/>
      <c r="GOT722" s="613"/>
      <c r="GOU722" s="613"/>
      <c r="GOV722" s="613"/>
      <c r="GOW722" s="613"/>
      <c r="GOX722" s="613"/>
      <c r="GOY722" s="613"/>
      <c r="GOZ722" s="613"/>
      <c r="GPA722" s="613"/>
      <c r="GPB722" s="613"/>
      <c r="GPC722" s="613"/>
      <c r="GPD722" s="613"/>
      <c r="GPE722" s="613"/>
      <c r="GPF722" s="613"/>
      <c r="GPG722" s="613"/>
      <c r="GPH722" s="613"/>
      <c r="GPI722" s="613"/>
      <c r="GPJ722" s="613"/>
      <c r="GPK722" s="613"/>
      <c r="GPL722" s="613"/>
      <c r="GPM722" s="613"/>
      <c r="GPN722" s="613"/>
      <c r="GPO722" s="613"/>
      <c r="GPP722" s="613"/>
      <c r="GPQ722" s="613"/>
      <c r="GPR722" s="613"/>
      <c r="GPS722" s="613"/>
      <c r="GPT722" s="613"/>
      <c r="GPU722" s="613"/>
      <c r="GPV722" s="613"/>
      <c r="GPW722" s="613"/>
      <c r="GPX722" s="613"/>
      <c r="GPY722" s="613"/>
      <c r="GPZ722" s="613"/>
      <c r="GQA722" s="613"/>
      <c r="GQB722" s="613"/>
      <c r="GQC722" s="613"/>
      <c r="GQD722" s="613"/>
      <c r="GQE722" s="613"/>
      <c r="GQF722" s="613"/>
      <c r="GQG722" s="613"/>
      <c r="GQH722" s="613"/>
      <c r="GQI722" s="613"/>
      <c r="GQJ722" s="613"/>
      <c r="GQK722" s="613"/>
      <c r="GQL722" s="613"/>
      <c r="GQM722" s="613"/>
      <c r="GQN722" s="613"/>
      <c r="GQO722" s="613"/>
      <c r="GQP722" s="613"/>
      <c r="GQQ722" s="613"/>
      <c r="GQR722" s="613"/>
      <c r="GQS722" s="613"/>
      <c r="GQT722" s="613"/>
      <c r="GQU722" s="613"/>
      <c r="GQV722" s="613"/>
      <c r="GQW722" s="613"/>
      <c r="GQX722" s="613"/>
      <c r="GQY722" s="613"/>
      <c r="GQZ722" s="613"/>
      <c r="GRA722" s="613"/>
      <c r="GRB722" s="613"/>
      <c r="GRC722" s="613"/>
      <c r="GRD722" s="613"/>
      <c r="GRE722" s="613"/>
      <c r="GRF722" s="613"/>
      <c r="GRG722" s="613"/>
      <c r="GRH722" s="613"/>
      <c r="GRI722" s="613"/>
      <c r="GRJ722" s="613"/>
      <c r="GRK722" s="613"/>
      <c r="GRL722" s="613"/>
      <c r="GRM722" s="613"/>
      <c r="GRN722" s="613"/>
      <c r="GRO722" s="613"/>
      <c r="GRP722" s="613"/>
      <c r="GRQ722" s="613"/>
      <c r="GRR722" s="613"/>
      <c r="GRS722" s="613"/>
      <c r="GRT722" s="613"/>
      <c r="GRU722" s="613"/>
      <c r="GRV722" s="613"/>
      <c r="GRW722" s="613"/>
      <c r="GRX722" s="613"/>
      <c r="GRY722" s="613"/>
      <c r="GRZ722" s="613"/>
      <c r="GSA722" s="613"/>
      <c r="GSB722" s="613"/>
      <c r="GSC722" s="613"/>
      <c r="GSD722" s="613"/>
      <c r="GSE722" s="613"/>
      <c r="GSF722" s="613"/>
      <c r="GSG722" s="613"/>
      <c r="GSH722" s="613"/>
      <c r="GSI722" s="613"/>
      <c r="GSJ722" s="613"/>
      <c r="GSK722" s="613"/>
      <c r="GSL722" s="613"/>
      <c r="GSM722" s="613"/>
      <c r="GSN722" s="613"/>
      <c r="GSO722" s="613"/>
      <c r="GSP722" s="613"/>
      <c r="GSQ722" s="613"/>
      <c r="GSR722" s="613"/>
      <c r="GSS722" s="613"/>
      <c r="GST722" s="613"/>
      <c r="GSU722" s="613"/>
      <c r="GSV722" s="613"/>
      <c r="GSW722" s="613"/>
      <c r="GSX722" s="613"/>
      <c r="GSY722" s="613"/>
      <c r="GSZ722" s="613"/>
      <c r="GTA722" s="613"/>
      <c r="GTB722" s="613"/>
      <c r="GTC722" s="613"/>
      <c r="GTD722" s="613"/>
      <c r="GTE722" s="613"/>
      <c r="GTF722" s="613"/>
      <c r="GTG722" s="613"/>
      <c r="GTH722" s="613"/>
      <c r="GTI722" s="613"/>
      <c r="GTJ722" s="613"/>
      <c r="GTK722" s="613"/>
      <c r="GTL722" s="613"/>
      <c r="GTM722" s="613"/>
      <c r="GTN722" s="613"/>
      <c r="GTO722" s="613"/>
      <c r="GTP722" s="613"/>
      <c r="GTQ722" s="613"/>
      <c r="GTR722" s="613"/>
      <c r="GTS722" s="613"/>
      <c r="GTT722" s="613"/>
      <c r="GTU722" s="613"/>
      <c r="GTV722" s="613"/>
      <c r="GTW722" s="613"/>
      <c r="GTX722" s="613"/>
      <c r="GTY722" s="613"/>
      <c r="GTZ722" s="613"/>
      <c r="GUA722" s="613"/>
      <c r="GUB722" s="613"/>
      <c r="GUC722" s="613"/>
      <c r="GUD722" s="613"/>
      <c r="GUE722" s="613"/>
      <c r="GUF722" s="613"/>
      <c r="GUG722" s="613"/>
      <c r="GUH722" s="613"/>
      <c r="GUI722" s="613"/>
      <c r="GUJ722" s="613"/>
      <c r="GUK722" s="613"/>
      <c r="GUL722" s="613"/>
      <c r="GUM722" s="613"/>
      <c r="GUN722" s="613"/>
      <c r="GUO722" s="613"/>
      <c r="GUP722" s="613"/>
      <c r="GUQ722" s="613"/>
      <c r="GUR722" s="613"/>
      <c r="GUS722" s="613"/>
      <c r="GUT722" s="613"/>
      <c r="GUU722" s="613"/>
      <c r="GUV722" s="613"/>
      <c r="GUW722" s="613"/>
      <c r="GUX722" s="613"/>
      <c r="GUY722" s="613"/>
      <c r="GUZ722" s="613"/>
      <c r="GVA722" s="613"/>
      <c r="GVB722" s="613"/>
      <c r="GVC722" s="613"/>
      <c r="GVD722" s="613"/>
      <c r="GVE722" s="613"/>
      <c r="GVF722" s="613"/>
      <c r="GVG722" s="613"/>
      <c r="GVH722" s="613"/>
      <c r="GVI722" s="613"/>
      <c r="GVJ722" s="613"/>
      <c r="GVK722" s="613"/>
      <c r="GVL722" s="613"/>
      <c r="GVM722" s="613"/>
      <c r="GVN722" s="613"/>
      <c r="GVO722" s="613"/>
      <c r="GVP722" s="613"/>
      <c r="GVQ722" s="613"/>
      <c r="GVR722" s="613"/>
      <c r="GVS722" s="613"/>
      <c r="GVT722" s="613"/>
      <c r="GVU722" s="613"/>
      <c r="GVV722" s="613"/>
      <c r="GVW722" s="613"/>
      <c r="GVX722" s="613"/>
      <c r="GVY722" s="613"/>
      <c r="GVZ722" s="613"/>
      <c r="GWA722" s="613"/>
      <c r="GWB722" s="613"/>
      <c r="GWC722" s="613"/>
      <c r="GWD722" s="613"/>
      <c r="GWE722" s="613"/>
      <c r="GWF722" s="613"/>
      <c r="GWG722" s="613"/>
      <c r="GWH722" s="613"/>
      <c r="GWI722" s="613"/>
      <c r="GWJ722" s="613"/>
      <c r="GWK722" s="613"/>
      <c r="GWL722" s="613"/>
      <c r="GWM722" s="613"/>
      <c r="GWN722" s="613"/>
      <c r="GWO722" s="613"/>
      <c r="GWP722" s="613"/>
      <c r="GWQ722" s="613"/>
      <c r="GWR722" s="613"/>
      <c r="GWS722" s="613"/>
      <c r="GWT722" s="613"/>
      <c r="GWU722" s="613"/>
      <c r="GWV722" s="613"/>
      <c r="GWW722" s="613"/>
      <c r="GWX722" s="613"/>
      <c r="GWY722" s="613"/>
      <c r="GWZ722" s="613"/>
      <c r="GXA722" s="613"/>
      <c r="GXB722" s="613"/>
      <c r="GXC722" s="613"/>
      <c r="GXD722" s="613"/>
      <c r="GXE722" s="613"/>
      <c r="GXF722" s="613"/>
      <c r="GXG722" s="613"/>
      <c r="GXH722" s="613"/>
      <c r="GXI722" s="613"/>
      <c r="GXJ722" s="613"/>
      <c r="GXK722" s="613"/>
      <c r="GXL722" s="613"/>
      <c r="GXM722" s="613"/>
      <c r="GXN722" s="613"/>
      <c r="GXO722" s="613"/>
      <c r="GXP722" s="613"/>
      <c r="GXQ722" s="613"/>
      <c r="GXR722" s="613"/>
      <c r="GXS722" s="613"/>
      <c r="GXT722" s="613"/>
      <c r="GXU722" s="613"/>
      <c r="GXV722" s="613"/>
      <c r="GXW722" s="613"/>
      <c r="GXX722" s="613"/>
      <c r="GXY722" s="613"/>
      <c r="GXZ722" s="613"/>
      <c r="GYA722" s="613"/>
      <c r="GYB722" s="613"/>
      <c r="GYC722" s="613"/>
      <c r="GYD722" s="613"/>
      <c r="GYE722" s="613"/>
      <c r="GYF722" s="613"/>
      <c r="GYG722" s="613"/>
      <c r="GYH722" s="613"/>
      <c r="GYI722" s="613"/>
      <c r="GYJ722" s="613"/>
      <c r="GYK722" s="613"/>
      <c r="GYL722" s="613"/>
      <c r="GYM722" s="613"/>
      <c r="GYN722" s="613"/>
      <c r="GYO722" s="613"/>
      <c r="GYP722" s="613"/>
      <c r="GYQ722" s="613"/>
      <c r="GYR722" s="613"/>
      <c r="GYS722" s="613"/>
      <c r="GYT722" s="613"/>
      <c r="GYU722" s="613"/>
      <c r="GYV722" s="613"/>
      <c r="GYW722" s="613"/>
      <c r="GYX722" s="613"/>
      <c r="GYY722" s="613"/>
      <c r="GYZ722" s="613"/>
      <c r="GZA722" s="613"/>
      <c r="GZB722" s="613"/>
      <c r="GZC722" s="613"/>
      <c r="GZD722" s="613"/>
      <c r="GZE722" s="613"/>
      <c r="GZF722" s="613"/>
      <c r="GZG722" s="613"/>
      <c r="GZH722" s="613"/>
      <c r="GZI722" s="613"/>
      <c r="GZJ722" s="613"/>
      <c r="GZK722" s="613"/>
      <c r="GZL722" s="613"/>
      <c r="GZM722" s="613"/>
      <c r="GZN722" s="613"/>
      <c r="GZO722" s="613"/>
      <c r="GZP722" s="613"/>
      <c r="GZQ722" s="613"/>
      <c r="GZR722" s="613"/>
      <c r="GZS722" s="613"/>
      <c r="GZT722" s="613"/>
      <c r="GZU722" s="613"/>
      <c r="GZV722" s="613"/>
      <c r="GZW722" s="613"/>
      <c r="GZX722" s="613"/>
      <c r="GZY722" s="613"/>
      <c r="GZZ722" s="613"/>
      <c r="HAA722" s="613"/>
      <c r="HAB722" s="613"/>
      <c r="HAC722" s="613"/>
      <c r="HAD722" s="613"/>
      <c r="HAE722" s="613"/>
      <c r="HAF722" s="613"/>
      <c r="HAG722" s="613"/>
      <c r="HAH722" s="613"/>
      <c r="HAI722" s="613"/>
      <c r="HAJ722" s="613"/>
      <c r="HAK722" s="613"/>
      <c r="HAL722" s="613"/>
      <c r="HAM722" s="613"/>
      <c r="HAN722" s="613"/>
      <c r="HAO722" s="613"/>
      <c r="HAP722" s="613"/>
      <c r="HAQ722" s="613"/>
      <c r="HAR722" s="613"/>
      <c r="HAS722" s="613"/>
      <c r="HAT722" s="613"/>
      <c r="HAU722" s="613"/>
      <c r="HAV722" s="613"/>
      <c r="HAW722" s="613"/>
      <c r="HAX722" s="613"/>
      <c r="HAY722" s="613"/>
      <c r="HAZ722" s="613"/>
      <c r="HBA722" s="613"/>
      <c r="HBB722" s="613"/>
      <c r="HBC722" s="613"/>
      <c r="HBD722" s="613"/>
      <c r="HBE722" s="613"/>
      <c r="HBF722" s="613"/>
      <c r="HBG722" s="613"/>
      <c r="HBH722" s="613"/>
      <c r="HBI722" s="613"/>
      <c r="HBJ722" s="613"/>
      <c r="HBK722" s="613"/>
      <c r="HBL722" s="613"/>
      <c r="HBM722" s="613"/>
      <c r="HBN722" s="613"/>
      <c r="HBO722" s="613"/>
      <c r="HBP722" s="613"/>
      <c r="HBQ722" s="613"/>
      <c r="HBR722" s="613"/>
      <c r="HBS722" s="613"/>
      <c r="HBT722" s="613"/>
      <c r="HBU722" s="613"/>
      <c r="HBV722" s="613"/>
      <c r="HBW722" s="613"/>
      <c r="HBX722" s="613"/>
      <c r="HBY722" s="613"/>
      <c r="HBZ722" s="613"/>
      <c r="HCA722" s="613"/>
      <c r="HCB722" s="613"/>
      <c r="HCC722" s="613"/>
      <c r="HCD722" s="613"/>
      <c r="HCE722" s="613"/>
      <c r="HCF722" s="613"/>
      <c r="HCG722" s="613"/>
      <c r="HCH722" s="613"/>
      <c r="HCI722" s="613"/>
      <c r="HCJ722" s="613"/>
      <c r="HCK722" s="613"/>
      <c r="HCL722" s="613"/>
      <c r="HCM722" s="613"/>
      <c r="HCN722" s="613"/>
      <c r="HCO722" s="613"/>
      <c r="HCP722" s="613"/>
      <c r="HCQ722" s="613"/>
      <c r="HCR722" s="613"/>
      <c r="HCS722" s="613"/>
      <c r="HCT722" s="613"/>
      <c r="HCU722" s="613"/>
      <c r="HCV722" s="613"/>
      <c r="HCW722" s="613"/>
      <c r="HCX722" s="613"/>
      <c r="HCY722" s="613"/>
      <c r="HCZ722" s="613"/>
      <c r="HDA722" s="613"/>
      <c r="HDB722" s="613"/>
      <c r="HDC722" s="613"/>
      <c r="HDD722" s="613"/>
      <c r="HDE722" s="613"/>
      <c r="HDF722" s="613"/>
      <c r="HDG722" s="613"/>
      <c r="HDH722" s="613"/>
      <c r="HDI722" s="613"/>
      <c r="HDJ722" s="613"/>
      <c r="HDK722" s="613"/>
      <c r="HDL722" s="613"/>
      <c r="HDM722" s="613"/>
      <c r="HDN722" s="613"/>
      <c r="HDO722" s="613"/>
      <c r="HDP722" s="613"/>
      <c r="HDQ722" s="613"/>
      <c r="HDR722" s="613"/>
      <c r="HDS722" s="613"/>
      <c r="HDT722" s="613"/>
      <c r="HDU722" s="613"/>
      <c r="HDV722" s="613"/>
      <c r="HDW722" s="613"/>
      <c r="HDX722" s="613"/>
      <c r="HDY722" s="613"/>
      <c r="HDZ722" s="613"/>
      <c r="HEA722" s="613"/>
      <c r="HEB722" s="613"/>
      <c r="HEC722" s="613"/>
      <c r="HED722" s="613"/>
      <c r="HEE722" s="613"/>
      <c r="HEF722" s="613"/>
      <c r="HEG722" s="613"/>
      <c r="HEH722" s="613"/>
      <c r="HEI722" s="613"/>
      <c r="HEJ722" s="613"/>
      <c r="HEK722" s="613"/>
      <c r="HEL722" s="613"/>
      <c r="HEM722" s="613"/>
      <c r="HEN722" s="613"/>
      <c r="HEO722" s="613"/>
      <c r="HEP722" s="613"/>
      <c r="HEQ722" s="613"/>
      <c r="HER722" s="613"/>
      <c r="HES722" s="613"/>
      <c r="HET722" s="613"/>
      <c r="HEU722" s="613"/>
      <c r="HEV722" s="613"/>
      <c r="HEW722" s="613"/>
      <c r="HEX722" s="613"/>
      <c r="HEY722" s="613"/>
      <c r="HEZ722" s="613"/>
      <c r="HFA722" s="613"/>
      <c r="HFB722" s="613"/>
      <c r="HFC722" s="613"/>
      <c r="HFD722" s="613"/>
      <c r="HFE722" s="613"/>
      <c r="HFF722" s="613"/>
      <c r="HFG722" s="613"/>
      <c r="HFH722" s="613"/>
      <c r="HFI722" s="613"/>
      <c r="HFJ722" s="613"/>
      <c r="HFK722" s="613"/>
      <c r="HFL722" s="613"/>
      <c r="HFM722" s="613"/>
      <c r="HFN722" s="613"/>
      <c r="HFO722" s="613"/>
      <c r="HFP722" s="613"/>
      <c r="HFQ722" s="613"/>
      <c r="HFR722" s="613"/>
      <c r="HFS722" s="613"/>
      <c r="HFT722" s="613"/>
      <c r="HFU722" s="613"/>
      <c r="HFV722" s="613"/>
      <c r="HFW722" s="613"/>
      <c r="HFX722" s="613"/>
      <c r="HFY722" s="613"/>
      <c r="HFZ722" s="613"/>
      <c r="HGA722" s="613"/>
      <c r="HGB722" s="613"/>
      <c r="HGC722" s="613"/>
      <c r="HGD722" s="613"/>
      <c r="HGE722" s="613"/>
      <c r="HGF722" s="613"/>
      <c r="HGG722" s="613"/>
      <c r="HGH722" s="613"/>
      <c r="HGI722" s="613"/>
      <c r="HGJ722" s="613"/>
      <c r="HGK722" s="613"/>
      <c r="HGL722" s="613"/>
      <c r="HGM722" s="613"/>
      <c r="HGN722" s="613"/>
      <c r="HGO722" s="613"/>
      <c r="HGP722" s="613"/>
      <c r="HGQ722" s="613"/>
      <c r="HGR722" s="613"/>
      <c r="HGS722" s="613"/>
      <c r="HGT722" s="613"/>
      <c r="HGU722" s="613"/>
      <c r="HGV722" s="613"/>
      <c r="HGW722" s="613"/>
      <c r="HGX722" s="613"/>
      <c r="HGY722" s="613"/>
      <c r="HGZ722" s="613"/>
      <c r="HHA722" s="613"/>
      <c r="HHB722" s="613"/>
      <c r="HHC722" s="613"/>
      <c r="HHD722" s="613"/>
      <c r="HHE722" s="613"/>
      <c r="HHF722" s="613"/>
      <c r="HHG722" s="613"/>
      <c r="HHH722" s="613"/>
      <c r="HHI722" s="613"/>
      <c r="HHJ722" s="613"/>
      <c r="HHK722" s="613"/>
      <c r="HHL722" s="613"/>
      <c r="HHM722" s="613"/>
      <c r="HHN722" s="613"/>
      <c r="HHO722" s="613"/>
      <c r="HHP722" s="613"/>
      <c r="HHQ722" s="613"/>
      <c r="HHR722" s="613"/>
      <c r="HHS722" s="613"/>
      <c r="HHT722" s="613"/>
      <c r="HHU722" s="613"/>
      <c r="HHV722" s="613"/>
      <c r="HHW722" s="613"/>
      <c r="HHX722" s="613"/>
      <c r="HHY722" s="613"/>
      <c r="HHZ722" s="613"/>
      <c r="HIA722" s="613"/>
      <c r="HIB722" s="613"/>
      <c r="HIC722" s="613"/>
      <c r="HID722" s="613"/>
      <c r="HIE722" s="613"/>
      <c r="HIF722" s="613"/>
      <c r="HIG722" s="613"/>
      <c r="HIH722" s="613"/>
      <c r="HII722" s="613"/>
      <c r="HIJ722" s="613"/>
      <c r="HIK722" s="613"/>
      <c r="HIL722" s="613"/>
      <c r="HIM722" s="613"/>
      <c r="HIN722" s="613"/>
      <c r="HIO722" s="613"/>
      <c r="HIP722" s="613"/>
      <c r="HIQ722" s="613"/>
      <c r="HIR722" s="613"/>
      <c r="HIS722" s="613"/>
      <c r="HIT722" s="613"/>
      <c r="HIU722" s="613"/>
      <c r="HIV722" s="613"/>
      <c r="HIW722" s="613"/>
      <c r="HIX722" s="613"/>
      <c r="HIY722" s="613"/>
      <c r="HIZ722" s="613"/>
      <c r="HJA722" s="613"/>
      <c r="HJB722" s="613"/>
      <c r="HJC722" s="613"/>
      <c r="HJD722" s="613"/>
      <c r="HJE722" s="613"/>
      <c r="HJF722" s="613"/>
      <c r="HJG722" s="613"/>
      <c r="HJH722" s="613"/>
      <c r="HJI722" s="613"/>
      <c r="HJJ722" s="613"/>
      <c r="HJK722" s="613"/>
      <c r="HJL722" s="613"/>
      <c r="HJM722" s="613"/>
      <c r="HJN722" s="613"/>
      <c r="HJO722" s="613"/>
      <c r="HJP722" s="613"/>
      <c r="HJQ722" s="613"/>
      <c r="HJR722" s="613"/>
      <c r="HJS722" s="613"/>
      <c r="HJT722" s="613"/>
      <c r="HJU722" s="613"/>
      <c r="HJV722" s="613"/>
      <c r="HJW722" s="613"/>
      <c r="HJX722" s="613"/>
      <c r="HJY722" s="613"/>
      <c r="HJZ722" s="613"/>
      <c r="HKA722" s="613"/>
      <c r="HKB722" s="613"/>
      <c r="HKC722" s="613"/>
      <c r="HKD722" s="613"/>
      <c r="HKE722" s="613"/>
      <c r="HKF722" s="613"/>
      <c r="HKG722" s="613"/>
      <c r="HKH722" s="613"/>
      <c r="HKI722" s="613"/>
      <c r="HKJ722" s="613"/>
      <c r="HKK722" s="613"/>
      <c r="HKL722" s="613"/>
      <c r="HKM722" s="613"/>
      <c r="HKN722" s="613"/>
      <c r="HKO722" s="613"/>
      <c r="HKP722" s="613"/>
      <c r="HKQ722" s="613"/>
      <c r="HKR722" s="613"/>
      <c r="HKS722" s="613"/>
      <c r="HKT722" s="613"/>
      <c r="HKU722" s="613"/>
      <c r="HKV722" s="613"/>
      <c r="HKW722" s="613"/>
      <c r="HKX722" s="613"/>
      <c r="HKY722" s="613"/>
      <c r="HKZ722" s="613"/>
      <c r="HLA722" s="613"/>
      <c r="HLB722" s="613"/>
      <c r="HLC722" s="613"/>
      <c r="HLD722" s="613"/>
      <c r="HLE722" s="613"/>
      <c r="HLF722" s="613"/>
      <c r="HLG722" s="613"/>
      <c r="HLH722" s="613"/>
      <c r="HLI722" s="613"/>
      <c r="HLJ722" s="613"/>
      <c r="HLK722" s="613"/>
      <c r="HLL722" s="613"/>
      <c r="HLM722" s="613"/>
      <c r="HLN722" s="613"/>
      <c r="HLO722" s="613"/>
      <c r="HLP722" s="613"/>
      <c r="HLQ722" s="613"/>
      <c r="HLR722" s="613"/>
      <c r="HLS722" s="613"/>
      <c r="HLT722" s="613"/>
      <c r="HLU722" s="613"/>
      <c r="HLV722" s="613"/>
      <c r="HLW722" s="613"/>
      <c r="HLX722" s="613"/>
      <c r="HLY722" s="613"/>
      <c r="HLZ722" s="613"/>
      <c r="HMA722" s="613"/>
      <c r="HMB722" s="613"/>
      <c r="HMC722" s="613"/>
      <c r="HMD722" s="613"/>
      <c r="HME722" s="613"/>
      <c r="HMF722" s="613"/>
      <c r="HMG722" s="613"/>
      <c r="HMH722" s="613"/>
      <c r="HMI722" s="613"/>
      <c r="HMJ722" s="613"/>
      <c r="HMK722" s="613"/>
      <c r="HML722" s="613"/>
      <c r="HMM722" s="613"/>
      <c r="HMN722" s="613"/>
      <c r="HMO722" s="613"/>
      <c r="HMP722" s="613"/>
      <c r="HMQ722" s="613"/>
      <c r="HMR722" s="613"/>
      <c r="HMS722" s="613"/>
      <c r="HMT722" s="613"/>
      <c r="HMU722" s="613"/>
      <c r="HMV722" s="613"/>
      <c r="HMW722" s="613"/>
      <c r="HMX722" s="613"/>
      <c r="HMY722" s="613"/>
      <c r="HMZ722" s="613"/>
      <c r="HNA722" s="613"/>
      <c r="HNB722" s="613"/>
      <c r="HNC722" s="613"/>
      <c r="HND722" s="613"/>
      <c r="HNE722" s="613"/>
      <c r="HNF722" s="613"/>
      <c r="HNG722" s="613"/>
      <c r="HNH722" s="613"/>
      <c r="HNI722" s="613"/>
      <c r="HNJ722" s="613"/>
      <c r="HNK722" s="613"/>
      <c r="HNL722" s="613"/>
      <c r="HNM722" s="613"/>
      <c r="HNN722" s="613"/>
      <c r="HNO722" s="613"/>
      <c r="HNP722" s="613"/>
      <c r="HNQ722" s="613"/>
      <c r="HNR722" s="613"/>
      <c r="HNS722" s="613"/>
      <c r="HNT722" s="613"/>
      <c r="HNU722" s="613"/>
      <c r="HNV722" s="613"/>
      <c r="HNW722" s="613"/>
      <c r="HNX722" s="613"/>
      <c r="HNY722" s="613"/>
      <c r="HNZ722" s="613"/>
      <c r="HOA722" s="613"/>
      <c r="HOB722" s="613"/>
      <c r="HOC722" s="613"/>
      <c r="HOD722" s="613"/>
      <c r="HOE722" s="613"/>
      <c r="HOF722" s="613"/>
      <c r="HOG722" s="613"/>
      <c r="HOH722" s="613"/>
      <c r="HOI722" s="613"/>
      <c r="HOJ722" s="613"/>
      <c r="HOK722" s="613"/>
      <c r="HOL722" s="613"/>
      <c r="HOM722" s="613"/>
      <c r="HON722" s="613"/>
      <c r="HOO722" s="613"/>
      <c r="HOP722" s="613"/>
      <c r="HOQ722" s="613"/>
      <c r="HOR722" s="613"/>
      <c r="HOS722" s="613"/>
      <c r="HOT722" s="613"/>
      <c r="HOU722" s="613"/>
      <c r="HOV722" s="613"/>
      <c r="HOW722" s="613"/>
      <c r="HOX722" s="613"/>
      <c r="HOY722" s="613"/>
      <c r="HOZ722" s="613"/>
      <c r="HPA722" s="613"/>
      <c r="HPB722" s="613"/>
      <c r="HPC722" s="613"/>
      <c r="HPD722" s="613"/>
      <c r="HPE722" s="613"/>
      <c r="HPF722" s="613"/>
      <c r="HPG722" s="613"/>
      <c r="HPH722" s="613"/>
      <c r="HPI722" s="613"/>
      <c r="HPJ722" s="613"/>
      <c r="HPK722" s="613"/>
      <c r="HPL722" s="613"/>
      <c r="HPM722" s="613"/>
      <c r="HPN722" s="613"/>
      <c r="HPO722" s="613"/>
      <c r="HPP722" s="613"/>
      <c r="HPQ722" s="613"/>
      <c r="HPR722" s="613"/>
      <c r="HPS722" s="613"/>
      <c r="HPT722" s="613"/>
      <c r="HPU722" s="613"/>
      <c r="HPV722" s="613"/>
      <c r="HPW722" s="613"/>
      <c r="HPX722" s="613"/>
      <c r="HPY722" s="613"/>
      <c r="HPZ722" s="613"/>
      <c r="HQA722" s="613"/>
      <c r="HQB722" s="613"/>
      <c r="HQC722" s="613"/>
      <c r="HQD722" s="613"/>
      <c r="HQE722" s="613"/>
      <c r="HQF722" s="613"/>
      <c r="HQG722" s="613"/>
      <c r="HQH722" s="613"/>
      <c r="HQI722" s="613"/>
      <c r="HQJ722" s="613"/>
      <c r="HQK722" s="613"/>
      <c r="HQL722" s="613"/>
      <c r="HQM722" s="613"/>
      <c r="HQN722" s="613"/>
      <c r="HQO722" s="613"/>
      <c r="HQP722" s="613"/>
      <c r="HQQ722" s="613"/>
      <c r="HQR722" s="613"/>
      <c r="HQS722" s="613"/>
      <c r="HQT722" s="613"/>
      <c r="HQU722" s="613"/>
      <c r="HQV722" s="613"/>
      <c r="HQW722" s="613"/>
      <c r="HQX722" s="613"/>
      <c r="HQY722" s="613"/>
      <c r="HQZ722" s="613"/>
      <c r="HRA722" s="613"/>
      <c r="HRB722" s="613"/>
      <c r="HRC722" s="613"/>
      <c r="HRD722" s="613"/>
      <c r="HRE722" s="613"/>
      <c r="HRF722" s="613"/>
      <c r="HRG722" s="613"/>
      <c r="HRH722" s="613"/>
      <c r="HRI722" s="613"/>
      <c r="HRJ722" s="613"/>
      <c r="HRK722" s="613"/>
      <c r="HRL722" s="613"/>
      <c r="HRM722" s="613"/>
      <c r="HRN722" s="613"/>
      <c r="HRO722" s="613"/>
      <c r="HRP722" s="613"/>
      <c r="HRQ722" s="613"/>
      <c r="HRR722" s="613"/>
      <c r="HRS722" s="613"/>
      <c r="HRT722" s="613"/>
      <c r="HRU722" s="613"/>
      <c r="HRV722" s="613"/>
      <c r="HRW722" s="613"/>
      <c r="HRX722" s="613"/>
      <c r="HRY722" s="613"/>
      <c r="HRZ722" s="613"/>
      <c r="HSA722" s="613"/>
      <c r="HSB722" s="613"/>
      <c r="HSC722" s="613"/>
      <c r="HSD722" s="613"/>
      <c r="HSE722" s="613"/>
      <c r="HSF722" s="613"/>
      <c r="HSG722" s="613"/>
      <c r="HSH722" s="613"/>
      <c r="HSI722" s="613"/>
      <c r="HSJ722" s="613"/>
      <c r="HSK722" s="613"/>
      <c r="HSL722" s="613"/>
      <c r="HSM722" s="613"/>
      <c r="HSN722" s="613"/>
      <c r="HSO722" s="613"/>
      <c r="HSP722" s="613"/>
      <c r="HSQ722" s="613"/>
      <c r="HSR722" s="613"/>
      <c r="HSS722" s="613"/>
      <c r="HST722" s="613"/>
      <c r="HSU722" s="613"/>
      <c r="HSV722" s="613"/>
      <c r="HSW722" s="613"/>
      <c r="HSX722" s="613"/>
      <c r="HSY722" s="613"/>
      <c r="HSZ722" s="613"/>
      <c r="HTA722" s="613"/>
      <c r="HTB722" s="613"/>
      <c r="HTC722" s="613"/>
      <c r="HTD722" s="613"/>
      <c r="HTE722" s="613"/>
      <c r="HTF722" s="613"/>
      <c r="HTG722" s="613"/>
      <c r="HTH722" s="613"/>
      <c r="HTI722" s="613"/>
      <c r="HTJ722" s="613"/>
      <c r="HTK722" s="613"/>
      <c r="HTL722" s="613"/>
      <c r="HTM722" s="613"/>
      <c r="HTN722" s="613"/>
      <c r="HTO722" s="613"/>
      <c r="HTP722" s="613"/>
      <c r="HTQ722" s="613"/>
      <c r="HTR722" s="613"/>
      <c r="HTS722" s="613"/>
      <c r="HTT722" s="613"/>
      <c r="HTU722" s="613"/>
      <c r="HTV722" s="613"/>
      <c r="HTW722" s="613"/>
      <c r="HTX722" s="613"/>
      <c r="HTY722" s="613"/>
      <c r="HTZ722" s="613"/>
      <c r="HUA722" s="613"/>
      <c r="HUB722" s="613"/>
      <c r="HUC722" s="613"/>
      <c r="HUD722" s="613"/>
      <c r="HUE722" s="613"/>
      <c r="HUF722" s="613"/>
      <c r="HUG722" s="613"/>
      <c r="HUH722" s="613"/>
      <c r="HUI722" s="613"/>
      <c r="HUJ722" s="613"/>
      <c r="HUK722" s="613"/>
      <c r="HUL722" s="613"/>
      <c r="HUM722" s="613"/>
      <c r="HUN722" s="613"/>
      <c r="HUO722" s="613"/>
      <c r="HUP722" s="613"/>
      <c r="HUQ722" s="613"/>
      <c r="HUR722" s="613"/>
      <c r="HUS722" s="613"/>
      <c r="HUT722" s="613"/>
      <c r="HUU722" s="613"/>
      <c r="HUV722" s="613"/>
      <c r="HUW722" s="613"/>
      <c r="HUX722" s="613"/>
      <c r="HUY722" s="613"/>
      <c r="HUZ722" s="613"/>
      <c r="HVA722" s="613"/>
      <c r="HVB722" s="613"/>
      <c r="HVC722" s="613"/>
      <c r="HVD722" s="613"/>
      <c r="HVE722" s="613"/>
      <c r="HVF722" s="613"/>
      <c r="HVG722" s="613"/>
      <c r="HVH722" s="613"/>
      <c r="HVI722" s="613"/>
      <c r="HVJ722" s="613"/>
      <c r="HVK722" s="613"/>
      <c r="HVL722" s="613"/>
      <c r="HVM722" s="613"/>
      <c r="HVN722" s="613"/>
      <c r="HVO722" s="613"/>
      <c r="HVP722" s="613"/>
      <c r="HVQ722" s="613"/>
      <c r="HVR722" s="613"/>
      <c r="HVS722" s="613"/>
      <c r="HVT722" s="613"/>
      <c r="HVU722" s="613"/>
      <c r="HVV722" s="613"/>
      <c r="HVW722" s="613"/>
      <c r="HVX722" s="613"/>
      <c r="HVY722" s="613"/>
      <c r="HVZ722" s="613"/>
      <c r="HWA722" s="613"/>
      <c r="HWB722" s="613"/>
      <c r="HWC722" s="613"/>
      <c r="HWD722" s="613"/>
      <c r="HWE722" s="613"/>
      <c r="HWF722" s="613"/>
      <c r="HWG722" s="613"/>
      <c r="HWH722" s="613"/>
      <c r="HWI722" s="613"/>
      <c r="HWJ722" s="613"/>
      <c r="HWK722" s="613"/>
      <c r="HWL722" s="613"/>
      <c r="HWM722" s="613"/>
      <c r="HWN722" s="613"/>
      <c r="HWO722" s="613"/>
      <c r="HWP722" s="613"/>
      <c r="HWQ722" s="613"/>
      <c r="HWR722" s="613"/>
      <c r="HWS722" s="613"/>
      <c r="HWT722" s="613"/>
      <c r="HWU722" s="613"/>
      <c r="HWV722" s="613"/>
      <c r="HWW722" s="613"/>
      <c r="HWX722" s="613"/>
      <c r="HWY722" s="613"/>
      <c r="HWZ722" s="613"/>
      <c r="HXA722" s="613"/>
      <c r="HXB722" s="613"/>
      <c r="HXC722" s="613"/>
      <c r="HXD722" s="613"/>
      <c r="HXE722" s="613"/>
      <c r="HXF722" s="613"/>
      <c r="HXG722" s="613"/>
      <c r="HXH722" s="613"/>
      <c r="HXI722" s="613"/>
      <c r="HXJ722" s="613"/>
      <c r="HXK722" s="613"/>
      <c r="HXL722" s="613"/>
      <c r="HXM722" s="613"/>
      <c r="HXN722" s="613"/>
      <c r="HXO722" s="613"/>
      <c r="HXP722" s="613"/>
      <c r="HXQ722" s="613"/>
      <c r="HXR722" s="613"/>
      <c r="HXS722" s="613"/>
      <c r="HXT722" s="613"/>
      <c r="HXU722" s="613"/>
      <c r="HXV722" s="613"/>
      <c r="HXW722" s="613"/>
      <c r="HXX722" s="613"/>
      <c r="HXY722" s="613"/>
      <c r="HXZ722" s="613"/>
      <c r="HYA722" s="613"/>
      <c r="HYB722" s="613"/>
      <c r="HYC722" s="613"/>
      <c r="HYD722" s="613"/>
      <c r="HYE722" s="613"/>
      <c r="HYF722" s="613"/>
      <c r="HYG722" s="613"/>
      <c r="HYH722" s="613"/>
      <c r="HYI722" s="613"/>
      <c r="HYJ722" s="613"/>
      <c r="HYK722" s="613"/>
      <c r="HYL722" s="613"/>
      <c r="HYM722" s="613"/>
      <c r="HYN722" s="613"/>
      <c r="HYO722" s="613"/>
      <c r="HYP722" s="613"/>
      <c r="HYQ722" s="613"/>
      <c r="HYR722" s="613"/>
      <c r="HYS722" s="613"/>
      <c r="HYT722" s="613"/>
      <c r="HYU722" s="613"/>
      <c r="HYV722" s="613"/>
      <c r="HYW722" s="613"/>
      <c r="HYX722" s="613"/>
      <c r="HYY722" s="613"/>
      <c r="HYZ722" s="613"/>
      <c r="HZA722" s="613"/>
      <c r="HZB722" s="613"/>
      <c r="HZC722" s="613"/>
      <c r="HZD722" s="613"/>
      <c r="HZE722" s="613"/>
      <c r="HZF722" s="613"/>
      <c r="HZG722" s="613"/>
      <c r="HZH722" s="613"/>
      <c r="HZI722" s="613"/>
      <c r="HZJ722" s="613"/>
      <c r="HZK722" s="613"/>
      <c r="HZL722" s="613"/>
      <c r="HZM722" s="613"/>
      <c r="HZN722" s="613"/>
      <c r="HZO722" s="613"/>
      <c r="HZP722" s="613"/>
      <c r="HZQ722" s="613"/>
      <c r="HZR722" s="613"/>
      <c r="HZS722" s="613"/>
      <c r="HZT722" s="613"/>
      <c r="HZU722" s="613"/>
      <c r="HZV722" s="613"/>
      <c r="HZW722" s="613"/>
      <c r="HZX722" s="613"/>
      <c r="HZY722" s="613"/>
      <c r="HZZ722" s="613"/>
      <c r="IAA722" s="613"/>
      <c r="IAB722" s="613"/>
      <c r="IAC722" s="613"/>
      <c r="IAD722" s="613"/>
      <c r="IAE722" s="613"/>
      <c r="IAF722" s="613"/>
      <c r="IAG722" s="613"/>
      <c r="IAH722" s="613"/>
      <c r="IAI722" s="613"/>
      <c r="IAJ722" s="613"/>
      <c r="IAK722" s="613"/>
      <c r="IAL722" s="613"/>
      <c r="IAM722" s="613"/>
      <c r="IAN722" s="613"/>
      <c r="IAO722" s="613"/>
      <c r="IAP722" s="613"/>
      <c r="IAQ722" s="613"/>
      <c r="IAR722" s="613"/>
      <c r="IAS722" s="613"/>
      <c r="IAT722" s="613"/>
      <c r="IAU722" s="613"/>
      <c r="IAV722" s="613"/>
      <c r="IAW722" s="613"/>
      <c r="IAX722" s="613"/>
      <c r="IAY722" s="613"/>
      <c r="IAZ722" s="613"/>
      <c r="IBA722" s="613"/>
      <c r="IBB722" s="613"/>
      <c r="IBC722" s="613"/>
      <c r="IBD722" s="613"/>
      <c r="IBE722" s="613"/>
      <c r="IBF722" s="613"/>
      <c r="IBG722" s="613"/>
      <c r="IBH722" s="613"/>
      <c r="IBI722" s="613"/>
      <c r="IBJ722" s="613"/>
      <c r="IBK722" s="613"/>
      <c r="IBL722" s="613"/>
      <c r="IBM722" s="613"/>
      <c r="IBN722" s="613"/>
      <c r="IBO722" s="613"/>
      <c r="IBP722" s="613"/>
      <c r="IBQ722" s="613"/>
      <c r="IBR722" s="613"/>
      <c r="IBS722" s="613"/>
      <c r="IBT722" s="613"/>
      <c r="IBU722" s="613"/>
      <c r="IBV722" s="613"/>
      <c r="IBW722" s="613"/>
      <c r="IBX722" s="613"/>
      <c r="IBY722" s="613"/>
      <c r="IBZ722" s="613"/>
      <c r="ICA722" s="613"/>
      <c r="ICB722" s="613"/>
      <c r="ICC722" s="613"/>
      <c r="ICD722" s="613"/>
      <c r="ICE722" s="613"/>
      <c r="ICF722" s="613"/>
      <c r="ICG722" s="613"/>
      <c r="ICH722" s="613"/>
      <c r="ICI722" s="613"/>
      <c r="ICJ722" s="613"/>
      <c r="ICK722" s="613"/>
      <c r="ICL722" s="613"/>
      <c r="ICM722" s="613"/>
      <c r="ICN722" s="613"/>
      <c r="ICO722" s="613"/>
      <c r="ICP722" s="613"/>
      <c r="ICQ722" s="613"/>
      <c r="ICR722" s="613"/>
      <c r="ICS722" s="613"/>
      <c r="ICT722" s="613"/>
      <c r="ICU722" s="613"/>
      <c r="ICV722" s="613"/>
      <c r="ICW722" s="613"/>
      <c r="ICX722" s="613"/>
      <c r="ICY722" s="613"/>
      <c r="ICZ722" s="613"/>
      <c r="IDA722" s="613"/>
      <c r="IDB722" s="613"/>
      <c r="IDC722" s="613"/>
      <c r="IDD722" s="613"/>
      <c r="IDE722" s="613"/>
      <c r="IDF722" s="613"/>
      <c r="IDG722" s="613"/>
      <c r="IDH722" s="613"/>
      <c r="IDI722" s="613"/>
      <c r="IDJ722" s="613"/>
      <c r="IDK722" s="613"/>
      <c r="IDL722" s="613"/>
      <c r="IDM722" s="613"/>
      <c r="IDN722" s="613"/>
      <c r="IDO722" s="613"/>
      <c r="IDP722" s="613"/>
      <c r="IDQ722" s="613"/>
      <c r="IDR722" s="613"/>
      <c r="IDS722" s="613"/>
      <c r="IDT722" s="613"/>
      <c r="IDU722" s="613"/>
      <c r="IDV722" s="613"/>
      <c r="IDW722" s="613"/>
      <c r="IDX722" s="613"/>
      <c r="IDY722" s="613"/>
      <c r="IDZ722" s="613"/>
      <c r="IEA722" s="613"/>
      <c r="IEB722" s="613"/>
      <c r="IEC722" s="613"/>
      <c r="IED722" s="613"/>
      <c r="IEE722" s="613"/>
      <c r="IEF722" s="613"/>
      <c r="IEG722" s="613"/>
      <c r="IEH722" s="613"/>
      <c r="IEI722" s="613"/>
      <c r="IEJ722" s="613"/>
      <c r="IEK722" s="613"/>
      <c r="IEL722" s="613"/>
      <c r="IEM722" s="613"/>
      <c r="IEN722" s="613"/>
      <c r="IEO722" s="613"/>
      <c r="IEP722" s="613"/>
      <c r="IEQ722" s="613"/>
      <c r="IER722" s="613"/>
      <c r="IES722" s="613"/>
      <c r="IET722" s="613"/>
      <c r="IEU722" s="613"/>
      <c r="IEV722" s="613"/>
      <c r="IEW722" s="613"/>
      <c r="IEX722" s="613"/>
      <c r="IEY722" s="613"/>
      <c r="IEZ722" s="613"/>
      <c r="IFA722" s="613"/>
      <c r="IFB722" s="613"/>
      <c r="IFC722" s="613"/>
      <c r="IFD722" s="613"/>
      <c r="IFE722" s="613"/>
      <c r="IFF722" s="613"/>
      <c r="IFG722" s="613"/>
      <c r="IFH722" s="613"/>
      <c r="IFI722" s="613"/>
      <c r="IFJ722" s="613"/>
      <c r="IFK722" s="613"/>
      <c r="IFL722" s="613"/>
      <c r="IFM722" s="613"/>
      <c r="IFN722" s="613"/>
      <c r="IFO722" s="613"/>
      <c r="IFP722" s="613"/>
      <c r="IFQ722" s="613"/>
      <c r="IFR722" s="613"/>
      <c r="IFS722" s="613"/>
      <c r="IFT722" s="613"/>
      <c r="IFU722" s="613"/>
      <c r="IFV722" s="613"/>
      <c r="IFW722" s="613"/>
      <c r="IFX722" s="613"/>
      <c r="IFY722" s="613"/>
      <c r="IFZ722" s="613"/>
      <c r="IGA722" s="613"/>
      <c r="IGB722" s="613"/>
      <c r="IGC722" s="613"/>
      <c r="IGD722" s="613"/>
      <c r="IGE722" s="613"/>
      <c r="IGF722" s="613"/>
      <c r="IGG722" s="613"/>
      <c r="IGH722" s="613"/>
      <c r="IGI722" s="613"/>
      <c r="IGJ722" s="613"/>
      <c r="IGK722" s="613"/>
      <c r="IGL722" s="613"/>
      <c r="IGM722" s="613"/>
      <c r="IGN722" s="613"/>
      <c r="IGO722" s="613"/>
      <c r="IGP722" s="613"/>
      <c r="IGQ722" s="613"/>
      <c r="IGR722" s="613"/>
      <c r="IGS722" s="613"/>
      <c r="IGT722" s="613"/>
      <c r="IGU722" s="613"/>
      <c r="IGV722" s="613"/>
      <c r="IGW722" s="613"/>
      <c r="IGX722" s="613"/>
      <c r="IGY722" s="613"/>
      <c r="IGZ722" s="613"/>
      <c r="IHA722" s="613"/>
      <c r="IHB722" s="613"/>
      <c r="IHC722" s="613"/>
      <c r="IHD722" s="613"/>
      <c r="IHE722" s="613"/>
      <c r="IHF722" s="613"/>
      <c r="IHG722" s="613"/>
      <c r="IHH722" s="613"/>
      <c r="IHI722" s="613"/>
      <c r="IHJ722" s="613"/>
      <c r="IHK722" s="613"/>
      <c r="IHL722" s="613"/>
      <c r="IHM722" s="613"/>
      <c r="IHN722" s="613"/>
      <c r="IHO722" s="613"/>
      <c r="IHP722" s="613"/>
      <c r="IHQ722" s="613"/>
      <c r="IHR722" s="613"/>
      <c r="IHS722" s="613"/>
      <c r="IHT722" s="613"/>
      <c r="IHU722" s="613"/>
      <c r="IHV722" s="613"/>
      <c r="IHW722" s="613"/>
      <c r="IHX722" s="613"/>
      <c r="IHY722" s="613"/>
      <c r="IHZ722" s="613"/>
      <c r="IIA722" s="613"/>
      <c r="IIB722" s="613"/>
      <c r="IIC722" s="613"/>
      <c r="IID722" s="613"/>
      <c r="IIE722" s="613"/>
      <c r="IIF722" s="613"/>
      <c r="IIG722" s="613"/>
      <c r="IIH722" s="613"/>
      <c r="III722" s="613"/>
      <c r="IIJ722" s="613"/>
      <c r="IIK722" s="613"/>
      <c r="IIL722" s="613"/>
      <c r="IIM722" s="613"/>
      <c r="IIN722" s="613"/>
      <c r="IIO722" s="613"/>
      <c r="IIP722" s="613"/>
      <c r="IIQ722" s="613"/>
      <c r="IIR722" s="613"/>
      <c r="IIS722" s="613"/>
      <c r="IIT722" s="613"/>
      <c r="IIU722" s="613"/>
      <c r="IIV722" s="613"/>
      <c r="IIW722" s="613"/>
      <c r="IIX722" s="613"/>
      <c r="IIY722" s="613"/>
      <c r="IIZ722" s="613"/>
      <c r="IJA722" s="613"/>
      <c r="IJB722" s="613"/>
      <c r="IJC722" s="613"/>
      <c r="IJD722" s="613"/>
      <c r="IJE722" s="613"/>
      <c r="IJF722" s="613"/>
      <c r="IJG722" s="613"/>
      <c r="IJH722" s="613"/>
      <c r="IJI722" s="613"/>
      <c r="IJJ722" s="613"/>
      <c r="IJK722" s="613"/>
      <c r="IJL722" s="613"/>
      <c r="IJM722" s="613"/>
      <c r="IJN722" s="613"/>
      <c r="IJO722" s="613"/>
      <c r="IJP722" s="613"/>
      <c r="IJQ722" s="613"/>
      <c r="IJR722" s="613"/>
      <c r="IJS722" s="613"/>
      <c r="IJT722" s="613"/>
      <c r="IJU722" s="613"/>
      <c r="IJV722" s="613"/>
      <c r="IJW722" s="613"/>
      <c r="IJX722" s="613"/>
      <c r="IJY722" s="613"/>
      <c r="IJZ722" s="613"/>
      <c r="IKA722" s="613"/>
      <c r="IKB722" s="613"/>
      <c r="IKC722" s="613"/>
      <c r="IKD722" s="613"/>
      <c r="IKE722" s="613"/>
      <c r="IKF722" s="613"/>
      <c r="IKG722" s="613"/>
      <c r="IKH722" s="613"/>
      <c r="IKI722" s="613"/>
      <c r="IKJ722" s="613"/>
      <c r="IKK722" s="613"/>
      <c r="IKL722" s="613"/>
      <c r="IKM722" s="613"/>
      <c r="IKN722" s="613"/>
      <c r="IKO722" s="613"/>
      <c r="IKP722" s="613"/>
      <c r="IKQ722" s="613"/>
      <c r="IKR722" s="613"/>
      <c r="IKS722" s="613"/>
      <c r="IKT722" s="613"/>
      <c r="IKU722" s="613"/>
      <c r="IKV722" s="613"/>
      <c r="IKW722" s="613"/>
      <c r="IKX722" s="613"/>
      <c r="IKY722" s="613"/>
      <c r="IKZ722" s="613"/>
      <c r="ILA722" s="613"/>
      <c r="ILB722" s="613"/>
      <c r="ILC722" s="613"/>
      <c r="ILD722" s="613"/>
      <c r="ILE722" s="613"/>
      <c r="ILF722" s="613"/>
      <c r="ILG722" s="613"/>
      <c r="ILH722" s="613"/>
      <c r="ILI722" s="613"/>
      <c r="ILJ722" s="613"/>
      <c r="ILK722" s="613"/>
      <c r="ILL722" s="613"/>
      <c r="ILM722" s="613"/>
      <c r="ILN722" s="613"/>
      <c r="ILO722" s="613"/>
      <c r="ILP722" s="613"/>
      <c r="ILQ722" s="613"/>
      <c r="ILR722" s="613"/>
      <c r="ILS722" s="613"/>
      <c r="ILT722" s="613"/>
      <c r="ILU722" s="613"/>
      <c r="ILV722" s="613"/>
      <c r="ILW722" s="613"/>
      <c r="ILX722" s="613"/>
      <c r="ILY722" s="613"/>
      <c r="ILZ722" s="613"/>
      <c r="IMA722" s="613"/>
      <c r="IMB722" s="613"/>
      <c r="IMC722" s="613"/>
      <c r="IMD722" s="613"/>
      <c r="IME722" s="613"/>
      <c r="IMF722" s="613"/>
      <c r="IMG722" s="613"/>
      <c r="IMH722" s="613"/>
      <c r="IMI722" s="613"/>
      <c r="IMJ722" s="613"/>
      <c r="IMK722" s="613"/>
      <c r="IML722" s="613"/>
      <c r="IMM722" s="613"/>
      <c r="IMN722" s="613"/>
      <c r="IMO722" s="613"/>
      <c r="IMP722" s="613"/>
      <c r="IMQ722" s="613"/>
      <c r="IMR722" s="613"/>
      <c r="IMS722" s="613"/>
      <c r="IMT722" s="613"/>
      <c r="IMU722" s="613"/>
      <c r="IMV722" s="613"/>
      <c r="IMW722" s="613"/>
      <c r="IMX722" s="613"/>
      <c r="IMY722" s="613"/>
      <c r="IMZ722" s="613"/>
      <c r="INA722" s="613"/>
      <c r="INB722" s="613"/>
      <c r="INC722" s="613"/>
      <c r="IND722" s="613"/>
      <c r="INE722" s="613"/>
      <c r="INF722" s="613"/>
      <c r="ING722" s="613"/>
      <c r="INH722" s="613"/>
      <c r="INI722" s="613"/>
      <c r="INJ722" s="613"/>
      <c r="INK722" s="613"/>
      <c r="INL722" s="613"/>
      <c r="INM722" s="613"/>
      <c r="INN722" s="613"/>
      <c r="INO722" s="613"/>
      <c r="INP722" s="613"/>
      <c r="INQ722" s="613"/>
      <c r="INR722" s="613"/>
      <c r="INS722" s="613"/>
      <c r="INT722" s="613"/>
      <c r="INU722" s="613"/>
      <c r="INV722" s="613"/>
      <c r="INW722" s="613"/>
      <c r="INX722" s="613"/>
      <c r="INY722" s="613"/>
      <c r="INZ722" s="613"/>
      <c r="IOA722" s="613"/>
      <c r="IOB722" s="613"/>
      <c r="IOC722" s="613"/>
      <c r="IOD722" s="613"/>
      <c r="IOE722" s="613"/>
      <c r="IOF722" s="613"/>
      <c r="IOG722" s="613"/>
      <c r="IOH722" s="613"/>
      <c r="IOI722" s="613"/>
      <c r="IOJ722" s="613"/>
      <c r="IOK722" s="613"/>
      <c r="IOL722" s="613"/>
      <c r="IOM722" s="613"/>
      <c r="ION722" s="613"/>
      <c r="IOO722" s="613"/>
      <c r="IOP722" s="613"/>
      <c r="IOQ722" s="613"/>
      <c r="IOR722" s="613"/>
      <c r="IOS722" s="613"/>
      <c r="IOT722" s="613"/>
      <c r="IOU722" s="613"/>
      <c r="IOV722" s="613"/>
      <c r="IOW722" s="613"/>
      <c r="IOX722" s="613"/>
      <c r="IOY722" s="613"/>
      <c r="IOZ722" s="613"/>
      <c r="IPA722" s="613"/>
      <c r="IPB722" s="613"/>
      <c r="IPC722" s="613"/>
      <c r="IPD722" s="613"/>
      <c r="IPE722" s="613"/>
      <c r="IPF722" s="613"/>
      <c r="IPG722" s="613"/>
      <c r="IPH722" s="613"/>
      <c r="IPI722" s="613"/>
      <c r="IPJ722" s="613"/>
      <c r="IPK722" s="613"/>
      <c r="IPL722" s="613"/>
      <c r="IPM722" s="613"/>
      <c r="IPN722" s="613"/>
      <c r="IPO722" s="613"/>
      <c r="IPP722" s="613"/>
      <c r="IPQ722" s="613"/>
      <c r="IPR722" s="613"/>
      <c r="IPS722" s="613"/>
      <c r="IPT722" s="613"/>
      <c r="IPU722" s="613"/>
      <c r="IPV722" s="613"/>
      <c r="IPW722" s="613"/>
      <c r="IPX722" s="613"/>
      <c r="IPY722" s="613"/>
      <c r="IPZ722" s="613"/>
      <c r="IQA722" s="613"/>
      <c r="IQB722" s="613"/>
      <c r="IQC722" s="613"/>
      <c r="IQD722" s="613"/>
      <c r="IQE722" s="613"/>
      <c r="IQF722" s="613"/>
      <c r="IQG722" s="613"/>
      <c r="IQH722" s="613"/>
      <c r="IQI722" s="613"/>
      <c r="IQJ722" s="613"/>
      <c r="IQK722" s="613"/>
      <c r="IQL722" s="613"/>
      <c r="IQM722" s="613"/>
      <c r="IQN722" s="613"/>
      <c r="IQO722" s="613"/>
      <c r="IQP722" s="613"/>
      <c r="IQQ722" s="613"/>
      <c r="IQR722" s="613"/>
      <c r="IQS722" s="613"/>
      <c r="IQT722" s="613"/>
      <c r="IQU722" s="613"/>
      <c r="IQV722" s="613"/>
      <c r="IQW722" s="613"/>
      <c r="IQX722" s="613"/>
      <c r="IQY722" s="613"/>
      <c r="IQZ722" s="613"/>
      <c r="IRA722" s="613"/>
      <c r="IRB722" s="613"/>
      <c r="IRC722" s="613"/>
      <c r="IRD722" s="613"/>
      <c r="IRE722" s="613"/>
      <c r="IRF722" s="613"/>
      <c r="IRG722" s="613"/>
      <c r="IRH722" s="613"/>
      <c r="IRI722" s="613"/>
      <c r="IRJ722" s="613"/>
      <c r="IRK722" s="613"/>
      <c r="IRL722" s="613"/>
      <c r="IRM722" s="613"/>
      <c r="IRN722" s="613"/>
      <c r="IRO722" s="613"/>
      <c r="IRP722" s="613"/>
      <c r="IRQ722" s="613"/>
      <c r="IRR722" s="613"/>
      <c r="IRS722" s="613"/>
      <c r="IRT722" s="613"/>
      <c r="IRU722" s="613"/>
      <c r="IRV722" s="613"/>
      <c r="IRW722" s="613"/>
      <c r="IRX722" s="613"/>
      <c r="IRY722" s="613"/>
      <c r="IRZ722" s="613"/>
      <c r="ISA722" s="613"/>
      <c r="ISB722" s="613"/>
      <c r="ISC722" s="613"/>
      <c r="ISD722" s="613"/>
      <c r="ISE722" s="613"/>
      <c r="ISF722" s="613"/>
      <c r="ISG722" s="613"/>
      <c r="ISH722" s="613"/>
      <c r="ISI722" s="613"/>
      <c r="ISJ722" s="613"/>
      <c r="ISK722" s="613"/>
      <c r="ISL722" s="613"/>
      <c r="ISM722" s="613"/>
      <c r="ISN722" s="613"/>
      <c r="ISO722" s="613"/>
      <c r="ISP722" s="613"/>
      <c r="ISQ722" s="613"/>
      <c r="ISR722" s="613"/>
      <c r="ISS722" s="613"/>
      <c r="IST722" s="613"/>
      <c r="ISU722" s="613"/>
      <c r="ISV722" s="613"/>
      <c r="ISW722" s="613"/>
      <c r="ISX722" s="613"/>
      <c r="ISY722" s="613"/>
      <c r="ISZ722" s="613"/>
      <c r="ITA722" s="613"/>
      <c r="ITB722" s="613"/>
      <c r="ITC722" s="613"/>
      <c r="ITD722" s="613"/>
      <c r="ITE722" s="613"/>
      <c r="ITF722" s="613"/>
      <c r="ITG722" s="613"/>
      <c r="ITH722" s="613"/>
      <c r="ITI722" s="613"/>
      <c r="ITJ722" s="613"/>
      <c r="ITK722" s="613"/>
      <c r="ITL722" s="613"/>
      <c r="ITM722" s="613"/>
      <c r="ITN722" s="613"/>
      <c r="ITO722" s="613"/>
      <c r="ITP722" s="613"/>
      <c r="ITQ722" s="613"/>
      <c r="ITR722" s="613"/>
      <c r="ITS722" s="613"/>
      <c r="ITT722" s="613"/>
      <c r="ITU722" s="613"/>
      <c r="ITV722" s="613"/>
      <c r="ITW722" s="613"/>
      <c r="ITX722" s="613"/>
      <c r="ITY722" s="613"/>
      <c r="ITZ722" s="613"/>
      <c r="IUA722" s="613"/>
      <c r="IUB722" s="613"/>
      <c r="IUC722" s="613"/>
      <c r="IUD722" s="613"/>
      <c r="IUE722" s="613"/>
      <c r="IUF722" s="613"/>
      <c r="IUG722" s="613"/>
      <c r="IUH722" s="613"/>
      <c r="IUI722" s="613"/>
      <c r="IUJ722" s="613"/>
      <c r="IUK722" s="613"/>
      <c r="IUL722" s="613"/>
      <c r="IUM722" s="613"/>
      <c r="IUN722" s="613"/>
      <c r="IUO722" s="613"/>
      <c r="IUP722" s="613"/>
      <c r="IUQ722" s="613"/>
      <c r="IUR722" s="613"/>
      <c r="IUS722" s="613"/>
      <c r="IUT722" s="613"/>
      <c r="IUU722" s="613"/>
      <c r="IUV722" s="613"/>
      <c r="IUW722" s="613"/>
      <c r="IUX722" s="613"/>
      <c r="IUY722" s="613"/>
      <c r="IUZ722" s="613"/>
      <c r="IVA722" s="613"/>
      <c r="IVB722" s="613"/>
      <c r="IVC722" s="613"/>
      <c r="IVD722" s="613"/>
      <c r="IVE722" s="613"/>
      <c r="IVF722" s="613"/>
      <c r="IVG722" s="613"/>
      <c r="IVH722" s="613"/>
      <c r="IVI722" s="613"/>
      <c r="IVJ722" s="613"/>
      <c r="IVK722" s="613"/>
      <c r="IVL722" s="613"/>
      <c r="IVM722" s="613"/>
      <c r="IVN722" s="613"/>
      <c r="IVO722" s="613"/>
      <c r="IVP722" s="613"/>
      <c r="IVQ722" s="613"/>
      <c r="IVR722" s="613"/>
      <c r="IVS722" s="613"/>
      <c r="IVT722" s="613"/>
      <c r="IVU722" s="613"/>
      <c r="IVV722" s="613"/>
      <c r="IVW722" s="613"/>
      <c r="IVX722" s="613"/>
      <c r="IVY722" s="613"/>
      <c r="IVZ722" s="613"/>
      <c r="IWA722" s="613"/>
      <c r="IWB722" s="613"/>
      <c r="IWC722" s="613"/>
      <c r="IWD722" s="613"/>
      <c r="IWE722" s="613"/>
      <c r="IWF722" s="613"/>
      <c r="IWG722" s="613"/>
      <c r="IWH722" s="613"/>
      <c r="IWI722" s="613"/>
      <c r="IWJ722" s="613"/>
      <c r="IWK722" s="613"/>
      <c r="IWL722" s="613"/>
      <c r="IWM722" s="613"/>
      <c r="IWN722" s="613"/>
      <c r="IWO722" s="613"/>
      <c r="IWP722" s="613"/>
      <c r="IWQ722" s="613"/>
      <c r="IWR722" s="613"/>
      <c r="IWS722" s="613"/>
      <c r="IWT722" s="613"/>
      <c r="IWU722" s="613"/>
      <c r="IWV722" s="613"/>
      <c r="IWW722" s="613"/>
      <c r="IWX722" s="613"/>
      <c r="IWY722" s="613"/>
      <c r="IWZ722" s="613"/>
      <c r="IXA722" s="613"/>
      <c r="IXB722" s="613"/>
      <c r="IXC722" s="613"/>
      <c r="IXD722" s="613"/>
      <c r="IXE722" s="613"/>
      <c r="IXF722" s="613"/>
      <c r="IXG722" s="613"/>
      <c r="IXH722" s="613"/>
      <c r="IXI722" s="613"/>
      <c r="IXJ722" s="613"/>
      <c r="IXK722" s="613"/>
      <c r="IXL722" s="613"/>
      <c r="IXM722" s="613"/>
      <c r="IXN722" s="613"/>
      <c r="IXO722" s="613"/>
      <c r="IXP722" s="613"/>
      <c r="IXQ722" s="613"/>
      <c r="IXR722" s="613"/>
      <c r="IXS722" s="613"/>
      <c r="IXT722" s="613"/>
      <c r="IXU722" s="613"/>
      <c r="IXV722" s="613"/>
      <c r="IXW722" s="613"/>
      <c r="IXX722" s="613"/>
      <c r="IXY722" s="613"/>
      <c r="IXZ722" s="613"/>
      <c r="IYA722" s="613"/>
      <c r="IYB722" s="613"/>
      <c r="IYC722" s="613"/>
      <c r="IYD722" s="613"/>
      <c r="IYE722" s="613"/>
      <c r="IYF722" s="613"/>
      <c r="IYG722" s="613"/>
      <c r="IYH722" s="613"/>
      <c r="IYI722" s="613"/>
      <c r="IYJ722" s="613"/>
      <c r="IYK722" s="613"/>
      <c r="IYL722" s="613"/>
      <c r="IYM722" s="613"/>
      <c r="IYN722" s="613"/>
      <c r="IYO722" s="613"/>
      <c r="IYP722" s="613"/>
      <c r="IYQ722" s="613"/>
      <c r="IYR722" s="613"/>
      <c r="IYS722" s="613"/>
      <c r="IYT722" s="613"/>
      <c r="IYU722" s="613"/>
      <c r="IYV722" s="613"/>
      <c r="IYW722" s="613"/>
      <c r="IYX722" s="613"/>
      <c r="IYY722" s="613"/>
      <c r="IYZ722" s="613"/>
      <c r="IZA722" s="613"/>
      <c r="IZB722" s="613"/>
      <c r="IZC722" s="613"/>
      <c r="IZD722" s="613"/>
      <c r="IZE722" s="613"/>
      <c r="IZF722" s="613"/>
      <c r="IZG722" s="613"/>
      <c r="IZH722" s="613"/>
      <c r="IZI722" s="613"/>
      <c r="IZJ722" s="613"/>
      <c r="IZK722" s="613"/>
      <c r="IZL722" s="613"/>
      <c r="IZM722" s="613"/>
      <c r="IZN722" s="613"/>
      <c r="IZO722" s="613"/>
      <c r="IZP722" s="613"/>
      <c r="IZQ722" s="613"/>
      <c r="IZR722" s="613"/>
      <c r="IZS722" s="613"/>
      <c r="IZT722" s="613"/>
      <c r="IZU722" s="613"/>
      <c r="IZV722" s="613"/>
      <c r="IZW722" s="613"/>
      <c r="IZX722" s="613"/>
      <c r="IZY722" s="613"/>
      <c r="IZZ722" s="613"/>
      <c r="JAA722" s="613"/>
      <c r="JAB722" s="613"/>
      <c r="JAC722" s="613"/>
      <c r="JAD722" s="613"/>
      <c r="JAE722" s="613"/>
      <c r="JAF722" s="613"/>
      <c r="JAG722" s="613"/>
      <c r="JAH722" s="613"/>
      <c r="JAI722" s="613"/>
      <c r="JAJ722" s="613"/>
      <c r="JAK722" s="613"/>
      <c r="JAL722" s="613"/>
      <c r="JAM722" s="613"/>
      <c r="JAN722" s="613"/>
      <c r="JAO722" s="613"/>
      <c r="JAP722" s="613"/>
      <c r="JAQ722" s="613"/>
      <c r="JAR722" s="613"/>
      <c r="JAS722" s="613"/>
      <c r="JAT722" s="613"/>
      <c r="JAU722" s="613"/>
      <c r="JAV722" s="613"/>
      <c r="JAW722" s="613"/>
      <c r="JAX722" s="613"/>
      <c r="JAY722" s="613"/>
      <c r="JAZ722" s="613"/>
      <c r="JBA722" s="613"/>
      <c r="JBB722" s="613"/>
      <c r="JBC722" s="613"/>
      <c r="JBD722" s="613"/>
      <c r="JBE722" s="613"/>
      <c r="JBF722" s="613"/>
      <c r="JBG722" s="613"/>
      <c r="JBH722" s="613"/>
      <c r="JBI722" s="613"/>
      <c r="JBJ722" s="613"/>
      <c r="JBK722" s="613"/>
      <c r="JBL722" s="613"/>
      <c r="JBM722" s="613"/>
      <c r="JBN722" s="613"/>
      <c r="JBO722" s="613"/>
      <c r="JBP722" s="613"/>
      <c r="JBQ722" s="613"/>
      <c r="JBR722" s="613"/>
      <c r="JBS722" s="613"/>
      <c r="JBT722" s="613"/>
      <c r="JBU722" s="613"/>
      <c r="JBV722" s="613"/>
      <c r="JBW722" s="613"/>
      <c r="JBX722" s="613"/>
      <c r="JBY722" s="613"/>
      <c r="JBZ722" s="613"/>
      <c r="JCA722" s="613"/>
      <c r="JCB722" s="613"/>
      <c r="JCC722" s="613"/>
      <c r="JCD722" s="613"/>
      <c r="JCE722" s="613"/>
      <c r="JCF722" s="613"/>
      <c r="JCG722" s="613"/>
      <c r="JCH722" s="613"/>
      <c r="JCI722" s="613"/>
      <c r="JCJ722" s="613"/>
      <c r="JCK722" s="613"/>
      <c r="JCL722" s="613"/>
      <c r="JCM722" s="613"/>
      <c r="JCN722" s="613"/>
      <c r="JCO722" s="613"/>
      <c r="JCP722" s="613"/>
      <c r="JCQ722" s="613"/>
      <c r="JCR722" s="613"/>
      <c r="JCS722" s="613"/>
      <c r="JCT722" s="613"/>
      <c r="JCU722" s="613"/>
      <c r="JCV722" s="613"/>
      <c r="JCW722" s="613"/>
      <c r="JCX722" s="613"/>
      <c r="JCY722" s="613"/>
      <c r="JCZ722" s="613"/>
      <c r="JDA722" s="613"/>
      <c r="JDB722" s="613"/>
      <c r="JDC722" s="613"/>
      <c r="JDD722" s="613"/>
      <c r="JDE722" s="613"/>
      <c r="JDF722" s="613"/>
      <c r="JDG722" s="613"/>
      <c r="JDH722" s="613"/>
      <c r="JDI722" s="613"/>
      <c r="JDJ722" s="613"/>
      <c r="JDK722" s="613"/>
      <c r="JDL722" s="613"/>
      <c r="JDM722" s="613"/>
      <c r="JDN722" s="613"/>
      <c r="JDO722" s="613"/>
      <c r="JDP722" s="613"/>
      <c r="JDQ722" s="613"/>
      <c r="JDR722" s="613"/>
      <c r="JDS722" s="613"/>
      <c r="JDT722" s="613"/>
      <c r="JDU722" s="613"/>
      <c r="JDV722" s="613"/>
      <c r="JDW722" s="613"/>
      <c r="JDX722" s="613"/>
      <c r="JDY722" s="613"/>
      <c r="JDZ722" s="613"/>
      <c r="JEA722" s="613"/>
      <c r="JEB722" s="613"/>
      <c r="JEC722" s="613"/>
      <c r="JED722" s="613"/>
      <c r="JEE722" s="613"/>
      <c r="JEF722" s="613"/>
      <c r="JEG722" s="613"/>
      <c r="JEH722" s="613"/>
      <c r="JEI722" s="613"/>
      <c r="JEJ722" s="613"/>
      <c r="JEK722" s="613"/>
      <c r="JEL722" s="613"/>
      <c r="JEM722" s="613"/>
      <c r="JEN722" s="613"/>
      <c r="JEO722" s="613"/>
      <c r="JEP722" s="613"/>
      <c r="JEQ722" s="613"/>
      <c r="JER722" s="613"/>
      <c r="JES722" s="613"/>
      <c r="JET722" s="613"/>
      <c r="JEU722" s="613"/>
      <c r="JEV722" s="613"/>
      <c r="JEW722" s="613"/>
      <c r="JEX722" s="613"/>
      <c r="JEY722" s="613"/>
      <c r="JEZ722" s="613"/>
      <c r="JFA722" s="613"/>
      <c r="JFB722" s="613"/>
      <c r="JFC722" s="613"/>
      <c r="JFD722" s="613"/>
      <c r="JFE722" s="613"/>
      <c r="JFF722" s="613"/>
      <c r="JFG722" s="613"/>
      <c r="JFH722" s="613"/>
      <c r="JFI722" s="613"/>
      <c r="JFJ722" s="613"/>
      <c r="JFK722" s="613"/>
      <c r="JFL722" s="613"/>
      <c r="JFM722" s="613"/>
      <c r="JFN722" s="613"/>
      <c r="JFO722" s="613"/>
      <c r="JFP722" s="613"/>
      <c r="JFQ722" s="613"/>
      <c r="JFR722" s="613"/>
      <c r="JFS722" s="613"/>
      <c r="JFT722" s="613"/>
      <c r="JFU722" s="613"/>
      <c r="JFV722" s="613"/>
      <c r="JFW722" s="613"/>
      <c r="JFX722" s="613"/>
      <c r="JFY722" s="613"/>
      <c r="JFZ722" s="613"/>
      <c r="JGA722" s="613"/>
      <c r="JGB722" s="613"/>
      <c r="JGC722" s="613"/>
      <c r="JGD722" s="613"/>
      <c r="JGE722" s="613"/>
      <c r="JGF722" s="613"/>
      <c r="JGG722" s="613"/>
      <c r="JGH722" s="613"/>
      <c r="JGI722" s="613"/>
      <c r="JGJ722" s="613"/>
      <c r="JGK722" s="613"/>
      <c r="JGL722" s="613"/>
      <c r="JGM722" s="613"/>
      <c r="JGN722" s="613"/>
      <c r="JGO722" s="613"/>
      <c r="JGP722" s="613"/>
      <c r="JGQ722" s="613"/>
      <c r="JGR722" s="613"/>
      <c r="JGS722" s="613"/>
      <c r="JGT722" s="613"/>
      <c r="JGU722" s="613"/>
      <c r="JGV722" s="613"/>
      <c r="JGW722" s="613"/>
      <c r="JGX722" s="613"/>
      <c r="JGY722" s="613"/>
      <c r="JGZ722" s="613"/>
      <c r="JHA722" s="613"/>
      <c r="JHB722" s="613"/>
      <c r="JHC722" s="613"/>
      <c r="JHD722" s="613"/>
      <c r="JHE722" s="613"/>
      <c r="JHF722" s="613"/>
      <c r="JHG722" s="613"/>
      <c r="JHH722" s="613"/>
      <c r="JHI722" s="613"/>
      <c r="JHJ722" s="613"/>
      <c r="JHK722" s="613"/>
      <c r="JHL722" s="613"/>
      <c r="JHM722" s="613"/>
      <c r="JHN722" s="613"/>
      <c r="JHO722" s="613"/>
      <c r="JHP722" s="613"/>
      <c r="JHQ722" s="613"/>
      <c r="JHR722" s="613"/>
      <c r="JHS722" s="613"/>
      <c r="JHT722" s="613"/>
      <c r="JHU722" s="613"/>
      <c r="JHV722" s="613"/>
      <c r="JHW722" s="613"/>
      <c r="JHX722" s="613"/>
      <c r="JHY722" s="613"/>
      <c r="JHZ722" s="613"/>
      <c r="JIA722" s="613"/>
      <c r="JIB722" s="613"/>
      <c r="JIC722" s="613"/>
      <c r="JID722" s="613"/>
      <c r="JIE722" s="613"/>
      <c r="JIF722" s="613"/>
      <c r="JIG722" s="613"/>
      <c r="JIH722" s="613"/>
      <c r="JII722" s="613"/>
      <c r="JIJ722" s="613"/>
      <c r="JIK722" s="613"/>
      <c r="JIL722" s="613"/>
      <c r="JIM722" s="613"/>
      <c r="JIN722" s="613"/>
      <c r="JIO722" s="613"/>
      <c r="JIP722" s="613"/>
      <c r="JIQ722" s="613"/>
      <c r="JIR722" s="613"/>
      <c r="JIS722" s="613"/>
      <c r="JIT722" s="613"/>
      <c r="JIU722" s="613"/>
      <c r="JIV722" s="613"/>
      <c r="JIW722" s="613"/>
      <c r="JIX722" s="613"/>
      <c r="JIY722" s="613"/>
      <c r="JIZ722" s="613"/>
      <c r="JJA722" s="613"/>
      <c r="JJB722" s="613"/>
      <c r="JJC722" s="613"/>
      <c r="JJD722" s="613"/>
      <c r="JJE722" s="613"/>
      <c r="JJF722" s="613"/>
      <c r="JJG722" s="613"/>
      <c r="JJH722" s="613"/>
      <c r="JJI722" s="613"/>
      <c r="JJJ722" s="613"/>
      <c r="JJK722" s="613"/>
      <c r="JJL722" s="613"/>
      <c r="JJM722" s="613"/>
      <c r="JJN722" s="613"/>
      <c r="JJO722" s="613"/>
      <c r="JJP722" s="613"/>
      <c r="JJQ722" s="613"/>
      <c r="JJR722" s="613"/>
      <c r="JJS722" s="613"/>
      <c r="JJT722" s="613"/>
      <c r="JJU722" s="613"/>
      <c r="JJV722" s="613"/>
      <c r="JJW722" s="613"/>
      <c r="JJX722" s="613"/>
      <c r="JJY722" s="613"/>
      <c r="JJZ722" s="613"/>
      <c r="JKA722" s="613"/>
      <c r="JKB722" s="613"/>
      <c r="JKC722" s="613"/>
      <c r="JKD722" s="613"/>
      <c r="JKE722" s="613"/>
      <c r="JKF722" s="613"/>
      <c r="JKG722" s="613"/>
      <c r="JKH722" s="613"/>
      <c r="JKI722" s="613"/>
      <c r="JKJ722" s="613"/>
      <c r="JKK722" s="613"/>
      <c r="JKL722" s="613"/>
      <c r="JKM722" s="613"/>
      <c r="JKN722" s="613"/>
      <c r="JKO722" s="613"/>
      <c r="JKP722" s="613"/>
      <c r="JKQ722" s="613"/>
      <c r="JKR722" s="613"/>
      <c r="JKS722" s="613"/>
      <c r="JKT722" s="613"/>
      <c r="JKU722" s="613"/>
      <c r="JKV722" s="613"/>
      <c r="JKW722" s="613"/>
      <c r="JKX722" s="613"/>
      <c r="JKY722" s="613"/>
      <c r="JKZ722" s="613"/>
      <c r="JLA722" s="613"/>
      <c r="JLB722" s="613"/>
      <c r="JLC722" s="613"/>
      <c r="JLD722" s="613"/>
      <c r="JLE722" s="613"/>
      <c r="JLF722" s="613"/>
      <c r="JLG722" s="613"/>
      <c r="JLH722" s="613"/>
      <c r="JLI722" s="613"/>
      <c r="JLJ722" s="613"/>
      <c r="JLK722" s="613"/>
      <c r="JLL722" s="613"/>
      <c r="JLM722" s="613"/>
      <c r="JLN722" s="613"/>
      <c r="JLO722" s="613"/>
      <c r="JLP722" s="613"/>
      <c r="JLQ722" s="613"/>
      <c r="JLR722" s="613"/>
      <c r="JLS722" s="613"/>
      <c r="JLT722" s="613"/>
      <c r="JLU722" s="613"/>
      <c r="JLV722" s="613"/>
      <c r="JLW722" s="613"/>
      <c r="JLX722" s="613"/>
      <c r="JLY722" s="613"/>
      <c r="JLZ722" s="613"/>
      <c r="JMA722" s="613"/>
      <c r="JMB722" s="613"/>
      <c r="JMC722" s="613"/>
      <c r="JMD722" s="613"/>
      <c r="JME722" s="613"/>
      <c r="JMF722" s="613"/>
      <c r="JMG722" s="613"/>
      <c r="JMH722" s="613"/>
      <c r="JMI722" s="613"/>
      <c r="JMJ722" s="613"/>
      <c r="JMK722" s="613"/>
      <c r="JML722" s="613"/>
      <c r="JMM722" s="613"/>
      <c r="JMN722" s="613"/>
      <c r="JMO722" s="613"/>
      <c r="JMP722" s="613"/>
      <c r="JMQ722" s="613"/>
      <c r="JMR722" s="613"/>
      <c r="JMS722" s="613"/>
      <c r="JMT722" s="613"/>
      <c r="JMU722" s="613"/>
      <c r="JMV722" s="613"/>
      <c r="JMW722" s="613"/>
      <c r="JMX722" s="613"/>
      <c r="JMY722" s="613"/>
      <c r="JMZ722" s="613"/>
      <c r="JNA722" s="613"/>
      <c r="JNB722" s="613"/>
      <c r="JNC722" s="613"/>
      <c r="JND722" s="613"/>
      <c r="JNE722" s="613"/>
      <c r="JNF722" s="613"/>
      <c r="JNG722" s="613"/>
      <c r="JNH722" s="613"/>
      <c r="JNI722" s="613"/>
      <c r="JNJ722" s="613"/>
      <c r="JNK722" s="613"/>
      <c r="JNL722" s="613"/>
      <c r="JNM722" s="613"/>
      <c r="JNN722" s="613"/>
      <c r="JNO722" s="613"/>
      <c r="JNP722" s="613"/>
      <c r="JNQ722" s="613"/>
      <c r="JNR722" s="613"/>
      <c r="JNS722" s="613"/>
      <c r="JNT722" s="613"/>
      <c r="JNU722" s="613"/>
      <c r="JNV722" s="613"/>
      <c r="JNW722" s="613"/>
      <c r="JNX722" s="613"/>
      <c r="JNY722" s="613"/>
      <c r="JNZ722" s="613"/>
      <c r="JOA722" s="613"/>
      <c r="JOB722" s="613"/>
      <c r="JOC722" s="613"/>
      <c r="JOD722" s="613"/>
      <c r="JOE722" s="613"/>
      <c r="JOF722" s="613"/>
      <c r="JOG722" s="613"/>
      <c r="JOH722" s="613"/>
      <c r="JOI722" s="613"/>
      <c r="JOJ722" s="613"/>
      <c r="JOK722" s="613"/>
      <c r="JOL722" s="613"/>
      <c r="JOM722" s="613"/>
      <c r="JON722" s="613"/>
      <c r="JOO722" s="613"/>
      <c r="JOP722" s="613"/>
      <c r="JOQ722" s="613"/>
      <c r="JOR722" s="613"/>
      <c r="JOS722" s="613"/>
      <c r="JOT722" s="613"/>
      <c r="JOU722" s="613"/>
      <c r="JOV722" s="613"/>
      <c r="JOW722" s="613"/>
      <c r="JOX722" s="613"/>
      <c r="JOY722" s="613"/>
      <c r="JOZ722" s="613"/>
      <c r="JPA722" s="613"/>
      <c r="JPB722" s="613"/>
      <c r="JPC722" s="613"/>
      <c r="JPD722" s="613"/>
      <c r="JPE722" s="613"/>
      <c r="JPF722" s="613"/>
      <c r="JPG722" s="613"/>
      <c r="JPH722" s="613"/>
      <c r="JPI722" s="613"/>
      <c r="JPJ722" s="613"/>
      <c r="JPK722" s="613"/>
      <c r="JPL722" s="613"/>
      <c r="JPM722" s="613"/>
      <c r="JPN722" s="613"/>
      <c r="JPO722" s="613"/>
      <c r="JPP722" s="613"/>
      <c r="JPQ722" s="613"/>
      <c r="JPR722" s="613"/>
      <c r="JPS722" s="613"/>
      <c r="JPT722" s="613"/>
      <c r="JPU722" s="613"/>
      <c r="JPV722" s="613"/>
      <c r="JPW722" s="613"/>
      <c r="JPX722" s="613"/>
      <c r="JPY722" s="613"/>
      <c r="JPZ722" s="613"/>
      <c r="JQA722" s="613"/>
      <c r="JQB722" s="613"/>
      <c r="JQC722" s="613"/>
      <c r="JQD722" s="613"/>
      <c r="JQE722" s="613"/>
      <c r="JQF722" s="613"/>
      <c r="JQG722" s="613"/>
      <c r="JQH722" s="613"/>
      <c r="JQI722" s="613"/>
      <c r="JQJ722" s="613"/>
      <c r="JQK722" s="613"/>
      <c r="JQL722" s="613"/>
      <c r="JQM722" s="613"/>
      <c r="JQN722" s="613"/>
      <c r="JQO722" s="613"/>
      <c r="JQP722" s="613"/>
      <c r="JQQ722" s="613"/>
      <c r="JQR722" s="613"/>
      <c r="JQS722" s="613"/>
      <c r="JQT722" s="613"/>
      <c r="JQU722" s="613"/>
      <c r="JQV722" s="613"/>
      <c r="JQW722" s="613"/>
      <c r="JQX722" s="613"/>
      <c r="JQY722" s="613"/>
      <c r="JQZ722" s="613"/>
      <c r="JRA722" s="613"/>
      <c r="JRB722" s="613"/>
      <c r="JRC722" s="613"/>
      <c r="JRD722" s="613"/>
      <c r="JRE722" s="613"/>
      <c r="JRF722" s="613"/>
      <c r="JRG722" s="613"/>
      <c r="JRH722" s="613"/>
      <c r="JRI722" s="613"/>
      <c r="JRJ722" s="613"/>
      <c r="JRK722" s="613"/>
      <c r="JRL722" s="613"/>
      <c r="JRM722" s="613"/>
      <c r="JRN722" s="613"/>
      <c r="JRO722" s="613"/>
      <c r="JRP722" s="613"/>
      <c r="JRQ722" s="613"/>
      <c r="JRR722" s="613"/>
      <c r="JRS722" s="613"/>
      <c r="JRT722" s="613"/>
      <c r="JRU722" s="613"/>
      <c r="JRV722" s="613"/>
      <c r="JRW722" s="613"/>
      <c r="JRX722" s="613"/>
      <c r="JRY722" s="613"/>
      <c r="JRZ722" s="613"/>
      <c r="JSA722" s="613"/>
      <c r="JSB722" s="613"/>
      <c r="JSC722" s="613"/>
      <c r="JSD722" s="613"/>
      <c r="JSE722" s="613"/>
      <c r="JSF722" s="613"/>
      <c r="JSG722" s="613"/>
      <c r="JSH722" s="613"/>
      <c r="JSI722" s="613"/>
      <c r="JSJ722" s="613"/>
      <c r="JSK722" s="613"/>
      <c r="JSL722" s="613"/>
      <c r="JSM722" s="613"/>
      <c r="JSN722" s="613"/>
      <c r="JSO722" s="613"/>
      <c r="JSP722" s="613"/>
      <c r="JSQ722" s="613"/>
      <c r="JSR722" s="613"/>
      <c r="JSS722" s="613"/>
      <c r="JST722" s="613"/>
      <c r="JSU722" s="613"/>
      <c r="JSV722" s="613"/>
      <c r="JSW722" s="613"/>
      <c r="JSX722" s="613"/>
      <c r="JSY722" s="613"/>
      <c r="JSZ722" s="613"/>
      <c r="JTA722" s="613"/>
      <c r="JTB722" s="613"/>
      <c r="JTC722" s="613"/>
      <c r="JTD722" s="613"/>
      <c r="JTE722" s="613"/>
      <c r="JTF722" s="613"/>
      <c r="JTG722" s="613"/>
      <c r="JTH722" s="613"/>
      <c r="JTI722" s="613"/>
      <c r="JTJ722" s="613"/>
      <c r="JTK722" s="613"/>
      <c r="JTL722" s="613"/>
      <c r="JTM722" s="613"/>
      <c r="JTN722" s="613"/>
      <c r="JTO722" s="613"/>
      <c r="JTP722" s="613"/>
      <c r="JTQ722" s="613"/>
      <c r="JTR722" s="613"/>
      <c r="JTS722" s="613"/>
      <c r="JTT722" s="613"/>
      <c r="JTU722" s="613"/>
      <c r="JTV722" s="613"/>
      <c r="JTW722" s="613"/>
      <c r="JTX722" s="613"/>
      <c r="JTY722" s="613"/>
      <c r="JTZ722" s="613"/>
      <c r="JUA722" s="613"/>
      <c r="JUB722" s="613"/>
      <c r="JUC722" s="613"/>
      <c r="JUD722" s="613"/>
      <c r="JUE722" s="613"/>
      <c r="JUF722" s="613"/>
      <c r="JUG722" s="613"/>
      <c r="JUH722" s="613"/>
      <c r="JUI722" s="613"/>
      <c r="JUJ722" s="613"/>
      <c r="JUK722" s="613"/>
      <c r="JUL722" s="613"/>
      <c r="JUM722" s="613"/>
      <c r="JUN722" s="613"/>
      <c r="JUO722" s="613"/>
      <c r="JUP722" s="613"/>
      <c r="JUQ722" s="613"/>
      <c r="JUR722" s="613"/>
      <c r="JUS722" s="613"/>
      <c r="JUT722" s="613"/>
      <c r="JUU722" s="613"/>
      <c r="JUV722" s="613"/>
      <c r="JUW722" s="613"/>
      <c r="JUX722" s="613"/>
      <c r="JUY722" s="613"/>
      <c r="JUZ722" s="613"/>
      <c r="JVA722" s="613"/>
      <c r="JVB722" s="613"/>
      <c r="JVC722" s="613"/>
      <c r="JVD722" s="613"/>
      <c r="JVE722" s="613"/>
      <c r="JVF722" s="613"/>
      <c r="JVG722" s="613"/>
      <c r="JVH722" s="613"/>
      <c r="JVI722" s="613"/>
      <c r="JVJ722" s="613"/>
      <c r="JVK722" s="613"/>
      <c r="JVL722" s="613"/>
      <c r="JVM722" s="613"/>
      <c r="JVN722" s="613"/>
      <c r="JVO722" s="613"/>
      <c r="JVP722" s="613"/>
      <c r="JVQ722" s="613"/>
      <c r="JVR722" s="613"/>
      <c r="JVS722" s="613"/>
      <c r="JVT722" s="613"/>
      <c r="JVU722" s="613"/>
      <c r="JVV722" s="613"/>
      <c r="JVW722" s="613"/>
      <c r="JVX722" s="613"/>
      <c r="JVY722" s="613"/>
      <c r="JVZ722" s="613"/>
      <c r="JWA722" s="613"/>
      <c r="JWB722" s="613"/>
      <c r="JWC722" s="613"/>
      <c r="JWD722" s="613"/>
      <c r="JWE722" s="613"/>
      <c r="JWF722" s="613"/>
      <c r="JWG722" s="613"/>
      <c r="JWH722" s="613"/>
      <c r="JWI722" s="613"/>
      <c r="JWJ722" s="613"/>
      <c r="JWK722" s="613"/>
      <c r="JWL722" s="613"/>
      <c r="JWM722" s="613"/>
      <c r="JWN722" s="613"/>
      <c r="JWO722" s="613"/>
      <c r="JWP722" s="613"/>
      <c r="JWQ722" s="613"/>
      <c r="JWR722" s="613"/>
      <c r="JWS722" s="613"/>
      <c r="JWT722" s="613"/>
      <c r="JWU722" s="613"/>
      <c r="JWV722" s="613"/>
      <c r="JWW722" s="613"/>
      <c r="JWX722" s="613"/>
      <c r="JWY722" s="613"/>
      <c r="JWZ722" s="613"/>
      <c r="JXA722" s="613"/>
      <c r="JXB722" s="613"/>
      <c r="JXC722" s="613"/>
      <c r="JXD722" s="613"/>
      <c r="JXE722" s="613"/>
      <c r="JXF722" s="613"/>
      <c r="JXG722" s="613"/>
      <c r="JXH722" s="613"/>
      <c r="JXI722" s="613"/>
      <c r="JXJ722" s="613"/>
      <c r="JXK722" s="613"/>
      <c r="JXL722" s="613"/>
      <c r="JXM722" s="613"/>
      <c r="JXN722" s="613"/>
      <c r="JXO722" s="613"/>
      <c r="JXP722" s="613"/>
      <c r="JXQ722" s="613"/>
      <c r="JXR722" s="613"/>
      <c r="JXS722" s="613"/>
      <c r="JXT722" s="613"/>
      <c r="JXU722" s="613"/>
      <c r="JXV722" s="613"/>
      <c r="JXW722" s="613"/>
      <c r="JXX722" s="613"/>
      <c r="JXY722" s="613"/>
      <c r="JXZ722" s="613"/>
      <c r="JYA722" s="613"/>
      <c r="JYB722" s="613"/>
      <c r="JYC722" s="613"/>
      <c r="JYD722" s="613"/>
      <c r="JYE722" s="613"/>
      <c r="JYF722" s="613"/>
      <c r="JYG722" s="613"/>
      <c r="JYH722" s="613"/>
      <c r="JYI722" s="613"/>
      <c r="JYJ722" s="613"/>
      <c r="JYK722" s="613"/>
      <c r="JYL722" s="613"/>
      <c r="JYM722" s="613"/>
      <c r="JYN722" s="613"/>
      <c r="JYO722" s="613"/>
      <c r="JYP722" s="613"/>
      <c r="JYQ722" s="613"/>
      <c r="JYR722" s="613"/>
      <c r="JYS722" s="613"/>
      <c r="JYT722" s="613"/>
      <c r="JYU722" s="613"/>
      <c r="JYV722" s="613"/>
      <c r="JYW722" s="613"/>
      <c r="JYX722" s="613"/>
      <c r="JYY722" s="613"/>
      <c r="JYZ722" s="613"/>
      <c r="JZA722" s="613"/>
      <c r="JZB722" s="613"/>
      <c r="JZC722" s="613"/>
      <c r="JZD722" s="613"/>
      <c r="JZE722" s="613"/>
      <c r="JZF722" s="613"/>
      <c r="JZG722" s="613"/>
      <c r="JZH722" s="613"/>
      <c r="JZI722" s="613"/>
      <c r="JZJ722" s="613"/>
      <c r="JZK722" s="613"/>
      <c r="JZL722" s="613"/>
      <c r="JZM722" s="613"/>
      <c r="JZN722" s="613"/>
      <c r="JZO722" s="613"/>
      <c r="JZP722" s="613"/>
      <c r="JZQ722" s="613"/>
      <c r="JZR722" s="613"/>
      <c r="JZS722" s="613"/>
      <c r="JZT722" s="613"/>
      <c r="JZU722" s="613"/>
      <c r="JZV722" s="613"/>
      <c r="JZW722" s="613"/>
      <c r="JZX722" s="613"/>
      <c r="JZY722" s="613"/>
      <c r="JZZ722" s="613"/>
      <c r="KAA722" s="613"/>
      <c r="KAB722" s="613"/>
      <c r="KAC722" s="613"/>
      <c r="KAD722" s="613"/>
      <c r="KAE722" s="613"/>
      <c r="KAF722" s="613"/>
      <c r="KAG722" s="613"/>
      <c r="KAH722" s="613"/>
      <c r="KAI722" s="613"/>
      <c r="KAJ722" s="613"/>
      <c r="KAK722" s="613"/>
      <c r="KAL722" s="613"/>
      <c r="KAM722" s="613"/>
      <c r="KAN722" s="613"/>
      <c r="KAO722" s="613"/>
      <c r="KAP722" s="613"/>
      <c r="KAQ722" s="613"/>
      <c r="KAR722" s="613"/>
      <c r="KAS722" s="613"/>
      <c r="KAT722" s="613"/>
      <c r="KAU722" s="613"/>
      <c r="KAV722" s="613"/>
      <c r="KAW722" s="613"/>
      <c r="KAX722" s="613"/>
      <c r="KAY722" s="613"/>
      <c r="KAZ722" s="613"/>
      <c r="KBA722" s="613"/>
      <c r="KBB722" s="613"/>
      <c r="KBC722" s="613"/>
      <c r="KBD722" s="613"/>
      <c r="KBE722" s="613"/>
      <c r="KBF722" s="613"/>
      <c r="KBG722" s="613"/>
      <c r="KBH722" s="613"/>
      <c r="KBI722" s="613"/>
      <c r="KBJ722" s="613"/>
      <c r="KBK722" s="613"/>
      <c r="KBL722" s="613"/>
      <c r="KBM722" s="613"/>
      <c r="KBN722" s="613"/>
      <c r="KBO722" s="613"/>
      <c r="KBP722" s="613"/>
      <c r="KBQ722" s="613"/>
      <c r="KBR722" s="613"/>
      <c r="KBS722" s="613"/>
      <c r="KBT722" s="613"/>
      <c r="KBU722" s="613"/>
      <c r="KBV722" s="613"/>
      <c r="KBW722" s="613"/>
      <c r="KBX722" s="613"/>
      <c r="KBY722" s="613"/>
      <c r="KBZ722" s="613"/>
      <c r="KCA722" s="613"/>
      <c r="KCB722" s="613"/>
      <c r="KCC722" s="613"/>
      <c r="KCD722" s="613"/>
      <c r="KCE722" s="613"/>
      <c r="KCF722" s="613"/>
      <c r="KCG722" s="613"/>
      <c r="KCH722" s="613"/>
      <c r="KCI722" s="613"/>
      <c r="KCJ722" s="613"/>
      <c r="KCK722" s="613"/>
      <c r="KCL722" s="613"/>
      <c r="KCM722" s="613"/>
      <c r="KCN722" s="613"/>
      <c r="KCO722" s="613"/>
      <c r="KCP722" s="613"/>
      <c r="KCQ722" s="613"/>
      <c r="KCR722" s="613"/>
      <c r="KCS722" s="613"/>
      <c r="KCT722" s="613"/>
      <c r="KCU722" s="613"/>
      <c r="KCV722" s="613"/>
      <c r="KCW722" s="613"/>
      <c r="KCX722" s="613"/>
      <c r="KCY722" s="613"/>
      <c r="KCZ722" s="613"/>
      <c r="KDA722" s="613"/>
      <c r="KDB722" s="613"/>
      <c r="KDC722" s="613"/>
      <c r="KDD722" s="613"/>
      <c r="KDE722" s="613"/>
      <c r="KDF722" s="613"/>
      <c r="KDG722" s="613"/>
      <c r="KDH722" s="613"/>
      <c r="KDI722" s="613"/>
      <c r="KDJ722" s="613"/>
      <c r="KDK722" s="613"/>
      <c r="KDL722" s="613"/>
      <c r="KDM722" s="613"/>
      <c r="KDN722" s="613"/>
      <c r="KDO722" s="613"/>
      <c r="KDP722" s="613"/>
      <c r="KDQ722" s="613"/>
      <c r="KDR722" s="613"/>
      <c r="KDS722" s="613"/>
      <c r="KDT722" s="613"/>
      <c r="KDU722" s="613"/>
      <c r="KDV722" s="613"/>
      <c r="KDW722" s="613"/>
      <c r="KDX722" s="613"/>
      <c r="KDY722" s="613"/>
      <c r="KDZ722" s="613"/>
      <c r="KEA722" s="613"/>
      <c r="KEB722" s="613"/>
      <c r="KEC722" s="613"/>
      <c r="KED722" s="613"/>
      <c r="KEE722" s="613"/>
      <c r="KEF722" s="613"/>
      <c r="KEG722" s="613"/>
      <c r="KEH722" s="613"/>
      <c r="KEI722" s="613"/>
      <c r="KEJ722" s="613"/>
      <c r="KEK722" s="613"/>
      <c r="KEL722" s="613"/>
      <c r="KEM722" s="613"/>
      <c r="KEN722" s="613"/>
      <c r="KEO722" s="613"/>
      <c r="KEP722" s="613"/>
      <c r="KEQ722" s="613"/>
      <c r="KER722" s="613"/>
      <c r="KES722" s="613"/>
      <c r="KET722" s="613"/>
      <c r="KEU722" s="613"/>
      <c r="KEV722" s="613"/>
      <c r="KEW722" s="613"/>
      <c r="KEX722" s="613"/>
      <c r="KEY722" s="613"/>
      <c r="KEZ722" s="613"/>
      <c r="KFA722" s="613"/>
      <c r="KFB722" s="613"/>
      <c r="KFC722" s="613"/>
      <c r="KFD722" s="613"/>
      <c r="KFE722" s="613"/>
      <c r="KFF722" s="613"/>
      <c r="KFG722" s="613"/>
      <c r="KFH722" s="613"/>
      <c r="KFI722" s="613"/>
      <c r="KFJ722" s="613"/>
      <c r="KFK722" s="613"/>
      <c r="KFL722" s="613"/>
      <c r="KFM722" s="613"/>
      <c r="KFN722" s="613"/>
      <c r="KFO722" s="613"/>
      <c r="KFP722" s="613"/>
      <c r="KFQ722" s="613"/>
      <c r="KFR722" s="613"/>
      <c r="KFS722" s="613"/>
      <c r="KFT722" s="613"/>
      <c r="KFU722" s="613"/>
      <c r="KFV722" s="613"/>
      <c r="KFW722" s="613"/>
      <c r="KFX722" s="613"/>
      <c r="KFY722" s="613"/>
      <c r="KFZ722" s="613"/>
      <c r="KGA722" s="613"/>
      <c r="KGB722" s="613"/>
      <c r="KGC722" s="613"/>
      <c r="KGD722" s="613"/>
      <c r="KGE722" s="613"/>
      <c r="KGF722" s="613"/>
      <c r="KGG722" s="613"/>
      <c r="KGH722" s="613"/>
      <c r="KGI722" s="613"/>
      <c r="KGJ722" s="613"/>
      <c r="KGK722" s="613"/>
      <c r="KGL722" s="613"/>
      <c r="KGM722" s="613"/>
      <c r="KGN722" s="613"/>
      <c r="KGO722" s="613"/>
      <c r="KGP722" s="613"/>
      <c r="KGQ722" s="613"/>
      <c r="KGR722" s="613"/>
      <c r="KGS722" s="613"/>
      <c r="KGT722" s="613"/>
      <c r="KGU722" s="613"/>
      <c r="KGV722" s="613"/>
      <c r="KGW722" s="613"/>
      <c r="KGX722" s="613"/>
      <c r="KGY722" s="613"/>
      <c r="KGZ722" s="613"/>
      <c r="KHA722" s="613"/>
      <c r="KHB722" s="613"/>
      <c r="KHC722" s="613"/>
      <c r="KHD722" s="613"/>
      <c r="KHE722" s="613"/>
      <c r="KHF722" s="613"/>
      <c r="KHG722" s="613"/>
      <c r="KHH722" s="613"/>
      <c r="KHI722" s="613"/>
      <c r="KHJ722" s="613"/>
      <c r="KHK722" s="613"/>
      <c r="KHL722" s="613"/>
      <c r="KHM722" s="613"/>
      <c r="KHN722" s="613"/>
      <c r="KHO722" s="613"/>
      <c r="KHP722" s="613"/>
      <c r="KHQ722" s="613"/>
      <c r="KHR722" s="613"/>
      <c r="KHS722" s="613"/>
      <c r="KHT722" s="613"/>
      <c r="KHU722" s="613"/>
      <c r="KHV722" s="613"/>
      <c r="KHW722" s="613"/>
      <c r="KHX722" s="613"/>
      <c r="KHY722" s="613"/>
      <c r="KHZ722" s="613"/>
      <c r="KIA722" s="613"/>
      <c r="KIB722" s="613"/>
      <c r="KIC722" s="613"/>
      <c r="KID722" s="613"/>
      <c r="KIE722" s="613"/>
      <c r="KIF722" s="613"/>
      <c r="KIG722" s="613"/>
      <c r="KIH722" s="613"/>
      <c r="KII722" s="613"/>
      <c r="KIJ722" s="613"/>
      <c r="KIK722" s="613"/>
      <c r="KIL722" s="613"/>
      <c r="KIM722" s="613"/>
      <c r="KIN722" s="613"/>
      <c r="KIO722" s="613"/>
      <c r="KIP722" s="613"/>
      <c r="KIQ722" s="613"/>
      <c r="KIR722" s="613"/>
      <c r="KIS722" s="613"/>
      <c r="KIT722" s="613"/>
      <c r="KIU722" s="613"/>
      <c r="KIV722" s="613"/>
      <c r="KIW722" s="613"/>
      <c r="KIX722" s="613"/>
      <c r="KIY722" s="613"/>
      <c r="KIZ722" s="613"/>
      <c r="KJA722" s="613"/>
      <c r="KJB722" s="613"/>
      <c r="KJC722" s="613"/>
      <c r="KJD722" s="613"/>
      <c r="KJE722" s="613"/>
      <c r="KJF722" s="613"/>
      <c r="KJG722" s="613"/>
      <c r="KJH722" s="613"/>
      <c r="KJI722" s="613"/>
      <c r="KJJ722" s="613"/>
      <c r="KJK722" s="613"/>
      <c r="KJL722" s="613"/>
      <c r="KJM722" s="613"/>
      <c r="KJN722" s="613"/>
      <c r="KJO722" s="613"/>
      <c r="KJP722" s="613"/>
      <c r="KJQ722" s="613"/>
      <c r="KJR722" s="613"/>
      <c r="KJS722" s="613"/>
      <c r="KJT722" s="613"/>
      <c r="KJU722" s="613"/>
      <c r="KJV722" s="613"/>
      <c r="KJW722" s="613"/>
      <c r="KJX722" s="613"/>
      <c r="KJY722" s="613"/>
      <c r="KJZ722" s="613"/>
      <c r="KKA722" s="613"/>
      <c r="KKB722" s="613"/>
      <c r="KKC722" s="613"/>
      <c r="KKD722" s="613"/>
      <c r="KKE722" s="613"/>
      <c r="KKF722" s="613"/>
      <c r="KKG722" s="613"/>
      <c r="KKH722" s="613"/>
      <c r="KKI722" s="613"/>
      <c r="KKJ722" s="613"/>
      <c r="KKK722" s="613"/>
      <c r="KKL722" s="613"/>
      <c r="KKM722" s="613"/>
      <c r="KKN722" s="613"/>
      <c r="KKO722" s="613"/>
      <c r="KKP722" s="613"/>
      <c r="KKQ722" s="613"/>
      <c r="KKR722" s="613"/>
      <c r="KKS722" s="613"/>
      <c r="KKT722" s="613"/>
      <c r="KKU722" s="613"/>
      <c r="KKV722" s="613"/>
      <c r="KKW722" s="613"/>
      <c r="KKX722" s="613"/>
      <c r="KKY722" s="613"/>
      <c r="KKZ722" s="613"/>
      <c r="KLA722" s="613"/>
      <c r="KLB722" s="613"/>
      <c r="KLC722" s="613"/>
      <c r="KLD722" s="613"/>
      <c r="KLE722" s="613"/>
      <c r="KLF722" s="613"/>
      <c r="KLG722" s="613"/>
      <c r="KLH722" s="613"/>
      <c r="KLI722" s="613"/>
      <c r="KLJ722" s="613"/>
      <c r="KLK722" s="613"/>
      <c r="KLL722" s="613"/>
      <c r="KLM722" s="613"/>
      <c r="KLN722" s="613"/>
      <c r="KLO722" s="613"/>
      <c r="KLP722" s="613"/>
      <c r="KLQ722" s="613"/>
      <c r="KLR722" s="613"/>
      <c r="KLS722" s="613"/>
      <c r="KLT722" s="613"/>
      <c r="KLU722" s="613"/>
      <c r="KLV722" s="613"/>
      <c r="KLW722" s="613"/>
      <c r="KLX722" s="613"/>
      <c r="KLY722" s="613"/>
      <c r="KLZ722" s="613"/>
      <c r="KMA722" s="613"/>
      <c r="KMB722" s="613"/>
      <c r="KMC722" s="613"/>
      <c r="KMD722" s="613"/>
      <c r="KME722" s="613"/>
      <c r="KMF722" s="613"/>
      <c r="KMG722" s="613"/>
      <c r="KMH722" s="613"/>
      <c r="KMI722" s="613"/>
      <c r="KMJ722" s="613"/>
      <c r="KMK722" s="613"/>
      <c r="KML722" s="613"/>
      <c r="KMM722" s="613"/>
      <c r="KMN722" s="613"/>
      <c r="KMO722" s="613"/>
      <c r="KMP722" s="613"/>
      <c r="KMQ722" s="613"/>
      <c r="KMR722" s="613"/>
      <c r="KMS722" s="613"/>
      <c r="KMT722" s="613"/>
      <c r="KMU722" s="613"/>
      <c r="KMV722" s="613"/>
      <c r="KMW722" s="613"/>
      <c r="KMX722" s="613"/>
      <c r="KMY722" s="613"/>
      <c r="KMZ722" s="613"/>
      <c r="KNA722" s="613"/>
      <c r="KNB722" s="613"/>
      <c r="KNC722" s="613"/>
      <c r="KND722" s="613"/>
      <c r="KNE722" s="613"/>
      <c r="KNF722" s="613"/>
      <c r="KNG722" s="613"/>
      <c r="KNH722" s="613"/>
      <c r="KNI722" s="613"/>
      <c r="KNJ722" s="613"/>
      <c r="KNK722" s="613"/>
      <c r="KNL722" s="613"/>
      <c r="KNM722" s="613"/>
      <c r="KNN722" s="613"/>
      <c r="KNO722" s="613"/>
      <c r="KNP722" s="613"/>
      <c r="KNQ722" s="613"/>
      <c r="KNR722" s="613"/>
      <c r="KNS722" s="613"/>
      <c r="KNT722" s="613"/>
      <c r="KNU722" s="613"/>
      <c r="KNV722" s="613"/>
      <c r="KNW722" s="613"/>
      <c r="KNX722" s="613"/>
      <c r="KNY722" s="613"/>
      <c r="KNZ722" s="613"/>
      <c r="KOA722" s="613"/>
      <c r="KOB722" s="613"/>
      <c r="KOC722" s="613"/>
      <c r="KOD722" s="613"/>
      <c r="KOE722" s="613"/>
      <c r="KOF722" s="613"/>
      <c r="KOG722" s="613"/>
      <c r="KOH722" s="613"/>
      <c r="KOI722" s="613"/>
      <c r="KOJ722" s="613"/>
      <c r="KOK722" s="613"/>
      <c r="KOL722" s="613"/>
      <c r="KOM722" s="613"/>
      <c r="KON722" s="613"/>
      <c r="KOO722" s="613"/>
      <c r="KOP722" s="613"/>
      <c r="KOQ722" s="613"/>
      <c r="KOR722" s="613"/>
      <c r="KOS722" s="613"/>
      <c r="KOT722" s="613"/>
      <c r="KOU722" s="613"/>
      <c r="KOV722" s="613"/>
      <c r="KOW722" s="613"/>
      <c r="KOX722" s="613"/>
      <c r="KOY722" s="613"/>
      <c r="KOZ722" s="613"/>
      <c r="KPA722" s="613"/>
      <c r="KPB722" s="613"/>
      <c r="KPC722" s="613"/>
      <c r="KPD722" s="613"/>
      <c r="KPE722" s="613"/>
      <c r="KPF722" s="613"/>
      <c r="KPG722" s="613"/>
      <c r="KPH722" s="613"/>
      <c r="KPI722" s="613"/>
      <c r="KPJ722" s="613"/>
      <c r="KPK722" s="613"/>
      <c r="KPL722" s="613"/>
      <c r="KPM722" s="613"/>
      <c r="KPN722" s="613"/>
      <c r="KPO722" s="613"/>
      <c r="KPP722" s="613"/>
      <c r="KPQ722" s="613"/>
      <c r="KPR722" s="613"/>
      <c r="KPS722" s="613"/>
      <c r="KPT722" s="613"/>
      <c r="KPU722" s="613"/>
      <c r="KPV722" s="613"/>
      <c r="KPW722" s="613"/>
      <c r="KPX722" s="613"/>
      <c r="KPY722" s="613"/>
      <c r="KPZ722" s="613"/>
      <c r="KQA722" s="613"/>
      <c r="KQB722" s="613"/>
      <c r="KQC722" s="613"/>
      <c r="KQD722" s="613"/>
      <c r="KQE722" s="613"/>
      <c r="KQF722" s="613"/>
      <c r="KQG722" s="613"/>
      <c r="KQH722" s="613"/>
      <c r="KQI722" s="613"/>
      <c r="KQJ722" s="613"/>
      <c r="KQK722" s="613"/>
      <c r="KQL722" s="613"/>
      <c r="KQM722" s="613"/>
      <c r="KQN722" s="613"/>
      <c r="KQO722" s="613"/>
      <c r="KQP722" s="613"/>
      <c r="KQQ722" s="613"/>
      <c r="KQR722" s="613"/>
      <c r="KQS722" s="613"/>
      <c r="KQT722" s="613"/>
      <c r="KQU722" s="613"/>
      <c r="KQV722" s="613"/>
      <c r="KQW722" s="613"/>
      <c r="KQX722" s="613"/>
      <c r="KQY722" s="613"/>
      <c r="KQZ722" s="613"/>
      <c r="KRA722" s="613"/>
      <c r="KRB722" s="613"/>
      <c r="KRC722" s="613"/>
      <c r="KRD722" s="613"/>
      <c r="KRE722" s="613"/>
      <c r="KRF722" s="613"/>
      <c r="KRG722" s="613"/>
      <c r="KRH722" s="613"/>
      <c r="KRI722" s="613"/>
      <c r="KRJ722" s="613"/>
      <c r="KRK722" s="613"/>
      <c r="KRL722" s="613"/>
      <c r="KRM722" s="613"/>
      <c r="KRN722" s="613"/>
      <c r="KRO722" s="613"/>
      <c r="KRP722" s="613"/>
      <c r="KRQ722" s="613"/>
      <c r="KRR722" s="613"/>
      <c r="KRS722" s="613"/>
      <c r="KRT722" s="613"/>
      <c r="KRU722" s="613"/>
      <c r="KRV722" s="613"/>
      <c r="KRW722" s="613"/>
      <c r="KRX722" s="613"/>
      <c r="KRY722" s="613"/>
      <c r="KRZ722" s="613"/>
      <c r="KSA722" s="613"/>
      <c r="KSB722" s="613"/>
      <c r="KSC722" s="613"/>
      <c r="KSD722" s="613"/>
      <c r="KSE722" s="613"/>
      <c r="KSF722" s="613"/>
      <c r="KSG722" s="613"/>
      <c r="KSH722" s="613"/>
      <c r="KSI722" s="613"/>
      <c r="KSJ722" s="613"/>
      <c r="KSK722" s="613"/>
      <c r="KSL722" s="613"/>
      <c r="KSM722" s="613"/>
      <c r="KSN722" s="613"/>
      <c r="KSO722" s="613"/>
      <c r="KSP722" s="613"/>
      <c r="KSQ722" s="613"/>
      <c r="KSR722" s="613"/>
      <c r="KSS722" s="613"/>
      <c r="KST722" s="613"/>
      <c r="KSU722" s="613"/>
      <c r="KSV722" s="613"/>
      <c r="KSW722" s="613"/>
      <c r="KSX722" s="613"/>
      <c r="KSY722" s="613"/>
      <c r="KSZ722" s="613"/>
      <c r="KTA722" s="613"/>
      <c r="KTB722" s="613"/>
      <c r="KTC722" s="613"/>
      <c r="KTD722" s="613"/>
      <c r="KTE722" s="613"/>
      <c r="KTF722" s="613"/>
      <c r="KTG722" s="613"/>
      <c r="KTH722" s="613"/>
      <c r="KTI722" s="613"/>
      <c r="KTJ722" s="613"/>
      <c r="KTK722" s="613"/>
      <c r="KTL722" s="613"/>
      <c r="KTM722" s="613"/>
      <c r="KTN722" s="613"/>
      <c r="KTO722" s="613"/>
      <c r="KTP722" s="613"/>
      <c r="KTQ722" s="613"/>
      <c r="KTR722" s="613"/>
      <c r="KTS722" s="613"/>
      <c r="KTT722" s="613"/>
      <c r="KTU722" s="613"/>
      <c r="KTV722" s="613"/>
      <c r="KTW722" s="613"/>
      <c r="KTX722" s="613"/>
      <c r="KTY722" s="613"/>
      <c r="KTZ722" s="613"/>
      <c r="KUA722" s="613"/>
      <c r="KUB722" s="613"/>
      <c r="KUC722" s="613"/>
      <c r="KUD722" s="613"/>
      <c r="KUE722" s="613"/>
      <c r="KUF722" s="613"/>
      <c r="KUG722" s="613"/>
      <c r="KUH722" s="613"/>
      <c r="KUI722" s="613"/>
      <c r="KUJ722" s="613"/>
      <c r="KUK722" s="613"/>
      <c r="KUL722" s="613"/>
      <c r="KUM722" s="613"/>
      <c r="KUN722" s="613"/>
      <c r="KUO722" s="613"/>
      <c r="KUP722" s="613"/>
      <c r="KUQ722" s="613"/>
      <c r="KUR722" s="613"/>
      <c r="KUS722" s="613"/>
      <c r="KUT722" s="613"/>
      <c r="KUU722" s="613"/>
      <c r="KUV722" s="613"/>
      <c r="KUW722" s="613"/>
      <c r="KUX722" s="613"/>
      <c r="KUY722" s="613"/>
      <c r="KUZ722" s="613"/>
      <c r="KVA722" s="613"/>
      <c r="KVB722" s="613"/>
      <c r="KVC722" s="613"/>
      <c r="KVD722" s="613"/>
      <c r="KVE722" s="613"/>
      <c r="KVF722" s="613"/>
      <c r="KVG722" s="613"/>
      <c r="KVH722" s="613"/>
      <c r="KVI722" s="613"/>
      <c r="KVJ722" s="613"/>
      <c r="KVK722" s="613"/>
      <c r="KVL722" s="613"/>
      <c r="KVM722" s="613"/>
      <c r="KVN722" s="613"/>
      <c r="KVO722" s="613"/>
      <c r="KVP722" s="613"/>
      <c r="KVQ722" s="613"/>
      <c r="KVR722" s="613"/>
      <c r="KVS722" s="613"/>
      <c r="KVT722" s="613"/>
      <c r="KVU722" s="613"/>
      <c r="KVV722" s="613"/>
      <c r="KVW722" s="613"/>
      <c r="KVX722" s="613"/>
      <c r="KVY722" s="613"/>
      <c r="KVZ722" s="613"/>
      <c r="KWA722" s="613"/>
      <c r="KWB722" s="613"/>
      <c r="KWC722" s="613"/>
      <c r="KWD722" s="613"/>
      <c r="KWE722" s="613"/>
      <c r="KWF722" s="613"/>
      <c r="KWG722" s="613"/>
      <c r="KWH722" s="613"/>
      <c r="KWI722" s="613"/>
      <c r="KWJ722" s="613"/>
      <c r="KWK722" s="613"/>
      <c r="KWL722" s="613"/>
      <c r="KWM722" s="613"/>
      <c r="KWN722" s="613"/>
      <c r="KWO722" s="613"/>
      <c r="KWP722" s="613"/>
      <c r="KWQ722" s="613"/>
      <c r="KWR722" s="613"/>
      <c r="KWS722" s="613"/>
      <c r="KWT722" s="613"/>
      <c r="KWU722" s="613"/>
      <c r="KWV722" s="613"/>
      <c r="KWW722" s="613"/>
      <c r="KWX722" s="613"/>
      <c r="KWY722" s="613"/>
      <c r="KWZ722" s="613"/>
      <c r="KXA722" s="613"/>
      <c r="KXB722" s="613"/>
      <c r="KXC722" s="613"/>
      <c r="KXD722" s="613"/>
      <c r="KXE722" s="613"/>
      <c r="KXF722" s="613"/>
      <c r="KXG722" s="613"/>
      <c r="KXH722" s="613"/>
      <c r="KXI722" s="613"/>
      <c r="KXJ722" s="613"/>
      <c r="KXK722" s="613"/>
      <c r="KXL722" s="613"/>
      <c r="KXM722" s="613"/>
      <c r="KXN722" s="613"/>
      <c r="KXO722" s="613"/>
      <c r="KXP722" s="613"/>
      <c r="KXQ722" s="613"/>
      <c r="KXR722" s="613"/>
      <c r="KXS722" s="613"/>
      <c r="KXT722" s="613"/>
      <c r="KXU722" s="613"/>
      <c r="KXV722" s="613"/>
      <c r="KXW722" s="613"/>
      <c r="KXX722" s="613"/>
      <c r="KXY722" s="613"/>
      <c r="KXZ722" s="613"/>
      <c r="KYA722" s="613"/>
      <c r="KYB722" s="613"/>
      <c r="KYC722" s="613"/>
      <c r="KYD722" s="613"/>
      <c r="KYE722" s="613"/>
      <c r="KYF722" s="613"/>
      <c r="KYG722" s="613"/>
      <c r="KYH722" s="613"/>
      <c r="KYI722" s="613"/>
      <c r="KYJ722" s="613"/>
      <c r="KYK722" s="613"/>
      <c r="KYL722" s="613"/>
      <c r="KYM722" s="613"/>
      <c r="KYN722" s="613"/>
      <c r="KYO722" s="613"/>
      <c r="KYP722" s="613"/>
      <c r="KYQ722" s="613"/>
      <c r="KYR722" s="613"/>
      <c r="KYS722" s="613"/>
      <c r="KYT722" s="613"/>
      <c r="KYU722" s="613"/>
      <c r="KYV722" s="613"/>
      <c r="KYW722" s="613"/>
      <c r="KYX722" s="613"/>
      <c r="KYY722" s="613"/>
      <c r="KYZ722" s="613"/>
      <c r="KZA722" s="613"/>
      <c r="KZB722" s="613"/>
      <c r="KZC722" s="613"/>
      <c r="KZD722" s="613"/>
      <c r="KZE722" s="613"/>
      <c r="KZF722" s="613"/>
      <c r="KZG722" s="613"/>
      <c r="KZH722" s="613"/>
      <c r="KZI722" s="613"/>
      <c r="KZJ722" s="613"/>
      <c r="KZK722" s="613"/>
      <c r="KZL722" s="613"/>
      <c r="KZM722" s="613"/>
      <c r="KZN722" s="613"/>
      <c r="KZO722" s="613"/>
      <c r="KZP722" s="613"/>
      <c r="KZQ722" s="613"/>
      <c r="KZR722" s="613"/>
      <c r="KZS722" s="613"/>
      <c r="KZT722" s="613"/>
      <c r="KZU722" s="613"/>
      <c r="KZV722" s="613"/>
      <c r="KZW722" s="613"/>
      <c r="KZX722" s="613"/>
      <c r="KZY722" s="613"/>
      <c r="KZZ722" s="613"/>
      <c r="LAA722" s="613"/>
      <c r="LAB722" s="613"/>
      <c r="LAC722" s="613"/>
      <c r="LAD722" s="613"/>
      <c r="LAE722" s="613"/>
      <c r="LAF722" s="613"/>
      <c r="LAG722" s="613"/>
      <c r="LAH722" s="613"/>
      <c r="LAI722" s="613"/>
      <c r="LAJ722" s="613"/>
      <c r="LAK722" s="613"/>
      <c r="LAL722" s="613"/>
      <c r="LAM722" s="613"/>
      <c r="LAN722" s="613"/>
      <c r="LAO722" s="613"/>
      <c r="LAP722" s="613"/>
      <c r="LAQ722" s="613"/>
      <c r="LAR722" s="613"/>
      <c r="LAS722" s="613"/>
      <c r="LAT722" s="613"/>
      <c r="LAU722" s="613"/>
      <c r="LAV722" s="613"/>
      <c r="LAW722" s="613"/>
      <c r="LAX722" s="613"/>
      <c r="LAY722" s="613"/>
      <c r="LAZ722" s="613"/>
      <c r="LBA722" s="613"/>
      <c r="LBB722" s="613"/>
      <c r="LBC722" s="613"/>
      <c r="LBD722" s="613"/>
      <c r="LBE722" s="613"/>
      <c r="LBF722" s="613"/>
      <c r="LBG722" s="613"/>
      <c r="LBH722" s="613"/>
      <c r="LBI722" s="613"/>
      <c r="LBJ722" s="613"/>
      <c r="LBK722" s="613"/>
      <c r="LBL722" s="613"/>
      <c r="LBM722" s="613"/>
      <c r="LBN722" s="613"/>
      <c r="LBO722" s="613"/>
      <c r="LBP722" s="613"/>
      <c r="LBQ722" s="613"/>
      <c r="LBR722" s="613"/>
      <c r="LBS722" s="613"/>
      <c r="LBT722" s="613"/>
      <c r="LBU722" s="613"/>
      <c r="LBV722" s="613"/>
      <c r="LBW722" s="613"/>
      <c r="LBX722" s="613"/>
      <c r="LBY722" s="613"/>
      <c r="LBZ722" s="613"/>
      <c r="LCA722" s="613"/>
      <c r="LCB722" s="613"/>
      <c r="LCC722" s="613"/>
      <c r="LCD722" s="613"/>
      <c r="LCE722" s="613"/>
      <c r="LCF722" s="613"/>
      <c r="LCG722" s="613"/>
      <c r="LCH722" s="613"/>
      <c r="LCI722" s="613"/>
      <c r="LCJ722" s="613"/>
      <c r="LCK722" s="613"/>
      <c r="LCL722" s="613"/>
      <c r="LCM722" s="613"/>
      <c r="LCN722" s="613"/>
      <c r="LCO722" s="613"/>
      <c r="LCP722" s="613"/>
      <c r="LCQ722" s="613"/>
      <c r="LCR722" s="613"/>
      <c r="LCS722" s="613"/>
      <c r="LCT722" s="613"/>
      <c r="LCU722" s="613"/>
      <c r="LCV722" s="613"/>
      <c r="LCW722" s="613"/>
      <c r="LCX722" s="613"/>
      <c r="LCY722" s="613"/>
      <c r="LCZ722" s="613"/>
      <c r="LDA722" s="613"/>
      <c r="LDB722" s="613"/>
      <c r="LDC722" s="613"/>
      <c r="LDD722" s="613"/>
      <c r="LDE722" s="613"/>
      <c r="LDF722" s="613"/>
      <c r="LDG722" s="613"/>
      <c r="LDH722" s="613"/>
      <c r="LDI722" s="613"/>
      <c r="LDJ722" s="613"/>
      <c r="LDK722" s="613"/>
      <c r="LDL722" s="613"/>
      <c r="LDM722" s="613"/>
      <c r="LDN722" s="613"/>
      <c r="LDO722" s="613"/>
      <c r="LDP722" s="613"/>
      <c r="LDQ722" s="613"/>
      <c r="LDR722" s="613"/>
      <c r="LDS722" s="613"/>
      <c r="LDT722" s="613"/>
      <c r="LDU722" s="613"/>
      <c r="LDV722" s="613"/>
      <c r="LDW722" s="613"/>
      <c r="LDX722" s="613"/>
      <c r="LDY722" s="613"/>
      <c r="LDZ722" s="613"/>
      <c r="LEA722" s="613"/>
      <c r="LEB722" s="613"/>
      <c r="LEC722" s="613"/>
      <c r="LED722" s="613"/>
      <c r="LEE722" s="613"/>
      <c r="LEF722" s="613"/>
      <c r="LEG722" s="613"/>
      <c r="LEH722" s="613"/>
      <c r="LEI722" s="613"/>
      <c r="LEJ722" s="613"/>
      <c r="LEK722" s="613"/>
      <c r="LEL722" s="613"/>
      <c r="LEM722" s="613"/>
      <c r="LEN722" s="613"/>
      <c r="LEO722" s="613"/>
      <c r="LEP722" s="613"/>
      <c r="LEQ722" s="613"/>
      <c r="LER722" s="613"/>
      <c r="LES722" s="613"/>
      <c r="LET722" s="613"/>
      <c r="LEU722" s="613"/>
      <c r="LEV722" s="613"/>
      <c r="LEW722" s="613"/>
      <c r="LEX722" s="613"/>
      <c r="LEY722" s="613"/>
      <c r="LEZ722" s="613"/>
      <c r="LFA722" s="613"/>
      <c r="LFB722" s="613"/>
      <c r="LFC722" s="613"/>
      <c r="LFD722" s="613"/>
      <c r="LFE722" s="613"/>
      <c r="LFF722" s="613"/>
      <c r="LFG722" s="613"/>
      <c r="LFH722" s="613"/>
      <c r="LFI722" s="613"/>
      <c r="LFJ722" s="613"/>
      <c r="LFK722" s="613"/>
      <c r="LFL722" s="613"/>
      <c r="LFM722" s="613"/>
      <c r="LFN722" s="613"/>
      <c r="LFO722" s="613"/>
      <c r="LFP722" s="613"/>
      <c r="LFQ722" s="613"/>
      <c r="LFR722" s="613"/>
      <c r="LFS722" s="613"/>
      <c r="LFT722" s="613"/>
      <c r="LFU722" s="613"/>
      <c r="LFV722" s="613"/>
      <c r="LFW722" s="613"/>
      <c r="LFX722" s="613"/>
      <c r="LFY722" s="613"/>
      <c r="LFZ722" s="613"/>
      <c r="LGA722" s="613"/>
      <c r="LGB722" s="613"/>
      <c r="LGC722" s="613"/>
      <c r="LGD722" s="613"/>
      <c r="LGE722" s="613"/>
      <c r="LGF722" s="613"/>
      <c r="LGG722" s="613"/>
      <c r="LGH722" s="613"/>
      <c r="LGI722" s="613"/>
      <c r="LGJ722" s="613"/>
      <c r="LGK722" s="613"/>
      <c r="LGL722" s="613"/>
      <c r="LGM722" s="613"/>
      <c r="LGN722" s="613"/>
      <c r="LGO722" s="613"/>
      <c r="LGP722" s="613"/>
      <c r="LGQ722" s="613"/>
      <c r="LGR722" s="613"/>
      <c r="LGS722" s="613"/>
      <c r="LGT722" s="613"/>
      <c r="LGU722" s="613"/>
      <c r="LGV722" s="613"/>
      <c r="LGW722" s="613"/>
      <c r="LGX722" s="613"/>
      <c r="LGY722" s="613"/>
      <c r="LGZ722" s="613"/>
      <c r="LHA722" s="613"/>
      <c r="LHB722" s="613"/>
      <c r="LHC722" s="613"/>
      <c r="LHD722" s="613"/>
      <c r="LHE722" s="613"/>
      <c r="LHF722" s="613"/>
      <c r="LHG722" s="613"/>
      <c r="LHH722" s="613"/>
      <c r="LHI722" s="613"/>
      <c r="LHJ722" s="613"/>
      <c r="LHK722" s="613"/>
      <c r="LHL722" s="613"/>
      <c r="LHM722" s="613"/>
      <c r="LHN722" s="613"/>
      <c r="LHO722" s="613"/>
      <c r="LHP722" s="613"/>
      <c r="LHQ722" s="613"/>
      <c r="LHR722" s="613"/>
      <c r="LHS722" s="613"/>
      <c r="LHT722" s="613"/>
      <c r="LHU722" s="613"/>
      <c r="LHV722" s="613"/>
      <c r="LHW722" s="613"/>
      <c r="LHX722" s="613"/>
      <c r="LHY722" s="613"/>
      <c r="LHZ722" s="613"/>
      <c r="LIA722" s="613"/>
      <c r="LIB722" s="613"/>
      <c r="LIC722" s="613"/>
      <c r="LID722" s="613"/>
      <c r="LIE722" s="613"/>
      <c r="LIF722" s="613"/>
      <c r="LIG722" s="613"/>
      <c r="LIH722" s="613"/>
      <c r="LII722" s="613"/>
      <c r="LIJ722" s="613"/>
      <c r="LIK722" s="613"/>
      <c r="LIL722" s="613"/>
      <c r="LIM722" s="613"/>
      <c r="LIN722" s="613"/>
      <c r="LIO722" s="613"/>
      <c r="LIP722" s="613"/>
      <c r="LIQ722" s="613"/>
      <c r="LIR722" s="613"/>
      <c r="LIS722" s="613"/>
      <c r="LIT722" s="613"/>
      <c r="LIU722" s="613"/>
      <c r="LIV722" s="613"/>
      <c r="LIW722" s="613"/>
      <c r="LIX722" s="613"/>
      <c r="LIY722" s="613"/>
      <c r="LIZ722" s="613"/>
      <c r="LJA722" s="613"/>
      <c r="LJB722" s="613"/>
      <c r="LJC722" s="613"/>
      <c r="LJD722" s="613"/>
      <c r="LJE722" s="613"/>
      <c r="LJF722" s="613"/>
      <c r="LJG722" s="613"/>
      <c r="LJH722" s="613"/>
      <c r="LJI722" s="613"/>
      <c r="LJJ722" s="613"/>
      <c r="LJK722" s="613"/>
      <c r="LJL722" s="613"/>
      <c r="LJM722" s="613"/>
      <c r="LJN722" s="613"/>
      <c r="LJO722" s="613"/>
      <c r="LJP722" s="613"/>
      <c r="LJQ722" s="613"/>
      <c r="LJR722" s="613"/>
      <c r="LJS722" s="613"/>
      <c r="LJT722" s="613"/>
      <c r="LJU722" s="613"/>
      <c r="LJV722" s="613"/>
      <c r="LJW722" s="613"/>
      <c r="LJX722" s="613"/>
      <c r="LJY722" s="613"/>
      <c r="LJZ722" s="613"/>
      <c r="LKA722" s="613"/>
      <c r="LKB722" s="613"/>
      <c r="LKC722" s="613"/>
      <c r="LKD722" s="613"/>
      <c r="LKE722" s="613"/>
      <c r="LKF722" s="613"/>
      <c r="LKG722" s="613"/>
      <c r="LKH722" s="613"/>
      <c r="LKI722" s="613"/>
      <c r="LKJ722" s="613"/>
      <c r="LKK722" s="613"/>
      <c r="LKL722" s="613"/>
      <c r="LKM722" s="613"/>
      <c r="LKN722" s="613"/>
      <c r="LKO722" s="613"/>
      <c r="LKP722" s="613"/>
      <c r="LKQ722" s="613"/>
      <c r="LKR722" s="613"/>
      <c r="LKS722" s="613"/>
      <c r="LKT722" s="613"/>
      <c r="LKU722" s="613"/>
      <c r="LKV722" s="613"/>
      <c r="LKW722" s="613"/>
      <c r="LKX722" s="613"/>
      <c r="LKY722" s="613"/>
      <c r="LKZ722" s="613"/>
      <c r="LLA722" s="613"/>
      <c r="LLB722" s="613"/>
      <c r="LLC722" s="613"/>
      <c r="LLD722" s="613"/>
      <c r="LLE722" s="613"/>
      <c r="LLF722" s="613"/>
      <c r="LLG722" s="613"/>
      <c r="LLH722" s="613"/>
      <c r="LLI722" s="613"/>
      <c r="LLJ722" s="613"/>
      <c r="LLK722" s="613"/>
      <c r="LLL722" s="613"/>
      <c r="LLM722" s="613"/>
      <c r="LLN722" s="613"/>
      <c r="LLO722" s="613"/>
      <c r="LLP722" s="613"/>
      <c r="LLQ722" s="613"/>
      <c r="LLR722" s="613"/>
      <c r="LLS722" s="613"/>
      <c r="LLT722" s="613"/>
      <c r="LLU722" s="613"/>
      <c r="LLV722" s="613"/>
      <c r="LLW722" s="613"/>
      <c r="LLX722" s="613"/>
      <c r="LLY722" s="613"/>
      <c r="LLZ722" s="613"/>
      <c r="LMA722" s="613"/>
      <c r="LMB722" s="613"/>
      <c r="LMC722" s="613"/>
      <c r="LMD722" s="613"/>
      <c r="LME722" s="613"/>
      <c r="LMF722" s="613"/>
      <c r="LMG722" s="613"/>
      <c r="LMH722" s="613"/>
      <c r="LMI722" s="613"/>
      <c r="LMJ722" s="613"/>
      <c r="LMK722" s="613"/>
      <c r="LML722" s="613"/>
      <c r="LMM722" s="613"/>
      <c r="LMN722" s="613"/>
      <c r="LMO722" s="613"/>
      <c r="LMP722" s="613"/>
      <c r="LMQ722" s="613"/>
      <c r="LMR722" s="613"/>
      <c r="LMS722" s="613"/>
      <c r="LMT722" s="613"/>
      <c r="LMU722" s="613"/>
      <c r="LMV722" s="613"/>
      <c r="LMW722" s="613"/>
      <c r="LMX722" s="613"/>
      <c r="LMY722" s="613"/>
      <c r="LMZ722" s="613"/>
      <c r="LNA722" s="613"/>
      <c r="LNB722" s="613"/>
      <c r="LNC722" s="613"/>
      <c r="LND722" s="613"/>
      <c r="LNE722" s="613"/>
      <c r="LNF722" s="613"/>
      <c r="LNG722" s="613"/>
      <c r="LNH722" s="613"/>
      <c r="LNI722" s="613"/>
      <c r="LNJ722" s="613"/>
      <c r="LNK722" s="613"/>
      <c r="LNL722" s="613"/>
      <c r="LNM722" s="613"/>
      <c r="LNN722" s="613"/>
      <c r="LNO722" s="613"/>
      <c r="LNP722" s="613"/>
      <c r="LNQ722" s="613"/>
      <c r="LNR722" s="613"/>
      <c r="LNS722" s="613"/>
      <c r="LNT722" s="613"/>
      <c r="LNU722" s="613"/>
      <c r="LNV722" s="613"/>
      <c r="LNW722" s="613"/>
      <c r="LNX722" s="613"/>
      <c r="LNY722" s="613"/>
      <c r="LNZ722" s="613"/>
      <c r="LOA722" s="613"/>
      <c r="LOB722" s="613"/>
      <c r="LOC722" s="613"/>
      <c r="LOD722" s="613"/>
      <c r="LOE722" s="613"/>
      <c r="LOF722" s="613"/>
      <c r="LOG722" s="613"/>
      <c r="LOH722" s="613"/>
      <c r="LOI722" s="613"/>
      <c r="LOJ722" s="613"/>
      <c r="LOK722" s="613"/>
      <c r="LOL722" s="613"/>
      <c r="LOM722" s="613"/>
      <c r="LON722" s="613"/>
      <c r="LOO722" s="613"/>
      <c r="LOP722" s="613"/>
      <c r="LOQ722" s="613"/>
      <c r="LOR722" s="613"/>
      <c r="LOS722" s="613"/>
      <c r="LOT722" s="613"/>
      <c r="LOU722" s="613"/>
      <c r="LOV722" s="613"/>
      <c r="LOW722" s="613"/>
      <c r="LOX722" s="613"/>
      <c r="LOY722" s="613"/>
      <c r="LOZ722" s="613"/>
      <c r="LPA722" s="613"/>
      <c r="LPB722" s="613"/>
      <c r="LPC722" s="613"/>
      <c r="LPD722" s="613"/>
      <c r="LPE722" s="613"/>
      <c r="LPF722" s="613"/>
      <c r="LPG722" s="613"/>
      <c r="LPH722" s="613"/>
      <c r="LPI722" s="613"/>
      <c r="LPJ722" s="613"/>
      <c r="LPK722" s="613"/>
      <c r="LPL722" s="613"/>
      <c r="LPM722" s="613"/>
      <c r="LPN722" s="613"/>
      <c r="LPO722" s="613"/>
      <c r="LPP722" s="613"/>
      <c r="LPQ722" s="613"/>
      <c r="LPR722" s="613"/>
      <c r="LPS722" s="613"/>
      <c r="LPT722" s="613"/>
      <c r="LPU722" s="613"/>
      <c r="LPV722" s="613"/>
      <c r="LPW722" s="613"/>
      <c r="LPX722" s="613"/>
      <c r="LPY722" s="613"/>
      <c r="LPZ722" s="613"/>
      <c r="LQA722" s="613"/>
      <c r="LQB722" s="613"/>
      <c r="LQC722" s="613"/>
      <c r="LQD722" s="613"/>
      <c r="LQE722" s="613"/>
      <c r="LQF722" s="613"/>
      <c r="LQG722" s="613"/>
      <c r="LQH722" s="613"/>
      <c r="LQI722" s="613"/>
      <c r="LQJ722" s="613"/>
      <c r="LQK722" s="613"/>
      <c r="LQL722" s="613"/>
      <c r="LQM722" s="613"/>
      <c r="LQN722" s="613"/>
      <c r="LQO722" s="613"/>
      <c r="LQP722" s="613"/>
      <c r="LQQ722" s="613"/>
      <c r="LQR722" s="613"/>
      <c r="LQS722" s="613"/>
      <c r="LQT722" s="613"/>
      <c r="LQU722" s="613"/>
      <c r="LQV722" s="613"/>
      <c r="LQW722" s="613"/>
      <c r="LQX722" s="613"/>
      <c r="LQY722" s="613"/>
      <c r="LQZ722" s="613"/>
      <c r="LRA722" s="613"/>
      <c r="LRB722" s="613"/>
      <c r="LRC722" s="613"/>
      <c r="LRD722" s="613"/>
      <c r="LRE722" s="613"/>
      <c r="LRF722" s="613"/>
      <c r="LRG722" s="613"/>
      <c r="LRH722" s="613"/>
      <c r="LRI722" s="613"/>
      <c r="LRJ722" s="613"/>
      <c r="LRK722" s="613"/>
      <c r="LRL722" s="613"/>
      <c r="LRM722" s="613"/>
      <c r="LRN722" s="613"/>
      <c r="LRO722" s="613"/>
      <c r="LRP722" s="613"/>
      <c r="LRQ722" s="613"/>
      <c r="LRR722" s="613"/>
      <c r="LRS722" s="613"/>
      <c r="LRT722" s="613"/>
      <c r="LRU722" s="613"/>
      <c r="LRV722" s="613"/>
      <c r="LRW722" s="613"/>
      <c r="LRX722" s="613"/>
      <c r="LRY722" s="613"/>
      <c r="LRZ722" s="613"/>
      <c r="LSA722" s="613"/>
      <c r="LSB722" s="613"/>
      <c r="LSC722" s="613"/>
      <c r="LSD722" s="613"/>
      <c r="LSE722" s="613"/>
      <c r="LSF722" s="613"/>
      <c r="LSG722" s="613"/>
      <c r="LSH722" s="613"/>
      <c r="LSI722" s="613"/>
      <c r="LSJ722" s="613"/>
      <c r="LSK722" s="613"/>
      <c r="LSL722" s="613"/>
      <c r="LSM722" s="613"/>
      <c r="LSN722" s="613"/>
      <c r="LSO722" s="613"/>
      <c r="LSP722" s="613"/>
      <c r="LSQ722" s="613"/>
      <c r="LSR722" s="613"/>
      <c r="LSS722" s="613"/>
      <c r="LST722" s="613"/>
      <c r="LSU722" s="613"/>
      <c r="LSV722" s="613"/>
      <c r="LSW722" s="613"/>
      <c r="LSX722" s="613"/>
      <c r="LSY722" s="613"/>
      <c r="LSZ722" s="613"/>
      <c r="LTA722" s="613"/>
      <c r="LTB722" s="613"/>
      <c r="LTC722" s="613"/>
      <c r="LTD722" s="613"/>
      <c r="LTE722" s="613"/>
      <c r="LTF722" s="613"/>
      <c r="LTG722" s="613"/>
      <c r="LTH722" s="613"/>
      <c r="LTI722" s="613"/>
      <c r="LTJ722" s="613"/>
      <c r="LTK722" s="613"/>
      <c r="LTL722" s="613"/>
      <c r="LTM722" s="613"/>
      <c r="LTN722" s="613"/>
      <c r="LTO722" s="613"/>
      <c r="LTP722" s="613"/>
      <c r="LTQ722" s="613"/>
      <c r="LTR722" s="613"/>
      <c r="LTS722" s="613"/>
      <c r="LTT722" s="613"/>
      <c r="LTU722" s="613"/>
      <c r="LTV722" s="613"/>
      <c r="LTW722" s="613"/>
      <c r="LTX722" s="613"/>
      <c r="LTY722" s="613"/>
      <c r="LTZ722" s="613"/>
      <c r="LUA722" s="613"/>
      <c r="LUB722" s="613"/>
      <c r="LUC722" s="613"/>
      <c r="LUD722" s="613"/>
      <c r="LUE722" s="613"/>
      <c r="LUF722" s="613"/>
      <c r="LUG722" s="613"/>
      <c r="LUH722" s="613"/>
      <c r="LUI722" s="613"/>
      <c r="LUJ722" s="613"/>
      <c r="LUK722" s="613"/>
      <c r="LUL722" s="613"/>
      <c r="LUM722" s="613"/>
      <c r="LUN722" s="613"/>
      <c r="LUO722" s="613"/>
      <c r="LUP722" s="613"/>
      <c r="LUQ722" s="613"/>
      <c r="LUR722" s="613"/>
      <c r="LUS722" s="613"/>
      <c r="LUT722" s="613"/>
      <c r="LUU722" s="613"/>
      <c r="LUV722" s="613"/>
      <c r="LUW722" s="613"/>
      <c r="LUX722" s="613"/>
      <c r="LUY722" s="613"/>
      <c r="LUZ722" s="613"/>
      <c r="LVA722" s="613"/>
      <c r="LVB722" s="613"/>
      <c r="LVC722" s="613"/>
      <c r="LVD722" s="613"/>
      <c r="LVE722" s="613"/>
      <c r="LVF722" s="613"/>
      <c r="LVG722" s="613"/>
      <c r="LVH722" s="613"/>
      <c r="LVI722" s="613"/>
      <c r="LVJ722" s="613"/>
      <c r="LVK722" s="613"/>
      <c r="LVL722" s="613"/>
      <c r="LVM722" s="613"/>
      <c r="LVN722" s="613"/>
      <c r="LVO722" s="613"/>
      <c r="LVP722" s="613"/>
      <c r="LVQ722" s="613"/>
      <c r="LVR722" s="613"/>
      <c r="LVS722" s="613"/>
      <c r="LVT722" s="613"/>
      <c r="LVU722" s="613"/>
      <c r="LVV722" s="613"/>
      <c r="LVW722" s="613"/>
      <c r="LVX722" s="613"/>
      <c r="LVY722" s="613"/>
      <c r="LVZ722" s="613"/>
      <c r="LWA722" s="613"/>
      <c r="LWB722" s="613"/>
      <c r="LWC722" s="613"/>
      <c r="LWD722" s="613"/>
      <c r="LWE722" s="613"/>
      <c r="LWF722" s="613"/>
      <c r="LWG722" s="613"/>
      <c r="LWH722" s="613"/>
      <c r="LWI722" s="613"/>
      <c r="LWJ722" s="613"/>
      <c r="LWK722" s="613"/>
      <c r="LWL722" s="613"/>
      <c r="LWM722" s="613"/>
      <c r="LWN722" s="613"/>
      <c r="LWO722" s="613"/>
      <c r="LWP722" s="613"/>
      <c r="LWQ722" s="613"/>
      <c r="LWR722" s="613"/>
      <c r="LWS722" s="613"/>
      <c r="LWT722" s="613"/>
      <c r="LWU722" s="613"/>
      <c r="LWV722" s="613"/>
      <c r="LWW722" s="613"/>
      <c r="LWX722" s="613"/>
      <c r="LWY722" s="613"/>
      <c r="LWZ722" s="613"/>
      <c r="LXA722" s="613"/>
      <c r="LXB722" s="613"/>
      <c r="LXC722" s="613"/>
      <c r="LXD722" s="613"/>
      <c r="LXE722" s="613"/>
      <c r="LXF722" s="613"/>
      <c r="LXG722" s="613"/>
      <c r="LXH722" s="613"/>
      <c r="LXI722" s="613"/>
      <c r="LXJ722" s="613"/>
      <c r="LXK722" s="613"/>
      <c r="LXL722" s="613"/>
      <c r="LXM722" s="613"/>
      <c r="LXN722" s="613"/>
      <c r="LXO722" s="613"/>
      <c r="LXP722" s="613"/>
      <c r="LXQ722" s="613"/>
      <c r="LXR722" s="613"/>
      <c r="LXS722" s="613"/>
      <c r="LXT722" s="613"/>
      <c r="LXU722" s="613"/>
      <c r="LXV722" s="613"/>
      <c r="LXW722" s="613"/>
      <c r="LXX722" s="613"/>
      <c r="LXY722" s="613"/>
      <c r="LXZ722" s="613"/>
      <c r="LYA722" s="613"/>
      <c r="LYB722" s="613"/>
      <c r="LYC722" s="613"/>
      <c r="LYD722" s="613"/>
      <c r="LYE722" s="613"/>
      <c r="LYF722" s="613"/>
      <c r="LYG722" s="613"/>
      <c r="LYH722" s="613"/>
      <c r="LYI722" s="613"/>
      <c r="LYJ722" s="613"/>
      <c r="LYK722" s="613"/>
      <c r="LYL722" s="613"/>
      <c r="LYM722" s="613"/>
      <c r="LYN722" s="613"/>
      <c r="LYO722" s="613"/>
      <c r="LYP722" s="613"/>
      <c r="LYQ722" s="613"/>
      <c r="LYR722" s="613"/>
      <c r="LYS722" s="613"/>
      <c r="LYT722" s="613"/>
      <c r="LYU722" s="613"/>
      <c r="LYV722" s="613"/>
      <c r="LYW722" s="613"/>
      <c r="LYX722" s="613"/>
      <c r="LYY722" s="613"/>
      <c r="LYZ722" s="613"/>
      <c r="LZA722" s="613"/>
      <c r="LZB722" s="613"/>
      <c r="LZC722" s="613"/>
      <c r="LZD722" s="613"/>
      <c r="LZE722" s="613"/>
      <c r="LZF722" s="613"/>
      <c r="LZG722" s="613"/>
      <c r="LZH722" s="613"/>
      <c r="LZI722" s="613"/>
      <c r="LZJ722" s="613"/>
      <c r="LZK722" s="613"/>
      <c r="LZL722" s="613"/>
      <c r="LZM722" s="613"/>
      <c r="LZN722" s="613"/>
      <c r="LZO722" s="613"/>
      <c r="LZP722" s="613"/>
      <c r="LZQ722" s="613"/>
      <c r="LZR722" s="613"/>
      <c r="LZS722" s="613"/>
      <c r="LZT722" s="613"/>
      <c r="LZU722" s="613"/>
      <c r="LZV722" s="613"/>
      <c r="LZW722" s="613"/>
      <c r="LZX722" s="613"/>
      <c r="LZY722" s="613"/>
      <c r="LZZ722" s="613"/>
      <c r="MAA722" s="613"/>
      <c r="MAB722" s="613"/>
      <c r="MAC722" s="613"/>
      <c r="MAD722" s="613"/>
      <c r="MAE722" s="613"/>
      <c r="MAF722" s="613"/>
      <c r="MAG722" s="613"/>
      <c r="MAH722" s="613"/>
      <c r="MAI722" s="613"/>
      <c r="MAJ722" s="613"/>
      <c r="MAK722" s="613"/>
      <c r="MAL722" s="613"/>
      <c r="MAM722" s="613"/>
      <c r="MAN722" s="613"/>
      <c r="MAO722" s="613"/>
      <c r="MAP722" s="613"/>
      <c r="MAQ722" s="613"/>
      <c r="MAR722" s="613"/>
      <c r="MAS722" s="613"/>
      <c r="MAT722" s="613"/>
      <c r="MAU722" s="613"/>
      <c r="MAV722" s="613"/>
      <c r="MAW722" s="613"/>
      <c r="MAX722" s="613"/>
      <c r="MAY722" s="613"/>
      <c r="MAZ722" s="613"/>
      <c r="MBA722" s="613"/>
      <c r="MBB722" s="613"/>
      <c r="MBC722" s="613"/>
      <c r="MBD722" s="613"/>
      <c r="MBE722" s="613"/>
      <c r="MBF722" s="613"/>
      <c r="MBG722" s="613"/>
      <c r="MBH722" s="613"/>
      <c r="MBI722" s="613"/>
      <c r="MBJ722" s="613"/>
      <c r="MBK722" s="613"/>
      <c r="MBL722" s="613"/>
      <c r="MBM722" s="613"/>
      <c r="MBN722" s="613"/>
      <c r="MBO722" s="613"/>
      <c r="MBP722" s="613"/>
      <c r="MBQ722" s="613"/>
      <c r="MBR722" s="613"/>
      <c r="MBS722" s="613"/>
      <c r="MBT722" s="613"/>
      <c r="MBU722" s="613"/>
      <c r="MBV722" s="613"/>
      <c r="MBW722" s="613"/>
      <c r="MBX722" s="613"/>
      <c r="MBY722" s="613"/>
      <c r="MBZ722" s="613"/>
      <c r="MCA722" s="613"/>
      <c r="MCB722" s="613"/>
      <c r="MCC722" s="613"/>
      <c r="MCD722" s="613"/>
      <c r="MCE722" s="613"/>
      <c r="MCF722" s="613"/>
      <c r="MCG722" s="613"/>
      <c r="MCH722" s="613"/>
      <c r="MCI722" s="613"/>
      <c r="MCJ722" s="613"/>
      <c r="MCK722" s="613"/>
      <c r="MCL722" s="613"/>
      <c r="MCM722" s="613"/>
      <c r="MCN722" s="613"/>
      <c r="MCO722" s="613"/>
      <c r="MCP722" s="613"/>
      <c r="MCQ722" s="613"/>
      <c r="MCR722" s="613"/>
      <c r="MCS722" s="613"/>
      <c r="MCT722" s="613"/>
      <c r="MCU722" s="613"/>
      <c r="MCV722" s="613"/>
      <c r="MCW722" s="613"/>
      <c r="MCX722" s="613"/>
      <c r="MCY722" s="613"/>
      <c r="MCZ722" s="613"/>
      <c r="MDA722" s="613"/>
      <c r="MDB722" s="613"/>
      <c r="MDC722" s="613"/>
      <c r="MDD722" s="613"/>
      <c r="MDE722" s="613"/>
      <c r="MDF722" s="613"/>
      <c r="MDG722" s="613"/>
      <c r="MDH722" s="613"/>
      <c r="MDI722" s="613"/>
      <c r="MDJ722" s="613"/>
      <c r="MDK722" s="613"/>
      <c r="MDL722" s="613"/>
      <c r="MDM722" s="613"/>
      <c r="MDN722" s="613"/>
      <c r="MDO722" s="613"/>
      <c r="MDP722" s="613"/>
      <c r="MDQ722" s="613"/>
      <c r="MDR722" s="613"/>
      <c r="MDS722" s="613"/>
      <c r="MDT722" s="613"/>
      <c r="MDU722" s="613"/>
      <c r="MDV722" s="613"/>
      <c r="MDW722" s="613"/>
      <c r="MDX722" s="613"/>
      <c r="MDY722" s="613"/>
      <c r="MDZ722" s="613"/>
      <c r="MEA722" s="613"/>
      <c r="MEB722" s="613"/>
      <c r="MEC722" s="613"/>
      <c r="MED722" s="613"/>
      <c r="MEE722" s="613"/>
      <c r="MEF722" s="613"/>
      <c r="MEG722" s="613"/>
      <c r="MEH722" s="613"/>
      <c r="MEI722" s="613"/>
      <c r="MEJ722" s="613"/>
      <c r="MEK722" s="613"/>
      <c r="MEL722" s="613"/>
      <c r="MEM722" s="613"/>
      <c r="MEN722" s="613"/>
      <c r="MEO722" s="613"/>
      <c r="MEP722" s="613"/>
      <c r="MEQ722" s="613"/>
      <c r="MER722" s="613"/>
      <c r="MES722" s="613"/>
      <c r="MET722" s="613"/>
      <c r="MEU722" s="613"/>
      <c r="MEV722" s="613"/>
      <c r="MEW722" s="613"/>
      <c r="MEX722" s="613"/>
      <c r="MEY722" s="613"/>
      <c r="MEZ722" s="613"/>
      <c r="MFA722" s="613"/>
      <c r="MFB722" s="613"/>
      <c r="MFC722" s="613"/>
      <c r="MFD722" s="613"/>
      <c r="MFE722" s="613"/>
      <c r="MFF722" s="613"/>
      <c r="MFG722" s="613"/>
      <c r="MFH722" s="613"/>
      <c r="MFI722" s="613"/>
      <c r="MFJ722" s="613"/>
      <c r="MFK722" s="613"/>
      <c r="MFL722" s="613"/>
      <c r="MFM722" s="613"/>
      <c r="MFN722" s="613"/>
      <c r="MFO722" s="613"/>
      <c r="MFP722" s="613"/>
      <c r="MFQ722" s="613"/>
      <c r="MFR722" s="613"/>
      <c r="MFS722" s="613"/>
      <c r="MFT722" s="613"/>
      <c r="MFU722" s="613"/>
      <c r="MFV722" s="613"/>
      <c r="MFW722" s="613"/>
      <c r="MFX722" s="613"/>
      <c r="MFY722" s="613"/>
      <c r="MFZ722" s="613"/>
      <c r="MGA722" s="613"/>
      <c r="MGB722" s="613"/>
      <c r="MGC722" s="613"/>
      <c r="MGD722" s="613"/>
      <c r="MGE722" s="613"/>
      <c r="MGF722" s="613"/>
      <c r="MGG722" s="613"/>
      <c r="MGH722" s="613"/>
      <c r="MGI722" s="613"/>
      <c r="MGJ722" s="613"/>
      <c r="MGK722" s="613"/>
      <c r="MGL722" s="613"/>
      <c r="MGM722" s="613"/>
      <c r="MGN722" s="613"/>
      <c r="MGO722" s="613"/>
      <c r="MGP722" s="613"/>
      <c r="MGQ722" s="613"/>
      <c r="MGR722" s="613"/>
      <c r="MGS722" s="613"/>
      <c r="MGT722" s="613"/>
      <c r="MGU722" s="613"/>
      <c r="MGV722" s="613"/>
      <c r="MGW722" s="613"/>
      <c r="MGX722" s="613"/>
      <c r="MGY722" s="613"/>
      <c r="MGZ722" s="613"/>
      <c r="MHA722" s="613"/>
      <c r="MHB722" s="613"/>
      <c r="MHC722" s="613"/>
      <c r="MHD722" s="613"/>
      <c r="MHE722" s="613"/>
      <c r="MHF722" s="613"/>
      <c r="MHG722" s="613"/>
      <c r="MHH722" s="613"/>
      <c r="MHI722" s="613"/>
      <c r="MHJ722" s="613"/>
      <c r="MHK722" s="613"/>
      <c r="MHL722" s="613"/>
      <c r="MHM722" s="613"/>
      <c r="MHN722" s="613"/>
      <c r="MHO722" s="613"/>
      <c r="MHP722" s="613"/>
      <c r="MHQ722" s="613"/>
      <c r="MHR722" s="613"/>
      <c r="MHS722" s="613"/>
      <c r="MHT722" s="613"/>
      <c r="MHU722" s="613"/>
      <c r="MHV722" s="613"/>
      <c r="MHW722" s="613"/>
      <c r="MHX722" s="613"/>
      <c r="MHY722" s="613"/>
      <c r="MHZ722" s="613"/>
      <c r="MIA722" s="613"/>
      <c r="MIB722" s="613"/>
      <c r="MIC722" s="613"/>
      <c r="MID722" s="613"/>
      <c r="MIE722" s="613"/>
      <c r="MIF722" s="613"/>
      <c r="MIG722" s="613"/>
      <c r="MIH722" s="613"/>
      <c r="MII722" s="613"/>
      <c r="MIJ722" s="613"/>
      <c r="MIK722" s="613"/>
      <c r="MIL722" s="613"/>
      <c r="MIM722" s="613"/>
      <c r="MIN722" s="613"/>
      <c r="MIO722" s="613"/>
      <c r="MIP722" s="613"/>
      <c r="MIQ722" s="613"/>
      <c r="MIR722" s="613"/>
      <c r="MIS722" s="613"/>
      <c r="MIT722" s="613"/>
      <c r="MIU722" s="613"/>
      <c r="MIV722" s="613"/>
      <c r="MIW722" s="613"/>
      <c r="MIX722" s="613"/>
      <c r="MIY722" s="613"/>
      <c r="MIZ722" s="613"/>
      <c r="MJA722" s="613"/>
      <c r="MJB722" s="613"/>
      <c r="MJC722" s="613"/>
      <c r="MJD722" s="613"/>
      <c r="MJE722" s="613"/>
      <c r="MJF722" s="613"/>
      <c r="MJG722" s="613"/>
      <c r="MJH722" s="613"/>
      <c r="MJI722" s="613"/>
      <c r="MJJ722" s="613"/>
      <c r="MJK722" s="613"/>
      <c r="MJL722" s="613"/>
      <c r="MJM722" s="613"/>
      <c r="MJN722" s="613"/>
      <c r="MJO722" s="613"/>
      <c r="MJP722" s="613"/>
      <c r="MJQ722" s="613"/>
      <c r="MJR722" s="613"/>
      <c r="MJS722" s="613"/>
      <c r="MJT722" s="613"/>
      <c r="MJU722" s="613"/>
      <c r="MJV722" s="613"/>
      <c r="MJW722" s="613"/>
      <c r="MJX722" s="613"/>
      <c r="MJY722" s="613"/>
      <c r="MJZ722" s="613"/>
      <c r="MKA722" s="613"/>
      <c r="MKB722" s="613"/>
      <c r="MKC722" s="613"/>
      <c r="MKD722" s="613"/>
      <c r="MKE722" s="613"/>
      <c r="MKF722" s="613"/>
      <c r="MKG722" s="613"/>
      <c r="MKH722" s="613"/>
      <c r="MKI722" s="613"/>
      <c r="MKJ722" s="613"/>
      <c r="MKK722" s="613"/>
      <c r="MKL722" s="613"/>
      <c r="MKM722" s="613"/>
      <c r="MKN722" s="613"/>
      <c r="MKO722" s="613"/>
      <c r="MKP722" s="613"/>
      <c r="MKQ722" s="613"/>
      <c r="MKR722" s="613"/>
      <c r="MKS722" s="613"/>
      <c r="MKT722" s="613"/>
      <c r="MKU722" s="613"/>
      <c r="MKV722" s="613"/>
      <c r="MKW722" s="613"/>
      <c r="MKX722" s="613"/>
      <c r="MKY722" s="613"/>
      <c r="MKZ722" s="613"/>
      <c r="MLA722" s="613"/>
      <c r="MLB722" s="613"/>
      <c r="MLC722" s="613"/>
      <c r="MLD722" s="613"/>
      <c r="MLE722" s="613"/>
      <c r="MLF722" s="613"/>
      <c r="MLG722" s="613"/>
      <c r="MLH722" s="613"/>
      <c r="MLI722" s="613"/>
      <c r="MLJ722" s="613"/>
      <c r="MLK722" s="613"/>
      <c r="MLL722" s="613"/>
      <c r="MLM722" s="613"/>
      <c r="MLN722" s="613"/>
      <c r="MLO722" s="613"/>
      <c r="MLP722" s="613"/>
      <c r="MLQ722" s="613"/>
      <c r="MLR722" s="613"/>
      <c r="MLS722" s="613"/>
      <c r="MLT722" s="613"/>
      <c r="MLU722" s="613"/>
      <c r="MLV722" s="613"/>
      <c r="MLW722" s="613"/>
      <c r="MLX722" s="613"/>
      <c r="MLY722" s="613"/>
      <c r="MLZ722" s="613"/>
      <c r="MMA722" s="613"/>
      <c r="MMB722" s="613"/>
      <c r="MMC722" s="613"/>
      <c r="MMD722" s="613"/>
      <c r="MME722" s="613"/>
      <c r="MMF722" s="613"/>
      <c r="MMG722" s="613"/>
      <c r="MMH722" s="613"/>
      <c r="MMI722" s="613"/>
      <c r="MMJ722" s="613"/>
      <c r="MMK722" s="613"/>
      <c r="MML722" s="613"/>
      <c r="MMM722" s="613"/>
      <c r="MMN722" s="613"/>
      <c r="MMO722" s="613"/>
      <c r="MMP722" s="613"/>
      <c r="MMQ722" s="613"/>
      <c r="MMR722" s="613"/>
      <c r="MMS722" s="613"/>
      <c r="MMT722" s="613"/>
      <c r="MMU722" s="613"/>
      <c r="MMV722" s="613"/>
      <c r="MMW722" s="613"/>
      <c r="MMX722" s="613"/>
      <c r="MMY722" s="613"/>
      <c r="MMZ722" s="613"/>
      <c r="MNA722" s="613"/>
      <c r="MNB722" s="613"/>
      <c r="MNC722" s="613"/>
      <c r="MND722" s="613"/>
      <c r="MNE722" s="613"/>
      <c r="MNF722" s="613"/>
      <c r="MNG722" s="613"/>
      <c r="MNH722" s="613"/>
      <c r="MNI722" s="613"/>
      <c r="MNJ722" s="613"/>
      <c r="MNK722" s="613"/>
      <c r="MNL722" s="613"/>
      <c r="MNM722" s="613"/>
      <c r="MNN722" s="613"/>
      <c r="MNO722" s="613"/>
      <c r="MNP722" s="613"/>
      <c r="MNQ722" s="613"/>
      <c r="MNR722" s="613"/>
      <c r="MNS722" s="613"/>
      <c r="MNT722" s="613"/>
      <c r="MNU722" s="613"/>
      <c r="MNV722" s="613"/>
      <c r="MNW722" s="613"/>
      <c r="MNX722" s="613"/>
      <c r="MNY722" s="613"/>
      <c r="MNZ722" s="613"/>
      <c r="MOA722" s="613"/>
      <c r="MOB722" s="613"/>
      <c r="MOC722" s="613"/>
      <c r="MOD722" s="613"/>
      <c r="MOE722" s="613"/>
      <c r="MOF722" s="613"/>
      <c r="MOG722" s="613"/>
      <c r="MOH722" s="613"/>
      <c r="MOI722" s="613"/>
      <c r="MOJ722" s="613"/>
      <c r="MOK722" s="613"/>
      <c r="MOL722" s="613"/>
      <c r="MOM722" s="613"/>
      <c r="MON722" s="613"/>
      <c r="MOO722" s="613"/>
      <c r="MOP722" s="613"/>
      <c r="MOQ722" s="613"/>
      <c r="MOR722" s="613"/>
      <c r="MOS722" s="613"/>
      <c r="MOT722" s="613"/>
      <c r="MOU722" s="613"/>
      <c r="MOV722" s="613"/>
      <c r="MOW722" s="613"/>
      <c r="MOX722" s="613"/>
      <c r="MOY722" s="613"/>
      <c r="MOZ722" s="613"/>
      <c r="MPA722" s="613"/>
      <c r="MPB722" s="613"/>
      <c r="MPC722" s="613"/>
      <c r="MPD722" s="613"/>
      <c r="MPE722" s="613"/>
      <c r="MPF722" s="613"/>
      <c r="MPG722" s="613"/>
      <c r="MPH722" s="613"/>
      <c r="MPI722" s="613"/>
      <c r="MPJ722" s="613"/>
      <c r="MPK722" s="613"/>
      <c r="MPL722" s="613"/>
      <c r="MPM722" s="613"/>
      <c r="MPN722" s="613"/>
      <c r="MPO722" s="613"/>
      <c r="MPP722" s="613"/>
      <c r="MPQ722" s="613"/>
      <c r="MPR722" s="613"/>
      <c r="MPS722" s="613"/>
      <c r="MPT722" s="613"/>
      <c r="MPU722" s="613"/>
      <c r="MPV722" s="613"/>
      <c r="MPW722" s="613"/>
      <c r="MPX722" s="613"/>
      <c r="MPY722" s="613"/>
      <c r="MPZ722" s="613"/>
      <c r="MQA722" s="613"/>
      <c r="MQB722" s="613"/>
      <c r="MQC722" s="613"/>
      <c r="MQD722" s="613"/>
      <c r="MQE722" s="613"/>
      <c r="MQF722" s="613"/>
      <c r="MQG722" s="613"/>
      <c r="MQH722" s="613"/>
      <c r="MQI722" s="613"/>
      <c r="MQJ722" s="613"/>
      <c r="MQK722" s="613"/>
      <c r="MQL722" s="613"/>
      <c r="MQM722" s="613"/>
      <c r="MQN722" s="613"/>
      <c r="MQO722" s="613"/>
      <c r="MQP722" s="613"/>
      <c r="MQQ722" s="613"/>
      <c r="MQR722" s="613"/>
      <c r="MQS722" s="613"/>
      <c r="MQT722" s="613"/>
      <c r="MQU722" s="613"/>
      <c r="MQV722" s="613"/>
      <c r="MQW722" s="613"/>
      <c r="MQX722" s="613"/>
      <c r="MQY722" s="613"/>
      <c r="MQZ722" s="613"/>
      <c r="MRA722" s="613"/>
      <c r="MRB722" s="613"/>
      <c r="MRC722" s="613"/>
      <c r="MRD722" s="613"/>
      <c r="MRE722" s="613"/>
      <c r="MRF722" s="613"/>
      <c r="MRG722" s="613"/>
      <c r="MRH722" s="613"/>
      <c r="MRI722" s="613"/>
      <c r="MRJ722" s="613"/>
      <c r="MRK722" s="613"/>
      <c r="MRL722" s="613"/>
      <c r="MRM722" s="613"/>
      <c r="MRN722" s="613"/>
      <c r="MRO722" s="613"/>
      <c r="MRP722" s="613"/>
      <c r="MRQ722" s="613"/>
      <c r="MRR722" s="613"/>
      <c r="MRS722" s="613"/>
      <c r="MRT722" s="613"/>
      <c r="MRU722" s="613"/>
      <c r="MRV722" s="613"/>
      <c r="MRW722" s="613"/>
      <c r="MRX722" s="613"/>
      <c r="MRY722" s="613"/>
      <c r="MRZ722" s="613"/>
      <c r="MSA722" s="613"/>
      <c r="MSB722" s="613"/>
      <c r="MSC722" s="613"/>
      <c r="MSD722" s="613"/>
      <c r="MSE722" s="613"/>
      <c r="MSF722" s="613"/>
      <c r="MSG722" s="613"/>
      <c r="MSH722" s="613"/>
      <c r="MSI722" s="613"/>
      <c r="MSJ722" s="613"/>
      <c r="MSK722" s="613"/>
      <c r="MSL722" s="613"/>
      <c r="MSM722" s="613"/>
      <c r="MSN722" s="613"/>
      <c r="MSO722" s="613"/>
      <c r="MSP722" s="613"/>
      <c r="MSQ722" s="613"/>
      <c r="MSR722" s="613"/>
      <c r="MSS722" s="613"/>
      <c r="MST722" s="613"/>
      <c r="MSU722" s="613"/>
      <c r="MSV722" s="613"/>
      <c r="MSW722" s="613"/>
      <c r="MSX722" s="613"/>
      <c r="MSY722" s="613"/>
      <c r="MSZ722" s="613"/>
      <c r="MTA722" s="613"/>
      <c r="MTB722" s="613"/>
      <c r="MTC722" s="613"/>
      <c r="MTD722" s="613"/>
      <c r="MTE722" s="613"/>
      <c r="MTF722" s="613"/>
      <c r="MTG722" s="613"/>
      <c r="MTH722" s="613"/>
      <c r="MTI722" s="613"/>
      <c r="MTJ722" s="613"/>
      <c r="MTK722" s="613"/>
      <c r="MTL722" s="613"/>
      <c r="MTM722" s="613"/>
      <c r="MTN722" s="613"/>
      <c r="MTO722" s="613"/>
      <c r="MTP722" s="613"/>
      <c r="MTQ722" s="613"/>
      <c r="MTR722" s="613"/>
      <c r="MTS722" s="613"/>
      <c r="MTT722" s="613"/>
      <c r="MTU722" s="613"/>
      <c r="MTV722" s="613"/>
      <c r="MTW722" s="613"/>
      <c r="MTX722" s="613"/>
      <c r="MTY722" s="613"/>
      <c r="MTZ722" s="613"/>
      <c r="MUA722" s="613"/>
      <c r="MUB722" s="613"/>
      <c r="MUC722" s="613"/>
      <c r="MUD722" s="613"/>
      <c r="MUE722" s="613"/>
      <c r="MUF722" s="613"/>
      <c r="MUG722" s="613"/>
      <c r="MUH722" s="613"/>
      <c r="MUI722" s="613"/>
      <c r="MUJ722" s="613"/>
      <c r="MUK722" s="613"/>
      <c r="MUL722" s="613"/>
      <c r="MUM722" s="613"/>
      <c r="MUN722" s="613"/>
      <c r="MUO722" s="613"/>
      <c r="MUP722" s="613"/>
      <c r="MUQ722" s="613"/>
      <c r="MUR722" s="613"/>
      <c r="MUS722" s="613"/>
      <c r="MUT722" s="613"/>
      <c r="MUU722" s="613"/>
      <c r="MUV722" s="613"/>
      <c r="MUW722" s="613"/>
      <c r="MUX722" s="613"/>
      <c r="MUY722" s="613"/>
      <c r="MUZ722" s="613"/>
      <c r="MVA722" s="613"/>
      <c r="MVB722" s="613"/>
      <c r="MVC722" s="613"/>
      <c r="MVD722" s="613"/>
      <c r="MVE722" s="613"/>
      <c r="MVF722" s="613"/>
      <c r="MVG722" s="613"/>
      <c r="MVH722" s="613"/>
      <c r="MVI722" s="613"/>
      <c r="MVJ722" s="613"/>
      <c r="MVK722" s="613"/>
      <c r="MVL722" s="613"/>
      <c r="MVM722" s="613"/>
      <c r="MVN722" s="613"/>
      <c r="MVO722" s="613"/>
      <c r="MVP722" s="613"/>
      <c r="MVQ722" s="613"/>
      <c r="MVR722" s="613"/>
      <c r="MVS722" s="613"/>
      <c r="MVT722" s="613"/>
      <c r="MVU722" s="613"/>
      <c r="MVV722" s="613"/>
      <c r="MVW722" s="613"/>
      <c r="MVX722" s="613"/>
      <c r="MVY722" s="613"/>
      <c r="MVZ722" s="613"/>
      <c r="MWA722" s="613"/>
      <c r="MWB722" s="613"/>
      <c r="MWC722" s="613"/>
      <c r="MWD722" s="613"/>
      <c r="MWE722" s="613"/>
      <c r="MWF722" s="613"/>
      <c r="MWG722" s="613"/>
      <c r="MWH722" s="613"/>
      <c r="MWI722" s="613"/>
      <c r="MWJ722" s="613"/>
      <c r="MWK722" s="613"/>
      <c r="MWL722" s="613"/>
      <c r="MWM722" s="613"/>
      <c r="MWN722" s="613"/>
      <c r="MWO722" s="613"/>
      <c r="MWP722" s="613"/>
      <c r="MWQ722" s="613"/>
      <c r="MWR722" s="613"/>
      <c r="MWS722" s="613"/>
      <c r="MWT722" s="613"/>
      <c r="MWU722" s="613"/>
      <c r="MWV722" s="613"/>
      <c r="MWW722" s="613"/>
      <c r="MWX722" s="613"/>
      <c r="MWY722" s="613"/>
      <c r="MWZ722" s="613"/>
      <c r="MXA722" s="613"/>
      <c r="MXB722" s="613"/>
      <c r="MXC722" s="613"/>
      <c r="MXD722" s="613"/>
      <c r="MXE722" s="613"/>
      <c r="MXF722" s="613"/>
      <c r="MXG722" s="613"/>
      <c r="MXH722" s="613"/>
      <c r="MXI722" s="613"/>
      <c r="MXJ722" s="613"/>
      <c r="MXK722" s="613"/>
      <c r="MXL722" s="613"/>
      <c r="MXM722" s="613"/>
      <c r="MXN722" s="613"/>
      <c r="MXO722" s="613"/>
      <c r="MXP722" s="613"/>
      <c r="MXQ722" s="613"/>
      <c r="MXR722" s="613"/>
      <c r="MXS722" s="613"/>
      <c r="MXT722" s="613"/>
      <c r="MXU722" s="613"/>
      <c r="MXV722" s="613"/>
      <c r="MXW722" s="613"/>
      <c r="MXX722" s="613"/>
      <c r="MXY722" s="613"/>
      <c r="MXZ722" s="613"/>
      <c r="MYA722" s="613"/>
      <c r="MYB722" s="613"/>
      <c r="MYC722" s="613"/>
      <c r="MYD722" s="613"/>
      <c r="MYE722" s="613"/>
      <c r="MYF722" s="613"/>
      <c r="MYG722" s="613"/>
      <c r="MYH722" s="613"/>
      <c r="MYI722" s="613"/>
      <c r="MYJ722" s="613"/>
      <c r="MYK722" s="613"/>
      <c r="MYL722" s="613"/>
      <c r="MYM722" s="613"/>
      <c r="MYN722" s="613"/>
      <c r="MYO722" s="613"/>
      <c r="MYP722" s="613"/>
      <c r="MYQ722" s="613"/>
      <c r="MYR722" s="613"/>
      <c r="MYS722" s="613"/>
      <c r="MYT722" s="613"/>
      <c r="MYU722" s="613"/>
      <c r="MYV722" s="613"/>
      <c r="MYW722" s="613"/>
      <c r="MYX722" s="613"/>
      <c r="MYY722" s="613"/>
      <c r="MYZ722" s="613"/>
      <c r="MZA722" s="613"/>
      <c r="MZB722" s="613"/>
      <c r="MZC722" s="613"/>
      <c r="MZD722" s="613"/>
      <c r="MZE722" s="613"/>
      <c r="MZF722" s="613"/>
      <c r="MZG722" s="613"/>
      <c r="MZH722" s="613"/>
      <c r="MZI722" s="613"/>
      <c r="MZJ722" s="613"/>
      <c r="MZK722" s="613"/>
      <c r="MZL722" s="613"/>
      <c r="MZM722" s="613"/>
      <c r="MZN722" s="613"/>
      <c r="MZO722" s="613"/>
      <c r="MZP722" s="613"/>
      <c r="MZQ722" s="613"/>
      <c r="MZR722" s="613"/>
      <c r="MZS722" s="613"/>
      <c r="MZT722" s="613"/>
      <c r="MZU722" s="613"/>
      <c r="MZV722" s="613"/>
      <c r="MZW722" s="613"/>
      <c r="MZX722" s="613"/>
      <c r="MZY722" s="613"/>
      <c r="MZZ722" s="613"/>
      <c r="NAA722" s="613"/>
      <c r="NAB722" s="613"/>
      <c r="NAC722" s="613"/>
      <c r="NAD722" s="613"/>
      <c r="NAE722" s="613"/>
      <c r="NAF722" s="613"/>
      <c r="NAG722" s="613"/>
      <c r="NAH722" s="613"/>
      <c r="NAI722" s="613"/>
      <c r="NAJ722" s="613"/>
      <c r="NAK722" s="613"/>
      <c r="NAL722" s="613"/>
      <c r="NAM722" s="613"/>
      <c r="NAN722" s="613"/>
      <c r="NAO722" s="613"/>
      <c r="NAP722" s="613"/>
      <c r="NAQ722" s="613"/>
      <c r="NAR722" s="613"/>
      <c r="NAS722" s="613"/>
      <c r="NAT722" s="613"/>
      <c r="NAU722" s="613"/>
      <c r="NAV722" s="613"/>
      <c r="NAW722" s="613"/>
      <c r="NAX722" s="613"/>
      <c r="NAY722" s="613"/>
      <c r="NAZ722" s="613"/>
      <c r="NBA722" s="613"/>
      <c r="NBB722" s="613"/>
      <c r="NBC722" s="613"/>
      <c r="NBD722" s="613"/>
      <c r="NBE722" s="613"/>
      <c r="NBF722" s="613"/>
      <c r="NBG722" s="613"/>
      <c r="NBH722" s="613"/>
      <c r="NBI722" s="613"/>
      <c r="NBJ722" s="613"/>
      <c r="NBK722" s="613"/>
      <c r="NBL722" s="613"/>
      <c r="NBM722" s="613"/>
      <c r="NBN722" s="613"/>
      <c r="NBO722" s="613"/>
      <c r="NBP722" s="613"/>
      <c r="NBQ722" s="613"/>
      <c r="NBR722" s="613"/>
      <c r="NBS722" s="613"/>
      <c r="NBT722" s="613"/>
      <c r="NBU722" s="613"/>
      <c r="NBV722" s="613"/>
      <c r="NBW722" s="613"/>
      <c r="NBX722" s="613"/>
      <c r="NBY722" s="613"/>
      <c r="NBZ722" s="613"/>
      <c r="NCA722" s="613"/>
      <c r="NCB722" s="613"/>
      <c r="NCC722" s="613"/>
      <c r="NCD722" s="613"/>
      <c r="NCE722" s="613"/>
      <c r="NCF722" s="613"/>
      <c r="NCG722" s="613"/>
      <c r="NCH722" s="613"/>
      <c r="NCI722" s="613"/>
      <c r="NCJ722" s="613"/>
      <c r="NCK722" s="613"/>
      <c r="NCL722" s="613"/>
      <c r="NCM722" s="613"/>
      <c r="NCN722" s="613"/>
      <c r="NCO722" s="613"/>
      <c r="NCP722" s="613"/>
      <c r="NCQ722" s="613"/>
      <c r="NCR722" s="613"/>
      <c r="NCS722" s="613"/>
      <c r="NCT722" s="613"/>
      <c r="NCU722" s="613"/>
      <c r="NCV722" s="613"/>
      <c r="NCW722" s="613"/>
      <c r="NCX722" s="613"/>
      <c r="NCY722" s="613"/>
      <c r="NCZ722" s="613"/>
      <c r="NDA722" s="613"/>
      <c r="NDB722" s="613"/>
      <c r="NDC722" s="613"/>
      <c r="NDD722" s="613"/>
      <c r="NDE722" s="613"/>
      <c r="NDF722" s="613"/>
      <c r="NDG722" s="613"/>
      <c r="NDH722" s="613"/>
      <c r="NDI722" s="613"/>
      <c r="NDJ722" s="613"/>
      <c r="NDK722" s="613"/>
      <c r="NDL722" s="613"/>
      <c r="NDM722" s="613"/>
      <c r="NDN722" s="613"/>
      <c r="NDO722" s="613"/>
      <c r="NDP722" s="613"/>
      <c r="NDQ722" s="613"/>
      <c r="NDR722" s="613"/>
      <c r="NDS722" s="613"/>
      <c r="NDT722" s="613"/>
      <c r="NDU722" s="613"/>
      <c r="NDV722" s="613"/>
      <c r="NDW722" s="613"/>
      <c r="NDX722" s="613"/>
      <c r="NDY722" s="613"/>
      <c r="NDZ722" s="613"/>
      <c r="NEA722" s="613"/>
      <c r="NEB722" s="613"/>
      <c r="NEC722" s="613"/>
      <c r="NED722" s="613"/>
      <c r="NEE722" s="613"/>
      <c r="NEF722" s="613"/>
      <c r="NEG722" s="613"/>
      <c r="NEH722" s="613"/>
      <c r="NEI722" s="613"/>
      <c r="NEJ722" s="613"/>
      <c r="NEK722" s="613"/>
      <c r="NEL722" s="613"/>
      <c r="NEM722" s="613"/>
      <c r="NEN722" s="613"/>
      <c r="NEO722" s="613"/>
      <c r="NEP722" s="613"/>
      <c r="NEQ722" s="613"/>
      <c r="NER722" s="613"/>
      <c r="NES722" s="613"/>
      <c r="NET722" s="613"/>
      <c r="NEU722" s="613"/>
      <c r="NEV722" s="613"/>
      <c r="NEW722" s="613"/>
      <c r="NEX722" s="613"/>
      <c r="NEY722" s="613"/>
      <c r="NEZ722" s="613"/>
      <c r="NFA722" s="613"/>
      <c r="NFB722" s="613"/>
      <c r="NFC722" s="613"/>
      <c r="NFD722" s="613"/>
      <c r="NFE722" s="613"/>
      <c r="NFF722" s="613"/>
      <c r="NFG722" s="613"/>
      <c r="NFH722" s="613"/>
      <c r="NFI722" s="613"/>
      <c r="NFJ722" s="613"/>
      <c r="NFK722" s="613"/>
      <c r="NFL722" s="613"/>
      <c r="NFM722" s="613"/>
      <c r="NFN722" s="613"/>
      <c r="NFO722" s="613"/>
      <c r="NFP722" s="613"/>
      <c r="NFQ722" s="613"/>
      <c r="NFR722" s="613"/>
      <c r="NFS722" s="613"/>
      <c r="NFT722" s="613"/>
      <c r="NFU722" s="613"/>
      <c r="NFV722" s="613"/>
      <c r="NFW722" s="613"/>
      <c r="NFX722" s="613"/>
      <c r="NFY722" s="613"/>
      <c r="NFZ722" s="613"/>
      <c r="NGA722" s="613"/>
      <c r="NGB722" s="613"/>
      <c r="NGC722" s="613"/>
      <c r="NGD722" s="613"/>
      <c r="NGE722" s="613"/>
      <c r="NGF722" s="613"/>
      <c r="NGG722" s="613"/>
      <c r="NGH722" s="613"/>
      <c r="NGI722" s="613"/>
      <c r="NGJ722" s="613"/>
      <c r="NGK722" s="613"/>
      <c r="NGL722" s="613"/>
      <c r="NGM722" s="613"/>
      <c r="NGN722" s="613"/>
      <c r="NGO722" s="613"/>
      <c r="NGP722" s="613"/>
      <c r="NGQ722" s="613"/>
      <c r="NGR722" s="613"/>
      <c r="NGS722" s="613"/>
      <c r="NGT722" s="613"/>
      <c r="NGU722" s="613"/>
      <c r="NGV722" s="613"/>
      <c r="NGW722" s="613"/>
      <c r="NGX722" s="613"/>
      <c r="NGY722" s="613"/>
      <c r="NGZ722" s="613"/>
      <c r="NHA722" s="613"/>
      <c r="NHB722" s="613"/>
      <c r="NHC722" s="613"/>
      <c r="NHD722" s="613"/>
      <c r="NHE722" s="613"/>
      <c r="NHF722" s="613"/>
      <c r="NHG722" s="613"/>
      <c r="NHH722" s="613"/>
      <c r="NHI722" s="613"/>
      <c r="NHJ722" s="613"/>
      <c r="NHK722" s="613"/>
      <c r="NHL722" s="613"/>
      <c r="NHM722" s="613"/>
      <c r="NHN722" s="613"/>
      <c r="NHO722" s="613"/>
      <c r="NHP722" s="613"/>
      <c r="NHQ722" s="613"/>
      <c r="NHR722" s="613"/>
      <c r="NHS722" s="613"/>
      <c r="NHT722" s="613"/>
      <c r="NHU722" s="613"/>
      <c r="NHV722" s="613"/>
      <c r="NHW722" s="613"/>
      <c r="NHX722" s="613"/>
      <c r="NHY722" s="613"/>
      <c r="NHZ722" s="613"/>
      <c r="NIA722" s="613"/>
      <c r="NIB722" s="613"/>
      <c r="NIC722" s="613"/>
      <c r="NID722" s="613"/>
      <c r="NIE722" s="613"/>
      <c r="NIF722" s="613"/>
      <c r="NIG722" s="613"/>
      <c r="NIH722" s="613"/>
      <c r="NII722" s="613"/>
      <c r="NIJ722" s="613"/>
      <c r="NIK722" s="613"/>
      <c r="NIL722" s="613"/>
      <c r="NIM722" s="613"/>
      <c r="NIN722" s="613"/>
      <c r="NIO722" s="613"/>
      <c r="NIP722" s="613"/>
      <c r="NIQ722" s="613"/>
      <c r="NIR722" s="613"/>
      <c r="NIS722" s="613"/>
      <c r="NIT722" s="613"/>
      <c r="NIU722" s="613"/>
      <c r="NIV722" s="613"/>
      <c r="NIW722" s="613"/>
      <c r="NIX722" s="613"/>
      <c r="NIY722" s="613"/>
      <c r="NIZ722" s="613"/>
      <c r="NJA722" s="613"/>
      <c r="NJB722" s="613"/>
      <c r="NJC722" s="613"/>
      <c r="NJD722" s="613"/>
      <c r="NJE722" s="613"/>
      <c r="NJF722" s="613"/>
      <c r="NJG722" s="613"/>
      <c r="NJH722" s="613"/>
      <c r="NJI722" s="613"/>
      <c r="NJJ722" s="613"/>
      <c r="NJK722" s="613"/>
      <c r="NJL722" s="613"/>
      <c r="NJM722" s="613"/>
      <c r="NJN722" s="613"/>
      <c r="NJO722" s="613"/>
      <c r="NJP722" s="613"/>
      <c r="NJQ722" s="613"/>
      <c r="NJR722" s="613"/>
      <c r="NJS722" s="613"/>
      <c r="NJT722" s="613"/>
      <c r="NJU722" s="613"/>
      <c r="NJV722" s="613"/>
      <c r="NJW722" s="613"/>
      <c r="NJX722" s="613"/>
      <c r="NJY722" s="613"/>
      <c r="NJZ722" s="613"/>
      <c r="NKA722" s="613"/>
      <c r="NKB722" s="613"/>
      <c r="NKC722" s="613"/>
      <c r="NKD722" s="613"/>
      <c r="NKE722" s="613"/>
      <c r="NKF722" s="613"/>
      <c r="NKG722" s="613"/>
      <c r="NKH722" s="613"/>
      <c r="NKI722" s="613"/>
      <c r="NKJ722" s="613"/>
      <c r="NKK722" s="613"/>
      <c r="NKL722" s="613"/>
      <c r="NKM722" s="613"/>
      <c r="NKN722" s="613"/>
      <c r="NKO722" s="613"/>
      <c r="NKP722" s="613"/>
      <c r="NKQ722" s="613"/>
      <c r="NKR722" s="613"/>
      <c r="NKS722" s="613"/>
      <c r="NKT722" s="613"/>
      <c r="NKU722" s="613"/>
      <c r="NKV722" s="613"/>
      <c r="NKW722" s="613"/>
      <c r="NKX722" s="613"/>
      <c r="NKY722" s="613"/>
      <c r="NKZ722" s="613"/>
      <c r="NLA722" s="613"/>
      <c r="NLB722" s="613"/>
      <c r="NLC722" s="613"/>
      <c r="NLD722" s="613"/>
      <c r="NLE722" s="613"/>
      <c r="NLF722" s="613"/>
      <c r="NLG722" s="613"/>
      <c r="NLH722" s="613"/>
      <c r="NLI722" s="613"/>
      <c r="NLJ722" s="613"/>
      <c r="NLK722" s="613"/>
      <c r="NLL722" s="613"/>
      <c r="NLM722" s="613"/>
      <c r="NLN722" s="613"/>
      <c r="NLO722" s="613"/>
      <c r="NLP722" s="613"/>
      <c r="NLQ722" s="613"/>
      <c r="NLR722" s="613"/>
      <c r="NLS722" s="613"/>
      <c r="NLT722" s="613"/>
      <c r="NLU722" s="613"/>
      <c r="NLV722" s="613"/>
      <c r="NLW722" s="613"/>
      <c r="NLX722" s="613"/>
      <c r="NLY722" s="613"/>
      <c r="NLZ722" s="613"/>
      <c r="NMA722" s="613"/>
      <c r="NMB722" s="613"/>
      <c r="NMC722" s="613"/>
      <c r="NMD722" s="613"/>
      <c r="NME722" s="613"/>
      <c r="NMF722" s="613"/>
      <c r="NMG722" s="613"/>
      <c r="NMH722" s="613"/>
      <c r="NMI722" s="613"/>
      <c r="NMJ722" s="613"/>
      <c r="NMK722" s="613"/>
      <c r="NML722" s="613"/>
      <c r="NMM722" s="613"/>
      <c r="NMN722" s="613"/>
      <c r="NMO722" s="613"/>
      <c r="NMP722" s="613"/>
      <c r="NMQ722" s="613"/>
      <c r="NMR722" s="613"/>
      <c r="NMS722" s="613"/>
      <c r="NMT722" s="613"/>
      <c r="NMU722" s="613"/>
      <c r="NMV722" s="613"/>
      <c r="NMW722" s="613"/>
      <c r="NMX722" s="613"/>
      <c r="NMY722" s="613"/>
      <c r="NMZ722" s="613"/>
      <c r="NNA722" s="613"/>
      <c r="NNB722" s="613"/>
      <c r="NNC722" s="613"/>
      <c r="NND722" s="613"/>
      <c r="NNE722" s="613"/>
      <c r="NNF722" s="613"/>
      <c r="NNG722" s="613"/>
      <c r="NNH722" s="613"/>
      <c r="NNI722" s="613"/>
      <c r="NNJ722" s="613"/>
      <c r="NNK722" s="613"/>
      <c r="NNL722" s="613"/>
      <c r="NNM722" s="613"/>
      <c r="NNN722" s="613"/>
      <c r="NNO722" s="613"/>
      <c r="NNP722" s="613"/>
      <c r="NNQ722" s="613"/>
      <c r="NNR722" s="613"/>
      <c r="NNS722" s="613"/>
      <c r="NNT722" s="613"/>
      <c r="NNU722" s="613"/>
      <c r="NNV722" s="613"/>
      <c r="NNW722" s="613"/>
      <c r="NNX722" s="613"/>
      <c r="NNY722" s="613"/>
      <c r="NNZ722" s="613"/>
      <c r="NOA722" s="613"/>
      <c r="NOB722" s="613"/>
      <c r="NOC722" s="613"/>
      <c r="NOD722" s="613"/>
      <c r="NOE722" s="613"/>
      <c r="NOF722" s="613"/>
      <c r="NOG722" s="613"/>
      <c r="NOH722" s="613"/>
      <c r="NOI722" s="613"/>
      <c r="NOJ722" s="613"/>
      <c r="NOK722" s="613"/>
      <c r="NOL722" s="613"/>
      <c r="NOM722" s="613"/>
      <c r="NON722" s="613"/>
      <c r="NOO722" s="613"/>
      <c r="NOP722" s="613"/>
      <c r="NOQ722" s="613"/>
      <c r="NOR722" s="613"/>
      <c r="NOS722" s="613"/>
      <c r="NOT722" s="613"/>
      <c r="NOU722" s="613"/>
      <c r="NOV722" s="613"/>
      <c r="NOW722" s="613"/>
      <c r="NOX722" s="613"/>
      <c r="NOY722" s="613"/>
      <c r="NOZ722" s="613"/>
      <c r="NPA722" s="613"/>
      <c r="NPB722" s="613"/>
      <c r="NPC722" s="613"/>
      <c r="NPD722" s="613"/>
      <c r="NPE722" s="613"/>
      <c r="NPF722" s="613"/>
      <c r="NPG722" s="613"/>
      <c r="NPH722" s="613"/>
      <c r="NPI722" s="613"/>
      <c r="NPJ722" s="613"/>
      <c r="NPK722" s="613"/>
      <c r="NPL722" s="613"/>
      <c r="NPM722" s="613"/>
      <c r="NPN722" s="613"/>
      <c r="NPO722" s="613"/>
      <c r="NPP722" s="613"/>
      <c r="NPQ722" s="613"/>
      <c r="NPR722" s="613"/>
      <c r="NPS722" s="613"/>
      <c r="NPT722" s="613"/>
      <c r="NPU722" s="613"/>
      <c r="NPV722" s="613"/>
      <c r="NPW722" s="613"/>
      <c r="NPX722" s="613"/>
      <c r="NPY722" s="613"/>
      <c r="NPZ722" s="613"/>
      <c r="NQA722" s="613"/>
      <c r="NQB722" s="613"/>
      <c r="NQC722" s="613"/>
      <c r="NQD722" s="613"/>
      <c r="NQE722" s="613"/>
      <c r="NQF722" s="613"/>
      <c r="NQG722" s="613"/>
      <c r="NQH722" s="613"/>
      <c r="NQI722" s="613"/>
      <c r="NQJ722" s="613"/>
      <c r="NQK722" s="613"/>
      <c r="NQL722" s="613"/>
      <c r="NQM722" s="613"/>
      <c r="NQN722" s="613"/>
      <c r="NQO722" s="613"/>
      <c r="NQP722" s="613"/>
      <c r="NQQ722" s="613"/>
      <c r="NQR722" s="613"/>
      <c r="NQS722" s="613"/>
      <c r="NQT722" s="613"/>
      <c r="NQU722" s="613"/>
      <c r="NQV722" s="613"/>
      <c r="NQW722" s="613"/>
      <c r="NQX722" s="613"/>
      <c r="NQY722" s="613"/>
      <c r="NQZ722" s="613"/>
      <c r="NRA722" s="613"/>
      <c r="NRB722" s="613"/>
      <c r="NRC722" s="613"/>
      <c r="NRD722" s="613"/>
      <c r="NRE722" s="613"/>
      <c r="NRF722" s="613"/>
      <c r="NRG722" s="613"/>
      <c r="NRH722" s="613"/>
      <c r="NRI722" s="613"/>
      <c r="NRJ722" s="613"/>
      <c r="NRK722" s="613"/>
      <c r="NRL722" s="613"/>
      <c r="NRM722" s="613"/>
      <c r="NRN722" s="613"/>
      <c r="NRO722" s="613"/>
      <c r="NRP722" s="613"/>
      <c r="NRQ722" s="613"/>
      <c r="NRR722" s="613"/>
      <c r="NRS722" s="613"/>
      <c r="NRT722" s="613"/>
      <c r="NRU722" s="613"/>
      <c r="NRV722" s="613"/>
      <c r="NRW722" s="613"/>
      <c r="NRX722" s="613"/>
      <c r="NRY722" s="613"/>
      <c r="NRZ722" s="613"/>
      <c r="NSA722" s="613"/>
      <c r="NSB722" s="613"/>
      <c r="NSC722" s="613"/>
      <c r="NSD722" s="613"/>
      <c r="NSE722" s="613"/>
      <c r="NSF722" s="613"/>
      <c r="NSG722" s="613"/>
      <c r="NSH722" s="613"/>
      <c r="NSI722" s="613"/>
      <c r="NSJ722" s="613"/>
      <c r="NSK722" s="613"/>
      <c r="NSL722" s="613"/>
      <c r="NSM722" s="613"/>
      <c r="NSN722" s="613"/>
      <c r="NSO722" s="613"/>
      <c r="NSP722" s="613"/>
      <c r="NSQ722" s="613"/>
      <c r="NSR722" s="613"/>
      <c r="NSS722" s="613"/>
      <c r="NST722" s="613"/>
      <c r="NSU722" s="613"/>
      <c r="NSV722" s="613"/>
      <c r="NSW722" s="613"/>
      <c r="NSX722" s="613"/>
      <c r="NSY722" s="613"/>
      <c r="NSZ722" s="613"/>
      <c r="NTA722" s="613"/>
      <c r="NTB722" s="613"/>
      <c r="NTC722" s="613"/>
      <c r="NTD722" s="613"/>
      <c r="NTE722" s="613"/>
      <c r="NTF722" s="613"/>
      <c r="NTG722" s="613"/>
      <c r="NTH722" s="613"/>
      <c r="NTI722" s="613"/>
      <c r="NTJ722" s="613"/>
      <c r="NTK722" s="613"/>
      <c r="NTL722" s="613"/>
      <c r="NTM722" s="613"/>
      <c r="NTN722" s="613"/>
      <c r="NTO722" s="613"/>
      <c r="NTP722" s="613"/>
      <c r="NTQ722" s="613"/>
      <c r="NTR722" s="613"/>
      <c r="NTS722" s="613"/>
      <c r="NTT722" s="613"/>
      <c r="NTU722" s="613"/>
      <c r="NTV722" s="613"/>
      <c r="NTW722" s="613"/>
      <c r="NTX722" s="613"/>
      <c r="NTY722" s="613"/>
      <c r="NTZ722" s="613"/>
      <c r="NUA722" s="613"/>
      <c r="NUB722" s="613"/>
      <c r="NUC722" s="613"/>
      <c r="NUD722" s="613"/>
      <c r="NUE722" s="613"/>
      <c r="NUF722" s="613"/>
      <c r="NUG722" s="613"/>
      <c r="NUH722" s="613"/>
      <c r="NUI722" s="613"/>
      <c r="NUJ722" s="613"/>
      <c r="NUK722" s="613"/>
      <c r="NUL722" s="613"/>
      <c r="NUM722" s="613"/>
      <c r="NUN722" s="613"/>
      <c r="NUO722" s="613"/>
      <c r="NUP722" s="613"/>
      <c r="NUQ722" s="613"/>
      <c r="NUR722" s="613"/>
      <c r="NUS722" s="613"/>
      <c r="NUT722" s="613"/>
      <c r="NUU722" s="613"/>
      <c r="NUV722" s="613"/>
      <c r="NUW722" s="613"/>
      <c r="NUX722" s="613"/>
      <c r="NUY722" s="613"/>
      <c r="NUZ722" s="613"/>
      <c r="NVA722" s="613"/>
      <c r="NVB722" s="613"/>
      <c r="NVC722" s="613"/>
      <c r="NVD722" s="613"/>
      <c r="NVE722" s="613"/>
      <c r="NVF722" s="613"/>
      <c r="NVG722" s="613"/>
      <c r="NVH722" s="613"/>
      <c r="NVI722" s="613"/>
      <c r="NVJ722" s="613"/>
      <c r="NVK722" s="613"/>
      <c r="NVL722" s="613"/>
      <c r="NVM722" s="613"/>
      <c r="NVN722" s="613"/>
      <c r="NVO722" s="613"/>
      <c r="NVP722" s="613"/>
      <c r="NVQ722" s="613"/>
      <c r="NVR722" s="613"/>
      <c r="NVS722" s="613"/>
      <c r="NVT722" s="613"/>
      <c r="NVU722" s="613"/>
      <c r="NVV722" s="613"/>
      <c r="NVW722" s="613"/>
      <c r="NVX722" s="613"/>
      <c r="NVY722" s="613"/>
      <c r="NVZ722" s="613"/>
      <c r="NWA722" s="613"/>
      <c r="NWB722" s="613"/>
      <c r="NWC722" s="613"/>
      <c r="NWD722" s="613"/>
      <c r="NWE722" s="613"/>
      <c r="NWF722" s="613"/>
      <c r="NWG722" s="613"/>
      <c r="NWH722" s="613"/>
      <c r="NWI722" s="613"/>
      <c r="NWJ722" s="613"/>
      <c r="NWK722" s="613"/>
      <c r="NWL722" s="613"/>
      <c r="NWM722" s="613"/>
      <c r="NWN722" s="613"/>
      <c r="NWO722" s="613"/>
      <c r="NWP722" s="613"/>
      <c r="NWQ722" s="613"/>
      <c r="NWR722" s="613"/>
      <c r="NWS722" s="613"/>
      <c r="NWT722" s="613"/>
      <c r="NWU722" s="613"/>
      <c r="NWV722" s="613"/>
      <c r="NWW722" s="613"/>
      <c r="NWX722" s="613"/>
      <c r="NWY722" s="613"/>
      <c r="NWZ722" s="613"/>
      <c r="NXA722" s="613"/>
      <c r="NXB722" s="613"/>
      <c r="NXC722" s="613"/>
      <c r="NXD722" s="613"/>
      <c r="NXE722" s="613"/>
      <c r="NXF722" s="613"/>
      <c r="NXG722" s="613"/>
      <c r="NXH722" s="613"/>
      <c r="NXI722" s="613"/>
      <c r="NXJ722" s="613"/>
      <c r="NXK722" s="613"/>
      <c r="NXL722" s="613"/>
      <c r="NXM722" s="613"/>
      <c r="NXN722" s="613"/>
      <c r="NXO722" s="613"/>
      <c r="NXP722" s="613"/>
      <c r="NXQ722" s="613"/>
      <c r="NXR722" s="613"/>
      <c r="NXS722" s="613"/>
      <c r="NXT722" s="613"/>
      <c r="NXU722" s="613"/>
      <c r="NXV722" s="613"/>
      <c r="NXW722" s="613"/>
      <c r="NXX722" s="613"/>
      <c r="NXY722" s="613"/>
      <c r="NXZ722" s="613"/>
      <c r="NYA722" s="613"/>
      <c r="NYB722" s="613"/>
      <c r="NYC722" s="613"/>
      <c r="NYD722" s="613"/>
      <c r="NYE722" s="613"/>
      <c r="NYF722" s="613"/>
      <c r="NYG722" s="613"/>
      <c r="NYH722" s="613"/>
      <c r="NYI722" s="613"/>
      <c r="NYJ722" s="613"/>
      <c r="NYK722" s="613"/>
      <c r="NYL722" s="613"/>
      <c r="NYM722" s="613"/>
      <c r="NYN722" s="613"/>
      <c r="NYO722" s="613"/>
      <c r="NYP722" s="613"/>
      <c r="NYQ722" s="613"/>
      <c r="NYR722" s="613"/>
      <c r="NYS722" s="613"/>
      <c r="NYT722" s="613"/>
      <c r="NYU722" s="613"/>
      <c r="NYV722" s="613"/>
      <c r="NYW722" s="613"/>
      <c r="NYX722" s="613"/>
      <c r="NYY722" s="613"/>
      <c r="NYZ722" s="613"/>
      <c r="NZA722" s="613"/>
      <c r="NZB722" s="613"/>
      <c r="NZC722" s="613"/>
      <c r="NZD722" s="613"/>
      <c r="NZE722" s="613"/>
      <c r="NZF722" s="613"/>
      <c r="NZG722" s="613"/>
      <c r="NZH722" s="613"/>
      <c r="NZI722" s="613"/>
      <c r="NZJ722" s="613"/>
      <c r="NZK722" s="613"/>
      <c r="NZL722" s="613"/>
      <c r="NZM722" s="613"/>
      <c r="NZN722" s="613"/>
      <c r="NZO722" s="613"/>
      <c r="NZP722" s="613"/>
      <c r="NZQ722" s="613"/>
      <c r="NZR722" s="613"/>
      <c r="NZS722" s="613"/>
      <c r="NZT722" s="613"/>
      <c r="NZU722" s="613"/>
      <c r="NZV722" s="613"/>
      <c r="NZW722" s="613"/>
      <c r="NZX722" s="613"/>
      <c r="NZY722" s="613"/>
      <c r="NZZ722" s="613"/>
      <c r="OAA722" s="613"/>
      <c r="OAB722" s="613"/>
      <c r="OAC722" s="613"/>
      <c r="OAD722" s="613"/>
      <c r="OAE722" s="613"/>
      <c r="OAF722" s="613"/>
      <c r="OAG722" s="613"/>
      <c r="OAH722" s="613"/>
      <c r="OAI722" s="613"/>
      <c r="OAJ722" s="613"/>
      <c r="OAK722" s="613"/>
      <c r="OAL722" s="613"/>
      <c r="OAM722" s="613"/>
      <c r="OAN722" s="613"/>
      <c r="OAO722" s="613"/>
      <c r="OAP722" s="613"/>
      <c r="OAQ722" s="613"/>
      <c r="OAR722" s="613"/>
      <c r="OAS722" s="613"/>
      <c r="OAT722" s="613"/>
      <c r="OAU722" s="613"/>
      <c r="OAV722" s="613"/>
      <c r="OAW722" s="613"/>
      <c r="OAX722" s="613"/>
      <c r="OAY722" s="613"/>
      <c r="OAZ722" s="613"/>
      <c r="OBA722" s="613"/>
      <c r="OBB722" s="613"/>
      <c r="OBC722" s="613"/>
      <c r="OBD722" s="613"/>
      <c r="OBE722" s="613"/>
      <c r="OBF722" s="613"/>
      <c r="OBG722" s="613"/>
      <c r="OBH722" s="613"/>
      <c r="OBI722" s="613"/>
      <c r="OBJ722" s="613"/>
      <c r="OBK722" s="613"/>
      <c r="OBL722" s="613"/>
      <c r="OBM722" s="613"/>
      <c r="OBN722" s="613"/>
      <c r="OBO722" s="613"/>
      <c r="OBP722" s="613"/>
      <c r="OBQ722" s="613"/>
      <c r="OBR722" s="613"/>
      <c r="OBS722" s="613"/>
      <c r="OBT722" s="613"/>
      <c r="OBU722" s="613"/>
      <c r="OBV722" s="613"/>
      <c r="OBW722" s="613"/>
      <c r="OBX722" s="613"/>
      <c r="OBY722" s="613"/>
      <c r="OBZ722" s="613"/>
      <c r="OCA722" s="613"/>
      <c r="OCB722" s="613"/>
      <c r="OCC722" s="613"/>
      <c r="OCD722" s="613"/>
      <c r="OCE722" s="613"/>
      <c r="OCF722" s="613"/>
      <c r="OCG722" s="613"/>
      <c r="OCH722" s="613"/>
      <c r="OCI722" s="613"/>
      <c r="OCJ722" s="613"/>
      <c r="OCK722" s="613"/>
      <c r="OCL722" s="613"/>
      <c r="OCM722" s="613"/>
      <c r="OCN722" s="613"/>
      <c r="OCO722" s="613"/>
      <c r="OCP722" s="613"/>
      <c r="OCQ722" s="613"/>
      <c r="OCR722" s="613"/>
      <c r="OCS722" s="613"/>
      <c r="OCT722" s="613"/>
      <c r="OCU722" s="613"/>
      <c r="OCV722" s="613"/>
      <c r="OCW722" s="613"/>
      <c r="OCX722" s="613"/>
      <c r="OCY722" s="613"/>
      <c r="OCZ722" s="613"/>
      <c r="ODA722" s="613"/>
      <c r="ODB722" s="613"/>
      <c r="ODC722" s="613"/>
      <c r="ODD722" s="613"/>
      <c r="ODE722" s="613"/>
      <c r="ODF722" s="613"/>
      <c r="ODG722" s="613"/>
      <c r="ODH722" s="613"/>
      <c r="ODI722" s="613"/>
      <c r="ODJ722" s="613"/>
      <c r="ODK722" s="613"/>
      <c r="ODL722" s="613"/>
      <c r="ODM722" s="613"/>
      <c r="ODN722" s="613"/>
      <c r="ODO722" s="613"/>
      <c r="ODP722" s="613"/>
      <c r="ODQ722" s="613"/>
      <c r="ODR722" s="613"/>
      <c r="ODS722" s="613"/>
      <c r="ODT722" s="613"/>
      <c r="ODU722" s="613"/>
      <c r="ODV722" s="613"/>
      <c r="ODW722" s="613"/>
      <c r="ODX722" s="613"/>
      <c r="ODY722" s="613"/>
      <c r="ODZ722" s="613"/>
      <c r="OEA722" s="613"/>
      <c r="OEB722" s="613"/>
      <c r="OEC722" s="613"/>
      <c r="OED722" s="613"/>
      <c r="OEE722" s="613"/>
      <c r="OEF722" s="613"/>
      <c r="OEG722" s="613"/>
      <c r="OEH722" s="613"/>
      <c r="OEI722" s="613"/>
      <c r="OEJ722" s="613"/>
      <c r="OEK722" s="613"/>
      <c r="OEL722" s="613"/>
      <c r="OEM722" s="613"/>
      <c r="OEN722" s="613"/>
      <c r="OEO722" s="613"/>
      <c r="OEP722" s="613"/>
      <c r="OEQ722" s="613"/>
      <c r="OER722" s="613"/>
      <c r="OES722" s="613"/>
      <c r="OET722" s="613"/>
      <c r="OEU722" s="613"/>
      <c r="OEV722" s="613"/>
      <c r="OEW722" s="613"/>
      <c r="OEX722" s="613"/>
      <c r="OEY722" s="613"/>
      <c r="OEZ722" s="613"/>
      <c r="OFA722" s="613"/>
      <c r="OFB722" s="613"/>
      <c r="OFC722" s="613"/>
      <c r="OFD722" s="613"/>
      <c r="OFE722" s="613"/>
      <c r="OFF722" s="613"/>
      <c r="OFG722" s="613"/>
      <c r="OFH722" s="613"/>
      <c r="OFI722" s="613"/>
      <c r="OFJ722" s="613"/>
      <c r="OFK722" s="613"/>
      <c r="OFL722" s="613"/>
      <c r="OFM722" s="613"/>
      <c r="OFN722" s="613"/>
      <c r="OFO722" s="613"/>
      <c r="OFP722" s="613"/>
      <c r="OFQ722" s="613"/>
      <c r="OFR722" s="613"/>
      <c r="OFS722" s="613"/>
      <c r="OFT722" s="613"/>
      <c r="OFU722" s="613"/>
      <c r="OFV722" s="613"/>
      <c r="OFW722" s="613"/>
      <c r="OFX722" s="613"/>
      <c r="OFY722" s="613"/>
      <c r="OFZ722" s="613"/>
      <c r="OGA722" s="613"/>
      <c r="OGB722" s="613"/>
      <c r="OGC722" s="613"/>
      <c r="OGD722" s="613"/>
      <c r="OGE722" s="613"/>
      <c r="OGF722" s="613"/>
      <c r="OGG722" s="613"/>
      <c r="OGH722" s="613"/>
      <c r="OGI722" s="613"/>
      <c r="OGJ722" s="613"/>
      <c r="OGK722" s="613"/>
      <c r="OGL722" s="613"/>
      <c r="OGM722" s="613"/>
      <c r="OGN722" s="613"/>
      <c r="OGO722" s="613"/>
      <c r="OGP722" s="613"/>
      <c r="OGQ722" s="613"/>
      <c r="OGR722" s="613"/>
      <c r="OGS722" s="613"/>
      <c r="OGT722" s="613"/>
      <c r="OGU722" s="613"/>
      <c r="OGV722" s="613"/>
      <c r="OGW722" s="613"/>
      <c r="OGX722" s="613"/>
      <c r="OGY722" s="613"/>
      <c r="OGZ722" s="613"/>
      <c r="OHA722" s="613"/>
      <c r="OHB722" s="613"/>
      <c r="OHC722" s="613"/>
      <c r="OHD722" s="613"/>
      <c r="OHE722" s="613"/>
      <c r="OHF722" s="613"/>
      <c r="OHG722" s="613"/>
      <c r="OHH722" s="613"/>
      <c r="OHI722" s="613"/>
      <c r="OHJ722" s="613"/>
      <c r="OHK722" s="613"/>
      <c r="OHL722" s="613"/>
      <c r="OHM722" s="613"/>
      <c r="OHN722" s="613"/>
      <c r="OHO722" s="613"/>
      <c r="OHP722" s="613"/>
      <c r="OHQ722" s="613"/>
      <c r="OHR722" s="613"/>
      <c r="OHS722" s="613"/>
      <c r="OHT722" s="613"/>
      <c r="OHU722" s="613"/>
      <c r="OHV722" s="613"/>
      <c r="OHW722" s="613"/>
      <c r="OHX722" s="613"/>
      <c r="OHY722" s="613"/>
      <c r="OHZ722" s="613"/>
      <c r="OIA722" s="613"/>
      <c r="OIB722" s="613"/>
      <c r="OIC722" s="613"/>
      <c r="OID722" s="613"/>
      <c r="OIE722" s="613"/>
      <c r="OIF722" s="613"/>
      <c r="OIG722" s="613"/>
      <c r="OIH722" s="613"/>
      <c r="OII722" s="613"/>
      <c r="OIJ722" s="613"/>
      <c r="OIK722" s="613"/>
      <c r="OIL722" s="613"/>
      <c r="OIM722" s="613"/>
      <c r="OIN722" s="613"/>
      <c r="OIO722" s="613"/>
      <c r="OIP722" s="613"/>
      <c r="OIQ722" s="613"/>
      <c r="OIR722" s="613"/>
      <c r="OIS722" s="613"/>
      <c r="OIT722" s="613"/>
      <c r="OIU722" s="613"/>
      <c r="OIV722" s="613"/>
      <c r="OIW722" s="613"/>
      <c r="OIX722" s="613"/>
      <c r="OIY722" s="613"/>
      <c r="OIZ722" s="613"/>
      <c r="OJA722" s="613"/>
      <c r="OJB722" s="613"/>
      <c r="OJC722" s="613"/>
      <c r="OJD722" s="613"/>
      <c r="OJE722" s="613"/>
      <c r="OJF722" s="613"/>
      <c r="OJG722" s="613"/>
      <c r="OJH722" s="613"/>
      <c r="OJI722" s="613"/>
      <c r="OJJ722" s="613"/>
      <c r="OJK722" s="613"/>
      <c r="OJL722" s="613"/>
      <c r="OJM722" s="613"/>
      <c r="OJN722" s="613"/>
      <c r="OJO722" s="613"/>
      <c r="OJP722" s="613"/>
      <c r="OJQ722" s="613"/>
      <c r="OJR722" s="613"/>
      <c r="OJS722" s="613"/>
      <c r="OJT722" s="613"/>
      <c r="OJU722" s="613"/>
      <c r="OJV722" s="613"/>
      <c r="OJW722" s="613"/>
      <c r="OJX722" s="613"/>
      <c r="OJY722" s="613"/>
      <c r="OJZ722" s="613"/>
      <c r="OKA722" s="613"/>
      <c r="OKB722" s="613"/>
      <c r="OKC722" s="613"/>
      <c r="OKD722" s="613"/>
      <c r="OKE722" s="613"/>
      <c r="OKF722" s="613"/>
      <c r="OKG722" s="613"/>
      <c r="OKH722" s="613"/>
      <c r="OKI722" s="613"/>
      <c r="OKJ722" s="613"/>
      <c r="OKK722" s="613"/>
      <c r="OKL722" s="613"/>
      <c r="OKM722" s="613"/>
      <c r="OKN722" s="613"/>
      <c r="OKO722" s="613"/>
      <c r="OKP722" s="613"/>
      <c r="OKQ722" s="613"/>
      <c r="OKR722" s="613"/>
      <c r="OKS722" s="613"/>
      <c r="OKT722" s="613"/>
      <c r="OKU722" s="613"/>
      <c r="OKV722" s="613"/>
      <c r="OKW722" s="613"/>
      <c r="OKX722" s="613"/>
      <c r="OKY722" s="613"/>
      <c r="OKZ722" s="613"/>
      <c r="OLA722" s="613"/>
      <c r="OLB722" s="613"/>
      <c r="OLC722" s="613"/>
      <c r="OLD722" s="613"/>
      <c r="OLE722" s="613"/>
      <c r="OLF722" s="613"/>
      <c r="OLG722" s="613"/>
      <c r="OLH722" s="613"/>
      <c r="OLI722" s="613"/>
      <c r="OLJ722" s="613"/>
      <c r="OLK722" s="613"/>
      <c r="OLL722" s="613"/>
      <c r="OLM722" s="613"/>
      <c r="OLN722" s="613"/>
      <c r="OLO722" s="613"/>
      <c r="OLP722" s="613"/>
      <c r="OLQ722" s="613"/>
      <c r="OLR722" s="613"/>
      <c r="OLS722" s="613"/>
      <c r="OLT722" s="613"/>
      <c r="OLU722" s="613"/>
      <c r="OLV722" s="613"/>
      <c r="OLW722" s="613"/>
      <c r="OLX722" s="613"/>
      <c r="OLY722" s="613"/>
      <c r="OLZ722" s="613"/>
      <c r="OMA722" s="613"/>
      <c r="OMB722" s="613"/>
      <c r="OMC722" s="613"/>
      <c r="OMD722" s="613"/>
      <c r="OME722" s="613"/>
      <c r="OMF722" s="613"/>
      <c r="OMG722" s="613"/>
      <c r="OMH722" s="613"/>
      <c r="OMI722" s="613"/>
      <c r="OMJ722" s="613"/>
      <c r="OMK722" s="613"/>
      <c r="OML722" s="613"/>
      <c r="OMM722" s="613"/>
      <c r="OMN722" s="613"/>
      <c r="OMO722" s="613"/>
      <c r="OMP722" s="613"/>
      <c r="OMQ722" s="613"/>
      <c r="OMR722" s="613"/>
      <c r="OMS722" s="613"/>
      <c r="OMT722" s="613"/>
      <c r="OMU722" s="613"/>
      <c r="OMV722" s="613"/>
      <c r="OMW722" s="613"/>
      <c r="OMX722" s="613"/>
      <c r="OMY722" s="613"/>
      <c r="OMZ722" s="613"/>
      <c r="ONA722" s="613"/>
      <c r="ONB722" s="613"/>
      <c r="ONC722" s="613"/>
      <c r="OND722" s="613"/>
      <c r="ONE722" s="613"/>
      <c r="ONF722" s="613"/>
      <c r="ONG722" s="613"/>
      <c r="ONH722" s="613"/>
      <c r="ONI722" s="613"/>
      <c r="ONJ722" s="613"/>
      <c r="ONK722" s="613"/>
      <c r="ONL722" s="613"/>
      <c r="ONM722" s="613"/>
      <c r="ONN722" s="613"/>
      <c r="ONO722" s="613"/>
      <c r="ONP722" s="613"/>
      <c r="ONQ722" s="613"/>
      <c r="ONR722" s="613"/>
      <c r="ONS722" s="613"/>
      <c r="ONT722" s="613"/>
      <c r="ONU722" s="613"/>
      <c r="ONV722" s="613"/>
      <c r="ONW722" s="613"/>
      <c r="ONX722" s="613"/>
      <c r="ONY722" s="613"/>
      <c r="ONZ722" s="613"/>
      <c r="OOA722" s="613"/>
      <c r="OOB722" s="613"/>
      <c r="OOC722" s="613"/>
      <c r="OOD722" s="613"/>
      <c r="OOE722" s="613"/>
      <c r="OOF722" s="613"/>
      <c r="OOG722" s="613"/>
      <c r="OOH722" s="613"/>
      <c r="OOI722" s="613"/>
      <c r="OOJ722" s="613"/>
      <c r="OOK722" s="613"/>
      <c r="OOL722" s="613"/>
      <c r="OOM722" s="613"/>
      <c r="OON722" s="613"/>
      <c r="OOO722" s="613"/>
      <c r="OOP722" s="613"/>
      <c r="OOQ722" s="613"/>
      <c r="OOR722" s="613"/>
      <c r="OOS722" s="613"/>
      <c r="OOT722" s="613"/>
      <c r="OOU722" s="613"/>
      <c r="OOV722" s="613"/>
      <c r="OOW722" s="613"/>
      <c r="OOX722" s="613"/>
      <c r="OOY722" s="613"/>
      <c r="OOZ722" s="613"/>
      <c r="OPA722" s="613"/>
      <c r="OPB722" s="613"/>
      <c r="OPC722" s="613"/>
      <c r="OPD722" s="613"/>
      <c r="OPE722" s="613"/>
      <c r="OPF722" s="613"/>
      <c r="OPG722" s="613"/>
      <c r="OPH722" s="613"/>
      <c r="OPI722" s="613"/>
      <c r="OPJ722" s="613"/>
      <c r="OPK722" s="613"/>
      <c r="OPL722" s="613"/>
      <c r="OPM722" s="613"/>
      <c r="OPN722" s="613"/>
      <c r="OPO722" s="613"/>
      <c r="OPP722" s="613"/>
      <c r="OPQ722" s="613"/>
      <c r="OPR722" s="613"/>
      <c r="OPS722" s="613"/>
      <c r="OPT722" s="613"/>
      <c r="OPU722" s="613"/>
      <c r="OPV722" s="613"/>
      <c r="OPW722" s="613"/>
      <c r="OPX722" s="613"/>
      <c r="OPY722" s="613"/>
      <c r="OPZ722" s="613"/>
      <c r="OQA722" s="613"/>
      <c r="OQB722" s="613"/>
      <c r="OQC722" s="613"/>
      <c r="OQD722" s="613"/>
      <c r="OQE722" s="613"/>
      <c r="OQF722" s="613"/>
      <c r="OQG722" s="613"/>
      <c r="OQH722" s="613"/>
      <c r="OQI722" s="613"/>
      <c r="OQJ722" s="613"/>
      <c r="OQK722" s="613"/>
      <c r="OQL722" s="613"/>
      <c r="OQM722" s="613"/>
      <c r="OQN722" s="613"/>
      <c r="OQO722" s="613"/>
      <c r="OQP722" s="613"/>
      <c r="OQQ722" s="613"/>
      <c r="OQR722" s="613"/>
      <c r="OQS722" s="613"/>
      <c r="OQT722" s="613"/>
      <c r="OQU722" s="613"/>
      <c r="OQV722" s="613"/>
      <c r="OQW722" s="613"/>
      <c r="OQX722" s="613"/>
      <c r="OQY722" s="613"/>
      <c r="OQZ722" s="613"/>
      <c r="ORA722" s="613"/>
      <c r="ORB722" s="613"/>
      <c r="ORC722" s="613"/>
      <c r="ORD722" s="613"/>
      <c r="ORE722" s="613"/>
      <c r="ORF722" s="613"/>
      <c r="ORG722" s="613"/>
      <c r="ORH722" s="613"/>
      <c r="ORI722" s="613"/>
      <c r="ORJ722" s="613"/>
      <c r="ORK722" s="613"/>
      <c r="ORL722" s="613"/>
      <c r="ORM722" s="613"/>
      <c r="ORN722" s="613"/>
      <c r="ORO722" s="613"/>
      <c r="ORP722" s="613"/>
      <c r="ORQ722" s="613"/>
      <c r="ORR722" s="613"/>
      <c r="ORS722" s="613"/>
      <c r="ORT722" s="613"/>
      <c r="ORU722" s="613"/>
      <c r="ORV722" s="613"/>
      <c r="ORW722" s="613"/>
      <c r="ORX722" s="613"/>
      <c r="ORY722" s="613"/>
      <c r="ORZ722" s="613"/>
      <c r="OSA722" s="613"/>
      <c r="OSB722" s="613"/>
      <c r="OSC722" s="613"/>
      <c r="OSD722" s="613"/>
      <c r="OSE722" s="613"/>
      <c r="OSF722" s="613"/>
      <c r="OSG722" s="613"/>
      <c r="OSH722" s="613"/>
      <c r="OSI722" s="613"/>
      <c r="OSJ722" s="613"/>
      <c r="OSK722" s="613"/>
      <c r="OSL722" s="613"/>
      <c r="OSM722" s="613"/>
      <c r="OSN722" s="613"/>
      <c r="OSO722" s="613"/>
      <c r="OSP722" s="613"/>
      <c r="OSQ722" s="613"/>
      <c r="OSR722" s="613"/>
      <c r="OSS722" s="613"/>
      <c r="OST722" s="613"/>
      <c r="OSU722" s="613"/>
      <c r="OSV722" s="613"/>
      <c r="OSW722" s="613"/>
      <c r="OSX722" s="613"/>
      <c r="OSY722" s="613"/>
      <c r="OSZ722" s="613"/>
      <c r="OTA722" s="613"/>
      <c r="OTB722" s="613"/>
      <c r="OTC722" s="613"/>
      <c r="OTD722" s="613"/>
      <c r="OTE722" s="613"/>
      <c r="OTF722" s="613"/>
      <c r="OTG722" s="613"/>
      <c r="OTH722" s="613"/>
      <c r="OTI722" s="613"/>
      <c r="OTJ722" s="613"/>
      <c r="OTK722" s="613"/>
      <c r="OTL722" s="613"/>
      <c r="OTM722" s="613"/>
      <c r="OTN722" s="613"/>
      <c r="OTO722" s="613"/>
      <c r="OTP722" s="613"/>
      <c r="OTQ722" s="613"/>
      <c r="OTR722" s="613"/>
      <c r="OTS722" s="613"/>
      <c r="OTT722" s="613"/>
      <c r="OTU722" s="613"/>
      <c r="OTV722" s="613"/>
      <c r="OTW722" s="613"/>
      <c r="OTX722" s="613"/>
      <c r="OTY722" s="613"/>
      <c r="OTZ722" s="613"/>
      <c r="OUA722" s="613"/>
      <c r="OUB722" s="613"/>
      <c r="OUC722" s="613"/>
      <c r="OUD722" s="613"/>
      <c r="OUE722" s="613"/>
      <c r="OUF722" s="613"/>
      <c r="OUG722" s="613"/>
      <c r="OUH722" s="613"/>
      <c r="OUI722" s="613"/>
      <c r="OUJ722" s="613"/>
      <c r="OUK722" s="613"/>
      <c r="OUL722" s="613"/>
      <c r="OUM722" s="613"/>
      <c r="OUN722" s="613"/>
      <c r="OUO722" s="613"/>
      <c r="OUP722" s="613"/>
      <c r="OUQ722" s="613"/>
      <c r="OUR722" s="613"/>
      <c r="OUS722" s="613"/>
      <c r="OUT722" s="613"/>
      <c r="OUU722" s="613"/>
      <c r="OUV722" s="613"/>
      <c r="OUW722" s="613"/>
      <c r="OUX722" s="613"/>
      <c r="OUY722" s="613"/>
      <c r="OUZ722" s="613"/>
      <c r="OVA722" s="613"/>
      <c r="OVB722" s="613"/>
      <c r="OVC722" s="613"/>
      <c r="OVD722" s="613"/>
      <c r="OVE722" s="613"/>
      <c r="OVF722" s="613"/>
      <c r="OVG722" s="613"/>
      <c r="OVH722" s="613"/>
      <c r="OVI722" s="613"/>
      <c r="OVJ722" s="613"/>
      <c r="OVK722" s="613"/>
      <c r="OVL722" s="613"/>
      <c r="OVM722" s="613"/>
      <c r="OVN722" s="613"/>
      <c r="OVO722" s="613"/>
      <c r="OVP722" s="613"/>
      <c r="OVQ722" s="613"/>
      <c r="OVR722" s="613"/>
      <c r="OVS722" s="613"/>
      <c r="OVT722" s="613"/>
      <c r="OVU722" s="613"/>
      <c r="OVV722" s="613"/>
      <c r="OVW722" s="613"/>
      <c r="OVX722" s="613"/>
      <c r="OVY722" s="613"/>
      <c r="OVZ722" s="613"/>
      <c r="OWA722" s="613"/>
      <c r="OWB722" s="613"/>
      <c r="OWC722" s="613"/>
      <c r="OWD722" s="613"/>
      <c r="OWE722" s="613"/>
      <c r="OWF722" s="613"/>
      <c r="OWG722" s="613"/>
      <c r="OWH722" s="613"/>
      <c r="OWI722" s="613"/>
      <c r="OWJ722" s="613"/>
      <c r="OWK722" s="613"/>
      <c r="OWL722" s="613"/>
      <c r="OWM722" s="613"/>
      <c r="OWN722" s="613"/>
      <c r="OWO722" s="613"/>
      <c r="OWP722" s="613"/>
      <c r="OWQ722" s="613"/>
      <c r="OWR722" s="613"/>
      <c r="OWS722" s="613"/>
      <c r="OWT722" s="613"/>
      <c r="OWU722" s="613"/>
      <c r="OWV722" s="613"/>
      <c r="OWW722" s="613"/>
      <c r="OWX722" s="613"/>
      <c r="OWY722" s="613"/>
      <c r="OWZ722" s="613"/>
      <c r="OXA722" s="613"/>
      <c r="OXB722" s="613"/>
      <c r="OXC722" s="613"/>
      <c r="OXD722" s="613"/>
      <c r="OXE722" s="613"/>
      <c r="OXF722" s="613"/>
      <c r="OXG722" s="613"/>
      <c r="OXH722" s="613"/>
      <c r="OXI722" s="613"/>
      <c r="OXJ722" s="613"/>
      <c r="OXK722" s="613"/>
      <c r="OXL722" s="613"/>
      <c r="OXM722" s="613"/>
      <c r="OXN722" s="613"/>
      <c r="OXO722" s="613"/>
      <c r="OXP722" s="613"/>
      <c r="OXQ722" s="613"/>
      <c r="OXR722" s="613"/>
      <c r="OXS722" s="613"/>
      <c r="OXT722" s="613"/>
      <c r="OXU722" s="613"/>
      <c r="OXV722" s="613"/>
      <c r="OXW722" s="613"/>
      <c r="OXX722" s="613"/>
      <c r="OXY722" s="613"/>
      <c r="OXZ722" s="613"/>
      <c r="OYA722" s="613"/>
      <c r="OYB722" s="613"/>
      <c r="OYC722" s="613"/>
      <c r="OYD722" s="613"/>
      <c r="OYE722" s="613"/>
      <c r="OYF722" s="613"/>
      <c r="OYG722" s="613"/>
      <c r="OYH722" s="613"/>
      <c r="OYI722" s="613"/>
      <c r="OYJ722" s="613"/>
      <c r="OYK722" s="613"/>
      <c r="OYL722" s="613"/>
      <c r="OYM722" s="613"/>
      <c r="OYN722" s="613"/>
      <c r="OYO722" s="613"/>
      <c r="OYP722" s="613"/>
      <c r="OYQ722" s="613"/>
      <c r="OYR722" s="613"/>
      <c r="OYS722" s="613"/>
      <c r="OYT722" s="613"/>
      <c r="OYU722" s="613"/>
      <c r="OYV722" s="613"/>
      <c r="OYW722" s="613"/>
      <c r="OYX722" s="613"/>
      <c r="OYY722" s="613"/>
      <c r="OYZ722" s="613"/>
      <c r="OZA722" s="613"/>
      <c r="OZB722" s="613"/>
      <c r="OZC722" s="613"/>
      <c r="OZD722" s="613"/>
      <c r="OZE722" s="613"/>
      <c r="OZF722" s="613"/>
      <c r="OZG722" s="613"/>
      <c r="OZH722" s="613"/>
      <c r="OZI722" s="613"/>
      <c r="OZJ722" s="613"/>
      <c r="OZK722" s="613"/>
      <c r="OZL722" s="613"/>
      <c r="OZM722" s="613"/>
      <c r="OZN722" s="613"/>
      <c r="OZO722" s="613"/>
      <c r="OZP722" s="613"/>
      <c r="OZQ722" s="613"/>
      <c r="OZR722" s="613"/>
      <c r="OZS722" s="613"/>
      <c r="OZT722" s="613"/>
      <c r="OZU722" s="613"/>
      <c r="OZV722" s="613"/>
      <c r="OZW722" s="613"/>
      <c r="OZX722" s="613"/>
      <c r="OZY722" s="613"/>
      <c r="OZZ722" s="613"/>
      <c r="PAA722" s="613"/>
      <c r="PAB722" s="613"/>
      <c r="PAC722" s="613"/>
      <c r="PAD722" s="613"/>
      <c r="PAE722" s="613"/>
      <c r="PAF722" s="613"/>
      <c r="PAG722" s="613"/>
      <c r="PAH722" s="613"/>
      <c r="PAI722" s="613"/>
      <c r="PAJ722" s="613"/>
      <c r="PAK722" s="613"/>
      <c r="PAL722" s="613"/>
      <c r="PAM722" s="613"/>
      <c r="PAN722" s="613"/>
      <c r="PAO722" s="613"/>
      <c r="PAP722" s="613"/>
      <c r="PAQ722" s="613"/>
      <c r="PAR722" s="613"/>
      <c r="PAS722" s="613"/>
      <c r="PAT722" s="613"/>
      <c r="PAU722" s="613"/>
      <c r="PAV722" s="613"/>
      <c r="PAW722" s="613"/>
      <c r="PAX722" s="613"/>
      <c r="PAY722" s="613"/>
      <c r="PAZ722" s="613"/>
      <c r="PBA722" s="613"/>
      <c r="PBB722" s="613"/>
      <c r="PBC722" s="613"/>
      <c r="PBD722" s="613"/>
      <c r="PBE722" s="613"/>
      <c r="PBF722" s="613"/>
      <c r="PBG722" s="613"/>
      <c r="PBH722" s="613"/>
      <c r="PBI722" s="613"/>
      <c r="PBJ722" s="613"/>
      <c r="PBK722" s="613"/>
      <c r="PBL722" s="613"/>
      <c r="PBM722" s="613"/>
      <c r="PBN722" s="613"/>
      <c r="PBO722" s="613"/>
      <c r="PBP722" s="613"/>
      <c r="PBQ722" s="613"/>
      <c r="PBR722" s="613"/>
      <c r="PBS722" s="613"/>
      <c r="PBT722" s="613"/>
      <c r="PBU722" s="613"/>
      <c r="PBV722" s="613"/>
      <c r="PBW722" s="613"/>
      <c r="PBX722" s="613"/>
      <c r="PBY722" s="613"/>
      <c r="PBZ722" s="613"/>
      <c r="PCA722" s="613"/>
      <c r="PCB722" s="613"/>
      <c r="PCC722" s="613"/>
      <c r="PCD722" s="613"/>
      <c r="PCE722" s="613"/>
      <c r="PCF722" s="613"/>
      <c r="PCG722" s="613"/>
      <c r="PCH722" s="613"/>
      <c r="PCI722" s="613"/>
      <c r="PCJ722" s="613"/>
      <c r="PCK722" s="613"/>
      <c r="PCL722" s="613"/>
      <c r="PCM722" s="613"/>
      <c r="PCN722" s="613"/>
      <c r="PCO722" s="613"/>
      <c r="PCP722" s="613"/>
      <c r="PCQ722" s="613"/>
      <c r="PCR722" s="613"/>
      <c r="PCS722" s="613"/>
      <c r="PCT722" s="613"/>
      <c r="PCU722" s="613"/>
      <c r="PCV722" s="613"/>
      <c r="PCW722" s="613"/>
      <c r="PCX722" s="613"/>
      <c r="PCY722" s="613"/>
      <c r="PCZ722" s="613"/>
      <c r="PDA722" s="613"/>
      <c r="PDB722" s="613"/>
      <c r="PDC722" s="613"/>
      <c r="PDD722" s="613"/>
      <c r="PDE722" s="613"/>
      <c r="PDF722" s="613"/>
      <c r="PDG722" s="613"/>
      <c r="PDH722" s="613"/>
      <c r="PDI722" s="613"/>
      <c r="PDJ722" s="613"/>
      <c r="PDK722" s="613"/>
      <c r="PDL722" s="613"/>
      <c r="PDM722" s="613"/>
      <c r="PDN722" s="613"/>
      <c r="PDO722" s="613"/>
      <c r="PDP722" s="613"/>
      <c r="PDQ722" s="613"/>
      <c r="PDR722" s="613"/>
      <c r="PDS722" s="613"/>
      <c r="PDT722" s="613"/>
      <c r="PDU722" s="613"/>
      <c r="PDV722" s="613"/>
      <c r="PDW722" s="613"/>
      <c r="PDX722" s="613"/>
      <c r="PDY722" s="613"/>
      <c r="PDZ722" s="613"/>
      <c r="PEA722" s="613"/>
      <c r="PEB722" s="613"/>
      <c r="PEC722" s="613"/>
      <c r="PED722" s="613"/>
      <c r="PEE722" s="613"/>
      <c r="PEF722" s="613"/>
      <c r="PEG722" s="613"/>
      <c r="PEH722" s="613"/>
      <c r="PEI722" s="613"/>
      <c r="PEJ722" s="613"/>
      <c r="PEK722" s="613"/>
      <c r="PEL722" s="613"/>
      <c r="PEM722" s="613"/>
      <c r="PEN722" s="613"/>
      <c r="PEO722" s="613"/>
      <c r="PEP722" s="613"/>
      <c r="PEQ722" s="613"/>
      <c r="PER722" s="613"/>
      <c r="PES722" s="613"/>
      <c r="PET722" s="613"/>
      <c r="PEU722" s="613"/>
      <c r="PEV722" s="613"/>
      <c r="PEW722" s="613"/>
      <c r="PEX722" s="613"/>
      <c r="PEY722" s="613"/>
      <c r="PEZ722" s="613"/>
      <c r="PFA722" s="613"/>
      <c r="PFB722" s="613"/>
      <c r="PFC722" s="613"/>
      <c r="PFD722" s="613"/>
      <c r="PFE722" s="613"/>
      <c r="PFF722" s="613"/>
      <c r="PFG722" s="613"/>
      <c r="PFH722" s="613"/>
      <c r="PFI722" s="613"/>
      <c r="PFJ722" s="613"/>
      <c r="PFK722" s="613"/>
      <c r="PFL722" s="613"/>
      <c r="PFM722" s="613"/>
      <c r="PFN722" s="613"/>
      <c r="PFO722" s="613"/>
      <c r="PFP722" s="613"/>
      <c r="PFQ722" s="613"/>
      <c r="PFR722" s="613"/>
      <c r="PFS722" s="613"/>
      <c r="PFT722" s="613"/>
      <c r="PFU722" s="613"/>
      <c r="PFV722" s="613"/>
      <c r="PFW722" s="613"/>
      <c r="PFX722" s="613"/>
      <c r="PFY722" s="613"/>
      <c r="PFZ722" s="613"/>
      <c r="PGA722" s="613"/>
      <c r="PGB722" s="613"/>
      <c r="PGC722" s="613"/>
      <c r="PGD722" s="613"/>
      <c r="PGE722" s="613"/>
      <c r="PGF722" s="613"/>
      <c r="PGG722" s="613"/>
      <c r="PGH722" s="613"/>
      <c r="PGI722" s="613"/>
      <c r="PGJ722" s="613"/>
      <c r="PGK722" s="613"/>
      <c r="PGL722" s="613"/>
      <c r="PGM722" s="613"/>
      <c r="PGN722" s="613"/>
      <c r="PGO722" s="613"/>
      <c r="PGP722" s="613"/>
      <c r="PGQ722" s="613"/>
      <c r="PGR722" s="613"/>
      <c r="PGS722" s="613"/>
      <c r="PGT722" s="613"/>
      <c r="PGU722" s="613"/>
      <c r="PGV722" s="613"/>
      <c r="PGW722" s="613"/>
      <c r="PGX722" s="613"/>
      <c r="PGY722" s="613"/>
      <c r="PGZ722" s="613"/>
      <c r="PHA722" s="613"/>
      <c r="PHB722" s="613"/>
      <c r="PHC722" s="613"/>
      <c r="PHD722" s="613"/>
      <c r="PHE722" s="613"/>
      <c r="PHF722" s="613"/>
      <c r="PHG722" s="613"/>
      <c r="PHH722" s="613"/>
      <c r="PHI722" s="613"/>
      <c r="PHJ722" s="613"/>
      <c r="PHK722" s="613"/>
      <c r="PHL722" s="613"/>
      <c r="PHM722" s="613"/>
      <c r="PHN722" s="613"/>
      <c r="PHO722" s="613"/>
      <c r="PHP722" s="613"/>
      <c r="PHQ722" s="613"/>
      <c r="PHR722" s="613"/>
      <c r="PHS722" s="613"/>
      <c r="PHT722" s="613"/>
      <c r="PHU722" s="613"/>
      <c r="PHV722" s="613"/>
      <c r="PHW722" s="613"/>
      <c r="PHX722" s="613"/>
      <c r="PHY722" s="613"/>
      <c r="PHZ722" s="613"/>
      <c r="PIA722" s="613"/>
      <c r="PIB722" s="613"/>
      <c r="PIC722" s="613"/>
      <c r="PID722" s="613"/>
      <c r="PIE722" s="613"/>
      <c r="PIF722" s="613"/>
      <c r="PIG722" s="613"/>
      <c r="PIH722" s="613"/>
      <c r="PII722" s="613"/>
      <c r="PIJ722" s="613"/>
      <c r="PIK722" s="613"/>
      <c r="PIL722" s="613"/>
      <c r="PIM722" s="613"/>
      <c r="PIN722" s="613"/>
      <c r="PIO722" s="613"/>
      <c r="PIP722" s="613"/>
      <c r="PIQ722" s="613"/>
      <c r="PIR722" s="613"/>
      <c r="PIS722" s="613"/>
      <c r="PIT722" s="613"/>
      <c r="PIU722" s="613"/>
      <c r="PIV722" s="613"/>
      <c r="PIW722" s="613"/>
      <c r="PIX722" s="613"/>
      <c r="PIY722" s="613"/>
      <c r="PIZ722" s="613"/>
      <c r="PJA722" s="613"/>
      <c r="PJB722" s="613"/>
      <c r="PJC722" s="613"/>
      <c r="PJD722" s="613"/>
      <c r="PJE722" s="613"/>
      <c r="PJF722" s="613"/>
      <c r="PJG722" s="613"/>
      <c r="PJH722" s="613"/>
      <c r="PJI722" s="613"/>
      <c r="PJJ722" s="613"/>
      <c r="PJK722" s="613"/>
      <c r="PJL722" s="613"/>
      <c r="PJM722" s="613"/>
      <c r="PJN722" s="613"/>
      <c r="PJO722" s="613"/>
      <c r="PJP722" s="613"/>
      <c r="PJQ722" s="613"/>
      <c r="PJR722" s="613"/>
      <c r="PJS722" s="613"/>
      <c r="PJT722" s="613"/>
      <c r="PJU722" s="613"/>
      <c r="PJV722" s="613"/>
      <c r="PJW722" s="613"/>
      <c r="PJX722" s="613"/>
      <c r="PJY722" s="613"/>
      <c r="PJZ722" s="613"/>
      <c r="PKA722" s="613"/>
      <c r="PKB722" s="613"/>
      <c r="PKC722" s="613"/>
      <c r="PKD722" s="613"/>
      <c r="PKE722" s="613"/>
      <c r="PKF722" s="613"/>
      <c r="PKG722" s="613"/>
      <c r="PKH722" s="613"/>
      <c r="PKI722" s="613"/>
      <c r="PKJ722" s="613"/>
      <c r="PKK722" s="613"/>
      <c r="PKL722" s="613"/>
      <c r="PKM722" s="613"/>
      <c r="PKN722" s="613"/>
      <c r="PKO722" s="613"/>
      <c r="PKP722" s="613"/>
      <c r="PKQ722" s="613"/>
      <c r="PKR722" s="613"/>
      <c r="PKS722" s="613"/>
      <c r="PKT722" s="613"/>
      <c r="PKU722" s="613"/>
      <c r="PKV722" s="613"/>
      <c r="PKW722" s="613"/>
      <c r="PKX722" s="613"/>
      <c r="PKY722" s="613"/>
      <c r="PKZ722" s="613"/>
      <c r="PLA722" s="613"/>
      <c r="PLB722" s="613"/>
      <c r="PLC722" s="613"/>
      <c r="PLD722" s="613"/>
      <c r="PLE722" s="613"/>
      <c r="PLF722" s="613"/>
      <c r="PLG722" s="613"/>
      <c r="PLH722" s="613"/>
      <c r="PLI722" s="613"/>
      <c r="PLJ722" s="613"/>
      <c r="PLK722" s="613"/>
      <c r="PLL722" s="613"/>
      <c r="PLM722" s="613"/>
      <c r="PLN722" s="613"/>
      <c r="PLO722" s="613"/>
      <c r="PLP722" s="613"/>
      <c r="PLQ722" s="613"/>
      <c r="PLR722" s="613"/>
      <c r="PLS722" s="613"/>
      <c r="PLT722" s="613"/>
      <c r="PLU722" s="613"/>
      <c r="PLV722" s="613"/>
      <c r="PLW722" s="613"/>
      <c r="PLX722" s="613"/>
      <c r="PLY722" s="613"/>
      <c r="PLZ722" s="613"/>
      <c r="PMA722" s="613"/>
      <c r="PMB722" s="613"/>
      <c r="PMC722" s="613"/>
      <c r="PMD722" s="613"/>
      <c r="PME722" s="613"/>
      <c r="PMF722" s="613"/>
      <c r="PMG722" s="613"/>
      <c r="PMH722" s="613"/>
      <c r="PMI722" s="613"/>
      <c r="PMJ722" s="613"/>
      <c r="PMK722" s="613"/>
      <c r="PML722" s="613"/>
      <c r="PMM722" s="613"/>
      <c r="PMN722" s="613"/>
      <c r="PMO722" s="613"/>
      <c r="PMP722" s="613"/>
      <c r="PMQ722" s="613"/>
      <c r="PMR722" s="613"/>
      <c r="PMS722" s="613"/>
      <c r="PMT722" s="613"/>
      <c r="PMU722" s="613"/>
      <c r="PMV722" s="613"/>
      <c r="PMW722" s="613"/>
      <c r="PMX722" s="613"/>
      <c r="PMY722" s="613"/>
      <c r="PMZ722" s="613"/>
      <c r="PNA722" s="613"/>
      <c r="PNB722" s="613"/>
      <c r="PNC722" s="613"/>
      <c r="PND722" s="613"/>
      <c r="PNE722" s="613"/>
      <c r="PNF722" s="613"/>
      <c r="PNG722" s="613"/>
      <c r="PNH722" s="613"/>
      <c r="PNI722" s="613"/>
      <c r="PNJ722" s="613"/>
      <c r="PNK722" s="613"/>
      <c r="PNL722" s="613"/>
      <c r="PNM722" s="613"/>
      <c r="PNN722" s="613"/>
      <c r="PNO722" s="613"/>
      <c r="PNP722" s="613"/>
      <c r="PNQ722" s="613"/>
      <c r="PNR722" s="613"/>
      <c r="PNS722" s="613"/>
      <c r="PNT722" s="613"/>
      <c r="PNU722" s="613"/>
      <c r="PNV722" s="613"/>
      <c r="PNW722" s="613"/>
      <c r="PNX722" s="613"/>
      <c r="PNY722" s="613"/>
      <c r="PNZ722" s="613"/>
      <c r="POA722" s="613"/>
      <c r="POB722" s="613"/>
      <c r="POC722" s="613"/>
      <c r="POD722" s="613"/>
      <c r="POE722" s="613"/>
      <c r="POF722" s="613"/>
      <c r="POG722" s="613"/>
      <c r="POH722" s="613"/>
      <c r="POI722" s="613"/>
      <c r="POJ722" s="613"/>
      <c r="POK722" s="613"/>
      <c r="POL722" s="613"/>
      <c r="POM722" s="613"/>
      <c r="PON722" s="613"/>
      <c r="POO722" s="613"/>
      <c r="POP722" s="613"/>
      <c r="POQ722" s="613"/>
      <c r="POR722" s="613"/>
      <c r="POS722" s="613"/>
      <c r="POT722" s="613"/>
      <c r="POU722" s="613"/>
      <c r="POV722" s="613"/>
      <c r="POW722" s="613"/>
      <c r="POX722" s="613"/>
      <c r="POY722" s="613"/>
      <c r="POZ722" s="613"/>
      <c r="PPA722" s="613"/>
      <c r="PPB722" s="613"/>
      <c r="PPC722" s="613"/>
      <c r="PPD722" s="613"/>
      <c r="PPE722" s="613"/>
      <c r="PPF722" s="613"/>
      <c r="PPG722" s="613"/>
      <c r="PPH722" s="613"/>
      <c r="PPI722" s="613"/>
      <c r="PPJ722" s="613"/>
      <c r="PPK722" s="613"/>
      <c r="PPL722" s="613"/>
      <c r="PPM722" s="613"/>
      <c r="PPN722" s="613"/>
      <c r="PPO722" s="613"/>
      <c r="PPP722" s="613"/>
      <c r="PPQ722" s="613"/>
      <c r="PPR722" s="613"/>
      <c r="PPS722" s="613"/>
      <c r="PPT722" s="613"/>
      <c r="PPU722" s="613"/>
      <c r="PPV722" s="613"/>
      <c r="PPW722" s="613"/>
      <c r="PPX722" s="613"/>
      <c r="PPY722" s="613"/>
      <c r="PPZ722" s="613"/>
      <c r="PQA722" s="613"/>
      <c r="PQB722" s="613"/>
      <c r="PQC722" s="613"/>
      <c r="PQD722" s="613"/>
      <c r="PQE722" s="613"/>
      <c r="PQF722" s="613"/>
      <c r="PQG722" s="613"/>
      <c r="PQH722" s="613"/>
      <c r="PQI722" s="613"/>
      <c r="PQJ722" s="613"/>
      <c r="PQK722" s="613"/>
      <c r="PQL722" s="613"/>
      <c r="PQM722" s="613"/>
      <c r="PQN722" s="613"/>
      <c r="PQO722" s="613"/>
      <c r="PQP722" s="613"/>
      <c r="PQQ722" s="613"/>
      <c r="PQR722" s="613"/>
      <c r="PQS722" s="613"/>
      <c r="PQT722" s="613"/>
      <c r="PQU722" s="613"/>
      <c r="PQV722" s="613"/>
      <c r="PQW722" s="613"/>
      <c r="PQX722" s="613"/>
      <c r="PQY722" s="613"/>
      <c r="PQZ722" s="613"/>
      <c r="PRA722" s="613"/>
      <c r="PRB722" s="613"/>
      <c r="PRC722" s="613"/>
      <c r="PRD722" s="613"/>
      <c r="PRE722" s="613"/>
      <c r="PRF722" s="613"/>
      <c r="PRG722" s="613"/>
      <c r="PRH722" s="613"/>
      <c r="PRI722" s="613"/>
      <c r="PRJ722" s="613"/>
      <c r="PRK722" s="613"/>
      <c r="PRL722" s="613"/>
      <c r="PRM722" s="613"/>
      <c r="PRN722" s="613"/>
      <c r="PRO722" s="613"/>
      <c r="PRP722" s="613"/>
      <c r="PRQ722" s="613"/>
      <c r="PRR722" s="613"/>
      <c r="PRS722" s="613"/>
      <c r="PRT722" s="613"/>
      <c r="PRU722" s="613"/>
      <c r="PRV722" s="613"/>
      <c r="PRW722" s="613"/>
      <c r="PRX722" s="613"/>
      <c r="PRY722" s="613"/>
      <c r="PRZ722" s="613"/>
      <c r="PSA722" s="613"/>
      <c r="PSB722" s="613"/>
      <c r="PSC722" s="613"/>
      <c r="PSD722" s="613"/>
      <c r="PSE722" s="613"/>
      <c r="PSF722" s="613"/>
      <c r="PSG722" s="613"/>
      <c r="PSH722" s="613"/>
      <c r="PSI722" s="613"/>
      <c r="PSJ722" s="613"/>
      <c r="PSK722" s="613"/>
      <c r="PSL722" s="613"/>
      <c r="PSM722" s="613"/>
      <c r="PSN722" s="613"/>
      <c r="PSO722" s="613"/>
      <c r="PSP722" s="613"/>
      <c r="PSQ722" s="613"/>
      <c r="PSR722" s="613"/>
      <c r="PSS722" s="613"/>
      <c r="PST722" s="613"/>
      <c r="PSU722" s="613"/>
      <c r="PSV722" s="613"/>
      <c r="PSW722" s="613"/>
      <c r="PSX722" s="613"/>
      <c r="PSY722" s="613"/>
      <c r="PSZ722" s="613"/>
      <c r="PTA722" s="613"/>
      <c r="PTB722" s="613"/>
      <c r="PTC722" s="613"/>
      <c r="PTD722" s="613"/>
      <c r="PTE722" s="613"/>
      <c r="PTF722" s="613"/>
      <c r="PTG722" s="613"/>
      <c r="PTH722" s="613"/>
      <c r="PTI722" s="613"/>
      <c r="PTJ722" s="613"/>
      <c r="PTK722" s="613"/>
      <c r="PTL722" s="613"/>
      <c r="PTM722" s="613"/>
      <c r="PTN722" s="613"/>
      <c r="PTO722" s="613"/>
      <c r="PTP722" s="613"/>
      <c r="PTQ722" s="613"/>
      <c r="PTR722" s="613"/>
      <c r="PTS722" s="613"/>
      <c r="PTT722" s="613"/>
      <c r="PTU722" s="613"/>
      <c r="PTV722" s="613"/>
      <c r="PTW722" s="613"/>
      <c r="PTX722" s="613"/>
      <c r="PTY722" s="613"/>
      <c r="PTZ722" s="613"/>
      <c r="PUA722" s="613"/>
      <c r="PUB722" s="613"/>
      <c r="PUC722" s="613"/>
      <c r="PUD722" s="613"/>
      <c r="PUE722" s="613"/>
      <c r="PUF722" s="613"/>
      <c r="PUG722" s="613"/>
      <c r="PUH722" s="613"/>
      <c r="PUI722" s="613"/>
      <c r="PUJ722" s="613"/>
      <c r="PUK722" s="613"/>
      <c r="PUL722" s="613"/>
      <c r="PUM722" s="613"/>
      <c r="PUN722" s="613"/>
      <c r="PUO722" s="613"/>
      <c r="PUP722" s="613"/>
      <c r="PUQ722" s="613"/>
      <c r="PUR722" s="613"/>
      <c r="PUS722" s="613"/>
      <c r="PUT722" s="613"/>
      <c r="PUU722" s="613"/>
      <c r="PUV722" s="613"/>
      <c r="PUW722" s="613"/>
      <c r="PUX722" s="613"/>
      <c r="PUY722" s="613"/>
      <c r="PUZ722" s="613"/>
      <c r="PVA722" s="613"/>
      <c r="PVB722" s="613"/>
      <c r="PVC722" s="613"/>
      <c r="PVD722" s="613"/>
      <c r="PVE722" s="613"/>
      <c r="PVF722" s="613"/>
      <c r="PVG722" s="613"/>
      <c r="PVH722" s="613"/>
      <c r="PVI722" s="613"/>
      <c r="PVJ722" s="613"/>
      <c r="PVK722" s="613"/>
      <c r="PVL722" s="613"/>
      <c r="PVM722" s="613"/>
      <c r="PVN722" s="613"/>
      <c r="PVO722" s="613"/>
      <c r="PVP722" s="613"/>
      <c r="PVQ722" s="613"/>
      <c r="PVR722" s="613"/>
      <c r="PVS722" s="613"/>
      <c r="PVT722" s="613"/>
      <c r="PVU722" s="613"/>
      <c r="PVV722" s="613"/>
      <c r="PVW722" s="613"/>
      <c r="PVX722" s="613"/>
      <c r="PVY722" s="613"/>
      <c r="PVZ722" s="613"/>
      <c r="PWA722" s="613"/>
      <c r="PWB722" s="613"/>
      <c r="PWC722" s="613"/>
      <c r="PWD722" s="613"/>
      <c r="PWE722" s="613"/>
      <c r="PWF722" s="613"/>
      <c r="PWG722" s="613"/>
      <c r="PWH722" s="613"/>
      <c r="PWI722" s="613"/>
      <c r="PWJ722" s="613"/>
      <c r="PWK722" s="613"/>
      <c r="PWL722" s="613"/>
      <c r="PWM722" s="613"/>
      <c r="PWN722" s="613"/>
      <c r="PWO722" s="613"/>
      <c r="PWP722" s="613"/>
      <c r="PWQ722" s="613"/>
      <c r="PWR722" s="613"/>
      <c r="PWS722" s="613"/>
      <c r="PWT722" s="613"/>
      <c r="PWU722" s="613"/>
      <c r="PWV722" s="613"/>
      <c r="PWW722" s="613"/>
      <c r="PWX722" s="613"/>
      <c r="PWY722" s="613"/>
      <c r="PWZ722" s="613"/>
      <c r="PXA722" s="613"/>
      <c r="PXB722" s="613"/>
      <c r="PXC722" s="613"/>
      <c r="PXD722" s="613"/>
      <c r="PXE722" s="613"/>
      <c r="PXF722" s="613"/>
      <c r="PXG722" s="613"/>
      <c r="PXH722" s="613"/>
      <c r="PXI722" s="613"/>
      <c r="PXJ722" s="613"/>
      <c r="PXK722" s="613"/>
      <c r="PXL722" s="613"/>
      <c r="PXM722" s="613"/>
      <c r="PXN722" s="613"/>
      <c r="PXO722" s="613"/>
      <c r="PXP722" s="613"/>
      <c r="PXQ722" s="613"/>
      <c r="PXR722" s="613"/>
      <c r="PXS722" s="613"/>
      <c r="PXT722" s="613"/>
      <c r="PXU722" s="613"/>
      <c r="PXV722" s="613"/>
      <c r="PXW722" s="613"/>
      <c r="PXX722" s="613"/>
      <c r="PXY722" s="613"/>
      <c r="PXZ722" s="613"/>
      <c r="PYA722" s="613"/>
      <c r="PYB722" s="613"/>
      <c r="PYC722" s="613"/>
      <c r="PYD722" s="613"/>
      <c r="PYE722" s="613"/>
      <c r="PYF722" s="613"/>
      <c r="PYG722" s="613"/>
      <c r="PYH722" s="613"/>
      <c r="PYI722" s="613"/>
      <c r="PYJ722" s="613"/>
      <c r="PYK722" s="613"/>
      <c r="PYL722" s="613"/>
      <c r="PYM722" s="613"/>
      <c r="PYN722" s="613"/>
      <c r="PYO722" s="613"/>
      <c r="PYP722" s="613"/>
      <c r="PYQ722" s="613"/>
      <c r="PYR722" s="613"/>
      <c r="PYS722" s="613"/>
      <c r="PYT722" s="613"/>
      <c r="PYU722" s="613"/>
      <c r="PYV722" s="613"/>
      <c r="PYW722" s="613"/>
      <c r="PYX722" s="613"/>
      <c r="PYY722" s="613"/>
      <c r="PYZ722" s="613"/>
      <c r="PZA722" s="613"/>
      <c r="PZB722" s="613"/>
      <c r="PZC722" s="613"/>
      <c r="PZD722" s="613"/>
      <c r="PZE722" s="613"/>
      <c r="PZF722" s="613"/>
      <c r="PZG722" s="613"/>
      <c r="PZH722" s="613"/>
      <c r="PZI722" s="613"/>
      <c r="PZJ722" s="613"/>
      <c r="PZK722" s="613"/>
      <c r="PZL722" s="613"/>
      <c r="PZM722" s="613"/>
      <c r="PZN722" s="613"/>
      <c r="PZO722" s="613"/>
      <c r="PZP722" s="613"/>
      <c r="PZQ722" s="613"/>
      <c r="PZR722" s="613"/>
      <c r="PZS722" s="613"/>
      <c r="PZT722" s="613"/>
      <c r="PZU722" s="613"/>
      <c r="PZV722" s="613"/>
      <c r="PZW722" s="613"/>
      <c r="PZX722" s="613"/>
      <c r="PZY722" s="613"/>
      <c r="PZZ722" s="613"/>
      <c r="QAA722" s="613"/>
      <c r="QAB722" s="613"/>
      <c r="QAC722" s="613"/>
      <c r="QAD722" s="613"/>
      <c r="QAE722" s="613"/>
      <c r="QAF722" s="613"/>
      <c r="QAG722" s="613"/>
      <c r="QAH722" s="613"/>
      <c r="QAI722" s="613"/>
      <c r="QAJ722" s="613"/>
      <c r="QAK722" s="613"/>
      <c r="QAL722" s="613"/>
      <c r="QAM722" s="613"/>
      <c r="QAN722" s="613"/>
      <c r="QAO722" s="613"/>
      <c r="QAP722" s="613"/>
      <c r="QAQ722" s="613"/>
      <c r="QAR722" s="613"/>
      <c r="QAS722" s="613"/>
      <c r="QAT722" s="613"/>
      <c r="QAU722" s="613"/>
      <c r="QAV722" s="613"/>
      <c r="QAW722" s="613"/>
      <c r="QAX722" s="613"/>
      <c r="QAY722" s="613"/>
      <c r="QAZ722" s="613"/>
      <c r="QBA722" s="613"/>
      <c r="QBB722" s="613"/>
      <c r="QBC722" s="613"/>
      <c r="QBD722" s="613"/>
      <c r="QBE722" s="613"/>
      <c r="QBF722" s="613"/>
      <c r="QBG722" s="613"/>
      <c r="QBH722" s="613"/>
      <c r="QBI722" s="613"/>
      <c r="QBJ722" s="613"/>
      <c r="QBK722" s="613"/>
      <c r="QBL722" s="613"/>
      <c r="QBM722" s="613"/>
      <c r="QBN722" s="613"/>
      <c r="QBO722" s="613"/>
      <c r="QBP722" s="613"/>
      <c r="QBQ722" s="613"/>
      <c r="QBR722" s="613"/>
      <c r="QBS722" s="613"/>
      <c r="QBT722" s="613"/>
      <c r="QBU722" s="613"/>
      <c r="QBV722" s="613"/>
      <c r="QBW722" s="613"/>
      <c r="QBX722" s="613"/>
      <c r="QBY722" s="613"/>
      <c r="QBZ722" s="613"/>
      <c r="QCA722" s="613"/>
      <c r="QCB722" s="613"/>
      <c r="QCC722" s="613"/>
      <c r="QCD722" s="613"/>
      <c r="QCE722" s="613"/>
      <c r="QCF722" s="613"/>
      <c r="QCG722" s="613"/>
      <c r="QCH722" s="613"/>
      <c r="QCI722" s="613"/>
      <c r="QCJ722" s="613"/>
      <c r="QCK722" s="613"/>
      <c r="QCL722" s="613"/>
      <c r="QCM722" s="613"/>
      <c r="QCN722" s="613"/>
      <c r="QCO722" s="613"/>
      <c r="QCP722" s="613"/>
      <c r="QCQ722" s="613"/>
      <c r="QCR722" s="613"/>
      <c r="QCS722" s="613"/>
      <c r="QCT722" s="613"/>
      <c r="QCU722" s="613"/>
      <c r="QCV722" s="613"/>
      <c r="QCW722" s="613"/>
      <c r="QCX722" s="613"/>
      <c r="QCY722" s="613"/>
      <c r="QCZ722" s="613"/>
      <c r="QDA722" s="613"/>
      <c r="QDB722" s="613"/>
      <c r="QDC722" s="613"/>
      <c r="QDD722" s="613"/>
      <c r="QDE722" s="613"/>
      <c r="QDF722" s="613"/>
      <c r="QDG722" s="613"/>
      <c r="QDH722" s="613"/>
      <c r="QDI722" s="613"/>
      <c r="QDJ722" s="613"/>
      <c r="QDK722" s="613"/>
      <c r="QDL722" s="613"/>
      <c r="QDM722" s="613"/>
      <c r="QDN722" s="613"/>
      <c r="QDO722" s="613"/>
      <c r="QDP722" s="613"/>
      <c r="QDQ722" s="613"/>
      <c r="QDR722" s="613"/>
      <c r="QDS722" s="613"/>
      <c r="QDT722" s="613"/>
      <c r="QDU722" s="613"/>
      <c r="QDV722" s="613"/>
      <c r="QDW722" s="613"/>
      <c r="QDX722" s="613"/>
      <c r="QDY722" s="613"/>
      <c r="QDZ722" s="613"/>
      <c r="QEA722" s="613"/>
      <c r="QEB722" s="613"/>
      <c r="QEC722" s="613"/>
      <c r="QED722" s="613"/>
      <c r="QEE722" s="613"/>
      <c r="QEF722" s="613"/>
      <c r="QEG722" s="613"/>
      <c r="QEH722" s="613"/>
      <c r="QEI722" s="613"/>
      <c r="QEJ722" s="613"/>
      <c r="QEK722" s="613"/>
      <c r="QEL722" s="613"/>
      <c r="QEM722" s="613"/>
      <c r="QEN722" s="613"/>
      <c r="QEO722" s="613"/>
      <c r="QEP722" s="613"/>
      <c r="QEQ722" s="613"/>
      <c r="QER722" s="613"/>
      <c r="QES722" s="613"/>
      <c r="QET722" s="613"/>
      <c r="QEU722" s="613"/>
      <c r="QEV722" s="613"/>
      <c r="QEW722" s="613"/>
      <c r="QEX722" s="613"/>
      <c r="QEY722" s="613"/>
      <c r="QEZ722" s="613"/>
      <c r="QFA722" s="613"/>
      <c r="QFB722" s="613"/>
      <c r="QFC722" s="613"/>
      <c r="QFD722" s="613"/>
      <c r="QFE722" s="613"/>
      <c r="QFF722" s="613"/>
      <c r="QFG722" s="613"/>
      <c r="QFH722" s="613"/>
      <c r="QFI722" s="613"/>
      <c r="QFJ722" s="613"/>
      <c r="QFK722" s="613"/>
      <c r="QFL722" s="613"/>
      <c r="QFM722" s="613"/>
      <c r="QFN722" s="613"/>
      <c r="QFO722" s="613"/>
      <c r="QFP722" s="613"/>
      <c r="QFQ722" s="613"/>
      <c r="QFR722" s="613"/>
      <c r="QFS722" s="613"/>
      <c r="QFT722" s="613"/>
      <c r="QFU722" s="613"/>
      <c r="QFV722" s="613"/>
      <c r="QFW722" s="613"/>
      <c r="QFX722" s="613"/>
      <c r="QFY722" s="613"/>
      <c r="QFZ722" s="613"/>
      <c r="QGA722" s="613"/>
      <c r="QGB722" s="613"/>
      <c r="QGC722" s="613"/>
      <c r="QGD722" s="613"/>
      <c r="QGE722" s="613"/>
      <c r="QGF722" s="613"/>
      <c r="QGG722" s="613"/>
      <c r="QGH722" s="613"/>
      <c r="QGI722" s="613"/>
      <c r="QGJ722" s="613"/>
      <c r="QGK722" s="613"/>
      <c r="QGL722" s="613"/>
      <c r="QGM722" s="613"/>
      <c r="QGN722" s="613"/>
      <c r="QGO722" s="613"/>
      <c r="QGP722" s="613"/>
      <c r="QGQ722" s="613"/>
      <c r="QGR722" s="613"/>
      <c r="QGS722" s="613"/>
      <c r="QGT722" s="613"/>
      <c r="QGU722" s="613"/>
      <c r="QGV722" s="613"/>
      <c r="QGW722" s="613"/>
      <c r="QGX722" s="613"/>
      <c r="QGY722" s="613"/>
      <c r="QGZ722" s="613"/>
      <c r="QHA722" s="613"/>
      <c r="QHB722" s="613"/>
      <c r="QHC722" s="613"/>
      <c r="QHD722" s="613"/>
      <c r="QHE722" s="613"/>
      <c r="QHF722" s="613"/>
      <c r="QHG722" s="613"/>
      <c r="QHH722" s="613"/>
      <c r="QHI722" s="613"/>
      <c r="QHJ722" s="613"/>
      <c r="QHK722" s="613"/>
      <c r="QHL722" s="613"/>
      <c r="QHM722" s="613"/>
      <c r="QHN722" s="613"/>
      <c r="QHO722" s="613"/>
      <c r="QHP722" s="613"/>
      <c r="QHQ722" s="613"/>
      <c r="QHR722" s="613"/>
      <c r="QHS722" s="613"/>
      <c r="QHT722" s="613"/>
      <c r="QHU722" s="613"/>
      <c r="QHV722" s="613"/>
      <c r="QHW722" s="613"/>
      <c r="QHX722" s="613"/>
      <c r="QHY722" s="613"/>
      <c r="QHZ722" s="613"/>
      <c r="QIA722" s="613"/>
      <c r="QIB722" s="613"/>
      <c r="QIC722" s="613"/>
      <c r="QID722" s="613"/>
      <c r="QIE722" s="613"/>
      <c r="QIF722" s="613"/>
      <c r="QIG722" s="613"/>
      <c r="QIH722" s="613"/>
      <c r="QII722" s="613"/>
      <c r="QIJ722" s="613"/>
      <c r="QIK722" s="613"/>
      <c r="QIL722" s="613"/>
      <c r="QIM722" s="613"/>
      <c r="QIN722" s="613"/>
      <c r="QIO722" s="613"/>
      <c r="QIP722" s="613"/>
      <c r="QIQ722" s="613"/>
      <c r="QIR722" s="613"/>
      <c r="QIS722" s="613"/>
      <c r="QIT722" s="613"/>
      <c r="QIU722" s="613"/>
      <c r="QIV722" s="613"/>
      <c r="QIW722" s="613"/>
      <c r="QIX722" s="613"/>
      <c r="QIY722" s="613"/>
      <c r="QIZ722" s="613"/>
      <c r="QJA722" s="613"/>
      <c r="QJB722" s="613"/>
      <c r="QJC722" s="613"/>
      <c r="QJD722" s="613"/>
      <c r="QJE722" s="613"/>
      <c r="QJF722" s="613"/>
      <c r="QJG722" s="613"/>
      <c r="QJH722" s="613"/>
      <c r="QJI722" s="613"/>
      <c r="QJJ722" s="613"/>
      <c r="QJK722" s="613"/>
      <c r="QJL722" s="613"/>
      <c r="QJM722" s="613"/>
      <c r="QJN722" s="613"/>
      <c r="QJO722" s="613"/>
      <c r="QJP722" s="613"/>
      <c r="QJQ722" s="613"/>
      <c r="QJR722" s="613"/>
      <c r="QJS722" s="613"/>
      <c r="QJT722" s="613"/>
      <c r="QJU722" s="613"/>
      <c r="QJV722" s="613"/>
      <c r="QJW722" s="613"/>
      <c r="QJX722" s="613"/>
      <c r="QJY722" s="613"/>
      <c r="QJZ722" s="613"/>
      <c r="QKA722" s="613"/>
      <c r="QKB722" s="613"/>
      <c r="QKC722" s="613"/>
      <c r="QKD722" s="613"/>
      <c r="QKE722" s="613"/>
      <c r="QKF722" s="613"/>
      <c r="QKG722" s="613"/>
      <c r="QKH722" s="613"/>
      <c r="QKI722" s="613"/>
      <c r="QKJ722" s="613"/>
      <c r="QKK722" s="613"/>
      <c r="QKL722" s="613"/>
      <c r="QKM722" s="613"/>
      <c r="QKN722" s="613"/>
      <c r="QKO722" s="613"/>
      <c r="QKP722" s="613"/>
      <c r="QKQ722" s="613"/>
      <c r="QKR722" s="613"/>
      <c r="QKS722" s="613"/>
      <c r="QKT722" s="613"/>
      <c r="QKU722" s="613"/>
      <c r="QKV722" s="613"/>
      <c r="QKW722" s="613"/>
      <c r="QKX722" s="613"/>
      <c r="QKY722" s="613"/>
      <c r="QKZ722" s="613"/>
      <c r="QLA722" s="613"/>
      <c r="QLB722" s="613"/>
      <c r="QLC722" s="613"/>
      <c r="QLD722" s="613"/>
      <c r="QLE722" s="613"/>
      <c r="QLF722" s="613"/>
      <c r="QLG722" s="613"/>
      <c r="QLH722" s="613"/>
      <c r="QLI722" s="613"/>
      <c r="QLJ722" s="613"/>
      <c r="QLK722" s="613"/>
      <c r="QLL722" s="613"/>
      <c r="QLM722" s="613"/>
      <c r="QLN722" s="613"/>
      <c r="QLO722" s="613"/>
      <c r="QLP722" s="613"/>
      <c r="QLQ722" s="613"/>
      <c r="QLR722" s="613"/>
      <c r="QLS722" s="613"/>
      <c r="QLT722" s="613"/>
      <c r="QLU722" s="613"/>
      <c r="QLV722" s="613"/>
      <c r="QLW722" s="613"/>
      <c r="QLX722" s="613"/>
      <c r="QLY722" s="613"/>
      <c r="QLZ722" s="613"/>
      <c r="QMA722" s="613"/>
      <c r="QMB722" s="613"/>
      <c r="QMC722" s="613"/>
      <c r="QMD722" s="613"/>
      <c r="QME722" s="613"/>
      <c r="QMF722" s="613"/>
      <c r="QMG722" s="613"/>
      <c r="QMH722" s="613"/>
      <c r="QMI722" s="613"/>
      <c r="QMJ722" s="613"/>
      <c r="QMK722" s="613"/>
      <c r="QML722" s="613"/>
      <c r="QMM722" s="613"/>
      <c r="QMN722" s="613"/>
      <c r="QMO722" s="613"/>
      <c r="QMP722" s="613"/>
      <c r="QMQ722" s="613"/>
      <c r="QMR722" s="613"/>
      <c r="QMS722" s="613"/>
      <c r="QMT722" s="613"/>
      <c r="QMU722" s="613"/>
      <c r="QMV722" s="613"/>
      <c r="QMW722" s="613"/>
      <c r="QMX722" s="613"/>
      <c r="QMY722" s="613"/>
      <c r="QMZ722" s="613"/>
      <c r="QNA722" s="613"/>
      <c r="QNB722" s="613"/>
      <c r="QNC722" s="613"/>
      <c r="QND722" s="613"/>
      <c r="QNE722" s="613"/>
      <c r="QNF722" s="613"/>
      <c r="QNG722" s="613"/>
      <c r="QNH722" s="613"/>
      <c r="QNI722" s="613"/>
      <c r="QNJ722" s="613"/>
      <c r="QNK722" s="613"/>
      <c r="QNL722" s="613"/>
      <c r="QNM722" s="613"/>
      <c r="QNN722" s="613"/>
      <c r="QNO722" s="613"/>
      <c r="QNP722" s="613"/>
      <c r="QNQ722" s="613"/>
      <c r="QNR722" s="613"/>
      <c r="QNS722" s="613"/>
      <c r="QNT722" s="613"/>
      <c r="QNU722" s="613"/>
      <c r="QNV722" s="613"/>
      <c r="QNW722" s="613"/>
      <c r="QNX722" s="613"/>
      <c r="QNY722" s="613"/>
      <c r="QNZ722" s="613"/>
      <c r="QOA722" s="613"/>
      <c r="QOB722" s="613"/>
      <c r="QOC722" s="613"/>
      <c r="QOD722" s="613"/>
      <c r="QOE722" s="613"/>
      <c r="QOF722" s="613"/>
      <c r="QOG722" s="613"/>
      <c r="QOH722" s="613"/>
      <c r="QOI722" s="613"/>
      <c r="QOJ722" s="613"/>
      <c r="QOK722" s="613"/>
      <c r="QOL722" s="613"/>
      <c r="QOM722" s="613"/>
      <c r="QON722" s="613"/>
      <c r="QOO722" s="613"/>
      <c r="QOP722" s="613"/>
      <c r="QOQ722" s="613"/>
      <c r="QOR722" s="613"/>
      <c r="QOS722" s="613"/>
      <c r="QOT722" s="613"/>
      <c r="QOU722" s="613"/>
      <c r="QOV722" s="613"/>
      <c r="QOW722" s="613"/>
      <c r="QOX722" s="613"/>
      <c r="QOY722" s="613"/>
      <c r="QOZ722" s="613"/>
      <c r="QPA722" s="613"/>
      <c r="QPB722" s="613"/>
      <c r="QPC722" s="613"/>
      <c r="QPD722" s="613"/>
      <c r="QPE722" s="613"/>
      <c r="QPF722" s="613"/>
      <c r="QPG722" s="613"/>
      <c r="QPH722" s="613"/>
      <c r="QPI722" s="613"/>
      <c r="QPJ722" s="613"/>
      <c r="QPK722" s="613"/>
      <c r="QPL722" s="613"/>
      <c r="QPM722" s="613"/>
      <c r="QPN722" s="613"/>
      <c r="QPO722" s="613"/>
      <c r="QPP722" s="613"/>
      <c r="QPQ722" s="613"/>
      <c r="QPR722" s="613"/>
      <c r="QPS722" s="613"/>
      <c r="QPT722" s="613"/>
      <c r="QPU722" s="613"/>
      <c r="QPV722" s="613"/>
      <c r="QPW722" s="613"/>
      <c r="QPX722" s="613"/>
      <c r="QPY722" s="613"/>
      <c r="QPZ722" s="613"/>
      <c r="QQA722" s="613"/>
      <c r="QQB722" s="613"/>
      <c r="QQC722" s="613"/>
      <c r="QQD722" s="613"/>
      <c r="QQE722" s="613"/>
      <c r="QQF722" s="613"/>
      <c r="QQG722" s="613"/>
      <c r="QQH722" s="613"/>
      <c r="QQI722" s="613"/>
      <c r="QQJ722" s="613"/>
      <c r="QQK722" s="613"/>
      <c r="QQL722" s="613"/>
      <c r="QQM722" s="613"/>
      <c r="QQN722" s="613"/>
      <c r="QQO722" s="613"/>
      <c r="QQP722" s="613"/>
      <c r="QQQ722" s="613"/>
      <c r="QQR722" s="613"/>
      <c r="QQS722" s="613"/>
      <c r="QQT722" s="613"/>
      <c r="QQU722" s="613"/>
      <c r="QQV722" s="613"/>
      <c r="QQW722" s="613"/>
      <c r="QQX722" s="613"/>
      <c r="QQY722" s="613"/>
      <c r="QQZ722" s="613"/>
      <c r="QRA722" s="613"/>
      <c r="QRB722" s="613"/>
      <c r="QRC722" s="613"/>
      <c r="QRD722" s="613"/>
      <c r="QRE722" s="613"/>
      <c r="QRF722" s="613"/>
      <c r="QRG722" s="613"/>
      <c r="QRH722" s="613"/>
      <c r="QRI722" s="613"/>
      <c r="QRJ722" s="613"/>
      <c r="QRK722" s="613"/>
      <c r="QRL722" s="613"/>
      <c r="QRM722" s="613"/>
      <c r="QRN722" s="613"/>
      <c r="QRO722" s="613"/>
      <c r="QRP722" s="613"/>
      <c r="QRQ722" s="613"/>
      <c r="QRR722" s="613"/>
      <c r="QRS722" s="613"/>
      <c r="QRT722" s="613"/>
      <c r="QRU722" s="613"/>
      <c r="QRV722" s="613"/>
      <c r="QRW722" s="613"/>
      <c r="QRX722" s="613"/>
      <c r="QRY722" s="613"/>
      <c r="QRZ722" s="613"/>
      <c r="QSA722" s="613"/>
      <c r="QSB722" s="613"/>
      <c r="QSC722" s="613"/>
      <c r="QSD722" s="613"/>
      <c r="QSE722" s="613"/>
      <c r="QSF722" s="613"/>
      <c r="QSG722" s="613"/>
      <c r="QSH722" s="613"/>
      <c r="QSI722" s="613"/>
      <c r="QSJ722" s="613"/>
      <c r="QSK722" s="613"/>
      <c r="QSL722" s="613"/>
      <c r="QSM722" s="613"/>
      <c r="QSN722" s="613"/>
      <c r="QSO722" s="613"/>
      <c r="QSP722" s="613"/>
      <c r="QSQ722" s="613"/>
      <c r="QSR722" s="613"/>
      <c r="QSS722" s="613"/>
      <c r="QST722" s="613"/>
      <c r="QSU722" s="613"/>
      <c r="QSV722" s="613"/>
      <c r="QSW722" s="613"/>
      <c r="QSX722" s="613"/>
      <c r="QSY722" s="613"/>
      <c r="QSZ722" s="613"/>
      <c r="QTA722" s="613"/>
      <c r="QTB722" s="613"/>
      <c r="QTC722" s="613"/>
      <c r="QTD722" s="613"/>
      <c r="QTE722" s="613"/>
      <c r="QTF722" s="613"/>
      <c r="QTG722" s="613"/>
      <c r="QTH722" s="613"/>
      <c r="QTI722" s="613"/>
      <c r="QTJ722" s="613"/>
      <c r="QTK722" s="613"/>
      <c r="QTL722" s="613"/>
      <c r="QTM722" s="613"/>
      <c r="QTN722" s="613"/>
      <c r="QTO722" s="613"/>
      <c r="QTP722" s="613"/>
      <c r="QTQ722" s="613"/>
      <c r="QTR722" s="613"/>
      <c r="QTS722" s="613"/>
      <c r="QTT722" s="613"/>
      <c r="QTU722" s="613"/>
      <c r="QTV722" s="613"/>
      <c r="QTW722" s="613"/>
      <c r="QTX722" s="613"/>
      <c r="QTY722" s="613"/>
      <c r="QTZ722" s="613"/>
      <c r="QUA722" s="613"/>
      <c r="QUB722" s="613"/>
      <c r="QUC722" s="613"/>
      <c r="QUD722" s="613"/>
      <c r="QUE722" s="613"/>
      <c r="QUF722" s="613"/>
      <c r="QUG722" s="613"/>
      <c r="QUH722" s="613"/>
      <c r="QUI722" s="613"/>
      <c r="QUJ722" s="613"/>
      <c r="QUK722" s="613"/>
      <c r="QUL722" s="613"/>
      <c r="QUM722" s="613"/>
      <c r="QUN722" s="613"/>
      <c r="QUO722" s="613"/>
      <c r="QUP722" s="613"/>
      <c r="QUQ722" s="613"/>
      <c r="QUR722" s="613"/>
      <c r="QUS722" s="613"/>
      <c r="QUT722" s="613"/>
      <c r="QUU722" s="613"/>
      <c r="QUV722" s="613"/>
      <c r="QUW722" s="613"/>
      <c r="QUX722" s="613"/>
      <c r="QUY722" s="613"/>
      <c r="QUZ722" s="613"/>
      <c r="QVA722" s="613"/>
      <c r="QVB722" s="613"/>
      <c r="QVC722" s="613"/>
      <c r="QVD722" s="613"/>
      <c r="QVE722" s="613"/>
      <c r="QVF722" s="613"/>
      <c r="QVG722" s="613"/>
      <c r="QVH722" s="613"/>
      <c r="QVI722" s="613"/>
      <c r="QVJ722" s="613"/>
      <c r="QVK722" s="613"/>
      <c r="QVL722" s="613"/>
      <c r="QVM722" s="613"/>
      <c r="QVN722" s="613"/>
      <c r="QVO722" s="613"/>
      <c r="QVP722" s="613"/>
      <c r="QVQ722" s="613"/>
      <c r="QVR722" s="613"/>
      <c r="QVS722" s="613"/>
      <c r="QVT722" s="613"/>
      <c r="QVU722" s="613"/>
      <c r="QVV722" s="613"/>
      <c r="QVW722" s="613"/>
      <c r="QVX722" s="613"/>
      <c r="QVY722" s="613"/>
      <c r="QVZ722" s="613"/>
      <c r="QWA722" s="613"/>
      <c r="QWB722" s="613"/>
      <c r="QWC722" s="613"/>
      <c r="QWD722" s="613"/>
      <c r="QWE722" s="613"/>
      <c r="QWF722" s="613"/>
      <c r="QWG722" s="613"/>
      <c r="QWH722" s="613"/>
      <c r="QWI722" s="613"/>
      <c r="QWJ722" s="613"/>
      <c r="QWK722" s="613"/>
      <c r="QWL722" s="613"/>
      <c r="QWM722" s="613"/>
      <c r="QWN722" s="613"/>
      <c r="QWO722" s="613"/>
      <c r="QWP722" s="613"/>
      <c r="QWQ722" s="613"/>
      <c r="QWR722" s="613"/>
      <c r="QWS722" s="613"/>
      <c r="QWT722" s="613"/>
      <c r="QWU722" s="613"/>
      <c r="QWV722" s="613"/>
      <c r="QWW722" s="613"/>
      <c r="QWX722" s="613"/>
      <c r="QWY722" s="613"/>
      <c r="QWZ722" s="613"/>
      <c r="QXA722" s="613"/>
      <c r="QXB722" s="613"/>
      <c r="QXC722" s="613"/>
      <c r="QXD722" s="613"/>
      <c r="QXE722" s="613"/>
      <c r="QXF722" s="613"/>
      <c r="QXG722" s="613"/>
      <c r="QXH722" s="613"/>
      <c r="QXI722" s="613"/>
      <c r="QXJ722" s="613"/>
      <c r="QXK722" s="613"/>
      <c r="QXL722" s="613"/>
      <c r="QXM722" s="613"/>
      <c r="QXN722" s="613"/>
      <c r="QXO722" s="613"/>
      <c r="QXP722" s="613"/>
      <c r="QXQ722" s="613"/>
      <c r="QXR722" s="613"/>
      <c r="QXS722" s="613"/>
      <c r="QXT722" s="613"/>
      <c r="QXU722" s="613"/>
      <c r="QXV722" s="613"/>
      <c r="QXW722" s="613"/>
      <c r="QXX722" s="613"/>
      <c r="QXY722" s="613"/>
      <c r="QXZ722" s="613"/>
      <c r="QYA722" s="613"/>
      <c r="QYB722" s="613"/>
      <c r="QYC722" s="613"/>
      <c r="QYD722" s="613"/>
      <c r="QYE722" s="613"/>
      <c r="QYF722" s="613"/>
      <c r="QYG722" s="613"/>
      <c r="QYH722" s="613"/>
      <c r="QYI722" s="613"/>
      <c r="QYJ722" s="613"/>
      <c r="QYK722" s="613"/>
      <c r="QYL722" s="613"/>
      <c r="QYM722" s="613"/>
      <c r="QYN722" s="613"/>
      <c r="QYO722" s="613"/>
      <c r="QYP722" s="613"/>
      <c r="QYQ722" s="613"/>
      <c r="QYR722" s="613"/>
      <c r="QYS722" s="613"/>
      <c r="QYT722" s="613"/>
      <c r="QYU722" s="613"/>
      <c r="QYV722" s="613"/>
      <c r="QYW722" s="613"/>
      <c r="QYX722" s="613"/>
      <c r="QYY722" s="613"/>
      <c r="QYZ722" s="613"/>
      <c r="QZA722" s="613"/>
      <c r="QZB722" s="613"/>
      <c r="QZC722" s="613"/>
      <c r="QZD722" s="613"/>
      <c r="QZE722" s="613"/>
      <c r="QZF722" s="613"/>
      <c r="QZG722" s="613"/>
      <c r="QZH722" s="613"/>
      <c r="QZI722" s="613"/>
      <c r="QZJ722" s="613"/>
      <c r="QZK722" s="613"/>
      <c r="QZL722" s="613"/>
      <c r="QZM722" s="613"/>
      <c r="QZN722" s="613"/>
      <c r="QZO722" s="613"/>
      <c r="QZP722" s="613"/>
      <c r="QZQ722" s="613"/>
      <c r="QZR722" s="613"/>
      <c r="QZS722" s="613"/>
      <c r="QZT722" s="613"/>
      <c r="QZU722" s="613"/>
      <c r="QZV722" s="613"/>
      <c r="QZW722" s="613"/>
      <c r="QZX722" s="613"/>
      <c r="QZY722" s="613"/>
      <c r="QZZ722" s="613"/>
      <c r="RAA722" s="613"/>
      <c r="RAB722" s="613"/>
      <c r="RAC722" s="613"/>
      <c r="RAD722" s="613"/>
      <c r="RAE722" s="613"/>
      <c r="RAF722" s="613"/>
      <c r="RAG722" s="613"/>
      <c r="RAH722" s="613"/>
      <c r="RAI722" s="613"/>
      <c r="RAJ722" s="613"/>
      <c r="RAK722" s="613"/>
      <c r="RAL722" s="613"/>
      <c r="RAM722" s="613"/>
      <c r="RAN722" s="613"/>
      <c r="RAO722" s="613"/>
      <c r="RAP722" s="613"/>
      <c r="RAQ722" s="613"/>
      <c r="RAR722" s="613"/>
      <c r="RAS722" s="613"/>
      <c r="RAT722" s="613"/>
      <c r="RAU722" s="613"/>
      <c r="RAV722" s="613"/>
      <c r="RAW722" s="613"/>
      <c r="RAX722" s="613"/>
      <c r="RAY722" s="613"/>
      <c r="RAZ722" s="613"/>
      <c r="RBA722" s="613"/>
      <c r="RBB722" s="613"/>
      <c r="RBC722" s="613"/>
      <c r="RBD722" s="613"/>
      <c r="RBE722" s="613"/>
      <c r="RBF722" s="613"/>
      <c r="RBG722" s="613"/>
      <c r="RBH722" s="613"/>
      <c r="RBI722" s="613"/>
      <c r="RBJ722" s="613"/>
      <c r="RBK722" s="613"/>
      <c r="RBL722" s="613"/>
      <c r="RBM722" s="613"/>
      <c r="RBN722" s="613"/>
      <c r="RBO722" s="613"/>
      <c r="RBP722" s="613"/>
      <c r="RBQ722" s="613"/>
      <c r="RBR722" s="613"/>
      <c r="RBS722" s="613"/>
      <c r="RBT722" s="613"/>
      <c r="RBU722" s="613"/>
      <c r="RBV722" s="613"/>
      <c r="RBW722" s="613"/>
      <c r="RBX722" s="613"/>
      <c r="RBY722" s="613"/>
      <c r="RBZ722" s="613"/>
      <c r="RCA722" s="613"/>
      <c r="RCB722" s="613"/>
      <c r="RCC722" s="613"/>
      <c r="RCD722" s="613"/>
      <c r="RCE722" s="613"/>
      <c r="RCF722" s="613"/>
      <c r="RCG722" s="613"/>
      <c r="RCH722" s="613"/>
      <c r="RCI722" s="613"/>
      <c r="RCJ722" s="613"/>
      <c r="RCK722" s="613"/>
      <c r="RCL722" s="613"/>
      <c r="RCM722" s="613"/>
      <c r="RCN722" s="613"/>
      <c r="RCO722" s="613"/>
      <c r="RCP722" s="613"/>
      <c r="RCQ722" s="613"/>
      <c r="RCR722" s="613"/>
      <c r="RCS722" s="613"/>
      <c r="RCT722" s="613"/>
      <c r="RCU722" s="613"/>
      <c r="RCV722" s="613"/>
      <c r="RCW722" s="613"/>
      <c r="RCX722" s="613"/>
      <c r="RCY722" s="613"/>
      <c r="RCZ722" s="613"/>
      <c r="RDA722" s="613"/>
      <c r="RDB722" s="613"/>
      <c r="RDC722" s="613"/>
      <c r="RDD722" s="613"/>
      <c r="RDE722" s="613"/>
      <c r="RDF722" s="613"/>
      <c r="RDG722" s="613"/>
      <c r="RDH722" s="613"/>
      <c r="RDI722" s="613"/>
      <c r="RDJ722" s="613"/>
      <c r="RDK722" s="613"/>
      <c r="RDL722" s="613"/>
      <c r="RDM722" s="613"/>
      <c r="RDN722" s="613"/>
      <c r="RDO722" s="613"/>
      <c r="RDP722" s="613"/>
      <c r="RDQ722" s="613"/>
      <c r="RDR722" s="613"/>
      <c r="RDS722" s="613"/>
      <c r="RDT722" s="613"/>
      <c r="RDU722" s="613"/>
      <c r="RDV722" s="613"/>
      <c r="RDW722" s="613"/>
      <c r="RDX722" s="613"/>
      <c r="RDY722" s="613"/>
      <c r="RDZ722" s="613"/>
      <c r="REA722" s="613"/>
      <c r="REB722" s="613"/>
      <c r="REC722" s="613"/>
      <c r="RED722" s="613"/>
      <c r="REE722" s="613"/>
      <c r="REF722" s="613"/>
      <c r="REG722" s="613"/>
      <c r="REH722" s="613"/>
      <c r="REI722" s="613"/>
      <c r="REJ722" s="613"/>
      <c r="REK722" s="613"/>
      <c r="REL722" s="613"/>
      <c r="REM722" s="613"/>
      <c r="REN722" s="613"/>
      <c r="REO722" s="613"/>
      <c r="REP722" s="613"/>
      <c r="REQ722" s="613"/>
      <c r="RER722" s="613"/>
      <c r="RES722" s="613"/>
      <c r="RET722" s="613"/>
      <c r="REU722" s="613"/>
      <c r="REV722" s="613"/>
      <c r="REW722" s="613"/>
      <c r="REX722" s="613"/>
      <c r="REY722" s="613"/>
      <c r="REZ722" s="613"/>
      <c r="RFA722" s="613"/>
      <c r="RFB722" s="613"/>
      <c r="RFC722" s="613"/>
      <c r="RFD722" s="613"/>
      <c r="RFE722" s="613"/>
      <c r="RFF722" s="613"/>
      <c r="RFG722" s="613"/>
      <c r="RFH722" s="613"/>
      <c r="RFI722" s="613"/>
      <c r="RFJ722" s="613"/>
      <c r="RFK722" s="613"/>
      <c r="RFL722" s="613"/>
      <c r="RFM722" s="613"/>
      <c r="RFN722" s="613"/>
      <c r="RFO722" s="613"/>
      <c r="RFP722" s="613"/>
      <c r="RFQ722" s="613"/>
      <c r="RFR722" s="613"/>
      <c r="RFS722" s="613"/>
      <c r="RFT722" s="613"/>
      <c r="RFU722" s="613"/>
      <c r="RFV722" s="613"/>
      <c r="RFW722" s="613"/>
      <c r="RFX722" s="613"/>
      <c r="RFY722" s="613"/>
      <c r="RFZ722" s="613"/>
      <c r="RGA722" s="613"/>
      <c r="RGB722" s="613"/>
      <c r="RGC722" s="613"/>
      <c r="RGD722" s="613"/>
      <c r="RGE722" s="613"/>
      <c r="RGF722" s="613"/>
      <c r="RGG722" s="613"/>
      <c r="RGH722" s="613"/>
      <c r="RGI722" s="613"/>
      <c r="RGJ722" s="613"/>
      <c r="RGK722" s="613"/>
      <c r="RGL722" s="613"/>
      <c r="RGM722" s="613"/>
      <c r="RGN722" s="613"/>
      <c r="RGO722" s="613"/>
      <c r="RGP722" s="613"/>
      <c r="RGQ722" s="613"/>
      <c r="RGR722" s="613"/>
      <c r="RGS722" s="613"/>
      <c r="RGT722" s="613"/>
      <c r="RGU722" s="613"/>
      <c r="RGV722" s="613"/>
      <c r="RGW722" s="613"/>
      <c r="RGX722" s="613"/>
      <c r="RGY722" s="613"/>
      <c r="RGZ722" s="613"/>
      <c r="RHA722" s="613"/>
      <c r="RHB722" s="613"/>
      <c r="RHC722" s="613"/>
      <c r="RHD722" s="613"/>
      <c r="RHE722" s="613"/>
      <c r="RHF722" s="613"/>
      <c r="RHG722" s="613"/>
      <c r="RHH722" s="613"/>
      <c r="RHI722" s="613"/>
      <c r="RHJ722" s="613"/>
      <c r="RHK722" s="613"/>
      <c r="RHL722" s="613"/>
      <c r="RHM722" s="613"/>
      <c r="RHN722" s="613"/>
      <c r="RHO722" s="613"/>
      <c r="RHP722" s="613"/>
      <c r="RHQ722" s="613"/>
      <c r="RHR722" s="613"/>
      <c r="RHS722" s="613"/>
      <c r="RHT722" s="613"/>
      <c r="RHU722" s="613"/>
      <c r="RHV722" s="613"/>
      <c r="RHW722" s="613"/>
      <c r="RHX722" s="613"/>
      <c r="RHY722" s="613"/>
      <c r="RHZ722" s="613"/>
      <c r="RIA722" s="613"/>
      <c r="RIB722" s="613"/>
      <c r="RIC722" s="613"/>
      <c r="RID722" s="613"/>
      <c r="RIE722" s="613"/>
      <c r="RIF722" s="613"/>
      <c r="RIG722" s="613"/>
      <c r="RIH722" s="613"/>
      <c r="RII722" s="613"/>
      <c r="RIJ722" s="613"/>
      <c r="RIK722" s="613"/>
      <c r="RIL722" s="613"/>
      <c r="RIM722" s="613"/>
      <c r="RIN722" s="613"/>
      <c r="RIO722" s="613"/>
      <c r="RIP722" s="613"/>
      <c r="RIQ722" s="613"/>
      <c r="RIR722" s="613"/>
      <c r="RIS722" s="613"/>
      <c r="RIT722" s="613"/>
      <c r="RIU722" s="613"/>
      <c r="RIV722" s="613"/>
      <c r="RIW722" s="613"/>
      <c r="RIX722" s="613"/>
      <c r="RIY722" s="613"/>
      <c r="RIZ722" s="613"/>
      <c r="RJA722" s="613"/>
      <c r="RJB722" s="613"/>
      <c r="RJC722" s="613"/>
      <c r="RJD722" s="613"/>
      <c r="RJE722" s="613"/>
      <c r="RJF722" s="613"/>
      <c r="RJG722" s="613"/>
      <c r="RJH722" s="613"/>
      <c r="RJI722" s="613"/>
      <c r="RJJ722" s="613"/>
      <c r="RJK722" s="613"/>
      <c r="RJL722" s="613"/>
      <c r="RJM722" s="613"/>
      <c r="RJN722" s="613"/>
      <c r="RJO722" s="613"/>
      <c r="RJP722" s="613"/>
      <c r="RJQ722" s="613"/>
      <c r="RJR722" s="613"/>
      <c r="RJS722" s="613"/>
      <c r="RJT722" s="613"/>
      <c r="RJU722" s="613"/>
      <c r="RJV722" s="613"/>
      <c r="RJW722" s="613"/>
      <c r="RJX722" s="613"/>
      <c r="RJY722" s="613"/>
      <c r="RJZ722" s="613"/>
      <c r="RKA722" s="613"/>
      <c r="RKB722" s="613"/>
      <c r="RKC722" s="613"/>
      <c r="RKD722" s="613"/>
      <c r="RKE722" s="613"/>
      <c r="RKF722" s="613"/>
      <c r="RKG722" s="613"/>
      <c r="RKH722" s="613"/>
      <c r="RKI722" s="613"/>
      <c r="RKJ722" s="613"/>
      <c r="RKK722" s="613"/>
      <c r="RKL722" s="613"/>
      <c r="RKM722" s="613"/>
      <c r="RKN722" s="613"/>
      <c r="RKO722" s="613"/>
      <c r="RKP722" s="613"/>
      <c r="RKQ722" s="613"/>
      <c r="RKR722" s="613"/>
      <c r="RKS722" s="613"/>
      <c r="RKT722" s="613"/>
      <c r="RKU722" s="613"/>
      <c r="RKV722" s="613"/>
      <c r="RKW722" s="613"/>
      <c r="RKX722" s="613"/>
      <c r="RKY722" s="613"/>
      <c r="RKZ722" s="613"/>
      <c r="RLA722" s="613"/>
      <c r="RLB722" s="613"/>
      <c r="RLC722" s="613"/>
      <c r="RLD722" s="613"/>
      <c r="RLE722" s="613"/>
      <c r="RLF722" s="613"/>
      <c r="RLG722" s="613"/>
      <c r="RLH722" s="613"/>
      <c r="RLI722" s="613"/>
      <c r="RLJ722" s="613"/>
      <c r="RLK722" s="613"/>
      <c r="RLL722" s="613"/>
      <c r="RLM722" s="613"/>
      <c r="RLN722" s="613"/>
      <c r="RLO722" s="613"/>
      <c r="RLP722" s="613"/>
      <c r="RLQ722" s="613"/>
      <c r="RLR722" s="613"/>
      <c r="RLS722" s="613"/>
      <c r="RLT722" s="613"/>
      <c r="RLU722" s="613"/>
      <c r="RLV722" s="613"/>
      <c r="RLW722" s="613"/>
      <c r="RLX722" s="613"/>
      <c r="RLY722" s="613"/>
      <c r="RLZ722" s="613"/>
      <c r="RMA722" s="613"/>
      <c r="RMB722" s="613"/>
      <c r="RMC722" s="613"/>
      <c r="RMD722" s="613"/>
      <c r="RME722" s="613"/>
      <c r="RMF722" s="613"/>
      <c r="RMG722" s="613"/>
      <c r="RMH722" s="613"/>
      <c r="RMI722" s="613"/>
      <c r="RMJ722" s="613"/>
      <c r="RMK722" s="613"/>
      <c r="RML722" s="613"/>
      <c r="RMM722" s="613"/>
      <c r="RMN722" s="613"/>
      <c r="RMO722" s="613"/>
      <c r="RMP722" s="613"/>
      <c r="RMQ722" s="613"/>
      <c r="RMR722" s="613"/>
      <c r="RMS722" s="613"/>
      <c r="RMT722" s="613"/>
      <c r="RMU722" s="613"/>
      <c r="RMV722" s="613"/>
      <c r="RMW722" s="613"/>
      <c r="RMX722" s="613"/>
      <c r="RMY722" s="613"/>
      <c r="RMZ722" s="613"/>
      <c r="RNA722" s="613"/>
      <c r="RNB722" s="613"/>
      <c r="RNC722" s="613"/>
      <c r="RND722" s="613"/>
      <c r="RNE722" s="613"/>
      <c r="RNF722" s="613"/>
      <c r="RNG722" s="613"/>
      <c r="RNH722" s="613"/>
      <c r="RNI722" s="613"/>
      <c r="RNJ722" s="613"/>
      <c r="RNK722" s="613"/>
      <c r="RNL722" s="613"/>
      <c r="RNM722" s="613"/>
      <c r="RNN722" s="613"/>
      <c r="RNO722" s="613"/>
      <c r="RNP722" s="613"/>
      <c r="RNQ722" s="613"/>
      <c r="RNR722" s="613"/>
      <c r="RNS722" s="613"/>
      <c r="RNT722" s="613"/>
      <c r="RNU722" s="613"/>
      <c r="RNV722" s="613"/>
      <c r="RNW722" s="613"/>
      <c r="RNX722" s="613"/>
      <c r="RNY722" s="613"/>
      <c r="RNZ722" s="613"/>
      <c r="ROA722" s="613"/>
      <c r="ROB722" s="613"/>
      <c r="ROC722" s="613"/>
      <c r="ROD722" s="613"/>
      <c r="ROE722" s="613"/>
      <c r="ROF722" s="613"/>
      <c r="ROG722" s="613"/>
      <c r="ROH722" s="613"/>
      <c r="ROI722" s="613"/>
      <c r="ROJ722" s="613"/>
      <c r="ROK722" s="613"/>
      <c r="ROL722" s="613"/>
      <c r="ROM722" s="613"/>
      <c r="RON722" s="613"/>
      <c r="ROO722" s="613"/>
      <c r="ROP722" s="613"/>
      <c r="ROQ722" s="613"/>
      <c r="ROR722" s="613"/>
      <c r="ROS722" s="613"/>
      <c r="ROT722" s="613"/>
      <c r="ROU722" s="613"/>
      <c r="ROV722" s="613"/>
      <c r="ROW722" s="613"/>
      <c r="ROX722" s="613"/>
      <c r="ROY722" s="613"/>
      <c r="ROZ722" s="613"/>
      <c r="RPA722" s="613"/>
      <c r="RPB722" s="613"/>
      <c r="RPC722" s="613"/>
      <c r="RPD722" s="613"/>
      <c r="RPE722" s="613"/>
      <c r="RPF722" s="613"/>
      <c r="RPG722" s="613"/>
      <c r="RPH722" s="613"/>
      <c r="RPI722" s="613"/>
      <c r="RPJ722" s="613"/>
      <c r="RPK722" s="613"/>
      <c r="RPL722" s="613"/>
      <c r="RPM722" s="613"/>
      <c r="RPN722" s="613"/>
      <c r="RPO722" s="613"/>
      <c r="RPP722" s="613"/>
      <c r="RPQ722" s="613"/>
      <c r="RPR722" s="613"/>
      <c r="RPS722" s="613"/>
      <c r="RPT722" s="613"/>
      <c r="RPU722" s="613"/>
      <c r="RPV722" s="613"/>
      <c r="RPW722" s="613"/>
      <c r="RPX722" s="613"/>
      <c r="RPY722" s="613"/>
      <c r="RPZ722" s="613"/>
      <c r="RQA722" s="613"/>
      <c r="RQB722" s="613"/>
      <c r="RQC722" s="613"/>
      <c r="RQD722" s="613"/>
      <c r="RQE722" s="613"/>
      <c r="RQF722" s="613"/>
      <c r="RQG722" s="613"/>
      <c r="RQH722" s="613"/>
      <c r="RQI722" s="613"/>
      <c r="RQJ722" s="613"/>
      <c r="RQK722" s="613"/>
      <c r="RQL722" s="613"/>
      <c r="RQM722" s="613"/>
      <c r="RQN722" s="613"/>
      <c r="RQO722" s="613"/>
      <c r="RQP722" s="613"/>
      <c r="RQQ722" s="613"/>
      <c r="RQR722" s="613"/>
      <c r="RQS722" s="613"/>
      <c r="RQT722" s="613"/>
      <c r="RQU722" s="613"/>
      <c r="RQV722" s="613"/>
      <c r="RQW722" s="613"/>
      <c r="RQX722" s="613"/>
      <c r="RQY722" s="613"/>
      <c r="RQZ722" s="613"/>
      <c r="RRA722" s="613"/>
      <c r="RRB722" s="613"/>
      <c r="RRC722" s="613"/>
      <c r="RRD722" s="613"/>
      <c r="RRE722" s="613"/>
      <c r="RRF722" s="613"/>
      <c r="RRG722" s="613"/>
      <c r="RRH722" s="613"/>
      <c r="RRI722" s="613"/>
      <c r="RRJ722" s="613"/>
      <c r="RRK722" s="613"/>
      <c r="RRL722" s="613"/>
      <c r="RRM722" s="613"/>
      <c r="RRN722" s="613"/>
      <c r="RRO722" s="613"/>
      <c r="RRP722" s="613"/>
      <c r="RRQ722" s="613"/>
      <c r="RRR722" s="613"/>
      <c r="RRS722" s="613"/>
      <c r="RRT722" s="613"/>
      <c r="RRU722" s="613"/>
      <c r="RRV722" s="613"/>
      <c r="RRW722" s="613"/>
      <c r="RRX722" s="613"/>
      <c r="RRY722" s="613"/>
      <c r="RRZ722" s="613"/>
      <c r="RSA722" s="613"/>
      <c r="RSB722" s="613"/>
      <c r="RSC722" s="613"/>
      <c r="RSD722" s="613"/>
      <c r="RSE722" s="613"/>
      <c r="RSF722" s="613"/>
      <c r="RSG722" s="613"/>
      <c r="RSH722" s="613"/>
      <c r="RSI722" s="613"/>
      <c r="RSJ722" s="613"/>
      <c r="RSK722" s="613"/>
      <c r="RSL722" s="613"/>
      <c r="RSM722" s="613"/>
      <c r="RSN722" s="613"/>
      <c r="RSO722" s="613"/>
      <c r="RSP722" s="613"/>
      <c r="RSQ722" s="613"/>
      <c r="RSR722" s="613"/>
      <c r="RSS722" s="613"/>
      <c r="RST722" s="613"/>
      <c r="RSU722" s="613"/>
      <c r="RSV722" s="613"/>
      <c r="RSW722" s="613"/>
      <c r="RSX722" s="613"/>
      <c r="RSY722" s="613"/>
      <c r="RSZ722" s="613"/>
      <c r="RTA722" s="613"/>
      <c r="RTB722" s="613"/>
      <c r="RTC722" s="613"/>
      <c r="RTD722" s="613"/>
      <c r="RTE722" s="613"/>
      <c r="RTF722" s="613"/>
      <c r="RTG722" s="613"/>
      <c r="RTH722" s="613"/>
      <c r="RTI722" s="613"/>
      <c r="RTJ722" s="613"/>
      <c r="RTK722" s="613"/>
      <c r="RTL722" s="613"/>
      <c r="RTM722" s="613"/>
      <c r="RTN722" s="613"/>
      <c r="RTO722" s="613"/>
      <c r="RTP722" s="613"/>
      <c r="RTQ722" s="613"/>
      <c r="RTR722" s="613"/>
      <c r="RTS722" s="613"/>
      <c r="RTT722" s="613"/>
      <c r="RTU722" s="613"/>
      <c r="RTV722" s="613"/>
      <c r="RTW722" s="613"/>
      <c r="RTX722" s="613"/>
      <c r="RTY722" s="613"/>
      <c r="RTZ722" s="613"/>
      <c r="RUA722" s="613"/>
      <c r="RUB722" s="613"/>
      <c r="RUC722" s="613"/>
      <c r="RUD722" s="613"/>
      <c r="RUE722" s="613"/>
      <c r="RUF722" s="613"/>
      <c r="RUG722" s="613"/>
      <c r="RUH722" s="613"/>
      <c r="RUI722" s="613"/>
      <c r="RUJ722" s="613"/>
      <c r="RUK722" s="613"/>
      <c r="RUL722" s="613"/>
      <c r="RUM722" s="613"/>
      <c r="RUN722" s="613"/>
      <c r="RUO722" s="613"/>
      <c r="RUP722" s="613"/>
      <c r="RUQ722" s="613"/>
      <c r="RUR722" s="613"/>
      <c r="RUS722" s="613"/>
      <c r="RUT722" s="613"/>
      <c r="RUU722" s="613"/>
      <c r="RUV722" s="613"/>
      <c r="RUW722" s="613"/>
      <c r="RUX722" s="613"/>
      <c r="RUY722" s="613"/>
      <c r="RUZ722" s="613"/>
      <c r="RVA722" s="613"/>
      <c r="RVB722" s="613"/>
      <c r="RVC722" s="613"/>
      <c r="RVD722" s="613"/>
      <c r="RVE722" s="613"/>
      <c r="RVF722" s="613"/>
      <c r="RVG722" s="613"/>
      <c r="RVH722" s="613"/>
      <c r="RVI722" s="613"/>
      <c r="RVJ722" s="613"/>
      <c r="RVK722" s="613"/>
      <c r="RVL722" s="613"/>
      <c r="RVM722" s="613"/>
      <c r="RVN722" s="613"/>
      <c r="RVO722" s="613"/>
      <c r="RVP722" s="613"/>
      <c r="RVQ722" s="613"/>
      <c r="RVR722" s="613"/>
      <c r="RVS722" s="613"/>
      <c r="RVT722" s="613"/>
      <c r="RVU722" s="613"/>
      <c r="RVV722" s="613"/>
      <c r="RVW722" s="613"/>
      <c r="RVX722" s="613"/>
      <c r="RVY722" s="613"/>
      <c r="RVZ722" s="613"/>
      <c r="RWA722" s="613"/>
      <c r="RWB722" s="613"/>
      <c r="RWC722" s="613"/>
      <c r="RWD722" s="613"/>
      <c r="RWE722" s="613"/>
      <c r="RWF722" s="613"/>
      <c r="RWG722" s="613"/>
      <c r="RWH722" s="613"/>
      <c r="RWI722" s="613"/>
      <c r="RWJ722" s="613"/>
      <c r="RWK722" s="613"/>
      <c r="RWL722" s="613"/>
      <c r="RWM722" s="613"/>
      <c r="RWN722" s="613"/>
      <c r="RWO722" s="613"/>
      <c r="RWP722" s="613"/>
      <c r="RWQ722" s="613"/>
      <c r="RWR722" s="613"/>
      <c r="RWS722" s="613"/>
      <c r="RWT722" s="613"/>
      <c r="RWU722" s="613"/>
      <c r="RWV722" s="613"/>
      <c r="RWW722" s="613"/>
      <c r="RWX722" s="613"/>
      <c r="RWY722" s="613"/>
      <c r="RWZ722" s="613"/>
      <c r="RXA722" s="613"/>
      <c r="RXB722" s="613"/>
      <c r="RXC722" s="613"/>
      <c r="RXD722" s="613"/>
      <c r="RXE722" s="613"/>
      <c r="RXF722" s="613"/>
      <c r="RXG722" s="613"/>
      <c r="RXH722" s="613"/>
      <c r="RXI722" s="613"/>
      <c r="RXJ722" s="613"/>
      <c r="RXK722" s="613"/>
      <c r="RXL722" s="613"/>
      <c r="RXM722" s="613"/>
      <c r="RXN722" s="613"/>
      <c r="RXO722" s="613"/>
      <c r="RXP722" s="613"/>
      <c r="RXQ722" s="613"/>
      <c r="RXR722" s="613"/>
      <c r="RXS722" s="613"/>
      <c r="RXT722" s="613"/>
      <c r="RXU722" s="613"/>
      <c r="RXV722" s="613"/>
      <c r="RXW722" s="613"/>
      <c r="RXX722" s="613"/>
      <c r="RXY722" s="613"/>
      <c r="RXZ722" s="613"/>
      <c r="RYA722" s="613"/>
      <c r="RYB722" s="613"/>
      <c r="RYC722" s="613"/>
      <c r="RYD722" s="613"/>
      <c r="RYE722" s="613"/>
      <c r="RYF722" s="613"/>
      <c r="RYG722" s="613"/>
      <c r="RYH722" s="613"/>
      <c r="RYI722" s="613"/>
      <c r="RYJ722" s="613"/>
      <c r="RYK722" s="613"/>
      <c r="RYL722" s="613"/>
      <c r="RYM722" s="613"/>
      <c r="RYN722" s="613"/>
      <c r="RYO722" s="613"/>
      <c r="RYP722" s="613"/>
      <c r="RYQ722" s="613"/>
      <c r="RYR722" s="613"/>
      <c r="RYS722" s="613"/>
      <c r="RYT722" s="613"/>
      <c r="RYU722" s="613"/>
      <c r="RYV722" s="613"/>
      <c r="RYW722" s="613"/>
      <c r="RYX722" s="613"/>
      <c r="RYY722" s="613"/>
      <c r="RYZ722" s="613"/>
      <c r="RZA722" s="613"/>
      <c r="RZB722" s="613"/>
      <c r="RZC722" s="613"/>
      <c r="RZD722" s="613"/>
      <c r="RZE722" s="613"/>
      <c r="RZF722" s="613"/>
      <c r="RZG722" s="613"/>
      <c r="RZH722" s="613"/>
      <c r="RZI722" s="613"/>
      <c r="RZJ722" s="613"/>
      <c r="RZK722" s="613"/>
      <c r="RZL722" s="613"/>
      <c r="RZM722" s="613"/>
      <c r="RZN722" s="613"/>
      <c r="RZO722" s="613"/>
      <c r="RZP722" s="613"/>
      <c r="RZQ722" s="613"/>
      <c r="RZR722" s="613"/>
      <c r="RZS722" s="613"/>
      <c r="RZT722" s="613"/>
      <c r="RZU722" s="613"/>
      <c r="RZV722" s="613"/>
      <c r="RZW722" s="613"/>
      <c r="RZX722" s="613"/>
      <c r="RZY722" s="613"/>
      <c r="RZZ722" s="613"/>
      <c r="SAA722" s="613"/>
      <c r="SAB722" s="613"/>
      <c r="SAC722" s="613"/>
      <c r="SAD722" s="613"/>
      <c r="SAE722" s="613"/>
      <c r="SAF722" s="613"/>
      <c r="SAG722" s="613"/>
      <c r="SAH722" s="613"/>
      <c r="SAI722" s="613"/>
      <c r="SAJ722" s="613"/>
      <c r="SAK722" s="613"/>
      <c r="SAL722" s="613"/>
      <c r="SAM722" s="613"/>
      <c r="SAN722" s="613"/>
      <c r="SAO722" s="613"/>
      <c r="SAP722" s="613"/>
      <c r="SAQ722" s="613"/>
      <c r="SAR722" s="613"/>
      <c r="SAS722" s="613"/>
      <c r="SAT722" s="613"/>
      <c r="SAU722" s="613"/>
      <c r="SAV722" s="613"/>
      <c r="SAW722" s="613"/>
      <c r="SAX722" s="613"/>
      <c r="SAY722" s="613"/>
      <c r="SAZ722" s="613"/>
      <c r="SBA722" s="613"/>
      <c r="SBB722" s="613"/>
      <c r="SBC722" s="613"/>
      <c r="SBD722" s="613"/>
      <c r="SBE722" s="613"/>
      <c r="SBF722" s="613"/>
      <c r="SBG722" s="613"/>
      <c r="SBH722" s="613"/>
      <c r="SBI722" s="613"/>
      <c r="SBJ722" s="613"/>
      <c r="SBK722" s="613"/>
      <c r="SBL722" s="613"/>
      <c r="SBM722" s="613"/>
      <c r="SBN722" s="613"/>
      <c r="SBO722" s="613"/>
      <c r="SBP722" s="613"/>
      <c r="SBQ722" s="613"/>
      <c r="SBR722" s="613"/>
      <c r="SBS722" s="613"/>
      <c r="SBT722" s="613"/>
      <c r="SBU722" s="613"/>
      <c r="SBV722" s="613"/>
      <c r="SBW722" s="613"/>
      <c r="SBX722" s="613"/>
      <c r="SBY722" s="613"/>
      <c r="SBZ722" s="613"/>
      <c r="SCA722" s="613"/>
      <c r="SCB722" s="613"/>
      <c r="SCC722" s="613"/>
      <c r="SCD722" s="613"/>
      <c r="SCE722" s="613"/>
      <c r="SCF722" s="613"/>
      <c r="SCG722" s="613"/>
      <c r="SCH722" s="613"/>
      <c r="SCI722" s="613"/>
      <c r="SCJ722" s="613"/>
      <c r="SCK722" s="613"/>
      <c r="SCL722" s="613"/>
      <c r="SCM722" s="613"/>
      <c r="SCN722" s="613"/>
      <c r="SCO722" s="613"/>
      <c r="SCP722" s="613"/>
      <c r="SCQ722" s="613"/>
      <c r="SCR722" s="613"/>
      <c r="SCS722" s="613"/>
      <c r="SCT722" s="613"/>
      <c r="SCU722" s="613"/>
      <c r="SCV722" s="613"/>
      <c r="SCW722" s="613"/>
      <c r="SCX722" s="613"/>
      <c r="SCY722" s="613"/>
      <c r="SCZ722" s="613"/>
      <c r="SDA722" s="613"/>
      <c r="SDB722" s="613"/>
      <c r="SDC722" s="613"/>
      <c r="SDD722" s="613"/>
      <c r="SDE722" s="613"/>
      <c r="SDF722" s="613"/>
      <c r="SDG722" s="613"/>
      <c r="SDH722" s="613"/>
      <c r="SDI722" s="613"/>
      <c r="SDJ722" s="613"/>
      <c r="SDK722" s="613"/>
      <c r="SDL722" s="613"/>
      <c r="SDM722" s="613"/>
      <c r="SDN722" s="613"/>
      <c r="SDO722" s="613"/>
      <c r="SDP722" s="613"/>
      <c r="SDQ722" s="613"/>
      <c r="SDR722" s="613"/>
      <c r="SDS722" s="613"/>
      <c r="SDT722" s="613"/>
      <c r="SDU722" s="613"/>
      <c r="SDV722" s="613"/>
      <c r="SDW722" s="613"/>
      <c r="SDX722" s="613"/>
      <c r="SDY722" s="613"/>
      <c r="SDZ722" s="613"/>
      <c r="SEA722" s="613"/>
      <c r="SEB722" s="613"/>
      <c r="SEC722" s="613"/>
      <c r="SED722" s="613"/>
      <c r="SEE722" s="613"/>
      <c r="SEF722" s="613"/>
      <c r="SEG722" s="613"/>
      <c r="SEH722" s="613"/>
      <c r="SEI722" s="613"/>
      <c r="SEJ722" s="613"/>
      <c r="SEK722" s="613"/>
      <c r="SEL722" s="613"/>
      <c r="SEM722" s="613"/>
      <c r="SEN722" s="613"/>
      <c r="SEO722" s="613"/>
      <c r="SEP722" s="613"/>
      <c r="SEQ722" s="613"/>
      <c r="SER722" s="613"/>
      <c r="SES722" s="613"/>
      <c r="SET722" s="613"/>
      <c r="SEU722" s="613"/>
      <c r="SEV722" s="613"/>
      <c r="SEW722" s="613"/>
      <c r="SEX722" s="613"/>
      <c r="SEY722" s="613"/>
      <c r="SEZ722" s="613"/>
      <c r="SFA722" s="613"/>
      <c r="SFB722" s="613"/>
      <c r="SFC722" s="613"/>
      <c r="SFD722" s="613"/>
      <c r="SFE722" s="613"/>
      <c r="SFF722" s="613"/>
      <c r="SFG722" s="613"/>
      <c r="SFH722" s="613"/>
      <c r="SFI722" s="613"/>
      <c r="SFJ722" s="613"/>
      <c r="SFK722" s="613"/>
      <c r="SFL722" s="613"/>
      <c r="SFM722" s="613"/>
      <c r="SFN722" s="613"/>
      <c r="SFO722" s="613"/>
      <c r="SFP722" s="613"/>
      <c r="SFQ722" s="613"/>
      <c r="SFR722" s="613"/>
      <c r="SFS722" s="613"/>
      <c r="SFT722" s="613"/>
      <c r="SFU722" s="613"/>
      <c r="SFV722" s="613"/>
      <c r="SFW722" s="613"/>
      <c r="SFX722" s="613"/>
      <c r="SFY722" s="613"/>
      <c r="SFZ722" s="613"/>
      <c r="SGA722" s="613"/>
      <c r="SGB722" s="613"/>
      <c r="SGC722" s="613"/>
      <c r="SGD722" s="613"/>
      <c r="SGE722" s="613"/>
      <c r="SGF722" s="613"/>
      <c r="SGG722" s="613"/>
      <c r="SGH722" s="613"/>
      <c r="SGI722" s="613"/>
      <c r="SGJ722" s="613"/>
      <c r="SGK722" s="613"/>
      <c r="SGL722" s="613"/>
      <c r="SGM722" s="613"/>
      <c r="SGN722" s="613"/>
      <c r="SGO722" s="613"/>
      <c r="SGP722" s="613"/>
      <c r="SGQ722" s="613"/>
      <c r="SGR722" s="613"/>
      <c r="SGS722" s="613"/>
      <c r="SGT722" s="613"/>
      <c r="SGU722" s="613"/>
      <c r="SGV722" s="613"/>
      <c r="SGW722" s="613"/>
      <c r="SGX722" s="613"/>
      <c r="SGY722" s="613"/>
      <c r="SGZ722" s="613"/>
      <c r="SHA722" s="613"/>
      <c r="SHB722" s="613"/>
      <c r="SHC722" s="613"/>
      <c r="SHD722" s="613"/>
      <c r="SHE722" s="613"/>
      <c r="SHF722" s="613"/>
      <c r="SHG722" s="613"/>
      <c r="SHH722" s="613"/>
      <c r="SHI722" s="613"/>
      <c r="SHJ722" s="613"/>
      <c r="SHK722" s="613"/>
      <c r="SHL722" s="613"/>
      <c r="SHM722" s="613"/>
      <c r="SHN722" s="613"/>
      <c r="SHO722" s="613"/>
      <c r="SHP722" s="613"/>
      <c r="SHQ722" s="613"/>
      <c r="SHR722" s="613"/>
      <c r="SHS722" s="613"/>
      <c r="SHT722" s="613"/>
      <c r="SHU722" s="613"/>
      <c r="SHV722" s="613"/>
      <c r="SHW722" s="613"/>
      <c r="SHX722" s="613"/>
      <c r="SHY722" s="613"/>
      <c r="SHZ722" s="613"/>
      <c r="SIA722" s="613"/>
      <c r="SIB722" s="613"/>
      <c r="SIC722" s="613"/>
      <c r="SID722" s="613"/>
      <c r="SIE722" s="613"/>
      <c r="SIF722" s="613"/>
      <c r="SIG722" s="613"/>
      <c r="SIH722" s="613"/>
      <c r="SII722" s="613"/>
      <c r="SIJ722" s="613"/>
      <c r="SIK722" s="613"/>
      <c r="SIL722" s="613"/>
      <c r="SIM722" s="613"/>
      <c r="SIN722" s="613"/>
      <c r="SIO722" s="613"/>
      <c r="SIP722" s="613"/>
      <c r="SIQ722" s="613"/>
      <c r="SIR722" s="613"/>
      <c r="SIS722" s="613"/>
      <c r="SIT722" s="613"/>
      <c r="SIU722" s="613"/>
      <c r="SIV722" s="613"/>
      <c r="SIW722" s="613"/>
      <c r="SIX722" s="613"/>
      <c r="SIY722" s="613"/>
      <c r="SIZ722" s="613"/>
      <c r="SJA722" s="613"/>
      <c r="SJB722" s="613"/>
      <c r="SJC722" s="613"/>
      <c r="SJD722" s="613"/>
      <c r="SJE722" s="613"/>
      <c r="SJF722" s="613"/>
      <c r="SJG722" s="613"/>
      <c r="SJH722" s="613"/>
      <c r="SJI722" s="613"/>
      <c r="SJJ722" s="613"/>
      <c r="SJK722" s="613"/>
      <c r="SJL722" s="613"/>
      <c r="SJM722" s="613"/>
      <c r="SJN722" s="613"/>
      <c r="SJO722" s="613"/>
      <c r="SJP722" s="613"/>
      <c r="SJQ722" s="613"/>
      <c r="SJR722" s="613"/>
      <c r="SJS722" s="613"/>
      <c r="SJT722" s="613"/>
      <c r="SJU722" s="613"/>
      <c r="SJV722" s="613"/>
      <c r="SJW722" s="613"/>
      <c r="SJX722" s="613"/>
      <c r="SJY722" s="613"/>
      <c r="SJZ722" s="613"/>
      <c r="SKA722" s="613"/>
      <c r="SKB722" s="613"/>
      <c r="SKC722" s="613"/>
      <c r="SKD722" s="613"/>
      <c r="SKE722" s="613"/>
      <c r="SKF722" s="613"/>
      <c r="SKG722" s="613"/>
      <c r="SKH722" s="613"/>
      <c r="SKI722" s="613"/>
      <c r="SKJ722" s="613"/>
      <c r="SKK722" s="613"/>
      <c r="SKL722" s="613"/>
      <c r="SKM722" s="613"/>
      <c r="SKN722" s="613"/>
      <c r="SKO722" s="613"/>
      <c r="SKP722" s="613"/>
      <c r="SKQ722" s="613"/>
      <c r="SKR722" s="613"/>
      <c r="SKS722" s="613"/>
      <c r="SKT722" s="613"/>
      <c r="SKU722" s="613"/>
      <c r="SKV722" s="613"/>
      <c r="SKW722" s="613"/>
      <c r="SKX722" s="613"/>
      <c r="SKY722" s="613"/>
      <c r="SKZ722" s="613"/>
      <c r="SLA722" s="613"/>
      <c r="SLB722" s="613"/>
      <c r="SLC722" s="613"/>
      <c r="SLD722" s="613"/>
      <c r="SLE722" s="613"/>
      <c r="SLF722" s="613"/>
      <c r="SLG722" s="613"/>
      <c r="SLH722" s="613"/>
      <c r="SLI722" s="613"/>
      <c r="SLJ722" s="613"/>
      <c r="SLK722" s="613"/>
      <c r="SLL722" s="613"/>
      <c r="SLM722" s="613"/>
      <c r="SLN722" s="613"/>
      <c r="SLO722" s="613"/>
      <c r="SLP722" s="613"/>
      <c r="SLQ722" s="613"/>
      <c r="SLR722" s="613"/>
      <c r="SLS722" s="613"/>
      <c r="SLT722" s="613"/>
      <c r="SLU722" s="613"/>
      <c r="SLV722" s="613"/>
      <c r="SLW722" s="613"/>
      <c r="SLX722" s="613"/>
      <c r="SLY722" s="613"/>
      <c r="SLZ722" s="613"/>
      <c r="SMA722" s="613"/>
      <c r="SMB722" s="613"/>
      <c r="SMC722" s="613"/>
      <c r="SMD722" s="613"/>
      <c r="SME722" s="613"/>
      <c r="SMF722" s="613"/>
      <c r="SMG722" s="613"/>
      <c r="SMH722" s="613"/>
      <c r="SMI722" s="613"/>
      <c r="SMJ722" s="613"/>
      <c r="SMK722" s="613"/>
      <c r="SML722" s="613"/>
      <c r="SMM722" s="613"/>
      <c r="SMN722" s="613"/>
      <c r="SMO722" s="613"/>
      <c r="SMP722" s="613"/>
      <c r="SMQ722" s="613"/>
      <c r="SMR722" s="613"/>
      <c r="SMS722" s="613"/>
      <c r="SMT722" s="613"/>
      <c r="SMU722" s="613"/>
      <c r="SMV722" s="613"/>
      <c r="SMW722" s="613"/>
      <c r="SMX722" s="613"/>
      <c r="SMY722" s="613"/>
      <c r="SMZ722" s="613"/>
      <c r="SNA722" s="613"/>
      <c r="SNB722" s="613"/>
      <c r="SNC722" s="613"/>
      <c r="SND722" s="613"/>
      <c r="SNE722" s="613"/>
      <c r="SNF722" s="613"/>
      <c r="SNG722" s="613"/>
      <c r="SNH722" s="613"/>
      <c r="SNI722" s="613"/>
      <c r="SNJ722" s="613"/>
      <c r="SNK722" s="613"/>
      <c r="SNL722" s="613"/>
      <c r="SNM722" s="613"/>
      <c r="SNN722" s="613"/>
      <c r="SNO722" s="613"/>
      <c r="SNP722" s="613"/>
      <c r="SNQ722" s="613"/>
      <c r="SNR722" s="613"/>
      <c r="SNS722" s="613"/>
      <c r="SNT722" s="613"/>
      <c r="SNU722" s="613"/>
      <c r="SNV722" s="613"/>
      <c r="SNW722" s="613"/>
      <c r="SNX722" s="613"/>
      <c r="SNY722" s="613"/>
      <c r="SNZ722" s="613"/>
      <c r="SOA722" s="613"/>
      <c r="SOB722" s="613"/>
      <c r="SOC722" s="613"/>
      <c r="SOD722" s="613"/>
      <c r="SOE722" s="613"/>
      <c r="SOF722" s="613"/>
      <c r="SOG722" s="613"/>
      <c r="SOH722" s="613"/>
      <c r="SOI722" s="613"/>
      <c r="SOJ722" s="613"/>
      <c r="SOK722" s="613"/>
      <c r="SOL722" s="613"/>
      <c r="SOM722" s="613"/>
      <c r="SON722" s="613"/>
      <c r="SOO722" s="613"/>
      <c r="SOP722" s="613"/>
      <c r="SOQ722" s="613"/>
      <c r="SOR722" s="613"/>
      <c r="SOS722" s="613"/>
      <c r="SOT722" s="613"/>
      <c r="SOU722" s="613"/>
      <c r="SOV722" s="613"/>
      <c r="SOW722" s="613"/>
      <c r="SOX722" s="613"/>
      <c r="SOY722" s="613"/>
      <c r="SOZ722" s="613"/>
      <c r="SPA722" s="613"/>
      <c r="SPB722" s="613"/>
      <c r="SPC722" s="613"/>
      <c r="SPD722" s="613"/>
      <c r="SPE722" s="613"/>
      <c r="SPF722" s="613"/>
      <c r="SPG722" s="613"/>
      <c r="SPH722" s="613"/>
      <c r="SPI722" s="613"/>
      <c r="SPJ722" s="613"/>
      <c r="SPK722" s="613"/>
      <c r="SPL722" s="613"/>
      <c r="SPM722" s="613"/>
      <c r="SPN722" s="613"/>
      <c r="SPO722" s="613"/>
      <c r="SPP722" s="613"/>
      <c r="SPQ722" s="613"/>
      <c r="SPR722" s="613"/>
      <c r="SPS722" s="613"/>
      <c r="SPT722" s="613"/>
      <c r="SPU722" s="613"/>
      <c r="SPV722" s="613"/>
      <c r="SPW722" s="613"/>
      <c r="SPX722" s="613"/>
      <c r="SPY722" s="613"/>
      <c r="SPZ722" s="613"/>
      <c r="SQA722" s="613"/>
      <c r="SQB722" s="613"/>
      <c r="SQC722" s="613"/>
      <c r="SQD722" s="613"/>
      <c r="SQE722" s="613"/>
      <c r="SQF722" s="613"/>
      <c r="SQG722" s="613"/>
      <c r="SQH722" s="613"/>
      <c r="SQI722" s="613"/>
      <c r="SQJ722" s="613"/>
      <c r="SQK722" s="613"/>
      <c r="SQL722" s="613"/>
      <c r="SQM722" s="613"/>
      <c r="SQN722" s="613"/>
      <c r="SQO722" s="613"/>
      <c r="SQP722" s="613"/>
      <c r="SQQ722" s="613"/>
      <c r="SQR722" s="613"/>
      <c r="SQS722" s="613"/>
      <c r="SQT722" s="613"/>
      <c r="SQU722" s="613"/>
      <c r="SQV722" s="613"/>
      <c r="SQW722" s="613"/>
      <c r="SQX722" s="613"/>
      <c r="SQY722" s="613"/>
      <c r="SQZ722" s="613"/>
      <c r="SRA722" s="613"/>
      <c r="SRB722" s="613"/>
      <c r="SRC722" s="613"/>
      <c r="SRD722" s="613"/>
      <c r="SRE722" s="613"/>
      <c r="SRF722" s="613"/>
      <c r="SRG722" s="613"/>
      <c r="SRH722" s="613"/>
      <c r="SRI722" s="613"/>
      <c r="SRJ722" s="613"/>
      <c r="SRK722" s="613"/>
      <c r="SRL722" s="613"/>
      <c r="SRM722" s="613"/>
      <c r="SRN722" s="613"/>
      <c r="SRO722" s="613"/>
      <c r="SRP722" s="613"/>
      <c r="SRQ722" s="613"/>
      <c r="SRR722" s="613"/>
      <c r="SRS722" s="613"/>
      <c r="SRT722" s="613"/>
      <c r="SRU722" s="613"/>
      <c r="SRV722" s="613"/>
      <c r="SRW722" s="613"/>
      <c r="SRX722" s="613"/>
      <c r="SRY722" s="613"/>
      <c r="SRZ722" s="613"/>
      <c r="SSA722" s="613"/>
      <c r="SSB722" s="613"/>
      <c r="SSC722" s="613"/>
      <c r="SSD722" s="613"/>
      <c r="SSE722" s="613"/>
      <c r="SSF722" s="613"/>
      <c r="SSG722" s="613"/>
      <c r="SSH722" s="613"/>
      <c r="SSI722" s="613"/>
      <c r="SSJ722" s="613"/>
      <c r="SSK722" s="613"/>
      <c r="SSL722" s="613"/>
      <c r="SSM722" s="613"/>
      <c r="SSN722" s="613"/>
      <c r="SSO722" s="613"/>
      <c r="SSP722" s="613"/>
      <c r="SSQ722" s="613"/>
      <c r="SSR722" s="613"/>
      <c r="SSS722" s="613"/>
      <c r="SST722" s="613"/>
      <c r="SSU722" s="613"/>
      <c r="SSV722" s="613"/>
      <c r="SSW722" s="613"/>
      <c r="SSX722" s="613"/>
      <c r="SSY722" s="613"/>
      <c r="SSZ722" s="613"/>
      <c r="STA722" s="613"/>
      <c r="STB722" s="613"/>
      <c r="STC722" s="613"/>
      <c r="STD722" s="613"/>
      <c r="STE722" s="613"/>
      <c r="STF722" s="613"/>
      <c r="STG722" s="613"/>
      <c r="STH722" s="613"/>
      <c r="STI722" s="613"/>
      <c r="STJ722" s="613"/>
      <c r="STK722" s="613"/>
      <c r="STL722" s="613"/>
      <c r="STM722" s="613"/>
      <c r="STN722" s="613"/>
      <c r="STO722" s="613"/>
      <c r="STP722" s="613"/>
      <c r="STQ722" s="613"/>
      <c r="STR722" s="613"/>
      <c r="STS722" s="613"/>
      <c r="STT722" s="613"/>
      <c r="STU722" s="613"/>
      <c r="STV722" s="613"/>
      <c r="STW722" s="613"/>
      <c r="STX722" s="613"/>
      <c r="STY722" s="613"/>
      <c r="STZ722" s="613"/>
      <c r="SUA722" s="613"/>
      <c r="SUB722" s="613"/>
      <c r="SUC722" s="613"/>
      <c r="SUD722" s="613"/>
      <c r="SUE722" s="613"/>
      <c r="SUF722" s="613"/>
      <c r="SUG722" s="613"/>
      <c r="SUH722" s="613"/>
      <c r="SUI722" s="613"/>
      <c r="SUJ722" s="613"/>
      <c r="SUK722" s="613"/>
      <c r="SUL722" s="613"/>
      <c r="SUM722" s="613"/>
      <c r="SUN722" s="613"/>
      <c r="SUO722" s="613"/>
      <c r="SUP722" s="613"/>
      <c r="SUQ722" s="613"/>
      <c r="SUR722" s="613"/>
      <c r="SUS722" s="613"/>
      <c r="SUT722" s="613"/>
      <c r="SUU722" s="613"/>
      <c r="SUV722" s="613"/>
      <c r="SUW722" s="613"/>
      <c r="SUX722" s="613"/>
      <c r="SUY722" s="613"/>
      <c r="SUZ722" s="613"/>
      <c r="SVA722" s="613"/>
      <c r="SVB722" s="613"/>
      <c r="SVC722" s="613"/>
      <c r="SVD722" s="613"/>
      <c r="SVE722" s="613"/>
      <c r="SVF722" s="613"/>
      <c r="SVG722" s="613"/>
      <c r="SVH722" s="613"/>
      <c r="SVI722" s="613"/>
      <c r="SVJ722" s="613"/>
      <c r="SVK722" s="613"/>
      <c r="SVL722" s="613"/>
      <c r="SVM722" s="613"/>
      <c r="SVN722" s="613"/>
      <c r="SVO722" s="613"/>
      <c r="SVP722" s="613"/>
      <c r="SVQ722" s="613"/>
      <c r="SVR722" s="613"/>
      <c r="SVS722" s="613"/>
      <c r="SVT722" s="613"/>
      <c r="SVU722" s="613"/>
      <c r="SVV722" s="613"/>
      <c r="SVW722" s="613"/>
      <c r="SVX722" s="613"/>
      <c r="SVY722" s="613"/>
      <c r="SVZ722" s="613"/>
      <c r="SWA722" s="613"/>
      <c r="SWB722" s="613"/>
      <c r="SWC722" s="613"/>
      <c r="SWD722" s="613"/>
      <c r="SWE722" s="613"/>
      <c r="SWF722" s="613"/>
      <c r="SWG722" s="613"/>
      <c r="SWH722" s="613"/>
      <c r="SWI722" s="613"/>
      <c r="SWJ722" s="613"/>
      <c r="SWK722" s="613"/>
      <c r="SWL722" s="613"/>
      <c r="SWM722" s="613"/>
      <c r="SWN722" s="613"/>
      <c r="SWO722" s="613"/>
      <c r="SWP722" s="613"/>
      <c r="SWQ722" s="613"/>
      <c r="SWR722" s="613"/>
      <c r="SWS722" s="613"/>
      <c r="SWT722" s="613"/>
      <c r="SWU722" s="613"/>
      <c r="SWV722" s="613"/>
      <c r="SWW722" s="613"/>
      <c r="SWX722" s="613"/>
      <c r="SWY722" s="613"/>
      <c r="SWZ722" s="613"/>
      <c r="SXA722" s="613"/>
      <c r="SXB722" s="613"/>
      <c r="SXC722" s="613"/>
      <c r="SXD722" s="613"/>
      <c r="SXE722" s="613"/>
      <c r="SXF722" s="613"/>
      <c r="SXG722" s="613"/>
      <c r="SXH722" s="613"/>
      <c r="SXI722" s="613"/>
      <c r="SXJ722" s="613"/>
      <c r="SXK722" s="613"/>
      <c r="SXL722" s="613"/>
      <c r="SXM722" s="613"/>
      <c r="SXN722" s="613"/>
      <c r="SXO722" s="613"/>
      <c r="SXP722" s="613"/>
      <c r="SXQ722" s="613"/>
      <c r="SXR722" s="613"/>
      <c r="SXS722" s="613"/>
      <c r="SXT722" s="613"/>
      <c r="SXU722" s="613"/>
      <c r="SXV722" s="613"/>
      <c r="SXW722" s="613"/>
      <c r="SXX722" s="613"/>
      <c r="SXY722" s="613"/>
      <c r="SXZ722" s="613"/>
      <c r="SYA722" s="613"/>
      <c r="SYB722" s="613"/>
      <c r="SYC722" s="613"/>
      <c r="SYD722" s="613"/>
      <c r="SYE722" s="613"/>
      <c r="SYF722" s="613"/>
      <c r="SYG722" s="613"/>
      <c r="SYH722" s="613"/>
      <c r="SYI722" s="613"/>
      <c r="SYJ722" s="613"/>
      <c r="SYK722" s="613"/>
      <c r="SYL722" s="613"/>
      <c r="SYM722" s="613"/>
      <c r="SYN722" s="613"/>
      <c r="SYO722" s="613"/>
      <c r="SYP722" s="613"/>
      <c r="SYQ722" s="613"/>
      <c r="SYR722" s="613"/>
      <c r="SYS722" s="613"/>
      <c r="SYT722" s="613"/>
      <c r="SYU722" s="613"/>
      <c r="SYV722" s="613"/>
      <c r="SYW722" s="613"/>
      <c r="SYX722" s="613"/>
      <c r="SYY722" s="613"/>
      <c r="SYZ722" s="613"/>
      <c r="SZA722" s="613"/>
      <c r="SZB722" s="613"/>
      <c r="SZC722" s="613"/>
      <c r="SZD722" s="613"/>
      <c r="SZE722" s="613"/>
      <c r="SZF722" s="613"/>
      <c r="SZG722" s="613"/>
      <c r="SZH722" s="613"/>
      <c r="SZI722" s="613"/>
      <c r="SZJ722" s="613"/>
      <c r="SZK722" s="613"/>
      <c r="SZL722" s="613"/>
      <c r="SZM722" s="613"/>
      <c r="SZN722" s="613"/>
      <c r="SZO722" s="613"/>
      <c r="SZP722" s="613"/>
      <c r="SZQ722" s="613"/>
      <c r="SZR722" s="613"/>
      <c r="SZS722" s="613"/>
      <c r="SZT722" s="613"/>
      <c r="SZU722" s="613"/>
      <c r="SZV722" s="613"/>
      <c r="SZW722" s="613"/>
      <c r="SZX722" s="613"/>
      <c r="SZY722" s="613"/>
      <c r="SZZ722" s="613"/>
      <c r="TAA722" s="613"/>
      <c r="TAB722" s="613"/>
      <c r="TAC722" s="613"/>
      <c r="TAD722" s="613"/>
      <c r="TAE722" s="613"/>
      <c r="TAF722" s="613"/>
      <c r="TAG722" s="613"/>
      <c r="TAH722" s="613"/>
      <c r="TAI722" s="613"/>
      <c r="TAJ722" s="613"/>
      <c r="TAK722" s="613"/>
      <c r="TAL722" s="613"/>
      <c r="TAM722" s="613"/>
      <c r="TAN722" s="613"/>
      <c r="TAO722" s="613"/>
      <c r="TAP722" s="613"/>
      <c r="TAQ722" s="613"/>
      <c r="TAR722" s="613"/>
      <c r="TAS722" s="613"/>
      <c r="TAT722" s="613"/>
      <c r="TAU722" s="613"/>
      <c r="TAV722" s="613"/>
      <c r="TAW722" s="613"/>
      <c r="TAX722" s="613"/>
      <c r="TAY722" s="613"/>
      <c r="TAZ722" s="613"/>
      <c r="TBA722" s="613"/>
      <c r="TBB722" s="613"/>
      <c r="TBC722" s="613"/>
      <c r="TBD722" s="613"/>
      <c r="TBE722" s="613"/>
      <c r="TBF722" s="613"/>
      <c r="TBG722" s="613"/>
      <c r="TBH722" s="613"/>
      <c r="TBI722" s="613"/>
      <c r="TBJ722" s="613"/>
      <c r="TBK722" s="613"/>
      <c r="TBL722" s="613"/>
      <c r="TBM722" s="613"/>
      <c r="TBN722" s="613"/>
      <c r="TBO722" s="613"/>
      <c r="TBP722" s="613"/>
      <c r="TBQ722" s="613"/>
      <c r="TBR722" s="613"/>
      <c r="TBS722" s="613"/>
      <c r="TBT722" s="613"/>
      <c r="TBU722" s="613"/>
      <c r="TBV722" s="613"/>
      <c r="TBW722" s="613"/>
      <c r="TBX722" s="613"/>
      <c r="TBY722" s="613"/>
      <c r="TBZ722" s="613"/>
      <c r="TCA722" s="613"/>
      <c r="TCB722" s="613"/>
      <c r="TCC722" s="613"/>
      <c r="TCD722" s="613"/>
      <c r="TCE722" s="613"/>
      <c r="TCF722" s="613"/>
      <c r="TCG722" s="613"/>
      <c r="TCH722" s="613"/>
      <c r="TCI722" s="613"/>
      <c r="TCJ722" s="613"/>
      <c r="TCK722" s="613"/>
      <c r="TCL722" s="613"/>
      <c r="TCM722" s="613"/>
      <c r="TCN722" s="613"/>
      <c r="TCO722" s="613"/>
      <c r="TCP722" s="613"/>
      <c r="TCQ722" s="613"/>
      <c r="TCR722" s="613"/>
      <c r="TCS722" s="613"/>
      <c r="TCT722" s="613"/>
      <c r="TCU722" s="613"/>
      <c r="TCV722" s="613"/>
      <c r="TCW722" s="613"/>
      <c r="TCX722" s="613"/>
      <c r="TCY722" s="613"/>
      <c r="TCZ722" s="613"/>
      <c r="TDA722" s="613"/>
      <c r="TDB722" s="613"/>
      <c r="TDC722" s="613"/>
      <c r="TDD722" s="613"/>
      <c r="TDE722" s="613"/>
      <c r="TDF722" s="613"/>
      <c r="TDG722" s="613"/>
      <c r="TDH722" s="613"/>
      <c r="TDI722" s="613"/>
      <c r="TDJ722" s="613"/>
      <c r="TDK722" s="613"/>
      <c r="TDL722" s="613"/>
      <c r="TDM722" s="613"/>
      <c r="TDN722" s="613"/>
      <c r="TDO722" s="613"/>
      <c r="TDP722" s="613"/>
      <c r="TDQ722" s="613"/>
      <c r="TDR722" s="613"/>
      <c r="TDS722" s="613"/>
      <c r="TDT722" s="613"/>
      <c r="TDU722" s="613"/>
      <c r="TDV722" s="613"/>
      <c r="TDW722" s="613"/>
      <c r="TDX722" s="613"/>
      <c r="TDY722" s="613"/>
      <c r="TDZ722" s="613"/>
      <c r="TEA722" s="613"/>
      <c r="TEB722" s="613"/>
      <c r="TEC722" s="613"/>
      <c r="TED722" s="613"/>
      <c r="TEE722" s="613"/>
      <c r="TEF722" s="613"/>
      <c r="TEG722" s="613"/>
      <c r="TEH722" s="613"/>
      <c r="TEI722" s="613"/>
      <c r="TEJ722" s="613"/>
      <c r="TEK722" s="613"/>
      <c r="TEL722" s="613"/>
      <c r="TEM722" s="613"/>
      <c r="TEN722" s="613"/>
      <c r="TEO722" s="613"/>
      <c r="TEP722" s="613"/>
      <c r="TEQ722" s="613"/>
      <c r="TER722" s="613"/>
      <c r="TES722" s="613"/>
      <c r="TET722" s="613"/>
      <c r="TEU722" s="613"/>
      <c r="TEV722" s="613"/>
      <c r="TEW722" s="613"/>
      <c r="TEX722" s="613"/>
      <c r="TEY722" s="613"/>
      <c r="TEZ722" s="613"/>
      <c r="TFA722" s="613"/>
      <c r="TFB722" s="613"/>
      <c r="TFC722" s="613"/>
      <c r="TFD722" s="613"/>
      <c r="TFE722" s="613"/>
      <c r="TFF722" s="613"/>
      <c r="TFG722" s="613"/>
      <c r="TFH722" s="613"/>
      <c r="TFI722" s="613"/>
      <c r="TFJ722" s="613"/>
      <c r="TFK722" s="613"/>
      <c r="TFL722" s="613"/>
      <c r="TFM722" s="613"/>
      <c r="TFN722" s="613"/>
      <c r="TFO722" s="613"/>
      <c r="TFP722" s="613"/>
      <c r="TFQ722" s="613"/>
      <c r="TFR722" s="613"/>
      <c r="TFS722" s="613"/>
      <c r="TFT722" s="613"/>
      <c r="TFU722" s="613"/>
      <c r="TFV722" s="613"/>
      <c r="TFW722" s="613"/>
      <c r="TFX722" s="613"/>
      <c r="TFY722" s="613"/>
      <c r="TFZ722" s="613"/>
      <c r="TGA722" s="613"/>
      <c r="TGB722" s="613"/>
      <c r="TGC722" s="613"/>
      <c r="TGD722" s="613"/>
      <c r="TGE722" s="613"/>
      <c r="TGF722" s="613"/>
      <c r="TGG722" s="613"/>
      <c r="TGH722" s="613"/>
      <c r="TGI722" s="613"/>
      <c r="TGJ722" s="613"/>
      <c r="TGK722" s="613"/>
      <c r="TGL722" s="613"/>
      <c r="TGM722" s="613"/>
      <c r="TGN722" s="613"/>
      <c r="TGO722" s="613"/>
      <c r="TGP722" s="613"/>
      <c r="TGQ722" s="613"/>
      <c r="TGR722" s="613"/>
      <c r="TGS722" s="613"/>
      <c r="TGT722" s="613"/>
      <c r="TGU722" s="613"/>
      <c r="TGV722" s="613"/>
      <c r="TGW722" s="613"/>
      <c r="TGX722" s="613"/>
      <c r="TGY722" s="613"/>
      <c r="TGZ722" s="613"/>
      <c r="THA722" s="613"/>
      <c r="THB722" s="613"/>
      <c r="THC722" s="613"/>
      <c r="THD722" s="613"/>
      <c r="THE722" s="613"/>
      <c r="THF722" s="613"/>
      <c r="THG722" s="613"/>
      <c r="THH722" s="613"/>
      <c r="THI722" s="613"/>
      <c r="THJ722" s="613"/>
      <c r="THK722" s="613"/>
      <c r="THL722" s="613"/>
      <c r="THM722" s="613"/>
      <c r="THN722" s="613"/>
      <c r="THO722" s="613"/>
      <c r="THP722" s="613"/>
      <c r="THQ722" s="613"/>
      <c r="THR722" s="613"/>
      <c r="THS722" s="613"/>
      <c r="THT722" s="613"/>
      <c r="THU722" s="613"/>
      <c r="THV722" s="613"/>
      <c r="THW722" s="613"/>
      <c r="THX722" s="613"/>
      <c r="THY722" s="613"/>
      <c r="THZ722" s="613"/>
      <c r="TIA722" s="613"/>
      <c r="TIB722" s="613"/>
      <c r="TIC722" s="613"/>
      <c r="TID722" s="613"/>
      <c r="TIE722" s="613"/>
      <c r="TIF722" s="613"/>
      <c r="TIG722" s="613"/>
      <c r="TIH722" s="613"/>
      <c r="TII722" s="613"/>
      <c r="TIJ722" s="613"/>
      <c r="TIK722" s="613"/>
      <c r="TIL722" s="613"/>
      <c r="TIM722" s="613"/>
      <c r="TIN722" s="613"/>
      <c r="TIO722" s="613"/>
      <c r="TIP722" s="613"/>
      <c r="TIQ722" s="613"/>
      <c r="TIR722" s="613"/>
      <c r="TIS722" s="613"/>
      <c r="TIT722" s="613"/>
      <c r="TIU722" s="613"/>
      <c r="TIV722" s="613"/>
      <c r="TIW722" s="613"/>
      <c r="TIX722" s="613"/>
      <c r="TIY722" s="613"/>
      <c r="TIZ722" s="613"/>
      <c r="TJA722" s="613"/>
      <c r="TJB722" s="613"/>
      <c r="TJC722" s="613"/>
      <c r="TJD722" s="613"/>
      <c r="TJE722" s="613"/>
      <c r="TJF722" s="613"/>
      <c r="TJG722" s="613"/>
      <c r="TJH722" s="613"/>
      <c r="TJI722" s="613"/>
      <c r="TJJ722" s="613"/>
      <c r="TJK722" s="613"/>
      <c r="TJL722" s="613"/>
      <c r="TJM722" s="613"/>
      <c r="TJN722" s="613"/>
      <c r="TJO722" s="613"/>
      <c r="TJP722" s="613"/>
      <c r="TJQ722" s="613"/>
      <c r="TJR722" s="613"/>
      <c r="TJS722" s="613"/>
      <c r="TJT722" s="613"/>
      <c r="TJU722" s="613"/>
      <c r="TJV722" s="613"/>
      <c r="TJW722" s="613"/>
      <c r="TJX722" s="613"/>
      <c r="TJY722" s="613"/>
      <c r="TJZ722" s="613"/>
      <c r="TKA722" s="613"/>
      <c r="TKB722" s="613"/>
      <c r="TKC722" s="613"/>
      <c r="TKD722" s="613"/>
      <c r="TKE722" s="613"/>
      <c r="TKF722" s="613"/>
      <c r="TKG722" s="613"/>
      <c r="TKH722" s="613"/>
      <c r="TKI722" s="613"/>
      <c r="TKJ722" s="613"/>
      <c r="TKK722" s="613"/>
      <c r="TKL722" s="613"/>
      <c r="TKM722" s="613"/>
      <c r="TKN722" s="613"/>
      <c r="TKO722" s="613"/>
      <c r="TKP722" s="613"/>
      <c r="TKQ722" s="613"/>
      <c r="TKR722" s="613"/>
      <c r="TKS722" s="613"/>
      <c r="TKT722" s="613"/>
      <c r="TKU722" s="613"/>
      <c r="TKV722" s="613"/>
      <c r="TKW722" s="613"/>
      <c r="TKX722" s="613"/>
      <c r="TKY722" s="613"/>
      <c r="TKZ722" s="613"/>
      <c r="TLA722" s="613"/>
      <c r="TLB722" s="613"/>
      <c r="TLC722" s="613"/>
      <c r="TLD722" s="613"/>
      <c r="TLE722" s="613"/>
      <c r="TLF722" s="613"/>
      <c r="TLG722" s="613"/>
      <c r="TLH722" s="613"/>
      <c r="TLI722" s="613"/>
      <c r="TLJ722" s="613"/>
      <c r="TLK722" s="613"/>
      <c r="TLL722" s="613"/>
      <c r="TLM722" s="613"/>
      <c r="TLN722" s="613"/>
      <c r="TLO722" s="613"/>
      <c r="TLP722" s="613"/>
      <c r="TLQ722" s="613"/>
      <c r="TLR722" s="613"/>
      <c r="TLS722" s="613"/>
      <c r="TLT722" s="613"/>
      <c r="TLU722" s="613"/>
      <c r="TLV722" s="613"/>
      <c r="TLW722" s="613"/>
      <c r="TLX722" s="613"/>
      <c r="TLY722" s="613"/>
      <c r="TLZ722" s="613"/>
      <c r="TMA722" s="613"/>
      <c r="TMB722" s="613"/>
      <c r="TMC722" s="613"/>
      <c r="TMD722" s="613"/>
      <c r="TME722" s="613"/>
      <c r="TMF722" s="613"/>
      <c r="TMG722" s="613"/>
      <c r="TMH722" s="613"/>
      <c r="TMI722" s="613"/>
      <c r="TMJ722" s="613"/>
      <c r="TMK722" s="613"/>
      <c r="TML722" s="613"/>
      <c r="TMM722" s="613"/>
      <c r="TMN722" s="613"/>
      <c r="TMO722" s="613"/>
      <c r="TMP722" s="613"/>
      <c r="TMQ722" s="613"/>
      <c r="TMR722" s="613"/>
      <c r="TMS722" s="613"/>
      <c r="TMT722" s="613"/>
      <c r="TMU722" s="613"/>
      <c r="TMV722" s="613"/>
      <c r="TMW722" s="613"/>
      <c r="TMX722" s="613"/>
      <c r="TMY722" s="613"/>
      <c r="TMZ722" s="613"/>
      <c r="TNA722" s="613"/>
      <c r="TNB722" s="613"/>
      <c r="TNC722" s="613"/>
      <c r="TND722" s="613"/>
      <c r="TNE722" s="613"/>
      <c r="TNF722" s="613"/>
      <c r="TNG722" s="613"/>
      <c r="TNH722" s="613"/>
      <c r="TNI722" s="613"/>
      <c r="TNJ722" s="613"/>
      <c r="TNK722" s="613"/>
      <c r="TNL722" s="613"/>
      <c r="TNM722" s="613"/>
      <c r="TNN722" s="613"/>
      <c r="TNO722" s="613"/>
      <c r="TNP722" s="613"/>
      <c r="TNQ722" s="613"/>
      <c r="TNR722" s="613"/>
      <c r="TNS722" s="613"/>
      <c r="TNT722" s="613"/>
      <c r="TNU722" s="613"/>
      <c r="TNV722" s="613"/>
      <c r="TNW722" s="613"/>
      <c r="TNX722" s="613"/>
      <c r="TNY722" s="613"/>
      <c r="TNZ722" s="613"/>
      <c r="TOA722" s="613"/>
      <c r="TOB722" s="613"/>
      <c r="TOC722" s="613"/>
      <c r="TOD722" s="613"/>
      <c r="TOE722" s="613"/>
      <c r="TOF722" s="613"/>
      <c r="TOG722" s="613"/>
      <c r="TOH722" s="613"/>
      <c r="TOI722" s="613"/>
      <c r="TOJ722" s="613"/>
      <c r="TOK722" s="613"/>
      <c r="TOL722" s="613"/>
      <c r="TOM722" s="613"/>
      <c r="TON722" s="613"/>
      <c r="TOO722" s="613"/>
      <c r="TOP722" s="613"/>
      <c r="TOQ722" s="613"/>
      <c r="TOR722" s="613"/>
      <c r="TOS722" s="613"/>
      <c r="TOT722" s="613"/>
      <c r="TOU722" s="613"/>
      <c r="TOV722" s="613"/>
      <c r="TOW722" s="613"/>
      <c r="TOX722" s="613"/>
      <c r="TOY722" s="613"/>
      <c r="TOZ722" s="613"/>
      <c r="TPA722" s="613"/>
      <c r="TPB722" s="613"/>
      <c r="TPC722" s="613"/>
      <c r="TPD722" s="613"/>
      <c r="TPE722" s="613"/>
      <c r="TPF722" s="613"/>
      <c r="TPG722" s="613"/>
      <c r="TPH722" s="613"/>
      <c r="TPI722" s="613"/>
      <c r="TPJ722" s="613"/>
      <c r="TPK722" s="613"/>
      <c r="TPL722" s="613"/>
      <c r="TPM722" s="613"/>
      <c r="TPN722" s="613"/>
      <c r="TPO722" s="613"/>
      <c r="TPP722" s="613"/>
      <c r="TPQ722" s="613"/>
      <c r="TPR722" s="613"/>
      <c r="TPS722" s="613"/>
      <c r="TPT722" s="613"/>
      <c r="TPU722" s="613"/>
      <c r="TPV722" s="613"/>
      <c r="TPW722" s="613"/>
      <c r="TPX722" s="613"/>
      <c r="TPY722" s="613"/>
      <c r="TPZ722" s="613"/>
      <c r="TQA722" s="613"/>
      <c r="TQB722" s="613"/>
      <c r="TQC722" s="613"/>
      <c r="TQD722" s="613"/>
      <c r="TQE722" s="613"/>
      <c r="TQF722" s="613"/>
      <c r="TQG722" s="613"/>
      <c r="TQH722" s="613"/>
      <c r="TQI722" s="613"/>
      <c r="TQJ722" s="613"/>
      <c r="TQK722" s="613"/>
      <c r="TQL722" s="613"/>
      <c r="TQM722" s="613"/>
      <c r="TQN722" s="613"/>
      <c r="TQO722" s="613"/>
      <c r="TQP722" s="613"/>
      <c r="TQQ722" s="613"/>
      <c r="TQR722" s="613"/>
      <c r="TQS722" s="613"/>
      <c r="TQT722" s="613"/>
      <c r="TQU722" s="613"/>
      <c r="TQV722" s="613"/>
      <c r="TQW722" s="613"/>
      <c r="TQX722" s="613"/>
      <c r="TQY722" s="613"/>
      <c r="TQZ722" s="613"/>
      <c r="TRA722" s="613"/>
      <c r="TRB722" s="613"/>
      <c r="TRC722" s="613"/>
      <c r="TRD722" s="613"/>
      <c r="TRE722" s="613"/>
      <c r="TRF722" s="613"/>
      <c r="TRG722" s="613"/>
      <c r="TRH722" s="613"/>
      <c r="TRI722" s="613"/>
      <c r="TRJ722" s="613"/>
      <c r="TRK722" s="613"/>
      <c r="TRL722" s="613"/>
      <c r="TRM722" s="613"/>
      <c r="TRN722" s="613"/>
      <c r="TRO722" s="613"/>
      <c r="TRP722" s="613"/>
      <c r="TRQ722" s="613"/>
      <c r="TRR722" s="613"/>
      <c r="TRS722" s="613"/>
      <c r="TRT722" s="613"/>
      <c r="TRU722" s="613"/>
      <c r="TRV722" s="613"/>
      <c r="TRW722" s="613"/>
      <c r="TRX722" s="613"/>
      <c r="TRY722" s="613"/>
      <c r="TRZ722" s="613"/>
      <c r="TSA722" s="613"/>
      <c r="TSB722" s="613"/>
      <c r="TSC722" s="613"/>
      <c r="TSD722" s="613"/>
      <c r="TSE722" s="613"/>
      <c r="TSF722" s="613"/>
      <c r="TSG722" s="613"/>
      <c r="TSH722" s="613"/>
      <c r="TSI722" s="613"/>
      <c r="TSJ722" s="613"/>
      <c r="TSK722" s="613"/>
      <c r="TSL722" s="613"/>
      <c r="TSM722" s="613"/>
      <c r="TSN722" s="613"/>
      <c r="TSO722" s="613"/>
      <c r="TSP722" s="613"/>
      <c r="TSQ722" s="613"/>
      <c r="TSR722" s="613"/>
      <c r="TSS722" s="613"/>
      <c r="TST722" s="613"/>
      <c r="TSU722" s="613"/>
      <c r="TSV722" s="613"/>
      <c r="TSW722" s="613"/>
      <c r="TSX722" s="613"/>
      <c r="TSY722" s="613"/>
      <c r="TSZ722" s="613"/>
      <c r="TTA722" s="613"/>
      <c r="TTB722" s="613"/>
      <c r="TTC722" s="613"/>
      <c r="TTD722" s="613"/>
      <c r="TTE722" s="613"/>
      <c r="TTF722" s="613"/>
      <c r="TTG722" s="613"/>
      <c r="TTH722" s="613"/>
      <c r="TTI722" s="613"/>
      <c r="TTJ722" s="613"/>
      <c r="TTK722" s="613"/>
      <c r="TTL722" s="613"/>
      <c r="TTM722" s="613"/>
      <c r="TTN722" s="613"/>
      <c r="TTO722" s="613"/>
      <c r="TTP722" s="613"/>
      <c r="TTQ722" s="613"/>
      <c r="TTR722" s="613"/>
      <c r="TTS722" s="613"/>
      <c r="TTT722" s="613"/>
      <c r="TTU722" s="613"/>
      <c r="TTV722" s="613"/>
      <c r="TTW722" s="613"/>
      <c r="TTX722" s="613"/>
      <c r="TTY722" s="613"/>
      <c r="TTZ722" s="613"/>
      <c r="TUA722" s="613"/>
      <c r="TUB722" s="613"/>
      <c r="TUC722" s="613"/>
      <c r="TUD722" s="613"/>
      <c r="TUE722" s="613"/>
      <c r="TUF722" s="613"/>
      <c r="TUG722" s="613"/>
      <c r="TUH722" s="613"/>
      <c r="TUI722" s="613"/>
      <c r="TUJ722" s="613"/>
      <c r="TUK722" s="613"/>
      <c r="TUL722" s="613"/>
      <c r="TUM722" s="613"/>
      <c r="TUN722" s="613"/>
      <c r="TUO722" s="613"/>
      <c r="TUP722" s="613"/>
      <c r="TUQ722" s="613"/>
      <c r="TUR722" s="613"/>
      <c r="TUS722" s="613"/>
      <c r="TUT722" s="613"/>
      <c r="TUU722" s="613"/>
      <c r="TUV722" s="613"/>
      <c r="TUW722" s="613"/>
      <c r="TUX722" s="613"/>
      <c r="TUY722" s="613"/>
      <c r="TUZ722" s="613"/>
      <c r="TVA722" s="613"/>
      <c r="TVB722" s="613"/>
      <c r="TVC722" s="613"/>
      <c r="TVD722" s="613"/>
      <c r="TVE722" s="613"/>
      <c r="TVF722" s="613"/>
      <c r="TVG722" s="613"/>
      <c r="TVH722" s="613"/>
      <c r="TVI722" s="613"/>
      <c r="TVJ722" s="613"/>
      <c r="TVK722" s="613"/>
      <c r="TVL722" s="613"/>
      <c r="TVM722" s="613"/>
      <c r="TVN722" s="613"/>
      <c r="TVO722" s="613"/>
      <c r="TVP722" s="613"/>
      <c r="TVQ722" s="613"/>
      <c r="TVR722" s="613"/>
      <c r="TVS722" s="613"/>
      <c r="TVT722" s="613"/>
      <c r="TVU722" s="613"/>
      <c r="TVV722" s="613"/>
      <c r="TVW722" s="613"/>
      <c r="TVX722" s="613"/>
      <c r="TVY722" s="613"/>
      <c r="TVZ722" s="613"/>
      <c r="TWA722" s="613"/>
      <c r="TWB722" s="613"/>
      <c r="TWC722" s="613"/>
      <c r="TWD722" s="613"/>
      <c r="TWE722" s="613"/>
      <c r="TWF722" s="613"/>
      <c r="TWG722" s="613"/>
      <c r="TWH722" s="613"/>
      <c r="TWI722" s="613"/>
      <c r="TWJ722" s="613"/>
      <c r="TWK722" s="613"/>
      <c r="TWL722" s="613"/>
      <c r="TWM722" s="613"/>
      <c r="TWN722" s="613"/>
      <c r="TWO722" s="613"/>
      <c r="TWP722" s="613"/>
      <c r="TWQ722" s="613"/>
      <c r="TWR722" s="613"/>
      <c r="TWS722" s="613"/>
      <c r="TWT722" s="613"/>
      <c r="TWU722" s="613"/>
      <c r="TWV722" s="613"/>
      <c r="TWW722" s="613"/>
      <c r="TWX722" s="613"/>
      <c r="TWY722" s="613"/>
      <c r="TWZ722" s="613"/>
      <c r="TXA722" s="613"/>
      <c r="TXB722" s="613"/>
      <c r="TXC722" s="613"/>
      <c r="TXD722" s="613"/>
      <c r="TXE722" s="613"/>
      <c r="TXF722" s="613"/>
      <c r="TXG722" s="613"/>
      <c r="TXH722" s="613"/>
      <c r="TXI722" s="613"/>
      <c r="TXJ722" s="613"/>
      <c r="TXK722" s="613"/>
      <c r="TXL722" s="613"/>
      <c r="TXM722" s="613"/>
      <c r="TXN722" s="613"/>
      <c r="TXO722" s="613"/>
      <c r="TXP722" s="613"/>
      <c r="TXQ722" s="613"/>
      <c r="TXR722" s="613"/>
      <c r="TXS722" s="613"/>
      <c r="TXT722" s="613"/>
      <c r="TXU722" s="613"/>
      <c r="TXV722" s="613"/>
      <c r="TXW722" s="613"/>
      <c r="TXX722" s="613"/>
      <c r="TXY722" s="613"/>
      <c r="TXZ722" s="613"/>
      <c r="TYA722" s="613"/>
      <c r="TYB722" s="613"/>
      <c r="TYC722" s="613"/>
      <c r="TYD722" s="613"/>
      <c r="TYE722" s="613"/>
      <c r="TYF722" s="613"/>
      <c r="TYG722" s="613"/>
      <c r="TYH722" s="613"/>
      <c r="TYI722" s="613"/>
      <c r="TYJ722" s="613"/>
      <c r="TYK722" s="613"/>
      <c r="TYL722" s="613"/>
      <c r="TYM722" s="613"/>
      <c r="TYN722" s="613"/>
      <c r="TYO722" s="613"/>
      <c r="TYP722" s="613"/>
      <c r="TYQ722" s="613"/>
      <c r="TYR722" s="613"/>
      <c r="TYS722" s="613"/>
      <c r="TYT722" s="613"/>
      <c r="TYU722" s="613"/>
      <c r="TYV722" s="613"/>
      <c r="TYW722" s="613"/>
      <c r="TYX722" s="613"/>
      <c r="TYY722" s="613"/>
      <c r="TYZ722" s="613"/>
      <c r="TZA722" s="613"/>
      <c r="TZB722" s="613"/>
      <c r="TZC722" s="613"/>
      <c r="TZD722" s="613"/>
      <c r="TZE722" s="613"/>
      <c r="TZF722" s="613"/>
      <c r="TZG722" s="613"/>
      <c r="TZH722" s="613"/>
      <c r="TZI722" s="613"/>
      <c r="TZJ722" s="613"/>
      <c r="TZK722" s="613"/>
      <c r="TZL722" s="613"/>
      <c r="TZM722" s="613"/>
      <c r="TZN722" s="613"/>
      <c r="TZO722" s="613"/>
      <c r="TZP722" s="613"/>
      <c r="TZQ722" s="613"/>
      <c r="TZR722" s="613"/>
      <c r="TZS722" s="613"/>
      <c r="TZT722" s="613"/>
      <c r="TZU722" s="613"/>
      <c r="TZV722" s="613"/>
      <c r="TZW722" s="613"/>
      <c r="TZX722" s="613"/>
      <c r="TZY722" s="613"/>
      <c r="TZZ722" s="613"/>
      <c r="UAA722" s="613"/>
      <c r="UAB722" s="613"/>
      <c r="UAC722" s="613"/>
      <c r="UAD722" s="613"/>
      <c r="UAE722" s="613"/>
      <c r="UAF722" s="613"/>
      <c r="UAG722" s="613"/>
      <c r="UAH722" s="613"/>
      <c r="UAI722" s="613"/>
      <c r="UAJ722" s="613"/>
      <c r="UAK722" s="613"/>
      <c r="UAL722" s="613"/>
      <c r="UAM722" s="613"/>
      <c r="UAN722" s="613"/>
      <c r="UAO722" s="613"/>
      <c r="UAP722" s="613"/>
      <c r="UAQ722" s="613"/>
      <c r="UAR722" s="613"/>
      <c r="UAS722" s="613"/>
      <c r="UAT722" s="613"/>
      <c r="UAU722" s="613"/>
      <c r="UAV722" s="613"/>
      <c r="UAW722" s="613"/>
      <c r="UAX722" s="613"/>
      <c r="UAY722" s="613"/>
      <c r="UAZ722" s="613"/>
      <c r="UBA722" s="613"/>
      <c r="UBB722" s="613"/>
      <c r="UBC722" s="613"/>
      <c r="UBD722" s="613"/>
      <c r="UBE722" s="613"/>
      <c r="UBF722" s="613"/>
      <c r="UBG722" s="613"/>
      <c r="UBH722" s="613"/>
      <c r="UBI722" s="613"/>
      <c r="UBJ722" s="613"/>
      <c r="UBK722" s="613"/>
      <c r="UBL722" s="613"/>
      <c r="UBM722" s="613"/>
      <c r="UBN722" s="613"/>
      <c r="UBO722" s="613"/>
      <c r="UBP722" s="613"/>
      <c r="UBQ722" s="613"/>
      <c r="UBR722" s="613"/>
      <c r="UBS722" s="613"/>
      <c r="UBT722" s="613"/>
      <c r="UBU722" s="613"/>
      <c r="UBV722" s="613"/>
      <c r="UBW722" s="613"/>
      <c r="UBX722" s="613"/>
      <c r="UBY722" s="613"/>
      <c r="UBZ722" s="613"/>
      <c r="UCA722" s="613"/>
      <c r="UCB722" s="613"/>
      <c r="UCC722" s="613"/>
      <c r="UCD722" s="613"/>
      <c r="UCE722" s="613"/>
      <c r="UCF722" s="613"/>
      <c r="UCG722" s="613"/>
      <c r="UCH722" s="613"/>
      <c r="UCI722" s="613"/>
      <c r="UCJ722" s="613"/>
      <c r="UCK722" s="613"/>
      <c r="UCL722" s="613"/>
      <c r="UCM722" s="613"/>
      <c r="UCN722" s="613"/>
      <c r="UCO722" s="613"/>
      <c r="UCP722" s="613"/>
      <c r="UCQ722" s="613"/>
      <c r="UCR722" s="613"/>
      <c r="UCS722" s="613"/>
      <c r="UCT722" s="613"/>
      <c r="UCU722" s="613"/>
      <c r="UCV722" s="613"/>
      <c r="UCW722" s="613"/>
      <c r="UCX722" s="613"/>
      <c r="UCY722" s="613"/>
      <c r="UCZ722" s="613"/>
      <c r="UDA722" s="613"/>
      <c r="UDB722" s="613"/>
      <c r="UDC722" s="613"/>
      <c r="UDD722" s="613"/>
      <c r="UDE722" s="613"/>
      <c r="UDF722" s="613"/>
      <c r="UDG722" s="613"/>
      <c r="UDH722" s="613"/>
      <c r="UDI722" s="613"/>
      <c r="UDJ722" s="613"/>
      <c r="UDK722" s="613"/>
      <c r="UDL722" s="613"/>
      <c r="UDM722" s="613"/>
      <c r="UDN722" s="613"/>
      <c r="UDO722" s="613"/>
      <c r="UDP722" s="613"/>
      <c r="UDQ722" s="613"/>
      <c r="UDR722" s="613"/>
      <c r="UDS722" s="613"/>
      <c r="UDT722" s="613"/>
      <c r="UDU722" s="613"/>
      <c r="UDV722" s="613"/>
      <c r="UDW722" s="613"/>
      <c r="UDX722" s="613"/>
      <c r="UDY722" s="613"/>
      <c r="UDZ722" s="613"/>
      <c r="UEA722" s="613"/>
      <c r="UEB722" s="613"/>
      <c r="UEC722" s="613"/>
      <c r="UED722" s="613"/>
      <c r="UEE722" s="613"/>
      <c r="UEF722" s="613"/>
      <c r="UEG722" s="613"/>
      <c r="UEH722" s="613"/>
      <c r="UEI722" s="613"/>
      <c r="UEJ722" s="613"/>
      <c r="UEK722" s="613"/>
      <c r="UEL722" s="613"/>
      <c r="UEM722" s="613"/>
      <c r="UEN722" s="613"/>
      <c r="UEO722" s="613"/>
      <c r="UEP722" s="613"/>
      <c r="UEQ722" s="613"/>
      <c r="UER722" s="613"/>
      <c r="UES722" s="613"/>
      <c r="UET722" s="613"/>
      <c r="UEU722" s="613"/>
      <c r="UEV722" s="613"/>
      <c r="UEW722" s="613"/>
      <c r="UEX722" s="613"/>
      <c r="UEY722" s="613"/>
      <c r="UEZ722" s="613"/>
      <c r="UFA722" s="613"/>
      <c r="UFB722" s="613"/>
      <c r="UFC722" s="613"/>
      <c r="UFD722" s="613"/>
      <c r="UFE722" s="613"/>
      <c r="UFF722" s="613"/>
      <c r="UFG722" s="613"/>
      <c r="UFH722" s="613"/>
      <c r="UFI722" s="613"/>
      <c r="UFJ722" s="613"/>
      <c r="UFK722" s="613"/>
      <c r="UFL722" s="613"/>
      <c r="UFM722" s="613"/>
      <c r="UFN722" s="613"/>
      <c r="UFO722" s="613"/>
      <c r="UFP722" s="613"/>
      <c r="UFQ722" s="613"/>
      <c r="UFR722" s="613"/>
      <c r="UFS722" s="613"/>
      <c r="UFT722" s="613"/>
      <c r="UFU722" s="613"/>
      <c r="UFV722" s="613"/>
      <c r="UFW722" s="613"/>
      <c r="UFX722" s="613"/>
      <c r="UFY722" s="613"/>
      <c r="UFZ722" s="613"/>
      <c r="UGA722" s="613"/>
      <c r="UGB722" s="613"/>
      <c r="UGC722" s="613"/>
      <c r="UGD722" s="613"/>
      <c r="UGE722" s="613"/>
      <c r="UGF722" s="613"/>
      <c r="UGG722" s="613"/>
      <c r="UGH722" s="613"/>
      <c r="UGI722" s="613"/>
      <c r="UGJ722" s="613"/>
      <c r="UGK722" s="613"/>
      <c r="UGL722" s="613"/>
      <c r="UGM722" s="613"/>
      <c r="UGN722" s="613"/>
      <c r="UGO722" s="613"/>
      <c r="UGP722" s="613"/>
      <c r="UGQ722" s="613"/>
      <c r="UGR722" s="613"/>
      <c r="UGS722" s="613"/>
      <c r="UGT722" s="613"/>
      <c r="UGU722" s="613"/>
      <c r="UGV722" s="613"/>
      <c r="UGW722" s="613"/>
      <c r="UGX722" s="613"/>
      <c r="UGY722" s="613"/>
      <c r="UGZ722" s="613"/>
      <c r="UHA722" s="613"/>
      <c r="UHB722" s="613"/>
      <c r="UHC722" s="613"/>
      <c r="UHD722" s="613"/>
      <c r="UHE722" s="613"/>
      <c r="UHF722" s="613"/>
      <c r="UHG722" s="613"/>
      <c r="UHH722" s="613"/>
      <c r="UHI722" s="613"/>
      <c r="UHJ722" s="613"/>
      <c r="UHK722" s="613"/>
      <c r="UHL722" s="613"/>
      <c r="UHM722" s="613"/>
      <c r="UHN722" s="613"/>
      <c r="UHO722" s="613"/>
      <c r="UHP722" s="613"/>
      <c r="UHQ722" s="613"/>
      <c r="UHR722" s="613"/>
      <c r="UHS722" s="613"/>
      <c r="UHT722" s="613"/>
      <c r="UHU722" s="613"/>
      <c r="UHV722" s="613"/>
      <c r="UHW722" s="613"/>
      <c r="UHX722" s="613"/>
      <c r="UHY722" s="613"/>
      <c r="UHZ722" s="613"/>
      <c r="UIA722" s="613"/>
      <c r="UIB722" s="613"/>
      <c r="UIC722" s="613"/>
      <c r="UID722" s="613"/>
      <c r="UIE722" s="613"/>
      <c r="UIF722" s="613"/>
      <c r="UIG722" s="613"/>
      <c r="UIH722" s="613"/>
      <c r="UII722" s="613"/>
      <c r="UIJ722" s="613"/>
      <c r="UIK722" s="613"/>
      <c r="UIL722" s="613"/>
      <c r="UIM722" s="613"/>
      <c r="UIN722" s="613"/>
      <c r="UIO722" s="613"/>
      <c r="UIP722" s="613"/>
      <c r="UIQ722" s="613"/>
      <c r="UIR722" s="613"/>
      <c r="UIS722" s="613"/>
      <c r="UIT722" s="613"/>
      <c r="UIU722" s="613"/>
      <c r="UIV722" s="613"/>
      <c r="UIW722" s="613"/>
      <c r="UIX722" s="613"/>
      <c r="UIY722" s="613"/>
      <c r="UIZ722" s="613"/>
      <c r="UJA722" s="613"/>
      <c r="UJB722" s="613"/>
      <c r="UJC722" s="613"/>
      <c r="UJD722" s="613"/>
      <c r="UJE722" s="613"/>
      <c r="UJF722" s="613"/>
      <c r="UJG722" s="613"/>
      <c r="UJH722" s="613"/>
      <c r="UJI722" s="613"/>
      <c r="UJJ722" s="613"/>
      <c r="UJK722" s="613"/>
      <c r="UJL722" s="613"/>
      <c r="UJM722" s="613"/>
      <c r="UJN722" s="613"/>
      <c r="UJO722" s="613"/>
      <c r="UJP722" s="613"/>
      <c r="UJQ722" s="613"/>
      <c r="UJR722" s="613"/>
      <c r="UJS722" s="613"/>
      <c r="UJT722" s="613"/>
      <c r="UJU722" s="613"/>
      <c r="UJV722" s="613"/>
      <c r="UJW722" s="613"/>
      <c r="UJX722" s="613"/>
      <c r="UJY722" s="613"/>
      <c r="UJZ722" s="613"/>
      <c r="UKA722" s="613"/>
      <c r="UKB722" s="613"/>
      <c r="UKC722" s="613"/>
      <c r="UKD722" s="613"/>
      <c r="UKE722" s="613"/>
      <c r="UKF722" s="613"/>
      <c r="UKG722" s="613"/>
      <c r="UKH722" s="613"/>
      <c r="UKI722" s="613"/>
      <c r="UKJ722" s="613"/>
      <c r="UKK722" s="613"/>
      <c r="UKL722" s="613"/>
      <c r="UKM722" s="613"/>
      <c r="UKN722" s="613"/>
      <c r="UKO722" s="613"/>
      <c r="UKP722" s="613"/>
      <c r="UKQ722" s="613"/>
      <c r="UKR722" s="613"/>
      <c r="UKS722" s="613"/>
      <c r="UKT722" s="613"/>
      <c r="UKU722" s="613"/>
      <c r="UKV722" s="613"/>
      <c r="UKW722" s="613"/>
      <c r="UKX722" s="613"/>
      <c r="UKY722" s="613"/>
      <c r="UKZ722" s="613"/>
      <c r="ULA722" s="613"/>
      <c r="ULB722" s="613"/>
      <c r="ULC722" s="613"/>
      <c r="ULD722" s="613"/>
      <c r="ULE722" s="613"/>
      <c r="ULF722" s="613"/>
      <c r="ULG722" s="613"/>
      <c r="ULH722" s="613"/>
      <c r="ULI722" s="613"/>
      <c r="ULJ722" s="613"/>
      <c r="ULK722" s="613"/>
      <c r="ULL722" s="613"/>
      <c r="ULM722" s="613"/>
      <c r="ULN722" s="613"/>
      <c r="ULO722" s="613"/>
      <c r="ULP722" s="613"/>
      <c r="ULQ722" s="613"/>
      <c r="ULR722" s="613"/>
      <c r="ULS722" s="613"/>
      <c r="ULT722" s="613"/>
      <c r="ULU722" s="613"/>
      <c r="ULV722" s="613"/>
      <c r="ULW722" s="613"/>
      <c r="ULX722" s="613"/>
      <c r="ULY722" s="613"/>
      <c r="ULZ722" s="613"/>
      <c r="UMA722" s="613"/>
      <c r="UMB722" s="613"/>
      <c r="UMC722" s="613"/>
      <c r="UMD722" s="613"/>
      <c r="UME722" s="613"/>
      <c r="UMF722" s="613"/>
      <c r="UMG722" s="613"/>
      <c r="UMH722" s="613"/>
      <c r="UMI722" s="613"/>
      <c r="UMJ722" s="613"/>
      <c r="UMK722" s="613"/>
      <c r="UML722" s="613"/>
      <c r="UMM722" s="613"/>
      <c r="UMN722" s="613"/>
      <c r="UMO722" s="613"/>
      <c r="UMP722" s="613"/>
      <c r="UMQ722" s="613"/>
      <c r="UMR722" s="613"/>
      <c r="UMS722" s="613"/>
      <c r="UMT722" s="613"/>
      <c r="UMU722" s="613"/>
      <c r="UMV722" s="613"/>
      <c r="UMW722" s="613"/>
      <c r="UMX722" s="613"/>
      <c r="UMY722" s="613"/>
      <c r="UMZ722" s="613"/>
      <c r="UNA722" s="613"/>
      <c r="UNB722" s="613"/>
      <c r="UNC722" s="613"/>
      <c r="UND722" s="613"/>
      <c r="UNE722" s="613"/>
      <c r="UNF722" s="613"/>
      <c r="UNG722" s="613"/>
      <c r="UNH722" s="613"/>
      <c r="UNI722" s="613"/>
      <c r="UNJ722" s="613"/>
      <c r="UNK722" s="613"/>
      <c r="UNL722" s="613"/>
      <c r="UNM722" s="613"/>
      <c r="UNN722" s="613"/>
      <c r="UNO722" s="613"/>
      <c r="UNP722" s="613"/>
      <c r="UNQ722" s="613"/>
      <c r="UNR722" s="613"/>
      <c r="UNS722" s="613"/>
      <c r="UNT722" s="613"/>
      <c r="UNU722" s="613"/>
      <c r="UNV722" s="613"/>
      <c r="UNW722" s="613"/>
      <c r="UNX722" s="613"/>
      <c r="UNY722" s="613"/>
      <c r="UNZ722" s="613"/>
      <c r="UOA722" s="613"/>
      <c r="UOB722" s="613"/>
      <c r="UOC722" s="613"/>
      <c r="UOD722" s="613"/>
      <c r="UOE722" s="613"/>
      <c r="UOF722" s="613"/>
      <c r="UOG722" s="613"/>
      <c r="UOH722" s="613"/>
      <c r="UOI722" s="613"/>
      <c r="UOJ722" s="613"/>
      <c r="UOK722" s="613"/>
      <c r="UOL722" s="613"/>
      <c r="UOM722" s="613"/>
      <c r="UON722" s="613"/>
      <c r="UOO722" s="613"/>
      <c r="UOP722" s="613"/>
      <c r="UOQ722" s="613"/>
      <c r="UOR722" s="613"/>
      <c r="UOS722" s="613"/>
      <c r="UOT722" s="613"/>
      <c r="UOU722" s="613"/>
      <c r="UOV722" s="613"/>
      <c r="UOW722" s="613"/>
      <c r="UOX722" s="613"/>
      <c r="UOY722" s="613"/>
      <c r="UOZ722" s="613"/>
      <c r="UPA722" s="613"/>
      <c r="UPB722" s="613"/>
      <c r="UPC722" s="613"/>
      <c r="UPD722" s="613"/>
      <c r="UPE722" s="613"/>
      <c r="UPF722" s="613"/>
      <c r="UPG722" s="613"/>
      <c r="UPH722" s="613"/>
      <c r="UPI722" s="613"/>
      <c r="UPJ722" s="613"/>
      <c r="UPK722" s="613"/>
      <c r="UPL722" s="613"/>
      <c r="UPM722" s="613"/>
      <c r="UPN722" s="613"/>
      <c r="UPO722" s="613"/>
      <c r="UPP722" s="613"/>
      <c r="UPQ722" s="613"/>
      <c r="UPR722" s="613"/>
      <c r="UPS722" s="613"/>
      <c r="UPT722" s="613"/>
      <c r="UPU722" s="613"/>
      <c r="UPV722" s="613"/>
      <c r="UPW722" s="613"/>
      <c r="UPX722" s="613"/>
      <c r="UPY722" s="613"/>
      <c r="UPZ722" s="613"/>
      <c r="UQA722" s="613"/>
      <c r="UQB722" s="613"/>
      <c r="UQC722" s="613"/>
      <c r="UQD722" s="613"/>
      <c r="UQE722" s="613"/>
      <c r="UQF722" s="613"/>
      <c r="UQG722" s="613"/>
      <c r="UQH722" s="613"/>
      <c r="UQI722" s="613"/>
      <c r="UQJ722" s="613"/>
      <c r="UQK722" s="613"/>
      <c r="UQL722" s="613"/>
      <c r="UQM722" s="613"/>
      <c r="UQN722" s="613"/>
      <c r="UQO722" s="613"/>
      <c r="UQP722" s="613"/>
      <c r="UQQ722" s="613"/>
      <c r="UQR722" s="613"/>
      <c r="UQS722" s="613"/>
      <c r="UQT722" s="613"/>
      <c r="UQU722" s="613"/>
      <c r="UQV722" s="613"/>
      <c r="UQW722" s="613"/>
      <c r="UQX722" s="613"/>
      <c r="UQY722" s="613"/>
      <c r="UQZ722" s="613"/>
      <c r="URA722" s="613"/>
      <c r="URB722" s="613"/>
      <c r="URC722" s="613"/>
      <c r="URD722" s="613"/>
      <c r="URE722" s="613"/>
      <c r="URF722" s="613"/>
      <c r="URG722" s="613"/>
      <c r="URH722" s="613"/>
      <c r="URI722" s="613"/>
      <c r="URJ722" s="613"/>
      <c r="URK722" s="613"/>
      <c r="URL722" s="613"/>
      <c r="URM722" s="613"/>
      <c r="URN722" s="613"/>
      <c r="URO722" s="613"/>
      <c r="URP722" s="613"/>
      <c r="URQ722" s="613"/>
      <c r="URR722" s="613"/>
      <c r="URS722" s="613"/>
      <c r="URT722" s="613"/>
      <c r="URU722" s="613"/>
      <c r="URV722" s="613"/>
      <c r="URW722" s="613"/>
      <c r="URX722" s="613"/>
      <c r="URY722" s="613"/>
      <c r="URZ722" s="613"/>
      <c r="USA722" s="613"/>
      <c r="USB722" s="613"/>
      <c r="USC722" s="613"/>
      <c r="USD722" s="613"/>
      <c r="USE722" s="613"/>
      <c r="USF722" s="613"/>
      <c r="USG722" s="613"/>
      <c r="USH722" s="613"/>
      <c r="USI722" s="613"/>
      <c r="USJ722" s="613"/>
      <c r="USK722" s="613"/>
      <c r="USL722" s="613"/>
      <c r="USM722" s="613"/>
      <c r="USN722" s="613"/>
      <c r="USO722" s="613"/>
      <c r="USP722" s="613"/>
      <c r="USQ722" s="613"/>
      <c r="USR722" s="613"/>
      <c r="USS722" s="613"/>
      <c r="UST722" s="613"/>
      <c r="USU722" s="613"/>
      <c r="USV722" s="613"/>
      <c r="USW722" s="613"/>
      <c r="USX722" s="613"/>
      <c r="USY722" s="613"/>
      <c r="USZ722" s="613"/>
      <c r="UTA722" s="613"/>
      <c r="UTB722" s="613"/>
      <c r="UTC722" s="613"/>
      <c r="UTD722" s="613"/>
      <c r="UTE722" s="613"/>
      <c r="UTF722" s="613"/>
      <c r="UTG722" s="613"/>
      <c r="UTH722" s="613"/>
      <c r="UTI722" s="613"/>
      <c r="UTJ722" s="613"/>
      <c r="UTK722" s="613"/>
      <c r="UTL722" s="613"/>
      <c r="UTM722" s="613"/>
      <c r="UTN722" s="613"/>
      <c r="UTO722" s="613"/>
      <c r="UTP722" s="613"/>
      <c r="UTQ722" s="613"/>
      <c r="UTR722" s="613"/>
      <c r="UTS722" s="613"/>
      <c r="UTT722" s="613"/>
      <c r="UTU722" s="613"/>
      <c r="UTV722" s="613"/>
      <c r="UTW722" s="613"/>
      <c r="UTX722" s="613"/>
      <c r="UTY722" s="613"/>
      <c r="UTZ722" s="613"/>
      <c r="UUA722" s="613"/>
      <c r="UUB722" s="613"/>
      <c r="UUC722" s="613"/>
      <c r="UUD722" s="613"/>
      <c r="UUE722" s="613"/>
      <c r="UUF722" s="613"/>
      <c r="UUG722" s="613"/>
      <c r="UUH722" s="613"/>
      <c r="UUI722" s="613"/>
      <c r="UUJ722" s="613"/>
      <c r="UUK722" s="613"/>
      <c r="UUL722" s="613"/>
      <c r="UUM722" s="613"/>
      <c r="UUN722" s="613"/>
      <c r="UUO722" s="613"/>
      <c r="UUP722" s="613"/>
      <c r="UUQ722" s="613"/>
      <c r="UUR722" s="613"/>
      <c r="UUS722" s="613"/>
      <c r="UUT722" s="613"/>
      <c r="UUU722" s="613"/>
      <c r="UUV722" s="613"/>
      <c r="UUW722" s="613"/>
      <c r="UUX722" s="613"/>
      <c r="UUY722" s="613"/>
      <c r="UUZ722" s="613"/>
      <c r="UVA722" s="613"/>
      <c r="UVB722" s="613"/>
      <c r="UVC722" s="613"/>
      <c r="UVD722" s="613"/>
      <c r="UVE722" s="613"/>
      <c r="UVF722" s="613"/>
      <c r="UVG722" s="613"/>
      <c r="UVH722" s="613"/>
      <c r="UVI722" s="613"/>
      <c r="UVJ722" s="613"/>
      <c r="UVK722" s="613"/>
      <c r="UVL722" s="613"/>
      <c r="UVM722" s="613"/>
      <c r="UVN722" s="613"/>
      <c r="UVO722" s="613"/>
      <c r="UVP722" s="613"/>
      <c r="UVQ722" s="613"/>
      <c r="UVR722" s="613"/>
      <c r="UVS722" s="613"/>
      <c r="UVT722" s="613"/>
      <c r="UVU722" s="613"/>
      <c r="UVV722" s="613"/>
      <c r="UVW722" s="613"/>
      <c r="UVX722" s="613"/>
      <c r="UVY722" s="613"/>
      <c r="UVZ722" s="613"/>
      <c r="UWA722" s="613"/>
      <c r="UWB722" s="613"/>
      <c r="UWC722" s="613"/>
      <c r="UWD722" s="613"/>
      <c r="UWE722" s="613"/>
      <c r="UWF722" s="613"/>
      <c r="UWG722" s="613"/>
      <c r="UWH722" s="613"/>
      <c r="UWI722" s="613"/>
      <c r="UWJ722" s="613"/>
      <c r="UWK722" s="613"/>
      <c r="UWL722" s="613"/>
      <c r="UWM722" s="613"/>
      <c r="UWN722" s="613"/>
      <c r="UWO722" s="613"/>
      <c r="UWP722" s="613"/>
      <c r="UWQ722" s="613"/>
      <c r="UWR722" s="613"/>
      <c r="UWS722" s="613"/>
      <c r="UWT722" s="613"/>
      <c r="UWU722" s="613"/>
      <c r="UWV722" s="613"/>
      <c r="UWW722" s="613"/>
      <c r="UWX722" s="613"/>
      <c r="UWY722" s="613"/>
      <c r="UWZ722" s="613"/>
      <c r="UXA722" s="613"/>
      <c r="UXB722" s="613"/>
      <c r="UXC722" s="613"/>
      <c r="UXD722" s="613"/>
      <c r="UXE722" s="613"/>
      <c r="UXF722" s="613"/>
      <c r="UXG722" s="613"/>
      <c r="UXH722" s="613"/>
      <c r="UXI722" s="613"/>
      <c r="UXJ722" s="613"/>
      <c r="UXK722" s="613"/>
      <c r="UXL722" s="613"/>
      <c r="UXM722" s="613"/>
      <c r="UXN722" s="613"/>
      <c r="UXO722" s="613"/>
      <c r="UXP722" s="613"/>
      <c r="UXQ722" s="613"/>
      <c r="UXR722" s="613"/>
      <c r="UXS722" s="613"/>
      <c r="UXT722" s="613"/>
      <c r="UXU722" s="613"/>
      <c r="UXV722" s="613"/>
      <c r="UXW722" s="613"/>
      <c r="UXX722" s="613"/>
      <c r="UXY722" s="613"/>
      <c r="UXZ722" s="613"/>
      <c r="UYA722" s="613"/>
      <c r="UYB722" s="613"/>
      <c r="UYC722" s="613"/>
      <c r="UYD722" s="613"/>
      <c r="UYE722" s="613"/>
      <c r="UYF722" s="613"/>
      <c r="UYG722" s="613"/>
      <c r="UYH722" s="613"/>
      <c r="UYI722" s="613"/>
      <c r="UYJ722" s="613"/>
      <c r="UYK722" s="613"/>
      <c r="UYL722" s="613"/>
      <c r="UYM722" s="613"/>
      <c r="UYN722" s="613"/>
      <c r="UYO722" s="613"/>
      <c r="UYP722" s="613"/>
      <c r="UYQ722" s="613"/>
      <c r="UYR722" s="613"/>
      <c r="UYS722" s="613"/>
      <c r="UYT722" s="613"/>
      <c r="UYU722" s="613"/>
      <c r="UYV722" s="613"/>
      <c r="UYW722" s="613"/>
      <c r="UYX722" s="613"/>
      <c r="UYY722" s="613"/>
      <c r="UYZ722" s="613"/>
      <c r="UZA722" s="613"/>
      <c r="UZB722" s="613"/>
      <c r="UZC722" s="613"/>
      <c r="UZD722" s="613"/>
      <c r="UZE722" s="613"/>
      <c r="UZF722" s="613"/>
      <c r="UZG722" s="613"/>
      <c r="UZH722" s="613"/>
      <c r="UZI722" s="613"/>
      <c r="UZJ722" s="613"/>
      <c r="UZK722" s="613"/>
      <c r="UZL722" s="613"/>
      <c r="UZM722" s="613"/>
      <c r="UZN722" s="613"/>
      <c r="UZO722" s="613"/>
      <c r="UZP722" s="613"/>
      <c r="UZQ722" s="613"/>
      <c r="UZR722" s="613"/>
      <c r="UZS722" s="613"/>
      <c r="UZT722" s="613"/>
      <c r="UZU722" s="613"/>
      <c r="UZV722" s="613"/>
      <c r="UZW722" s="613"/>
      <c r="UZX722" s="613"/>
      <c r="UZY722" s="613"/>
      <c r="UZZ722" s="613"/>
      <c r="VAA722" s="613"/>
      <c r="VAB722" s="613"/>
      <c r="VAC722" s="613"/>
      <c r="VAD722" s="613"/>
      <c r="VAE722" s="613"/>
      <c r="VAF722" s="613"/>
      <c r="VAG722" s="613"/>
      <c r="VAH722" s="613"/>
      <c r="VAI722" s="613"/>
      <c r="VAJ722" s="613"/>
      <c r="VAK722" s="613"/>
      <c r="VAL722" s="613"/>
      <c r="VAM722" s="613"/>
      <c r="VAN722" s="613"/>
      <c r="VAO722" s="613"/>
      <c r="VAP722" s="613"/>
      <c r="VAQ722" s="613"/>
      <c r="VAR722" s="613"/>
      <c r="VAS722" s="613"/>
      <c r="VAT722" s="613"/>
      <c r="VAU722" s="613"/>
      <c r="VAV722" s="613"/>
      <c r="VAW722" s="613"/>
      <c r="VAX722" s="613"/>
      <c r="VAY722" s="613"/>
      <c r="VAZ722" s="613"/>
      <c r="VBA722" s="613"/>
      <c r="VBB722" s="613"/>
      <c r="VBC722" s="613"/>
      <c r="VBD722" s="613"/>
      <c r="VBE722" s="613"/>
      <c r="VBF722" s="613"/>
      <c r="VBG722" s="613"/>
      <c r="VBH722" s="613"/>
      <c r="VBI722" s="613"/>
      <c r="VBJ722" s="613"/>
      <c r="VBK722" s="613"/>
      <c r="VBL722" s="613"/>
      <c r="VBM722" s="613"/>
      <c r="VBN722" s="613"/>
      <c r="VBO722" s="613"/>
      <c r="VBP722" s="613"/>
      <c r="VBQ722" s="613"/>
      <c r="VBR722" s="613"/>
      <c r="VBS722" s="613"/>
      <c r="VBT722" s="613"/>
      <c r="VBU722" s="613"/>
      <c r="VBV722" s="613"/>
      <c r="VBW722" s="613"/>
      <c r="VBX722" s="613"/>
      <c r="VBY722" s="613"/>
      <c r="VBZ722" s="613"/>
      <c r="VCA722" s="613"/>
      <c r="VCB722" s="613"/>
      <c r="VCC722" s="613"/>
      <c r="VCD722" s="613"/>
      <c r="VCE722" s="613"/>
      <c r="VCF722" s="613"/>
      <c r="VCG722" s="613"/>
      <c r="VCH722" s="613"/>
      <c r="VCI722" s="613"/>
      <c r="VCJ722" s="613"/>
      <c r="VCK722" s="613"/>
      <c r="VCL722" s="613"/>
      <c r="VCM722" s="613"/>
      <c r="VCN722" s="613"/>
      <c r="VCO722" s="613"/>
      <c r="VCP722" s="613"/>
      <c r="VCQ722" s="613"/>
      <c r="VCR722" s="613"/>
      <c r="VCS722" s="613"/>
      <c r="VCT722" s="613"/>
      <c r="VCU722" s="613"/>
      <c r="VCV722" s="613"/>
      <c r="VCW722" s="613"/>
      <c r="VCX722" s="613"/>
      <c r="VCY722" s="613"/>
      <c r="VCZ722" s="613"/>
      <c r="VDA722" s="613"/>
      <c r="VDB722" s="613"/>
      <c r="VDC722" s="613"/>
      <c r="VDD722" s="613"/>
      <c r="VDE722" s="613"/>
      <c r="VDF722" s="613"/>
      <c r="VDG722" s="613"/>
      <c r="VDH722" s="613"/>
      <c r="VDI722" s="613"/>
      <c r="VDJ722" s="613"/>
      <c r="VDK722" s="613"/>
      <c r="VDL722" s="613"/>
      <c r="VDM722" s="613"/>
      <c r="VDN722" s="613"/>
      <c r="VDO722" s="613"/>
      <c r="VDP722" s="613"/>
      <c r="VDQ722" s="613"/>
      <c r="VDR722" s="613"/>
      <c r="VDS722" s="613"/>
      <c r="VDT722" s="613"/>
      <c r="VDU722" s="613"/>
      <c r="VDV722" s="613"/>
      <c r="VDW722" s="613"/>
      <c r="VDX722" s="613"/>
      <c r="VDY722" s="613"/>
      <c r="VDZ722" s="613"/>
      <c r="VEA722" s="613"/>
      <c r="VEB722" s="613"/>
      <c r="VEC722" s="613"/>
      <c r="VED722" s="613"/>
      <c r="VEE722" s="613"/>
      <c r="VEF722" s="613"/>
      <c r="VEG722" s="613"/>
      <c r="VEH722" s="613"/>
      <c r="VEI722" s="613"/>
      <c r="VEJ722" s="613"/>
      <c r="VEK722" s="613"/>
      <c r="VEL722" s="613"/>
      <c r="VEM722" s="613"/>
      <c r="VEN722" s="613"/>
      <c r="VEO722" s="613"/>
      <c r="VEP722" s="613"/>
      <c r="VEQ722" s="613"/>
      <c r="VER722" s="613"/>
      <c r="VES722" s="613"/>
      <c r="VET722" s="613"/>
      <c r="VEU722" s="613"/>
      <c r="VEV722" s="613"/>
      <c r="VEW722" s="613"/>
      <c r="VEX722" s="613"/>
      <c r="VEY722" s="613"/>
      <c r="VEZ722" s="613"/>
      <c r="VFA722" s="613"/>
      <c r="VFB722" s="613"/>
      <c r="VFC722" s="613"/>
      <c r="VFD722" s="613"/>
      <c r="VFE722" s="613"/>
      <c r="VFF722" s="613"/>
      <c r="VFG722" s="613"/>
      <c r="VFH722" s="613"/>
      <c r="VFI722" s="613"/>
      <c r="VFJ722" s="613"/>
      <c r="VFK722" s="613"/>
      <c r="VFL722" s="613"/>
      <c r="VFM722" s="613"/>
      <c r="VFN722" s="613"/>
      <c r="VFO722" s="613"/>
      <c r="VFP722" s="613"/>
      <c r="VFQ722" s="613"/>
      <c r="VFR722" s="613"/>
      <c r="VFS722" s="613"/>
      <c r="VFT722" s="613"/>
      <c r="VFU722" s="613"/>
      <c r="VFV722" s="613"/>
      <c r="VFW722" s="613"/>
      <c r="VFX722" s="613"/>
      <c r="VFY722" s="613"/>
      <c r="VFZ722" s="613"/>
      <c r="VGA722" s="613"/>
      <c r="VGB722" s="613"/>
      <c r="VGC722" s="613"/>
      <c r="VGD722" s="613"/>
      <c r="VGE722" s="613"/>
      <c r="VGF722" s="613"/>
      <c r="VGG722" s="613"/>
      <c r="VGH722" s="613"/>
      <c r="VGI722" s="613"/>
      <c r="VGJ722" s="613"/>
      <c r="VGK722" s="613"/>
      <c r="VGL722" s="613"/>
      <c r="VGM722" s="613"/>
      <c r="VGN722" s="613"/>
      <c r="VGO722" s="613"/>
      <c r="VGP722" s="613"/>
      <c r="VGQ722" s="613"/>
      <c r="VGR722" s="613"/>
      <c r="VGS722" s="613"/>
      <c r="VGT722" s="613"/>
      <c r="VGU722" s="613"/>
      <c r="VGV722" s="613"/>
      <c r="VGW722" s="613"/>
      <c r="VGX722" s="613"/>
      <c r="VGY722" s="613"/>
      <c r="VGZ722" s="613"/>
      <c r="VHA722" s="613"/>
      <c r="VHB722" s="613"/>
      <c r="VHC722" s="613"/>
      <c r="VHD722" s="613"/>
      <c r="VHE722" s="613"/>
      <c r="VHF722" s="613"/>
      <c r="VHG722" s="613"/>
      <c r="VHH722" s="613"/>
      <c r="VHI722" s="613"/>
      <c r="VHJ722" s="613"/>
      <c r="VHK722" s="613"/>
      <c r="VHL722" s="613"/>
      <c r="VHM722" s="613"/>
      <c r="VHN722" s="613"/>
      <c r="VHO722" s="613"/>
      <c r="VHP722" s="613"/>
      <c r="VHQ722" s="613"/>
      <c r="VHR722" s="613"/>
      <c r="VHS722" s="613"/>
      <c r="VHT722" s="613"/>
      <c r="VHU722" s="613"/>
      <c r="VHV722" s="613"/>
      <c r="VHW722" s="613"/>
      <c r="VHX722" s="613"/>
      <c r="VHY722" s="613"/>
      <c r="VHZ722" s="613"/>
      <c r="VIA722" s="613"/>
      <c r="VIB722" s="613"/>
      <c r="VIC722" s="613"/>
      <c r="VID722" s="613"/>
      <c r="VIE722" s="613"/>
      <c r="VIF722" s="613"/>
      <c r="VIG722" s="613"/>
      <c r="VIH722" s="613"/>
      <c r="VII722" s="613"/>
      <c r="VIJ722" s="613"/>
      <c r="VIK722" s="613"/>
      <c r="VIL722" s="613"/>
      <c r="VIM722" s="613"/>
      <c r="VIN722" s="613"/>
      <c r="VIO722" s="613"/>
      <c r="VIP722" s="613"/>
      <c r="VIQ722" s="613"/>
      <c r="VIR722" s="613"/>
      <c r="VIS722" s="613"/>
      <c r="VIT722" s="613"/>
      <c r="VIU722" s="613"/>
      <c r="VIV722" s="613"/>
      <c r="VIW722" s="613"/>
      <c r="VIX722" s="613"/>
      <c r="VIY722" s="613"/>
      <c r="VIZ722" s="613"/>
      <c r="VJA722" s="613"/>
      <c r="VJB722" s="613"/>
      <c r="VJC722" s="613"/>
      <c r="VJD722" s="613"/>
      <c r="VJE722" s="613"/>
      <c r="VJF722" s="613"/>
      <c r="VJG722" s="613"/>
      <c r="VJH722" s="613"/>
      <c r="VJI722" s="613"/>
      <c r="VJJ722" s="613"/>
      <c r="VJK722" s="613"/>
      <c r="VJL722" s="613"/>
      <c r="VJM722" s="613"/>
      <c r="VJN722" s="613"/>
      <c r="VJO722" s="613"/>
      <c r="VJP722" s="613"/>
      <c r="VJQ722" s="613"/>
      <c r="VJR722" s="613"/>
      <c r="VJS722" s="613"/>
      <c r="VJT722" s="613"/>
      <c r="VJU722" s="613"/>
      <c r="VJV722" s="613"/>
      <c r="VJW722" s="613"/>
      <c r="VJX722" s="613"/>
      <c r="VJY722" s="613"/>
      <c r="VJZ722" s="613"/>
      <c r="VKA722" s="613"/>
      <c r="VKB722" s="613"/>
      <c r="VKC722" s="613"/>
      <c r="VKD722" s="613"/>
      <c r="VKE722" s="613"/>
      <c r="VKF722" s="613"/>
      <c r="VKG722" s="613"/>
      <c r="VKH722" s="613"/>
      <c r="VKI722" s="613"/>
      <c r="VKJ722" s="613"/>
      <c r="VKK722" s="613"/>
      <c r="VKL722" s="613"/>
      <c r="VKM722" s="613"/>
      <c r="VKN722" s="613"/>
      <c r="VKO722" s="613"/>
      <c r="VKP722" s="613"/>
      <c r="VKQ722" s="613"/>
      <c r="VKR722" s="613"/>
      <c r="VKS722" s="613"/>
      <c r="VKT722" s="613"/>
      <c r="VKU722" s="613"/>
      <c r="VKV722" s="613"/>
      <c r="VKW722" s="613"/>
      <c r="VKX722" s="613"/>
      <c r="VKY722" s="613"/>
      <c r="VKZ722" s="613"/>
      <c r="VLA722" s="613"/>
      <c r="VLB722" s="613"/>
      <c r="VLC722" s="613"/>
      <c r="VLD722" s="613"/>
      <c r="VLE722" s="613"/>
      <c r="VLF722" s="613"/>
      <c r="VLG722" s="613"/>
      <c r="VLH722" s="613"/>
      <c r="VLI722" s="613"/>
      <c r="VLJ722" s="613"/>
      <c r="VLK722" s="613"/>
      <c r="VLL722" s="613"/>
      <c r="VLM722" s="613"/>
      <c r="VLN722" s="613"/>
      <c r="VLO722" s="613"/>
      <c r="VLP722" s="613"/>
      <c r="VLQ722" s="613"/>
      <c r="VLR722" s="613"/>
      <c r="VLS722" s="613"/>
      <c r="VLT722" s="613"/>
      <c r="VLU722" s="613"/>
      <c r="VLV722" s="613"/>
      <c r="VLW722" s="613"/>
      <c r="VLX722" s="613"/>
      <c r="VLY722" s="613"/>
      <c r="VLZ722" s="613"/>
      <c r="VMA722" s="613"/>
      <c r="VMB722" s="613"/>
      <c r="VMC722" s="613"/>
      <c r="VMD722" s="613"/>
      <c r="VME722" s="613"/>
      <c r="VMF722" s="613"/>
      <c r="VMG722" s="613"/>
      <c r="VMH722" s="613"/>
      <c r="VMI722" s="613"/>
      <c r="VMJ722" s="613"/>
      <c r="VMK722" s="613"/>
      <c r="VML722" s="613"/>
      <c r="VMM722" s="613"/>
      <c r="VMN722" s="613"/>
      <c r="VMO722" s="613"/>
      <c r="VMP722" s="613"/>
      <c r="VMQ722" s="613"/>
      <c r="VMR722" s="613"/>
      <c r="VMS722" s="613"/>
      <c r="VMT722" s="613"/>
      <c r="VMU722" s="613"/>
      <c r="VMV722" s="613"/>
      <c r="VMW722" s="613"/>
      <c r="VMX722" s="613"/>
      <c r="VMY722" s="613"/>
      <c r="VMZ722" s="613"/>
      <c r="VNA722" s="613"/>
      <c r="VNB722" s="613"/>
      <c r="VNC722" s="613"/>
      <c r="VND722" s="613"/>
      <c r="VNE722" s="613"/>
      <c r="VNF722" s="613"/>
      <c r="VNG722" s="613"/>
      <c r="VNH722" s="613"/>
      <c r="VNI722" s="613"/>
      <c r="VNJ722" s="613"/>
      <c r="VNK722" s="613"/>
      <c r="VNL722" s="613"/>
      <c r="VNM722" s="613"/>
      <c r="VNN722" s="613"/>
      <c r="VNO722" s="613"/>
      <c r="VNP722" s="613"/>
      <c r="VNQ722" s="613"/>
      <c r="VNR722" s="613"/>
      <c r="VNS722" s="613"/>
      <c r="VNT722" s="613"/>
      <c r="VNU722" s="613"/>
      <c r="VNV722" s="613"/>
      <c r="VNW722" s="613"/>
      <c r="VNX722" s="613"/>
      <c r="VNY722" s="613"/>
      <c r="VNZ722" s="613"/>
      <c r="VOA722" s="613"/>
      <c r="VOB722" s="613"/>
      <c r="VOC722" s="613"/>
      <c r="VOD722" s="613"/>
      <c r="VOE722" s="613"/>
      <c r="VOF722" s="613"/>
      <c r="VOG722" s="613"/>
      <c r="VOH722" s="613"/>
      <c r="VOI722" s="613"/>
      <c r="VOJ722" s="613"/>
      <c r="VOK722" s="613"/>
      <c r="VOL722" s="613"/>
      <c r="VOM722" s="613"/>
      <c r="VON722" s="613"/>
      <c r="VOO722" s="613"/>
      <c r="VOP722" s="613"/>
      <c r="VOQ722" s="613"/>
      <c r="VOR722" s="613"/>
      <c r="VOS722" s="613"/>
      <c r="VOT722" s="613"/>
      <c r="VOU722" s="613"/>
      <c r="VOV722" s="613"/>
      <c r="VOW722" s="613"/>
      <c r="VOX722" s="613"/>
      <c r="VOY722" s="613"/>
      <c r="VOZ722" s="613"/>
      <c r="VPA722" s="613"/>
      <c r="VPB722" s="613"/>
      <c r="VPC722" s="613"/>
      <c r="VPD722" s="613"/>
      <c r="VPE722" s="613"/>
      <c r="VPF722" s="613"/>
      <c r="VPG722" s="613"/>
      <c r="VPH722" s="613"/>
      <c r="VPI722" s="613"/>
      <c r="VPJ722" s="613"/>
      <c r="VPK722" s="613"/>
      <c r="VPL722" s="613"/>
      <c r="VPM722" s="613"/>
      <c r="VPN722" s="613"/>
      <c r="VPO722" s="613"/>
      <c r="VPP722" s="613"/>
      <c r="VPQ722" s="613"/>
      <c r="VPR722" s="613"/>
      <c r="VPS722" s="613"/>
      <c r="VPT722" s="613"/>
      <c r="VPU722" s="613"/>
      <c r="VPV722" s="613"/>
      <c r="VPW722" s="613"/>
      <c r="VPX722" s="613"/>
      <c r="VPY722" s="613"/>
      <c r="VPZ722" s="613"/>
      <c r="VQA722" s="613"/>
      <c r="VQB722" s="613"/>
      <c r="VQC722" s="613"/>
      <c r="VQD722" s="613"/>
      <c r="VQE722" s="613"/>
      <c r="VQF722" s="613"/>
      <c r="VQG722" s="613"/>
      <c r="VQH722" s="613"/>
      <c r="VQI722" s="613"/>
      <c r="VQJ722" s="613"/>
      <c r="VQK722" s="613"/>
      <c r="VQL722" s="613"/>
      <c r="VQM722" s="613"/>
      <c r="VQN722" s="613"/>
      <c r="VQO722" s="613"/>
      <c r="VQP722" s="613"/>
      <c r="VQQ722" s="613"/>
      <c r="VQR722" s="613"/>
      <c r="VQS722" s="613"/>
      <c r="VQT722" s="613"/>
      <c r="VQU722" s="613"/>
      <c r="VQV722" s="613"/>
      <c r="VQW722" s="613"/>
      <c r="VQX722" s="613"/>
      <c r="VQY722" s="613"/>
      <c r="VQZ722" s="613"/>
      <c r="VRA722" s="613"/>
      <c r="VRB722" s="613"/>
      <c r="VRC722" s="613"/>
      <c r="VRD722" s="613"/>
      <c r="VRE722" s="613"/>
      <c r="VRF722" s="613"/>
      <c r="VRG722" s="613"/>
      <c r="VRH722" s="613"/>
      <c r="VRI722" s="613"/>
      <c r="VRJ722" s="613"/>
      <c r="VRK722" s="613"/>
      <c r="VRL722" s="613"/>
      <c r="VRM722" s="613"/>
      <c r="VRN722" s="613"/>
      <c r="VRO722" s="613"/>
      <c r="VRP722" s="613"/>
      <c r="VRQ722" s="613"/>
      <c r="VRR722" s="613"/>
      <c r="VRS722" s="613"/>
      <c r="VRT722" s="613"/>
      <c r="VRU722" s="613"/>
      <c r="VRV722" s="613"/>
      <c r="VRW722" s="613"/>
      <c r="VRX722" s="613"/>
      <c r="VRY722" s="613"/>
      <c r="VRZ722" s="613"/>
      <c r="VSA722" s="613"/>
      <c r="VSB722" s="613"/>
      <c r="VSC722" s="613"/>
      <c r="VSD722" s="613"/>
      <c r="VSE722" s="613"/>
      <c r="VSF722" s="613"/>
      <c r="VSG722" s="613"/>
      <c r="VSH722" s="613"/>
      <c r="VSI722" s="613"/>
      <c r="VSJ722" s="613"/>
      <c r="VSK722" s="613"/>
      <c r="VSL722" s="613"/>
      <c r="VSM722" s="613"/>
      <c r="VSN722" s="613"/>
      <c r="VSO722" s="613"/>
      <c r="VSP722" s="613"/>
      <c r="VSQ722" s="613"/>
      <c r="VSR722" s="613"/>
      <c r="VSS722" s="613"/>
      <c r="VST722" s="613"/>
      <c r="VSU722" s="613"/>
      <c r="VSV722" s="613"/>
      <c r="VSW722" s="613"/>
      <c r="VSX722" s="613"/>
      <c r="VSY722" s="613"/>
      <c r="VSZ722" s="613"/>
      <c r="VTA722" s="613"/>
      <c r="VTB722" s="613"/>
      <c r="VTC722" s="613"/>
      <c r="VTD722" s="613"/>
      <c r="VTE722" s="613"/>
      <c r="VTF722" s="613"/>
      <c r="VTG722" s="613"/>
      <c r="VTH722" s="613"/>
      <c r="VTI722" s="613"/>
      <c r="VTJ722" s="613"/>
      <c r="VTK722" s="613"/>
      <c r="VTL722" s="613"/>
      <c r="VTM722" s="613"/>
      <c r="VTN722" s="613"/>
      <c r="VTO722" s="613"/>
      <c r="VTP722" s="613"/>
      <c r="VTQ722" s="613"/>
      <c r="VTR722" s="613"/>
      <c r="VTS722" s="613"/>
      <c r="VTT722" s="613"/>
      <c r="VTU722" s="613"/>
      <c r="VTV722" s="613"/>
      <c r="VTW722" s="613"/>
      <c r="VTX722" s="613"/>
      <c r="VTY722" s="613"/>
      <c r="VTZ722" s="613"/>
      <c r="VUA722" s="613"/>
      <c r="VUB722" s="613"/>
      <c r="VUC722" s="613"/>
      <c r="VUD722" s="613"/>
      <c r="VUE722" s="613"/>
      <c r="VUF722" s="613"/>
      <c r="VUG722" s="613"/>
      <c r="VUH722" s="613"/>
      <c r="VUI722" s="613"/>
      <c r="VUJ722" s="613"/>
      <c r="VUK722" s="613"/>
      <c r="VUL722" s="613"/>
      <c r="VUM722" s="613"/>
      <c r="VUN722" s="613"/>
      <c r="VUO722" s="613"/>
      <c r="VUP722" s="613"/>
      <c r="VUQ722" s="613"/>
      <c r="VUR722" s="613"/>
      <c r="VUS722" s="613"/>
      <c r="VUT722" s="613"/>
      <c r="VUU722" s="613"/>
      <c r="VUV722" s="613"/>
      <c r="VUW722" s="613"/>
      <c r="VUX722" s="613"/>
      <c r="VUY722" s="613"/>
      <c r="VUZ722" s="613"/>
      <c r="VVA722" s="613"/>
      <c r="VVB722" s="613"/>
      <c r="VVC722" s="613"/>
      <c r="VVD722" s="613"/>
      <c r="VVE722" s="613"/>
      <c r="VVF722" s="613"/>
      <c r="VVG722" s="613"/>
      <c r="VVH722" s="613"/>
      <c r="VVI722" s="613"/>
      <c r="VVJ722" s="613"/>
      <c r="VVK722" s="613"/>
      <c r="VVL722" s="613"/>
      <c r="VVM722" s="613"/>
      <c r="VVN722" s="613"/>
      <c r="VVO722" s="613"/>
      <c r="VVP722" s="613"/>
      <c r="VVQ722" s="613"/>
      <c r="VVR722" s="613"/>
      <c r="VVS722" s="613"/>
      <c r="VVT722" s="613"/>
      <c r="VVU722" s="613"/>
      <c r="VVV722" s="613"/>
      <c r="VVW722" s="613"/>
      <c r="VVX722" s="613"/>
      <c r="VVY722" s="613"/>
      <c r="VVZ722" s="613"/>
      <c r="VWA722" s="613"/>
      <c r="VWB722" s="613"/>
      <c r="VWC722" s="613"/>
      <c r="VWD722" s="613"/>
      <c r="VWE722" s="613"/>
      <c r="VWF722" s="613"/>
      <c r="VWG722" s="613"/>
      <c r="VWH722" s="613"/>
      <c r="VWI722" s="613"/>
      <c r="VWJ722" s="613"/>
      <c r="VWK722" s="613"/>
      <c r="VWL722" s="613"/>
      <c r="VWM722" s="613"/>
      <c r="VWN722" s="613"/>
      <c r="VWO722" s="613"/>
      <c r="VWP722" s="613"/>
      <c r="VWQ722" s="613"/>
      <c r="VWR722" s="613"/>
      <c r="VWS722" s="613"/>
      <c r="VWT722" s="613"/>
      <c r="VWU722" s="613"/>
      <c r="VWV722" s="613"/>
      <c r="VWW722" s="613"/>
      <c r="VWX722" s="613"/>
      <c r="VWY722" s="613"/>
      <c r="VWZ722" s="613"/>
      <c r="VXA722" s="613"/>
      <c r="VXB722" s="613"/>
      <c r="VXC722" s="613"/>
      <c r="VXD722" s="613"/>
      <c r="VXE722" s="613"/>
      <c r="VXF722" s="613"/>
      <c r="VXG722" s="613"/>
      <c r="VXH722" s="613"/>
      <c r="VXI722" s="613"/>
      <c r="VXJ722" s="613"/>
      <c r="VXK722" s="613"/>
      <c r="VXL722" s="613"/>
      <c r="VXM722" s="613"/>
      <c r="VXN722" s="613"/>
      <c r="VXO722" s="613"/>
      <c r="VXP722" s="613"/>
      <c r="VXQ722" s="613"/>
      <c r="VXR722" s="613"/>
      <c r="VXS722" s="613"/>
      <c r="VXT722" s="613"/>
      <c r="VXU722" s="613"/>
      <c r="VXV722" s="613"/>
      <c r="VXW722" s="613"/>
      <c r="VXX722" s="613"/>
      <c r="VXY722" s="613"/>
      <c r="VXZ722" s="613"/>
      <c r="VYA722" s="613"/>
      <c r="VYB722" s="613"/>
      <c r="VYC722" s="613"/>
      <c r="VYD722" s="613"/>
      <c r="VYE722" s="613"/>
      <c r="VYF722" s="613"/>
      <c r="VYG722" s="613"/>
      <c r="VYH722" s="613"/>
      <c r="VYI722" s="613"/>
      <c r="VYJ722" s="613"/>
      <c r="VYK722" s="613"/>
      <c r="VYL722" s="613"/>
      <c r="VYM722" s="613"/>
      <c r="VYN722" s="613"/>
      <c r="VYO722" s="613"/>
      <c r="VYP722" s="613"/>
      <c r="VYQ722" s="613"/>
      <c r="VYR722" s="613"/>
      <c r="VYS722" s="613"/>
      <c r="VYT722" s="613"/>
      <c r="VYU722" s="613"/>
      <c r="VYV722" s="613"/>
      <c r="VYW722" s="613"/>
      <c r="VYX722" s="613"/>
      <c r="VYY722" s="613"/>
      <c r="VYZ722" s="613"/>
      <c r="VZA722" s="613"/>
      <c r="VZB722" s="613"/>
      <c r="VZC722" s="613"/>
      <c r="VZD722" s="613"/>
      <c r="VZE722" s="613"/>
      <c r="VZF722" s="613"/>
      <c r="VZG722" s="613"/>
      <c r="VZH722" s="613"/>
      <c r="VZI722" s="613"/>
      <c r="VZJ722" s="613"/>
      <c r="VZK722" s="613"/>
      <c r="VZL722" s="613"/>
      <c r="VZM722" s="613"/>
      <c r="VZN722" s="613"/>
      <c r="VZO722" s="613"/>
      <c r="VZP722" s="613"/>
      <c r="VZQ722" s="613"/>
      <c r="VZR722" s="613"/>
      <c r="VZS722" s="613"/>
      <c r="VZT722" s="613"/>
      <c r="VZU722" s="613"/>
      <c r="VZV722" s="613"/>
      <c r="VZW722" s="613"/>
      <c r="VZX722" s="613"/>
      <c r="VZY722" s="613"/>
      <c r="VZZ722" s="613"/>
      <c r="WAA722" s="613"/>
      <c r="WAB722" s="613"/>
      <c r="WAC722" s="613"/>
      <c r="WAD722" s="613"/>
      <c r="WAE722" s="613"/>
      <c r="WAF722" s="613"/>
      <c r="WAG722" s="613"/>
      <c r="WAH722" s="613"/>
      <c r="WAI722" s="613"/>
      <c r="WAJ722" s="613"/>
      <c r="WAK722" s="613"/>
      <c r="WAL722" s="613"/>
      <c r="WAM722" s="613"/>
      <c r="WAN722" s="613"/>
      <c r="WAO722" s="613"/>
      <c r="WAP722" s="613"/>
      <c r="WAQ722" s="613"/>
      <c r="WAR722" s="613"/>
      <c r="WAS722" s="613"/>
      <c r="WAT722" s="613"/>
      <c r="WAU722" s="613"/>
      <c r="WAV722" s="613"/>
      <c r="WAW722" s="613"/>
      <c r="WAX722" s="613"/>
      <c r="WAY722" s="613"/>
      <c r="WAZ722" s="613"/>
      <c r="WBA722" s="613"/>
      <c r="WBB722" s="613"/>
      <c r="WBC722" s="613"/>
      <c r="WBD722" s="613"/>
      <c r="WBE722" s="613"/>
      <c r="WBF722" s="613"/>
      <c r="WBG722" s="613"/>
      <c r="WBH722" s="613"/>
      <c r="WBI722" s="613"/>
      <c r="WBJ722" s="613"/>
      <c r="WBK722" s="613"/>
      <c r="WBL722" s="613"/>
      <c r="WBM722" s="613"/>
      <c r="WBN722" s="613"/>
      <c r="WBO722" s="613"/>
      <c r="WBP722" s="613"/>
      <c r="WBQ722" s="613"/>
      <c r="WBR722" s="613"/>
      <c r="WBS722" s="613"/>
      <c r="WBT722" s="613"/>
      <c r="WBU722" s="613"/>
      <c r="WBV722" s="613"/>
      <c r="WBW722" s="613"/>
      <c r="WBX722" s="613"/>
      <c r="WBY722" s="613"/>
      <c r="WBZ722" s="613"/>
      <c r="WCA722" s="613"/>
      <c r="WCB722" s="613"/>
      <c r="WCC722" s="613"/>
      <c r="WCD722" s="613"/>
      <c r="WCE722" s="613"/>
      <c r="WCF722" s="613"/>
      <c r="WCG722" s="613"/>
      <c r="WCH722" s="613"/>
      <c r="WCI722" s="613"/>
      <c r="WCJ722" s="613"/>
      <c r="WCK722" s="613"/>
      <c r="WCL722" s="613"/>
      <c r="WCM722" s="613"/>
      <c r="WCN722" s="613"/>
      <c r="WCO722" s="613"/>
      <c r="WCP722" s="613"/>
      <c r="WCQ722" s="613"/>
      <c r="WCR722" s="613"/>
      <c r="WCS722" s="613"/>
      <c r="WCT722" s="613"/>
      <c r="WCU722" s="613"/>
      <c r="WCV722" s="613"/>
      <c r="WCW722" s="613"/>
      <c r="WCX722" s="613"/>
      <c r="WCY722" s="613"/>
      <c r="WCZ722" s="613"/>
      <c r="WDA722" s="613"/>
      <c r="WDB722" s="613"/>
      <c r="WDC722" s="613"/>
      <c r="WDD722" s="613"/>
      <c r="WDE722" s="613"/>
      <c r="WDF722" s="613"/>
      <c r="WDG722" s="613"/>
      <c r="WDH722" s="613"/>
      <c r="WDI722" s="613"/>
      <c r="WDJ722" s="613"/>
      <c r="WDK722" s="613"/>
      <c r="WDL722" s="613"/>
      <c r="WDM722" s="613"/>
      <c r="WDN722" s="613"/>
      <c r="WDO722" s="613"/>
      <c r="WDP722" s="613"/>
      <c r="WDQ722" s="613"/>
      <c r="WDR722" s="613"/>
      <c r="WDS722" s="613"/>
      <c r="WDT722" s="613"/>
      <c r="WDU722" s="613"/>
      <c r="WDV722" s="613"/>
      <c r="WDW722" s="613"/>
      <c r="WDX722" s="613"/>
      <c r="WDY722" s="613"/>
      <c r="WDZ722" s="613"/>
      <c r="WEA722" s="613"/>
      <c r="WEB722" s="613"/>
      <c r="WEC722" s="613"/>
      <c r="WED722" s="613"/>
      <c r="WEE722" s="613"/>
      <c r="WEF722" s="613"/>
      <c r="WEG722" s="613"/>
      <c r="WEH722" s="613"/>
      <c r="WEI722" s="613"/>
      <c r="WEJ722" s="613"/>
      <c r="WEK722" s="613"/>
      <c r="WEL722" s="613"/>
      <c r="WEM722" s="613"/>
      <c r="WEN722" s="613"/>
      <c r="WEO722" s="613"/>
      <c r="WEP722" s="613"/>
      <c r="WEQ722" s="613"/>
      <c r="WER722" s="613"/>
      <c r="WES722" s="613"/>
      <c r="WET722" s="613"/>
      <c r="WEU722" s="613"/>
      <c r="WEV722" s="613"/>
      <c r="WEW722" s="613"/>
      <c r="WEX722" s="613"/>
      <c r="WEY722" s="613"/>
      <c r="WEZ722" s="613"/>
      <c r="WFA722" s="613"/>
      <c r="WFB722" s="613"/>
      <c r="WFC722" s="613"/>
      <c r="WFD722" s="613"/>
      <c r="WFE722" s="613"/>
      <c r="WFF722" s="613"/>
      <c r="WFG722" s="613"/>
      <c r="WFH722" s="613"/>
      <c r="WFI722" s="613"/>
      <c r="WFJ722" s="613"/>
      <c r="WFK722" s="613"/>
      <c r="WFL722" s="613"/>
      <c r="WFM722" s="613"/>
      <c r="WFN722" s="613"/>
      <c r="WFO722" s="613"/>
      <c r="WFP722" s="613"/>
      <c r="WFQ722" s="613"/>
      <c r="WFR722" s="613"/>
      <c r="WFS722" s="613"/>
      <c r="WFT722" s="613"/>
      <c r="WFU722" s="613"/>
      <c r="WFV722" s="613"/>
      <c r="WFW722" s="613"/>
      <c r="WFX722" s="613"/>
      <c r="WFY722" s="613"/>
      <c r="WFZ722" s="613"/>
      <c r="WGA722" s="613"/>
      <c r="WGB722" s="613"/>
      <c r="WGC722" s="613"/>
      <c r="WGD722" s="613"/>
      <c r="WGE722" s="613"/>
      <c r="WGF722" s="613"/>
      <c r="WGG722" s="613"/>
      <c r="WGH722" s="613"/>
      <c r="WGI722" s="613"/>
      <c r="WGJ722" s="613"/>
      <c r="WGK722" s="613"/>
      <c r="WGL722" s="613"/>
      <c r="WGM722" s="613"/>
      <c r="WGN722" s="613"/>
      <c r="WGO722" s="613"/>
      <c r="WGP722" s="613"/>
      <c r="WGQ722" s="613"/>
      <c r="WGR722" s="613"/>
      <c r="WGS722" s="613"/>
      <c r="WGT722" s="613"/>
      <c r="WGU722" s="613"/>
      <c r="WGV722" s="613"/>
      <c r="WGW722" s="613"/>
      <c r="WGX722" s="613"/>
      <c r="WGY722" s="613"/>
      <c r="WGZ722" s="613"/>
      <c r="WHA722" s="613"/>
      <c r="WHB722" s="613"/>
      <c r="WHC722" s="613"/>
      <c r="WHD722" s="613"/>
      <c r="WHE722" s="613"/>
      <c r="WHF722" s="613"/>
      <c r="WHG722" s="613"/>
      <c r="WHH722" s="613"/>
      <c r="WHI722" s="613"/>
      <c r="WHJ722" s="613"/>
      <c r="WHK722" s="613"/>
      <c r="WHL722" s="613"/>
      <c r="WHM722" s="613"/>
      <c r="WHN722" s="613"/>
      <c r="WHO722" s="613"/>
      <c r="WHP722" s="613"/>
      <c r="WHQ722" s="613"/>
      <c r="WHR722" s="613"/>
      <c r="WHS722" s="613"/>
      <c r="WHT722" s="613"/>
      <c r="WHU722" s="613"/>
      <c r="WHV722" s="613"/>
      <c r="WHW722" s="613"/>
      <c r="WHX722" s="613"/>
      <c r="WHY722" s="613"/>
      <c r="WHZ722" s="613"/>
      <c r="WIA722" s="613"/>
      <c r="WIB722" s="613"/>
      <c r="WIC722" s="613"/>
      <c r="WID722" s="613"/>
      <c r="WIE722" s="613"/>
      <c r="WIF722" s="613"/>
      <c r="WIG722" s="613"/>
      <c r="WIH722" s="613"/>
      <c r="WII722" s="613"/>
      <c r="WIJ722" s="613"/>
      <c r="WIK722" s="613"/>
      <c r="WIL722" s="613"/>
      <c r="WIM722" s="613"/>
      <c r="WIN722" s="613"/>
      <c r="WIO722" s="613"/>
      <c r="WIP722" s="613"/>
      <c r="WIQ722" s="613"/>
      <c r="WIR722" s="613"/>
      <c r="WIS722" s="613"/>
      <c r="WIT722" s="613"/>
      <c r="WIU722" s="613"/>
      <c r="WIV722" s="613"/>
      <c r="WIW722" s="613"/>
      <c r="WIX722" s="613"/>
      <c r="WIY722" s="613"/>
      <c r="WIZ722" s="613"/>
      <c r="WJA722" s="613"/>
      <c r="WJB722" s="613"/>
      <c r="WJC722" s="613"/>
      <c r="WJD722" s="613"/>
      <c r="WJE722" s="613"/>
      <c r="WJF722" s="613"/>
      <c r="WJG722" s="613"/>
      <c r="WJH722" s="613"/>
      <c r="WJI722" s="613"/>
      <c r="WJJ722" s="613"/>
      <c r="WJK722" s="613"/>
      <c r="WJL722" s="613"/>
      <c r="WJM722" s="613"/>
      <c r="WJN722" s="613"/>
      <c r="WJO722" s="613"/>
      <c r="WJP722" s="613"/>
      <c r="WJQ722" s="613"/>
      <c r="WJR722" s="613"/>
      <c r="WJS722" s="613"/>
      <c r="WJT722" s="613"/>
      <c r="WJU722" s="613"/>
      <c r="WJV722" s="613"/>
      <c r="WJW722" s="613"/>
      <c r="WJX722" s="613"/>
      <c r="WJY722" s="613"/>
      <c r="WJZ722" s="613"/>
      <c r="WKA722" s="613"/>
      <c r="WKB722" s="613"/>
      <c r="WKC722" s="613"/>
      <c r="WKD722" s="613"/>
      <c r="WKE722" s="613"/>
      <c r="WKF722" s="613"/>
      <c r="WKG722" s="613"/>
      <c r="WKH722" s="613"/>
      <c r="WKI722" s="613"/>
      <c r="WKJ722" s="613"/>
      <c r="WKK722" s="613"/>
      <c r="WKL722" s="613"/>
      <c r="WKM722" s="613"/>
      <c r="WKN722" s="613"/>
      <c r="WKO722" s="613"/>
      <c r="WKP722" s="613"/>
      <c r="WKQ722" s="613"/>
      <c r="WKR722" s="613"/>
      <c r="WKS722" s="613"/>
      <c r="WKT722" s="613"/>
      <c r="WKU722" s="613"/>
      <c r="WKV722" s="613"/>
      <c r="WKW722" s="613"/>
      <c r="WKX722" s="613"/>
      <c r="WKY722" s="613"/>
      <c r="WKZ722" s="613"/>
      <c r="WLA722" s="613"/>
      <c r="WLB722" s="613"/>
      <c r="WLC722" s="613"/>
      <c r="WLD722" s="613"/>
      <c r="WLE722" s="613"/>
      <c r="WLF722" s="613"/>
      <c r="WLG722" s="613"/>
      <c r="WLH722" s="613"/>
      <c r="WLI722" s="613"/>
      <c r="WLJ722" s="613"/>
      <c r="WLK722" s="613"/>
      <c r="WLL722" s="613"/>
      <c r="WLM722" s="613"/>
      <c r="WLN722" s="613"/>
      <c r="WLO722" s="613"/>
      <c r="WLP722" s="613"/>
      <c r="WLQ722" s="613"/>
      <c r="WLR722" s="613"/>
      <c r="WLS722" s="613"/>
      <c r="WLT722" s="613"/>
      <c r="WLU722" s="613"/>
      <c r="WLV722" s="613"/>
      <c r="WLW722" s="613"/>
      <c r="WLX722" s="613"/>
      <c r="WLY722" s="613"/>
      <c r="WLZ722" s="613"/>
      <c r="WMA722" s="613"/>
      <c r="WMB722" s="613"/>
      <c r="WMC722" s="613"/>
      <c r="WMD722" s="613"/>
      <c r="WME722" s="613"/>
      <c r="WMF722" s="613"/>
      <c r="WMG722" s="613"/>
      <c r="WMH722" s="613"/>
      <c r="WMI722" s="613"/>
      <c r="WMJ722" s="613"/>
      <c r="WMK722" s="613"/>
      <c r="WML722" s="613"/>
      <c r="WMM722" s="613"/>
      <c r="WMN722" s="613"/>
      <c r="WMO722" s="613"/>
      <c r="WMP722" s="613"/>
      <c r="WMQ722" s="613"/>
      <c r="WMR722" s="613"/>
      <c r="WMS722" s="613"/>
      <c r="WMT722" s="613"/>
      <c r="WMU722" s="613"/>
      <c r="WMV722" s="613"/>
      <c r="WMW722" s="613"/>
      <c r="WMX722" s="613"/>
      <c r="WMY722" s="613"/>
      <c r="WMZ722" s="613"/>
      <c r="WNA722" s="613"/>
      <c r="WNB722" s="613"/>
      <c r="WNC722" s="613"/>
      <c r="WND722" s="613"/>
      <c r="WNE722" s="613"/>
      <c r="WNF722" s="613"/>
      <c r="WNG722" s="613"/>
      <c r="WNH722" s="613"/>
      <c r="WNI722" s="613"/>
      <c r="WNJ722" s="613"/>
      <c r="WNK722" s="613"/>
      <c r="WNL722" s="613"/>
      <c r="WNM722" s="613"/>
      <c r="WNN722" s="613"/>
      <c r="WNO722" s="613"/>
      <c r="WNP722" s="613"/>
      <c r="WNQ722" s="613"/>
      <c r="WNR722" s="613"/>
      <c r="WNS722" s="613"/>
      <c r="WNT722" s="613"/>
      <c r="WNU722" s="613"/>
      <c r="WNV722" s="613"/>
      <c r="WNW722" s="613"/>
      <c r="WNX722" s="613"/>
      <c r="WNY722" s="613"/>
      <c r="WNZ722" s="613"/>
      <c r="WOA722" s="613"/>
      <c r="WOB722" s="613"/>
      <c r="WOC722" s="613"/>
      <c r="WOD722" s="613"/>
      <c r="WOE722" s="613"/>
      <c r="WOF722" s="613"/>
      <c r="WOG722" s="613"/>
      <c r="WOH722" s="613"/>
      <c r="WOI722" s="613"/>
      <c r="WOJ722" s="613"/>
      <c r="WOK722" s="613"/>
      <c r="WOL722" s="613"/>
      <c r="WOM722" s="613"/>
      <c r="WON722" s="613"/>
      <c r="WOO722" s="613"/>
      <c r="WOP722" s="613"/>
      <c r="WOQ722" s="613"/>
      <c r="WOR722" s="613"/>
      <c r="WOS722" s="613"/>
      <c r="WOT722" s="613"/>
      <c r="WOU722" s="613"/>
      <c r="WOV722" s="613"/>
      <c r="WOW722" s="613"/>
      <c r="WOX722" s="613"/>
      <c r="WOY722" s="613"/>
      <c r="WOZ722" s="613"/>
      <c r="WPA722" s="613"/>
      <c r="WPB722" s="613"/>
      <c r="WPC722" s="613"/>
      <c r="WPD722" s="613"/>
      <c r="WPE722" s="613"/>
      <c r="WPF722" s="613"/>
      <c r="WPG722" s="613"/>
      <c r="WPH722" s="613"/>
      <c r="WPI722" s="613"/>
      <c r="WPJ722" s="613"/>
      <c r="WPK722" s="613"/>
      <c r="WPL722" s="613"/>
      <c r="WPM722" s="613"/>
      <c r="WPN722" s="613"/>
      <c r="WPO722" s="613"/>
      <c r="WPP722" s="613"/>
      <c r="WPQ722" s="613"/>
      <c r="WPR722" s="613"/>
      <c r="WPS722" s="613"/>
      <c r="WPT722" s="613"/>
      <c r="WPU722" s="613"/>
      <c r="WPV722" s="613"/>
      <c r="WPW722" s="613"/>
      <c r="WPX722" s="613"/>
      <c r="WPY722" s="613"/>
      <c r="WPZ722" s="613"/>
      <c r="WQA722" s="613"/>
      <c r="WQB722" s="613"/>
      <c r="WQC722" s="613"/>
      <c r="WQD722" s="613"/>
      <c r="WQE722" s="613"/>
      <c r="WQF722" s="613"/>
      <c r="WQG722" s="613"/>
      <c r="WQH722" s="613"/>
      <c r="WQI722" s="613"/>
      <c r="WQJ722" s="613"/>
      <c r="WQK722" s="613"/>
      <c r="WQL722" s="613"/>
      <c r="WQM722" s="613"/>
      <c r="WQN722" s="613"/>
      <c r="WQO722" s="613"/>
      <c r="WQP722" s="613"/>
      <c r="WQQ722" s="613"/>
      <c r="WQR722" s="613"/>
      <c r="WQS722" s="613"/>
      <c r="WQT722" s="613"/>
      <c r="WQU722" s="613"/>
      <c r="WQV722" s="613"/>
      <c r="WQW722" s="613"/>
      <c r="WQX722" s="613"/>
      <c r="WQY722" s="613"/>
      <c r="WQZ722" s="613"/>
      <c r="WRA722" s="613"/>
      <c r="WRB722" s="613"/>
      <c r="WRC722" s="613"/>
      <c r="WRD722" s="613"/>
      <c r="WRE722" s="613"/>
      <c r="WRF722" s="613"/>
      <c r="WRG722" s="613"/>
      <c r="WRH722" s="613"/>
      <c r="WRI722" s="613"/>
      <c r="WRJ722" s="613"/>
      <c r="WRK722" s="613"/>
      <c r="WRL722" s="613"/>
      <c r="WRM722" s="613"/>
      <c r="WRN722" s="613"/>
      <c r="WRO722" s="613"/>
      <c r="WRP722" s="613"/>
      <c r="WRQ722" s="613"/>
      <c r="WRR722" s="613"/>
      <c r="WRS722" s="613"/>
      <c r="WRT722" s="613"/>
      <c r="WRU722" s="613"/>
      <c r="WRV722" s="613"/>
      <c r="WRW722" s="613"/>
      <c r="WRX722" s="613"/>
      <c r="WRY722" s="613"/>
      <c r="WRZ722" s="613"/>
      <c r="WSA722" s="613"/>
      <c r="WSB722" s="613"/>
      <c r="WSC722" s="613"/>
      <c r="WSD722" s="613"/>
      <c r="WSE722" s="613"/>
      <c r="WSF722" s="613"/>
      <c r="WSG722" s="613"/>
      <c r="WSH722" s="613"/>
      <c r="WSI722" s="613"/>
      <c r="WSJ722" s="613"/>
      <c r="WSK722" s="613"/>
      <c r="WSL722" s="613"/>
      <c r="WSM722" s="613"/>
      <c r="WSN722" s="613"/>
      <c r="WSO722" s="613"/>
      <c r="WSP722" s="613"/>
      <c r="WSQ722" s="613"/>
      <c r="WSR722" s="613"/>
      <c r="WSS722" s="613"/>
      <c r="WST722" s="613"/>
      <c r="WSU722" s="613"/>
      <c r="WSV722" s="613"/>
      <c r="WSW722" s="613"/>
      <c r="WSX722" s="613"/>
      <c r="WSY722" s="613"/>
      <c r="WSZ722" s="613"/>
      <c r="WTA722" s="613"/>
      <c r="WTB722" s="613"/>
      <c r="WTC722" s="613"/>
      <c r="WTD722" s="613"/>
      <c r="WTE722" s="613"/>
      <c r="WTF722" s="613"/>
      <c r="WTG722" s="613"/>
      <c r="WTH722" s="613"/>
      <c r="WTI722" s="613"/>
      <c r="WTJ722" s="613"/>
      <c r="WTK722" s="613"/>
      <c r="WTL722" s="613"/>
      <c r="WTM722" s="613"/>
      <c r="WTN722" s="613"/>
      <c r="WTO722" s="613"/>
      <c r="WTP722" s="613"/>
      <c r="WTQ722" s="613"/>
      <c r="WTR722" s="613"/>
      <c r="WTS722" s="613"/>
      <c r="WTT722" s="613"/>
      <c r="WTU722" s="613"/>
      <c r="WTV722" s="613"/>
      <c r="WTW722" s="613"/>
      <c r="WTX722" s="613"/>
      <c r="WTY722" s="613"/>
      <c r="WTZ722" s="613"/>
      <c r="WUA722" s="613"/>
      <c r="WUB722" s="613"/>
      <c r="WUC722" s="613"/>
      <c r="WUD722" s="613"/>
      <c r="WUE722" s="613"/>
      <c r="WUF722" s="613"/>
      <c r="WUG722" s="613"/>
      <c r="WUH722" s="613"/>
      <c r="WUI722" s="613"/>
      <c r="WUJ722" s="613"/>
      <c r="WUK722" s="613"/>
      <c r="WUL722" s="613"/>
      <c r="WUM722" s="613"/>
      <c r="WUN722" s="613"/>
      <c r="WUO722" s="613"/>
      <c r="WUP722" s="613"/>
      <c r="WUQ722" s="613"/>
      <c r="WUR722" s="613"/>
      <c r="WUS722" s="613"/>
      <c r="WUT722" s="613"/>
      <c r="WUU722" s="613"/>
      <c r="WUV722" s="613"/>
      <c r="WUW722" s="613"/>
      <c r="WUX722" s="613"/>
      <c r="WUY722" s="613"/>
      <c r="WUZ722" s="613"/>
      <c r="WVA722" s="613"/>
      <c r="WVB722" s="613"/>
      <c r="WVC722" s="613"/>
      <c r="WVD722" s="613"/>
      <c r="WVE722" s="613"/>
      <c r="WVF722" s="613"/>
      <c r="WVG722" s="613"/>
      <c r="WVH722" s="613"/>
      <c r="WVI722" s="613"/>
      <c r="WVJ722" s="613"/>
      <c r="WVK722" s="613"/>
      <c r="WVL722" s="613"/>
      <c r="WVM722" s="613"/>
      <c r="WVN722" s="613"/>
      <c r="WVO722" s="613"/>
      <c r="WVP722" s="613"/>
      <c r="WVQ722" s="613"/>
      <c r="WVR722" s="613"/>
      <c r="WVS722" s="613"/>
      <c r="WVT722" s="613"/>
      <c r="WVU722" s="613"/>
      <c r="WVV722" s="613"/>
      <c r="WVW722" s="613"/>
      <c r="WVX722" s="613"/>
      <c r="WVY722" s="613"/>
      <c r="WVZ722" s="613"/>
      <c r="WWA722" s="613"/>
      <c r="WWB722" s="613"/>
      <c r="WWC722" s="613"/>
      <c r="WWD722" s="613"/>
      <c r="WWE722" s="613"/>
      <c r="WWF722" s="613"/>
      <c r="WWG722" s="613"/>
      <c r="WWH722" s="613"/>
      <c r="WWI722" s="613"/>
      <c r="WWJ722" s="613"/>
      <c r="WWK722" s="613"/>
      <c r="WWL722" s="613"/>
      <c r="WWM722" s="613"/>
      <c r="WWN722" s="613"/>
      <c r="WWO722" s="613"/>
      <c r="WWP722" s="613"/>
      <c r="WWQ722" s="613"/>
      <c r="WWR722" s="613"/>
      <c r="WWS722" s="613"/>
      <c r="WWT722" s="613"/>
      <c r="WWU722" s="613"/>
      <c r="WWV722" s="613"/>
      <c r="WWW722" s="613"/>
      <c r="WWX722" s="613"/>
      <c r="WWY722" s="613"/>
      <c r="WWZ722" s="613"/>
      <c r="WXA722" s="613"/>
      <c r="WXB722" s="613"/>
      <c r="WXC722" s="613"/>
      <c r="WXD722" s="613"/>
      <c r="WXE722" s="613"/>
      <c r="WXF722" s="613"/>
      <c r="WXG722" s="613"/>
      <c r="WXH722" s="613"/>
      <c r="WXI722" s="613"/>
      <c r="WXJ722" s="613"/>
      <c r="WXK722" s="613"/>
      <c r="WXL722" s="613"/>
      <c r="WXM722" s="613"/>
      <c r="WXN722" s="613"/>
      <c r="WXO722" s="613"/>
      <c r="WXP722" s="613"/>
      <c r="WXQ722" s="613"/>
      <c r="WXR722" s="613"/>
      <c r="WXS722" s="613"/>
      <c r="WXT722" s="613"/>
      <c r="WXU722" s="613"/>
      <c r="WXV722" s="613"/>
      <c r="WXW722" s="613"/>
      <c r="WXX722" s="613"/>
      <c r="WXY722" s="613"/>
      <c r="WXZ722" s="613"/>
      <c r="WYA722" s="613"/>
      <c r="WYB722" s="613"/>
      <c r="WYC722" s="613"/>
      <c r="WYD722" s="613"/>
      <c r="WYE722" s="613"/>
      <c r="WYF722" s="613"/>
      <c r="WYG722" s="613"/>
      <c r="WYH722" s="613"/>
      <c r="WYI722" s="613"/>
      <c r="WYJ722" s="613"/>
      <c r="WYK722" s="613"/>
      <c r="WYL722" s="613"/>
      <c r="WYM722" s="613"/>
      <c r="WYN722" s="613"/>
      <c r="WYO722" s="613"/>
      <c r="WYP722" s="613"/>
      <c r="WYQ722" s="613"/>
      <c r="WYR722" s="613"/>
      <c r="WYS722" s="613"/>
      <c r="WYT722" s="613"/>
      <c r="WYU722" s="613"/>
      <c r="WYV722" s="613"/>
      <c r="WYW722" s="613"/>
      <c r="WYX722" s="613"/>
      <c r="WYY722" s="613"/>
      <c r="WYZ722" s="613"/>
      <c r="WZA722" s="613"/>
      <c r="WZB722" s="613"/>
      <c r="WZC722" s="613"/>
      <c r="WZD722" s="613"/>
      <c r="WZE722" s="613"/>
      <c r="WZF722" s="613"/>
      <c r="WZG722" s="613"/>
      <c r="WZH722" s="613"/>
      <c r="WZI722" s="613"/>
      <c r="WZJ722" s="613"/>
      <c r="WZK722" s="613"/>
      <c r="WZL722" s="613"/>
      <c r="WZM722" s="613"/>
      <c r="WZN722" s="613"/>
      <c r="WZO722" s="613"/>
      <c r="WZP722" s="613"/>
      <c r="WZQ722" s="613"/>
      <c r="WZR722" s="613"/>
      <c r="WZS722" s="613"/>
      <c r="WZT722" s="613"/>
      <c r="WZU722" s="613"/>
      <c r="WZV722" s="613"/>
      <c r="WZW722" s="613"/>
      <c r="WZX722" s="613"/>
      <c r="WZY722" s="613"/>
      <c r="WZZ722" s="613"/>
      <c r="XAA722" s="613"/>
      <c r="XAB722" s="613"/>
      <c r="XAC722" s="613"/>
      <c r="XAD722" s="613"/>
      <c r="XAE722" s="613"/>
      <c r="XAF722" s="613"/>
      <c r="XAG722" s="613"/>
      <c r="XAH722" s="613"/>
      <c r="XAI722" s="613"/>
      <c r="XAJ722" s="613"/>
      <c r="XAK722" s="613"/>
      <c r="XAL722" s="613"/>
      <c r="XAM722" s="613"/>
      <c r="XAN722" s="613"/>
      <c r="XAO722" s="613"/>
      <c r="XAP722" s="613"/>
      <c r="XAQ722" s="613"/>
      <c r="XAR722" s="613"/>
      <c r="XAS722" s="613"/>
      <c r="XAT722" s="613"/>
      <c r="XAU722" s="613"/>
      <c r="XAV722" s="613"/>
      <c r="XAW722" s="613"/>
      <c r="XAX722" s="613"/>
      <c r="XAY722" s="613"/>
      <c r="XAZ722" s="613"/>
      <c r="XBA722" s="613"/>
      <c r="XBB722" s="613"/>
      <c r="XBC722" s="613"/>
      <c r="XBD722" s="613"/>
      <c r="XBE722" s="613"/>
      <c r="XBF722" s="613"/>
      <c r="XBG722" s="613"/>
      <c r="XBH722" s="613"/>
      <c r="XBI722" s="613"/>
      <c r="XBJ722" s="613"/>
      <c r="XBK722" s="613"/>
      <c r="XBL722" s="613"/>
      <c r="XBM722" s="613"/>
      <c r="XBN722" s="613"/>
      <c r="XBO722" s="613"/>
      <c r="XBP722" s="613"/>
      <c r="XBQ722" s="613"/>
      <c r="XBR722" s="613"/>
      <c r="XBS722" s="613"/>
      <c r="XBT722" s="613"/>
      <c r="XBU722" s="613"/>
      <c r="XBV722" s="613"/>
      <c r="XBW722" s="613"/>
      <c r="XBX722" s="613"/>
      <c r="XBY722" s="613"/>
      <c r="XBZ722" s="613"/>
      <c r="XCA722" s="613"/>
      <c r="XCB722" s="613"/>
      <c r="XCC722" s="613"/>
      <c r="XCD722" s="613"/>
      <c r="XCE722" s="613"/>
      <c r="XCF722" s="613"/>
      <c r="XCG722" s="613"/>
      <c r="XCH722" s="613"/>
      <c r="XCI722" s="613"/>
      <c r="XCJ722" s="613"/>
      <c r="XCK722" s="613"/>
      <c r="XCL722" s="613"/>
      <c r="XCM722" s="613"/>
      <c r="XCN722" s="613"/>
      <c r="XCO722" s="613"/>
      <c r="XCP722" s="613"/>
      <c r="XCQ722" s="613"/>
    </row>
    <row r="723" spans="1:16319" ht="56.1" customHeight="1" x14ac:dyDescent="0.2">
      <c r="A723" s="494"/>
      <c r="B723" s="499"/>
      <c r="C723" s="494"/>
      <c r="D723" s="481">
        <v>285</v>
      </c>
      <c r="E723" s="481"/>
      <c r="F723" s="481" t="s">
        <v>2481</v>
      </c>
      <c r="G723" s="482" t="s">
        <v>53</v>
      </c>
      <c r="H723" s="481" t="s">
        <v>329</v>
      </c>
      <c r="I723" s="654" t="s">
        <v>500</v>
      </c>
      <c r="J723" s="654" t="s">
        <v>501</v>
      </c>
      <c r="K723" s="495" t="s">
        <v>506</v>
      </c>
      <c r="L723" s="621"/>
      <c r="M723" s="484" t="s">
        <v>58</v>
      </c>
      <c r="N723" s="327" t="s">
        <v>1370</v>
      </c>
      <c r="O723" s="484" t="s">
        <v>2996</v>
      </c>
      <c r="P723" s="484" t="s">
        <v>60</v>
      </c>
      <c r="Q723" s="667" t="s">
        <v>334</v>
      </c>
      <c r="R723" s="484" t="s">
        <v>334</v>
      </c>
      <c r="S723" s="484" t="s">
        <v>390</v>
      </c>
      <c r="T723" s="484"/>
      <c r="U723" s="620" t="s">
        <v>63</v>
      </c>
      <c r="V723" s="620" t="s">
        <v>63</v>
      </c>
      <c r="W723" s="723">
        <v>381394</v>
      </c>
      <c r="X723" s="723"/>
      <c r="Y723" s="654" t="s">
        <v>226</v>
      </c>
      <c r="Z723" s="654"/>
      <c r="AA723" s="723">
        <v>381394</v>
      </c>
      <c r="AB723" s="652" t="s">
        <v>82</v>
      </c>
      <c r="AC723" s="652"/>
      <c r="AD723" s="496"/>
      <c r="AE723" s="496"/>
      <c r="AF723" s="496"/>
      <c r="AG723" s="496"/>
      <c r="AH723" s="496"/>
      <c r="AI723" s="487"/>
      <c r="AJ723" s="496"/>
      <c r="AK723" s="496"/>
      <c r="AL723" s="496"/>
      <c r="AM723" s="496"/>
      <c r="AN723" s="496" t="s">
        <v>66</v>
      </c>
      <c r="AO723" s="496"/>
      <c r="AP723" s="496"/>
      <c r="AQ723" s="496"/>
      <c r="AR723" s="496"/>
      <c r="AS723" s="496"/>
      <c r="AT723" s="496"/>
      <c r="AU723" s="487"/>
      <c r="AV723" s="487"/>
      <c r="AW723" s="487"/>
      <c r="AX723" s="487"/>
      <c r="AY723" s="487"/>
      <c r="AZ723" s="487"/>
      <c r="BA723" s="484"/>
      <c r="BB723" s="484"/>
      <c r="BC723" s="484"/>
      <c r="BD723" s="494"/>
      <c r="BE723" s="494"/>
      <c r="BF723" s="613"/>
      <c r="BG723" s="613"/>
      <c r="BH723" s="613"/>
      <c r="BI723" s="613"/>
      <c r="BJ723" s="613"/>
      <c r="BK723" s="613"/>
      <c r="BL723" s="613"/>
      <c r="BM723" s="613"/>
      <c r="BN723" s="613"/>
      <c r="BO723" s="613"/>
      <c r="BP723" s="613"/>
      <c r="BQ723" s="613"/>
      <c r="BR723" s="613"/>
      <c r="BS723" s="613"/>
      <c r="BT723" s="613"/>
      <c r="BU723" s="613"/>
      <c r="BV723" s="613"/>
      <c r="BW723" s="613"/>
      <c r="BX723" s="613"/>
      <c r="BY723" s="613"/>
      <c r="BZ723" s="613"/>
      <c r="CA723" s="613"/>
      <c r="CB723" s="613"/>
      <c r="CC723" s="613"/>
      <c r="CD723" s="613"/>
      <c r="CE723" s="613"/>
      <c r="CF723" s="613"/>
      <c r="CG723" s="613"/>
      <c r="CH723" s="613"/>
      <c r="CI723" s="613"/>
      <c r="CJ723" s="613"/>
      <c r="CK723" s="613"/>
      <c r="CL723" s="613"/>
      <c r="CM723" s="613"/>
      <c r="CN723" s="613"/>
      <c r="CO723" s="613"/>
      <c r="CP723" s="613"/>
      <c r="CQ723" s="613"/>
      <c r="CR723" s="613"/>
      <c r="CS723" s="613"/>
      <c r="CT723" s="613"/>
      <c r="CU723" s="613"/>
      <c r="CV723" s="613"/>
      <c r="CW723" s="613"/>
      <c r="CX723" s="613"/>
      <c r="CY723" s="613"/>
      <c r="CZ723" s="613"/>
      <c r="DA723" s="613"/>
      <c r="DB723" s="613"/>
      <c r="DC723" s="613"/>
      <c r="DD723" s="613"/>
      <c r="DE723" s="613"/>
      <c r="DF723" s="613"/>
      <c r="DG723" s="613"/>
      <c r="DH723" s="613"/>
      <c r="DI723" s="613"/>
      <c r="DJ723" s="613"/>
      <c r="DK723" s="613"/>
      <c r="DL723" s="613"/>
      <c r="DM723" s="613"/>
      <c r="DN723" s="613"/>
      <c r="DO723" s="613"/>
      <c r="DP723" s="613"/>
      <c r="DQ723" s="613"/>
      <c r="DR723" s="613"/>
      <c r="DS723" s="613"/>
      <c r="DT723" s="613"/>
      <c r="DU723" s="613"/>
      <c r="DV723" s="613"/>
      <c r="DW723" s="613"/>
      <c r="DX723" s="613"/>
      <c r="DY723" s="613"/>
      <c r="DZ723" s="613"/>
      <c r="EA723" s="613"/>
      <c r="EB723" s="613"/>
      <c r="EC723" s="613"/>
      <c r="ED723" s="613"/>
      <c r="EE723" s="613"/>
      <c r="EF723" s="613"/>
      <c r="EG723" s="613"/>
      <c r="EH723" s="613"/>
      <c r="EI723" s="613"/>
      <c r="EJ723" s="613"/>
      <c r="EK723" s="613"/>
      <c r="EL723" s="613"/>
      <c r="EM723" s="613"/>
      <c r="EN723" s="613"/>
      <c r="EO723" s="613"/>
      <c r="EP723" s="613"/>
      <c r="EQ723" s="613"/>
      <c r="ER723" s="613"/>
      <c r="ES723" s="613"/>
      <c r="ET723" s="613"/>
      <c r="EU723" s="613"/>
      <c r="EV723" s="613"/>
      <c r="EW723" s="613"/>
      <c r="EX723" s="613"/>
      <c r="EY723" s="613"/>
      <c r="EZ723" s="613"/>
      <c r="FA723" s="613"/>
      <c r="FB723" s="613"/>
      <c r="FC723" s="613"/>
      <c r="FD723" s="613"/>
      <c r="FE723" s="613"/>
      <c r="FF723" s="613"/>
      <c r="FG723" s="613"/>
      <c r="FH723" s="613"/>
      <c r="FI723" s="613"/>
      <c r="FJ723" s="613"/>
      <c r="FK723" s="613"/>
      <c r="FL723" s="613"/>
      <c r="FM723" s="613"/>
      <c r="FN723" s="613"/>
      <c r="FO723" s="613"/>
      <c r="FP723" s="613"/>
      <c r="FQ723" s="613"/>
      <c r="FR723" s="613"/>
      <c r="FS723" s="613"/>
      <c r="FT723" s="613"/>
      <c r="FU723" s="613"/>
      <c r="FV723" s="613"/>
      <c r="FW723" s="613"/>
      <c r="FX723" s="613"/>
      <c r="FY723" s="613"/>
      <c r="FZ723" s="613"/>
      <c r="GA723" s="613"/>
      <c r="GB723" s="613"/>
      <c r="GC723" s="613"/>
      <c r="GD723" s="613"/>
      <c r="GE723" s="613"/>
      <c r="GF723" s="613"/>
      <c r="GG723" s="613"/>
      <c r="GH723" s="613"/>
      <c r="GI723" s="613"/>
      <c r="GJ723" s="613"/>
      <c r="GK723" s="613"/>
      <c r="GL723" s="613"/>
      <c r="GM723" s="613"/>
      <c r="GN723" s="613"/>
      <c r="GO723" s="613"/>
      <c r="GP723" s="613"/>
      <c r="GQ723" s="613"/>
      <c r="GR723" s="613"/>
      <c r="GS723" s="613"/>
      <c r="GT723" s="613"/>
      <c r="GU723" s="613"/>
      <c r="GV723" s="613"/>
      <c r="GW723" s="613"/>
      <c r="GX723" s="613"/>
      <c r="GY723" s="613"/>
      <c r="GZ723" s="613"/>
      <c r="HA723" s="613"/>
      <c r="HB723" s="613"/>
      <c r="HC723" s="613"/>
      <c r="HD723" s="613"/>
      <c r="HE723" s="613"/>
      <c r="HF723" s="613"/>
      <c r="HG723" s="613"/>
      <c r="HH723" s="613"/>
      <c r="HI723" s="613"/>
      <c r="HJ723" s="613"/>
      <c r="HK723" s="613"/>
      <c r="HL723" s="613"/>
      <c r="HM723" s="613"/>
      <c r="HN723" s="613"/>
      <c r="HO723" s="613"/>
      <c r="HP723" s="613"/>
      <c r="HQ723" s="613"/>
      <c r="HR723" s="613"/>
      <c r="HS723" s="613"/>
      <c r="HT723" s="613"/>
      <c r="HU723" s="613"/>
      <c r="HV723" s="613"/>
      <c r="HW723" s="613"/>
      <c r="HX723" s="613"/>
      <c r="HY723" s="613"/>
      <c r="HZ723" s="613"/>
      <c r="IA723" s="613"/>
      <c r="IB723" s="613"/>
      <c r="IC723" s="613"/>
      <c r="ID723" s="613"/>
      <c r="IE723" s="613"/>
      <c r="IF723" s="613"/>
      <c r="IG723" s="613"/>
      <c r="IH723" s="613"/>
      <c r="II723" s="613"/>
      <c r="IJ723" s="613"/>
      <c r="IK723" s="613"/>
      <c r="IL723" s="613"/>
      <c r="IM723" s="613"/>
      <c r="IN723" s="613"/>
      <c r="IO723" s="613"/>
      <c r="IP723" s="613"/>
      <c r="IQ723" s="613"/>
      <c r="IR723" s="613"/>
      <c r="IS723" s="613"/>
      <c r="IT723" s="613"/>
      <c r="IU723" s="613"/>
      <c r="IV723" s="613"/>
      <c r="IW723" s="613"/>
      <c r="IX723" s="613"/>
      <c r="IY723" s="613"/>
      <c r="IZ723" s="613"/>
      <c r="JA723" s="613"/>
      <c r="JB723" s="613"/>
      <c r="JC723" s="613"/>
      <c r="JD723" s="613"/>
      <c r="JE723" s="613"/>
      <c r="JF723" s="613"/>
      <c r="JG723" s="613"/>
      <c r="JH723" s="613"/>
      <c r="JI723" s="613"/>
      <c r="JJ723" s="613"/>
      <c r="JK723" s="613"/>
      <c r="JL723" s="613"/>
      <c r="JM723" s="613"/>
      <c r="JN723" s="613"/>
      <c r="JO723" s="613"/>
      <c r="JP723" s="613"/>
      <c r="JQ723" s="613"/>
      <c r="JR723" s="613"/>
      <c r="JS723" s="613"/>
      <c r="JT723" s="613"/>
      <c r="JU723" s="613"/>
      <c r="JV723" s="613"/>
      <c r="JW723" s="613"/>
      <c r="JX723" s="613"/>
      <c r="JY723" s="613"/>
      <c r="JZ723" s="613"/>
      <c r="KA723" s="613"/>
      <c r="KB723" s="613"/>
      <c r="KC723" s="613"/>
      <c r="KD723" s="613"/>
      <c r="KE723" s="613"/>
      <c r="KF723" s="613"/>
      <c r="KG723" s="613"/>
      <c r="KH723" s="613"/>
      <c r="KI723" s="613"/>
      <c r="KJ723" s="613"/>
      <c r="KK723" s="613"/>
      <c r="KL723" s="613"/>
      <c r="KM723" s="613"/>
      <c r="KN723" s="613"/>
      <c r="KO723" s="613"/>
      <c r="KP723" s="613"/>
      <c r="KQ723" s="613"/>
      <c r="KR723" s="613"/>
      <c r="KS723" s="613"/>
      <c r="KT723" s="613"/>
      <c r="KU723" s="613"/>
      <c r="KV723" s="613"/>
      <c r="KW723" s="613"/>
      <c r="KX723" s="613"/>
      <c r="KY723" s="613"/>
      <c r="KZ723" s="613"/>
      <c r="LA723" s="613"/>
      <c r="LB723" s="613"/>
      <c r="LC723" s="613"/>
      <c r="LD723" s="613"/>
      <c r="LE723" s="613"/>
      <c r="LF723" s="613"/>
      <c r="LG723" s="613"/>
      <c r="LH723" s="613"/>
      <c r="LI723" s="613"/>
      <c r="LJ723" s="613"/>
      <c r="LK723" s="613"/>
      <c r="LL723" s="613"/>
      <c r="LM723" s="613"/>
      <c r="LN723" s="613"/>
      <c r="LO723" s="613"/>
      <c r="LP723" s="613"/>
      <c r="LQ723" s="613"/>
      <c r="LR723" s="613"/>
      <c r="LS723" s="613"/>
      <c r="LT723" s="613"/>
      <c r="LU723" s="613"/>
      <c r="LV723" s="613"/>
      <c r="LW723" s="613"/>
      <c r="LX723" s="613"/>
      <c r="LY723" s="613"/>
      <c r="LZ723" s="613"/>
      <c r="MA723" s="613"/>
      <c r="MB723" s="613"/>
      <c r="MC723" s="613"/>
      <c r="MD723" s="613"/>
      <c r="ME723" s="613"/>
      <c r="MF723" s="613"/>
      <c r="MG723" s="613"/>
      <c r="MH723" s="613"/>
      <c r="MI723" s="613"/>
      <c r="MJ723" s="613"/>
      <c r="MK723" s="613"/>
      <c r="ML723" s="613"/>
      <c r="MM723" s="613"/>
      <c r="MN723" s="613"/>
      <c r="MO723" s="613"/>
      <c r="MP723" s="613"/>
      <c r="MQ723" s="613"/>
      <c r="MR723" s="613"/>
      <c r="MS723" s="613"/>
      <c r="MT723" s="613"/>
      <c r="MU723" s="613"/>
      <c r="MV723" s="613"/>
      <c r="MW723" s="613"/>
      <c r="MX723" s="613"/>
      <c r="MY723" s="613"/>
      <c r="MZ723" s="613"/>
      <c r="NA723" s="613"/>
      <c r="NB723" s="613"/>
      <c r="NC723" s="613"/>
      <c r="ND723" s="613"/>
      <c r="NE723" s="613"/>
      <c r="NF723" s="613"/>
      <c r="NG723" s="613"/>
      <c r="NH723" s="613"/>
      <c r="NI723" s="613"/>
      <c r="NJ723" s="613"/>
      <c r="NK723" s="613"/>
      <c r="NL723" s="613"/>
      <c r="NM723" s="613"/>
      <c r="NN723" s="613"/>
      <c r="NO723" s="613"/>
      <c r="NP723" s="613"/>
      <c r="NQ723" s="613"/>
      <c r="NR723" s="613"/>
      <c r="NS723" s="613"/>
      <c r="NT723" s="613"/>
      <c r="NU723" s="613"/>
      <c r="NV723" s="613"/>
      <c r="NW723" s="613"/>
      <c r="NX723" s="613"/>
      <c r="NY723" s="613"/>
      <c r="NZ723" s="613"/>
      <c r="OA723" s="613"/>
      <c r="OB723" s="613"/>
      <c r="OC723" s="613"/>
      <c r="OD723" s="613"/>
      <c r="OE723" s="613"/>
      <c r="OF723" s="613"/>
      <c r="OG723" s="613"/>
      <c r="OH723" s="613"/>
      <c r="OI723" s="613"/>
      <c r="OJ723" s="613"/>
      <c r="OK723" s="613"/>
      <c r="OL723" s="613"/>
      <c r="OM723" s="613"/>
      <c r="ON723" s="613"/>
      <c r="OO723" s="613"/>
      <c r="OP723" s="613"/>
      <c r="OQ723" s="613"/>
      <c r="OR723" s="613"/>
      <c r="OS723" s="613"/>
      <c r="OT723" s="613"/>
      <c r="OU723" s="613"/>
      <c r="OV723" s="613"/>
      <c r="OW723" s="613"/>
      <c r="OX723" s="613"/>
      <c r="OY723" s="613"/>
      <c r="OZ723" s="613"/>
      <c r="PA723" s="613"/>
      <c r="PB723" s="613"/>
      <c r="PC723" s="613"/>
      <c r="PD723" s="613"/>
      <c r="PE723" s="613"/>
      <c r="PF723" s="613"/>
      <c r="PG723" s="613"/>
      <c r="PH723" s="613"/>
      <c r="PI723" s="613"/>
      <c r="PJ723" s="613"/>
      <c r="PK723" s="613"/>
      <c r="PL723" s="613"/>
      <c r="PM723" s="613"/>
      <c r="PN723" s="613"/>
      <c r="PO723" s="613"/>
      <c r="PP723" s="613"/>
      <c r="PQ723" s="613"/>
      <c r="PR723" s="613"/>
      <c r="PS723" s="613"/>
      <c r="PT723" s="613"/>
      <c r="PU723" s="613"/>
      <c r="PV723" s="613"/>
      <c r="PW723" s="613"/>
      <c r="PX723" s="613"/>
      <c r="PY723" s="613"/>
      <c r="PZ723" s="613"/>
      <c r="QA723" s="613"/>
      <c r="QB723" s="613"/>
      <c r="QC723" s="613"/>
      <c r="QD723" s="613"/>
      <c r="QE723" s="613"/>
      <c r="QF723" s="613"/>
      <c r="QG723" s="613"/>
      <c r="QH723" s="613"/>
      <c r="QI723" s="613"/>
      <c r="QJ723" s="613"/>
      <c r="QK723" s="613"/>
      <c r="QL723" s="613"/>
      <c r="QM723" s="613"/>
      <c r="QN723" s="613"/>
      <c r="QO723" s="613"/>
      <c r="QP723" s="613"/>
      <c r="QQ723" s="613"/>
      <c r="QR723" s="613"/>
      <c r="QS723" s="613"/>
      <c r="QT723" s="613"/>
      <c r="QU723" s="613"/>
      <c r="QV723" s="613"/>
      <c r="QW723" s="613"/>
      <c r="QX723" s="613"/>
      <c r="QY723" s="613"/>
      <c r="QZ723" s="613"/>
      <c r="RA723" s="613"/>
      <c r="RB723" s="613"/>
      <c r="RC723" s="613"/>
      <c r="RD723" s="613"/>
      <c r="RE723" s="613"/>
      <c r="RF723" s="613"/>
      <c r="RG723" s="613"/>
      <c r="RH723" s="613"/>
      <c r="RI723" s="613"/>
      <c r="RJ723" s="613"/>
      <c r="RK723" s="613"/>
      <c r="RL723" s="613"/>
      <c r="RM723" s="613"/>
      <c r="RN723" s="613"/>
      <c r="RO723" s="613"/>
      <c r="RP723" s="613"/>
      <c r="RQ723" s="613"/>
      <c r="RR723" s="613"/>
      <c r="RS723" s="613"/>
      <c r="RT723" s="613"/>
      <c r="RU723" s="613"/>
      <c r="RV723" s="613"/>
      <c r="RW723" s="613"/>
      <c r="RX723" s="613"/>
      <c r="RY723" s="613"/>
      <c r="RZ723" s="613"/>
      <c r="SA723" s="613"/>
      <c r="SB723" s="613"/>
      <c r="SC723" s="613"/>
      <c r="SD723" s="613"/>
      <c r="SE723" s="613"/>
      <c r="SF723" s="613"/>
      <c r="SG723" s="613"/>
      <c r="SH723" s="613"/>
      <c r="SI723" s="613"/>
      <c r="SJ723" s="613"/>
      <c r="SK723" s="613"/>
      <c r="SL723" s="613"/>
      <c r="SM723" s="613"/>
      <c r="SN723" s="613"/>
      <c r="SO723" s="613"/>
      <c r="SP723" s="613"/>
      <c r="SQ723" s="613"/>
      <c r="SR723" s="613"/>
      <c r="SS723" s="613"/>
      <c r="ST723" s="613"/>
      <c r="SU723" s="613"/>
      <c r="SV723" s="613"/>
      <c r="SW723" s="613"/>
      <c r="SX723" s="613"/>
      <c r="SY723" s="613"/>
      <c r="SZ723" s="613"/>
      <c r="TA723" s="613"/>
      <c r="TB723" s="613"/>
      <c r="TC723" s="613"/>
      <c r="TD723" s="613"/>
      <c r="TE723" s="613"/>
      <c r="TF723" s="613"/>
      <c r="TG723" s="613"/>
      <c r="TH723" s="613"/>
      <c r="TI723" s="613"/>
      <c r="TJ723" s="613"/>
      <c r="TK723" s="613"/>
      <c r="TL723" s="613"/>
      <c r="TM723" s="613"/>
      <c r="TN723" s="613"/>
      <c r="TO723" s="613"/>
      <c r="TP723" s="613"/>
      <c r="TQ723" s="613"/>
      <c r="TR723" s="613"/>
      <c r="TS723" s="613"/>
      <c r="TT723" s="613"/>
      <c r="TU723" s="613"/>
      <c r="TV723" s="613"/>
      <c r="TW723" s="613"/>
      <c r="TX723" s="613"/>
      <c r="TY723" s="613"/>
      <c r="TZ723" s="613"/>
      <c r="UA723" s="613"/>
      <c r="UB723" s="613"/>
      <c r="UC723" s="613"/>
      <c r="UD723" s="613"/>
      <c r="UE723" s="613"/>
      <c r="UF723" s="613"/>
      <c r="UG723" s="613"/>
      <c r="UH723" s="613"/>
      <c r="UI723" s="613"/>
      <c r="UJ723" s="613"/>
      <c r="UK723" s="613"/>
      <c r="UL723" s="613"/>
      <c r="UM723" s="613"/>
      <c r="UN723" s="613"/>
      <c r="UO723" s="613"/>
      <c r="UP723" s="613"/>
      <c r="UQ723" s="613"/>
      <c r="UR723" s="613"/>
      <c r="US723" s="613"/>
      <c r="UT723" s="613"/>
      <c r="UU723" s="613"/>
      <c r="UV723" s="613"/>
      <c r="UW723" s="613"/>
      <c r="UX723" s="613"/>
      <c r="UY723" s="613"/>
      <c r="UZ723" s="613"/>
      <c r="VA723" s="613"/>
      <c r="VB723" s="613"/>
      <c r="VC723" s="613"/>
      <c r="VD723" s="613"/>
      <c r="VE723" s="613"/>
      <c r="VF723" s="613"/>
      <c r="VG723" s="613"/>
      <c r="VH723" s="613"/>
      <c r="VI723" s="613"/>
      <c r="VJ723" s="613"/>
      <c r="VK723" s="613"/>
      <c r="VL723" s="613"/>
      <c r="VM723" s="613"/>
      <c r="VN723" s="613"/>
      <c r="VO723" s="613"/>
      <c r="VP723" s="613"/>
      <c r="VQ723" s="613"/>
      <c r="VR723" s="613"/>
      <c r="VS723" s="613"/>
      <c r="VT723" s="613"/>
      <c r="VU723" s="613"/>
      <c r="VV723" s="613"/>
      <c r="VW723" s="613"/>
      <c r="VX723" s="613"/>
      <c r="VY723" s="613"/>
      <c r="VZ723" s="613"/>
      <c r="WA723" s="613"/>
      <c r="WB723" s="613"/>
      <c r="WC723" s="613"/>
      <c r="WD723" s="613"/>
      <c r="WE723" s="613"/>
      <c r="WF723" s="613"/>
      <c r="WG723" s="613"/>
      <c r="WH723" s="613"/>
      <c r="WI723" s="613"/>
      <c r="WJ723" s="613"/>
      <c r="WK723" s="613"/>
      <c r="WL723" s="613"/>
      <c r="WM723" s="613"/>
      <c r="WN723" s="613"/>
      <c r="WO723" s="613"/>
      <c r="WP723" s="613"/>
      <c r="WQ723" s="613"/>
      <c r="WR723" s="613"/>
      <c r="WS723" s="613"/>
      <c r="WT723" s="613"/>
      <c r="WU723" s="613"/>
      <c r="WV723" s="613"/>
      <c r="WW723" s="613"/>
      <c r="WX723" s="613"/>
      <c r="WY723" s="613"/>
      <c r="WZ723" s="613"/>
      <c r="XA723" s="613"/>
      <c r="XB723" s="613"/>
      <c r="XC723" s="613"/>
      <c r="XD723" s="613"/>
      <c r="XE723" s="613"/>
      <c r="XF723" s="613"/>
      <c r="XG723" s="613"/>
      <c r="XH723" s="613"/>
      <c r="XI723" s="613"/>
      <c r="XJ723" s="613"/>
      <c r="XK723" s="613"/>
      <c r="XL723" s="613"/>
      <c r="XM723" s="613"/>
      <c r="XN723" s="613"/>
      <c r="XO723" s="613"/>
      <c r="XP723" s="613"/>
      <c r="XQ723" s="613"/>
      <c r="XR723" s="613"/>
      <c r="XS723" s="613"/>
      <c r="XT723" s="613"/>
      <c r="XU723" s="613"/>
      <c r="XV723" s="613"/>
      <c r="XW723" s="613"/>
      <c r="XX723" s="613"/>
      <c r="XY723" s="613"/>
      <c r="XZ723" s="613"/>
      <c r="YA723" s="613"/>
      <c r="YB723" s="613"/>
      <c r="YC723" s="613"/>
      <c r="YD723" s="613"/>
      <c r="YE723" s="613"/>
      <c r="YF723" s="613"/>
      <c r="YG723" s="613"/>
      <c r="YH723" s="613"/>
      <c r="YI723" s="613"/>
      <c r="YJ723" s="613"/>
      <c r="YK723" s="613"/>
      <c r="YL723" s="613"/>
      <c r="YM723" s="613"/>
      <c r="YN723" s="613"/>
      <c r="YO723" s="613"/>
      <c r="YP723" s="613"/>
      <c r="YQ723" s="613"/>
      <c r="YR723" s="613"/>
      <c r="YS723" s="613"/>
      <c r="YT723" s="613"/>
      <c r="YU723" s="613"/>
      <c r="YV723" s="613"/>
      <c r="YW723" s="613"/>
      <c r="YX723" s="613"/>
      <c r="YY723" s="613"/>
      <c r="YZ723" s="613"/>
      <c r="ZA723" s="613"/>
      <c r="ZB723" s="613"/>
      <c r="ZC723" s="613"/>
      <c r="ZD723" s="613"/>
      <c r="ZE723" s="613"/>
      <c r="ZF723" s="613"/>
      <c r="ZG723" s="613"/>
      <c r="ZH723" s="613"/>
      <c r="ZI723" s="613"/>
      <c r="ZJ723" s="613"/>
      <c r="ZK723" s="613"/>
      <c r="ZL723" s="613"/>
      <c r="ZM723" s="613"/>
      <c r="ZN723" s="613"/>
      <c r="ZO723" s="613"/>
      <c r="ZP723" s="613"/>
      <c r="ZQ723" s="613"/>
      <c r="ZR723" s="613"/>
      <c r="ZS723" s="613"/>
      <c r="ZT723" s="613"/>
      <c r="ZU723" s="613"/>
      <c r="ZV723" s="613"/>
      <c r="ZW723" s="613"/>
      <c r="ZX723" s="613"/>
      <c r="ZY723" s="613"/>
      <c r="ZZ723" s="613"/>
      <c r="AAA723" s="613"/>
      <c r="AAB723" s="613"/>
      <c r="AAC723" s="613"/>
      <c r="AAD723" s="613"/>
      <c r="AAE723" s="613"/>
      <c r="AAF723" s="613"/>
      <c r="AAG723" s="613"/>
      <c r="AAH723" s="613"/>
      <c r="AAI723" s="613"/>
      <c r="AAJ723" s="613"/>
      <c r="AAK723" s="613"/>
      <c r="AAL723" s="613"/>
      <c r="AAM723" s="613"/>
      <c r="AAN723" s="613"/>
      <c r="AAO723" s="613"/>
      <c r="AAP723" s="613"/>
      <c r="AAQ723" s="613"/>
      <c r="AAR723" s="613"/>
      <c r="AAS723" s="613"/>
      <c r="AAT723" s="613"/>
      <c r="AAU723" s="613"/>
      <c r="AAV723" s="613"/>
      <c r="AAW723" s="613"/>
      <c r="AAX723" s="613"/>
      <c r="AAY723" s="613"/>
      <c r="AAZ723" s="613"/>
      <c r="ABA723" s="613"/>
      <c r="ABB723" s="613"/>
      <c r="ABC723" s="613"/>
      <c r="ABD723" s="613"/>
      <c r="ABE723" s="613"/>
      <c r="ABF723" s="613"/>
      <c r="ABG723" s="613"/>
      <c r="ABH723" s="613"/>
      <c r="ABI723" s="613"/>
      <c r="ABJ723" s="613"/>
      <c r="ABK723" s="613"/>
      <c r="ABL723" s="613"/>
      <c r="ABM723" s="613"/>
      <c r="ABN723" s="613"/>
      <c r="ABO723" s="613"/>
      <c r="ABP723" s="613"/>
      <c r="ABQ723" s="613"/>
      <c r="ABR723" s="613"/>
      <c r="ABS723" s="613"/>
      <c r="ABT723" s="613"/>
      <c r="ABU723" s="613"/>
      <c r="ABV723" s="613"/>
      <c r="ABW723" s="613"/>
      <c r="ABX723" s="613"/>
      <c r="ABY723" s="613"/>
      <c r="ABZ723" s="613"/>
      <c r="ACA723" s="613"/>
      <c r="ACB723" s="613"/>
      <c r="ACC723" s="613"/>
      <c r="ACD723" s="613"/>
      <c r="ACE723" s="613"/>
      <c r="ACF723" s="613"/>
      <c r="ACG723" s="613"/>
      <c r="ACH723" s="613"/>
      <c r="ACI723" s="613"/>
      <c r="ACJ723" s="613"/>
      <c r="ACK723" s="613"/>
      <c r="ACL723" s="613"/>
      <c r="ACM723" s="613"/>
      <c r="ACN723" s="613"/>
      <c r="ACO723" s="613"/>
      <c r="ACP723" s="613"/>
      <c r="ACQ723" s="613"/>
      <c r="ACR723" s="613"/>
      <c r="ACS723" s="613"/>
      <c r="ACT723" s="613"/>
      <c r="ACU723" s="613"/>
      <c r="ACV723" s="613"/>
      <c r="ACW723" s="613"/>
      <c r="ACX723" s="613"/>
      <c r="ACY723" s="613"/>
      <c r="ACZ723" s="613"/>
      <c r="ADA723" s="613"/>
      <c r="ADB723" s="613"/>
      <c r="ADC723" s="613"/>
      <c r="ADD723" s="613"/>
      <c r="ADE723" s="613"/>
      <c r="ADF723" s="613"/>
      <c r="ADG723" s="613"/>
      <c r="ADH723" s="613"/>
      <c r="ADI723" s="613"/>
      <c r="ADJ723" s="613"/>
      <c r="ADK723" s="613"/>
      <c r="ADL723" s="613"/>
      <c r="ADM723" s="613"/>
      <c r="ADN723" s="613"/>
      <c r="ADO723" s="613"/>
      <c r="ADP723" s="613"/>
      <c r="ADQ723" s="613"/>
      <c r="ADR723" s="613"/>
      <c r="ADS723" s="613"/>
      <c r="ADT723" s="613"/>
      <c r="ADU723" s="613"/>
      <c r="ADV723" s="613"/>
      <c r="ADW723" s="613"/>
      <c r="ADX723" s="613"/>
      <c r="ADY723" s="613"/>
      <c r="ADZ723" s="613"/>
      <c r="AEA723" s="613"/>
      <c r="AEB723" s="613"/>
      <c r="AEC723" s="613"/>
      <c r="AED723" s="613"/>
      <c r="AEE723" s="613"/>
      <c r="AEF723" s="613"/>
      <c r="AEG723" s="613"/>
      <c r="AEH723" s="613"/>
      <c r="AEI723" s="613"/>
      <c r="AEJ723" s="613"/>
      <c r="AEK723" s="613"/>
      <c r="AEL723" s="613"/>
      <c r="AEM723" s="613"/>
      <c r="AEN723" s="613"/>
      <c r="AEO723" s="613"/>
      <c r="AEP723" s="613"/>
      <c r="AEQ723" s="613"/>
      <c r="AER723" s="613"/>
      <c r="AES723" s="613"/>
      <c r="AET723" s="613"/>
      <c r="AEU723" s="613"/>
      <c r="AEV723" s="613"/>
      <c r="AEW723" s="613"/>
      <c r="AEX723" s="613"/>
      <c r="AEY723" s="613"/>
      <c r="AEZ723" s="613"/>
      <c r="AFA723" s="613"/>
      <c r="AFB723" s="613"/>
      <c r="AFC723" s="613"/>
      <c r="AFD723" s="613"/>
      <c r="AFE723" s="613"/>
      <c r="AFF723" s="613"/>
      <c r="AFG723" s="613"/>
      <c r="AFH723" s="613"/>
      <c r="AFI723" s="613"/>
      <c r="AFJ723" s="613"/>
      <c r="AFK723" s="613"/>
      <c r="AFL723" s="613"/>
      <c r="AFM723" s="613"/>
      <c r="AFN723" s="613"/>
      <c r="AFO723" s="613"/>
      <c r="AFP723" s="613"/>
      <c r="AFQ723" s="613"/>
      <c r="AFR723" s="613"/>
      <c r="AFS723" s="613"/>
      <c r="AFT723" s="613"/>
      <c r="AFU723" s="613"/>
      <c r="AFV723" s="613"/>
      <c r="AFW723" s="613"/>
      <c r="AFX723" s="613"/>
      <c r="AFY723" s="613"/>
      <c r="AFZ723" s="613"/>
      <c r="AGA723" s="613"/>
      <c r="AGB723" s="613"/>
      <c r="AGC723" s="613"/>
      <c r="AGD723" s="613"/>
      <c r="AGE723" s="613"/>
      <c r="AGF723" s="613"/>
      <c r="AGG723" s="613"/>
      <c r="AGH723" s="613"/>
      <c r="AGI723" s="613"/>
      <c r="AGJ723" s="613"/>
      <c r="AGK723" s="613"/>
      <c r="AGL723" s="613"/>
      <c r="AGM723" s="613"/>
      <c r="AGN723" s="613"/>
      <c r="AGO723" s="613"/>
      <c r="AGP723" s="613"/>
      <c r="AGQ723" s="613"/>
      <c r="AGR723" s="613"/>
      <c r="AGS723" s="613"/>
      <c r="AGT723" s="613"/>
      <c r="AGU723" s="613"/>
      <c r="AGV723" s="613"/>
      <c r="AGW723" s="613"/>
      <c r="AGX723" s="613"/>
      <c r="AGY723" s="613"/>
      <c r="AGZ723" s="613"/>
      <c r="AHA723" s="613"/>
      <c r="AHB723" s="613"/>
      <c r="AHC723" s="613"/>
      <c r="AHD723" s="613"/>
      <c r="AHE723" s="613"/>
      <c r="AHF723" s="613"/>
      <c r="AHG723" s="613"/>
      <c r="AHH723" s="613"/>
      <c r="AHI723" s="613"/>
      <c r="AHJ723" s="613"/>
      <c r="AHK723" s="613"/>
      <c r="AHL723" s="613"/>
      <c r="AHM723" s="613"/>
      <c r="AHN723" s="613"/>
      <c r="AHO723" s="613"/>
      <c r="AHP723" s="613"/>
      <c r="AHQ723" s="613"/>
      <c r="AHR723" s="613"/>
      <c r="AHS723" s="613"/>
      <c r="AHT723" s="613"/>
      <c r="AHU723" s="613"/>
      <c r="AHV723" s="613"/>
      <c r="AHW723" s="613"/>
      <c r="AHX723" s="613"/>
      <c r="AHY723" s="613"/>
      <c r="AHZ723" s="613"/>
      <c r="AIA723" s="613"/>
      <c r="AIB723" s="613"/>
      <c r="AIC723" s="613"/>
      <c r="AID723" s="613"/>
      <c r="AIE723" s="613"/>
      <c r="AIF723" s="613"/>
      <c r="AIG723" s="613"/>
      <c r="AIH723" s="613"/>
      <c r="AII723" s="613"/>
      <c r="AIJ723" s="613"/>
      <c r="AIK723" s="613"/>
      <c r="AIL723" s="613"/>
      <c r="AIM723" s="613"/>
      <c r="AIN723" s="613"/>
      <c r="AIO723" s="613"/>
      <c r="AIP723" s="613"/>
      <c r="AIQ723" s="613"/>
      <c r="AIR723" s="613"/>
      <c r="AIS723" s="613"/>
      <c r="AIT723" s="613"/>
      <c r="AIU723" s="613"/>
      <c r="AIV723" s="613"/>
      <c r="AIW723" s="613"/>
      <c r="AIX723" s="613"/>
      <c r="AIY723" s="613"/>
      <c r="AIZ723" s="613"/>
      <c r="AJA723" s="613"/>
      <c r="AJB723" s="613"/>
      <c r="AJC723" s="613"/>
      <c r="AJD723" s="613"/>
      <c r="AJE723" s="613"/>
      <c r="AJF723" s="613"/>
      <c r="AJG723" s="613"/>
      <c r="AJH723" s="613"/>
      <c r="AJI723" s="613"/>
      <c r="AJJ723" s="613"/>
      <c r="AJK723" s="613"/>
      <c r="AJL723" s="613"/>
      <c r="AJM723" s="613"/>
      <c r="AJN723" s="613"/>
      <c r="AJO723" s="613"/>
      <c r="AJP723" s="613"/>
      <c r="AJQ723" s="613"/>
      <c r="AJR723" s="613"/>
      <c r="AJS723" s="613"/>
      <c r="AJT723" s="613"/>
      <c r="AJU723" s="613"/>
      <c r="AJV723" s="613"/>
      <c r="AJW723" s="613"/>
      <c r="AJX723" s="613"/>
      <c r="AJY723" s="613"/>
      <c r="AJZ723" s="613"/>
      <c r="AKA723" s="613"/>
      <c r="AKB723" s="613"/>
      <c r="AKC723" s="613"/>
      <c r="AKD723" s="613"/>
      <c r="AKE723" s="613"/>
      <c r="AKF723" s="613"/>
      <c r="AKG723" s="613"/>
      <c r="AKH723" s="613"/>
      <c r="AKI723" s="613"/>
      <c r="AKJ723" s="613"/>
      <c r="AKK723" s="613"/>
      <c r="AKL723" s="613"/>
      <c r="AKM723" s="613"/>
      <c r="AKN723" s="613"/>
      <c r="AKO723" s="613"/>
      <c r="AKP723" s="613"/>
      <c r="AKQ723" s="613"/>
      <c r="AKR723" s="613"/>
      <c r="AKS723" s="613"/>
      <c r="AKT723" s="613"/>
      <c r="AKU723" s="613"/>
      <c r="AKV723" s="613"/>
      <c r="AKW723" s="613"/>
      <c r="AKX723" s="613"/>
      <c r="AKY723" s="613"/>
      <c r="AKZ723" s="613"/>
      <c r="ALA723" s="613"/>
      <c r="ALB723" s="613"/>
      <c r="ALC723" s="613"/>
      <c r="ALD723" s="613"/>
      <c r="ALE723" s="613"/>
      <c r="ALF723" s="613"/>
      <c r="ALG723" s="613"/>
      <c r="ALH723" s="613"/>
      <c r="ALI723" s="613"/>
      <c r="ALJ723" s="613"/>
      <c r="ALK723" s="613"/>
      <c r="ALL723" s="613"/>
      <c r="ALM723" s="613"/>
      <c r="ALN723" s="613"/>
      <c r="ALO723" s="613"/>
      <c r="ALP723" s="613"/>
      <c r="ALQ723" s="613"/>
      <c r="ALR723" s="613"/>
      <c r="ALS723" s="613"/>
      <c r="ALT723" s="613"/>
      <c r="ALU723" s="613"/>
      <c r="ALV723" s="613"/>
      <c r="ALW723" s="613"/>
      <c r="ALX723" s="613"/>
      <c r="ALY723" s="613"/>
      <c r="ALZ723" s="613"/>
      <c r="AMA723" s="613"/>
      <c r="AMB723" s="613"/>
      <c r="AMC723" s="613"/>
      <c r="AMD723" s="613"/>
      <c r="AME723" s="613"/>
      <c r="AMF723" s="613"/>
      <c r="AMG723" s="613"/>
      <c r="AMH723" s="613"/>
      <c r="AMI723" s="613"/>
      <c r="AMJ723" s="613"/>
      <c r="AMK723" s="613"/>
      <c r="AML723" s="613"/>
      <c r="AMM723" s="613"/>
      <c r="AMN723" s="613"/>
      <c r="AMO723" s="613"/>
      <c r="AMP723" s="613"/>
      <c r="AMQ723" s="613"/>
      <c r="AMR723" s="613"/>
      <c r="AMS723" s="613"/>
      <c r="AMT723" s="613"/>
      <c r="AMU723" s="613"/>
      <c r="AMV723" s="613"/>
      <c r="AMW723" s="613"/>
      <c r="AMX723" s="613"/>
      <c r="AMY723" s="613"/>
      <c r="AMZ723" s="613"/>
      <c r="ANA723" s="613"/>
      <c r="ANB723" s="613"/>
      <c r="ANC723" s="613"/>
      <c r="AND723" s="613"/>
      <c r="ANE723" s="613"/>
      <c r="ANF723" s="613"/>
      <c r="ANG723" s="613"/>
      <c r="ANH723" s="613"/>
      <c r="ANI723" s="613"/>
      <c r="ANJ723" s="613"/>
      <c r="ANK723" s="613"/>
      <c r="ANL723" s="613"/>
      <c r="ANM723" s="613"/>
      <c r="ANN723" s="613"/>
      <c r="ANO723" s="613"/>
      <c r="ANP723" s="613"/>
      <c r="ANQ723" s="613"/>
      <c r="ANR723" s="613"/>
      <c r="ANS723" s="613"/>
      <c r="ANT723" s="613"/>
      <c r="ANU723" s="613"/>
      <c r="ANV723" s="613"/>
      <c r="ANW723" s="613"/>
      <c r="ANX723" s="613"/>
      <c r="ANY723" s="613"/>
      <c r="ANZ723" s="613"/>
      <c r="AOA723" s="613"/>
      <c r="AOB723" s="613"/>
      <c r="AOC723" s="613"/>
      <c r="AOD723" s="613"/>
      <c r="AOE723" s="613"/>
      <c r="AOF723" s="613"/>
      <c r="AOG723" s="613"/>
      <c r="AOH723" s="613"/>
      <c r="AOI723" s="613"/>
      <c r="AOJ723" s="613"/>
      <c r="AOK723" s="613"/>
      <c r="AOL723" s="613"/>
      <c r="AOM723" s="613"/>
      <c r="AON723" s="613"/>
      <c r="AOO723" s="613"/>
      <c r="AOP723" s="613"/>
      <c r="AOQ723" s="613"/>
      <c r="AOR723" s="613"/>
      <c r="AOS723" s="613"/>
      <c r="AOT723" s="613"/>
      <c r="AOU723" s="613"/>
      <c r="AOV723" s="613"/>
      <c r="AOW723" s="613"/>
      <c r="AOX723" s="613"/>
      <c r="AOY723" s="613"/>
      <c r="AOZ723" s="613"/>
      <c r="APA723" s="613"/>
      <c r="APB723" s="613"/>
      <c r="APC723" s="613"/>
      <c r="APD723" s="613"/>
      <c r="APE723" s="613"/>
      <c r="APF723" s="613"/>
      <c r="APG723" s="613"/>
      <c r="APH723" s="613"/>
      <c r="API723" s="613"/>
      <c r="APJ723" s="613"/>
      <c r="APK723" s="613"/>
      <c r="APL723" s="613"/>
      <c r="APM723" s="613"/>
      <c r="APN723" s="613"/>
      <c r="APO723" s="613"/>
      <c r="APP723" s="613"/>
      <c r="APQ723" s="613"/>
      <c r="APR723" s="613"/>
      <c r="APS723" s="613"/>
      <c r="APT723" s="613"/>
      <c r="APU723" s="613"/>
      <c r="APV723" s="613"/>
      <c r="APW723" s="613"/>
      <c r="APX723" s="613"/>
      <c r="APY723" s="613"/>
      <c r="APZ723" s="613"/>
      <c r="AQA723" s="613"/>
      <c r="AQB723" s="613"/>
      <c r="AQC723" s="613"/>
      <c r="AQD723" s="613"/>
      <c r="AQE723" s="613"/>
      <c r="AQF723" s="613"/>
      <c r="AQG723" s="613"/>
      <c r="AQH723" s="613"/>
      <c r="AQI723" s="613"/>
      <c r="AQJ723" s="613"/>
      <c r="AQK723" s="613"/>
      <c r="AQL723" s="613"/>
      <c r="AQM723" s="613"/>
      <c r="AQN723" s="613"/>
      <c r="AQO723" s="613"/>
      <c r="AQP723" s="613"/>
      <c r="AQQ723" s="613"/>
      <c r="AQR723" s="613"/>
      <c r="AQS723" s="613"/>
      <c r="AQT723" s="613"/>
      <c r="AQU723" s="613"/>
      <c r="AQV723" s="613"/>
      <c r="AQW723" s="613"/>
      <c r="AQX723" s="613"/>
      <c r="AQY723" s="613"/>
      <c r="AQZ723" s="613"/>
      <c r="ARA723" s="613"/>
      <c r="ARB723" s="613"/>
      <c r="ARC723" s="613"/>
      <c r="ARD723" s="613"/>
      <c r="ARE723" s="613"/>
      <c r="ARF723" s="613"/>
      <c r="ARG723" s="613"/>
      <c r="ARH723" s="613"/>
      <c r="ARI723" s="613"/>
      <c r="ARJ723" s="613"/>
      <c r="ARK723" s="613"/>
      <c r="ARL723" s="613"/>
      <c r="ARM723" s="613"/>
      <c r="ARN723" s="613"/>
      <c r="ARO723" s="613"/>
      <c r="ARP723" s="613"/>
      <c r="ARQ723" s="613"/>
      <c r="ARR723" s="613"/>
      <c r="ARS723" s="613"/>
      <c r="ART723" s="613"/>
      <c r="ARU723" s="613"/>
      <c r="ARV723" s="613"/>
      <c r="ARW723" s="613"/>
      <c r="ARX723" s="613"/>
      <c r="ARY723" s="613"/>
      <c r="ARZ723" s="613"/>
      <c r="ASA723" s="613"/>
      <c r="ASB723" s="613"/>
      <c r="ASC723" s="613"/>
      <c r="ASD723" s="613"/>
      <c r="ASE723" s="613"/>
      <c r="ASF723" s="613"/>
      <c r="ASG723" s="613"/>
      <c r="ASH723" s="613"/>
      <c r="ASI723" s="613"/>
      <c r="ASJ723" s="613"/>
      <c r="ASK723" s="613"/>
      <c r="ASL723" s="613"/>
      <c r="ASM723" s="613"/>
      <c r="ASN723" s="613"/>
      <c r="ASO723" s="613"/>
      <c r="ASP723" s="613"/>
      <c r="ASQ723" s="613"/>
      <c r="ASR723" s="613"/>
      <c r="ASS723" s="613"/>
      <c r="AST723" s="613"/>
      <c r="ASU723" s="613"/>
      <c r="ASV723" s="613"/>
      <c r="ASW723" s="613"/>
      <c r="ASX723" s="613"/>
      <c r="ASY723" s="613"/>
      <c r="ASZ723" s="613"/>
      <c r="ATA723" s="613"/>
      <c r="ATB723" s="613"/>
      <c r="ATC723" s="613"/>
      <c r="ATD723" s="613"/>
      <c r="ATE723" s="613"/>
      <c r="ATF723" s="613"/>
      <c r="ATG723" s="613"/>
      <c r="ATH723" s="613"/>
      <c r="ATI723" s="613"/>
      <c r="ATJ723" s="613"/>
      <c r="ATK723" s="613"/>
      <c r="ATL723" s="613"/>
      <c r="ATM723" s="613"/>
      <c r="ATN723" s="613"/>
      <c r="ATO723" s="613"/>
      <c r="ATP723" s="613"/>
      <c r="ATQ723" s="613"/>
      <c r="ATR723" s="613"/>
      <c r="ATS723" s="613"/>
      <c r="ATT723" s="613"/>
      <c r="ATU723" s="613"/>
      <c r="ATV723" s="613"/>
      <c r="ATW723" s="613"/>
      <c r="ATX723" s="613"/>
      <c r="ATY723" s="613"/>
      <c r="ATZ723" s="613"/>
      <c r="AUA723" s="613"/>
      <c r="AUB723" s="613"/>
      <c r="AUC723" s="613"/>
      <c r="AUD723" s="613"/>
      <c r="AUE723" s="613"/>
      <c r="AUF723" s="613"/>
      <c r="AUG723" s="613"/>
      <c r="AUH723" s="613"/>
      <c r="AUI723" s="613"/>
      <c r="AUJ723" s="613"/>
      <c r="AUK723" s="613"/>
      <c r="AUL723" s="613"/>
      <c r="AUM723" s="613"/>
      <c r="AUN723" s="613"/>
      <c r="AUO723" s="613"/>
      <c r="AUP723" s="613"/>
      <c r="AUQ723" s="613"/>
      <c r="AUR723" s="613"/>
      <c r="AUS723" s="613"/>
      <c r="AUT723" s="613"/>
      <c r="AUU723" s="613"/>
      <c r="AUV723" s="613"/>
      <c r="AUW723" s="613"/>
      <c r="AUX723" s="613"/>
      <c r="AUY723" s="613"/>
      <c r="AUZ723" s="613"/>
      <c r="AVA723" s="613"/>
      <c r="AVB723" s="613"/>
      <c r="AVC723" s="613"/>
      <c r="AVD723" s="613"/>
      <c r="AVE723" s="613"/>
      <c r="AVF723" s="613"/>
      <c r="AVG723" s="613"/>
      <c r="AVH723" s="613"/>
      <c r="AVI723" s="613"/>
      <c r="AVJ723" s="613"/>
      <c r="AVK723" s="613"/>
      <c r="AVL723" s="613"/>
      <c r="AVM723" s="613"/>
      <c r="AVN723" s="613"/>
      <c r="AVO723" s="613"/>
      <c r="AVP723" s="613"/>
      <c r="AVQ723" s="613"/>
      <c r="AVR723" s="613"/>
      <c r="AVS723" s="613"/>
      <c r="AVT723" s="613"/>
      <c r="AVU723" s="613"/>
      <c r="AVV723" s="613"/>
      <c r="AVW723" s="613"/>
      <c r="AVX723" s="613"/>
      <c r="AVY723" s="613"/>
      <c r="AVZ723" s="613"/>
      <c r="AWA723" s="613"/>
      <c r="AWB723" s="613"/>
      <c r="AWC723" s="613"/>
      <c r="AWD723" s="613"/>
      <c r="AWE723" s="613"/>
      <c r="AWF723" s="613"/>
      <c r="AWG723" s="613"/>
      <c r="AWH723" s="613"/>
      <c r="AWI723" s="613"/>
      <c r="AWJ723" s="613"/>
      <c r="AWK723" s="613"/>
      <c r="AWL723" s="613"/>
      <c r="AWM723" s="613"/>
      <c r="AWN723" s="613"/>
      <c r="AWO723" s="613"/>
      <c r="AWP723" s="613"/>
      <c r="AWQ723" s="613"/>
      <c r="AWR723" s="613"/>
      <c r="AWS723" s="613"/>
      <c r="AWT723" s="613"/>
      <c r="AWU723" s="613"/>
      <c r="AWV723" s="613"/>
      <c r="AWW723" s="613"/>
      <c r="AWX723" s="613"/>
      <c r="AWY723" s="613"/>
      <c r="AWZ723" s="613"/>
      <c r="AXA723" s="613"/>
      <c r="AXB723" s="613"/>
      <c r="AXC723" s="613"/>
      <c r="AXD723" s="613"/>
      <c r="AXE723" s="613"/>
      <c r="AXF723" s="613"/>
      <c r="AXG723" s="613"/>
      <c r="AXH723" s="613"/>
      <c r="AXI723" s="613"/>
      <c r="AXJ723" s="613"/>
      <c r="AXK723" s="613"/>
      <c r="AXL723" s="613"/>
      <c r="AXM723" s="613"/>
      <c r="AXN723" s="613"/>
      <c r="AXO723" s="613"/>
      <c r="AXP723" s="613"/>
      <c r="AXQ723" s="613"/>
      <c r="AXR723" s="613"/>
      <c r="AXS723" s="613"/>
      <c r="AXT723" s="613"/>
      <c r="AXU723" s="613"/>
      <c r="AXV723" s="613"/>
      <c r="AXW723" s="613"/>
      <c r="AXX723" s="613"/>
      <c r="AXY723" s="613"/>
      <c r="AXZ723" s="613"/>
      <c r="AYA723" s="613"/>
      <c r="AYB723" s="613"/>
      <c r="AYC723" s="613"/>
      <c r="AYD723" s="613"/>
      <c r="AYE723" s="613"/>
      <c r="AYF723" s="613"/>
      <c r="AYG723" s="613"/>
      <c r="AYH723" s="613"/>
      <c r="AYI723" s="613"/>
      <c r="AYJ723" s="613"/>
      <c r="AYK723" s="613"/>
      <c r="AYL723" s="613"/>
      <c r="AYM723" s="613"/>
      <c r="AYN723" s="613"/>
      <c r="AYO723" s="613"/>
      <c r="AYP723" s="613"/>
      <c r="AYQ723" s="613"/>
      <c r="AYR723" s="613"/>
      <c r="AYS723" s="613"/>
      <c r="AYT723" s="613"/>
      <c r="AYU723" s="613"/>
      <c r="AYV723" s="613"/>
      <c r="AYW723" s="613"/>
      <c r="AYX723" s="613"/>
      <c r="AYY723" s="613"/>
      <c r="AYZ723" s="613"/>
      <c r="AZA723" s="613"/>
      <c r="AZB723" s="613"/>
      <c r="AZC723" s="613"/>
      <c r="AZD723" s="613"/>
      <c r="AZE723" s="613"/>
      <c r="AZF723" s="613"/>
      <c r="AZG723" s="613"/>
      <c r="AZH723" s="613"/>
      <c r="AZI723" s="613"/>
      <c r="AZJ723" s="613"/>
      <c r="AZK723" s="613"/>
      <c r="AZL723" s="613"/>
      <c r="AZM723" s="613"/>
      <c r="AZN723" s="613"/>
      <c r="AZO723" s="613"/>
      <c r="AZP723" s="613"/>
      <c r="AZQ723" s="613"/>
      <c r="AZR723" s="613"/>
      <c r="AZS723" s="613"/>
      <c r="AZT723" s="613"/>
      <c r="AZU723" s="613"/>
      <c r="AZV723" s="613"/>
      <c r="AZW723" s="613"/>
      <c r="AZX723" s="613"/>
      <c r="AZY723" s="613"/>
      <c r="AZZ723" s="613"/>
      <c r="BAA723" s="613"/>
      <c r="BAB723" s="613"/>
      <c r="BAC723" s="613"/>
      <c r="BAD723" s="613"/>
      <c r="BAE723" s="613"/>
      <c r="BAF723" s="613"/>
      <c r="BAG723" s="613"/>
      <c r="BAH723" s="613"/>
      <c r="BAI723" s="613"/>
      <c r="BAJ723" s="613"/>
      <c r="BAK723" s="613"/>
      <c r="BAL723" s="613"/>
      <c r="BAM723" s="613"/>
      <c r="BAN723" s="613"/>
      <c r="BAO723" s="613"/>
      <c r="BAP723" s="613"/>
      <c r="BAQ723" s="613"/>
      <c r="BAR723" s="613"/>
      <c r="BAS723" s="613"/>
      <c r="BAT723" s="613"/>
      <c r="BAU723" s="613"/>
      <c r="BAV723" s="613"/>
      <c r="BAW723" s="613"/>
      <c r="BAX723" s="613"/>
      <c r="BAY723" s="613"/>
      <c r="BAZ723" s="613"/>
      <c r="BBA723" s="613"/>
      <c r="BBB723" s="613"/>
      <c r="BBC723" s="613"/>
      <c r="BBD723" s="613"/>
      <c r="BBE723" s="613"/>
      <c r="BBF723" s="613"/>
      <c r="BBG723" s="613"/>
      <c r="BBH723" s="613"/>
      <c r="BBI723" s="613"/>
      <c r="BBJ723" s="613"/>
      <c r="BBK723" s="613"/>
      <c r="BBL723" s="613"/>
      <c r="BBM723" s="613"/>
      <c r="BBN723" s="613"/>
      <c r="BBO723" s="613"/>
      <c r="BBP723" s="613"/>
      <c r="BBQ723" s="613"/>
      <c r="BBR723" s="613"/>
      <c r="BBS723" s="613"/>
      <c r="BBT723" s="613"/>
      <c r="BBU723" s="613"/>
      <c r="BBV723" s="613"/>
      <c r="BBW723" s="613"/>
      <c r="BBX723" s="613"/>
      <c r="BBY723" s="613"/>
      <c r="BBZ723" s="613"/>
      <c r="BCA723" s="613"/>
      <c r="BCB723" s="613"/>
      <c r="BCC723" s="613"/>
      <c r="BCD723" s="613"/>
      <c r="BCE723" s="613"/>
      <c r="BCF723" s="613"/>
      <c r="BCG723" s="613"/>
      <c r="BCH723" s="613"/>
      <c r="BCI723" s="613"/>
      <c r="BCJ723" s="613"/>
      <c r="BCK723" s="613"/>
      <c r="BCL723" s="613"/>
      <c r="BCM723" s="613"/>
      <c r="BCN723" s="613"/>
      <c r="BCO723" s="613"/>
      <c r="BCP723" s="613"/>
      <c r="BCQ723" s="613"/>
      <c r="BCR723" s="613"/>
      <c r="BCS723" s="613"/>
      <c r="BCT723" s="613"/>
      <c r="BCU723" s="613"/>
      <c r="BCV723" s="613"/>
      <c r="BCW723" s="613"/>
      <c r="BCX723" s="613"/>
      <c r="BCY723" s="613"/>
      <c r="BCZ723" s="613"/>
      <c r="BDA723" s="613"/>
      <c r="BDB723" s="613"/>
      <c r="BDC723" s="613"/>
      <c r="BDD723" s="613"/>
      <c r="BDE723" s="613"/>
      <c r="BDF723" s="613"/>
      <c r="BDG723" s="613"/>
      <c r="BDH723" s="613"/>
      <c r="BDI723" s="613"/>
      <c r="BDJ723" s="613"/>
      <c r="BDK723" s="613"/>
      <c r="BDL723" s="613"/>
      <c r="BDM723" s="613"/>
      <c r="BDN723" s="613"/>
      <c r="BDO723" s="613"/>
      <c r="BDP723" s="613"/>
      <c r="BDQ723" s="613"/>
      <c r="BDR723" s="613"/>
      <c r="BDS723" s="613"/>
      <c r="BDT723" s="613"/>
      <c r="BDU723" s="613"/>
      <c r="BDV723" s="613"/>
      <c r="BDW723" s="613"/>
      <c r="BDX723" s="613"/>
      <c r="BDY723" s="613"/>
      <c r="BDZ723" s="613"/>
      <c r="BEA723" s="613"/>
      <c r="BEB723" s="613"/>
      <c r="BEC723" s="613"/>
      <c r="BED723" s="613"/>
      <c r="BEE723" s="613"/>
      <c r="BEF723" s="613"/>
      <c r="BEG723" s="613"/>
      <c r="BEH723" s="613"/>
      <c r="BEI723" s="613"/>
      <c r="BEJ723" s="613"/>
      <c r="BEK723" s="613"/>
      <c r="BEL723" s="613"/>
      <c r="BEM723" s="613"/>
      <c r="BEN723" s="613"/>
      <c r="BEO723" s="613"/>
      <c r="BEP723" s="613"/>
      <c r="BEQ723" s="613"/>
      <c r="BER723" s="613"/>
      <c r="BES723" s="613"/>
      <c r="BET723" s="613"/>
      <c r="BEU723" s="613"/>
      <c r="BEV723" s="613"/>
      <c r="BEW723" s="613"/>
      <c r="BEX723" s="613"/>
      <c r="BEY723" s="613"/>
      <c r="BEZ723" s="613"/>
      <c r="BFA723" s="613"/>
      <c r="BFB723" s="613"/>
      <c r="BFC723" s="613"/>
      <c r="BFD723" s="613"/>
      <c r="BFE723" s="613"/>
      <c r="BFF723" s="613"/>
      <c r="BFG723" s="613"/>
      <c r="BFH723" s="613"/>
      <c r="BFI723" s="613"/>
      <c r="BFJ723" s="613"/>
      <c r="BFK723" s="613"/>
      <c r="BFL723" s="613"/>
      <c r="BFM723" s="613"/>
      <c r="BFN723" s="613"/>
      <c r="BFO723" s="613"/>
      <c r="BFP723" s="613"/>
      <c r="BFQ723" s="613"/>
      <c r="BFR723" s="613"/>
      <c r="BFS723" s="613"/>
      <c r="BFT723" s="613"/>
      <c r="BFU723" s="613"/>
      <c r="BFV723" s="613"/>
      <c r="BFW723" s="613"/>
      <c r="BFX723" s="613"/>
      <c r="BFY723" s="613"/>
      <c r="BFZ723" s="613"/>
      <c r="BGA723" s="613"/>
      <c r="BGB723" s="613"/>
      <c r="BGC723" s="613"/>
      <c r="BGD723" s="613"/>
      <c r="BGE723" s="613"/>
      <c r="BGF723" s="613"/>
      <c r="BGG723" s="613"/>
      <c r="BGH723" s="613"/>
      <c r="BGI723" s="613"/>
      <c r="BGJ723" s="613"/>
      <c r="BGK723" s="613"/>
      <c r="BGL723" s="613"/>
      <c r="BGM723" s="613"/>
      <c r="BGN723" s="613"/>
      <c r="BGO723" s="613"/>
      <c r="BGP723" s="613"/>
      <c r="BGQ723" s="613"/>
      <c r="BGR723" s="613"/>
      <c r="BGS723" s="613"/>
      <c r="BGT723" s="613"/>
      <c r="BGU723" s="613"/>
      <c r="BGV723" s="613"/>
      <c r="BGW723" s="613"/>
      <c r="BGX723" s="613"/>
      <c r="BGY723" s="613"/>
      <c r="BGZ723" s="613"/>
      <c r="BHA723" s="613"/>
      <c r="BHB723" s="613"/>
      <c r="BHC723" s="613"/>
      <c r="BHD723" s="613"/>
      <c r="BHE723" s="613"/>
      <c r="BHF723" s="613"/>
      <c r="BHG723" s="613"/>
      <c r="BHH723" s="613"/>
      <c r="BHI723" s="613"/>
      <c r="BHJ723" s="613"/>
      <c r="BHK723" s="613"/>
      <c r="BHL723" s="613"/>
      <c r="BHM723" s="613"/>
      <c r="BHN723" s="613"/>
      <c r="BHO723" s="613"/>
      <c r="BHP723" s="613"/>
      <c r="BHQ723" s="613"/>
      <c r="BHR723" s="613"/>
      <c r="BHS723" s="613"/>
      <c r="BHT723" s="613"/>
      <c r="BHU723" s="613"/>
      <c r="BHV723" s="613"/>
      <c r="BHW723" s="613"/>
      <c r="BHX723" s="613"/>
      <c r="BHY723" s="613"/>
      <c r="BHZ723" s="613"/>
      <c r="BIA723" s="613"/>
      <c r="BIB723" s="613"/>
      <c r="BIC723" s="613"/>
      <c r="BID723" s="613"/>
      <c r="BIE723" s="613"/>
      <c r="BIF723" s="613"/>
      <c r="BIG723" s="613"/>
      <c r="BIH723" s="613"/>
      <c r="BII723" s="613"/>
      <c r="BIJ723" s="613"/>
      <c r="BIK723" s="613"/>
      <c r="BIL723" s="613"/>
      <c r="BIM723" s="613"/>
      <c r="BIN723" s="613"/>
      <c r="BIO723" s="613"/>
      <c r="BIP723" s="613"/>
      <c r="BIQ723" s="613"/>
      <c r="BIR723" s="613"/>
      <c r="BIS723" s="613"/>
      <c r="BIT723" s="613"/>
      <c r="BIU723" s="613"/>
      <c r="BIV723" s="613"/>
      <c r="BIW723" s="613"/>
      <c r="BIX723" s="613"/>
      <c r="BIY723" s="613"/>
      <c r="BIZ723" s="613"/>
      <c r="BJA723" s="613"/>
      <c r="BJB723" s="613"/>
      <c r="BJC723" s="613"/>
      <c r="BJD723" s="613"/>
      <c r="BJE723" s="613"/>
      <c r="BJF723" s="613"/>
      <c r="BJG723" s="613"/>
      <c r="BJH723" s="613"/>
      <c r="BJI723" s="613"/>
      <c r="BJJ723" s="613"/>
      <c r="BJK723" s="613"/>
      <c r="BJL723" s="613"/>
      <c r="BJM723" s="613"/>
      <c r="BJN723" s="613"/>
      <c r="BJO723" s="613"/>
      <c r="BJP723" s="613"/>
      <c r="BJQ723" s="613"/>
      <c r="BJR723" s="613"/>
      <c r="BJS723" s="613"/>
      <c r="BJT723" s="613"/>
      <c r="BJU723" s="613"/>
      <c r="BJV723" s="613"/>
      <c r="BJW723" s="613"/>
      <c r="BJX723" s="613"/>
      <c r="BJY723" s="613"/>
      <c r="BJZ723" s="613"/>
      <c r="BKA723" s="613"/>
      <c r="BKB723" s="613"/>
      <c r="BKC723" s="613"/>
      <c r="BKD723" s="613"/>
      <c r="BKE723" s="613"/>
      <c r="BKF723" s="613"/>
      <c r="BKG723" s="613"/>
      <c r="BKH723" s="613"/>
      <c r="BKI723" s="613"/>
      <c r="BKJ723" s="613"/>
      <c r="BKK723" s="613"/>
      <c r="BKL723" s="613"/>
      <c r="BKM723" s="613"/>
      <c r="BKN723" s="613"/>
      <c r="BKO723" s="613"/>
      <c r="BKP723" s="613"/>
      <c r="BKQ723" s="613"/>
      <c r="BKR723" s="613"/>
      <c r="BKS723" s="613"/>
      <c r="BKT723" s="613"/>
      <c r="BKU723" s="613"/>
      <c r="BKV723" s="613"/>
      <c r="BKW723" s="613"/>
      <c r="BKX723" s="613"/>
      <c r="BKY723" s="613"/>
      <c r="BKZ723" s="613"/>
      <c r="BLA723" s="613"/>
      <c r="BLB723" s="613"/>
      <c r="BLC723" s="613"/>
      <c r="BLD723" s="613"/>
      <c r="BLE723" s="613"/>
      <c r="BLF723" s="613"/>
      <c r="BLG723" s="613"/>
      <c r="BLH723" s="613"/>
      <c r="BLI723" s="613"/>
      <c r="BLJ723" s="613"/>
      <c r="BLK723" s="613"/>
      <c r="BLL723" s="613"/>
      <c r="BLM723" s="613"/>
      <c r="BLN723" s="613"/>
      <c r="BLO723" s="613"/>
      <c r="BLP723" s="613"/>
      <c r="BLQ723" s="613"/>
      <c r="BLR723" s="613"/>
      <c r="BLS723" s="613"/>
      <c r="BLT723" s="613"/>
      <c r="BLU723" s="613"/>
      <c r="BLV723" s="613"/>
      <c r="BLW723" s="613"/>
      <c r="BLX723" s="613"/>
      <c r="BLY723" s="613"/>
      <c r="BLZ723" s="613"/>
      <c r="BMA723" s="613"/>
      <c r="BMB723" s="613"/>
      <c r="BMC723" s="613"/>
      <c r="BMD723" s="613"/>
      <c r="BME723" s="613"/>
      <c r="BMF723" s="613"/>
      <c r="BMG723" s="613"/>
      <c r="BMH723" s="613"/>
      <c r="BMI723" s="613"/>
      <c r="BMJ723" s="613"/>
      <c r="BMK723" s="613"/>
      <c r="BML723" s="613"/>
      <c r="BMM723" s="613"/>
      <c r="BMN723" s="613"/>
      <c r="BMO723" s="613"/>
      <c r="BMP723" s="613"/>
      <c r="BMQ723" s="613"/>
      <c r="BMR723" s="613"/>
      <c r="BMS723" s="613"/>
      <c r="BMT723" s="613"/>
      <c r="BMU723" s="613"/>
      <c r="BMV723" s="613"/>
      <c r="BMW723" s="613"/>
      <c r="BMX723" s="613"/>
      <c r="BMY723" s="613"/>
      <c r="BMZ723" s="613"/>
      <c r="BNA723" s="613"/>
      <c r="BNB723" s="613"/>
      <c r="BNC723" s="613"/>
      <c r="BND723" s="613"/>
      <c r="BNE723" s="613"/>
      <c r="BNF723" s="613"/>
      <c r="BNG723" s="613"/>
      <c r="BNH723" s="613"/>
      <c r="BNI723" s="613"/>
      <c r="BNJ723" s="613"/>
      <c r="BNK723" s="613"/>
      <c r="BNL723" s="613"/>
      <c r="BNM723" s="613"/>
      <c r="BNN723" s="613"/>
      <c r="BNO723" s="613"/>
      <c r="BNP723" s="613"/>
      <c r="BNQ723" s="613"/>
      <c r="BNR723" s="613"/>
      <c r="BNS723" s="613"/>
      <c r="BNT723" s="613"/>
      <c r="BNU723" s="613"/>
      <c r="BNV723" s="613"/>
      <c r="BNW723" s="613"/>
      <c r="BNX723" s="613"/>
      <c r="BNY723" s="613"/>
      <c r="BNZ723" s="613"/>
      <c r="BOA723" s="613"/>
      <c r="BOB723" s="613"/>
      <c r="BOC723" s="613"/>
      <c r="BOD723" s="613"/>
      <c r="BOE723" s="613"/>
      <c r="BOF723" s="613"/>
      <c r="BOG723" s="613"/>
      <c r="BOH723" s="613"/>
      <c r="BOI723" s="613"/>
      <c r="BOJ723" s="613"/>
      <c r="BOK723" s="613"/>
      <c r="BOL723" s="613"/>
      <c r="BOM723" s="613"/>
      <c r="BON723" s="613"/>
      <c r="BOO723" s="613"/>
      <c r="BOP723" s="613"/>
      <c r="BOQ723" s="613"/>
      <c r="BOR723" s="613"/>
      <c r="BOS723" s="613"/>
      <c r="BOT723" s="613"/>
      <c r="BOU723" s="613"/>
      <c r="BOV723" s="613"/>
      <c r="BOW723" s="613"/>
      <c r="BOX723" s="613"/>
      <c r="BOY723" s="613"/>
      <c r="BOZ723" s="613"/>
      <c r="BPA723" s="613"/>
      <c r="BPB723" s="613"/>
      <c r="BPC723" s="613"/>
      <c r="BPD723" s="613"/>
      <c r="BPE723" s="613"/>
      <c r="BPF723" s="613"/>
      <c r="BPG723" s="613"/>
      <c r="BPH723" s="613"/>
      <c r="BPI723" s="613"/>
      <c r="BPJ723" s="613"/>
      <c r="BPK723" s="613"/>
      <c r="BPL723" s="613"/>
      <c r="BPM723" s="613"/>
      <c r="BPN723" s="613"/>
      <c r="BPO723" s="613"/>
      <c r="BPP723" s="613"/>
      <c r="BPQ723" s="613"/>
      <c r="BPR723" s="613"/>
      <c r="BPS723" s="613"/>
      <c r="BPT723" s="613"/>
      <c r="BPU723" s="613"/>
      <c r="BPV723" s="613"/>
      <c r="BPW723" s="613"/>
      <c r="BPX723" s="613"/>
      <c r="BPY723" s="613"/>
      <c r="BPZ723" s="613"/>
      <c r="BQA723" s="613"/>
      <c r="BQB723" s="613"/>
      <c r="BQC723" s="613"/>
      <c r="BQD723" s="613"/>
      <c r="BQE723" s="613"/>
      <c r="BQF723" s="613"/>
      <c r="BQG723" s="613"/>
      <c r="BQH723" s="613"/>
      <c r="BQI723" s="613"/>
      <c r="BQJ723" s="613"/>
      <c r="BQK723" s="613"/>
      <c r="BQL723" s="613"/>
      <c r="BQM723" s="613"/>
      <c r="BQN723" s="613"/>
      <c r="BQO723" s="613"/>
      <c r="BQP723" s="613"/>
      <c r="BQQ723" s="613"/>
      <c r="BQR723" s="613"/>
      <c r="BQS723" s="613"/>
      <c r="BQT723" s="613"/>
      <c r="BQU723" s="613"/>
      <c r="BQV723" s="613"/>
      <c r="BQW723" s="613"/>
      <c r="BQX723" s="613"/>
      <c r="BQY723" s="613"/>
      <c r="BQZ723" s="613"/>
      <c r="BRA723" s="613"/>
      <c r="BRB723" s="613"/>
      <c r="BRC723" s="613"/>
      <c r="BRD723" s="613"/>
      <c r="BRE723" s="613"/>
      <c r="BRF723" s="613"/>
      <c r="BRG723" s="613"/>
      <c r="BRH723" s="613"/>
      <c r="BRI723" s="613"/>
      <c r="BRJ723" s="613"/>
      <c r="BRK723" s="613"/>
      <c r="BRL723" s="613"/>
      <c r="BRM723" s="613"/>
      <c r="BRN723" s="613"/>
      <c r="BRO723" s="613"/>
      <c r="BRP723" s="613"/>
      <c r="BRQ723" s="613"/>
      <c r="BRR723" s="613"/>
      <c r="BRS723" s="613"/>
      <c r="BRT723" s="613"/>
      <c r="BRU723" s="613"/>
      <c r="BRV723" s="613"/>
      <c r="BRW723" s="613"/>
      <c r="BRX723" s="613"/>
      <c r="BRY723" s="613"/>
      <c r="BRZ723" s="613"/>
      <c r="BSA723" s="613"/>
      <c r="BSB723" s="613"/>
      <c r="BSC723" s="613"/>
      <c r="BSD723" s="613"/>
      <c r="BSE723" s="613"/>
      <c r="BSF723" s="613"/>
      <c r="BSG723" s="613"/>
      <c r="BSH723" s="613"/>
      <c r="BSI723" s="613"/>
      <c r="BSJ723" s="613"/>
      <c r="BSK723" s="613"/>
      <c r="BSL723" s="613"/>
      <c r="BSM723" s="613"/>
      <c r="BSN723" s="613"/>
      <c r="BSO723" s="613"/>
      <c r="BSP723" s="613"/>
      <c r="BSQ723" s="613"/>
      <c r="BSR723" s="613"/>
      <c r="BSS723" s="613"/>
      <c r="BST723" s="613"/>
      <c r="BSU723" s="613"/>
      <c r="BSV723" s="613"/>
      <c r="BSW723" s="613"/>
      <c r="BSX723" s="613"/>
      <c r="BSY723" s="613"/>
      <c r="BSZ723" s="613"/>
      <c r="BTA723" s="613"/>
      <c r="BTB723" s="613"/>
      <c r="BTC723" s="613"/>
      <c r="BTD723" s="613"/>
      <c r="BTE723" s="613"/>
      <c r="BTF723" s="613"/>
      <c r="BTG723" s="613"/>
      <c r="BTH723" s="613"/>
      <c r="BTI723" s="613"/>
      <c r="BTJ723" s="613"/>
      <c r="BTK723" s="613"/>
      <c r="BTL723" s="613"/>
      <c r="BTM723" s="613"/>
      <c r="BTN723" s="613"/>
      <c r="BTO723" s="613"/>
      <c r="BTP723" s="613"/>
      <c r="BTQ723" s="613"/>
      <c r="BTR723" s="613"/>
      <c r="BTS723" s="613"/>
      <c r="BTT723" s="613"/>
      <c r="BTU723" s="613"/>
      <c r="BTV723" s="613"/>
      <c r="BTW723" s="613"/>
      <c r="BTX723" s="613"/>
      <c r="BTY723" s="613"/>
      <c r="BTZ723" s="613"/>
      <c r="BUA723" s="613"/>
      <c r="BUB723" s="613"/>
      <c r="BUC723" s="613"/>
      <c r="BUD723" s="613"/>
      <c r="BUE723" s="613"/>
      <c r="BUF723" s="613"/>
      <c r="BUG723" s="613"/>
      <c r="BUH723" s="613"/>
      <c r="BUI723" s="613"/>
      <c r="BUJ723" s="613"/>
      <c r="BUK723" s="613"/>
      <c r="BUL723" s="613"/>
      <c r="BUM723" s="613"/>
      <c r="BUN723" s="613"/>
      <c r="BUO723" s="613"/>
      <c r="BUP723" s="613"/>
      <c r="BUQ723" s="613"/>
      <c r="BUR723" s="613"/>
      <c r="BUS723" s="613"/>
      <c r="BUT723" s="613"/>
      <c r="BUU723" s="613"/>
      <c r="BUV723" s="613"/>
      <c r="BUW723" s="613"/>
      <c r="BUX723" s="613"/>
      <c r="BUY723" s="613"/>
      <c r="BUZ723" s="613"/>
      <c r="BVA723" s="613"/>
      <c r="BVB723" s="613"/>
      <c r="BVC723" s="613"/>
      <c r="BVD723" s="613"/>
      <c r="BVE723" s="613"/>
      <c r="BVF723" s="613"/>
      <c r="BVG723" s="613"/>
      <c r="BVH723" s="613"/>
      <c r="BVI723" s="613"/>
      <c r="BVJ723" s="613"/>
      <c r="BVK723" s="613"/>
      <c r="BVL723" s="613"/>
      <c r="BVM723" s="613"/>
      <c r="BVN723" s="613"/>
      <c r="BVO723" s="613"/>
      <c r="BVP723" s="613"/>
      <c r="BVQ723" s="613"/>
      <c r="BVR723" s="613"/>
      <c r="BVS723" s="613"/>
      <c r="BVT723" s="613"/>
      <c r="BVU723" s="613"/>
      <c r="BVV723" s="613"/>
      <c r="BVW723" s="613"/>
      <c r="BVX723" s="613"/>
      <c r="BVY723" s="613"/>
      <c r="BVZ723" s="613"/>
      <c r="BWA723" s="613"/>
      <c r="BWB723" s="613"/>
      <c r="BWC723" s="613"/>
      <c r="BWD723" s="613"/>
      <c r="BWE723" s="613"/>
      <c r="BWF723" s="613"/>
      <c r="BWG723" s="613"/>
      <c r="BWH723" s="613"/>
      <c r="BWI723" s="613"/>
      <c r="BWJ723" s="613"/>
      <c r="BWK723" s="613"/>
      <c r="BWL723" s="613"/>
      <c r="BWM723" s="613"/>
      <c r="BWN723" s="613"/>
      <c r="BWO723" s="613"/>
      <c r="BWP723" s="613"/>
      <c r="BWQ723" s="613"/>
      <c r="BWR723" s="613"/>
      <c r="BWS723" s="613"/>
      <c r="BWT723" s="613"/>
      <c r="BWU723" s="613"/>
      <c r="BWV723" s="613"/>
      <c r="BWW723" s="613"/>
      <c r="BWX723" s="613"/>
      <c r="BWY723" s="613"/>
      <c r="BWZ723" s="613"/>
      <c r="BXA723" s="613"/>
      <c r="BXB723" s="613"/>
      <c r="BXC723" s="613"/>
      <c r="BXD723" s="613"/>
      <c r="BXE723" s="613"/>
      <c r="BXF723" s="613"/>
      <c r="BXG723" s="613"/>
      <c r="BXH723" s="613"/>
      <c r="BXI723" s="613"/>
      <c r="BXJ723" s="613"/>
      <c r="BXK723" s="613"/>
      <c r="BXL723" s="613"/>
      <c r="BXM723" s="613"/>
      <c r="BXN723" s="613"/>
      <c r="BXO723" s="613"/>
      <c r="BXP723" s="613"/>
      <c r="BXQ723" s="613"/>
      <c r="BXR723" s="613"/>
      <c r="BXS723" s="613"/>
      <c r="BXT723" s="613"/>
      <c r="BXU723" s="613"/>
      <c r="BXV723" s="613"/>
      <c r="BXW723" s="613"/>
      <c r="BXX723" s="613"/>
      <c r="BXY723" s="613"/>
      <c r="BXZ723" s="613"/>
      <c r="BYA723" s="613"/>
      <c r="BYB723" s="613"/>
      <c r="BYC723" s="613"/>
      <c r="BYD723" s="613"/>
      <c r="BYE723" s="613"/>
      <c r="BYF723" s="613"/>
      <c r="BYG723" s="613"/>
      <c r="BYH723" s="613"/>
      <c r="BYI723" s="613"/>
      <c r="BYJ723" s="613"/>
      <c r="BYK723" s="613"/>
      <c r="BYL723" s="613"/>
      <c r="BYM723" s="613"/>
      <c r="BYN723" s="613"/>
      <c r="BYO723" s="613"/>
      <c r="BYP723" s="613"/>
      <c r="BYQ723" s="613"/>
      <c r="BYR723" s="613"/>
      <c r="BYS723" s="613"/>
      <c r="BYT723" s="613"/>
      <c r="BYU723" s="613"/>
      <c r="BYV723" s="613"/>
      <c r="BYW723" s="613"/>
      <c r="BYX723" s="613"/>
      <c r="BYY723" s="613"/>
      <c r="BYZ723" s="613"/>
      <c r="BZA723" s="613"/>
      <c r="BZB723" s="613"/>
      <c r="BZC723" s="613"/>
      <c r="BZD723" s="613"/>
      <c r="BZE723" s="613"/>
      <c r="BZF723" s="613"/>
      <c r="BZG723" s="613"/>
      <c r="BZH723" s="613"/>
      <c r="BZI723" s="613"/>
      <c r="BZJ723" s="613"/>
      <c r="BZK723" s="613"/>
      <c r="BZL723" s="613"/>
      <c r="BZM723" s="613"/>
      <c r="BZN723" s="613"/>
      <c r="BZO723" s="613"/>
      <c r="BZP723" s="613"/>
      <c r="BZQ723" s="613"/>
      <c r="BZR723" s="613"/>
      <c r="BZS723" s="613"/>
      <c r="BZT723" s="613"/>
      <c r="BZU723" s="613"/>
      <c r="BZV723" s="613"/>
      <c r="BZW723" s="613"/>
      <c r="BZX723" s="613"/>
      <c r="BZY723" s="613"/>
      <c r="BZZ723" s="613"/>
      <c r="CAA723" s="613"/>
      <c r="CAB723" s="613"/>
      <c r="CAC723" s="613"/>
      <c r="CAD723" s="613"/>
      <c r="CAE723" s="613"/>
      <c r="CAF723" s="613"/>
      <c r="CAG723" s="613"/>
      <c r="CAH723" s="613"/>
      <c r="CAI723" s="613"/>
      <c r="CAJ723" s="613"/>
      <c r="CAK723" s="613"/>
      <c r="CAL723" s="613"/>
      <c r="CAM723" s="613"/>
      <c r="CAN723" s="613"/>
      <c r="CAO723" s="613"/>
      <c r="CAP723" s="613"/>
      <c r="CAQ723" s="613"/>
      <c r="CAR723" s="613"/>
      <c r="CAS723" s="613"/>
      <c r="CAT723" s="613"/>
      <c r="CAU723" s="613"/>
      <c r="CAV723" s="613"/>
      <c r="CAW723" s="613"/>
      <c r="CAX723" s="613"/>
      <c r="CAY723" s="613"/>
      <c r="CAZ723" s="613"/>
      <c r="CBA723" s="613"/>
      <c r="CBB723" s="613"/>
      <c r="CBC723" s="613"/>
      <c r="CBD723" s="613"/>
      <c r="CBE723" s="613"/>
      <c r="CBF723" s="613"/>
      <c r="CBG723" s="613"/>
      <c r="CBH723" s="613"/>
      <c r="CBI723" s="613"/>
      <c r="CBJ723" s="613"/>
      <c r="CBK723" s="613"/>
      <c r="CBL723" s="613"/>
      <c r="CBM723" s="613"/>
      <c r="CBN723" s="613"/>
      <c r="CBO723" s="613"/>
      <c r="CBP723" s="613"/>
      <c r="CBQ723" s="613"/>
      <c r="CBR723" s="613"/>
      <c r="CBS723" s="613"/>
      <c r="CBT723" s="613"/>
      <c r="CBU723" s="613"/>
      <c r="CBV723" s="613"/>
      <c r="CBW723" s="613"/>
      <c r="CBX723" s="613"/>
      <c r="CBY723" s="613"/>
      <c r="CBZ723" s="613"/>
      <c r="CCA723" s="613"/>
      <c r="CCB723" s="613"/>
      <c r="CCC723" s="613"/>
      <c r="CCD723" s="613"/>
      <c r="CCE723" s="613"/>
      <c r="CCF723" s="613"/>
      <c r="CCG723" s="613"/>
      <c r="CCH723" s="613"/>
      <c r="CCI723" s="613"/>
      <c r="CCJ723" s="613"/>
      <c r="CCK723" s="613"/>
      <c r="CCL723" s="613"/>
      <c r="CCM723" s="613"/>
      <c r="CCN723" s="613"/>
      <c r="CCO723" s="613"/>
      <c r="CCP723" s="613"/>
      <c r="CCQ723" s="613"/>
      <c r="CCR723" s="613"/>
      <c r="CCS723" s="613"/>
      <c r="CCT723" s="613"/>
      <c r="CCU723" s="613"/>
      <c r="CCV723" s="613"/>
      <c r="CCW723" s="613"/>
      <c r="CCX723" s="613"/>
      <c r="CCY723" s="613"/>
      <c r="CCZ723" s="613"/>
      <c r="CDA723" s="613"/>
      <c r="CDB723" s="613"/>
      <c r="CDC723" s="613"/>
      <c r="CDD723" s="613"/>
      <c r="CDE723" s="613"/>
      <c r="CDF723" s="613"/>
      <c r="CDG723" s="613"/>
      <c r="CDH723" s="613"/>
      <c r="CDI723" s="613"/>
      <c r="CDJ723" s="613"/>
      <c r="CDK723" s="613"/>
      <c r="CDL723" s="613"/>
      <c r="CDM723" s="613"/>
      <c r="CDN723" s="613"/>
      <c r="CDO723" s="613"/>
      <c r="CDP723" s="613"/>
      <c r="CDQ723" s="613"/>
      <c r="CDR723" s="613"/>
      <c r="CDS723" s="613"/>
      <c r="CDT723" s="613"/>
      <c r="CDU723" s="613"/>
      <c r="CDV723" s="613"/>
      <c r="CDW723" s="613"/>
      <c r="CDX723" s="613"/>
      <c r="CDY723" s="613"/>
      <c r="CDZ723" s="613"/>
      <c r="CEA723" s="613"/>
      <c r="CEB723" s="613"/>
      <c r="CEC723" s="613"/>
      <c r="CED723" s="613"/>
      <c r="CEE723" s="613"/>
      <c r="CEF723" s="613"/>
      <c r="CEG723" s="613"/>
      <c r="CEH723" s="613"/>
      <c r="CEI723" s="613"/>
      <c r="CEJ723" s="613"/>
      <c r="CEK723" s="613"/>
      <c r="CEL723" s="613"/>
      <c r="CEM723" s="613"/>
      <c r="CEN723" s="613"/>
      <c r="CEO723" s="613"/>
      <c r="CEP723" s="613"/>
      <c r="CEQ723" s="613"/>
      <c r="CER723" s="613"/>
      <c r="CES723" s="613"/>
      <c r="CET723" s="613"/>
      <c r="CEU723" s="613"/>
      <c r="CEV723" s="613"/>
      <c r="CEW723" s="613"/>
      <c r="CEX723" s="613"/>
      <c r="CEY723" s="613"/>
      <c r="CEZ723" s="613"/>
      <c r="CFA723" s="613"/>
      <c r="CFB723" s="613"/>
      <c r="CFC723" s="613"/>
      <c r="CFD723" s="613"/>
      <c r="CFE723" s="613"/>
      <c r="CFF723" s="613"/>
      <c r="CFG723" s="613"/>
      <c r="CFH723" s="613"/>
      <c r="CFI723" s="613"/>
      <c r="CFJ723" s="613"/>
      <c r="CFK723" s="613"/>
      <c r="CFL723" s="613"/>
      <c r="CFM723" s="613"/>
      <c r="CFN723" s="613"/>
      <c r="CFO723" s="613"/>
      <c r="CFP723" s="613"/>
      <c r="CFQ723" s="613"/>
      <c r="CFR723" s="613"/>
      <c r="CFS723" s="613"/>
      <c r="CFT723" s="613"/>
      <c r="CFU723" s="613"/>
      <c r="CFV723" s="613"/>
      <c r="CFW723" s="613"/>
      <c r="CFX723" s="613"/>
      <c r="CFY723" s="613"/>
      <c r="CFZ723" s="613"/>
      <c r="CGA723" s="613"/>
      <c r="CGB723" s="613"/>
      <c r="CGC723" s="613"/>
      <c r="CGD723" s="613"/>
      <c r="CGE723" s="613"/>
      <c r="CGF723" s="613"/>
      <c r="CGG723" s="613"/>
      <c r="CGH723" s="613"/>
      <c r="CGI723" s="613"/>
      <c r="CGJ723" s="613"/>
      <c r="CGK723" s="613"/>
      <c r="CGL723" s="613"/>
      <c r="CGM723" s="613"/>
      <c r="CGN723" s="613"/>
      <c r="CGO723" s="613"/>
      <c r="CGP723" s="613"/>
      <c r="CGQ723" s="613"/>
      <c r="CGR723" s="613"/>
      <c r="CGS723" s="613"/>
      <c r="CGT723" s="613"/>
      <c r="CGU723" s="613"/>
      <c r="CGV723" s="613"/>
      <c r="CGW723" s="613"/>
      <c r="CGX723" s="613"/>
      <c r="CGY723" s="613"/>
      <c r="CGZ723" s="613"/>
      <c r="CHA723" s="613"/>
      <c r="CHB723" s="613"/>
      <c r="CHC723" s="613"/>
      <c r="CHD723" s="613"/>
      <c r="CHE723" s="613"/>
      <c r="CHF723" s="613"/>
      <c r="CHG723" s="613"/>
      <c r="CHH723" s="613"/>
      <c r="CHI723" s="613"/>
      <c r="CHJ723" s="613"/>
      <c r="CHK723" s="613"/>
      <c r="CHL723" s="613"/>
      <c r="CHM723" s="613"/>
      <c r="CHN723" s="613"/>
      <c r="CHO723" s="613"/>
      <c r="CHP723" s="613"/>
      <c r="CHQ723" s="613"/>
      <c r="CHR723" s="613"/>
      <c r="CHS723" s="613"/>
      <c r="CHT723" s="613"/>
      <c r="CHU723" s="613"/>
      <c r="CHV723" s="613"/>
      <c r="CHW723" s="613"/>
      <c r="CHX723" s="613"/>
      <c r="CHY723" s="613"/>
      <c r="CHZ723" s="613"/>
      <c r="CIA723" s="613"/>
      <c r="CIB723" s="613"/>
      <c r="CIC723" s="613"/>
      <c r="CID723" s="613"/>
      <c r="CIE723" s="613"/>
      <c r="CIF723" s="613"/>
      <c r="CIG723" s="613"/>
      <c r="CIH723" s="613"/>
      <c r="CII723" s="613"/>
      <c r="CIJ723" s="613"/>
      <c r="CIK723" s="613"/>
      <c r="CIL723" s="613"/>
      <c r="CIM723" s="613"/>
      <c r="CIN723" s="613"/>
      <c r="CIO723" s="613"/>
      <c r="CIP723" s="613"/>
      <c r="CIQ723" s="613"/>
      <c r="CIR723" s="613"/>
      <c r="CIS723" s="613"/>
      <c r="CIT723" s="613"/>
      <c r="CIU723" s="613"/>
      <c r="CIV723" s="613"/>
      <c r="CIW723" s="613"/>
      <c r="CIX723" s="613"/>
      <c r="CIY723" s="613"/>
      <c r="CIZ723" s="613"/>
      <c r="CJA723" s="613"/>
      <c r="CJB723" s="613"/>
      <c r="CJC723" s="613"/>
      <c r="CJD723" s="613"/>
      <c r="CJE723" s="613"/>
      <c r="CJF723" s="613"/>
      <c r="CJG723" s="613"/>
      <c r="CJH723" s="613"/>
      <c r="CJI723" s="613"/>
      <c r="CJJ723" s="613"/>
      <c r="CJK723" s="613"/>
      <c r="CJL723" s="613"/>
      <c r="CJM723" s="613"/>
      <c r="CJN723" s="613"/>
      <c r="CJO723" s="613"/>
      <c r="CJP723" s="613"/>
      <c r="CJQ723" s="613"/>
      <c r="CJR723" s="613"/>
      <c r="CJS723" s="613"/>
      <c r="CJT723" s="613"/>
      <c r="CJU723" s="613"/>
      <c r="CJV723" s="613"/>
      <c r="CJW723" s="613"/>
      <c r="CJX723" s="613"/>
      <c r="CJY723" s="613"/>
      <c r="CJZ723" s="613"/>
      <c r="CKA723" s="613"/>
      <c r="CKB723" s="613"/>
      <c r="CKC723" s="613"/>
      <c r="CKD723" s="613"/>
      <c r="CKE723" s="613"/>
      <c r="CKF723" s="613"/>
      <c r="CKG723" s="613"/>
      <c r="CKH723" s="613"/>
      <c r="CKI723" s="613"/>
      <c r="CKJ723" s="613"/>
      <c r="CKK723" s="613"/>
      <c r="CKL723" s="613"/>
      <c r="CKM723" s="613"/>
      <c r="CKN723" s="613"/>
      <c r="CKO723" s="613"/>
      <c r="CKP723" s="613"/>
      <c r="CKQ723" s="613"/>
      <c r="CKR723" s="613"/>
      <c r="CKS723" s="613"/>
      <c r="CKT723" s="613"/>
      <c r="CKU723" s="613"/>
      <c r="CKV723" s="613"/>
      <c r="CKW723" s="613"/>
      <c r="CKX723" s="613"/>
      <c r="CKY723" s="613"/>
      <c r="CKZ723" s="613"/>
      <c r="CLA723" s="613"/>
      <c r="CLB723" s="613"/>
      <c r="CLC723" s="613"/>
      <c r="CLD723" s="613"/>
      <c r="CLE723" s="613"/>
      <c r="CLF723" s="613"/>
      <c r="CLG723" s="613"/>
      <c r="CLH723" s="613"/>
      <c r="CLI723" s="613"/>
      <c r="CLJ723" s="613"/>
      <c r="CLK723" s="613"/>
      <c r="CLL723" s="613"/>
      <c r="CLM723" s="613"/>
      <c r="CLN723" s="613"/>
      <c r="CLO723" s="613"/>
      <c r="CLP723" s="613"/>
      <c r="CLQ723" s="613"/>
      <c r="CLR723" s="613"/>
      <c r="CLS723" s="613"/>
      <c r="CLT723" s="613"/>
      <c r="CLU723" s="613"/>
      <c r="CLV723" s="613"/>
      <c r="CLW723" s="613"/>
      <c r="CLX723" s="613"/>
      <c r="CLY723" s="613"/>
      <c r="CLZ723" s="613"/>
      <c r="CMA723" s="613"/>
      <c r="CMB723" s="613"/>
      <c r="CMC723" s="613"/>
      <c r="CMD723" s="613"/>
      <c r="CME723" s="613"/>
      <c r="CMF723" s="613"/>
      <c r="CMG723" s="613"/>
      <c r="CMH723" s="613"/>
      <c r="CMI723" s="613"/>
      <c r="CMJ723" s="613"/>
      <c r="CMK723" s="613"/>
      <c r="CML723" s="613"/>
      <c r="CMM723" s="613"/>
      <c r="CMN723" s="613"/>
      <c r="CMO723" s="613"/>
      <c r="CMP723" s="613"/>
      <c r="CMQ723" s="613"/>
      <c r="CMR723" s="613"/>
      <c r="CMS723" s="613"/>
      <c r="CMT723" s="613"/>
      <c r="CMU723" s="613"/>
      <c r="CMV723" s="613"/>
      <c r="CMW723" s="613"/>
      <c r="CMX723" s="613"/>
      <c r="CMY723" s="613"/>
      <c r="CMZ723" s="613"/>
      <c r="CNA723" s="613"/>
      <c r="CNB723" s="613"/>
      <c r="CNC723" s="613"/>
      <c r="CND723" s="613"/>
      <c r="CNE723" s="613"/>
      <c r="CNF723" s="613"/>
      <c r="CNG723" s="613"/>
      <c r="CNH723" s="613"/>
      <c r="CNI723" s="613"/>
      <c r="CNJ723" s="613"/>
      <c r="CNK723" s="613"/>
      <c r="CNL723" s="613"/>
      <c r="CNM723" s="613"/>
      <c r="CNN723" s="613"/>
      <c r="CNO723" s="613"/>
      <c r="CNP723" s="613"/>
      <c r="CNQ723" s="613"/>
      <c r="CNR723" s="613"/>
      <c r="CNS723" s="613"/>
      <c r="CNT723" s="613"/>
      <c r="CNU723" s="613"/>
      <c r="CNV723" s="613"/>
      <c r="CNW723" s="613"/>
      <c r="CNX723" s="613"/>
      <c r="CNY723" s="613"/>
      <c r="CNZ723" s="613"/>
      <c r="COA723" s="613"/>
      <c r="COB723" s="613"/>
      <c r="COC723" s="613"/>
      <c r="COD723" s="613"/>
      <c r="COE723" s="613"/>
      <c r="COF723" s="613"/>
      <c r="COG723" s="613"/>
      <c r="COH723" s="613"/>
      <c r="COI723" s="613"/>
      <c r="COJ723" s="613"/>
      <c r="COK723" s="613"/>
      <c r="COL723" s="613"/>
      <c r="COM723" s="613"/>
      <c r="CON723" s="613"/>
      <c r="COO723" s="613"/>
      <c r="COP723" s="613"/>
      <c r="COQ723" s="613"/>
      <c r="COR723" s="613"/>
      <c r="COS723" s="613"/>
      <c r="COT723" s="613"/>
      <c r="COU723" s="613"/>
      <c r="COV723" s="613"/>
      <c r="COW723" s="613"/>
      <c r="COX723" s="613"/>
      <c r="COY723" s="613"/>
      <c r="COZ723" s="613"/>
      <c r="CPA723" s="613"/>
      <c r="CPB723" s="613"/>
      <c r="CPC723" s="613"/>
      <c r="CPD723" s="613"/>
      <c r="CPE723" s="613"/>
      <c r="CPF723" s="613"/>
      <c r="CPG723" s="613"/>
      <c r="CPH723" s="613"/>
      <c r="CPI723" s="613"/>
      <c r="CPJ723" s="613"/>
      <c r="CPK723" s="613"/>
      <c r="CPL723" s="613"/>
      <c r="CPM723" s="613"/>
      <c r="CPN723" s="613"/>
      <c r="CPO723" s="613"/>
      <c r="CPP723" s="613"/>
      <c r="CPQ723" s="613"/>
      <c r="CPR723" s="613"/>
      <c r="CPS723" s="613"/>
      <c r="CPT723" s="613"/>
      <c r="CPU723" s="613"/>
      <c r="CPV723" s="613"/>
      <c r="CPW723" s="613"/>
      <c r="CPX723" s="613"/>
      <c r="CPY723" s="613"/>
      <c r="CPZ723" s="613"/>
      <c r="CQA723" s="613"/>
      <c r="CQB723" s="613"/>
      <c r="CQC723" s="613"/>
      <c r="CQD723" s="613"/>
      <c r="CQE723" s="613"/>
      <c r="CQF723" s="613"/>
      <c r="CQG723" s="613"/>
      <c r="CQH723" s="613"/>
      <c r="CQI723" s="613"/>
      <c r="CQJ723" s="613"/>
      <c r="CQK723" s="613"/>
      <c r="CQL723" s="613"/>
      <c r="CQM723" s="613"/>
      <c r="CQN723" s="613"/>
      <c r="CQO723" s="613"/>
      <c r="CQP723" s="613"/>
      <c r="CQQ723" s="613"/>
      <c r="CQR723" s="613"/>
      <c r="CQS723" s="613"/>
      <c r="CQT723" s="613"/>
      <c r="CQU723" s="613"/>
      <c r="CQV723" s="613"/>
      <c r="CQW723" s="613"/>
      <c r="CQX723" s="613"/>
      <c r="CQY723" s="613"/>
      <c r="CQZ723" s="613"/>
      <c r="CRA723" s="613"/>
      <c r="CRB723" s="613"/>
      <c r="CRC723" s="613"/>
      <c r="CRD723" s="613"/>
      <c r="CRE723" s="613"/>
      <c r="CRF723" s="613"/>
      <c r="CRG723" s="613"/>
      <c r="CRH723" s="613"/>
      <c r="CRI723" s="613"/>
      <c r="CRJ723" s="613"/>
      <c r="CRK723" s="613"/>
      <c r="CRL723" s="613"/>
      <c r="CRM723" s="613"/>
      <c r="CRN723" s="613"/>
      <c r="CRO723" s="613"/>
      <c r="CRP723" s="613"/>
      <c r="CRQ723" s="613"/>
      <c r="CRR723" s="613"/>
      <c r="CRS723" s="613"/>
      <c r="CRT723" s="613"/>
      <c r="CRU723" s="613"/>
      <c r="CRV723" s="613"/>
      <c r="CRW723" s="613"/>
      <c r="CRX723" s="613"/>
      <c r="CRY723" s="613"/>
      <c r="CRZ723" s="613"/>
      <c r="CSA723" s="613"/>
      <c r="CSB723" s="613"/>
      <c r="CSC723" s="613"/>
      <c r="CSD723" s="613"/>
      <c r="CSE723" s="613"/>
      <c r="CSF723" s="613"/>
      <c r="CSG723" s="613"/>
      <c r="CSH723" s="613"/>
      <c r="CSI723" s="613"/>
      <c r="CSJ723" s="613"/>
      <c r="CSK723" s="613"/>
      <c r="CSL723" s="613"/>
      <c r="CSM723" s="613"/>
      <c r="CSN723" s="613"/>
      <c r="CSO723" s="613"/>
      <c r="CSP723" s="613"/>
      <c r="CSQ723" s="613"/>
      <c r="CSR723" s="613"/>
      <c r="CSS723" s="613"/>
      <c r="CST723" s="613"/>
      <c r="CSU723" s="613"/>
      <c r="CSV723" s="613"/>
      <c r="CSW723" s="613"/>
      <c r="CSX723" s="613"/>
      <c r="CSY723" s="613"/>
      <c r="CSZ723" s="613"/>
      <c r="CTA723" s="613"/>
      <c r="CTB723" s="613"/>
      <c r="CTC723" s="613"/>
      <c r="CTD723" s="613"/>
      <c r="CTE723" s="613"/>
      <c r="CTF723" s="613"/>
      <c r="CTG723" s="613"/>
      <c r="CTH723" s="613"/>
      <c r="CTI723" s="613"/>
      <c r="CTJ723" s="613"/>
      <c r="CTK723" s="613"/>
      <c r="CTL723" s="613"/>
      <c r="CTM723" s="613"/>
      <c r="CTN723" s="613"/>
      <c r="CTO723" s="613"/>
      <c r="CTP723" s="613"/>
      <c r="CTQ723" s="613"/>
      <c r="CTR723" s="613"/>
      <c r="CTS723" s="613"/>
      <c r="CTT723" s="613"/>
      <c r="CTU723" s="613"/>
      <c r="CTV723" s="613"/>
      <c r="CTW723" s="613"/>
      <c r="CTX723" s="613"/>
      <c r="CTY723" s="613"/>
      <c r="CTZ723" s="613"/>
      <c r="CUA723" s="613"/>
      <c r="CUB723" s="613"/>
      <c r="CUC723" s="613"/>
      <c r="CUD723" s="613"/>
      <c r="CUE723" s="613"/>
      <c r="CUF723" s="613"/>
      <c r="CUG723" s="613"/>
      <c r="CUH723" s="613"/>
      <c r="CUI723" s="613"/>
      <c r="CUJ723" s="613"/>
      <c r="CUK723" s="613"/>
      <c r="CUL723" s="613"/>
      <c r="CUM723" s="613"/>
      <c r="CUN723" s="613"/>
      <c r="CUO723" s="613"/>
      <c r="CUP723" s="613"/>
      <c r="CUQ723" s="613"/>
      <c r="CUR723" s="613"/>
      <c r="CUS723" s="613"/>
      <c r="CUT723" s="613"/>
      <c r="CUU723" s="613"/>
      <c r="CUV723" s="613"/>
      <c r="CUW723" s="613"/>
      <c r="CUX723" s="613"/>
      <c r="CUY723" s="613"/>
      <c r="CUZ723" s="613"/>
      <c r="CVA723" s="613"/>
      <c r="CVB723" s="613"/>
      <c r="CVC723" s="613"/>
      <c r="CVD723" s="613"/>
      <c r="CVE723" s="613"/>
      <c r="CVF723" s="613"/>
      <c r="CVG723" s="613"/>
      <c r="CVH723" s="613"/>
      <c r="CVI723" s="613"/>
      <c r="CVJ723" s="613"/>
      <c r="CVK723" s="613"/>
      <c r="CVL723" s="613"/>
      <c r="CVM723" s="613"/>
      <c r="CVN723" s="613"/>
      <c r="CVO723" s="613"/>
      <c r="CVP723" s="613"/>
      <c r="CVQ723" s="613"/>
      <c r="CVR723" s="613"/>
      <c r="CVS723" s="613"/>
      <c r="CVT723" s="613"/>
      <c r="CVU723" s="613"/>
      <c r="CVV723" s="613"/>
      <c r="CVW723" s="613"/>
      <c r="CVX723" s="613"/>
      <c r="CVY723" s="613"/>
      <c r="CVZ723" s="613"/>
      <c r="CWA723" s="613"/>
      <c r="CWB723" s="613"/>
      <c r="CWC723" s="613"/>
      <c r="CWD723" s="613"/>
      <c r="CWE723" s="613"/>
      <c r="CWF723" s="613"/>
      <c r="CWG723" s="613"/>
      <c r="CWH723" s="613"/>
      <c r="CWI723" s="613"/>
      <c r="CWJ723" s="613"/>
      <c r="CWK723" s="613"/>
      <c r="CWL723" s="613"/>
      <c r="CWM723" s="613"/>
      <c r="CWN723" s="613"/>
      <c r="CWO723" s="613"/>
      <c r="CWP723" s="613"/>
      <c r="CWQ723" s="613"/>
      <c r="CWR723" s="613"/>
      <c r="CWS723" s="613"/>
      <c r="CWT723" s="613"/>
      <c r="CWU723" s="613"/>
      <c r="CWV723" s="613"/>
      <c r="CWW723" s="613"/>
      <c r="CWX723" s="613"/>
      <c r="CWY723" s="613"/>
      <c r="CWZ723" s="613"/>
      <c r="CXA723" s="613"/>
      <c r="CXB723" s="613"/>
      <c r="CXC723" s="613"/>
      <c r="CXD723" s="613"/>
      <c r="CXE723" s="613"/>
      <c r="CXF723" s="613"/>
      <c r="CXG723" s="613"/>
      <c r="CXH723" s="613"/>
      <c r="CXI723" s="613"/>
      <c r="CXJ723" s="613"/>
      <c r="CXK723" s="613"/>
      <c r="CXL723" s="613"/>
      <c r="CXM723" s="613"/>
      <c r="CXN723" s="613"/>
      <c r="CXO723" s="613"/>
      <c r="CXP723" s="613"/>
      <c r="CXQ723" s="613"/>
      <c r="CXR723" s="613"/>
      <c r="CXS723" s="613"/>
      <c r="CXT723" s="613"/>
      <c r="CXU723" s="613"/>
      <c r="CXV723" s="613"/>
      <c r="CXW723" s="613"/>
      <c r="CXX723" s="613"/>
      <c r="CXY723" s="613"/>
      <c r="CXZ723" s="613"/>
      <c r="CYA723" s="613"/>
      <c r="CYB723" s="613"/>
      <c r="CYC723" s="613"/>
      <c r="CYD723" s="613"/>
      <c r="CYE723" s="613"/>
      <c r="CYF723" s="613"/>
      <c r="CYG723" s="613"/>
      <c r="CYH723" s="613"/>
      <c r="CYI723" s="613"/>
      <c r="CYJ723" s="613"/>
      <c r="CYK723" s="613"/>
      <c r="CYL723" s="613"/>
      <c r="CYM723" s="613"/>
      <c r="CYN723" s="613"/>
      <c r="CYO723" s="613"/>
      <c r="CYP723" s="613"/>
      <c r="CYQ723" s="613"/>
      <c r="CYR723" s="613"/>
      <c r="CYS723" s="613"/>
      <c r="CYT723" s="613"/>
      <c r="CYU723" s="613"/>
      <c r="CYV723" s="613"/>
      <c r="CYW723" s="613"/>
      <c r="CYX723" s="613"/>
      <c r="CYY723" s="613"/>
      <c r="CYZ723" s="613"/>
      <c r="CZA723" s="613"/>
      <c r="CZB723" s="613"/>
      <c r="CZC723" s="613"/>
      <c r="CZD723" s="613"/>
      <c r="CZE723" s="613"/>
      <c r="CZF723" s="613"/>
      <c r="CZG723" s="613"/>
      <c r="CZH723" s="613"/>
      <c r="CZI723" s="613"/>
      <c r="CZJ723" s="613"/>
      <c r="CZK723" s="613"/>
      <c r="CZL723" s="613"/>
      <c r="CZM723" s="613"/>
      <c r="CZN723" s="613"/>
      <c r="CZO723" s="613"/>
      <c r="CZP723" s="613"/>
      <c r="CZQ723" s="613"/>
      <c r="CZR723" s="613"/>
      <c r="CZS723" s="613"/>
      <c r="CZT723" s="613"/>
      <c r="CZU723" s="613"/>
      <c r="CZV723" s="613"/>
      <c r="CZW723" s="613"/>
      <c r="CZX723" s="613"/>
      <c r="CZY723" s="613"/>
      <c r="CZZ723" s="613"/>
      <c r="DAA723" s="613"/>
      <c r="DAB723" s="613"/>
      <c r="DAC723" s="613"/>
      <c r="DAD723" s="613"/>
      <c r="DAE723" s="613"/>
      <c r="DAF723" s="613"/>
      <c r="DAG723" s="613"/>
      <c r="DAH723" s="613"/>
      <c r="DAI723" s="613"/>
      <c r="DAJ723" s="613"/>
      <c r="DAK723" s="613"/>
      <c r="DAL723" s="613"/>
      <c r="DAM723" s="613"/>
      <c r="DAN723" s="613"/>
      <c r="DAO723" s="613"/>
      <c r="DAP723" s="613"/>
      <c r="DAQ723" s="613"/>
      <c r="DAR723" s="613"/>
      <c r="DAS723" s="613"/>
      <c r="DAT723" s="613"/>
      <c r="DAU723" s="613"/>
      <c r="DAV723" s="613"/>
      <c r="DAW723" s="613"/>
      <c r="DAX723" s="613"/>
      <c r="DAY723" s="613"/>
      <c r="DAZ723" s="613"/>
      <c r="DBA723" s="613"/>
      <c r="DBB723" s="613"/>
      <c r="DBC723" s="613"/>
      <c r="DBD723" s="613"/>
      <c r="DBE723" s="613"/>
      <c r="DBF723" s="613"/>
      <c r="DBG723" s="613"/>
      <c r="DBH723" s="613"/>
      <c r="DBI723" s="613"/>
      <c r="DBJ723" s="613"/>
      <c r="DBK723" s="613"/>
      <c r="DBL723" s="613"/>
      <c r="DBM723" s="613"/>
      <c r="DBN723" s="613"/>
      <c r="DBO723" s="613"/>
      <c r="DBP723" s="613"/>
      <c r="DBQ723" s="613"/>
      <c r="DBR723" s="613"/>
      <c r="DBS723" s="613"/>
      <c r="DBT723" s="613"/>
      <c r="DBU723" s="613"/>
      <c r="DBV723" s="613"/>
      <c r="DBW723" s="613"/>
      <c r="DBX723" s="613"/>
      <c r="DBY723" s="613"/>
      <c r="DBZ723" s="613"/>
      <c r="DCA723" s="613"/>
      <c r="DCB723" s="613"/>
      <c r="DCC723" s="613"/>
      <c r="DCD723" s="613"/>
      <c r="DCE723" s="613"/>
      <c r="DCF723" s="613"/>
      <c r="DCG723" s="613"/>
      <c r="DCH723" s="613"/>
      <c r="DCI723" s="613"/>
      <c r="DCJ723" s="613"/>
      <c r="DCK723" s="613"/>
      <c r="DCL723" s="613"/>
      <c r="DCM723" s="613"/>
      <c r="DCN723" s="613"/>
      <c r="DCO723" s="613"/>
      <c r="DCP723" s="613"/>
      <c r="DCQ723" s="613"/>
      <c r="DCR723" s="613"/>
      <c r="DCS723" s="613"/>
      <c r="DCT723" s="613"/>
      <c r="DCU723" s="613"/>
      <c r="DCV723" s="613"/>
      <c r="DCW723" s="613"/>
      <c r="DCX723" s="613"/>
      <c r="DCY723" s="613"/>
      <c r="DCZ723" s="613"/>
      <c r="DDA723" s="613"/>
      <c r="DDB723" s="613"/>
      <c r="DDC723" s="613"/>
      <c r="DDD723" s="613"/>
      <c r="DDE723" s="613"/>
      <c r="DDF723" s="613"/>
      <c r="DDG723" s="613"/>
      <c r="DDH723" s="613"/>
      <c r="DDI723" s="613"/>
      <c r="DDJ723" s="613"/>
      <c r="DDK723" s="613"/>
      <c r="DDL723" s="613"/>
      <c r="DDM723" s="613"/>
      <c r="DDN723" s="613"/>
      <c r="DDO723" s="613"/>
      <c r="DDP723" s="613"/>
      <c r="DDQ723" s="613"/>
      <c r="DDR723" s="613"/>
      <c r="DDS723" s="613"/>
      <c r="DDT723" s="613"/>
      <c r="DDU723" s="613"/>
      <c r="DDV723" s="613"/>
      <c r="DDW723" s="613"/>
      <c r="DDX723" s="613"/>
      <c r="DDY723" s="613"/>
      <c r="DDZ723" s="613"/>
      <c r="DEA723" s="613"/>
      <c r="DEB723" s="613"/>
      <c r="DEC723" s="613"/>
      <c r="DED723" s="613"/>
      <c r="DEE723" s="613"/>
      <c r="DEF723" s="613"/>
      <c r="DEG723" s="613"/>
      <c r="DEH723" s="613"/>
      <c r="DEI723" s="613"/>
      <c r="DEJ723" s="613"/>
      <c r="DEK723" s="613"/>
      <c r="DEL723" s="613"/>
      <c r="DEM723" s="613"/>
      <c r="DEN723" s="613"/>
      <c r="DEO723" s="613"/>
      <c r="DEP723" s="613"/>
      <c r="DEQ723" s="613"/>
      <c r="DER723" s="613"/>
      <c r="DES723" s="613"/>
      <c r="DET723" s="613"/>
      <c r="DEU723" s="613"/>
      <c r="DEV723" s="613"/>
      <c r="DEW723" s="613"/>
      <c r="DEX723" s="613"/>
      <c r="DEY723" s="613"/>
      <c r="DEZ723" s="613"/>
      <c r="DFA723" s="613"/>
      <c r="DFB723" s="613"/>
      <c r="DFC723" s="613"/>
      <c r="DFD723" s="613"/>
      <c r="DFE723" s="613"/>
      <c r="DFF723" s="613"/>
      <c r="DFG723" s="613"/>
      <c r="DFH723" s="613"/>
      <c r="DFI723" s="613"/>
      <c r="DFJ723" s="613"/>
      <c r="DFK723" s="613"/>
      <c r="DFL723" s="613"/>
      <c r="DFM723" s="613"/>
      <c r="DFN723" s="613"/>
      <c r="DFO723" s="613"/>
      <c r="DFP723" s="613"/>
      <c r="DFQ723" s="613"/>
      <c r="DFR723" s="613"/>
      <c r="DFS723" s="613"/>
      <c r="DFT723" s="613"/>
      <c r="DFU723" s="613"/>
      <c r="DFV723" s="613"/>
      <c r="DFW723" s="613"/>
      <c r="DFX723" s="613"/>
      <c r="DFY723" s="613"/>
      <c r="DFZ723" s="613"/>
      <c r="DGA723" s="613"/>
      <c r="DGB723" s="613"/>
      <c r="DGC723" s="613"/>
      <c r="DGD723" s="613"/>
      <c r="DGE723" s="613"/>
      <c r="DGF723" s="613"/>
      <c r="DGG723" s="613"/>
      <c r="DGH723" s="613"/>
      <c r="DGI723" s="613"/>
      <c r="DGJ723" s="613"/>
      <c r="DGK723" s="613"/>
      <c r="DGL723" s="613"/>
      <c r="DGM723" s="613"/>
      <c r="DGN723" s="613"/>
      <c r="DGO723" s="613"/>
      <c r="DGP723" s="613"/>
      <c r="DGQ723" s="613"/>
      <c r="DGR723" s="613"/>
      <c r="DGS723" s="613"/>
      <c r="DGT723" s="613"/>
      <c r="DGU723" s="613"/>
      <c r="DGV723" s="613"/>
      <c r="DGW723" s="613"/>
      <c r="DGX723" s="613"/>
      <c r="DGY723" s="613"/>
      <c r="DGZ723" s="613"/>
      <c r="DHA723" s="613"/>
      <c r="DHB723" s="613"/>
      <c r="DHC723" s="613"/>
      <c r="DHD723" s="613"/>
      <c r="DHE723" s="613"/>
      <c r="DHF723" s="613"/>
      <c r="DHG723" s="613"/>
      <c r="DHH723" s="613"/>
      <c r="DHI723" s="613"/>
      <c r="DHJ723" s="613"/>
      <c r="DHK723" s="613"/>
      <c r="DHL723" s="613"/>
      <c r="DHM723" s="613"/>
      <c r="DHN723" s="613"/>
      <c r="DHO723" s="613"/>
      <c r="DHP723" s="613"/>
      <c r="DHQ723" s="613"/>
      <c r="DHR723" s="613"/>
      <c r="DHS723" s="613"/>
      <c r="DHT723" s="613"/>
      <c r="DHU723" s="613"/>
      <c r="DHV723" s="613"/>
      <c r="DHW723" s="613"/>
      <c r="DHX723" s="613"/>
      <c r="DHY723" s="613"/>
      <c r="DHZ723" s="613"/>
      <c r="DIA723" s="613"/>
      <c r="DIB723" s="613"/>
      <c r="DIC723" s="613"/>
      <c r="DID723" s="613"/>
      <c r="DIE723" s="613"/>
      <c r="DIF723" s="613"/>
      <c r="DIG723" s="613"/>
      <c r="DIH723" s="613"/>
      <c r="DII723" s="613"/>
      <c r="DIJ723" s="613"/>
      <c r="DIK723" s="613"/>
      <c r="DIL723" s="613"/>
      <c r="DIM723" s="613"/>
      <c r="DIN723" s="613"/>
      <c r="DIO723" s="613"/>
      <c r="DIP723" s="613"/>
      <c r="DIQ723" s="613"/>
      <c r="DIR723" s="613"/>
      <c r="DIS723" s="613"/>
      <c r="DIT723" s="613"/>
      <c r="DIU723" s="613"/>
      <c r="DIV723" s="613"/>
      <c r="DIW723" s="613"/>
      <c r="DIX723" s="613"/>
      <c r="DIY723" s="613"/>
      <c r="DIZ723" s="613"/>
      <c r="DJA723" s="613"/>
      <c r="DJB723" s="613"/>
      <c r="DJC723" s="613"/>
      <c r="DJD723" s="613"/>
      <c r="DJE723" s="613"/>
      <c r="DJF723" s="613"/>
      <c r="DJG723" s="613"/>
      <c r="DJH723" s="613"/>
      <c r="DJI723" s="613"/>
      <c r="DJJ723" s="613"/>
      <c r="DJK723" s="613"/>
      <c r="DJL723" s="613"/>
      <c r="DJM723" s="613"/>
      <c r="DJN723" s="613"/>
      <c r="DJO723" s="613"/>
      <c r="DJP723" s="613"/>
      <c r="DJQ723" s="613"/>
      <c r="DJR723" s="613"/>
      <c r="DJS723" s="613"/>
      <c r="DJT723" s="613"/>
      <c r="DJU723" s="613"/>
      <c r="DJV723" s="613"/>
      <c r="DJW723" s="613"/>
      <c r="DJX723" s="613"/>
      <c r="DJY723" s="613"/>
      <c r="DJZ723" s="613"/>
      <c r="DKA723" s="613"/>
      <c r="DKB723" s="613"/>
      <c r="DKC723" s="613"/>
      <c r="DKD723" s="613"/>
      <c r="DKE723" s="613"/>
      <c r="DKF723" s="613"/>
      <c r="DKG723" s="613"/>
      <c r="DKH723" s="613"/>
      <c r="DKI723" s="613"/>
      <c r="DKJ723" s="613"/>
      <c r="DKK723" s="613"/>
      <c r="DKL723" s="613"/>
      <c r="DKM723" s="613"/>
      <c r="DKN723" s="613"/>
      <c r="DKO723" s="613"/>
      <c r="DKP723" s="613"/>
      <c r="DKQ723" s="613"/>
      <c r="DKR723" s="613"/>
      <c r="DKS723" s="613"/>
      <c r="DKT723" s="613"/>
      <c r="DKU723" s="613"/>
      <c r="DKV723" s="613"/>
      <c r="DKW723" s="613"/>
      <c r="DKX723" s="613"/>
      <c r="DKY723" s="613"/>
      <c r="DKZ723" s="613"/>
      <c r="DLA723" s="613"/>
      <c r="DLB723" s="613"/>
      <c r="DLC723" s="613"/>
      <c r="DLD723" s="613"/>
      <c r="DLE723" s="613"/>
      <c r="DLF723" s="613"/>
      <c r="DLG723" s="613"/>
      <c r="DLH723" s="613"/>
      <c r="DLI723" s="613"/>
      <c r="DLJ723" s="613"/>
      <c r="DLK723" s="613"/>
      <c r="DLL723" s="613"/>
      <c r="DLM723" s="613"/>
      <c r="DLN723" s="613"/>
      <c r="DLO723" s="613"/>
      <c r="DLP723" s="613"/>
      <c r="DLQ723" s="613"/>
      <c r="DLR723" s="613"/>
      <c r="DLS723" s="613"/>
      <c r="DLT723" s="613"/>
      <c r="DLU723" s="613"/>
      <c r="DLV723" s="613"/>
      <c r="DLW723" s="613"/>
      <c r="DLX723" s="613"/>
      <c r="DLY723" s="613"/>
      <c r="DLZ723" s="613"/>
      <c r="DMA723" s="613"/>
      <c r="DMB723" s="613"/>
      <c r="DMC723" s="613"/>
      <c r="DMD723" s="613"/>
      <c r="DME723" s="613"/>
      <c r="DMF723" s="613"/>
      <c r="DMG723" s="613"/>
      <c r="DMH723" s="613"/>
      <c r="DMI723" s="613"/>
      <c r="DMJ723" s="613"/>
      <c r="DMK723" s="613"/>
      <c r="DML723" s="613"/>
      <c r="DMM723" s="613"/>
      <c r="DMN723" s="613"/>
      <c r="DMO723" s="613"/>
      <c r="DMP723" s="613"/>
      <c r="DMQ723" s="613"/>
      <c r="DMR723" s="613"/>
      <c r="DMS723" s="613"/>
      <c r="DMT723" s="613"/>
      <c r="DMU723" s="613"/>
      <c r="DMV723" s="613"/>
      <c r="DMW723" s="613"/>
      <c r="DMX723" s="613"/>
      <c r="DMY723" s="613"/>
      <c r="DMZ723" s="613"/>
      <c r="DNA723" s="613"/>
      <c r="DNB723" s="613"/>
      <c r="DNC723" s="613"/>
      <c r="DND723" s="613"/>
      <c r="DNE723" s="613"/>
      <c r="DNF723" s="613"/>
      <c r="DNG723" s="613"/>
      <c r="DNH723" s="613"/>
      <c r="DNI723" s="613"/>
      <c r="DNJ723" s="613"/>
      <c r="DNK723" s="613"/>
      <c r="DNL723" s="613"/>
      <c r="DNM723" s="613"/>
      <c r="DNN723" s="613"/>
      <c r="DNO723" s="613"/>
      <c r="DNP723" s="613"/>
      <c r="DNQ723" s="613"/>
      <c r="DNR723" s="613"/>
      <c r="DNS723" s="613"/>
      <c r="DNT723" s="613"/>
      <c r="DNU723" s="613"/>
      <c r="DNV723" s="613"/>
      <c r="DNW723" s="613"/>
      <c r="DNX723" s="613"/>
      <c r="DNY723" s="613"/>
      <c r="DNZ723" s="613"/>
      <c r="DOA723" s="613"/>
      <c r="DOB723" s="613"/>
      <c r="DOC723" s="613"/>
      <c r="DOD723" s="613"/>
      <c r="DOE723" s="613"/>
      <c r="DOF723" s="613"/>
      <c r="DOG723" s="613"/>
      <c r="DOH723" s="613"/>
      <c r="DOI723" s="613"/>
      <c r="DOJ723" s="613"/>
      <c r="DOK723" s="613"/>
      <c r="DOL723" s="613"/>
      <c r="DOM723" s="613"/>
      <c r="DON723" s="613"/>
      <c r="DOO723" s="613"/>
      <c r="DOP723" s="613"/>
      <c r="DOQ723" s="613"/>
      <c r="DOR723" s="613"/>
      <c r="DOS723" s="613"/>
      <c r="DOT723" s="613"/>
      <c r="DOU723" s="613"/>
      <c r="DOV723" s="613"/>
      <c r="DOW723" s="613"/>
      <c r="DOX723" s="613"/>
      <c r="DOY723" s="613"/>
      <c r="DOZ723" s="613"/>
      <c r="DPA723" s="613"/>
      <c r="DPB723" s="613"/>
      <c r="DPC723" s="613"/>
      <c r="DPD723" s="613"/>
      <c r="DPE723" s="613"/>
      <c r="DPF723" s="613"/>
      <c r="DPG723" s="613"/>
      <c r="DPH723" s="613"/>
      <c r="DPI723" s="613"/>
      <c r="DPJ723" s="613"/>
      <c r="DPK723" s="613"/>
      <c r="DPL723" s="613"/>
      <c r="DPM723" s="613"/>
      <c r="DPN723" s="613"/>
      <c r="DPO723" s="613"/>
      <c r="DPP723" s="613"/>
      <c r="DPQ723" s="613"/>
      <c r="DPR723" s="613"/>
      <c r="DPS723" s="613"/>
      <c r="DPT723" s="613"/>
      <c r="DPU723" s="613"/>
      <c r="DPV723" s="613"/>
      <c r="DPW723" s="613"/>
      <c r="DPX723" s="613"/>
      <c r="DPY723" s="613"/>
      <c r="DPZ723" s="613"/>
      <c r="DQA723" s="613"/>
      <c r="DQB723" s="613"/>
      <c r="DQC723" s="613"/>
      <c r="DQD723" s="613"/>
      <c r="DQE723" s="613"/>
      <c r="DQF723" s="613"/>
      <c r="DQG723" s="613"/>
      <c r="DQH723" s="613"/>
      <c r="DQI723" s="613"/>
      <c r="DQJ723" s="613"/>
      <c r="DQK723" s="613"/>
      <c r="DQL723" s="613"/>
      <c r="DQM723" s="613"/>
      <c r="DQN723" s="613"/>
      <c r="DQO723" s="613"/>
      <c r="DQP723" s="613"/>
      <c r="DQQ723" s="613"/>
      <c r="DQR723" s="613"/>
      <c r="DQS723" s="613"/>
      <c r="DQT723" s="613"/>
      <c r="DQU723" s="613"/>
      <c r="DQV723" s="613"/>
      <c r="DQW723" s="613"/>
      <c r="DQX723" s="613"/>
      <c r="DQY723" s="613"/>
      <c r="DQZ723" s="613"/>
      <c r="DRA723" s="613"/>
      <c r="DRB723" s="613"/>
      <c r="DRC723" s="613"/>
      <c r="DRD723" s="613"/>
      <c r="DRE723" s="613"/>
      <c r="DRF723" s="613"/>
      <c r="DRG723" s="613"/>
      <c r="DRH723" s="613"/>
      <c r="DRI723" s="613"/>
      <c r="DRJ723" s="613"/>
      <c r="DRK723" s="613"/>
      <c r="DRL723" s="613"/>
      <c r="DRM723" s="613"/>
      <c r="DRN723" s="613"/>
      <c r="DRO723" s="613"/>
      <c r="DRP723" s="613"/>
      <c r="DRQ723" s="613"/>
      <c r="DRR723" s="613"/>
      <c r="DRS723" s="613"/>
      <c r="DRT723" s="613"/>
      <c r="DRU723" s="613"/>
      <c r="DRV723" s="613"/>
      <c r="DRW723" s="613"/>
      <c r="DRX723" s="613"/>
      <c r="DRY723" s="613"/>
      <c r="DRZ723" s="613"/>
      <c r="DSA723" s="613"/>
      <c r="DSB723" s="613"/>
      <c r="DSC723" s="613"/>
      <c r="DSD723" s="613"/>
      <c r="DSE723" s="613"/>
      <c r="DSF723" s="613"/>
      <c r="DSG723" s="613"/>
      <c r="DSH723" s="613"/>
      <c r="DSI723" s="613"/>
      <c r="DSJ723" s="613"/>
      <c r="DSK723" s="613"/>
      <c r="DSL723" s="613"/>
      <c r="DSM723" s="613"/>
      <c r="DSN723" s="613"/>
      <c r="DSO723" s="613"/>
      <c r="DSP723" s="613"/>
      <c r="DSQ723" s="613"/>
      <c r="DSR723" s="613"/>
      <c r="DSS723" s="613"/>
      <c r="DST723" s="613"/>
      <c r="DSU723" s="613"/>
      <c r="DSV723" s="613"/>
      <c r="DSW723" s="613"/>
      <c r="DSX723" s="613"/>
      <c r="DSY723" s="613"/>
      <c r="DSZ723" s="613"/>
      <c r="DTA723" s="613"/>
      <c r="DTB723" s="613"/>
      <c r="DTC723" s="613"/>
      <c r="DTD723" s="613"/>
      <c r="DTE723" s="613"/>
      <c r="DTF723" s="613"/>
      <c r="DTG723" s="613"/>
      <c r="DTH723" s="613"/>
      <c r="DTI723" s="613"/>
      <c r="DTJ723" s="613"/>
      <c r="DTK723" s="613"/>
      <c r="DTL723" s="613"/>
      <c r="DTM723" s="613"/>
      <c r="DTN723" s="613"/>
      <c r="DTO723" s="613"/>
      <c r="DTP723" s="613"/>
      <c r="DTQ723" s="613"/>
      <c r="DTR723" s="613"/>
      <c r="DTS723" s="613"/>
      <c r="DTT723" s="613"/>
      <c r="DTU723" s="613"/>
      <c r="DTV723" s="613"/>
      <c r="DTW723" s="613"/>
      <c r="DTX723" s="613"/>
      <c r="DTY723" s="613"/>
      <c r="DTZ723" s="613"/>
      <c r="DUA723" s="613"/>
      <c r="DUB723" s="613"/>
      <c r="DUC723" s="613"/>
      <c r="DUD723" s="613"/>
      <c r="DUE723" s="613"/>
      <c r="DUF723" s="613"/>
      <c r="DUG723" s="613"/>
      <c r="DUH723" s="613"/>
      <c r="DUI723" s="613"/>
      <c r="DUJ723" s="613"/>
      <c r="DUK723" s="613"/>
      <c r="DUL723" s="613"/>
      <c r="DUM723" s="613"/>
      <c r="DUN723" s="613"/>
      <c r="DUO723" s="613"/>
      <c r="DUP723" s="613"/>
      <c r="DUQ723" s="613"/>
      <c r="DUR723" s="613"/>
      <c r="DUS723" s="613"/>
      <c r="DUT723" s="613"/>
      <c r="DUU723" s="613"/>
      <c r="DUV723" s="613"/>
      <c r="DUW723" s="613"/>
      <c r="DUX723" s="613"/>
      <c r="DUY723" s="613"/>
      <c r="DUZ723" s="613"/>
      <c r="DVA723" s="613"/>
      <c r="DVB723" s="613"/>
      <c r="DVC723" s="613"/>
      <c r="DVD723" s="613"/>
      <c r="DVE723" s="613"/>
      <c r="DVF723" s="613"/>
      <c r="DVG723" s="613"/>
      <c r="DVH723" s="613"/>
      <c r="DVI723" s="613"/>
      <c r="DVJ723" s="613"/>
      <c r="DVK723" s="613"/>
      <c r="DVL723" s="613"/>
      <c r="DVM723" s="613"/>
      <c r="DVN723" s="613"/>
      <c r="DVO723" s="613"/>
      <c r="DVP723" s="613"/>
      <c r="DVQ723" s="613"/>
      <c r="DVR723" s="613"/>
      <c r="DVS723" s="613"/>
      <c r="DVT723" s="613"/>
      <c r="DVU723" s="613"/>
      <c r="DVV723" s="613"/>
      <c r="DVW723" s="613"/>
      <c r="DVX723" s="613"/>
      <c r="DVY723" s="613"/>
      <c r="DVZ723" s="613"/>
      <c r="DWA723" s="613"/>
      <c r="DWB723" s="613"/>
      <c r="DWC723" s="613"/>
      <c r="DWD723" s="613"/>
      <c r="DWE723" s="613"/>
      <c r="DWF723" s="613"/>
      <c r="DWG723" s="613"/>
      <c r="DWH723" s="613"/>
      <c r="DWI723" s="613"/>
      <c r="DWJ723" s="613"/>
      <c r="DWK723" s="613"/>
      <c r="DWL723" s="613"/>
      <c r="DWM723" s="613"/>
      <c r="DWN723" s="613"/>
      <c r="DWO723" s="613"/>
      <c r="DWP723" s="613"/>
      <c r="DWQ723" s="613"/>
      <c r="DWR723" s="613"/>
      <c r="DWS723" s="613"/>
      <c r="DWT723" s="613"/>
      <c r="DWU723" s="613"/>
      <c r="DWV723" s="613"/>
      <c r="DWW723" s="613"/>
      <c r="DWX723" s="613"/>
      <c r="DWY723" s="613"/>
      <c r="DWZ723" s="613"/>
      <c r="DXA723" s="613"/>
      <c r="DXB723" s="613"/>
      <c r="DXC723" s="613"/>
      <c r="DXD723" s="613"/>
      <c r="DXE723" s="613"/>
      <c r="DXF723" s="613"/>
      <c r="DXG723" s="613"/>
      <c r="DXH723" s="613"/>
      <c r="DXI723" s="613"/>
      <c r="DXJ723" s="613"/>
      <c r="DXK723" s="613"/>
      <c r="DXL723" s="613"/>
      <c r="DXM723" s="613"/>
      <c r="DXN723" s="613"/>
      <c r="DXO723" s="613"/>
      <c r="DXP723" s="613"/>
      <c r="DXQ723" s="613"/>
      <c r="DXR723" s="613"/>
      <c r="DXS723" s="613"/>
      <c r="DXT723" s="613"/>
      <c r="DXU723" s="613"/>
      <c r="DXV723" s="613"/>
      <c r="DXW723" s="613"/>
      <c r="DXX723" s="613"/>
      <c r="DXY723" s="613"/>
      <c r="DXZ723" s="613"/>
      <c r="DYA723" s="613"/>
      <c r="DYB723" s="613"/>
      <c r="DYC723" s="613"/>
      <c r="DYD723" s="613"/>
      <c r="DYE723" s="613"/>
      <c r="DYF723" s="613"/>
      <c r="DYG723" s="613"/>
      <c r="DYH723" s="613"/>
      <c r="DYI723" s="613"/>
      <c r="DYJ723" s="613"/>
      <c r="DYK723" s="613"/>
      <c r="DYL723" s="613"/>
      <c r="DYM723" s="613"/>
      <c r="DYN723" s="613"/>
      <c r="DYO723" s="613"/>
      <c r="DYP723" s="613"/>
      <c r="DYQ723" s="613"/>
      <c r="DYR723" s="613"/>
      <c r="DYS723" s="613"/>
      <c r="DYT723" s="613"/>
      <c r="DYU723" s="613"/>
      <c r="DYV723" s="613"/>
      <c r="DYW723" s="613"/>
      <c r="DYX723" s="613"/>
      <c r="DYY723" s="613"/>
      <c r="DYZ723" s="613"/>
      <c r="DZA723" s="613"/>
      <c r="DZB723" s="613"/>
      <c r="DZC723" s="613"/>
      <c r="DZD723" s="613"/>
      <c r="DZE723" s="613"/>
      <c r="DZF723" s="613"/>
      <c r="DZG723" s="613"/>
      <c r="DZH723" s="613"/>
      <c r="DZI723" s="613"/>
      <c r="DZJ723" s="613"/>
      <c r="DZK723" s="613"/>
      <c r="DZL723" s="613"/>
      <c r="DZM723" s="613"/>
      <c r="DZN723" s="613"/>
      <c r="DZO723" s="613"/>
      <c r="DZP723" s="613"/>
      <c r="DZQ723" s="613"/>
      <c r="DZR723" s="613"/>
      <c r="DZS723" s="613"/>
      <c r="DZT723" s="613"/>
      <c r="DZU723" s="613"/>
      <c r="DZV723" s="613"/>
      <c r="DZW723" s="613"/>
      <c r="DZX723" s="613"/>
      <c r="DZY723" s="613"/>
      <c r="DZZ723" s="613"/>
      <c r="EAA723" s="613"/>
      <c r="EAB723" s="613"/>
      <c r="EAC723" s="613"/>
      <c r="EAD723" s="613"/>
      <c r="EAE723" s="613"/>
      <c r="EAF723" s="613"/>
      <c r="EAG723" s="613"/>
      <c r="EAH723" s="613"/>
      <c r="EAI723" s="613"/>
      <c r="EAJ723" s="613"/>
      <c r="EAK723" s="613"/>
      <c r="EAL723" s="613"/>
      <c r="EAM723" s="613"/>
      <c r="EAN723" s="613"/>
      <c r="EAO723" s="613"/>
      <c r="EAP723" s="613"/>
      <c r="EAQ723" s="613"/>
      <c r="EAR723" s="613"/>
      <c r="EAS723" s="613"/>
      <c r="EAT723" s="613"/>
      <c r="EAU723" s="613"/>
      <c r="EAV723" s="613"/>
      <c r="EAW723" s="613"/>
      <c r="EAX723" s="613"/>
      <c r="EAY723" s="613"/>
      <c r="EAZ723" s="613"/>
      <c r="EBA723" s="613"/>
      <c r="EBB723" s="613"/>
      <c r="EBC723" s="613"/>
      <c r="EBD723" s="613"/>
      <c r="EBE723" s="613"/>
      <c r="EBF723" s="613"/>
      <c r="EBG723" s="613"/>
      <c r="EBH723" s="613"/>
      <c r="EBI723" s="613"/>
      <c r="EBJ723" s="613"/>
      <c r="EBK723" s="613"/>
      <c r="EBL723" s="613"/>
      <c r="EBM723" s="613"/>
      <c r="EBN723" s="613"/>
      <c r="EBO723" s="613"/>
      <c r="EBP723" s="613"/>
      <c r="EBQ723" s="613"/>
      <c r="EBR723" s="613"/>
      <c r="EBS723" s="613"/>
      <c r="EBT723" s="613"/>
      <c r="EBU723" s="613"/>
      <c r="EBV723" s="613"/>
      <c r="EBW723" s="613"/>
      <c r="EBX723" s="613"/>
      <c r="EBY723" s="613"/>
      <c r="EBZ723" s="613"/>
      <c r="ECA723" s="613"/>
      <c r="ECB723" s="613"/>
      <c r="ECC723" s="613"/>
      <c r="ECD723" s="613"/>
      <c r="ECE723" s="613"/>
      <c r="ECF723" s="613"/>
      <c r="ECG723" s="613"/>
      <c r="ECH723" s="613"/>
      <c r="ECI723" s="613"/>
      <c r="ECJ723" s="613"/>
      <c r="ECK723" s="613"/>
      <c r="ECL723" s="613"/>
      <c r="ECM723" s="613"/>
      <c r="ECN723" s="613"/>
      <c r="ECO723" s="613"/>
      <c r="ECP723" s="613"/>
      <c r="ECQ723" s="613"/>
      <c r="ECR723" s="613"/>
      <c r="ECS723" s="613"/>
      <c r="ECT723" s="613"/>
      <c r="ECU723" s="613"/>
      <c r="ECV723" s="613"/>
      <c r="ECW723" s="613"/>
      <c r="ECX723" s="613"/>
      <c r="ECY723" s="613"/>
      <c r="ECZ723" s="613"/>
      <c r="EDA723" s="613"/>
      <c r="EDB723" s="613"/>
      <c r="EDC723" s="613"/>
      <c r="EDD723" s="613"/>
      <c r="EDE723" s="613"/>
      <c r="EDF723" s="613"/>
      <c r="EDG723" s="613"/>
      <c r="EDH723" s="613"/>
      <c r="EDI723" s="613"/>
      <c r="EDJ723" s="613"/>
      <c r="EDK723" s="613"/>
      <c r="EDL723" s="613"/>
      <c r="EDM723" s="613"/>
      <c r="EDN723" s="613"/>
      <c r="EDO723" s="613"/>
      <c r="EDP723" s="613"/>
      <c r="EDQ723" s="613"/>
      <c r="EDR723" s="613"/>
      <c r="EDS723" s="613"/>
      <c r="EDT723" s="613"/>
      <c r="EDU723" s="613"/>
      <c r="EDV723" s="613"/>
      <c r="EDW723" s="613"/>
      <c r="EDX723" s="613"/>
      <c r="EDY723" s="613"/>
      <c r="EDZ723" s="613"/>
      <c r="EEA723" s="613"/>
      <c r="EEB723" s="613"/>
      <c r="EEC723" s="613"/>
      <c r="EED723" s="613"/>
      <c r="EEE723" s="613"/>
      <c r="EEF723" s="613"/>
      <c r="EEG723" s="613"/>
      <c r="EEH723" s="613"/>
      <c r="EEI723" s="613"/>
      <c r="EEJ723" s="613"/>
      <c r="EEK723" s="613"/>
      <c r="EEL723" s="613"/>
      <c r="EEM723" s="613"/>
      <c r="EEN723" s="613"/>
      <c r="EEO723" s="613"/>
      <c r="EEP723" s="613"/>
      <c r="EEQ723" s="613"/>
      <c r="EER723" s="613"/>
      <c r="EES723" s="613"/>
      <c r="EET723" s="613"/>
      <c r="EEU723" s="613"/>
      <c r="EEV723" s="613"/>
      <c r="EEW723" s="613"/>
      <c r="EEX723" s="613"/>
      <c r="EEY723" s="613"/>
      <c r="EEZ723" s="613"/>
      <c r="EFA723" s="613"/>
      <c r="EFB723" s="613"/>
      <c r="EFC723" s="613"/>
      <c r="EFD723" s="613"/>
      <c r="EFE723" s="613"/>
      <c r="EFF723" s="613"/>
      <c r="EFG723" s="613"/>
      <c r="EFH723" s="613"/>
      <c r="EFI723" s="613"/>
      <c r="EFJ723" s="613"/>
      <c r="EFK723" s="613"/>
      <c r="EFL723" s="613"/>
      <c r="EFM723" s="613"/>
      <c r="EFN723" s="613"/>
      <c r="EFO723" s="613"/>
      <c r="EFP723" s="613"/>
      <c r="EFQ723" s="613"/>
      <c r="EFR723" s="613"/>
      <c r="EFS723" s="613"/>
      <c r="EFT723" s="613"/>
      <c r="EFU723" s="613"/>
      <c r="EFV723" s="613"/>
      <c r="EFW723" s="613"/>
      <c r="EFX723" s="613"/>
      <c r="EFY723" s="613"/>
      <c r="EFZ723" s="613"/>
      <c r="EGA723" s="613"/>
      <c r="EGB723" s="613"/>
      <c r="EGC723" s="613"/>
      <c r="EGD723" s="613"/>
      <c r="EGE723" s="613"/>
      <c r="EGF723" s="613"/>
      <c r="EGG723" s="613"/>
      <c r="EGH723" s="613"/>
      <c r="EGI723" s="613"/>
      <c r="EGJ723" s="613"/>
      <c r="EGK723" s="613"/>
      <c r="EGL723" s="613"/>
      <c r="EGM723" s="613"/>
      <c r="EGN723" s="613"/>
      <c r="EGO723" s="613"/>
      <c r="EGP723" s="613"/>
      <c r="EGQ723" s="613"/>
      <c r="EGR723" s="613"/>
      <c r="EGS723" s="613"/>
      <c r="EGT723" s="613"/>
      <c r="EGU723" s="613"/>
      <c r="EGV723" s="613"/>
      <c r="EGW723" s="613"/>
      <c r="EGX723" s="613"/>
      <c r="EGY723" s="613"/>
      <c r="EGZ723" s="613"/>
      <c r="EHA723" s="613"/>
      <c r="EHB723" s="613"/>
      <c r="EHC723" s="613"/>
      <c r="EHD723" s="613"/>
      <c r="EHE723" s="613"/>
      <c r="EHF723" s="613"/>
      <c r="EHG723" s="613"/>
      <c r="EHH723" s="613"/>
      <c r="EHI723" s="613"/>
      <c r="EHJ723" s="613"/>
      <c r="EHK723" s="613"/>
      <c r="EHL723" s="613"/>
      <c r="EHM723" s="613"/>
      <c r="EHN723" s="613"/>
      <c r="EHO723" s="613"/>
      <c r="EHP723" s="613"/>
      <c r="EHQ723" s="613"/>
      <c r="EHR723" s="613"/>
      <c r="EHS723" s="613"/>
      <c r="EHT723" s="613"/>
      <c r="EHU723" s="613"/>
      <c r="EHV723" s="613"/>
      <c r="EHW723" s="613"/>
      <c r="EHX723" s="613"/>
      <c r="EHY723" s="613"/>
      <c r="EHZ723" s="613"/>
      <c r="EIA723" s="613"/>
      <c r="EIB723" s="613"/>
      <c r="EIC723" s="613"/>
      <c r="EID723" s="613"/>
      <c r="EIE723" s="613"/>
      <c r="EIF723" s="613"/>
      <c r="EIG723" s="613"/>
      <c r="EIH723" s="613"/>
      <c r="EII723" s="613"/>
      <c r="EIJ723" s="613"/>
      <c r="EIK723" s="613"/>
      <c r="EIL723" s="613"/>
      <c r="EIM723" s="613"/>
      <c r="EIN723" s="613"/>
      <c r="EIO723" s="613"/>
      <c r="EIP723" s="613"/>
      <c r="EIQ723" s="613"/>
      <c r="EIR723" s="613"/>
      <c r="EIS723" s="613"/>
      <c r="EIT723" s="613"/>
      <c r="EIU723" s="613"/>
      <c r="EIV723" s="613"/>
      <c r="EIW723" s="613"/>
      <c r="EIX723" s="613"/>
      <c r="EIY723" s="613"/>
      <c r="EIZ723" s="613"/>
      <c r="EJA723" s="613"/>
      <c r="EJB723" s="613"/>
      <c r="EJC723" s="613"/>
      <c r="EJD723" s="613"/>
      <c r="EJE723" s="613"/>
      <c r="EJF723" s="613"/>
      <c r="EJG723" s="613"/>
      <c r="EJH723" s="613"/>
      <c r="EJI723" s="613"/>
      <c r="EJJ723" s="613"/>
      <c r="EJK723" s="613"/>
      <c r="EJL723" s="613"/>
      <c r="EJM723" s="613"/>
      <c r="EJN723" s="613"/>
      <c r="EJO723" s="613"/>
      <c r="EJP723" s="613"/>
      <c r="EJQ723" s="613"/>
      <c r="EJR723" s="613"/>
      <c r="EJS723" s="613"/>
      <c r="EJT723" s="613"/>
      <c r="EJU723" s="613"/>
      <c r="EJV723" s="613"/>
      <c r="EJW723" s="613"/>
      <c r="EJX723" s="613"/>
      <c r="EJY723" s="613"/>
      <c r="EJZ723" s="613"/>
      <c r="EKA723" s="613"/>
      <c r="EKB723" s="613"/>
      <c r="EKC723" s="613"/>
      <c r="EKD723" s="613"/>
      <c r="EKE723" s="613"/>
      <c r="EKF723" s="613"/>
      <c r="EKG723" s="613"/>
      <c r="EKH723" s="613"/>
      <c r="EKI723" s="613"/>
      <c r="EKJ723" s="613"/>
      <c r="EKK723" s="613"/>
      <c r="EKL723" s="613"/>
      <c r="EKM723" s="613"/>
      <c r="EKN723" s="613"/>
      <c r="EKO723" s="613"/>
      <c r="EKP723" s="613"/>
      <c r="EKQ723" s="613"/>
      <c r="EKR723" s="613"/>
      <c r="EKS723" s="613"/>
      <c r="EKT723" s="613"/>
      <c r="EKU723" s="613"/>
      <c r="EKV723" s="613"/>
      <c r="EKW723" s="613"/>
      <c r="EKX723" s="613"/>
      <c r="EKY723" s="613"/>
      <c r="EKZ723" s="613"/>
      <c r="ELA723" s="613"/>
      <c r="ELB723" s="613"/>
      <c r="ELC723" s="613"/>
      <c r="ELD723" s="613"/>
      <c r="ELE723" s="613"/>
      <c r="ELF723" s="613"/>
      <c r="ELG723" s="613"/>
      <c r="ELH723" s="613"/>
      <c r="ELI723" s="613"/>
      <c r="ELJ723" s="613"/>
      <c r="ELK723" s="613"/>
      <c r="ELL723" s="613"/>
      <c r="ELM723" s="613"/>
      <c r="ELN723" s="613"/>
      <c r="ELO723" s="613"/>
      <c r="ELP723" s="613"/>
      <c r="ELQ723" s="613"/>
      <c r="ELR723" s="613"/>
      <c r="ELS723" s="613"/>
      <c r="ELT723" s="613"/>
      <c r="ELU723" s="613"/>
      <c r="ELV723" s="613"/>
      <c r="ELW723" s="613"/>
      <c r="ELX723" s="613"/>
      <c r="ELY723" s="613"/>
      <c r="ELZ723" s="613"/>
      <c r="EMA723" s="613"/>
      <c r="EMB723" s="613"/>
      <c r="EMC723" s="613"/>
      <c r="EMD723" s="613"/>
      <c r="EME723" s="613"/>
      <c r="EMF723" s="613"/>
      <c r="EMG723" s="613"/>
      <c r="EMH723" s="613"/>
      <c r="EMI723" s="613"/>
      <c r="EMJ723" s="613"/>
      <c r="EMK723" s="613"/>
      <c r="EML723" s="613"/>
      <c r="EMM723" s="613"/>
      <c r="EMN723" s="613"/>
      <c r="EMO723" s="613"/>
      <c r="EMP723" s="613"/>
      <c r="EMQ723" s="613"/>
      <c r="EMR723" s="613"/>
      <c r="EMS723" s="613"/>
      <c r="EMT723" s="613"/>
      <c r="EMU723" s="613"/>
      <c r="EMV723" s="613"/>
      <c r="EMW723" s="613"/>
      <c r="EMX723" s="613"/>
      <c r="EMY723" s="613"/>
      <c r="EMZ723" s="613"/>
      <c r="ENA723" s="613"/>
      <c r="ENB723" s="613"/>
      <c r="ENC723" s="613"/>
      <c r="END723" s="613"/>
      <c r="ENE723" s="613"/>
      <c r="ENF723" s="613"/>
      <c r="ENG723" s="613"/>
      <c r="ENH723" s="613"/>
      <c r="ENI723" s="613"/>
      <c r="ENJ723" s="613"/>
      <c r="ENK723" s="613"/>
      <c r="ENL723" s="613"/>
      <c r="ENM723" s="613"/>
      <c r="ENN723" s="613"/>
      <c r="ENO723" s="613"/>
      <c r="ENP723" s="613"/>
      <c r="ENQ723" s="613"/>
      <c r="ENR723" s="613"/>
      <c r="ENS723" s="613"/>
      <c r="ENT723" s="613"/>
      <c r="ENU723" s="613"/>
      <c r="ENV723" s="613"/>
      <c r="ENW723" s="613"/>
      <c r="ENX723" s="613"/>
      <c r="ENY723" s="613"/>
      <c r="ENZ723" s="613"/>
      <c r="EOA723" s="613"/>
      <c r="EOB723" s="613"/>
      <c r="EOC723" s="613"/>
      <c r="EOD723" s="613"/>
      <c r="EOE723" s="613"/>
      <c r="EOF723" s="613"/>
      <c r="EOG723" s="613"/>
      <c r="EOH723" s="613"/>
      <c r="EOI723" s="613"/>
      <c r="EOJ723" s="613"/>
      <c r="EOK723" s="613"/>
      <c r="EOL723" s="613"/>
      <c r="EOM723" s="613"/>
      <c r="EON723" s="613"/>
      <c r="EOO723" s="613"/>
      <c r="EOP723" s="613"/>
      <c r="EOQ723" s="613"/>
      <c r="EOR723" s="613"/>
      <c r="EOS723" s="613"/>
      <c r="EOT723" s="613"/>
      <c r="EOU723" s="613"/>
      <c r="EOV723" s="613"/>
      <c r="EOW723" s="613"/>
      <c r="EOX723" s="613"/>
      <c r="EOY723" s="613"/>
      <c r="EOZ723" s="613"/>
      <c r="EPA723" s="613"/>
      <c r="EPB723" s="613"/>
      <c r="EPC723" s="613"/>
      <c r="EPD723" s="613"/>
      <c r="EPE723" s="613"/>
      <c r="EPF723" s="613"/>
      <c r="EPG723" s="613"/>
      <c r="EPH723" s="613"/>
      <c r="EPI723" s="613"/>
      <c r="EPJ723" s="613"/>
      <c r="EPK723" s="613"/>
      <c r="EPL723" s="613"/>
      <c r="EPM723" s="613"/>
      <c r="EPN723" s="613"/>
      <c r="EPO723" s="613"/>
      <c r="EPP723" s="613"/>
      <c r="EPQ723" s="613"/>
      <c r="EPR723" s="613"/>
      <c r="EPS723" s="613"/>
      <c r="EPT723" s="613"/>
      <c r="EPU723" s="613"/>
      <c r="EPV723" s="613"/>
      <c r="EPW723" s="613"/>
      <c r="EPX723" s="613"/>
      <c r="EPY723" s="613"/>
      <c r="EPZ723" s="613"/>
      <c r="EQA723" s="613"/>
      <c r="EQB723" s="613"/>
      <c r="EQC723" s="613"/>
      <c r="EQD723" s="613"/>
      <c r="EQE723" s="613"/>
      <c r="EQF723" s="613"/>
      <c r="EQG723" s="613"/>
      <c r="EQH723" s="613"/>
      <c r="EQI723" s="613"/>
      <c r="EQJ723" s="613"/>
      <c r="EQK723" s="613"/>
      <c r="EQL723" s="613"/>
      <c r="EQM723" s="613"/>
      <c r="EQN723" s="613"/>
      <c r="EQO723" s="613"/>
      <c r="EQP723" s="613"/>
      <c r="EQQ723" s="613"/>
      <c r="EQR723" s="613"/>
      <c r="EQS723" s="613"/>
      <c r="EQT723" s="613"/>
      <c r="EQU723" s="613"/>
      <c r="EQV723" s="613"/>
      <c r="EQW723" s="613"/>
      <c r="EQX723" s="613"/>
      <c r="EQY723" s="613"/>
      <c r="EQZ723" s="613"/>
      <c r="ERA723" s="613"/>
      <c r="ERB723" s="613"/>
      <c r="ERC723" s="613"/>
      <c r="ERD723" s="613"/>
      <c r="ERE723" s="613"/>
      <c r="ERF723" s="613"/>
      <c r="ERG723" s="613"/>
      <c r="ERH723" s="613"/>
      <c r="ERI723" s="613"/>
      <c r="ERJ723" s="613"/>
      <c r="ERK723" s="613"/>
      <c r="ERL723" s="613"/>
      <c r="ERM723" s="613"/>
      <c r="ERN723" s="613"/>
      <c r="ERO723" s="613"/>
      <c r="ERP723" s="613"/>
      <c r="ERQ723" s="613"/>
      <c r="ERR723" s="613"/>
      <c r="ERS723" s="613"/>
      <c r="ERT723" s="613"/>
      <c r="ERU723" s="613"/>
      <c r="ERV723" s="613"/>
      <c r="ERW723" s="613"/>
      <c r="ERX723" s="613"/>
      <c r="ERY723" s="613"/>
      <c r="ERZ723" s="613"/>
      <c r="ESA723" s="613"/>
      <c r="ESB723" s="613"/>
      <c r="ESC723" s="613"/>
      <c r="ESD723" s="613"/>
      <c r="ESE723" s="613"/>
      <c r="ESF723" s="613"/>
      <c r="ESG723" s="613"/>
      <c r="ESH723" s="613"/>
      <c r="ESI723" s="613"/>
      <c r="ESJ723" s="613"/>
      <c r="ESK723" s="613"/>
      <c r="ESL723" s="613"/>
      <c r="ESM723" s="613"/>
      <c r="ESN723" s="613"/>
      <c r="ESO723" s="613"/>
      <c r="ESP723" s="613"/>
      <c r="ESQ723" s="613"/>
      <c r="ESR723" s="613"/>
      <c r="ESS723" s="613"/>
      <c r="EST723" s="613"/>
      <c r="ESU723" s="613"/>
      <c r="ESV723" s="613"/>
      <c r="ESW723" s="613"/>
      <c r="ESX723" s="613"/>
      <c r="ESY723" s="613"/>
      <c r="ESZ723" s="613"/>
      <c r="ETA723" s="613"/>
      <c r="ETB723" s="613"/>
      <c r="ETC723" s="613"/>
      <c r="ETD723" s="613"/>
      <c r="ETE723" s="613"/>
      <c r="ETF723" s="613"/>
      <c r="ETG723" s="613"/>
      <c r="ETH723" s="613"/>
      <c r="ETI723" s="613"/>
      <c r="ETJ723" s="613"/>
      <c r="ETK723" s="613"/>
      <c r="ETL723" s="613"/>
      <c r="ETM723" s="613"/>
      <c r="ETN723" s="613"/>
      <c r="ETO723" s="613"/>
      <c r="ETP723" s="613"/>
      <c r="ETQ723" s="613"/>
      <c r="ETR723" s="613"/>
      <c r="ETS723" s="613"/>
      <c r="ETT723" s="613"/>
      <c r="ETU723" s="613"/>
      <c r="ETV723" s="613"/>
      <c r="ETW723" s="613"/>
      <c r="ETX723" s="613"/>
      <c r="ETY723" s="613"/>
      <c r="ETZ723" s="613"/>
      <c r="EUA723" s="613"/>
      <c r="EUB723" s="613"/>
      <c r="EUC723" s="613"/>
      <c r="EUD723" s="613"/>
      <c r="EUE723" s="613"/>
      <c r="EUF723" s="613"/>
      <c r="EUG723" s="613"/>
      <c r="EUH723" s="613"/>
      <c r="EUI723" s="613"/>
      <c r="EUJ723" s="613"/>
      <c r="EUK723" s="613"/>
      <c r="EUL723" s="613"/>
      <c r="EUM723" s="613"/>
      <c r="EUN723" s="613"/>
      <c r="EUO723" s="613"/>
      <c r="EUP723" s="613"/>
      <c r="EUQ723" s="613"/>
      <c r="EUR723" s="613"/>
      <c r="EUS723" s="613"/>
      <c r="EUT723" s="613"/>
      <c r="EUU723" s="613"/>
      <c r="EUV723" s="613"/>
      <c r="EUW723" s="613"/>
      <c r="EUX723" s="613"/>
      <c r="EUY723" s="613"/>
      <c r="EUZ723" s="613"/>
      <c r="EVA723" s="613"/>
      <c r="EVB723" s="613"/>
      <c r="EVC723" s="613"/>
      <c r="EVD723" s="613"/>
      <c r="EVE723" s="613"/>
      <c r="EVF723" s="613"/>
      <c r="EVG723" s="613"/>
      <c r="EVH723" s="613"/>
      <c r="EVI723" s="613"/>
      <c r="EVJ723" s="613"/>
      <c r="EVK723" s="613"/>
      <c r="EVL723" s="613"/>
      <c r="EVM723" s="613"/>
      <c r="EVN723" s="613"/>
      <c r="EVO723" s="613"/>
      <c r="EVP723" s="613"/>
      <c r="EVQ723" s="613"/>
      <c r="EVR723" s="613"/>
      <c r="EVS723" s="613"/>
      <c r="EVT723" s="613"/>
      <c r="EVU723" s="613"/>
      <c r="EVV723" s="613"/>
      <c r="EVW723" s="613"/>
      <c r="EVX723" s="613"/>
      <c r="EVY723" s="613"/>
      <c r="EVZ723" s="613"/>
      <c r="EWA723" s="613"/>
      <c r="EWB723" s="613"/>
      <c r="EWC723" s="613"/>
      <c r="EWD723" s="613"/>
      <c r="EWE723" s="613"/>
      <c r="EWF723" s="613"/>
      <c r="EWG723" s="613"/>
      <c r="EWH723" s="613"/>
      <c r="EWI723" s="613"/>
      <c r="EWJ723" s="613"/>
      <c r="EWK723" s="613"/>
      <c r="EWL723" s="613"/>
      <c r="EWM723" s="613"/>
      <c r="EWN723" s="613"/>
      <c r="EWO723" s="613"/>
      <c r="EWP723" s="613"/>
      <c r="EWQ723" s="613"/>
      <c r="EWR723" s="613"/>
      <c r="EWS723" s="613"/>
      <c r="EWT723" s="613"/>
      <c r="EWU723" s="613"/>
      <c r="EWV723" s="613"/>
      <c r="EWW723" s="613"/>
      <c r="EWX723" s="613"/>
      <c r="EWY723" s="613"/>
      <c r="EWZ723" s="613"/>
      <c r="EXA723" s="613"/>
      <c r="EXB723" s="613"/>
      <c r="EXC723" s="613"/>
      <c r="EXD723" s="613"/>
      <c r="EXE723" s="613"/>
      <c r="EXF723" s="613"/>
      <c r="EXG723" s="613"/>
      <c r="EXH723" s="613"/>
      <c r="EXI723" s="613"/>
      <c r="EXJ723" s="613"/>
      <c r="EXK723" s="613"/>
      <c r="EXL723" s="613"/>
      <c r="EXM723" s="613"/>
      <c r="EXN723" s="613"/>
      <c r="EXO723" s="613"/>
      <c r="EXP723" s="613"/>
      <c r="EXQ723" s="613"/>
      <c r="EXR723" s="613"/>
      <c r="EXS723" s="613"/>
      <c r="EXT723" s="613"/>
      <c r="EXU723" s="613"/>
      <c r="EXV723" s="613"/>
      <c r="EXW723" s="613"/>
      <c r="EXX723" s="613"/>
      <c r="EXY723" s="613"/>
      <c r="EXZ723" s="613"/>
      <c r="EYA723" s="613"/>
      <c r="EYB723" s="613"/>
      <c r="EYC723" s="613"/>
      <c r="EYD723" s="613"/>
      <c r="EYE723" s="613"/>
      <c r="EYF723" s="613"/>
      <c r="EYG723" s="613"/>
      <c r="EYH723" s="613"/>
      <c r="EYI723" s="613"/>
      <c r="EYJ723" s="613"/>
      <c r="EYK723" s="613"/>
      <c r="EYL723" s="613"/>
      <c r="EYM723" s="613"/>
      <c r="EYN723" s="613"/>
      <c r="EYO723" s="613"/>
      <c r="EYP723" s="613"/>
      <c r="EYQ723" s="613"/>
      <c r="EYR723" s="613"/>
      <c r="EYS723" s="613"/>
      <c r="EYT723" s="613"/>
      <c r="EYU723" s="613"/>
      <c r="EYV723" s="613"/>
      <c r="EYW723" s="613"/>
      <c r="EYX723" s="613"/>
      <c r="EYY723" s="613"/>
      <c r="EYZ723" s="613"/>
      <c r="EZA723" s="613"/>
      <c r="EZB723" s="613"/>
      <c r="EZC723" s="613"/>
      <c r="EZD723" s="613"/>
      <c r="EZE723" s="613"/>
      <c r="EZF723" s="613"/>
      <c r="EZG723" s="613"/>
      <c r="EZH723" s="613"/>
      <c r="EZI723" s="613"/>
      <c r="EZJ723" s="613"/>
      <c r="EZK723" s="613"/>
      <c r="EZL723" s="613"/>
      <c r="EZM723" s="613"/>
      <c r="EZN723" s="613"/>
      <c r="EZO723" s="613"/>
      <c r="EZP723" s="613"/>
      <c r="EZQ723" s="613"/>
      <c r="EZR723" s="613"/>
      <c r="EZS723" s="613"/>
      <c r="EZT723" s="613"/>
      <c r="EZU723" s="613"/>
      <c r="EZV723" s="613"/>
      <c r="EZW723" s="613"/>
      <c r="EZX723" s="613"/>
      <c r="EZY723" s="613"/>
      <c r="EZZ723" s="613"/>
      <c r="FAA723" s="613"/>
      <c r="FAB723" s="613"/>
      <c r="FAC723" s="613"/>
      <c r="FAD723" s="613"/>
      <c r="FAE723" s="613"/>
      <c r="FAF723" s="613"/>
      <c r="FAG723" s="613"/>
      <c r="FAH723" s="613"/>
      <c r="FAI723" s="613"/>
      <c r="FAJ723" s="613"/>
      <c r="FAK723" s="613"/>
      <c r="FAL723" s="613"/>
      <c r="FAM723" s="613"/>
      <c r="FAN723" s="613"/>
      <c r="FAO723" s="613"/>
      <c r="FAP723" s="613"/>
      <c r="FAQ723" s="613"/>
      <c r="FAR723" s="613"/>
      <c r="FAS723" s="613"/>
      <c r="FAT723" s="613"/>
      <c r="FAU723" s="613"/>
      <c r="FAV723" s="613"/>
      <c r="FAW723" s="613"/>
      <c r="FAX723" s="613"/>
      <c r="FAY723" s="613"/>
      <c r="FAZ723" s="613"/>
      <c r="FBA723" s="613"/>
      <c r="FBB723" s="613"/>
      <c r="FBC723" s="613"/>
      <c r="FBD723" s="613"/>
      <c r="FBE723" s="613"/>
      <c r="FBF723" s="613"/>
      <c r="FBG723" s="613"/>
      <c r="FBH723" s="613"/>
      <c r="FBI723" s="613"/>
      <c r="FBJ723" s="613"/>
      <c r="FBK723" s="613"/>
      <c r="FBL723" s="613"/>
      <c r="FBM723" s="613"/>
      <c r="FBN723" s="613"/>
      <c r="FBO723" s="613"/>
      <c r="FBP723" s="613"/>
      <c r="FBQ723" s="613"/>
      <c r="FBR723" s="613"/>
      <c r="FBS723" s="613"/>
      <c r="FBT723" s="613"/>
      <c r="FBU723" s="613"/>
      <c r="FBV723" s="613"/>
      <c r="FBW723" s="613"/>
      <c r="FBX723" s="613"/>
      <c r="FBY723" s="613"/>
      <c r="FBZ723" s="613"/>
      <c r="FCA723" s="613"/>
      <c r="FCB723" s="613"/>
      <c r="FCC723" s="613"/>
      <c r="FCD723" s="613"/>
      <c r="FCE723" s="613"/>
      <c r="FCF723" s="613"/>
      <c r="FCG723" s="613"/>
      <c r="FCH723" s="613"/>
      <c r="FCI723" s="613"/>
      <c r="FCJ723" s="613"/>
      <c r="FCK723" s="613"/>
      <c r="FCL723" s="613"/>
      <c r="FCM723" s="613"/>
      <c r="FCN723" s="613"/>
      <c r="FCO723" s="613"/>
      <c r="FCP723" s="613"/>
      <c r="FCQ723" s="613"/>
      <c r="FCR723" s="613"/>
      <c r="FCS723" s="613"/>
      <c r="FCT723" s="613"/>
      <c r="FCU723" s="613"/>
      <c r="FCV723" s="613"/>
      <c r="FCW723" s="613"/>
      <c r="FCX723" s="613"/>
      <c r="FCY723" s="613"/>
      <c r="FCZ723" s="613"/>
      <c r="FDA723" s="613"/>
      <c r="FDB723" s="613"/>
      <c r="FDC723" s="613"/>
      <c r="FDD723" s="613"/>
      <c r="FDE723" s="613"/>
      <c r="FDF723" s="613"/>
      <c r="FDG723" s="613"/>
      <c r="FDH723" s="613"/>
      <c r="FDI723" s="613"/>
      <c r="FDJ723" s="613"/>
      <c r="FDK723" s="613"/>
      <c r="FDL723" s="613"/>
      <c r="FDM723" s="613"/>
      <c r="FDN723" s="613"/>
      <c r="FDO723" s="613"/>
      <c r="FDP723" s="613"/>
      <c r="FDQ723" s="613"/>
      <c r="FDR723" s="613"/>
      <c r="FDS723" s="613"/>
      <c r="FDT723" s="613"/>
      <c r="FDU723" s="613"/>
      <c r="FDV723" s="613"/>
      <c r="FDW723" s="613"/>
      <c r="FDX723" s="613"/>
      <c r="FDY723" s="613"/>
      <c r="FDZ723" s="613"/>
      <c r="FEA723" s="613"/>
      <c r="FEB723" s="613"/>
      <c r="FEC723" s="613"/>
      <c r="FED723" s="613"/>
      <c r="FEE723" s="613"/>
      <c r="FEF723" s="613"/>
      <c r="FEG723" s="613"/>
      <c r="FEH723" s="613"/>
      <c r="FEI723" s="613"/>
      <c r="FEJ723" s="613"/>
      <c r="FEK723" s="613"/>
      <c r="FEL723" s="613"/>
      <c r="FEM723" s="613"/>
      <c r="FEN723" s="613"/>
      <c r="FEO723" s="613"/>
      <c r="FEP723" s="613"/>
      <c r="FEQ723" s="613"/>
      <c r="FER723" s="613"/>
      <c r="FES723" s="613"/>
      <c r="FET723" s="613"/>
      <c r="FEU723" s="613"/>
      <c r="FEV723" s="613"/>
      <c r="FEW723" s="613"/>
      <c r="FEX723" s="613"/>
      <c r="FEY723" s="613"/>
      <c r="FEZ723" s="613"/>
      <c r="FFA723" s="613"/>
      <c r="FFB723" s="613"/>
      <c r="FFC723" s="613"/>
      <c r="FFD723" s="613"/>
      <c r="FFE723" s="613"/>
      <c r="FFF723" s="613"/>
      <c r="FFG723" s="613"/>
      <c r="FFH723" s="613"/>
      <c r="FFI723" s="613"/>
      <c r="FFJ723" s="613"/>
      <c r="FFK723" s="613"/>
      <c r="FFL723" s="613"/>
      <c r="FFM723" s="613"/>
      <c r="FFN723" s="613"/>
      <c r="FFO723" s="613"/>
      <c r="FFP723" s="613"/>
      <c r="FFQ723" s="613"/>
      <c r="FFR723" s="613"/>
      <c r="FFS723" s="613"/>
      <c r="FFT723" s="613"/>
      <c r="FFU723" s="613"/>
      <c r="FFV723" s="613"/>
      <c r="FFW723" s="613"/>
      <c r="FFX723" s="613"/>
      <c r="FFY723" s="613"/>
      <c r="FFZ723" s="613"/>
      <c r="FGA723" s="613"/>
      <c r="FGB723" s="613"/>
      <c r="FGC723" s="613"/>
      <c r="FGD723" s="613"/>
      <c r="FGE723" s="613"/>
      <c r="FGF723" s="613"/>
      <c r="FGG723" s="613"/>
      <c r="FGH723" s="613"/>
      <c r="FGI723" s="613"/>
      <c r="FGJ723" s="613"/>
      <c r="FGK723" s="613"/>
      <c r="FGL723" s="613"/>
      <c r="FGM723" s="613"/>
      <c r="FGN723" s="613"/>
      <c r="FGO723" s="613"/>
      <c r="FGP723" s="613"/>
      <c r="FGQ723" s="613"/>
      <c r="FGR723" s="613"/>
      <c r="FGS723" s="613"/>
      <c r="FGT723" s="613"/>
      <c r="FGU723" s="613"/>
      <c r="FGV723" s="613"/>
      <c r="FGW723" s="613"/>
      <c r="FGX723" s="613"/>
      <c r="FGY723" s="613"/>
      <c r="FGZ723" s="613"/>
      <c r="FHA723" s="613"/>
      <c r="FHB723" s="613"/>
      <c r="FHC723" s="613"/>
      <c r="FHD723" s="613"/>
      <c r="FHE723" s="613"/>
      <c r="FHF723" s="613"/>
      <c r="FHG723" s="613"/>
      <c r="FHH723" s="613"/>
      <c r="FHI723" s="613"/>
      <c r="FHJ723" s="613"/>
      <c r="FHK723" s="613"/>
      <c r="FHL723" s="613"/>
      <c r="FHM723" s="613"/>
      <c r="FHN723" s="613"/>
      <c r="FHO723" s="613"/>
      <c r="FHP723" s="613"/>
      <c r="FHQ723" s="613"/>
      <c r="FHR723" s="613"/>
      <c r="FHS723" s="613"/>
      <c r="FHT723" s="613"/>
      <c r="FHU723" s="613"/>
      <c r="FHV723" s="613"/>
      <c r="FHW723" s="613"/>
      <c r="FHX723" s="613"/>
      <c r="FHY723" s="613"/>
      <c r="FHZ723" s="613"/>
      <c r="FIA723" s="613"/>
      <c r="FIB723" s="613"/>
      <c r="FIC723" s="613"/>
      <c r="FID723" s="613"/>
      <c r="FIE723" s="613"/>
      <c r="FIF723" s="613"/>
      <c r="FIG723" s="613"/>
      <c r="FIH723" s="613"/>
      <c r="FII723" s="613"/>
      <c r="FIJ723" s="613"/>
      <c r="FIK723" s="613"/>
      <c r="FIL723" s="613"/>
      <c r="FIM723" s="613"/>
      <c r="FIN723" s="613"/>
      <c r="FIO723" s="613"/>
      <c r="FIP723" s="613"/>
      <c r="FIQ723" s="613"/>
      <c r="FIR723" s="613"/>
      <c r="FIS723" s="613"/>
      <c r="FIT723" s="613"/>
      <c r="FIU723" s="613"/>
      <c r="FIV723" s="613"/>
      <c r="FIW723" s="613"/>
      <c r="FIX723" s="613"/>
      <c r="FIY723" s="613"/>
      <c r="FIZ723" s="613"/>
      <c r="FJA723" s="613"/>
      <c r="FJB723" s="613"/>
      <c r="FJC723" s="613"/>
      <c r="FJD723" s="613"/>
      <c r="FJE723" s="613"/>
      <c r="FJF723" s="613"/>
      <c r="FJG723" s="613"/>
      <c r="FJH723" s="613"/>
      <c r="FJI723" s="613"/>
      <c r="FJJ723" s="613"/>
      <c r="FJK723" s="613"/>
      <c r="FJL723" s="613"/>
      <c r="FJM723" s="613"/>
      <c r="FJN723" s="613"/>
      <c r="FJO723" s="613"/>
      <c r="FJP723" s="613"/>
      <c r="FJQ723" s="613"/>
      <c r="FJR723" s="613"/>
      <c r="FJS723" s="613"/>
      <c r="FJT723" s="613"/>
      <c r="FJU723" s="613"/>
      <c r="FJV723" s="613"/>
      <c r="FJW723" s="613"/>
      <c r="FJX723" s="613"/>
      <c r="FJY723" s="613"/>
      <c r="FJZ723" s="613"/>
      <c r="FKA723" s="613"/>
      <c r="FKB723" s="613"/>
      <c r="FKC723" s="613"/>
      <c r="FKD723" s="613"/>
      <c r="FKE723" s="613"/>
      <c r="FKF723" s="613"/>
      <c r="FKG723" s="613"/>
      <c r="FKH723" s="613"/>
      <c r="FKI723" s="613"/>
      <c r="FKJ723" s="613"/>
      <c r="FKK723" s="613"/>
      <c r="FKL723" s="613"/>
      <c r="FKM723" s="613"/>
      <c r="FKN723" s="613"/>
      <c r="FKO723" s="613"/>
      <c r="FKP723" s="613"/>
      <c r="FKQ723" s="613"/>
      <c r="FKR723" s="613"/>
      <c r="FKS723" s="613"/>
      <c r="FKT723" s="613"/>
      <c r="FKU723" s="613"/>
      <c r="FKV723" s="613"/>
      <c r="FKW723" s="613"/>
      <c r="FKX723" s="613"/>
      <c r="FKY723" s="613"/>
      <c r="FKZ723" s="613"/>
      <c r="FLA723" s="613"/>
      <c r="FLB723" s="613"/>
      <c r="FLC723" s="613"/>
      <c r="FLD723" s="613"/>
      <c r="FLE723" s="613"/>
      <c r="FLF723" s="613"/>
      <c r="FLG723" s="613"/>
      <c r="FLH723" s="613"/>
      <c r="FLI723" s="613"/>
      <c r="FLJ723" s="613"/>
      <c r="FLK723" s="613"/>
      <c r="FLL723" s="613"/>
      <c r="FLM723" s="613"/>
      <c r="FLN723" s="613"/>
      <c r="FLO723" s="613"/>
      <c r="FLP723" s="613"/>
      <c r="FLQ723" s="613"/>
      <c r="FLR723" s="613"/>
      <c r="FLS723" s="613"/>
      <c r="FLT723" s="613"/>
      <c r="FLU723" s="613"/>
      <c r="FLV723" s="613"/>
      <c r="FLW723" s="613"/>
      <c r="FLX723" s="613"/>
      <c r="FLY723" s="613"/>
      <c r="FLZ723" s="613"/>
      <c r="FMA723" s="613"/>
      <c r="FMB723" s="613"/>
      <c r="FMC723" s="613"/>
      <c r="FMD723" s="613"/>
      <c r="FME723" s="613"/>
      <c r="FMF723" s="613"/>
      <c r="FMG723" s="613"/>
      <c r="FMH723" s="613"/>
      <c r="FMI723" s="613"/>
      <c r="FMJ723" s="613"/>
      <c r="FMK723" s="613"/>
      <c r="FML723" s="613"/>
      <c r="FMM723" s="613"/>
      <c r="FMN723" s="613"/>
      <c r="FMO723" s="613"/>
      <c r="FMP723" s="613"/>
      <c r="FMQ723" s="613"/>
      <c r="FMR723" s="613"/>
      <c r="FMS723" s="613"/>
      <c r="FMT723" s="613"/>
      <c r="FMU723" s="613"/>
      <c r="FMV723" s="613"/>
      <c r="FMW723" s="613"/>
      <c r="FMX723" s="613"/>
      <c r="FMY723" s="613"/>
      <c r="FMZ723" s="613"/>
      <c r="FNA723" s="613"/>
      <c r="FNB723" s="613"/>
      <c r="FNC723" s="613"/>
      <c r="FND723" s="613"/>
      <c r="FNE723" s="613"/>
      <c r="FNF723" s="613"/>
      <c r="FNG723" s="613"/>
      <c r="FNH723" s="613"/>
      <c r="FNI723" s="613"/>
      <c r="FNJ723" s="613"/>
      <c r="FNK723" s="613"/>
      <c r="FNL723" s="613"/>
      <c r="FNM723" s="613"/>
      <c r="FNN723" s="613"/>
      <c r="FNO723" s="613"/>
      <c r="FNP723" s="613"/>
      <c r="FNQ723" s="613"/>
      <c r="FNR723" s="613"/>
      <c r="FNS723" s="613"/>
      <c r="FNT723" s="613"/>
      <c r="FNU723" s="613"/>
      <c r="FNV723" s="613"/>
      <c r="FNW723" s="613"/>
      <c r="FNX723" s="613"/>
      <c r="FNY723" s="613"/>
      <c r="FNZ723" s="613"/>
      <c r="FOA723" s="613"/>
      <c r="FOB723" s="613"/>
      <c r="FOC723" s="613"/>
      <c r="FOD723" s="613"/>
      <c r="FOE723" s="613"/>
      <c r="FOF723" s="613"/>
      <c r="FOG723" s="613"/>
      <c r="FOH723" s="613"/>
      <c r="FOI723" s="613"/>
      <c r="FOJ723" s="613"/>
      <c r="FOK723" s="613"/>
      <c r="FOL723" s="613"/>
      <c r="FOM723" s="613"/>
      <c r="FON723" s="613"/>
      <c r="FOO723" s="613"/>
      <c r="FOP723" s="613"/>
      <c r="FOQ723" s="613"/>
      <c r="FOR723" s="613"/>
      <c r="FOS723" s="613"/>
      <c r="FOT723" s="613"/>
      <c r="FOU723" s="613"/>
      <c r="FOV723" s="613"/>
      <c r="FOW723" s="613"/>
      <c r="FOX723" s="613"/>
      <c r="FOY723" s="613"/>
      <c r="FOZ723" s="613"/>
      <c r="FPA723" s="613"/>
      <c r="FPB723" s="613"/>
      <c r="FPC723" s="613"/>
      <c r="FPD723" s="613"/>
      <c r="FPE723" s="613"/>
      <c r="FPF723" s="613"/>
      <c r="FPG723" s="613"/>
      <c r="FPH723" s="613"/>
      <c r="FPI723" s="613"/>
      <c r="FPJ723" s="613"/>
      <c r="FPK723" s="613"/>
      <c r="FPL723" s="613"/>
      <c r="FPM723" s="613"/>
      <c r="FPN723" s="613"/>
      <c r="FPO723" s="613"/>
      <c r="FPP723" s="613"/>
      <c r="FPQ723" s="613"/>
      <c r="FPR723" s="613"/>
      <c r="FPS723" s="613"/>
      <c r="FPT723" s="613"/>
      <c r="FPU723" s="613"/>
      <c r="FPV723" s="613"/>
      <c r="FPW723" s="613"/>
      <c r="FPX723" s="613"/>
      <c r="FPY723" s="613"/>
      <c r="FPZ723" s="613"/>
      <c r="FQA723" s="613"/>
      <c r="FQB723" s="613"/>
      <c r="FQC723" s="613"/>
      <c r="FQD723" s="613"/>
      <c r="FQE723" s="613"/>
      <c r="FQF723" s="613"/>
      <c r="FQG723" s="613"/>
      <c r="FQH723" s="613"/>
      <c r="FQI723" s="613"/>
      <c r="FQJ723" s="613"/>
      <c r="FQK723" s="613"/>
      <c r="FQL723" s="613"/>
      <c r="FQM723" s="613"/>
      <c r="FQN723" s="613"/>
      <c r="FQO723" s="613"/>
      <c r="FQP723" s="613"/>
      <c r="FQQ723" s="613"/>
      <c r="FQR723" s="613"/>
      <c r="FQS723" s="613"/>
      <c r="FQT723" s="613"/>
      <c r="FQU723" s="613"/>
      <c r="FQV723" s="613"/>
      <c r="FQW723" s="613"/>
      <c r="FQX723" s="613"/>
      <c r="FQY723" s="613"/>
      <c r="FQZ723" s="613"/>
      <c r="FRA723" s="613"/>
      <c r="FRB723" s="613"/>
      <c r="FRC723" s="613"/>
      <c r="FRD723" s="613"/>
      <c r="FRE723" s="613"/>
      <c r="FRF723" s="613"/>
      <c r="FRG723" s="613"/>
      <c r="FRH723" s="613"/>
      <c r="FRI723" s="613"/>
      <c r="FRJ723" s="613"/>
      <c r="FRK723" s="613"/>
      <c r="FRL723" s="613"/>
      <c r="FRM723" s="613"/>
      <c r="FRN723" s="613"/>
      <c r="FRO723" s="613"/>
      <c r="FRP723" s="613"/>
      <c r="FRQ723" s="613"/>
      <c r="FRR723" s="613"/>
      <c r="FRS723" s="613"/>
      <c r="FRT723" s="613"/>
      <c r="FRU723" s="613"/>
      <c r="FRV723" s="613"/>
      <c r="FRW723" s="613"/>
      <c r="FRX723" s="613"/>
      <c r="FRY723" s="613"/>
      <c r="FRZ723" s="613"/>
      <c r="FSA723" s="613"/>
      <c r="FSB723" s="613"/>
      <c r="FSC723" s="613"/>
      <c r="FSD723" s="613"/>
      <c r="FSE723" s="613"/>
      <c r="FSF723" s="613"/>
      <c r="FSG723" s="613"/>
      <c r="FSH723" s="613"/>
      <c r="FSI723" s="613"/>
      <c r="FSJ723" s="613"/>
      <c r="FSK723" s="613"/>
      <c r="FSL723" s="613"/>
      <c r="FSM723" s="613"/>
      <c r="FSN723" s="613"/>
      <c r="FSO723" s="613"/>
      <c r="FSP723" s="613"/>
      <c r="FSQ723" s="613"/>
      <c r="FSR723" s="613"/>
      <c r="FSS723" s="613"/>
      <c r="FST723" s="613"/>
      <c r="FSU723" s="613"/>
      <c r="FSV723" s="613"/>
      <c r="FSW723" s="613"/>
      <c r="FSX723" s="613"/>
      <c r="FSY723" s="613"/>
      <c r="FSZ723" s="613"/>
      <c r="FTA723" s="613"/>
      <c r="FTB723" s="613"/>
      <c r="FTC723" s="613"/>
      <c r="FTD723" s="613"/>
      <c r="FTE723" s="613"/>
      <c r="FTF723" s="613"/>
      <c r="FTG723" s="613"/>
      <c r="FTH723" s="613"/>
      <c r="FTI723" s="613"/>
      <c r="FTJ723" s="613"/>
      <c r="FTK723" s="613"/>
      <c r="FTL723" s="613"/>
      <c r="FTM723" s="613"/>
      <c r="FTN723" s="613"/>
      <c r="FTO723" s="613"/>
      <c r="FTP723" s="613"/>
      <c r="FTQ723" s="613"/>
      <c r="FTR723" s="613"/>
      <c r="FTS723" s="613"/>
      <c r="FTT723" s="613"/>
      <c r="FTU723" s="613"/>
      <c r="FTV723" s="613"/>
      <c r="FTW723" s="613"/>
      <c r="FTX723" s="613"/>
      <c r="FTY723" s="613"/>
      <c r="FTZ723" s="613"/>
      <c r="FUA723" s="613"/>
      <c r="FUB723" s="613"/>
      <c r="FUC723" s="613"/>
      <c r="FUD723" s="613"/>
      <c r="FUE723" s="613"/>
      <c r="FUF723" s="613"/>
      <c r="FUG723" s="613"/>
      <c r="FUH723" s="613"/>
      <c r="FUI723" s="613"/>
      <c r="FUJ723" s="613"/>
      <c r="FUK723" s="613"/>
      <c r="FUL723" s="613"/>
      <c r="FUM723" s="613"/>
      <c r="FUN723" s="613"/>
      <c r="FUO723" s="613"/>
      <c r="FUP723" s="613"/>
      <c r="FUQ723" s="613"/>
      <c r="FUR723" s="613"/>
      <c r="FUS723" s="613"/>
      <c r="FUT723" s="613"/>
      <c r="FUU723" s="613"/>
      <c r="FUV723" s="613"/>
      <c r="FUW723" s="613"/>
      <c r="FUX723" s="613"/>
      <c r="FUY723" s="613"/>
      <c r="FUZ723" s="613"/>
      <c r="FVA723" s="613"/>
      <c r="FVB723" s="613"/>
      <c r="FVC723" s="613"/>
      <c r="FVD723" s="613"/>
      <c r="FVE723" s="613"/>
      <c r="FVF723" s="613"/>
      <c r="FVG723" s="613"/>
      <c r="FVH723" s="613"/>
      <c r="FVI723" s="613"/>
      <c r="FVJ723" s="613"/>
      <c r="FVK723" s="613"/>
      <c r="FVL723" s="613"/>
      <c r="FVM723" s="613"/>
      <c r="FVN723" s="613"/>
      <c r="FVO723" s="613"/>
      <c r="FVP723" s="613"/>
      <c r="FVQ723" s="613"/>
      <c r="FVR723" s="613"/>
      <c r="FVS723" s="613"/>
      <c r="FVT723" s="613"/>
      <c r="FVU723" s="613"/>
      <c r="FVV723" s="613"/>
      <c r="FVW723" s="613"/>
      <c r="FVX723" s="613"/>
      <c r="FVY723" s="613"/>
      <c r="FVZ723" s="613"/>
      <c r="FWA723" s="613"/>
      <c r="FWB723" s="613"/>
      <c r="FWC723" s="613"/>
      <c r="FWD723" s="613"/>
      <c r="FWE723" s="613"/>
      <c r="FWF723" s="613"/>
      <c r="FWG723" s="613"/>
      <c r="FWH723" s="613"/>
      <c r="FWI723" s="613"/>
      <c r="FWJ723" s="613"/>
      <c r="FWK723" s="613"/>
      <c r="FWL723" s="613"/>
      <c r="FWM723" s="613"/>
      <c r="FWN723" s="613"/>
      <c r="FWO723" s="613"/>
      <c r="FWP723" s="613"/>
      <c r="FWQ723" s="613"/>
      <c r="FWR723" s="613"/>
      <c r="FWS723" s="613"/>
      <c r="FWT723" s="613"/>
      <c r="FWU723" s="613"/>
      <c r="FWV723" s="613"/>
      <c r="FWW723" s="613"/>
      <c r="FWX723" s="613"/>
      <c r="FWY723" s="613"/>
      <c r="FWZ723" s="613"/>
      <c r="FXA723" s="613"/>
      <c r="FXB723" s="613"/>
      <c r="FXC723" s="613"/>
      <c r="FXD723" s="613"/>
      <c r="FXE723" s="613"/>
      <c r="FXF723" s="613"/>
      <c r="FXG723" s="613"/>
      <c r="FXH723" s="613"/>
      <c r="FXI723" s="613"/>
      <c r="FXJ723" s="613"/>
      <c r="FXK723" s="613"/>
      <c r="FXL723" s="613"/>
      <c r="FXM723" s="613"/>
      <c r="FXN723" s="613"/>
      <c r="FXO723" s="613"/>
      <c r="FXP723" s="613"/>
      <c r="FXQ723" s="613"/>
      <c r="FXR723" s="613"/>
      <c r="FXS723" s="613"/>
      <c r="FXT723" s="613"/>
      <c r="FXU723" s="613"/>
      <c r="FXV723" s="613"/>
      <c r="FXW723" s="613"/>
      <c r="FXX723" s="613"/>
      <c r="FXY723" s="613"/>
      <c r="FXZ723" s="613"/>
      <c r="FYA723" s="613"/>
      <c r="FYB723" s="613"/>
      <c r="FYC723" s="613"/>
      <c r="FYD723" s="613"/>
      <c r="FYE723" s="613"/>
      <c r="FYF723" s="613"/>
      <c r="FYG723" s="613"/>
      <c r="FYH723" s="613"/>
      <c r="FYI723" s="613"/>
      <c r="FYJ723" s="613"/>
      <c r="FYK723" s="613"/>
      <c r="FYL723" s="613"/>
      <c r="FYM723" s="613"/>
      <c r="FYN723" s="613"/>
      <c r="FYO723" s="613"/>
      <c r="FYP723" s="613"/>
      <c r="FYQ723" s="613"/>
      <c r="FYR723" s="613"/>
      <c r="FYS723" s="613"/>
      <c r="FYT723" s="613"/>
      <c r="FYU723" s="613"/>
      <c r="FYV723" s="613"/>
      <c r="FYW723" s="613"/>
      <c r="FYX723" s="613"/>
      <c r="FYY723" s="613"/>
      <c r="FYZ723" s="613"/>
      <c r="FZA723" s="613"/>
      <c r="FZB723" s="613"/>
      <c r="FZC723" s="613"/>
      <c r="FZD723" s="613"/>
      <c r="FZE723" s="613"/>
      <c r="FZF723" s="613"/>
      <c r="FZG723" s="613"/>
      <c r="FZH723" s="613"/>
      <c r="FZI723" s="613"/>
      <c r="FZJ723" s="613"/>
      <c r="FZK723" s="613"/>
      <c r="FZL723" s="613"/>
      <c r="FZM723" s="613"/>
      <c r="FZN723" s="613"/>
      <c r="FZO723" s="613"/>
      <c r="FZP723" s="613"/>
      <c r="FZQ723" s="613"/>
      <c r="FZR723" s="613"/>
      <c r="FZS723" s="613"/>
      <c r="FZT723" s="613"/>
      <c r="FZU723" s="613"/>
      <c r="FZV723" s="613"/>
      <c r="FZW723" s="613"/>
      <c r="FZX723" s="613"/>
      <c r="FZY723" s="613"/>
      <c r="FZZ723" s="613"/>
      <c r="GAA723" s="613"/>
      <c r="GAB723" s="613"/>
      <c r="GAC723" s="613"/>
      <c r="GAD723" s="613"/>
      <c r="GAE723" s="613"/>
      <c r="GAF723" s="613"/>
      <c r="GAG723" s="613"/>
      <c r="GAH723" s="613"/>
      <c r="GAI723" s="613"/>
      <c r="GAJ723" s="613"/>
      <c r="GAK723" s="613"/>
      <c r="GAL723" s="613"/>
      <c r="GAM723" s="613"/>
      <c r="GAN723" s="613"/>
      <c r="GAO723" s="613"/>
      <c r="GAP723" s="613"/>
      <c r="GAQ723" s="613"/>
      <c r="GAR723" s="613"/>
      <c r="GAS723" s="613"/>
      <c r="GAT723" s="613"/>
      <c r="GAU723" s="613"/>
      <c r="GAV723" s="613"/>
      <c r="GAW723" s="613"/>
      <c r="GAX723" s="613"/>
      <c r="GAY723" s="613"/>
      <c r="GAZ723" s="613"/>
      <c r="GBA723" s="613"/>
      <c r="GBB723" s="613"/>
      <c r="GBC723" s="613"/>
      <c r="GBD723" s="613"/>
      <c r="GBE723" s="613"/>
      <c r="GBF723" s="613"/>
      <c r="GBG723" s="613"/>
      <c r="GBH723" s="613"/>
      <c r="GBI723" s="613"/>
      <c r="GBJ723" s="613"/>
      <c r="GBK723" s="613"/>
      <c r="GBL723" s="613"/>
      <c r="GBM723" s="613"/>
      <c r="GBN723" s="613"/>
      <c r="GBO723" s="613"/>
      <c r="GBP723" s="613"/>
      <c r="GBQ723" s="613"/>
      <c r="GBR723" s="613"/>
      <c r="GBS723" s="613"/>
      <c r="GBT723" s="613"/>
      <c r="GBU723" s="613"/>
      <c r="GBV723" s="613"/>
      <c r="GBW723" s="613"/>
      <c r="GBX723" s="613"/>
      <c r="GBY723" s="613"/>
      <c r="GBZ723" s="613"/>
      <c r="GCA723" s="613"/>
      <c r="GCB723" s="613"/>
      <c r="GCC723" s="613"/>
      <c r="GCD723" s="613"/>
      <c r="GCE723" s="613"/>
      <c r="GCF723" s="613"/>
      <c r="GCG723" s="613"/>
      <c r="GCH723" s="613"/>
      <c r="GCI723" s="613"/>
      <c r="GCJ723" s="613"/>
      <c r="GCK723" s="613"/>
      <c r="GCL723" s="613"/>
      <c r="GCM723" s="613"/>
      <c r="GCN723" s="613"/>
      <c r="GCO723" s="613"/>
      <c r="GCP723" s="613"/>
      <c r="GCQ723" s="613"/>
      <c r="GCR723" s="613"/>
      <c r="GCS723" s="613"/>
      <c r="GCT723" s="613"/>
      <c r="GCU723" s="613"/>
      <c r="GCV723" s="613"/>
      <c r="GCW723" s="613"/>
      <c r="GCX723" s="613"/>
      <c r="GCY723" s="613"/>
      <c r="GCZ723" s="613"/>
      <c r="GDA723" s="613"/>
      <c r="GDB723" s="613"/>
      <c r="GDC723" s="613"/>
      <c r="GDD723" s="613"/>
      <c r="GDE723" s="613"/>
      <c r="GDF723" s="613"/>
      <c r="GDG723" s="613"/>
      <c r="GDH723" s="613"/>
      <c r="GDI723" s="613"/>
      <c r="GDJ723" s="613"/>
      <c r="GDK723" s="613"/>
      <c r="GDL723" s="613"/>
      <c r="GDM723" s="613"/>
      <c r="GDN723" s="613"/>
      <c r="GDO723" s="613"/>
      <c r="GDP723" s="613"/>
      <c r="GDQ723" s="613"/>
      <c r="GDR723" s="613"/>
      <c r="GDS723" s="613"/>
      <c r="GDT723" s="613"/>
      <c r="GDU723" s="613"/>
      <c r="GDV723" s="613"/>
      <c r="GDW723" s="613"/>
      <c r="GDX723" s="613"/>
      <c r="GDY723" s="613"/>
      <c r="GDZ723" s="613"/>
      <c r="GEA723" s="613"/>
      <c r="GEB723" s="613"/>
      <c r="GEC723" s="613"/>
      <c r="GED723" s="613"/>
      <c r="GEE723" s="613"/>
      <c r="GEF723" s="613"/>
      <c r="GEG723" s="613"/>
      <c r="GEH723" s="613"/>
      <c r="GEI723" s="613"/>
      <c r="GEJ723" s="613"/>
      <c r="GEK723" s="613"/>
      <c r="GEL723" s="613"/>
      <c r="GEM723" s="613"/>
      <c r="GEN723" s="613"/>
      <c r="GEO723" s="613"/>
      <c r="GEP723" s="613"/>
      <c r="GEQ723" s="613"/>
      <c r="GER723" s="613"/>
      <c r="GES723" s="613"/>
      <c r="GET723" s="613"/>
      <c r="GEU723" s="613"/>
      <c r="GEV723" s="613"/>
      <c r="GEW723" s="613"/>
      <c r="GEX723" s="613"/>
      <c r="GEY723" s="613"/>
      <c r="GEZ723" s="613"/>
      <c r="GFA723" s="613"/>
      <c r="GFB723" s="613"/>
      <c r="GFC723" s="613"/>
      <c r="GFD723" s="613"/>
      <c r="GFE723" s="613"/>
      <c r="GFF723" s="613"/>
      <c r="GFG723" s="613"/>
      <c r="GFH723" s="613"/>
      <c r="GFI723" s="613"/>
      <c r="GFJ723" s="613"/>
      <c r="GFK723" s="613"/>
      <c r="GFL723" s="613"/>
      <c r="GFM723" s="613"/>
      <c r="GFN723" s="613"/>
      <c r="GFO723" s="613"/>
      <c r="GFP723" s="613"/>
      <c r="GFQ723" s="613"/>
      <c r="GFR723" s="613"/>
      <c r="GFS723" s="613"/>
      <c r="GFT723" s="613"/>
      <c r="GFU723" s="613"/>
      <c r="GFV723" s="613"/>
      <c r="GFW723" s="613"/>
      <c r="GFX723" s="613"/>
      <c r="GFY723" s="613"/>
      <c r="GFZ723" s="613"/>
      <c r="GGA723" s="613"/>
      <c r="GGB723" s="613"/>
      <c r="GGC723" s="613"/>
      <c r="GGD723" s="613"/>
      <c r="GGE723" s="613"/>
      <c r="GGF723" s="613"/>
      <c r="GGG723" s="613"/>
      <c r="GGH723" s="613"/>
      <c r="GGI723" s="613"/>
      <c r="GGJ723" s="613"/>
      <c r="GGK723" s="613"/>
      <c r="GGL723" s="613"/>
      <c r="GGM723" s="613"/>
      <c r="GGN723" s="613"/>
      <c r="GGO723" s="613"/>
      <c r="GGP723" s="613"/>
      <c r="GGQ723" s="613"/>
      <c r="GGR723" s="613"/>
      <c r="GGS723" s="613"/>
      <c r="GGT723" s="613"/>
      <c r="GGU723" s="613"/>
      <c r="GGV723" s="613"/>
      <c r="GGW723" s="613"/>
      <c r="GGX723" s="613"/>
      <c r="GGY723" s="613"/>
      <c r="GGZ723" s="613"/>
      <c r="GHA723" s="613"/>
      <c r="GHB723" s="613"/>
      <c r="GHC723" s="613"/>
      <c r="GHD723" s="613"/>
      <c r="GHE723" s="613"/>
      <c r="GHF723" s="613"/>
      <c r="GHG723" s="613"/>
      <c r="GHH723" s="613"/>
      <c r="GHI723" s="613"/>
      <c r="GHJ723" s="613"/>
      <c r="GHK723" s="613"/>
      <c r="GHL723" s="613"/>
      <c r="GHM723" s="613"/>
      <c r="GHN723" s="613"/>
      <c r="GHO723" s="613"/>
      <c r="GHP723" s="613"/>
      <c r="GHQ723" s="613"/>
      <c r="GHR723" s="613"/>
      <c r="GHS723" s="613"/>
      <c r="GHT723" s="613"/>
      <c r="GHU723" s="613"/>
      <c r="GHV723" s="613"/>
      <c r="GHW723" s="613"/>
      <c r="GHX723" s="613"/>
      <c r="GHY723" s="613"/>
      <c r="GHZ723" s="613"/>
      <c r="GIA723" s="613"/>
      <c r="GIB723" s="613"/>
      <c r="GIC723" s="613"/>
      <c r="GID723" s="613"/>
      <c r="GIE723" s="613"/>
      <c r="GIF723" s="613"/>
      <c r="GIG723" s="613"/>
      <c r="GIH723" s="613"/>
      <c r="GII723" s="613"/>
      <c r="GIJ723" s="613"/>
      <c r="GIK723" s="613"/>
      <c r="GIL723" s="613"/>
      <c r="GIM723" s="613"/>
      <c r="GIN723" s="613"/>
      <c r="GIO723" s="613"/>
      <c r="GIP723" s="613"/>
      <c r="GIQ723" s="613"/>
      <c r="GIR723" s="613"/>
      <c r="GIS723" s="613"/>
      <c r="GIT723" s="613"/>
      <c r="GIU723" s="613"/>
      <c r="GIV723" s="613"/>
      <c r="GIW723" s="613"/>
      <c r="GIX723" s="613"/>
      <c r="GIY723" s="613"/>
      <c r="GIZ723" s="613"/>
      <c r="GJA723" s="613"/>
      <c r="GJB723" s="613"/>
      <c r="GJC723" s="613"/>
      <c r="GJD723" s="613"/>
      <c r="GJE723" s="613"/>
      <c r="GJF723" s="613"/>
      <c r="GJG723" s="613"/>
      <c r="GJH723" s="613"/>
      <c r="GJI723" s="613"/>
      <c r="GJJ723" s="613"/>
      <c r="GJK723" s="613"/>
      <c r="GJL723" s="613"/>
      <c r="GJM723" s="613"/>
      <c r="GJN723" s="613"/>
      <c r="GJO723" s="613"/>
      <c r="GJP723" s="613"/>
      <c r="GJQ723" s="613"/>
      <c r="GJR723" s="613"/>
      <c r="GJS723" s="613"/>
      <c r="GJT723" s="613"/>
      <c r="GJU723" s="613"/>
      <c r="GJV723" s="613"/>
      <c r="GJW723" s="613"/>
      <c r="GJX723" s="613"/>
      <c r="GJY723" s="613"/>
      <c r="GJZ723" s="613"/>
      <c r="GKA723" s="613"/>
      <c r="GKB723" s="613"/>
      <c r="GKC723" s="613"/>
      <c r="GKD723" s="613"/>
      <c r="GKE723" s="613"/>
      <c r="GKF723" s="613"/>
      <c r="GKG723" s="613"/>
      <c r="GKH723" s="613"/>
      <c r="GKI723" s="613"/>
      <c r="GKJ723" s="613"/>
      <c r="GKK723" s="613"/>
      <c r="GKL723" s="613"/>
      <c r="GKM723" s="613"/>
      <c r="GKN723" s="613"/>
      <c r="GKO723" s="613"/>
      <c r="GKP723" s="613"/>
      <c r="GKQ723" s="613"/>
      <c r="GKR723" s="613"/>
      <c r="GKS723" s="613"/>
      <c r="GKT723" s="613"/>
      <c r="GKU723" s="613"/>
      <c r="GKV723" s="613"/>
      <c r="GKW723" s="613"/>
      <c r="GKX723" s="613"/>
      <c r="GKY723" s="613"/>
      <c r="GKZ723" s="613"/>
      <c r="GLA723" s="613"/>
      <c r="GLB723" s="613"/>
      <c r="GLC723" s="613"/>
      <c r="GLD723" s="613"/>
      <c r="GLE723" s="613"/>
      <c r="GLF723" s="613"/>
      <c r="GLG723" s="613"/>
      <c r="GLH723" s="613"/>
      <c r="GLI723" s="613"/>
      <c r="GLJ723" s="613"/>
      <c r="GLK723" s="613"/>
      <c r="GLL723" s="613"/>
      <c r="GLM723" s="613"/>
      <c r="GLN723" s="613"/>
      <c r="GLO723" s="613"/>
      <c r="GLP723" s="613"/>
      <c r="GLQ723" s="613"/>
      <c r="GLR723" s="613"/>
      <c r="GLS723" s="613"/>
      <c r="GLT723" s="613"/>
      <c r="GLU723" s="613"/>
      <c r="GLV723" s="613"/>
      <c r="GLW723" s="613"/>
      <c r="GLX723" s="613"/>
      <c r="GLY723" s="613"/>
      <c r="GLZ723" s="613"/>
      <c r="GMA723" s="613"/>
      <c r="GMB723" s="613"/>
      <c r="GMC723" s="613"/>
      <c r="GMD723" s="613"/>
      <c r="GME723" s="613"/>
      <c r="GMF723" s="613"/>
      <c r="GMG723" s="613"/>
      <c r="GMH723" s="613"/>
      <c r="GMI723" s="613"/>
      <c r="GMJ723" s="613"/>
      <c r="GMK723" s="613"/>
      <c r="GML723" s="613"/>
      <c r="GMM723" s="613"/>
      <c r="GMN723" s="613"/>
      <c r="GMO723" s="613"/>
      <c r="GMP723" s="613"/>
      <c r="GMQ723" s="613"/>
      <c r="GMR723" s="613"/>
      <c r="GMS723" s="613"/>
      <c r="GMT723" s="613"/>
      <c r="GMU723" s="613"/>
      <c r="GMV723" s="613"/>
      <c r="GMW723" s="613"/>
      <c r="GMX723" s="613"/>
      <c r="GMY723" s="613"/>
      <c r="GMZ723" s="613"/>
      <c r="GNA723" s="613"/>
      <c r="GNB723" s="613"/>
      <c r="GNC723" s="613"/>
      <c r="GND723" s="613"/>
      <c r="GNE723" s="613"/>
      <c r="GNF723" s="613"/>
      <c r="GNG723" s="613"/>
      <c r="GNH723" s="613"/>
      <c r="GNI723" s="613"/>
      <c r="GNJ723" s="613"/>
      <c r="GNK723" s="613"/>
      <c r="GNL723" s="613"/>
      <c r="GNM723" s="613"/>
      <c r="GNN723" s="613"/>
      <c r="GNO723" s="613"/>
      <c r="GNP723" s="613"/>
      <c r="GNQ723" s="613"/>
      <c r="GNR723" s="613"/>
      <c r="GNS723" s="613"/>
      <c r="GNT723" s="613"/>
      <c r="GNU723" s="613"/>
      <c r="GNV723" s="613"/>
      <c r="GNW723" s="613"/>
      <c r="GNX723" s="613"/>
      <c r="GNY723" s="613"/>
      <c r="GNZ723" s="613"/>
      <c r="GOA723" s="613"/>
      <c r="GOB723" s="613"/>
      <c r="GOC723" s="613"/>
      <c r="GOD723" s="613"/>
      <c r="GOE723" s="613"/>
      <c r="GOF723" s="613"/>
      <c r="GOG723" s="613"/>
      <c r="GOH723" s="613"/>
      <c r="GOI723" s="613"/>
      <c r="GOJ723" s="613"/>
      <c r="GOK723" s="613"/>
      <c r="GOL723" s="613"/>
      <c r="GOM723" s="613"/>
      <c r="GON723" s="613"/>
      <c r="GOO723" s="613"/>
      <c r="GOP723" s="613"/>
      <c r="GOQ723" s="613"/>
      <c r="GOR723" s="613"/>
      <c r="GOS723" s="613"/>
      <c r="GOT723" s="613"/>
      <c r="GOU723" s="613"/>
      <c r="GOV723" s="613"/>
      <c r="GOW723" s="613"/>
      <c r="GOX723" s="613"/>
      <c r="GOY723" s="613"/>
      <c r="GOZ723" s="613"/>
      <c r="GPA723" s="613"/>
      <c r="GPB723" s="613"/>
      <c r="GPC723" s="613"/>
      <c r="GPD723" s="613"/>
      <c r="GPE723" s="613"/>
      <c r="GPF723" s="613"/>
      <c r="GPG723" s="613"/>
      <c r="GPH723" s="613"/>
      <c r="GPI723" s="613"/>
      <c r="GPJ723" s="613"/>
      <c r="GPK723" s="613"/>
      <c r="GPL723" s="613"/>
      <c r="GPM723" s="613"/>
      <c r="GPN723" s="613"/>
      <c r="GPO723" s="613"/>
      <c r="GPP723" s="613"/>
      <c r="GPQ723" s="613"/>
      <c r="GPR723" s="613"/>
      <c r="GPS723" s="613"/>
      <c r="GPT723" s="613"/>
      <c r="GPU723" s="613"/>
      <c r="GPV723" s="613"/>
      <c r="GPW723" s="613"/>
      <c r="GPX723" s="613"/>
      <c r="GPY723" s="613"/>
      <c r="GPZ723" s="613"/>
      <c r="GQA723" s="613"/>
      <c r="GQB723" s="613"/>
      <c r="GQC723" s="613"/>
      <c r="GQD723" s="613"/>
      <c r="GQE723" s="613"/>
      <c r="GQF723" s="613"/>
      <c r="GQG723" s="613"/>
      <c r="GQH723" s="613"/>
      <c r="GQI723" s="613"/>
      <c r="GQJ723" s="613"/>
      <c r="GQK723" s="613"/>
      <c r="GQL723" s="613"/>
      <c r="GQM723" s="613"/>
      <c r="GQN723" s="613"/>
      <c r="GQO723" s="613"/>
      <c r="GQP723" s="613"/>
      <c r="GQQ723" s="613"/>
      <c r="GQR723" s="613"/>
      <c r="GQS723" s="613"/>
      <c r="GQT723" s="613"/>
      <c r="GQU723" s="613"/>
      <c r="GQV723" s="613"/>
      <c r="GQW723" s="613"/>
      <c r="GQX723" s="613"/>
      <c r="GQY723" s="613"/>
      <c r="GQZ723" s="613"/>
      <c r="GRA723" s="613"/>
      <c r="GRB723" s="613"/>
      <c r="GRC723" s="613"/>
      <c r="GRD723" s="613"/>
      <c r="GRE723" s="613"/>
      <c r="GRF723" s="613"/>
      <c r="GRG723" s="613"/>
      <c r="GRH723" s="613"/>
      <c r="GRI723" s="613"/>
      <c r="GRJ723" s="613"/>
      <c r="GRK723" s="613"/>
      <c r="GRL723" s="613"/>
      <c r="GRM723" s="613"/>
      <c r="GRN723" s="613"/>
      <c r="GRO723" s="613"/>
      <c r="GRP723" s="613"/>
      <c r="GRQ723" s="613"/>
      <c r="GRR723" s="613"/>
      <c r="GRS723" s="613"/>
      <c r="GRT723" s="613"/>
      <c r="GRU723" s="613"/>
      <c r="GRV723" s="613"/>
      <c r="GRW723" s="613"/>
      <c r="GRX723" s="613"/>
      <c r="GRY723" s="613"/>
      <c r="GRZ723" s="613"/>
      <c r="GSA723" s="613"/>
      <c r="GSB723" s="613"/>
      <c r="GSC723" s="613"/>
      <c r="GSD723" s="613"/>
      <c r="GSE723" s="613"/>
      <c r="GSF723" s="613"/>
      <c r="GSG723" s="613"/>
      <c r="GSH723" s="613"/>
      <c r="GSI723" s="613"/>
      <c r="GSJ723" s="613"/>
      <c r="GSK723" s="613"/>
      <c r="GSL723" s="613"/>
      <c r="GSM723" s="613"/>
      <c r="GSN723" s="613"/>
      <c r="GSO723" s="613"/>
      <c r="GSP723" s="613"/>
      <c r="GSQ723" s="613"/>
      <c r="GSR723" s="613"/>
      <c r="GSS723" s="613"/>
      <c r="GST723" s="613"/>
      <c r="GSU723" s="613"/>
      <c r="GSV723" s="613"/>
      <c r="GSW723" s="613"/>
      <c r="GSX723" s="613"/>
      <c r="GSY723" s="613"/>
      <c r="GSZ723" s="613"/>
      <c r="GTA723" s="613"/>
      <c r="GTB723" s="613"/>
      <c r="GTC723" s="613"/>
      <c r="GTD723" s="613"/>
      <c r="GTE723" s="613"/>
      <c r="GTF723" s="613"/>
      <c r="GTG723" s="613"/>
      <c r="GTH723" s="613"/>
      <c r="GTI723" s="613"/>
      <c r="GTJ723" s="613"/>
      <c r="GTK723" s="613"/>
      <c r="GTL723" s="613"/>
      <c r="GTM723" s="613"/>
      <c r="GTN723" s="613"/>
      <c r="GTO723" s="613"/>
      <c r="GTP723" s="613"/>
      <c r="GTQ723" s="613"/>
      <c r="GTR723" s="613"/>
      <c r="GTS723" s="613"/>
      <c r="GTT723" s="613"/>
      <c r="GTU723" s="613"/>
      <c r="GTV723" s="613"/>
      <c r="GTW723" s="613"/>
      <c r="GTX723" s="613"/>
      <c r="GTY723" s="613"/>
      <c r="GTZ723" s="613"/>
      <c r="GUA723" s="613"/>
      <c r="GUB723" s="613"/>
      <c r="GUC723" s="613"/>
      <c r="GUD723" s="613"/>
      <c r="GUE723" s="613"/>
      <c r="GUF723" s="613"/>
      <c r="GUG723" s="613"/>
      <c r="GUH723" s="613"/>
      <c r="GUI723" s="613"/>
      <c r="GUJ723" s="613"/>
      <c r="GUK723" s="613"/>
      <c r="GUL723" s="613"/>
      <c r="GUM723" s="613"/>
      <c r="GUN723" s="613"/>
      <c r="GUO723" s="613"/>
      <c r="GUP723" s="613"/>
      <c r="GUQ723" s="613"/>
      <c r="GUR723" s="613"/>
      <c r="GUS723" s="613"/>
      <c r="GUT723" s="613"/>
      <c r="GUU723" s="613"/>
      <c r="GUV723" s="613"/>
      <c r="GUW723" s="613"/>
      <c r="GUX723" s="613"/>
      <c r="GUY723" s="613"/>
      <c r="GUZ723" s="613"/>
      <c r="GVA723" s="613"/>
      <c r="GVB723" s="613"/>
      <c r="GVC723" s="613"/>
      <c r="GVD723" s="613"/>
      <c r="GVE723" s="613"/>
      <c r="GVF723" s="613"/>
      <c r="GVG723" s="613"/>
      <c r="GVH723" s="613"/>
      <c r="GVI723" s="613"/>
      <c r="GVJ723" s="613"/>
      <c r="GVK723" s="613"/>
      <c r="GVL723" s="613"/>
      <c r="GVM723" s="613"/>
      <c r="GVN723" s="613"/>
      <c r="GVO723" s="613"/>
      <c r="GVP723" s="613"/>
      <c r="GVQ723" s="613"/>
      <c r="GVR723" s="613"/>
      <c r="GVS723" s="613"/>
      <c r="GVT723" s="613"/>
      <c r="GVU723" s="613"/>
      <c r="GVV723" s="613"/>
      <c r="GVW723" s="613"/>
      <c r="GVX723" s="613"/>
      <c r="GVY723" s="613"/>
      <c r="GVZ723" s="613"/>
      <c r="GWA723" s="613"/>
      <c r="GWB723" s="613"/>
      <c r="GWC723" s="613"/>
      <c r="GWD723" s="613"/>
      <c r="GWE723" s="613"/>
      <c r="GWF723" s="613"/>
      <c r="GWG723" s="613"/>
      <c r="GWH723" s="613"/>
      <c r="GWI723" s="613"/>
      <c r="GWJ723" s="613"/>
      <c r="GWK723" s="613"/>
      <c r="GWL723" s="613"/>
      <c r="GWM723" s="613"/>
      <c r="GWN723" s="613"/>
      <c r="GWO723" s="613"/>
      <c r="GWP723" s="613"/>
      <c r="GWQ723" s="613"/>
      <c r="GWR723" s="613"/>
      <c r="GWS723" s="613"/>
      <c r="GWT723" s="613"/>
      <c r="GWU723" s="613"/>
      <c r="GWV723" s="613"/>
      <c r="GWW723" s="613"/>
      <c r="GWX723" s="613"/>
      <c r="GWY723" s="613"/>
      <c r="GWZ723" s="613"/>
      <c r="GXA723" s="613"/>
      <c r="GXB723" s="613"/>
      <c r="GXC723" s="613"/>
      <c r="GXD723" s="613"/>
      <c r="GXE723" s="613"/>
      <c r="GXF723" s="613"/>
      <c r="GXG723" s="613"/>
      <c r="GXH723" s="613"/>
      <c r="GXI723" s="613"/>
      <c r="GXJ723" s="613"/>
      <c r="GXK723" s="613"/>
      <c r="GXL723" s="613"/>
      <c r="GXM723" s="613"/>
      <c r="GXN723" s="613"/>
      <c r="GXO723" s="613"/>
      <c r="GXP723" s="613"/>
      <c r="GXQ723" s="613"/>
      <c r="GXR723" s="613"/>
      <c r="GXS723" s="613"/>
      <c r="GXT723" s="613"/>
      <c r="GXU723" s="613"/>
      <c r="GXV723" s="613"/>
      <c r="GXW723" s="613"/>
      <c r="GXX723" s="613"/>
      <c r="GXY723" s="613"/>
      <c r="GXZ723" s="613"/>
      <c r="GYA723" s="613"/>
      <c r="GYB723" s="613"/>
      <c r="GYC723" s="613"/>
      <c r="GYD723" s="613"/>
      <c r="GYE723" s="613"/>
      <c r="GYF723" s="613"/>
      <c r="GYG723" s="613"/>
      <c r="GYH723" s="613"/>
      <c r="GYI723" s="613"/>
      <c r="GYJ723" s="613"/>
      <c r="GYK723" s="613"/>
      <c r="GYL723" s="613"/>
      <c r="GYM723" s="613"/>
      <c r="GYN723" s="613"/>
      <c r="GYO723" s="613"/>
      <c r="GYP723" s="613"/>
      <c r="GYQ723" s="613"/>
      <c r="GYR723" s="613"/>
      <c r="GYS723" s="613"/>
      <c r="GYT723" s="613"/>
      <c r="GYU723" s="613"/>
      <c r="GYV723" s="613"/>
      <c r="GYW723" s="613"/>
      <c r="GYX723" s="613"/>
      <c r="GYY723" s="613"/>
      <c r="GYZ723" s="613"/>
      <c r="GZA723" s="613"/>
      <c r="GZB723" s="613"/>
      <c r="GZC723" s="613"/>
      <c r="GZD723" s="613"/>
      <c r="GZE723" s="613"/>
      <c r="GZF723" s="613"/>
      <c r="GZG723" s="613"/>
      <c r="GZH723" s="613"/>
      <c r="GZI723" s="613"/>
      <c r="GZJ723" s="613"/>
      <c r="GZK723" s="613"/>
      <c r="GZL723" s="613"/>
      <c r="GZM723" s="613"/>
      <c r="GZN723" s="613"/>
      <c r="GZO723" s="613"/>
      <c r="GZP723" s="613"/>
      <c r="GZQ723" s="613"/>
      <c r="GZR723" s="613"/>
      <c r="GZS723" s="613"/>
      <c r="GZT723" s="613"/>
      <c r="GZU723" s="613"/>
      <c r="GZV723" s="613"/>
      <c r="GZW723" s="613"/>
      <c r="GZX723" s="613"/>
      <c r="GZY723" s="613"/>
      <c r="GZZ723" s="613"/>
      <c r="HAA723" s="613"/>
      <c r="HAB723" s="613"/>
      <c r="HAC723" s="613"/>
      <c r="HAD723" s="613"/>
      <c r="HAE723" s="613"/>
      <c r="HAF723" s="613"/>
      <c r="HAG723" s="613"/>
      <c r="HAH723" s="613"/>
      <c r="HAI723" s="613"/>
      <c r="HAJ723" s="613"/>
      <c r="HAK723" s="613"/>
      <c r="HAL723" s="613"/>
      <c r="HAM723" s="613"/>
      <c r="HAN723" s="613"/>
      <c r="HAO723" s="613"/>
      <c r="HAP723" s="613"/>
      <c r="HAQ723" s="613"/>
      <c r="HAR723" s="613"/>
      <c r="HAS723" s="613"/>
      <c r="HAT723" s="613"/>
      <c r="HAU723" s="613"/>
      <c r="HAV723" s="613"/>
      <c r="HAW723" s="613"/>
      <c r="HAX723" s="613"/>
      <c r="HAY723" s="613"/>
      <c r="HAZ723" s="613"/>
      <c r="HBA723" s="613"/>
      <c r="HBB723" s="613"/>
      <c r="HBC723" s="613"/>
      <c r="HBD723" s="613"/>
      <c r="HBE723" s="613"/>
      <c r="HBF723" s="613"/>
      <c r="HBG723" s="613"/>
      <c r="HBH723" s="613"/>
      <c r="HBI723" s="613"/>
      <c r="HBJ723" s="613"/>
      <c r="HBK723" s="613"/>
      <c r="HBL723" s="613"/>
      <c r="HBM723" s="613"/>
      <c r="HBN723" s="613"/>
      <c r="HBO723" s="613"/>
      <c r="HBP723" s="613"/>
      <c r="HBQ723" s="613"/>
      <c r="HBR723" s="613"/>
      <c r="HBS723" s="613"/>
      <c r="HBT723" s="613"/>
      <c r="HBU723" s="613"/>
      <c r="HBV723" s="613"/>
      <c r="HBW723" s="613"/>
      <c r="HBX723" s="613"/>
      <c r="HBY723" s="613"/>
      <c r="HBZ723" s="613"/>
      <c r="HCA723" s="613"/>
      <c r="HCB723" s="613"/>
      <c r="HCC723" s="613"/>
      <c r="HCD723" s="613"/>
      <c r="HCE723" s="613"/>
      <c r="HCF723" s="613"/>
      <c r="HCG723" s="613"/>
      <c r="HCH723" s="613"/>
      <c r="HCI723" s="613"/>
      <c r="HCJ723" s="613"/>
      <c r="HCK723" s="613"/>
      <c r="HCL723" s="613"/>
      <c r="HCM723" s="613"/>
      <c r="HCN723" s="613"/>
      <c r="HCO723" s="613"/>
      <c r="HCP723" s="613"/>
      <c r="HCQ723" s="613"/>
      <c r="HCR723" s="613"/>
      <c r="HCS723" s="613"/>
      <c r="HCT723" s="613"/>
      <c r="HCU723" s="613"/>
      <c r="HCV723" s="613"/>
      <c r="HCW723" s="613"/>
      <c r="HCX723" s="613"/>
      <c r="HCY723" s="613"/>
      <c r="HCZ723" s="613"/>
      <c r="HDA723" s="613"/>
      <c r="HDB723" s="613"/>
      <c r="HDC723" s="613"/>
      <c r="HDD723" s="613"/>
      <c r="HDE723" s="613"/>
      <c r="HDF723" s="613"/>
      <c r="HDG723" s="613"/>
      <c r="HDH723" s="613"/>
      <c r="HDI723" s="613"/>
      <c r="HDJ723" s="613"/>
      <c r="HDK723" s="613"/>
      <c r="HDL723" s="613"/>
      <c r="HDM723" s="613"/>
      <c r="HDN723" s="613"/>
      <c r="HDO723" s="613"/>
      <c r="HDP723" s="613"/>
      <c r="HDQ723" s="613"/>
      <c r="HDR723" s="613"/>
      <c r="HDS723" s="613"/>
      <c r="HDT723" s="613"/>
      <c r="HDU723" s="613"/>
      <c r="HDV723" s="613"/>
      <c r="HDW723" s="613"/>
      <c r="HDX723" s="613"/>
      <c r="HDY723" s="613"/>
      <c r="HDZ723" s="613"/>
      <c r="HEA723" s="613"/>
      <c r="HEB723" s="613"/>
      <c r="HEC723" s="613"/>
      <c r="HED723" s="613"/>
      <c r="HEE723" s="613"/>
      <c r="HEF723" s="613"/>
      <c r="HEG723" s="613"/>
      <c r="HEH723" s="613"/>
      <c r="HEI723" s="613"/>
      <c r="HEJ723" s="613"/>
      <c r="HEK723" s="613"/>
      <c r="HEL723" s="613"/>
      <c r="HEM723" s="613"/>
      <c r="HEN723" s="613"/>
      <c r="HEO723" s="613"/>
      <c r="HEP723" s="613"/>
      <c r="HEQ723" s="613"/>
      <c r="HER723" s="613"/>
      <c r="HES723" s="613"/>
      <c r="HET723" s="613"/>
      <c r="HEU723" s="613"/>
      <c r="HEV723" s="613"/>
      <c r="HEW723" s="613"/>
      <c r="HEX723" s="613"/>
      <c r="HEY723" s="613"/>
      <c r="HEZ723" s="613"/>
      <c r="HFA723" s="613"/>
      <c r="HFB723" s="613"/>
      <c r="HFC723" s="613"/>
      <c r="HFD723" s="613"/>
      <c r="HFE723" s="613"/>
      <c r="HFF723" s="613"/>
      <c r="HFG723" s="613"/>
      <c r="HFH723" s="613"/>
      <c r="HFI723" s="613"/>
      <c r="HFJ723" s="613"/>
      <c r="HFK723" s="613"/>
      <c r="HFL723" s="613"/>
      <c r="HFM723" s="613"/>
      <c r="HFN723" s="613"/>
      <c r="HFO723" s="613"/>
      <c r="HFP723" s="613"/>
      <c r="HFQ723" s="613"/>
      <c r="HFR723" s="613"/>
      <c r="HFS723" s="613"/>
      <c r="HFT723" s="613"/>
      <c r="HFU723" s="613"/>
      <c r="HFV723" s="613"/>
      <c r="HFW723" s="613"/>
      <c r="HFX723" s="613"/>
      <c r="HFY723" s="613"/>
      <c r="HFZ723" s="613"/>
      <c r="HGA723" s="613"/>
      <c r="HGB723" s="613"/>
      <c r="HGC723" s="613"/>
      <c r="HGD723" s="613"/>
      <c r="HGE723" s="613"/>
      <c r="HGF723" s="613"/>
      <c r="HGG723" s="613"/>
      <c r="HGH723" s="613"/>
      <c r="HGI723" s="613"/>
      <c r="HGJ723" s="613"/>
      <c r="HGK723" s="613"/>
      <c r="HGL723" s="613"/>
      <c r="HGM723" s="613"/>
      <c r="HGN723" s="613"/>
      <c r="HGO723" s="613"/>
      <c r="HGP723" s="613"/>
      <c r="HGQ723" s="613"/>
      <c r="HGR723" s="613"/>
      <c r="HGS723" s="613"/>
      <c r="HGT723" s="613"/>
      <c r="HGU723" s="613"/>
      <c r="HGV723" s="613"/>
      <c r="HGW723" s="613"/>
      <c r="HGX723" s="613"/>
      <c r="HGY723" s="613"/>
      <c r="HGZ723" s="613"/>
      <c r="HHA723" s="613"/>
      <c r="HHB723" s="613"/>
      <c r="HHC723" s="613"/>
      <c r="HHD723" s="613"/>
      <c r="HHE723" s="613"/>
      <c r="HHF723" s="613"/>
      <c r="HHG723" s="613"/>
      <c r="HHH723" s="613"/>
      <c r="HHI723" s="613"/>
      <c r="HHJ723" s="613"/>
      <c r="HHK723" s="613"/>
      <c r="HHL723" s="613"/>
      <c r="HHM723" s="613"/>
      <c r="HHN723" s="613"/>
      <c r="HHO723" s="613"/>
      <c r="HHP723" s="613"/>
      <c r="HHQ723" s="613"/>
      <c r="HHR723" s="613"/>
      <c r="HHS723" s="613"/>
      <c r="HHT723" s="613"/>
      <c r="HHU723" s="613"/>
      <c r="HHV723" s="613"/>
      <c r="HHW723" s="613"/>
      <c r="HHX723" s="613"/>
      <c r="HHY723" s="613"/>
      <c r="HHZ723" s="613"/>
      <c r="HIA723" s="613"/>
      <c r="HIB723" s="613"/>
      <c r="HIC723" s="613"/>
      <c r="HID723" s="613"/>
      <c r="HIE723" s="613"/>
      <c r="HIF723" s="613"/>
      <c r="HIG723" s="613"/>
      <c r="HIH723" s="613"/>
      <c r="HII723" s="613"/>
      <c r="HIJ723" s="613"/>
      <c r="HIK723" s="613"/>
      <c r="HIL723" s="613"/>
      <c r="HIM723" s="613"/>
      <c r="HIN723" s="613"/>
      <c r="HIO723" s="613"/>
      <c r="HIP723" s="613"/>
      <c r="HIQ723" s="613"/>
      <c r="HIR723" s="613"/>
      <c r="HIS723" s="613"/>
      <c r="HIT723" s="613"/>
      <c r="HIU723" s="613"/>
      <c r="HIV723" s="613"/>
      <c r="HIW723" s="613"/>
      <c r="HIX723" s="613"/>
      <c r="HIY723" s="613"/>
      <c r="HIZ723" s="613"/>
      <c r="HJA723" s="613"/>
      <c r="HJB723" s="613"/>
      <c r="HJC723" s="613"/>
      <c r="HJD723" s="613"/>
      <c r="HJE723" s="613"/>
      <c r="HJF723" s="613"/>
      <c r="HJG723" s="613"/>
      <c r="HJH723" s="613"/>
      <c r="HJI723" s="613"/>
      <c r="HJJ723" s="613"/>
      <c r="HJK723" s="613"/>
      <c r="HJL723" s="613"/>
      <c r="HJM723" s="613"/>
      <c r="HJN723" s="613"/>
      <c r="HJO723" s="613"/>
      <c r="HJP723" s="613"/>
      <c r="HJQ723" s="613"/>
      <c r="HJR723" s="613"/>
      <c r="HJS723" s="613"/>
      <c r="HJT723" s="613"/>
      <c r="HJU723" s="613"/>
      <c r="HJV723" s="613"/>
      <c r="HJW723" s="613"/>
      <c r="HJX723" s="613"/>
      <c r="HJY723" s="613"/>
      <c r="HJZ723" s="613"/>
      <c r="HKA723" s="613"/>
      <c r="HKB723" s="613"/>
      <c r="HKC723" s="613"/>
      <c r="HKD723" s="613"/>
      <c r="HKE723" s="613"/>
      <c r="HKF723" s="613"/>
      <c r="HKG723" s="613"/>
      <c r="HKH723" s="613"/>
      <c r="HKI723" s="613"/>
      <c r="HKJ723" s="613"/>
      <c r="HKK723" s="613"/>
      <c r="HKL723" s="613"/>
      <c r="HKM723" s="613"/>
      <c r="HKN723" s="613"/>
      <c r="HKO723" s="613"/>
      <c r="HKP723" s="613"/>
      <c r="HKQ723" s="613"/>
      <c r="HKR723" s="613"/>
      <c r="HKS723" s="613"/>
      <c r="HKT723" s="613"/>
      <c r="HKU723" s="613"/>
      <c r="HKV723" s="613"/>
      <c r="HKW723" s="613"/>
      <c r="HKX723" s="613"/>
      <c r="HKY723" s="613"/>
      <c r="HKZ723" s="613"/>
      <c r="HLA723" s="613"/>
      <c r="HLB723" s="613"/>
      <c r="HLC723" s="613"/>
      <c r="HLD723" s="613"/>
      <c r="HLE723" s="613"/>
      <c r="HLF723" s="613"/>
      <c r="HLG723" s="613"/>
      <c r="HLH723" s="613"/>
      <c r="HLI723" s="613"/>
      <c r="HLJ723" s="613"/>
      <c r="HLK723" s="613"/>
      <c r="HLL723" s="613"/>
      <c r="HLM723" s="613"/>
      <c r="HLN723" s="613"/>
      <c r="HLO723" s="613"/>
      <c r="HLP723" s="613"/>
      <c r="HLQ723" s="613"/>
      <c r="HLR723" s="613"/>
      <c r="HLS723" s="613"/>
      <c r="HLT723" s="613"/>
      <c r="HLU723" s="613"/>
      <c r="HLV723" s="613"/>
      <c r="HLW723" s="613"/>
      <c r="HLX723" s="613"/>
      <c r="HLY723" s="613"/>
      <c r="HLZ723" s="613"/>
      <c r="HMA723" s="613"/>
      <c r="HMB723" s="613"/>
      <c r="HMC723" s="613"/>
      <c r="HMD723" s="613"/>
      <c r="HME723" s="613"/>
      <c r="HMF723" s="613"/>
      <c r="HMG723" s="613"/>
      <c r="HMH723" s="613"/>
      <c r="HMI723" s="613"/>
      <c r="HMJ723" s="613"/>
      <c r="HMK723" s="613"/>
      <c r="HML723" s="613"/>
      <c r="HMM723" s="613"/>
      <c r="HMN723" s="613"/>
      <c r="HMO723" s="613"/>
      <c r="HMP723" s="613"/>
      <c r="HMQ723" s="613"/>
      <c r="HMR723" s="613"/>
      <c r="HMS723" s="613"/>
      <c r="HMT723" s="613"/>
      <c r="HMU723" s="613"/>
      <c r="HMV723" s="613"/>
      <c r="HMW723" s="613"/>
      <c r="HMX723" s="613"/>
      <c r="HMY723" s="613"/>
      <c r="HMZ723" s="613"/>
      <c r="HNA723" s="613"/>
      <c r="HNB723" s="613"/>
      <c r="HNC723" s="613"/>
      <c r="HND723" s="613"/>
      <c r="HNE723" s="613"/>
      <c r="HNF723" s="613"/>
      <c r="HNG723" s="613"/>
      <c r="HNH723" s="613"/>
      <c r="HNI723" s="613"/>
      <c r="HNJ723" s="613"/>
      <c r="HNK723" s="613"/>
      <c r="HNL723" s="613"/>
      <c r="HNM723" s="613"/>
      <c r="HNN723" s="613"/>
      <c r="HNO723" s="613"/>
      <c r="HNP723" s="613"/>
      <c r="HNQ723" s="613"/>
      <c r="HNR723" s="613"/>
      <c r="HNS723" s="613"/>
      <c r="HNT723" s="613"/>
      <c r="HNU723" s="613"/>
      <c r="HNV723" s="613"/>
      <c r="HNW723" s="613"/>
      <c r="HNX723" s="613"/>
      <c r="HNY723" s="613"/>
      <c r="HNZ723" s="613"/>
      <c r="HOA723" s="613"/>
      <c r="HOB723" s="613"/>
      <c r="HOC723" s="613"/>
      <c r="HOD723" s="613"/>
      <c r="HOE723" s="613"/>
      <c r="HOF723" s="613"/>
      <c r="HOG723" s="613"/>
      <c r="HOH723" s="613"/>
      <c r="HOI723" s="613"/>
      <c r="HOJ723" s="613"/>
      <c r="HOK723" s="613"/>
      <c r="HOL723" s="613"/>
      <c r="HOM723" s="613"/>
      <c r="HON723" s="613"/>
      <c r="HOO723" s="613"/>
      <c r="HOP723" s="613"/>
      <c r="HOQ723" s="613"/>
      <c r="HOR723" s="613"/>
      <c r="HOS723" s="613"/>
      <c r="HOT723" s="613"/>
      <c r="HOU723" s="613"/>
      <c r="HOV723" s="613"/>
      <c r="HOW723" s="613"/>
      <c r="HOX723" s="613"/>
      <c r="HOY723" s="613"/>
      <c r="HOZ723" s="613"/>
      <c r="HPA723" s="613"/>
      <c r="HPB723" s="613"/>
      <c r="HPC723" s="613"/>
      <c r="HPD723" s="613"/>
      <c r="HPE723" s="613"/>
      <c r="HPF723" s="613"/>
      <c r="HPG723" s="613"/>
      <c r="HPH723" s="613"/>
      <c r="HPI723" s="613"/>
      <c r="HPJ723" s="613"/>
      <c r="HPK723" s="613"/>
      <c r="HPL723" s="613"/>
      <c r="HPM723" s="613"/>
      <c r="HPN723" s="613"/>
      <c r="HPO723" s="613"/>
      <c r="HPP723" s="613"/>
      <c r="HPQ723" s="613"/>
      <c r="HPR723" s="613"/>
      <c r="HPS723" s="613"/>
      <c r="HPT723" s="613"/>
      <c r="HPU723" s="613"/>
      <c r="HPV723" s="613"/>
      <c r="HPW723" s="613"/>
      <c r="HPX723" s="613"/>
      <c r="HPY723" s="613"/>
      <c r="HPZ723" s="613"/>
      <c r="HQA723" s="613"/>
      <c r="HQB723" s="613"/>
      <c r="HQC723" s="613"/>
      <c r="HQD723" s="613"/>
      <c r="HQE723" s="613"/>
      <c r="HQF723" s="613"/>
      <c r="HQG723" s="613"/>
      <c r="HQH723" s="613"/>
      <c r="HQI723" s="613"/>
      <c r="HQJ723" s="613"/>
      <c r="HQK723" s="613"/>
      <c r="HQL723" s="613"/>
      <c r="HQM723" s="613"/>
      <c r="HQN723" s="613"/>
      <c r="HQO723" s="613"/>
      <c r="HQP723" s="613"/>
      <c r="HQQ723" s="613"/>
      <c r="HQR723" s="613"/>
      <c r="HQS723" s="613"/>
      <c r="HQT723" s="613"/>
      <c r="HQU723" s="613"/>
      <c r="HQV723" s="613"/>
      <c r="HQW723" s="613"/>
      <c r="HQX723" s="613"/>
      <c r="HQY723" s="613"/>
      <c r="HQZ723" s="613"/>
      <c r="HRA723" s="613"/>
      <c r="HRB723" s="613"/>
      <c r="HRC723" s="613"/>
      <c r="HRD723" s="613"/>
      <c r="HRE723" s="613"/>
      <c r="HRF723" s="613"/>
      <c r="HRG723" s="613"/>
      <c r="HRH723" s="613"/>
      <c r="HRI723" s="613"/>
      <c r="HRJ723" s="613"/>
      <c r="HRK723" s="613"/>
      <c r="HRL723" s="613"/>
      <c r="HRM723" s="613"/>
      <c r="HRN723" s="613"/>
      <c r="HRO723" s="613"/>
      <c r="HRP723" s="613"/>
      <c r="HRQ723" s="613"/>
      <c r="HRR723" s="613"/>
      <c r="HRS723" s="613"/>
      <c r="HRT723" s="613"/>
      <c r="HRU723" s="613"/>
      <c r="HRV723" s="613"/>
      <c r="HRW723" s="613"/>
      <c r="HRX723" s="613"/>
      <c r="HRY723" s="613"/>
      <c r="HRZ723" s="613"/>
      <c r="HSA723" s="613"/>
      <c r="HSB723" s="613"/>
      <c r="HSC723" s="613"/>
      <c r="HSD723" s="613"/>
      <c r="HSE723" s="613"/>
      <c r="HSF723" s="613"/>
      <c r="HSG723" s="613"/>
      <c r="HSH723" s="613"/>
      <c r="HSI723" s="613"/>
      <c r="HSJ723" s="613"/>
      <c r="HSK723" s="613"/>
      <c r="HSL723" s="613"/>
      <c r="HSM723" s="613"/>
      <c r="HSN723" s="613"/>
      <c r="HSO723" s="613"/>
      <c r="HSP723" s="613"/>
      <c r="HSQ723" s="613"/>
      <c r="HSR723" s="613"/>
      <c r="HSS723" s="613"/>
      <c r="HST723" s="613"/>
      <c r="HSU723" s="613"/>
      <c r="HSV723" s="613"/>
      <c r="HSW723" s="613"/>
      <c r="HSX723" s="613"/>
      <c r="HSY723" s="613"/>
      <c r="HSZ723" s="613"/>
      <c r="HTA723" s="613"/>
      <c r="HTB723" s="613"/>
      <c r="HTC723" s="613"/>
      <c r="HTD723" s="613"/>
      <c r="HTE723" s="613"/>
      <c r="HTF723" s="613"/>
      <c r="HTG723" s="613"/>
      <c r="HTH723" s="613"/>
      <c r="HTI723" s="613"/>
      <c r="HTJ723" s="613"/>
      <c r="HTK723" s="613"/>
      <c r="HTL723" s="613"/>
      <c r="HTM723" s="613"/>
      <c r="HTN723" s="613"/>
      <c r="HTO723" s="613"/>
      <c r="HTP723" s="613"/>
      <c r="HTQ723" s="613"/>
      <c r="HTR723" s="613"/>
      <c r="HTS723" s="613"/>
      <c r="HTT723" s="613"/>
      <c r="HTU723" s="613"/>
      <c r="HTV723" s="613"/>
      <c r="HTW723" s="613"/>
      <c r="HTX723" s="613"/>
      <c r="HTY723" s="613"/>
      <c r="HTZ723" s="613"/>
      <c r="HUA723" s="613"/>
      <c r="HUB723" s="613"/>
      <c r="HUC723" s="613"/>
      <c r="HUD723" s="613"/>
      <c r="HUE723" s="613"/>
      <c r="HUF723" s="613"/>
      <c r="HUG723" s="613"/>
      <c r="HUH723" s="613"/>
      <c r="HUI723" s="613"/>
      <c r="HUJ723" s="613"/>
      <c r="HUK723" s="613"/>
      <c r="HUL723" s="613"/>
      <c r="HUM723" s="613"/>
      <c r="HUN723" s="613"/>
      <c r="HUO723" s="613"/>
      <c r="HUP723" s="613"/>
      <c r="HUQ723" s="613"/>
      <c r="HUR723" s="613"/>
      <c r="HUS723" s="613"/>
      <c r="HUT723" s="613"/>
      <c r="HUU723" s="613"/>
      <c r="HUV723" s="613"/>
      <c r="HUW723" s="613"/>
      <c r="HUX723" s="613"/>
      <c r="HUY723" s="613"/>
      <c r="HUZ723" s="613"/>
      <c r="HVA723" s="613"/>
      <c r="HVB723" s="613"/>
      <c r="HVC723" s="613"/>
      <c r="HVD723" s="613"/>
      <c r="HVE723" s="613"/>
      <c r="HVF723" s="613"/>
      <c r="HVG723" s="613"/>
      <c r="HVH723" s="613"/>
      <c r="HVI723" s="613"/>
      <c r="HVJ723" s="613"/>
      <c r="HVK723" s="613"/>
      <c r="HVL723" s="613"/>
      <c r="HVM723" s="613"/>
      <c r="HVN723" s="613"/>
      <c r="HVO723" s="613"/>
      <c r="HVP723" s="613"/>
      <c r="HVQ723" s="613"/>
      <c r="HVR723" s="613"/>
      <c r="HVS723" s="613"/>
      <c r="HVT723" s="613"/>
      <c r="HVU723" s="613"/>
      <c r="HVV723" s="613"/>
      <c r="HVW723" s="613"/>
      <c r="HVX723" s="613"/>
      <c r="HVY723" s="613"/>
      <c r="HVZ723" s="613"/>
      <c r="HWA723" s="613"/>
      <c r="HWB723" s="613"/>
      <c r="HWC723" s="613"/>
      <c r="HWD723" s="613"/>
      <c r="HWE723" s="613"/>
      <c r="HWF723" s="613"/>
      <c r="HWG723" s="613"/>
      <c r="HWH723" s="613"/>
      <c r="HWI723" s="613"/>
      <c r="HWJ723" s="613"/>
      <c r="HWK723" s="613"/>
      <c r="HWL723" s="613"/>
      <c r="HWM723" s="613"/>
      <c r="HWN723" s="613"/>
      <c r="HWO723" s="613"/>
      <c r="HWP723" s="613"/>
      <c r="HWQ723" s="613"/>
      <c r="HWR723" s="613"/>
      <c r="HWS723" s="613"/>
      <c r="HWT723" s="613"/>
      <c r="HWU723" s="613"/>
      <c r="HWV723" s="613"/>
      <c r="HWW723" s="613"/>
      <c r="HWX723" s="613"/>
      <c r="HWY723" s="613"/>
      <c r="HWZ723" s="613"/>
      <c r="HXA723" s="613"/>
      <c r="HXB723" s="613"/>
      <c r="HXC723" s="613"/>
      <c r="HXD723" s="613"/>
      <c r="HXE723" s="613"/>
      <c r="HXF723" s="613"/>
      <c r="HXG723" s="613"/>
      <c r="HXH723" s="613"/>
      <c r="HXI723" s="613"/>
      <c r="HXJ723" s="613"/>
      <c r="HXK723" s="613"/>
      <c r="HXL723" s="613"/>
      <c r="HXM723" s="613"/>
      <c r="HXN723" s="613"/>
      <c r="HXO723" s="613"/>
      <c r="HXP723" s="613"/>
      <c r="HXQ723" s="613"/>
      <c r="HXR723" s="613"/>
      <c r="HXS723" s="613"/>
      <c r="HXT723" s="613"/>
      <c r="HXU723" s="613"/>
      <c r="HXV723" s="613"/>
      <c r="HXW723" s="613"/>
      <c r="HXX723" s="613"/>
      <c r="HXY723" s="613"/>
      <c r="HXZ723" s="613"/>
      <c r="HYA723" s="613"/>
      <c r="HYB723" s="613"/>
      <c r="HYC723" s="613"/>
      <c r="HYD723" s="613"/>
      <c r="HYE723" s="613"/>
      <c r="HYF723" s="613"/>
      <c r="HYG723" s="613"/>
      <c r="HYH723" s="613"/>
      <c r="HYI723" s="613"/>
      <c r="HYJ723" s="613"/>
      <c r="HYK723" s="613"/>
      <c r="HYL723" s="613"/>
      <c r="HYM723" s="613"/>
      <c r="HYN723" s="613"/>
      <c r="HYO723" s="613"/>
      <c r="HYP723" s="613"/>
      <c r="HYQ723" s="613"/>
      <c r="HYR723" s="613"/>
      <c r="HYS723" s="613"/>
      <c r="HYT723" s="613"/>
      <c r="HYU723" s="613"/>
      <c r="HYV723" s="613"/>
      <c r="HYW723" s="613"/>
      <c r="HYX723" s="613"/>
      <c r="HYY723" s="613"/>
      <c r="HYZ723" s="613"/>
      <c r="HZA723" s="613"/>
      <c r="HZB723" s="613"/>
      <c r="HZC723" s="613"/>
      <c r="HZD723" s="613"/>
      <c r="HZE723" s="613"/>
      <c r="HZF723" s="613"/>
      <c r="HZG723" s="613"/>
      <c r="HZH723" s="613"/>
      <c r="HZI723" s="613"/>
      <c r="HZJ723" s="613"/>
      <c r="HZK723" s="613"/>
      <c r="HZL723" s="613"/>
      <c r="HZM723" s="613"/>
      <c r="HZN723" s="613"/>
      <c r="HZO723" s="613"/>
      <c r="HZP723" s="613"/>
      <c r="HZQ723" s="613"/>
      <c r="HZR723" s="613"/>
      <c r="HZS723" s="613"/>
      <c r="HZT723" s="613"/>
      <c r="HZU723" s="613"/>
      <c r="HZV723" s="613"/>
      <c r="HZW723" s="613"/>
      <c r="HZX723" s="613"/>
      <c r="HZY723" s="613"/>
      <c r="HZZ723" s="613"/>
      <c r="IAA723" s="613"/>
      <c r="IAB723" s="613"/>
      <c r="IAC723" s="613"/>
      <c r="IAD723" s="613"/>
      <c r="IAE723" s="613"/>
      <c r="IAF723" s="613"/>
      <c r="IAG723" s="613"/>
      <c r="IAH723" s="613"/>
      <c r="IAI723" s="613"/>
      <c r="IAJ723" s="613"/>
      <c r="IAK723" s="613"/>
      <c r="IAL723" s="613"/>
      <c r="IAM723" s="613"/>
      <c r="IAN723" s="613"/>
      <c r="IAO723" s="613"/>
      <c r="IAP723" s="613"/>
      <c r="IAQ723" s="613"/>
      <c r="IAR723" s="613"/>
      <c r="IAS723" s="613"/>
      <c r="IAT723" s="613"/>
      <c r="IAU723" s="613"/>
      <c r="IAV723" s="613"/>
      <c r="IAW723" s="613"/>
      <c r="IAX723" s="613"/>
      <c r="IAY723" s="613"/>
      <c r="IAZ723" s="613"/>
      <c r="IBA723" s="613"/>
      <c r="IBB723" s="613"/>
      <c r="IBC723" s="613"/>
      <c r="IBD723" s="613"/>
      <c r="IBE723" s="613"/>
      <c r="IBF723" s="613"/>
      <c r="IBG723" s="613"/>
      <c r="IBH723" s="613"/>
      <c r="IBI723" s="613"/>
      <c r="IBJ723" s="613"/>
      <c r="IBK723" s="613"/>
      <c r="IBL723" s="613"/>
      <c r="IBM723" s="613"/>
      <c r="IBN723" s="613"/>
      <c r="IBO723" s="613"/>
      <c r="IBP723" s="613"/>
      <c r="IBQ723" s="613"/>
      <c r="IBR723" s="613"/>
      <c r="IBS723" s="613"/>
      <c r="IBT723" s="613"/>
      <c r="IBU723" s="613"/>
      <c r="IBV723" s="613"/>
      <c r="IBW723" s="613"/>
      <c r="IBX723" s="613"/>
      <c r="IBY723" s="613"/>
      <c r="IBZ723" s="613"/>
      <c r="ICA723" s="613"/>
      <c r="ICB723" s="613"/>
      <c r="ICC723" s="613"/>
      <c r="ICD723" s="613"/>
      <c r="ICE723" s="613"/>
      <c r="ICF723" s="613"/>
      <c r="ICG723" s="613"/>
      <c r="ICH723" s="613"/>
      <c r="ICI723" s="613"/>
      <c r="ICJ723" s="613"/>
      <c r="ICK723" s="613"/>
      <c r="ICL723" s="613"/>
      <c r="ICM723" s="613"/>
      <c r="ICN723" s="613"/>
      <c r="ICO723" s="613"/>
      <c r="ICP723" s="613"/>
      <c r="ICQ723" s="613"/>
      <c r="ICR723" s="613"/>
      <c r="ICS723" s="613"/>
      <c r="ICT723" s="613"/>
      <c r="ICU723" s="613"/>
      <c r="ICV723" s="613"/>
      <c r="ICW723" s="613"/>
      <c r="ICX723" s="613"/>
      <c r="ICY723" s="613"/>
      <c r="ICZ723" s="613"/>
      <c r="IDA723" s="613"/>
      <c r="IDB723" s="613"/>
      <c r="IDC723" s="613"/>
      <c r="IDD723" s="613"/>
      <c r="IDE723" s="613"/>
      <c r="IDF723" s="613"/>
      <c r="IDG723" s="613"/>
      <c r="IDH723" s="613"/>
      <c r="IDI723" s="613"/>
      <c r="IDJ723" s="613"/>
      <c r="IDK723" s="613"/>
      <c r="IDL723" s="613"/>
      <c r="IDM723" s="613"/>
      <c r="IDN723" s="613"/>
      <c r="IDO723" s="613"/>
      <c r="IDP723" s="613"/>
      <c r="IDQ723" s="613"/>
      <c r="IDR723" s="613"/>
      <c r="IDS723" s="613"/>
      <c r="IDT723" s="613"/>
      <c r="IDU723" s="613"/>
      <c r="IDV723" s="613"/>
      <c r="IDW723" s="613"/>
      <c r="IDX723" s="613"/>
      <c r="IDY723" s="613"/>
      <c r="IDZ723" s="613"/>
      <c r="IEA723" s="613"/>
      <c r="IEB723" s="613"/>
      <c r="IEC723" s="613"/>
      <c r="IED723" s="613"/>
      <c r="IEE723" s="613"/>
      <c r="IEF723" s="613"/>
      <c r="IEG723" s="613"/>
      <c r="IEH723" s="613"/>
      <c r="IEI723" s="613"/>
      <c r="IEJ723" s="613"/>
      <c r="IEK723" s="613"/>
      <c r="IEL723" s="613"/>
      <c r="IEM723" s="613"/>
      <c r="IEN723" s="613"/>
      <c r="IEO723" s="613"/>
      <c r="IEP723" s="613"/>
      <c r="IEQ723" s="613"/>
      <c r="IER723" s="613"/>
      <c r="IES723" s="613"/>
      <c r="IET723" s="613"/>
      <c r="IEU723" s="613"/>
      <c r="IEV723" s="613"/>
      <c r="IEW723" s="613"/>
      <c r="IEX723" s="613"/>
      <c r="IEY723" s="613"/>
      <c r="IEZ723" s="613"/>
      <c r="IFA723" s="613"/>
      <c r="IFB723" s="613"/>
      <c r="IFC723" s="613"/>
      <c r="IFD723" s="613"/>
      <c r="IFE723" s="613"/>
      <c r="IFF723" s="613"/>
      <c r="IFG723" s="613"/>
      <c r="IFH723" s="613"/>
      <c r="IFI723" s="613"/>
      <c r="IFJ723" s="613"/>
      <c r="IFK723" s="613"/>
      <c r="IFL723" s="613"/>
      <c r="IFM723" s="613"/>
      <c r="IFN723" s="613"/>
      <c r="IFO723" s="613"/>
      <c r="IFP723" s="613"/>
      <c r="IFQ723" s="613"/>
      <c r="IFR723" s="613"/>
      <c r="IFS723" s="613"/>
      <c r="IFT723" s="613"/>
      <c r="IFU723" s="613"/>
      <c r="IFV723" s="613"/>
      <c r="IFW723" s="613"/>
      <c r="IFX723" s="613"/>
      <c r="IFY723" s="613"/>
      <c r="IFZ723" s="613"/>
      <c r="IGA723" s="613"/>
      <c r="IGB723" s="613"/>
      <c r="IGC723" s="613"/>
      <c r="IGD723" s="613"/>
      <c r="IGE723" s="613"/>
      <c r="IGF723" s="613"/>
      <c r="IGG723" s="613"/>
      <c r="IGH723" s="613"/>
      <c r="IGI723" s="613"/>
      <c r="IGJ723" s="613"/>
      <c r="IGK723" s="613"/>
      <c r="IGL723" s="613"/>
      <c r="IGM723" s="613"/>
      <c r="IGN723" s="613"/>
      <c r="IGO723" s="613"/>
      <c r="IGP723" s="613"/>
      <c r="IGQ723" s="613"/>
      <c r="IGR723" s="613"/>
      <c r="IGS723" s="613"/>
      <c r="IGT723" s="613"/>
      <c r="IGU723" s="613"/>
      <c r="IGV723" s="613"/>
      <c r="IGW723" s="613"/>
      <c r="IGX723" s="613"/>
      <c r="IGY723" s="613"/>
      <c r="IGZ723" s="613"/>
      <c r="IHA723" s="613"/>
      <c r="IHB723" s="613"/>
      <c r="IHC723" s="613"/>
      <c r="IHD723" s="613"/>
      <c r="IHE723" s="613"/>
      <c r="IHF723" s="613"/>
      <c r="IHG723" s="613"/>
      <c r="IHH723" s="613"/>
      <c r="IHI723" s="613"/>
      <c r="IHJ723" s="613"/>
      <c r="IHK723" s="613"/>
      <c r="IHL723" s="613"/>
      <c r="IHM723" s="613"/>
      <c r="IHN723" s="613"/>
      <c r="IHO723" s="613"/>
      <c r="IHP723" s="613"/>
      <c r="IHQ723" s="613"/>
      <c r="IHR723" s="613"/>
      <c r="IHS723" s="613"/>
      <c r="IHT723" s="613"/>
      <c r="IHU723" s="613"/>
      <c r="IHV723" s="613"/>
      <c r="IHW723" s="613"/>
      <c r="IHX723" s="613"/>
      <c r="IHY723" s="613"/>
      <c r="IHZ723" s="613"/>
      <c r="IIA723" s="613"/>
      <c r="IIB723" s="613"/>
      <c r="IIC723" s="613"/>
      <c r="IID723" s="613"/>
      <c r="IIE723" s="613"/>
      <c r="IIF723" s="613"/>
      <c r="IIG723" s="613"/>
      <c r="IIH723" s="613"/>
      <c r="III723" s="613"/>
      <c r="IIJ723" s="613"/>
      <c r="IIK723" s="613"/>
      <c r="IIL723" s="613"/>
      <c r="IIM723" s="613"/>
      <c r="IIN723" s="613"/>
      <c r="IIO723" s="613"/>
      <c r="IIP723" s="613"/>
      <c r="IIQ723" s="613"/>
      <c r="IIR723" s="613"/>
      <c r="IIS723" s="613"/>
      <c r="IIT723" s="613"/>
      <c r="IIU723" s="613"/>
      <c r="IIV723" s="613"/>
      <c r="IIW723" s="613"/>
      <c r="IIX723" s="613"/>
      <c r="IIY723" s="613"/>
      <c r="IIZ723" s="613"/>
      <c r="IJA723" s="613"/>
      <c r="IJB723" s="613"/>
      <c r="IJC723" s="613"/>
      <c r="IJD723" s="613"/>
      <c r="IJE723" s="613"/>
      <c r="IJF723" s="613"/>
      <c r="IJG723" s="613"/>
      <c r="IJH723" s="613"/>
      <c r="IJI723" s="613"/>
      <c r="IJJ723" s="613"/>
      <c r="IJK723" s="613"/>
      <c r="IJL723" s="613"/>
      <c r="IJM723" s="613"/>
      <c r="IJN723" s="613"/>
      <c r="IJO723" s="613"/>
      <c r="IJP723" s="613"/>
      <c r="IJQ723" s="613"/>
      <c r="IJR723" s="613"/>
      <c r="IJS723" s="613"/>
      <c r="IJT723" s="613"/>
      <c r="IJU723" s="613"/>
      <c r="IJV723" s="613"/>
      <c r="IJW723" s="613"/>
      <c r="IJX723" s="613"/>
      <c r="IJY723" s="613"/>
      <c r="IJZ723" s="613"/>
      <c r="IKA723" s="613"/>
      <c r="IKB723" s="613"/>
      <c r="IKC723" s="613"/>
      <c r="IKD723" s="613"/>
      <c r="IKE723" s="613"/>
      <c r="IKF723" s="613"/>
      <c r="IKG723" s="613"/>
      <c r="IKH723" s="613"/>
      <c r="IKI723" s="613"/>
      <c r="IKJ723" s="613"/>
      <c r="IKK723" s="613"/>
      <c r="IKL723" s="613"/>
      <c r="IKM723" s="613"/>
      <c r="IKN723" s="613"/>
      <c r="IKO723" s="613"/>
      <c r="IKP723" s="613"/>
      <c r="IKQ723" s="613"/>
      <c r="IKR723" s="613"/>
      <c r="IKS723" s="613"/>
      <c r="IKT723" s="613"/>
      <c r="IKU723" s="613"/>
      <c r="IKV723" s="613"/>
      <c r="IKW723" s="613"/>
      <c r="IKX723" s="613"/>
      <c r="IKY723" s="613"/>
      <c r="IKZ723" s="613"/>
      <c r="ILA723" s="613"/>
      <c r="ILB723" s="613"/>
      <c r="ILC723" s="613"/>
      <c r="ILD723" s="613"/>
      <c r="ILE723" s="613"/>
      <c r="ILF723" s="613"/>
      <c r="ILG723" s="613"/>
      <c r="ILH723" s="613"/>
      <c r="ILI723" s="613"/>
      <c r="ILJ723" s="613"/>
      <c r="ILK723" s="613"/>
      <c r="ILL723" s="613"/>
      <c r="ILM723" s="613"/>
      <c r="ILN723" s="613"/>
      <c r="ILO723" s="613"/>
      <c r="ILP723" s="613"/>
      <c r="ILQ723" s="613"/>
      <c r="ILR723" s="613"/>
      <c r="ILS723" s="613"/>
      <c r="ILT723" s="613"/>
      <c r="ILU723" s="613"/>
      <c r="ILV723" s="613"/>
      <c r="ILW723" s="613"/>
      <c r="ILX723" s="613"/>
      <c r="ILY723" s="613"/>
      <c r="ILZ723" s="613"/>
      <c r="IMA723" s="613"/>
      <c r="IMB723" s="613"/>
      <c r="IMC723" s="613"/>
      <c r="IMD723" s="613"/>
      <c r="IME723" s="613"/>
      <c r="IMF723" s="613"/>
      <c r="IMG723" s="613"/>
      <c r="IMH723" s="613"/>
      <c r="IMI723" s="613"/>
      <c r="IMJ723" s="613"/>
      <c r="IMK723" s="613"/>
      <c r="IML723" s="613"/>
      <c r="IMM723" s="613"/>
      <c r="IMN723" s="613"/>
      <c r="IMO723" s="613"/>
      <c r="IMP723" s="613"/>
      <c r="IMQ723" s="613"/>
      <c r="IMR723" s="613"/>
      <c r="IMS723" s="613"/>
      <c r="IMT723" s="613"/>
      <c r="IMU723" s="613"/>
      <c r="IMV723" s="613"/>
      <c r="IMW723" s="613"/>
      <c r="IMX723" s="613"/>
      <c r="IMY723" s="613"/>
      <c r="IMZ723" s="613"/>
      <c r="INA723" s="613"/>
      <c r="INB723" s="613"/>
      <c r="INC723" s="613"/>
      <c r="IND723" s="613"/>
      <c r="INE723" s="613"/>
      <c r="INF723" s="613"/>
      <c r="ING723" s="613"/>
      <c r="INH723" s="613"/>
      <c r="INI723" s="613"/>
      <c r="INJ723" s="613"/>
      <c r="INK723" s="613"/>
      <c r="INL723" s="613"/>
      <c r="INM723" s="613"/>
      <c r="INN723" s="613"/>
      <c r="INO723" s="613"/>
      <c r="INP723" s="613"/>
      <c r="INQ723" s="613"/>
      <c r="INR723" s="613"/>
      <c r="INS723" s="613"/>
      <c r="INT723" s="613"/>
      <c r="INU723" s="613"/>
      <c r="INV723" s="613"/>
      <c r="INW723" s="613"/>
      <c r="INX723" s="613"/>
      <c r="INY723" s="613"/>
      <c r="INZ723" s="613"/>
      <c r="IOA723" s="613"/>
      <c r="IOB723" s="613"/>
      <c r="IOC723" s="613"/>
      <c r="IOD723" s="613"/>
      <c r="IOE723" s="613"/>
      <c r="IOF723" s="613"/>
      <c r="IOG723" s="613"/>
      <c r="IOH723" s="613"/>
      <c r="IOI723" s="613"/>
      <c r="IOJ723" s="613"/>
      <c r="IOK723" s="613"/>
      <c r="IOL723" s="613"/>
      <c r="IOM723" s="613"/>
      <c r="ION723" s="613"/>
      <c r="IOO723" s="613"/>
      <c r="IOP723" s="613"/>
      <c r="IOQ723" s="613"/>
      <c r="IOR723" s="613"/>
      <c r="IOS723" s="613"/>
      <c r="IOT723" s="613"/>
      <c r="IOU723" s="613"/>
      <c r="IOV723" s="613"/>
      <c r="IOW723" s="613"/>
      <c r="IOX723" s="613"/>
      <c r="IOY723" s="613"/>
      <c r="IOZ723" s="613"/>
      <c r="IPA723" s="613"/>
      <c r="IPB723" s="613"/>
      <c r="IPC723" s="613"/>
      <c r="IPD723" s="613"/>
      <c r="IPE723" s="613"/>
      <c r="IPF723" s="613"/>
      <c r="IPG723" s="613"/>
      <c r="IPH723" s="613"/>
      <c r="IPI723" s="613"/>
      <c r="IPJ723" s="613"/>
      <c r="IPK723" s="613"/>
      <c r="IPL723" s="613"/>
      <c r="IPM723" s="613"/>
      <c r="IPN723" s="613"/>
      <c r="IPO723" s="613"/>
      <c r="IPP723" s="613"/>
      <c r="IPQ723" s="613"/>
      <c r="IPR723" s="613"/>
      <c r="IPS723" s="613"/>
      <c r="IPT723" s="613"/>
      <c r="IPU723" s="613"/>
      <c r="IPV723" s="613"/>
      <c r="IPW723" s="613"/>
      <c r="IPX723" s="613"/>
      <c r="IPY723" s="613"/>
      <c r="IPZ723" s="613"/>
      <c r="IQA723" s="613"/>
      <c r="IQB723" s="613"/>
      <c r="IQC723" s="613"/>
      <c r="IQD723" s="613"/>
      <c r="IQE723" s="613"/>
      <c r="IQF723" s="613"/>
      <c r="IQG723" s="613"/>
      <c r="IQH723" s="613"/>
      <c r="IQI723" s="613"/>
      <c r="IQJ723" s="613"/>
      <c r="IQK723" s="613"/>
      <c r="IQL723" s="613"/>
      <c r="IQM723" s="613"/>
      <c r="IQN723" s="613"/>
      <c r="IQO723" s="613"/>
      <c r="IQP723" s="613"/>
      <c r="IQQ723" s="613"/>
      <c r="IQR723" s="613"/>
      <c r="IQS723" s="613"/>
      <c r="IQT723" s="613"/>
      <c r="IQU723" s="613"/>
      <c r="IQV723" s="613"/>
      <c r="IQW723" s="613"/>
      <c r="IQX723" s="613"/>
      <c r="IQY723" s="613"/>
      <c r="IQZ723" s="613"/>
      <c r="IRA723" s="613"/>
      <c r="IRB723" s="613"/>
      <c r="IRC723" s="613"/>
      <c r="IRD723" s="613"/>
      <c r="IRE723" s="613"/>
      <c r="IRF723" s="613"/>
      <c r="IRG723" s="613"/>
      <c r="IRH723" s="613"/>
      <c r="IRI723" s="613"/>
      <c r="IRJ723" s="613"/>
      <c r="IRK723" s="613"/>
      <c r="IRL723" s="613"/>
      <c r="IRM723" s="613"/>
      <c r="IRN723" s="613"/>
      <c r="IRO723" s="613"/>
      <c r="IRP723" s="613"/>
      <c r="IRQ723" s="613"/>
      <c r="IRR723" s="613"/>
      <c r="IRS723" s="613"/>
      <c r="IRT723" s="613"/>
      <c r="IRU723" s="613"/>
      <c r="IRV723" s="613"/>
      <c r="IRW723" s="613"/>
      <c r="IRX723" s="613"/>
      <c r="IRY723" s="613"/>
      <c r="IRZ723" s="613"/>
      <c r="ISA723" s="613"/>
      <c r="ISB723" s="613"/>
      <c r="ISC723" s="613"/>
      <c r="ISD723" s="613"/>
      <c r="ISE723" s="613"/>
      <c r="ISF723" s="613"/>
      <c r="ISG723" s="613"/>
      <c r="ISH723" s="613"/>
      <c r="ISI723" s="613"/>
      <c r="ISJ723" s="613"/>
      <c r="ISK723" s="613"/>
      <c r="ISL723" s="613"/>
      <c r="ISM723" s="613"/>
      <c r="ISN723" s="613"/>
      <c r="ISO723" s="613"/>
      <c r="ISP723" s="613"/>
      <c r="ISQ723" s="613"/>
      <c r="ISR723" s="613"/>
      <c r="ISS723" s="613"/>
      <c r="IST723" s="613"/>
      <c r="ISU723" s="613"/>
      <c r="ISV723" s="613"/>
      <c r="ISW723" s="613"/>
      <c r="ISX723" s="613"/>
      <c r="ISY723" s="613"/>
      <c r="ISZ723" s="613"/>
      <c r="ITA723" s="613"/>
      <c r="ITB723" s="613"/>
      <c r="ITC723" s="613"/>
      <c r="ITD723" s="613"/>
      <c r="ITE723" s="613"/>
      <c r="ITF723" s="613"/>
      <c r="ITG723" s="613"/>
      <c r="ITH723" s="613"/>
      <c r="ITI723" s="613"/>
      <c r="ITJ723" s="613"/>
      <c r="ITK723" s="613"/>
      <c r="ITL723" s="613"/>
      <c r="ITM723" s="613"/>
      <c r="ITN723" s="613"/>
      <c r="ITO723" s="613"/>
      <c r="ITP723" s="613"/>
      <c r="ITQ723" s="613"/>
      <c r="ITR723" s="613"/>
      <c r="ITS723" s="613"/>
      <c r="ITT723" s="613"/>
      <c r="ITU723" s="613"/>
      <c r="ITV723" s="613"/>
      <c r="ITW723" s="613"/>
      <c r="ITX723" s="613"/>
      <c r="ITY723" s="613"/>
      <c r="ITZ723" s="613"/>
      <c r="IUA723" s="613"/>
      <c r="IUB723" s="613"/>
      <c r="IUC723" s="613"/>
      <c r="IUD723" s="613"/>
      <c r="IUE723" s="613"/>
      <c r="IUF723" s="613"/>
      <c r="IUG723" s="613"/>
      <c r="IUH723" s="613"/>
      <c r="IUI723" s="613"/>
      <c r="IUJ723" s="613"/>
      <c r="IUK723" s="613"/>
      <c r="IUL723" s="613"/>
      <c r="IUM723" s="613"/>
      <c r="IUN723" s="613"/>
      <c r="IUO723" s="613"/>
      <c r="IUP723" s="613"/>
      <c r="IUQ723" s="613"/>
      <c r="IUR723" s="613"/>
      <c r="IUS723" s="613"/>
      <c r="IUT723" s="613"/>
      <c r="IUU723" s="613"/>
      <c r="IUV723" s="613"/>
      <c r="IUW723" s="613"/>
      <c r="IUX723" s="613"/>
      <c r="IUY723" s="613"/>
      <c r="IUZ723" s="613"/>
      <c r="IVA723" s="613"/>
      <c r="IVB723" s="613"/>
      <c r="IVC723" s="613"/>
      <c r="IVD723" s="613"/>
      <c r="IVE723" s="613"/>
      <c r="IVF723" s="613"/>
      <c r="IVG723" s="613"/>
      <c r="IVH723" s="613"/>
      <c r="IVI723" s="613"/>
      <c r="IVJ723" s="613"/>
      <c r="IVK723" s="613"/>
      <c r="IVL723" s="613"/>
      <c r="IVM723" s="613"/>
      <c r="IVN723" s="613"/>
      <c r="IVO723" s="613"/>
      <c r="IVP723" s="613"/>
      <c r="IVQ723" s="613"/>
      <c r="IVR723" s="613"/>
      <c r="IVS723" s="613"/>
      <c r="IVT723" s="613"/>
      <c r="IVU723" s="613"/>
      <c r="IVV723" s="613"/>
      <c r="IVW723" s="613"/>
      <c r="IVX723" s="613"/>
      <c r="IVY723" s="613"/>
      <c r="IVZ723" s="613"/>
      <c r="IWA723" s="613"/>
      <c r="IWB723" s="613"/>
      <c r="IWC723" s="613"/>
      <c r="IWD723" s="613"/>
      <c r="IWE723" s="613"/>
      <c r="IWF723" s="613"/>
      <c r="IWG723" s="613"/>
      <c r="IWH723" s="613"/>
      <c r="IWI723" s="613"/>
      <c r="IWJ723" s="613"/>
      <c r="IWK723" s="613"/>
      <c r="IWL723" s="613"/>
      <c r="IWM723" s="613"/>
      <c r="IWN723" s="613"/>
      <c r="IWO723" s="613"/>
      <c r="IWP723" s="613"/>
      <c r="IWQ723" s="613"/>
      <c r="IWR723" s="613"/>
      <c r="IWS723" s="613"/>
      <c r="IWT723" s="613"/>
      <c r="IWU723" s="613"/>
      <c r="IWV723" s="613"/>
      <c r="IWW723" s="613"/>
      <c r="IWX723" s="613"/>
      <c r="IWY723" s="613"/>
      <c r="IWZ723" s="613"/>
      <c r="IXA723" s="613"/>
      <c r="IXB723" s="613"/>
      <c r="IXC723" s="613"/>
      <c r="IXD723" s="613"/>
      <c r="IXE723" s="613"/>
      <c r="IXF723" s="613"/>
      <c r="IXG723" s="613"/>
      <c r="IXH723" s="613"/>
      <c r="IXI723" s="613"/>
      <c r="IXJ723" s="613"/>
      <c r="IXK723" s="613"/>
      <c r="IXL723" s="613"/>
      <c r="IXM723" s="613"/>
      <c r="IXN723" s="613"/>
      <c r="IXO723" s="613"/>
      <c r="IXP723" s="613"/>
      <c r="IXQ723" s="613"/>
      <c r="IXR723" s="613"/>
      <c r="IXS723" s="613"/>
      <c r="IXT723" s="613"/>
      <c r="IXU723" s="613"/>
      <c r="IXV723" s="613"/>
      <c r="IXW723" s="613"/>
      <c r="IXX723" s="613"/>
      <c r="IXY723" s="613"/>
      <c r="IXZ723" s="613"/>
      <c r="IYA723" s="613"/>
      <c r="IYB723" s="613"/>
      <c r="IYC723" s="613"/>
      <c r="IYD723" s="613"/>
      <c r="IYE723" s="613"/>
      <c r="IYF723" s="613"/>
      <c r="IYG723" s="613"/>
      <c r="IYH723" s="613"/>
      <c r="IYI723" s="613"/>
      <c r="IYJ723" s="613"/>
      <c r="IYK723" s="613"/>
      <c r="IYL723" s="613"/>
      <c r="IYM723" s="613"/>
      <c r="IYN723" s="613"/>
      <c r="IYO723" s="613"/>
      <c r="IYP723" s="613"/>
      <c r="IYQ723" s="613"/>
      <c r="IYR723" s="613"/>
      <c r="IYS723" s="613"/>
      <c r="IYT723" s="613"/>
      <c r="IYU723" s="613"/>
      <c r="IYV723" s="613"/>
      <c r="IYW723" s="613"/>
      <c r="IYX723" s="613"/>
      <c r="IYY723" s="613"/>
      <c r="IYZ723" s="613"/>
      <c r="IZA723" s="613"/>
      <c r="IZB723" s="613"/>
      <c r="IZC723" s="613"/>
      <c r="IZD723" s="613"/>
      <c r="IZE723" s="613"/>
      <c r="IZF723" s="613"/>
      <c r="IZG723" s="613"/>
      <c r="IZH723" s="613"/>
      <c r="IZI723" s="613"/>
      <c r="IZJ723" s="613"/>
      <c r="IZK723" s="613"/>
      <c r="IZL723" s="613"/>
      <c r="IZM723" s="613"/>
      <c r="IZN723" s="613"/>
      <c r="IZO723" s="613"/>
      <c r="IZP723" s="613"/>
      <c r="IZQ723" s="613"/>
      <c r="IZR723" s="613"/>
      <c r="IZS723" s="613"/>
      <c r="IZT723" s="613"/>
      <c r="IZU723" s="613"/>
      <c r="IZV723" s="613"/>
      <c r="IZW723" s="613"/>
      <c r="IZX723" s="613"/>
      <c r="IZY723" s="613"/>
      <c r="IZZ723" s="613"/>
      <c r="JAA723" s="613"/>
      <c r="JAB723" s="613"/>
      <c r="JAC723" s="613"/>
      <c r="JAD723" s="613"/>
      <c r="JAE723" s="613"/>
      <c r="JAF723" s="613"/>
      <c r="JAG723" s="613"/>
      <c r="JAH723" s="613"/>
      <c r="JAI723" s="613"/>
      <c r="JAJ723" s="613"/>
      <c r="JAK723" s="613"/>
      <c r="JAL723" s="613"/>
      <c r="JAM723" s="613"/>
      <c r="JAN723" s="613"/>
      <c r="JAO723" s="613"/>
      <c r="JAP723" s="613"/>
      <c r="JAQ723" s="613"/>
      <c r="JAR723" s="613"/>
      <c r="JAS723" s="613"/>
      <c r="JAT723" s="613"/>
      <c r="JAU723" s="613"/>
      <c r="JAV723" s="613"/>
      <c r="JAW723" s="613"/>
      <c r="JAX723" s="613"/>
      <c r="JAY723" s="613"/>
      <c r="JAZ723" s="613"/>
      <c r="JBA723" s="613"/>
      <c r="JBB723" s="613"/>
      <c r="JBC723" s="613"/>
      <c r="JBD723" s="613"/>
      <c r="JBE723" s="613"/>
      <c r="JBF723" s="613"/>
      <c r="JBG723" s="613"/>
      <c r="JBH723" s="613"/>
      <c r="JBI723" s="613"/>
      <c r="JBJ723" s="613"/>
      <c r="JBK723" s="613"/>
      <c r="JBL723" s="613"/>
      <c r="JBM723" s="613"/>
      <c r="JBN723" s="613"/>
      <c r="JBO723" s="613"/>
      <c r="JBP723" s="613"/>
      <c r="JBQ723" s="613"/>
      <c r="JBR723" s="613"/>
      <c r="JBS723" s="613"/>
      <c r="JBT723" s="613"/>
      <c r="JBU723" s="613"/>
      <c r="JBV723" s="613"/>
      <c r="JBW723" s="613"/>
      <c r="JBX723" s="613"/>
      <c r="JBY723" s="613"/>
      <c r="JBZ723" s="613"/>
      <c r="JCA723" s="613"/>
      <c r="JCB723" s="613"/>
      <c r="JCC723" s="613"/>
      <c r="JCD723" s="613"/>
      <c r="JCE723" s="613"/>
      <c r="JCF723" s="613"/>
      <c r="JCG723" s="613"/>
      <c r="JCH723" s="613"/>
      <c r="JCI723" s="613"/>
      <c r="JCJ723" s="613"/>
      <c r="JCK723" s="613"/>
      <c r="JCL723" s="613"/>
      <c r="JCM723" s="613"/>
      <c r="JCN723" s="613"/>
      <c r="JCO723" s="613"/>
      <c r="JCP723" s="613"/>
      <c r="JCQ723" s="613"/>
      <c r="JCR723" s="613"/>
      <c r="JCS723" s="613"/>
      <c r="JCT723" s="613"/>
      <c r="JCU723" s="613"/>
      <c r="JCV723" s="613"/>
      <c r="JCW723" s="613"/>
      <c r="JCX723" s="613"/>
      <c r="JCY723" s="613"/>
      <c r="JCZ723" s="613"/>
      <c r="JDA723" s="613"/>
      <c r="JDB723" s="613"/>
      <c r="JDC723" s="613"/>
      <c r="JDD723" s="613"/>
      <c r="JDE723" s="613"/>
      <c r="JDF723" s="613"/>
      <c r="JDG723" s="613"/>
      <c r="JDH723" s="613"/>
      <c r="JDI723" s="613"/>
      <c r="JDJ723" s="613"/>
      <c r="JDK723" s="613"/>
      <c r="JDL723" s="613"/>
      <c r="JDM723" s="613"/>
      <c r="JDN723" s="613"/>
      <c r="JDO723" s="613"/>
      <c r="JDP723" s="613"/>
      <c r="JDQ723" s="613"/>
      <c r="JDR723" s="613"/>
      <c r="JDS723" s="613"/>
      <c r="JDT723" s="613"/>
      <c r="JDU723" s="613"/>
      <c r="JDV723" s="613"/>
      <c r="JDW723" s="613"/>
      <c r="JDX723" s="613"/>
      <c r="JDY723" s="613"/>
      <c r="JDZ723" s="613"/>
      <c r="JEA723" s="613"/>
      <c r="JEB723" s="613"/>
      <c r="JEC723" s="613"/>
      <c r="JED723" s="613"/>
      <c r="JEE723" s="613"/>
      <c r="JEF723" s="613"/>
      <c r="JEG723" s="613"/>
      <c r="JEH723" s="613"/>
      <c r="JEI723" s="613"/>
      <c r="JEJ723" s="613"/>
      <c r="JEK723" s="613"/>
      <c r="JEL723" s="613"/>
      <c r="JEM723" s="613"/>
      <c r="JEN723" s="613"/>
      <c r="JEO723" s="613"/>
      <c r="JEP723" s="613"/>
      <c r="JEQ723" s="613"/>
      <c r="JER723" s="613"/>
      <c r="JES723" s="613"/>
      <c r="JET723" s="613"/>
      <c r="JEU723" s="613"/>
      <c r="JEV723" s="613"/>
      <c r="JEW723" s="613"/>
      <c r="JEX723" s="613"/>
      <c r="JEY723" s="613"/>
      <c r="JEZ723" s="613"/>
      <c r="JFA723" s="613"/>
      <c r="JFB723" s="613"/>
      <c r="JFC723" s="613"/>
      <c r="JFD723" s="613"/>
      <c r="JFE723" s="613"/>
      <c r="JFF723" s="613"/>
      <c r="JFG723" s="613"/>
      <c r="JFH723" s="613"/>
      <c r="JFI723" s="613"/>
      <c r="JFJ723" s="613"/>
      <c r="JFK723" s="613"/>
      <c r="JFL723" s="613"/>
      <c r="JFM723" s="613"/>
      <c r="JFN723" s="613"/>
      <c r="JFO723" s="613"/>
      <c r="JFP723" s="613"/>
      <c r="JFQ723" s="613"/>
      <c r="JFR723" s="613"/>
      <c r="JFS723" s="613"/>
      <c r="JFT723" s="613"/>
      <c r="JFU723" s="613"/>
      <c r="JFV723" s="613"/>
      <c r="JFW723" s="613"/>
      <c r="JFX723" s="613"/>
      <c r="JFY723" s="613"/>
      <c r="JFZ723" s="613"/>
      <c r="JGA723" s="613"/>
      <c r="JGB723" s="613"/>
      <c r="JGC723" s="613"/>
      <c r="JGD723" s="613"/>
      <c r="JGE723" s="613"/>
      <c r="JGF723" s="613"/>
      <c r="JGG723" s="613"/>
      <c r="JGH723" s="613"/>
      <c r="JGI723" s="613"/>
      <c r="JGJ723" s="613"/>
      <c r="JGK723" s="613"/>
      <c r="JGL723" s="613"/>
      <c r="JGM723" s="613"/>
      <c r="JGN723" s="613"/>
      <c r="JGO723" s="613"/>
      <c r="JGP723" s="613"/>
      <c r="JGQ723" s="613"/>
      <c r="JGR723" s="613"/>
      <c r="JGS723" s="613"/>
      <c r="JGT723" s="613"/>
      <c r="JGU723" s="613"/>
      <c r="JGV723" s="613"/>
      <c r="JGW723" s="613"/>
      <c r="JGX723" s="613"/>
      <c r="JGY723" s="613"/>
      <c r="JGZ723" s="613"/>
      <c r="JHA723" s="613"/>
      <c r="JHB723" s="613"/>
      <c r="JHC723" s="613"/>
      <c r="JHD723" s="613"/>
      <c r="JHE723" s="613"/>
      <c r="JHF723" s="613"/>
      <c r="JHG723" s="613"/>
      <c r="JHH723" s="613"/>
      <c r="JHI723" s="613"/>
      <c r="JHJ723" s="613"/>
      <c r="JHK723" s="613"/>
      <c r="JHL723" s="613"/>
      <c r="JHM723" s="613"/>
      <c r="JHN723" s="613"/>
      <c r="JHO723" s="613"/>
      <c r="JHP723" s="613"/>
      <c r="JHQ723" s="613"/>
      <c r="JHR723" s="613"/>
      <c r="JHS723" s="613"/>
      <c r="JHT723" s="613"/>
      <c r="JHU723" s="613"/>
      <c r="JHV723" s="613"/>
      <c r="JHW723" s="613"/>
      <c r="JHX723" s="613"/>
      <c r="JHY723" s="613"/>
      <c r="JHZ723" s="613"/>
      <c r="JIA723" s="613"/>
      <c r="JIB723" s="613"/>
      <c r="JIC723" s="613"/>
      <c r="JID723" s="613"/>
      <c r="JIE723" s="613"/>
      <c r="JIF723" s="613"/>
      <c r="JIG723" s="613"/>
      <c r="JIH723" s="613"/>
      <c r="JII723" s="613"/>
      <c r="JIJ723" s="613"/>
      <c r="JIK723" s="613"/>
      <c r="JIL723" s="613"/>
      <c r="JIM723" s="613"/>
      <c r="JIN723" s="613"/>
      <c r="JIO723" s="613"/>
      <c r="JIP723" s="613"/>
      <c r="JIQ723" s="613"/>
      <c r="JIR723" s="613"/>
      <c r="JIS723" s="613"/>
      <c r="JIT723" s="613"/>
      <c r="JIU723" s="613"/>
      <c r="JIV723" s="613"/>
      <c r="JIW723" s="613"/>
      <c r="JIX723" s="613"/>
      <c r="JIY723" s="613"/>
      <c r="JIZ723" s="613"/>
      <c r="JJA723" s="613"/>
      <c r="JJB723" s="613"/>
      <c r="JJC723" s="613"/>
      <c r="JJD723" s="613"/>
      <c r="JJE723" s="613"/>
      <c r="JJF723" s="613"/>
      <c r="JJG723" s="613"/>
      <c r="JJH723" s="613"/>
      <c r="JJI723" s="613"/>
      <c r="JJJ723" s="613"/>
      <c r="JJK723" s="613"/>
      <c r="JJL723" s="613"/>
      <c r="JJM723" s="613"/>
      <c r="JJN723" s="613"/>
      <c r="JJO723" s="613"/>
      <c r="JJP723" s="613"/>
      <c r="JJQ723" s="613"/>
      <c r="JJR723" s="613"/>
      <c r="JJS723" s="613"/>
      <c r="JJT723" s="613"/>
      <c r="JJU723" s="613"/>
      <c r="JJV723" s="613"/>
      <c r="JJW723" s="613"/>
      <c r="JJX723" s="613"/>
      <c r="JJY723" s="613"/>
      <c r="JJZ723" s="613"/>
      <c r="JKA723" s="613"/>
      <c r="JKB723" s="613"/>
      <c r="JKC723" s="613"/>
      <c r="JKD723" s="613"/>
      <c r="JKE723" s="613"/>
      <c r="JKF723" s="613"/>
      <c r="JKG723" s="613"/>
      <c r="JKH723" s="613"/>
      <c r="JKI723" s="613"/>
      <c r="JKJ723" s="613"/>
      <c r="JKK723" s="613"/>
      <c r="JKL723" s="613"/>
      <c r="JKM723" s="613"/>
      <c r="JKN723" s="613"/>
      <c r="JKO723" s="613"/>
      <c r="JKP723" s="613"/>
      <c r="JKQ723" s="613"/>
      <c r="JKR723" s="613"/>
      <c r="JKS723" s="613"/>
      <c r="JKT723" s="613"/>
      <c r="JKU723" s="613"/>
      <c r="JKV723" s="613"/>
      <c r="JKW723" s="613"/>
      <c r="JKX723" s="613"/>
      <c r="JKY723" s="613"/>
      <c r="JKZ723" s="613"/>
      <c r="JLA723" s="613"/>
      <c r="JLB723" s="613"/>
      <c r="JLC723" s="613"/>
      <c r="JLD723" s="613"/>
      <c r="JLE723" s="613"/>
      <c r="JLF723" s="613"/>
      <c r="JLG723" s="613"/>
      <c r="JLH723" s="613"/>
      <c r="JLI723" s="613"/>
      <c r="JLJ723" s="613"/>
      <c r="JLK723" s="613"/>
      <c r="JLL723" s="613"/>
      <c r="JLM723" s="613"/>
      <c r="JLN723" s="613"/>
      <c r="JLO723" s="613"/>
      <c r="JLP723" s="613"/>
      <c r="JLQ723" s="613"/>
      <c r="JLR723" s="613"/>
      <c r="JLS723" s="613"/>
      <c r="JLT723" s="613"/>
      <c r="JLU723" s="613"/>
      <c r="JLV723" s="613"/>
      <c r="JLW723" s="613"/>
      <c r="JLX723" s="613"/>
      <c r="JLY723" s="613"/>
      <c r="JLZ723" s="613"/>
      <c r="JMA723" s="613"/>
      <c r="JMB723" s="613"/>
      <c r="JMC723" s="613"/>
      <c r="JMD723" s="613"/>
      <c r="JME723" s="613"/>
      <c r="JMF723" s="613"/>
      <c r="JMG723" s="613"/>
      <c r="JMH723" s="613"/>
      <c r="JMI723" s="613"/>
      <c r="JMJ723" s="613"/>
      <c r="JMK723" s="613"/>
      <c r="JML723" s="613"/>
      <c r="JMM723" s="613"/>
      <c r="JMN723" s="613"/>
      <c r="JMO723" s="613"/>
      <c r="JMP723" s="613"/>
      <c r="JMQ723" s="613"/>
      <c r="JMR723" s="613"/>
      <c r="JMS723" s="613"/>
      <c r="JMT723" s="613"/>
      <c r="JMU723" s="613"/>
      <c r="JMV723" s="613"/>
      <c r="JMW723" s="613"/>
      <c r="JMX723" s="613"/>
      <c r="JMY723" s="613"/>
      <c r="JMZ723" s="613"/>
      <c r="JNA723" s="613"/>
      <c r="JNB723" s="613"/>
      <c r="JNC723" s="613"/>
      <c r="JND723" s="613"/>
      <c r="JNE723" s="613"/>
      <c r="JNF723" s="613"/>
      <c r="JNG723" s="613"/>
      <c r="JNH723" s="613"/>
      <c r="JNI723" s="613"/>
      <c r="JNJ723" s="613"/>
      <c r="JNK723" s="613"/>
      <c r="JNL723" s="613"/>
      <c r="JNM723" s="613"/>
      <c r="JNN723" s="613"/>
      <c r="JNO723" s="613"/>
      <c r="JNP723" s="613"/>
      <c r="JNQ723" s="613"/>
      <c r="JNR723" s="613"/>
      <c r="JNS723" s="613"/>
      <c r="JNT723" s="613"/>
      <c r="JNU723" s="613"/>
      <c r="JNV723" s="613"/>
      <c r="JNW723" s="613"/>
      <c r="JNX723" s="613"/>
      <c r="JNY723" s="613"/>
      <c r="JNZ723" s="613"/>
      <c r="JOA723" s="613"/>
      <c r="JOB723" s="613"/>
      <c r="JOC723" s="613"/>
      <c r="JOD723" s="613"/>
      <c r="JOE723" s="613"/>
      <c r="JOF723" s="613"/>
      <c r="JOG723" s="613"/>
      <c r="JOH723" s="613"/>
      <c r="JOI723" s="613"/>
      <c r="JOJ723" s="613"/>
      <c r="JOK723" s="613"/>
      <c r="JOL723" s="613"/>
      <c r="JOM723" s="613"/>
      <c r="JON723" s="613"/>
      <c r="JOO723" s="613"/>
      <c r="JOP723" s="613"/>
      <c r="JOQ723" s="613"/>
      <c r="JOR723" s="613"/>
      <c r="JOS723" s="613"/>
      <c r="JOT723" s="613"/>
      <c r="JOU723" s="613"/>
      <c r="JOV723" s="613"/>
      <c r="JOW723" s="613"/>
      <c r="JOX723" s="613"/>
      <c r="JOY723" s="613"/>
      <c r="JOZ723" s="613"/>
      <c r="JPA723" s="613"/>
      <c r="JPB723" s="613"/>
      <c r="JPC723" s="613"/>
      <c r="JPD723" s="613"/>
      <c r="JPE723" s="613"/>
      <c r="JPF723" s="613"/>
      <c r="JPG723" s="613"/>
      <c r="JPH723" s="613"/>
      <c r="JPI723" s="613"/>
      <c r="JPJ723" s="613"/>
      <c r="JPK723" s="613"/>
      <c r="JPL723" s="613"/>
      <c r="JPM723" s="613"/>
      <c r="JPN723" s="613"/>
      <c r="JPO723" s="613"/>
      <c r="JPP723" s="613"/>
      <c r="JPQ723" s="613"/>
      <c r="JPR723" s="613"/>
      <c r="JPS723" s="613"/>
      <c r="JPT723" s="613"/>
      <c r="JPU723" s="613"/>
      <c r="JPV723" s="613"/>
      <c r="JPW723" s="613"/>
      <c r="JPX723" s="613"/>
      <c r="JPY723" s="613"/>
      <c r="JPZ723" s="613"/>
      <c r="JQA723" s="613"/>
      <c r="JQB723" s="613"/>
      <c r="JQC723" s="613"/>
      <c r="JQD723" s="613"/>
      <c r="JQE723" s="613"/>
      <c r="JQF723" s="613"/>
      <c r="JQG723" s="613"/>
      <c r="JQH723" s="613"/>
      <c r="JQI723" s="613"/>
      <c r="JQJ723" s="613"/>
      <c r="JQK723" s="613"/>
      <c r="JQL723" s="613"/>
      <c r="JQM723" s="613"/>
      <c r="JQN723" s="613"/>
      <c r="JQO723" s="613"/>
      <c r="JQP723" s="613"/>
      <c r="JQQ723" s="613"/>
      <c r="JQR723" s="613"/>
      <c r="JQS723" s="613"/>
      <c r="JQT723" s="613"/>
      <c r="JQU723" s="613"/>
      <c r="JQV723" s="613"/>
      <c r="JQW723" s="613"/>
      <c r="JQX723" s="613"/>
      <c r="JQY723" s="613"/>
      <c r="JQZ723" s="613"/>
      <c r="JRA723" s="613"/>
      <c r="JRB723" s="613"/>
      <c r="JRC723" s="613"/>
      <c r="JRD723" s="613"/>
      <c r="JRE723" s="613"/>
      <c r="JRF723" s="613"/>
      <c r="JRG723" s="613"/>
      <c r="JRH723" s="613"/>
      <c r="JRI723" s="613"/>
      <c r="JRJ723" s="613"/>
      <c r="JRK723" s="613"/>
      <c r="JRL723" s="613"/>
      <c r="JRM723" s="613"/>
      <c r="JRN723" s="613"/>
      <c r="JRO723" s="613"/>
      <c r="JRP723" s="613"/>
      <c r="JRQ723" s="613"/>
      <c r="JRR723" s="613"/>
      <c r="JRS723" s="613"/>
      <c r="JRT723" s="613"/>
      <c r="JRU723" s="613"/>
      <c r="JRV723" s="613"/>
      <c r="JRW723" s="613"/>
      <c r="JRX723" s="613"/>
      <c r="JRY723" s="613"/>
      <c r="JRZ723" s="613"/>
      <c r="JSA723" s="613"/>
      <c r="JSB723" s="613"/>
      <c r="JSC723" s="613"/>
      <c r="JSD723" s="613"/>
      <c r="JSE723" s="613"/>
      <c r="JSF723" s="613"/>
      <c r="JSG723" s="613"/>
      <c r="JSH723" s="613"/>
      <c r="JSI723" s="613"/>
      <c r="JSJ723" s="613"/>
      <c r="JSK723" s="613"/>
      <c r="JSL723" s="613"/>
      <c r="JSM723" s="613"/>
      <c r="JSN723" s="613"/>
      <c r="JSO723" s="613"/>
      <c r="JSP723" s="613"/>
      <c r="JSQ723" s="613"/>
      <c r="JSR723" s="613"/>
      <c r="JSS723" s="613"/>
      <c r="JST723" s="613"/>
      <c r="JSU723" s="613"/>
      <c r="JSV723" s="613"/>
      <c r="JSW723" s="613"/>
      <c r="JSX723" s="613"/>
      <c r="JSY723" s="613"/>
      <c r="JSZ723" s="613"/>
      <c r="JTA723" s="613"/>
      <c r="JTB723" s="613"/>
      <c r="JTC723" s="613"/>
      <c r="JTD723" s="613"/>
      <c r="JTE723" s="613"/>
      <c r="JTF723" s="613"/>
      <c r="JTG723" s="613"/>
      <c r="JTH723" s="613"/>
      <c r="JTI723" s="613"/>
      <c r="JTJ723" s="613"/>
      <c r="JTK723" s="613"/>
      <c r="JTL723" s="613"/>
      <c r="JTM723" s="613"/>
      <c r="JTN723" s="613"/>
      <c r="JTO723" s="613"/>
      <c r="JTP723" s="613"/>
      <c r="JTQ723" s="613"/>
      <c r="JTR723" s="613"/>
      <c r="JTS723" s="613"/>
      <c r="JTT723" s="613"/>
      <c r="JTU723" s="613"/>
      <c r="JTV723" s="613"/>
      <c r="JTW723" s="613"/>
      <c r="JTX723" s="613"/>
      <c r="JTY723" s="613"/>
      <c r="JTZ723" s="613"/>
      <c r="JUA723" s="613"/>
      <c r="JUB723" s="613"/>
      <c r="JUC723" s="613"/>
      <c r="JUD723" s="613"/>
      <c r="JUE723" s="613"/>
      <c r="JUF723" s="613"/>
      <c r="JUG723" s="613"/>
      <c r="JUH723" s="613"/>
      <c r="JUI723" s="613"/>
      <c r="JUJ723" s="613"/>
      <c r="JUK723" s="613"/>
      <c r="JUL723" s="613"/>
      <c r="JUM723" s="613"/>
      <c r="JUN723" s="613"/>
      <c r="JUO723" s="613"/>
      <c r="JUP723" s="613"/>
      <c r="JUQ723" s="613"/>
      <c r="JUR723" s="613"/>
      <c r="JUS723" s="613"/>
      <c r="JUT723" s="613"/>
      <c r="JUU723" s="613"/>
      <c r="JUV723" s="613"/>
      <c r="JUW723" s="613"/>
      <c r="JUX723" s="613"/>
      <c r="JUY723" s="613"/>
      <c r="JUZ723" s="613"/>
      <c r="JVA723" s="613"/>
      <c r="JVB723" s="613"/>
      <c r="JVC723" s="613"/>
      <c r="JVD723" s="613"/>
      <c r="JVE723" s="613"/>
      <c r="JVF723" s="613"/>
      <c r="JVG723" s="613"/>
      <c r="JVH723" s="613"/>
      <c r="JVI723" s="613"/>
      <c r="JVJ723" s="613"/>
      <c r="JVK723" s="613"/>
      <c r="JVL723" s="613"/>
      <c r="JVM723" s="613"/>
      <c r="JVN723" s="613"/>
      <c r="JVO723" s="613"/>
      <c r="JVP723" s="613"/>
      <c r="JVQ723" s="613"/>
      <c r="JVR723" s="613"/>
      <c r="JVS723" s="613"/>
      <c r="JVT723" s="613"/>
      <c r="JVU723" s="613"/>
      <c r="JVV723" s="613"/>
      <c r="JVW723" s="613"/>
      <c r="JVX723" s="613"/>
      <c r="JVY723" s="613"/>
      <c r="JVZ723" s="613"/>
      <c r="JWA723" s="613"/>
      <c r="JWB723" s="613"/>
      <c r="JWC723" s="613"/>
      <c r="JWD723" s="613"/>
      <c r="JWE723" s="613"/>
      <c r="JWF723" s="613"/>
      <c r="JWG723" s="613"/>
      <c r="JWH723" s="613"/>
      <c r="JWI723" s="613"/>
      <c r="JWJ723" s="613"/>
      <c r="JWK723" s="613"/>
      <c r="JWL723" s="613"/>
      <c r="JWM723" s="613"/>
      <c r="JWN723" s="613"/>
      <c r="JWO723" s="613"/>
      <c r="JWP723" s="613"/>
      <c r="JWQ723" s="613"/>
      <c r="JWR723" s="613"/>
      <c r="JWS723" s="613"/>
      <c r="JWT723" s="613"/>
      <c r="JWU723" s="613"/>
      <c r="JWV723" s="613"/>
      <c r="JWW723" s="613"/>
      <c r="JWX723" s="613"/>
      <c r="JWY723" s="613"/>
      <c r="JWZ723" s="613"/>
      <c r="JXA723" s="613"/>
      <c r="JXB723" s="613"/>
      <c r="JXC723" s="613"/>
      <c r="JXD723" s="613"/>
      <c r="JXE723" s="613"/>
      <c r="JXF723" s="613"/>
      <c r="JXG723" s="613"/>
      <c r="JXH723" s="613"/>
      <c r="JXI723" s="613"/>
      <c r="JXJ723" s="613"/>
      <c r="JXK723" s="613"/>
      <c r="JXL723" s="613"/>
      <c r="JXM723" s="613"/>
      <c r="JXN723" s="613"/>
      <c r="JXO723" s="613"/>
      <c r="JXP723" s="613"/>
      <c r="JXQ723" s="613"/>
      <c r="JXR723" s="613"/>
      <c r="JXS723" s="613"/>
      <c r="JXT723" s="613"/>
      <c r="JXU723" s="613"/>
      <c r="JXV723" s="613"/>
      <c r="JXW723" s="613"/>
      <c r="JXX723" s="613"/>
      <c r="JXY723" s="613"/>
      <c r="JXZ723" s="613"/>
      <c r="JYA723" s="613"/>
      <c r="JYB723" s="613"/>
      <c r="JYC723" s="613"/>
      <c r="JYD723" s="613"/>
      <c r="JYE723" s="613"/>
      <c r="JYF723" s="613"/>
      <c r="JYG723" s="613"/>
      <c r="JYH723" s="613"/>
      <c r="JYI723" s="613"/>
      <c r="JYJ723" s="613"/>
      <c r="JYK723" s="613"/>
      <c r="JYL723" s="613"/>
      <c r="JYM723" s="613"/>
      <c r="JYN723" s="613"/>
      <c r="JYO723" s="613"/>
      <c r="JYP723" s="613"/>
      <c r="JYQ723" s="613"/>
      <c r="JYR723" s="613"/>
      <c r="JYS723" s="613"/>
      <c r="JYT723" s="613"/>
      <c r="JYU723" s="613"/>
      <c r="JYV723" s="613"/>
      <c r="JYW723" s="613"/>
      <c r="JYX723" s="613"/>
      <c r="JYY723" s="613"/>
      <c r="JYZ723" s="613"/>
      <c r="JZA723" s="613"/>
      <c r="JZB723" s="613"/>
      <c r="JZC723" s="613"/>
      <c r="JZD723" s="613"/>
      <c r="JZE723" s="613"/>
      <c r="JZF723" s="613"/>
      <c r="JZG723" s="613"/>
      <c r="JZH723" s="613"/>
      <c r="JZI723" s="613"/>
      <c r="JZJ723" s="613"/>
      <c r="JZK723" s="613"/>
      <c r="JZL723" s="613"/>
      <c r="JZM723" s="613"/>
      <c r="JZN723" s="613"/>
      <c r="JZO723" s="613"/>
      <c r="JZP723" s="613"/>
      <c r="JZQ723" s="613"/>
      <c r="JZR723" s="613"/>
      <c r="JZS723" s="613"/>
      <c r="JZT723" s="613"/>
      <c r="JZU723" s="613"/>
      <c r="JZV723" s="613"/>
      <c r="JZW723" s="613"/>
      <c r="JZX723" s="613"/>
      <c r="JZY723" s="613"/>
      <c r="JZZ723" s="613"/>
      <c r="KAA723" s="613"/>
      <c r="KAB723" s="613"/>
      <c r="KAC723" s="613"/>
      <c r="KAD723" s="613"/>
      <c r="KAE723" s="613"/>
      <c r="KAF723" s="613"/>
      <c r="KAG723" s="613"/>
      <c r="KAH723" s="613"/>
      <c r="KAI723" s="613"/>
      <c r="KAJ723" s="613"/>
      <c r="KAK723" s="613"/>
      <c r="KAL723" s="613"/>
      <c r="KAM723" s="613"/>
      <c r="KAN723" s="613"/>
      <c r="KAO723" s="613"/>
      <c r="KAP723" s="613"/>
      <c r="KAQ723" s="613"/>
      <c r="KAR723" s="613"/>
      <c r="KAS723" s="613"/>
      <c r="KAT723" s="613"/>
      <c r="KAU723" s="613"/>
      <c r="KAV723" s="613"/>
      <c r="KAW723" s="613"/>
      <c r="KAX723" s="613"/>
      <c r="KAY723" s="613"/>
      <c r="KAZ723" s="613"/>
      <c r="KBA723" s="613"/>
      <c r="KBB723" s="613"/>
      <c r="KBC723" s="613"/>
      <c r="KBD723" s="613"/>
      <c r="KBE723" s="613"/>
      <c r="KBF723" s="613"/>
      <c r="KBG723" s="613"/>
      <c r="KBH723" s="613"/>
      <c r="KBI723" s="613"/>
      <c r="KBJ723" s="613"/>
      <c r="KBK723" s="613"/>
      <c r="KBL723" s="613"/>
      <c r="KBM723" s="613"/>
      <c r="KBN723" s="613"/>
      <c r="KBO723" s="613"/>
      <c r="KBP723" s="613"/>
      <c r="KBQ723" s="613"/>
      <c r="KBR723" s="613"/>
      <c r="KBS723" s="613"/>
      <c r="KBT723" s="613"/>
      <c r="KBU723" s="613"/>
      <c r="KBV723" s="613"/>
      <c r="KBW723" s="613"/>
      <c r="KBX723" s="613"/>
      <c r="KBY723" s="613"/>
      <c r="KBZ723" s="613"/>
      <c r="KCA723" s="613"/>
      <c r="KCB723" s="613"/>
      <c r="KCC723" s="613"/>
      <c r="KCD723" s="613"/>
      <c r="KCE723" s="613"/>
      <c r="KCF723" s="613"/>
      <c r="KCG723" s="613"/>
      <c r="KCH723" s="613"/>
      <c r="KCI723" s="613"/>
      <c r="KCJ723" s="613"/>
      <c r="KCK723" s="613"/>
      <c r="KCL723" s="613"/>
      <c r="KCM723" s="613"/>
      <c r="KCN723" s="613"/>
      <c r="KCO723" s="613"/>
      <c r="KCP723" s="613"/>
      <c r="KCQ723" s="613"/>
      <c r="KCR723" s="613"/>
      <c r="KCS723" s="613"/>
      <c r="KCT723" s="613"/>
      <c r="KCU723" s="613"/>
      <c r="KCV723" s="613"/>
      <c r="KCW723" s="613"/>
      <c r="KCX723" s="613"/>
      <c r="KCY723" s="613"/>
      <c r="KCZ723" s="613"/>
      <c r="KDA723" s="613"/>
      <c r="KDB723" s="613"/>
      <c r="KDC723" s="613"/>
      <c r="KDD723" s="613"/>
      <c r="KDE723" s="613"/>
      <c r="KDF723" s="613"/>
      <c r="KDG723" s="613"/>
      <c r="KDH723" s="613"/>
      <c r="KDI723" s="613"/>
      <c r="KDJ723" s="613"/>
      <c r="KDK723" s="613"/>
      <c r="KDL723" s="613"/>
      <c r="KDM723" s="613"/>
      <c r="KDN723" s="613"/>
      <c r="KDO723" s="613"/>
      <c r="KDP723" s="613"/>
      <c r="KDQ723" s="613"/>
      <c r="KDR723" s="613"/>
      <c r="KDS723" s="613"/>
      <c r="KDT723" s="613"/>
      <c r="KDU723" s="613"/>
      <c r="KDV723" s="613"/>
      <c r="KDW723" s="613"/>
      <c r="KDX723" s="613"/>
      <c r="KDY723" s="613"/>
      <c r="KDZ723" s="613"/>
      <c r="KEA723" s="613"/>
      <c r="KEB723" s="613"/>
      <c r="KEC723" s="613"/>
      <c r="KED723" s="613"/>
      <c r="KEE723" s="613"/>
      <c r="KEF723" s="613"/>
      <c r="KEG723" s="613"/>
      <c r="KEH723" s="613"/>
      <c r="KEI723" s="613"/>
      <c r="KEJ723" s="613"/>
      <c r="KEK723" s="613"/>
      <c r="KEL723" s="613"/>
      <c r="KEM723" s="613"/>
      <c r="KEN723" s="613"/>
      <c r="KEO723" s="613"/>
      <c r="KEP723" s="613"/>
      <c r="KEQ723" s="613"/>
      <c r="KER723" s="613"/>
      <c r="KES723" s="613"/>
      <c r="KET723" s="613"/>
      <c r="KEU723" s="613"/>
      <c r="KEV723" s="613"/>
      <c r="KEW723" s="613"/>
      <c r="KEX723" s="613"/>
      <c r="KEY723" s="613"/>
      <c r="KEZ723" s="613"/>
      <c r="KFA723" s="613"/>
      <c r="KFB723" s="613"/>
      <c r="KFC723" s="613"/>
      <c r="KFD723" s="613"/>
      <c r="KFE723" s="613"/>
      <c r="KFF723" s="613"/>
      <c r="KFG723" s="613"/>
      <c r="KFH723" s="613"/>
      <c r="KFI723" s="613"/>
      <c r="KFJ723" s="613"/>
      <c r="KFK723" s="613"/>
      <c r="KFL723" s="613"/>
      <c r="KFM723" s="613"/>
      <c r="KFN723" s="613"/>
      <c r="KFO723" s="613"/>
      <c r="KFP723" s="613"/>
      <c r="KFQ723" s="613"/>
      <c r="KFR723" s="613"/>
      <c r="KFS723" s="613"/>
      <c r="KFT723" s="613"/>
      <c r="KFU723" s="613"/>
      <c r="KFV723" s="613"/>
      <c r="KFW723" s="613"/>
      <c r="KFX723" s="613"/>
      <c r="KFY723" s="613"/>
      <c r="KFZ723" s="613"/>
      <c r="KGA723" s="613"/>
      <c r="KGB723" s="613"/>
      <c r="KGC723" s="613"/>
      <c r="KGD723" s="613"/>
      <c r="KGE723" s="613"/>
      <c r="KGF723" s="613"/>
      <c r="KGG723" s="613"/>
      <c r="KGH723" s="613"/>
      <c r="KGI723" s="613"/>
      <c r="KGJ723" s="613"/>
      <c r="KGK723" s="613"/>
      <c r="KGL723" s="613"/>
      <c r="KGM723" s="613"/>
      <c r="KGN723" s="613"/>
      <c r="KGO723" s="613"/>
      <c r="KGP723" s="613"/>
      <c r="KGQ723" s="613"/>
      <c r="KGR723" s="613"/>
      <c r="KGS723" s="613"/>
      <c r="KGT723" s="613"/>
      <c r="KGU723" s="613"/>
      <c r="KGV723" s="613"/>
      <c r="KGW723" s="613"/>
      <c r="KGX723" s="613"/>
      <c r="KGY723" s="613"/>
      <c r="KGZ723" s="613"/>
      <c r="KHA723" s="613"/>
      <c r="KHB723" s="613"/>
      <c r="KHC723" s="613"/>
      <c r="KHD723" s="613"/>
      <c r="KHE723" s="613"/>
      <c r="KHF723" s="613"/>
      <c r="KHG723" s="613"/>
      <c r="KHH723" s="613"/>
      <c r="KHI723" s="613"/>
      <c r="KHJ723" s="613"/>
      <c r="KHK723" s="613"/>
      <c r="KHL723" s="613"/>
      <c r="KHM723" s="613"/>
      <c r="KHN723" s="613"/>
      <c r="KHO723" s="613"/>
      <c r="KHP723" s="613"/>
      <c r="KHQ723" s="613"/>
      <c r="KHR723" s="613"/>
      <c r="KHS723" s="613"/>
      <c r="KHT723" s="613"/>
      <c r="KHU723" s="613"/>
      <c r="KHV723" s="613"/>
      <c r="KHW723" s="613"/>
      <c r="KHX723" s="613"/>
      <c r="KHY723" s="613"/>
      <c r="KHZ723" s="613"/>
      <c r="KIA723" s="613"/>
      <c r="KIB723" s="613"/>
      <c r="KIC723" s="613"/>
      <c r="KID723" s="613"/>
      <c r="KIE723" s="613"/>
      <c r="KIF723" s="613"/>
      <c r="KIG723" s="613"/>
      <c r="KIH723" s="613"/>
      <c r="KII723" s="613"/>
      <c r="KIJ723" s="613"/>
      <c r="KIK723" s="613"/>
      <c r="KIL723" s="613"/>
      <c r="KIM723" s="613"/>
      <c r="KIN723" s="613"/>
      <c r="KIO723" s="613"/>
      <c r="KIP723" s="613"/>
      <c r="KIQ723" s="613"/>
      <c r="KIR723" s="613"/>
      <c r="KIS723" s="613"/>
      <c r="KIT723" s="613"/>
      <c r="KIU723" s="613"/>
      <c r="KIV723" s="613"/>
      <c r="KIW723" s="613"/>
      <c r="KIX723" s="613"/>
      <c r="KIY723" s="613"/>
      <c r="KIZ723" s="613"/>
      <c r="KJA723" s="613"/>
      <c r="KJB723" s="613"/>
      <c r="KJC723" s="613"/>
      <c r="KJD723" s="613"/>
      <c r="KJE723" s="613"/>
      <c r="KJF723" s="613"/>
      <c r="KJG723" s="613"/>
      <c r="KJH723" s="613"/>
      <c r="KJI723" s="613"/>
      <c r="KJJ723" s="613"/>
      <c r="KJK723" s="613"/>
      <c r="KJL723" s="613"/>
      <c r="KJM723" s="613"/>
      <c r="KJN723" s="613"/>
      <c r="KJO723" s="613"/>
      <c r="KJP723" s="613"/>
      <c r="KJQ723" s="613"/>
      <c r="KJR723" s="613"/>
      <c r="KJS723" s="613"/>
      <c r="KJT723" s="613"/>
      <c r="KJU723" s="613"/>
      <c r="KJV723" s="613"/>
      <c r="KJW723" s="613"/>
      <c r="KJX723" s="613"/>
      <c r="KJY723" s="613"/>
      <c r="KJZ723" s="613"/>
      <c r="KKA723" s="613"/>
      <c r="KKB723" s="613"/>
      <c r="KKC723" s="613"/>
      <c r="KKD723" s="613"/>
      <c r="KKE723" s="613"/>
      <c r="KKF723" s="613"/>
      <c r="KKG723" s="613"/>
      <c r="KKH723" s="613"/>
      <c r="KKI723" s="613"/>
      <c r="KKJ723" s="613"/>
      <c r="KKK723" s="613"/>
      <c r="KKL723" s="613"/>
      <c r="KKM723" s="613"/>
      <c r="KKN723" s="613"/>
      <c r="KKO723" s="613"/>
      <c r="KKP723" s="613"/>
      <c r="KKQ723" s="613"/>
      <c r="KKR723" s="613"/>
      <c r="KKS723" s="613"/>
      <c r="KKT723" s="613"/>
      <c r="KKU723" s="613"/>
      <c r="KKV723" s="613"/>
      <c r="KKW723" s="613"/>
      <c r="KKX723" s="613"/>
      <c r="KKY723" s="613"/>
      <c r="KKZ723" s="613"/>
      <c r="KLA723" s="613"/>
      <c r="KLB723" s="613"/>
      <c r="KLC723" s="613"/>
      <c r="KLD723" s="613"/>
      <c r="KLE723" s="613"/>
      <c r="KLF723" s="613"/>
      <c r="KLG723" s="613"/>
      <c r="KLH723" s="613"/>
      <c r="KLI723" s="613"/>
      <c r="KLJ723" s="613"/>
      <c r="KLK723" s="613"/>
      <c r="KLL723" s="613"/>
      <c r="KLM723" s="613"/>
      <c r="KLN723" s="613"/>
      <c r="KLO723" s="613"/>
      <c r="KLP723" s="613"/>
      <c r="KLQ723" s="613"/>
      <c r="KLR723" s="613"/>
      <c r="KLS723" s="613"/>
      <c r="KLT723" s="613"/>
      <c r="KLU723" s="613"/>
      <c r="KLV723" s="613"/>
      <c r="KLW723" s="613"/>
      <c r="KLX723" s="613"/>
      <c r="KLY723" s="613"/>
      <c r="KLZ723" s="613"/>
      <c r="KMA723" s="613"/>
      <c r="KMB723" s="613"/>
      <c r="KMC723" s="613"/>
      <c r="KMD723" s="613"/>
      <c r="KME723" s="613"/>
      <c r="KMF723" s="613"/>
      <c r="KMG723" s="613"/>
      <c r="KMH723" s="613"/>
      <c r="KMI723" s="613"/>
      <c r="KMJ723" s="613"/>
      <c r="KMK723" s="613"/>
      <c r="KML723" s="613"/>
      <c r="KMM723" s="613"/>
      <c r="KMN723" s="613"/>
      <c r="KMO723" s="613"/>
      <c r="KMP723" s="613"/>
      <c r="KMQ723" s="613"/>
      <c r="KMR723" s="613"/>
      <c r="KMS723" s="613"/>
      <c r="KMT723" s="613"/>
      <c r="KMU723" s="613"/>
      <c r="KMV723" s="613"/>
      <c r="KMW723" s="613"/>
      <c r="KMX723" s="613"/>
      <c r="KMY723" s="613"/>
      <c r="KMZ723" s="613"/>
      <c r="KNA723" s="613"/>
      <c r="KNB723" s="613"/>
      <c r="KNC723" s="613"/>
      <c r="KND723" s="613"/>
      <c r="KNE723" s="613"/>
      <c r="KNF723" s="613"/>
      <c r="KNG723" s="613"/>
      <c r="KNH723" s="613"/>
      <c r="KNI723" s="613"/>
      <c r="KNJ723" s="613"/>
      <c r="KNK723" s="613"/>
      <c r="KNL723" s="613"/>
      <c r="KNM723" s="613"/>
      <c r="KNN723" s="613"/>
      <c r="KNO723" s="613"/>
      <c r="KNP723" s="613"/>
      <c r="KNQ723" s="613"/>
      <c r="KNR723" s="613"/>
      <c r="KNS723" s="613"/>
      <c r="KNT723" s="613"/>
      <c r="KNU723" s="613"/>
      <c r="KNV723" s="613"/>
      <c r="KNW723" s="613"/>
      <c r="KNX723" s="613"/>
      <c r="KNY723" s="613"/>
      <c r="KNZ723" s="613"/>
      <c r="KOA723" s="613"/>
      <c r="KOB723" s="613"/>
      <c r="KOC723" s="613"/>
      <c r="KOD723" s="613"/>
      <c r="KOE723" s="613"/>
      <c r="KOF723" s="613"/>
      <c r="KOG723" s="613"/>
      <c r="KOH723" s="613"/>
      <c r="KOI723" s="613"/>
      <c r="KOJ723" s="613"/>
      <c r="KOK723" s="613"/>
      <c r="KOL723" s="613"/>
      <c r="KOM723" s="613"/>
      <c r="KON723" s="613"/>
      <c r="KOO723" s="613"/>
      <c r="KOP723" s="613"/>
      <c r="KOQ723" s="613"/>
      <c r="KOR723" s="613"/>
      <c r="KOS723" s="613"/>
      <c r="KOT723" s="613"/>
      <c r="KOU723" s="613"/>
      <c r="KOV723" s="613"/>
      <c r="KOW723" s="613"/>
      <c r="KOX723" s="613"/>
      <c r="KOY723" s="613"/>
      <c r="KOZ723" s="613"/>
      <c r="KPA723" s="613"/>
      <c r="KPB723" s="613"/>
      <c r="KPC723" s="613"/>
      <c r="KPD723" s="613"/>
      <c r="KPE723" s="613"/>
      <c r="KPF723" s="613"/>
      <c r="KPG723" s="613"/>
      <c r="KPH723" s="613"/>
      <c r="KPI723" s="613"/>
      <c r="KPJ723" s="613"/>
      <c r="KPK723" s="613"/>
      <c r="KPL723" s="613"/>
      <c r="KPM723" s="613"/>
      <c r="KPN723" s="613"/>
      <c r="KPO723" s="613"/>
      <c r="KPP723" s="613"/>
      <c r="KPQ723" s="613"/>
      <c r="KPR723" s="613"/>
      <c r="KPS723" s="613"/>
      <c r="KPT723" s="613"/>
      <c r="KPU723" s="613"/>
      <c r="KPV723" s="613"/>
      <c r="KPW723" s="613"/>
      <c r="KPX723" s="613"/>
      <c r="KPY723" s="613"/>
      <c r="KPZ723" s="613"/>
      <c r="KQA723" s="613"/>
      <c r="KQB723" s="613"/>
      <c r="KQC723" s="613"/>
      <c r="KQD723" s="613"/>
      <c r="KQE723" s="613"/>
      <c r="KQF723" s="613"/>
      <c r="KQG723" s="613"/>
      <c r="KQH723" s="613"/>
      <c r="KQI723" s="613"/>
      <c r="KQJ723" s="613"/>
      <c r="KQK723" s="613"/>
      <c r="KQL723" s="613"/>
      <c r="KQM723" s="613"/>
      <c r="KQN723" s="613"/>
      <c r="KQO723" s="613"/>
      <c r="KQP723" s="613"/>
      <c r="KQQ723" s="613"/>
      <c r="KQR723" s="613"/>
      <c r="KQS723" s="613"/>
      <c r="KQT723" s="613"/>
      <c r="KQU723" s="613"/>
      <c r="KQV723" s="613"/>
      <c r="KQW723" s="613"/>
      <c r="KQX723" s="613"/>
      <c r="KQY723" s="613"/>
      <c r="KQZ723" s="613"/>
      <c r="KRA723" s="613"/>
      <c r="KRB723" s="613"/>
      <c r="KRC723" s="613"/>
      <c r="KRD723" s="613"/>
      <c r="KRE723" s="613"/>
      <c r="KRF723" s="613"/>
      <c r="KRG723" s="613"/>
      <c r="KRH723" s="613"/>
      <c r="KRI723" s="613"/>
      <c r="KRJ723" s="613"/>
      <c r="KRK723" s="613"/>
      <c r="KRL723" s="613"/>
      <c r="KRM723" s="613"/>
      <c r="KRN723" s="613"/>
      <c r="KRO723" s="613"/>
      <c r="KRP723" s="613"/>
      <c r="KRQ723" s="613"/>
      <c r="KRR723" s="613"/>
      <c r="KRS723" s="613"/>
      <c r="KRT723" s="613"/>
      <c r="KRU723" s="613"/>
      <c r="KRV723" s="613"/>
      <c r="KRW723" s="613"/>
      <c r="KRX723" s="613"/>
      <c r="KRY723" s="613"/>
      <c r="KRZ723" s="613"/>
      <c r="KSA723" s="613"/>
      <c r="KSB723" s="613"/>
      <c r="KSC723" s="613"/>
      <c r="KSD723" s="613"/>
      <c r="KSE723" s="613"/>
      <c r="KSF723" s="613"/>
      <c r="KSG723" s="613"/>
      <c r="KSH723" s="613"/>
      <c r="KSI723" s="613"/>
      <c r="KSJ723" s="613"/>
      <c r="KSK723" s="613"/>
      <c r="KSL723" s="613"/>
      <c r="KSM723" s="613"/>
      <c r="KSN723" s="613"/>
      <c r="KSO723" s="613"/>
      <c r="KSP723" s="613"/>
      <c r="KSQ723" s="613"/>
      <c r="KSR723" s="613"/>
      <c r="KSS723" s="613"/>
      <c r="KST723" s="613"/>
      <c r="KSU723" s="613"/>
      <c r="KSV723" s="613"/>
      <c r="KSW723" s="613"/>
      <c r="KSX723" s="613"/>
      <c r="KSY723" s="613"/>
      <c r="KSZ723" s="613"/>
      <c r="KTA723" s="613"/>
      <c r="KTB723" s="613"/>
      <c r="KTC723" s="613"/>
      <c r="KTD723" s="613"/>
      <c r="KTE723" s="613"/>
      <c r="KTF723" s="613"/>
      <c r="KTG723" s="613"/>
      <c r="KTH723" s="613"/>
      <c r="KTI723" s="613"/>
      <c r="KTJ723" s="613"/>
      <c r="KTK723" s="613"/>
      <c r="KTL723" s="613"/>
      <c r="KTM723" s="613"/>
      <c r="KTN723" s="613"/>
      <c r="KTO723" s="613"/>
      <c r="KTP723" s="613"/>
      <c r="KTQ723" s="613"/>
      <c r="KTR723" s="613"/>
      <c r="KTS723" s="613"/>
      <c r="KTT723" s="613"/>
      <c r="KTU723" s="613"/>
      <c r="KTV723" s="613"/>
      <c r="KTW723" s="613"/>
      <c r="KTX723" s="613"/>
      <c r="KTY723" s="613"/>
      <c r="KTZ723" s="613"/>
      <c r="KUA723" s="613"/>
      <c r="KUB723" s="613"/>
      <c r="KUC723" s="613"/>
      <c r="KUD723" s="613"/>
      <c r="KUE723" s="613"/>
      <c r="KUF723" s="613"/>
      <c r="KUG723" s="613"/>
      <c r="KUH723" s="613"/>
      <c r="KUI723" s="613"/>
      <c r="KUJ723" s="613"/>
      <c r="KUK723" s="613"/>
      <c r="KUL723" s="613"/>
      <c r="KUM723" s="613"/>
      <c r="KUN723" s="613"/>
      <c r="KUO723" s="613"/>
      <c r="KUP723" s="613"/>
      <c r="KUQ723" s="613"/>
      <c r="KUR723" s="613"/>
      <c r="KUS723" s="613"/>
      <c r="KUT723" s="613"/>
      <c r="KUU723" s="613"/>
      <c r="KUV723" s="613"/>
      <c r="KUW723" s="613"/>
      <c r="KUX723" s="613"/>
      <c r="KUY723" s="613"/>
      <c r="KUZ723" s="613"/>
      <c r="KVA723" s="613"/>
      <c r="KVB723" s="613"/>
      <c r="KVC723" s="613"/>
      <c r="KVD723" s="613"/>
      <c r="KVE723" s="613"/>
      <c r="KVF723" s="613"/>
      <c r="KVG723" s="613"/>
      <c r="KVH723" s="613"/>
      <c r="KVI723" s="613"/>
      <c r="KVJ723" s="613"/>
      <c r="KVK723" s="613"/>
      <c r="KVL723" s="613"/>
      <c r="KVM723" s="613"/>
      <c r="KVN723" s="613"/>
      <c r="KVO723" s="613"/>
      <c r="KVP723" s="613"/>
      <c r="KVQ723" s="613"/>
      <c r="KVR723" s="613"/>
      <c r="KVS723" s="613"/>
      <c r="KVT723" s="613"/>
      <c r="KVU723" s="613"/>
      <c r="KVV723" s="613"/>
      <c r="KVW723" s="613"/>
      <c r="KVX723" s="613"/>
      <c r="KVY723" s="613"/>
      <c r="KVZ723" s="613"/>
      <c r="KWA723" s="613"/>
      <c r="KWB723" s="613"/>
      <c r="KWC723" s="613"/>
      <c r="KWD723" s="613"/>
      <c r="KWE723" s="613"/>
      <c r="KWF723" s="613"/>
      <c r="KWG723" s="613"/>
      <c r="KWH723" s="613"/>
      <c r="KWI723" s="613"/>
      <c r="KWJ723" s="613"/>
      <c r="KWK723" s="613"/>
      <c r="KWL723" s="613"/>
      <c r="KWM723" s="613"/>
      <c r="KWN723" s="613"/>
      <c r="KWO723" s="613"/>
      <c r="KWP723" s="613"/>
      <c r="KWQ723" s="613"/>
      <c r="KWR723" s="613"/>
      <c r="KWS723" s="613"/>
      <c r="KWT723" s="613"/>
      <c r="KWU723" s="613"/>
      <c r="KWV723" s="613"/>
      <c r="KWW723" s="613"/>
      <c r="KWX723" s="613"/>
      <c r="KWY723" s="613"/>
      <c r="KWZ723" s="613"/>
      <c r="KXA723" s="613"/>
      <c r="KXB723" s="613"/>
      <c r="KXC723" s="613"/>
      <c r="KXD723" s="613"/>
      <c r="KXE723" s="613"/>
      <c r="KXF723" s="613"/>
      <c r="KXG723" s="613"/>
      <c r="KXH723" s="613"/>
      <c r="KXI723" s="613"/>
      <c r="KXJ723" s="613"/>
      <c r="KXK723" s="613"/>
      <c r="KXL723" s="613"/>
      <c r="KXM723" s="613"/>
      <c r="KXN723" s="613"/>
      <c r="KXO723" s="613"/>
      <c r="KXP723" s="613"/>
      <c r="KXQ723" s="613"/>
      <c r="KXR723" s="613"/>
      <c r="KXS723" s="613"/>
      <c r="KXT723" s="613"/>
      <c r="KXU723" s="613"/>
      <c r="KXV723" s="613"/>
      <c r="KXW723" s="613"/>
      <c r="KXX723" s="613"/>
      <c r="KXY723" s="613"/>
      <c r="KXZ723" s="613"/>
      <c r="KYA723" s="613"/>
      <c r="KYB723" s="613"/>
      <c r="KYC723" s="613"/>
      <c r="KYD723" s="613"/>
      <c r="KYE723" s="613"/>
      <c r="KYF723" s="613"/>
      <c r="KYG723" s="613"/>
      <c r="KYH723" s="613"/>
      <c r="KYI723" s="613"/>
      <c r="KYJ723" s="613"/>
      <c r="KYK723" s="613"/>
      <c r="KYL723" s="613"/>
      <c r="KYM723" s="613"/>
      <c r="KYN723" s="613"/>
      <c r="KYO723" s="613"/>
      <c r="KYP723" s="613"/>
      <c r="KYQ723" s="613"/>
      <c r="KYR723" s="613"/>
      <c r="KYS723" s="613"/>
      <c r="KYT723" s="613"/>
      <c r="KYU723" s="613"/>
      <c r="KYV723" s="613"/>
      <c r="KYW723" s="613"/>
      <c r="KYX723" s="613"/>
      <c r="KYY723" s="613"/>
      <c r="KYZ723" s="613"/>
      <c r="KZA723" s="613"/>
      <c r="KZB723" s="613"/>
      <c r="KZC723" s="613"/>
      <c r="KZD723" s="613"/>
      <c r="KZE723" s="613"/>
      <c r="KZF723" s="613"/>
      <c r="KZG723" s="613"/>
      <c r="KZH723" s="613"/>
      <c r="KZI723" s="613"/>
      <c r="KZJ723" s="613"/>
      <c r="KZK723" s="613"/>
      <c r="KZL723" s="613"/>
      <c r="KZM723" s="613"/>
      <c r="KZN723" s="613"/>
      <c r="KZO723" s="613"/>
      <c r="KZP723" s="613"/>
      <c r="KZQ723" s="613"/>
      <c r="KZR723" s="613"/>
      <c r="KZS723" s="613"/>
      <c r="KZT723" s="613"/>
      <c r="KZU723" s="613"/>
      <c r="KZV723" s="613"/>
      <c r="KZW723" s="613"/>
      <c r="KZX723" s="613"/>
      <c r="KZY723" s="613"/>
      <c r="KZZ723" s="613"/>
      <c r="LAA723" s="613"/>
      <c r="LAB723" s="613"/>
      <c r="LAC723" s="613"/>
      <c r="LAD723" s="613"/>
      <c r="LAE723" s="613"/>
      <c r="LAF723" s="613"/>
      <c r="LAG723" s="613"/>
      <c r="LAH723" s="613"/>
      <c r="LAI723" s="613"/>
      <c r="LAJ723" s="613"/>
      <c r="LAK723" s="613"/>
      <c r="LAL723" s="613"/>
      <c r="LAM723" s="613"/>
      <c r="LAN723" s="613"/>
      <c r="LAO723" s="613"/>
      <c r="LAP723" s="613"/>
      <c r="LAQ723" s="613"/>
      <c r="LAR723" s="613"/>
      <c r="LAS723" s="613"/>
      <c r="LAT723" s="613"/>
      <c r="LAU723" s="613"/>
      <c r="LAV723" s="613"/>
      <c r="LAW723" s="613"/>
      <c r="LAX723" s="613"/>
      <c r="LAY723" s="613"/>
      <c r="LAZ723" s="613"/>
      <c r="LBA723" s="613"/>
      <c r="LBB723" s="613"/>
      <c r="LBC723" s="613"/>
      <c r="LBD723" s="613"/>
      <c r="LBE723" s="613"/>
      <c r="LBF723" s="613"/>
      <c r="LBG723" s="613"/>
      <c r="LBH723" s="613"/>
      <c r="LBI723" s="613"/>
      <c r="LBJ723" s="613"/>
      <c r="LBK723" s="613"/>
      <c r="LBL723" s="613"/>
      <c r="LBM723" s="613"/>
      <c r="LBN723" s="613"/>
      <c r="LBO723" s="613"/>
      <c r="LBP723" s="613"/>
      <c r="LBQ723" s="613"/>
      <c r="LBR723" s="613"/>
      <c r="LBS723" s="613"/>
      <c r="LBT723" s="613"/>
      <c r="LBU723" s="613"/>
      <c r="LBV723" s="613"/>
      <c r="LBW723" s="613"/>
      <c r="LBX723" s="613"/>
      <c r="LBY723" s="613"/>
      <c r="LBZ723" s="613"/>
      <c r="LCA723" s="613"/>
      <c r="LCB723" s="613"/>
      <c r="LCC723" s="613"/>
      <c r="LCD723" s="613"/>
      <c r="LCE723" s="613"/>
      <c r="LCF723" s="613"/>
      <c r="LCG723" s="613"/>
      <c r="LCH723" s="613"/>
      <c r="LCI723" s="613"/>
      <c r="LCJ723" s="613"/>
      <c r="LCK723" s="613"/>
      <c r="LCL723" s="613"/>
      <c r="LCM723" s="613"/>
      <c r="LCN723" s="613"/>
      <c r="LCO723" s="613"/>
      <c r="LCP723" s="613"/>
      <c r="LCQ723" s="613"/>
      <c r="LCR723" s="613"/>
      <c r="LCS723" s="613"/>
      <c r="LCT723" s="613"/>
      <c r="LCU723" s="613"/>
      <c r="LCV723" s="613"/>
      <c r="LCW723" s="613"/>
      <c r="LCX723" s="613"/>
      <c r="LCY723" s="613"/>
      <c r="LCZ723" s="613"/>
      <c r="LDA723" s="613"/>
      <c r="LDB723" s="613"/>
      <c r="LDC723" s="613"/>
      <c r="LDD723" s="613"/>
      <c r="LDE723" s="613"/>
      <c r="LDF723" s="613"/>
      <c r="LDG723" s="613"/>
      <c r="LDH723" s="613"/>
      <c r="LDI723" s="613"/>
      <c r="LDJ723" s="613"/>
      <c r="LDK723" s="613"/>
      <c r="LDL723" s="613"/>
      <c r="LDM723" s="613"/>
      <c r="LDN723" s="613"/>
      <c r="LDO723" s="613"/>
      <c r="LDP723" s="613"/>
      <c r="LDQ723" s="613"/>
      <c r="LDR723" s="613"/>
      <c r="LDS723" s="613"/>
      <c r="LDT723" s="613"/>
      <c r="LDU723" s="613"/>
      <c r="LDV723" s="613"/>
      <c r="LDW723" s="613"/>
      <c r="LDX723" s="613"/>
      <c r="LDY723" s="613"/>
      <c r="LDZ723" s="613"/>
      <c r="LEA723" s="613"/>
      <c r="LEB723" s="613"/>
      <c r="LEC723" s="613"/>
      <c r="LED723" s="613"/>
      <c r="LEE723" s="613"/>
      <c r="LEF723" s="613"/>
      <c r="LEG723" s="613"/>
      <c r="LEH723" s="613"/>
      <c r="LEI723" s="613"/>
      <c r="LEJ723" s="613"/>
      <c r="LEK723" s="613"/>
      <c r="LEL723" s="613"/>
      <c r="LEM723" s="613"/>
      <c r="LEN723" s="613"/>
      <c r="LEO723" s="613"/>
      <c r="LEP723" s="613"/>
      <c r="LEQ723" s="613"/>
      <c r="LER723" s="613"/>
      <c r="LES723" s="613"/>
      <c r="LET723" s="613"/>
      <c r="LEU723" s="613"/>
      <c r="LEV723" s="613"/>
      <c r="LEW723" s="613"/>
      <c r="LEX723" s="613"/>
      <c r="LEY723" s="613"/>
      <c r="LEZ723" s="613"/>
      <c r="LFA723" s="613"/>
      <c r="LFB723" s="613"/>
      <c r="LFC723" s="613"/>
      <c r="LFD723" s="613"/>
      <c r="LFE723" s="613"/>
      <c r="LFF723" s="613"/>
      <c r="LFG723" s="613"/>
      <c r="LFH723" s="613"/>
      <c r="LFI723" s="613"/>
      <c r="LFJ723" s="613"/>
      <c r="LFK723" s="613"/>
      <c r="LFL723" s="613"/>
      <c r="LFM723" s="613"/>
      <c r="LFN723" s="613"/>
      <c r="LFO723" s="613"/>
      <c r="LFP723" s="613"/>
      <c r="LFQ723" s="613"/>
      <c r="LFR723" s="613"/>
      <c r="LFS723" s="613"/>
      <c r="LFT723" s="613"/>
      <c r="LFU723" s="613"/>
      <c r="LFV723" s="613"/>
      <c r="LFW723" s="613"/>
      <c r="LFX723" s="613"/>
      <c r="LFY723" s="613"/>
      <c r="LFZ723" s="613"/>
      <c r="LGA723" s="613"/>
      <c r="LGB723" s="613"/>
      <c r="LGC723" s="613"/>
      <c r="LGD723" s="613"/>
      <c r="LGE723" s="613"/>
      <c r="LGF723" s="613"/>
      <c r="LGG723" s="613"/>
      <c r="LGH723" s="613"/>
      <c r="LGI723" s="613"/>
      <c r="LGJ723" s="613"/>
      <c r="LGK723" s="613"/>
      <c r="LGL723" s="613"/>
      <c r="LGM723" s="613"/>
      <c r="LGN723" s="613"/>
      <c r="LGO723" s="613"/>
      <c r="LGP723" s="613"/>
      <c r="LGQ723" s="613"/>
      <c r="LGR723" s="613"/>
      <c r="LGS723" s="613"/>
      <c r="LGT723" s="613"/>
      <c r="LGU723" s="613"/>
      <c r="LGV723" s="613"/>
      <c r="LGW723" s="613"/>
      <c r="LGX723" s="613"/>
      <c r="LGY723" s="613"/>
      <c r="LGZ723" s="613"/>
      <c r="LHA723" s="613"/>
      <c r="LHB723" s="613"/>
      <c r="LHC723" s="613"/>
      <c r="LHD723" s="613"/>
      <c r="LHE723" s="613"/>
      <c r="LHF723" s="613"/>
      <c r="LHG723" s="613"/>
      <c r="LHH723" s="613"/>
      <c r="LHI723" s="613"/>
      <c r="LHJ723" s="613"/>
      <c r="LHK723" s="613"/>
      <c r="LHL723" s="613"/>
      <c r="LHM723" s="613"/>
      <c r="LHN723" s="613"/>
      <c r="LHO723" s="613"/>
      <c r="LHP723" s="613"/>
      <c r="LHQ723" s="613"/>
      <c r="LHR723" s="613"/>
      <c r="LHS723" s="613"/>
      <c r="LHT723" s="613"/>
      <c r="LHU723" s="613"/>
      <c r="LHV723" s="613"/>
      <c r="LHW723" s="613"/>
      <c r="LHX723" s="613"/>
      <c r="LHY723" s="613"/>
      <c r="LHZ723" s="613"/>
      <c r="LIA723" s="613"/>
      <c r="LIB723" s="613"/>
      <c r="LIC723" s="613"/>
      <c r="LID723" s="613"/>
      <c r="LIE723" s="613"/>
      <c r="LIF723" s="613"/>
      <c r="LIG723" s="613"/>
      <c r="LIH723" s="613"/>
      <c r="LII723" s="613"/>
      <c r="LIJ723" s="613"/>
      <c r="LIK723" s="613"/>
      <c r="LIL723" s="613"/>
      <c r="LIM723" s="613"/>
      <c r="LIN723" s="613"/>
      <c r="LIO723" s="613"/>
      <c r="LIP723" s="613"/>
      <c r="LIQ723" s="613"/>
      <c r="LIR723" s="613"/>
      <c r="LIS723" s="613"/>
      <c r="LIT723" s="613"/>
      <c r="LIU723" s="613"/>
      <c r="LIV723" s="613"/>
      <c r="LIW723" s="613"/>
      <c r="LIX723" s="613"/>
      <c r="LIY723" s="613"/>
      <c r="LIZ723" s="613"/>
      <c r="LJA723" s="613"/>
      <c r="LJB723" s="613"/>
      <c r="LJC723" s="613"/>
      <c r="LJD723" s="613"/>
      <c r="LJE723" s="613"/>
      <c r="LJF723" s="613"/>
      <c r="LJG723" s="613"/>
      <c r="LJH723" s="613"/>
      <c r="LJI723" s="613"/>
      <c r="LJJ723" s="613"/>
      <c r="LJK723" s="613"/>
      <c r="LJL723" s="613"/>
      <c r="LJM723" s="613"/>
      <c r="LJN723" s="613"/>
      <c r="LJO723" s="613"/>
      <c r="LJP723" s="613"/>
      <c r="LJQ723" s="613"/>
      <c r="LJR723" s="613"/>
      <c r="LJS723" s="613"/>
      <c r="LJT723" s="613"/>
      <c r="LJU723" s="613"/>
      <c r="LJV723" s="613"/>
      <c r="LJW723" s="613"/>
      <c r="LJX723" s="613"/>
      <c r="LJY723" s="613"/>
      <c r="LJZ723" s="613"/>
      <c r="LKA723" s="613"/>
      <c r="LKB723" s="613"/>
      <c r="LKC723" s="613"/>
      <c r="LKD723" s="613"/>
      <c r="LKE723" s="613"/>
      <c r="LKF723" s="613"/>
      <c r="LKG723" s="613"/>
      <c r="LKH723" s="613"/>
      <c r="LKI723" s="613"/>
      <c r="LKJ723" s="613"/>
      <c r="LKK723" s="613"/>
      <c r="LKL723" s="613"/>
      <c r="LKM723" s="613"/>
      <c r="LKN723" s="613"/>
      <c r="LKO723" s="613"/>
      <c r="LKP723" s="613"/>
      <c r="LKQ723" s="613"/>
      <c r="LKR723" s="613"/>
      <c r="LKS723" s="613"/>
      <c r="LKT723" s="613"/>
      <c r="LKU723" s="613"/>
      <c r="LKV723" s="613"/>
      <c r="LKW723" s="613"/>
      <c r="LKX723" s="613"/>
      <c r="LKY723" s="613"/>
      <c r="LKZ723" s="613"/>
      <c r="LLA723" s="613"/>
      <c r="LLB723" s="613"/>
      <c r="LLC723" s="613"/>
      <c r="LLD723" s="613"/>
      <c r="LLE723" s="613"/>
      <c r="LLF723" s="613"/>
      <c r="LLG723" s="613"/>
      <c r="LLH723" s="613"/>
      <c r="LLI723" s="613"/>
      <c r="LLJ723" s="613"/>
      <c r="LLK723" s="613"/>
      <c r="LLL723" s="613"/>
      <c r="LLM723" s="613"/>
      <c r="LLN723" s="613"/>
      <c r="LLO723" s="613"/>
      <c r="LLP723" s="613"/>
      <c r="LLQ723" s="613"/>
      <c r="LLR723" s="613"/>
      <c r="LLS723" s="613"/>
      <c r="LLT723" s="613"/>
      <c r="LLU723" s="613"/>
      <c r="LLV723" s="613"/>
      <c r="LLW723" s="613"/>
      <c r="LLX723" s="613"/>
      <c r="LLY723" s="613"/>
      <c r="LLZ723" s="613"/>
      <c r="LMA723" s="613"/>
      <c r="LMB723" s="613"/>
      <c r="LMC723" s="613"/>
      <c r="LMD723" s="613"/>
      <c r="LME723" s="613"/>
      <c r="LMF723" s="613"/>
      <c r="LMG723" s="613"/>
      <c r="LMH723" s="613"/>
      <c r="LMI723" s="613"/>
      <c r="LMJ723" s="613"/>
      <c r="LMK723" s="613"/>
      <c r="LML723" s="613"/>
      <c r="LMM723" s="613"/>
      <c r="LMN723" s="613"/>
      <c r="LMO723" s="613"/>
      <c r="LMP723" s="613"/>
      <c r="LMQ723" s="613"/>
      <c r="LMR723" s="613"/>
      <c r="LMS723" s="613"/>
      <c r="LMT723" s="613"/>
      <c r="LMU723" s="613"/>
      <c r="LMV723" s="613"/>
      <c r="LMW723" s="613"/>
      <c r="LMX723" s="613"/>
      <c r="LMY723" s="613"/>
      <c r="LMZ723" s="613"/>
      <c r="LNA723" s="613"/>
      <c r="LNB723" s="613"/>
      <c r="LNC723" s="613"/>
      <c r="LND723" s="613"/>
      <c r="LNE723" s="613"/>
      <c r="LNF723" s="613"/>
      <c r="LNG723" s="613"/>
      <c r="LNH723" s="613"/>
      <c r="LNI723" s="613"/>
      <c r="LNJ723" s="613"/>
      <c r="LNK723" s="613"/>
      <c r="LNL723" s="613"/>
      <c r="LNM723" s="613"/>
      <c r="LNN723" s="613"/>
      <c r="LNO723" s="613"/>
      <c r="LNP723" s="613"/>
      <c r="LNQ723" s="613"/>
      <c r="LNR723" s="613"/>
      <c r="LNS723" s="613"/>
      <c r="LNT723" s="613"/>
      <c r="LNU723" s="613"/>
      <c r="LNV723" s="613"/>
      <c r="LNW723" s="613"/>
      <c r="LNX723" s="613"/>
      <c r="LNY723" s="613"/>
      <c r="LNZ723" s="613"/>
      <c r="LOA723" s="613"/>
      <c r="LOB723" s="613"/>
      <c r="LOC723" s="613"/>
      <c r="LOD723" s="613"/>
      <c r="LOE723" s="613"/>
      <c r="LOF723" s="613"/>
      <c r="LOG723" s="613"/>
      <c r="LOH723" s="613"/>
      <c r="LOI723" s="613"/>
      <c r="LOJ723" s="613"/>
      <c r="LOK723" s="613"/>
      <c r="LOL723" s="613"/>
      <c r="LOM723" s="613"/>
      <c r="LON723" s="613"/>
      <c r="LOO723" s="613"/>
      <c r="LOP723" s="613"/>
      <c r="LOQ723" s="613"/>
      <c r="LOR723" s="613"/>
      <c r="LOS723" s="613"/>
      <c r="LOT723" s="613"/>
      <c r="LOU723" s="613"/>
      <c r="LOV723" s="613"/>
      <c r="LOW723" s="613"/>
      <c r="LOX723" s="613"/>
      <c r="LOY723" s="613"/>
      <c r="LOZ723" s="613"/>
      <c r="LPA723" s="613"/>
      <c r="LPB723" s="613"/>
      <c r="LPC723" s="613"/>
      <c r="LPD723" s="613"/>
      <c r="LPE723" s="613"/>
      <c r="LPF723" s="613"/>
      <c r="LPG723" s="613"/>
      <c r="LPH723" s="613"/>
      <c r="LPI723" s="613"/>
      <c r="LPJ723" s="613"/>
      <c r="LPK723" s="613"/>
      <c r="LPL723" s="613"/>
      <c r="LPM723" s="613"/>
      <c r="LPN723" s="613"/>
      <c r="LPO723" s="613"/>
      <c r="LPP723" s="613"/>
      <c r="LPQ723" s="613"/>
      <c r="LPR723" s="613"/>
      <c r="LPS723" s="613"/>
      <c r="LPT723" s="613"/>
      <c r="LPU723" s="613"/>
      <c r="LPV723" s="613"/>
      <c r="LPW723" s="613"/>
      <c r="LPX723" s="613"/>
      <c r="LPY723" s="613"/>
      <c r="LPZ723" s="613"/>
      <c r="LQA723" s="613"/>
      <c r="LQB723" s="613"/>
      <c r="LQC723" s="613"/>
      <c r="LQD723" s="613"/>
      <c r="LQE723" s="613"/>
      <c r="LQF723" s="613"/>
      <c r="LQG723" s="613"/>
      <c r="LQH723" s="613"/>
      <c r="LQI723" s="613"/>
      <c r="LQJ723" s="613"/>
      <c r="LQK723" s="613"/>
      <c r="LQL723" s="613"/>
      <c r="LQM723" s="613"/>
      <c r="LQN723" s="613"/>
      <c r="LQO723" s="613"/>
      <c r="LQP723" s="613"/>
      <c r="LQQ723" s="613"/>
      <c r="LQR723" s="613"/>
      <c r="LQS723" s="613"/>
      <c r="LQT723" s="613"/>
      <c r="LQU723" s="613"/>
      <c r="LQV723" s="613"/>
      <c r="LQW723" s="613"/>
      <c r="LQX723" s="613"/>
      <c r="LQY723" s="613"/>
      <c r="LQZ723" s="613"/>
      <c r="LRA723" s="613"/>
      <c r="LRB723" s="613"/>
      <c r="LRC723" s="613"/>
      <c r="LRD723" s="613"/>
      <c r="LRE723" s="613"/>
      <c r="LRF723" s="613"/>
      <c r="LRG723" s="613"/>
      <c r="LRH723" s="613"/>
      <c r="LRI723" s="613"/>
      <c r="LRJ723" s="613"/>
      <c r="LRK723" s="613"/>
      <c r="LRL723" s="613"/>
      <c r="LRM723" s="613"/>
      <c r="LRN723" s="613"/>
      <c r="LRO723" s="613"/>
      <c r="LRP723" s="613"/>
      <c r="LRQ723" s="613"/>
      <c r="LRR723" s="613"/>
      <c r="LRS723" s="613"/>
      <c r="LRT723" s="613"/>
      <c r="LRU723" s="613"/>
      <c r="LRV723" s="613"/>
      <c r="LRW723" s="613"/>
      <c r="LRX723" s="613"/>
      <c r="LRY723" s="613"/>
      <c r="LRZ723" s="613"/>
      <c r="LSA723" s="613"/>
      <c r="LSB723" s="613"/>
      <c r="LSC723" s="613"/>
      <c r="LSD723" s="613"/>
      <c r="LSE723" s="613"/>
      <c r="LSF723" s="613"/>
      <c r="LSG723" s="613"/>
      <c r="LSH723" s="613"/>
      <c r="LSI723" s="613"/>
      <c r="LSJ723" s="613"/>
      <c r="LSK723" s="613"/>
      <c r="LSL723" s="613"/>
      <c r="LSM723" s="613"/>
      <c r="LSN723" s="613"/>
      <c r="LSO723" s="613"/>
      <c r="LSP723" s="613"/>
      <c r="LSQ723" s="613"/>
      <c r="LSR723" s="613"/>
      <c r="LSS723" s="613"/>
      <c r="LST723" s="613"/>
      <c r="LSU723" s="613"/>
      <c r="LSV723" s="613"/>
      <c r="LSW723" s="613"/>
      <c r="LSX723" s="613"/>
      <c r="LSY723" s="613"/>
      <c r="LSZ723" s="613"/>
      <c r="LTA723" s="613"/>
      <c r="LTB723" s="613"/>
      <c r="LTC723" s="613"/>
      <c r="LTD723" s="613"/>
      <c r="LTE723" s="613"/>
      <c r="LTF723" s="613"/>
      <c r="LTG723" s="613"/>
      <c r="LTH723" s="613"/>
      <c r="LTI723" s="613"/>
      <c r="LTJ723" s="613"/>
      <c r="LTK723" s="613"/>
      <c r="LTL723" s="613"/>
      <c r="LTM723" s="613"/>
      <c r="LTN723" s="613"/>
      <c r="LTO723" s="613"/>
      <c r="LTP723" s="613"/>
      <c r="LTQ723" s="613"/>
      <c r="LTR723" s="613"/>
      <c r="LTS723" s="613"/>
      <c r="LTT723" s="613"/>
      <c r="LTU723" s="613"/>
      <c r="LTV723" s="613"/>
      <c r="LTW723" s="613"/>
      <c r="LTX723" s="613"/>
      <c r="LTY723" s="613"/>
      <c r="LTZ723" s="613"/>
      <c r="LUA723" s="613"/>
      <c r="LUB723" s="613"/>
      <c r="LUC723" s="613"/>
      <c r="LUD723" s="613"/>
      <c r="LUE723" s="613"/>
      <c r="LUF723" s="613"/>
      <c r="LUG723" s="613"/>
      <c r="LUH723" s="613"/>
      <c r="LUI723" s="613"/>
      <c r="LUJ723" s="613"/>
      <c r="LUK723" s="613"/>
      <c r="LUL723" s="613"/>
      <c r="LUM723" s="613"/>
      <c r="LUN723" s="613"/>
      <c r="LUO723" s="613"/>
      <c r="LUP723" s="613"/>
      <c r="LUQ723" s="613"/>
      <c r="LUR723" s="613"/>
      <c r="LUS723" s="613"/>
      <c r="LUT723" s="613"/>
      <c r="LUU723" s="613"/>
      <c r="LUV723" s="613"/>
      <c r="LUW723" s="613"/>
      <c r="LUX723" s="613"/>
      <c r="LUY723" s="613"/>
      <c r="LUZ723" s="613"/>
      <c r="LVA723" s="613"/>
      <c r="LVB723" s="613"/>
      <c r="LVC723" s="613"/>
      <c r="LVD723" s="613"/>
      <c r="LVE723" s="613"/>
      <c r="LVF723" s="613"/>
      <c r="LVG723" s="613"/>
      <c r="LVH723" s="613"/>
      <c r="LVI723" s="613"/>
      <c r="LVJ723" s="613"/>
      <c r="LVK723" s="613"/>
      <c r="LVL723" s="613"/>
      <c r="LVM723" s="613"/>
      <c r="LVN723" s="613"/>
      <c r="LVO723" s="613"/>
      <c r="LVP723" s="613"/>
      <c r="LVQ723" s="613"/>
      <c r="LVR723" s="613"/>
      <c r="LVS723" s="613"/>
      <c r="LVT723" s="613"/>
      <c r="LVU723" s="613"/>
      <c r="LVV723" s="613"/>
      <c r="LVW723" s="613"/>
      <c r="LVX723" s="613"/>
      <c r="LVY723" s="613"/>
      <c r="LVZ723" s="613"/>
      <c r="LWA723" s="613"/>
      <c r="LWB723" s="613"/>
      <c r="LWC723" s="613"/>
      <c r="LWD723" s="613"/>
      <c r="LWE723" s="613"/>
      <c r="LWF723" s="613"/>
      <c r="LWG723" s="613"/>
      <c r="LWH723" s="613"/>
      <c r="LWI723" s="613"/>
      <c r="LWJ723" s="613"/>
      <c r="LWK723" s="613"/>
      <c r="LWL723" s="613"/>
      <c r="LWM723" s="613"/>
      <c r="LWN723" s="613"/>
      <c r="LWO723" s="613"/>
      <c r="LWP723" s="613"/>
      <c r="LWQ723" s="613"/>
      <c r="LWR723" s="613"/>
      <c r="LWS723" s="613"/>
      <c r="LWT723" s="613"/>
      <c r="LWU723" s="613"/>
      <c r="LWV723" s="613"/>
      <c r="LWW723" s="613"/>
      <c r="LWX723" s="613"/>
      <c r="LWY723" s="613"/>
      <c r="LWZ723" s="613"/>
      <c r="LXA723" s="613"/>
      <c r="LXB723" s="613"/>
      <c r="LXC723" s="613"/>
      <c r="LXD723" s="613"/>
      <c r="LXE723" s="613"/>
      <c r="LXF723" s="613"/>
      <c r="LXG723" s="613"/>
      <c r="LXH723" s="613"/>
      <c r="LXI723" s="613"/>
      <c r="LXJ723" s="613"/>
      <c r="LXK723" s="613"/>
      <c r="LXL723" s="613"/>
      <c r="LXM723" s="613"/>
      <c r="LXN723" s="613"/>
      <c r="LXO723" s="613"/>
      <c r="LXP723" s="613"/>
      <c r="LXQ723" s="613"/>
      <c r="LXR723" s="613"/>
      <c r="LXS723" s="613"/>
      <c r="LXT723" s="613"/>
      <c r="LXU723" s="613"/>
      <c r="LXV723" s="613"/>
      <c r="LXW723" s="613"/>
      <c r="LXX723" s="613"/>
      <c r="LXY723" s="613"/>
      <c r="LXZ723" s="613"/>
      <c r="LYA723" s="613"/>
      <c r="LYB723" s="613"/>
      <c r="LYC723" s="613"/>
      <c r="LYD723" s="613"/>
      <c r="LYE723" s="613"/>
      <c r="LYF723" s="613"/>
      <c r="LYG723" s="613"/>
      <c r="LYH723" s="613"/>
      <c r="LYI723" s="613"/>
      <c r="LYJ723" s="613"/>
      <c r="LYK723" s="613"/>
      <c r="LYL723" s="613"/>
      <c r="LYM723" s="613"/>
      <c r="LYN723" s="613"/>
      <c r="LYO723" s="613"/>
      <c r="LYP723" s="613"/>
      <c r="LYQ723" s="613"/>
      <c r="LYR723" s="613"/>
      <c r="LYS723" s="613"/>
      <c r="LYT723" s="613"/>
      <c r="LYU723" s="613"/>
      <c r="LYV723" s="613"/>
      <c r="LYW723" s="613"/>
      <c r="LYX723" s="613"/>
      <c r="LYY723" s="613"/>
      <c r="LYZ723" s="613"/>
      <c r="LZA723" s="613"/>
      <c r="LZB723" s="613"/>
      <c r="LZC723" s="613"/>
      <c r="LZD723" s="613"/>
      <c r="LZE723" s="613"/>
      <c r="LZF723" s="613"/>
      <c r="LZG723" s="613"/>
      <c r="LZH723" s="613"/>
      <c r="LZI723" s="613"/>
      <c r="LZJ723" s="613"/>
      <c r="LZK723" s="613"/>
      <c r="LZL723" s="613"/>
      <c r="LZM723" s="613"/>
      <c r="LZN723" s="613"/>
      <c r="LZO723" s="613"/>
      <c r="LZP723" s="613"/>
      <c r="LZQ723" s="613"/>
      <c r="LZR723" s="613"/>
      <c r="LZS723" s="613"/>
      <c r="LZT723" s="613"/>
      <c r="LZU723" s="613"/>
      <c r="LZV723" s="613"/>
      <c r="LZW723" s="613"/>
      <c r="LZX723" s="613"/>
      <c r="LZY723" s="613"/>
      <c r="LZZ723" s="613"/>
      <c r="MAA723" s="613"/>
      <c r="MAB723" s="613"/>
      <c r="MAC723" s="613"/>
      <c r="MAD723" s="613"/>
      <c r="MAE723" s="613"/>
      <c r="MAF723" s="613"/>
      <c r="MAG723" s="613"/>
      <c r="MAH723" s="613"/>
      <c r="MAI723" s="613"/>
      <c r="MAJ723" s="613"/>
      <c r="MAK723" s="613"/>
      <c r="MAL723" s="613"/>
      <c r="MAM723" s="613"/>
      <c r="MAN723" s="613"/>
      <c r="MAO723" s="613"/>
      <c r="MAP723" s="613"/>
      <c r="MAQ723" s="613"/>
      <c r="MAR723" s="613"/>
      <c r="MAS723" s="613"/>
      <c r="MAT723" s="613"/>
      <c r="MAU723" s="613"/>
      <c r="MAV723" s="613"/>
      <c r="MAW723" s="613"/>
      <c r="MAX723" s="613"/>
      <c r="MAY723" s="613"/>
      <c r="MAZ723" s="613"/>
      <c r="MBA723" s="613"/>
      <c r="MBB723" s="613"/>
      <c r="MBC723" s="613"/>
      <c r="MBD723" s="613"/>
      <c r="MBE723" s="613"/>
      <c r="MBF723" s="613"/>
      <c r="MBG723" s="613"/>
      <c r="MBH723" s="613"/>
      <c r="MBI723" s="613"/>
      <c r="MBJ723" s="613"/>
      <c r="MBK723" s="613"/>
      <c r="MBL723" s="613"/>
      <c r="MBM723" s="613"/>
      <c r="MBN723" s="613"/>
      <c r="MBO723" s="613"/>
      <c r="MBP723" s="613"/>
      <c r="MBQ723" s="613"/>
      <c r="MBR723" s="613"/>
      <c r="MBS723" s="613"/>
      <c r="MBT723" s="613"/>
      <c r="MBU723" s="613"/>
      <c r="MBV723" s="613"/>
      <c r="MBW723" s="613"/>
      <c r="MBX723" s="613"/>
      <c r="MBY723" s="613"/>
      <c r="MBZ723" s="613"/>
      <c r="MCA723" s="613"/>
      <c r="MCB723" s="613"/>
      <c r="MCC723" s="613"/>
      <c r="MCD723" s="613"/>
      <c r="MCE723" s="613"/>
      <c r="MCF723" s="613"/>
      <c r="MCG723" s="613"/>
      <c r="MCH723" s="613"/>
      <c r="MCI723" s="613"/>
      <c r="MCJ723" s="613"/>
      <c r="MCK723" s="613"/>
      <c r="MCL723" s="613"/>
      <c r="MCM723" s="613"/>
      <c r="MCN723" s="613"/>
      <c r="MCO723" s="613"/>
      <c r="MCP723" s="613"/>
      <c r="MCQ723" s="613"/>
      <c r="MCR723" s="613"/>
      <c r="MCS723" s="613"/>
      <c r="MCT723" s="613"/>
      <c r="MCU723" s="613"/>
      <c r="MCV723" s="613"/>
      <c r="MCW723" s="613"/>
      <c r="MCX723" s="613"/>
      <c r="MCY723" s="613"/>
      <c r="MCZ723" s="613"/>
      <c r="MDA723" s="613"/>
      <c r="MDB723" s="613"/>
      <c r="MDC723" s="613"/>
      <c r="MDD723" s="613"/>
      <c r="MDE723" s="613"/>
      <c r="MDF723" s="613"/>
      <c r="MDG723" s="613"/>
      <c r="MDH723" s="613"/>
      <c r="MDI723" s="613"/>
      <c r="MDJ723" s="613"/>
      <c r="MDK723" s="613"/>
      <c r="MDL723" s="613"/>
      <c r="MDM723" s="613"/>
      <c r="MDN723" s="613"/>
      <c r="MDO723" s="613"/>
      <c r="MDP723" s="613"/>
      <c r="MDQ723" s="613"/>
      <c r="MDR723" s="613"/>
      <c r="MDS723" s="613"/>
      <c r="MDT723" s="613"/>
      <c r="MDU723" s="613"/>
      <c r="MDV723" s="613"/>
      <c r="MDW723" s="613"/>
      <c r="MDX723" s="613"/>
      <c r="MDY723" s="613"/>
      <c r="MDZ723" s="613"/>
      <c r="MEA723" s="613"/>
      <c r="MEB723" s="613"/>
      <c r="MEC723" s="613"/>
      <c r="MED723" s="613"/>
      <c r="MEE723" s="613"/>
      <c r="MEF723" s="613"/>
      <c r="MEG723" s="613"/>
      <c r="MEH723" s="613"/>
      <c r="MEI723" s="613"/>
      <c r="MEJ723" s="613"/>
      <c r="MEK723" s="613"/>
      <c r="MEL723" s="613"/>
      <c r="MEM723" s="613"/>
      <c r="MEN723" s="613"/>
      <c r="MEO723" s="613"/>
      <c r="MEP723" s="613"/>
      <c r="MEQ723" s="613"/>
      <c r="MER723" s="613"/>
      <c r="MES723" s="613"/>
      <c r="MET723" s="613"/>
      <c r="MEU723" s="613"/>
      <c r="MEV723" s="613"/>
      <c r="MEW723" s="613"/>
      <c r="MEX723" s="613"/>
      <c r="MEY723" s="613"/>
      <c r="MEZ723" s="613"/>
      <c r="MFA723" s="613"/>
      <c r="MFB723" s="613"/>
      <c r="MFC723" s="613"/>
      <c r="MFD723" s="613"/>
      <c r="MFE723" s="613"/>
      <c r="MFF723" s="613"/>
      <c r="MFG723" s="613"/>
      <c r="MFH723" s="613"/>
      <c r="MFI723" s="613"/>
      <c r="MFJ723" s="613"/>
      <c r="MFK723" s="613"/>
      <c r="MFL723" s="613"/>
      <c r="MFM723" s="613"/>
      <c r="MFN723" s="613"/>
      <c r="MFO723" s="613"/>
      <c r="MFP723" s="613"/>
      <c r="MFQ723" s="613"/>
      <c r="MFR723" s="613"/>
      <c r="MFS723" s="613"/>
      <c r="MFT723" s="613"/>
      <c r="MFU723" s="613"/>
      <c r="MFV723" s="613"/>
      <c r="MFW723" s="613"/>
      <c r="MFX723" s="613"/>
      <c r="MFY723" s="613"/>
      <c r="MFZ723" s="613"/>
      <c r="MGA723" s="613"/>
      <c r="MGB723" s="613"/>
      <c r="MGC723" s="613"/>
      <c r="MGD723" s="613"/>
      <c r="MGE723" s="613"/>
      <c r="MGF723" s="613"/>
      <c r="MGG723" s="613"/>
      <c r="MGH723" s="613"/>
      <c r="MGI723" s="613"/>
      <c r="MGJ723" s="613"/>
      <c r="MGK723" s="613"/>
      <c r="MGL723" s="613"/>
      <c r="MGM723" s="613"/>
      <c r="MGN723" s="613"/>
      <c r="MGO723" s="613"/>
      <c r="MGP723" s="613"/>
      <c r="MGQ723" s="613"/>
      <c r="MGR723" s="613"/>
      <c r="MGS723" s="613"/>
      <c r="MGT723" s="613"/>
      <c r="MGU723" s="613"/>
      <c r="MGV723" s="613"/>
      <c r="MGW723" s="613"/>
      <c r="MGX723" s="613"/>
      <c r="MGY723" s="613"/>
      <c r="MGZ723" s="613"/>
      <c r="MHA723" s="613"/>
      <c r="MHB723" s="613"/>
      <c r="MHC723" s="613"/>
      <c r="MHD723" s="613"/>
      <c r="MHE723" s="613"/>
      <c r="MHF723" s="613"/>
      <c r="MHG723" s="613"/>
      <c r="MHH723" s="613"/>
      <c r="MHI723" s="613"/>
      <c r="MHJ723" s="613"/>
      <c r="MHK723" s="613"/>
      <c r="MHL723" s="613"/>
      <c r="MHM723" s="613"/>
      <c r="MHN723" s="613"/>
      <c r="MHO723" s="613"/>
      <c r="MHP723" s="613"/>
      <c r="MHQ723" s="613"/>
      <c r="MHR723" s="613"/>
      <c r="MHS723" s="613"/>
      <c r="MHT723" s="613"/>
      <c r="MHU723" s="613"/>
      <c r="MHV723" s="613"/>
      <c r="MHW723" s="613"/>
      <c r="MHX723" s="613"/>
      <c r="MHY723" s="613"/>
      <c r="MHZ723" s="613"/>
      <c r="MIA723" s="613"/>
      <c r="MIB723" s="613"/>
      <c r="MIC723" s="613"/>
      <c r="MID723" s="613"/>
      <c r="MIE723" s="613"/>
      <c r="MIF723" s="613"/>
      <c r="MIG723" s="613"/>
      <c r="MIH723" s="613"/>
      <c r="MII723" s="613"/>
      <c r="MIJ723" s="613"/>
      <c r="MIK723" s="613"/>
      <c r="MIL723" s="613"/>
      <c r="MIM723" s="613"/>
      <c r="MIN723" s="613"/>
      <c r="MIO723" s="613"/>
      <c r="MIP723" s="613"/>
      <c r="MIQ723" s="613"/>
      <c r="MIR723" s="613"/>
      <c r="MIS723" s="613"/>
      <c r="MIT723" s="613"/>
      <c r="MIU723" s="613"/>
      <c r="MIV723" s="613"/>
      <c r="MIW723" s="613"/>
      <c r="MIX723" s="613"/>
      <c r="MIY723" s="613"/>
      <c r="MIZ723" s="613"/>
      <c r="MJA723" s="613"/>
      <c r="MJB723" s="613"/>
      <c r="MJC723" s="613"/>
      <c r="MJD723" s="613"/>
      <c r="MJE723" s="613"/>
      <c r="MJF723" s="613"/>
      <c r="MJG723" s="613"/>
      <c r="MJH723" s="613"/>
      <c r="MJI723" s="613"/>
      <c r="MJJ723" s="613"/>
      <c r="MJK723" s="613"/>
      <c r="MJL723" s="613"/>
      <c r="MJM723" s="613"/>
      <c r="MJN723" s="613"/>
      <c r="MJO723" s="613"/>
      <c r="MJP723" s="613"/>
      <c r="MJQ723" s="613"/>
      <c r="MJR723" s="613"/>
      <c r="MJS723" s="613"/>
      <c r="MJT723" s="613"/>
      <c r="MJU723" s="613"/>
      <c r="MJV723" s="613"/>
      <c r="MJW723" s="613"/>
      <c r="MJX723" s="613"/>
      <c r="MJY723" s="613"/>
      <c r="MJZ723" s="613"/>
      <c r="MKA723" s="613"/>
      <c r="MKB723" s="613"/>
      <c r="MKC723" s="613"/>
      <c r="MKD723" s="613"/>
      <c r="MKE723" s="613"/>
      <c r="MKF723" s="613"/>
      <c r="MKG723" s="613"/>
      <c r="MKH723" s="613"/>
      <c r="MKI723" s="613"/>
      <c r="MKJ723" s="613"/>
      <c r="MKK723" s="613"/>
      <c r="MKL723" s="613"/>
      <c r="MKM723" s="613"/>
      <c r="MKN723" s="613"/>
      <c r="MKO723" s="613"/>
      <c r="MKP723" s="613"/>
      <c r="MKQ723" s="613"/>
      <c r="MKR723" s="613"/>
      <c r="MKS723" s="613"/>
      <c r="MKT723" s="613"/>
      <c r="MKU723" s="613"/>
      <c r="MKV723" s="613"/>
      <c r="MKW723" s="613"/>
      <c r="MKX723" s="613"/>
      <c r="MKY723" s="613"/>
      <c r="MKZ723" s="613"/>
      <c r="MLA723" s="613"/>
      <c r="MLB723" s="613"/>
      <c r="MLC723" s="613"/>
      <c r="MLD723" s="613"/>
      <c r="MLE723" s="613"/>
      <c r="MLF723" s="613"/>
      <c r="MLG723" s="613"/>
      <c r="MLH723" s="613"/>
      <c r="MLI723" s="613"/>
      <c r="MLJ723" s="613"/>
      <c r="MLK723" s="613"/>
      <c r="MLL723" s="613"/>
      <c r="MLM723" s="613"/>
      <c r="MLN723" s="613"/>
      <c r="MLO723" s="613"/>
      <c r="MLP723" s="613"/>
      <c r="MLQ723" s="613"/>
      <c r="MLR723" s="613"/>
      <c r="MLS723" s="613"/>
      <c r="MLT723" s="613"/>
      <c r="MLU723" s="613"/>
      <c r="MLV723" s="613"/>
      <c r="MLW723" s="613"/>
      <c r="MLX723" s="613"/>
      <c r="MLY723" s="613"/>
      <c r="MLZ723" s="613"/>
      <c r="MMA723" s="613"/>
      <c r="MMB723" s="613"/>
      <c r="MMC723" s="613"/>
      <c r="MMD723" s="613"/>
      <c r="MME723" s="613"/>
      <c r="MMF723" s="613"/>
      <c r="MMG723" s="613"/>
      <c r="MMH723" s="613"/>
      <c r="MMI723" s="613"/>
      <c r="MMJ723" s="613"/>
      <c r="MMK723" s="613"/>
      <c r="MML723" s="613"/>
      <c r="MMM723" s="613"/>
      <c r="MMN723" s="613"/>
      <c r="MMO723" s="613"/>
      <c r="MMP723" s="613"/>
      <c r="MMQ723" s="613"/>
      <c r="MMR723" s="613"/>
      <c r="MMS723" s="613"/>
      <c r="MMT723" s="613"/>
      <c r="MMU723" s="613"/>
      <c r="MMV723" s="613"/>
      <c r="MMW723" s="613"/>
      <c r="MMX723" s="613"/>
      <c r="MMY723" s="613"/>
      <c r="MMZ723" s="613"/>
      <c r="MNA723" s="613"/>
      <c r="MNB723" s="613"/>
      <c r="MNC723" s="613"/>
      <c r="MND723" s="613"/>
      <c r="MNE723" s="613"/>
      <c r="MNF723" s="613"/>
      <c r="MNG723" s="613"/>
      <c r="MNH723" s="613"/>
      <c r="MNI723" s="613"/>
      <c r="MNJ723" s="613"/>
      <c r="MNK723" s="613"/>
      <c r="MNL723" s="613"/>
      <c r="MNM723" s="613"/>
      <c r="MNN723" s="613"/>
      <c r="MNO723" s="613"/>
      <c r="MNP723" s="613"/>
      <c r="MNQ723" s="613"/>
      <c r="MNR723" s="613"/>
      <c r="MNS723" s="613"/>
      <c r="MNT723" s="613"/>
      <c r="MNU723" s="613"/>
      <c r="MNV723" s="613"/>
      <c r="MNW723" s="613"/>
      <c r="MNX723" s="613"/>
      <c r="MNY723" s="613"/>
      <c r="MNZ723" s="613"/>
      <c r="MOA723" s="613"/>
      <c r="MOB723" s="613"/>
      <c r="MOC723" s="613"/>
      <c r="MOD723" s="613"/>
      <c r="MOE723" s="613"/>
      <c r="MOF723" s="613"/>
      <c r="MOG723" s="613"/>
      <c r="MOH723" s="613"/>
      <c r="MOI723" s="613"/>
      <c r="MOJ723" s="613"/>
      <c r="MOK723" s="613"/>
      <c r="MOL723" s="613"/>
      <c r="MOM723" s="613"/>
      <c r="MON723" s="613"/>
      <c r="MOO723" s="613"/>
      <c r="MOP723" s="613"/>
      <c r="MOQ723" s="613"/>
      <c r="MOR723" s="613"/>
      <c r="MOS723" s="613"/>
      <c r="MOT723" s="613"/>
      <c r="MOU723" s="613"/>
      <c r="MOV723" s="613"/>
      <c r="MOW723" s="613"/>
      <c r="MOX723" s="613"/>
      <c r="MOY723" s="613"/>
      <c r="MOZ723" s="613"/>
      <c r="MPA723" s="613"/>
      <c r="MPB723" s="613"/>
      <c r="MPC723" s="613"/>
      <c r="MPD723" s="613"/>
      <c r="MPE723" s="613"/>
      <c r="MPF723" s="613"/>
      <c r="MPG723" s="613"/>
      <c r="MPH723" s="613"/>
      <c r="MPI723" s="613"/>
      <c r="MPJ723" s="613"/>
      <c r="MPK723" s="613"/>
      <c r="MPL723" s="613"/>
      <c r="MPM723" s="613"/>
      <c r="MPN723" s="613"/>
      <c r="MPO723" s="613"/>
      <c r="MPP723" s="613"/>
      <c r="MPQ723" s="613"/>
      <c r="MPR723" s="613"/>
      <c r="MPS723" s="613"/>
      <c r="MPT723" s="613"/>
      <c r="MPU723" s="613"/>
      <c r="MPV723" s="613"/>
      <c r="MPW723" s="613"/>
      <c r="MPX723" s="613"/>
      <c r="MPY723" s="613"/>
      <c r="MPZ723" s="613"/>
      <c r="MQA723" s="613"/>
      <c r="MQB723" s="613"/>
      <c r="MQC723" s="613"/>
      <c r="MQD723" s="613"/>
      <c r="MQE723" s="613"/>
      <c r="MQF723" s="613"/>
      <c r="MQG723" s="613"/>
      <c r="MQH723" s="613"/>
      <c r="MQI723" s="613"/>
      <c r="MQJ723" s="613"/>
      <c r="MQK723" s="613"/>
      <c r="MQL723" s="613"/>
      <c r="MQM723" s="613"/>
      <c r="MQN723" s="613"/>
      <c r="MQO723" s="613"/>
      <c r="MQP723" s="613"/>
      <c r="MQQ723" s="613"/>
      <c r="MQR723" s="613"/>
      <c r="MQS723" s="613"/>
      <c r="MQT723" s="613"/>
      <c r="MQU723" s="613"/>
      <c r="MQV723" s="613"/>
      <c r="MQW723" s="613"/>
      <c r="MQX723" s="613"/>
      <c r="MQY723" s="613"/>
      <c r="MQZ723" s="613"/>
      <c r="MRA723" s="613"/>
      <c r="MRB723" s="613"/>
      <c r="MRC723" s="613"/>
      <c r="MRD723" s="613"/>
      <c r="MRE723" s="613"/>
      <c r="MRF723" s="613"/>
      <c r="MRG723" s="613"/>
      <c r="MRH723" s="613"/>
      <c r="MRI723" s="613"/>
      <c r="MRJ723" s="613"/>
      <c r="MRK723" s="613"/>
      <c r="MRL723" s="613"/>
      <c r="MRM723" s="613"/>
      <c r="MRN723" s="613"/>
      <c r="MRO723" s="613"/>
      <c r="MRP723" s="613"/>
      <c r="MRQ723" s="613"/>
      <c r="MRR723" s="613"/>
      <c r="MRS723" s="613"/>
      <c r="MRT723" s="613"/>
      <c r="MRU723" s="613"/>
      <c r="MRV723" s="613"/>
      <c r="MRW723" s="613"/>
      <c r="MRX723" s="613"/>
      <c r="MRY723" s="613"/>
      <c r="MRZ723" s="613"/>
      <c r="MSA723" s="613"/>
      <c r="MSB723" s="613"/>
      <c r="MSC723" s="613"/>
      <c r="MSD723" s="613"/>
      <c r="MSE723" s="613"/>
      <c r="MSF723" s="613"/>
      <c r="MSG723" s="613"/>
      <c r="MSH723" s="613"/>
      <c r="MSI723" s="613"/>
      <c r="MSJ723" s="613"/>
      <c r="MSK723" s="613"/>
      <c r="MSL723" s="613"/>
      <c r="MSM723" s="613"/>
      <c r="MSN723" s="613"/>
      <c r="MSO723" s="613"/>
      <c r="MSP723" s="613"/>
      <c r="MSQ723" s="613"/>
      <c r="MSR723" s="613"/>
      <c r="MSS723" s="613"/>
      <c r="MST723" s="613"/>
      <c r="MSU723" s="613"/>
      <c r="MSV723" s="613"/>
      <c r="MSW723" s="613"/>
      <c r="MSX723" s="613"/>
      <c r="MSY723" s="613"/>
      <c r="MSZ723" s="613"/>
      <c r="MTA723" s="613"/>
      <c r="MTB723" s="613"/>
      <c r="MTC723" s="613"/>
      <c r="MTD723" s="613"/>
      <c r="MTE723" s="613"/>
      <c r="MTF723" s="613"/>
      <c r="MTG723" s="613"/>
      <c r="MTH723" s="613"/>
      <c r="MTI723" s="613"/>
      <c r="MTJ723" s="613"/>
      <c r="MTK723" s="613"/>
      <c r="MTL723" s="613"/>
      <c r="MTM723" s="613"/>
      <c r="MTN723" s="613"/>
      <c r="MTO723" s="613"/>
      <c r="MTP723" s="613"/>
      <c r="MTQ723" s="613"/>
      <c r="MTR723" s="613"/>
      <c r="MTS723" s="613"/>
      <c r="MTT723" s="613"/>
      <c r="MTU723" s="613"/>
      <c r="MTV723" s="613"/>
      <c r="MTW723" s="613"/>
      <c r="MTX723" s="613"/>
      <c r="MTY723" s="613"/>
      <c r="MTZ723" s="613"/>
      <c r="MUA723" s="613"/>
      <c r="MUB723" s="613"/>
      <c r="MUC723" s="613"/>
      <c r="MUD723" s="613"/>
      <c r="MUE723" s="613"/>
      <c r="MUF723" s="613"/>
      <c r="MUG723" s="613"/>
      <c r="MUH723" s="613"/>
      <c r="MUI723" s="613"/>
      <c r="MUJ723" s="613"/>
      <c r="MUK723" s="613"/>
      <c r="MUL723" s="613"/>
      <c r="MUM723" s="613"/>
      <c r="MUN723" s="613"/>
      <c r="MUO723" s="613"/>
      <c r="MUP723" s="613"/>
      <c r="MUQ723" s="613"/>
      <c r="MUR723" s="613"/>
      <c r="MUS723" s="613"/>
      <c r="MUT723" s="613"/>
      <c r="MUU723" s="613"/>
      <c r="MUV723" s="613"/>
      <c r="MUW723" s="613"/>
      <c r="MUX723" s="613"/>
      <c r="MUY723" s="613"/>
      <c r="MUZ723" s="613"/>
      <c r="MVA723" s="613"/>
      <c r="MVB723" s="613"/>
      <c r="MVC723" s="613"/>
      <c r="MVD723" s="613"/>
      <c r="MVE723" s="613"/>
      <c r="MVF723" s="613"/>
      <c r="MVG723" s="613"/>
      <c r="MVH723" s="613"/>
      <c r="MVI723" s="613"/>
      <c r="MVJ723" s="613"/>
      <c r="MVK723" s="613"/>
      <c r="MVL723" s="613"/>
      <c r="MVM723" s="613"/>
      <c r="MVN723" s="613"/>
      <c r="MVO723" s="613"/>
      <c r="MVP723" s="613"/>
      <c r="MVQ723" s="613"/>
      <c r="MVR723" s="613"/>
      <c r="MVS723" s="613"/>
      <c r="MVT723" s="613"/>
      <c r="MVU723" s="613"/>
      <c r="MVV723" s="613"/>
      <c r="MVW723" s="613"/>
      <c r="MVX723" s="613"/>
      <c r="MVY723" s="613"/>
      <c r="MVZ723" s="613"/>
      <c r="MWA723" s="613"/>
      <c r="MWB723" s="613"/>
      <c r="MWC723" s="613"/>
      <c r="MWD723" s="613"/>
      <c r="MWE723" s="613"/>
      <c r="MWF723" s="613"/>
      <c r="MWG723" s="613"/>
      <c r="MWH723" s="613"/>
      <c r="MWI723" s="613"/>
      <c r="MWJ723" s="613"/>
      <c r="MWK723" s="613"/>
      <c r="MWL723" s="613"/>
      <c r="MWM723" s="613"/>
      <c r="MWN723" s="613"/>
      <c r="MWO723" s="613"/>
      <c r="MWP723" s="613"/>
      <c r="MWQ723" s="613"/>
      <c r="MWR723" s="613"/>
      <c r="MWS723" s="613"/>
      <c r="MWT723" s="613"/>
      <c r="MWU723" s="613"/>
      <c r="MWV723" s="613"/>
      <c r="MWW723" s="613"/>
      <c r="MWX723" s="613"/>
      <c r="MWY723" s="613"/>
      <c r="MWZ723" s="613"/>
      <c r="MXA723" s="613"/>
      <c r="MXB723" s="613"/>
      <c r="MXC723" s="613"/>
      <c r="MXD723" s="613"/>
      <c r="MXE723" s="613"/>
      <c r="MXF723" s="613"/>
      <c r="MXG723" s="613"/>
      <c r="MXH723" s="613"/>
      <c r="MXI723" s="613"/>
      <c r="MXJ723" s="613"/>
      <c r="MXK723" s="613"/>
      <c r="MXL723" s="613"/>
      <c r="MXM723" s="613"/>
      <c r="MXN723" s="613"/>
      <c r="MXO723" s="613"/>
      <c r="MXP723" s="613"/>
      <c r="MXQ723" s="613"/>
      <c r="MXR723" s="613"/>
      <c r="MXS723" s="613"/>
      <c r="MXT723" s="613"/>
      <c r="MXU723" s="613"/>
      <c r="MXV723" s="613"/>
      <c r="MXW723" s="613"/>
      <c r="MXX723" s="613"/>
      <c r="MXY723" s="613"/>
      <c r="MXZ723" s="613"/>
      <c r="MYA723" s="613"/>
      <c r="MYB723" s="613"/>
      <c r="MYC723" s="613"/>
      <c r="MYD723" s="613"/>
      <c r="MYE723" s="613"/>
      <c r="MYF723" s="613"/>
      <c r="MYG723" s="613"/>
      <c r="MYH723" s="613"/>
      <c r="MYI723" s="613"/>
      <c r="MYJ723" s="613"/>
      <c r="MYK723" s="613"/>
      <c r="MYL723" s="613"/>
      <c r="MYM723" s="613"/>
      <c r="MYN723" s="613"/>
      <c r="MYO723" s="613"/>
      <c r="MYP723" s="613"/>
      <c r="MYQ723" s="613"/>
      <c r="MYR723" s="613"/>
      <c r="MYS723" s="613"/>
      <c r="MYT723" s="613"/>
      <c r="MYU723" s="613"/>
      <c r="MYV723" s="613"/>
      <c r="MYW723" s="613"/>
      <c r="MYX723" s="613"/>
      <c r="MYY723" s="613"/>
      <c r="MYZ723" s="613"/>
      <c r="MZA723" s="613"/>
      <c r="MZB723" s="613"/>
      <c r="MZC723" s="613"/>
      <c r="MZD723" s="613"/>
      <c r="MZE723" s="613"/>
      <c r="MZF723" s="613"/>
      <c r="MZG723" s="613"/>
      <c r="MZH723" s="613"/>
      <c r="MZI723" s="613"/>
      <c r="MZJ723" s="613"/>
      <c r="MZK723" s="613"/>
      <c r="MZL723" s="613"/>
      <c r="MZM723" s="613"/>
      <c r="MZN723" s="613"/>
      <c r="MZO723" s="613"/>
      <c r="MZP723" s="613"/>
      <c r="MZQ723" s="613"/>
      <c r="MZR723" s="613"/>
      <c r="MZS723" s="613"/>
      <c r="MZT723" s="613"/>
      <c r="MZU723" s="613"/>
      <c r="MZV723" s="613"/>
      <c r="MZW723" s="613"/>
      <c r="MZX723" s="613"/>
      <c r="MZY723" s="613"/>
      <c r="MZZ723" s="613"/>
      <c r="NAA723" s="613"/>
      <c r="NAB723" s="613"/>
      <c r="NAC723" s="613"/>
      <c r="NAD723" s="613"/>
      <c r="NAE723" s="613"/>
      <c r="NAF723" s="613"/>
      <c r="NAG723" s="613"/>
      <c r="NAH723" s="613"/>
      <c r="NAI723" s="613"/>
      <c r="NAJ723" s="613"/>
      <c r="NAK723" s="613"/>
      <c r="NAL723" s="613"/>
      <c r="NAM723" s="613"/>
      <c r="NAN723" s="613"/>
      <c r="NAO723" s="613"/>
      <c r="NAP723" s="613"/>
      <c r="NAQ723" s="613"/>
      <c r="NAR723" s="613"/>
      <c r="NAS723" s="613"/>
      <c r="NAT723" s="613"/>
      <c r="NAU723" s="613"/>
      <c r="NAV723" s="613"/>
      <c r="NAW723" s="613"/>
      <c r="NAX723" s="613"/>
      <c r="NAY723" s="613"/>
      <c r="NAZ723" s="613"/>
      <c r="NBA723" s="613"/>
      <c r="NBB723" s="613"/>
      <c r="NBC723" s="613"/>
      <c r="NBD723" s="613"/>
      <c r="NBE723" s="613"/>
      <c r="NBF723" s="613"/>
      <c r="NBG723" s="613"/>
      <c r="NBH723" s="613"/>
      <c r="NBI723" s="613"/>
      <c r="NBJ723" s="613"/>
      <c r="NBK723" s="613"/>
      <c r="NBL723" s="613"/>
      <c r="NBM723" s="613"/>
      <c r="NBN723" s="613"/>
      <c r="NBO723" s="613"/>
      <c r="NBP723" s="613"/>
      <c r="NBQ723" s="613"/>
      <c r="NBR723" s="613"/>
      <c r="NBS723" s="613"/>
      <c r="NBT723" s="613"/>
      <c r="NBU723" s="613"/>
      <c r="NBV723" s="613"/>
      <c r="NBW723" s="613"/>
      <c r="NBX723" s="613"/>
      <c r="NBY723" s="613"/>
      <c r="NBZ723" s="613"/>
      <c r="NCA723" s="613"/>
      <c r="NCB723" s="613"/>
      <c r="NCC723" s="613"/>
      <c r="NCD723" s="613"/>
      <c r="NCE723" s="613"/>
      <c r="NCF723" s="613"/>
      <c r="NCG723" s="613"/>
      <c r="NCH723" s="613"/>
      <c r="NCI723" s="613"/>
      <c r="NCJ723" s="613"/>
      <c r="NCK723" s="613"/>
      <c r="NCL723" s="613"/>
      <c r="NCM723" s="613"/>
      <c r="NCN723" s="613"/>
      <c r="NCO723" s="613"/>
      <c r="NCP723" s="613"/>
      <c r="NCQ723" s="613"/>
      <c r="NCR723" s="613"/>
      <c r="NCS723" s="613"/>
      <c r="NCT723" s="613"/>
      <c r="NCU723" s="613"/>
      <c r="NCV723" s="613"/>
      <c r="NCW723" s="613"/>
      <c r="NCX723" s="613"/>
      <c r="NCY723" s="613"/>
      <c r="NCZ723" s="613"/>
      <c r="NDA723" s="613"/>
      <c r="NDB723" s="613"/>
      <c r="NDC723" s="613"/>
      <c r="NDD723" s="613"/>
      <c r="NDE723" s="613"/>
      <c r="NDF723" s="613"/>
      <c r="NDG723" s="613"/>
      <c r="NDH723" s="613"/>
      <c r="NDI723" s="613"/>
      <c r="NDJ723" s="613"/>
      <c r="NDK723" s="613"/>
      <c r="NDL723" s="613"/>
      <c r="NDM723" s="613"/>
      <c r="NDN723" s="613"/>
      <c r="NDO723" s="613"/>
      <c r="NDP723" s="613"/>
      <c r="NDQ723" s="613"/>
      <c r="NDR723" s="613"/>
      <c r="NDS723" s="613"/>
      <c r="NDT723" s="613"/>
      <c r="NDU723" s="613"/>
      <c r="NDV723" s="613"/>
      <c r="NDW723" s="613"/>
      <c r="NDX723" s="613"/>
      <c r="NDY723" s="613"/>
      <c r="NDZ723" s="613"/>
      <c r="NEA723" s="613"/>
      <c r="NEB723" s="613"/>
      <c r="NEC723" s="613"/>
      <c r="NED723" s="613"/>
      <c r="NEE723" s="613"/>
      <c r="NEF723" s="613"/>
      <c r="NEG723" s="613"/>
      <c r="NEH723" s="613"/>
      <c r="NEI723" s="613"/>
      <c r="NEJ723" s="613"/>
      <c r="NEK723" s="613"/>
      <c r="NEL723" s="613"/>
      <c r="NEM723" s="613"/>
      <c r="NEN723" s="613"/>
      <c r="NEO723" s="613"/>
      <c r="NEP723" s="613"/>
      <c r="NEQ723" s="613"/>
      <c r="NER723" s="613"/>
      <c r="NES723" s="613"/>
      <c r="NET723" s="613"/>
      <c r="NEU723" s="613"/>
      <c r="NEV723" s="613"/>
      <c r="NEW723" s="613"/>
      <c r="NEX723" s="613"/>
      <c r="NEY723" s="613"/>
      <c r="NEZ723" s="613"/>
      <c r="NFA723" s="613"/>
      <c r="NFB723" s="613"/>
      <c r="NFC723" s="613"/>
      <c r="NFD723" s="613"/>
      <c r="NFE723" s="613"/>
      <c r="NFF723" s="613"/>
      <c r="NFG723" s="613"/>
      <c r="NFH723" s="613"/>
      <c r="NFI723" s="613"/>
      <c r="NFJ723" s="613"/>
      <c r="NFK723" s="613"/>
      <c r="NFL723" s="613"/>
      <c r="NFM723" s="613"/>
      <c r="NFN723" s="613"/>
      <c r="NFO723" s="613"/>
      <c r="NFP723" s="613"/>
      <c r="NFQ723" s="613"/>
      <c r="NFR723" s="613"/>
      <c r="NFS723" s="613"/>
      <c r="NFT723" s="613"/>
      <c r="NFU723" s="613"/>
      <c r="NFV723" s="613"/>
      <c r="NFW723" s="613"/>
      <c r="NFX723" s="613"/>
      <c r="NFY723" s="613"/>
      <c r="NFZ723" s="613"/>
      <c r="NGA723" s="613"/>
      <c r="NGB723" s="613"/>
      <c r="NGC723" s="613"/>
      <c r="NGD723" s="613"/>
      <c r="NGE723" s="613"/>
      <c r="NGF723" s="613"/>
      <c r="NGG723" s="613"/>
      <c r="NGH723" s="613"/>
      <c r="NGI723" s="613"/>
      <c r="NGJ723" s="613"/>
      <c r="NGK723" s="613"/>
      <c r="NGL723" s="613"/>
      <c r="NGM723" s="613"/>
      <c r="NGN723" s="613"/>
      <c r="NGO723" s="613"/>
      <c r="NGP723" s="613"/>
      <c r="NGQ723" s="613"/>
      <c r="NGR723" s="613"/>
      <c r="NGS723" s="613"/>
      <c r="NGT723" s="613"/>
      <c r="NGU723" s="613"/>
      <c r="NGV723" s="613"/>
      <c r="NGW723" s="613"/>
      <c r="NGX723" s="613"/>
      <c r="NGY723" s="613"/>
      <c r="NGZ723" s="613"/>
      <c r="NHA723" s="613"/>
      <c r="NHB723" s="613"/>
      <c r="NHC723" s="613"/>
      <c r="NHD723" s="613"/>
      <c r="NHE723" s="613"/>
      <c r="NHF723" s="613"/>
      <c r="NHG723" s="613"/>
      <c r="NHH723" s="613"/>
      <c r="NHI723" s="613"/>
      <c r="NHJ723" s="613"/>
      <c r="NHK723" s="613"/>
      <c r="NHL723" s="613"/>
      <c r="NHM723" s="613"/>
      <c r="NHN723" s="613"/>
      <c r="NHO723" s="613"/>
      <c r="NHP723" s="613"/>
      <c r="NHQ723" s="613"/>
      <c r="NHR723" s="613"/>
      <c r="NHS723" s="613"/>
      <c r="NHT723" s="613"/>
      <c r="NHU723" s="613"/>
      <c r="NHV723" s="613"/>
      <c r="NHW723" s="613"/>
      <c r="NHX723" s="613"/>
      <c r="NHY723" s="613"/>
      <c r="NHZ723" s="613"/>
      <c r="NIA723" s="613"/>
      <c r="NIB723" s="613"/>
      <c r="NIC723" s="613"/>
      <c r="NID723" s="613"/>
      <c r="NIE723" s="613"/>
      <c r="NIF723" s="613"/>
      <c r="NIG723" s="613"/>
      <c r="NIH723" s="613"/>
      <c r="NII723" s="613"/>
      <c r="NIJ723" s="613"/>
      <c r="NIK723" s="613"/>
      <c r="NIL723" s="613"/>
      <c r="NIM723" s="613"/>
      <c r="NIN723" s="613"/>
      <c r="NIO723" s="613"/>
      <c r="NIP723" s="613"/>
      <c r="NIQ723" s="613"/>
      <c r="NIR723" s="613"/>
      <c r="NIS723" s="613"/>
      <c r="NIT723" s="613"/>
      <c r="NIU723" s="613"/>
      <c r="NIV723" s="613"/>
      <c r="NIW723" s="613"/>
      <c r="NIX723" s="613"/>
      <c r="NIY723" s="613"/>
      <c r="NIZ723" s="613"/>
      <c r="NJA723" s="613"/>
      <c r="NJB723" s="613"/>
      <c r="NJC723" s="613"/>
      <c r="NJD723" s="613"/>
      <c r="NJE723" s="613"/>
      <c r="NJF723" s="613"/>
      <c r="NJG723" s="613"/>
      <c r="NJH723" s="613"/>
      <c r="NJI723" s="613"/>
      <c r="NJJ723" s="613"/>
      <c r="NJK723" s="613"/>
      <c r="NJL723" s="613"/>
      <c r="NJM723" s="613"/>
      <c r="NJN723" s="613"/>
      <c r="NJO723" s="613"/>
      <c r="NJP723" s="613"/>
      <c r="NJQ723" s="613"/>
      <c r="NJR723" s="613"/>
      <c r="NJS723" s="613"/>
      <c r="NJT723" s="613"/>
      <c r="NJU723" s="613"/>
      <c r="NJV723" s="613"/>
      <c r="NJW723" s="613"/>
      <c r="NJX723" s="613"/>
      <c r="NJY723" s="613"/>
      <c r="NJZ723" s="613"/>
      <c r="NKA723" s="613"/>
      <c r="NKB723" s="613"/>
      <c r="NKC723" s="613"/>
      <c r="NKD723" s="613"/>
      <c r="NKE723" s="613"/>
      <c r="NKF723" s="613"/>
      <c r="NKG723" s="613"/>
      <c r="NKH723" s="613"/>
      <c r="NKI723" s="613"/>
      <c r="NKJ723" s="613"/>
      <c r="NKK723" s="613"/>
      <c r="NKL723" s="613"/>
      <c r="NKM723" s="613"/>
      <c r="NKN723" s="613"/>
      <c r="NKO723" s="613"/>
      <c r="NKP723" s="613"/>
      <c r="NKQ723" s="613"/>
      <c r="NKR723" s="613"/>
      <c r="NKS723" s="613"/>
      <c r="NKT723" s="613"/>
      <c r="NKU723" s="613"/>
      <c r="NKV723" s="613"/>
      <c r="NKW723" s="613"/>
      <c r="NKX723" s="613"/>
      <c r="NKY723" s="613"/>
      <c r="NKZ723" s="613"/>
      <c r="NLA723" s="613"/>
      <c r="NLB723" s="613"/>
      <c r="NLC723" s="613"/>
      <c r="NLD723" s="613"/>
      <c r="NLE723" s="613"/>
      <c r="NLF723" s="613"/>
      <c r="NLG723" s="613"/>
      <c r="NLH723" s="613"/>
      <c r="NLI723" s="613"/>
      <c r="NLJ723" s="613"/>
      <c r="NLK723" s="613"/>
      <c r="NLL723" s="613"/>
      <c r="NLM723" s="613"/>
      <c r="NLN723" s="613"/>
      <c r="NLO723" s="613"/>
      <c r="NLP723" s="613"/>
      <c r="NLQ723" s="613"/>
      <c r="NLR723" s="613"/>
      <c r="NLS723" s="613"/>
      <c r="NLT723" s="613"/>
      <c r="NLU723" s="613"/>
      <c r="NLV723" s="613"/>
      <c r="NLW723" s="613"/>
      <c r="NLX723" s="613"/>
      <c r="NLY723" s="613"/>
      <c r="NLZ723" s="613"/>
      <c r="NMA723" s="613"/>
      <c r="NMB723" s="613"/>
      <c r="NMC723" s="613"/>
      <c r="NMD723" s="613"/>
      <c r="NME723" s="613"/>
      <c r="NMF723" s="613"/>
      <c r="NMG723" s="613"/>
      <c r="NMH723" s="613"/>
      <c r="NMI723" s="613"/>
      <c r="NMJ723" s="613"/>
      <c r="NMK723" s="613"/>
      <c r="NML723" s="613"/>
      <c r="NMM723" s="613"/>
      <c r="NMN723" s="613"/>
      <c r="NMO723" s="613"/>
      <c r="NMP723" s="613"/>
      <c r="NMQ723" s="613"/>
      <c r="NMR723" s="613"/>
      <c r="NMS723" s="613"/>
      <c r="NMT723" s="613"/>
      <c r="NMU723" s="613"/>
      <c r="NMV723" s="613"/>
      <c r="NMW723" s="613"/>
      <c r="NMX723" s="613"/>
      <c r="NMY723" s="613"/>
      <c r="NMZ723" s="613"/>
      <c r="NNA723" s="613"/>
      <c r="NNB723" s="613"/>
      <c r="NNC723" s="613"/>
      <c r="NND723" s="613"/>
      <c r="NNE723" s="613"/>
      <c r="NNF723" s="613"/>
      <c r="NNG723" s="613"/>
      <c r="NNH723" s="613"/>
      <c r="NNI723" s="613"/>
      <c r="NNJ723" s="613"/>
      <c r="NNK723" s="613"/>
      <c r="NNL723" s="613"/>
      <c r="NNM723" s="613"/>
      <c r="NNN723" s="613"/>
      <c r="NNO723" s="613"/>
      <c r="NNP723" s="613"/>
      <c r="NNQ723" s="613"/>
      <c r="NNR723" s="613"/>
      <c r="NNS723" s="613"/>
      <c r="NNT723" s="613"/>
      <c r="NNU723" s="613"/>
      <c r="NNV723" s="613"/>
      <c r="NNW723" s="613"/>
      <c r="NNX723" s="613"/>
      <c r="NNY723" s="613"/>
      <c r="NNZ723" s="613"/>
      <c r="NOA723" s="613"/>
      <c r="NOB723" s="613"/>
      <c r="NOC723" s="613"/>
      <c r="NOD723" s="613"/>
      <c r="NOE723" s="613"/>
      <c r="NOF723" s="613"/>
      <c r="NOG723" s="613"/>
      <c r="NOH723" s="613"/>
      <c r="NOI723" s="613"/>
      <c r="NOJ723" s="613"/>
      <c r="NOK723" s="613"/>
      <c r="NOL723" s="613"/>
      <c r="NOM723" s="613"/>
      <c r="NON723" s="613"/>
      <c r="NOO723" s="613"/>
      <c r="NOP723" s="613"/>
      <c r="NOQ723" s="613"/>
      <c r="NOR723" s="613"/>
      <c r="NOS723" s="613"/>
      <c r="NOT723" s="613"/>
      <c r="NOU723" s="613"/>
      <c r="NOV723" s="613"/>
      <c r="NOW723" s="613"/>
      <c r="NOX723" s="613"/>
      <c r="NOY723" s="613"/>
      <c r="NOZ723" s="613"/>
      <c r="NPA723" s="613"/>
      <c r="NPB723" s="613"/>
      <c r="NPC723" s="613"/>
      <c r="NPD723" s="613"/>
      <c r="NPE723" s="613"/>
      <c r="NPF723" s="613"/>
      <c r="NPG723" s="613"/>
      <c r="NPH723" s="613"/>
      <c r="NPI723" s="613"/>
      <c r="NPJ723" s="613"/>
      <c r="NPK723" s="613"/>
      <c r="NPL723" s="613"/>
      <c r="NPM723" s="613"/>
      <c r="NPN723" s="613"/>
      <c r="NPO723" s="613"/>
      <c r="NPP723" s="613"/>
      <c r="NPQ723" s="613"/>
      <c r="NPR723" s="613"/>
      <c r="NPS723" s="613"/>
      <c r="NPT723" s="613"/>
      <c r="NPU723" s="613"/>
      <c r="NPV723" s="613"/>
      <c r="NPW723" s="613"/>
      <c r="NPX723" s="613"/>
      <c r="NPY723" s="613"/>
      <c r="NPZ723" s="613"/>
      <c r="NQA723" s="613"/>
      <c r="NQB723" s="613"/>
      <c r="NQC723" s="613"/>
      <c r="NQD723" s="613"/>
      <c r="NQE723" s="613"/>
      <c r="NQF723" s="613"/>
      <c r="NQG723" s="613"/>
      <c r="NQH723" s="613"/>
      <c r="NQI723" s="613"/>
      <c r="NQJ723" s="613"/>
      <c r="NQK723" s="613"/>
      <c r="NQL723" s="613"/>
      <c r="NQM723" s="613"/>
      <c r="NQN723" s="613"/>
      <c r="NQO723" s="613"/>
      <c r="NQP723" s="613"/>
      <c r="NQQ723" s="613"/>
      <c r="NQR723" s="613"/>
      <c r="NQS723" s="613"/>
      <c r="NQT723" s="613"/>
      <c r="NQU723" s="613"/>
      <c r="NQV723" s="613"/>
      <c r="NQW723" s="613"/>
      <c r="NQX723" s="613"/>
      <c r="NQY723" s="613"/>
      <c r="NQZ723" s="613"/>
      <c r="NRA723" s="613"/>
      <c r="NRB723" s="613"/>
      <c r="NRC723" s="613"/>
      <c r="NRD723" s="613"/>
      <c r="NRE723" s="613"/>
      <c r="NRF723" s="613"/>
      <c r="NRG723" s="613"/>
      <c r="NRH723" s="613"/>
      <c r="NRI723" s="613"/>
      <c r="NRJ723" s="613"/>
      <c r="NRK723" s="613"/>
      <c r="NRL723" s="613"/>
      <c r="NRM723" s="613"/>
      <c r="NRN723" s="613"/>
      <c r="NRO723" s="613"/>
      <c r="NRP723" s="613"/>
      <c r="NRQ723" s="613"/>
      <c r="NRR723" s="613"/>
      <c r="NRS723" s="613"/>
      <c r="NRT723" s="613"/>
      <c r="NRU723" s="613"/>
      <c r="NRV723" s="613"/>
      <c r="NRW723" s="613"/>
      <c r="NRX723" s="613"/>
      <c r="NRY723" s="613"/>
      <c r="NRZ723" s="613"/>
      <c r="NSA723" s="613"/>
      <c r="NSB723" s="613"/>
      <c r="NSC723" s="613"/>
      <c r="NSD723" s="613"/>
      <c r="NSE723" s="613"/>
      <c r="NSF723" s="613"/>
      <c r="NSG723" s="613"/>
      <c r="NSH723" s="613"/>
      <c r="NSI723" s="613"/>
      <c r="NSJ723" s="613"/>
      <c r="NSK723" s="613"/>
      <c r="NSL723" s="613"/>
      <c r="NSM723" s="613"/>
      <c r="NSN723" s="613"/>
      <c r="NSO723" s="613"/>
      <c r="NSP723" s="613"/>
      <c r="NSQ723" s="613"/>
      <c r="NSR723" s="613"/>
      <c r="NSS723" s="613"/>
      <c r="NST723" s="613"/>
      <c r="NSU723" s="613"/>
      <c r="NSV723" s="613"/>
      <c r="NSW723" s="613"/>
      <c r="NSX723" s="613"/>
      <c r="NSY723" s="613"/>
      <c r="NSZ723" s="613"/>
      <c r="NTA723" s="613"/>
      <c r="NTB723" s="613"/>
      <c r="NTC723" s="613"/>
      <c r="NTD723" s="613"/>
      <c r="NTE723" s="613"/>
      <c r="NTF723" s="613"/>
      <c r="NTG723" s="613"/>
      <c r="NTH723" s="613"/>
      <c r="NTI723" s="613"/>
      <c r="NTJ723" s="613"/>
      <c r="NTK723" s="613"/>
      <c r="NTL723" s="613"/>
      <c r="NTM723" s="613"/>
      <c r="NTN723" s="613"/>
      <c r="NTO723" s="613"/>
      <c r="NTP723" s="613"/>
      <c r="NTQ723" s="613"/>
      <c r="NTR723" s="613"/>
      <c r="NTS723" s="613"/>
      <c r="NTT723" s="613"/>
      <c r="NTU723" s="613"/>
      <c r="NTV723" s="613"/>
      <c r="NTW723" s="613"/>
      <c r="NTX723" s="613"/>
      <c r="NTY723" s="613"/>
      <c r="NTZ723" s="613"/>
      <c r="NUA723" s="613"/>
      <c r="NUB723" s="613"/>
      <c r="NUC723" s="613"/>
      <c r="NUD723" s="613"/>
      <c r="NUE723" s="613"/>
      <c r="NUF723" s="613"/>
      <c r="NUG723" s="613"/>
      <c r="NUH723" s="613"/>
      <c r="NUI723" s="613"/>
      <c r="NUJ723" s="613"/>
      <c r="NUK723" s="613"/>
      <c r="NUL723" s="613"/>
      <c r="NUM723" s="613"/>
      <c r="NUN723" s="613"/>
      <c r="NUO723" s="613"/>
      <c r="NUP723" s="613"/>
      <c r="NUQ723" s="613"/>
      <c r="NUR723" s="613"/>
      <c r="NUS723" s="613"/>
      <c r="NUT723" s="613"/>
      <c r="NUU723" s="613"/>
      <c r="NUV723" s="613"/>
      <c r="NUW723" s="613"/>
      <c r="NUX723" s="613"/>
      <c r="NUY723" s="613"/>
      <c r="NUZ723" s="613"/>
      <c r="NVA723" s="613"/>
      <c r="NVB723" s="613"/>
      <c r="NVC723" s="613"/>
      <c r="NVD723" s="613"/>
      <c r="NVE723" s="613"/>
      <c r="NVF723" s="613"/>
      <c r="NVG723" s="613"/>
      <c r="NVH723" s="613"/>
      <c r="NVI723" s="613"/>
      <c r="NVJ723" s="613"/>
      <c r="NVK723" s="613"/>
      <c r="NVL723" s="613"/>
      <c r="NVM723" s="613"/>
      <c r="NVN723" s="613"/>
      <c r="NVO723" s="613"/>
      <c r="NVP723" s="613"/>
      <c r="NVQ723" s="613"/>
      <c r="NVR723" s="613"/>
      <c r="NVS723" s="613"/>
      <c r="NVT723" s="613"/>
      <c r="NVU723" s="613"/>
      <c r="NVV723" s="613"/>
      <c r="NVW723" s="613"/>
      <c r="NVX723" s="613"/>
      <c r="NVY723" s="613"/>
      <c r="NVZ723" s="613"/>
      <c r="NWA723" s="613"/>
      <c r="NWB723" s="613"/>
      <c r="NWC723" s="613"/>
      <c r="NWD723" s="613"/>
      <c r="NWE723" s="613"/>
      <c r="NWF723" s="613"/>
      <c r="NWG723" s="613"/>
      <c r="NWH723" s="613"/>
      <c r="NWI723" s="613"/>
      <c r="NWJ723" s="613"/>
      <c r="NWK723" s="613"/>
      <c r="NWL723" s="613"/>
      <c r="NWM723" s="613"/>
      <c r="NWN723" s="613"/>
      <c r="NWO723" s="613"/>
      <c r="NWP723" s="613"/>
      <c r="NWQ723" s="613"/>
      <c r="NWR723" s="613"/>
      <c r="NWS723" s="613"/>
      <c r="NWT723" s="613"/>
      <c r="NWU723" s="613"/>
      <c r="NWV723" s="613"/>
      <c r="NWW723" s="613"/>
      <c r="NWX723" s="613"/>
      <c r="NWY723" s="613"/>
      <c r="NWZ723" s="613"/>
      <c r="NXA723" s="613"/>
      <c r="NXB723" s="613"/>
      <c r="NXC723" s="613"/>
      <c r="NXD723" s="613"/>
      <c r="NXE723" s="613"/>
      <c r="NXF723" s="613"/>
      <c r="NXG723" s="613"/>
      <c r="NXH723" s="613"/>
      <c r="NXI723" s="613"/>
      <c r="NXJ723" s="613"/>
      <c r="NXK723" s="613"/>
      <c r="NXL723" s="613"/>
      <c r="NXM723" s="613"/>
      <c r="NXN723" s="613"/>
      <c r="NXO723" s="613"/>
      <c r="NXP723" s="613"/>
      <c r="NXQ723" s="613"/>
      <c r="NXR723" s="613"/>
      <c r="NXS723" s="613"/>
      <c r="NXT723" s="613"/>
      <c r="NXU723" s="613"/>
      <c r="NXV723" s="613"/>
      <c r="NXW723" s="613"/>
      <c r="NXX723" s="613"/>
      <c r="NXY723" s="613"/>
      <c r="NXZ723" s="613"/>
      <c r="NYA723" s="613"/>
      <c r="NYB723" s="613"/>
      <c r="NYC723" s="613"/>
      <c r="NYD723" s="613"/>
      <c r="NYE723" s="613"/>
      <c r="NYF723" s="613"/>
      <c r="NYG723" s="613"/>
      <c r="NYH723" s="613"/>
      <c r="NYI723" s="613"/>
      <c r="NYJ723" s="613"/>
      <c r="NYK723" s="613"/>
      <c r="NYL723" s="613"/>
      <c r="NYM723" s="613"/>
      <c r="NYN723" s="613"/>
      <c r="NYO723" s="613"/>
      <c r="NYP723" s="613"/>
      <c r="NYQ723" s="613"/>
      <c r="NYR723" s="613"/>
      <c r="NYS723" s="613"/>
      <c r="NYT723" s="613"/>
      <c r="NYU723" s="613"/>
      <c r="NYV723" s="613"/>
      <c r="NYW723" s="613"/>
      <c r="NYX723" s="613"/>
      <c r="NYY723" s="613"/>
      <c r="NYZ723" s="613"/>
      <c r="NZA723" s="613"/>
      <c r="NZB723" s="613"/>
      <c r="NZC723" s="613"/>
      <c r="NZD723" s="613"/>
      <c r="NZE723" s="613"/>
      <c r="NZF723" s="613"/>
      <c r="NZG723" s="613"/>
      <c r="NZH723" s="613"/>
      <c r="NZI723" s="613"/>
      <c r="NZJ723" s="613"/>
      <c r="NZK723" s="613"/>
      <c r="NZL723" s="613"/>
      <c r="NZM723" s="613"/>
      <c r="NZN723" s="613"/>
      <c r="NZO723" s="613"/>
      <c r="NZP723" s="613"/>
      <c r="NZQ723" s="613"/>
      <c r="NZR723" s="613"/>
      <c r="NZS723" s="613"/>
      <c r="NZT723" s="613"/>
      <c r="NZU723" s="613"/>
      <c r="NZV723" s="613"/>
      <c r="NZW723" s="613"/>
      <c r="NZX723" s="613"/>
      <c r="NZY723" s="613"/>
      <c r="NZZ723" s="613"/>
      <c r="OAA723" s="613"/>
      <c r="OAB723" s="613"/>
      <c r="OAC723" s="613"/>
      <c r="OAD723" s="613"/>
      <c r="OAE723" s="613"/>
      <c r="OAF723" s="613"/>
      <c r="OAG723" s="613"/>
      <c r="OAH723" s="613"/>
      <c r="OAI723" s="613"/>
      <c r="OAJ723" s="613"/>
      <c r="OAK723" s="613"/>
      <c r="OAL723" s="613"/>
      <c r="OAM723" s="613"/>
      <c r="OAN723" s="613"/>
      <c r="OAO723" s="613"/>
      <c r="OAP723" s="613"/>
      <c r="OAQ723" s="613"/>
      <c r="OAR723" s="613"/>
      <c r="OAS723" s="613"/>
      <c r="OAT723" s="613"/>
      <c r="OAU723" s="613"/>
      <c r="OAV723" s="613"/>
      <c r="OAW723" s="613"/>
      <c r="OAX723" s="613"/>
      <c r="OAY723" s="613"/>
      <c r="OAZ723" s="613"/>
      <c r="OBA723" s="613"/>
      <c r="OBB723" s="613"/>
      <c r="OBC723" s="613"/>
      <c r="OBD723" s="613"/>
      <c r="OBE723" s="613"/>
      <c r="OBF723" s="613"/>
      <c r="OBG723" s="613"/>
      <c r="OBH723" s="613"/>
      <c r="OBI723" s="613"/>
      <c r="OBJ723" s="613"/>
      <c r="OBK723" s="613"/>
      <c r="OBL723" s="613"/>
      <c r="OBM723" s="613"/>
      <c r="OBN723" s="613"/>
      <c r="OBO723" s="613"/>
      <c r="OBP723" s="613"/>
      <c r="OBQ723" s="613"/>
      <c r="OBR723" s="613"/>
      <c r="OBS723" s="613"/>
      <c r="OBT723" s="613"/>
      <c r="OBU723" s="613"/>
      <c r="OBV723" s="613"/>
      <c r="OBW723" s="613"/>
      <c r="OBX723" s="613"/>
      <c r="OBY723" s="613"/>
      <c r="OBZ723" s="613"/>
      <c r="OCA723" s="613"/>
      <c r="OCB723" s="613"/>
      <c r="OCC723" s="613"/>
      <c r="OCD723" s="613"/>
      <c r="OCE723" s="613"/>
      <c r="OCF723" s="613"/>
      <c r="OCG723" s="613"/>
      <c r="OCH723" s="613"/>
      <c r="OCI723" s="613"/>
      <c r="OCJ723" s="613"/>
      <c r="OCK723" s="613"/>
      <c r="OCL723" s="613"/>
      <c r="OCM723" s="613"/>
      <c r="OCN723" s="613"/>
      <c r="OCO723" s="613"/>
      <c r="OCP723" s="613"/>
      <c r="OCQ723" s="613"/>
      <c r="OCR723" s="613"/>
      <c r="OCS723" s="613"/>
      <c r="OCT723" s="613"/>
      <c r="OCU723" s="613"/>
      <c r="OCV723" s="613"/>
      <c r="OCW723" s="613"/>
      <c r="OCX723" s="613"/>
      <c r="OCY723" s="613"/>
      <c r="OCZ723" s="613"/>
      <c r="ODA723" s="613"/>
      <c r="ODB723" s="613"/>
      <c r="ODC723" s="613"/>
      <c r="ODD723" s="613"/>
      <c r="ODE723" s="613"/>
      <c r="ODF723" s="613"/>
      <c r="ODG723" s="613"/>
      <c r="ODH723" s="613"/>
      <c r="ODI723" s="613"/>
      <c r="ODJ723" s="613"/>
      <c r="ODK723" s="613"/>
      <c r="ODL723" s="613"/>
      <c r="ODM723" s="613"/>
      <c r="ODN723" s="613"/>
      <c r="ODO723" s="613"/>
      <c r="ODP723" s="613"/>
      <c r="ODQ723" s="613"/>
      <c r="ODR723" s="613"/>
      <c r="ODS723" s="613"/>
      <c r="ODT723" s="613"/>
      <c r="ODU723" s="613"/>
      <c r="ODV723" s="613"/>
      <c r="ODW723" s="613"/>
      <c r="ODX723" s="613"/>
      <c r="ODY723" s="613"/>
      <c r="ODZ723" s="613"/>
      <c r="OEA723" s="613"/>
      <c r="OEB723" s="613"/>
      <c r="OEC723" s="613"/>
      <c r="OED723" s="613"/>
      <c r="OEE723" s="613"/>
      <c r="OEF723" s="613"/>
      <c r="OEG723" s="613"/>
      <c r="OEH723" s="613"/>
      <c r="OEI723" s="613"/>
      <c r="OEJ723" s="613"/>
      <c r="OEK723" s="613"/>
      <c r="OEL723" s="613"/>
      <c r="OEM723" s="613"/>
      <c r="OEN723" s="613"/>
      <c r="OEO723" s="613"/>
      <c r="OEP723" s="613"/>
      <c r="OEQ723" s="613"/>
      <c r="OER723" s="613"/>
      <c r="OES723" s="613"/>
      <c r="OET723" s="613"/>
      <c r="OEU723" s="613"/>
      <c r="OEV723" s="613"/>
      <c r="OEW723" s="613"/>
      <c r="OEX723" s="613"/>
      <c r="OEY723" s="613"/>
      <c r="OEZ723" s="613"/>
      <c r="OFA723" s="613"/>
      <c r="OFB723" s="613"/>
      <c r="OFC723" s="613"/>
      <c r="OFD723" s="613"/>
      <c r="OFE723" s="613"/>
      <c r="OFF723" s="613"/>
      <c r="OFG723" s="613"/>
      <c r="OFH723" s="613"/>
      <c r="OFI723" s="613"/>
      <c r="OFJ723" s="613"/>
      <c r="OFK723" s="613"/>
      <c r="OFL723" s="613"/>
      <c r="OFM723" s="613"/>
      <c r="OFN723" s="613"/>
      <c r="OFO723" s="613"/>
      <c r="OFP723" s="613"/>
      <c r="OFQ723" s="613"/>
      <c r="OFR723" s="613"/>
      <c r="OFS723" s="613"/>
      <c r="OFT723" s="613"/>
      <c r="OFU723" s="613"/>
      <c r="OFV723" s="613"/>
      <c r="OFW723" s="613"/>
      <c r="OFX723" s="613"/>
      <c r="OFY723" s="613"/>
      <c r="OFZ723" s="613"/>
      <c r="OGA723" s="613"/>
      <c r="OGB723" s="613"/>
      <c r="OGC723" s="613"/>
      <c r="OGD723" s="613"/>
      <c r="OGE723" s="613"/>
      <c r="OGF723" s="613"/>
      <c r="OGG723" s="613"/>
      <c r="OGH723" s="613"/>
      <c r="OGI723" s="613"/>
      <c r="OGJ723" s="613"/>
      <c r="OGK723" s="613"/>
      <c r="OGL723" s="613"/>
      <c r="OGM723" s="613"/>
      <c r="OGN723" s="613"/>
      <c r="OGO723" s="613"/>
      <c r="OGP723" s="613"/>
      <c r="OGQ723" s="613"/>
      <c r="OGR723" s="613"/>
      <c r="OGS723" s="613"/>
      <c r="OGT723" s="613"/>
      <c r="OGU723" s="613"/>
      <c r="OGV723" s="613"/>
      <c r="OGW723" s="613"/>
      <c r="OGX723" s="613"/>
      <c r="OGY723" s="613"/>
      <c r="OGZ723" s="613"/>
      <c r="OHA723" s="613"/>
      <c r="OHB723" s="613"/>
      <c r="OHC723" s="613"/>
      <c r="OHD723" s="613"/>
      <c r="OHE723" s="613"/>
      <c r="OHF723" s="613"/>
      <c r="OHG723" s="613"/>
      <c r="OHH723" s="613"/>
      <c r="OHI723" s="613"/>
      <c r="OHJ723" s="613"/>
      <c r="OHK723" s="613"/>
      <c r="OHL723" s="613"/>
      <c r="OHM723" s="613"/>
      <c r="OHN723" s="613"/>
      <c r="OHO723" s="613"/>
      <c r="OHP723" s="613"/>
      <c r="OHQ723" s="613"/>
      <c r="OHR723" s="613"/>
      <c r="OHS723" s="613"/>
      <c r="OHT723" s="613"/>
      <c r="OHU723" s="613"/>
      <c r="OHV723" s="613"/>
      <c r="OHW723" s="613"/>
      <c r="OHX723" s="613"/>
      <c r="OHY723" s="613"/>
      <c r="OHZ723" s="613"/>
      <c r="OIA723" s="613"/>
      <c r="OIB723" s="613"/>
      <c r="OIC723" s="613"/>
      <c r="OID723" s="613"/>
      <c r="OIE723" s="613"/>
      <c r="OIF723" s="613"/>
      <c r="OIG723" s="613"/>
      <c r="OIH723" s="613"/>
      <c r="OII723" s="613"/>
      <c r="OIJ723" s="613"/>
      <c r="OIK723" s="613"/>
      <c r="OIL723" s="613"/>
      <c r="OIM723" s="613"/>
      <c r="OIN723" s="613"/>
      <c r="OIO723" s="613"/>
      <c r="OIP723" s="613"/>
      <c r="OIQ723" s="613"/>
      <c r="OIR723" s="613"/>
      <c r="OIS723" s="613"/>
      <c r="OIT723" s="613"/>
      <c r="OIU723" s="613"/>
      <c r="OIV723" s="613"/>
      <c r="OIW723" s="613"/>
      <c r="OIX723" s="613"/>
      <c r="OIY723" s="613"/>
      <c r="OIZ723" s="613"/>
      <c r="OJA723" s="613"/>
      <c r="OJB723" s="613"/>
      <c r="OJC723" s="613"/>
      <c r="OJD723" s="613"/>
      <c r="OJE723" s="613"/>
      <c r="OJF723" s="613"/>
      <c r="OJG723" s="613"/>
      <c r="OJH723" s="613"/>
      <c r="OJI723" s="613"/>
      <c r="OJJ723" s="613"/>
      <c r="OJK723" s="613"/>
      <c r="OJL723" s="613"/>
      <c r="OJM723" s="613"/>
      <c r="OJN723" s="613"/>
      <c r="OJO723" s="613"/>
      <c r="OJP723" s="613"/>
      <c r="OJQ723" s="613"/>
      <c r="OJR723" s="613"/>
      <c r="OJS723" s="613"/>
      <c r="OJT723" s="613"/>
      <c r="OJU723" s="613"/>
      <c r="OJV723" s="613"/>
      <c r="OJW723" s="613"/>
      <c r="OJX723" s="613"/>
      <c r="OJY723" s="613"/>
      <c r="OJZ723" s="613"/>
      <c r="OKA723" s="613"/>
      <c r="OKB723" s="613"/>
      <c r="OKC723" s="613"/>
      <c r="OKD723" s="613"/>
      <c r="OKE723" s="613"/>
      <c r="OKF723" s="613"/>
      <c r="OKG723" s="613"/>
      <c r="OKH723" s="613"/>
      <c r="OKI723" s="613"/>
      <c r="OKJ723" s="613"/>
      <c r="OKK723" s="613"/>
      <c r="OKL723" s="613"/>
      <c r="OKM723" s="613"/>
      <c r="OKN723" s="613"/>
      <c r="OKO723" s="613"/>
      <c r="OKP723" s="613"/>
      <c r="OKQ723" s="613"/>
      <c r="OKR723" s="613"/>
      <c r="OKS723" s="613"/>
      <c r="OKT723" s="613"/>
      <c r="OKU723" s="613"/>
      <c r="OKV723" s="613"/>
      <c r="OKW723" s="613"/>
      <c r="OKX723" s="613"/>
      <c r="OKY723" s="613"/>
      <c r="OKZ723" s="613"/>
      <c r="OLA723" s="613"/>
      <c r="OLB723" s="613"/>
      <c r="OLC723" s="613"/>
      <c r="OLD723" s="613"/>
      <c r="OLE723" s="613"/>
      <c r="OLF723" s="613"/>
      <c r="OLG723" s="613"/>
      <c r="OLH723" s="613"/>
      <c r="OLI723" s="613"/>
      <c r="OLJ723" s="613"/>
      <c r="OLK723" s="613"/>
      <c r="OLL723" s="613"/>
      <c r="OLM723" s="613"/>
      <c r="OLN723" s="613"/>
      <c r="OLO723" s="613"/>
      <c r="OLP723" s="613"/>
      <c r="OLQ723" s="613"/>
      <c r="OLR723" s="613"/>
      <c r="OLS723" s="613"/>
      <c r="OLT723" s="613"/>
      <c r="OLU723" s="613"/>
      <c r="OLV723" s="613"/>
      <c r="OLW723" s="613"/>
      <c r="OLX723" s="613"/>
      <c r="OLY723" s="613"/>
      <c r="OLZ723" s="613"/>
      <c r="OMA723" s="613"/>
      <c r="OMB723" s="613"/>
      <c r="OMC723" s="613"/>
      <c r="OMD723" s="613"/>
      <c r="OME723" s="613"/>
      <c r="OMF723" s="613"/>
      <c r="OMG723" s="613"/>
      <c r="OMH723" s="613"/>
      <c r="OMI723" s="613"/>
      <c r="OMJ723" s="613"/>
      <c r="OMK723" s="613"/>
      <c r="OML723" s="613"/>
      <c r="OMM723" s="613"/>
      <c r="OMN723" s="613"/>
      <c r="OMO723" s="613"/>
      <c r="OMP723" s="613"/>
      <c r="OMQ723" s="613"/>
      <c r="OMR723" s="613"/>
      <c r="OMS723" s="613"/>
      <c r="OMT723" s="613"/>
      <c r="OMU723" s="613"/>
      <c r="OMV723" s="613"/>
      <c r="OMW723" s="613"/>
      <c r="OMX723" s="613"/>
      <c r="OMY723" s="613"/>
      <c r="OMZ723" s="613"/>
      <c r="ONA723" s="613"/>
      <c r="ONB723" s="613"/>
      <c r="ONC723" s="613"/>
      <c r="OND723" s="613"/>
      <c r="ONE723" s="613"/>
      <c r="ONF723" s="613"/>
      <c r="ONG723" s="613"/>
      <c r="ONH723" s="613"/>
      <c r="ONI723" s="613"/>
      <c r="ONJ723" s="613"/>
      <c r="ONK723" s="613"/>
      <c r="ONL723" s="613"/>
      <c r="ONM723" s="613"/>
      <c r="ONN723" s="613"/>
      <c r="ONO723" s="613"/>
      <c r="ONP723" s="613"/>
      <c r="ONQ723" s="613"/>
      <c r="ONR723" s="613"/>
      <c r="ONS723" s="613"/>
      <c r="ONT723" s="613"/>
      <c r="ONU723" s="613"/>
      <c r="ONV723" s="613"/>
      <c r="ONW723" s="613"/>
      <c r="ONX723" s="613"/>
      <c r="ONY723" s="613"/>
      <c r="ONZ723" s="613"/>
      <c r="OOA723" s="613"/>
      <c r="OOB723" s="613"/>
      <c r="OOC723" s="613"/>
      <c r="OOD723" s="613"/>
      <c r="OOE723" s="613"/>
      <c r="OOF723" s="613"/>
      <c r="OOG723" s="613"/>
      <c r="OOH723" s="613"/>
      <c r="OOI723" s="613"/>
      <c r="OOJ723" s="613"/>
      <c r="OOK723" s="613"/>
      <c r="OOL723" s="613"/>
      <c r="OOM723" s="613"/>
      <c r="OON723" s="613"/>
      <c r="OOO723" s="613"/>
      <c r="OOP723" s="613"/>
      <c r="OOQ723" s="613"/>
      <c r="OOR723" s="613"/>
      <c r="OOS723" s="613"/>
      <c r="OOT723" s="613"/>
      <c r="OOU723" s="613"/>
      <c r="OOV723" s="613"/>
      <c r="OOW723" s="613"/>
      <c r="OOX723" s="613"/>
      <c r="OOY723" s="613"/>
      <c r="OOZ723" s="613"/>
      <c r="OPA723" s="613"/>
      <c r="OPB723" s="613"/>
      <c r="OPC723" s="613"/>
      <c r="OPD723" s="613"/>
      <c r="OPE723" s="613"/>
      <c r="OPF723" s="613"/>
      <c r="OPG723" s="613"/>
      <c r="OPH723" s="613"/>
      <c r="OPI723" s="613"/>
      <c r="OPJ723" s="613"/>
      <c r="OPK723" s="613"/>
      <c r="OPL723" s="613"/>
      <c r="OPM723" s="613"/>
      <c r="OPN723" s="613"/>
      <c r="OPO723" s="613"/>
      <c r="OPP723" s="613"/>
      <c r="OPQ723" s="613"/>
      <c r="OPR723" s="613"/>
      <c r="OPS723" s="613"/>
      <c r="OPT723" s="613"/>
      <c r="OPU723" s="613"/>
      <c r="OPV723" s="613"/>
      <c r="OPW723" s="613"/>
      <c r="OPX723" s="613"/>
      <c r="OPY723" s="613"/>
      <c r="OPZ723" s="613"/>
      <c r="OQA723" s="613"/>
      <c r="OQB723" s="613"/>
      <c r="OQC723" s="613"/>
      <c r="OQD723" s="613"/>
      <c r="OQE723" s="613"/>
      <c r="OQF723" s="613"/>
      <c r="OQG723" s="613"/>
      <c r="OQH723" s="613"/>
      <c r="OQI723" s="613"/>
      <c r="OQJ723" s="613"/>
      <c r="OQK723" s="613"/>
      <c r="OQL723" s="613"/>
      <c r="OQM723" s="613"/>
      <c r="OQN723" s="613"/>
      <c r="OQO723" s="613"/>
      <c r="OQP723" s="613"/>
      <c r="OQQ723" s="613"/>
      <c r="OQR723" s="613"/>
      <c r="OQS723" s="613"/>
      <c r="OQT723" s="613"/>
      <c r="OQU723" s="613"/>
      <c r="OQV723" s="613"/>
      <c r="OQW723" s="613"/>
      <c r="OQX723" s="613"/>
      <c r="OQY723" s="613"/>
      <c r="OQZ723" s="613"/>
      <c r="ORA723" s="613"/>
      <c r="ORB723" s="613"/>
      <c r="ORC723" s="613"/>
      <c r="ORD723" s="613"/>
      <c r="ORE723" s="613"/>
      <c r="ORF723" s="613"/>
      <c r="ORG723" s="613"/>
      <c r="ORH723" s="613"/>
      <c r="ORI723" s="613"/>
      <c r="ORJ723" s="613"/>
      <c r="ORK723" s="613"/>
      <c r="ORL723" s="613"/>
      <c r="ORM723" s="613"/>
      <c r="ORN723" s="613"/>
      <c r="ORO723" s="613"/>
      <c r="ORP723" s="613"/>
      <c r="ORQ723" s="613"/>
      <c r="ORR723" s="613"/>
      <c r="ORS723" s="613"/>
      <c r="ORT723" s="613"/>
      <c r="ORU723" s="613"/>
      <c r="ORV723" s="613"/>
      <c r="ORW723" s="613"/>
      <c r="ORX723" s="613"/>
      <c r="ORY723" s="613"/>
      <c r="ORZ723" s="613"/>
      <c r="OSA723" s="613"/>
      <c r="OSB723" s="613"/>
      <c r="OSC723" s="613"/>
      <c r="OSD723" s="613"/>
      <c r="OSE723" s="613"/>
      <c r="OSF723" s="613"/>
      <c r="OSG723" s="613"/>
      <c r="OSH723" s="613"/>
      <c r="OSI723" s="613"/>
      <c r="OSJ723" s="613"/>
      <c r="OSK723" s="613"/>
      <c r="OSL723" s="613"/>
      <c r="OSM723" s="613"/>
      <c r="OSN723" s="613"/>
      <c r="OSO723" s="613"/>
      <c r="OSP723" s="613"/>
      <c r="OSQ723" s="613"/>
      <c r="OSR723" s="613"/>
      <c r="OSS723" s="613"/>
      <c r="OST723" s="613"/>
      <c r="OSU723" s="613"/>
      <c r="OSV723" s="613"/>
      <c r="OSW723" s="613"/>
      <c r="OSX723" s="613"/>
      <c r="OSY723" s="613"/>
      <c r="OSZ723" s="613"/>
      <c r="OTA723" s="613"/>
      <c r="OTB723" s="613"/>
      <c r="OTC723" s="613"/>
      <c r="OTD723" s="613"/>
      <c r="OTE723" s="613"/>
      <c r="OTF723" s="613"/>
      <c r="OTG723" s="613"/>
      <c r="OTH723" s="613"/>
      <c r="OTI723" s="613"/>
      <c r="OTJ723" s="613"/>
      <c r="OTK723" s="613"/>
      <c r="OTL723" s="613"/>
      <c r="OTM723" s="613"/>
      <c r="OTN723" s="613"/>
      <c r="OTO723" s="613"/>
      <c r="OTP723" s="613"/>
      <c r="OTQ723" s="613"/>
      <c r="OTR723" s="613"/>
      <c r="OTS723" s="613"/>
      <c r="OTT723" s="613"/>
      <c r="OTU723" s="613"/>
      <c r="OTV723" s="613"/>
      <c r="OTW723" s="613"/>
      <c r="OTX723" s="613"/>
      <c r="OTY723" s="613"/>
      <c r="OTZ723" s="613"/>
      <c r="OUA723" s="613"/>
      <c r="OUB723" s="613"/>
      <c r="OUC723" s="613"/>
      <c r="OUD723" s="613"/>
      <c r="OUE723" s="613"/>
      <c r="OUF723" s="613"/>
      <c r="OUG723" s="613"/>
      <c r="OUH723" s="613"/>
      <c r="OUI723" s="613"/>
      <c r="OUJ723" s="613"/>
      <c r="OUK723" s="613"/>
      <c r="OUL723" s="613"/>
      <c r="OUM723" s="613"/>
      <c r="OUN723" s="613"/>
      <c r="OUO723" s="613"/>
      <c r="OUP723" s="613"/>
      <c r="OUQ723" s="613"/>
      <c r="OUR723" s="613"/>
      <c r="OUS723" s="613"/>
      <c r="OUT723" s="613"/>
      <c r="OUU723" s="613"/>
      <c r="OUV723" s="613"/>
      <c r="OUW723" s="613"/>
      <c r="OUX723" s="613"/>
      <c r="OUY723" s="613"/>
      <c r="OUZ723" s="613"/>
      <c r="OVA723" s="613"/>
      <c r="OVB723" s="613"/>
      <c r="OVC723" s="613"/>
      <c r="OVD723" s="613"/>
      <c r="OVE723" s="613"/>
      <c r="OVF723" s="613"/>
      <c r="OVG723" s="613"/>
      <c r="OVH723" s="613"/>
      <c r="OVI723" s="613"/>
      <c r="OVJ723" s="613"/>
      <c r="OVK723" s="613"/>
      <c r="OVL723" s="613"/>
      <c r="OVM723" s="613"/>
      <c r="OVN723" s="613"/>
      <c r="OVO723" s="613"/>
      <c r="OVP723" s="613"/>
      <c r="OVQ723" s="613"/>
      <c r="OVR723" s="613"/>
      <c r="OVS723" s="613"/>
      <c r="OVT723" s="613"/>
      <c r="OVU723" s="613"/>
      <c r="OVV723" s="613"/>
      <c r="OVW723" s="613"/>
      <c r="OVX723" s="613"/>
      <c r="OVY723" s="613"/>
      <c r="OVZ723" s="613"/>
      <c r="OWA723" s="613"/>
      <c r="OWB723" s="613"/>
      <c r="OWC723" s="613"/>
      <c r="OWD723" s="613"/>
      <c r="OWE723" s="613"/>
      <c r="OWF723" s="613"/>
      <c r="OWG723" s="613"/>
      <c r="OWH723" s="613"/>
      <c r="OWI723" s="613"/>
      <c r="OWJ723" s="613"/>
      <c r="OWK723" s="613"/>
      <c r="OWL723" s="613"/>
      <c r="OWM723" s="613"/>
      <c r="OWN723" s="613"/>
      <c r="OWO723" s="613"/>
      <c r="OWP723" s="613"/>
      <c r="OWQ723" s="613"/>
      <c r="OWR723" s="613"/>
      <c r="OWS723" s="613"/>
      <c r="OWT723" s="613"/>
      <c r="OWU723" s="613"/>
      <c r="OWV723" s="613"/>
      <c r="OWW723" s="613"/>
      <c r="OWX723" s="613"/>
      <c r="OWY723" s="613"/>
      <c r="OWZ723" s="613"/>
      <c r="OXA723" s="613"/>
      <c r="OXB723" s="613"/>
      <c r="OXC723" s="613"/>
      <c r="OXD723" s="613"/>
      <c r="OXE723" s="613"/>
      <c r="OXF723" s="613"/>
      <c r="OXG723" s="613"/>
      <c r="OXH723" s="613"/>
      <c r="OXI723" s="613"/>
      <c r="OXJ723" s="613"/>
      <c r="OXK723" s="613"/>
      <c r="OXL723" s="613"/>
      <c r="OXM723" s="613"/>
      <c r="OXN723" s="613"/>
      <c r="OXO723" s="613"/>
      <c r="OXP723" s="613"/>
      <c r="OXQ723" s="613"/>
      <c r="OXR723" s="613"/>
      <c r="OXS723" s="613"/>
      <c r="OXT723" s="613"/>
      <c r="OXU723" s="613"/>
      <c r="OXV723" s="613"/>
      <c r="OXW723" s="613"/>
      <c r="OXX723" s="613"/>
      <c r="OXY723" s="613"/>
      <c r="OXZ723" s="613"/>
      <c r="OYA723" s="613"/>
      <c r="OYB723" s="613"/>
      <c r="OYC723" s="613"/>
      <c r="OYD723" s="613"/>
      <c r="OYE723" s="613"/>
      <c r="OYF723" s="613"/>
      <c r="OYG723" s="613"/>
      <c r="OYH723" s="613"/>
      <c r="OYI723" s="613"/>
      <c r="OYJ723" s="613"/>
      <c r="OYK723" s="613"/>
      <c r="OYL723" s="613"/>
      <c r="OYM723" s="613"/>
      <c r="OYN723" s="613"/>
      <c r="OYO723" s="613"/>
      <c r="OYP723" s="613"/>
      <c r="OYQ723" s="613"/>
      <c r="OYR723" s="613"/>
      <c r="OYS723" s="613"/>
      <c r="OYT723" s="613"/>
      <c r="OYU723" s="613"/>
      <c r="OYV723" s="613"/>
      <c r="OYW723" s="613"/>
      <c r="OYX723" s="613"/>
      <c r="OYY723" s="613"/>
      <c r="OYZ723" s="613"/>
      <c r="OZA723" s="613"/>
      <c r="OZB723" s="613"/>
      <c r="OZC723" s="613"/>
      <c r="OZD723" s="613"/>
      <c r="OZE723" s="613"/>
      <c r="OZF723" s="613"/>
      <c r="OZG723" s="613"/>
      <c r="OZH723" s="613"/>
      <c r="OZI723" s="613"/>
      <c r="OZJ723" s="613"/>
      <c r="OZK723" s="613"/>
      <c r="OZL723" s="613"/>
      <c r="OZM723" s="613"/>
      <c r="OZN723" s="613"/>
      <c r="OZO723" s="613"/>
      <c r="OZP723" s="613"/>
      <c r="OZQ723" s="613"/>
      <c r="OZR723" s="613"/>
      <c r="OZS723" s="613"/>
      <c r="OZT723" s="613"/>
      <c r="OZU723" s="613"/>
      <c r="OZV723" s="613"/>
      <c r="OZW723" s="613"/>
      <c r="OZX723" s="613"/>
      <c r="OZY723" s="613"/>
      <c r="OZZ723" s="613"/>
      <c r="PAA723" s="613"/>
      <c r="PAB723" s="613"/>
      <c r="PAC723" s="613"/>
      <c r="PAD723" s="613"/>
      <c r="PAE723" s="613"/>
      <c r="PAF723" s="613"/>
      <c r="PAG723" s="613"/>
      <c r="PAH723" s="613"/>
      <c r="PAI723" s="613"/>
      <c r="PAJ723" s="613"/>
      <c r="PAK723" s="613"/>
      <c r="PAL723" s="613"/>
      <c r="PAM723" s="613"/>
      <c r="PAN723" s="613"/>
      <c r="PAO723" s="613"/>
      <c r="PAP723" s="613"/>
      <c r="PAQ723" s="613"/>
      <c r="PAR723" s="613"/>
      <c r="PAS723" s="613"/>
      <c r="PAT723" s="613"/>
      <c r="PAU723" s="613"/>
      <c r="PAV723" s="613"/>
      <c r="PAW723" s="613"/>
      <c r="PAX723" s="613"/>
      <c r="PAY723" s="613"/>
      <c r="PAZ723" s="613"/>
      <c r="PBA723" s="613"/>
      <c r="PBB723" s="613"/>
      <c r="PBC723" s="613"/>
      <c r="PBD723" s="613"/>
      <c r="PBE723" s="613"/>
      <c r="PBF723" s="613"/>
      <c r="PBG723" s="613"/>
      <c r="PBH723" s="613"/>
      <c r="PBI723" s="613"/>
      <c r="PBJ723" s="613"/>
      <c r="PBK723" s="613"/>
      <c r="PBL723" s="613"/>
      <c r="PBM723" s="613"/>
      <c r="PBN723" s="613"/>
      <c r="PBO723" s="613"/>
      <c r="PBP723" s="613"/>
      <c r="PBQ723" s="613"/>
      <c r="PBR723" s="613"/>
      <c r="PBS723" s="613"/>
      <c r="PBT723" s="613"/>
      <c r="PBU723" s="613"/>
      <c r="PBV723" s="613"/>
      <c r="PBW723" s="613"/>
      <c r="PBX723" s="613"/>
      <c r="PBY723" s="613"/>
      <c r="PBZ723" s="613"/>
      <c r="PCA723" s="613"/>
      <c r="PCB723" s="613"/>
      <c r="PCC723" s="613"/>
      <c r="PCD723" s="613"/>
      <c r="PCE723" s="613"/>
      <c r="PCF723" s="613"/>
      <c r="PCG723" s="613"/>
      <c r="PCH723" s="613"/>
      <c r="PCI723" s="613"/>
      <c r="PCJ723" s="613"/>
      <c r="PCK723" s="613"/>
      <c r="PCL723" s="613"/>
      <c r="PCM723" s="613"/>
      <c r="PCN723" s="613"/>
      <c r="PCO723" s="613"/>
      <c r="PCP723" s="613"/>
      <c r="PCQ723" s="613"/>
      <c r="PCR723" s="613"/>
      <c r="PCS723" s="613"/>
      <c r="PCT723" s="613"/>
      <c r="PCU723" s="613"/>
      <c r="PCV723" s="613"/>
      <c r="PCW723" s="613"/>
      <c r="PCX723" s="613"/>
      <c r="PCY723" s="613"/>
      <c r="PCZ723" s="613"/>
      <c r="PDA723" s="613"/>
      <c r="PDB723" s="613"/>
      <c r="PDC723" s="613"/>
      <c r="PDD723" s="613"/>
      <c r="PDE723" s="613"/>
      <c r="PDF723" s="613"/>
      <c r="PDG723" s="613"/>
      <c r="PDH723" s="613"/>
      <c r="PDI723" s="613"/>
      <c r="PDJ723" s="613"/>
      <c r="PDK723" s="613"/>
      <c r="PDL723" s="613"/>
      <c r="PDM723" s="613"/>
      <c r="PDN723" s="613"/>
      <c r="PDO723" s="613"/>
      <c r="PDP723" s="613"/>
      <c r="PDQ723" s="613"/>
      <c r="PDR723" s="613"/>
      <c r="PDS723" s="613"/>
      <c r="PDT723" s="613"/>
      <c r="PDU723" s="613"/>
      <c r="PDV723" s="613"/>
      <c r="PDW723" s="613"/>
      <c r="PDX723" s="613"/>
      <c r="PDY723" s="613"/>
      <c r="PDZ723" s="613"/>
      <c r="PEA723" s="613"/>
      <c r="PEB723" s="613"/>
      <c r="PEC723" s="613"/>
      <c r="PED723" s="613"/>
      <c r="PEE723" s="613"/>
      <c r="PEF723" s="613"/>
      <c r="PEG723" s="613"/>
      <c r="PEH723" s="613"/>
      <c r="PEI723" s="613"/>
      <c r="PEJ723" s="613"/>
      <c r="PEK723" s="613"/>
      <c r="PEL723" s="613"/>
      <c r="PEM723" s="613"/>
      <c r="PEN723" s="613"/>
      <c r="PEO723" s="613"/>
      <c r="PEP723" s="613"/>
      <c r="PEQ723" s="613"/>
      <c r="PER723" s="613"/>
      <c r="PES723" s="613"/>
      <c r="PET723" s="613"/>
      <c r="PEU723" s="613"/>
      <c r="PEV723" s="613"/>
      <c r="PEW723" s="613"/>
      <c r="PEX723" s="613"/>
      <c r="PEY723" s="613"/>
      <c r="PEZ723" s="613"/>
      <c r="PFA723" s="613"/>
      <c r="PFB723" s="613"/>
      <c r="PFC723" s="613"/>
      <c r="PFD723" s="613"/>
      <c r="PFE723" s="613"/>
      <c r="PFF723" s="613"/>
      <c r="PFG723" s="613"/>
      <c r="PFH723" s="613"/>
      <c r="PFI723" s="613"/>
      <c r="PFJ723" s="613"/>
      <c r="PFK723" s="613"/>
      <c r="PFL723" s="613"/>
      <c r="PFM723" s="613"/>
      <c r="PFN723" s="613"/>
      <c r="PFO723" s="613"/>
      <c r="PFP723" s="613"/>
      <c r="PFQ723" s="613"/>
      <c r="PFR723" s="613"/>
      <c r="PFS723" s="613"/>
      <c r="PFT723" s="613"/>
      <c r="PFU723" s="613"/>
      <c r="PFV723" s="613"/>
      <c r="PFW723" s="613"/>
      <c r="PFX723" s="613"/>
      <c r="PFY723" s="613"/>
      <c r="PFZ723" s="613"/>
      <c r="PGA723" s="613"/>
      <c r="PGB723" s="613"/>
      <c r="PGC723" s="613"/>
      <c r="PGD723" s="613"/>
      <c r="PGE723" s="613"/>
      <c r="PGF723" s="613"/>
      <c r="PGG723" s="613"/>
      <c r="PGH723" s="613"/>
      <c r="PGI723" s="613"/>
      <c r="PGJ723" s="613"/>
      <c r="PGK723" s="613"/>
      <c r="PGL723" s="613"/>
      <c r="PGM723" s="613"/>
      <c r="PGN723" s="613"/>
      <c r="PGO723" s="613"/>
      <c r="PGP723" s="613"/>
      <c r="PGQ723" s="613"/>
      <c r="PGR723" s="613"/>
      <c r="PGS723" s="613"/>
      <c r="PGT723" s="613"/>
      <c r="PGU723" s="613"/>
      <c r="PGV723" s="613"/>
      <c r="PGW723" s="613"/>
      <c r="PGX723" s="613"/>
      <c r="PGY723" s="613"/>
      <c r="PGZ723" s="613"/>
      <c r="PHA723" s="613"/>
      <c r="PHB723" s="613"/>
      <c r="PHC723" s="613"/>
      <c r="PHD723" s="613"/>
      <c r="PHE723" s="613"/>
      <c r="PHF723" s="613"/>
      <c r="PHG723" s="613"/>
      <c r="PHH723" s="613"/>
      <c r="PHI723" s="613"/>
      <c r="PHJ723" s="613"/>
      <c r="PHK723" s="613"/>
      <c r="PHL723" s="613"/>
      <c r="PHM723" s="613"/>
      <c r="PHN723" s="613"/>
      <c r="PHO723" s="613"/>
      <c r="PHP723" s="613"/>
      <c r="PHQ723" s="613"/>
      <c r="PHR723" s="613"/>
      <c r="PHS723" s="613"/>
      <c r="PHT723" s="613"/>
      <c r="PHU723" s="613"/>
      <c r="PHV723" s="613"/>
      <c r="PHW723" s="613"/>
      <c r="PHX723" s="613"/>
      <c r="PHY723" s="613"/>
      <c r="PHZ723" s="613"/>
      <c r="PIA723" s="613"/>
      <c r="PIB723" s="613"/>
      <c r="PIC723" s="613"/>
      <c r="PID723" s="613"/>
      <c r="PIE723" s="613"/>
      <c r="PIF723" s="613"/>
      <c r="PIG723" s="613"/>
      <c r="PIH723" s="613"/>
      <c r="PII723" s="613"/>
      <c r="PIJ723" s="613"/>
      <c r="PIK723" s="613"/>
      <c r="PIL723" s="613"/>
      <c r="PIM723" s="613"/>
      <c r="PIN723" s="613"/>
      <c r="PIO723" s="613"/>
      <c r="PIP723" s="613"/>
      <c r="PIQ723" s="613"/>
      <c r="PIR723" s="613"/>
      <c r="PIS723" s="613"/>
      <c r="PIT723" s="613"/>
      <c r="PIU723" s="613"/>
      <c r="PIV723" s="613"/>
      <c r="PIW723" s="613"/>
      <c r="PIX723" s="613"/>
      <c r="PIY723" s="613"/>
      <c r="PIZ723" s="613"/>
      <c r="PJA723" s="613"/>
      <c r="PJB723" s="613"/>
      <c r="PJC723" s="613"/>
      <c r="PJD723" s="613"/>
      <c r="PJE723" s="613"/>
      <c r="PJF723" s="613"/>
      <c r="PJG723" s="613"/>
      <c r="PJH723" s="613"/>
      <c r="PJI723" s="613"/>
      <c r="PJJ723" s="613"/>
      <c r="PJK723" s="613"/>
      <c r="PJL723" s="613"/>
      <c r="PJM723" s="613"/>
      <c r="PJN723" s="613"/>
      <c r="PJO723" s="613"/>
      <c r="PJP723" s="613"/>
      <c r="PJQ723" s="613"/>
      <c r="PJR723" s="613"/>
      <c r="PJS723" s="613"/>
      <c r="PJT723" s="613"/>
      <c r="PJU723" s="613"/>
      <c r="PJV723" s="613"/>
      <c r="PJW723" s="613"/>
      <c r="PJX723" s="613"/>
      <c r="PJY723" s="613"/>
      <c r="PJZ723" s="613"/>
      <c r="PKA723" s="613"/>
      <c r="PKB723" s="613"/>
      <c r="PKC723" s="613"/>
      <c r="PKD723" s="613"/>
      <c r="PKE723" s="613"/>
      <c r="PKF723" s="613"/>
      <c r="PKG723" s="613"/>
      <c r="PKH723" s="613"/>
      <c r="PKI723" s="613"/>
      <c r="PKJ723" s="613"/>
      <c r="PKK723" s="613"/>
      <c r="PKL723" s="613"/>
      <c r="PKM723" s="613"/>
      <c r="PKN723" s="613"/>
      <c r="PKO723" s="613"/>
      <c r="PKP723" s="613"/>
      <c r="PKQ723" s="613"/>
      <c r="PKR723" s="613"/>
      <c r="PKS723" s="613"/>
      <c r="PKT723" s="613"/>
      <c r="PKU723" s="613"/>
      <c r="PKV723" s="613"/>
      <c r="PKW723" s="613"/>
      <c r="PKX723" s="613"/>
      <c r="PKY723" s="613"/>
      <c r="PKZ723" s="613"/>
      <c r="PLA723" s="613"/>
      <c r="PLB723" s="613"/>
      <c r="PLC723" s="613"/>
      <c r="PLD723" s="613"/>
      <c r="PLE723" s="613"/>
      <c r="PLF723" s="613"/>
      <c r="PLG723" s="613"/>
      <c r="PLH723" s="613"/>
      <c r="PLI723" s="613"/>
      <c r="PLJ723" s="613"/>
      <c r="PLK723" s="613"/>
      <c r="PLL723" s="613"/>
      <c r="PLM723" s="613"/>
      <c r="PLN723" s="613"/>
      <c r="PLO723" s="613"/>
      <c r="PLP723" s="613"/>
      <c r="PLQ723" s="613"/>
      <c r="PLR723" s="613"/>
      <c r="PLS723" s="613"/>
      <c r="PLT723" s="613"/>
      <c r="PLU723" s="613"/>
      <c r="PLV723" s="613"/>
      <c r="PLW723" s="613"/>
      <c r="PLX723" s="613"/>
      <c r="PLY723" s="613"/>
      <c r="PLZ723" s="613"/>
      <c r="PMA723" s="613"/>
      <c r="PMB723" s="613"/>
      <c r="PMC723" s="613"/>
      <c r="PMD723" s="613"/>
      <c r="PME723" s="613"/>
      <c r="PMF723" s="613"/>
      <c r="PMG723" s="613"/>
      <c r="PMH723" s="613"/>
      <c r="PMI723" s="613"/>
      <c r="PMJ723" s="613"/>
      <c r="PMK723" s="613"/>
      <c r="PML723" s="613"/>
      <c r="PMM723" s="613"/>
      <c r="PMN723" s="613"/>
      <c r="PMO723" s="613"/>
      <c r="PMP723" s="613"/>
      <c r="PMQ723" s="613"/>
      <c r="PMR723" s="613"/>
      <c r="PMS723" s="613"/>
      <c r="PMT723" s="613"/>
      <c r="PMU723" s="613"/>
      <c r="PMV723" s="613"/>
      <c r="PMW723" s="613"/>
      <c r="PMX723" s="613"/>
      <c r="PMY723" s="613"/>
      <c r="PMZ723" s="613"/>
      <c r="PNA723" s="613"/>
      <c r="PNB723" s="613"/>
      <c r="PNC723" s="613"/>
      <c r="PND723" s="613"/>
      <c r="PNE723" s="613"/>
      <c r="PNF723" s="613"/>
      <c r="PNG723" s="613"/>
      <c r="PNH723" s="613"/>
      <c r="PNI723" s="613"/>
      <c r="PNJ723" s="613"/>
      <c r="PNK723" s="613"/>
      <c r="PNL723" s="613"/>
      <c r="PNM723" s="613"/>
      <c r="PNN723" s="613"/>
      <c r="PNO723" s="613"/>
      <c r="PNP723" s="613"/>
      <c r="PNQ723" s="613"/>
      <c r="PNR723" s="613"/>
      <c r="PNS723" s="613"/>
      <c r="PNT723" s="613"/>
      <c r="PNU723" s="613"/>
      <c r="PNV723" s="613"/>
      <c r="PNW723" s="613"/>
      <c r="PNX723" s="613"/>
      <c r="PNY723" s="613"/>
      <c r="PNZ723" s="613"/>
      <c r="POA723" s="613"/>
      <c r="POB723" s="613"/>
      <c r="POC723" s="613"/>
      <c r="POD723" s="613"/>
      <c r="POE723" s="613"/>
      <c r="POF723" s="613"/>
      <c r="POG723" s="613"/>
      <c r="POH723" s="613"/>
      <c r="POI723" s="613"/>
      <c r="POJ723" s="613"/>
      <c r="POK723" s="613"/>
      <c r="POL723" s="613"/>
      <c r="POM723" s="613"/>
      <c r="PON723" s="613"/>
      <c r="POO723" s="613"/>
      <c r="POP723" s="613"/>
      <c r="POQ723" s="613"/>
      <c r="POR723" s="613"/>
      <c r="POS723" s="613"/>
      <c r="POT723" s="613"/>
      <c r="POU723" s="613"/>
      <c r="POV723" s="613"/>
      <c r="POW723" s="613"/>
      <c r="POX723" s="613"/>
      <c r="POY723" s="613"/>
      <c r="POZ723" s="613"/>
      <c r="PPA723" s="613"/>
      <c r="PPB723" s="613"/>
      <c r="PPC723" s="613"/>
      <c r="PPD723" s="613"/>
      <c r="PPE723" s="613"/>
      <c r="PPF723" s="613"/>
      <c r="PPG723" s="613"/>
      <c r="PPH723" s="613"/>
      <c r="PPI723" s="613"/>
      <c r="PPJ723" s="613"/>
      <c r="PPK723" s="613"/>
      <c r="PPL723" s="613"/>
      <c r="PPM723" s="613"/>
      <c r="PPN723" s="613"/>
      <c r="PPO723" s="613"/>
      <c r="PPP723" s="613"/>
      <c r="PPQ723" s="613"/>
      <c r="PPR723" s="613"/>
      <c r="PPS723" s="613"/>
      <c r="PPT723" s="613"/>
      <c r="PPU723" s="613"/>
      <c r="PPV723" s="613"/>
      <c r="PPW723" s="613"/>
      <c r="PPX723" s="613"/>
      <c r="PPY723" s="613"/>
      <c r="PPZ723" s="613"/>
      <c r="PQA723" s="613"/>
      <c r="PQB723" s="613"/>
      <c r="PQC723" s="613"/>
      <c r="PQD723" s="613"/>
      <c r="PQE723" s="613"/>
      <c r="PQF723" s="613"/>
      <c r="PQG723" s="613"/>
      <c r="PQH723" s="613"/>
      <c r="PQI723" s="613"/>
      <c r="PQJ723" s="613"/>
      <c r="PQK723" s="613"/>
      <c r="PQL723" s="613"/>
      <c r="PQM723" s="613"/>
      <c r="PQN723" s="613"/>
      <c r="PQO723" s="613"/>
      <c r="PQP723" s="613"/>
      <c r="PQQ723" s="613"/>
      <c r="PQR723" s="613"/>
      <c r="PQS723" s="613"/>
      <c r="PQT723" s="613"/>
      <c r="PQU723" s="613"/>
      <c r="PQV723" s="613"/>
      <c r="PQW723" s="613"/>
      <c r="PQX723" s="613"/>
      <c r="PQY723" s="613"/>
      <c r="PQZ723" s="613"/>
      <c r="PRA723" s="613"/>
      <c r="PRB723" s="613"/>
      <c r="PRC723" s="613"/>
      <c r="PRD723" s="613"/>
      <c r="PRE723" s="613"/>
      <c r="PRF723" s="613"/>
      <c r="PRG723" s="613"/>
      <c r="PRH723" s="613"/>
      <c r="PRI723" s="613"/>
      <c r="PRJ723" s="613"/>
      <c r="PRK723" s="613"/>
      <c r="PRL723" s="613"/>
      <c r="PRM723" s="613"/>
      <c r="PRN723" s="613"/>
      <c r="PRO723" s="613"/>
      <c r="PRP723" s="613"/>
      <c r="PRQ723" s="613"/>
      <c r="PRR723" s="613"/>
      <c r="PRS723" s="613"/>
      <c r="PRT723" s="613"/>
      <c r="PRU723" s="613"/>
      <c r="PRV723" s="613"/>
      <c r="PRW723" s="613"/>
      <c r="PRX723" s="613"/>
      <c r="PRY723" s="613"/>
      <c r="PRZ723" s="613"/>
      <c r="PSA723" s="613"/>
      <c r="PSB723" s="613"/>
      <c r="PSC723" s="613"/>
      <c r="PSD723" s="613"/>
      <c r="PSE723" s="613"/>
      <c r="PSF723" s="613"/>
      <c r="PSG723" s="613"/>
      <c r="PSH723" s="613"/>
      <c r="PSI723" s="613"/>
      <c r="PSJ723" s="613"/>
      <c r="PSK723" s="613"/>
      <c r="PSL723" s="613"/>
      <c r="PSM723" s="613"/>
      <c r="PSN723" s="613"/>
      <c r="PSO723" s="613"/>
      <c r="PSP723" s="613"/>
      <c r="PSQ723" s="613"/>
      <c r="PSR723" s="613"/>
      <c r="PSS723" s="613"/>
      <c r="PST723" s="613"/>
      <c r="PSU723" s="613"/>
      <c r="PSV723" s="613"/>
      <c r="PSW723" s="613"/>
      <c r="PSX723" s="613"/>
      <c r="PSY723" s="613"/>
      <c r="PSZ723" s="613"/>
      <c r="PTA723" s="613"/>
      <c r="PTB723" s="613"/>
      <c r="PTC723" s="613"/>
      <c r="PTD723" s="613"/>
      <c r="PTE723" s="613"/>
      <c r="PTF723" s="613"/>
      <c r="PTG723" s="613"/>
      <c r="PTH723" s="613"/>
      <c r="PTI723" s="613"/>
      <c r="PTJ723" s="613"/>
      <c r="PTK723" s="613"/>
      <c r="PTL723" s="613"/>
      <c r="PTM723" s="613"/>
      <c r="PTN723" s="613"/>
      <c r="PTO723" s="613"/>
      <c r="PTP723" s="613"/>
      <c r="PTQ723" s="613"/>
      <c r="PTR723" s="613"/>
      <c r="PTS723" s="613"/>
      <c r="PTT723" s="613"/>
      <c r="PTU723" s="613"/>
      <c r="PTV723" s="613"/>
      <c r="PTW723" s="613"/>
      <c r="PTX723" s="613"/>
      <c r="PTY723" s="613"/>
      <c r="PTZ723" s="613"/>
      <c r="PUA723" s="613"/>
      <c r="PUB723" s="613"/>
      <c r="PUC723" s="613"/>
      <c r="PUD723" s="613"/>
      <c r="PUE723" s="613"/>
      <c r="PUF723" s="613"/>
      <c r="PUG723" s="613"/>
      <c r="PUH723" s="613"/>
      <c r="PUI723" s="613"/>
      <c r="PUJ723" s="613"/>
      <c r="PUK723" s="613"/>
      <c r="PUL723" s="613"/>
      <c r="PUM723" s="613"/>
      <c r="PUN723" s="613"/>
      <c r="PUO723" s="613"/>
      <c r="PUP723" s="613"/>
      <c r="PUQ723" s="613"/>
      <c r="PUR723" s="613"/>
      <c r="PUS723" s="613"/>
      <c r="PUT723" s="613"/>
      <c r="PUU723" s="613"/>
      <c r="PUV723" s="613"/>
      <c r="PUW723" s="613"/>
      <c r="PUX723" s="613"/>
      <c r="PUY723" s="613"/>
      <c r="PUZ723" s="613"/>
      <c r="PVA723" s="613"/>
      <c r="PVB723" s="613"/>
      <c r="PVC723" s="613"/>
      <c r="PVD723" s="613"/>
      <c r="PVE723" s="613"/>
      <c r="PVF723" s="613"/>
      <c r="PVG723" s="613"/>
      <c r="PVH723" s="613"/>
      <c r="PVI723" s="613"/>
      <c r="PVJ723" s="613"/>
      <c r="PVK723" s="613"/>
      <c r="PVL723" s="613"/>
      <c r="PVM723" s="613"/>
      <c r="PVN723" s="613"/>
      <c r="PVO723" s="613"/>
      <c r="PVP723" s="613"/>
      <c r="PVQ723" s="613"/>
      <c r="PVR723" s="613"/>
      <c r="PVS723" s="613"/>
      <c r="PVT723" s="613"/>
      <c r="PVU723" s="613"/>
      <c r="PVV723" s="613"/>
      <c r="PVW723" s="613"/>
      <c r="PVX723" s="613"/>
      <c r="PVY723" s="613"/>
      <c r="PVZ723" s="613"/>
      <c r="PWA723" s="613"/>
      <c r="PWB723" s="613"/>
      <c r="PWC723" s="613"/>
      <c r="PWD723" s="613"/>
      <c r="PWE723" s="613"/>
      <c r="PWF723" s="613"/>
      <c r="PWG723" s="613"/>
      <c r="PWH723" s="613"/>
      <c r="PWI723" s="613"/>
      <c r="PWJ723" s="613"/>
      <c r="PWK723" s="613"/>
      <c r="PWL723" s="613"/>
      <c r="PWM723" s="613"/>
      <c r="PWN723" s="613"/>
      <c r="PWO723" s="613"/>
      <c r="PWP723" s="613"/>
      <c r="PWQ723" s="613"/>
      <c r="PWR723" s="613"/>
      <c r="PWS723" s="613"/>
      <c r="PWT723" s="613"/>
      <c r="PWU723" s="613"/>
      <c r="PWV723" s="613"/>
      <c r="PWW723" s="613"/>
      <c r="PWX723" s="613"/>
      <c r="PWY723" s="613"/>
      <c r="PWZ723" s="613"/>
      <c r="PXA723" s="613"/>
      <c r="PXB723" s="613"/>
      <c r="PXC723" s="613"/>
      <c r="PXD723" s="613"/>
      <c r="PXE723" s="613"/>
      <c r="PXF723" s="613"/>
      <c r="PXG723" s="613"/>
      <c r="PXH723" s="613"/>
      <c r="PXI723" s="613"/>
      <c r="PXJ723" s="613"/>
      <c r="PXK723" s="613"/>
      <c r="PXL723" s="613"/>
      <c r="PXM723" s="613"/>
      <c r="PXN723" s="613"/>
      <c r="PXO723" s="613"/>
      <c r="PXP723" s="613"/>
      <c r="PXQ723" s="613"/>
      <c r="PXR723" s="613"/>
      <c r="PXS723" s="613"/>
      <c r="PXT723" s="613"/>
      <c r="PXU723" s="613"/>
      <c r="PXV723" s="613"/>
      <c r="PXW723" s="613"/>
      <c r="PXX723" s="613"/>
      <c r="PXY723" s="613"/>
      <c r="PXZ723" s="613"/>
      <c r="PYA723" s="613"/>
      <c r="PYB723" s="613"/>
      <c r="PYC723" s="613"/>
      <c r="PYD723" s="613"/>
      <c r="PYE723" s="613"/>
      <c r="PYF723" s="613"/>
      <c r="PYG723" s="613"/>
      <c r="PYH723" s="613"/>
      <c r="PYI723" s="613"/>
      <c r="PYJ723" s="613"/>
      <c r="PYK723" s="613"/>
      <c r="PYL723" s="613"/>
      <c r="PYM723" s="613"/>
      <c r="PYN723" s="613"/>
      <c r="PYO723" s="613"/>
      <c r="PYP723" s="613"/>
      <c r="PYQ723" s="613"/>
      <c r="PYR723" s="613"/>
      <c r="PYS723" s="613"/>
      <c r="PYT723" s="613"/>
      <c r="PYU723" s="613"/>
      <c r="PYV723" s="613"/>
      <c r="PYW723" s="613"/>
      <c r="PYX723" s="613"/>
      <c r="PYY723" s="613"/>
      <c r="PYZ723" s="613"/>
      <c r="PZA723" s="613"/>
      <c r="PZB723" s="613"/>
      <c r="PZC723" s="613"/>
      <c r="PZD723" s="613"/>
      <c r="PZE723" s="613"/>
      <c r="PZF723" s="613"/>
      <c r="PZG723" s="613"/>
      <c r="PZH723" s="613"/>
      <c r="PZI723" s="613"/>
      <c r="PZJ723" s="613"/>
      <c r="PZK723" s="613"/>
      <c r="PZL723" s="613"/>
      <c r="PZM723" s="613"/>
      <c r="PZN723" s="613"/>
      <c r="PZO723" s="613"/>
      <c r="PZP723" s="613"/>
      <c r="PZQ723" s="613"/>
      <c r="PZR723" s="613"/>
      <c r="PZS723" s="613"/>
      <c r="PZT723" s="613"/>
      <c r="PZU723" s="613"/>
      <c r="PZV723" s="613"/>
      <c r="PZW723" s="613"/>
      <c r="PZX723" s="613"/>
      <c r="PZY723" s="613"/>
      <c r="PZZ723" s="613"/>
      <c r="QAA723" s="613"/>
      <c r="QAB723" s="613"/>
      <c r="QAC723" s="613"/>
      <c r="QAD723" s="613"/>
      <c r="QAE723" s="613"/>
      <c r="QAF723" s="613"/>
      <c r="QAG723" s="613"/>
      <c r="QAH723" s="613"/>
      <c r="QAI723" s="613"/>
      <c r="QAJ723" s="613"/>
      <c r="QAK723" s="613"/>
      <c r="QAL723" s="613"/>
      <c r="QAM723" s="613"/>
      <c r="QAN723" s="613"/>
      <c r="QAO723" s="613"/>
      <c r="QAP723" s="613"/>
      <c r="QAQ723" s="613"/>
      <c r="QAR723" s="613"/>
      <c r="QAS723" s="613"/>
      <c r="QAT723" s="613"/>
      <c r="QAU723" s="613"/>
      <c r="QAV723" s="613"/>
      <c r="QAW723" s="613"/>
      <c r="QAX723" s="613"/>
      <c r="QAY723" s="613"/>
      <c r="QAZ723" s="613"/>
      <c r="QBA723" s="613"/>
      <c r="QBB723" s="613"/>
      <c r="QBC723" s="613"/>
      <c r="QBD723" s="613"/>
      <c r="QBE723" s="613"/>
      <c r="QBF723" s="613"/>
      <c r="QBG723" s="613"/>
      <c r="QBH723" s="613"/>
      <c r="QBI723" s="613"/>
      <c r="QBJ723" s="613"/>
      <c r="QBK723" s="613"/>
      <c r="QBL723" s="613"/>
      <c r="QBM723" s="613"/>
      <c r="QBN723" s="613"/>
      <c r="QBO723" s="613"/>
      <c r="QBP723" s="613"/>
      <c r="QBQ723" s="613"/>
      <c r="QBR723" s="613"/>
      <c r="QBS723" s="613"/>
      <c r="QBT723" s="613"/>
      <c r="QBU723" s="613"/>
      <c r="QBV723" s="613"/>
      <c r="QBW723" s="613"/>
      <c r="QBX723" s="613"/>
      <c r="QBY723" s="613"/>
      <c r="QBZ723" s="613"/>
      <c r="QCA723" s="613"/>
      <c r="QCB723" s="613"/>
      <c r="QCC723" s="613"/>
      <c r="QCD723" s="613"/>
      <c r="QCE723" s="613"/>
      <c r="QCF723" s="613"/>
      <c r="QCG723" s="613"/>
      <c r="QCH723" s="613"/>
      <c r="QCI723" s="613"/>
      <c r="QCJ723" s="613"/>
      <c r="QCK723" s="613"/>
      <c r="QCL723" s="613"/>
      <c r="QCM723" s="613"/>
      <c r="QCN723" s="613"/>
      <c r="QCO723" s="613"/>
      <c r="QCP723" s="613"/>
      <c r="QCQ723" s="613"/>
      <c r="QCR723" s="613"/>
      <c r="QCS723" s="613"/>
      <c r="QCT723" s="613"/>
      <c r="QCU723" s="613"/>
      <c r="QCV723" s="613"/>
      <c r="QCW723" s="613"/>
      <c r="QCX723" s="613"/>
      <c r="QCY723" s="613"/>
      <c r="QCZ723" s="613"/>
      <c r="QDA723" s="613"/>
      <c r="QDB723" s="613"/>
      <c r="QDC723" s="613"/>
      <c r="QDD723" s="613"/>
      <c r="QDE723" s="613"/>
      <c r="QDF723" s="613"/>
      <c r="QDG723" s="613"/>
      <c r="QDH723" s="613"/>
      <c r="QDI723" s="613"/>
      <c r="QDJ723" s="613"/>
      <c r="QDK723" s="613"/>
      <c r="QDL723" s="613"/>
      <c r="QDM723" s="613"/>
      <c r="QDN723" s="613"/>
      <c r="QDO723" s="613"/>
      <c r="QDP723" s="613"/>
      <c r="QDQ723" s="613"/>
      <c r="QDR723" s="613"/>
      <c r="QDS723" s="613"/>
      <c r="QDT723" s="613"/>
      <c r="QDU723" s="613"/>
      <c r="QDV723" s="613"/>
      <c r="QDW723" s="613"/>
      <c r="QDX723" s="613"/>
      <c r="QDY723" s="613"/>
      <c r="QDZ723" s="613"/>
      <c r="QEA723" s="613"/>
      <c r="QEB723" s="613"/>
      <c r="QEC723" s="613"/>
      <c r="QED723" s="613"/>
      <c r="QEE723" s="613"/>
      <c r="QEF723" s="613"/>
      <c r="QEG723" s="613"/>
      <c r="QEH723" s="613"/>
      <c r="QEI723" s="613"/>
      <c r="QEJ723" s="613"/>
      <c r="QEK723" s="613"/>
      <c r="QEL723" s="613"/>
      <c r="QEM723" s="613"/>
      <c r="QEN723" s="613"/>
      <c r="QEO723" s="613"/>
      <c r="QEP723" s="613"/>
      <c r="QEQ723" s="613"/>
      <c r="QER723" s="613"/>
      <c r="QES723" s="613"/>
      <c r="QET723" s="613"/>
      <c r="QEU723" s="613"/>
      <c r="QEV723" s="613"/>
      <c r="QEW723" s="613"/>
      <c r="QEX723" s="613"/>
      <c r="QEY723" s="613"/>
      <c r="QEZ723" s="613"/>
      <c r="QFA723" s="613"/>
      <c r="QFB723" s="613"/>
      <c r="QFC723" s="613"/>
      <c r="QFD723" s="613"/>
      <c r="QFE723" s="613"/>
      <c r="QFF723" s="613"/>
      <c r="QFG723" s="613"/>
      <c r="QFH723" s="613"/>
      <c r="QFI723" s="613"/>
      <c r="QFJ723" s="613"/>
      <c r="QFK723" s="613"/>
      <c r="QFL723" s="613"/>
      <c r="QFM723" s="613"/>
      <c r="QFN723" s="613"/>
      <c r="QFO723" s="613"/>
      <c r="QFP723" s="613"/>
      <c r="QFQ723" s="613"/>
      <c r="QFR723" s="613"/>
      <c r="QFS723" s="613"/>
      <c r="QFT723" s="613"/>
      <c r="QFU723" s="613"/>
      <c r="QFV723" s="613"/>
      <c r="QFW723" s="613"/>
      <c r="QFX723" s="613"/>
      <c r="QFY723" s="613"/>
      <c r="QFZ723" s="613"/>
      <c r="QGA723" s="613"/>
      <c r="QGB723" s="613"/>
      <c r="QGC723" s="613"/>
      <c r="QGD723" s="613"/>
      <c r="QGE723" s="613"/>
      <c r="QGF723" s="613"/>
      <c r="QGG723" s="613"/>
      <c r="QGH723" s="613"/>
      <c r="QGI723" s="613"/>
      <c r="QGJ723" s="613"/>
      <c r="QGK723" s="613"/>
      <c r="QGL723" s="613"/>
      <c r="QGM723" s="613"/>
      <c r="QGN723" s="613"/>
      <c r="QGO723" s="613"/>
      <c r="QGP723" s="613"/>
      <c r="QGQ723" s="613"/>
      <c r="QGR723" s="613"/>
      <c r="QGS723" s="613"/>
      <c r="QGT723" s="613"/>
      <c r="QGU723" s="613"/>
      <c r="QGV723" s="613"/>
      <c r="QGW723" s="613"/>
      <c r="QGX723" s="613"/>
      <c r="QGY723" s="613"/>
      <c r="QGZ723" s="613"/>
      <c r="QHA723" s="613"/>
      <c r="QHB723" s="613"/>
      <c r="QHC723" s="613"/>
      <c r="QHD723" s="613"/>
      <c r="QHE723" s="613"/>
      <c r="QHF723" s="613"/>
      <c r="QHG723" s="613"/>
      <c r="QHH723" s="613"/>
      <c r="QHI723" s="613"/>
      <c r="QHJ723" s="613"/>
      <c r="QHK723" s="613"/>
      <c r="QHL723" s="613"/>
      <c r="QHM723" s="613"/>
      <c r="QHN723" s="613"/>
      <c r="QHO723" s="613"/>
      <c r="QHP723" s="613"/>
      <c r="QHQ723" s="613"/>
      <c r="QHR723" s="613"/>
      <c r="QHS723" s="613"/>
      <c r="QHT723" s="613"/>
      <c r="QHU723" s="613"/>
      <c r="QHV723" s="613"/>
      <c r="QHW723" s="613"/>
      <c r="QHX723" s="613"/>
      <c r="QHY723" s="613"/>
      <c r="QHZ723" s="613"/>
      <c r="QIA723" s="613"/>
      <c r="QIB723" s="613"/>
      <c r="QIC723" s="613"/>
      <c r="QID723" s="613"/>
      <c r="QIE723" s="613"/>
      <c r="QIF723" s="613"/>
      <c r="QIG723" s="613"/>
      <c r="QIH723" s="613"/>
      <c r="QII723" s="613"/>
      <c r="QIJ723" s="613"/>
      <c r="QIK723" s="613"/>
      <c r="QIL723" s="613"/>
      <c r="QIM723" s="613"/>
      <c r="QIN723" s="613"/>
      <c r="QIO723" s="613"/>
      <c r="QIP723" s="613"/>
      <c r="QIQ723" s="613"/>
      <c r="QIR723" s="613"/>
      <c r="QIS723" s="613"/>
      <c r="QIT723" s="613"/>
      <c r="QIU723" s="613"/>
      <c r="QIV723" s="613"/>
      <c r="QIW723" s="613"/>
      <c r="QIX723" s="613"/>
      <c r="QIY723" s="613"/>
      <c r="QIZ723" s="613"/>
      <c r="QJA723" s="613"/>
      <c r="QJB723" s="613"/>
      <c r="QJC723" s="613"/>
      <c r="QJD723" s="613"/>
      <c r="QJE723" s="613"/>
      <c r="QJF723" s="613"/>
      <c r="QJG723" s="613"/>
      <c r="QJH723" s="613"/>
      <c r="QJI723" s="613"/>
      <c r="QJJ723" s="613"/>
      <c r="QJK723" s="613"/>
      <c r="QJL723" s="613"/>
      <c r="QJM723" s="613"/>
      <c r="QJN723" s="613"/>
      <c r="QJO723" s="613"/>
      <c r="QJP723" s="613"/>
      <c r="QJQ723" s="613"/>
      <c r="QJR723" s="613"/>
      <c r="QJS723" s="613"/>
      <c r="QJT723" s="613"/>
      <c r="QJU723" s="613"/>
      <c r="QJV723" s="613"/>
      <c r="QJW723" s="613"/>
      <c r="QJX723" s="613"/>
      <c r="QJY723" s="613"/>
      <c r="QJZ723" s="613"/>
      <c r="QKA723" s="613"/>
      <c r="QKB723" s="613"/>
      <c r="QKC723" s="613"/>
      <c r="QKD723" s="613"/>
      <c r="QKE723" s="613"/>
      <c r="QKF723" s="613"/>
      <c r="QKG723" s="613"/>
      <c r="QKH723" s="613"/>
      <c r="QKI723" s="613"/>
      <c r="QKJ723" s="613"/>
      <c r="QKK723" s="613"/>
      <c r="QKL723" s="613"/>
      <c r="QKM723" s="613"/>
      <c r="QKN723" s="613"/>
      <c r="QKO723" s="613"/>
      <c r="QKP723" s="613"/>
      <c r="QKQ723" s="613"/>
      <c r="QKR723" s="613"/>
      <c r="QKS723" s="613"/>
      <c r="QKT723" s="613"/>
      <c r="QKU723" s="613"/>
      <c r="QKV723" s="613"/>
      <c r="QKW723" s="613"/>
      <c r="QKX723" s="613"/>
      <c r="QKY723" s="613"/>
      <c r="QKZ723" s="613"/>
      <c r="QLA723" s="613"/>
      <c r="QLB723" s="613"/>
      <c r="QLC723" s="613"/>
      <c r="QLD723" s="613"/>
      <c r="QLE723" s="613"/>
      <c r="QLF723" s="613"/>
      <c r="QLG723" s="613"/>
      <c r="QLH723" s="613"/>
      <c r="QLI723" s="613"/>
      <c r="QLJ723" s="613"/>
      <c r="QLK723" s="613"/>
      <c r="QLL723" s="613"/>
      <c r="QLM723" s="613"/>
      <c r="QLN723" s="613"/>
      <c r="QLO723" s="613"/>
      <c r="QLP723" s="613"/>
      <c r="QLQ723" s="613"/>
      <c r="QLR723" s="613"/>
      <c r="QLS723" s="613"/>
      <c r="QLT723" s="613"/>
      <c r="QLU723" s="613"/>
      <c r="QLV723" s="613"/>
      <c r="QLW723" s="613"/>
      <c r="QLX723" s="613"/>
      <c r="QLY723" s="613"/>
      <c r="QLZ723" s="613"/>
      <c r="QMA723" s="613"/>
      <c r="QMB723" s="613"/>
      <c r="QMC723" s="613"/>
      <c r="QMD723" s="613"/>
      <c r="QME723" s="613"/>
      <c r="QMF723" s="613"/>
      <c r="QMG723" s="613"/>
      <c r="QMH723" s="613"/>
      <c r="QMI723" s="613"/>
      <c r="QMJ723" s="613"/>
      <c r="QMK723" s="613"/>
      <c r="QML723" s="613"/>
      <c r="QMM723" s="613"/>
      <c r="QMN723" s="613"/>
      <c r="QMO723" s="613"/>
      <c r="QMP723" s="613"/>
      <c r="QMQ723" s="613"/>
      <c r="QMR723" s="613"/>
      <c r="QMS723" s="613"/>
      <c r="QMT723" s="613"/>
      <c r="QMU723" s="613"/>
      <c r="QMV723" s="613"/>
      <c r="QMW723" s="613"/>
      <c r="QMX723" s="613"/>
      <c r="QMY723" s="613"/>
      <c r="QMZ723" s="613"/>
      <c r="QNA723" s="613"/>
      <c r="QNB723" s="613"/>
      <c r="QNC723" s="613"/>
      <c r="QND723" s="613"/>
      <c r="QNE723" s="613"/>
      <c r="QNF723" s="613"/>
      <c r="QNG723" s="613"/>
      <c r="QNH723" s="613"/>
      <c r="QNI723" s="613"/>
      <c r="QNJ723" s="613"/>
      <c r="QNK723" s="613"/>
      <c r="QNL723" s="613"/>
      <c r="QNM723" s="613"/>
      <c r="QNN723" s="613"/>
      <c r="QNO723" s="613"/>
      <c r="QNP723" s="613"/>
      <c r="QNQ723" s="613"/>
      <c r="QNR723" s="613"/>
      <c r="QNS723" s="613"/>
      <c r="QNT723" s="613"/>
      <c r="QNU723" s="613"/>
      <c r="QNV723" s="613"/>
      <c r="QNW723" s="613"/>
      <c r="QNX723" s="613"/>
      <c r="QNY723" s="613"/>
      <c r="QNZ723" s="613"/>
      <c r="QOA723" s="613"/>
      <c r="QOB723" s="613"/>
      <c r="QOC723" s="613"/>
      <c r="QOD723" s="613"/>
      <c r="QOE723" s="613"/>
      <c r="QOF723" s="613"/>
      <c r="QOG723" s="613"/>
      <c r="QOH723" s="613"/>
      <c r="QOI723" s="613"/>
      <c r="QOJ723" s="613"/>
      <c r="QOK723" s="613"/>
      <c r="QOL723" s="613"/>
      <c r="QOM723" s="613"/>
      <c r="QON723" s="613"/>
      <c r="QOO723" s="613"/>
      <c r="QOP723" s="613"/>
      <c r="QOQ723" s="613"/>
      <c r="QOR723" s="613"/>
      <c r="QOS723" s="613"/>
      <c r="QOT723" s="613"/>
      <c r="QOU723" s="613"/>
      <c r="QOV723" s="613"/>
      <c r="QOW723" s="613"/>
      <c r="QOX723" s="613"/>
      <c r="QOY723" s="613"/>
      <c r="QOZ723" s="613"/>
      <c r="QPA723" s="613"/>
      <c r="QPB723" s="613"/>
      <c r="QPC723" s="613"/>
      <c r="QPD723" s="613"/>
      <c r="QPE723" s="613"/>
      <c r="QPF723" s="613"/>
      <c r="QPG723" s="613"/>
      <c r="QPH723" s="613"/>
      <c r="QPI723" s="613"/>
      <c r="QPJ723" s="613"/>
      <c r="QPK723" s="613"/>
      <c r="QPL723" s="613"/>
      <c r="QPM723" s="613"/>
      <c r="QPN723" s="613"/>
      <c r="QPO723" s="613"/>
      <c r="QPP723" s="613"/>
      <c r="QPQ723" s="613"/>
      <c r="QPR723" s="613"/>
      <c r="QPS723" s="613"/>
      <c r="QPT723" s="613"/>
      <c r="QPU723" s="613"/>
      <c r="QPV723" s="613"/>
      <c r="QPW723" s="613"/>
      <c r="QPX723" s="613"/>
      <c r="QPY723" s="613"/>
      <c r="QPZ723" s="613"/>
      <c r="QQA723" s="613"/>
      <c r="QQB723" s="613"/>
      <c r="QQC723" s="613"/>
      <c r="QQD723" s="613"/>
      <c r="QQE723" s="613"/>
      <c r="QQF723" s="613"/>
      <c r="QQG723" s="613"/>
      <c r="QQH723" s="613"/>
      <c r="QQI723" s="613"/>
      <c r="QQJ723" s="613"/>
      <c r="QQK723" s="613"/>
      <c r="QQL723" s="613"/>
      <c r="QQM723" s="613"/>
      <c r="QQN723" s="613"/>
      <c r="QQO723" s="613"/>
      <c r="QQP723" s="613"/>
      <c r="QQQ723" s="613"/>
      <c r="QQR723" s="613"/>
      <c r="QQS723" s="613"/>
      <c r="QQT723" s="613"/>
      <c r="QQU723" s="613"/>
      <c r="QQV723" s="613"/>
      <c r="QQW723" s="613"/>
      <c r="QQX723" s="613"/>
      <c r="QQY723" s="613"/>
      <c r="QQZ723" s="613"/>
      <c r="QRA723" s="613"/>
      <c r="QRB723" s="613"/>
      <c r="QRC723" s="613"/>
      <c r="QRD723" s="613"/>
      <c r="QRE723" s="613"/>
      <c r="QRF723" s="613"/>
      <c r="QRG723" s="613"/>
      <c r="QRH723" s="613"/>
      <c r="QRI723" s="613"/>
      <c r="QRJ723" s="613"/>
      <c r="QRK723" s="613"/>
      <c r="QRL723" s="613"/>
      <c r="QRM723" s="613"/>
      <c r="QRN723" s="613"/>
      <c r="QRO723" s="613"/>
      <c r="QRP723" s="613"/>
      <c r="QRQ723" s="613"/>
      <c r="QRR723" s="613"/>
      <c r="QRS723" s="613"/>
      <c r="QRT723" s="613"/>
      <c r="QRU723" s="613"/>
      <c r="QRV723" s="613"/>
      <c r="QRW723" s="613"/>
      <c r="QRX723" s="613"/>
      <c r="QRY723" s="613"/>
      <c r="QRZ723" s="613"/>
      <c r="QSA723" s="613"/>
      <c r="QSB723" s="613"/>
      <c r="QSC723" s="613"/>
      <c r="QSD723" s="613"/>
      <c r="QSE723" s="613"/>
      <c r="QSF723" s="613"/>
      <c r="QSG723" s="613"/>
      <c r="QSH723" s="613"/>
      <c r="QSI723" s="613"/>
      <c r="QSJ723" s="613"/>
      <c r="QSK723" s="613"/>
      <c r="QSL723" s="613"/>
      <c r="QSM723" s="613"/>
      <c r="QSN723" s="613"/>
      <c r="QSO723" s="613"/>
      <c r="QSP723" s="613"/>
      <c r="QSQ723" s="613"/>
      <c r="QSR723" s="613"/>
      <c r="QSS723" s="613"/>
      <c r="QST723" s="613"/>
      <c r="QSU723" s="613"/>
      <c r="QSV723" s="613"/>
      <c r="QSW723" s="613"/>
      <c r="QSX723" s="613"/>
      <c r="QSY723" s="613"/>
      <c r="QSZ723" s="613"/>
      <c r="QTA723" s="613"/>
      <c r="QTB723" s="613"/>
      <c r="QTC723" s="613"/>
      <c r="QTD723" s="613"/>
      <c r="QTE723" s="613"/>
      <c r="QTF723" s="613"/>
      <c r="QTG723" s="613"/>
      <c r="QTH723" s="613"/>
      <c r="QTI723" s="613"/>
      <c r="QTJ723" s="613"/>
      <c r="QTK723" s="613"/>
      <c r="QTL723" s="613"/>
      <c r="QTM723" s="613"/>
      <c r="QTN723" s="613"/>
      <c r="QTO723" s="613"/>
      <c r="QTP723" s="613"/>
      <c r="QTQ723" s="613"/>
      <c r="QTR723" s="613"/>
      <c r="QTS723" s="613"/>
      <c r="QTT723" s="613"/>
      <c r="QTU723" s="613"/>
      <c r="QTV723" s="613"/>
      <c r="QTW723" s="613"/>
      <c r="QTX723" s="613"/>
      <c r="QTY723" s="613"/>
      <c r="QTZ723" s="613"/>
      <c r="QUA723" s="613"/>
      <c r="QUB723" s="613"/>
      <c r="QUC723" s="613"/>
      <c r="QUD723" s="613"/>
      <c r="QUE723" s="613"/>
      <c r="QUF723" s="613"/>
      <c r="QUG723" s="613"/>
      <c r="QUH723" s="613"/>
      <c r="QUI723" s="613"/>
      <c r="QUJ723" s="613"/>
      <c r="QUK723" s="613"/>
      <c r="QUL723" s="613"/>
      <c r="QUM723" s="613"/>
      <c r="QUN723" s="613"/>
      <c r="QUO723" s="613"/>
      <c r="QUP723" s="613"/>
      <c r="QUQ723" s="613"/>
      <c r="QUR723" s="613"/>
      <c r="QUS723" s="613"/>
      <c r="QUT723" s="613"/>
      <c r="QUU723" s="613"/>
      <c r="QUV723" s="613"/>
      <c r="QUW723" s="613"/>
      <c r="QUX723" s="613"/>
      <c r="QUY723" s="613"/>
      <c r="QUZ723" s="613"/>
      <c r="QVA723" s="613"/>
      <c r="QVB723" s="613"/>
      <c r="QVC723" s="613"/>
      <c r="QVD723" s="613"/>
      <c r="QVE723" s="613"/>
      <c r="QVF723" s="613"/>
      <c r="QVG723" s="613"/>
      <c r="QVH723" s="613"/>
      <c r="QVI723" s="613"/>
      <c r="QVJ723" s="613"/>
      <c r="QVK723" s="613"/>
      <c r="QVL723" s="613"/>
      <c r="QVM723" s="613"/>
      <c r="QVN723" s="613"/>
      <c r="QVO723" s="613"/>
      <c r="QVP723" s="613"/>
      <c r="QVQ723" s="613"/>
      <c r="QVR723" s="613"/>
      <c r="QVS723" s="613"/>
      <c r="QVT723" s="613"/>
      <c r="QVU723" s="613"/>
      <c r="QVV723" s="613"/>
      <c r="QVW723" s="613"/>
      <c r="QVX723" s="613"/>
      <c r="QVY723" s="613"/>
      <c r="QVZ723" s="613"/>
      <c r="QWA723" s="613"/>
      <c r="QWB723" s="613"/>
      <c r="QWC723" s="613"/>
      <c r="QWD723" s="613"/>
      <c r="QWE723" s="613"/>
      <c r="QWF723" s="613"/>
      <c r="QWG723" s="613"/>
      <c r="QWH723" s="613"/>
      <c r="QWI723" s="613"/>
      <c r="QWJ723" s="613"/>
      <c r="QWK723" s="613"/>
      <c r="QWL723" s="613"/>
      <c r="QWM723" s="613"/>
      <c r="QWN723" s="613"/>
      <c r="QWO723" s="613"/>
      <c r="QWP723" s="613"/>
      <c r="QWQ723" s="613"/>
      <c r="QWR723" s="613"/>
      <c r="QWS723" s="613"/>
      <c r="QWT723" s="613"/>
      <c r="QWU723" s="613"/>
      <c r="QWV723" s="613"/>
      <c r="QWW723" s="613"/>
      <c r="QWX723" s="613"/>
      <c r="QWY723" s="613"/>
      <c r="QWZ723" s="613"/>
      <c r="QXA723" s="613"/>
      <c r="QXB723" s="613"/>
      <c r="QXC723" s="613"/>
      <c r="QXD723" s="613"/>
      <c r="QXE723" s="613"/>
      <c r="QXF723" s="613"/>
      <c r="QXG723" s="613"/>
      <c r="QXH723" s="613"/>
      <c r="QXI723" s="613"/>
      <c r="QXJ723" s="613"/>
      <c r="QXK723" s="613"/>
      <c r="QXL723" s="613"/>
      <c r="QXM723" s="613"/>
      <c r="QXN723" s="613"/>
      <c r="QXO723" s="613"/>
      <c r="QXP723" s="613"/>
      <c r="QXQ723" s="613"/>
      <c r="QXR723" s="613"/>
      <c r="QXS723" s="613"/>
      <c r="QXT723" s="613"/>
      <c r="QXU723" s="613"/>
      <c r="QXV723" s="613"/>
      <c r="QXW723" s="613"/>
      <c r="QXX723" s="613"/>
      <c r="QXY723" s="613"/>
      <c r="QXZ723" s="613"/>
      <c r="QYA723" s="613"/>
      <c r="QYB723" s="613"/>
      <c r="QYC723" s="613"/>
      <c r="QYD723" s="613"/>
      <c r="QYE723" s="613"/>
      <c r="QYF723" s="613"/>
      <c r="QYG723" s="613"/>
      <c r="QYH723" s="613"/>
      <c r="QYI723" s="613"/>
      <c r="QYJ723" s="613"/>
      <c r="QYK723" s="613"/>
      <c r="QYL723" s="613"/>
      <c r="QYM723" s="613"/>
      <c r="QYN723" s="613"/>
      <c r="QYO723" s="613"/>
      <c r="QYP723" s="613"/>
      <c r="QYQ723" s="613"/>
      <c r="QYR723" s="613"/>
      <c r="QYS723" s="613"/>
      <c r="QYT723" s="613"/>
      <c r="QYU723" s="613"/>
      <c r="QYV723" s="613"/>
      <c r="QYW723" s="613"/>
      <c r="QYX723" s="613"/>
      <c r="QYY723" s="613"/>
      <c r="QYZ723" s="613"/>
      <c r="QZA723" s="613"/>
      <c r="QZB723" s="613"/>
      <c r="QZC723" s="613"/>
      <c r="QZD723" s="613"/>
      <c r="QZE723" s="613"/>
      <c r="QZF723" s="613"/>
      <c r="QZG723" s="613"/>
      <c r="QZH723" s="613"/>
      <c r="QZI723" s="613"/>
      <c r="QZJ723" s="613"/>
      <c r="QZK723" s="613"/>
      <c r="QZL723" s="613"/>
      <c r="QZM723" s="613"/>
      <c r="QZN723" s="613"/>
      <c r="QZO723" s="613"/>
      <c r="QZP723" s="613"/>
      <c r="QZQ723" s="613"/>
      <c r="QZR723" s="613"/>
      <c r="QZS723" s="613"/>
      <c r="QZT723" s="613"/>
      <c r="QZU723" s="613"/>
      <c r="QZV723" s="613"/>
      <c r="QZW723" s="613"/>
      <c r="QZX723" s="613"/>
      <c r="QZY723" s="613"/>
      <c r="QZZ723" s="613"/>
      <c r="RAA723" s="613"/>
      <c r="RAB723" s="613"/>
      <c r="RAC723" s="613"/>
      <c r="RAD723" s="613"/>
      <c r="RAE723" s="613"/>
      <c r="RAF723" s="613"/>
      <c r="RAG723" s="613"/>
      <c r="RAH723" s="613"/>
      <c r="RAI723" s="613"/>
      <c r="RAJ723" s="613"/>
      <c r="RAK723" s="613"/>
      <c r="RAL723" s="613"/>
      <c r="RAM723" s="613"/>
      <c r="RAN723" s="613"/>
      <c r="RAO723" s="613"/>
      <c r="RAP723" s="613"/>
      <c r="RAQ723" s="613"/>
      <c r="RAR723" s="613"/>
      <c r="RAS723" s="613"/>
      <c r="RAT723" s="613"/>
      <c r="RAU723" s="613"/>
      <c r="RAV723" s="613"/>
      <c r="RAW723" s="613"/>
      <c r="RAX723" s="613"/>
      <c r="RAY723" s="613"/>
      <c r="RAZ723" s="613"/>
      <c r="RBA723" s="613"/>
      <c r="RBB723" s="613"/>
      <c r="RBC723" s="613"/>
      <c r="RBD723" s="613"/>
      <c r="RBE723" s="613"/>
      <c r="RBF723" s="613"/>
      <c r="RBG723" s="613"/>
      <c r="RBH723" s="613"/>
      <c r="RBI723" s="613"/>
      <c r="RBJ723" s="613"/>
      <c r="RBK723" s="613"/>
      <c r="RBL723" s="613"/>
      <c r="RBM723" s="613"/>
      <c r="RBN723" s="613"/>
      <c r="RBO723" s="613"/>
      <c r="RBP723" s="613"/>
      <c r="RBQ723" s="613"/>
      <c r="RBR723" s="613"/>
      <c r="RBS723" s="613"/>
      <c r="RBT723" s="613"/>
      <c r="RBU723" s="613"/>
      <c r="RBV723" s="613"/>
      <c r="RBW723" s="613"/>
      <c r="RBX723" s="613"/>
      <c r="RBY723" s="613"/>
      <c r="RBZ723" s="613"/>
      <c r="RCA723" s="613"/>
      <c r="RCB723" s="613"/>
      <c r="RCC723" s="613"/>
      <c r="RCD723" s="613"/>
      <c r="RCE723" s="613"/>
      <c r="RCF723" s="613"/>
      <c r="RCG723" s="613"/>
      <c r="RCH723" s="613"/>
      <c r="RCI723" s="613"/>
      <c r="RCJ723" s="613"/>
      <c r="RCK723" s="613"/>
      <c r="RCL723" s="613"/>
      <c r="RCM723" s="613"/>
      <c r="RCN723" s="613"/>
      <c r="RCO723" s="613"/>
      <c r="RCP723" s="613"/>
      <c r="RCQ723" s="613"/>
      <c r="RCR723" s="613"/>
      <c r="RCS723" s="613"/>
      <c r="RCT723" s="613"/>
      <c r="RCU723" s="613"/>
      <c r="RCV723" s="613"/>
      <c r="RCW723" s="613"/>
      <c r="RCX723" s="613"/>
      <c r="RCY723" s="613"/>
      <c r="RCZ723" s="613"/>
      <c r="RDA723" s="613"/>
      <c r="RDB723" s="613"/>
      <c r="RDC723" s="613"/>
      <c r="RDD723" s="613"/>
      <c r="RDE723" s="613"/>
      <c r="RDF723" s="613"/>
      <c r="RDG723" s="613"/>
      <c r="RDH723" s="613"/>
      <c r="RDI723" s="613"/>
      <c r="RDJ723" s="613"/>
      <c r="RDK723" s="613"/>
      <c r="RDL723" s="613"/>
      <c r="RDM723" s="613"/>
      <c r="RDN723" s="613"/>
      <c r="RDO723" s="613"/>
      <c r="RDP723" s="613"/>
      <c r="RDQ723" s="613"/>
      <c r="RDR723" s="613"/>
      <c r="RDS723" s="613"/>
      <c r="RDT723" s="613"/>
      <c r="RDU723" s="613"/>
      <c r="RDV723" s="613"/>
      <c r="RDW723" s="613"/>
      <c r="RDX723" s="613"/>
      <c r="RDY723" s="613"/>
      <c r="RDZ723" s="613"/>
      <c r="REA723" s="613"/>
      <c r="REB723" s="613"/>
      <c r="REC723" s="613"/>
      <c r="RED723" s="613"/>
      <c r="REE723" s="613"/>
      <c r="REF723" s="613"/>
      <c r="REG723" s="613"/>
      <c r="REH723" s="613"/>
      <c r="REI723" s="613"/>
      <c r="REJ723" s="613"/>
      <c r="REK723" s="613"/>
      <c r="REL723" s="613"/>
      <c r="REM723" s="613"/>
      <c r="REN723" s="613"/>
      <c r="REO723" s="613"/>
      <c r="REP723" s="613"/>
      <c r="REQ723" s="613"/>
      <c r="RER723" s="613"/>
      <c r="RES723" s="613"/>
      <c r="RET723" s="613"/>
      <c r="REU723" s="613"/>
      <c r="REV723" s="613"/>
      <c r="REW723" s="613"/>
      <c r="REX723" s="613"/>
      <c r="REY723" s="613"/>
      <c r="REZ723" s="613"/>
      <c r="RFA723" s="613"/>
      <c r="RFB723" s="613"/>
      <c r="RFC723" s="613"/>
      <c r="RFD723" s="613"/>
      <c r="RFE723" s="613"/>
      <c r="RFF723" s="613"/>
      <c r="RFG723" s="613"/>
      <c r="RFH723" s="613"/>
      <c r="RFI723" s="613"/>
      <c r="RFJ723" s="613"/>
      <c r="RFK723" s="613"/>
      <c r="RFL723" s="613"/>
      <c r="RFM723" s="613"/>
      <c r="RFN723" s="613"/>
      <c r="RFO723" s="613"/>
      <c r="RFP723" s="613"/>
      <c r="RFQ723" s="613"/>
      <c r="RFR723" s="613"/>
      <c r="RFS723" s="613"/>
      <c r="RFT723" s="613"/>
      <c r="RFU723" s="613"/>
      <c r="RFV723" s="613"/>
      <c r="RFW723" s="613"/>
      <c r="RFX723" s="613"/>
      <c r="RFY723" s="613"/>
      <c r="RFZ723" s="613"/>
      <c r="RGA723" s="613"/>
      <c r="RGB723" s="613"/>
      <c r="RGC723" s="613"/>
      <c r="RGD723" s="613"/>
      <c r="RGE723" s="613"/>
      <c r="RGF723" s="613"/>
      <c r="RGG723" s="613"/>
      <c r="RGH723" s="613"/>
      <c r="RGI723" s="613"/>
      <c r="RGJ723" s="613"/>
      <c r="RGK723" s="613"/>
      <c r="RGL723" s="613"/>
      <c r="RGM723" s="613"/>
      <c r="RGN723" s="613"/>
      <c r="RGO723" s="613"/>
      <c r="RGP723" s="613"/>
      <c r="RGQ723" s="613"/>
      <c r="RGR723" s="613"/>
      <c r="RGS723" s="613"/>
      <c r="RGT723" s="613"/>
      <c r="RGU723" s="613"/>
      <c r="RGV723" s="613"/>
      <c r="RGW723" s="613"/>
      <c r="RGX723" s="613"/>
      <c r="RGY723" s="613"/>
      <c r="RGZ723" s="613"/>
      <c r="RHA723" s="613"/>
      <c r="RHB723" s="613"/>
      <c r="RHC723" s="613"/>
      <c r="RHD723" s="613"/>
      <c r="RHE723" s="613"/>
      <c r="RHF723" s="613"/>
      <c r="RHG723" s="613"/>
      <c r="RHH723" s="613"/>
      <c r="RHI723" s="613"/>
      <c r="RHJ723" s="613"/>
      <c r="RHK723" s="613"/>
      <c r="RHL723" s="613"/>
      <c r="RHM723" s="613"/>
      <c r="RHN723" s="613"/>
      <c r="RHO723" s="613"/>
      <c r="RHP723" s="613"/>
      <c r="RHQ723" s="613"/>
      <c r="RHR723" s="613"/>
      <c r="RHS723" s="613"/>
      <c r="RHT723" s="613"/>
      <c r="RHU723" s="613"/>
      <c r="RHV723" s="613"/>
      <c r="RHW723" s="613"/>
      <c r="RHX723" s="613"/>
      <c r="RHY723" s="613"/>
      <c r="RHZ723" s="613"/>
      <c r="RIA723" s="613"/>
      <c r="RIB723" s="613"/>
      <c r="RIC723" s="613"/>
      <c r="RID723" s="613"/>
      <c r="RIE723" s="613"/>
      <c r="RIF723" s="613"/>
      <c r="RIG723" s="613"/>
      <c r="RIH723" s="613"/>
      <c r="RII723" s="613"/>
      <c r="RIJ723" s="613"/>
      <c r="RIK723" s="613"/>
      <c r="RIL723" s="613"/>
      <c r="RIM723" s="613"/>
      <c r="RIN723" s="613"/>
      <c r="RIO723" s="613"/>
      <c r="RIP723" s="613"/>
      <c r="RIQ723" s="613"/>
      <c r="RIR723" s="613"/>
      <c r="RIS723" s="613"/>
      <c r="RIT723" s="613"/>
      <c r="RIU723" s="613"/>
      <c r="RIV723" s="613"/>
      <c r="RIW723" s="613"/>
      <c r="RIX723" s="613"/>
      <c r="RIY723" s="613"/>
      <c r="RIZ723" s="613"/>
      <c r="RJA723" s="613"/>
      <c r="RJB723" s="613"/>
      <c r="RJC723" s="613"/>
      <c r="RJD723" s="613"/>
      <c r="RJE723" s="613"/>
      <c r="RJF723" s="613"/>
      <c r="RJG723" s="613"/>
      <c r="RJH723" s="613"/>
      <c r="RJI723" s="613"/>
      <c r="RJJ723" s="613"/>
      <c r="RJK723" s="613"/>
      <c r="RJL723" s="613"/>
      <c r="RJM723" s="613"/>
      <c r="RJN723" s="613"/>
      <c r="RJO723" s="613"/>
      <c r="RJP723" s="613"/>
      <c r="RJQ723" s="613"/>
      <c r="RJR723" s="613"/>
      <c r="RJS723" s="613"/>
      <c r="RJT723" s="613"/>
      <c r="RJU723" s="613"/>
      <c r="RJV723" s="613"/>
      <c r="RJW723" s="613"/>
      <c r="RJX723" s="613"/>
      <c r="RJY723" s="613"/>
      <c r="RJZ723" s="613"/>
      <c r="RKA723" s="613"/>
      <c r="RKB723" s="613"/>
      <c r="RKC723" s="613"/>
      <c r="RKD723" s="613"/>
      <c r="RKE723" s="613"/>
      <c r="RKF723" s="613"/>
      <c r="RKG723" s="613"/>
      <c r="RKH723" s="613"/>
      <c r="RKI723" s="613"/>
      <c r="RKJ723" s="613"/>
      <c r="RKK723" s="613"/>
      <c r="RKL723" s="613"/>
      <c r="RKM723" s="613"/>
      <c r="RKN723" s="613"/>
      <c r="RKO723" s="613"/>
      <c r="RKP723" s="613"/>
      <c r="RKQ723" s="613"/>
      <c r="RKR723" s="613"/>
      <c r="RKS723" s="613"/>
      <c r="RKT723" s="613"/>
      <c r="RKU723" s="613"/>
      <c r="RKV723" s="613"/>
      <c r="RKW723" s="613"/>
      <c r="RKX723" s="613"/>
      <c r="RKY723" s="613"/>
      <c r="RKZ723" s="613"/>
      <c r="RLA723" s="613"/>
      <c r="RLB723" s="613"/>
      <c r="RLC723" s="613"/>
      <c r="RLD723" s="613"/>
      <c r="RLE723" s="613"/>
      <c r="RLF723" s="613"/>
      <c r="RLG723" s="613"/>
      <c r="RLH723" s="613"/>
      <c r="RLI723" s="613"/>
      <c r="RLJ723" s="613"/>
      <c r="RLK723" s="613"/>
      <c r="RLL723" s="613"/>
      <c r="RLM723" s="613"/>
      <c r="RLN723" s="613"/>
      <c r="RLO723" s="613"/>
      <c r="RLP723" s="613"/>
      <c r="RLQ723" s="613"/>
      <c r="RLR723" s="613"/>
      <c r="RLS723" s="613"/>
      <c r="RLT723" s="613"/>
      <c r="RLU723" s="613"/>
      <c r="RLV723" s="613"/>
      <c r="RLW723" s="613"/>
      <c r="RLX723" s="613"/>
      <c r="RLY723" s="613"/>
      <c r="RLZ723" s="613"/>
      <c r="RMA723" s="613"/>
      <c r="RMB723" s="613"/>
      <c r="RMC723" s="613"/>
      <c r="RMD723" s="613"/>
      <c r="RME723" s="613"/>
      <c r="RMF723" s="613"/>
      <c r="RMG723" s="613"/>
      <c r="RMH723" s="613"/>
      <c r="RMI723" s="613"/>
      <c r="RMJ723" s="613"/>
      <c r="RMK723" s="613"/>
      <c r="RML723" s="613"/>
      <c r="RMM723" s="613"/>
      <c r="RMN723" s="613"/>
      <c r="RMO723" s="613"/>
      <c r="RMP723" s="613"/>
      <c r="RMQ723" s="613"/>
      <c r="RMR723" s="613"/>
      <c r="RMS723" s="613"/>
      <c r="RMT723" s="613"/>
      <c r="RMU723" s="613"/>
      <c r="RMV723" s="613"/>
      <c r="RMW723" s="613"/>
      <c r="RMX723" s="613"/>
      <c r="RMY723" s="613"/>
      <c r="RMZ723" s="613"/>
      <c r="RNA723" s="613"/>
      <c r="RNB723" s="613"/>
      <c r="RNC723" s="613"/>
      <c r="RND723" s="613"/>
      <c r="RNE723" s="613"/>
      <c r="RNF723" s="613"/>
      <c r="RNG723" s="613"/>
      <c r="RNH723" s="613"/>
      <c r="RNI723" s="613"/>
      <c r="RNJ723" s="613"/>
      <c r="RNK723" s="613"/>
      <c r="RNL723" s="613"/>
      <c r="RNM723" s="613"/>
      <c r="RNN723" s="613"/>
      <c r="RNO723" s="613"/>
      <c r="RNP723" s="613"/>
      <c r="RNQ723" s="613"/>
      <c r="RNR723" s="613"/>
      <c r="RNS723" s="613"/>
      <c r="RNT723" s="613"/>
      <c r="RNU723" s="613"/>
      <c r="RNV723" s="613"/>
      <c r="RNW723" s="613"/>
      <c r="RNX723" s="613"/>
      <c r="RNY723" s="613"/>
      <c r="RNZ723" s="613"/>
      <c r="ROA723" s="613"/>
      <c r="ROB723" s="613"/>
      <c r="ROC723" s="613"/>
      <c r="ROD723" s="613"/>
      <c r="ROE723" s="613"/>
      <c r="ROF723" s="613"/>
      <c r="ROG723" s="613"/>
      <c r="ROH723" s="613"/>
      <c r="ROI723" s="613"/>
      <c r="ROJ723" s="613"/>
      <c r="ROK723" s="613"/>
      <c r="ROL723" s="613"/>
      <c r="ROM723" s="613"/>
      <c r="RON723" s="613"/>
      <c r="ROO723" s="613"/>
      <c r="ROP723" s="613"/>
      <c r="ROQ723" s="613"/>
      <c r="ROR723" s="613"/>
      <c r="ROS723" s="613"/>
      <c r="ROT723" s="613"/>
      <c r="ROU723" s="613"/>
      <c r="ROV723" s="613"/>
      <c r="ROW723" s="613"/>
      <c r="ROX723" s="613"/>
      <c r="ROY723" s="613"/>
      <c r="ROZ723" s="613"/>
      <c r="RPA723" s="613"/>
      <c r="RPB723" s="613"/>
      <c r="RPC723" s="613"/>
      <c r="RPD723" s="613"/>
      <c r="RPE723" s="613"/>
      <c r="RPF723" s="613"/>
      <c r="RPG723" s="613"/>
      <c r="RPH723" s="613"/>
      <c r="RPI723" s="613"/>
      <c r="RPJ723" s="613"/>
      <c r="RPK723" s="613"/>
      <c r="RPL723" s="613"/>
      <c r="RPM723" s="613"/>
      <c r="RPN723" s="613"/>
      <c r="RPO723" s="613"/>
      <c r="RPP723" s="613"/>
      <c r="RPQ723" s="613"/>
      <c r="RPR723" s="613"/>
      <c r="RPS723" s="613"/>
      <c r="RPT723" s="613"/>
      <c r="RPU723" s="613"/>
      <c r="RPV723" s="613"/>
      <c r="RPW723" s="613"/>
      <c r="RPX723" s="613"/>
      <c r="RPY723" s="613"/>
      <c r="RPZ723" s="613"/>
      <c r="RQA723" s="613"/>
      <c r="RQB723" s="613"/>
      <c r="RQC723" s="613"/>
      <c r="RQD723" s="613"/>
      <c r="RQE723" s="613"/>
      <c r="RQF723" s="613"/>
      <c r="RQG723" s="613"/>
      <c r="RQH723" s="613"/>
      <c r="RQI723" s="613"/>
      <c r="RQJ723" s="613"/>
      <c r="RQK723" s="613"/>
      <c r="RQL723" s="613"/>
      <c r="RQM723" s="613"/>
      <c r="RQN723" s="613"/>
      <c r="RQO723" s="613"/>
      <c r="RQP723" s="613"/>
      <c r="RQQ723" s="613"/>
      <c r="RQR723" s="613"/>
      <c r="RQS723" s="613"/>
      <c r="RQT723" s="613"/>
      <c r="RQU723" s="613"/>
      <c r="RQV723" s="613"/>
      <c r="RQW723" s="613"/>
      <c r="RQX723" s="613"/>
      <c r="RQY723" s="613"/>
      <c r="RQZ723" s="613"/>
      <c r="RRA723" s="613"/>
      <c r="RRB723" s="613"/>
      <c r="RRC723" s="613"/>
      <c r="RRD723" s="613"/>
      <c r="RRE723" s="613"/>
      <c r="RRF723" s="613"/>
      <c r="RRG723" s="613"/>
      <c r="RRH723" s="613"/>
      <c r="RRI723" s="613"/>
      <c r="RRJ723" s="613"/>
      <c r="RRK723" s="613"/>
      <c r="RRL723" s="613"/>
      <c r="RRM723" s="613"/>
      <c r="RRN723" s="613"/>
      <c r="RRO723" s="613"/>
      <c r="RRP723" s="613"/>
      <c r="RRQ723" s="613"/>
      <c r="RRR723" s="613"/>
      <c r="RRS723" s="613"/>
      <c r="RRT723" s="613"/>
      <c r="RRU723" s="613"/>
      <c r="RRV723" s="613"/>
      <c r="RRW723" s="613"/>
      <c r="RRX723" s="613"/>
      <c r="RRY723" s="613"/>
      <c r="RRZ723" s="613"/>
      <c r="RSA723" s="613"/>
      <c r="RSB723" s="613"/>
      <c r="RSC723" s="613"/>
      <c r="RSD723" s="613"/>
      <c r="RSE723" s="613"/>
      <c r="RSF723" s="613"/>
      <c r="RSG723" s="613"/>
      <c r="RSH723" s="613"/>
      <c r="RSI723" s="613"/>
      <c r="RSJ723" s="613"/>
      <c r="RSK723" s="613"/>
      <c r="RSL723" s="613"/>
      <c r="RSM723" s="613"/>
      <c r="RSN723" s="613"/>
      <c r="RSO723" s="613"/>
      <c r="RSP723" s="613"/>
      <c r="RSQ723" s="613"/>
      <c r="RSR723" s="613"/>
      <c r="RSS723" s="613"/>
      <c r="RST723" s="613"/>
      <c r="RSU723" s="613"/>
      <c r="RSV723" s="613"/>
      <c r="RSW723" s="613"/>
      <c r="RSX723" s="613"/>
      <c r="RSY723" s="613"/>
      <c r="RSZ723" s="613"/>
      <c r="RTA723" s="613"/>
      <c r="RTB723" s="613"/>
      <c r="RTC723" s="613"/>
      <c r="RTD723" s="613"/>
      <c r="RTE723" s="613"/>
      <c r="RTF723" s="613"/>
      <c r="RTG723" s="613"/>
      <c r="RTH723" s="613"/>
      <c r="RTI723" s="613"/>
      <c r="RTJ723" s="613"/>
      <c r="RTK723" s="613"/>
      <c r="RTL723" s="613"/>
      <c r="RTM723" s="613"/>
      <c r="RTN723" s="613"/>
      <c r="RTO723" s="613"/>
      <c r="RTP723" s="613"/>
      <c r="RTQ723" s="613"/>
      <c r="RTR723" s="613"/>
      <c r="RTS723" s="613"/>
      <c r="RTT723" s="613"/>
      <c r="RTU723" s="613"/>
      <c r="RTV723" s="613"/>
      <c r="RTW723" s="613"/>
      <c r="RTX723" s="613"/>
      <c r="RTY723" s="613"/>
      <c r="RTZ723" s="613"/>
      <c r="RUA723" s="613"/>
      <c r="RUB723" s="613"/>
      <c r="RUC723" s="613"/>
      <c r="RUD723" s="613"/>
      <c r="RUE723" s="613"/>
      <c r="RUF723" s="613"/>
      <c r="RUG723" s="613"/>
      <c r="RUH723" s="613"/>
      <c r="RUI723" s="613"/>
      <c r="RUJ723" s="613"/>
      <c r="RUK723" s="613"/>
      <c r="RUL723" s="613"/>
      <c r="RUM723" s="613"/>
      <c r="RUN723" s="613"/>
      <c r="RUO723" s="613"/>
      <c r="RUP723" s="613"/>
      <c r="RUQ723" s="613"/>
      <c r="RUR723" s="613"/>
      <c r="RUS723" s="613"/>
      <c r="RUT723" s="613"/>
      <c r="RUU723" s="613"/>
      <c r="RUV723" s="613"/>
      <c r="RUW723" s="613"/>
      <c r="RUX723" s="613"/>
      <c r="RUY723" s="613"/>
      <c r="RUZ723" s="613"/>
      <c r="RVA723" s="613"/>
      <c r="RVB723" s="613"/>
      <c r="RVC723" s="613"/>
      <c r="RVD723" s="613"/>
      <c r="RVE723" s="613"/>
      <c r="RVF723" s="613"/>
      <c r="RVG723" s="613"/>
      <c r="RVH723" s="613"/>
      <c r="RVI723" s="613"/>
      <c r="RVJ723" s="613"/>
      <c r="RVK723" s="613"/>
      <c r="RVL723" s="613"/>
      <c r="RVM723" s="613"/>
      <c r="RVN723" s="613"/>
      <c r="RVO723" s="613"/>
      <c r="RVP723" s="613"/>
      <c r="RVQ723" s="613"/>
      <c r="RVR723" s="613"/>
      <c r="RVS723" s="613"/>
      <c r="RVT723" s="613"/>
      <c r="RVU723" s="613"/>
      <c r="RVV723" s="613"/>
      <c r="RVW723" s="613"/>
      <c r="RVX723" s="613"/>
      <c r="RVY723" s="613"/>
      <c r="RVZ723" s="613"/>
      <c r="RWA723" s="613"/>
      <c r="RWB723" s="613"/>
      <c r="RWC723" s="613"/>
      <c r="RWD723" s="613"/>
      <c r="RWE723" s="613"/>
      <c r="RWF723" s="613"/>
      <c r="RWG723" s="613"/>
      <c r="RWH723" s="613"/>
      <c r="RWI723" s="613"/>
      <c r="RWJ723" s="613"/>
      <c r="RWK723" s="613"/>
      <c r="RWL723" s="613"/>
      <c r="RWM723" s="613"/>
      <c r="RWN723" s="613"/>
      <c r="RWO723" s="613"/>
      <c r="RWP723" s="613"/>
      <c r="RWQ723" s="613"/>
      <c r="RWR723" s="613"/>
      <c r="RWS723" s="613"/>
      <c r="RWT723" s="613"/>
      <c r="RWU723" s="613"/>
      <c r="RWV723" s="613"/>
      <c r="RWW723" s="613"/>
      <c r="RWX723" s="613"/>
      <c r="RWY723" s="613"/>
      <c r="RWZ723" s="613"/>
      <c r="RXA723" s="613"/>
      <c r="RXB723" s="613"/>
      <c r="RXC723" s="613"/>
      <c r="RXD723" s="613"/>
      <c r="RXE723" s="613"/>
      <c r="RXF723" s="613"/>
      <c r="RXG723" s="613"/>
      <c r="RXH723" s="613"/>
      <c r="RXI723" s="613"/>
      <c r="RXJ723" s="613"/>
      <c r="RXK723" s="613"/>
      <c r="RXL723" s="613"/>
      <c r="RXM723" s="613"/>
      <c r="RXN723" s="613"/>
      <c r="RXO723" s="613"/>
      <c r="RXP723" s="613"/>
      <c r="RXQ723" s="613"/>
      <c r="RXR723" s="613"/>
      <c r="RXS723" s="613"/>
      <c r="RXT723" s="613"/>
      <c r="RXU723" s="613"/>
      <c r="RXV723" s="613"/>
      <c r="RXW723" s="613"/>
      <c r="RXX723" s="613"/>
      <c r="RXY723" s="613"/>
      <c r="RXZ723" s="613"/>
      <c r="RYA723" s="613"/>
      <c r="RYB723" s="613"/>
      <c r="RYC723" s="613"/>
      <c r="RYD723" s="613"/>
      <c r="RYE723" s="613"/>
      <c r="RYF723" s="613"/>
      <c r="RYG723" s="613"/>
      <c r="RYH723" s="613"/>
      <c r="RYI723" s="613"/>
      <c r="RYJ723" s="613"/>
      <c r="RYK723" s="613"/>
      <c r="RYL723" s="613"/>
      <c r="RYM723" s="613"/>
      <c r="RYN723" s="613"/>
      <c r="RYO723" s="613"/>
      <c r="RYP723" s="613"/>
      <c r="RYQ723" s="613"/>
      <c r="RYR723" s="613"/>
      <c r="RYS723" s="613"/>
      <c r="RYT723" s="613"/>
      <c r="RYU723" s="613"/>
      <c r="RYV723" s="613"/>
      <c r="RYW723" s="613"/>
      <c r="RYX723" s="613"/>
      <c r="RYY723" s="613"/>
      <c r="RYZ723" s="613"/>
      <c r="RZA723" s="613"/>
      <c r="RZB723" s="613"/>
      <c r="RZC723" s="613"/>
      <c r="RZD723" s="613"/>
      <c r="RZE723" s="613"/>
      <c r="RZF723" s="613"/>
      <c r="RZG723" s="613"/>
      <c r="RZH723" s="613"/>
      <c r="RZI723" s="613"/>
      <c r="RZJ723" s="613"/>
      <c r="RZK723" s="613"/>
      <c r="RZL723" s="613"/>
      <c r="RZM723" s="613"/>
      <c r="RZN723" s="613"/>
      <c r="RZO723" s="613"/>
      <c r="RZP723" s="613"/>
      <c r="RZQ723" s="613"/>
      <c r="RZR723" s="613"/>
      <c r="RZS723" s="613"/>
      <c r="RZT723" s="613"/>
      <c r="RZU723" s="613"/>
      <c r="RZV723" s="613"/>
      <c r="RZW723" s="613"/>
      <c r="RZX723" s="613"/>
      <c r="RZY723" s="613"/>
      <c r="RZZ723" s="613"/>
      <c r="SAA723" s="613"/>
      <c r="SAB723" s="613"/>
      <c r="SAC723" s="613"/>
      <c r="SAD723" s="613"/>
      <c r="SAE723" s="613"/>
      <c r="SAF723" s="613"/>
      <c r="SAG723" s="613"/>
      <c r="SAH723" s="613"/>
      <c r="SAI723" s="613"/>
      <c r="SAJ723" s="613"/>
      <c r="SAK723" s="613"/>
      <c r="SAL723" s="613"/>
      <c r="SAM723" s="613"/>
      <c r="SAN723" s="613"/>
      <c r="SAO723" s="613"/>
      <c r="SAP723" s="613"/>
      <c r="SAQ723" s="613"/>
      <c r="SAR723" s="613"/>
      <c r="SAS723" s="613"/>
      <c r="SAT723" s="613"/>
      <c r="SAU723" s="613"/>
      <c r="SAV723" s="613"/>
      <c r="SAW723" s="613"/>
      <c r="SAX723" s="613"/>
      <c r="SAY723" s="613"/>
      <c r="SAZ723" s="613"/>
      <c r="SBA723" s="613"/>
      <c r="SBB723" s="613"/>
      <c r="SBC723" s="613"/>
      <c r="SBD723" s="613"/>
      <c r="SBE723" s="613"/>
      <c r="SBF723" s="613"/>
      <c r="SBG723" s="613"/>
      <c r="SBH723" s="613"/>
      <c r="SBI723" s="613"/>
      <c r="SBJ723" s="613"/>
      <c r="SBK723" s="613"/>
      <c r="SBL723" s="613"/>
      <c r="SBM723" s="613"/>
      <c r="SBN723" s="613"/>
      <c r="SBO723" s="613"/>
      <c r="SBP723" s="613"/>
      <c r="SBQ723" s="613"/>
      <c r="SBR723" s="613"/>
      <c r="SBS723" s="613"/>
      <c r="SBT723" s="613"/>
      <c r="SBU723" s="613"/>
      <c r="SBV723" s="613"/>
      <c r="SBW723" s="613"/>
      <c r="SBX723" s="613"/>
      <c r="SBY723" s="613"/>
      <c r="SBZ723" s="613"/>
      <c r="SCA723" s="613"/>
      <c r="SCB723" s="613"/>
      <c r="SCC723" s="613"/>
      <c r="SCD723" s="613"/>
      <c r="SCE723" s="613"/>
      <c r="SCF723" s="613"/>
      <c r="SCG723" s="613"/>
      <c r="SCH723" s="613"/>
      <c r="SCI723" s="613"/>
      <c r="SCJ723" s="613"/>
      <c r="SCK723" s="613"/>
      <c r="SCL723" s="613"/>
      <c r="SCM723" s="613"/>
      <c r="SCN723" s="613"/>
      <c r="SCO723" s="613"/>
      <c r="SCP723" s="613"/>
      <c r="SCQ723" s="613"/>
      <c r="SCR723" s="613"/>
      <c r="SCS723" s="613"/>
      <c r="SCT723" s="613"/>
      <c r="SCU723" s="613"/>
      <c r="SCV723" s="613"/>
      <c r="SCW723" s="613"/>
      <c r="SCX723" s="613"/>
      <c r="SCY723" s="613"/>
      <c r="SCZ723" s="613"/>
      <c r="SDA723" s="613"/>
      <c r="SDB723" s="613"/>
      <c r="SDC723" s="613"/>
      <c r="SDD723" s="613"/>
      <c r="SDE723" s="613"/>
      <c r="SDF723" s="613"/>
      <c r="SDG723" s="613"/>
      <c r="SDH723" s="613"/>
      <c r="SDI723" s="613"/>
      <c r="SDJ723" s="613"/>
      <c r="SDK723" s="613"/>
      <c r="SDL723" s="613"/>
      <c r="SDM723" s="613"/>
      <c r="SDN723" s="613"/>
      <c r="SDO723" s="613"/>
      <c r="SDP723" s="613"/>
      <c r="SDQ723" s="613"/>
      <c r="SDR723" s="613"/>
      <c r="SDS723" s="613"/>
      <c r="SDT723" s="613"/>
      <c r="SDU723" s="613"/>
      <c r="SDV723" s="613"/>
      <c r="SDW723" s="613"/>
      <c r="SDX723" s="613"/>
      <c r="SDY723" s="613"/>
      <c r="SDZ723" s="613"/>
      <c r="SEA723" s="613"/>
      <c r="SEB723" s="613"/>
      <c r="SEC723" s="613"/>
      <c r="SED723" s="613"/>
      <c r="SEE723" s="613"/>
      <c r="SEF723" s="613"/>
      <c r="SEG723" s="613"/>
      <c r="SEH723" s="613"/>
      <c r="SEI723" s="613"/>
      <c r="SEJ723" s="613"/>
      <c r="SEK723" s="613"/>
      <c r="SEL723" s="613"/>
      <c r="SEM723" s="613"/>
      <c r="SEN723" s="613"/>
      <c r="SEO723" s="613"/>
      <c r="SEP723" s="613"/>
      <c r="SEQ723" s="613"/>
      <c r="SER723" s="613"/>
      <c r="SES723" s="613"/>
      <c r="SET723" s="613"/>
      <c r="SEU723" s="613"/>
      <c r="SEV723" s="613"/>
      <c r="SEW723" s="613"/>
      <c r="SEX723" s="613"/>
      <c r="SEY723" s="613"/>
      <c r="SEZ723" s="613"/>
      <c r="SFA723" s="613"/>
      <c r="SFB723" s="613"/>
      <c r="SFC723" s="613"/>
      <c r="SFD723" s="613"/>
      <c r="SFE723" s="613"/>
      <c r="SFF723" s="613"/>
      <c r="SFG723" s="613"/>
      <c r="SFH723" s="613"/>
      <c r="SFI723" s="613"/>
      <c r="SFJ723" s="613"/>
      <c r="SFK723" s="613"/>
      <c r="SFL723" s="613"/>
      <c r="SFM723" s="613"/>
      <c r="SFN723" s="613"/>
      <c r="SFO723" s="613"/>
      <c r="SFP723" s="613"/>
      <c r="SFQ723" s="613"/>
      <c r="SFR723" s="613"/>
      <c r="SFS723" s="613"/>
      <c r="SFT723" s="613"/>
      <c r="SFU723" s="613"/>
      <c r="SFV723" s="613"/>
      <c r="SFW723" s="613"/>
      <c r="SFX723" s="613"/>
      <c r="SFY723" s="613"/>
      <c r="SFZ723" s="613"/>
      <c r="SGA723" s="613"/>
      <c r="SGB723" s="613"/>
      <c r="SGC723" s="613"/>
      <c r="SGD723" s="613"/>
      <c r="SGE723" s="613"/>
      <c r="SGF723" s="613"/>
      <c r="SGG723" s="613"/>
      <c r="SGH723" s="613"/>
      <c r="SGI723" s="613"/>
      <c r="SGJ723" s="613"/>
      <c r="SGK723" s="613"/>
      <c r="SGL723" s="613"/>
      <c r="SGM723" s="613"/>
      <c r="SGN723" s="613"/>
      <c r="SGO723" s="613"/>
      <c r="SGP723" s="613"/>
      <c r="SGQ723" s="613"/>
      <c r="SGR723" s="613"/>
      <c r="SGS723" s="613"/>
      <c r="SGT723" s="613"/>
      <c r="SGU723" s="613"/>
      <c r="SGV723" s="613"/>
      <c r="SGW723" s="613"/>
      <c r="SGX723" s="613"/>
      <c r="SGY723" s="613"/>
      <c r="SGZ723" s="613"/>
      <c r="SHA723" s="613"/>
      <c r="SHB723" s="613"/>
      <c r="SHC723" s="613"/>
      <c r="SHD723" s="613"/>
      <c r="SHE723" s="613"/>
      <c r="SHF723" s="613"/>
      <c r="SHG723" s="613"/>
      <c r="SHH723" s="613"/>
      <c r="SHI723" s="613"/>
      <c r="SHJ723" s="613"/>
      <c r="SHK723" s="613"/>
      <c r="SHL723" s="613"/>
      <c r="SHM723" s="613"/>
      <c r="SHN723" s="613"/>
      <c r="SHO723" s="613"/>
      <c r="SHP723" s="613"/>
      <c r="SHQ723" s="613"/>
      <c r="SHR723" s="613"/>
      <c r="SHS723" s="613"/>
      <c r="SHT723" s="613"/>
      <c r="SHU723" s="613"/>
      <c r="SHV723" s="613"/>
      <c r="SHW723" s="613"/>
      <c r="SHX723" s="613"/>
      <c r="SHY723" s="613"/>
      <c r="SHZ723" s="613"/>
      <c r="SIA723" s="613"/>
      <c r="SIB723" s="613"/>
      <c r="SIC723" s="613"/>
      <c r="SID723" s="613"/>
      <c r="SIE723" s="613"/>
      <c r="SIF723" s="613"/>
      <c r="SIG723" s="613"/>
      <c r="SIH723" s="613"/>
      <c r="SII723" s="613"/>
      <c r="SIJ723" s="613"/>
      <c r="SIK723" s="613"/>
      <c r="SIL723" s="613"/>
      <c r="SIM723" s="613"/>
      <c r="SIN723" s="613"/>
      <c r="SIO723" s="613"/>
      <c r="SIP723" s="613"/>
      <c r="SIQ723" s="613"/>
      <c r="SIR723" s="613"/>
      <c r="SIS723" s="613"/>
      <c r="SIT723" s="613"/>
      <c r="SIU723" s="613"/>
      <c r="SIV723" s="613"/>
      <c r="SIW723" s="613"/>
      <c r="SIX723" s="613"/>
      <c r="SIY723" s="613"/>
      <c r="SIZ723" s="613"/>
      <c r="SJA723" s="613"/>
      <c r="SJB723" s="613"/>
      <c r="SJC723" s="613"/>
      <c r="SJD723" s="613"/>
      <c r="SJE723" s="613"/>
      <c r="SJF723" s="613"/>
      <c r="SJG723" s="613"/>
      <c r="SJH723" s="613"/>
      <c r="SJI723" s="613"/>
      <c r="SJJ723" s="613"/>
      <c r="SJK723" s="613"/>
      <c r="SJL723" s="613"/>
      <c r="SJM723" s="613"/>
      <c r="SJN723" s="613"/>
      <c r="SJO723" s="613"/>
      <c r="SJP723" s="613"/>
      <c r="SJQ723" s="613"/>
      <c r="SJR723" s="613"/>
      <c r="SJS723" s="613"/>
      <c r="SJT723" s="613"/>
      <c r="SJU723" s="613"/>
      <c r="SJV723" s="613"/>
      <c r="SJW723" s="613"/>
      <c r="SJX723" s="613"/>
      <c r="SJY723" s="613"/>
      <c r="SJZ723" s="613"/>
      <c r="SKA723" s="613"/>
      <c r="SKB723" s="613"/>
      <c r="SKC723" s="613"/>
      <c r="SKD723" s="613"/>
      <c r="SKE723" s="613"/>
      <c r="SKF723" s="613"/>
      <c r="SKG723" s="613"/>
      <c r="SKH723" s="613"/>
      <c r="SKI723" s="613"/>
      <c r="SKJ723" s="613"/>
      <c r="SKK723" s="613"/>
      <c r="SKL723" s="613"/>
      <c r="SKM723" s="613"/>
      <c r="SKN723" s="613"/>
      <c r="SKO723" s="613"/>
      <c r="SKP723" s="613"/>
      <c r="SKQ723" s="613"/>
      <c r="SKR723" s="613"/>
      <c r="SKS723" s="613"/>
      <c r="SKT723" s="613"/>
      <c r="SKU723" s="613"/>
      <c r="SKV723" s="613"/>
      <c r="SKW723" s="613"/>
      <c r="SKX723" s="613"/>
      <c r="SKY723" s="613"/>
      <c r="SKZ723" s="613"/>
      <c r="SLA723" s="613"/>
      <c r="SLB723" s="613"/>
      <c r="SLC723" s="613"/>
      <c r="SLD723" s="613"/>
      <c r="SLE723" s="613"/>
      <c r="SLF723" s="613"/>
      <c r="SLG723" s="613"/>
      <c r="SLH723" s="613"/>
      <c r="SLI723" s="613"/>
      <c r="SLJ723" s="613"/>
      <c r="SLK723" s="613"/>
      <c r="SLL723" s="613"/>
      <c r="SLM723" s="613"/>
      <c r="SLN723" s="613"/>
      <c r="SLO723" s="613"/>
      <c r="SLP723" s="613"/>
      <c r="SLQ723" s="613"/>
      <c r="SLR723" s="613"/>
      <c r="SLS723" s="613"/>
      <c r="SLT723" s="613"/>
      <c r="SLU723" s="613"/>
      <c r="SLV723" s="613"/>
      <c r="SLW723" s="613"/>
      <c r="SLX723" s="613"/>
      <c r="SLY723" s="613"/>
      <c r="SLZ723" s="613"/>
      <c r="SMA723" s="613"/>
      <c r="SMB723" s="613"/>
      <c r="SMC723" s="613"/>
      <c r="SMD723" s="613"/>
      <c r="SME723" s="613"/>
      <c r="SMF723" s="613"/>
      <c r="SMG723" s="613"/>
      <c r="SMH723" s="613"/>
      <c r="SMI723" s="613"/>
      <c r="SMJ723" s="613"/>
      <c r="SMK723" s="613"/>
      <c r="SML723" s="613"/>
      <c r="SMM723" s="613"/>
      <c r="SMN723" s="613"/>
      <c r="SMO723" s="613"/>
      <c r="SMP723" s="613"/>
      <c r="SMQ723" s="613"/>
      <c r="SMR723" s="613"/>
      <c r="SMS723" s="613"/>
      <c r="SMT723" s="613"/>
      <c r="SMU723" s="613"/>
      <c r="SMV723" s="613"/>
      <c r="SMW723" s="613"/>
      <c r="SMX723" s="613"/>
      <c r="SMY723" s="613"/>
      <c r="SMZ723" s="613"/>
      <c r="SNA723" s="613"/>
      <c r="SNB723" s="613"/>
      <c r="SNC723" s="613"/>
      <c r="SND723" s="613"/>
      <c r="SNE723" s="613"/>
      <c r="SNF723" s="613"/>
      <c r="SNG723" s="613"/>
      <c r="SNH723" s="613"/>
      <c r="SNI723" s="613"/>
      <c r="SNJ723" s="613"/>
      <c r="SNK723" s="613"/>
      <c r="SNL723" s="613"/>
      <c r="SNM723" s="613"/>
      <c r="SNN723" s="613"/>
      <c r="SNO723" s="613"/>
      <c r="SNP723" s="613"/>
      <c r="SNQ723" s="613"/>
      <c r="SNR723" s="613"/>
      <c r="SNS723" s="613"/>
      <c r="SNT723" s="613"/>
      <c r="SNU723" s="613"/>
      <c r="SNV723" s="613"/>
      <c r="SNW723" s="613"/>
      <c r="SNX723" s="613"/>
      <c r="SNY723" s="613"/>
      <c r="SNZ723" s="613"/>
      <c r="SOA723" s="613"/>
      <c r="SOB723" s="613"/>
      <c r="SOC723" s="613"/>
      <c r="SOD723" s="613"/>
      <c r="SOE723" s="613"/>
      <c r="SOF723" s="613"/>
      <c r="SOG723" s="613"/>
      <c r="SOH723" s="613"/>
      <c r="SOI723" s="613"/>
      <c r="SOJ723" s="613"/>
      <c r="SOK723" s="613"/>
      <c r="SOL723" s="613"/>
      <c r="SOM723" s="613"/>
      <c r="SON723" s="613"/>
      <c r="SOO723" s="613"/>
      <c r="SOP723" s="613"/>
      <c r="SOQ723" s="613"/>
      <c r="SOR723" s="613"/>
      <c r="SOS723" s="613"/>
      <c r="SOT723" s="613"/>
      <c r="SOU723" s="613"/>
      <c r="SOV723" s="613"/>
      <c r="SOW723" s="613"/>
      <c r="SOX723" s="613"/>
      <c r="SOY723" s="613"/>
      <c r="SOZ723" s="613"/>
      <c r="SPA723" s="613"/>
      <c r="SPB723" s="613"/>
      <c r="SPC723" s="613"/>
      <c r="SPD723" s="613"/>
      <c r="SPE723" s="613"/>
      <c r="SPF723" s="613"/>
      <c r="SPG723" s="613"/>
      <c r="SPH723" s="613"/>
      <c r="SPI723" s="613"/>
      <c r="SPJ723" s="613"/>
      <c r="SPK723" s="613"/>
      <c r="SPL723" s="613"/>
      <c r="SPM723" s="613"/>
      <c r="SPN723" s="613"/>
      <c r="SPO723" s="613"/>
      <c r="SPP723" s="613"/>
      <c r="SPQ723" s="613"/>
      <c r="SPR723" s="613"/>
      <c r="SPS723" s="613"/>
      <c r="SPT723" s="613"/>
      <c r="SPU723" s="613"/>
      <c r="SPV723" s="613"/>
      <c r="SPW723" s="613"/>
      <c r="SPX723" s="613"/>
      <c r="SPY723" s="613"/>
      <c r="SPZ723" s="613"/>
      <c r="SQA723" s="613"/>
      <c r="SQB723" s="613"/>
      <c r="SQC723" s="613"/>
      <c r="SQD723" s="613"/>
      <c r="SQE723" s="613"/>
      <c r="SQF723" s="613"/>
      <c r="SQG723" s="613"/>
      <c r="SQH723" s="613"/>
      <c r="SQI723" s="613"/>
      <c r="SQJ723" s="613"/>
      <c r="SQK723" s="613"/>
      <c r="SQL723" s="613"/>
      <c r="SQM723" s="613"/>
      <c r="SQN723" s="613"/>
      <c r="SQO723" s="613"/>
      <c r="SQP723" s="613"/>
      <c r="SQQ723" s="613"/>
      <c r="SQR723" s="613"/>
      <c r="SQS723" s="613"/>
      <c r="SQT723" s="613"/>
      <c r="SQU723" s="613"/>
      <c r="SQV723" s="613"/>
      <c r="SQW723" s="613"/>
      <c r="SQX723" s="613"/>
      <c r="SQY723" s="613"/>
      <c r="SQZ723" s="613"/>
      <c r="SRA723" s="613"/>
      <c r="SRB723" s="613"/>
      <c r="SRC723" s="613"/>
      <c r="SRD723" s="613"/>
      <c r="SRE723" s="613"/>
      <c r="SRF723" s="613"/>
      <c r="SRG723" s="613"/>
      <c r="SRH723" s="613"/>
      <c r="SRI723" s="613"/>
      <c r="SRJ723" s="613"/>
      <c r="SRK723" s="613"/>
      <c r="SRL723" s="613"/>
      <c r="SRM723" s="613"/>
      <c r="SRN723" s="613"/>
      <c r="SRO723" s="613"/>
      <c r="SRP723" s="613"/>
      <c r="SRQ723" s="613"/>
      <c r="SRR723" s="613"/>
      <c r="SRS723" s="613"/>
      <c r="SRT723" s="613"/>
      <c r="SRU723" s="613"/>
      <c r="SRV723" s="613"/>
      <c r="SRW723" s="613"/>
      <c r="SRX723" s="613"/>
      <c r="SRY723" s="613"/>
      <c r="SRZ723" s="613"/>
      <c r="SSA723" s="613"/>
      <c r="SSB723" s="613"/>
      <c r="SSC723" s="613"/>
      <c r="SSD723" s="613"/>
      <c r="SSE723" s="613"/>
      <c r="SSF723" s="613"/>
      <c r="SSG723" s="613"/>
      <c r="SSH723" s="613"/>
      <c r="SSI723" s="613"/>
      <c r="SSJ723" s="613"/>
      <c r="SSK723" s="613"/>
      <c r="SSL723" s="613"/>
      <c r="SSM723" s="613"/>
      <c r="SSN723" s="613"/>
      <c r="SSO723" s="613"/>
      <c r="SSP723" s="613"/>
      <c r="SSQ723" s="613"/>
      <c r="SSR723" s="613"/>
      <c r="SSS723" s="613"/>
      <c r="SST723" s="613"/>
      <c r="SSU723" s="613"/>
      <c r="SSV723" s="613"/>
      <c r="SSW723" s="613"/>
      <c r="SSX723" s="613"/>
      <c r="SSY723" s="613"/>
      <c r="SSZ723" s="613"/>
      <c r="STA723" s="613"/>
      <c r="STB723" s="613"/>
      <c r="STC723" s="613"/>
      <c r="STD723" s="613"/>
      <c r="STE723" s="613"/>
      <c r="STF723" s="613"/>
      <c r="STG723" s="613"/>
      <c r="STH723" s="613"/>
      <c r="STI723" s="613"/>
      <c r="STJ723" s="613"/>
      <c r="STK723" s="613"/>
      <c r="STL723" s="613"/>
      <c r="STM723" s="613"/>
      <c r="STN723" s="613"/>
      <c r="STO723" s="613"/>
      <c r="STP723" s="613"/>
      <c r="STQ723" s="613"/>
      <c r="STR723" s="613"/>
      <c r="STS723" s="613"/>
      <c r="STT723" s="613"/>
      <c r="STU723" s="613"/>
      <c r="STV723" s="613"/>
      <c r="STW723" s="613"/>
      <c r="STX723" s="613"/>
      <c r="STY723" s="613"/>
      <c r="STZ723" s="613"/>
      <c r="SUA723" s="613"/>
      <c r="SUB723" s="613"/>
      <c r="SUC723" s="613"/>
      <c r="SUD723" s="613"/>
      <c r="SUE723" s="613"/>
      <c r="SUF723" s="613"/>
      <c r="SUG723" s="613"/>
      <c r="SUH723" s="613"/>
      <c r="SUI723" s="613"/>
      <c r="SUJ723" s="613"/>
      <c r="SUK723" s="613"/>
      <c r="SUL723" s="613"/>
      <c r="SUM723" s="613"/>
      <c r="SUN723" s="613"/>
      <c r="SUO723" s="613"/>
      <c r="SUP723" s="613"/>
      <c r="SUQ723" s="613"/>
      <c r="SUR723" s="613"/>
      <c r="SUS723" s="613"/>
      <c r="SUT723" s="613"/>
      <c r="SUU723" s="613"/>
      <c r="SUV723" s="613"/>
      <c r="SUW723" s="613"/>
      <c r="SUX723" s="613"/>
      <c r="SUY723" s="613"/>
      <c r="SUZ723" s="613"/>
      <c r="SVA723" s="613"/>
      <c r="SVB723" s="613"/>
      <c r="SVC723" s="613"/>
      <c r="SVD723" s="613"/>
      <c r="SVE723" s="613"/>
      <c r="SVF723" s="613"/>
      <c r="SVG723" s="613"/>
      <c r="SVH723" s="613"/>
      <c r="SVI723" s="613"/>
      <c r="SVJ723" s="613"/>
      <c r="SVK723" s="613"/>
      <c r="SVL723" s="613"/>
      <c r="SVM723" s="613"/>
      <c r="SVN723" s="613"/>
      <c r="SVO723" s="613"/>
      <c r="SVP723" s="613"/>
      <c r="SVQ723" s="613"/>
      <c r="SVR723" s="613"/>
      <c r="SVS723" s="613"/>
      <c r="SVT723" s="613"/>
      <c r="SVU723" s="613"/>
      <c r="SVV723" s="613"/>
      <c r="SVW723" s="613"/>
      <c r="SVX723" s="613"/>
      <c r="SVY723" s="613"/>
      <c r="SVZ723" s="613"/>
      <c r="SWA723" s="613"/>
      <c r="SWB723" s="613"/>
      <c r="SWC723" s="613"/>
      <c r="SWD723" s="613"/>
      <c r="SWE723" s="613"/>
      <c r="SWF723" s="613"/>
      <c r="SWG723" s="613"/>
      <c r="SWH723" s="613"/>
      <c r="SWI723" s="613"/>
      <c r="SWJ723" s="613"/>
      <c r="SWK723" s="613"/>
      <c r="SWL723" s="613"/>
      <c r="SWM723" s="613"/>
      <c r="SWN723" s="613"/>
      <c r="SWO723" s="613"/>
      <c r="SWP723" s="613"/>
      <c r="SWQ723" s="613"/>
      <c r="SWR723" s="613"/>
      <c r="SWS723" s="613"/>
      <c r="SWT723" s="613"/>
      <c r="SWU723" s="613"/>
      <c r="SWV723" s="613"/>
      <c r="SWW723" s="613"/>
      <c r="SWX723" s="613"/>
      <c r="SWY723" s="613"/>
      <c r="SWZ723" s="613"/>
      <c r="SXA723" s="613"/>
      <c r="SXB723" s="613"/>
      <c r="SXC723" s="613"/>
      <c r="SXD723" s="613"/>
      <c r="SXE723" s="613"/>
      <c r="SXF723" s="613"/>
      <c r="SXG723" s="613"/>
      <c r="SXH723" s="613"/>
      <c r="SXI723" s="613"/>
      <c r="SXJ723" s="613"/>
      <c r="SXK723" s="613"/>
      <c r="SXL723" s="613"/>
      <c r="SXM723" s="613"/>
      <c r="SXN723" s="613"/>
      <c r="SXO723" s="613"/>
      <c r="SXP723" s="613"/>
      <c r="SXQ723" s="613"/>
      <c r="SXR723" s="613"/>
      <c r="SXS723" s="613"/>
      <c r="SXT723" s="613"/>
      <c r="SXU723" s="613"/>
      <c r="SXV723" s="613"/>
      <c r="SXW723" s="613"/>
      <c r="SXX723" s="613"/>
      <c r="SXY723" s="613"/>
      <c r="SXZ723" s="613"/>
      <c r="SYA723" s="613"/>
      <c r="SYB723" s="613"/>
      <c r="SYC723" s="613"/>
      <c r="SYD723" s="613"/>
      <c r="SYE723" s="613"/>
      <c r="SYF723" s="613"/>
      <c r="SYG723" s="613"/>
      <c r="SYH723" s="613"/>
      <c r="SYI723" s="613"/>
      <c r="SYJ723" s="613"/>
      <c r="SYK723" s="613"/>
      <c r="SYL723" s="613"/>
      <c r="SYM723" s="613"/>
      <c r="SYN723" s="613"/>
      <c r="SYO723" s="613"/>
      <c r="SYP723" s="613"/>
      <c r="SYQ723" s="613"/>
      <c r="SYR723" s="613"/>
      <c r="SYS723" s="613"/>
      <c r="SYT723" s="613"/>
      <c r="SYU723" s="613"/>
      <c r="SYV723" s="613"/>
      <c r="SYW723" s="613"/>
      <c r="SYX723" s="613"/>
      <c r="SYY723" s="613"/>
      <c r="SYZ723" s="613"/>
      <c r="SZA723" s="613"/>
      <c r="SZB723" s="613"/>
      <c r="SZC723" s="613"/>
      <c r="SZD723" s="613"/>
      <c r="SZE723" s="613"/>
      <c r="SZF723" s="613"/>
      <c r="SZG723" s="613"/>
      <c r="SZH723" s="613"/>
      <c r="SZI723" s="613"/>
      <c r="SZJ723" s="613"/>
      <c r="SZK723" s="613"/>
      <c r="SZL723" s="613"/>
      <c r="SZM723" s="613"/>
      <c r="SZN723" s="613"/>
      <c r="SZO723" s="613"/>
      <c r="SZP723" s="613"/>
      <c r="SZQ723" s="613"/>
      <c r="SZR723" s="613"/>
      <c r="SZS723" s="613"/>
      <c r="SZT723" s="613"/>
      <c r="SZU723" s="613"/>
      <c r="SZV723" s="613"/>
      <c r="SZW723" s="613"/>
      <c r="SZX723" s="613"/>
      <c r="SZY723" s="613"/>
      <c r="SZZ723" s="613"/>
      <c r="TAA723" s="613"/>
      <c r="TAB723" s="613"/>
      <c r="TAC723" s="613"/>
      <c r="TAD723" s="613"/>
      <c r="TAE723" s="613"/>
      <c r="TAF723" s="613"/>
      <c r="TAG723" s="613"/>
      <c r="TAH723" s="613"/>
      <c r="TAI723" s="613"/>
      <c r="TAJ723" s="613"/>
      <c r="TAK723" s="613"/>
      <c r="TAL723" s="613"/>
      <c r="TAM723" s="613"/>
      <c r="TAN723" s="613"/>
      <c r="TAO723" s="613"/>
      <c r="TAP723" s="613"/>
      <c r="TAQ723" s="613"/>
      <c r="TAR723" s="613"/>
      <c r="TAS723" s="613"/>
      <c r="TAT723" s="613"/>
      <c r="TAU723" s="613"/>
      <c r="TAV723" s="613"/>
      <c r="TAW723" s="613"/>
      <c r="TAX723" s="613"/>
      <c r="TAY723" s="613"/>
      <c r="TAZ723" s="613"/>
      <c r="TBA723" s="613"/>
      <c r="TBB723" s="613"/>
      <c r="TBC723" s="613"/>
      <c r="TBD723" s="613"/>
      <c r="TBE723" s="613"/>
      <c r="TBF723" s="613"/>
      <c r="TBG723" s="613"/>
      <c r="TBH723" s="613"/>
      <c r="TBI723" s="613"/>
      <c r="TBJ723" s="613"/>
      <c r="TBK723" s="613"/>
      <c r="TBL723" s="613"/>
      <c r="TBM723" s="613"/>
      <c r="TBN723" s="613"/>
      <c r="TBO723" s="613"/>
      <c r="TBP723" s="613"/>
      <c r="TBQ723" s="613"/>
      <c r="TBR723" s="613"/>
      <c r="TBS723" s="613"/>
      <c r="TBT723" s="613"/>
      <c r="TBU723" s="613"/>
      <c r="TBV723" s="613"/>
      <c r="TBW723" s="613"/>
      <c r="TBX723" s="613"/>
      <c r="TBY723" s="613"/>
      <c r="TBZ723" s="613"/>
      <c r="TCA723" s="613"/>
      <c r="TCB723" s="613"/>
      <c r="TCC723" s="613"/>
      <c r="TCD723" s="613"/>
      <c r="TCE723" s="613"/>
      <c r="TCF723" s="613"/>
      <c r="TCG723" s="613"/>
      <c r="TCH723" s="613"/>
      <c r="TCI723" s="613"/>
      <c r="TCJ723" s="613"/>
      <c r="TCK723" s="613"/>
      <c r="TCL723" s="613"/>
      <c r="TCM723" s="613"/>
      <c r="TCN723" s="613"/>
      <c r="TCO723" s="613"/>
      <c r="TCP723" s="613"/>
      <c r="TCQ723" s="613"/>
      <c r="TCR723" s="613"/>
      <c r="TCS723" s="613"/>
      <c r="TCT723" s="613"/>
      <c r="TCU723" s="613"/>
      <c r="TCV723" s="613"/>
      <c r="TCW723" s="613"/>
      <c r="TCX723" s="613"/>
      <c r="TCY723" s="613"/>
      <c r="TCZ723" s="613"/>
      <c r="TDA723" s="613"/>
      <c r="TDB723" s="613"/>
      <c r="TDC723" s="613"/>
      <c r="TDD723" s="613"/>
      <c r="TDE723" s="613"/>
      <c r="TDF723" s="613"/>
      <c r="TDG723" s="613"/>
      <c r="TDH723" s="613"/>
      <c r="TDI723" s="613"/>
      <c r="TDJ723" s="613"/>
      <c r="TDK723" s="613"/>
      <c r="TDL723" s="613"/>
      <c r="TDM723" s="613"/>
      <c r="TDN723" s="613"/>
      <c r="TDO723" s="613"/>
      <c r="TDP723" s="613"/>
      <c r="TDQ723" s="613"/>
      <c r="TDR723" s="613"/>
      <c r="TDS723" s="613"/>
      <c r="TDT723" s="613"/>
      <c r="TDU723" s="613"/>
      <c r="TDV723" s="613"/>
      <c r="TDW723" s="613"/>
      <c r="TDX723" s="613"/>
      <c r="TDY723" s="613"/>
      <c r="TDZ723" s="613"/>
      <c r="TEA723" s="613"/>
      <c r="TEB723" s="613"/>
      <c r="TEC723" s="613"/>
      <c r="TED723" s="613"/>
      <c r="TEE723" s="613"/>
      <c r="TEF723" s="613"/>
      <c r="TEG723" s="613"/>
      <c r="TEH723" s="613"/>
      <c r="TEI723" s="613"/>
      <c r="TEJ723" s="613"/>
      <c r="TEK723" s="613"/>
      <c r="TEL723" s="613"/>
      <c r="TEM723" s="613"/>
      <c r="TEN723" s="613"/>
      <c r="TEO723" s="613"/>
      <c r="TEP723" s="613"/>
      <c r="TEQ723" s="613"/>
      <c r="TER723" s="613"/>
      <c r="TES723" s="613"/>
      <c r="TET723" s="613"/>
      <c r="TEU723" s="613"/>
      <c r="TEV723" s="613"/>
      <c r="TEW723" s="613"/>
      <c r="TEX723" s="613"/>
      <c r="TEY723" s="613"/>
      <c r="TEZ723" s="613"/>
      <c r="TFA723" s="613"/>
      <c r="TFB723" s="613"/>
      <c r="TFC723" s="613"/>
      <c r="TFD723" s="613"/>
      <c r="TFE723" s="613"/>
      <c r="TFF723" s="613"/>
      <c r="TFG723" s="613"/>
      <c r="TFH723" s="613"/>
      <c r="TFI723" s="613"/>
      <c r="TFJ723" s="613"/>
      <c r="TFK723" s="613"/>
      <c r="TFL723" s="613"/>
      <c r="TFM723" s="613"/>
      <c r="TFN723" s="613"/>
      <c r="TFO723" s="613"/>
      <c r="TFP723" s="613"/>
      <c r="TFQ723" s="613"/>
      <c r="TFR723" s="613"/>
      <c r="TFS723" s="613"/>
      <c r="TFT723" s="613"/>
      <c r="TFU723" s="613"/>
      <c r="TFV723" s="613"/>
      <c r="TFW723" s="613"/>
      <c r="TFX723" s="613"/>
      <c r="TFY723" s="613"/>
      <c r="TFZ723" s="613"/>
      <c r="TGA723" s="613"/>
      <c r="TGB723" s="613"/>
      <c r="TGC723" s="613"/>
      <c r="TGD723" s="613"/>
      <c r="TGE723" s="613"/>
      <c r="TGF723" s="613"/>
      <c r="TGG723" s="613"/>
      <c r="TGH723" s="613"/>
      <c r="TGI723" s="613"/>
      <c r="TGJ723" s="613"/>
      <c r="TGK723" s="613"/>
      <c r="TGL723" s="613"/>
      <c r="TGM723" s="613"/>
      <c r="TGN723" s="613"/>
      <c r="TGO723" s="613"/>
      <c r="TGP723" s="613"/>
      <c r="TGQ723" s="613"/>
      <c r="TGR723" s="613"/>
      <c r="TGS723" s="613"/>
      <c r="TGT723" s="613"/>
      <c r="TGU723" s="613"/>
      <c r="TGV723" s="613"/>
      <c r="TGW723" s="613"/>
      <c r="TGX723" s="613"/>
      <c r="TGY723" s="613"/>
      <c r="TGZ723" s="613"/>
      <c r="THA723" s="613"/>
      <c r="THB723" s="613"/>
      <c r="THC723" s="613"/>
      <c r="THD723" s="613"/>
      <c r="THE723" s="613"/>
      <c r="THF723" s="613"/>
      <c r="THG723" s="613"/>
      <c r="THH723" s="613"/>
      <c r="THI723" s="613"/>
      <c r="THJ723" s="613"/>
      <c r="THK723" s="613"/>
      <c r="THL723" s="613"/>
      <c r="THM723" s="613"/>
      <c r="THN723" s="613"/>
      <c r="THO723" s="613"/>
      <c r="THP723" s="613"/>
      <c r="THQ723" s="613"/>
      <c r="THR723" s="613"/>
      <c r="THS723" s="613"/>
      <c r="THT723" s="613"/>
      <c r="THU723" s="613"/>
      <c r="THV723" s="613"/>
      <c r="THW723" s="613"/>
      <c r="THX723" s="613"/>
      <c r="THY723" s="613"/>
      <c r="THZ723" s="613"/>
      <c r="TIA723" s="613"/>
      <c r="TIB723" s="613"/>
      <c r="TIC723" s="613"/>
      <c r="TID723" s="613"/>
      <c r="TIE723" s="613"/>
      <c r="TIF723" s="613"/>
      <c r="TIG723" s="613"/>
      <c r="TIH723" s="613"/>
      <c r="TII723" s="613"/>
      <c r="TIJ723" s="613"/>
      <c r="TIK723" s="613"/>
      <c r="TIL723" s="613"/>
      <c r="TIM723" s="613"/>
      <c r="TIN723" s="613"/>
      <c r="TIO723" s="613"/>
      <c r="TIP723" s="613"/>
      <c r="TIQ723" s="613"/>
      <c r="TIR723" s="613"/>
      <c r="TIS723" s="613"/>
      <c r="TIT723" s="613"/>
      <c r="TIU723" s="613"/>
      <c r="TIV723" s="613"/>
      <c r="TIW723" s="613"/>
      <c r="TIX723" s="613"/>
      <c r="TIY723" s="613"/>
      <c r="TIZ723" s="613"/>
      <c r="TJA723" s="613"/>
      <c r="TJB723" s="613"/>
      <c r="TJC723" s="613"/>
      <c r="TJD723" s="613"/>
      <c r="TJE723" s="613"/>
      <c r="TJF723" s="613"/>
      <c r="TJG723" s="613"/>
      <c r="TJH723" s="613"/>
      <c r="TJI723" s="613"/>
      <c r="TJJ723" s="613"/>
      <c r="TJK723" s="613"/>
      <c r="TJL723" s="613"/>
      <c r="TJM723" s="613"/>
      <c r="TJN723" s="613"/>
      <c r="TJO723" s="613"/>
      <c r="TJP723" s="613"/>
      <c r="TJQ723" s="613"/>
      <c r="TJR723" s="613"/>
      <c r="TJS723" s="613"/>
      <c r="TJT723" s="613"/>
      <c r="TJU723" s="613"/>
      <c r="TJV723" s="613"/>
      <c r="TJW723" s="613"/>
      <c r="TJX723" s="613"/>
      <c r="TJY723" s="613"/>
      <c r="TJZ723" s="613"/>
      <c r="TKA723" s="613"/>
      <c r="TKB723" s="613"/>
      <c r="TKC723" s="613"/>
      <c r="TKD723" s="613"/>
      <c r="TKE723" s="613"/>
      <c r="TKF723" s="613"/>
      <c r="TKG723" s="613"/>
      <c r="TKH723" s="613"/>
      <c r="TKI723" s="613"/>
      <c r="TKJ723" s="613"/>
      <c r="TKK723" s="613"/>
      <c r="TKL723" s="613"/>
      <c r="TKM723" s="613"/>
      <c r="TKN723" s="613"/>
      <c r="TKO723" s="613"/>
      <c r="TKP723" s="613"/>
      <c r="TKQ723" s="613"/>
      <c r="TKR723" s="613"/>
      <c r="TKS723" s="613"/>
      <c r="TKT723" s="613"/>
      <c r="TKU723" s="613"/>
      <c r="TKV723" s="613"/>
      <c r="TKW723" s="613"/>
      <c r="TKX723" s="613"/>
      <c r="TKY723" s="613"/>
      <c r="TKZ723" s="613"/>
      <c r="TLA723" s="613"/>
      <c r="TLB723" s="613"/>
      <c r="TLC723" s="613"/>
      <c r="TLD723" s="613"/>
      <c r="TLE723" s="613"/>
      <c r="TLF723" s="613"/>
      <c r="TLG723" s="613"/>
      <c r="TLH723" s="613"/>
      <c r="TLI723" s="613"/>
      <c r="TLJ723" s="613"/>
      <c r="TLK723" s="613"/>
      <c r="TLL723" s="613"/>
      <c r="TLM723" s="613"/>
      <c r="TLN723" s="613"/>
      <c r="TLO723" s="613"/>
      <c r="TLP723" s="613"/>
      <c r="TLQ723" s="613"/>
      <c r="TLR723" s="613"/>
      <c r="TLS723" s="613"/>
      <c r="TLT723" s="613"/>
      <c r="TLU723" s="613"/>
      <c r="TLV723" s="613"/>
      <c r="TLW723" s="613"/>
      <c r="TLX723" s="613"/>
      <c r="TLY723" s="613"/>
      <c r="TLZ723" s="613"/>
      <c r="TMA723" s="613"/>
      <c r="TMB723" s="613"/>
      <c r="TMC723" s="613"/>
      <c r="TMD723" s="613"/>
      <c r="TME723" s="613"/>
      <c r="TMF723" s="613"/>
      <c r="TMG723" s="613"/>
      <c r="TMH723" s="613"/>
      <c r="TMI723" s="613"/>
      <c r="TMJ723" s="613"/>
      <c r="TMK723" s="613"/>
      <c r="TML723" s="613"/>
      <c r="TMM723" s="613"/>
      <c r="TMN723" s="613"/>
      <c r="TMO723" s="613"/>
      <c r="TMP723" s="613"/>
      <c r="TMQ723" s="613"/>
      <c r="TMR723" s="613"/>
      <c r="TMS723" s="613"/>
      <c r="TMT723" s="613"/>
      <c r="TMU723" s="613"/>
      <c r="TMV723" s="613"/>
      <c r="TMW723" s="613"/>
      <c r="TMX723" s="613"/>
      <c r="TMY723" s="613"/>
      <c r="TMZ723" s="613"/>
      <c r="TNA723" s="613"/>
      <c r="TNB723" s="613"/>
      <c r="TNC723" s="613"/>
      <c r="TND723" s="613"/>
      <c r="TNE723" s="613"/>
      <c r="TNF723" s="613"/>
      <c r="TNG723" s="613"/>
      <c r="TNH723" s="613"/>
      <c r="TNI723" s="613"/>
      <c r="TNJ723" s="613"/>
      <c r="TNK723" s="613"/>
      <c r="TNL723" s="613"/>
      <c r="TNM723" s="613"/>
      <c r="TNN723" s="613"/>
      <c r="TNO723" s="613"/>
      <c r="TNP723" s="613"/>
      <c r="TNQ723" s="613"/>
      <c r="TNR723" s="613"/>
      <c r="TNS723" s="613"/>
      <c r="TNT723" s="613"/>
      <c r="TNU723" s="613"/>
      <c r="TNV723" s="613"/>
      <c r="TNW723" s="613"/>
      <c r="TNX723" s="613"/>
      <c r="TNY723" s="613"/>
      <c r="TNZ723" s="613"/>
      <c r="TOA723" s="613"/>
      <c r="TOB723" s="613"/>
      <c r="TOC723" s="613"/>
      <c r="TOD723" s="613"/>
      <c r="TOE723" s="613"/>
      <c r="TOF723" s="613"/>
      <c r="TOG723" s="613"/>
      <c r="TOH723" s="613"/>
      <c r="TOI723" s="613"/>
      <c r="TOJ723" s="613"/>
      <c r="TOK723" s="613"/>
      <c r="TOL723" s="613"/>
      <c r="TOM723" s="613"/>
      <c r="TON723" s="613"/>
      <c r="TOO723" s="613"/>
      <c r="TOP723" s="613"/>
      <c r="TOQ723" s="613"/>
      <c r="TOR723" s="613"/>
      <c r="TOS723" s="613"/>
      <c r="TOT723" s="613"/>
      <c r="TOU723" s="613"/>
      <c r="TOV723" s="613"/>
      <c r="TOW723" s="613"/>
      <c r="TOX723" s="613"/>
      <c r="TOY723" s="613"/>
      <c r="TOZ723" s="613"/>
      <c r="TPA723" s="613"/>
      <c r="TPB723" s="613"/>
      <c r="TPC723" s="613"/>
      <c r="TPD723" s="613"/>
      <c r="TPE723" s="613"/>
      <c r="TPF723" s="613"/>
      <c r="TPG723" s="613"/>
      <c r="TPH723" s="613"/>
      <c r="TPI723" s="613"/>
      <c r="TPJ723" s="613"/>
      <c r="TPK723" s="613"/>
      <c r="TPL723" s="613"/>
      <c r="TPM723" s="613"/>
      <c r="TPN723" s="613"/>
      <c r="TPO723" s="613"/>
      <c r="TPP723" s="613"/>
      <c r="TPQ723" s="613"/>
      <c r="TPR723" s="613"/>
      <c r="TPS723" s="613"/>
      <c r="TPT723" s="613"/>
      <c r="TPU723" s="613"/>
      <c r="TPV723" s="613"/>
      <c r="TPW723" s="613"/>
      <c r="TPX723" s="613"/>
      <c r="TPY723" s="613"/>
      <c r="TPZ723" s="613"/>
      <c r="TQA723" s="613"/>
      <c r="TQB723" s="613"/>
      <c r="TQC723" s="613"/>
      <c r="TQD723" s="613"/>
      <c r="TQE723" s="613"/>
      <c r="TQF723" s="613"/>
      <c r="TQG723" s="613"/>
      <c r="TQH723" s="613"/>
      <c r="TQI723" s="613"/>
      <c r="TQJ723" s="613"/>
      <c r="TQK723" s="613"/>
      <c r="TQL723" s="613"/>
      <c r="TQM723" s="613"/>
      <c r="TQN723" s="613"/>
      <c r="TQO723" s="613"/>
      <c r="TQP723" s="613"/>
      <c r="TQQ723" s="613"/>
      <c r="TQR723" s="613"/>
      <c r="TQS723" s="613"/>
      <c r="TQT723" s="613"/>
      <c r="TQU723" s="613"/>
      <c r="TQV723" s="613"/>
      <c r="TQW723" s="613"/>
      <c r="TQX723" s="613"/>
      <c r="TQY723" s="613"/>
      <c r="TQZ723" s="613"/>
      <c r="TRA723" s="613"/>
      <c r="TRB723" s="613"/>
      <c r="TRC723" s="613"/>
      <c r="TRD723" s="613"/>
      <c r="TRE723" s="613"/>
      <c r="TRF723" s="613"/>
      <c r="TRG723" s="613"/>
      <c r="TRH723" s="613"/>
      <c r="TRI723" s="613"/>
      <c r="TRJ723" s="613"/>
      <c r="TRK723" s="613"/>
      <c r="TRL723" s="613"/>
      <c r="TRM723" s="613"/>
      <c r="TRN723" s="613"/>
      <c r="TRO723" s="613"/>
      <c r="TRP723" s="613"/>
      <c r="TRQ723" s="613"/>
      <c r="TRR723" s="613"/>
      <c r="TRS723" s="613"/>
      <c r="TRT723" s="613"/>
      <c r="TRU723" s="613"/>
      <c r="TRV723" s="613"/>
      <c r="TRW723" s="613"/>
      <c r="TRX723" s="613"/>
      <c r="TRY723" s="613"/>
      <c r="TRZ723" s="613"/>
      <c r="TSA723" s="613"/>
      <c r="TSB723" s="613"/>
      <c r="TSC723" s="613"/>
      <c r="TSD723" s="613"/>
      <c r="TSE723" s="613"/>
      <c r="TSF723" s="613"/>
      <c r="TSG723" s="613"/>
      <c r="TSH723" s="613"/>
      <c r="TSI723" s="613"/>
      <c r="TSJ723" s="613"/>
      <c r="TSK723" s="613"/>
      <c r="TSL723" s="613"/>
      <c r="TSM723" s="613"/>
      <c r="TSN723" s="613"/>
      <c r="TSO723" s="613"/>
      <c r="TSP723" s="613"/>
      <c r="TSQ723" s="613"/>
      <c r="TSR723" s="613"/>
      <c r="TSS723" s="613"/>
      <c r="TST723" s="613"/>
      <c r="TSU723" s="613"/>
      <c r="TSV723" s="613"/>
      <c r="TSW723" s="613"/>
      <c r="TSX723" s="613"/>
      <c r="TSY723" s="613"/>
      <c r="TSZ723" s="613"/>
      <c r="TTA723" s="613"/>
      <c r="TTB723" s="613"/>
      <c r="TTC723" s="613"/>
      <c r="TTD723" s="613"/>
      <c r="TTE723" s="613"/>
      <c r="TTF723" s="613"/>
      <c r="TTG723" s="613"/>
      <c r="TTH723" s="613"/>
      <c r="TTI723" s="613"/>
      <c r="TTJ723" s="613"/>
      <c r="TTK723" s="613"/>
      <c r="TTL723" s="613"/>
      <c r="TTM723" s="613"/>
      <c r="TTN723" s="613"/>
      <c r="TTO723" s="613"/>
      <c r="TTP723" s="613"/>
      <c r="TTQ723" s="613"/>
      <c r="TTR723" s="613"/>
      <c r="TTS723" s="613"/>
      <c r="TTT723" s="613"/>
      <c r="TTU723" s="613"/>
      <c r="TTV723" s="613"/>
      <c r="TTW723" s="613"/>
      <c r="TTX723" s="613"/>
      <c r="TTY723" s="613"/>
      <c r="TTZ723" s="613"/>
      <c r="TUA723" s="613"/>
      <c r="TUB723" s="613"/>
      <c r="TUC723" s="613"/>
      <c r="TUD723" s="613"/>
      <c r="TUE723" s="613"/>
      <c r="TUF723" s="613"/>
      <c r="TUG723" s="613"/>
      <c r="TUH723" s="613"/>
      <c r="TUI723" s="613"/>
      <c r="TUJ723" s="613"/>
      <c r="TUK723" s="613"/>
      <c r="TUL723" s="613"/>
      <c r="TUM723" s="613"/>
      <c r="TUN723" s="613"/>
      <c r="TUO723" s="613"/>
      <c r="TUP723" s="613"/>
      <c r="TUQ723" s="613"/>
      <c r="TUR723" s="613"/>
      <c r="TUS723" s="613"/>
      <c r="TUT723" s="613"/>
      <c r="TUU723" s="613"/>
      <c r="TUV723" s="613"/>
      <c r="TUW723" s="613"/>
      <c r="TUX723" s="613"/>
      <c r="TUY723" s="613"/>
      <c r="TUZ723" s="613"/>
      <c r="TVA723" s="613"/>
      <c r="TVB723" s="613"/>
      <c r="TVC723" s="613"/>
      <c r="TVD723" s="613"/>
      <c r="TVE723" s="613"/>
      <c r="TVF723" s="613"/>
      <c r="TVG723" s="613"/>
      <c r="TVH723" s="613"/>
      <c r="TVI723" s="613"/>
      <c r="TVJ723" s="613"/>
      <c r="TVK723" s="613"/>
      <c r="TVL723" s="613"/>
      <c r="TVM723" s="613"/>
      <c r="TVN723" s="613"/>
      <c r="TVO723" s="613"/>
      <c r="TVP723" s="613"/>
      <c r="TVQ723" s="613"/>
      <c r="TVR723" s="613"/>
      <c r="TVS723" s="613"/>
      <c r="TVT723" s="613"/>
      <c r="TVU723" s="613"/>
      <c r="TVV723" s="613"/>
      <c r="TVW723" s="613"/>
      <c r="TVX723" s="613"/>
      <c r="TVY723" s="613"/>
      <c r="TVZ723" s="613"/>
      <c r="TWA723" s="613"/>
      <c r="TWB723" s="613"/>
      <c r="TWC723" s="613"/>
      <c r="TWD723" s="613"/>
      <c r="TWE723" s="613"/>
      <c r="TWF723" s="613"/>
      <c r="TWG723" s="613"/>
      <c r="TWH723" s="613"/>
      <c r="TWI723" s="613"/>
      <c r="TWJ723" s="613"/>
      <c r="TWK723" s="613"/>
      <c r="TWL723" s="613"/>
      <c r="TWM723" s="613"/>
      <c r="TWN723" s="613"/>
      <c r="TWO723" s="613"/>
      <c r="TWP723" s="613"/>
      <c r="TWQ723" s="613"/>
      <c r="TWR723" s="613"/>
      <c r="TWS723" s="613"/>
      <c r="TWT723" s="613"/>
      <c r="TWU723" s="613"/>
      <c r="TWV723" s="613"/>
      <c r="TWW723" s="613"/>
      <c r="TWX723" s="613"/>
      <c r="TWY723" s="613"/>
      <c r="TWZ723" s="613"/>
      <c r="TXA723" s="613"/>
      <c r="TXB723" s="613"/>
      <c r="TXC723" s="613"/>
      <c r="TXD723" s="613"/>
      <c r="TXE723" s="613"/>
      <c r="TXF723" s="613"/>
      <c r="TXG723" s="613"/>
      <c r="TXH723" s="613"/>
      <c r="TXI723" s="613"/>
      <c r="TXJ723" s="613"/>
      <c r="TXK723" s="613"/>
      <c r="TXL723" s="613"/>
      <c r="TXM723" s="613"/>
      <c r="TXN723" s="613"/>
      <c r="TXO723" s="613"/>
      <c r="TXP723" s="613"/>
      <c r="TXQ723" s="613"/>
      <c r="TXR723" s="613"/>
      <c r="TXS723" s="613"/>
      <c r="TXT723" s="613"/>
      <c r="TXU723" s="613"/>
      <c r="TXV723" s="613"/>
      <c r="TXW723" s="613"/>
      <c r="TXX723" s="613"/>
      <c r="TXY723" s="613"/>
      <c r="TXZ723" s="613"/>
      <c r="TYA723" s="613"/>
      <c r="TYB723" s="613"/>
      <c r="TYC723" s="613"/>
      <c r="TYD723" s="613"/>
      <c r="TYE723" s="613"/>
      <c r="TYF723" s="613"/>
      <c r="TYG723" s="613"/>
      <c r="TYH723" s="613"/>
      <c r="TYI723" s="613"/>
      <c r="TYJ723" s="613"/>
      <c r="TYK723" s="613"/>
      <c r="TYL723" s="613"/>
      <c r="TYM723" s="613"/>
      <c r="TYN723" s="613"/>
      <c r="TYO723" s="613"/>
      <c r="TYP723" s="613"/>
      <c r="TYQ723" s="613"/>
      <c r="TYR723" s="613"/>
      <c r="TYS723" s="613"/>
      <c r="TYT723" s="613"/>
      <c r="TYU723" s="613"/>
      <c r="TYV723" s="613"/>
      <c r="TYW723" s="613"/>
      <c r="TYX723" s="613"/>
      <c r="TYY723" s="613"/>
      <c r="TYZ723" s="613"/>
      <c r="TZA723" s="613"/>
      <c r="TZB723" s="613"/>
      <c r="TZC723" s="613"/>
      <c r="TZD723" s="613"/>
      <c r="TZE723" s="613"/>
      <c r="TZF723" s="613"/>
      <c r="TZG723" s="613"/>
      <c r="TZH723" s="613"/>
      <c r="TZI723" s="613"/>
      <c r="TZJ723" s="613"/>
      <c r="TZK723" s="613"/>
      <c r="TZL723" s="613"/>
      <c r="TZM723" s="613"/>
      <c r="TZN723" s="613"/>
      <c r="TZO723" s="613"/>
      <c r="TZP723" s="613"/>
      <c r="TZQ723" s="613"/>
      <c r="TZR723" s="613"/>
      <c r="TZS723" s="613"/>
      <c r="TZT723" s="613"/>
      <c r="TZU723" s="613"/>
      <c r="TZV723" s="613"/>
      <c r="TZW723" s="613"/>
      <c r="TZX723" s="613"/>
      <c r="TZY723" s="613"/>
      <c r="TZZ723" s="613"/>
      <c r="UAA723" s="613"/>
      <c r="UAB723" s="613"/>
      <c r="UAC723" s="613"/>
      <c r="UAD723" s="613"/>
      <c r="UAE723" s="613"/>
      <c r="UAF723" s="613"/>
      <c r="UAG723" s="613"/>
      <c r="UAH723" s="613"/>
      <c r="UAI723" s="613"/>
      <c r="UAJ723" s="613"/>
      <c r="UAK723" s="613"/>
      <c r="UAL723" s="613"/>
      <c r="UAM723" s="613"/>
      <c r="UAN723" s="613"/>
      <c r="UAO723" s="613"/>
      <c r="UAP723" s="613"/>
      <c r="UAQ723" s="613"/>
      <c r="UAR723" s="613"/>
      <c r="UAS723" s="613"/>
      <c r="UAT723" s="613"/>
      <c r="UAU723" s="613"/>
      <c r="UAV723" s="613"/>
      <c r="UAW723" s="613"/>
      <c r="UAX723" s="613"/>
      <c r="UAY723" s="613"/>
      <c r="UAZ723" s="613"/>
      <c r="UBA723" s="613"/>
      <c r="UBB723" s="613"/>
      <c r="UBC723" s="613"/>
      <c r="UBD723" s="613"/>
      <c r="UBE723" s="613"/>
      <c r="UBF723" s="613"/>
      <c r="UBG723" s="613"/>
      <c r="UBH723" s="613"/>
      <c r="UBI723" s="613"/>
      <c r="UBJ723" s="613"/>
      <c r="UBK723" s="613"/>
      <c r="UBL723" s="613"/>
      <c r="UBM723" s="613"/>
      <c r="UBN723" s="613"/>
      <c r="UBO723" s="613"/>
      <c r="UBP723" s="613"/>
      <c r="UBQ723" s="613"/>
      <c r="UBR723" s="613"/>
      <c r="UBS723" s="613"/>
      <c r="UBT723" s="613"/>
      <c r="UBU723" s="613"/>
      <c r="UBV723" s="613"/>
      <c r="UBW723" s="613"/>
      <c r="UBX723" s="613"/>
      <c r="UBY723" s="613"/>
      <c r="UBZ723" s="613"/>
      <c r="UCA723" s="613"/>
      <c r="UCB723" s="613"/>
      <c r="UCC723" s="613"/>
      <c r="UCD723" s="613"/>
      <c r="UCE723" s="613"/>
      <c r="UCF723" s="613"/>
      <c r="UCG723" s="613"/>
      <c r="UCH723" s="613"/>
      <c r="UCI723" s="613"/>
      <c r="UCJ723" s="613"/>
      <c r="UCK723" s="613"/>
      <c r="UCL723" s="613"/>
      <c r="UCM723" s="613"/>
      <c r="UCN723" s="613"/>
      <c r="UCO723" s="613"/>
      <c r="UCP723" s="613"/>
      <c r="UCQ723" s="613"/>
      <c r="UCR723" s="613"/>
      <c r="UCS723" s="613"/>
      <c r="UCT723" s="613"/>
      <c r="UCU723" s="613"/>
      <c r="UCV723" s="613"/>
      <c r="UCW723" s="613"/>
      <c r="UCX723" s="613"/>
      <c r="UCY723" s="613"/>
      <c r="UCZ723" s="613"/>
      <c r="UDA723" s="613"/>
      <c r="UDB723" s="613"/>
      <c r="UDC723" s="613"/>
      <c r="UDD723" s="613"/>
      <c r="UDE723" s="613"/>
      <c r="UDF723" s="613"/>
      <c r="UDG723" s="613"/>
      <c r="UDH723" s="613"/>
      <c r="UDI723" s="613"/>
      <c r="UDJ723" s="613"/>
      <c r="UDK723" s="613"/>
      <c r="UDL723" s="613"/>
      <c r="UDM723" s="613"/>
      <c r="UDN723" s="613"/>
      <c r="UDO723" s="613"/>
      <c r="UDP723" s="613"/>
      <c r="UDQ723" s="613"/>
      <c r="UDR723" s="613"/>
      <c r="UDS723" s="613"/>
      <c r="UDT723" s="613"/>
      <c r="UDU723" s="613"/>
      <c r="UDV723" s="613"/>
      <c r="UDW723" s="613"/>
      <c r="UDX723" s="613"/>
      <c r="UDY723" s="613"/>
      <c r="UDZ723" s="613"/>
      <c r="UEA723" s="613"/>
      <c r="UEB723" s="613"/>
      <c r="UEC723" s="613"/>
      <c r="UED723" s="613"/>
      <c r="UEE723" s="613"/>
      <c r="UEF723" s="613"/>
      <c r="UEG723" s="613"/>
      <c r="UEH723" s="613"/>
      <c r="UEI723" s="613"/>
      <c r="UEJ723" s="613"/>
      <c r="UEK723" s="613"/>
      <c r="UEL723" s="613"/>
      <c r="UEM723" s="613"/>
      <c r="UEN723" s="613"/>
      <c r="UEO723" s="613"/>
      <c r="UEP723" s="613"/>
      <c r="UEQ723" s="613"/>
      <c r="UER723" s="613"/>
      <c r="UES723" s="613"/>
      <c r="UET723" s="613"/>
      <c r="UEU723" s="613"/>
      <c r="UEV723" s="613"/>
      <c r="UEW723" s="613"/>
      <c r="UEX723" s="613"/>
      <c r="UEY723" s="613"/>
      <c r="UEZ723" s="613"/>
      <c r="UFA723" s="613"/>
      <c r="UFB723" s="613"/>
      <c r="UFC723" s="613"/>
      <c r="UFD723" s="613"/>
      <c r="UFE723" s="613"/>
      <c r="UFF723" s="613"/>
      <c r="UFG723" s="613"/>
      <c r="UFH723" s="613"/>
      <c r="UFI723" s="613"/>
      <c r="UFJ723" s="613"/>
      <c r="UFK723" s="613"/>
      <c r="UFL723" s="613"/>
      <c r="UFM723" s="613"/>
      <c r="UFN723" s="613"/>
      <c r="UFO723" s="613"/>
      <c r="UFP723" s="613"/>
      <c r="UFQ723" s="613"/>
      <c r="UFR723" s="613"/>
      <c r="UFS723" s="613"/>
      <c r="UFT723" s="613"/>
      <c r="UFU723" s="613"/>
      <c r="UFV723" s="613"/>
      <c r="UFW723" s="613"/>
      <c r="UFX723" s="613"/>
      <c r="UFY723" s="613"/>
      <c r="UFZ723" s="613"/>
      <c r="UGA723" s="613"/>
      <c r="UGB723" s="613"/>
      <c r="UGC723" s="613"/>
      <c r="UGD723" s="613"/>
      <c r="UGE723" s="613"/>
      <c r="UGF723" s="613"/>
      <c r="UGG723" s="613"/>
      <c r="UGH723" s="613"/>
      <c r="UGI723" s="613"/>
      <c r="UGJ723" s="613"/>
      <c r="UGK723" s="613"/>
      <c r="UGL723" s="613"/>
      <c r="UGM723" s="613"/>
      <c r="UGN723" s="613"/>
      <c r="UGO723" s="613"/>
      <c r="UGP723" s="613"/>
      <c r="UGQ723" s="613"/>
      <c r="UGR723" s="613"/>
      <c r="UGS723" s="613"/>
      <c r="UGT723" s="613"/>
      <c r="UGU723" s="613"/>
      <c r="UGV723" s="613"/>
      <c r="UGW723" s="613"/>
      <c r="UGX723" s="613"/>
      <c r="UGY723" s="613"/>
      <c r="UGZ723" s="613"/>
      <c r="UHA723" s="613"/>
      <c r="UHB723" s="613"/>
      <c r="UHC723" s="613"/>
      <c r="UHD723" s="613"/>
      <c r="UHE723" s="613"/>
      <c r="UHF723" s="613"/>
      <c r="UHG723" s="613"/>
      <c r="UHH723" s="613"/>
      <c r="UHI723" s="613"/>
      <c r="UHJ723" s="613"/>
      <c r="UHK723" s="613"/>
      <c r="UHL723" s="613"/>
      <c r="UHM723" s="613"/>
      <c r="UHN723" s="613"/>
      <c r="UHO723" s="613"/>
      <c r="UHP723" s="613"/>
      <c r="UHQ723" s="613"/>
      <c r="UHR723" s="613"/>
      <c r="UHS723" s="613"/>
      <c r="UHT723" s="613"/>
      <c r="UHU723" s="613"/>
      <c r="UHV723" s="613"/>
      <c r="UHW723" s="613"/>
      <c r="UHX723" s="613"/>
      <c r="UHY723" s="613"/>
      <c r="UHZ723" s="613"/>
      <c r="UIA723" s="613"/>
      <c r="UIB723" s="613"/>
      <c r="UIC723" s="613"/>
      <c r="UID723" s="613"/>
      <c r="UIE723" s="613"/>
      <c r="UIF723" s="613"/>
      <c r="UIG723" s="613"/>
      <c r="UIH723" s="613"/>
      <c r="UII723" s="613"/>
      <c r="UIJ723" s="613"/>
      <c r="UIK723" s="613"/>
      <c r="UIL723" s="613"/>
      <c r="UIM723" s="613"/>
      <c r="UIN723" s="613"/>
      <c r="UIO723" s="613"/>
      <c r="UIP723" s="613"/>
      <c r="UIQ723" s="613"/>
      <c r="UIR723" s="613"/>
      <c r="UIS723" s="613"/>
      <c r="UIT723" s="613"/>
      <c r="UIU723" s="613"/>
      <c r="UIV723" s="613"/>
      <c r="UIW723" s="613"/>
      <c r="UIX723" s="613"/>
      <c r="UIY723" s="613"/>
      <c r="UIZ723" s="613"/>
      <c r="UJA723" s="613"/>
      <c r="UJB723" s="613"/>
      <c r="UJC723" s="613"/>
      <c r="UJD723" s="613"/>
      <c r="UJE723" s="613"/>
      <c r="UJF723" s="613"/>
      <c r="UJG723" s="613"/>
      <c r="UJH723" s="613"/>
      <c r="UJI723" s="613"/>
      <c r="UJJ723" s="613"/>
      <c r="UJK723" s="613"/>
      <c r="UJL723" s="613"/>
      <c r="UJM723" s="613"/>
      <c r="UJN723" s="613"/>
      <c r="UJO723" s="613"/>
      <c r="UJP723" s="613"/>
      <c r="UJQ723" s="613"/>
      <c r="UJR723" s="613"/>
      <c r="UJS723" s="613"/>
      <c r="UJT723" s="613"/>
      <c r="UJU723" s="613"/>
      <c r="UJV723" s="613"/>
      <c r="UJW723" s="613"/>
      <c r="UJX723" s="613"/>
      <c r="UJY723" s="613"/>
      <c r="UJZ723" s="613"/>
      <c r="UKA723" s="613"/>
      <c r="UKB723" s="613"/>
      <c r="UKC723" s="613"/>
      <c r="UKD723" s="613"/>
      <c r="UKE723" s="613"/>
      <c r="UKF723" s="613"/>
      <c r="UKG723" s="613"/>
      <c r="UKH723" s="613"/>
      <c r="UKI723" s="613"/>
      <c r="UKJ723" s="613"/>
      <c r="UKK723" s="613"/>
      <c r="UKL723" s="613"/>
      <c r="UKM723" s="613"/>
      <c r="UKN723" s="613"/>
      <c r="UKO723" s="613"/>
      <c r="UKP723" s="613"/>
      <c r="UKQ723" s="613"/>
      <c r="UKR723" s="613"/>
      <c r="UKS723" s="613"/>
      <c r="UKT723" s="613"/>
      <c r="UKU723" s="613"/>
      <c r="UKV723" s="613"/>
      <c r="UKW723" s="613"/>
      <c r="UKX723" s="613"/>
      <c r="UKY723" s="613"/>
      <c r="UKZ723" s="613"/>
      <c r="ULA723" s="613"/>
      <c r="ULB723" s="613"/>
      <c r="ULC723" s="613"/>
      <c r="ULD723" s="613"/>
      <c r="ULE723" s="613"/>
      <c r="ULF723" s="613"/>
      <c r="ULG723" s="613"/>
      <c r="ULH723" s="613"/>
      <c r="ULI723" s="613"/>
      <c r="ULJ723" s="613"/>
      <c r="ULK723" s="613"/>
      <c r="ULL723" s="613"/>
      <c r="ULM723" s="613"/>
      <c r="ULN723" s="613"/>
      <c r="ULO723" s="613"/>
      <c r="ULP723" s="613"/>
      <c r="ULQ723" s="613"/>
      <c r="ULR723" s="613"/>
      <c r="ULS723" s="613"/>
      <c r="ULT723" s="613"/>
      <c r="ULU723" s="613"/>
      <c r="ULV723" s="613"/>
      <c r="ULW723" s="613"/>
      <c r="ULX723" s="613"/>
      <c r="ULY723" s="613"/>
      <c r="ULZ723" s="613"/>
      <c r="UMA723" s="613"/>
      <c r="UMB723" s="613"/>
      <c r="UMC723" s="613"/>
      <c r="UMD723" s="613"/>
      <c r="UME723" s="613"/>
      <c r="UMF723" s="613"/>
      <c r="UMG723" s="613"/>
      <c r="UMH723" s="613"/>
      <c r="UMI723" s="613"/>
      <c r="UMJ723" s="613"/>
      <c r="UMK723" s="613"/>
      <c r="UML723" s="613"/>
      <c r="UMM723" s="613"/>
      <c r="UMN723" s="613"/>
      <c r="UMO723" s="613"/>
      <c r="UMP723" s="613"/>
      <c r="UMQ723" s="613"/>
      <c r="UMR723" s="613"/>
      <c r="UMS723" s="613"/>
      <c r="UMT723" s="613"/>
      <c r="UMU723" s="613"/>
      <c r="UMV723" s="613"/>
      <c r="UMW723" s="613"/>
      <c r="UMX723" s="613"/>
      <c r="UMY723" s="613"/>
      <c r="UMZ723" s="613"/>
      <c r="UNA723" s="613"/>
      <c r="UNB723" s="613"/>
      <c r="UNC723" s="613"/>
      <c r="UND723" s="613"/>
      <c r="UNE723" s="613"/>
      <c r="UNF723" s="613"/>
      <c r="UNG723" s="613"/>
      <c r="UNH723" s="613"/>
      <c r="UNI723" s="613"/>
      <c r="UNJ723" s="613"/>
      <c r="UNK723" s="613"/>
      <c r="UNL723" s="613"/>
      <c r="UNM723" s="613"/>
      <c r="UNN723" s="613"/>
      <c r="UNO723" s="613"/>
      <c r="UNP723" s="613"/>
      <c r="UNQ723" s="613"/>
      <c r="UNR723" s="613"/>
      <c r="UNS723" s="613"/>
      <c r="UNT723" s="613"/>
      <c r="UNU723" s="613"/>
      <c r="UNV723" s="613"/>
      <c r="UNW723" s="613"/>
      <c r="UNX723" s="613"/>
      <c r="UNY723" s="613"/>
      <c r="UNZ723" s="613"/>
      <c r="UOA723" s="613"/>
      <c r="UOB723" s="613"/>
      <c r="UOC723" s="613"/>
      <c r="UOD723" s="613"/>
      <c r="UOE723" s="613"/>
      <c r="UOF723" s="613"/>
      <c r="UOG723" s="613"/>
      <c r="UOH723" s="613"/>
      <c r="UOI723" s="613"/>
      <c r="UOJ723" s="613"/>
      <c r="UOK723" s="613"/>
      <c r="UOL723" s="613"/>
      <c r="UOM723" s="613"/>
      <c r="UON723" s="613"/>
      <c r="UOO723" s="613"/>
      <c r="UOP723" s="613"/>
      <c r="UOQ723" s="613"/>
      <c r="UOR723" s="613"/>
      <c r="UOS723" s="613"/>
      <c r="UOT723" s="613"/>
      <c r="UOU723" s="613"/>
      <c r="UOV723" s="613"/>
      <c r="UOW723" s="613"/>
      <c r="UOX723" s="613"/>
      <c r="UOY723" s="613"/>
      <c r="UOZ723" s="613"/>
      <c r="UPA723" s="613"/>
      <c r="UPB723" s="613"/>
      <c r="UPC723" s="613"/>
      <c r="UPD723" s="613"/>
      <c r="UPE723" s="613"/>
      <c r="UPF723" s="613"/>
      <c r="UPG723" s="613"/>
      <c r="UPH723" s="613"/>
      <c r="UPI723" s="613"/>
      <c r="UPJ723" s="613"/>
      <c r="UPK723" s="613"/>
      <c r="UPL723" s="613"/>
      <c r="UPM723" s="613"/>
      <c r="UPN723" s="613"/>
      <c r="UPO723" s="613"/>
      <c r="UPP723" s="613"/>
      <c r="UPQ723" s="613"/>
      <c r="UPR723" s="613"/>
      <c r="UPS723" s="613"/>
      <c r="UPT723" s="613"/>
      <c r="UPU723" s="613"/>
      <c r="UPV723" s="613"/>
      <c r="UPW723" s="613"/>
      <c r="UPX723" s="613"/>
      <c r="UPY723" s="613"/>
      <c r="UPZ723" s="613"/>
      <c r="UQA723" s="613"/>
      <c r="UQB723" s="613"/>
      <c r="UQC723" s="613"/>
      <c r="UQD723" s="613"/>
      <c r="UQE723" s="613"/>
      <c r="UQF723" s="613"/>
      <c r="UQG723" s="613"/>
      <c r="UQH723" s="613"/>
      <c r="UQI723" s="613"/>
      <c r="UQJ723" s="613"/>
      <c r="UQK723" s="613"/>
      <c r="UQL723" s="613"/>
      <c r="UQM723" s="613"/>
      <c r="UQN723" s="613"/>
      <c r="UQO723" s="613"/>
      <c r="UQP723" s="613"/>
      <c r="UQQ723" s="613"/>
      <c r="UQR723" s="613"/>
      <c r="UQS723" s="613"/>
      <c r="UQT723" s="613"/>
      <c r="UQU723" s="613"/>
      <c r="UQV723" s="613"/>
      <c r="UQW723" s="613"/>
      <c r="UQX723" s="613"/>
      <c r="UQY723" s="613"/>
      <c r="UQZ723" s="613"/>
      <c r="URA723" s="613"/>
      <c r="URB723" s="613"/>
      <c r="URC723" s="613"/>
      <c r="URD723" s="613"/>
      <c r="URE723" s="613"/>
      <c r="URF723" s="613"/>
      <c r="URG723" s="613"/>
      <c r="URH723" s="613"/>
      <c r="URI723" s="613"/>
      <c r="URJ723" s="613"/>
      <c r="URK723" s="613"/>
      <c r="URL723" s="613"/>
      <c r="URM723" s="613"/>
      <c r="URN723" s="613"/>
      <c r="URO723" s="613"/>
      <c r="URP723" s="613"/>
      <c r="URQ723" s="613"/>
      <c r="URR723" s="613"/>
      <c r="URS723" s="613"/>
      <c r="URT723" s="613"/>
      <c r="URU723" s="613"/>
      <c r="URV723" s="613"/>
      <c r="URW723" s="613"/>
      <c r="URX723" s="613"/>
      <c r="URY723" s="613"/>
      <c r="URZ723" s="613"/>
      <c r="USA723" s="613"/>
      <c r="USB723" s="613"/>
      <c r="USC723" s="613"/>
      <c r="USD723" s="613"/>
      <c r="USE723" s="613"/>
      <c r="USF723" s="613"/>
      <c r="USG723" s="613"/>
      <c r="USH723" s="613"/>
      <c r="USI723" s="613"/>
      <c r="USJ723" s="613"/>
      <c r="USK723" s="613"/>
      <c r="USL723" s="613"/>
      <c r="USM723" s="613"/>
      <c r="USN723" s="613"/>
      <c r="USO723" s="613"/>
      <c r="USP723" s="613"/>
      <c r="USQ723" s="613"/>
      <c r="USR723" s="613"/>
      <c r="USS723" s="613"/>
      <c r="UST723" s="613"/>
      <c r="USU723" s="613"/>
      <c r="USV723" s="613"/>
      <c r="USW723" s="613"/>
      <c r="USX723" s="613"/>
      <c r="USY723" s="613"/>
      <c r="USZ723" s="613"/>
      <c r="UTA723" s="613"/>
      <c r="UTB723" s="613"/>
      <c r="UTC723" s="613"/>
      <c r="UTD723" s="613"/>
      <c r="UTE723" s="613"/>
      <c r="UTF723" s="613"/>
      <c r="UTG723" s="613"/>
      <c r="UTH723" s="613"/>
      <c r="UTI723" s="613"/>
      <c r="UTJ723" s="613"/>
      <c r="UTK723" s="613"/>
      <c r="UTL723" s="613"/>
      <c r="UTM723" s="613"/>
      <c r="UTN723" s="613"/>
      <c r="UTO723" s="613"/>
      <c r="UTP723" s="613"/>
      <c r="UTQ723" s="613"/>
      <c r="UTR723" s="613"/>
      <c r="UTS723" s="613"/>
      <c r="UTT723" s="613"/>
      <c r="UTU723" s="613"/>
      <c r="UTV723" s="613"/>
      <c r="UTW723" s="613"/>
      <c r="UTX723" s="613"/>
      <c r="UTY723" s="613"/>
      <c r="UTZ723" s="613"/>
      <c r="UUA723" s="613"/>
      <c r="UUB723" s="613"/>
      <c r="UUC723" s="613"/>
      <c r="UUD723" s="613"/>
      <c r="UUE723" s="613"/>
      <c r="UUF723" s="613"/>
      <c r="UUG723" s="613"/>
      <c r="UUH723" s="613"/>
      <c r="UUI723" s="613"/>
      <c r="UUJ723" s="613"/>
      <c r="UUK723" s="613"/>
      <c r="UUL723" s="613"/>
      <c r="UUM723" s="613"/>
      <c r="UUN723" s="613"/>
      <c r="UUO723" s="613"/>
      <c r="UUP723" s="613"/>
      <c r="UUQ723" s="613"/>
      <c r="UUR723" s="613"/>
      <c r="UUS723" s="613"/>
      <c r="UUT723" s="613"/>
      <c r="UUU723" s="613"/>
      <c r="UUV723" s="613"/>
      <c r="UUW723" s="613"/>
      <c r="UUX723" s="613"/>
      <c r="UUY723" s="613"/>
      <c r="UUZ723" s="613"/>
      <c r="UVA723" s="613"/>
      <c r="UVB723" s="613"/>
      <c r="UVC723" s="613"/>
      <c r="UVD723" s="613"/>
      <c r="UVE723" s="613"/>
      <c r="UVF723" s="613"/>
      <c r="UVG723" s="613"/>
      <c r="UVH723" s="613"/>
      <c r="UVI723" s="613"/>
      <c r="UVJ723" s="613"/>
      <c r="UVK723" s="613"/>
      <c r="UVL723" s="613"/>
      <c r="UVM723" s="613"/>
      <c r="UVN723" s="613"/>
      <c r="UVO723" s="613"/>
      <c r="UVP723" s="613"/>
      <c r="UVQ723" s="613"/>
      <c r="UVR723" s="613"/>
      <c r="UVS723" s="613"/>
      <c r="UVT723" s="613"/>
      <c r="UVU723" s="613"/>
      <c r="UVV723" s="613"/>
      <c r="UVW723" s="613"/>
      <c r="UVX723" s="613"/>
      <c r="UVY723" s="613"/>
      <c r="UVZ723" s="613"/>
      <c r="UWA723" s="613"/>
      <c r="UWB723" s="613"/>
      <c r="UWC723" s="613"/>
      <c r="UWD723" s="613"/>
      <c r="UWE723" s="613"/>
      <c r="UWF723" s="613"/>
      <c r="UWG723" s="613"/>
      <c r="UWH723" s="613"/>
      <c r="UWI723" s="613"/>
      <c r="UWJ723" s="613"/>
      <c r="UWK723" s="613"/>
      <c r="UWL723" s="613"/>
      <c r="UWM723" s="613"/>
      <c r="UWN723" s="613"/>
      <c r="UWO723" s="613"/>
      <c r="UWP723" s="613"/>
      <c r="UWQ723" s="613"/>
      <c r="UWR723" s="613"/>
      <c r="UWS723" s="613"/>
      <c r="UWT723" s="613"/>
      <c r="UWU723" s="613"/>
      <c r="UWV723" s="613"/>
      <c r="UWW723" s="613"/>
      <c r="UWX723" s="613"/>
      <c r="UWY723" s="613"/>
      <c r="UWZ723" s="613"/>
      <c r="UXA723" s="613"/>
      <c r="UXB723" s="613"/>
      <c r="UXC723" s="613"/>
      <c r="UXD723" s="613"/>
      <c r="UXE723" s="613"/>
      <c r="UXF723" s="613"/>
      <c r="UXG723" s="613"/>
      <c r="UXH723" s="613"/>
      <c r="UXI723" s="613"/>
      <c r="UXJ723" s="613"/>
      <c r="UXK723" s="613"/>
      <c r="UXL723" s="613"/>
      <c r="UXM723" s="613"/>
      <c r="UXN723" s="613"/>
      <c r="UXO723" s="613"/>
      <c r="UXP723" s="613"/>
      <c r="UXQ723" s="613"/>
      <c r="UXR723" s="613"/>
      <c r="UXS723" s="613"/>
      <c r="UXT723" s="613"/>
      <c r="UXU723" s="613"/>
      <c r="UXV723" s="613"/>
      <c r="UXW723" s="613"/>
      <c r="UXX723" s="613"/>
      <c r="UXY723" s="613"/>
      <c r="UXZ723" s="613"/>
      <c r="UYA723" s="613"/>
      <c r="UYB723" s="613"/>
      <c r="UYC723" s="613"/>
      <c r="UYD723" s="613"/>
      <c r="UYE723" s="613"/>
      <c r="UYF723" s="613"/>
      <c r="UYG723" s="613"/>
      <c r="UYH723" s="613"/>
      <c r="UYI723" s="613"/>
      <c r="UYJ723" s="613"/>
      <c r="UYK723" s="613"/>
      <c r="UYL723" s="613"/>
      <c r="UYM723" s="613"/>
      <c r="UYN723" s="613"/>
      <c r="UYO723" s="613"/>
      <c r="UYP723" s="613"/>
      <c r="UYQ723" s="613"/>
      <c r="UYR723" s="613"/>
      <c r="UYS723" s="613"/>
      <c r="UYT723" s="613"/>
      <c r="UYU723" s="613"/>
      <c r="UYV723" s="613"/>
      <c r="UYW723" s="613"/>
      <c r="UYX723" s="613"/>
      <c r="UYY723" s="613"/>
      <c r="UYZ723" s="613"/>
      <c r="UZA723" s="613"/>
      <c r="UZB723" s="613"/>
      <c r="UZC723" s="613"/>
      <c r="UZD723" s="613"/>
      <c r="UZE723" s="613"/>
      <c r="UZF723" s="613"/>
      <c r="UZG723" s="613"/>
      <c r="UZH723" s="613"/>
      <c r="UZI723" s="613"/>
      <c r="UZJ723" s="613"/>
      <c r="UZK723" s="613"/>
      <c r="UZL723" s="613"/>
      <c r="UZM723" s="613"/>
      <c r="UZN723" s="613"/>
      <c r="UZO723" s="613"/>
      <c r="UZP723" s="613"/>
      <c r="UZQ723" s="613"/>
      <c r="UZR723" s="613"/>
      <c r="UZS723" s="613"/>
      <c r="UZT723" s="613"/>
      <c r="UZU723" s="613"/>
      <c r="UZV723" s="613"/>
      <c r="UZW723" s="613"/>
      <c r="UZX723" s="613"/>
      <c r="UZY723" s="613"/>
      <c r="UZZ723" s="613"/>
      <c r="VAA723" s="613"/>
      <c r="VAB723" s="613"/>
      <c r="VAC723" s="613"/>
      <c r="VAD723" s="613"/>
      <c r="VAE723" s="613"/>
      <c r="VAF723" s="613"/>
      <c r="VAG723" s="613"/>
      <c r="VAH723" s="613"/>
      <c r="VAI723" s="613"/>
      <c r="VAJ723" s="613"/>
      <c r="VAK723" s="613"/>
      <c r="VAL723" s="613"/>
      <c r="VAM723" s="613"/>
      <c r="VAN723" s="613"/>
      <c r="VAO723" s="613"/>
      <c r="VAP723" s="613"/>
      <c r="VAQ723" s="613"/>
      <c r="VAR723" s="613"/>
      <c r="VAS723" s="613"/>
      <c r="VAT723" s="613"/>
      <c r="VAU723" s="613"/>
      <c r="VAV723" s="613"/>
      <c r="VAW723" s="613"/>
      <c r="VAX723" s="613"/>
      <c r="VAY723" s="613"/>
      <c r="VAZ723" s="613"/>
      <c r="VBA723" s="613"/>
      <c r="VBB723" s="613"/>
      <c r="VBC723" s="613"/>
      <c r="VBD723" s="613"/>
      <c r="VBE723" s="613"/>
      <c r="VBF723" s="613"/>
      <c r="VBG723" s="613"/>
      <c r="VBH723" s="613"/>
      <c r="VBI723" s="613"/>
      <c r="VBJ723" s="613"/>
      <c r="VBK723" s="613"/>
      <c r="VBL723" s="613"/>
      <c r="VBM723" s="613"/>
      <c r="VBN723" s="613"/>
      <c r="VBO723" s="613"/>
      <c r="VBP723" s="613"/>
      <c r="VBQ723" s="613"/>
      <c r="VBR723" s="613"/>
      <c r="VBS723" s="613"/>
      <c r="VBT723" s="613"/>
      <c r="VBU723" s="613"/>
      <c r="VBV723" s="613"/>
      <c r="VBW723" s="613"/>
      <c r="VBX723" s="613"/>
      <c r="VBY723" s="613"/>
      <c r="VBZ723" s="613"/>
      <c r="VCA723" s="613"/>
      <c r="VCB723" s="613"/>
      <c r="VCC723" s="613"/>
      <c r="VCD723" s="613"/>
      <c r="VCE723" s="613"/>
      <c r="VCF723" s="613"/>
      <c r="VCG723" s="613"/>
      <c r="VCH723" s="613"/>
      <c r="VCI723" s="613"/>
      <c r="VCJ723" s="613"/>
      <c r="VCK723" s="613"/>
      <c r="VCL723" s="613"/>
      <c r="VCM723" s="613"/>
      <c r="VCN723" s="613"/>
      <c r="VCO723" s="613"/>
      <c r="VCP723" s="613"/>
      <c r="VCQ723" s="613"/>
      <c r="VCR723" s="613"/>
      <c r="VCS723" s="613"/>
      <c r="VCT723" s="613"/>
      <c r="VCU723" s="613"/>
      <c r="VCV723" s="613"/>
      <c r="VCW723" s="613"/>
      <c r="VCX723" s="613"/>
      <c r="VCY723" s="613"/>
      <c r="VCZ723" s="613"/>
      <c r="VDA723" s="613"/>
      <c r="VDB723" s="613"/>
      <c r="VDC723" s="613"/>
      <c r="VDD723" s="613"/>
      <c r="VDE723" s="613"/>
      <c r="VDF723" s="613"/>
      <c r="VDG723" s="613"/>
      <c r="VDH723" s="613"/>
      <c r="VDI723" s="613"/>
      <c r="VDJ723" s="613"/>
      <c r="VDK723" s="613"/>
      <c r="VDL723" s="613"/>
      <c r="VDM723" s="613"/>
      <c r="VDN723" s="613"/>
      <c r="VDO723" s="613"/>
      <c r="VDP723" s="613"/>
      <c r="VDQ723" s="613"/>
      <c r="VDR723" s="613"/>
      <c r="VDS723" s="613"/>
      <c r="VDT723" s="613"/>
      <c r="VDU723" s="613"/>
      <c r="VDV723" s="613"/>
      <c r="VDW723" s="613"/>
      <c r="VDX723" s="613"/>
      <c r="VDY723" s="613"/>
      <c r="VDZ723" s="613"/>
      <c r="VEA723" s="613"/>
      <c r="VEB723" s="613"/>
      <c r="VEC723" s="613"/>
      <c r="VED723" s="613"/>
      <c r="VEE723" s="613"/>
      <c r="VEF723" s="613"/>
      <c r="VEG723" s="613"/>
      <c r="VEH723" s="613"/>
      <c r="VEI723" s="613"/>
      <c r="VEJ723" s="613"/>
      <c r="VEK723" s="613"/>
      <c r="VEL723" s="613"/>
      <c r="VEM723" s="613"/>
      <c r="VEN723" s="613"/>
      <c r="VEO723" s="613"/>
      <c r="VEP723" s="613"/>
      <c r="VEQ723" s="613"/>
      <c r="VER723" s="613"/>
      <c r="VES723" s="613"/>
      <c r="VET723" s="613"/>
      <c r="VEU723" s="613"/>
      <c r="VEV723" s="613"/>
      <c r="VEW723" s="613"/>
      <c r="VEX723" s="613"/>
      <c r="VEY723" s="613"/>
      <c r="VEZ723" s="613"/>
      <c r="VFA723" s="613"/>
      <c r="VFB723" s="613"/>
      <c r="VFC723" s="613"/>
      <c r="VFD723" s="613"/>
      <c r="VFE723" s="613"/>
      <c r="VFF723" s="613"/>
      <c r="VFG723" s="613"/>
      <c r="VFH723" s="613"/>
      <c r="VFI723" s="613"/>
      <c r="VFJ723" s="613"/>
      <c r="VFK723" s="613"/>
      <c r="VFL723" s="613"/>
      <c r="VFM723" s="613"/>
      <c r="VFN723" s="613"/>
      <c r="VFO723" s="613"/>
      <c r="VFP723" s="613"/>
      <c r="VFQ723" s="613"/>
      <c r="VFR723" s="613"/>
      <c r="VFS723" s="613"/>
      <c r="VFT723" s="613"/>
      <c r="VFU723" s="613"/>
      <c r="VFV723" s="613"/>
      <c r="VFW723" s="613"/>
      <c r="VFX723" s="613"/>
      <c r="VFY723" s="613"/>
      <c r="VFZ723" s="613"/>
      <c r="VGA723" s="613"/>
      <c r="VGB723" s="613"/>
      <c r="VGC723" s="613"/>
      <c r="VGD723" s="613"/>
      <c r="VGE723" s="613"/>
      <c r="VGF723" s="613"/>
      <c r="VGG723" s="613"/>
      <c r="VGH723" s="613"/>
      <c r="VGI723" s="613"/>
      <c r="VGJ723" s="613"/>
      <c r="VGK723" s="613"/>
      <c r="VGL723" s="613"/>
      <c r="VGM723" s="613"/>
      <c r="VGN723" s="613"/>
      <c r="VGO723" s="613"/>
      <c r="VGP723" s="613"/>
      <c r="VGQ723" s="613"/>
      <c r="VGR723" s="613"/>
      <c r="VGS723" s="613"/>
      <c r="VGT723" s="613"/>
      <c r="VGU723" s="613"/>
      <c r="VGV723" s="613"/>
      <c r="VGW723" s="613"/>
      <c r="VGX723" s="613"/>
      <c r="VGY723" s="613"/>
      <c r="VGZ723" s="613"/>
      <c r="VHA723" s="613"/>
      <c r="VHB723" s="613"/>
      <c r="VHC723" s="613"/>
      <c r="VHD723" s="613"/>
      <c r="VHE723" s="613"/>
      <c r="VHF723" s="613"/>
      <c r="VHG723" s="613"/>
      <c r="VHH723" s="613"/>
      <c r="VHI723" s="613"/>
      <c r="VHJ723" s="613"/>
      <c r="VHK723" s="613"/>
      <c r="VHL723" s="613"/>
      <c r="VHM723" s="613"/>
      <c r="VHN723" s="613"/>
      <c r="VHO723" s="613"/>
      <c r="VHP723" s="613"/>
      <c r="VHQ723" s="613"/>
      <c r="VHR723" s="613"/>
      <c r="VHS723" s="613"/>
      <c r="VHT723" s="613"/>
      <c r="VHU723" s="613"/>
      <c r="VHV723" s="613"/>
      <c r="VHW723" s="613"/>
      <c r="VHX723" s="613"/>
      <c r="VHY723" s="613"/>
      <c r="VHZ723" s="613"/>
      <c r="VIA723" s="613"/>
      <c r="VIB723" s="613"/>
      <c r="VIC723" s="613"/>
      <c r="VID723" s="613"/>
      <c r="VIE723" s="613"/>
      <c r="VIF723" s="613"/>
      <c r="VIG723" s="613"/>
      <c r="VIH723" s="613"/>
      <c r="VII723" s="613"/>
      <c r="VIJ723" s="613"/>
      <c r="VIK723" s="613"/>
      <c r="VIL723" s="613"/>
      <c r="VIM723" s="613"/>
      <c r="VIN723" s="613"/>
      <c r="VIO723" s="613"/>
      <c r="VIP723" s="613"/>
      <c r="VIQ723" s="613"/>
      <c r="VIR723" s="613"/>
      <c r="VIS723" s="613"/>
      <c r="VIT723" s="613"/>
      <c r="VIU723" s="613"/>
      <c r="VIV723" s="613"/>
      <c r="VIW723" s="613"/>
      <c r="VIX723" s="613"/>
      <c r="VIY723" s="613"/>
      <c r="VIZ723" s="613"/>
      <c r="VJA723" s="613"/>
      <c r="VJB723" s="613"/>
      <c r="VJC723" s="613"/>
      <c r="VJD723" s="613"/>
      <c r="VJE723" s="613"/>
      <c r="VJF723" s="613"/>
      <c r="VJG723" s="613"/>
      <c r="VJH723" s="613"/>
      <c r="VJI723" s="613"/>
      <c r="VJJ723" s="613"/>
      <c r="VJK723" s="613"/>
      <c r="VJL723" s="613"/>
      <c r="VJM723" s="613"/>
      <c r="VJN723" s="613"/>
      <c r="VJO723" s="613"/>
      <c r="VJP723" s="613"/>
      <c r="VJQ723" s="613"/>
      <c r="VJR723" s="613"/>
      <c r="VJS723" s="613"/>
      <c r="VJT723" s="613"/>
      <c r="VJU723" s="613"/>
      <c r="VJV723" s="613"/>
      <c r="VJW723" s="613"/>
      <c r="VJX723" s="613"/>
      <c r="VJY723" s="613"/>
      <c r="VJZ723" s="613"/>
      <c r="VKA723" s="613"/>
      <c r="VKB723" s="613"/>
      <c r="VKC723" s="613"/>
      <c r="VKD723" s="613"/>
      <c r="VKE723" s="613"/>
      <c r="VKF723" s="613"/>
      <c r="VKG723" s="613"/>
      <c r="VKH723" s="613"/>
      <c r="VKI723" s="613"/>
      <c r="VKJ723" s="613"/>
      <c r="VKK723" s="613"/>
      <c r="VKL723" s="613"/>
      <c r="VKM723" s="613"/>
      <c r="VKN723" s="613"/>
      <c r="VKO723" s="613"/>
      <c r="VKP723" s="613"/>
      <c r="VKQ723" s="613"/>
      <c r="VKR723" s="613"/>
      <c r="VKS723" s="613"/>
      <c r="VKT723" s="613"/>
      <c r="VKU723" s="613"/>
      <c r="VKV723" s="613"/>
      <c r="VKW723" s="613"/>
      <c r="VKX723" s="613"/>
      <c r="VKY723" s="613"/>
      <c r="VKZ723" s="613"/>
      <c r="VLA723" s="613"/>
      <c r="VLB723" s="613"/>
      <c r="VLC723" s="613"/>
      <c r="VLD723" s="613"/>
      <c r="VLE723" s="613"/>
      <c r="VLF723" s="613"/>
      <c r="VLG723" s="613"/>
      <c r="VLH723" s="613"/>
      <c r="VLI723" s="613"/>
      <c r="VLJ723" s="613"/>
      <c r="VLK723" s="613"/>
      <c r="VLL723" s="613"/>
      <c r="VLM723" s="613"/>
      <c r="VLN723" s="613"/>
      <c r="VLO723" s="613"/>
      <c r="VLP723" s="613"/>
      <c r="VLQ723" s="613"/>
      <c r="VLR723" s="613"/>
      <c r="VLS723" s="613"/>
      <c r="VLT723" s="613"/>
      <c r="VLU723" s="613"/>
      <c r="VLV723" s="613"/>
      <c r="VLW723" s="613"/>
      <c r="VLX723" s="613"/>
      <c r="VLY723" s="613"/>
      <c r="VLZ723" s="613"/>
      <c r="VMA723" s="613"/>
      <c r="VMB723" s="613"/>
      <c r="VMC723" s="613"/>
      <c r="VMD723" s="613"/>
      <c r="VME723" s="613"/>
      <c r="VMF723" s="613"/>
      <c r="VMG723" s="613"/>
      <c r="VMH723" s="613"/>
      <c r="VMI723" s="613"/>
      <c r="VMJ723" s="613"/>
      <c r="VMK723" s="613"/>
      <c r="VML723" s="613"/>
      <c r="VMM723" s="613"/>
      <c r="VMN723" s="613"/>
      <c r="VMO723" s="613"/>
      <c r="VMP723" s="613"/>
      <c r="VMQ723" s="613"/>
      <c r="VMR723" s="613"/>
      <c r="VMS723" s="613"/>
      <c r="VMT723" s="613"/>
      <c r="VMU723" s="613"/>
      <c r="VMV723" s="613"/>
      <c r="VMW723" s="613"/>
      <c r="VMX723" s="613"/>
      <c r="VMY723" s="613"/>
      <c r="VMZ723" s="613"/>
      <c r="VNA723" s="613"/>
      <c r="VNB723" s="613"/>
      <c r="VNC723" s="613"/>
      <c r="VND723" s="613"/>
      <c r="VNE723" s="613"/>
      <c r="VNF723" s="613"/>
      <c r="VNG723" s="613"/>
      <c r="VNH723" s="613"/>
      <c r="VNI723" s="613"/>
      <c r="VNJ723" s="613"/>
      <c r="VNK723" s="613"/>
      <c r="VNL723" s="613"/>
      <c r="VNM723" s="613"/>
      <c r="VNN723" s="613"/>
      <c r="VNO723" s="613"/>
      <c r="VNP723" s="613"/>
      <c r="VNQ723" s="613"/>
      <c r="VNR723" s="613"/>
      <c r="VNS723" s="613"/>
      <c r="VNT723" s="613"/>
      <c r="VNU723" s="613"/>
      <c r="VNV723" s="613"/>
      <c r="VNW723" s="613"/>
      <c r="VNX723" s="613"/>
      <c r="VNY723" s="613"/>
      <c r="VNZ723" s="613"/>
      <c r="VOA723" s="613"/>
      <c r="VOB723" s="613"/>
      <c r="VOC723" s="613"/>
      <c r="VOD723" s="613"/>
      <c r="VOE723" s="613"/>
      <c r="VOF723" s="613"/>
      <c r="VOG723" s="613"/>
      <c r="VOH723" s="613"/>
      <c r="VOI723" s="613"/>
      <c r="VOJ723" s="613"/>
      <c r="VOK723" s="613"/>
      <c r="VOL723" s="613"/>
      <c r="VOM723" s="613"/>
      <c r="VON723" s="613"/>
      <c r="VOO723" s="613"/>
      <c r="VOP723" s="613"/>
      <c r="VOQ723" s="613"/>
      <c r="VOR723" s="613"/>
      <c r="VOS723" s="613"/>
      <c r="VOT723" s="613"/>
      <c r="VOU723" s="613"/>
      <c r="VOV723" s="613"/>
      <c r="VOW723" s="613"/>
      <c r="VOX723" s="613"/>
      <c r="VOY723" s="613"/>
      <c r="VOZ723" s="613"/>
      <c r="VPA723" s="613"/>
      <c r="VPB723" s="613"/>
      <c r="VPC723" s="613"/>
      <c r="VPD723" s="613"/>
      <c r="VPE723" s="613"/>
      <c r="VPF723" s="613"/>
      <c r="VPG723" s="613"/>
      <c r="VPH723" s="613"/>
      <c r="VPI723" s="613"/>
      <c r="VPJ723" s="613"/>
      <c r="VPK723" s="613"/>
      <c r="VPL723" s="613"/>
      <c r="VPM723" s="613"/>
      <c r="VPN723" s="613"/>
      <c r="VPO723" s="613"/>
      <c r="VPP723" s="613"/>
      <c r="VPQ723" s="613"/>
      <c r="VPR723" s="613"/>
      <c r="VPS723" s="613"/>
      <c r="VPT723" s="613"/>
      <c r="VPU723" s="613"/>
      <c r="VPV723" s="613"/>
      <c r="VPW723" s="613"/>
      <c r="VPX723" s="613"/>
      <c r="VPY723" s="613"/>
      <c r="VPZ723" s="613"/>
      <c r="VQA723" s="613"/>
      <c r="VQB723" s="613"/>
      <c r="VQC723" s="613"/>
      <c r="VQD723" s="613"/>
      <c r="VQE723" s="613"/>
      <c r="VQF723" s="613"/>
      <c r="VQG723" s="613"/>
      <c r="VQH723" s="613"/>
      <c r="VQI723" s="613"/>
      <c r="VQJ723" s="613"/>
      <c r="VQK723" s="613"/>
      <c r="VQL723" s="613"/>
      <c r="VQM723" s="613"/>
      <c r="VQN723" s="613"/>
      <c r="VQO723" s="613"/>
      <c r="VQP723" s="613"/>
      <c r="VQQ723" s="613"/>
      <c r="VQR723" s="613"/>
      <c r="VQS723" s="613"/>
      <c r="VQT723" s="613"/>
      <c r="VQU723" s="613"/>
      <c r="VQV723" s="613"/>
      <c r="VQW723" s="613"/>
      <c r="VQX723" s="613"/>
      <c r="VQY723" s="613"/>
      <c r="VQZ723" s="613"/>
      <c r="VRA723" s="613"/>
      <c r="VRB723" s="613"/>
      <c r="VRC723" s="613"/>
      <c r="VRD723" s="613"/>
      <c r="VRE723" s="613"/>
      <c r="VRF723" s="613"/>
      <c r="VRG723" s="613"/>
      <c r="VRH723" s="613"/>
      <c r="VRI723" s="613"/>
      <c r="VRJ723" s="613"/>
      <c r="VRK723" s="613"/>
      <c r="VRL723" s="613"/>
      <c r="VRM723" s="613"/>
      <c r="VRN723" s="613"/>
      <c r="VRO723" s="613"/>
      <c r="VRP723" s="613"/>
      <c r="VRQ723" s="613"/>
      <c r="VRR723" s="613"/>
      <c r="VRS723" s="613"/>
      <c r="VRT723" s="613"/>
      <c r="VRU723" s="613"/>
      <c r="VRV723" s="613"/>
      <c r="VRW723" s="613"/>
      <c r="VRX723" s="613"/>
      <c r="VRY723" s="613"/>
      <c r="VRZ723" s="613"/>
      <c r="VSA723" s="613"/>
      <c r="VSB723" s="613"/>
      <c r="VSC723" s="613"/>
      <c r="VSD723" s="613"/>
      <c r="VSE723" s="613"/>
      <c r="VSF723" s="613"/>
      <c r="VSG723" s="613"/>
      <c r="VSH723" s="613"/>
      <c r="VSI723" s="613"/>
      <c r="VSJ723" s="613"/>
      <c r="VSK723" s="613"/>
      <c r="VSL723" s="613"/>
      <c r="VSM723" s="613"/>
      <c r="VSN723" s="613"/>
      <c r="VSO723" s="613"/>
      <c r="VSP723" s="613"/>
      <c r="VSQ723" s="613"/>
      <c r="VSR723" s="613"/>
      <c r="VSS723" s="613"/>
      <c r="VST723" s="613"/>
      <c r="VSU723" s="613"/>
      <c r="VSV723" s="613"/>
      <c r="VSW723" s="613"/>
      <c r="VSX723" s="613"/>
      <c r="VSY723" s="613"/>
      <c r="VSZ723" s="613"/>
      <c r="VTA723" s="613"/>
      <c r="VTB723" s="613"/>
      <c r="VTC723" s="613"/>
      <c r="VTD723" s="613"/>
      <c r="VTE723" s="613"/>
      <c r="VTF723" s="613"/>
      <c r="VTG723" s="613"/>
      <c r="VTH723" s="613"/>
      <c r="VTI723" s="613"/>
      <c r="VTJ723" s="613"/>
      <c r="VTK723" s="613"/>
      <c r="VTL723" s="613"/>
      <c r="VTM723" s="613"/>
      <c r="VTN723" s="613"/>
      <c r="VTO723" s="613"/>
      <c r="VTP723" s="613"/>
      <c r="VTQ723" s="613"/>
      <c r="VTR723" s="613"/>
      <c r="VTS723" s="613"/>
      <c r="VTT723" s="613"/>
      <c r="VTU723" s="613"/>
      <c r="VTV723" s="613"/>
      <c r="VTW723" s="613"/>
      <c r="VTX723" s="613"/>
      <c r="VTY723" s="613"/>
      <c r="VTZ723" s="613"/>
      <c r="VUA723" s="613"/>
      <c r="VUB723" s="613"/>
      <c r="VUC723" s="613"/>
      <c r="VUD723" s="613"/>
      <c r="VUE723" s="613"/>
      <c r="VUF723" s="613"/>
      <c r="VUG723" s="613"/>
      <c r="VUH723" s="613"/>
      <c r="VUI723" s="613"/>
      <c r="VUJ723" s="613"/>
      <c r="VUK723" s="613"/>
      <c r="VUL723" s="613"/>
      <c r="VUM723" s="613"/>
      <c r="VUN723" s="613"/>
      <c r="VUO723" s="613"/>
      <c r="VUP723" s="613"/>
      <c r="VUQ723" s="613"/>
      <c r="VUR723" s="613"/>
      <c r="VUS723" s="613"/>
      <c r="VUT723" s="613"/>
      <c r="VUU723" s="613"/>
      <c r="VUV723" s="613"/>
      <c r="VUW723" s="613"/>
      <c r="VUX723" s="613"/>
      <c r="VUY723" s="613"/>
      <c r="VUZ723" s="613"/>
      <c r="VVA723" s="613"/>
      <c r="VVB723" s="613"/>
      <c r="VVC723" s="613"/>
      <c r="VVD723" s="613"/>
      <c r="VVE723" s="613"/>
      <c r="VVF723" s="613"/>
      <c r="VVG723" s="613"/>
      <c r="VVH723" s="613"/>
      <c r="VVI723" s="613"/>
      <c r="VVJ723" s="613"/>
      <c r="VVK723" s="613"/>
      <c r="VVL723" s="613"/>
      <c r="VVM723" s="613"/>
      <c r="VVN723" s="613"/>
      <c r="VVO723" s="613"/>
      <c r="VVP723" s="613"/>
      <c r="VVQ723" s="613"/>
      <c r="VVR723" s="613"/>
      <c r="VVS723" s="613"/>
      <c r="VVT723" s="613"/>
      <c r="VVU723" s="613"/>
      <c r="VVV723" s="613"/>
      <c r="VVW723" s="613"/>
      <c r="VVX723" s="613"/>
      <c r="VVY723" s="613"/>
      <c r="VVZ723" s="613"/>
      <c r="VWA723" s="613"/>
      <c r="VWB723" s="613"/>
      <c r="VWC723" s="613"/>
      <c r="VWD723" s="613"/>
      <c r="VWE723" s="613"/>
      <c r="VWF723" s="613"/>
      <c r="VWG723" s="613"/>
      <c r="VWH723" s="613"/>
      <c r="VWI723" s="613"/>
      <c r="VWJ723" s="613"/>
      <c r="VWK723" s="613"/>
      <c r="VWL723" s="613"/>
      <c r="VWM723" s="613"/>
      <c r="VWN723" s="613"/>
      <c r="VWO723" s="613"/>
      <c r="VWP723" s="613"/>
      <c r="VWQ723" s="613"/>
      <c r="VWR723" s="613"/>
      <c r="VWS723" s="613"/>
      <c r="VWT723" s="613"/>
      <c r="VWU723" s="613"/>
      <c r="VWV723" s="613"/>
      <c r="VWW723" s="613"/>
      <c r="VWX723" s="613"/>
      <c r="VWY723" s="613"/>
      <c r="VWZ723" s="613"/>
      <c r="VXA723" s="613"/>
      <c r="VXB723" s="613"/>
      <c r="VXC723" s="613"/>
      <c r="VXD723" s="613"/>
      <c r="VXE723" s="613"/>
      <c r="VXF723" s="613"/>
      <c r="VXG723" s="613"/>
      <c r="VXH723" s="613"/>
      <c r="VXI723" s="613"/>
      <c r="VXJ723" s="613"/>
      <c r="VXK723" s="613"/>
      <c r="VXL723" s="613"/>
      <c r="VXM723" s="613"/>
      <c r="VXN723" s="613"/>
      <c r="VXO723" s="613"/>
      <c r="VXP723" s="613"/>
      <c r="VXQ723" s="613"/>
      <c r="VXR723" s="613"/>
      <c r="VXS723" s="613"/>
      <c r="VXT723" s="613"/>
      <c r="VXU723" s="613"/>
      <c r="VXV723" s="613"/>
      <c r="VXW723" s="613"/>
      <c r="VXX723" s="613"/>
      <c r="VXY723" s="613"/>
      <c r="VXZ723" s="613"/>
      <c r="VYA723" s="613"/>
      <c r="VYB723" s="613"/>
      <c r="VYC723" s="613"/>
      <c r="VYD723" s="613"/>
      <c r="VYE723" s="613"/>
      <c r="VYF723" s="613"/>
      <c r="VYG723" s="613"/>
      <c r="VYH723" s="613"/>
      <c r="VYI723" s="613"/>
      <c r="VYJ723" s="613"/>
      <c r="VYK723" s="613"/>
      <c r="VYL723" s="613"/>
      <c r="VYM723" s="613"/>
      <c r="VYN723" s="613"/>
      <c r="VYO723" s="613"/>
      <c r="VYP723" s="613"/>
      <c r="VYQ723" s="613"/>
      <c r="VYR723" s="613"/>
      <c r="VYS723" s="613"/>
      <c r="VYT723" s="613"/>
      <c r="VYU723" s="613"/>
      <c r="VYV723" s="613"/>
      <c r="VYW723" s="613"/>
      <c r="VYX723" s="613"/>
      <c r="VYY723" s="613"/>
      <c r="VYZ723" s="613"/>
      <c r="VZA723" s="613"/>
      <c r="VZB723" s="613"/>
      <c r="VZC723" s="613"/>
      <c r="VZD723" s="613"/>
      <c r="VZE723" s="613"/>
      <c r="VZF723" s="613"/>
      <c r="VZG723" s="613"/>
      <c r="VZH723" s="613"/>
      <c r="VZI723" s="613"/>
      <c r="VZJ723" s="613"/>
      <c r="VZK723" s="613"/>
      <c r="VZL723" s="613"/>
      <c r="VZM723" s="613"/>
      <c r="VZN723" s="613"/>
      <c r="VZO723" s="613"/>
      <c r="VZP723" s="613"/>
      <c r="VZQ723" s="613"/>
      <c r="VZR723" s="613"/>
      <c r="VZS723" s="613"/>
      <c r="VZT723" s="613"/>
      <c r="VZU723" s="613"/>
      <c r="VZV723" s="613"/>
      <c r="VZW723" s="613"/>
      <c r="VZX723" s="613"/>
      <c r="VZY723" s="613"/>
      <c r="VZZ723" s="613"/>
      <c r="WAA723" s="613"/>
      <c r="WAB723" s="613"/>
      <c r="WAC723" s="613"/>
      <c r="WAD723" s="613"/>
      <c r="WAE723" s="613"/>
      <c r="WAF723" s="613"/>
      <c r="WAG723" s="613"/>
      <c r="WAH723" s="613"/>
      <c r="WAI723" s="613"/>
      <c r="WAJ723" s="613"/>
      <c r="WAK723" s="613"/>
      <c r="WAL723" s="613"/>
      <c r="WAM723" s="613"/>
      <c r="WAN723" s="613"/>
      <c r="WAO723" s="613"/>
      <c r="WAP723" s="613"/>
      <c r="WAQ723" s="613"/>
      <c r="WAR723" s="613"/>
      <c r="WAS723" s="613"/>
      <c r="WAT723" s="613"/>
      <c r="WAU723" s="613"/>
      <c r="WAV723" s="613"/>
      <c r="WAW723" s="613"/>
      <c r="WAX723" s="613"/>
      <c r="WAY723" s="613"/>
      <c r="WAZ723" s="613"/>
      <c r="WBA723" s="613"/>
      <c r="WBB723" s="613"/>
      <c r="WBC723" s="613"/>
      <c r="WBD723" s="613"/>
      <c r="WBE723" s="613"/>
      <c r="WBF723" s="613"/>
      <c r="WBG723" s="613"/>
      <c r="WBH723" s="613"/>
      <c r="WBI723" s="613"/>
      <c r="WBJ723" s="613"/>
      <c r="WBK723" s="613"/>
      <c r="WBL723" s="613"/>
      <c r="WBM723" s="613"/>
      <c r="WBN723" s="613"/>
      <c r="WBO723" s="613"/>
      <c r="WBP723" s="613"/>
      <c r="WBQ723" s="613"/>
      <c r="WBR723" s="613"/>
      <c r="WBS723" s="613"/>
      <c r="WBT723" s="613"/>
      <c r="WBU723" s="613"/>
      <c r="WBV723" s="613"/>
      <c r="WBW723" s="613"/>
      <c r="WBX723" s="613"/>
      <c r="WBY723" s="613"/>
      <c r="WBZ723" s="613"/>
      <c r="WCA723" s="613"/>
      <c r="WCB723" s="613"/>
      <c r="WCC723" s="613"/>
      <c r="WCD723" s="613"/>
      <c r="WCE723" s="613"/>
      <c r="WCF723" s="613"/>
      <c r="WCG723" s="613"/>
      <c r="WCH723" s="613"/>
      <c r="WCI723" s="613"/>
      <c r="WCJ723" s="613"/>
      <c r="WCK723" s="613"/>
      <c r="WCL723" s="613"/>
      <c r="WCM723" s="613"/>
      <c r="WCN723" s="613"/>
      <c r="WCO723" s="613"/>
      <c r="WCP723" s="613"/>
      <c r="WCQ723" s="613"/>
      <c r="WCR723" s="613"/>
      <c r="WCS723" s="613"/>
      <c r="WCT723" s="613"/>
      <c r="WCU723" s="613"/>
      <c r="WCV723" s="613"/>
      <c r="WCW723" s="613"/>
      <c r="WCX723" s="613"/>
      <c r="WCY723" s="613"/>
      <c r="WCZ723" s="613"/>
      <c r="WDA723" s="613"/>
      <c r="WDB723" s="613"/>
      <c r="WDC723" s="613"/>
      <c r="WDD723" s="613"/>
      <c r="WDE723" s="613"/>
      <c r="WDF723" s="613"/>
      <c r="WDG723" s="613"/>
      <c r="WDH723" s="613"/>
      <c r="WDI723" s="613"/>
      <c r="WDJ723" s="613"/>
      <c r="WDK723" s="613"/>
      <c r="WDL723" s="613"/>
      <c r="WDM723" s="613"/>
      <c r="WDN723" s="613"/>
      <c r="WDO723" s="613"/>
      <c r="WDP723" s="613"/>
      <c r="WDQ723" s="613"/>
      <c r="WDR723" s="613"/>
      <c r="WDS723" s="613"/>
      <c r="WDT723" s="613"/>
      <c r="WDU723" s="613"/>
      <c r="WDV723" s="613"/>
      <c r="WDW723" s="613"/>
      <c r="WDX723" s="613"/>
      <c r="WDY723" s="613"/>
      <c r="WDZ723" s="613"/>
      <c r="WEA723" s="613"/>
      <c r="WEB723" s="613"/>
      <c r="WEC723" s="613"/>
      <c r="WED723" s="613"/>
      <c r="WEE723" s="613"/>
      <c r="WEF723" s="613"/>
      <c r="WEG723" s="613"/>
      <c r="WEH723" s="613"/>
      <c r="WEI723" s="613"/>
      <c r="WEJ723" s="613"/>
      <c r="WEK723" s="613"/>
      <c r="WEL723" s="613"/>
      <c r="WEM723" s="613"/>
      <c r="WEN723" s="613"/>
      <c r="WEO723" s="613"/>
      <c r="WEP723" s="613"/>
      <c r="WEQ723" s="613"/>
      <c r="WER723" s="613"/>
      <c r="WES723" s="613"/>
      <c r="WET723" s="613"/>
      <c r="WEU723" s="613"/>
      <c r="WEV723" s="613"/>
      <c r="WEW723" s="613"/>
      <c r="WEX723" s="613"/>
      <c r="WEY723" s="613"/>
      <c r="WEZ723" s="613"/>
      <c r="WFA723" s="613"/>
      <c r="WFB723" s="613"/>
      <c r="WFC723" s="613"/>
      <c r="WFD723" s="613"/>
      <c r="WFE723" s="613"/>
      <c r="WFF723" s="613"/>
      <c r="WFG723" s="613"/>
      <c r="WFH723" s="613"/>
      <c r="WFI723" s="613"/>
      <c r="WFJ723" s="613"/>
      <c r="WFK723" s="613"/>
      <c r="WFL723" s="613"/>
      <c r="WFM723" s="613"/>
      <c r="WFN723" s="613"/>
      <c r="WFO723" s="613"/>
      <c r="WFP723" s="613"/>
      <c r="WFQ723" s="613"/>
      <c r="WFR723" s="613"/>
      <c r="WFS723" s="613"/>
      <c r="WFT723" s="613"/>
      <c r="WFU723" s="613"/>
      <c r="WFV723" s="613"/>
      <c r="WFW723" s="613"/>
      <c r="WFX723" s="613"/>
      <c r="WFY723" s="613"/>
      <c r="WFZ723" s="613"/>
      <c r="WGA723" s="613"/>
      <c r="WGB723" s="613"/>
      <c r="WGC723" s="613"/>
      <c r="WGD723" s="613"/>
      <c r="WGE723" s="613"/>
      <c r="WGF723" s="613"/>
      <c r="WGG723" s="613"/>
      <c r="WGH723" s="613"/>
      <c r="WGI723" s="613"/>
      <c r="WGJ723" s="613"/>
      <c r="WGK723" s="613"/>
      <c r="WGL723" s="613"/>
      <c r="WGM723" s="613"/>
      <c r="WGN723" s="613"/>
      <c r="WGO723" s="613"/>
      <c r="WGP723" s="613"/>
      <c r="WGQ723" s="613"/>
      <c r="WGR723" s="613"/>
      <c r="WGS723" s="613"/>
      <c r="WGT723" s="613"/>
      <c r="WGU723" s="613"/>
      <c r="WGV723" s="613"/>
      <c r="WGW723" s="613"/>
      <c r="WGX723" s="613"/>
      <c r="WGY723" s="613"/>
      <c r="WGZ723" s="613"/>
      <c r="WHA723" s="613"/>
      <c r="WHB723" s="613"/>
      <c r="WHC723" s="613"/>
      <c r="WHD723" s="613"/>
      <c r="WHE723" s="613"/>
      <c r="WHF723" s="613"/>
      <c r="WHG723" s="613"/>
      <c r="WHH723" s="613"/>
      <c r="WHI723" s="613"/>
      <c r="WHJ723" s="613"/>
      <c r="WHK723" s="613"/>
      <c r="WHL723" s="613"/>
      <c r="WHM723" s="613"/>
      <c r="WHN723" s="613"/>
      <c r="WHO723" s="613"/>
      <c r="WHP723" s="613"/>
      <c r="WHQ723" s="613"/>
      <c r="WHR723" s="613"/>
      <c r="WHS723" s="613"/>
      <c r="WHT723" s="613"/>
      <c r="WHU723" s="613"/>
      <c r="WHV723" s="613"/>
      <c r="WHW723" s="613"/>
      <c r="WHX723" s="613"/>
      <c r="WHY723" s="613"/>
      <c r="WHZ723" s="613"/>
      <c r="WIA723" s="613"/>
      <c r="WIB723" s="613"/>
      <c r="WIC723" s="613"/>
      <c r="WID723" s="613"/>
      <c r="WIE723" s="613"/>
      <c r="WIF723" s="613"/>
      <c r="WIG723" s="613"/>
      <c r="WIH723" s="613"/>
      <c r="WII723" s="613"/>
      <c r="WIJ723" s="613"/>
      <c r="WIK723" s="613"/>
      <c r="WIL723" s="613"/>
      <c r="WIM723" s="613"/>
      <c r="WIN723" s="613"/>
      <c r="WIO723" s="613"/>
      <c r="WIP723" s="613"/>
      <c r="WIQ723" s="613"/>
      <c r="WIR723" s="613"/>
      <c r="WIS723" s="613"/>
      <c r="WIT723" s="613"/>
      <c r="WIU723" s="613"/>
      <c r="WIV723" s="613"/>
      <c r="WIW723" s="613"/>
      <c r="WIX723" s="613"/>
      <c r="WIY723" s="613"/>
      <c r="WIZ723" s="613"/>
      <c r="WJA723" s="613"/>
      <c r="WJB723" s="613"/>
      <c r="WJC723" s="613"/>
      <c r="WJD723" s="613"/>
      <c r="WJE723" s="613"/>
      <c r="WJF723" s="613"/>
      <c r="WJG723" s="613"/>
      <c r="WJH723" s="613"/>
      <c r="WJI723" s="613"/>
      <c r="WJJ723" s="613"/>
      <c r="WJK723" s="613"/>
      <c r="WJL723" s="613"/>
      <c r="WJM723" s="613"/>
      <c r="WJN723" s="613"/>
      <c r="WJO723" s="613"/>
      <c r="WJP723" s="613"/>
      <c r="WJQ723" s="613"/>
      <c r="WJR723" s="613"/>
      <c r="WJS723" s="613"/>
      <c r="WJT723" s="613"/>
      <c r="WJU723" s="613"/>
      <c r="WJV723" s="613"/>
      <c r="WJW723" s="613"/>
      <c r="WJX723" s="613"/>
      <c r="WJY723" s="613"/>
      <c r="WJZ723" s="613"/>
      <c r="WKA723" s="613"/>
      <c r="WKB723" s="613"/>
      <c r="WKC723" s="613"/>
      <c r="WKD723" s="613"/>
      <c r="WKE723" s="613"/>
      <c r="WKF723" s="613"/>
      <c r="WKG723" s="613"/>
      <c r="WKH723" s="613"/>
      <c r="WKI723" s="613"/>
      <c r="WKJ723" s="613"/>
      <c r="WKK723" s="613"/>
      <c r="WKL723" s="613"/>
      <c r="WKM723" s="613"/>
      <c r="WKN723" s="613"/>
      <c r="WKO723" s="613"/>
      <c r="WKP723" s="613"/>
      <c r="WKQ723" s="613"/>
      <c r="WKR723" s="613"/>
      <c r="WKS723" s="613"/>
      <c r="WKT723" s="613"/>
      <c r="WKU723" s="613"/>
      <c r="WKV723" s="613"/>
      <c r="WKW723" s="613"/>
      <c r="WKX723" s="613"/>
      <c r="WKY723" s="613"/>
      <c r="WKZ723" s="613"/>
      <c r="WLA723" s="613"/>
      <c r="WLB723" s="613"/>
      <c r="WLC723" s="613"/>
      <c r="WLD723" s="613"/>
      <c r="WLE723" s="613"/>
      <c r="WLF723" s="613"/>
      <c r="WLG723" s="613"/>
      <c r="WLH723" s="613"/>
      <c r="WLI723" s="613"/>
      <c r="WLJ723" s="613"/>
      <c r="WLK723" s="613"/>
      <c r="WLL723" s="613"/>
      <c r="WLM723" s="613"/>
      <c r="WLN723" s="613"/>
      <c r="WLO723" s="613"/>
      <c r="WLP723" s="613"/>
      <c r="WLQ723" s="613"/>
      <c r="WLR723" s="613"/>
      <c r="WLS723" s="613"/>
      <c r="WLT723" s="613"/>
      <c r="WLU723" s="613"/>
      <c r="WLV723" s="613"/>
      <c r="WLW723" s="613"/>
      <c r="WLX723" s="613"/>
      <c r="WLY723" s="613"/>
      <c r="WLZ723" s="613"/>
      <c r="WMA723" s="613"/>
      <c r="WMB723" s="613"/>
      <c r="WMC723" s="613"/>
      <c r="WMD723" s="613"/>
      <c r="WME723" s="613"/>
      <c r="WMF723" s="613"/>
      <c r="WMG723" s="613"/>
      <c r="WMH723" s="613"/>
      <c r="WMI723" s="613"/>
      <c r="WMJ723" s="613"/>
      <c r="WMK723" s="613"/>
      <c r="WML723" s="613"/>
      <c r="WMM723" s="613"/>
      <c r="WMN723" s="613"/>
      <c r="WMO723" s="613"/>
      <c r="WMP723" s="613"/>
      <c r="WMQ723" s="613"/>
      <c r="WMR723" s="613"/>
      <c r="WMS723" s="613"/>
      <c r="WMT723" s="613"/>
      <c r="WMU723" s="613"/>
      <c r="WMV723" s="613"/>
      <c r="WMW723" s="613"/>
      <c r="WMX723" s="613"/>
      <c r="WMY723" s="613"/>
      <c r="WMZ723" s="613"/>
      <c r="WNA723" s="613"/>
      <c r="WNB723" s="613"/>
      <c r="WNC723" s="613"/>
      <c r="WND723" s="613"/>
      <c r="WNE723" s="613"/>
      <c r="WNF723" s="613"/>
      <c r="WNG723" s="613"/>
      <c r="WNH723" s="613"/>
      <c r="WNI723" s="613"/>
      <c r="WNJ723" s="613"/>
      <c r="WNK723" s="613"/>
      <c r="WNL723" s="613"/>
      <c r="WNM723" s="613"/>
      <c r="WNN723" s="613"/>
      <c r="WNO723" s="613"/>
      <c r="WNP723" s="613"/>
      <c r="WNQ723" s="613"/>
      <c r="WNR723" s="613"/>
      <c r="WNS723" s="613"/>
      <c r="WNT723" s="613"/>
      <c r="WNU723" s="613"/>
      <c r="WNV723" s="613"/>
      <c r="WNW723" s="613"/>
      <c r="WNX723" s="613"/>
      <c r="WNY723" s="613"/>
      <c r="WNZ723" s="613"/>
      <c r="WOA723" s="613"/>
      <c r="WOB723" s="613"/>
      <c r="WOC723" s="613"/>
      <c r="WOD723" s="613"/>
      <c r="WOE723" s="613"/>
      <c r="WOF723" s="613"/>
      <c r="WOG723" s="613"/>
      <c r="WOH723" s="613"/>
      <c r="WOI723" s="613"/>
      <c r="WOJ723" s="613"/>
      <c r="WOK723" s="613"/>
      <c r="WOL723" s="613"/>
      <c r="WOM723" s="613"/>
      <c r="WON723" s="613"/>
      <c r="WOO723" s="613"/>
      <c r="WOP723" s="613"/>
      <c r="WOQ723" s="613"/>
      <c r="WOR723" s="613"/>
      <c r="WOS723" s="613"/>
      <c r="WOT723" s="613"/>
      <c r="WOU723" s="613"/>
      <c r="WOV723" s="613"/>
      <c r="WOW723" s="613"/>
      <c r="WOX723" s="613"/>
      <c r="WOY723" s="613"/>
      <c r="WOZ723" s="613"/>
      <c r="WPA723" s="613"/>
      <c r="WPB723" s="613"/>
      <c r="WPC723" s="613"/>
      <c r="WPD723" s="613"/>
      <c r="WPE723" s="613"/>
      <c r="WPF723" s="613"/>
      <c r="WPG723" s="613"/>
      <c r="WPH723" s="613"/>
      <c r="WPI723" s="613"/>
      <c r="WPJ723" s="613"/>
      <c r="WPK723" s="613"/>
      <c r="WPL723" s="613"/>
      <c r="WPM723" s="613"/>
      <c r="WPN723" s="613"/>
      <c r="WPO723" s="613"/>
      <c r="WPP723" s="613"/>
      <c r="WPQ723" s="613"/>
      <c r="WPR723" s="613"/>
      <c r="WPS723" s="613"/>
      <c r="WPT723" s="613"/>
      <c r="WPU723" s="613"/>
      <c r="WPV723" s="613"/>
      <c r="WPW723" s="613"/>
      <c r="WPX723" s="613"/>
      <c r="WPY723" s="613"/>
      <c r="WPZ723" s="613"/>
      <c r="WQA723" s="613"/>
      <c r="WQB723" s="613"/>
      <c r="WQC723" s="613"/>
      <c r="WQD723" s="613"/>
      <c r="WQE723" s="613"/>
      <c r="WQF723" s="613"/>
      <c r="WQG723" s="613"/>
      <c r="WQH723" s="613"/>
      <c r="WQI723" s="613"/>
      <c r="WQJ723" s="613"/>
      <c r="WQK723" s="613"/>
      <c r="WQL723" s="613"/>
      <c r="WQM723" s="613"/>
      <c r="WQN723" s="613"/>
      <c r="WQO723" s="613"/>
      <c r="WQP723" s="613"/>
      <c r="WQQ723" s="613"/>
      <c r="WQR723" s="613"/>
      <c r="WQS723" s="613"/>
      <c r="WQT723" s="613"/>
      <c r="WQU723" s="613"/>
      <c r="WQV723" s="613"/>
      <c r="WQW723" s="613"/>
      <c r="WQX723" s="613"/>
      <c r="WQY723" s="613"/>
      <c r="WQZ723" s="613"/>
      <c r="WRA723" s="613"/>
      <c r="WRB723" s="613"/>
      <c r="WRC723" s="613"/>
      <c r="WRD723" s="613"/>
      <c r="WRE723" s="613"/>
      <c r="WRF723" s="613"/>
      <c r="WRG723" s="613"/>
      <c r="WRH723" s="613"/>
      <c r="WRI723" s="613"/>
      <c r="WRJ723" s="613"/>
      <c r="WRK723" s="613"/>
      <c r="WRL723" s="613"/>
      <c r="WRM723" s="613"/>
      <c r="WRN723" s="613"/>
      <c r="WRO723" s="613"/>
      <c r="WRP723" s="613"/>
      <c r="WRQ723" s="613"/>
      <c r="WRR723" s="613"/>
      <c r="WRS723" s="613"/>
      <c r="WRT723" s="613"/>
      <c r="WRU723" s="613"/>
      <c r="WRV723" s="613"/>
      <c r="WRW723" s="613"/>
      <c r="WRX723" s="613"/>
      <c r="WRY723" s="613"/>
      <c r="WRZ723" s="613"/>
      <c r="WSA723" s="613"/>
      <c r="WSB723" s="613"/>
      <c r="WSC723" s="613"/>
      <c r="WSD723" s="613"/>
      <c r="WSE723" s="613"/>
      <c r="WSF723" s="613"/>
      <c r="WSG723" s="613"/>
      <c r="WSH723" s="613"/>
      <c r="WSI723" s="613"/>
      <c r="WSJ723" s="613"/>
      <c r="WSK723" s="613"/>
      <c r="WSL723" s="613"/>
      <c r="WSM723" s="613"/>
      <c r="WSN723" s="613"/>
      <c r="WSO723" s="613"/>
      <c r="WSP723" s="613"/>
      <c r="WSQ723" s="613"/>
      <c r="WSR723" s="613"/>
      <c r="WSS723" s="613"/>
      <c r="WST723" s="613"/>
      <c r="WSU723" s="613"/>
      <c r="WSV723" s="613"/>
      <c r="WSW723" s="613"/>
      <c r="WSX723" s="613"/>
      <c r="WSY723" s="613"/>
      <c r="WSZ723" s="613"/>
      <c r="WTA723" s="613"/>
      <c r="WTB723" s="613"/>
      <c r="WTC723" s="613"/>
      <c r="WTD723" s="613"/>
      <c r="WTE723" s="613"/>
      <c r="WTF723" s="613"/>
      <c r="WTG723" s="613"/>
      <c r="WTH723" s="613"/>
      <c r="WTI723" s="613"/>
      <c r="WTJ723" s="613"/>
      <c r="WTK723" s="613"/>
      <c r="WTL723" s="613"/>
      <c r="WTM723" s="613"/>
      <c r="WTN723" s="613"/>
      <c r="WTO723" s="613"/>
      <c r="WTP723" s="613"/>
      <c r="WTQ723" s="613"/>
      <c r="WTR723" s="613"/>
      <c r="WTS723" s="613"/>
      <c r="WTT723" s="613"/>
      <c r="WTU723" s="613"/>
      <c r="WTV723" s="613"/>
      <c r="WTW723" s="613"/>
      <c r="WTX723" s="613"/>
      <c r="WTY723" s="613"/>
      <c r="WTZ723" s="613"/>
      <c r="WUA723" s="613"/>
      <c r="WUB723" s="613"/>
      <c r="WUC723" s="613"/>
      <c r="WUD723" s="613"/>
      <c r="WUE723" s="613"/>
      <c r="WUF723" s="613"/>
      <c r="WUG723" s="613"/>
      <c r="WUH723" s="613"/>
      <c r="WUI723" s="613"/>
      <c r="WUJ723" s="613"/>
      <c r="WUK723" s="613"/>
      <c r="WUL723" s="613"/>
      <c r="WUM723" s="613"/>
      <c r="WUN723" s="613"/>
      <c r="WUO723" s="613"/>
      <c r="WUP723" s="613"/>
      <c r="WUQ723" s="613"/>
      <c r="WUR723" s="613"/>
      <c r="WUS723" s="613"/>
      <c r="WUT723" s="613"/>
      <c r="WUU723" s="613"/>
      <c r="WUV723" s="613"/>
      <c r="WUW723" s="613"/>
      <c r="WUX723" s="613"/>
      <c r="WUY723" s="613"/>
      <c r="WUZ723" s="613"/>
      <c r="WVA723" s="613"/>
      <c r="WVB723" s="613"/>
      <c r="WVC723" s="613"/>
      <c r="WVD723" s="613"/>
      <c r="WVE723" s="613"/>
      <c r="WVF723" s="613"/>
      <c r="WVG723" s="613"/>
      <c r="WVH723" s="613"/>
      <c r="WVI723" s="613"/>
      <c r="WVJ723" s="613"/>
      <c r="WVK723" s="613"/>
      <c r="WVL723" s="613"/>
      <c r="WVM723" s="613"/>
      <c r="WVN723" s="613"/>
      <c r="WVO723" s="613"/>
      <c r="WVP723" s="613"/>
      <c r="WVQ723" s="613"/>
      <c r="WVR723" s="613"/>
      <c r="WVS723" s="613"/>
      <c r="WVT723" s="613"/>
      <c r="WVU723" s="613"/>
      <c r="WVV723" s="613"/>
      <c r="WVW723" s="613"/>
      <c r="WVX723" s="613"/>
      <c r="WVY723" s="613"/>
      <c r="WVZ723" s="613"/>
      <c r="WWA723" s="613"/>
      <c r="WWB723" s="613"/>
      <c r="WWC723" s="613"/>
      <c r="WWD723" s="613"/>
      <c r="WWE723" s="613"/>
      <c r="WWF723" s="613"/>
      <c r="WWG723" s="613"/>
      <c r="WWH723" s="613"/>
      <c r="WWI723" s="613"/>
      <c r="WWJ723" s="613"/>
      <c r="WWK723" s="613"/>
      <c r="WWL723" s="613"/>
      <c r="WWM723" s="613"/>
      <c r="WWN723" s="613"/>
      <c r="WWO723" s="613"/>
      <c r="WWP723" s="613"/>
      <c r="WWQ723" s="613"/>
      <c r="WWR723" s="613"/>
      <c r="WWS723" s="613"/>
      <c r="WWT723" s="613"/>
      <c r="WWU723" s="613"/>
      <c r="WWV723" s="613"/>
      <c r="WWW723" s="613"/>
      <c r="WWX723" s="613"/>
      <c r="WWY723" s="613"/>
      <c r="WWZ723" s="613"/>
      <c r="WXA723" s="613"/>
      <c r="WXB723" s="613"/>
      <c r="WXC723" s="613"/>
      <c r="WXD723" s="613"/>
      <c r="WXE723" s="613"/>
      <c r="WXF723" s="613"/>
      <c r="WXG723" s="613"/>
      <c r="WXH723" s="613"/>
      <c r="WXI723" s="613"/>
      <c r="WXJ723" s="613"/>
      <c r="WXK723" s="613"/>
      <c r="WXL723" s="613"/>
      <c r="WXM723" s="613"/>
      <c r="WXN723" s="613"/>
      <c r="WXO723" s="613"/>
      <c r="WXP723" s="613"/>
      <c r="WXQ723" s="613"/>
      <c r="WXR723" s="613"/>
      <c r="WXS723" s="613"/>
      <c r="WXT723" s="613"/>
      <c r="WXU723" s="613"/>
      <c r="WXV723" s="613"/>
      <c r="WXW723" s="613"/>
      <c r="WXX723" s="613"/>
      <c r="WXY723" s="613"/>
      <c r="WXZ723" s="613"/>
      <c r="WYA723" s="613"/>
      <c r="WYB723" s="613"/>
      <c r="WYC723" s="613"/>
      <c r="WYD723" s="613"/>
      <c r="WYE723" s="613"/>
      <c r="WYF723" s="613"/>
      <c r="WYG723" s="613"/>
      <c r="WYH723" s="613"/>
      <c r="WYI723" s="613"/>
      <c r="WYJ723" s="613"/>
      <c r="WYK723" s="613"/>
      <c r="WYL723" s="613"/>
      <c r="WYM723" s="613"/>
      <c r="WYN723" s="613"/>
      <c r="WYO723" s="613"/>
      <c r="WYP723" s="613"/>
      <c r="WYQ723" s="613"/>
      <c r="WYR723" s="613"/>
      <c r="WYS723" s="613"/>
      <c r="WYT723" s="613"/>
      <c r="WYU723" s="613"/>
      <c r="WYV723" s="613"/>
      <c r="WYW723" s="613"/>
      <c r="WYX723" s="613"/>
      <c r="WYY723" s="613"/>
      <c r="WYZ723" s="613"/>
      <c r="WZA723" s="613"/>
      <c r="WZB723" s="613"/>
      <c r="WZC723" s="613"/>
      <c r="WZD723" s="613"/>
      <c r="WZE723" s="613"/>
      <c r="WZF723" s="613"/>
      <c r="WZG723" s="613"/>
      <c r="WZH723" s="613"/>
      <c r="WZI723" s="613"/>
      <c r="WZJ723" s="613"/>
      <c r="WZK723" s="613"/>
      <c r="WZL723" s="613"/>
      <c r="WZM723" s="613"/>
      <c r="WZN723" s="613"/>
      <c r="WZO723" s="613"/>
      <c r="WZP723" s="613"/>
      <c r="WZQ723" s="613"/>
      <c r="WZR723" s="613"/>
      <c r="WZS723" s="613"/>
      <c r="WZT723" s="613"/>
      <c r="WZU723" s="613"/>
      <c r="WZV723" s="613"/>
      <c r="WZW723" s="613"/>
      <c r="WZX723" s="613"/>
      <c r="WZY723" s="613"/>
      <c r="WZZ723" s="613"/>
      <c r="XAA723" s="613"/>
      <c r="XAB723" s="613"/>
      <c r="XAC723" s="613"/>
      <c r="XAD723" s="613"/>
      <c r="XAE723" s="613"/>
      <c r="XAF723" s="613"/>
      <c r="XAG723" s="613"/>
      <c r="XAH723" s="613"/>
      <c r="XAI723" s="613"/>
      <c r="XAJ723" s="613"/>
      <c r="XAK723" s="613"/>
      <c r="XAL723" s="613"/>
      <c r="XAM723" s="613"/>
      <c r="XAN723" s="613"/>
      <c r="XAO723" s="613"/>
      <c r="XAP723" s="613"/>
      <c r="XAQ723" s="613"/>
      <c r="XAR723" s="613"/>
      <c r="XAS723" s="613"/>
      <c r="XAT723" s="613"/>
      <c r="XAU723" s="613"/>
      <c r="XAV723" s="613"/>
      <c r="XAW723" s="613"/>
      <c r="XAX723" s="613"/>
      <c r="XAY723" s="613"/>
      <c r="XAZ723" s="613"/>
      <c r="XBA723" s="613"/>
      <c r="XBB723" s="613"/>
      <c r="XBC723" s="613"/>
      <c r="XBD723" s="613"/>
      <c r="XBE723" s="613"/>
      <c r="XBF723" s="613"/>
      <c r="XBG723" s="613"/>
      <c r="XBH723" s="613"/>
      <c r="XBI723" s="613"/>
      <c r="XBJ723" s="613"/>
      <c r="XBK723" s="613"/>
      <c r="XBL723" s="613"/>
      <c r="XBM723" s="613"/>
      <c r="XBN723" s="613"/>
      <c r="XBO723" s="613"/>
      <c r="XBP723" s="613"/>
      <c r="XBQ723" s="613"/>
      <c r="XBR723" s="613"/>
      <c r="XBS723" s="613"/>
      <c r="XBT723" s="613"/>
      <c r="XBU723" s="613"/>
      <c r="XBV723" s="613"/>
      <c r="XBW723" s="613"/>
      <c r="XBX723" s="613"/>
      <c r="XBY723" s="613"/>
      <c r="XBZ723" s="613"/>
      <c r="XCA723" s="613"/>
      <c r="XCB723" s="613"/>
      <c r="XCC723" s="613"/>
      <c r="XCD723" s="613"/>
      <c r="XCE723" s="613"/>
      <c r="XCF723" s="613"/>
      <c r="XCG723" s="613"/>
      <c r="XCH723" s="613"/>
      <c r="XCI723" s="613"/>
      <c r="XCJ723" s="613"/>
      <c r="XCK723" s="613"/>
      <c r="XCL723" s="613"/>
      <c r="XCM723" s="613"/>
      <c r="XCN723" s="613"/>
      <c r="XCO723" s="613"/>
      <c r="XCP723" s="613"/>
      <c r="XCQ723" s="613"/>
    </row>
    <row r="724" spans="1:16319" ht="56.1" customHeight="1" x14ac:dyDescent="0.2">
      <c r="A724" s="494"/>
      <c r="B724" s="499"/>
      <c r="C724" s="494"/>
      <c r="D724" s="481">
        <v>288</v>
      </c>
      <c r="E724" s="481"/>
      <c r="F724" s="481" t="s">
        <v>2481</v>
      </c>
      <c r="G724" s="482" t="s">
        <v>53</v>
      </c>
      <c r="H724" s="481" t="s">
        <v>329</v>
      </c>
      <c r="I724" s="654" t="s">
        <v>500</v>
      </c>
      <c r="J724" s="654" t="s">
        <v>501</v>
      </c>
      <c r="K724" s="495" t="s">
        <v>509</v>
      </c>
      <c r="L724" s="621"/>
      <c r="M724" s="484" t="s">
        <v>58</v>
      </c>
      <c r="N724" s="327" t="s">
        <v>1374</v>
      </c>
      <c r="O724" s="484" t="s">
        <v>2996</v>
      </c>
      <c r="P724" s="484" t="s">
        <v>81</v>
      </c>
      <c r="Q724" s="667" t="s">
        <v>334</v>
      </c>
      <c r="R724" s="484" t="s">
        <v>334</v>
      </c>
      <c r="S724" s="484" t="s">
        <v>377</v>
      </c>
      <c r="T724" s="484"/>
      <c r="U724" s="620" t="s">
        <v>63</v>
      </c>
      <c r="V724" s="620" t="s">
        <v>63</v>
      </c>
      <c r="W724" s="723">
        <v>40682</v>
      </c>
      <c r="X724" s="723"/>
      <c r="Y724" s="654" t="s">
        <v>226</v>
      </c>
      <c r="Z724" s="654"/>
      <c r="AA724" s="723">
        <v>40682</v>
      </c>
      <c r="AB724" s="652" t="s">
        <v>82</v>
      </c>
      <c r="AC724" s="652"/>
      <c r="AD724" s="496"/>
      <c r="AE724" s="496"/>
      <c r="AF724" s="496"/>
      <c r="AG724" s="496"/>
      <c r="AH724" s="496"/>
      <c r="AI724" s="487"/>
      <c r="AJ724" s="496"/>
      <c r="AK724" s="496"/>
      <c r="AL724" s="496"/>
      <c r="AM724" s="496"/>
      <c r="AN724" s="496"/>
      <c r="AO724" s="496"/>
      <c r="AP724" s="496"/>
      <c r="AQ724" s="496"/>
      <c r="AR724" s="496"/>
      <c r="AS724" s="496" t="s">
        <v>66</v>
      </c>
      <c r="AT724" s="496"/>
      <c r="AU724" s="487"/>
      <c r="AV724" s="487"/>
      <c r="AW724" s="487"/>
      <c r="AX724" s="487"/>
      <c r="AY724" s="487"/>
      <c r="AZ724" s="487"/>
      <c r="BA724" s="484"/>
      <c r="BB724" s="484"/>
      <c r="BC724" s="484"/>
      <c r="BD724" s="494"/>
      <c r="BE724" s="494"/>
      <c r="BF724" s="613"/>
      <c r="BG724" s="613"/>
      <c r="BH724" s="613"/>
      <c r="BI724" s="613"/>
      <c r="BJ724" s="613"/>
      <c r="BK724" s="613"/>
      <c r="BL724" s="613"/>
      <c r="BM724" s="613"/>
      <c r="BN724" s="613"/>
      <c r="BO724" s="613"/>
      <c r="BP724" s="613"/>
      <c r="BQ724" s="613"/>
      <c r="BR724" s="613"/>
      <c r="BS724" s="613"/>
      <c r="BT724" s="613"/>
      <c r="BU724" s="613"/>
      <c r="BV724" s="613"/>
      <c r="BW724" s="613"/>
      <c r="BX724" s="613"/>
      <c r="BY724" s="613"/>
      <c r="BZ724" s="613"/>
      <c r="CA724" s="613"/>
      <c r="CB724" s="613"/>
      <c r="CC724" s="613"/>
      <c r="CD724" s="613"/>
      <c r="CE724" s="613"/>
      <c r="CF724" s="613"/>
      <c r="CG724" s="613"/>
      <c r="CH724" s="613"/>
      <c r="CI724" s="613"/>
      <c r="CJ724" s="613"/>
      <c r="CK724" s="613"/>
      <c r="CL724" s="613"/>
      <c r="CM724" s="613"/>
      <c r="CN724" s="613"/>
      <c r="CO724" s="613"/>
      <c r="CP724" s="613"/>
      <c r="CQ724" s="613"/>
      <c r="CR724" s="613"/>
      <c r="CS724" s="613"/>
      <c r="CT724" s="613"/>
      <c r="CU724" s="613"/>
      <c r="CV724" s="613"/>
      <c r="CW724" s="613"/>
      <c r="CX724" s="613"/>
      <c r="CY724" s="613"/>
      <c r="CZ724" s="613"/>
      <c r="DA724" s="613"/>
      <c r="DB724" s="613"/>
      <c r="DC724" s="613"/>
      <c r="DD724" s="613"/>
      <c r="DE724" s="613"/>
      <c r="DF724" s="613"/>
      <c r="DG724" s="613"/>
      <c r="DH724" s="613"/>
      <c r="DI724" s="613"/>
      <c r="DJ724" s="613"/>
      <c r="DK724" s="613"/>
      <c r="DL724" s="613"/>
      <c r="DM724" s="613"/>
      <c r="DN724" s="613"/>
      <c r="DO724" s="613"/>
      <c r="DP724" s="613"/>
      <c r="DQ724" s="613"/>
      <c r="DR724" s="613"/>
      <c r="DS724" s="613"/>
      <c r="DT724" s="613"/>
      <c r="DU724" s="613"/>
      <c r="DV724" s="613"/>
      <c r="DW724" s="613"/>
      <c r="DX724" s="613"/>
      <c r="DY724" s="613"/>
      <c r="DZ724" s="613"/>
      <c r="EA724" s="613"/>
      <c r="EB724" s="613"/>
      <c r="EC724" s="613"/>
      <c r="ED724" s="613"/>
      <c r="EE724" s="613"/>
      <c r="EF724" s="613"/>
      <c r="EG724" s="613"/>
      <c r="EH724" s="613"/>
      <c r="EI724" s="613"/>
      <c r="EJ724" s="613"/>
      <c r="EK724" s="613"/>
      <c r="EL724" s="613"/>
      <c r="EM724" s="613"/>
      <c r="EN724" s="613"/>
      <c r="EO724" s="613"/>
      <c r="EP724" s="613"/>
      <c r="EQ724" s="613"/>
      <c r="ER724" s="613"/>
      <c r="ES724" s="613"/>
      <c r="ET724" s="613"/>
      <c r="EU724" s="613"/>
      <c r="EV724" s="613"/>
      <c r="EW724" s="613"/>
      <c r="EX724" s="613"/>
      <c r="EY724" s="613"/>
      <c r="EZ724" s="613"/>
      <c r="FA724" s="613"/>
      <c r="FB724" s="613"/>
      <c r="FC724" s="613"/>
      <c r="FD724" s="613"/>
      <c r="FE724" s="613"/>
      <c r="FF724" s="613"/>
      <c r="FG724" s="613"/>
      <c r="FH724" s="613"/>
      <c r="FI724" s="613"/>
      <c r="FJ724" s="613"/>
      <c r="FK724" s="613"/>
      <c r="FL724" s="613"/>
      <c r="FM724" s="613"/>
      <c r="FN724" s="613"/>
      <c r="FO724" s="613"/>
      <c r="FP724" s="613"/>
      <c r="FQ724" s="613"/>
      <c r="FR724" s="613"/>
      <c r="FS724" s="613"/>
      <c r="FT724" s="613"/>
      <c r="FU724" s="613"/>
      <c r="FV724" s="613"/>
      <c r="FW724" s="613"/>
      <c r="FX724" s="613"/>
      <c r="FY724" s="613"/>
      <c r="FZ724" s="613"/>
      <c r="GA724" s="613"/>
      <c r="GB724" s="613"/>
      <c r="GC724" s="613"/>
      <c r="GD724" s="613"/>
      <c r="GE724" s="613"/>
      <c r="GF724" s="613"/>
      <c r="GG724" s="613"/>
      <c r="GH724" s="613"/>
      <c r="GI724" s="613"/>
      <c r="GJ724" s="613"/>
      <c r="GK724" s="613"/>
      <c r="GL724" s="613"/>
      <c r="GM724" s="613"/>
      <c r="GN724" s="613"/>
      <c r="GO724" s="613"/>
      <c r="GP724" s="613"/>
      <c r="GQ724" s="613"/>
      <c r="GR724" s="613"/>
      <c r="GS724" s="613"/>
      <c r="GT724" s="613"/>
      <c r="GU724" s="613"/>
      <c r="GV724" s="613"/>
      <c r="GW724" s="613"/>
      <c r="GX724" s="613"/>
      <c r="GY724" s="613"/>
      <c r="GZ724" s="613"/>
      <c r="HA724" s="613"/>
      <c r="HB724" s="613"/>
      <c r="HC724" s="613"/>
      <c r="HD724" s="613"/>
      <c r="HE724" s="613"/>
      <c r="HF724" s="613"/>
      <c r="HG724" s="613"/>
      <c r="HH724" s="613"/>
      <c r="HI724" s="613"/>
      <c r="HJ724" s="613"/>
      <c r="HK724" s="613"/>
      <c r="HL724" s="613"/>
      <c r="HM724" s="613"/>
      <c r="HN724" s="613"/>
      <c r="HO724" s="613"/>
      <c r="HP724" s="613"/>
      <c r="HQ724" s="613"/>
      <c r="HR724" s="613"/>
      <c r="HS724" s="613"/>
      <c r="HT724" s="613"/>
      <c r="HU724" s="613"/>
      <c r="HV724" s="613"/>
      <c r="HW724" s="613"/>
      <c r="HX724" s="613"/>
      <c r="HY724" s="613"/>
      <c r="HZ724" s="613"/>
      <c r="IA724" s="613"/>
      <c r="IB724" s="613"/>
      <c r="IC724" s="613"/>
      <c r="ID724" s="613"/>
      <c r="IE724" s="613"/>
      <c r="IF724" s="613"/>
      <c r="IG724" s="613"/>
      <c r="IH724" s="613"/>
      <c r="II724" s="613"/>
      <c r="IJ724" s="613"/>
      <c r="IK724" s="613"/>
      <c r="IL724" s="613"/>
      <c r="IM724" s="613"/>
      <c r="IN724" s="613"/>
      <c r="IO724" s="613"/>
      <c r="IP724" s="613"/>
      <c r="IQ724" s="613"/>
      <c r="IR724" s="613"/>
      <c r="IS724" s="613"/>
      <c r="IT724" s="613"/>
      <c r="IU724" s="613"/>
      <c r="IV724" s="613"/>
      <c r="IW724" s="613"/>
      <c r="IX724" s="613"/>
      <c r="IY724" s="613"/>
      <c r="IZ724" s="613"/>
      <c r="JA724" s="613"/>
      <c r="JB724" s="613"/>
      <c r="JC724" s="613"/>
      <c r="JD724" s="613"/>
      <c r="JE724" s="613"/>
      <c r="JF724" s="613"/>
      <c r="JG724" s="613"/>
      <c r="JH724" s="613"/>
      <c r="JI724" s="613"/>
      <c r="JJ724" s="613"/>
      <c r="JK724" s="613"/>
      <c r="JL724" s="613"/>
      <c r="JM724" s="613"/>
      <c r="JN724" s="613"/>
      <c r="JO724" s="613"/>
      <c r="JP724" s="613"/>
      <c r="JQ724" s="613"/>
      <c r="JR724" s="613"/>
      <c r="JS724" s="613"/>
      <c r="JT724" s="613"/>
      <c r="JU724" s="613"/>
      <c r="JV724" s="613"/>
      <c r="JW724" s="613"/>
      <c r="JX724" s="613"/>
      <c r="JY724" s="613"/>
      <c r="JZ724" s="613"/>
      <c r="KA724" s="613"/>
      <c r="KB724" s="613"/>
      <c r="KC724" s="613"/>
      <c r="KD724" s="613"/>
      <c r="KE724" s="613"/>
      <c r="KF724" s="613"/>
      <c r="KG724" s="613"/>
      <c r="KH724" s="613"/>
      <c r="KI724" s="613"/>
      <c r="KJ724" s="613"/>
      <c r="KK724" s="613"/>
      <c r="KL724" s="613"/>
      <c r="KM724" s="613"/>
      <c r="KN724" s="613"/>
      <c r="KO724" s="613"/>
      <c r="KP724" s="613"/>
      <c r="KQ724" s="613"/>
      <c r="KR724" s="613"/>
      <c r="KS724" s="613"/>
      <c r="KT724" s="613"/>
      <c r="KU724" s="613"/>
      <c r="KV724" s="613"/>
      <c r="KW724" s="613"/>
      <c r="KX724" s="613"/>
      <c r="KY724" s="613"/>
      <c r="KZ724" s="613"/>
      <c r="LA724" s="613"/>
      <c r="LB724" s="613"/>
      <c r="LC724" s="613"/>
      <c r="LD724" s="613"/>
      <c r="LE724" s="613"/>
      <c r="LF724" s="613"/>
      <c r="LG724" s="613"/>
      <c r="LH724" s="613"/>
      <c r="LI724" s="613"/>
      <c r="LJ724" s="613"/>
      <c r="LK724" s="613"/>
      <c r="LL724" s="613"/>
      <c r="LM724" s="613"/>
      <c r="LN724" s="613"/>
      <c r="LO724" s="613"/>
      <c r="LP724" s="613"/>
      <c r="LQ724" s="613"/>
      <c r="LR724" s="613"/>
      <c r="LS724" s="613"/>
      <c r="LT724" s="613"/>
      <c r="LU724" s="613"/>
      <c r="LV724" s="613"/>
      <c r="LW724" s="613"/>
      <c r="LX724" s="613"/>
      <c r="LY724" s="613"/>
      <c r="LZ724" s="613"/>
      <c r="MA724" s="613"/>
      <c r="MB724" s="613"/>
      <c r="MC724" s="613"/>
      <c r="MD724" s="613"/>
      <c r="ME724" s="613"/>
      <c r="MF724" s="613"/>
      <c r="MG724" s="613"/>
      <c r="MH724" s="613"/>
      <c r="MI724" s="613"/>
      <c r="MJ724" s="613"/>
      <c r="MK724" s="613"/>
      <c r="ML724" s="613"/>
      <c r="MM724" s="613"/>
      <c r="MN724" s="613"/>
      <c r="MO724" s="613"/>
      <c r="MP724" s="613"/>
      <c r="MQ724" s="613"/>
      <c r="MR724" s="613"/>
      <c r="MS724" s="613"/>
      <c r="MT724" s="613"/>
      <c r="MU724" s="613"/>
      <c r="MV724" s="613"/>
      <c r="MW724" s="613"/>
      <c r="MX724" s="613"/>
      <c r="MY724" s="613"/>
      <c r="MZ724" s="613"/>
      <c r="NA724" s="613"/>
      <c r="NB724" s="613"/>
      <c r="NC724" s="613"/>
      <c r="ND724" s="613"/>
      <c r="NE724" s="613"/>
      <c r="NF724" s="613"/>
      <c r="NG724" s="613"/>
      <c r="NH724" s="613"/>
      <c r="NI724" s="613"/>
      <c r="NJ724" s="613"/>
      <c r="NK724" s="613"/>
      <c r="NL724" s="613"/>
      <c r="NM724" s="613"/>
      <c r="NN724" s="613"/>
      <c r="NO724" s="613"/>
      <c r="NP724" s="613"/>
      <c r="NQ724" s="613"/>
      <c r="NR724" s="613"/>
      <c r="NS724" s="613"/>
      <c r="NT724" s="613"/>
      <c r="NU724" s="613"/>
      <c r="NV724" s="613"/>
      <c r="NW724" s="613"/>
      <c r="NX724" s="613"/>
      <c r="NY724" s="613"/>
      <c r="NZ724" s="613"/>
      <c r="OA724" s="613"/>
      <c r="OB724" s="613"/>
      <c r="OC724" s="613"/>
      <c r="OD724" s="613"/>
      <c r="OE724" s="613"/>
      <c r="OF724" s="613"/>
      <c r="OG724" s="613"/>
      <c r="OH724" s="613"/>
      <c r="OI724" s="613"/>
      <c r="OJ724" s="613"/>
      <c r="OK724" s="613"/>
      <c r="OL724" s="613"/>
      <c r="OM724" s="613"/>
      <c r="ON724" s="613"/>
      <c r="OO724" s="613"/>
      <c r="OP724" s="613"/>
      <c r="OQ724" s="613"/>
      <c r="OR724" s="613"/>
      <c r="OS724" s="613"/>
      <c r="OT724" s="613"/>
      <c r="OU724" s="613"/>
      <c r="OV724" s="613"/>
      <c r="OW724" s="613"/>
      <c r="OX724" s="613"/>
      <c r="OY724" s="613"/>
      <c r="OZ724" s="613"/>
      <c r="PA724" s="613"/>
      <c r="PB724" s="613"/>
      <c r="PC724" s="613"/>
      <c r="PD724" s="613"/>
      <c r="PE724" s="613"/>
      <c r="PF724" s="613"/>
      <c r="PG724" s="613"/>
      <c r="PH724" s="613"/>
      <c r="PI724" s="613"/>
      <c r="PJ724" s="613"/>
      <c r="PK724" s="613"/>
      <c r="PL724" s="613"/>
      <c r="PM724" s="613"/>
      <c r="PN724" s="613"/>
      <c r="PO724" s="613"/>
      <c r="PP724" s="613"/>
      <c r="PQ724" s="613"/>
      <c r="PR724" s="613"/>
      <c r="PS724" s="613"/>
      <c r="PT724" s="613"/>
      <c r="PU724" s="613"/>
      <c r="PV724" s="613"/>
      <c r="PW724" s="613"/>
      <c r="PX724" s="613"/>
      <c r="PY724" s="613"/>
      <c r="PZ724" s="613"/>
      <c r="QA724" s="613"/>
      <c r="QB724" s="613"/>
      <c r="QC724" s="613"/>
      <c r="QD724" s="613"/>
      <c r="QE724" s="613"/>
      <c r="QF724" s="613"/>
      <c r="QG724" s="613"/>
      <c r="QH724" s="613"/>
      <c r="QI724" s="613"/>
      <c r="QJ724" s="613"/>
      <c r="QK724" s="613"/>
      <c r="QL724" s="613"/>
      <c r="QM724" s="613"/>
      <c r="QN724" s="613"/>
      <c r="QO724" s="613"/>
      <c r="QP724" s="613"/>
      <c r="QQ724" s="613"/>
      <c r="QR724" s="613"/>
      <c r="QS724" s="613"/>
      <c r="QT724" s="613"/>
      <c r="QU724" s="613"/>
      <c r="QV724" s="613"/>
      <c r="QW724" s="613"/>
      <c r="QX724" s="613"/>
      <c r="QY724" s="613"/>
      <c r="QZ724" s="613"/>
      <c r="RA724" s="613"/>
      <c r="RB724" s="613"/>
      <c r="RC724" s="613"/>
      <c r="RD724" s="613"/>
      <c r="RE724" s="613"/>
      <c r="RF724" s="613"/>
      <c r="RG724" s="613"/>
      <c r="RH724" s="613"/>
      <c r="RI724" s="613"/>
      <c r="RJ724" s="613"/>
      <c r="RK724" s="613"/>
      <c r="RL724" s="613"/>
      <c r="RM724" s="613"/>
      <c r="RN724" s="613"/>
      <c r="RO724" s="613"/>
      <c r="RP724" s="613"/>
      <c r="RQ724" s="613"/>
      <c r="RR724" s="613"/>
      <c r="RS724" s="613"/>
      <c r="RT724" s="613"/>
      <c r="RU724" s="613"/>
      <c r="RV724" s="613"/>
      <c r="RW724" s="613"/>
      <c r="RX724" s="613"/>
      <c r="RY724" s="613"/>
      <c r="RZ724" s="613"/>
      <c r="SA724" s="613"/>
      <c r="SB724" s="613"/>
      <c r="SC724" s="613"/>
      <c r="SD724" s="613"/>
      <c r="SE724" s="613"/>
      <c r="SF724" s="613"/>
      <c r="SG724" s="613"/>
      <c r="SH724" s="613"/>
      <c r="SI724" s="613"/>
      <c r="SJ724" s="613"/>
      <c r="SK724" s="613"/>
      <c r="SL724" s="613"/>
      <c r="SM724" s="613"/>
      <c r="SN724" s="613"/>
      <c r="SO724" s="613"/>
      <c r="SP724" s="613"/>
      <c r="SQ724" s="613"/>
      <c r="SR724" s="613"/>
      <c r="SS724" s="613"/>
      <c r="ST724" s="613"/>
      <c r="SU724" s="613"/>
      <c r="SV724" s="613"/>
      <c r="SW724" s="613"/>
      <c r="SX724" s="613"/>
      <c r="SY724" s="613"/>
      <c r="SZ724" s="613"/>
      <c r="TA724" s="613"/>
      <c r="TB724" s="613"/>
      <c r="TC724" s="613"/>
      <c r="TD724" s="613"/>
      <c r="TE724" s="613"/>
      <c r="TF724" s="613"/>
      <c r="TG724" s="613"/>
      <c r="TH724" s="613"/>
      <c r="TI724" s="613"/>
      <c r="TJ724" s="613"/>
      <c r="TK724" s="613"/>
      <c r="TL724" s="613"/>
      <c r="TM724" s="613"/>
      <c r="TN724" s="613"/>
      <c r="TO724" s="613"/>
      <c r="TP724" s="613"/>
      <c r="TQ724" s="613"/>
      <c r="TR724" s="613"/>
      <c r="TS724" s="613"/>
      <c r="TT724" s="613"/>
      <c r="TU724" s="613"/>
      <c r="TV724" s="613"/>
      <c r="TW724" s="613"/>
      <c r="TX724" s="613"/>
      <c r="TY724" s="613"/>
      <c r="TZ724" s="613"/>
      <c r="UA724" s="613"/>
      <c r="UB724" s="613"/>
      <c r="UC724" s="613"/>
      <c r="UD724" s="613"/>
      <c r="UE724" s="613"/>
      <c r="UF724" s="613"/>
      <c r="UG724" s="613"/>
      <c r="UH724" s="613"/>
      <c r="UI724" s="613"/>
      <c r="UJ724" s="613"/>
      <c r="UK724" s="613"/>
      <c r="UL724" s="613"/>
      <c r="UM724" s="613"/>
      <c r="UN724" s="613"/>
      <c r="UO724" s="613"/>
      <c r="UP724" s="613"/>
      <c r="UQ724" s="613"/>
      <c r="UR724" s="613"/>
      <c r="US724" s="613"/>
      <c r="UT724" s="613"/>
      <c r="UU724" s="613"/>
      <c r="UV724" s="613"/>
      <c r="UW724" s="613"/>
      <c r="UX724" s="613"/>
      <c r="UY724" s="613"/>
      <c r="UZ724" s="613"/>
      <c r="VA724" s="613"/>
      <c r="VB724" s="613"/>
      <c r="VC724" s="613"/>
      <c r="VD724" s="613"/>
      <c r="VE724" s="613"/>
      <c r="VF724" s="613"/>
      <c r="VG724" s="613"/>
      <c r="VH724" s="613"/>
      <c r="VI724" s="613"/>
      <c r="VJ724" s="613"/>
      <c r="VK724" s="613"/>
      <c r="VL724" s="613"/>
      <c r="VM724" s="613"/>
      <c r="VN724" s="613"/>
      <c r="VO724" s="613"/>
      <c r="VP724" s="613"/>
      <c r="VQ724" s="613"/>
      <c r="VR724" s="613"/>
      <c r="VS724" s="613"/>
      <c r="VT724" s="613"/>
      <c r="VU724" s="613"/>
      <c r="VV724" s="613"/>
      <c r="VW724" s="613"/>
      <c r="VX724" s="613"/>
      <c r="VY724" s="613"/>
      <c r="VZ724" s="613"/>
      <c r="WA724" s="613"/>
      <c r="WB724" s="613"/>
      <c r="WC724" s="613"/>
      <c r="WD724" s="613"/>
      <c r="WE724" s="613"/>
      <c r="WF724" s="613"/>
      <c r="WG724" s="613"/>
      <c r="WH724" s="613"/>
      <c r="WI724" s="613"/>
      <c r="WJ724" s="613"/>
      <c r="WK724" s="613"/>
      <c r="WL724" s="613"/>
      <c r="WM724" s="613"/>
      <c r="WN724" s="613"/>
      <c r="WO724" s="613"/>
      <c r="WP724" s="613"/>
      <c r="WQ724" s="613"/>
      <c r="WR724" s="613"/>
      <c r="WS724" s="613"/>
      <c r="WT724" s="613"/>
      <c r="WU724" s="613"/>
      <c r="WV724" s="613"/>
      <c r="WW724" s="613"/>
      <c r="WX724" s="613"/>
      <c r="WY724" s="613"/>
      <c r="WZ724" s="613"/>
      <c r="XA724" s="613"/>
      <c r="XB724" s="613"/>
      <c r="XC724" s="613"/>
      <c r="XD724" s="613"/>
      <c r="XE724" s="613"/>
      <c r="XF724" s="613"/>
      <c r="XG724" s="613"/>
      <c r="XH724" s="613"/>
      <c r="XI724" s="613"/>
      <c r="XJ724" s="613"/>
      <c r="XK724" s="613"/>
      <c r="XL724" s="613"/>
      <c r="XM724" s="613"/>
      <c r="XN724" s="613"/>
      <c r="XO724" s="613"/>
      <c r="XP724" s="613"/>
      <c r="XQ724" s="613"/>
      <c r="XR724" s="613"/>
      <c r="XS724" s="613"/>
      <c r="XT724" s="613"/>
      <c r="XU724" s="613"/>
      <c r="XV724" s="613"/>
      <c r="XW724" s="613"/>
      <c r="XX724" s="613"/>
      <c r="XY724" s="613"/>
      <c r="XZ724" s="613"/>
      <c r="YA724" s="613"/>
      <c r="YB724" s="613"/>
      <c r="YC724" s="613"/>
      <c r="YD724" s="613"/>
      <c r="YE724" s="613"/>
      <c r="YF724" s="613"/>
      <c r="YG724" s="613"/>
      <c r="YH724" s="613"/>
      <c r="YI724" s="613"/>
      <c r="YJ724" s="613"/>
      <c r="YK724" s="613"/>
      <c r="YL724" s="613"/>
      <c r="YM724" s="613"/>
      <c r="YN724" s="613"/>
      <c r="YO724" s="613"/>
      <c r="YP724" s="613"/>
      <c r="YQ724" s="613"/>
      <c r="YR724" s="613"/>
      <c r="YS724" s="613"/>
      <c r="YT724" s="613"/>
      <c r="YU724" s="613"/>
      <c r="YV724" s="613"/>
      <c r="YW724" s="613"/>
      <c r="YX724" s="613"/>
      <c r="YY724" s="613"/>
      <c r="YZ724" s="613"/>
      <c r="ZA724" s="613"/>
      <c r="ZB724" s="613"/>
      <c r="ZC724" s="613"/>
      <c r="ZD724" s="613"/>
      <c r="ZE724" s="613"/>
      <c r="ZF724" s="613"/>
      <c r="ZG724" s="613"/>
      <c r="ZH724" s="613"/>
      <c r="ZI724" s="613"/>
      <c r="ZJ724" s="613"/>
      <c r="ZK724" s="613"/>
      <c r="ZL724" s="613"/>
      <c r="ZM724" s="613"/>
      <c r="ZN724" s="613"/>
      <c r="ZO724" s="613"/>
      <c r="ZP724" s="613"/>
      <c r="ZQ724" s="613"/>
      <c r="ZR724" s="613"/>
      <c r="ZS724" s="613"/>
      <c r="ZT724" s="613"/>
      <c r="ZU724" s="613"/>
      <c r="ZV724" s="613"/>
      <c r="ZW724" s="613"/>
      <c r="ZX724" s="613"/>
      <c r="ZY724" s="613"/>
      <c r="ZZ724" s="613"/>
      <c r="AAA724" s="613"/>
      <c r="AAB724" s="613"/>
      <c r="AAC724" s="613"/>
      <c r="AAD724" s="613"/>
      <c r="AAE724" s="613"/>
      <c r="AAF724" s="613"/>
      <c r="AAG724" s="613"/>
      <c r="AAH724" s="613"/>
      <c r="AAI724" s="613"/>
      <c r="AAJ724" s="613"/>
      <c r="AAK724" s="613"/>
      <c r="AAL724" s="613"/>
      <c r="AAM724" s="613"/>
      <c r="AAN724" s="613"/>
      <c r="AAO724" s="613"/>
      <c r="AAP724" s="613"/>
      <c r="AAQ724" s="613"/>
      <c r="AAR724" s="613"/>
      <c r="AAS724" s="613"/>
      <c r="AAT724" s="613"/>
      <c r="AAU724" s="613"/>
      <c r="AAV724" s="613"/>
      <c r="AAW724" s="613"/>
      <c r="AAX724" s="613"/>
      <c r="AAY724" s="613"/>
      <c r="AAZ724" s="613"/>
      <c r="ABA724" s="613"/>
      <c r="ABB724" s="613"/>
      <c r="ABC724" s="613"/>
      <c r="ABD724" s="613"/>
      <c r="ABE724" s="613"/>
      <c r="ABF724" s="613"/>
      <c r="ABG724" s="613"/>
      <c r="ABH724" s="613"/>
      <c r="ABI724" s="613"/>
      <c r="ABJ724" s="613"/>
      <c r="ABK724" s="613"/>
      <c r="ABL724" s="613"/>
      <c r="ABM724" s="613"/>
      <c r="ABN724" s="613"/>
      <c r="ABO724" s="613"/>
      <c r="ABP724" s="613"/>
      <c r="ABQ724" s="613"/>
      <c r="ABR724" s="613"/>
      <c r="ABS724" s="613"/>
      <c r="ABT724" s="613"/>
      <c r="ABU724" s="613"/>
      <c r="ABV724" s="613"/>
      <c r="ABW724" s="613"/>
      <c r="ABX724" s="613"/>
      <c r="ABY724" s="613"/>
      <c r="ABZ724" s="613"/>
      <c r="ACA724" s="613"/>
      <c r="ACB724" s="613"/>
      <c r="ACC724" s="613"/>
      <c r="ACD724" s="613"/>
      <c r="ACE724" s="613"/>
      <c r="ACF724" s="613"/>
      <c r="ACG724" s="613"/>
      <c r="ACH724" s="613"/>
      <c r="ACI724" s="613"/>
      <c r="ACJ724" s="613"/>
      <c r="ACK724" s="613"/>
      <c r="ACL724" s="613"/>
      <c r="ACM724" s="613"/>
      <c r="ACN724" s="613"/>
      <c r="ACO724" s="613"/>
      <c r="ACP724" s="613"/>
      <c r="ACQ724" s="613"/>
      <c r="ACR724" s="613"/>
      <c r="ACS724" s="613"/>
      <c r="ACT724" s="613"/>
      <c r="ACU724" s="613"/>
      <c r="ACV724" s="613"/>
      <c r="ACW724" s="613"/>
      <c r="ACX724" s="613"/>
      <c r="ACY724" s="613"/>
      <c r="ACZ724" s="613"/>
      <c r="ADA724" s="613"/>
      <c r="ADB724" s="613"/>
      <c r="ADC724" s="613"/>
      <c r="ADD724" s="613"/>
      <c r="ADE724" s="613"/>
      <c r="ADF724" s="613"/>
      <c r="ADG724" s="613"/>
      <c r="ADH724" s="613"/>
      <c r="ADI724" s="613"/>
      <c r="ADJ724" s="613"/>
      <c r="ADK724" s="613"/>
      <c r="ADL724" s="613"/>
      <c r="ADM724" s="613"/>
      <c r="ADN724" s="613"/>
      <c r="ADO724" s="613"/>
      <c r="ADP724" s="613"/>
      <c r="ADQ724" s="613"/>
      <c r="ADR724" s="613"/>
      <c r="ADS724" s="613"/>
      <c r="ADT724" s="613"/>
      <c r="ADU724" s="613"/>
      <c r="ADV724" s="613"/>
      <c r="ADW724" s="613"/>
      <c r="ADX724" s="613"/>
      <c r="ADY724" s="613"/>
      <c r="ADZ724" s="613"/>
      <c r="AEA724" s="613"/>
      <c r="AEB724" s="613"/>
      <c r="AEC724" s="613"/>
      <c r="AED724" s="613"/>
      <c r="AEE724" s="613"/>
      <c r="AEF724" s="613"/>
      <c r="AEG724" s="613"/>
      <c r="AEH724" s="613"/>
      <c r="AEI724" s="613"/>
      <c r="AEJ724" s="613"/>
      <c r="AEK724" s="613"/>
      <c r="AEL724" s="613"/>
      <c r="AEM724" s="613"/>
      <c r="AEN724" s="613"/>
      <c r="AEO724" s="613"/>
      <c r="AEP724" s="613"/>
      <c r="AEQ724" s="613"/>
      <c r="AER724" s="613"/>
      <c r="AES724" s="613"/>
      <c r="AET724" s="613"/>
      <c r="AEU724" s="613"/>
      <c r="AEV724" s="613"/>
      <c r="AEW724" s="613"/>
      <c r="AEX724" s="613"/>
      <c r="AEY724" s="613"/>
      <c r="AEZ724" s="613"/>
      <c r="AFA724" s="613"/>
      <c r="AFB724" s="613"/>
      <c r="AFC724" s="613"/>
      <c r="AFD724" s="613"/>
      <c r="AFE724" s="613"/>
      <c r="AFF724" s="613"/>
      <c r="AFG724" s="613"/>
      <c r="AFH724" s="613"/>
      <c r="AFI724" s="613"/>
      <c r="AFJ724" s="613"/>
      <c r="AFK724" s="613"/>
      <c r="AFL724" s="613"/>
      <c r="AFM724" s="613"/>
      <c r="AFN724" s="613"/>
      <c r="AFO724" s="613"/>
      <c r="AFP724" s="613"/>
      <c r="AFQ724" s="613"/>
      <c r="AFR724" s="613"/>
      <c r="AFS724" s="613"/>
      <c r="AFT724" s="613"/>
      <c r="AFU724" s="613"/>
      <c r="AFV724" s="613"/>
      <c r="AFW724" s="613"/>
      <c r="AFX724" s="613"/>
      <c r="AFY724" s="613"/>
      <c r="AFZ724" s="613"/>
      <c r="AGA724" s="613"/>
      <c r="AGB724" s="613"/>
      <c r="AGC724" s="613"/>
      <c r="AGD724" s="613"/>
      <c r="AGE724" s="613"/>
      <c r="AGF724" s="613"/>
      <c r="AGG724" s="613"/>
      <c r="AGH724" s="613"/>
      <c r="AGI724" s="613"/>
      <c r="AGJ724" s="613"/>
      <c r="AGK724" s="613"/>
      <c r="AGL724" s="613"/>
      <c r="AGM724" s="613"/>
      <c r="AGN724" s="613"/>
      <c r="AGO724" s="613"/>
      <c r="AGP724" s="613"/>
      <c r="AGQ724" s="613"/>
      <c r="AGR724" s="613"/>
      <c r="AGS724" s="613"/>
      <c r="AGT724" s="613"/>
      <c r="AGU724" s="613"/>
      <c r="AGV724" s="613"/>
      <c r="AGW724" s="613"/>
      <c r="AGX724" s="613"/>
      <c r="AGY724" s="613"/>
      <c r="AGZ724" s="613"/>
      <c r="AHA724" s="613"/>
      <c r="AHB724" s="613"/>
      <c r="AHC724" s="613"/>
      <c r="AHD724" s="613"/>
      <c r="AHE724" s="613"/>
      <c r="AHF724" s="613"/>
      <c r="AHG724" s="613"/>
      <c r="AHH724" s="613"/>
      <c r="AHI724" s="613"/>
      <c r="AHJ724" s="613"/>
      <c r="AHK724" s="613"/>
      <c r="AHL724" s="613"/>
      <c r="AHM724" s="613"/>
      <c r="AHN724" s="613"/>
      <c r="AHO724" s="613"/>
      <c r="AHP724" s="613"/>
      <c r="AHQ724" s="613"/>
      <c r="AHR724" s="613"/>
      <c r="AHS724" s="613"/>
      <c r="AHT724" s="613"/>
      <c r="AHU724" s="613"/>
      <c r="AHV724" s="613"/>
      <c r="AHW724" s="613"/>
      <c r="AHX724" s="613"/>
      <c r="AHY724" s="613"/>
      <c r="AHZ724" s="613"/>
      <c r="AIA724" s="613"/>
      <c r="AIB724" s="613"/>
      <c r="AIC724" s="613"/>
      <c r="AID724" s="613"/>
      <c r="AIE724" s="613"/>
      <c r="AIF724" s="613"/>
      <c r="AIG724" s="613"/>
      <c r="AIH724" s="613"/>
      <c r="AII724" s="613"/>
      <c r="AIJ724" s="613"/>
      <c r="AIK724" s="613"/>
      <c r="AIL724" s="613"/>
      <c r="AIM724" s="613"/>
      <c r="AIN724" s="613"/>
      <c r="AIO724" s="613"/>
      <c r="AIP724" s="613"/>
      <c r="AIQ724" s="613"/>
      <c r="AIR724" s="613"/>
      <c r="AIS724" s="613"/>
      <c r="AIT724" s="613"/>
      <c r="AIU724" s="613"/>
      <c r="AIV724" s="613"/>
      <c r="AIW724" s="613"/>
      <c r="AIX724" s="613"/>
      <c r="AIY724" s="613"/>
      <c r="AIZ724" s="613"/>
      <c r="AJA724" s="613"/>
      <c r="AJB724" s="613"/>
      <c r="AJC724" s="613"/>
      <c r="AJD724" s="613"/>
      <c r="AJE724" s="613"/>
      <c r="AJF724" s="613"/>
      <c r="AJG724" s="613"/>
      <c r="AJH724" s="613"/>
      <c r="AJI724" s="613"/>
      <c r="AJJ724" s="613"/>
      <c r="AJK724" s="613"/>
      <c r="AJL724" s="613"/>
      <c r="AJM724" s="613"/>
      <c r="AJN724" s="613"/>
      <c r="AJO724" s="613"/>
      <c r="AJP724" s="613"/>
      <c r="AJQ724" s="613"/>
      <c r="AJR724" s="613"/>
      <c r="AJS724" s="613"/>
      <c r="AJT724" s="613"/>
      <c r="AJU724" s="613"/>
      <c r="AJV724" s="613"/>
      <c r="AJW724" s="613"/>
      <c r="AJX724" s="613"/>
      <c r="AJY724" s="613"/>
      <c r="AJZ724" s="613"/>
      <c r="AKA724" s="613"/>
      <c r="AKB724" s="613"/>
      <c r="AKC724" s="613"/>
      <c r="AKD724" s="613"/>
      <c r="AKE724" s="613"/>
      <c r="AKF724" s="613"/>
      <c r="AKG724" s="613"/>
      <c r="AKH724" s="613"/>
      <c r="AKI724" s="613"/>
      <c r="AKJ724" s="613"/>
      <c r="AKK724" s="613"/>
      <c r="AKL724" s="613"/>
      <c r="AKM724" s="613"/>
      <c r="AKN724" s="613"/>
      <c r="AKO724" s="613"/>
      <c r="AKP724" s="613"/>
      <c r="AKQ724" s="613"/>
      <c r="AKR724" s="613"/>
      <c r="AKS724" s="613"/>
      <c r="AKT724" s="613"/>
      <c r="AKU724" s="613"/>
      <c r="AKV724" s="613"/>
      <c r="AKW724" s="613"/>
      <c r="AKX724" s="613"/>
      <c r="AKY724" s="613"/>
      <c r="AKZ724" s="613"/>
      <c r="ALA724" s="613"/>
      <c r="ALB724" s="613"/>
      <c r="ALC724" s="613"/>
      <c r="ALD724" s="613"/>
      <c r="ALE724" s="613"/>
      <c r="ALF724" s="613"/>
      <c r="ALG724" s="613"/>
      <c r="ALH724" s="613"/>
      <c r="ALI724" s="613"/>
      <c r="ALJ724" s="613"/>
      <c r="ALK724" s="613"/>
      <c r="ALL724" s="613"/>
      <c r="ALM724" s="613"/>
      <c r="ALN724" s="613"/>
      <c r="ALO724" s="613"/>
      <c r="ALP724" s="613"/>
      <c r="ALQ724" s="613"/>
      <c r="ALR724" s="613"/>
      <c r="ALS724" s="613"/>
      <c r="ALT724" s="613"/>
      <c r="ALU724" s="613"/>
      <c r="ALV724" s="613"/>
      <c r="ALW724" s="613"/>
      <c r="ALX724" s="613"/>
      <c r="ALY724" s="613"/>
      <c r="ALZ724" s="613"/>
      <c r="AMA724" s="613"/>
      <c r="AMB724" s="613"/>
      <c r="AMC724" s="613"/>
      <c r="AMD724" s="613"/>
      <c r="AME724" s="613"/>
      <c r="AMF724" s="613"/>
      <c r="AMG724" s="613"/>
      <c r="AMH724" s="613"/>
      <c r="AMI724" s="613"/>
      <c r="AMJ724" s="613"/>
      <c r="AMK724" s="613"/>
      <c r="AML724" s="613"/>
      <c r="AMM724" s="613"/>
      <c r="AMN724" s="613"/>
      <c r="AMO724" s="613"/>
      <c r="AMP724" s="613"/>
      <c r="AMQ724" s="613"/>
      <c r="AMR724" s="613"/>
      <c r="AMS724" s="613"/>
      <c r="AMT724" s="613"/>
      <c r="AMU724" s="613"/>
      <c r="AMV724" s="613"/>
      <c r="AMW724" s="613"/>
      <c r="AMX724" s="613"/>
      <c r="AMY724" s="613"/>
      <c r="AMZ724" s="613"/>
      <c r="ANA724" s="613"/>
      <c r="ANB724" s="613"/>
      <c r="ANC724" s="613"/>
      <c r="AND724" s="613"/>
      <c r="ANE724" s="613"/>
      <c r="ANF724" s="613"/>
      <c r="ANG724" s="613"/>
      <c r="ANH724" s="613"/>
      <c r="ANI724" s="613"/>
      <c r="ANJ724" s="613"/>
      <c r="ANK724" s="613"/>
      <c r="ANL724" s="613"/>
      <c r="ANM724" s="613"/>
      <c r="ANN724" s="613"/>
      <c r="ANO724" s="613"/>
      <c r="ANP724" s="613"/>
      <c r="ANQ724" s="613"/>
      <c r="ANR724" s="613"/>
      <c r="ANS724" s="613"/>
      <c r="ANT724" s="613"/>
      <c r="ANU724" s="613"/>
      <c r="ANV724" s="613"/>
      <c r="ANW724" s="613"/>
      <c r="ANX724" s="613"/>
      <c r="ANY724" s="613"/>
      <c r="ANZ724" s="613"/>
      <c r="AOA724" s="613"/>
      <c r="AOB724" s="613"/>
      <c r="AOC724" s="613"/>
      <c r="AOD724" s="613"/>
      <c r="AOE724" s="613"/>
      <c r="AOF724" s="613"/>
      <c r="AOG724" s="613"/>
      <c r="AOH724" s="613"/>
      <c r="AOI724" s="613"/>
      <c r="AOJ724" s="613"/>
      <c r="AOK724" s="613"/>
      <c r="AOL724" s="613"/>
      <c r="AOM724" s="613"/>
      <c r="AON724" s="613"/>
      <c r="AOO724" s="613"/>
      <c r="AOP724" s="613"/>
      <c r="AOQ724" s="613"/>
      <c r="AOR724" s="613"/>
      <c r="AOS724" s="613"/>
      <c r="AOT724" s="613"/>
      <c r="AOU724" s="613"/>
      <c r="AOV724" s="613"/>
      <c r="AOW724" s="613"/>
      <c r="AOX724" s="613"/>
      <c r="AOY724" s="613"/>
      <c r="AOZ724" s="613"/>
      <c r="APA724" s="613"/>
      <c r="APB724" s="613"/>
      <c r="APC724" s="613"/>
      <c r="APD724" s="613"/>
      <c r="APE724" s="613"/>
      <c r="APF724" s="613"/>
      <c r="APG724" s="613"/>
      <c r="APH724" s="613"/>
      <c r="API724" s="613"/>
      <c r="APJ724" s="613"/>
      <c r="APK724" s="613"/>
      <c r="APL724" s="613"/>
      <c r="APM724" s="613"/>
      <c r="APN724" s="613"/>
      <c r="APO724" s="613"/>
      <c r="APP724" s="613"/>
      <c r="APQ724" s="613"/>
      <c r="APR724" s="613"/>
      <c r="APS724" s="613"/>
      <c r="APT724" s="613"/>
      <c r="APU724" s="613"/>
      <c r="APV724" s="613"/>
      <c r="APW724" s="613"/>
      <c r="APX724" s="613"/>
      <c r="APY724" s="613"/>
      <c r="APZ724" s="613"/>
      <c r="AQA724" s="613"/>
      <c r="AQB724" s="613"/>
      <c r="AQC724" s="613"/>
      <c r="AQD724" s="613"/>
      <c r="AQE724" s="613"/>
      <c r="AQF724" s="613"/>
      <c r="AQG724" s="613"/>
      <c r="AQH724" s="613"/>
      <c r="AQI724" s="613"/>
      <c r="AQJ724" s="613"/>
      <c r="AQK724" s="613"/>
      <c r="AQL724" s="613"/>
      <c r="AQM724" s="613"/>
      <c r="AQN724" s="613"/>
      <c r="AQO724" s="613"/>
      <c r="AQP724" s="613"/>
      <c r="AQQ724" s="613"/>
      <c r="AQR724" s="613"/>
      <c r="AQS724" s="613"/>
      <c r="AQT724" s="613"/>
      <c r="AQU724" s="613"/>
      <c r="AQV724" s="613"/>
      <c r="AQW724" s="613"/>
      <c r="AQX724" s="613"/>
      <c r="AQY724" s="613"/>
      <c r="AQZ724" s="613"/>
      <c r="ARA724" s="613"/>
      <c r="ARB724" s="613"/>
      <c r="ARC724" s="613"/>
      <c r="ARD724" s="613"/>
      <c r="ARE724" s="613"/>
      <c r="ARF724" s="613"/>
      <c r="ARG724" s="613"/>
      <c r="ARH724" s="613"/>
      <c r="ARI724" s="613"/>
      <c r="ARJ724" s="613"/>
      <c r="ARK724" s="613"/>
      <c r="ARL724" s="613"/>
      <c r="ARM724" s="613"/>
      <c r="ARN724" s="613"/>
      <c r="ARO724" s="613"/>
      <c r="ARP724" s="613"/>
      <c r="ARQ724" s="613"/>
      <c r="ARR724" s="613"/>
      <c r="ARS724" s="613"/>
      <c r="ART724" s="613"/>
      <c r="ARU724" s="613"/>
      <c r="ARV724" s="613"/>
      <c r="ARW724" s="613"/>
      <c r="ARX724" s="613"/>
      <c r="ARY724" s="613"/>
      <c r="ARZ724" s="613"/>
      <c r="ASA724" s="613"/>
      <c r="ASB724" s="613"/>
      <c r="ASC724" s="613"/>
      <c r="ASD724" s="613"/>
      <c r="ASE724" s="613"/>
      <c r="ASF724" s="613"/>
      <c r="ASG724" s="613"/>
      <c r="ASH724" s="613"/>
      <c r="ASI724" s="613"/>
      <c r="ASJ724" s="613"/>
      <c r="ASK724" s="613"/>
      <c r="ASL724" s="613"/>
      <c r="ASM724" s="613"/>
      <c r="ASN724" s="613"/>
      <c r="ASO724" s="613"/>
      <c r="ASP724" s="613"/>
      <c r="ASQ724" s="613"/>
      <c r="ASR724" s="613"/>
      <c r="ASS724" s="613"/>
      <c r="AST724" s="613"/>
      <c r="ASU724" s="613"/>
      <c r="ASV724" s="613"/>
      <c r="ASW724" s="613"/>
      <c r="ASX724" s="613"/>
      <c r="ASY724" s="613"/>
      <c r="ASZ724" s="613"/>
      <c r="ATA724" s="613"/>
      <c r="ATB724" s="613"/>
      <c r="ATC724" s="613"/>
      <c r="ATD724" s="613"/>
      <c r="ATE724" s="613"/>
      <c r="ATF724" s="613"/>
      <c r="ATG724" s="613"/>
      <c r="ATH724" s="613"/>
      <c r="ATI724" s="613"/>
      <c r="ATJ724" s="613"/>
      <c r="ATK724" s="613"/>
      <c r="ATL724" s="613"/>
      <c r="ATM724" s="613"/>
      <c r="ATN724" s="613"/>
      <c r="ATO724" s="613"/>
      <c r="ATP724" s="613"/>
      <c r="ATQ724" s="613"/>
      <c r="ATR724" s="613"/>
      <c r="ATS724" s="613"/>
      <c r="ATT724" s="613"/>
      <c r="ATU724" s="613"/>
      <c r="ATV724" s="613"/>
      <c r="ATW724" s="613"/>
      <c r="ATX724" s="613"/>
      <c r="ATY724" s="613"/>
      <c r="ATZ724" s="613"/>
      <c r="AUA724" s="613"/>
      <c r="AUB724" s="613"/>
      <c r="AUC724" s="613"/>
      <c r="AUD724" s="613"/>
      <c r="AUE724" s="613"/>
      <c r="AUF724" s="613"/>
      <c r="AUG724" s="613"/>
      <c r="AUH724" s="613"/>
      <c r="AUI724" s="613"/>
      <c r="AUJ724" s="613"/>
      <c r="AUK724" s="613"/>
      <c r="AUL724" s="613"/>
      <c r="AUM724" s="613"/>
      <c r="AUN724" s="613"/>
      <c r="AUO724" s="613"/>
      <c r="AUP724" s="613"/>
      <c r="AUQ724" s="613"/>
      <c r="AUR724" s="613"/>
      <c r="AUS724" s="613"/>
      <c r="AUT724" s="613"/>
      <c r="AUU724" s="613"/>
      <c r="AUV724" s="613"/>
      <c r="AUW724" s="613"/>
      <c r="AUX724" s="613"/>
      <c r="AUY724" s="613"/>
      <c r="AUZ724" s="613"/>
      <c r="AVA724" s="613"/>
      <c r="AVB724" s="613"/>
      <c r="AVC724" s="613"/>
      <c r="AVD724" s="613"/>
      <c r="AVE724" s="613"/>
      <c r="AVF724" s="613"/>
      <c r="AVG724" s="613"/>
      <c r="AVH724" s="613"/>
      <c r="AVI724" s="613"/>
      <c r="AVJ724" s="613"/>
      <c r="AVK724" s="613"/>
      <c r="AVL724" s="613"/>
      <c r="AVM724" s="613"/>
      <c r="AVN724" s="613"/>
      <c r="AVO724" s="613"/>
      <c r="AVP724" s="613"/>
      <c r="AVQ724" s="613"/>
      <c r="AVR724" s="613"/>
      <c r="AVS724" s="613"/>
      <c r="AVT724" s="613"/>
      <c r="AVU724" s="613"/>
      <c r="AVV724" s="613"/>
      <c r="AVW724" s="613"/>
      <c r="AVX724" s="613"/>
      <c r="AVY724" s="613"/>
      <c r="AVZ724" s="613"/>
      <c r="AWA724" s="613"/>
      <c r="AWB724" s="613"/>
      <c r="AWC724" s="613"/>
      <c r="AWD724" s="613"/>
      <c r="AWE724" s="613"/>
      <c r="AWF724" s="613"/>
      <c r="AWG724" s="613"/>
      <c r="AWH724" s="613"/>
      <c r="AWI724" s="613"/>
      <c r="AWJ724" s="613"/>
      <c r="AWK724" s="613"/>
      <c r="AWL724" s="613"/>
      <c r="AWM724" s="613"/>
      <c r="AWN724" s="613"/>
      <c r="AWO724" s="613"/>
      <c r="AWP724" s="613"/>
      <c r="AWQ724" s="613"/>
      <c r="AWR724" s="613"/>
      <c r="AWS724" s="613"/>
      <c r="AWT724" s="613"/>
      <c r="AWU724" s="613"/>
      <c r="AWV724" s="613"/>
      <c r="AWW724" s="613"/>
      <c r="AWX724" s="613"/>
      <c r="AWY724" s="613"/>
      <c r="AWZ724" s="613"/>
      <c r="AXA724" s="613"/>
      <c r="AXB724" s="613"/>
      <c r="AXC724" s="613"/>
      <c r="AXD724" s="613"/>
      <c r="AXE724" s="613"/>
      <c r="AXF724" s="613"/>
      <c r="AXG724" s="613"/>
      <c r="AXH724" s="613"/>
      <c r="AXI724" s="613"/>
      <c r="AXJ724" s="613"/>
      <c r="AXK724" s="613"/>
      <c r="AXL724" s="613"/>
      <c r="AXM724" s="613"/>
      <c r="AXN724" s="613"/>
      <c r="AXO724" s="613"/>
      <c r="AXP724" s="613"/>
      <c r="AXQ724" s="613"/>
      <c r="AXR724" s="613"/>
      <c r="AXS724" s="613"/>
      <c r="AXT724" s="613"/>
      <c r="AXU724" s="613"/>
      <c r="AXV724" s="613"/>
      <c r="AXW724" s="613"/>
      <c r="AXX724" s="613"/>
      <c r="AXY724" s="613"/>
      <c r="AXZ724" s="613"/>
      <c r="AYA724" s="613"/>
      <c r="AYB724" s="613"/>
      <c r="AYC724" s="613"/>
      <c r="AYD724" s="613"/>
      <c r="AYE724" s="613"/>
      <c r="AYF724" s="613"/>
      <c r="AYG724" s="613"/>
      <c r="AYH724" s="613"/>
      <c r="AYI724" s="613"/>
      <c r="AYJ724" s="613"/>
      <c r="AYK724" s="613"/>
      <c r="AYL724" s="613"/>
      <c r="AYM724" s="613"/>
      <c r="AYN724" s="613"/>
      <c r="AYO724" s="613"/>
      <c r="AYP724" s="613"/>
      <c r="AYQ724" s="613"/>
      <c r="AYR724" s="613"/>
      <c r="AYS724" s="613"/>
      <c r="AYT724" s="613"/>
      <c r="AYU724" s="613"/>
      <c r="AYV724" s="613"/>
      <c r="AYW724" s="613"/>
      <c r="AYX724" s="613"/>
      <c r="AYY724" s="613"/>
      <c r="AYZ724" s="613"/>
      <c r="AZA724" s="613"/>
      <c r="AZB724" s="613"/>
      <c r="AZC724" s="613"/>
      <c r="AZD724" s="613"/>
      <c r="AZE724" s="613"/>
      <c r="AZF724" s="613"/>
      <c r="AZG724" s="613"/>
      <c r="AZH724" s="613"/>
      <c r="AZI724" s="613"/>
      <c r="AZJ724" s="613"/>
      <c r="AZK724" s="613"/>
      <c r="AZL724" s="613"/>
      <c r="AZM724" s="613"/>
      <c r="AZN724" s="613"/>
      <c r="AZO724" s="613"/>
      <c r="AZP724" s="613"/>
      <c r="AZQ724" s="613"/>
      <c r="AZR724" s="613"/>
      <c r="AZS724" s="613"/>
      <c r="AZT724" s="613"/>
      <c r="AZU724" s="613"/>
      <c r="AZV724" s="613"/>
      <c r="AZW724" s="613"/>
      <c r="AZX724" s="613"/>
      <c r="AZY724" s="613"/>
      <c r="AZZ724" s="613"/>
      <c r="BAA724" s="613"/>
      <c r="BAB724" s="613"/>
      <c r="BAC724" s="613"/>
      <c r="BAD724" s="613"/>
      <c r="BAE724" s="613"/>
      <c r="BAF724" s="613"/>
      <c r="BAG724" s="613"/>
      <c r="BAH724" s="613"/>
      <c r="BAI724" s="613"/>
      <c r="BAJ724" s="613"/>
      <c r="BAK724" s="613"/>
      <c r="BAL724" s="613"/>
      <c r="BAM724" s="613"/>
      <c r="BAN724" s="613"/>
      <c r="BAO724" s="613"/>
      <c r="BAP724" s="613"/>
      <c r="BAQ724" s="613"/>
      <c r="BAR724" s="613"/>
      <c r="BAS724" s="613"/>
      <c r="BAT724" s="613"/>
      <c r="BAU724" s="613"/>
      <c r="BAV724" s="613"/>
      <c r="BAW724" s="613"/>
      <c r="BAX724" s="613"/>
      <c r="BAY724" s="613"/>
      <c r="BAZ724" s="613"/>
      <c r="BBA724" s="613"/>
      <c r="BBB724" s="613"/>
      <c r="BBC724" s="613"/>
      <c r="BBD724" s="613"/>
      <c r="BBE724" s="613"/>
      <c r="BBF724" s="613"/>
      <c r="BBG724" s="613"/>
      <c r="BBH724" s="613"/>
      <c r="BBI724" s="613"/>
      <c r="BBJ724" s="613"/>
      <c r="BBK724" s="613"/>
      <c r="BBL724" s="613"/>
      <c r="BBM724" s="613"/>
      <c r="BBN724" s="613"/>
      <c r="BBO724" s="613"/>
      <c r="BBP724" s="613"/>
      <c r="BBQ724" s="613"/>
      <c r="BBR724" s="613"/>
      <c r="BBS724" s="613"/>
      <c r="BBT724" s="613"/>
      <c r="BBU724" s="613"/>
      <c r="BBV724" s="613"/>
      <c r="BBW724" s="613"/>
      <c r="BBX724" s="613"/>
      <c r="BBY724" s="613"/>
      <c r="BBZ724" s="613"/>
      <c r="BCA724" s="613"/>
      <c r="BCB724" s="613"/>
      <c r="BCC724" s="613"/>
      <c r="BCD724" s="613"/>
      <c r="BCE724" s="613"/>
      <c r="BCF724" s="613"/>
      <c r="BCG724" s="613"/>
      <c r="BCH724" s="613"/>
      <c r="BCI724" s="613"/>
      <c r="BCJ724" s="613"/>
      <c r="BCK724" s="613"/>
      <c r="BCL724" s="613"/>
      <c r="BCM724" s="613"/>
      <c r="BCN724" s="613"/>
      <c r="BCO724" s="613"/>
      <c r="BCP724" s="613"/>
      <c r="BCQ724" s="613"/>
      <c r="BCR724" s="613"/>
      <c r="BCS724" s="613"/>
      <c r="BCT724" s="613"/>
      <c r="BCU724" s="613"/>
      <c r="BCV724" s="613"/>
      <c r="BCW724" s="613"/>
      <c r="BCX724" s="613"/>
      <c r="BCY724" s="613"/>
      <c r="BCZ724" s="613"/>
      <c r="BDA724" s="613"/>
      <c r="BDB724" s="613"/>
      <c r="BDC724" s="613"/>
      <c r="BDD724" s="613"/>
      <c r="BDE724" s="613"/>
      <c r="BDF724" s="613"/>
      <c r="BDG724" s="613"/>
      <c r="BDH724" s="613"/>
      <c r="BDI724" s="613"/>
      <c r="BDJ724" s="613"/>
      <c r="BDK724" s="613"/>
      <c r="BDL724" s="613"/>
      <c r="BDM724" s="613"/>
      <c r="BDN724" s="613"/>
      <c r="BDO724" s="613"/>
      <c r="BDP724" s="613"/>
      <c r="BDQ724" s="613"/>
      <c r="BDR724" s="613"/>
      <c r="BDS724" s="613"/>
      <c r="BDT724" s="613"/>
      <c r="BDU724" s="613"/>
      <c r="BDV724" s="613"/>
      <c r="BDW724" s="613"/>
      <c r="BDX724" s="613"/>
      <c r="BDY724" s="613"/>
      <c r="BDZ724" s="613"/>
      <c r="BEA724" s="613"/>
      <c r="BEB724" s="613"/>
      <c r="BEC724" s="613"/>
      <c r="BED724" s="613"/>
      <c r="BEE724" s="613"/>
      <c r="BEF724" s="613"/>
      <c r="BEG724" s="613"/>
      <c r="BEH724" s="613"/>
      <c r="BEI724" s="613"/>
      <c r="BEJ724" s="613"/>
      <c r="BEK724" s="613"/>
      <c r="BEL724" s="613"/>
      <c r="BEM724" s="613"/>
      <c r="BEN724" s="613"/>
      <c r="BEO724" s="613"/>
      <c r="BEP724" s="613"/>
      <c r="BEQ724" s="613"/>
      <c r="BER724" s="613"/>
      <c r="BES724" s="613"/>
      <c r="BET724" s="613"/>
      <c r="BEU724" s="613"/>
      <c r="BEV724" s="613"/>
      <c r="BEW724" s="613"/>
      <c r="BEX724" s="613"/>
      <c r="BEY724" s="613"/>
      <c r="BEZ724" s="613"/>
      <c r="BFA724" s="613"/>
      <c r="BFB724" s="613"/>
      <c r="BFC724" s="613"/>
      <c r="BFD724" s="613"/>
      <c r="BFE724" s="613"/>
      <c r="BFF724" s="613"/>
      <c r="BFG724" s="613"/>
      <c r="BFH724" s="613"/>
      <c r="BFI724" s="613"/>
      <c r="BFJ724" s="613"/>
      <c r="BFK724" s="613"/>
      <c r="BFL724" s="613"/>
      <c r="BFM724" s="613"/>
      <c r="BFN724" s="613"/>
      <c r="BFO724" s="613"/>
      <c r="BFP724" s="613"/>
      <c r="BFQ724" s="613"/>
      <c r="BFR724" s="613"/>
      <c r="BFS724" s="613"/>
      <c r="BFT724" s="613"/>
      <c r="BFU724" s="613"/>
      <c r="BFV724" s="613"/>
      <c r="BFW724" s="613"/>
      <c r="BFX724" s="613"/>
      <c r="BFY724" s="613"/>
      <c r="BFZ724" s="613"/>
      <c r="BGA724" s="613"/>
      <c r="BGB724" s="613"/>
      <c r="BGC724" s="613"/>
      <c r="BGD724" s="613"/>
      <c r="BGE724" s="613"/>
      <c r="BGF724" s="613"/>
      <c r="BGG724" s="613"/>
      <c r="BGH724" s="613"/>
      <c r="BGI724" s="613"/>
      <c r="BGJ724" s="613"/>
      <c r="BGK724" s="613"/>
      <c r="BGL724" s="613"/>
      <c r="BGM724" s="613"/>
      <c r="BGN724" s="613"/>
      <c r="BGO724" s="613"/>
      <c r="BGP724" s="613"/>
      <c r="BGQ724" s="613"/>
      <c r="BGR724" s="613"/>
      <c r="BGS724" s="613"/>
      <c r="BGT724" s="613"/>
      <c r="BGU724" s="613"/>
      <c r="BGV724" s="613"/>
      <c r="BGW724" s="613"/>
      <c r="BGX724" s="613"/>
      <c r="BGY724" s="613"/>
      <c r="BGZ724" s="613"/>
      <c r="BHA724" s="613"/>
      <c r="BHB724" s="613"/>
      <c r="BHC724" s="613"/>
      <c r="BHD724" s="613"/>
      <c r="BHE724" s="613"/>
      <c r="BHF724" s="613"/>
      <c r="BHG724" s="613"/>
      <c r="BHH724" s="613"/>
      <c r="BHI724" s="613"/>
      <c r="BHJ724" s="613"/>
      <c r="BHK724" s="613"/>
      <c r="BHL724" s="613"/>
      <c r="BHM724" s="613"/>
      <c r="BHN724" s="613"/>
      <c r="BHO724" s="613"/>
      <c r="BHP724" s="613"/>
      <c r="BHQ724" s="613"/>
      <c r="BHR724" s="613"/>
      <c r="BHS724" s="613"/>
      <c r="BHT724" s="613"/>
      <c r="BHU724" s="613"/>
      <c r="BHV724" s="613"/>
      <c r="BHW724" s="613"/>
      <c r="BHX724" s="613"/>
      <c r="BHY724" s="613"/>
      <c r="BHZ724" s="613"/>
      <c r="BIA724" s="613"/>
      <c r="BIB724" s="613"/>
      <c r="BIC724" s="613"/>
      <c r="BID724" s="613"/>
      <c r="BIE724" s="613"/>
      <c r="BIF724" s="613"/>
      <c r="BIG724" s="613"/>
      <c r="BIH724" s="613"/>
      <c r="BII724" s="613"/>
      <c r="BIJ724" s="613"/>
      <c r="BIK724" s="613"/>
      <c r="BIL724" s="613"/>
      <c r="BIM724" s="613"/>
      <c r="BIN724" s="613"/>
      <c r="BIO724" s="613"/>
      <c r="BIP724" s="613"/>
      <c r="BIQ724" s="613"/>
      <c r="BIR724" s="613"/>
      <c r="BIS724" s="613"/>
      <c r="BIT724" s="613"/>
      <c r="BIU724" s="613"/>
      <c r="BIV724" s="613"/>
      <c r="BIW724" s="613"/>
      <c r="BIX724" s="613"/>
      <c r="BIY724" s="613"/>
      <c r="BIZ724" s="613"/>
      <c r="BJA724" s="613"/>
      <c r="BJB724" s="613"/>
      <c r="BJC724" s="613"/>
      <c r="BJD724" s="613"/>
      <c r="BJE724" s="613"/>
      <c r="BJF724" s="613"/>
      <c r="BJG724" s="613"/>
      <c r="BJH724" s="613"/>
      <c r="BJI724" s="613"/>
      <c r="BJJ724" s="613"/>
      <c r="BJK724" s="613"/>
      <c r="BJL724" s="613"/>
      <c r="BJM724" s="613"/>
      <c r="BJN724" s="613"/>
      <c r="BJO724" s="613"/>
      <c r="BJP724" s="613"/>
      <c r="BJQ724" s="613"/>
      <c r="BJR724" s="613"/>
      <c r="BJS724" s="613"/>
      <c r="BJT724" s="613"/>
      <c r="BJU724" s="613"/>
      <c r="BJV724" s="613"/>
      <c r="BJW724" s="613"/>
      <c r="BJX724" s="613"/>
      <c r="BJY724" s="613"/>
      <c r="BJZ724" s="613"/>
      <c r="BKA724" s="613"/>
      <c r="BKB724" s="613"/>
      <c r="BKC724" s="613"/>
      <c r="BKD724" s="613"/>
      <c r="BKE724" s="613"/>
      <c r="BKF724" s="613"/>
      <c r="BKG724" s="613"/>
      <c r="BKH724" s="613"/>
      <c r="BKI724" s="613"/>
      <c r="BKJ724" s="613"/>
      <c r="BKK724" s="613"/>
      <c r="BKL724" s="613"/>
      <c r="BKM724" s="613"/>
      <c r="BKN724" s="613"/>
      <c r="BKO724" s="613"/>
      <c r="BKP724" s="613"/>
      <c r="BKQ724" s="613"/>
      <c r="BKR724" s="613"/>
      <c r="BKS724" s="613"/>
      <c r="BKT724" s="613"/>
      <c r="BKU724" s="613"/>
      <c r="BKV724" s="613"/>
      <c r="BKW724" s="613"/>
      <c r="BKX724" s="613"/>
      <c r="BKY724" s="613"/>
      <c r="BKZ724" s="613"/>
      <c r="BLA724" s="613"/>
      <c r="BLB724" s="613"/>
      <c r="BLC724" s="613"/>
      <c r="BLD724" s="613"/>
      <c r="BLE724" s="613"/>
      <c r="BLF724" s="613"/>
      <c r="BLG724" s="613"/>
      <c r="BLH724" s="613"/>
      <c r="BLI724" s="613"/>
      <c r="BLJ724" s="613"/>
      <c r="BLK724" s="613"/>
      <c r="BLL724" s="613"/>
      <c r="BLM724" s="613"/>
      <c r="BLN724" s="613"/>
      <c r="BLO724" s="613"/>
      <c r="BLP724" s="613"/>
      <c r="BLQ724" s="613"/>
      <c r="BLR724" s="613"/>
      <c r="BLS724" s="613"/>
      <c r="BLT724" s="613"/>
      <c r="BLU724" s="613"/>
      <c r="BLV724" s="613"/>
      <c r="BLW724" s="613"/>
      <c r="BLX724" s="613"/>
      <c r="BLY724" s="613"/>
      <c r="BLZ724" s="613"/>
      <c r="BMA724" s="613"/>
      <c r="BMB724" s="613"/>
      <c r="BMC724" s="613"/>
      <c r="BMD724" s="613"/>
      <c r="BME724" s="613"/>
      <c r="BMF724" s="613"/>
      <c r="BMG724" s="613"/>
      <c r="BMH724" s="613"/>
      <c r="BMI724" s="613"/>
      <c r="BMJ724" s="613"/>
      <c r="BMK724" s="613"/>
      <c r="BML724" s="613"/>
      <c r="BMM724" s="613"/>
      <c r="BMN724" s="613"/>
      <c r="BMO724" s="613"/>
      <c r="BMP724" s="613"/>
      <c r="BMQ724" s="613"/>
      <c r="BMR724" s="613"/>
      <c r="BMS724" s="613"/>
      <c r="BMT724" s="613"/>
      <c r="BMU724" s="613"/>
      <c r="BMV724" s="613"/>
      <c r="BMW724" s="613"/>
      <c r="BMX724" s="613"/>
      <c r="BMY724" s="613"/>
      <c r="BMZ724" s="613"/>
      <c r="BNA724" s="613"/>
      <c r="BNB724" s="613"/>
      <c r="BNC724" s="613"/>
      <c r="BND724" s="613"/>
      <c r="BNE724" s="613"/>
      <c r="BNF724" s="613"/>
      <c r="BNG724" s="613"/>
      <c r="BNH724" s="613"/>
      <c r="BNI724" s="613"/>
      <c r="BNJ724" s="613"/>
      <c r="BNK724" s="613"/>
      <c r="BNL724" s="613"/>
      <c r="BNM724" s="613"/>
      <c r="BNN724" s="613"/>
      <c r="BNO724" s="613"/>
      <c r="BNP724" s="613"/>
      <c r="BNQ724" s="613"/>
      <c r="BNR724" s="613"/>
      <c r="BNS724" s="613"/>
      <c r="BNT724" s="613"/>
      <c r="BNU724" s="613"/>
      <c r="BNV724" s="613"/>
      <c r="BNW724" s="613"/>
      <c r="BNX724" s="613"/>
      <c r="BNY724" s="613"/>
      <c r="BNZ724" s="613"/>
      <c r="BOA724" s="613"/>
      <c r="BOB724" s="613"/>
      <c r="BOC724" s="613"/>
      <c r="BOD724" s="613"/>
      <c r="BOE724" s="613"/>
      <c r="BOF724" s="613"/>
      <c r="BOG724" s="613"/>
      <c r="BOH724" s="613"/>
      <c r="BOI724" s="613"/>
      <c r="BOJ724" s="613"/>
      <c r="BOK724" s="613"/>
      <c r="BOL724" s="613"/>
      <c r="BOM724" s="613"/>
      <c r="BON724" s="613"/>
      <c r="BOO724" s="613"/>
      <c r="BOP724" s="613"/>
      <c r="BOQ724" s="613"/>
      <c r="BOR724" s="613"/>
      <c r="BOS724" s="613"/>
      <c r="BOT724" s="613"/>
      <c r="BOU724" s="613"/>
      <c r="BOV724" s="613"/>
      <c r="BOW724" s="613"/>
      <c r="BOX724" s="613"/>
      <c r="BOY724" s="613"/>
      <c r="BOZ724" s="613"/>
      <c r="BPA724" s="613"/>
      <c r="BPB724" s="613"/>
      <c r="BPC724" s="613"/>
      <c r="BPD724" s="613"/>
      <c r="BPE724" s="613"/>
      <c r="BPF724" s="613"/>
      <c r="BPG724" s="613"/>
      <c r="BPH724" s="613"/>
      <c r="BPI724" s="613"/>
      <c r="BPJ724" s="613"/>
      <c r="BPK724" s="613"/>
      <c r="BPL724" s="613"/>
      <c r="BPM724" s="613"/>
      <c r="BPN724" s="613"/>
      <c r="BPO724" s="613"/>
      <c r="BPP724" s="613"/>
      <c r="BPQ724" s="613"/>
      <c r="BPR724" s="613"/>
      <c r="BPS724" s="613"/>
      <c r="BPT724" s="613"/>
      <c r="BPU724" s="613"/>
      <c r="BPV724" s="613"/>
      <c r="BPW724" s="613"/>
      <c r="BPX724" s="613"/>
      <c r="BPY724" s="613"/>
      <c r="BPZ724" s="613"/>
      <c r="BQA724" s="613"/>
      <c r="BQB724" s="613"/>
      <c r="BQC724" s="613"/>
      <c r="BQD724" s="613"/>
      <c r="BQE724" s="613"/>
      <c r="BQF724" s="613"/>
      <c r="BQG724" s="613"/>
      <c r="BQH724" s="613"/>
      <c r="BQI724" s="613"/>
      <c r="BQJ724" s="613"/>
      <c r="BQK724" s="613"/>
      <c r="BQL724" s="613"/>
      <c r="BQM724" s="613"/>
      <c r="BQN724" s="613"/>
      <c r="BQO724" s="613"/>
      <c r="BQP724" s="613"/>
      <c r="BQQ724" s="613"/>
      <c r="BQR724" s="613"/>
      <c r="BQS724" s="613"/>
      <c r="BQT724" s="613"/>
      <c r="BQU724" s="613"/>
      <c r="BQV724" s="613"/>
      <c r="BQW724" s="613"/>
      <c r="BQX724" s="613"/>
      <c r="BQY724" s="613"/>
      <c r="BQZ724" s="613"/>
      <c r="BRA724" s="613"/>
      <c r="BRB724" s="613"/>
      <c r="BRC724" s="613"/>
      <c r="BRD724" s="613"/>
      <c r="BRE724" s="613"/>
      <c r="BRF724" s="613"/>
      <c r="BRG724" s="613"/>
      <c r="BRH724" s="613"/>
      <c r="BRI724" s="613"/>
      <c r="BRJ724" s="613"/>
      <c r="BRK724" s="613"/>
      <c r="BRL724" s="613"/>
      <c r="BRM724" s="613"/>
      <c r="BRN724" s="613"/>
      <c r="BRO724" s="613"/>
      <c r="BRP724" s="613"/>
      <c r="BRQ724" s="613"/>
      <c r="BRR724" s="613"/>
      <c r="BRS724" s="613"/>
      <c r="BRT724" s="613"/>
      <c r="BRU724" s="613"/>
      <c r="BRV724" s="613"/>
      <c r="BRW724" s="613"/>
      <c r="BRX724" s="613"/>
      <c r="BRY724" s="613"/>
      <c r="BRZ724" s="613"/>
      <c r="BSA724" s="613"/>
      <c r="BSB724" s="613"/>
      <c r="BSC724" s="613"/>
      <c r="BSD724" s="613"/>
      <c r="BSE724" s="613"/>
      <c r="BSF724" s="613"/>
      <c r="BSG724" s="613"/>
      <c r="BSH724" s="613"/>
      <c r="BSI724" s="613"/>
      <c r="BSJ724" s="613"/>
      <c r="BSK724" s="613"/>
      <c r="BSL724" s="613"/>
      <c r="BSM724" s="613"/>
      <c r="BSN724" s="613"/>
      <c r="BSO724" s="613"/>
      <c r="BSP724" s="613"/>
      <c r="BSQ724" s="613"/>
      <c r="BSR724" s="613"/>
      <c r="BSS724" s="613"/>
      <c r="BST724" s="613"/>
      <c r="BSU724" s="613"/>
      <c r="BSV724" s="613"/>
      <c r="BSW724" s="613"/>
      <c r="BSX724" s="613"/>
      <c r="BSY724" s="613"/>
      <c r="BSZ724" s="613"/>
      <c r="BTA724" s="613"/>
      <c r="BTB724" s="613"/>
      <c r="BTC724" s="613"/>
      <c r="BTD724" s="613"/>
      <c r="BTE724" s="613"/>
      <c r="BTF724" s="613"/>
      <c r="BTG724" s="613"/>
      <c r="BTH724" s="613"/>
      <c r="BTI724" s="613"/>
      <c r="BTJ724" s="613"/>
      <c r="BTK724" s="613"/>
      <c r="BTL724" s="613"/>
      <c r="BTM724" s="613"/>
      <c r="BTN724" s="613"/>
      <c r="BTO724" s="613"/>
      <c r="BTP724" s="613"/>
      <c r="BTQ724" s="613"/>
      <c r="BTR724" s="613"/>
      <c r="BTS724" s="613"/>
      <c r="BTT724" s="613"/>
      <c r="BTU724" s="613"/>
      <c r="BTV724" s="613"/>
      <c r="BTW724" s="613"/>
      <c r="BTX724" s="613"/>
      <c r="BTY724" s="613"/>
      <c r="BTZ724" s="613"/>
      <c r="BUA724" s="613"/>
      <c r="BUB724" s="613"/>
      <c r="BUC724" s="613"/>
      <c r="BUD724" s="613"/>
      <c r="BUE724" s="613"/>
      <c r="BUF724" s="613"/>
      <c r="BUG724" s="613"/>
      <c r="BUH724" s="613"/>
      <c r="BUI724" s="613"/>
      <c r="BUJ724" s="613"/>
      <c r="BUK724" s="613"/>
      <c r="BUL724" s="613"/>
      <c r="BUM724" s="613"/>
      <c r="BUN724" s="613"/>
      <c r="BUO724" s="613"/>
      <c r="BUP724" s="613"/>
      <c r="BUQ724" s="613"/>
      <c r="BUR724" s="613"/>
      <c r="BUS724" s="613"/>
      <c r="BUT724" s="613"/>
      <c r="BUU724" s="613"/>
      <c r="BUV724" s="613"/>
      <c r="BUW724" s="613"/>
      <c r="BUX724" s="613"/>
      <c r="BUY724" s="613"/>
      <c r="BUZ724" s="613"/>
      <c r="BVA724" s="613"/>
      <c r="BVB724" s="613"/>
      <c r="BVC724" s="613"/>
      <c r="BVD724" s="613"/>
      <c r="BVE724" s="613"/>
      <c r="BVF724" s="613"/>
      <c r="BVG724" s="613"/>
      <c r="BVH724" s="613"/>
      <c r="BVI724" s="613"/>
      <c r="BVJ724" s="613"/>
      <c r="BVK724" s="613"/>
      <c r="BVL724" s="613"/>
      <c r="BVM724" s="613"/>
      <c r="BVN724" s="613"/>
      <c r="BVO724" s="613"/>
      <c r="BVP724" s="613"/>
      <c r="BVQ724" s="613"/>
      <c r="BVR724" s="613"/>
      <c r="BVS724" s="613"/>
      <c r="BVT724" s="613"/>
      <c r="BVU724" s="613"/>
      <c r="BVV724" s="613"/>
      <c r="BVW724" s="613"/>
      <c r="BVX724" s="613"/>
      <c r="BVY724" s="613"/>
      <c r="BVZ724" s="613"/>
      <c r="BWA724" s="613"/>
      <c r="BWB724" s="613"/>
      <c r="BWC724" s="613"/>
      <c r="BWD724" s="613"/>
      <c r="BWE724" s="613"/>
      <c r="BWF724" s="613"/>
      <c r="BWG724" s="613"/>
      <c r="BWH724" s="613"/>
      <c r="BWI724" s="613"/>
      <c r="BWJ724" s="613"/>
      <c r="BWK724" s="613"/>
      <c r="BWL724" s="613"/>
      <c r="BWM724" s="613"/>
      <c r="BWN724" s="613"/>
      <c r="BWO724" s="613"/>
      <c r="BWP724" s="613"/>
      <c r="BWQ724" s="613"/>
      <c r="BWR724" s="613"/>
      <c r="BWS724" s="613"/>
      <c r="BWT724" s="613"/>
      <c r="BWU724" s="613"/>
      <c r="BWV724" s="613"/>
      <c r="BWW724" s="613"/>
      <c r="BWX724" s="613"/>
      <c r="BWY724" s="613"/>
      <c r="BWZ724" s="613"/>
      <c r="BXA724" s="613"/>
      <c r="BXB724" s="613"/>
      <c r="BXC724" s="613"/>
      <c r="BXD724" s="613"/>
      <c r="BXE724" s="613"/>
      <c r="BXF724" s="613"/>
      <c r="BXG724" s="613"/>
      <c r="BXH724" s="613"/>
      <c r="BXI724" s="613"/>
      <c r="BXJ724" s="613"/>
      <c r="BXK724" s="613"/>
      <c r="BXL724" s="613"/>
      <c r="BXM724" s="613"/>
      <c r="BXN724" s="613"/>
      <c r="BXO724" s="613"/>
      <c r="BXP724" s="613"/>
      <c r="BXQ724" s="613"/>
      <c r="BXR724" s="613"/>
      <c r="BXS724" s="613"/>
      <c r="BXT724" s="613"/>
      <c r="BXU724" s="613"/>
      <c r="BXV724" s="613"/>
      <c r="BXW724" s="613"/>
      <c r="BXX724" s="613"/>
      <c r="BXY724" s="613"/>
      <c r="BXZ724" s="613"/>
      <c r="BYA724" s="613"/>
      <c r="BYB724" s="613"/>
      <c r="BYC724" s="613"/>
      <c r="BYD724" s="613"/>
      <c r="BYE724" s="613"/>
      <c r="BYF724" s="613"/>
      <c r="BYG724" s="613"/>
      <c r="BYH724" s="613"/>
      <c r="BYI724" s="613"/>
      <c r="BYJ724" s="613"/>
      <c r="BYK724" s="613"/>
      <c r="BYL724" s="613"/>
      <c r="BYM724" s="613"/>
      <c r="BYN724" s="613"/>
      <c r="BYO724" s="613"/>
      <c r="BYP724" s="613"/>
      <c r="BYQ724" s="613"/>
      <c r="BYR724" s="613"/>
      <c r="BYS724" s="613"/>
      <c r="BYT724" s="613"/>
      <c r="BYU724" s="613"/>
      <c r="BYV724" s="613"/>
      <c r="BYW724" s="613"/>
      <c r="BYX724" s="613"/>
      <c r="BYY724" s="613"/>
      <c r="BYZ724" s="613"/>
      <c r="BZA724" s="613"/>
      <c r="BZB724" s="613"/>
      <c r="BZC724" s="613"/>
      <c r="BZD724" s="613"/>
      <c r="BZE724" s="613"/>
      <c r="BZF724" s="613"/>
      <c r="BZG724" s="613"/>
      <c r="BZH724" s="613"/>
      <c r="BZI724" s="613"/>
      <c r="BZJ724" s="613"/>
      <c r="BZK724" s="613"/>
      <c r="BZL724" s="613"/>
      <c r="BZM724" s="613"/>
      <c r="BZN724" s="613"/>
      <c r="BZO724" s="613"/>
      <c r="BZP724" s="613"/>
      <c r="BZQ724" s="613"/>
      <c r="BZR724" s="613"/>
      <c r="BZS724" s="613"/>
      <c r="BZT724" s="613"/>
      <c r="BZU724" s="613"/>
      <c r="BZV724" s="613"/>
      <c r="BZW724" s="613"/>
      <c r="BZX724" s="613"/>
      <c r="BZY724" s="613"/>
      <c r="BZZ724" s="613"/>
      <c r="CAA724" s="613"/>
      <c r="CAB724" s="613"/>
      <c r="CAC724" s="613"/>
      <c r="CAD724" s="613"/>
      <c r="CAE724" s="613"/>
      <c r="CAF724" s="613"/>
      <c r="CAG724" s="613"/>
      <c r="CAH724" s="613"/>
      <c r="CAI724" s="613"/>
      <c r="CAJ724" s="613"/>
      <c r="CAK724" s="613"/>
      <c r="CAL724" s="613"/>
      <c r="CAM724" s="613"/>
      <c r="CAN724" s="613"/>
      <c r="CAO724" s="613"/>
      <c r="CAP724" s="613"/>
      <c r="CAQ724" s="613"/>
      <c r="CAR724" s="613"/>
      <c r="CAS724" s="613"/>
      <c r="CAT724" s="613"/>
      <c r="CAU724" s="613"/>
      <c r="CAV724" s="613"/>
      <c r="CAW724" s="613"/>
      <c r="CAX724" s="613"/>
      <c r="CAY724" s="613"/>
      <c r="CAZ724" s="613"/>
      <c r="CBA724" s="613"/>
      <c r="CBB724" s="613"/>
      <c r="CBC724" s="613"/>
      <c r="CBD724" s="613"/>
      <c r="CBE724" s="613"/>
      <c r="CBF724" s="613"/>
      <c r="CBG724" s="613"/>
      <c r="CBH724" s="613"/>
      <c r="CBI724" s="613"/>
      <c r="CBJ724" s="613"/>
      <c r="CBK724" s="613"/>
      <c r="CBL724" s="613"/>
      <c r="CBM724" s="613"/>
      <c r="CBN724" s="613"/>
      <c r="CBO724" s="613"/>
      <c r="CBP724" s="613"/>
      <c r="CBQ724" s="613"/>
      <c r="CBR724" s="613"/>
      <c r="CBS724" s="613"/>
      <c r="CBT724" s="613"/>
      <c r="CBU724" s="613"/>
      <c r="CBV724" s="613"/>
      <c r="CBW724" s="613"/>
      <c r="CBX724" s="613"/>
      <c r="CBY724" s="613"/>
      <c r="CBZ724" s="613"/>
      <c r="CCA724" s="613"/>
      <c r="CCB724" s="613"/>
      <c r="CCC724" s="613"/>
      <c r="CCD724" s="613"/>
      <c r="CCE724" s="613"/>
      <c r="CCF724" s="613"/>
      <c r="CCG724" s="613"/>
      <c r="CCH724" s="613"/>
      <c r="CCI724" s="613"/>
      <c r="CCJ724" s="613"/>
      <c r="CCK724" s="613"/>
      <c r="CCL724" s="613"/>
      <c r="CCM724" s="613"/>
      <c r="CCN724" s="613"/>
      <c r="CCO724" s="613"/>
      <c r="CCP724" s="613"/>
      <c r="CCQ724" s="613"/>
      <c r="CCR724" s="613"/>
      <c r="CCS724" s="613"/>
      <c r="CCT724" s="613"/>
      <c r="CCU724" s="613"/>
      <c r="CCV724" s="613"/>
      <c r="CCW724" s="613"/>
      <c r="CCX724" s="613"/>
      <c r="CCY724" s="613"/>
      <c r="CCZ724" s="613"/>
      <c r="CDA724" s="613"/>
      <c r="CDB724" s="613"/>
      <c r="CDC724" s="613"/>
      <c r="CDD724" s="613"/>
      <c r="CDE724" s="613"/>
      <c r="CDF724" s="613"/>
      <c r="CDG724" s="613"/>
      <c r="CDH724" s="613"/>
      <c r="CDI724" s="613"/>
      <c r="CDJ724" s="613"/>
      <c r="CDK724" s="613"/>
      <c r="CDL724" s="613"/>
      <c r="CDM724" s="613"/>
      <c r="CDN724" s="613"/>
      <c r="CDO724" s="613"/>
      <c r="CDP724" s="613"/>
      <c r="CDQ724" s="613"/>
      <c r="CDR724" s="613"/>
      <c r="CDS724" s="613"/>
      <c r="CDT724" s="613"/>
      <c r="CDU724" s="613"/>
      <c r="CDV724" s="613"/>
      <c r="CDW724" s="613"/>
      <c r="CDX724" s="613"/>
      <c r="CDY724" s="613"/>
      <c r="CDZ724" s="613"/>
      <c r="CEA724" s="613"/>
      <c r="CEB724" s="613"/>
      <c r="CEC724" s="613"/>
      <c r="CED724" s="613"/>
      <c r="CEE724" s="613"/>
      <c r="CEF724" s="613"/>
      <c r="CEG724" s="613"/>
      <c r="CEH724" s="613"/>
      <c r="CEI724" s="613"/>
      <c r="CEJ724" s="613"/>
      <c r="CEK724" s="613"/>
      <c r="CEL724" s="613"/>
      <c r="CEM724" s="613"/>
      <c r="CEN724" s="613"/>
      <c r="CEO724" s="613"/>
      <c r="CEP724" s="613"/>
      <c r="CEQ724" s="613"/>
      <c r="CER724" s="613"/>
      <c r="CES724" s="613"/>
      <c r="CET724" s="613"/>
      <c r="CEU724" s="613"/>
      <c r="CEV724" s="613"/>
      <c r="CEW724" s="613"/>
      <c r="CEX724" s="613"/>
      <c r="CEY724" s="613"/>
      <c r="CEZ724" s="613"/>
      <c r="CFA724" s="613"/>
      <c r="CFB724" s="613"/>
      <c r="CFC724" s="613"/>
      <c r="CFD724" s="613"/>
      <c r="CFE724" s="613"/>
      <c r="CFF724" s="613"/>
      <c r="CFG724" s="613"/>
      <c r="CFH724" s="613"/>
      <c r="CFI724" s="613"/>
      <c r="CFJ724" s="613"/>
      <c r="CFK724" s="613"/>
      <c r="CFL724" s="613"/>
      <c r="CFM724" s="613"/>
      <c r="CFN724" s="613"/>
      <c r="CFO724" s="613"/>
      <c r="CFP724" s="613"/>
      <c r="CFQ724" s="613"/>
      <c r="CFR724" s="613"/>
      <c r="CFS724" s="613"/>
      <c r="CFT724" s="613"/>
      <c r="CFU724" s="613"/>
      <c r="CFV724" s="613"/>
      <c r="CFW724" s="613"/>
      <c r="CFX724" s="613"/>
      <c r="CFY724" s="613"/>
      <c r="CFZ724" s="613"/>
      <c r="CGA724" s="613"/>
      <c r="CGB724" s="613"/>
      <c r="CGC724" s="613"/>
      <c r="CGD724" s="613"/>
      <c r="CGE724" s="613"/>
      <c r="CGF724" s="613"/>
      <c r="CGG724" s="613"/>
      <c r="CGH724" s="613"/>
      <c r="CGI724" s="613"/>
      <c r="CGJ724" s="613"/>
      <c r="CGK724" s="613"/>
      <c r="CGL724" s="613"/>
      <c r="CGM724" s="613"/>
      <c r="CGN724" s="613"/>
      <c r="CGO724" s="613"/>
      <c r="CGP724" s="613"/>
      <c r="CGQ724" s="613"/>
      <c r="CGR724" s="613"/>
      <c r="CGS724" s="613"/>
      <c r="CGT724" s="613"/>
      <c r="CGU724" s="613"/>
      <c r="CGV724" s="613"/>
      <c r="CGW724" s="613"/>
      <c r="CGX724" s="613"/>
      <c r="CGY724" s="613"/>
      <c r="CGZ724" s="613"/>
      <c r="CHA724" s="613"/>
      <c r="CHB724" s="613"/>
      <c r="CHC724" s="613"/>
      <c r="CHD724" s="613"/>
      <c r="CHE724" s="613"/>
      <c r="CHF724" s="613"/>
      <c r="CHG724" s="613"/>
      <c r="CHH724" s="613"/>
      <c r="CHI724" s="613"/>
      <c r="CHJ724" s="613"/>
      <c r="CHK724" s="613"/>
      <c r="CHL724" s="613"/>
      <c r="CHM724" s="613"/>
      <c r="CHN724" s="613"/>
      <c r="CHO724" s="613"/>
      <c r="CHP724" s="613"/>
      <c r="CHQ724" s="613"/>
      <c r="CHR724" s="613"/>
      <c r="CHS724" s="613"/>
      <c r="CHT724" s="613"/>
      <c r="CHU724" s="613"/>
      <c r="CHV724" s="613"/>
      <c r="CHW724" s="613"/>
      <c r="CHX724" s="613"/>
      <c r="CHY724" s="613"/>
      <c r="CHZ724" s="613"/>
      <c r="CIA724" s="613"/>
      <c r="CIB724" s="613"/>
      <c r="CIC724" s="613"/>
      <c r="CID724" s="613"/>
      <c r="CIE724" s="613"/>
      <c r="CIF724" s="613"/>
      <c r="CIG724" s="613"/>
      <c r="CIH724" s="613"/>
      <c r="CII724" s="613"/>
      <c r="CIJ724" s="613"/>
      <c r="CIK724" s="613"/>
      <c r="CIL724" s="613"/>
      <c r="CIM724" s="613"/>
      <c r="CIN724" s="613"/>
      <c r="CIO724" s="613"/>
      <c r="CIP724" s="613"/>
      <c r="CIQ724" s="613"/>
      <c r="CIR724" s="613"/>
      <c r="CIS724" s="613"/>
      <c r="CIT724" s="613"/>
      <c r="CIU724" s="613"/>
      <c r="CIV724" s="613"/>
      <c r="CIW724" s="613"/>
      <c r="CIX724" s="613"/>
      <c r="CIY724" s="613"/>
      <c r="CIZ724" s="613"/>
      <c r="CJA724" s="613"/>
      <c r="CJB724" s="613"/>
      <c r="CJC724" s="613"/>
      <c r="CJD724" s="613"/>
      <c r="CJE724" s="613"/>
      <c r="CJF724" s="613"/>
      <c r="CJG724" s="613"/>
      <c r="CJH724" s="613"/>
      <c r="CJI724" s="613"/>
      <c r="CJJ724" s="613"/>
      <c r="CJK724" s="613"/>
      <c r="CJL724" s="613"/>
      <c r="CJM724" s="613"/>
      <c r="CJN724" s="613"/>
      <c r="CJO724" s="613"/>
      <c r="CJP724" s="613"/>
      <c r="CJQ724" s="613"/>
      <c r="CJR724" s="613"/>
      <c r="CJS724" s="613"/>
      <c r="CJT724" s="613"/>
      <c r="CJU724" s="613"/>
      <c r="CJV724" s="613"/>
      <c r="CJW724" s="613"/>
      <c r="CJX724" s="613"/>
      <c r="CJY724" s="613"/>
      <c r="CJZ724" s="613"/>
      <c r="CKA724" s="613"/>
      <c r="CKB724" s="613"/>
      <c r="CKC724" s="613"/>
      <c r="CKD724" s="613"/>
      <c r="CKE724" s="613"/>
      <c r="CKF724" s="613"/>
      <c r="CKG724" s="613"/>
      <c r="CKH724" s="613"/>
      <c r="CKI724" s="613"/>
      <c r="CKJ724" s="613"/>
      <c r="CKK724" s="613"/>
      <c r="CKL724" s="613"/>
      <c r="CKM724" s="613"/>
      <c r="CKN724" s="613"/>
      <c r="CKO724" s="613"/>
      <c r="CKP724" s="613"/>
      <c r="CKQ724" s="613"/>
      <c r="CKR724" s="613"/>
      <c r="CKS724" s="613"/>
      <c r="CKT724" s="613"/>
      <c r="CKU724" s="613"/>
      <c r="CKV724" s="613"/>
      <c r="CKW724" s="613"/>
      <c r="CKX724" s="613"/>
      <c r="CKY724" s="613"/>
      <c r="CKZ724" s="613"/>
      <c r="CLA724" s="613"/>
      <c r="CLB724" s="613"/>
      <c r="CLC724" s="613"/>
      <c r="CLD724" s="613"/>
      <c r="CLE724" s="613"/>
      <c r="CLF724" s="613"/>
      <c r="CLG724" s="613"/>
      <c r="CLH724" s="613"/>
      <c r="CLI724" s="613"/>
      <c r="CLJ724" s="613"/>
      <c r="CLK724" s="613"/>
      <c r="CLL724" s="613"/>
      <c r="CLM724" s="613"/>
      <c r="CLN724" s="613"/>
      <c r="CLO724" s="613"/>
      <c r="CLP724" s="613"/>
      <c r="CLQ724" s="613"/>
      <c r="CLR724" s="613"/>
      <c r="CLS724" s="613"/>
      <c r="CLT724" s="613"/>
      <c r="CLU724" s="613"/>
      <c r="CLV724" s="613"/>
      <c r="CLW724" s="613"/>
      <c r="CLX724" s="613"/>
      <c r="CLY724" s="613"/>
      <c r="CLZ724" s="613"/>
      <c r="CMA724" s="613"/>
      <c r="CMB724" s="613"/>
      <c r="CMC724" s="613"/>
      <c r="CMD724" s="613"/>
      <c r="CME724" s="613"/>
      <c r="CMF724" s="613"/>
      <c r="CMG724" s="613"/>
      <c r="CMH724" s="613"/>
      <c r="CMI724" s="613"/>
      <c r="CMJ724" s="613"/>
      <c r="CMK724" s="613"/>
      <c r="CML724" s="613"/>
      <c r="CMM724" s="613"/>
      <c r="CMN724" s="613"/>
      <c r="CMO724" s="613"/>
      <c r="CMP724" s="613"/>
      <c r="CMQ724" s="613"/>
      <c r="CMR724" s="613"/>
      <c r="CMS724" s="613"/>
      <c r="CMT724" s="613"/>
      <c r="CMU724" s="613"/>
      <c r="CMV724" s="613"/>
      <c r="CMW724" s="613"/>
      <c r="CMX724" s="613"/>
      <c r="CMY724" s="613"/>
      <c r="CMZ724" s="613"/>
      <c r="CNA724" s="613"/>
      <c r="CNB724" s="613"/>
      <c r="CNC724" s="613"/>
      <c r="CND724" s="613"/>
      <c r="CNE724" s="613"/>
      <c r="CNF724" s="613"/>
      <c r="CNG724" s="613"/>
      <c r="CNH724" s="613"/>
      <c r="CNI724" s="613"/>
      <c r="CNJ724" s="613"/>
      <c r="CNK724" s="613"/>
      <c r="CNL724" s="613"/>
      <c r="CNM724" s="613"/>
      <c r="CNN724" s="613"/>
      <c r="CNO724" s="613"/>
      <c r="CNP724" s="613"/>
      <c r="CNQ724" s="613"/>
      <c r="CNR724" s="613"/>
      <c r="CNS724" s="613"/>
      <c r="CNT724" s="613"/>
      <c r="CNU724" s="613"/>
      <c r="CNV724" s="613"/>
      <c r="CNW724" s="613"/>
      <c r="CNX724" s="613"/>
      <c r="CNY724" s="613"/>
      <c r="CNZ724" s="613"/>
      <c r="COA724" s="613"/>
      <c r="COB724" s="613"/>
      <c r="COC724" s="613"/>
      <c r="COD724" s="613"/>
      <c r="COE724" s="613"/>
      <c r="COF724" s="613"/>
      <c r="COG724" s="613"/>
      <c r="COH724" s="613"/>
      <c r="COI724" s="613"/>
      <c r="COJ724" s="613"/>
      <c r="COK724" s="613"/>
      <c r="COL724" s="613"/>
      <c r="COM724" s="613"/>
      <c r="CON724" s="613"/>
      <c r="COO724" s="613"/>
      <c r="COP724" s="613"/>
      <c r="COQ724" s="613"/>
      <c r="COR724" s="613"/>
      <c r="COS724" s="613"/>
      <c r="COT724" s="613"/>
      <c r="COU724" s="613"/>
      <c r="COV724" s="613"/>
      <c r="COW724" s="613"/>
      <c r="COX724" s="613"/>
      <c r="COY724" s="613"/>
      <c r="COZ724" s="613"/>
      <c r="CPA724" s="613"/>
      <c r="CPB724" s="613"/>
      <c r="CPC724" s="613"/>
      <c r="CPD724" s="613"/>
      <c r="CPE724" s="613"/>
      <c r="CPF724" s="613"/>
      <c r="CPG724" s="613"/>
      <c r="CPH724" s="613"/>
      <c r="CPI724" s="613"/>
      <c r="CPJ724" s="613"/>
      <c r="CPK724" s="613"/>
      <c r="CPL724" s="613"/>
      <c r="CPM724" s="613"/>
      <c r="CPN724" s="613"/>
      <c r="CPO724" s="613"/>
      <c r="CPP724" s="613"/>
      <c r="CPQ724" s="613"/>
      <c r="CPR724" s="613"/>
      <c r="CPS724" s="613"/>
      <c r="CPT724" s="613"/>
      <c r="CPU724" s="613"/>
      <c r="CPV724" s="613"/>
      <c r="CPW724" s="613"/>
      <c r="CPX724" s="613"/>
      <c r="CPY724" s="613"/>
      <c r="CPZ724" s="613"/>
      <c r="CQA724" s="613"/>
      <c r="CQB724" s="613"/>
      <c r="CQC724" s="613"/>
      <c r="CQD724" s="613"/>
      <c r="CQE724" s="613"/>
      <c r="CQF724" s="613"/>
      <c r="CQG724" s="613"/>
      <c r="CQH724" s="613"/>
      <c r="CQI724" s="613"/>
      <c r="CQJ724" s="613"/>
      <c r="CQK724" s="613"/>
      <c r="CQL724" s="613"/>
      <c r="CQM724" s="613"/>
      <c r="CQN724" s="613"/>
      <c r="CQO724" s="613"/>
      <c r="CQP724" s="613"/>
      <c r="CQQ724" s="613"/>
      <c r="CQR724" s="613"/>
      <c r="CQS724" s="613"/>
      <c r="CQT724" s="613"/>
      <c r="CQU724" s="613"/>
      <c r="CQV724" s="613"/>
      <c r="CQW724" s="613"/>
      <c r="CQX724" s="613"/>
      <c r="CQY724" s="613"/>
      <c r="CQZ724" s="613"/>
      <c r="CRA724" s="613"/>
      <c r="CRB724" s="613"/>
      <c r="CRC724" s="613"/>
      <c r="CRD724" s="613"/>
      <c r="CRE724" s="613"/>
      <c r="CRF724" s="613"/>
      <c r="CRG724" s="613"/>
      <c r="CRH724" s="613"/>
      <c r="CRI724" s="613"/>
      <c r="CRJ724" s="613"/>
      <c r="CRK724" s="613"/>
      <c r="CRL724" s="613"/>
      <c r="CRM724" s="613"/>
      <c r="CRN724" s="613"/>
      <c r="CRO724" s="613"/>
      <c r="CRP724" s="613"/>
      <c r="CRQ724" s="613"/>
      <c r="CRR724" s="613"/>
      <c r="CRS724" s="613"/>
      <c r="CRT724" s="613"/>
      <c r="CRU724" s="613"/>
      <c r="CRV724" s="613"/>
      <c r="CRW724" s="613"/>
      <c r="CRX724" s="613"/>
      <c r="CRY724" s="613"/>
      <c r="CRZ724" s="613"/>
      <c r="CSA724" s="613"/>
      <c r="CSB724" s="613"/>
      <c r="CSC724" s="613"/>
      <c r="CSD724" s="613"/>
      <c r="CSE724" s="613"/>
      <c r="CSF724" s="613"/>
      <c r="CSG724" s="613"/>
      <c r="CSH724" s="613"/>
      <c r="CSI724" s="613"/>
      <c r="CSJ724" s="613"/>
      <c r="CSK724" s="613"/>
      <c r="CSL724" s="613"/>
      <c r="CSM724" s="613"/>
      <c r="CSN724" s="613"/>
      <c r="CSO724" s="613"/>
      <c r="CSP724" s="613"/>
      <c r="CSQ724" s="613"/>
      <c r="CSR724" s="613"/>
      <c r="CSS724" s="613"/>
      <c r="CST724" s="613"/>
      <c r="CSU724" s="613"/>
      <c r="CSV724" s="613"/>
      <c r="CSW724" s="613"/>
      <c r="CSX724" s="613"/>
      <c r="CSY724" s="613"/>
      <c r="CSZ724" s="613"/>
      <c r="CTA724" s="613"/>
      <c r="CTB724" s="613"/>
      <c r="CTC724" s="613"/>
      <c r="CTD724" s="613"/>
      <c r="CTE724" s="613"/>
      <c r="CTF724" s="613"/>
      <c r="CTG724" s="613"/>
      <c r="CTH724" s="613"/>
      <c r="CTI724" s="613"/>
      <c r="CTJ724" s="613"/>
      <c r="CTK724" s="613"/>
      <c r="CTL724" s="613"/>
      <c r="CTM724" s="613"/>
      <c r="CTN724" s="613"/>
      <c r="CTO724" s="613"/>
      <c r="CTP724" s="613"/>
      <c r="CTQ724" s="613"/>
      <c r="CTR724" s="613"/>
      <c r="CTS724" s="613"/>
      <c r="CTT724" s="613"/>
      <c r="CTU724" s="613"/>
      <c r="CTV724" s="613"/>
      <c r="CTW724" s="613"/>
      <c r="CTX724" s="613"/>
      <c r="CTY724" s="613"/>
      <c r="CTZ724" s="613"/>
      <c r="CUA724" s="613"/>
      <c r="CUB724" s="613"/>
      <c r="CUC724" s="613"/>
      <c r="CUD724" s="613"/>
      <c r="CUE724" s="613"/>
      <c r="CUF724" s="613"/>
      <c r="CUG724" s="613"/>
      <c r="CUH724" s="613"/>
      <c r="CUI724" s="613"/>
      <c r="CUJ724" s="613"/>
      <c r="CUK724" s="613"/>
      <c r="CUL724" s="613"/>
      <c r="CUM724" s="613"/>
      <c r="CUN724" s="613"/>
      <c r="CUO724" s="613"/>
      <c r="CUP724" s="613"/>
      <c r="CUQ724" s="613"/>
      <c r="CUR724" s="613"/>
      <c r="CUS724" s="613"/>
      <c r="CUT724" s="613"/>
      <c r="CUU724" s="613"/>
      <c r="CUV724" s="613"/>
      <c r="CUW724" s="613"/>
      <c r="CUX724" s="613"/>
      <c r="CUY724" s="613"/>
      <c r="CUZ724" s="613"/>
      <c r="CVA724" s="613"/>
      <c r="CVB724" s="613"/>
      <c r="CVC724" s="613"/>
      <c r="CVD724" s="613"/>
      <c r="CVE724" s="613"/>
      <c r="CVF724" s="613"/>
      <c r="CVG724" s="613"/>
      <c r="CVH724" s="613"/>
      <c r="CVI724" s="613"/>
      <c r="CVJ724" s="613"/>
      <c r="CVK724" s="613"/>
      <c r="CVL724" s="613"/>
      <c r="CVM724" s="613"/>
      <c r="CVN724" s="613"/>
      <c r="CVO724" s="613"/>
      <c r="CVP724" s="613"/>
      <c r="CVQ724" s="613"/>
      <c r="CVR724" s="613"/>
      <c r="CVS724" s="613"/>
      <c r="CVT724" s="613"/>
      <c r="CVU724" s="613"/>
      <c r="CVV724" s="613"/>
      <c r="CVW724" s="613"/>
      <c r="CVX724" s="613"/>
      <c r="CVY724" s="613"/>
      <c r="CVZ724" s="613"/>
      <c r="CWA724" s="613"/>
      <c r="CWB724" s="613"/>
      <c r="CWC724" s="613"/>
      <c r="CWD724" s="613"/>
      <c r="CWE724" s="613"/>
      <c r="CWF724" s="613"/>
      <c r="CWG724" s="613"/>
      <c r="CWH724" s="613"/>
      <c r="CWI724" s="613"/>
      <c r="CWJ724" s="613"/>
      <c r="CWK724" s="613"/>
      <c r="CWL724" s="613"/>
      <c r="CWM724" s="613"/>
      <c r="CWN724" s="613"/>
      <c r="CWO724" s="613"/>
      <c r="CWP724" s="613"/>
      <c r="CWQ724" s="613"/>
      <c r="CWR724" s="613"/>
      <c r="CWS724" s="613"/>
      <c r="CWT724" s="613"/>
      <c r="CWU724" s="613"/>
      <c r="CWV724" s="613"/>
      <c r="CWW724" s="613"/>
      <c r="CWX724" s="613"/>
      <c r="CWY724" s="613"/>
      <c r="CWZ724" s="613"/>
      <c r="CXA724" s="613"/>
      <c r="CXB724" s="613"/>
      <c r="CXC724" s="613"/>
      <c r="CXD724" s="613"/>
      <c r="CXE724" s="613"/>
      <c r="CXF724" s="613"/>
      <c r="CXG724" s="613"/>
      <c r="CXH724" s="613"/>
      <c r="CXI724" s="613"/>
      <c r="CXJ724" s="613"/>
      <c r="CXK724" s="613"/>
      <c r="CXL724" s="613"/>
      <c r="CXM724" s="613"/>
      <c r="CXN724" s="613"/>
      <c r="CXO724" s="613"/>
      <c r="CXP724" s="613"/>
      <c r="CXQ724" s="613"/>
      <c r="CXR724" s="613"/>
      <c r="CXS724" s="613"/>
      <c r="CXT724" s="613"/>
      <c r="CXU724" s="613"/>
      <c r="CXV724" s="613"/>
      <c r="CXW724" s="613"/>
      <c r="CXX724" s="613"/>
      <c r="CXY724" s="613"/>
      <c r="CXZ724" s="613"/>
      <c r="CYA724" s="613"/>
      <c r="CYB724" s="613"/>
      <c r="CYC724" s="613"/>
      <c r="CYD724" s="613"/>
      <c r="CYE724" s="613"/>
      <c r="CYF724" s="613"/>
      <c r="CYG724" s="613"/>
      <c r="CYH724" s="613"/>
      <c r="CYI724" s="613"/>
      <c r="CYJ724" s="613"/>
      <c r="CYK724" s="613"/>
      <c r="CYL724" s="613"/>
      <c r="CYM724" s="613"/>
      <c r="CYN724" s="613"/>
      <c r="CYO724" s="613"/>
      <c r="CYP724" s="613"/>
      <c r="CYQ724" s="613"/>
      <c r="CYR724" s="613"/>
      <c r="CYS724" s="613"/>
      <c r="CYT724" s="613"/>
      <c r="CYU724" s="613"/>
      <c r="CYV724" s="613"/>
      <c r="CYW724" s="613"/>
      <c r="CYX724" s="613"/>
      <c r="CYY724" s="613"/>
      <c r="CYZ724" s="613"/>
      <c r="CZA724" s="613"/>
      <c r="CZB724" s="613"/>
      <c r="CZC724" s="613"/>
      <c r="CZD724" s="613"/>
      <c r="CZE724" s="613"/>
      <c r="CZF724" s="613"/>
      <c r="CZG724" s="613"/>
      <c r="CZH724" s="613"/>
      <c r="CZI724" s="613"/>
      <c r="CZJ724" s="613"/>
      <c r="CZK724" s="613"/>
      <c r="CZL724" s="613"/>
      <c r="CZM724" s="613"/>
      <c r="CZN724" s="613"/>
      <c r="CZO724" s="613"/>
      <c r="CZP724" s="613"/>
      <c r="CZQ724" s="613"/>
      <c r="CZR724" s="613"/>
      <c r="CZS724" s="613"/>
      <c r="CZT724" s="613"/>
      <c r="CZU724" s="613"/>
      <c r="CZV724" s="613"/>
      <c r="CZW724" s="613"/>
      <c r="CZX724" s="613"/>
      <c r="CZY724" s="613"/>
      <c r="CZZ724" s="613"/>
      <c r="DAA724" s="613"/>
      <c r="DAB724" s="613"/>
      <c r="DAC724" s="613"/>
      <c r="DAD724" s="613"/>
      <c r="DAE724" s="613"/>
      <c r="DAF724" s="613"/>
      <c r="DAG724" s="613"/>
      <c r="DAH724" s="613"/>
      <c r="DAI724" s="613"/>
      <c r="DAJ724" s="613"/>
      <c r="DAK724" s="613"/>
      <c r="DAL724" s="613"/>
      <c r="DAM724" s="613"/>
      <c r="DAN724" s="613"/>
      <c r="DAO724" s="613"/>
      <c r="DAP724" s="613"/>
      <c r="DAQ724" s="613"/>
      <c r="DAR724" s="613"/>
      <c r="DAS724" s="613"/>
      <c r="DAT724" s="613"/>
      <c r="DAU724" s="613"/>
      <c r="DAV724" s="613"/>
      <c r="DAW724" s="613"/>
      <c r="DAX724" s="613"/>
      <c r="DAY724" s="613"/>
      <c r="DAZ724" s="613"/>
      <c r="DBA724" s="613"/>
      <c r="DBB724" s="613"/>
      <c r="DBC724" s="613"/>
      <c r="DBD724" s="613"/>
      <c r="DBE724" s="613"/>
      <c r="DBF724" s="613"/>
      <c r="DBG724" s="613"/>
      <c r="DBH724" s="613"/>
      <c r="DBI724" s="613"/>
      <c r="DBJ724" s="613"/>
      <c r="DBK724" s="613"/>
      <c r="DBL724" s="613"/>
      <c r="DBM724" s="613"/>
      <c r="DBN724" s="613"/>
      <c r="DBO724" s="613"/>
      <c r="DBP724" s="613"/>
      <c r="DBQ724" s="613"/>
      <c r="DBR724" s="613"/>
      <c r="DBS724" s="613"/>
      <c r="DBT724" s="613"/>
      <c r="DBU724" s="613"/>
      <c r="DBV724" s="613"/>
      <c r="DBW724" s="613"/>
      <c r="DBX724" s="613"/>
      <c r="DBY724" s="613"/>
      <c r="DBZ724" s="613"/>
      <c r="DCA724" s="613"/>
      <c r="DCB724" s="613"/>
      <c r="DCC724" s="613"/>
      <c r="DCD724" s="613"/>
      <c r="DCE724" s="613"/>
      <c r="DCF724" s="613"/>
      <c r="DCG724" s="613"/>
      <c r="DCH724" s="613"/>
      <c r="DCI724" s="613"/>
      <c r="DCJ724" s="613"/>
      <c r="DCK724" s="613"/>
      <c r="DCL724" s="613"/>
      <c r="DCM724" s="613"/>
      <c r="DCN724" s="613"/>
      <c r="DCO724" s="613"/>
      <c r="DCP724" s="613"/>
      <c r="DCQ724" s="613"/>
      <c r="DCR724" s="613"/>
      <c r="DCS724" s="613"/>
      <c r="DCT724" s="613"/>
      <c r="DCU724" s="613"/>
      <c r="DCV724" s="613"/>
      <c r="DCW724" s="613"/>
      <c r="DCX724" s="613"/>
      <c r="DCY724" s="613"/>
      <c r="DCZ724" s="613"/>
      <c r="DDA724" s="613"/>
      <c r="DDB724" s="613"/>
      <c r="DDC724" s="613"/>
      <c r="DDD724" s="613"/>
      <c r="DDE724" s="613"/>
      <c r="DDF724" s="613"/>
      <c r="DDG724" s="613"/>
      <c r="DDH724" s="613"/>
      <c r="DDI724" s="613"/>
      <c r="DDJ724" s="613"/>
      <c r="DDK724" s="613"/>
      <c r="DDL724" s="613"/>
      <c r="DDM724" s="613"/>
      <c r="DDN724" s="613"/>
      <c r="DDO724" s="613"/>
      <c r="DDP724" s="613"/>
      <c r="DDQ724" s="613"/>
      <c r="DDR724" s="613"/>
      <c r="DDS724" s="613"/>
      <c r="DDT724" s="613"/>
      <c r="DDU724" s="613"/>
      <c r="DDV724" s="613"/>
      <c r="DDW724" s="613"/>
      <c r="DDX724" s="613"/>
      <c r="DDY724" s="613"/>
      <c r="DDZ724" s="613"/>
      <c r="DEA724" s="613"/>
      <c r="DEB724" s="613"/>
      <c r="DEC724" s="613"/>
      <c r="DED724" s="613"/>
      <c r="DEE724" s="613"/>
      <c r="DEF724" s="613"/>
      <c r="DEG724" s="613"/>
      <c r="DEH724" s="613"/>
      <c r="DEI724" s="613"/>
      <c r="DEJ724" s="613"/>
      <c r="DEK724" s="613"/>
      <c r="DEL724" s="613"/>
      <c r="DEM724" s="613"/>
      <c r="DEN724" s="613"/>
      <c r="DEO724" s="613"/>
      <c r="DEP724" s="613"/>
      <c r="DEQ724" s="613"/>
      <c r="DER724" s="613"/>
      <c r="DES724" s="613"/>
      <c r="DET724" s="613"/>
      <c r="DEU724" s="613"/>
      <c r="DEV724" s="613"/>
      <c r="DEW724" s="613"/>
      <c r="DEX724" s="613"/>
      <c r="DEY724" s="613"/>
      <c r="DEZ724" s="613"/>
      <c r="DFA724" s="613"/>
      <c r="DFB724" s="613"/>
      <c r="DFC724" s="613"/>
      <c r="DFD724" s="613"/>
      <c r="DFE724" s="613"/>
      <c r="DFF724" s="613"/>
      <c r="DFG724" s="613"/>
      <c r="DFH724" s="613"/>
      <c r="DFI724" s="613"/>
      <c r="DFJ724" s="613"/>
      <c r="DFK724" s="613"/>
      <c r="DFL724" s="613"/>
      <c r="DFM724" s="613"/>
      <c r="DFN724" s="613"/>
      <c r="DFO724" s="613"/>
      <c r="DFP724" s="613"/>
      <c r="DFQ724" s="613"/>
      <c r="DFR724" s="613"/>
      <c r="DFS724" s="613"/>
      <c r="DFT724" s="613"/>
      <c r="DFU724" s="613"/>
      <c r="DFV724" s="613"/>
      <c r="DFW724" s="613"/>
      <c r="DFX724" s="613"/>
      <c r="DFY724" s="613"/>
      <c r="DFZ724" s="613"/>
      <c r="DGA724" s="613"/>
      <c r="DGB724" s="613"/>
      <c r="DGC724" s="613"/>
      <c r="DGD724" s="613"/>
      <c r="DGE724" s="613"/>
      <c r="DGF724" s="613"/>
      <c r="DGG724" s="613"/>
      <c r="DGH724" s="613"/>
      <c r="DGI724" s="613"/>
      <c r="DGJ724" s="613"/>
      <c r="DGK724" s="613"/>
      <c r="DGL724" s="613"/>
      <c r="DGM724" s="613"/>
      <c r="DGN724" s="613"/>
      <c r="DGO724" s="613"/>
      <c r="DGP724" s="613"/>
      <c r="DGQ724" s="613"/>
      <c r="DGR724" s="613"/>
      <c r="DGS724" s="613"/>
      <c r="DGT724" s="613"/>
      <c r="DGU724" s="613"/>
      <c r="DGV724" s="613"/>
      <c r="DGW724" s="613"/>
      <c r="DGX724" s="613"/>
      <c r="DGY724" s="613"/>
      <c r="DGZ724" s="613"/>
      <c r="DHA724" s="613"/>
      <c r="DHB724" s="613"/>
      <c r="DHC724" s="613"/>
      <c r="DHD724" s="613"/>
      <c r="DHE724" s="613"/>
      <c r="DHF724" s="613"/>
      <c r="DHG724" s="613"/>
      <c r="DHH724" s="613"/>
      <c r="DHI724" s="613"/>
      <c r="DHJ724" s="613"/>
      <c r="DHK724" s="613"/>
      <c r="DHL724" s="613"/>
      <c r="DHM724" s="613"/>
      <c r="DHN724" s="613"/>
      <c r="DHO724" s="613"/>
      <c r="DHP724" s="613"/>
      <c r="DHQ724" s="613"/>
      <c r="DHR724" s="613"/>
      <c r="DHS724" s="613"/>
      <c r="DHT724" s="613"/>
      <c r="DHU724" s="613"/>
      <c r="DHV724" s="613"/>
      <c r="DHW724" s="613"/>
      <c r="DHX724" s="613"/>
      <c r="DHY724" s="613"/>
      <c r="DHZ724" s="613"/>
      <c r="DIA724" s="613"/>
      <c r="DIB724" s="613"/>
      <c r="DIC724" s="613"/>
      <c r="DID724" s="613"/>
      <c r="DIE724" s="613"/>
      <c r="DIF724" s="613"/>
      <c r="DIG724" s="613"/>
      <c r="DIH724" s="613"/>
      <c r="DII724" s="613"/>
      <c r="DIJ724" s="613"/>
      <c r="DIK724" s="613"/>
      <c r="DIL724" s="613"/>
      <c r="DIM724" s="613"/>
      <c r="DIN724" s="613"/>
      <c r="DIO724" s="613"/>
      <c r="DIP724" s="613"/>
      <c r="DIQ724" s="613"/>
      <c r="DIR724" s="613"/>
      <c r="DIS724" s="613"/>
      <c r="DIT724" s="613"/>
      <c r="DIU724" s="613"/>
      <c r="DIV724" s="613"/>
      <c r="DIW724" s="613"/>
      <c r="DIX724" s="613"/>
      <c r="DIY724" s="613"/>
      <c r="DIZ724" s="613"/>
      <c r="DJA724" s="613"/>
      <c r="DJB724" s="613"/>
      <c r="DJC724" s="613"/>
      <c r="DJD724" s="613"/>
      <c r="DJE724" s="613"/>
      <c r="DJF724" s="613"/>
      <c r="DJG724" s="613"/>
      <c r="DJH724" s="613"/>
      <c r="DJI724" s="613"/>
      <c r="DJJ724" s="613"/>
      <c r="DJK724" s="613"/>
      <c r="DJL724" s="613"/>
      <c r="DJM724" s="613"/>
      <c r="DJN724" s="613"/>
      <c r="DJO724" s="613"/>
      <c r="DJP724" s="613"/>
      <c r="DJQ724" s="613"/>
      <c r="DJR724" s="613"/>
      <c r="DJS724" s="613"/>
      <c r="DJT724" s="613"/>
      <c r="DJU724" s="613"/>
      <c r="DJV724" s="613"/>
      <c r="DJW724" s="613"/>
      <c r="DJX724" s="613"/>
      <c r="DJY724" s="613"/>
      <c r="DJZ724" s="613"/>
      <c r="DKA724" s="613"/>
      <c r="DKB724" s="613"/>
      <c r="DKC724" s="613"/>
      <c r="DKD724" s="613"/>
      <c r="DKE724" s="613"/>
      <c r="DKF724" s="613"/>
      <c r="DKG724" s="613"/>
      <c r="DKH724" s="613"/>
      <c r="DKI724" s="613"/>
      <c r="DKJ724" s="613"/>
      <c r="DKK724" s="613"/>
      <c r="DKL724" s="613"/>
      <c r="DKM724" s="613"/>
      <c r="DKN724" s="613"/>
      <c r="DKO724" s="613"/>
      <c r="DKP724" s="613"/>
      <c r="DKQ724" s="613"/>
      <c r="DKR724" s="613"/>
      <c r="DKS724" s="613"/>
      <c r="DKT724" s="613"/>
      <c r="DKU724" s="613"/>
      <c r="DKV724" s="613"/>
      <c r="DKW724" s="613"/>
      <c r="DKX724" s="613"/>
      <c r="DKY724" s="613"/>
      <c r="DKZ724" s="613"/>
      <c r="DLA724" s="613"/>
      <c r="DLB724" s="613"/>
      <c r="DLC724" s="613"/>
      <c r="DLD724" s="613"/>
      <c r="DLE724" s="613"/>
      <c r="DLF724" s="613"/>
      <c r="DLG724" s="613"/>
      <c r="DLH724" s="613"/>
      <c r="DLI724" s="613"/>
      <c r="DLJ724" s="613"/>
      <c r="DLK724" s="613"/>
      <c r="DLL724" s="613"/>
      <c r="DLM724" s="613"/>
      <c r="DLN724" s="613"/>
      <c r="DLO724" s="613"/>
      <c r="DLP724" s="613"/>
      <c r="DLQ724" s="613"/>
      <c r="DLR724" s="613"/>
      <c r="DLS724" s="613"/>
      <c r="DLT724" s="613"/>
      <c r="DLU724" s="613"/>
      <c r="DLV724" s="613"/>
      <c r="DLW724" s="613"/>
      <c r="DLX724" s="613"/>
      <c r="DLY724" s="613"/>
      <c r="DLZ724" s="613"/>
      <c r="DMA724" s="613"/>
      <c r="DMB724" s="613"/>
      <c r="DMC724" s="613"/>
      <c r="DMD724" s="613"/>
      <c r="DME724" s="613"/>
      <c r="DMF724" s="613"/>
      <c r="DMG724" s="613"/>
      <c r="DMH724" s="613"/>
      <c r="DMI724" s="613"/>
      <c r="DMJ724" s="613"/>
      <c r="DMK724" s="613"/>
      <c r="DML724" s="613"/>
      <c r="DMM724" s="613"/>
      <c r="DMN724" s="613"/>
      <c r="DMO724" s="613"/>
      <c r="DMP724" s="613"/>
      <c r="DMQ724" s="613"/>
      <c r="DMR724" s="613"/>
      <c r="DMS724" s="613"/>
      <c r="DMT724" s="613"/>
      <c r="DMU724" s="613"/>
      <c r="DMV724" s="613"/>
      <c r="DMW724" s="613"/>
      <c r="DMX724" s="613"/>
      <c r="DMY724" s="613"/>
      <c r="DMZ724" s="613"/>
      <c r="DNA724" s="613"/>
      <c r="DNB724" s="613"/>
      <c r="DNC724" s="613"/>
      <c r="DND724" s="613"/>
      <c r="DNE724" s="613"/>
      <c r="DNF724" s="613"/>
      <c r="DNG724" s="613"/>
      <c r="DNH724" s="613"/>
      <c r="DNI724" s="613"/>
      <c r="DNJ724" s="613"/>
      <c r="DNK724" s="613"/>
      <c r="DNL724" s="613"/>
      <c r="DNM724" s="613"/>
      <c r="DNN724" s="613"/>
      <c r="DNO724" s="613"/>
      <c r="DNP724" s="613"/>
      <c r="DNQ724" s="613"/>
      <c r="DNR724" s="613"/>
      <c r="DNS724" s="613"/>
      <c r="DNT724" s="613"/>
      <c r="DNU724" s="613"/>
      <c r="DNV724" s="613"/>
      <c r="DNW724" s="613"/>
      <c r="DNX724" s="613"/>
      <c r="DNY724" s="613"/>
      <c r="DNZ724" s="613"/>
      <c r="DOA724" s="613"/>
      <c r="DOB724" s="613"/>
      <c r="DOC724" s="613"/>
      <c r="DOD724" s="613"/>
      <c r="DOE724" s="613"/>
      <c r="DOF724" s="613"/>
      <c r="DOG724" s="613"/>
      <c r="DOH724" s="613"/>
      <c r="DOI724" s="613"/>
      <c r="DOJ724" s="613"/>
      <c r="DOK724" s="613"/>
      <c r="DOL724" s="613"/>
      <c r="DOM724" s="613"/>
      <c r="DON724" s="613"/>
      <c r="DOO724" s="613"/>
      <c r="DOP724" s="613"/>
      <c r="DOQ724" s="613"/>
      <c r="DOR724" s="613"/>
      <c r="DOS724" s="613"/>
      <c r="DOT724" s="613"/>
      <c r="DOU724" s="613"/>
      <c r="DOV724" s="613"/>
      <c r="DOW724" s="613"/>
      <c r="DOX724" s="613"/>
      <c r="DOY724" s="613"/>
      <c r="DOZ724" s="613"/>
      <c r="DPA724" s="613"/>
      <c r="DPB724" s="613"/>
      <c r="DPC724" s="613"/>
      <c r="DPD724" s="613"/>
      <c r="DPE724" s="613"/>
      <c r="DPF724" s="613"/>
      <c r="DPG724" s="613"/>
      <c r="DPH724" s="613"/>
      <c r="DPI724" s="613"/>
      <c r="DPJ724" s="613"/>
      <c r="DPK724" s="613"/>
      <c r="DPL724" s="613"/>
      <c r="DPM724" s="613"/>
      <c r="DPN724" s="613"/>
      <c r="DPO724" s="613"/>
      <c r="DPP724" s="613"/>
      <c r="DPQ724" s="613"/>
      <c r="DPR724" s="613"/>
      <c r="DPS724" s="613"/>
      <c r="DPT724" s="613"/>
      <c r="DPU724" s="613"/>
      <c r="DPV724" s="613"/>
      <c r="DPW724" s="613"/>
      <c r="DPX724" s="613"/>
      <c r="DPY724" s="613"/>
      <c r="DPZ724" s="613"/>
      <c r="DQA724" s="613"/>
      <c r="DQB724" s="613"/>
      <c r="DQC724" s="613"/>
      <c r="DQD724" s="613"/>
      <c r="DQE724" s="613"/>
      <c r="DQF724" s="613"/>
      <c r="DQG724" s="613"/>
      <c r="DQH724" s="613"/>
      <c r="DQI724" s="613"/>
      <c r="DQJ724" s="613"/>
      <c r="DQK724" s="613"/>
      <c r="DQL724" s="613"/>
      <c r="DQM724" s="613"/>
      <c r="DQN724" s="613"/>
      <c r="DQO724" s="613"/>
      <c r="DQP724" s="613"/>
      <c r="DQQ724" s="613"/>
      <c r="DQR724" s="613"/>
      <c r="DQS724" s="613"/>
      <c r="DQT724" s="613"/>
      <c r="DQU724" s="613"/>
      <c r="DQV724" s="613"/>
      <c r="DQW724" s="613"/>
      <c r="DQX724" s="613"/>
      <c r="DQY724" s="613"/>
      <c r="DQZ724" s="613"/>
      <c r="DRA724" s="613"/>
      <c r="DRB724" s="613"/>
      <c r="DRC724" s="613"/>
      <c r="DRD724" s="613"/>
      <c r="DRE724" s="613"/>
      <c r="DRF724" s="613"/>
      <c r="DRG724" s="613"/>
      <c r="DRH724" s="613"/>
      <c r="DRI724" s="613"/>
      <c r="DRJ724" s="613"/>
      <c r="DRK724" s="613"/>
      <c r="DRL724" s="613"/>
      <c r="DRM724" s="613"/>
      <c r="DRN724" s="613"/>
      <c r="DRO724" s="613"/>
      <c r="DRP724" s="613"/>
      <c r="DRQ724" s="613"/>
      <c r="DRR724" s="613"/>
      <c r="DRS724" s="613"/>
      <c r="DRT724" s="613"/>
      <c r="DRU724" s="613"/>
      <c r="DRV724" s="613"/>
      <c r="DRW724" s="613"/>
      <c r="DRX724" s="613"/>
      <c r="DRY724" s="613"/>
      <c r="DRZ724" s="613"/>
      <c r="DSA724" s="613"/>
      <c r="DSB724" s="613"/>
      <c r="DSC724" s="613"/>
      <c r="DSD724" s="613"/>
      <c r="DSE724" s="613"/>
      <c r="DSF724" s="613"/>
      <c r="DSG724" s="613"/>
      <c r="DSH724" s="613"/>
      <c r="DSI724" s="613"/>
      <c r="DSJ724" s="613"/>
      <c r="DSK724" s="613"/>
      <c r="DSL724" s="613"/>
      <c r="DSM724" s="613"/>
      <c r="DSN724" s="613"/>
      <c r="DSO724" s="613"/>
      <c r="DSP724" s="613"/>
      <c r="DSQ724" s="613"/>
      <c r="DSR724" s="613"/>
      <c r="DSS724" s="613"/>
      <c r="DST724" s="613"/>
      <c r="DSU724" s="613"/>
      <c r="DSV724" s="613"/>
      <c r="DSW724" s="613"/>
      <c r="DSX724" s="613"/>
      <c r="DSY724" s="613"/>
      <c r="DSZ724" s="613"/>
      <c r="DTA724" s="613"/>
      <c r="DTB724" s="613"/>
      <c r="DTC724" s="613"/>
      <c r="DTD724" s="613"/>
      <c r="DTE724" s="613"/>
      <c r="DTF724" s="613"/>
      <c r="DTG724" s="613"/>
      <c r="DTH724" s="613"/>
      <c r="DTI724" s="613"/>
      <c r="DTJ724" s="613"/>
      <c r="DTK724" s="613"/>
      <c r="DTL724" s="613"/>
      <c r="DTM724" s="613"/>
      <c r="DTN724" s="613"/>
      <c r="DTO724" s="613"/>
      <c r="DTP724" s="613"/>
      <c r="DTQ724" s="613"/>
      <c r="DTR724" s="613"/>
      <c r="DTS724" s="613"/>
      <c r="DTT724" s="613"/>
      <c r="DTU724" s="613"/>
      <c r="DTV724" s="613"/>
      <c r="DTW724" s="613"/>
      <c r="DTX724" s="613"/>
      <c r="DTY724" s="613"/>
      <c r="DTZ724" s="613"/>
      <c r="DUA724" s="613"/>
      <c r="DUB724" s="613"/>
      <c r="DUC724" s="613"/>
      <c r="DUD724" s="613"/>
      <c r="DUE724" s="613"/>
      <c r="DUF724" s="613"/>
      <c r="DUG724" s="613"/>
      <c r="DUH724" s="613"/>
      <c r="DUI724" s="613"/>
      <c r="DUJ724" s="613"/>
      <c r="DUK724" s="613"/>
      <c r="DUL724" s="613"/>
      <c r="DUM724" s="613"/>
      <c r="DUN724" s="613"/>
      <c r="DUO724" s="613"/>
      <c r="DUP724" s="613"/>
      <c r="DUQ724" s="613"/>
      <c r="DUR724" s="613"/>
      <c r="DUS724" s="613"/>
      <c r="DUT724" s="613"/>
      <c r="DUU724" s="613"/>
      <c r="DUV724" s="613"/>
      <c r="DUW724" s="613"/>
      <c r="DUX724" s="613"/>
      <c r="DUY724" s="613"/>
      <c r="DUZ724" s="613"/>
      <c r="DVA724" s="613"/>
      <c r="DVB724" s="613"/>
      <c r="DVC724" s="613"/>
      <c r="DVD724" s="613"/>
      <c r="DVE724" s="613"/>
      <c r="DVF724" s="613"/>
      <c r="DVG724" s="613"/>
      <c r="DVH724" s="613"/>
      <c r="DVI724" s="613"/>
      <c r="DVJ724" s="613"/>
      <c r="DVK724" s="613"/>
      <c r="DVL724" s="613"/>
      <c r="DVM724" s="613"/>
      <c r="DVN724" s="613"/>
      <c r="DVO724" s="613"/>
      <c r="DVP724" s="613"/>
      <c r="DVQ724" s="613"/>
      <c r="DVR724" s="613"/>
      <c r="DVS724" s="613"/>
      <c r="DVT724" s="613"/>
      <c r="DVU724" s="613"/>
      <c r="DVV724" s="613"/>
      <c r="DVW724" s="613"/>
      <c r="DVX724" s="613"/>
      <c r="DVY724" s="613"/>
      <c r="DVZ724" s="613"/>
      <c r="DWA724" s="613"/>
      <c r="DWB724" s="613"/>
      <c r="DWC724" s="613"/>
      <c r="DWD724" s="613"/>
      <c r="DWE724" s="613"/>
      <c r="DWF724" s="613"/>
      <c r="DWG724" s="613"/>
      <c r="DWH724" s="613"/>
      <c r="DWI724" s="613"/>
      <c r="DWJ724" s="613"/>
      <c r="DWK724" s="613"/>
      <c r="DWL724" s="613"/>
      <c r="DWM724" s="613"/>
      <c r="DWN724" s="613"/>
      <c r="DWO724" s="613"/>
      <c r="DWP724" s="613"/>
      <c r="DWQ724" s="613"/>
      <c r="DWR724" s="613"/>
      <c r="DWS724" s="613"/>
      <c r="DWT724" s="613"/>
      <c r="DWU724" s="613"/>
      <c r="DWV724" s="613"/>
      <c r="DWW724" s="613"/>
      <c r="DWX724" s="613"/>
      <c r="DWY724" s="613"/>
      <c r="DWZ724" s="613"/>
      <c r="DXA724" s="613"/>
      <c r="DXB724" s="613"/>
      <c r="DXC724" s="613"/>
      <c r="DXD724" s="613"/>
      <c r="DXE724" s="613"/>
      <c r="DXF724" s="613"/>
      <c r="DXG724" s="613"/>
      <c r="DXH724" s="613"/>
      <c r="DXI724" s="613"/>
      <c r="DXJ724" s="613"/>
      <c r="DXK724" s="613"/>
      <c r="DXL724" s="613"/>
      <c r="DXM724" s="613"/>
      <c r="DXN724" s="613"/>
      <c r="DXO724" s="613"/>
      <c r="DXP724" s="613"/>
      <c r="DXQ724" s="613"/>
      <c r="DXR724" s="613"/>
      <c r="DXS724" s="613"/>
      <c r="DXT724" s="613"/>
      <c r="DXU724" s="613"/>
      <c r="DXV724" s="613"/>
      <c r="DXW724" s="613"/>
      <c r="DXX724" s="613"/>
      <c r="DXY724" s="613"/>
      <c r="DXZ724" s="613"/>
      <c r="DYA724" s="613"/>
      <c r="DYB724" s="613"/>
      <c r="DYC724" s="613"/>
      <c r="DYD724" s="613"/>
      <c r="DYE724" s="613"/>
      <c r="DYF724" s="613"/>
      <c r="DYG724" s="613"/>
      <c r="DYH724" s="613"/>
      <c r="DYI724" s="613"/>
      <c r="DYJ724" s="613"/>
      <c r="DYK724" s="613"/>
      <c r="DYL724" s="613"/>
      <c r="DYM724" s="613"/>
      <c r="DYN724" s="613"/>
      <c r="DYO724" s="613"/>
      <c r="DYP724" s="613"/>
      <c r="DYQ724" s="613"/>
      <c r="DYR724" s="613"/>
      <c r="DYS724" s="613"/>
      <c r="DYT724" s="613"/>
      <c r="DYU724" s="613"/>
      <c r="DYV724" s="613"/>
      <c r="DYW724" s="613"/>
      <c r="DYX724" s="613"/>
      <c r="DYY724" s="613"/>
      <c r="DYZ724" s="613"/>
      <c r="DZA724" s="613"/>
      <c r="DZB724" s="613"/>
      <c r="DZC724" s="613"/>
      <c r="DZD724" s="613"/>
      <c r="DZE724" s="613"/>
      <c r="DZF724" s="613"/>
      <c r="DZG724" s="613"/>
      <c r="DZH724" s="613"/>
      <c r="DZI724" s="613"/>
      <c r="DZJ724" s="613"/>
      <c r="DZK724" s="613"/>
      <c r="DZL724" s="613"/>
      <c r="DZM724" s="613"/>
      <c r="DZN724" s="613"/>
      <c r="DZO724" s="613"/>
      <c r="DZP724" s="613"/>
      <c r="DZQ724" s="613"/>
      <c r="DZR724" s="613"/>
      <c r="DZS724" s="613"/>
      <c r="DZT724" s="613"/>
      <c r="DZU724" s="613"/>
      <c r="DZV724" s="613"/>
      <c r="DZW724" s="613"/>
      <c r="DZX724" s="613"/>
      <c r="DZY724" s="613"/>
      <c r="DZZ724" s="613"/>
      <c r="EAA724" s="613"/>
      <c r="EAB724" s="613"/>
      <c r="EAC724" s="613"/>
      <c r="EAD724" s="613"/>
      <c r="EAE724" s="613"/>
      <c r="EAF724" s="613"/>
      <c r="EAG724" s="613"/>
      <c r="EAH724" s="613"/>
      <c r="EAI724" s="613"/>
      <c r="EAJ724" s="613"/>
      <c r="EAK724" s="613"/>
      <c r="EAL724" s="613"/>
      <c r="EAM724" s="613"/>
      <c r="EAN724" s="613"/>
      <c r="EAO724" s="613"/>
      <c r="EAP724" s="613"/>
      <c r="EAQ724" s="613"/>
      <c r="EAR724" s="613"/>
      <c r="EAS724" s="613"/>
      <c r="EAT724" s="613"/>
      <c r="EAU724" s="613"/>
      <c r="EAV724" s="613"/>
      <c r="EAW724" s="613"/>
      <c r="EAX724" s="613"/>
      <c r="EAY724" s="613"/>
      <c r="EAZ724" s="613"/>
      <c r="EBA724" s="613"/>
      <c r="EBB724" s="613"/>
      <c r="EBC724" s="613"/>
      <c r="EBD724" s="613"/>
      <c r="EBE724" s="613"/>
      <c r="EBF724" s="613"/>
      <c r="EBG724" s="613"/>
      <c r="EBH724" s="613"/>
      <c r="EBI724" s="613"/>
      <c r="EBJ724" s="613"/>
      <c r="EBK724" s="613"/>
      <c r="EBL724" s="613"/>
      <c r="EBM724" s="613"/>
      <c r="EBN724" s="613"/>
      <c r="EBO724" s="613"/>
      <c r="EBP724" s="613"/>
      <c r="EBQ724" s="613"/>
      <c r="EBR724" s="613"/>
      <c r="EBS724" s="613"/>
      <c r="EBT724" s="613"/>
      <c r="EBU724" s="613"/>
      <c r="EBV724" s="613"/>
      <c r="EBW724" s="613"/>
      <c r="EBX724" s="613"/>
      <c r="EBY724" s="613"/>
      <c r="EBZ724" s="613"/>
      <c r="ECA724" s="613"/>
      <c r="ECB724" s="613"/>
      <c r="ECC724" s="613"/>
      <c r="ECD724" s="613"/>
      <c r="ECE724" s="613"/>
      <c r="ECF724" s="613"/>
      <c r="ECG724" s="613"/>
      <c r="ECH724" s="613"/>
      <c r="ECI724" s="613"/>
      <c r="ECJ724" s="613"/>
      <c r="ECK724" s="613"/>
      <c r="ECL724" s="613"/>
      <c r="ECM724" s="613"/>
      <c r="ECN724" s="613"/>
      <c r="ECO724" s="613"/>
      <c r="ECP724" s="613"/>
      <c r="ECQ724" s="613"/>
      <c r="ECR724" s="613"/>
      <c r="ECS724" s="613"/>
      <c r="ECT724" s="613"/>
      <c r="ECU724" s="613"/>
      <c r="ECV724" s="613"/>
      <c r="ECW724" s="613"/>
      <c r="ECX724" s="613"/>
      <c r="ECY724" s="613"/>
      <c r="ECZ724" s="613"/>
      <c r="EDA724" s="613"/>
      <c r="EDB724" s="613"/>
      <c r="EDC724" s="613"/>
      <c r="EDD724" s="613"/>
      <c r="EDE724" s="613"/>
      <c r="EDF724" s="613"/>
      <c r="EDG724" s="613"/>
      <c r="EDH724" s="613"/>
      <c r="EDI724" s="613"/>
      <c r="EDJ724" s="613"/>
      <c r="EDK724" s="613"/>
      <c r="EDL724" s="613"/>
      <c r="EDM724" s="613"/>
      <c r="EDN724" s="613"/>
      <c r="EDO724" s="613"/>
      <c r="EDP724" s="613"/>
      <c r="EDQ724" s="613"/>
      <c r="EDR724" s="613"/>
      <c r="EDS724" s="613"/>
      <c r="EDT724" s="613"/>
      <c r="EDU724" s="613"/>
      <c r="EDV724" s="613"/>
      <c r="EDW724" s="613"/>
      <c r="EDX724" s="613"/>
      <c r="EDY724" s="613"/>
      <c r="EDZ724" s="613"/>
      <c r="EEA724" s="613"/>
      <c r="EEB724" s="613"/>
      <c r="EEC724" s="613"/>
      <c r="EED724" s="613"/>
      <c r="EEE724" s="613"/>
      <c r="EEF724" s="613"/>
      <c r="EEG724" s="613"/>
      <c r="EEH724" s="613"/>
      <c r="EEI724" s="613"/>
      <c r="EEJ724" s="613"/>
      <c r="EEK724" s="613"/>
      <c r="EEL724" s="613"/>
      <c r="EEM724" s="613"/>
      <c r="EEN724" s="613"/>
      <c r="EEO724" s="613"/>
      <c r="EEP724" s="613"/>
      <c r="EEQ724" s="613"/>
      <c r="EER724" s="613"/>
      <c r="EES724" s="613"/>
      <c r="EET724" s="613"/>
      <c r="EEU724" s="613"/>
      <c r="EEV724" s="613"/>
      <c r="EEW724" s="613"/>
      <c r="EEX724" s="613"/>
      <c r="EEY724" s="613"/>
      <c r="EEZ724" s="613"/>
      <c r="EFA724" s="613"/>
      <c r="EFB724" s="613"/>
      <c r="EFC724" s="613"/>
      <c r="EFD724" s="613"/>
      <c r="EFE724" s="613"/>
      <c r="EFF724" s="613"/>
      <c r="EFG724" s="613"/>
      <c r="EFH724" s="613"/>
      <c r="EFI724" s="613"/>
      <c r="EFJ724" s="613"/>
      <c r="EFK724" s="613"/>
      <c r="EFL724" s="613"/>
      <c r="EFM724" s="613"/>
      <c r="EFN724" s="613"/>
      <c r="EFO724" s="613"/>
      <c r="EFP724" s="613"/>
      <c r="EFQ724" s="613"/>
      <c r="EFR724" s="613"/>
      <c r="EFS724" s="613"/>
      <c r="EFT724" s="613"/>
      <c r="EFU724" s="613"/>
      <c r="EFV724" s="613"/>
      <c r="EFW724" s="613"/>
      <c r="EFX724" s="613"/>
      <c r="EFY724" s="613"/>
      <c r="EFZ724" s="613"/>
      <c r="EGA724" s="613"/>
      <c r="EGB724" s="613"/>
      <c r="EGC724" s="613"/>
      <c r="EGD724" s="613"/>
      <c r="EGE724" s="613"/>
      <c r="EGF724" s="613"/>
      <c r="EGG724" s="613"/>
      <c r="EGH724" s="613"/>
      <c r="EGI724" s="613"/>
      <c r="EGJ724" s="613"/>
      <c r="EGK724" s="613"/>
      <c r="EGL724" s="613"/>
      <c r="EGM724" s="613"/>
      <c r="EGN724" s="613"/>
      <c r="EGO724" s="613"/>
      <c r="EGP724" s="613"/>
      <c r="EGQ724" s="613"/>
      <c r="EGR724" s="613"/>
      <c r="EGS724" s="613"/>
      <c r="EGT724" s="613"/>
      <c r="EGU724" s="613"/>
      <c r="EGV724" s="613"/>
      <c r="EGW724" s="613"/>
      <c r="EGX724" s="613"/>
      <c r="EGY724" s="613"/>
      <c r="EGZ724" s="613"/>
      <c r="EHA724" s="613"/>
      <c r="EHB724" s="613"/>
      <c r="EHC724" s="613"/>
      <c r="EHD724" s="613"/>
      <c r="EHE724" s="613"/>
      <c r="EHF724" s="613"/>
      <c r="EHG724" s="613"/>
      <c r="EHH724" s="613"/>
      <c r="EHI724" s="613"/>
      <c r="EHJ724" s="613"/>
      <c r="EHK724" s="613"/>
      <c r="EHL724" s="613"/>
      <c r="EHM724" s="613"/>
      <c r="EHN724" s="613"/>
      <c r="EHO724" s="613"/>
      <c r="EHP724" s="613"/>
      <c r="EHQ724" s="613"/>
      <c r="EHR724" s="613"/>
      <c r="EHS724" s="613"/>
      <c r="EHT724" s="613"/>
      <c r="EHU724" s="613"/>
      <c r="EHV724" s="613"/>
      <c r="EHW724" s="613"/>
      <c r="EHX724" s="613"/>
      <c r="EHY724" s="613"/>
      <c r="EHZ724" s="613"/>
      <c r="EIA724" s="613"/>
      <c r="EIB724" s="613"/>
      <c r="EIC724" s="613"/>
      <c r="EID724" s="613"/>
      <c r="EIE724" s="613"/>
      <c r="EIF724" s="613"/>
      <c r="EIG724" s="613"/>
      <c r="EIH724" s="613"/>
      <c r="EII724" s="613"/>
      <c r="EIJ724" s="613"/>
      <c r="EIK724" s="613"/>
      <c r="EIL724" s="613"/>
      <c r="EIM724" s="613"/>
      <c r="EIN724" s="613"/>
      <c r="EIO724" s="613"/>
      <c r="EIP724" s="613"/>
      <c r="EIQ724" s="613"/>
      <c r="EIR724" s="613"/>
      <c r="EIS724" s="613"/>
      <c r="EIT724" s="613"/>
      <c r="EIU724" s="613"/>
      <c r="EIV724" s="613"/>
      <c r="EIW724" s="613"/>
      <c r="EIX724" s="613"/>
      <c r="EIY724" s="613"/>
      <c r="EIZ724" s="613"/>
      <c r="EJA724" s="613"/>
      <c r="EJB724" s="613"/>
      <c r="EJC724" s="613"/>
      <c r="EJD724" s="613"/>
      <c r="EJE724" s="613"/>
      <c r="EJF724" s="613"/>
      <c r="EJG724" s="613"/>
      <c r="EJH724" s="613"/>
      <c r="EJI724" s="613"/>
      <c r="EJJ724" s="613"/>
      <c r="EJK724" s="613"/>
      <c r="EJL724" s="613"/>
      <c r="EJM724" s="613"/>
      <c r="EJN724" s="613"/>
      <c r="EJO724" s="613"/>
      <c r="EJP724" s="613"/>
      <c r="EJQ724" s="613"/>
      <c r="EJR724" s="613"/>
      <c r="EJS724" s="613"/>
      <c r="EJT724" s="613"/>
      <c r="EJU724" s="613"/>
      <c r="EJV724" s="613"/>
      <c r="EJW724" s="613"/>
      <c r="EJX724" s="613"/>
      <c r="EJY724" s="613"/>
      <c r="EJZ724" s="613"/>
      <c r="EKA724" s="613"/>
      <c r="EKB724" s="613"/>
      <c r="EKC724" s="613"/>
      <c r="EKD724" s="613"/>
      <c r="EKE724" s="613"/>
      <c r="EKF724" s="613"/>
      <c r="EKG724" s="613"/>
      <c r="EKH724" s="613"/>
      <c r="EKI724" s="613"/>
      <c r="EKJ724" s="613"/>
      <c r="EKK724" s="613"/>
      <c r="EKL724" s="613"/>
      <c r="EKM724" s="613"/>
      <c r="EKN724" s="613"/>
      <c r="EKO724" s="613"/>
      <c r="EKP724" s="613"/>
      <c r="EKQ724" s="613"/>
      <c r="EKR724" s="613"/>
      <c r="EKS724" s="613"/>
      <c r="EKT724" s="613"/>
      <c r="EKU724" s="613"/>
      <c r="EKV724" s="613"/>
      <c r="EKW724" s="613"/>
      <c r="EKX724" s="613"/>
      <c r="EKY724" s="613"/>
      <c r="EKZ724" s="613"/>
      <c r="ELA724" s="613"/>
      <c r="ELB724" s="613"/>
      <c r="ELC724" s="613"/>
      <c r="ELD724" s="613"/>
      <c r="ELE724" s="613"/>
      <c r="ELF724" s="613"/>
      <c r="ELG724" s="613"/>
      <c r="ELH724" s="613"/>
      <c r="ELI724" s="613"/>
      <c r="ELJ724" s="613"/>
      <c r="ELK724" s="613"/>
      <c r="ELL724" s="613"/>
      <c r="ELM724" s="613"/>
      <c r="ELN724" s="613"/>
      <c r="ELO724" s="613"/>
      <c r="ELP724" s="613"/>
      <c r="ELQ724" s="613"/>
      <c r="ELR724" s="613"/>
      <c r="ELS724" s="613"/>
      <c r="ELT724" s="613"/>
      <c r="ELU724" s="613"/>
      <c r="ELV724" s="613"/>
      <c r="ELW724" s="613"/>
      <c r="ELX724" s="613"/>
      <c r="ELY724" s="613"/>
      <c r="ELZ724" s="613"/>
      <c r="EMA724" s="613"/>
      <c r="EMB724" s="613"/>
      <c r="EMC724" s="613"/>
      <c r="EMD724" s="613"/>
      <c r="EME724" s="613"/>
      <c r="EMF724" s="613"/>
      <c r="EMG724" s="613"/>
      <c r="EMH724" s="613"/>
      <c r="EMI724" s="613"/>
      <c r="EMJ724" s="613"/>
      <c r="EMK724" s="613"/>
      <c r="EML724" s="613"/>
      <c r="EMM724" s="613"/>
      <c r="EMN724" s="613"/>
      <c r="EMO724" s="613"/>
      <c r="EMP724" s="613"/>
      <c r="EMQ724" s="613"/>
      <c r="EMR724" s="613"/>
      <c r="EMS724" s="613"/>
      <c r="EMT724" s="613"/>
      <c r="EMU724" s="613"/>
      <c r="EMV724" s="613"/>
      <c r="EMW724" s="613"/>
      <c r="EMX724" s="613"/>
      <c r="EMY724" s="613"/>
      <c r="EMZ724" s="613"/>
      <c r="ENA724" s="613"/>
      <c r="ENB724" s="613"/>
      <c r="ENC724" s="613"/>
      <c r="END724" s="613"/>
      <c r="ENE724" s="613"/>
      <c r="ENF724" s="613"/>
      <c r="ENG724" s="613"/>
      <c r="ENH724" s="613"/>
      <c r="ENI724" s="613"/>
      <c r="ENJ724" s="613"/>
      <c r="ENK724" s="613"/>
      <c r="ENL724" s="613"/>
      <c r="ENM724" s="613"/>
      <c r="ENN724" s="613"/>
      <c r="ENO724" s="613"/>
      <c r="ENP724" s="613"/>
      <c r="ENQ724" s="613"/>
      <c r="ENR724" s="613"/>
      <c r="ENS724" s="613"/>
      <c r="ENT724" s="613"/>
      <c r="ENU724" s="613"/>
      <c r="ENV724" s="613"/>
      <c r="ENW724" s="613"/>
      <c r="ENX724" s="613"/>
      <c r="ENY724" s="613"/>
      <c r="ENZ724" s="613"/>
      <c r="EOA724" s="613"/>
      <c r="EOB724" s="613"/>
      <c r="EOC724" s="613"/>
      <c r="EOD724" s="613"/>
      <c r="EOE724" s="613"/>
      <c r="EOF724" s="613"/>
      <c r="EOG724" s="613"/>
      <c r="EOH724" s="613"/>
      <c r="EOI724" s="613"/>
      <c r="EOJ724" s="613"/>
      <c r="EOK724" s="613"/>
      <c r="EOL724" s="613"/>
      <c r="EOM724" s="613"/>
      <c r="EON724" s="613"/>
      <c r="EOO724" s="613"/>
      <c r="EOP724" s="613"/>
      <c r="EOQ724" s="613"/>
      <c r="EOR724" s="613"/>
      <c r="EOS724" s="613"/>
      <c r="EOT724" s="613"/>
      <c r="EOU724" s="613"/>
      <c r="EOV724" s="613"/>
      <c r="EOW724" s="613"/>
      <c r="EOX724" s="613"/>
      <c r="EOY724" s="613"/>
      <c r="EOZ724" s="613"/>
      <c r="EPA724" s="613"/>
      <c r="EPB724" s="613"/>
      <c r="EPC724" s="613"/>
      <c r="EPD724" s="613"/>
      <c r="EPE724" s="613"/>
      <c r="EPF724" s="613"/>
      <c r="EPG724" s="613"/>
      <c r="EPH724" s="613"/>
      <c r="EPI724" s="613"/>
      <c r="EPJ724" s="613"/>
      <c r="EPK724" s="613"/>
      <c r="EPL724" s="613"/>
      <c r="EPM724" s="613"/>
      <c r="EPN724" s="613"/>
      <c r="EPO724" s="613"/>
      <c r="EPP724" s="613"/>
      <c r="EPQ724" s="613"/>
      <c r="EPR724" s="613"/>
      <c r="EPS724" s="613"/>
      <c r="EPT724" s="613"/>
      <c r="EPU724" s="613"/>
      <c r="EPV724" s="613"/>
      <c r="EPW724" s="613"/>
      <c r="EPX724" s="613"/>
      <c r="EPY724" s="613"/>
      <c r="EPZ724" s="613"/>
      <c r="EQA724" s="613"/>
      <c r="EQB724" s="613"/>
      <c r="EQC724" s="613"/>
      <c r="EQD724" s="613"/>
      <c r="EQE724" s="613"/>
      <c r="EQF724" s="613"/>
      <c r="EQG724" s="613"/>
      <c r="EQH724" s="613"/>
      <c r="EQI724" s="613"/>
      <c r="EQJ724" s="613"/>
      <c r="EQK724" s="613"/>
      <c r="EQL724" s="613"/>
      <c r="EQM724" s="613"/>
      <c r="EQN724" s="613"/>
      <c r="EQO724" s="613"/>
      <c r="EQP724" s="613"/>
      <c r="EQQ724" s="613"/>
      <c r="EQR724" s="613"/>
      <c r="EQS724" s="613"/>
      <c r="EQT724" s="613"/>
      <c r="EQU724" s="613"/>
      <c r="EQV724" s="613"/>
      <c r="EQW724" s="613"/>
      <c r="EQX724" s="613"/>
      <c r="EQY724" s="613"/>
      <c r="EQZ724" s="613"/>
      <c r="ERA724" s="613"/>
      <c r="ERB724" s="613"/>
      <c r="ERC724" s="613"/>
      <c r="ERD724" s="613"/>
      <c r="ERE724" s="613"/>
      <c r="ERF724" s="613"/>
      <c r="ERG724" s="613"/>
      <c r="ERH724" s="613"/>
      <c r="ERI724" s="613"/>
      <c r="ERJ724" s="613"/>
      <c r="ERK724" s="613"/>
      <c r="ERL724" s="613"/>
      <c r="ERM724" s="613"/>
      <c r="ERN724" s="613"/>
      <c r="ERO724" s="613"/>
      <c r="ERP724" s="613"/>
      <c r="ERQ724" s="613"/>
      <c r="ERR724" s="613"/>
      <c r="ERS724" s="613"/>
      <c r="ERT724" s="613"/>
      <c r="ERU724" s="613"/>
      <c r="ERV724" s="613"/>
      <c r="ERW724" s="613"/>
      <c r="ERX724" s="613"/>
      <c r="ERY724" s="613"/>
      <c r="ERZ724" s="613"/>
      <c r="ESA724" s="613"/>
      <c r="ESB724" s="613"/>
      <c r="ESC724" s="613"/>
      <c r="ESD724" s="613"/>
      <c r="ESE724" s="613"/>
      <c r="ESF724" s="613"/>
      <c r="ESG724" s="613"/>
      <c r="ESH724" s="613"/>
      <c r="ESI724" s="613"/>
      <c r="ESJ724" s="613"/>
      <c r="ESK724" s="613"/>
      <c r="ESL724" s="613"/>
      <c r="ESM724" s="613"/>
      <c r="ESN724" s="613"/>
      <c r="ESO724" s="613"/>
      <c r="ESP724" s="613"/>
      <c r="ESQ724" s="613"/>
      <c r="ESR724" s="613"/>
      <c r="ESS724" s="613"/>
      <c r="EST724" s="613"/>
      <c r="ESU724" s="613"/>
      <c r="ESV724" s="613"/>
      <c r="ESW724" s="613"/>
      <c r="ESX724" s="613"/>
      <c r="ESY724" s="613"/>
      <c r="ESZ724" s="613"/>
      <c r="ETA724" s="613"/>
      <c r="ETB724" s="613"/>
      <c r="ETC724" s="613"/>
      <c r="ETD724" s="613"/>
      <c r="ETE724" s="613"/>
      <c r="ETF724" s="613"/>
      <c r="ETG724" s="613"/>
      <c r="ETH724" s="613"/>
      <c r="ETI724" s="613"/>
      <c r="ETJ724" s="613"/>
      <c r="ETK724" s="613"/>
      <c r="ETL724" s="613"/>
      <c r="ETM724" s="613"/>
      <c r="ETN724" s="613"/>
      <c r="ETO724" s="613"/>
      <c r="ETP724" s="613"/>
      <c r="ETQ724" s="613"/>
      <c r="ETR724" s="613"/>
      <c r="ETS724" s="613"/>
      <c r="ETT724" s="613"/>
      <c r="ETU724" s="613"/>
      <c r="ETV724" s="613"/>
      <c r="ETW724" s="613"/>
      <c r="ETX724" s="613"/>
      <c r="ETY724" s="613"/>
      <c r="ETZ724" s="613"/>
      <c r="EUA724" s="613"/>
      <c r="EUB724" s="613"/>
      <c r="EUC724" s="613"/>
      <c r="EUD724" s="613"/>
      <c r="EUE724" s="613"/>
      <c r="EUF724" s="613"/>
      <c r="EUG724" s="613"/>
      <c r="EUH724" s="613"/>
      <c r="EUI724" s="613"/>
      <c r="EUJ724" s="613"/>
      <c r="EUK724" s="613"/>
      <c r="EUL724" s="613"/>
      <c r="EUM724" s="613"/>
      <c r="EUN724" s="613"/>
      <c r="EUO724" s="613"/>
      <c r="EUP724" s="613"/>
      <c r="EUQ724" s="613"/>
      <c r="EUR724" s="613"/>
      <c r="EUS724" s="613"/>
      <c r="EUT724" s="613"/>
      <c r="EUU724" s="613"/>
      <c r="EUV724" s="613"/>
      <c r="EUW724" s="613"/>
      <c r="EUX724" s="613"/>
      <c r="EUY724" s="613"/>
      <c r="EUZ724" s="613"/>
      <c r="EVA724" s="613"/>
      <c r="EVB724" s="613"/>
      <c r="EVC724" s="613"/>
      <c r="EVD724" s="613"/>
      <c r="EVE724" s="613"/>
      <c r="EVF724" s="613"/>
      <c r="EVG724" s="613"/>
      <c r="EVH724" s="613"/>
      <c r="EVI724" s="613"/>
      <c r="EVJ724" s="613"/>
      <c r="EVK724" s="613"/>
      <c r="EVL724" s="613"/>
      <c r="EVM724" s="613"/>
      <c r="EVN724" s="613"/>
      <c r="EVO724" s="613"/>
      <c r="EVP724" s="613"/>
      <c r="EVQ724" s="613"/>
      <c r="EVR724" s="613"/>
      <c r="EVS724" s="613"/>
      <c r="EVT724" s="613"/>
      <c r="EVU724" s="613"/>
      <c r="EVV724" s="613"/>
      <c r="EVW724" s="613"/>
      <c r="EVX724" s="613"/>
      <c r="EVY724" s="613"/>
      <c r="EVZ724" s="613"/>
      <c r="EWA724" s="613"/>
      <c r="EWB724" s="613"/>
      <c r="EWC724" s="613"/>
      <c r="EWD724" s="613"/>
      <c r="EWE724" s="613"/>
      <c r="EWF724" s="613"/>
      <c r="EWG724" s="613"/>
      <c r="EWH724" s="613"/>
      <c r="EWI724" s="613"/>
      <c r="EWJ724" s="613"/>
      <c r="EWK724" s="613"/>
      <c r="EWL724" s="613"/>
      <c r="EWM724" s="613"/>
      <c r="EWN724" s="613"/>
      <c r="EWO724" s="613"/>
      <c r="EWP724" s="613"/>
      <c r="EWQ724" s="613"/>
      <c r="EWR724" s="613"/>
      <c r="EWS724" s="613"/>
      <c r="EWT724" s="613"/>
      <c r="EWU724" s="613"/>
      <c r="EWV724" s="613"/>
      <c r="EWW724" s="613"/>
      <c r="EWX724" s="613"/>
      <c r="EWY724" s="613"/>
      <c r="EWZ724" s="613"/>
      <c r="EXA724" s="613"/>
      <c r="EXB724" s="613"/>
      <c r="EXC724" s="613"/>
      <c r="EXD724" s="613"/>
      <c r="EXE724" s="613"/>
      <c r="EXF724" s="613"/>
      <c r="EXG724" s="613"/>
      <c r="EXH724" s="613"/>
      <c r="EXI724" s="613"/>
      <c r="EXJ724" s="613"/>
      <c r="EXK724" s="613"/>
      <c r="EXL724" s="613"/>
      <c r="EXM724" s="613"/>
      <c r="EXN724" s="613"/>
      <c r="EXO724" s="613"/>
      <c r="EXP724" s="613"/>
      <c r="EXQ724" s="613"/>
      <c r="EXR724" s="613"/>
      <c r="EXS724" s="613"/>
      <c r="EXT724" s="613"/>
      <c r="EXU724" s="613"/>
      <c r="EXV724" s="613"/>
      <c r="EXW724" s="613"/>
      <c r="EXX724" s="613"/>
      <c r="EXY724" s="613"/>
      <c r="EXZ724" s="613"/>
      <c r="EYA724" s="613"/>
      <c r="EYB724" s="613"/>
      <c r="EYC724" s="613"/>
      <c r="EYD724" s="613"/>
      <c r="EYE724" s="613"/>
      <c r="EYF724" s="613"/>
      <c r="EYG724" s="613"/>
      <c r="EYH724" s="613"/>
      <c r="EYI724" s="613"/>
      <c r="EYJ724" s="613"/>
      <c r="EYK724" s="613"/>
      <c r="EYL724" s="613"/>
      <c r="EYM724" s="613"/>
      <c r="EYN724" s="613"/>
      <c r="EYO724" s="613"/>
      <c r="EYP724" s="613"/>
      <c r="EYQ724" s="613"/>
      <c r="EYR724" s="613"/>
      <c r="EYS724" s="613"/>
      <c r="EYT724" s="613"/>
      <c r="EYU724" s="613"/>
      <c r="EYV724" s="613"/>
      <c r="EYW724" s="613"/>
      <c r="EYX724" s="613"/>
      <c r="EYY724" s="613"/>
      <c r="EYZ724" s="613"/>
      <c r="EZA724" s="613"/>
      <c r="EZB724" s="613"/>
      <c r="EZC724" s="613"/>
      <c r="EZD724" s="613"/>
      <c r="EZE724" s="613"/>
      <c r="EZF724" s="613"/>
      <c r="EZG724" s="613"/>
      <c r="EZH724" s="613"/>
      <c r="EZI724" s="613"/>
      <c r="EZJ724" s="613"/>
      <c r="EZK724" s="613"/>
      <c r="EZL724" s="613"/>
      <c r="EZM724" s="613"/>
      <c r="EZN724" s="613"/>
      <c r="EZO724" s="613"/>
      <c r="EZP724" s="613"/>
      <c r="EZQ724" s="613"/>
      <c r="EZR724" s="613"/>
      <c r="EZS724" s="613"/>
      <c r="EZT724" s="613"/>
      <c r="EZU724" s="613"/>
      <c r="EZV724" s="613"/>
      <c r="EZW724" s="613"/>
      <c r="EZX724" s="613"/>
      <c r="EZY724" s="613"/>
      <c r="EZZ724" s="613"/>
      <c r="FAA724" s="613"/>
      <c r="FAB724" s="613"/>
      <c r="FAC724" s="613"/>
      <c r="FAD724" s="613"/>
      <c r="FAE724" s="613"/>
      <c r="FAF724" s="613"/>
      <c r="FAG724" s="613"/>
      <c r="FAH724" s="613"/>
      <c r="FAI724" s="613"/>
      <c r="FAJ724" s="613"/>
      <c r="FAK724" s="613"/>
      <c r="FAL724" s="613"/>
      <c r="FAM724" s="613"/>
      <c r="FAN724" s="613"/>
      <c r="FAO724" s="613"/>
      <c r="FAP724" s="613"/>
      <c r="FAQ724" s="613"/>
      <c r="FAR724" s="613"/>
      <c r="FAS724" s="613"/>
      <c r="FAT724" s="613"/>
      <c r="FAU724" s="613"/>
      <c r="FAV724" s="613"/>
      <c r="FAW724" s="613"/>
      <c r="FAX724" s="613"/>
      <c r="FAY724" s="613"/>
      <c r="FAZ724" s="613"/>
      <c r="FBA724" s="613"/>
      <c r="FBB724" s="613"/>
      <c r="FBC724" s="613"/>
      <c r="FBD724" s="613"/>
      <c r="FBE724" s="613"/>
      <c r="FBF724" s="613"/>
      <c r="FBG724" s="613"/>
      <c r="FBH724" s="613"/>
      <c r="FBI724" s="613"/>
      <c r="FBJ724" s="613"/>
      <c r="FBK724" s="613"/>
      <c r="FBL724" s="613"/>
      <c r="FBM724" s="613"/>
      <c r="FBN724" s="613"/>
      <c r="FBO724" s="613"/>
      <c r="FBP724" s="613"/>
      <c r="FBQ724" s="613"/>
      <c r="FBR724" s="613"/>
      <c r="FBS724" s="613"/>
      <c r="FBT724" s="613"/>
      <c r="FBU724" s="613"/>
      <c r="FBV724" s="613"/>
      <c r="FBW724" s="613"/>
      <c r="FBX724" s="613"/>
      <c r="FBY724" s="613"/>
      <c r="FBZ724" s="613"/>
      <c r="FCA724" s="613"/>
      <c r="FCB724" s="613"/>
      <c r="FCC724" s="613"/>
      <c r="FCD724" s="613"/>
      <c r="FCE724" s="613"/>
      <c r="FCF724" s="613"/>
      <c r="FCG724" s="613"/>
      <c r="FCH724" s="613"/>
      <c r="FCI724" s="613"/>
      <c r="FCJ724" s="613"/>
      <c r="FCK724" s="613"/>
      <c r="FCL724" s="613"/>
      <c r="FCM724" s="613"/>
      <c r="FCN724" s="613"/>
      <c r="FCO724" s="613"/>
      <c r="FCP724" s="613"/>
      <c r="FCQ724" s="613"/>
      <c r="FCR724" s="613"/>
      <c r="FCS724" s="613"/>
      <c r="FCT724" s="613"/>
      <c r="FCU724" s="613"/>
      <c r="FCV724" s="613"/>
      <c r="FCW724" s="613"/>
      <c r="FCX724" s="613"/>
      <c r="FCY724" s="613"/>
      <c r="FCZ724" s="613"/>
      <c r="FDA724" s="613"/>
      <c r="FDB724" s="613"/>
      <c r="FDC724" s="613"/>
      <c r="FDD724" s="613"/>
      <c r="FDE724" s="613"/>
      <c r="FDF724" s="613"/>
      <c r="FDG724" s="613"/>
      <c r="FDH724" s="613"/>
      <c r="FDI724" s="613"/>
      <c r="FDJ724" s="613"/>
      <c r="FDK724" s="613"/>
      <c r="FDL724" s="613"/>
      <c r="FDM724" s="613"/>
      <c r="FDN724" s="613"/>
      <c r="FDO724" s="613"/>
      <c r="FDP724" s="613"/>
      <c r="FDQ724" s="613"/>
      <c r="FDR724" s="613"/>
      <c r="FDS724" s="613"/>
      <c r="FDT724" s="613"/>
      <c r="FDU724" s="613"/>
      <c r="FDV724" s="613"/>
      <c r="FDW724" s="613"/>
      <c r="FDX724" s="613"/>
      <c r="FDY724" s="613"/>
      <c r="FDZ724" s="613"/>
      <c r="FEA724" s="613"/>
      <c r="FEB724" s="613"/>
      <c r="FEC724" s="613"/>
      <c r="FED724" s="613"/>
      <c r="FEE724" s="613"/>
      <c r="FEF724" s="613"/>
      <c r="FEG724" s="613"/>
      <c r="FEH724" s="613"/>
      <c r="FEI724" s="613"/>
      <c r="FEJ724" s="613"/>
      <c r="FEK724" s="613"/>
      <c r="FEL724" s="613"/>
      <c r="FEM724" s="613"/>
      <c r="FEN724" s="613"/>
      <c r="FEO724" s="613"/>
      <c r="FEP724" s="613"/>
      <c r="FEQ724" s="613"/>
      <c r="FER724" s="613"/>
      <c r="FES724" s="613"/>
      <c r="FET724" s="613"/>
      <c r="FEU724" s="613"/>
      <c r="FEV724" s="613"/>
      <c r="FEW724" s="613"/>
      <c r="FEX724" s="613"/>
      <c r="FEY724" s="613"/>
      <c r="FEZ724" s="613"/>
      <c r="FFA724" s="613"/>
      <c r="FFB724" s="613"/>
      <c r="FFC724" s="613"/>
      <c r="FFD724" s="613"/>
      <c r="FFE724" s="613"/>
      <c r="FFF724" s="613"/>
      <c r="FFG724" s="613"/>
      <c r="FFH724" s="613"/>
      <c r="FFI724" s="613"/>
      <c r="FFJ724" s="613"/>
      <c r="FFK724" s="613"/>
      <c r="FFL724" s="613"/>
      <c r="FFM724" s="613"/>
      <c r="FFN724" s="613"/>
      <c r="FFO724" s="613"/>
      <c r="FFP724" s="613"/>
      <c r="FFQ724" s="613"/>
      <c r="FFR724" s="613"/>
      <c r="FFS724" s="613"/>
      <c r="FFT724" s="613"/>
      <c r="FFU724" s="613"/>
      <c r="FFV724" s="613"/>
      <c r="FFW724" s="613"/>
      <c r="FFX724" s="613"/>
      <c r="FFY724" s="613"/>
      <c r="FFZ724" s="613"/>
      <c r="FGA724" s="613"/>
      <c r="FGB724" s="613"/>
      <c r="FGC724" s="613"/>
      <c r="FGD724" s="613"/>
      <c r="FGE724" s="613"/>
      <c r="FGF724" s="613"/>
      <c r="FGG724" s="613"/>
      <c r="FGH724" s="613"/>
      <c r="FGI724" s="613"/>
      <c r="FGJ724" s="613"/>
      <c r="FGK724" s="613"/>
      <c r="FGL724" s="613"/>
      <c r="FGM724" s="613"/>
      <c r="FGN724" s="613"/>
      <c r="FGO724" s="613"/>
      <c r="FGP724" s="613"/>
      <c r="FGQ724" s="613"/>
      <c r="FGR724" s="613"/>
      <c r="FGS724" s="613"/>
      <c r="FGT724" s="613"/>
      <c r="FGU724" s="613"/>
      <c r="FGV724" s="613"/>
      <c r="FGW724" s="613"/>
      <c r="FGX724" s="613"/>
      <c r="FGY724" s="613"/>
      <c r="FGZ724" s="613"/>
      <c r="FHA724" s="613"/>
      <c r="FHB724" s="613"/>
      <c r="FHC724" s="613"/>
      <c r="FHD724" s="613"/>
      <c r="FHE724" s="613"/>
      <c r="FHF724" s="613"/>
      <c r="FHG724" s="613"/>
      <c r="FHH724" s="613"/>
      <c r="FHI724" s="613"/>
      <c r="FHJ724" s="613"/>
      <c r="FHK724" s="613"/>
      <c r="FHL724" s="613"/>
      <c r="FHM724" s="613"/>
      <c r="FHN724" s="613"/>
      <c r="FHO724" s="613"/>
      <c r="FHP724" s="613"/>
      <c r="FHQ724" s="613"/>
      <c r="FHR724" s="613"/>
      <c r="FHS724" s="613"/>
      <c r="FHT724" s="613"/>
      <c r="FHU724" s="613"/>
      <c r="FHV724" s="613"/>
      <c r="FHW724" s="613"/>
      <c r="FHX724" s="613"/>
      <c r="FHY724" s="613"/>
      <c r="FHZ724" s="613"/>
      <c r="FIA724" s="613"/>
      <c r="FIB724" s="613"/>
      <c r="FIC724" s="613"/>
      <c r="FID724" s="613"/>
      <c r="FIE724" s="613"/>
      <c r="FIF724" s="613"/>
      <c r="FIG724" s="613"/>
      <c r="FIH724" s="613"/>
      <c r="FII724" s="613"/>
      <c r="FIJ724" s="613"/>
      <c r="FIK724" s="613"/>
      <c r="FIL724" s="613"/>
      <c r="FIM724" s="613"/>
      <c r="FIN724" s="613"/>
      <c r="FIO724" s="613"/>
      <c r="FIP724" s="613"/>
      <c r="FIQ724" s="613"/>
      <c r="FIR724" s="613"/>
      <c r="FIS724" s="613"/>
      <c r="FIT724" s="613"/>
      <c r="FIU724" s="613"/>
      <c r="FIV724" s="613"/>
      <c r="FIW724" s="613"/>
      <c r="FIX724" s="613"/>
      <c r="FIY724" s="613"/>
      <c r="FIZ724" s="613"/>
      <c r="FJA724" s="613"/>
      <c r="FJB724" s="613"/>
      <c r="FJC724" s="613"/>
      <c r="FJD724" s="613"/>
      <c r="FJE724" s="613"/>
      <c r="FJF724" s="613"/>
      <c r="FJG724" s="613"/>
      <c r="FJH724" s="613"/>
      <c r="FJI724" s="613"/>
      <c r="FJJ724" s="613"/>
      <c r="FJK724" s="613"/>
      <c r="FJL724" s="613"/>
      <c r="FJM724" s="613"/>
      <c r="FJN724" s="613"/>
      <c r="FJO724" s="613"/>
      <c r="FJP724" s="613"/>
      <c r="FJQ724" s="613"/>
      <c r="FJR724" s="613"/>
      <c r="FJS724" s="613"/>
      <c r="FJT724" s="613"/>
      <c r="FJU724" s="613"/>
      <c r="FJV724" s="613"/>
      <c r="FJW724" s="613"/>
      <c r="FJX724" s="613"/>
      <c r="FJY724" s="613"/>
      <c r="FJZ724" s="613"/>
      <c r="FKA724" s="613"/>
      <c r="FKB724" s="613"/>
      <c r="FKC724" s="613"/>
      <c r="FKD724" s="613"/>
      <c r="FKE724" s="613"/>
      <c r="FKF724" s="613"/>
      <c r="FKG724" s="613"/>
      <c r="FKH724" s="613"/>
      <c r="FKI724" s="613"/>
      <c r="FKJ724" s="613"/>
      <c r="FKK724" s="613"/>
      <c r="FKL724" s="613"/>
      <c r="FKM724" s="613"/>
      <c r="FKN724" s="613"/>
      <c r="FKO724" s="613"/>
      <c r="FKP724" s="613"/>
      <c r="FKQ724" s="613"/>
      <c r="FKR724" s="613"/>
      <c r="FKS724" s="613"/>
      <c r="FKT724" s="613"/>
      <c r="FKU724" s="613"/>
      <c r="FKV724" s="613"/>
      <c r="FKW724" s="613"/>
      <c r="FKX724" s="613"/>
      <c r="FKY724" s="613"/>
      <c r="FKZ724" s="613"/>
      <c r="FLA724" s="613"/>
      <c r="FLB724" s="613"/>
      <c r="FLC724" s="613"/>
      <c r="FLD724" s="613"/>
      <c r="FLE724" s="613"/>
      <c r="FLF724" s="613"/>
      <c r="FLG724" s="613"/>
      <c r="FLH724" s="613"/>
      <c r="FLI724" s="613"/>
      <c r="FLJ724" s="613"/>
      <c r="FLK724" s="613"/>
      <c r="FLL724" s="613"/>
      <c r="FLM724" s="613"/>
      <c r="FLN724" s="613"/>
      <c r="FLO724" s="613"/>
      <c r="FLP724" s="613"/>
      <c r="FLQ724" s="613"/>
      <c r="FLR724" s="613"/>
      <c r="FLS724" s="613"/>
      <c r="FLT724" s="613"/>
      <c r="FLU724" s="613"/>
      <c r="FLV724" s="613"/>
      <c r="FLW724" s="613"/>
      <c r="FLX724" s="613"/>
      <c r="FLY724" s="613"/>
      <c r="FLZ724" s="613"/>
      <c r="FMA724" s="613"/>
      <c r="FMB724" s="613"/>
      <c r="FMC724" s="613"/>
      <c r="FMD724" s="613"/>
      <c r="FME724" s="613"/>
      <c r="FMF724" s="613"/>
      <c r="FMG724" s="613"/>
      <c r="FMH724" s="613"/>
      <c r="FMI724" s="613"/>
      <c r="FMJ724" s="613"/>
      <c r="FMK724" s="613"/>
      <c r="FML724" s="613"/>
      <c r="FMM724" s="613"/>
      <c r="FMN724" s="613"/>
      <c r="FMO724" s="613"/>
      <c r="FMP724" s="613"/>
      <c r="FMQ724" s="613"/>
      <c r="FMR724" s="613"/>
      <c r="FMS724" s="613"/>
      <c r="FMT724" s="613"/>
      <c r="FMU724" s="613"/>
      <c r="FMV724" s="613"/>
      <c r="FMW724" s="613"/>
      <c r="FMX724" s="613"/>
      <c r="FMY724" s="613"/>
      <c r="FMZ724" s="613"/>
      <c r="FNA724" s="613"/>
      <c r="FNB724" s="613"/>
      <c r="FNC724" s="613"/>
      <c r="FND724" s="613"/>
      <c r="FNE724" s="613"/>
      <c r="FNF724" s="613"/>
      <c r="FNG724" s="613"/>
      <c r="FNH724" s="613"/>
      <c r="FNI724" s="613"/>
      <c r="FNJ724" s="613"/>
      <c r="FNK724" s="613"/>
      <c r="FNL724" s="613"/>
      <c r="FNM724" s="613"/>
      <c r="FNN724" s="613"/>
      <c r="FNO724" s="613"/>
      <c r="FNP724" s="613"/>
      <c r="FNQ724" s="613"/>
      <c r="FNR724" s="613"/>
      <c r="FNS724" s="613"/>
      <c r="FNT724" s="613"/>
      <c r="FNU724" s="613"/>
      <c r="FNV724" s="613"/>
      <c r="FNW724" s="613"/>
      <c r="FNX724" s="613"/>
      <c r="FNY724" s="613"/>
      <c r="FNZ724" s="613"/>
      <c r="FOA724" s="613"/>
      <c r="FOB724" s="613"/>
      <c r="FOC724" s="613"/>
      <c r="FOD724" s="613"/>
      <c r="FOE724" s="613"/>
      <c r="FOF724" s="613"/>
      <c r="FOG724" s="613"/>
      <c r="FOH724" s="613"/>
      <c r="FOI724" s="613"/>
      <c r="FOJ724" s="613"/>
      <c r="FOK724" s="613"/>
      <c r="FOL724" s="613"/>
      <c r="FOM724" s="613"/>
      <c r="FON724" s="613"/>
      <c r="FOO724" s="613"/>
      <c r="FOP724" s="613"/>
      <c r="FOQ724" s="613"/>
      <c r="FOR724" s="613"/>
      <c r="FOS724" s="613"/>
      <c r="FOT724" s="613"/>
      <c r="FOU724" s="613"/>
      <c r="FOV724" s="613"/>
      <c r="FOW724" s="613"/>
      <c r="FOX724" s="613"/>
      <c r="FOY724" s="613"/>
      <c r="FOZ724" s="613"/>
      <c r="FPA724" s="613"/>
      <c r="FPB724" s="613"/>
      <c r="FPC724" s="613"/>
      <c r="FPD724" s="613"/>
      <c r="FPE724" s="613"/>
      <c r="FPF724" s="613"/>
      <c r="FPG724" s="613"/>
      <c r="FPH724" s="613"/>
      <c r="FPI724" s="613"/>
      <c r="FPJ724" s="613"/>
      <c r="FPK724" s="613"/>
      <c r="FPL724" s="613"/>
      <c r="FPM724" s="613"/>
      <c r="FPN724" s="613"/>
      <c r="FPO724" s="613"/>
      <c r="FPP724" s="613"/>
      <c r="FPQ724" s="613"/>
      <c r="FPR724" s="613"/>
      <c r="FPS724" s="613"/>
      <c r="FPT724" s="613"/>
      <c r="FPU724" s="613"/>
      <c r="FPV724" s="613"/>
      <c r="FPW724" s="613"/>
      <c r="FPX724" s="613"/>
      <c r="FPY724" s="613"/>
      <c r="FPZ724" s="613"/>
      <c r="FQA724" s="613"/>
      <c r="FQB724" s="613"/>
      <c r="FQC724" s="613"/>
      <c r="FQD724" s="613"/>
      <c r="FQE724" s="613"/>
      <c r="FQF724" s="613"/>
      <c r="FQG724" s="613"/>
      <c r="FQH724" s="613"/>
      <c r="FQI724" s="613"/>
      <c r="FQJ724" s="613"/>
      <c r="FQK724" s="613"/>
      <c r="FQL724" s="613"/>
      <c r="FQM724" s="613"/>
      <c r="FQN724" s="613"/>
      <c r="FQO724" s="613"/>
      <c r="FQP724" s="613"/>
      <c r="FQQ724" s="613"/>
      <c r="FQR724" s="613"/>
      <c r="FQS724" s="613"/>
      <c r="FQT724" s="613"/>
      <c r="FQU724" s="613"/>
      <c r="FQV724" s="613"/>
      <c r="FQW724" s="613"/>
      <c r="FQX724" s="613"/>
      <c r="FQY724" s="613"/>
      <c r="FQZ724" s="613"/>
      <c r="FRA724" s="613"/>
      <c r="FRB724" s="613"/>
      <c r="FRC724" s="613"/>
      <c r="FRD724" s="613"/>
      <c r="FRE724" s="613"/>
      <c r="FRF724" s="613"/>
      <c r="FRG724" s="613"/>
      <c r="FRH724" s="613"/>
      <c r="FRI724" s="613"/>
      <c r="FRJ724" s="613"/>
      <c r="FRK724" s="613"/>
      <c r="FRL724" s="613"/>
      <c r="FRM724" s="613"/>
      <c r="FRN724" s="613"/>
      <c r="FRO724" s="613"/>
      <c r="FRP724" s="613"/>
      <c r="FRQ724" s="613"/>
      <c r="FRR724" s="613"/>
      <c r="FRS724" s="613"/>
      <c r="FRT724" s="613"/>
      <c r="FRU724" s="613"/>
      <c r="FRV724" s="613"/>
      <c r="FRW724" s="613"/>
      <c r="FRX724" s="613"/>
      <c r="FRY724" s="613"/>
      <c r="FRZ724" s="613"/>
      <c r="FSA724" s="613"/>
      <c r="FSB724" s="613"/>
      <c r="FSC724" s="613"/>
      <c r="FSD724" s="613"/>
      <c r="FSE724" s="613"/>
      <c r="FSF724" s="613"/>
      <c r="FSG724" s="613"/>
      <c r="FSH724" s="613"/>
      <c r="FSI724" s="613"/>
      <c r="FSJ724" s="613"/>
      <c r="FSK724" s="613"/>
      <c r="FSL724" s="613"/>
      <c r="FSM724" s="613"/>
      <c r="FSN724" s="613"/>
      <c r="FSO724" s="613"/>
      <c r="FSP724" s="613"/>
      <c r="FSQ724" s="613"/>
      <c r="FSR724" s="613"/>
      <c r="FSS724" s="613"/>
      <c r="FST724" s="613"/>
      <c r="FSU724" s="613"/>
      <c r="FSV724" s="613"/>
      <c r="FSW724" s="613"/>
      <c r="FSX724" s="613"/>
      <c r="FSY724" s="613"/>
      <c r="FSZ724" s="613"/>
      <c r="FTA724" s="613"/>
      <c r="FTB724" s="613"/>
      <c r="FTC724" s="613"/>
      <c r="FTD724" s="613"/>
      <c r="FTE724" s="613"/>
      <c r="FTF724" s="613"/>
      <c r="FTG724" s="613"/>
      <c r="FTH724" s="613"/>
      <c r="FTI724" s="613"/>
      <c r="FTJ724" s="613"/>
      <c r="FTK724" s="613"/>
      <c r="FTL724" s="613"/>
      <c r="FTM724" s="613"/>
      <c r="FTN724" s="613"/>
      <c r="FTO724" s="613"/>
      <c r="FTP724" s="613"/>
      <c r="FTQ724" s="613"/>
      <c r="FTR724" s="613"/>
      <c r="FTS724" s="613"/>
      <c r="FTT724" s="613"/>
      <c r="FTU724" s="613"/>
      <c r="FTV724" s="613"/>
      <c r="FTW724" s="613"/>
      <c r="FTX724" s="613"/>
      <c r="FTY724" s="613"/>
      <c r="FTZ724" s="613"/>
      <c r="FUA724" s="613"/>
      <c r="FUB724" s="613"/>
      <c r="FUC724" s="613"/>
      <c r="FUD724" s="613"/>
      <c r="FUE724" s="613"/>
      <c r="FUF724" s="613"/>
      <c r="FUG724" s="613"/>
      <c r="FUH724" s="613"/>
      <c r="FUI724" s="613"/>
      <c r="FUJ724" s="613"/>
      <c r="FUK724" s="613"/>
      <c r="FUL724" s="613"/>
      <c r="FUM724" s="613"/>
      <c r="FUN724" s="613"/>
      <c r="FUO724" s="613"/>
      <c r="FUP724" s="613"/>
      <c r="FUQ724" s="613"/>
      <c r="FUR724" s="613"/>
      <c r="FUS724" s="613"/>
      <c r="FUT724" s="613"/>
      <c r="FUU724" s="613"/>
      <c r="FUV724" s="613"/>
      <c r="FUW724" s="613"/>
      <c r="FUX724" s="613"/>
      <c r="FUY724" s="613"/>
      <c r="FUZ724" s="613"/>
      <c r="FVA724" s="613"/>
      <c r="FVB724" s="613"/>
      <c r="FVC724" s="613"/>
      <c r="FVD724" s="613"/>
      <c r="FVE724" s="613"/>
      <c r="FVF724" s="613"/>
      <c r="FVG724" s="613"/>
      <c r="FVH724" s="613"/>
      <c r="FVI724" s="613"/>
      <c r="FVJ724" s="613"/>
      <c r="FVK724" s="613"/>
      <c r="FVL724" s="613"/>
      <c r="FVM724" s="613"/>
      <c r="FVN724" s="613"/>
      <c r="FVO724" s="613"/>
      <c r="FVP724" s="613"/>
      <c r="FVQ724" s="613"/>
      <c r="FVR724" s="613"/>
      <c r="FVS724" s="613"/>
      <c r="FVT724" s="613"/>
      <c r="FVU724" s="613"/>
      <c r="FVV724" s="613"/>
      <c r="FVW724" s="613"/>
      <c r="FVX724" s="613"/>
      <c r="FVY724" s="613"/>
      <c r="FVZ724" s="613"/>
      <c r="FWA724" s="613"/>
      <c r="FWB724" s="613"/>
      <c r="FWC724" s="613"/>
      <c r="FWD724" s="613"/>
      <c r="FWE724" s="613"/>
      <c r="FWF724" s="613"/>
      <c r="FWG724" s="613"/>
      <c r="FWH724" s="613"/>
      <c r="FWI724" s="613"/>
      <c r="FWJ724" s="613"/>
      <c r="FWK724" s="613"/>
      <c r="FWL724" s="613"/>
      <c r="FWM724" s="613"/>
      <c r="FWN724" s="613"/>
      <c r="FWO724" s="613"/>
      <c r="FWP724" s="613"/>
      <c r="FWQ724" s="613"/>
      <c r="FWR724" s="613"/>
      <c r="FWS724" s="613"/>
      <c r="FWT724" s="613"/>
      <c r="FWU724" s="613"/>
      <c r="FWV724" s="613"/>
      <c r="FWW724" s="613"/>
      <c r="FWX724" s="613"/>
      <c r="FWY724" s="613"/>
      <c r="FWZ724" s="613"/>
      <c r="FXA724" s="613"/>
      <c r="FXB724" s="613"/>
      <c r="FXC724" s="613"/>
      <c r="FXD724" s="613"/>
      <c r="FXE724" s="613"/>
      <c r="FXF724" s="613"/>
      <c r="FXG724" s="613"/>
      <c r="FXH724" s="613"/>
      <c r="FXI724" s="613"/>
      <c r="FXJ724" s="613"/>
      <c r="FXK724" s="613"/>
      <c r="FXL724" s="613"/>
      <c r="FXM724" s="613"/>
      <c r="FXN724" s="613"/>
      <c r="FXO724" s="613"/>
      <c r="FXP724" s="613"/>
      <c r="FXQ724" s="613"/>
      <c r="FXR724" s="613"/>
      <c r="FXS724" s="613"/>
      <c r="FXT724" s="613"/>
      <c r="FXU724" s="613"/>
      <c r="FXV724" s="613"/>
      <c r="FXW724" s="613"/>
      <c r="FXX724" s="613"/>
      <c r="FXY724" s="613"/>
      <c r="FXZ724" s="613"/>
      <c r="FYA724" s="613"/>
      <c r="FYB724" s="613"/>
      <c r="FYC724" s="613"/>
      <c r="FYD724" s="613"/>
      <c r="FYE724" s="613"/>
      <c r="FYF724" s="613"/>
      <c r="FYG724" s="613"/>
      <c r="FYH724" s="613"/>
      <c r="FYI724" s="613"/>
      <c r="FYJ724" s="613"/>
      <c r="FYK724" s="613"/>
      <c r="FYL724" s="613"/>
      <c r="FYM724" s="613"/>
      <c r="FYN724" s="613"/>
      <c r="FYO724" s="613"/>
      <c r="FYP724" s="613"/>
      <c r="FYQ724" s="613"/>
      <c r="FYR724" s="613"/>
      <c r="FYS724" s="613"/>
      <c r="FYT724" s="613"/>
      <c r="FYU724" s="613"/>
      <c r="FYV724" s="613"/>
      <c r="FYW724" s="613"/>
      <c r="FYX724" s="613"/>
      <c r="FYY724" s="613"/>
      <c r="FYZ724" s="613"/>
      <c r="FZA724" s="613"/>
      <c r="FZB724" s="613"/>
      <c r="FZC724" s="613"/>
      <c r="FZD724" s="613"/>
      <c r="FZE724" s="613"/>
      <c r="FZF724" s="613"/>
      <c r="FZG724" s="613"/>
      <c r="FZH724" s="613"/>
      <c r="FZI724" s="613"/>
      <c r="FZJ724" s="613"/>
      <c r="FZK724" s="613"/>
      <c r="FZL724" s="613"/>
      <c r="FZM724" s="613"/>
      <c r="FZN724" s="613"/>
      <c r="FZO724" s="613"/>
      <c r="FZP724" s="613"/>
      <c r="FZQ724" s="613"/>
      <c r="FZR724" s="613"/>
      <c r="FZS724" s="613"/>
      <c r="FZT724" s="613"/>
      <c r="FZU724" s="613"/>
      <c r="FZV724" s="613"/>
      <c r="FZW724" s="613"/>
      <c r="FZX724" s="613"/>
      <c r="FZY724" s="613"/>
      <c r="FZZ724" s="613"/>
      <c r="GAA724" s="613"/>
      <c r="GAB724" s="613"/>
      <c r="GAC724" s="613"/>
      <c r="GAD724" s="613"/>
      <c r="GAE724" s="613"/>
      <c r="GAF724" s="613"/>
      <c r="GAG724" s="613"/>
      <c r="GAH724" s="613"/>
      <c r="GAI724" s="613"/>
      <c r="GAJ724" s="613"/>
      <c r="GAK724" s="613"/>
      <c r="GAL724" s="613"/>
      <c r="GAM724" s="613"/>
      <c r="GAN724" s="613"/>
      <c r="GAO724" s="613"/>
      <c r="GAP724" s="613"/>
      <c r="GAQ724" s="613"/>
      <c r="GAR724" s="613"/>
      <c r="GAS724" s="613"/>
      <c r="GAT724" s="613"/>
      <c r="GAU724" s="613"/>
      <c r="GAV724" s="613"/>
      <c r="GAW724" s="613"/>
      <c r="GAX724" s="613"/>
      <c r="GAY724" s="613"/>
      <c r="GAZ724" s="613"/>
      <c r="GBA724" s="613"/>
      <c r="GBB724" s="613"/>
      <c r="GBC724" s="613"/>
      <c r="GBD724" s="613"/>
      <c r="GBE724" s="613"/>
      <c r="GBF724" s="613"/>
      <c r="GBG724" s="613"/>
      <c r="GBH724" s="613"/>
      <c r="GBI724" s="613"/>
      <c r="GBJ724" s="613"/>
      <c r="GBK724" s="613"/>
      <c r="GBL724" s="613"/>
      <c r="GBM724" s="613"/>
      <c r="GBN724" s="613"/>
      <c r="GBO724" s="613"/>
      <c r="GBP724" s="613"/>
      <c r="GBQ724" s="613"/>
      <c r="GBR724" s="613"/>
      <c r="GBS724" s="613"/>
      <c r="GBT724" s="613"/>
      <c r="GBU724" s="613"/>
      <c r="GBV724" s="613"/>
      <c r="GBW724" s="613"/>
      <c r="GBX724" s="613"/>
      <c r="GBY724" s="613"/>
      <c r="GBZ724" s="613"/>
      <c r="GCA724" s="613"/>
      <c r="GCB724" s="613"/>
      <c r="GCC724" s="613"/>
      <c r="GCD724" s="613"/>
      <c r="GCE724" s="613"/>
      <c r="GCF724" s="613"/>
      <c r="GCG724" s="613"/>
      <c r="GCH724" s="613"/>
      <c r="GCI724" s="613"/>
      <c r="GCJ724" s="613"/>
      <c r="GCK724" s="613"/>
      <c r="GCL724" s="613"/>
      <c r="GCM724" s="613"/>
      <c r="GCN724" s="613"/>
      <c r="GCO724" s="613"/>
      <c r="GCP724" s="613"/>
      <c r="GCQ724" s="613"/>
      <c r="GCR724" s="613"/>
      <c r="GCS724" s="613"/>
      <c r="GCT724" s="613"/>
      <c r="GCU724" s="613"/>
      <c r="GCV724" s="613"/>
      <c r="GCW724" s="613"/>
      <c r="GCX724" s="613"/>
      <c r="GCY724" s="613"/>
      <c r="GCZ724" s="613"/>
      <c r="GDA724" s="613"/>
      <c r="GDB724" s="613"/>
      <c r="GDC724" s="613"/>
      <c r="GDD724" s="613"/>
      <c r="GDE724" s="613"/>
      <c r="GDF724" s="613"/>
      <c r="GDG724" s="613"/>
      <c r="GDH724" s="613"/>
      <c r="GDI724" s="613"/>
      <c r="GDJ724" s="613"/>
      <c r="GDK724" s="613"/>
      <c r="GDL724" s="613"/>
      <c r="GDM724" s="613"/>
      <c r="GDN724" s="613"/>
      <c r="GDO724" s="613"/>
      <c r="GDP724" s="613"/>
      <c r="GDQ724" s="613"/>
      <c r="GDR724" s="613"/>
      <c r="GDS724" s="613"/>
      <c r="GDT724" s="613"/>
      <c r="GDU724" s="613"/>
      <c r="GDV724" s="613"/>
      <c r="GDW724" s="613"/>
      <c r="GDX724" s="613"/>
      <c r="GDY724" s="613"/>
      <c r="GDZ724" s="613"/>
      <c r="GEA724" s="613"/>
      <c r="GEB724" s="613"/>
      <c r="GEC724" s="613"/>
      <c r="GED724" s="613"/>
      <c r="GEE724" s="613"/>
      <c r="GEF724" s="613"/>
      <c r="GEG724" s="613"/>
      <c r="GEH724" s="613"/>
      <c r="GEI724" s="613"/>
      <c r="GEJ724" s="613"/>
      <c r="GEK724" s="613"/>
      <c r="GEL724" s="613"/>
      <c r="GEM724" s="613"/>
      <c r="GEN724" s="613"/>
      <c r="GEO724" s="613"/>
      <c r="GEP724" s="613"/>
      <c r="GEQ724" s="613"/>
      <c r="GER724" s="613"/>
      <c r="GES724" s="613"/>
      <c r="GET724" s="613"/>
      <c r="GEU724" s="613"/>
      <c r="GEV724" s="613"/>
      <c r="GEW724" s="613"/>
      <c r="GEX724" s="613"/>
      <c r="GEY724" s="613"/>
      <c r="GEZ724" s="613"/>
      <c r="GFA724" s="613"/>
      <c r="GFB724" s="613"/>
      <c r="GFC724" s="613"/>
      <c r="GFD724" s="613"/>
      <c r="GFE724" s="613"/>
      <c r="GFF724" s="613"/>
      <c r="GFG724" s="613"/>
      <c r="GFH724" s="613"/>
      <c r="GFI724" s="613"/>
      <c r="GFJ724" s="613"/>
      <c r="GFK724" s="613"/>
      <c r="GFL724" s="613"/>
      <c r="GFM724" s="613"/>
      <c r="GFN724" s="613"/>
      <c r="GFO724" s="613"/>
      <c r="GFP724" s="613"/>
      <c r="GFQ724" s="613"/>
      <c r="GFR724" s="613"/>
      <c r="GFS724" s="613"/>
      <c r="GFT724" s="613"/>
      <c r="GFU724" s="613"/>
      <c r="GFV724" s="613"/>
      <c r="GFW724" s="613"/>
      <c r="GFX724" s="613"/>
      <c r="GFY724" s="613"/>
      <c r="GFZ724" s="613"/>
      <c r="GGA724" s="613"/>
      <c r="GGB724" s="613"/>
      <c r="GGC724" s="613"/>
      <c r="GGD724" s="613"/>
      <c r="GGE724" s="613"/>
      <c r="GGF724" s="613"/>
      <c r="GGG724" s="613"/>
      <c r="GGH724" s="613"/>
      <c r="GGI724" s="613"/>
      <c r="GGJ724" s="613"/>
      <c r="GGK724" s="613"/>
      <c r="GGL724" s="613"/>
      <c r="GGM724" s="613"/>
      <c r="GGN724" s="613"/>
      <c r="GGO724" s="613"/>
      <c r="GGP724" s="613"/>
      <c r="GGQ724" s="613"/>
      <c r="GGR724" s="613"/>
      <c r="GGS724" s="613"/>
      <c r="GGT724" s="613"/>
      <c r="GGU724" s="613"/>
      <c r="GGV724" s="613"/>
      <c r="GGW724" s="613"/>
      <c r="GGX724" s="613"/>
      <c r="GGY724" s="613"/>
      <c r="GGZ724" s="613"/>
      <c r="GHA724" s="613"/>
      <c r="GHB724" s="613"/>
      <c r="GHC724" s="613"/>
      <c r="GHD724" s="613"/>
      <c r="GHE724" s="613"/>
      <c r="GHF724" s="613"/>
      <c r="GHG724" s="613"/>
      <c r="GHH724" s="613"/>
      <c r="GHI724" s="613"/>
      <c r="GHJ724" s="613"/>
      <c r="GHK724" s="613"/>
      <c r="GHL724" s="613"/>
      <c r="GHM724" s="613"/>
      <c r="GHN724" s="613"/>
      <c r="GHO724" s="613"/>
      <c r="GHP724" s="613"/>
      <c r="GHQ724" s="613"/>
      <c r="GHR724" s="613"/>
      <c r="GHS724" s="613"/>
      <c r="GHT724" s="613"/>
      <c r="GHU724" s="613"/>
      <c r="GHV724" s="613"/>
      <c r="GHW724" s="613"/>
      <c r="GHX724" s="613"/>
      <c r="GHY724" s="613"/>
      <c r="GHZ724" s="613"/>
      <c r="GIA724" s="613"/>
      <c r="GIB724" s="613"/>
      <c r="GIC724" s="613"/>
      <c r="GID724" s="613"/>
      <c r="GIE724" s="613"/>
      <c r="GIF724" s="613"/>
      <c r="GIG724" s="613"/>
      <c r="GIH724" s="613"/>
      <c r="GII724" s="613"/>
      <c r="GIJ724" s="613"/>
      <c r="GIK724" s="613"/>
      <c r="GIL724" s="613"/>
      <c r="GIM724" s="613"/>
      <c r="GIN724" s="613"/>
      <c r="GIO724" s="613"/>
      <c r="GIP724" s="613"/>
      <c r="GIQ724" s="613"/>
      <c r="GIR724" s="613"/>
      <c r="GIS724" s="613"/>
      <c r="GIT724" s="613"/>
      <c r="GIU724" s="613"/>
      <c r="GIV724" s="613"/>
      <c r="GIW724" s="613"/>
      <c r="GIX724" s="613"/>
      <c r="GIY724" s="613"/>
      <c r="GIZ724" s="613"/>
      <c r="GJA724" s="613"/>
      <c r="GJB724" s="613"/>
      <c r="GJC724" s="613"/>
      <c r="GJD724" s="613"/>
      <c r="GJE724" s="613"/>
      <c r="GJF724" s="613"/>
      <c r="GJG724" s="613"/>
      <c r="GJH724" s="613"/>
      <c r="GJI724" s="613"/>
      <c r="GJJ724" s="613"/>
      <c r="GJK724" s="613"/>
      <c r="GJL724" s="613"/>
      <c r="GJM724" s="613"/>
      <c r="GJN724" s="613"/>
      <c r="GJO724" s="613"/>
      <c r="GJP724" s="613"/>
      <c r="GJQ724" s="613"/>
      <c r="GJR724" s="613"/>
      <c r="GJS724" s="613"/>
      <c r="GJT724" s="613"/>
      <c r="GJU724" s="613"/>
      <c r="GJV724" s="613"/>
      <c r="GJW724" s="613"/>
      <c r="GJX724" s="613"/>
      <c r="GJY724" s="613"/>
      <c r="GJZ724" s="613"/>
      <c r="GKA724" s="613"/>
      <c r="GKB724" s="613"/>
      <c r="GKC724" s="613"/>
      <c r="GKD724" s="613"/>
      <c r="GKE724" s="613"/>
      <c r="GKF724" s="613"/>
      <c r="GKG724" s="613"/>
      <c r="GKH724" s="613"/>
      <c r="GKI724" s="613"/>
      <c r="GKJ724" s="613"/>
      <c r="GKK724" s="613"/>
      <c r="GKL724" s="613"/>
      <c r="GKM724" s="613"/>
      <c r="GKN724" s="613"/>
      <c r="GKO724" s="613"/>
      <c r="GKP724" s="613"/>
      <c r="GKQ724" s="613"/>
      <c r="GKR724" s="613"/>
      <c r="GKS724" s="613"/>
      <c r="GKT724" s="613"/>
      <c r="GKU724" s="613"/>
      <c r="GKV724" s="613"/>
      <c r="GKW724" s="613"/>
      <c r="GKX724" s="613"/>
      <c r="GKY724" s="613"/>
      <c r="GKZ724" s="613"/>
      <c r="GLA724" s="613"/>
      <c r="GLB724" s="613"/>
      <c r="GLC724" s="613"/>
      <c r="GLD724" s="613"/>
      <c r="GLE724" s="613"/>
      <c r="GLF724" s="613"/>
      <c r="GLG724" s="613"/>
      <c r="GLH724" s="613"/>
      <c r="GLI724" s="613"/>
      <c r="GLJ724" s="613"/>
      <c r="GLK724" s="613"/>
      <c r="GLL724" s="613"/>
      <c r="GLM724" s="613"/>
      <c r="GLN724" s="613"/>
      <c r="GLO724" s="613"/>
      <c r="GLP724" s="613"/>
      <c r="GLQ724" s="613"/>
      <c r="GLR724" s="613"/>
      <c r="GLS724" s="613"/>
      <c r="GLT724" s="613"/>
      <c r="GLU724" s="613"/>
      <c r="GLV724" s="613"/>
      <c r="GLW724" s="613"/>
      <c r="GLX724" s="613"/>
      <c r="GLY724" s="613"/>
      <c r="GLZ724" s="613"/>
      <c r="GMA724" s="613"/>
      <c r="GMB724" s="613"/>
      <c r="GMC724" s="613"/>
      <c r="GMD724" s="613"/>
      <c r="GME724" s="613"/>
      <c r="GMF724" s="613"/>
      <c r="GMG724" s="613"/>
      <c r="GMH724" s="613"/>
      <c r="GMI724" s="613"/>
      <c r="GMJ724" s="613"/>
      <c r="GMK724" s="613"/>
      <c r="GML724" s="613"/>
      <c r="GMM724" s="613"/>
      <c r="GMN724" s="613"/>
      <c r="GMO724" s="613"/>
      <c r="GMP724" s="613"/>
      <c r="GMQ724" s="613"/>
      <c r="GMR724" s="613"/>
      <c r="GMS724" s="613"/>
      <c r="GMT724" s="613"/>
      <c r="GMU724" s="613"/>
      <c r="GMV724" s="613"/>
      <c r="GMW724" s="613"/>
      <c r="GMX724" s="613"/>
      <c r="GMY724" s="613"/>
      <c r="GMZ724" s="613"/>
      <c r="GNA724" s="613"/>
      <c r="GNB724" s="613"/>
      <c r="GNC724" s="613"/>
      <c r="GND724" s="613"/>
      <c r="GNE724" s="613"/>
      <c r="GNF724" s="613"/>
      <c r="GNG724" s="613"/>
      <c r="GNH724" s="613"/>
      <c r="GNI724" s="613"/>
      <c r="GNJ724" s="613"/>
      <c r="GNK724" s="613"/>
      <c r="GNL724" s="613"/>
      <c r="GNM724" s="613"/>
      <c r="GNN724" s="613"/>
      <c r="GNO724" s="613"/>
      <c r="GNP724" s="613"/>
      <c r="GNQ724" s="613"/>
      <c r="GNR724" s="613"/>
      <c r="GNS724" s="613"/>
      <c r="GNT724" s="613"/>
      <c r="GNU724" s="613"/>
      <c r="GNV724" s="613"/>
      <c r="GNW724" s="613"/>
      <c r="GNX724" s="613"/>
      <c r="GNY724" s="613"/>
      <c r="GNZ724" s="613"/>
      <c r="GOA724" s="613"/>
      <c r="GOB724" s="613"/>
      <c r="GOC724" s="613"/>
      <c r="GOD724" s="613"/>
      <c r="GOE724" s="613"/>
      <c r="GOF724" s="613"/>
      <c r="GOG724" s="613"/>
      <c r="GOH724" s="613"/>
      <c r="GOI724" s="613"/>
      <c r="GOJ724" s="613"/>
      <c r="GOK724" s="613"/>
      <c r="GOL724" s="613"/>
      <c r="GOM724" s="613"/>
      <c r="GON724" s="613"/>
      <c r="GOO724" s="613"/>
      <c r="GOP724" s="613"/>
      <c r="GOQ724" s="613"/>
      <c r="GOR724" s="613"/>
      <c r="GOS724" s="613"/>
      <c r="GOT724" s="613"/>
      <c r="GOU724" s="613"/>
      <c r="GOV724" s="613"/>
      <c r="GOW724" s="613"/>
      <c r="GOX724" s="613"/>
      <c r="GOY724" s="613"/>
      <c r="GOZ724" s="613"/>
      <c r="GPA724" s="613"/>
      <c r="GPB724" s="613"/>
      <c r="GPC724" s="613"/>
      <c r="GPD724" s="613"/>
      <c r="GPE724" s="613"/>
      <c r="GPF724" s="613"/>
      <c r="GPG724" s="613"/>
      <c r="GPH724" s="613"/>
      <c r="GPI724" s="613"/>
      <c r="GPJ724" s="613"/>
      <c r="GPK724" s="613"/>
      <c r="GPL724" s="613"/>
      <c r="GPM724" s="613"/>
      <c r="GPN724" s="613"/>
      <c r="GPO724" s="613"/>
      <c r="GPP724" s="613"/>
      <c r="GPQ724" s="613"/>
      <c r="GPR724" s="613"/>
      <c r="GPS724" s="613"/>
      <c r="GPT724" s="613"/>
      <c r="GPU724" s="613"/>
      <c r="GPV724" s="613"/>
      <c r="GPW724" s="613"/>
      <c r="GPX724" s="613"/>
      <c r="GPY724" s="613"/>
      <c r="GPZ724" s="613"/>
      <c r="GQA724" s="613"/>
      <c r="GQB724" s="613"/>
      <c r="GQC724" s="613"/>
      <c r="GQD724" s="613"/>
      <c r="GQE724" s="613"/>
      <c r="GQF724" s="613"/>
      <c r="GQG724" s="613"/>
      <c r="GQH724" s="613"/>
      <c r="GQI724" s="613"/>
      <c r="GQJ724" s="613"/>
      <c r="GQK724" s="613"/>
      <c r="GQL724" s="613"/>
      <c r="GQM724" s="613"/>
      <c r="GQN724" s="613"/>
      <c r="GQO724" s="613"/>
      <c r="GQP724" s="613"/>
      <c r="GQQ724" s="613"/>
      <c r="GQR724" s="613"/>
      <c r="GQS724" s="613"/>
      <c r="GQT724" s="613"/>
      <c r="GQU724" s="613"/>
      <c r="GQV724" s="613"/>
      <c r="GQW724" s="613"/>
      <c r="GQX724" s="613"/>
      <c r="GQY724" s="613"/>
      <c r="GQZ724" s="613"/>
      <c r="GRA724" s="613"/>
      <c r="GRB724" s="613"/>
      <c r="GRC724" s="613"/>
      <c r="GRD724" s="613"/>
      <c r="GRE724" s="613"/>
      <c r="GRF724" s="613"/>
      <c r="GRG724" s="613"/>
      <c r="GRH724" s="613"/>
      <c r="GRI724" s="613"/>
      <c r="GRJ724" s="613"/>
      <c r="GRK724" s="613"/>
      <c r="GRL724" s="613"/>
      <c r="GRM724" s="613"/>
      <c r="GRN724" s="613"/>
      <c r="GRO724" s="613"/>
      <c r="GRP724" s="613"/>
      <c r="GRQ724" s="613"/>
      <c r="GRR724" s="613"/>
      <c r="GRS724" s="613"/>
      <c r="GRT724" s="613"/>
      <c r="GRU724" s="613"/>
      <c r="GRV724" s="613"/>
      <c r="GRW724" s="613"/>
      <c r="GRX724" s="613"/>
      <c r="GRY724" s="613"/>
      <c r="GRZ724" s="613"/>
      <c r="GSA724" s="613"/>
      <c r="GSB724" s="613"/>
      <c r="GSC724" s="613"/>
      <c r="GSD724" s="613"/>
      <c r="GSE724" s="613"/>
      <c r="GSF724" s="613"/>
      <c r="GSG724" s="613"/>
      <c r="GSH724" s="613"/>
      <c r="GSI724" s="613"/>
      <c r="GSJ724" s="613"/>
      <c r="GSK724" s="613"/>
      <c r="GSL724" s="613"/>
      <c r="GSM724" s="613"/>
      <c r="GSN724" s="613"/>
      <c r="GSO724" s="613"/>
      <c r="GSP724" s="613"/>
      <c r="GSQ724" s="613"/>
      <c r="GSR724" s="613"/>
      <c r="GSS724" s="613"/>
      <c r="GST724" s="613"/>
      <c r="GSU724" s="613"/>
      <c r="GSV724" s="613"/>
      <c r="GSW724" s="613"/>
      <c r="GSX724" s="613"/>
      <c r="GSY724" s="613"/>
      <c r="GSZ724" s="613"/>
      <c r="GTA724" s="613"/>
      <c r="GTB724" s="613"/>
      <c r="GTC724" s="613"/>
      <c r="GTD724" s="613"/>
      <c r="GTE724" s="613"/>
      <c r="GTF724" s="613"/>
      <c r="GTG724" s="613"/>
      <c r="GTH724" s="613"/>
      <c r="GTI724" s="613"/>
      <c r="GTJ724" s="613"/>
      <c r="GTK724" s="613"/>
      <c r="GTL724" s="613"/>
      <c r="GTM724" s="613"/>
      <c r="GTN724" s="613"/>
      <c r="GTO724" s="613"/>
      <c r="GTP724" s="613"/>
      <c r="GTQ724" s="613"/>
      <c r="GTR724" s="613"/>
      <c r="GTS724" s="613"/>
      <c r="GTT724" s="613"/>
      <c r="GTU724" s="613"/>
      <c r="GTV724" s="613"/>
      <c r="GTW724" s="613"/>
      <c r="GTX724" s="613"/>
      <c r="GTY724" s="613"/>
      <c r="GTZ724" s="613"/>
      <c r="GUA724" s="613"/>
      <c r="GUB724" s="613"/>
      <c r="GUC724" s="613"/>
      <c r="GUD724" s="613"/>
      <c r="GUE724" s="613"/>
      <c r="GUF724" s="613"/>
      <c r="GUG724" s="613"/>
      <c r="GUH724" s="613"/>
      <c r="GUI724" s="613"/>
      <c r="GUJ724" s="613"/>
      <c r="GUK724" s="613"/>
      <c r="GUL724" s="613"/>
      <c r="GUM724" s="613"/>
      <c r="GUN724" s="613"/>
      <c r="GUO724" s="613"/>
      <c r="GUP724" s="613"/>
      <c r="GUQ724" s="613"/>
      <c r="GUR724" s="613"/>
      <c r="GUS724" s="613"/>
      <c r="GUT724" s="613"/>
      <c r="GUU724" s="613"/>
      <c r="GUV724" s="613"/>
      <c r="GUW724" s="613"/>
      <c r="GUX724" s="613"/>
      <c r="GUY724" s="613"/>
      <c r="GUZ724" s="613"/>
      <c r="GVA724" s="613"/>
      <c r="GVB724" s="613"/>
      <c r="GVC724" s="613"/>
      <c r="GVD724" s="613"/>
      <c r="GVE724" s="613"/>
      <c r="GVF724" s="613"/>
      <c r="GVG724" s="613"/>
      <c r="GVH724" s="613"/>
      <c r="GVI724" s="613"/>
      <c r="GVJ724" s="613"/>
      <c r="GVK724" s="613"/>
      <c r="GVL724" s="613"/>
      <c r="GVM724" s="613"/>
      <c r="GVN724" s="613"/>
      <c r="GVO724" s="613"/>
      <c r="GVP724" s="613"/>
      <c r="GVQ724" s="613"/>
      <c r="GVR724" s="613"/>
      <c r="GVS724" s="613"/>
      <c r="GVT724" s="613"/>
      <c r="GVU724" s="613"/>
      <c r="GVV724" s="613"/>
      <c r="GVW724" s="613"/>
      <c r="GVX724" s="613"/>
      <c r="GVY724" s="613"/>
      <c r="GVZ724" s="613"/>
      <c r="GWA724" s="613"/>
      <c r="GWB724" s="613"/>
      <c r="GWC724" s="613"/>
      <c r="GWD724" s="613"/>
      <c r="GWE724" s="613"/>
      <c r="GWF724" s="613"/>
      <c r="GWG724" s="613"/>
      <c r="GWH724" s="613"/>
      <c r="GWI724" s="613"/>
      <c r="GWJ724" s="613"/>
      <c r="GWK724" s="613"/>
      <c r="GWL724" s="613"/>
      <c r="GWM724" s="613"/>
      <c r="GWN724" s="613"/>
      <c r="GWO724" s="613"/>
      <c r="GWP724" s="613"/>
      <c r="GWQ724" s="613"/>
      <c r="GWR724" s="613"/>
      <c r="GWS724" s="613"/>
      <c r="GWT724" s="613"/>
      <c r="GWU724" s="613"/>
      <c r="GWV724" s="613"/>
      <c r="GWW724" s="613"/>
      <c r="GWX724" s="613"/>
      <c r="GWY724" s="613"/>
      <c r="GWZ724" s="613"/>
      <c r="GXA724" s="613"/>
      <c r="GXB724" s="613"/>
      <c r="GXC724" s="613"/>
      <c r="GXD724" s="613"/>
      <c r="GXE724" s="613"/>
      <c r="GXF724" s="613"/>
      <c r="GXG724" s="613"/>
      <c r="GXH724" s="613"/>
      <c r="GXI724" s="613"/>
      <c r="GXJ724" s="613"/>
      <c r="GXK724" s="613"/>
      <c r="GXL724" s="613"/>
      <c r="GXM724" s="613"/>
      <c r="GXN724" s="613"/>
      <c r="GXO724" s="613"/>
      <c r="GXP724" s="613"/>
      <c r="GXQ724" s="613"/>
      <c r="GXR724" s="613"/>
      <c r="GXS724" s="613"/>
      <c r="GXT724" s="613"/>
      <c r="GXU724" s="613"/>
      <c r="GXV724" s="613"/>
      <c r="GXW724" s="613"/>
      <c r="GXX724" s="613"/>
      <c r="GXY724" s="613"/>
      <c r="GXZ724" s="613"/>
      <c r="GYA724" s="613"/>
      <c r="GYB724" s="613"/>
      <c r="GYC724" s="613"/>
      <c r="GYD724" s="613"/>
      <c r="GYE724" s="613"/>
      <c r="GYF724" s="613"/>
      <c r="GYG724" s="613"/>
      <c r="GYH724" s="613"/>
      <c r="GYI724" s="613"/>
      <c r="GYJ724" s="613"/>
      <c r="GYK724" s="613"/>
      <c r="GYL724" s="613"/>
      <c r="GYM724" s="613"/>
      <c r="GYN724" s="613"/>
      <c r="GYO724" s="613"/>
      <c r="GYP724" s="613"/>
      <c r="GYQ724" s="613"/>
      <c r="GYR724" s="613"/>
      <c r="GYS724" s="613"/>
      <c r="GYT724" s="613"/>
      <c r="GYU724" s="613"/>
      <c r="GYV724" s="613"/>
      <c r="GYW724" s="613"/>
      <c r="GYX724" s="613"/>
      <c r="GYY724" s="613"/>
      <c r="GYZ724" s="613"/>
      <c r="GZA724" s="613"/>
      <c r="GZB724" s="613"/>
      <c r="GZC724" s="613"/>
      <c r="GZD724" s="613"/>
      <c r="GZE724" s="613"/>
      <c r="GZF724" s="613"/>
      <c r="GZG724" s="613"/>
      <c r="GZH724" s="613"/>
      <c r="GZI724" s="613"/>
      <c r="GZJ724" s="613"/>
      <c r="GZK724" s="613"/>
      <c r="GZL724" s="613"/>
      <c r="GZM724" s="613"/>
      <c r="GZN724" s="613"/>
      <c r="GZO724" s="613"/>
      <c r="GZP724" s="613"/>
      <c r="GZQ724" s="613"/>
      <c r="GZR724" s="613"/>
      <c r="GZS724" s="613"/>
      <c r="GZT724" s="613"/>
      <c r="GZU724" s="613"/>
      <c r="GZV724" s="613"/>
      <c r="GZW724" s="613"/>
      <c r="GZX724" s="613"/>
      <c r="GZY724" s="613"/>
      <c r="GZZ724" s="613"/>
      <c r="HAA724" s="613"/>
      <c r="HAB724" s="613"/>
      <c r="HAC724" s="613"/>
      <c r="HAD724" s="613"/>
      <c r="HAE724" s="613"/>
      <c r="HAF724" s="613"/>
      <c r="HAG724" s="613"/>
      <c r="HAH724" s="613"/>
      <c r="HAI724" s="613"/>
      <c r="HAJ724" s="613"/>
      <c r="HAK724" s="613"/>
      <c r="HAL724" s="613"/>
      <c r="HAM724" s="613"/>
      <c r="HAN724" s="613"/>
      <c r="HAO724" s="613"/>
      <c r="HAP724" s="613"/>
      <c r="HAQ724" s="613"/>
      <c r="HAR724" s="613"/>
      <c r="HAS724" s="613"/>
      <c r="HAT724" s="613"/>
      <c r="HAU724" s="613"/>
      <c r="HAV724" s="613"/>
      <c r="HAW724" s="613"/>
      <c r="HAX724" s="613"/>
      <c r="HAY724" s="613"/>
      <c r="HAZ724" s="613"/>
      <c r="HBA724" s="613"/>
      <c r="HBB724" s="613"/>
      <c r="HBC724" s="613"/>
      <c r="HBD724" s="613"/>
      <c r="HBE724" s="613"/>
      <c r="HBF724" s="613"/>
      <c r="HBG724" s="613"/>
      <c r="HBH724" s="613"/>
      <c r="HBI724" s="613"/>
      <c r="HBJ724" s="613"/>
      <c r="HBK724" s="613"/>
      <c r="HBL724" s="613"/>
      <c r="HBM724" s="613"/>
      <c r="HBN724" s="613"/>
      <c r="HBO724" s="613"/>
      <c r="HBP724" s="613"/>
      <c r="HBQ724" s="613"/>
      <c r="HBR724" s="613"/>
      <c r="HBS724" s="613"/>
      <c r="HBT724" s="613"/>
      <c r="HBU724" s="613"/>
      <c r="HBV724" s="613"/>
      <c r="HBW724" s="613"/>
      <c r="HBX724" s="613"/>
      <c r="HBY724" s="613"/>
      <c r="HBZ724" s="613"/>
      <c r="HCA724" s="613"/>
      <c r="HCB724" s="613"/>
      <c r="HCC724" s="613"/>
      <c r="HCD724" s="613"/>
      <c r="HCE724" s="613"/>
      <c r="HCF724" s="613"/>
      <c r="HCG724" s="613"/>
      <c r="HCH724" s="613"/>
      <c r="HCI724" s="613"/>
      <c r="HCJ724" s="613"/>
      <c r="HCK724" s="613"/>
      <c r="HCL724" s="613"/>
      <c r="HCM724" s="613"/>
      <c r="HCN724" s="613"/>
      <c r="HCO724" s="613"/>
      <c r="HCP724" s="613"/>
      <c r="HCQ724" s="613"/>
      <c r="HCR724" s="613"/>
      <c r="HCS724" s="613"/>
      <c r="HCT724" s="613"/>
      <c r="HCU724" s="613"/>
      <c r="HCV724" s="613"/>
      <c r="HCW724" s="613"/>
      <c r="HCX724" s="613"/>
      <c r="HCY724" s="613"/>
      <c r="HCZ724" s="613"/>
      <c r="HDA724" s="613"/>
      <c r="HDB724" s="613"/>
      <c r="HDC724" s="613"/>
      <c r="HDD724" s="613"/>
      <c r="HDE724" s="613"/>
      <c r="HDF724" s="613"/>
      <c r="HDG724" s="613"/>
      <c r="HDH724" s="613"/>
      <c r="HDI724" s="613"/>
      <c r="HDJ724" s="613"/>
      <c r="HDK724" s="613"/>
      <c r="HDL724" s="613"/>
      <c r="HDM724" s="613"/>
      <c r="HDN724" s="613"/>
      <c r="HDO724" s="613"/>
      <c r="HDP724" s="613"/>
      <c r="HDQ724" s="613"/>
      <c r="HDR724" s="613"/>
      <c r="HDS724" s="613"/>
      <c r="HDT724" s="613"/>
      <c r="HDU724" s="613"/>
      <c r="HDV724" s="613"/>
      <c r="HDW724" s="613"/>
      <c r="HDX724" s="613"/>
      <c r="HDY724" s="613"/>
      <c r="HDZ724" s="613"/>
      <c r="HEA724" s="613"/>
      <c r="HEB724" s="613"/>
      <c r="HEC724" s="613"/>
      <c r="HED724" s="613"/>
      <c r="HEE724" s="613"/>
      <c r="HEF724" s="613"/>
      <c r="HEG724" s="613"/>
      <c r="HEH724" s="613"/>
      <c r="HEI724" s="613"/>
      <c r="HEJ724" s="613"/>
      <c r="HEK724" s="613"/>
      <c r="HEL724" s="613"/>
      <c r="HEM724" s="613"/>
      <c r="HEN724" s="613"/>
      <c r="HEO724" s="613"/>
      <c r="HEP724" s="613"/>
      <c r="HEQ724" s="613"/>
      <c r="HER724" s="613"/>
      <c r="HES724" s="613"/>
      <c r="HET724" s="613"/>
      <c r="HEU724" s="613"/>
      <c r="HEV724" s="613"/>
      <c r="HEW724" s="613"/>
      <c r="HEX724" s="613"/>
      <c r="HEY724" s="613"/>
      <c r="HEZ724" s="613"/>
      <c r="HFA724" s="613"/>
      <c r="HFB724" s="613"/>
      <c r="HFC724" s="613"/>
      <c r="HFD724" s="613"/>
      <c r="HFE724" s="613"/>
      <c r="HFF724" s="613"/>
      <c r="HFG724" s="613"/>
      <c r="HFH724" s="613"/>
      <c r="HFI724" s="613"/>
      <c r="HFJ724" s="613"/>
      <c r="HFK724" s="613"/>
      <c r="HFL724" s="613"/>
      <c r="HFM724" s="613"/>
      <c r="HFN724" s="613"/>
      <c r="HFO724" s="613"/>
      <c r="HFP724" s="613"/>
      <c r="HFQ724" s="613"/>
      <c r="HFR724" s="613"/>
      <c r="HFS724" s="613"/>
      <c r="HFT724" s="613"/>
      <c r="HFU724" s="613"/>
      <c r="HFV724" s="613"/>
      <c r="HFW724" s="613"/>
      <c r="HFX724" s="613"/>
      <c r="HFY724" s="613"/>
      <c r="HFZ724" s="613"/>
      <c r="HGA724" s="613"/>
      <c r="HGB724" s="613"/>
      <c r="HGC724" s="613"/>
      <c r="HGD724" s="613"/>
      <c r="HGE724" s="613"/>
      <c r="HGF724" s="613"/>
      <c r="HGG724" s="613"/>
      <c r="HGH724" s="613"/>
      <c r="HGI724" s="613"/>
      <c r="HGJ724" s="613"/>
      <c r="HGK724" s="613"/>
      <c r="HGL724" s="613"/>
      <c r="HGM724" s="613"/>
      <c r="HGN724" s="613"/>
      <c r="HGO724" s="613"/>
      <c r="HGP724" s="613"/>
      <c r="HGQ724" s="613"/>
      <c r="HGR724" s="613"/>
      <c r="HGS724" s="613"/>
      <c r="HGT724" s="613"/>
      <c r="HGU724" s="613"/>
      <c r="HGV724" s="613"/>
      <c r="HGW724" s="613"/>
      <c r="HGX724" s="613"/>
      <c r="HGY724" s="613"/>
      <c r="HGZ724" s="613"/>
      <c r="HHA724" s="613"/>
      <c r="HHB724" s="613"/>
      <c r="HHC724" s="613"/>
      <c r="HHD724" s="613"/>
      <c r="HHE724" s="613"/>
      <c r="HHF724" s="613"/>
      <c r="HHG724" s="613"/>
      <c r="HHH724" s="613"/>
      <c r="HHI724" s="613"/>
      <c r="HHJ724" s="613"/>
      <c r="HHK724" s="613"/>
      <c r="HHL724" s="613"/>
      <c r="HHM724" s="613"/>
      <c r="HHN724" s="613"/>
      <c r="HHO724" s="613"/>
      <c r="HHP724" s="613"/>
      <c r="HHQ724" s="613"/>
      <c r="HHR724" s="613"/>
      <c r="HHS724" s="613"/>
      <c r="HHT724" s="613"/>
      <c r="HHU724" s="613"/>
      <c r="HHV724" s="613"/>
      <c r="HHW724" s="613"/>
      <c r="HHX724" s="613"/>
      <c r="HHY724" s="613"/>
      <c r="HHZ724" s="613"/>
      <c r="HIA724" s="613"/>
      <c r="HIB724" s="613"/>
      <c r="HIC724" s="613"/>
      <c r="HID724" s="613"/>
      <c r="HIE724" s="613"/>
      <c r="HIF724" s="613"/>
      <c r="HIG724" s="613"/>
      <c r="HIH724" s="613"/>
      <c r="HII724" s="613"/>
      <c r="HIJ724" s="613"/>
      <c r="HIK724" s="613"/>
      <c r="HIL724" s="613"/>
      <c r="HIM724" s="613"/>
      <c r="HIN724" s="613"/>
      <c r="HIO724" s="613"/>
      <c r="HIP724" s="613"/>
      <c r="HIQ724" s="613"/>
      <c r="HIR724" s="613"/>
      <c r="HIS724" s="613"/>
      <c r="HIT724" s="613"/>
      <c r="HIU724" s="613"/>
      <c r="HIV724" s="613"/>
      <c r="HIW724" s="613"/>
      <c r="HIX724" s="613"/>
      <c r="HIY724" s="613"/>
      <c r="HIZ724" s="613"/>
      <c r="HJA724" s="613"/>
      <c r="HJB724" s="613"/>
      <c r="HJC724" s="613"/>
      <c r="HJD724" s="613"/>
      <c r="HJE724" s="613"/>
      <c r="HJF724" s="613"/>
      <c r="HJG724" s="613"/>
      <c r="HJH724" s="613"/>
      <c r="HJI724" s="613"/>
      <c r="HJJ724" s="613"/>
      <c r="HJK724" s="613"/>
      <c r="HJL724" s="613"/>
      <c r="HJM724" s="613"/>
      <c r="HJN724" s="613"/>
      <c r="HJO724" s="613"/>
      <c r="HJP724" s="613"/>
      <c r="HJQ724" s="613"/>
      <c r="HJR724" s="613"/>
      <c r="HJS724" s="613"/>
      <c r="HJT724" s="613"/>
      <c r="HJU724" s="613"/>
      <c r="HJV724" s="613"/>
      <c r="HJW724" s="613"/>
      <c r="HJX724" s="613"/>
      <c r="HJY724" s="613"/>
      <c r="HJZ724" s="613"/>
      <c r="HKA724" s="613"/>
      <c r="HKB724" s="613"/>
      <c r="HKC724" s="613"/>
      <c r="HKD724" s="613"/>
      <c r="HKE724" s="613"/>
      <c r="HKF724" s="613"/>
      <c r="HKG724" s="613"/>
      <c r="HKH724" s="613"/>
      <c r="HKI724" s="613"/>
      <c r="HKJ724" s="613"/>
      <c r="HKK724" s="613"/>
      <c r="HKL724" s="613"/>
      <c r="HKM724" s="613"/>
      <c r="HKN724" s="613"/>
      <c r="HKO724" s="613"/>
      <c r="HKP724" s="613"/>
      <c r="HKQ724" s="613"/>
      <c r="HKR724" s="613"/>
      <c r="HKS724" s="613"/>
      <c r="HKT724" s="613"/>
      <c r="HKU724" s="613"/>
      <c r="HKV724" s="613"/>
      <c r="HKW724" s="613"/>
      <c r="HKX724" s="613"/>
      <c r="HKY724" s="613"/>
      <c r="HKZ724" s="613"/>
      <c r="HLA724" s="613"/>
      <c r="HLB724" s="613"/>
      <c r="HLC724" s="613"/>
      <c r="HLD724" s="613"/>
      <c r="HLE724" s="613"/>
      <c r="HLF724" s="613"/>
      <c r="HLG724" s="613"/>
      <c r="HLH724" s="613"/>
      <c r="HLI724" s="613"/>
      <c r="HLJ724" s="613"/>
      <c r="HLK724" s="613"/>
      <c r="HLL724" s="613"/>
      <c r="HLM724" s="613"/>
      <c r="HLN724" s="613"/>
      <c r="HLO724" s="613"/>
      <c r="HLP724" s="613"/>
      <c r="HLQ724" s="613"/>
      <c r="HLR724" s="613"/>
      <c r="HLS724" s="613"/>
      <c r="HLT724" s="613"/>
      <c r="HLU724" s="613"/>
      <c r="HLV724" s="613"/>
      <c r="HLW724" s="613"/>
      <c r="HLX724" s="613"/>
      <c r="HLY724" s="613"/>
      <c r="HLZ724" s="613"/>
      <c r="HMA724" s="613"/>
      <c r="HMB724" s="613"/>
      <c r="HMC724" s="613"/>
      <c r="HMD724" s="613"/>
      <c r="HME724" s="613"/>
      <c r="HMF724" s="613"/>
      <c r="HMG724" s="613"/>
      <c r="HMH724" s="613"/>
      <c r="HMI724" s="613"/>
      <c r="HMJ724" s="613"/>
      <c r="HMK724" s="613"/>
      <c r="HML724" s="613"/>
      <c r="HMM724" s="613"/>
      <c r="HMN724" s="613"/>
      <c r="HMO724" s="613"/>
      <c r="HMP724" s="613"/>
      <c r="HMQ724" s="613"/>
      <c r="HMR724" s="613"/>
      <c r="HMS724" s="613"/>
      <c r="HMT724" s="613"/>
      <c r="HMU724" s="613"/>
      <c r="HMV724" s="613"/>
      <c r="HMW724" s="613"/>
      <c r="HMX724" s="613"/>
      <c r="HMY724" s="613"/>
      <c r="HMZ724" s="613"/>
      <c r="HNA724" s="613"/>
      <c r="HNB724" s="613"/>
      <c r="HNC724" s="613"/>
      <c r="HND724" s="613"/>
      <c r="HNE724" s="613"/>
      <c r="HNF724" s="613"/>
      <c r="HNG724" s="613"/>
      <c r="HNH724" s="613"/>
      <c r="HNI724" s="613"/>
      <c r="HNJ724" s="613"/>
      <c r="HNK724" s="613"/>
      <c r="HNL724" s="613"/>
      <c r="HNM724" s="613"/>
      <c r="HNN724" s="613"/>
      <c r="HNO724" s="613"/>
      <c r="HNP724" s="613"/>
      <c r="HNQ724" s="613"/>
      <c r="HNR724" s="613"/>
      <c r="HNS724" s="613"/>
      <c r="HNT724" s="613"/>
      <c r="HNU724" s="613"/>
      <c r="HNV724" s="613"/>
      <c r="HNW724" s="613"/>
      <c r="HNX724" s="613"/>
      <c r="HNY724" s="613"/>
      <c r="HNZ724" s="613"/>
      <c r="HOA724" s="613"/>
      <c r="HOB724" s="613"/>
      <c r="HOC724" s="613"/>
      <c r="HOD724" s="613"/>
      <c r="HOE724" s="613"/>
      <c r="HOF724" s="613"/>
      <c r="HOG724" s="613"/>
      <c r="HOH724" s="613"/>
      <c r="HOI724" s="613"/>
      <c r="HOJ724" s="613"/>
      <c r="HOK724" s="613"/>
      <c r="HOL724" s="613"/>
      <c r="HOM724" s="613"/>
      <c r="HON724" s="613"/>
      <c r="HOO724" s="613"/>
      <c r="HOP724" s="613"/>
      <c r="HOQ724" s="613"/>
      <c r="HOR724" s="613"/>
      <c r="HOS724" s="613"/>
      <c r="HOT724" s="613"/>
      <c r="HOU724" s="613"/>
      <c r="HOV724" s="613"/>
      <c r="HOW724" s="613"/>
      <c r="HOX724" s="613"/>
      <c r="HOY724" s="613"/>
      <c r="HOZ724" s="613"/>
      <c r="HPA724" s="613"/>
      <c r="HPB724" s="613"/>
      <c r="HPC724" s="613"/>
      <c r="HPD724" s="613"/>
      <c r="HPE724" s="613"/>
      <c r="HPF724" s="613"/>
      <c r="HPG724" s="613"/>
      <c r="HPH724" s="613"/>
      <c r="HPI724" s="613"/>
      <c r="HPJ724" s="613"/>
      <c r="HPK724" s="613"/>
      <c r="HPL724" s="613"/>
      <c r="HPM724" s="613"/>
      <c r="HPN724" s="613"/>
      <c r="HPO724" s="613"/>
      <c r="HPP724" s="613"/>
      <c r="HPQ724" s="613"/>
      <c r="HPR724" s="613"/>
      <c r="HPS724" s="613"/>
      <c r="HPT724" s="613"/>
      <c r="HPU724" s="613"/>
      <c r="HPV724" s="613"/>
      <c r="HPW724" s="613"/>
      <c r="HPX724" s="613"/>
      <c r="HPY724" s="613"/>
      <c r="HPZ724" s="613"/>
      <c r="HQA724" s="613"/>
      <c r="HQB724" s="613"/>
      <c r="HQC724" s="613"/>
      <c r="HQD724" s="613"/>
      <c r="HQE724" s="613"/>
      <c r="HQF724" s="613"/>
      <c r="HQG724" s="613"/>
      <c r="HQH724" s="613"/>
      <c r="HQI724" s="613"/>
      <c r="HQJ724" s="613"/>
      <c r="HQK724" s="613"/>
      <c r="HQL724" s="613"/>
      <c r="HQM724" s="613"/>
      <c r="HQN724" s="613"/>
      <c r="HQO724" s="613"/>
      <c r="HQP724" s="613"/>
      <c r="HQQ724" s="613"/>
      <c r="HQR724" s="613"/>
      <c r="HQS724" s="613"/>
      <c r="HQT724" s="613"/>
      <c r="HQU724" s="613"/>
      <c r="HQV724" s="613"/>
      <c r="HQW724" s="613"/>
      <c r="HQX724" s="613"/>
      <c r="HQY724" s="613"/>
      <c r="HQZ724" s="613"/>
      <c r="HRA724" s="613"/>
      <c r="HRB724" s="613"/>
      <c r="HRC724" s="613"/>
      <c r="HRD724" s="613"/>
      <c r="HRE724" s="613"/>
      <c r="HRF724" s="613"/>
      <c r="HRG724" s="613"/>
      <c r="HRH724" s="613"/>
      <c r="HRI724" s="613"/>
      <c r="HRJ724" s="613"/>
      <c r="HRK724" s="613"/>
      <c r="HRL724" s="613"/>
      <c r="HRM724" s="613"/>
      <c r="HRN724" s="613"/>
      <c r="HRO724" s="613"/>
      <c r="HRP724" s="613"/>
      <c r="HRQ724" s="613"/>
      <c r="HRR724" s="613"/>
      <c r="HRS724" s="613"/>
      <c r="HRT724" s="613"/>
      <c r="HRU724" s="613"/>
      <c r="HRV724" s="613"/>
      <c r="HRW724" s="613"/>
      <c r="HRX724" s="613"/>
      <c r="HRY724" s="613"/>
      <c r="HRZ724" s="613"/>
      <c r="HSA724" s="613"/>
      <c r="HSB724" s="613"/>
      <c r="HSC724" s="613"/>
      <c r="HSD724" s="613"/>
      <c r="HSE724" s="613"/>
      <c r="HSF724" s="613"/>
      <c r="HSG724" s="613"/>
      <c r="HSH724" s="613"/>
      <c r="HSI724" s="613"/>
      <c r="HSJ724" s="613"/>
      <c r="HSK724" s="613"/>
      <c r="HSL724" s="613"/>
      <c r="HSM724" s="613"/>
      <c r="HSN724" s="613"/>
      <c r="HSO724" s="613"/>
      <c r="HSP724" s="613"/>
      <c r="HSQ724" s="613"/>
      <c r="HSR724" s="613"/>
      <c r="HSS724" s="613"/>
      <c r="HST724" s="613"/>
      <c r="HSU724" s="613"/>
      <c r="HSV724" s="613"/>
      <c r="HSW724" s="613"/>
      <c r="HSX724" s="613"/>
      <c r="HSY724" s="613"/>
      <c r="HSZ724" s="613"/>
      <c r="HTA724" s="613"/>
      <c r="HTB724" s="613"/>
      <c r="HTC724" s="613"/>
      <c r="HTD724" s="613"/>
      <c r="HTE724" s="613"/>
      <c r="HTF724" s="613"/>
      <c r="HTG724" s="613"/>
      <c r="HTH724" s="613"/>
      <c r="HTI724" s="613"/>
      <c r="HTJ724" s="613"/>
      <c r="HTK724" s="613"/>
      <c r="HTL724" s="613"/>
      <c r="HTM724" s="613"/>
      <c r="HTN724" s="613"/>
      <c r="HTO724" s="613"/>
      <c r="HTP724" s="613"/>
      <c r="HTQ724" s="613"/>
      <c r="HTR724" s="613"/>
      <c r="HTS724" s="613"/>
      <c r="HTT724" s="613"/>
      <c r="HTU724" s="613"/>
      <c r="HTV724" s="613"/>
      <c r="HTW724" s="613"/>
      <c r="HTX724" s="613"/>
      <c r="HTY724" s="613"/>
      <c r="HTZ724" s="613"/>
      <c r="HUA724" s="613"/>
      <c r="HUB724" s="613"/>
      <c r="HUC724" s="613"/>
      <c r="HUD724" s="613"/>
      <c r="HUE724" s="613"/>
      <c r="HUF724" s="613"/>
      <c r="HUG724" s="613"/>
      <c r="HUH724" s="613"/>
      <c r="HUI724" s="613"/>
      <c r="HUJ724" s="613"/>
      <c r="HUK724" s="613"/>
      <c r="HUL724" s="613"/>
      <c r="HUM724" s="613"/>
      <c r="HUN724" s="613"/>
      <c r="HUO724" s="613"/>
      <c r="HUP724" s="613"/>
      <c r="HUQ724" s="613"/>
      <c r="HUR724" s="613"/>
      <c r="HUS724" s="613"/>
      <c r="HUT724" s="613"/>
      <c r="HUU724" s="613"/>
      <c r="HUV724" s="613"/>
      <c r="HUW724" s="613"/>
      <c r="HUX724" s="613"/>
      <c r="HUY724" s="613"/>
      <c r="HUZ724" s="613"/>
      <c r="HVA724" s="613"/>
      <c r="HVB724" s="613"/>
      <c r="HVC724" s="613"/>
      <c r="HVD724" s="613"/>
      <c r="HVE724" s="613"/>
      <c r="HVF724" s="613"/>
      <c r="HVG724" s="613"/>
      <c r="HVH724" s="613"/>
      <c r="HVI724" s="613"/>
      <c r="HVJ724" s="613"/>
      <c r="HVK724" s="613"/>
      <c r="HVL724" s="613"/>
      <c r="HVM724" s="613"/>
      <c r="HVN724" s="613"/>
      <c r="HVO724" s="613"/>
      <c r="HVP724" s="613"/>
      <c r="HVQ724" s="613"/>
      <c r="HVR724" s="613"/>
      <c r="HVS724" s="613"/>
      <c r="HVT724" s="613"/>
      <c r="HVU724" s="613"/>
      <c r="HVV724" s="613"/>
      <c r="HVW724" s="613"/>
      <c r="HVX724" s="613"/>
      <c r="HVY724" s="613"/>
      <c r="HVZ724" s="613"/>
      <c r="HWA724" s="613"/>
      <c r="HWB724" s="613"/>
      <c r="HWC724" s="613"/>
      <c r="HWD724" s="613"/>
      <c r="HWE724" s="613"/>
      <c r="HWF724" s="613"/>
      <c r="HWG724" s="613"/>
      <c r="HWH724" s="613"/>
      <c r="HWI724" s="613"/>
      <c r="HWJ724" s="613"/>
      <c r="HWK724" s="613"/>
      <c r="HWL724" s="613"/>
      <c r="HWM724" s="613"/>
      <c r="HWN724" s="613"/>
      <c r="HWO724" s="613"/>
      <c r="HWP724" s="613"/>
      <c r="HWQ724" s="613"/>
      <c r="HWR724" s="613"/>
      <c r="HWS724" s="613"/>
      <c r="HWT724" s="613"/>
      <c r="HWU724" s="613"/>
      <c r="HWV724" s="613"/>
      <c r="HWW724" s="613"/>
      <c r="HWX724" s="613"/>
      <c r="HWY724" s="613"/>
      <c r="HWZ724" s="613"/>
      <c r="HXA724" s="613"/>
      <c r="HXB724" s="613"/>
      <c r="HXC724" s="613"/>
      <c r="HXD724" s="613"/>
      <c r="HXE724" s="613"/>
      <c r="HXF724" s="613"/>
      <c r="HXG724" s="613"/>
      <c r="HXH724" s="613"/>
      <c r="HXI724" s="613"/>
      <c r="HXJ724" s="613"/>
      <c r="HXK724" s="613"/>
      <c r="HXL724" s="613"/>
      <c r="HXM724" s="613"/>
      <c r="HXN724" s="613"/>
      <c r="HXO724" s="613"/>
      <c r="HXP724" s="613"/>
      <c r="HXQ724" s="613"/>
      <c r="HXR724" s="613"/>
      <c r="HXS724" s="613"/>
      <c r="HXT724" s="613"/>
      <c r="HXU724" s="613"/>
      <c r="HXV724" s="613"/>
      <c r="HXW724" s="613"/>
      <c r="HXX724" s="613"/>
      <c r="HXY724" s="613"/>
      <c r="HXZ724" s="613"/>
      <c r="HYA724" s="613"/>
      <c r="HYB724" s="613"/>
      <c r="HYC724" s="613"/>
      <c r="HYD724" s="613"/>
      <c r="HYE724" s="613"/>
      <c r="HYF724" s="613"/>
      <c r="HYG724" s="613"/>
      <c r="HYH724" s="613"/>
      <c r="HYI724" s="613"/>
      <c r="HYJ724" s="613"/>
      <c r="HYK724" s="613"/>
      <c r="HYL724" s="613"/>
      <c r="HYM724" s="613"/>
      <c r="HYN724" s="613"/>
      <c r="HYO724" s="613"/>
      <c r="HYP724" s="613"/>
      <c r="HYQ724" s="613"/>
      <c r="HYR724" s="613"/>
      <c r="HYS724" s="613"/>
      <c r="HYT724" s="613"/>
      <c r="HYU724" s="613"/>
      <c r="HYV724" s="613"/>
      <c r="HYW724" s="613"/>
      <c r="HYX724" s="613"/>
      <c r="HYY724" s="613"/>
      <c r="HYZ724" s="613"/>
      <c r="HZA724" s="613"/>
      <c r="HZB724" s="613"/>
      <c r="HZC724" s="613"/>
      <c r="HZD724" s="613"/>
      <c r="HZE724" s="613"/>
      <c r="HZF724" s="613"/>
      <c r="HZG724" s="613"/>
      <c r="HZH724" s="613"/>
      <c r="HZI724" s="613"/>
      <c r="HZJ724" s="613"/>
      <c r="HZK724" s="613"/>
      <c r="HZL724" s="613"/>
      <c r="HZM724" s="613"/>
      <c r="HZN724" s="613"/>
      <c r="HZO724" s="613"/>
      <c r="HZP724" s="613"/>
      <c r="HZQ724" s="613"/>
      <c r="HZR724" s="613"/>
      <c r="HZS724" s="613"/>
      <c r="HZT724" s="613"/>
      <c r="HZU724" s="613"/>
      <c r="HZV724" s="613"/>
      <c r="HZW724" s="613"/>
      <c r="HZX724" s="613"/>
      <c r="HZY724" s="613"/>
      <c r="HZZ724" s="613"/>
      <c r="IAA724" s="613"/>
      <c r="IAB724" s="613"/>
      <c r="IAC724" s="613"/>
      <c r="IAD724" s="613"/>
      <c r="IAE724" s="613"/>
      <c r="IAF724" s="613"/>
      <c r="IAG724" s="613"/>
      <c r="IAH724" s="613"/>
      <c r="IAI724" s="613"/>
      <c r="IAJ724" s="613"/>
      <c r="IAK724" s="613"/>
      <c r="IAL724" s="613"/>
      <c r="IAM724" s="613"/>
      <c r="IAN724" s="613"/>
      <c r="IAO724" s="613"/>
      <c r="IAP724" s="613"/>
      <c r="IAQ724" s="613"/>
      <c r="IAR724" s="613"/>
      <c r="IAS724" s="613"/>
      <c r="IAT724" s="613"/>
      <c r="IAU724" s="613"/>
      <c r="IAV724" s="613"/>
      <c r="IAW724" s="613"/>
      <c r="IAX724" s="613"/>
      <c r="IAY724" s="613"/>
      <c r="IAZ724" s="613"/>
      <c r="IBA724" s="613"/>
      <c r="IBB724" s="613"/>
      <c r="IBC724" s="613"/>
      <c r="IBD724" s="613"/>
      <c r="IBE724" s="613"/>
      <c r="IBF724" s="613"/>
      <c r="IBG724" s="613"/>
      <c r="IBH724" s="613"/>
      <c r="IBI724" s="613"/>
      <c r="IBJ724" s="613"/>
      <c r="IBK724" s="613"/>
      <c r="IBL724" s="613"/>
      <c r="IBM724" s="613"/>
      <c r="IBN724" s="613"/>
      <c r="IBO724" s="613"/>
      <c r="IBP724" s="613"/>
      <c r="IBQ724" s="613"/>
      <c r="IBR724" s="613"/>
      <c r="IBS724" s="613"/>
      <c r="IBT724" s="613"/>
      <c r="IBU724" s="613"/>
      <c r="IBV724" s="613"/>
      <c r="IBW724" s="613"/>
      <c r="IBX724" s="613"/>
      <c r="IBY724" s="613"/>
      <c r="IBZ724" s="613"/>
      <c r="ICA724" s="613"/>
      <c r="ICB724" s="613"/>
      <c r="ICC724" s="613"/>
      <c r="ICD724" s="613"/>
      <c r="ICE724" s="613"/>
      <c r="ICF724" s="613"/>
      <c r="ICG724" s="613"/>
      <c r="ICH724" s="613"/>
      <c r="ICI724" s="613"/>
      <c r="ICJ724" s="613"/>
      <c r="ICK724" s="613"/>
      <c r="ICL724" s="613"/>
      <c r="ICM724" s="613"/>
      <c r="ICN724" s="613"/>
      <c r="ICO724" s="613"/>
      <c r="ICP724" s="613"/>
      <c r="ICQ724" s="613"/>
      <c r="ICR724" s="613"/>
      <c r="ICS724" s="613"/>
      <c r="ICT724" s="613"/>
      <c r="ICU724" s="613"/>
      <c r="ICV724" s="613"/>
      <c r="ICW724" s="613"/>
      <c r="ICX724" s="613"/>
      <c r="ICY724" s="613"/>
      <c r="ICZ724" s="613"/>
      <c r="IDA724" s="613"/>
      <c r="IDB724" s="613"/>
      <c r="IDC724" s="613"/>
      <c r="IDD724" s="613"/>
      <c r="IDE724" s="613"/>
      <c r="IDF724" s="613"/>
      <c r="IDG724" s="613"/>
      <c r="IDH724" s="613"/>
      <c r="IDI724" s="613"/>
      <c r="IDJ724" s="613"/>
      <c r="IDK724" s="613"/>
      <c r="IDL724" s="613"/>
      <c r="IDM724" s="613"/>
      <c r="IDN724" s="613"/>
      <c r="IDO724" s="613"/>
      <c r="IDP724" s="613"/>
      <c r="IDQ724" s="613"/>
      <c r="IDR724" s="613"/>
      <c r="IDS724" s="613"/>
      <c r="IDT724" s="613"/>
      <c r="IDU724" s="613"/>
      <c r="IDV724" s="613"/>
      <c r="IDW724" s="613"/>
      <c r="IDX724" s="613"/>
      <c r="IDY724" s="613"/>
      <c r="IDZ724" s="613"/>
      <c r="IEA724" s="613"/>
      <c r="IEB724" s="613"/>
      <c r="IEC724" s="613"/>
      <c r="IED724" s="613"/>
      <c r="IEE724" s="613"/>
      <c r="IEF724" s="613"/>
      <c r="IEG724" s="613"/>
      <c r="IEH724" s="613"/>
      <c r="IEI724" s="613"/>
      <c r="IEJ724" s="613"/>
      <c r="IEK724" s="613"/>
      <c r="IEL724" s="613"/>
      <c r="IEM724" s="613"/>
      <c r="IEN724" s="613"/>
      <c r="IEO724" s="613"/>
      <c r="IEP724" s="613"/>
      <c r="IEQ724" s="613"/>
      <c r="IER724" s="613"/>
      <c r="IES724" s="613"/>
      <c r="IET724" s="613"/>
      <c r="IEU724" s="613"/>
      <c r="IEV724" s="613"/>
      <c r="IEW724" s="613"/>
      <c r="IEX724" s="613"/>
      <c r="IEY724" s="613"/>
      <c r="IEZ724" s="613"/>
      <c r="IFA724" s="613"/>
      <c r="IFB724" s="613"/>
      <c r="IFC724" s="613"/>
      <c r="IFD724" s="613"/>
      <c r="IFE724" s="613"/>
      <c r="IFF724" s="613"/>
      <c r="IFG724" s="613"/>
      <c r="IFH724" s="613"/>
      <c r="IFI724" s="613"/>
      <c r="IFJ724" s="613"/>
      <c r="IFK724" s="613"/>
      <c r="IFL724" s="613"/>
      <c r="IFM724" s="613"/>
      <c r="IFN724" s="613"/>
      <c r="IFO724" s="613"/>
      <c r="IFP724" s="613"/>
      <c r="IFQ724" s="613"/>
      <c r="IFR724" s="613"/>
      <c r="IFS724" s="613"/>
      <c r="IFT724" s="613"/>
      <c r="IFU724" s="613"/>
      <c r="IFV724" s="613"/>
      <c r="IFW724" s="613"/>
      <c r="IFX724" s="613"/>
      <c r="IFY724" s="613"/>
      <c r="IFZ724" s="613"/>
      <c r="IGA724" s="613"/>
      <c r="IGB724" s="613"/>
      <c r="IGC724" s="613"/>
      <c r="IGD724" s="613"/>
      <c r="IGE724" s="613"/>
      <c r="IGF724" s="613"/>
      <c r="IGG724" s="613"/>
      <c r="IGH724" s="613"/>
      <c r="IGI724" s="613"/>
      <c r="IGJ724" s="613"/>
      <c r="IGK724" s="613"/>
      <c r="IGL724" s="613"/>
      <c r="IGM724" s="613"/>
      <c r="IGN724" s="613"/>
      <c r="IGO724" s="613"/>
      <c r="IGP724" s="613"/>
      <c r="IGQ724" s="613"/>
      <c r="IGR724" s="613"/>
      <c r="IGS724" s="613"/>
      <c r="IGT724" s="613"/>
      <c r="IGU724" s="613"/>
      <c r="IGV724" s="613"/>
      <c r="IGW724" s="613"/>
      <c r="IGX724" s="613"/>
      <c r="IGY724" s="613"/>
      <c r="IGZ724" s="613"/>
      <c r="IHA724" s="613"/>
      <c r="IHB724" s="613"/>
      <c r="IHC724" s="613"/>
      <c r="IHD724" s="613"/>
      <c r="IHE724" s="613"/>
      <c r="IHF724" s="613"/>
      <c r="IHG724" s="613"/>
      <c r="IHH724" s="613"/>
      <c r="IHI724" s="613"/>
      <c r="IHJ724" s="613"/>
      <c r="IHK724" s="613"/>
      <c r="IHL724" s="613"/>
      <c r="IHM724" s="613"/>
      <c r="IHN724" s="613"/>
      <c r="IHO724" s="613"/>
      <c r="IHP724" s="613"/>
      <c r="IHQ724" s="613"/>
      <c r="IHR724" s="613"/>
      <c r="IHS724" s="613"/>
      <c r="IHT724" s="613"/>
      <c r="IHU724" s="613"/>
      <c r="IHV724" s="613"/>
      <c r="IHW724" s="613"/>
      <c r="IHX724" s="613"/>
      <c r="IHY724" s="613"/>
      <c r="IHZ724" s="613"/>
      <c r="IIA724" s="613"/>
      <c r="IIB724" s="613"/>
      <c r="IIC724" s="613"/>
      <c r="IID724" s="613"/>
      <c r="IIE724" s="613"/>
      <c r="IIF724" s="613"/>
      <c r="IIG724" s="613"/>
      <c r="IIH724" s="613"/>
      <c r="III724" s="613"/>
      <c r="IIJ724" s="613"/>
      <c r="IIK724" s="613"/>
      <c r="IIL724" s="613"/>
      <c r="IIM724" s="613"/>
      <c r="IIN724" s="613"/>
      <c r="IIO724" s="613"/>
      <c r="IIP724" s="613"/>
      <c r="IIQ724" s="613"/>
      <c r="IIR724" s="613"/>
      <c r="IIS724" s="613"/>
      <c r="IIT724" s="613"/>
      <c r="IIU724" s="613"/>
      <c r="IIV724" s="613"/>
      <c r="IIW724" s="613"/>
      <c r="IIX724" s="613"/>
      <c r="IIY724" s="613"/>
      <c r="IIZ724" s="613"/>
      <c r="IJA724" s="613"/>
      <c r="IJB724" s="613"/>
      <c r="IJC724" s="613"/>
      <c r="IJD724" s="613"/>
      <c r="IJE724" s="613"/>
      <c r="IJF724" s="613"/>
      <c r="IJG724" s="613"/>
      <c r="IJH724" s="613"/>
      <c r="IJI724" s="613"/>
      <c r="IJJ724" s="613"/>
      <c r="IJK724" s="613"/>
      <c r="IJL724" s="613"/>
      <c r="IJM724" s="613"/>
      <c r="IJN724" s="613"/>
      <c r="IJO724" s="613"/>
      <c r="IJP724" s="613"/>
      <c r="IJQ724" s="613"/>
      <c r="IJR724" s="613"/>
      <c r="IJS724" s="613"/>
      <c r="IJT724" s="613"/>
      <c r="IJU724" s="613"/>
      <c r="IJV724" s="613"/>
      <c r="IJW724" s="613"/>
      <c r="IJX724" s="613"/>
      <c r="IJY724" s="613"/>
      <c r="IJZ724" s="613"/>
      <c r="IKA724" s="613"/>
      <c r="IKB724" s="613"/>
      <c r="IKC724" s="613"/>
      <c r="IKD724" s="613"/>
      <c r="IKE724" s="613"/>
      <c r="IKF724" s="613"/>
      <c r="IKG724" s="613"/>
      <c r="IKH724" s="613"/>
      <c r="IKI724" s="613"/>
      <c r="IKJ724" s="613"/>
      <c r="IKK724" s="613"/>
      <c r="IKL724" s="613"/>
      <c r="IKM724" s="613"/>
      <c r="IKN724" s="613"/>
      <c r="IKO724" s="613"/>
      <c r="IKP724" s="613"/>
      <c r="IKQ724" s="613"/>
      <c r="IKR724" s="613"/>
      <c r="IKS724" s="613"/>
      <c r="IKT724" s="613"/>
      <c r="IKU724" s="613"/>
      <c r="IKV724" s="613"/>
      <c r="IKW724" s="613"/>
      <c r="IKX724" s="613"/>
      <c r="IKY724" s="613"/>
      <c r="IKZ724" s="613"/>
      <c r="ILA724" s="613"/>
      <c r="ILB724" s="613"/>
      <c r="ILC724" s="613"/>
      <c r="ILD724" s="613"/>
      <c r="ILE724" s="613"/>
      <c r="ILF724" s="613"/>
      <c r="ILG724" s="613"/>
      <c r="ILH724" s="613"/>
      <c r="ILI724" s="613"/>
      <c r="ILJ724" s="613"/>
      <c r="ILK724" s="613"/>
      <c r="ILL724" s="613"/>
      <c r="ILM724" s="613"/>
      <c r="ILN724" s="613"/>
      <c r="ILO724" s="613"/>
      <c r="ILP724" s="613"/>
      <c r="ILQ724" s="613"/>
      <c r="ILR724" s="613"/>
      <c r="ILS724" s="613"/>
      <c r="ILT724" s="613"/>
      <c r="ILU724" s="613"/>
      <c r="ILV724" s="613"/>
      <c r="ILW724" s="613"/>
      <c r="ILX724" s="613"/>
      <c r="ILY724" s="613"/>
      <c r="ILZ724" s="613"/>
      <c r="IMA724" s="613"/>
      <c r="IMB724" s="613"/>
      <c r="IMC724" s="613"/>
      <c r="IMD724" s="613"/>
      <c r="IME724" s="613"/>
      <c r="IMF724" s="613"/>
      <c r="IMG724" s="613"/>
      <c r="IMH724" s="613"/>
      <c r="IMI724" s="613"/>
      <c r="IMJ724" s="613"/>
      <c r="IMK724" s="613"/>
      <c r="IML724" s="613"/>
      <c r="IMM724" s="613"/>
      <c r="IMN724" s="613"/>
      <c r="IMO724" s="613"/>
      <c r="IMP724" s="613"/>
      <c r="IMQ724" s="613"/>
      <c r="IMR724" s="613"/>
      <c r="IMS724" s="613"/>
      <c r="IMT724" s="613"/>
      <c r="IMU724" s="613"/>
      <c r="IMV724" s="613"/>
      <c r="IMW724" s="613"/>
      <c r="IMX724" s="613"/>
      <c r="IMY724" s="613"/>
      <c r="IMZ724" s="613"/>
      <c r="INA724" s="613"/>
      <c r="INB724" s="613"/>
      <c r="INC724" s="613"/>
      <c r="IND724" s="613"/>
      <c r="INE724" s="613"/>
      <c r="INF724" s="613"/>
      <c r="ING724" s="613"/>
      <c r="INH724" s="613"/>
      <c r="INI724" s="613"/>
      <c r="INJ724" s="613"/>
      <c r="INK724" s="613"/>
      <c r="INL724" s="613"/>
      <c r="INM724" s="613"/>
      <c r="INN724" s="613"/>
      <c r="INO724" s="613"/>
      <c r="INP724" s="613"/>
      <c r="INQ724" s="613"/>
      <c r="INR724" s="613"/>
      <c r="INS724" s="613"/>
      <c r="INT724" s="613"/>
      <c r="INU724" s="613"/>
      <c r="INV724" s="613"/>
      <c r="INW724" s="613"/>
      <c r="INX724" s="613"/>
      <c r="INY724" s="613"/>
      <c r="INZ724" s="613"/>
      <c r="IOA724" s="613"/>
      <c r="IOB724" s="613"/>
      <c r="IOC724" s="613"/>
      <c r="IOD724" s="613"/>
      <c r="IOE724" s="613"/>
      <c r="IOF724" s="613"/>
      <c r="IOG724" s="613"/>
      <c r="IOH724" s="613"/>
      <c r="IOI724" s="613"/>
      <c r="IOJ724" s="613"/>
      <c r="IOK724" s="613"/>
      <c r="IOL724" s="613"/>
      <c r="IOM724" s="613"/>
      <c r="ION724" s="613"/>
      <c r="IOO724" s="613"/>
      <c r="IOP724" s="613"/>
      <c r="IOQ724" s="613"/>
      <c r="IOR724" s="613"/>
      <c r="IOS724" s="613"/>
      <c r="IOT724" s="613"/>
      <c r="IOU724" s="613"/>
      <c r="IOV724" s="613"/>
      <c r="IOW724" s="613"/>
      <c r="IOX724" s="613"/>
      <c r="IOY724" s="613"/>
      <c r="IOZ724" s="613"/>
      <c r="IPA724" s="613"/>
      <c r="IPB724" s="613"/>
      <c r="IPC724" s="613"/>
      <c r="IPD724" s="613"/>
      <c r="IPE724" s="613"/>
      <c r="IPF724" s="613"/>
      <c r="IPG724" s="613"/>
      <c r="IPH724" s="613"/>
      <c r="IPI724" s="613"/>
      <c r="IPJ724" s="613"/>
      <c r="IPK724" s="613"/>
      <c r="IPL724" s="613"/>
      <c r="IPM724" s="613"/>
      <c r="IPN724" s="613"/>
      <c r="IPO724" s="613"/>
      <c r="IPP724" s="613"/>
      <c r="IPQ724" s="613"/>
      <c r="IPR724" s="613"/>
      <c r="IPS724" s="613"/>
      <c r="IPT724" s="613"/>
      <c r="IPU724" s="613"/>
      <c r="IPV724" s="613"/>
      <c r="IPW724" s="613"/>
      <c r="IPX724" s="613"/>
      <c r="IPY724" s="613"/>
      <c r="IPZ724" s="613"/>
      <c r="IQA724" s="613"/>
      <c r="IQB724" s="613"/>
      <c r="IQC724" s="613"/>
      <c r="IQD724" s="613"/>
      <c r="IQE724" s="613"/>
      <c r="IQF724" s="613"/>
      <c r="IQG724" s="613"/>
      <c r="IQH724" s="613"/>
      <c r="IQI724" s="613"/>
      <c r="IQJ724" s="613"/>
      <c r="IQK724" s="613"/>
      <c r="IQL724" s="613"/>
      <c r="IQM724" s="613"/>
      <c r="IQN724" s="613"/>
      <c r="IQO724" s="613"/>
      <c r="IQP724" s="613"/>
      <c r="IQQ724" s="613"/>
      <c r="IQR724" s="613"/>
      <c r="IQS724" s="613"/>
      <c r="IQT724" s="613"/>
      <c r="IQU724" s="613"/>
      <c r="IQV724" s="613"/>
      <c r="IQW724" s="613"/>
      <c r="IQX724" s="613"/>
      <c r="IQY724" s="613"/>
      <c r="IQZ724" s="613"/>
      <c r="IRA724" s="613"/>
      <c r="IRB724" s="613"/>
      <c r="IRC724" s="613"/>
      <c r="IRD724" s="613"/>
      <c r="IRE724" s="613"/>
      <c r="IRF724" s="613"/>
      <c r="IRG724" s="613"/>
      <c r="IRH724" s="613"/>
      <c r="IRI724" s="613"/>
      <c r="IRJ724" s="613"/>
      <c r="IRK724" s="613"/>
      <c r="IRL724" s="613"/>
      <c r="IRM724" s="613"/>
      <c r="IRN724" s="613"/>
      <c r="IRO724" s="613"/>
      <c r="IRP724" s="613"/>
      <c r="IRQ724" s="613"/>
      <c r="IRR724" s="613"/>
      <c r="IRS724" s="613"/>
      <c r="IRT724" s="613"/>
      <c r="IRU724" s="613"/>
      <c r="IRV724" s="613"/>
      <c r="IRW724" s="613"/>
      <c r="IRX724" s="613"/>
      <c r="IRY724" s="613"/>
      <c r="IRZ724" s="613"/>
      <c r="ISA724" s="613"/>
      <c r="ISB724" s="613"/>
      <c r="ISC724" s="613"/>
      <c r="ISD724" s="613"/>
      <c r="ISE724" s="613"/>
      <c r="ISF724" s="613"/>
      <c r="ISG724" s="613"/>
      <c r="ISH724" s="613"/>
      <c r="ISI724" s="613"/>
      <c r="ISJ724" s="613"/>
      <c r="ISK724" s="613"/>
      <c r="ISL724" s="613"/>
      <c r="ISM724" s="613"/>
      <c r="ISN724" s="613"/>
      <c r="ISO724" s="613"/>
      <c r="ISP724" s="613"/>
      <c r="ISQ724" s="613"/>
      <c r="ISR724" s="613"/>
      <c r="ISS724" s="613"/>
      <c r="IST724" s="613"/>
      <c r="ISU724" s="613"/>
      <c r="ISV724" s="613"/>
      <c r="ISW724" s="613"/>
      <c r="ISX724" s="613"/>
      <c r="ISY724" s="613"/>
      <c r="ISZ724" s="613"/>
      <c r="ITA724" s="613"/>
      <c r="ITB724" s="613"/>
      <c r="ITC724" s="613"/>
      <c r="ITD724" s="613"/>
      <c r="ITE724" s="613"/>
      <c r="ITF724" s="613"/>
      <c r="ITG724" s="613"/>
      <c r="ITH724" s="613"/>
      <c r="ITI724" s="613"/>
      <c r="ITJ724" s="613"/>
      <c r="ITK724" s="613"/>
      <c r="ITL724" s="613"/>
      <c r="ITM724" s="613"/>
      <c r="ITN724" s="613"/>
      <c r="ITO724" s="613"/>
      <c r="ITP724" s="613"/>
      <c r="ITQ724" s="613"/>
      <c r="ITR724" s="613"/>
      <c r="ITS724" s="613"/>
      <c r="ITT724" s="613"/>
      <c r="ITU724" s="613"/>
      <c r="ITV724" s="613"/>
      <c r="ITW724" s="613"/>
      <c r="ITX724" s="613"/>
      <c r="ITY724" s="613"/>
      <c r="ITZ724" s="613"/>
      <c r="IUA724" s="613"/>
      <c r="IUB724" s="613"/>
      <c r="IUC724" s="613"/>
      <c r="IUD724" s="613"/>
      <c r="IUE724" s="613"/>
      <c r="IUF724" s="613"/>
      <c r="IUG724" s="613"/>
      <c r="IUH724" s="613"/>
      <c r="IUI724" s="613"/>
      <c r="IUJ724" s="613"/>
      <c r="IUK724" s="613"/>
      <c r="IUL724" s="613"/>
      <c r="IUM724" s="613"/>
      <c r="IUN724" s="613"/>
      <c r="IUO724" s="613"/>
      <c r="IUP724" s="613"/>
      <c r="IUQ724" s="613"/>
      <c r="IUR724" s="613"/>
      <c r="IUS724" s="613"/>
      <c r="IUT724" s="613"/>
      <c r="IUU724" s="613"/>
      <c r="IUV724" s="613"/>
      <c r="IUW724" s="613"/>
      <c r="IUX724" s="613"/>
      <c r="IUY724" s="613"/>
      <c r="IUZ724" s="613"/>
      <c r="IVA724" s="613"/>
      <c r="IVB724" s="613"/>
      <c r="IVC724" s="613"/>
      <c r="IVD724" s="613"/>
      <c r="IVE724" s="613"/>
      <c r="IVF724" s="613"/>
      <c r="IVG724" s="613"/>
      <c r="IVH724" s="613"/>
      <c r="IVI724" s="613"/>
      <c r="IVJ724" s="613"/>
      <c r="IVK724" s="613"/>
      <c r="IVL724" s="613"/>
      <c r="IVM724" s="613"/>
      <c r="IVN724" s="613"/>
      <c r="IVO724" s="613"/>
      <c r="IVP724" s="613"/>
      <c r="IVQ724" s="613"/>
      <c r="IVR724" s="613"/>
      <c r="IVS724" s="613"/>
      <c r="IVT724" s="613"/>
      <c r="IVU724" s="613"/>
      <c r="IVV724" s="613"/>
      <c r="IVW724" s="613"/>
      <c r="IVX724" s="613"/>
      <c r="IVY724" s="613"/>
      <c r="IVZ724" s="613"/>
      <c r="IWA724" s="613"/>
      <c r="IWB724" s="613"/>
      <c r="IWC724" s="613"/>
      <c r="IWD724" s="613"/>
      <c r="IWE724" s="613"/>
      <c r="IWF724" s="613"/>
      <c r="IWG724" s="613"/>
      <c r="IWH724" s="613"/>
      <c r="IWI724" s="613"/>
      <c r="IWJ724" s="613"/>
      <c r="IWK724" s="613"/>
      <c r="IWL724" s="613"/>
      <c r="IWM724" s="613"/>
      <c r="IWN724" s="613"/>
      <c r="IWO724" s="613"/>
      <c r="IWP724" s="613"/>
      <c r="IWQ724" s="613"/>
      <c r="IWR724" s="613"/>
      <c r="IWS724" s="613"/>
      <c r="IWT724" s="613"/>
      <c r="IWU724" s="613"/>
      <c r="IWV724" s="613"/>
      <c r="IWW724" s="613"/>
      <c r="IWX724" s="613"/>
      <c r="IWY724" s="613"/>
      <c r="IWZ724" s="613"/>
      <c r="IXA724" s="613"/>
      <c r="IXB724" s="613"/>
      <c r="IXC724" s="613"/>
      <c r="IXD724" s="613"/>
      <c r="IXE724" s="613"/>
      <c r="IXF724" s="613"/>
      <c r="IXG724" s="613"/>
      <c r="IXH724" s="613"/>
      <c r="IXI724" s="613"/>
      <c r="IXJ724" s="613"/>
      <c r="IXK724" s="613"/>
      <c r="IXL724" s="613"/>
      <c r="IXM724" s="613"/>
      <c r="IXN724" s="613"/>
      <c r="IXO724" s="613"/>
      <c r="IXP724" s="613"/>
      <c r="IXQ724" s="613"/>
      <c r="IXR724" s="613"/>
      <c r="IXS724" s="613"/>
      <c r="IXT724" s="613"/>
      <c r="IXU724" s="613"/>
      <c r="IXV724" s="613"/>
      <c r="IXW724" s="613"/>
      <c r="IXX724" s="613"/>
      <c r="IXY724" s="613"/>
      <c r="IXZ724" s="613"/>
      <c r="IYA724" s="613"/>
      <c r="IYB724" s="613"/>
      <c r="IYC724" s="613"/>
      <c r="IYD724" s="613"/>
      <c r="IYE724" s="613"/>
      <c r="IYF724" s="613"/>
      <c r="IYG724" s="613"/>
      <c r="IYH724" s="613"/>
      <c r="IYI724" s="613"/>
      <c r="IYJ724" s="613"/>
      <c r="IYK724" s="613"/>
      <c r="IYL724" s="613"/>
      <c r="IYM724" s="613"/>
      <c r="IYN724" s="613"/>
      <c r="IYO724" s="613"/>
      <c r="IYP724" s="613"/>
      <c r="IYQ724" s="613"/>
      <c r="IYR724" s="613"/>
      <c r="IYS724" s="613"/>
      <c r="IYT724" s="613"/>
      <c r="IYU724" s="613"/>
      <c r="IYV724" s="613"/>
      <c r="IYW724" s="613"/>
      <c r="IYX724" s="613"/>
      <c r="IYY724" s="613"/>
      <c r="IYZ724" s="613"/>
      <c r="IZA724" s="613"/>
      <c r="IZB724" s="613"/>
      <c r="IZC724" s="613"/>
      <c r="IZD724" s="613"/>
      <c r="IZE724" s="613"/>
      <c r="IZF724" s="613"/>
      <c r="IZG724" s="613"/>
      <c r="IZH724" s="613"/>
      <c r="IZI724" s="613"/>
      <c r="IZJ724" s="613"/>
      <c r="IZK724" s="613"/>
      <c r="IZL724" s="613"/>
      <c r="IZM724" s="613"/>
      <c r="IZN724" s="613"/>
      <c r="IZO724" s="613"/>
      <c r="IZP724" s="613"/>
      <c r="IZQ724" s="613"/>
      <c r="IZR724" s="613"/>
      <c r="IZS724" s="613"/>
      <c r="IZT724" s="613"/>
      <c r="IZU724" s="613"/>
      <c r="IZV724" s="613"/>
      <c r="IZW724" s="613"/>
      <c r="IZX724" s="613"/>
      <c r="IZY724" s="613"/>
      <c r="IZZ724" s="613"/>
      <c r="JAA724" s="613"/>
      <c r="JAB724" s="613"/>
      <c r="JAC724" s="613"/>
      <c r="JAD724" s="613"/>
      <c r="JAE724" s="613"/>
      <c r="JAF724" s="613"/>
      <c r="JAG724" s="613"/>
      <c r="JAH724" s="613"/>
      <c r="JAI724" s="613"/>
      <c r="JAJ724" s="613"/>
      <c r="JAK724" s="613"/>
      <c r="JAL724" s="613"/>
      <c r="JAM724" s="613"/>
      <c r="JAN724" s="613"/>
      <c r="JAO724" s="613"/>
      <c r="JAP724" s="613"/>
      <c r="JAQ724" s="613"/>
      <c r="JAR724" s="613"/>
      <c r="JAS724" s="613"/>
      <c r="JAT724" s="613"/>
      <c r="JAU724" s="613"/>
      <c r="JAV724" s="613"/>
      <c r="JAW724" s="613"/>
      <c r="JAX724" s="613"/>
      <c r="JAY724" s="613"/>
      <c r="JAZ724" s="613"/>
      <c r="JBA724" s="613"/>
      <c r="JBB724" s="613"/>
      <c r="JBC724" s="613"/>
      <c r="JBD724" s="613"/>
      <c r="JBE724" s="613"/>
      <c r="JBF724" s="613"/>
      <c r="JBG724" s="613"/>
      <c r="JBH724" s="613"/>
      <c r="JBI724" s="613"/>
      <c r="JBJ724" s="613"/>
      <c r="JBK724" s="613"/>
      <c r="JBL724" s="613"/>
      <c r="JBM724" s="613"/>
      <c r="JBN724" s="613"/>
      <c r="JBO724" s="613"/>
      <c r="JBP724" s="613"/>
      <c r="JBQ724" s="613"/>
      <c r="JBR724" s="613"/>
      <c r="JBS724" s="613"/>
      <c r="JBT724" s="613"/>
      <c r="JBU724" s="613"/>
      <c r="JBV724" s="613"/>
      <c r="JBW724" s="613"/>
      <c r="JBX724" s="613"/>
      <c r="JBY724" s="613"/>
      <c r="JBZ724" s="613"/>
      <c r="JCA724" s="613"/>
      <c r="JCB724" s="613"/>
      <c r="JCC724" s="613"/>
      <c r="JCD724" s="613"/>
      <c r="JCE724" s="613"/>
      <c r="JCF724" s="613"/>
      <c r="JCG724" s="613"/>
      <c r="JCH724" s="613"/>
      <c r="JCI724" s="613"/>
      <c r="JCJ724" s="613"/>
      <c r="JCK724" s="613"/>
      <c r="JCL724" s="613"/>
      <c r="JCM724" s="613"/>
      <c r="JCN724" s="613"/>
      <c r="JCO724" s="613"/>
      <c r="JCP724" s="613"/>
      <c r="JCQ724" s="613"/>
      <c r="JCR724" s="613"/>
      <c r="JCS724" s="613"/>
      <c r="JCT724" s="613"/>
      <c r="JCU724" s="613"/>
      <c r="JCV724" s="613"/>
      <c r="JCW724" s="613"/>
      <c r="JCX724" s="613"/>
      <c r="JCY724" s="613"/>
      <c r="JCZ724" s="613"/>
      <c r="JDA724" s="613"/>
      <c r="JDB724" s="613"/>
      <c r="JDC724" s="613"/>
      <c r="JDD724" s="613"/>
      <c r="JDE724" s="613"/>
      <c r="JDF724" s="613"/>
      <c r="JDG724" s="613"/>
      <c r="JDH724" s="613"/>
      <c r="JDI724" s="613"/>
      <c r="JDJ724" s="613"/>
      <c r="JDK724" s="613"/>
      <c r="JDL724" s="613"/>
      <c r="JDM724" s="613"/>
      <c r="JDN724" s="613"/>
      <c r="JDO724" s="613"/>
      <c r="JDP724" s="613"/>
      <c r="JDQ724" s="613"/>
      <c r="JDR724" s="613"/>
      <c r="JDS724" s="613"/>
      <c r="JDT724" s="613"/>
      <c r="JDU724" s="613"/>
      <c r="JDV724" s="613"/>
      <c r="JDW724" s="613"/>
      <c r="JDX724" s="613"/>
      <c r="JDY724" s="613"/>
      <c r="JDZ724" s="613"/>
      <c r="JEA724" s="613"/>
      <c r="JEB724" s="613"/>
      <c r="JEC724" s="613"/>
      <c r="JED724" s="613"/>
      <c r="JEE724" s="613"/>
      <c r="JEF724" s="613"/>
      <c r="JEG724" s="613"/>
      <c r="JEH724" s="613"/>
      <c r="JEI724" s="613"/>
      <c r="JEJ724" s="613"/>
      <c r="JEK724" s="613"/>
      <c r="JEL724" s="613"/>
      <c r="JEM724" s="613"/>
      <c r="JEN724" s="613"/>
      <c r="JEO724" s="613"/>
      <c r="JEP724" s="613"/>
      <c r="JEQ724" s="613"/>
      <c r="JER724" s="613"/>
      <c r="JES724" s="613"/>
      <c r="JET724" s="613"/>
      <c r="JEU724" s="613"/>
      <c r="JEV724" s="613"/>
      <c r="JEW724" s="613"/>
      <c r="JEX724" s="613"/>
      <c r="JEY724" s="613"/>
      <c r="JEZ724" s="613"/>
      <c r="JFA724" s="613"/>
      <c r="JFB724" s="613"/>
      <c r="JFC724" s="613"/>
      <c r="JFD724" s="613"/>
      <c r="JFE724" s="613"/>
      <c r="JFF724" s="613"/>
      <c r="JFG724" s="613"/>
      <c r="JFH724" s="613"/>
      <c r="JFI724" s="613"/>
      <c r="JFJ724" s="613"/>
      <c r="JFK724" s="613"/>
      <c r="JFL724" s="613"/>
      <c r="JFM724" s="613"/>
      <c r="JFN724" s="613"/>
      <c r="JFO724" s="613"/>
      <c r="JFP724" s="613"/>
      <c r="JFQ724" s="613"/>
      <c r="JFR724" s="613"/>
      <c r="JFS724" s="613"/>
      <c r="JFT724" s="613"/>
      <c r="JFU724" s="613"/>
      <c r="JFV724" s="613"/>
      <c r="JFW724" s="613"/>
      <c r="JFX724" s="613"/>
      <c r="JFY724" s="613"/>
      <c r="JFZ724" s="613"/>
      <c r="JGA724" s="613"/>
      <c r="JGB724" s="613"/>
      <c r="JGC724" s="613"/>
      <c r="JGD724" s="613"/>
      <c r="JGE724" s="613"/>
      <c r="JGF724" s="613"/>
      <c r="JGG724" s="613"/>
      <c r="JGH724" s="613"/>
      <c r="JGI724" s="613"/>
      <c r="JGJ724" s="613"/>
      <c r="JGK724" s="613"/>
      <c r="JGL724" s="613"/>
      <c r="JGM724" s="613"/>
      <c r="JGN724" s="613"/>
      <c r="JGO724" s="613"/>
      <c r="JGP724" s="613"/>
      <c r="JGQ724" s="613"/>
      <c r="JGR724" s="613"/>
      <c r="JGS724" s="613"/>
      <c r="JGT724" s="613"/>
      <c r="JGU724" s="613"/>
      <c r="JGV724" s="613"/>
      <c r="JGW724" s="613"/>
      <c r="JGX724" s="613"/>
      <c r="JGY724" s="613"/>
      <c r="JGZ724" s="613"/>
      <c r="JHA724" s="613"/>
      <c r="JHB724" s="613"/>
      <c r="JHC724" s="613"/>
      <c r="JHD724" s="613"/>
      <c r="JHE724" s="613"/>
      <c r="JHF724" s="613"/>
      <c r="JHG724" s="613"/>
      <c r="JHH724" s="613"/>
      <c r="JHI724" s="613"/>
      <c r="JHJ724" s="613"/>
      <c r="JHK724" s="613"/>
      <c r="JHL724" s="613"/>
      <c r="JHM724" s="613"/>
      <c r="JHN724" s="613"/>
      <c r="JHO724" s="613"/>
      <c r="JHP724" s="613"/>
      <c r="JHQ724" s="613"/>
      <c r="JHR724" s="613"/>
      <c r="JHS724" s="613"/>
      <c r="JHT724" s="613"/>
      <c r="JHU724" s="613"/>
      <c r="JHV724" s="613"/>
      <c r="JHW724" s="613"/>
      <c r="JHX724" s="613"/>
      <c r="JHY724" s="613"/>
      <c r="JHZ724" s="613"/>
      <c r="JIA724" s="613"/>
      <c r="JIB724" s="613"/>
      <c r="JIC724" s="613"/>
      <c r="JID724" s="613"/>
      <c r="JIE724" s="613"/>
      <c r="JIF724" s="613"/>
      <c r="JIG724" s="613"/>
      <c r="JIH724" s="613"/>
      <c r="JII724" s="613"/>
      <c r="JIJ724" s="613"/>
      <c r="JIK724" s="613"/>
      <c r="JIL724" s="613"/>
      <c r="JIM724" s="613"/>
      <c r="JIN724" s="613"/>
      <c r="JIO724" s="613"/>
      <c r="JIP724" s="613"/>
      <c r="JIQ724" s="613"/>
      <c r="JIR724" s="613"/>
      <c r="JIS724" s="613"/>
      <c r="JIT724" s="613"/>
      <c r="JIU724" s="613"/>
      <c r="JIV724" s="613"/>
      <c r="JIW724" s="613"/>
      <c r="JIX724" s="613"/>
      <c r="JIY724" s="613"/>
      <c r="JIZ724" s="613"/>
      <c r="JJA724" s="613"/>
      <c r="JJB724" s="613"/>
      <c r="JJC724" s="613"/>
      <c r="JJD724" s="613"/>
      <c r="JJE724" s="613"/>
      <c r="JJF724" s="613"/>
      <c r="JJG724" s="613"/>
      <c r="JJH724" s="613"/>
      <c r="JJI724" s="613"/>
      <c r="JJJ724" s="613"/>
      <c r="JJK724" s="613"/>
      <c r="JJL724" s="613"/>
      <c r="JJM724" s="613"/>
      <c r="JJN724" s="613"/>
      <c r="JJO724" s="613"/>
      <c r="JJP724" s="613"/>
      <c r="JJQ724" s="613"/>
      <c r="JJR724" s="613"/>
      <c r="JJS724" s="613"/>
      <c r="JJT724" s="613"/>
      <c r="JJU724" s="613"/>
      <c r="JJV724" s="613"/>
      <c r="JJW724" s="613"/>
      <c r="JJX724" s="613"/>
      <c r="JJY724" s="613"/>
      <c r="JJZ724" s="613"/>
      <c r="JKA724" s="613"/>
      <c r="JKB724" s="613"/>
      <c r="JKC724" s="613"/>
      <c r="JKD724" s="613"/>
      <c r="JKE724" s="613"/>
      <c r="JKF724" s="613"/>
      <c r="JKG724" s="613"/>
      <c r="JKH724" s="613"/>
      <c r="JKI724" s="613"/>
      <c r="JKJ724" s="613"/>
      <c r="JKK724" s="613"/>
      <c r="JKL724" s="613"/>
      <c r="JKM724" s="613"/>
      <c r="JKN724" s="613"/>
      <c r="JKO724" s="613"/>
      <c r="JKP724" s="613"/>
      <c r="JKQ724" s="613"/>
      <c r="JKR724" s="613"/>
      <c r="JKS724" s="613"/>
      <c r="JKT724" s="613"/>
      <c r="JKU724" s="613"/>
      <c r="JKV724" s="613"/>
      <c r="JKW724" s="613"/>
      <c r="JKX724" s="613"/>
      <c r="JKY724" s="613"/>
      <c r="JKZ724" s="613"/>
      <c r="JLA724" s="613"/>
      <c r="JLB724" s="613"/>
      <c r="JLC724" s="613"/>
      <c r="JLD724" s="613"/>
      <c r="JLE724" s="613"/>
      <c r="JLF724" s="613"/>
      <c r="JLG724" s="613"/>
      <c r="JLH724" s="613"/>
      <c r="JLI724" s="613"/>
      <c r="JLJ724" s="613"/>
      <c r="JLK724" s="613"/>
      <c r="JLL724" s="613"/>
      <c r="JLM724" s="613"/>
      <c r="JLN724" s="613"/>
      <c r="JLO724" s="613"/>
      <c r="JLP724" s="613"/>
      <c r="JLQ724" s="613"/>
      <c r="JLR724" s="613"/>
      <c r="JLS724" s="613"/>
      <c r="JLT724" s="613"/>
      <c r="JLU724" s="613"/>
      <c r="JLV724" s="613"/>
      <c r="JLW724" s="613"/>
      <c r="JLX724" s="613"/>
      <c r="JLY724" s="613"/>
      <c r="JLZ724" s="613"/>
      <c r="JMA724" s="613"/>
      <c r="JMB724" s="613"/>
      <c r="JMC724" s="613"/>
      <c r="JMD724" s="613"/>
      <c r="JME724" s="613"/>
      <c r="JMF724" s="613"/>
      <c r="JMG724" s="613"/>
      <c r="JMH724" s="613"/>
      <c r="JMI724" s="613"/>
      <c r="JMJ724" s="613"/>
      <c r="JMK724" s="613"/>
      <c r="JML724" s="613"/>
      <c r="JMM724" s="613"/>
      <c r="JMN724" s="613"/>
      <c r="JMO724" s="613"/>
      <c r="JMP724" s="613"/>
      <c r="JMQ724" s="613"/>
      <c r="JMR724" s="613"/>
      <c r="JMS724" s="613"/>
      <c r="JMT724" s="613"/>
      <c r="JMU724" s="613"/>
      <c r="JMV724" s="613"/>
      <c r="JMW724" s="613"/>
      <c r="JMX724" s="613"/>
      <c r="JMY724" s="613"/>
      <c r="JMZ724" s="613"/>
      <c r="JNA724" s="613"/>
      <c r="JNB724" s="613"/>
      <c r="JNC724" s="613"/>
      <c r="JND724" s="613"/>
      <c r="JNE724" s="613"/>
      <c r="JNF724" s="613"/>
      <c r="JNG724" s="613"/>
      <c r="JNH724" s="613"/>
      <c r="JNI724" s="613"/>
      <c r="JNJ724" s="613"/>
      <c r="JNK724" s="613"/>
      <c r="JNL724" s="613"/>
      <c r="JNM724" s="613"/>
      <c r="JNN724" s="613"/>
      <c r="JNO724" s="613"/>
      <c r="JNP724" s="613"/>
      <c r="JNQ724" s="613"/>
      <c r="JNR724" s="613"/>
      <c r="JNS724" s="613"/>
      <c r="JNT724" s="613"/>
      <c r="JNU724" s="613"/>
      <c r="JNV724" s="613"/>
      <c r="JNW724" s="613"/>
      <c r="JNX724" s="613"/>
      <c r="JNY724" s="613"/>
      <c r="JNZ724" s="613"/>
      <c r="JOA724" s="613"/>
      <c r="JOB724" s="613"/>
      <c r="JOC724" s="613"/>
      <c r="JOD724" s="613"/>
      <c r="JOE724" s="613"/>
      <c r="JOF724" s="613"/>
      <c r="JOG724" s="613"/>
      <c r="JOH724" s="613"/>
      <c r="JOI724" s="613"/>
      <c r="JOJ724" s="613"/>
      <c r="JOK724" s="613"/>
      <c r="JOL724" s="613"/>
      <c r="JOM724" s="613"/>
      <c r="JON724" s="613"/>
      <c r="JOO724" s="613"/>
      <c r="JOP724" s="613"/>
      <c r="JOQ724" s="613"/>
      <c r="JOR724" s="613"/>
      <c r="JOS724" s="613"/>
      <c r="JOT724" s="613"/>
      <c r="JOU724" s="613"/>
      <c r="JOV724" s="613"/>
      <c r="JOW724" s="613"/>
      <c r="JOX724" s="613"/>
      <c r="JOY724" s="613"/>
      <c r="JOZ724" s="613"/>
      <c r="JPA724" s="613"/>
      <c r="JPB724" s="613"/>
      <c r="JPC724" s="613"/>
      <c r="JPD724" s="613"/>
      <c r="JPE724" s="613"/>
      <c r="JPF724" s="613"/>
      <c r="JPG724" s="613"/>
      <c r="JPH724" s="613"/>
      <c r="JPI724" s="613"/>
      <c r="JPJ724" s="613"/>
      <c r="JPK724" s="613"/>
      <c r="JPL724" s="613"/>
      <c r="JPM724" s="613"/>
      <c r="JPN724" s="613"/>
      <c r="JPO724" s="613"/>
      <c r="JPP724" s="613"/>
      <c r="JPQ724" s="613"/>
      <c r="JPR724" s="613"/>
      <c r="JPS724" s="613"/>
      <c r="JPT724" s="613"/>
      <c r="JPU724" s="613"/>
      <c r="JPV724" s="613"/>
      <c r="JPW724" s="613"/>
      <c r="JPX724" s="613"/>
      <c r="JPY724" s="613"/>
      <c r="JPZ724" s="613"/>
      <c r="JQA724" s="613"/>
      <c r="JQB724" s="613"/>
      <c r="JQC724" s="613"/>
      <c r="JQD724" s="613"/>
      <c r="JQE724" s="613"/>
      <c r="JQF724" s="613"/>
      <c r="JQG724" s="613"/>
      <c r="JQH724" s="613"/>
      <c r="JQI724" s="613"/>
      <c r="JQJ724" s="613"/>
      <c r="JQK724" s="613"/>
      <c r="JQL724" s="613"/>
      <c r="JQM724" s="613"/>
      <c r="JQN724" s="613"/>
      <c r="JQO724" s="613"/>
      <c r="JQP724" s="613"/>
      <c r="JQQ724" s="613"/>
      <c r="JQR724" s="613"/>
      <c r="JQS724" s="613"/>
      <c r="JQT724" s="613"/>
      <c r="JQU724" s="613"/>
      <c r="JQV724" s="613"/>
      <c r="JQW724" s="613"/>
      <c r="JQX724" s="613"/>
      <c r="JQY724" s="613"/>
      <c r="JQZ724" s="613"/>
      <c r="JRA724" s="613"/>
      <c r="JRB724" s="613"/>
      <c r="JRC724" s="613"/>
      <c r="JRD724" s="613"/>
      <c r="JRE724" s="613"/>
      <c r="JRF724" s="613"/>
      <c r="JRG724" s="613"/>
      <c r="JRH724" s="613"/>
      <c r="JRI724" s="613"/>
      <c r="JRJ724" s="613"/>
      <c r="JRK724" s="613"/>
      <c r="JRL724" s="613"/>
      <c r="JRM724" s="613"/>
      <c r="JRN724" s="613"/>
      <c r="JRO724" s="613"/>
      <c r="JRP724" s="613"/>
      <c r="JRQ724" s="613"/>
      <c r="JRR724" s="613"/>
      <c r="JRS724" s="613"/>
      <c r="JRT724" s="613"/>
      <c r="JRU724" s="613"/>
      <c r="JRV724" s="613"/>
      <c r="JRW724" s="613"/>
      <c r="JRX724" s="613"/>
      <c r="JRY724" s="613"/>
      <c r="JRZ724" s="613"/>
      <c r="JSA724" s="613"/>
      <c r="JSB724" s="613"/>
      <c r="JSC724" s="613"/>
      <c r="JSD724" s="613"/>
      <c r="JSE724" s="613"/>
      <c r="JSF724" s="613"/>
      <c r="JSG724" s="613"/>
      <c r="JSH724" s="613"/>
      <c r="JSI724" s="613"/>
      <c r="JSJ724" s="613"/>
      <c r="JSK724" s="613"/>
      <c r="JSL724" s="613"/>
      <c r="JSM724" s="613"/>
      <c r="JSN724" s="613"/>
      <c r="JSO724" s="613"/>
      <c r="JSP724" s="613"/>
      <c r="JSQ724" s="613"/>
      <c r="JSR724" s="613"/>
      <c r="JSS724" s="613"/>
      <c r="JST724" s="613"/>
      <c r="JSU724" s="613"/>
      <c r="JSV724" s="613"/>
      <c r="JSW724" s="613"/>
      <c r="JSX724" s="613"/>
      <c r="JSY724" s="613"/>
      <c r="JSZ724" s="613"/>
      <c r="JTA724" s="613"/>
      <c r="JTB724" s="613"/>
      <c r="JTC724" s="613"/>
      <c r="JTD724" s="613"/>
      <c r="JTE724" s="613"/>
      <c r="JTF724" s="613"/>
      <c r="JTG724" s="613"/>
      <c r="JTH724" s="613"/>
      <c r="JTI724" s="613"/>
      <c r="JTJ724" s="613"/>
      <c r="JTK724" s="613"/>
      <c r="JTL724" s="613"/>
      <c r="JTM724" s="613"/>
      <c r="JTN724" s="613"/>
      <c r="JTO724" s="613"/>
      <c r="JTP724" s="613"/>
      <c r="JTQ724" s="613"/>
      <c r="JTR724" s="613"/>
      <c r="JTS724" s="613"/>
      <c r="JTT724" s="613"/>
      <c r="JTU724" s="613"/>
      <c r="JTV724" s="613"/>
      <c r="JTW724" s="613"/>
      <c r="JTX724" s="613"/>
      <c r="JTY724" s="613"/>
      <c r="JTZ724" s="613"/>
      <c r="JUA724" s="613"/>
      <c r="JUB724" s="613"/>
      <c r="JUC724" s="613"/>
      <c r="JUD724" s="613"/>
      <c r="JUE724" s="613"/>
      <c r="JUF724" s="613"/>
      <c r="JUG724" s="613"/>
      <c r="JUH724" s="613"/>
      <c r="JUI724" s="613"/>
      <c r="JUJ724" s="613"/>
      <c r="JUK724" s="613"/>
      <c r="JUL724" s="613"/>
      <c r="JUM724" s="613"/>
      <c r="JUN724" s="613"/>
      <c r="JUO724" s="613"/>
      <c r="JUP724" s="613"/>
      <c r="JUQ724" s="613"/>
      <c r="JUR724" s="613"/>
      <c r="JUS724" s="613"/>
      <c r="JUT724" s="613"/>
      <c r="JUU724" s="613"/>
      <c r="JUV724" s="613"/>
      <c r="JUW724" s="613"/>
      <c r="JUX724" s="613"/>
      <c r="JUY724" s="613"/>
      <c r="JUZ724" s="613"/>
      <c r="JVA724" s="613"/>
      <c r="JVB724" s="613"/>
      <c r="JVC724" s="613"/>
      <c r="JVD724" s="613"/>
      <c r="JVE724" s="613"/>
      <c r="JVF724" s="613"/>
      <c r="JVG724" s="613"/>
      <c r="JVH724" s="613"/>
      <c r="JVI724" s="613"/>
      <c r="JVJ724" s="613"/>
      <c r="JVK724" s="613"/>
      <c r="JVL724" s="613"/>
      <c r="JVM724" s="613"/>
      <c r="JVN724" s="613"/>
      <c r="JVO724" s="613"/>
      <c r="JVP724" s="613"/>
      <c r="JVQ724" s="613"/>
      <c r="JVR724" s="613"/>
      <c r="JVS724" s="613"/>
      <c r="JVT724" s="613"/>
      <c r="JVU724" s="613"/>
      <c r="JVV724" s="613"/>
      <c r="JVW724" s="613"/>
      <c r="JVX724" s="613"/>
      <c r="JVY724" s="613"/>
      <c r="JVZ724" s="613"/>
      <c r="JWA724" s="613"/>
      <c r="JWB724" s="613"/>
      <c r="JWC724" s="613"/>
      <c r="JWD724" s="613"/>
      <c r="JWE724" s="613"/>
      <c r="JWF724" s="613"/>
      <c r="JWG724" s="613"/>
      <c r="JWH724" s="613"/>
      <c r="JWI724" s="613"/>
      <c r="JWJ724" s="613"/>
      <c r="JWK724" s="613"/>
      <c r="JWL724" s="613"/>
      <c r="JWM724" s="613"/>
      <c r="JWN724" s="613"/>
      <c r="JWO724" s="613"/>
      <c r="JWP724" s="613"/>
      <c r="JWQ724" s="613"/>
      <c r="JWR724" s="613"/>
      <c r="JWS724" s="613"/>
      <c r="JWT724" s="613"/>
      <c r="JWU724" s="613"/>
      <c r="JWV724" s="613"/>
      <c r="JWW724" s="613"/>
      <c r="JWX724" s="613"/>
      <c r="JWY724" s="613"/>
      <c r="JWZ724" s="613"/>
      <c r="JXA724" s="613"/>
      <c r="JXB724" s="613"/>
      <c r="JXC724" s="613"/>
      <c r="JXD724" s="613"/>
      <c r="JXE724" s="613"/>
      <c r="JXF724" s="613"/>
      <c r="JXG724" s="613"/>
      <c r="JXH724" s="613"/>
      <c r="JXI724" s="613"/>
      <c r="JXJ724" s="613"/>
      <c r="JXK724" s="613"/>
      <c r="JXL724" s="613"/>
      <c r="JXM724" s="613"/>
      <c r="JXN724" s="613"/>
      <c r="JXO724" s="613"/>
      <c r="JXP724" s="613"/>
      <c r="JXQ724" s="613"/>
      <c r="JXR724" s="613"/>
      <c r="JXS724" s="613"/>
      <c r="JXT724" s="613"/>
      <c r="JXU724" s="613"/>
      <c r="JXV724" s="613"/>
      <c r="JXW724" s="613"/>
      <c r="JXX724" s="613"/>
      <c r="JXY724" s="613"/>
      <c r="JXZ724" s="613"/>
      <c r="JYA724" s="613"/>
      <c r="JYB724" s="613"/>
      <c r="JYC724" s="613"/>
      <c r="JYD724" s="613"/>
      <c r="JYE724" s="613"/>
      <c r="JYF724" s="613"/>
      <c r="JYG724" s="613"/>
      <c r="JYH724" s="613"/>
      <c r="JYI724" s="613"/>
      <c r="JYJ724" s="613"/>
      <c r="JYK724" s="613"/>
      <c r="JYL724" s="613"/>
      <c r="JYM724" s="613"/>
      <c r="JYN724" s="613"/>
      <c r="JYO724" s="613"/>
      <c r="JYP724" s="613"/>
      <c r="JYQ724" s="613"/>
      <c r="JYR724" s="613"/>
      <c r="JYS724" s="613"/>
      <c r="JYT724" s="613"/>
      <c r="JYU724" s="613"/>
      <c r="JYV724" s="613"/>
      <c r="JYW724" s="613"/>
      <c r="JYX724" s="613"/>
      <c r="JYY724" s="613"/>
      <c r="JYZ724" s="613"/>
      <c r="JZA724" s="613"/>
      <c r="JZB724" s="613"/>
      <c r="JZC724" s="613"/>
      <c r="JZD724" s="613"/>
      <c r="JZE724" s="613"/>
      <c r="JZF724" s="613"/>
      <c r="JZG724" s="613"/>
      <c r="JZH724" s="613"/>
      <c r="JZI724" s="613"/>
      <c r="JZJ724" s="613"/>
      <c r="JZK724" s="613"/>
      <c r="JZL724" s="613"/>
      <c r="JZM724" s="613"/>
      <c r="JZN724" s="613"/>
      <c r="JZO724" s="613"/>
      <c r="JZP724" s="613"/>
      <c r="JZQ724" s="613"/>
      <c r="JZR724" s="613"/>
      <c r="JZS724" s="613"/>
      <c r="JZT724" s="613"/>
      <c r="JZU724" s="613"/>
      <c r="JZV724" s="613"/>
      <c r="JZW724" s="613"/>
      <c r="JZX724" s="613"/>
      <c r="JZY724" s="613"/>
      <c r="JZZ724" s="613"/>
      <c r="KAA724" s="613"/>
      <c r="KAB724" s="613"/>
      <c r="KAC724" s="613"/>
      <c r="KAD724" s="613"/>
      <c r="KAE724" s="613"/>
      <c r="KAF724" s="613"/>
      <c r="KAG724" s="613"/>
      <c r="KAH724" s="613"/>
      <c r="KAI724" s="613"/>
      <c r="KAJ724" s="613"/>
      <c r="KAK724" s="613"/>
      <c r="KAL724" s="613"/>
      <c r="KAM724" s="613"/>
      <c r="KAN724" s="613"/>
      <c r="KAO724" s="613"/>
      <c r="KAP724" s="613"/>
      <c r="KAQ724" s="613"/>
      <c r="KAR724" s="613"/>
      <c r="KAS724" s="613"/>
      <c r="KAT724" s="613"/>
      <c r="KAU724" s="613"/>
      <c r="KAV724" s="613"/>
      <c r="KAW724" s="613"/>
      <c r="KAX724" s="613"/>
      <c r="KAY724" s="613"/>
      <c r="KAZ724" s="613"/>
      <c r="KBA724" s="613"/>
      <c r="KBB724" s="613"/>
      <c r="KBC724" s="613"/>
      <c r="KBD724" s="613"/>
      <c r="KBE724" s="613"/>
      <c r="KBF724" s="613"/>
      <c r="KBG724" s="613"/>
      <c r="KBH724" s="613"/>
      <c r="KBI724" s="613"/>
      <c r="KBJ724" s="613"/>
      <c r="KBK724" s="613"/>
      <c r="KBL724" s="613"/>
      <c r="KBM724" s="613"/>
      <c r="KBN724" s="613"/>
      <c r="KBO724" s="613"/>
      <c r="KBP724" s="613"/>
      <c r="KBQ724" s="613"/>
      <c r="KBR724" s="613"/>
      <c r="KBS724" s="613"/>
      <c r="KBT724" s="613"/>
      <c r="KBU724" s="613"/>
      <c r="KBV724" s="613"/>
      <c r="KBW724" s="613"/>
      <c r="KBX724" s="613"/>
      <c r="KBY724" s="613"/>
      <c r="KBZ724" s="613"/>
      <c r="KCA724" s="613"/>
      <c r="KCB724" s="613"/>
      <c r="KCC724" s="613"/>
      <c r="KCD724" s="613"/>
      <c r="KCE724" s="613"/>
      <c r="KCF724" s="613"/>
      <c r="KCG724" s="613"/>
      <c r="KCH724" s="613"/>
      <c r="KCI724" s="613"/>
      <c r="KCJ724" s="613"/>
      <c r="KCK724" s="613"/>
      <c r="KCL724" s="613"/>
      <c r="KCM724" s="613"/>
      <c r="KCN724" s="613"/>
      <c r="KCO724" s="613"/>
      <c r="KCP724" s="613"/>
      <c r="KCQ724" s="613"/>
      <c r="KCR724" s="613"/>
      <c r="KCS724" s="613"/>
      <c r="KCT724" s="613"/>
      <c r="KCU724" s="613"/>
      <c r="KCV724" s="613"/>
      <c r="KCW724" s="613"/>
      <c r="KCX724" s="613"/>
      <c r="KCY724" s="613"/>
      <c r="KCZ724" s="613"/>
      <c r="KDA724" s="613"/>
      <c r="KDB724" s="613"/>
      <c r="KDC724" s="613"/>
      <c r="KDD724" s="613"/>
      <c r="KDE724" s="613"/>
      <c r="KDF724" s="613"/>
      <c r="KDG724" s="613"/>
      <c r="KDH724" s="613"/>
      <c r="KDI724" s="613"/>
      <c r="KDJ724" s="613"/>
      <c r="KDK724" s="613"/>
      <c r="KDL724" s="613"/>
      <c r="KDM724" s="613"/>
      <c r="KDN724" s="613"/>
      <c r="KDO724" s="613"/>
      <c r="KDP724" s="613"/>
      <c r="KDQ724" s="613"/>
      <c r="KDR724" s="613"/>
      <c r="KDS724" s="613"/>
      <c r="KDT724" s="613"/>
      <c r="KDU724" s="613"/>
      <c r="KDV724" s="613"/>
      <c r="KDW724" s="613"/>
      <c r="KDX724" s="613"/>
      <c r="KDY724" s="613"/>
      <c r="KDZ724" s="613"/>
      <c r="KEA724" s="613"/>
      <c r="KEB724" s="613"/>
      <c r="KEC724" s="613"/>
      <c r="KED724" s="613"/>
      <c r="KEE724" s="613"/>
      <c r="KEF724" s="613"/>
      <c r="KEG724" s="613"/>
      <c r="KEH724" s="613"/>
      <c r="KEI724" s="613"/>
      <c r="KEJ724" s="613"/>
      <c r="KEK724" s="613"/>
      <c r="KEL724" s="613"/>
      <c r="KEM724" s="613"/>
      <c r="KEN724" s="613"/>
      <c r="KEO724" s="613"/>
      <c r="KEP724" s="613"/>
      <c r="KEQ724" s="613"/>
      <c r="KER724" s="613"/>
      <c r="KES724" s="613"/>
      <c r="KET724" s="613"/>
      <c r="KEU724" s="613"/>
      <c r="KEV724" s="613"/>
      <c r="KEW724" s="613"/>
      <c r="KEX724" s="613"/>
      <c r="KEY724" s="613"/>
      <c r="KEZ724" s="613"/>
      <c r="KFA724" s="613"/>
      <c r="KFB724" s="613"/>
      <c r="KFC724" s="613"/>
      <c r="KFD724" s="613"/>
      <c r="KFE724" s="613"/>
      <c r="KFF724" s="613"/>
      <c r="KFG724" s="613"/>
      <c r="KFH724" s="613"/>
      <c r="KFI724" s="613"/>
      <c r="KFJ724" s="613"/>
      <c r="KFK724" s="613"/>
      <c r="KFL724" s="613"/>
      <c r="KFM724" s="613"/>
      <c r="KFN724" s="613"/>
      <c r="KFO724" s="613"/>
      <c r="KFP724" s="613"/>
      <c r="KFQ724" s="613"/>
      <c r="KFR724" s="613"/>
      <c r="KFS724" s="613"/>
      <c r="KFT724" s="613"/>
      <c r="KFU724" s="613"/>
      <c r="KFV724" s="613"/>
      <c r="KFW724" s="613"/>
      <c r="KFX724" s="613"/>
      <c r="KFY724" s="613"/>
      <c r="KFZ724" s="613"/>
      <c r="KGA724" s="613"/>
      <c r="KGB724" s="613"/>
      <c r="KGC724" s="613"/>
      <c r="KGD724" s="613"/>
      <c r="KGE724" s="613"/>
      <c r="KGF724" s="613"/>
      <c r="KGG724" s="613"/>
      <c r="KGH724" s="613"/>
      <c r="KGI724" s="613"/>
      <c r="KGJ724" s="613"/>
      <c r="KGK724" s="613"/>
      <c r="KGL724" s="613"/>
      <c r="KGM724" s="613"/>
      <c r="KGN724" s="613"/>
      <c r="KGO724" s="613"/>
      <c r="KGP724" s="613"/>
      <c r="KGQ724" s="613"/>
      <c r="KGR724" s="613"/>
      <c r="KGS724" s="613"/>
      <c r="KGT724" s="613"/>
      <c r="KGU724" s="613"/>
      <c r="KGV724" s="613"/>
      <c r="KGW724" s="613"/>
      <c r="KGX724" s="613"/>
      <c r="KGY724" s="613"/>
      <c r="KGZ724" s="613"/>
      <c r="KHA724" s="613"/>
      <c r="KHB724" s="613"/>
      <c r="KHC724" s="613"/>
      <c r="KHD724" s="613"/>
      <c r="KHE724" s="613"/>
      <c r="KHF724" s="613"/>
      <c r="KHG724" s="613"/>
      <c r="KHH724" s="613"/>
      <c r="KHI724" s="613"/>
      <c r="KHJ724" s="613"/>
      <c r="KHK724" s="613"/>
      <c r="KHL724" s="613"/>
      <c r="KHM724" s="613"/>
      <c r="KHN724" s="613"/>
      <c r="KHO724" s="613"/>
      <c r="KHP724" s="613"/>
      <c r="KHQ724" s="613"/>
      <c r="KHR724" s="613"/>
      <c r="KHS724" s="613"/>
      <c r="KHT724" s="613"/>
      <c r="KHU724" s="613"/>
      <c r="KHV724" s="613"/>
      <c r="KHW724" s="613"/>
      <c r="KHX724" s="613"/>
      <c r="KHY724" s="613"/>
      <c r="KHZ724" s="613"/>
      <c r="KIA724" s="613"/>
      <c r="KIB724" s="613"/>
      <c r="KIC724" s="613"/>
      <c r="KID724" s="613"/>
      <c r="KIE724" s="613"/>
      <c r="KIF724" s="613"/>
      <c r="KIG724" s="613"/>
      <c r="KIH724" s="613"/>
      <c r="KII724" s="613"/>
      <c r="KIJ724" s="613"/>
      <c r="KIK724" s="613"/>
      <c r="KIL724" s="613"/>
      <c r="KIM724" s="613"/>
      <c r="KIN724" s="613"/>
      <c r="KIO724" s="613"/>
      <c r="KIP724" s="613"/>
      <c r="KIQ724" s="613"/>
      <c r="KIR724" s="613"/>
      <c r="KIS724" s="613"/>
      <c r="KIT724" s="613"/>
      <c r="KIU724" s="613"/>
      <c r="KIV724" s="613"/>
      <c r="KIW724" s="613"/>
      <c r="KIX724" s="613"/>
      <c r="KIY724" s="613"/>
      <c r="KIZ724" s="613"/>
      <c r="KJA724" s="613"/>
      <c r="KJB724" s="613"/>
      <c r="KJC724" s="613"/>
      <c r="KJD724" s="613"/>
      <c r="KJE724" s="613"/>
      <c r="KJF724" s="613"/>
      <c r="KJG724" s="613"/>
      <c r="KJH724" s="613"/>
      <c r="KJI724" s="613"/>
      <c r="KJJ724" s="613"/>
      <c r="KJK724" s="613"/>
      <c r="KJL724" s="613"/>
      <c r="KJM724" s="613"/>
      <c r="KJN724" s="613"/>
      <c r="KJO724" s="613"/>
      <c r="KJP724" s="613"/>
      <c r="KJQ724" s="613"/>
      <c r="KJR724" s="613"/>
      <c r="KJS724" s="613"/>
      <c r="KJT724" s="613"/>
      <c r="KJU724" s="613"/>
      <c r="KJV724" s="613"/>
      <c r="KJW724" s="613"/>
      <c r="KJX724" s="613"/>
      <c r="KJY724" s="613"/>
      <c r="KJZ724" s="613"/>
      <c r="KKA724" s="613"/>
      <c r="KKB724" s="613"/>
      <c r="KKC724" s="613"/>
      <c r="KKD724" s="613"/>
      <c r="KKE724" s="613"/>
      <c r="KKF724" s="613"/>
      <c r="KKG724" s="613"/>
      <c r="KKH724" s="613"/>
      <c r="KKI724" s="613"/>
      <c r="KKJ724" s="613"/>
      <c r="KKK724" s="613"/>
      <c r="KKL724" s="613"/>
      <c r="KKM724" s="613"/>
      <c r="KKN724" s="613"/>
      <c r="KKO724" s="613"/>
      <c r="KKP724" s="613"/>
      <c r="KKQ724" s="613"/>
      <c r="KKR724" s="613"/>
      <c r="KKS724" s="613"/>
      <c r="KKT724" s="613"/>
      <c r="KKU724" s="613"/>
      <c r="KKV724" s="613"/>
      <c r="KKW724" s="613"/>
      <c r="KKX724" s="613"/>
      <c r="KKY724" s="613"/>
      <c r="KKZ724" s="613"/>
      <c r="KLA724" s="613"/>
      <c r="KLB724" s="613"/>
      <c r="KLC724" s="613"/>
      <c r="KLD724" s="613"/>
      <c r="KLE724" s="613"/>
      <c r="KLF724" s="613"/>
      <c r="KLG724" s="613"/>
      <c r="KLH724" s="613"/>
      <c r="KLI724" s="613"/>
      <c r="KLJ724" s="613"/>
      <c r="KLK724" s="613"/>
      <c r="KLL724" s="613"/>
      <c r="KLM724" s="613"/>
      <c r="KLN724" s="613"/>
      <c r="KLO724" s="613"/>
      <c r="KLP724" s="613"/>
      <c r="KLQ724" s="613"/>
      <c r="KLR724" s="613"/>
      <c r="KLS724" s="613"/>
      <c r="KLT724" s="613"/>
      <c r="KLU724" s="613"/>
      <c r="KLV724" s="613"/>
      <c r="KLW724" s="613"/>
      <c r="KLX724" s="613"/>
      <c r="KLY724" s="613"/>
      <c r="KLZ724" s="613"/>
      <c r="KMA724" s="613"/>
      <c r="KMB724" s="613"/>
      <c r="KMC724" s="613"/>
      <c r="KMD724" s="613"/>
      <c r="KME724" s="613"/>
      <c r="KMF724" s="613"/>
      <c r="KMG724" s="613"/>
      <c r="KMH724" s="613"/>
      <c r="KMI724" s="613"/>
      <c r="KMJ724" s="613"/>
      <c r="KMK724" s="613"/>
      <c r="KML724" s="613"/>
      <c r="KMM724" s="613"/>
      <c r="KMN724" s="613"/>
      <c r="KMO724" s="613"/>
      <c r="KMP724" s="613"/>
      <c r="KMQ724" s="613"/>
      <c r="KMR724" s="613"/>
      <c r="KMS724" s="613"/>
      <c r="KMT724" s="613"/>
      <c r="KMU724" s="613"/>
      <c r="KMV724" s="613"/>
      <c r="KMW724" s="613"/>
      <c r="KMX724" s="613"/>
      <c r="KMY724" s="613"/>
      <c r="KMZ724" s="613"/>
      <c r="KNA724" s="613"/>
      <c r="KNB724" s="613"/>
      <c r="KNC724" s="613"/>
      <c r="KND724" s="613"/>
      <c r="KNE724" s="613"/>
      <c r="KNF724" s="613"/>
      <c r="KNG724" s="613"/>
      <c r="KNH724" s="613"/>
      <c r="KNI724" s="613"/>
      <c r="KNJ724" s="613"/>
      <c r="KNK724" s="613"/>
      <c r="KNL724" s="613"/>
      <c r="KNM724" s="613"/>
      <c r="KNN724" s="613"/>
      <c r="KNO724" s="613"/>
      <c r="KNP724" s="613"/>
      <c r="KNQ724" s="613"/>
      <c r="KNR724" s="613"/>
      <c r="KNS724" s="613"/>
      <c r="KNT724" s="613"/>
      <c r="KNU724" s="613"/>
      <c r="KNV724" s="613"/>
      <c r="KNW724" s="613"/>
      <c r="KNX724" s="613"/>
      <c r="KNY724" s="613"/>
      <c r="KNZ724" s="613"/>
      <c r="KOA724" s="613"/>
      <c r="KOB724" s="613"/>
      <c r="KOC724" s="613"/>
      <c r="KOD724" s="613"/>
      <c r="KOE724" s="613"/>
      <c r="KOF724" s="613"/>
      <c r="KOG724" s="613"/>
      <c r="KOH724" s="613"/>
      <c r="KOI724" s="613"/>
      <c r="KOJ724" s="613"/>
      <c r="KOK724" s="613"/>
      <c r="KOL724" s="613"/>
      <c r="KOM724" s="613"/>
      <c r="KON724" s="613"/>
      <c r="KOO724" s="613"/>
      <c r="KOP724" s="613"/>
      <c r="KOQ724" s="613"/>
      <c r="KOR724" s="613"/>
      <c r="KOS724" s="613"/>
      <c r="KOT724" s="613"/>
      <c r="KOU724" s="613"/>
      <c r="KOV724" s="613"/>
      <c r="KOW724" s="613"/>
      <c r="KOX724" s="613"/>
      <c r="KOY724" s="613"/>
      <c r="KOZ724" s="613"/>
      <c r="KPA724" s="613"/>
      <c r="KPB724" s="613"/>
      <c r="KPC724" s="613"/>
      <c r="KPD724" s="613"/>
      <c r="KPE724" s="613"/>
      <c r="KPF724" s="613"/>
      <c r="KPG724" s="613"/>
      <c r="KPH724" s="613"/>
      <c r="KPI724" s="613"/>
      <c r="KPJ724" s="613"/>
      <c r="KPK724" s="613"/>
      <c r="KPL724" s="613"/>
      <c r="KPM724" s="613"/>
      <c r="KPN724" s="613"/>
      <c r="KPO724" s="613"/>
      <c r="KPP724" s="613"/>
      <c r="KPQ724" s="613"/>
      <c r="KPR724" s="613"/>
      <c r="KPS724" s="613"/>
      <c r="KPT724" s="613"/>
      <c r="KPU724" s="613"/>
      <c r="KPV724" s="613"/>
      <c r="KPW724" s="613"/>
      <c r="KPX724" s="613"/>
      <c r="KPY724" s="613"/>
      <c r="KPZ724" s="613"/>
      <c r="KQA724" s="613"/>
      <c r="KQB724" s="613"/>
      <c r="KQC724" s="613"/>
      <c r="KQD724" s="613"/>
      <c r="KQE724" s="613"/>
      <c r="KQF724" s="613"/>
      <c r="KQG724" s="613"/>
      <c r="KQH724" s="613"/>
      <c r="KQI724" s="613"/>
      <c r="KQJ724" s="613"/>
      <c r="KQK724" s="613"/>
      <c r="KQL724" s="613"/>
      <c r="KQM724" s="613"/>
      <c r="KQN724" s="613"/>
      <c r="KQO724" s="613"/>
      <c r="KQP724" s="613"/>
      <c r="KQQ724" s="613"/>
      <c r="KQR724" s="613"/>
      <c r="KQS724" s="613"/>
      <c r="KQT724" s="613"/>
      <c r="KQU724" s="613"/>
      <c r="KQV724" s="613"/>
      <c r="KQW724" s="613"/>
      <c r="KQX724" s="613"/>
      <c r="KQY724" s="613"/>
      <c r="KQZ724" s="613"/>
      <c r="KRA724" s="613"/>
      <c r="KRB724" s="613"/>
      <c r="KRC724" s="613"/>
      <c r="KRD724" s="613"/>
      <c r="KRE724" s="613"/>
      <c r="KRF724" s="613"/>
      <c r="KRG724" s="613"/>
      <c r="KRH724" s="613"/>
      <c r="KRI724" s="613"/>
      <c r="KRJ724" s="613"/>
      <c r="KRK724" s="613"/>
      <c r="KRL724" s="613"/>
      <c r="KRM724" s="613"/>
      <c r="KRN724" s="613"/>
      <c r="KRO724" s="613"/>
      <c r="KRP724" s="613"/>
      <c r="KRQ724" s="613"/>
      <c r="KRR724" s="613"/>
      <c r="KRS724" s="613"/>
      <c r="KRT724" s="613"/>
      <c r="KRU724" s="613"/>
      <c r="KRV724" s="613"/>
      <c r="KRW724" s="613"/>
      <c r="KRX724" s="613"/>
      <c r="KRY724" s="613"/>
      <c r="KRZ724" s="613"/>
      <c r="KSA724" s="613"/>
      <c r="KSB724" s="613"/>
      <c r="KSC724" s="613"/>
      <c r="KSD724" s="613"/>
      <c r="KSE724" s="613"/>
      <c r="KSF724" s="613"/>
      <c r="KSG724" s="613"/>
      <c r="KSH724" s="613"/>
      <c r="KSI724" s="613"/>
      <c r="KSJ724" s="613"/>
      <c r="KSK724" s="613"/>
      <c r="KSL724" s="613"/>
      <c r="KSM724" s="613"/>
      <c r="KSN724" s="613"/>
      <c r="KSO724" s="613"/>
      <c r="KSP724" s="613"/>
      <c r="KSQ724" s="613"/>
      <c r="KSR724" s="613"/>
      <c r="KSS724" s="613"/>
      <c r="KST724" s="613"/>
      <c r="KSU724" s="613"/>
      <c r="KSV724" s="613"/>
      <c r="KSW724" s="613"/>
      <c r="KSX724" s="613"/>
      <c r="KSY724" s="613"/>
      <c r="KSZ724" s="613"/>
      <c r="KTA724" s="613"/>
      <c r="KTB724" s="613"/>
      <c r="KTC724" s="613"/>
      <c r="KTD724" s="613"/>
      <c r="KTE724" s="613"/>
      <c r="KTF724" s="613"/>
      <c r="KTG724" s="613"/>
      <c r="KTH724" s="613"/>
      <c r="KTI724" s="613"/>
      <c r="KTJ724" s="613"/>
      <c r="KTK724" s="613"/>
      <c r="KTL724" s="613"/>
      <c r="KTM724" s="613"/>
      <c r="KTN724" s="613"/>
      <c r="KTO724" s="613"/>
      <c r="KTP724" s="613"/>
      <c r="KTQ724" s="613"/>
      <c r="KTR724" s="613"/>
      <c r="KTS724" s="613"/>
      <c r="KTT724" s="613"/>
      <c r="KTU724" s="613"/>
      <c r="KTV724" s="613"/>
      <c r="KTW724" s="613"/>
      <c r="KTX724" s="613"/>
      <c r="KTY724" s="613"/>
      <c r="KTZ724" s="613"/>
      <c r="KUA724" s="613"/>
      <c r="KUB724" s="613"/>
      <c r="KUC724" s="613"/>
      <c r="KUD724" s="613"/>
      <c r="KUE724" s="613"/>
      <c r="KUF724" s="613"/>
      <c r="KUG724" s="613"/>
      <c r="KUH724" s="613"/>
      <c r="KUI724" s="613"/>
      <c r="KUJ724" s="613"/>
      <c r="KUK724" s="613"/>
      <c r="KUL724" s="613"/>
      <c r="KUM724" s="613"/>
      <c r="KUN724" s="613"/>
      <c r="KUO724" s="613"/>
      <c r="KUP724" s="613"/>
      <c r="KUQ724" s="613"/>
      <c r="KUR724" s="613"/>
      <c r="KUS724" s="613"/>
      <c r="KUT724" s="613"/>
      <c r="KUU724" s="613"/>
      <c r="KUV724" s="613"/>
      <c r="KUW724" s="613"/>
      <c r="KUX724" s="613"/>
      <c r="KUY724" s="613"/>
      <c r="KUZ724" s="613"/>
      <c r="KVA724" s="613"/>
      <c r="KVB724" s="613"/>
      <c r="KVC724" s="613"/>
      <c r="KVD724" s="613"/>
      <c r="KVE724" s="613"/>
      <c r="KVF724" s="613"/>
      <c r="KVG724" s="613"/>
      <c r="KVH724" s="613"/>
      <c r="KVI724" s="613"/>
      <c r="KVJ724" s="613"/>
      <c r="KVK724" s="613"/>
      <c r="KVL724" s="613"/>
      <c r="KVM724" s="613"/>
      <c r="KVN724" s="613"/>
      <c r="KVO724" s="613"/>
      <c r="KVP724" s="613"/>
      <c r="KVQ724" s="613"/>
      <c r="KVR724" s="613"/>
      <c r="KVS724" s="613"/>
      <c r="KVT724" s="613"/>
      <c r="KVU724" s="613"/>
      <c r="KVV724" s="613"/>
      <c r="KVW724" s="613"/>
      <c r="KVX724" s="613"/>
      <c r="KVY724" s="613"/>
      <c r="KVZ724" s="613"/>
      <c r="KWA724" s="613"/>
      <c r="KWB724" s="613"/>
      <c r="KWC724" s="613"/>
      <c r="KWD724" s="613"/>
      <c r="KWE724" s="613"/>
      <c r="KWF724" s="613"/>
      <c r="KWG724" s="613"/>
      <c r="KWH724" s="613"/>
      <c r="KWI724" s="613"/>
      <c r="KWJ724" s="613"/>
      <c r="KWK724" s="613"/>
      <c r="KWL724" s="613"/>
      <c r="KWM724" s="613"/>
      <c r="KWN724" s="613"/>
      <c r="KWO724" s="613"/>
      <c r="KWP724" s="613"/>
      <c r="KWQ724" s="613"/>
      <c r="KWR724" s="613"/>
      <c r="KWS724" s="613"/>
      <c r="KWT724" s="613"/>
      <c r="KWU724" s="613"/>
      <c r="KWV724" s="613"/>
      <c r="KWW724" s="613"/>
      <c r="KWX724" s="613"/>
      <c r="KWY724" s="613"/>
      <c r="KWZ724" s="613"/>
      <c r="KXA724" s="613"/>
      <c r="KXB724" s="613"/>
      <c r="KXC724" s="613"/>
      <c r="KXD724" s="613"/>
      <c r="KXE724" s="613"/>
      <c r="KXF724" s="613"/>
      <c r="KXG724" s="613"/>
      <c r="KXH724" s="613"/>
      <c r="KXI724" s="613"/>
      <c r="KXJ724" s="613"/>
      <c r="KXK724" s="613"/>
      <c r="KXL724" s="613"/>
      <c r="KXM724" s="613"/>
      <c r="KXN724" s="613"/>
      <c r="KXO724" s="613"/>
      <c r="KXP724" s="613"/>
      <c r="KXQ724" s="613"/>
      <c r="KXR724" s="613"/>
      <c r="KXS724" s="613"/>
      <c r="KXT724" s="613"/>
      <c r="KXU724" s="613"/>
      <c r="KXV724" s="613"/>
      <c r="KXW724" s="613"/>
      <c r="KXX724" s="613"/>
      <c r="KXY724" s="613"/>
      <c r="KXZ724" s="613"/>
      <c r="KYA724" s="613"/>
      <c r="KYB724" s="613"/>
      <c r="KYC724" s="613"/>
      <c r="KYD724" s="613"/>
      <c r="KYE724" s="613"/>
      <c r="KYF724" s="613"/>
      <c r="KYG724" s="613"/>
      <c r="KYH724" s="613"/>
      <c r="KYI724" s="613"/>
      <c r="KYJ724" s="613"/>
      <c r="KYK724" s="613"/>
      <c r="KYL724" s="613"/>
      <c r="KYM724" s="613"/>
      <c r="KYN724" s="613"/>
      <c r="KYO724" s="613"/>
      <c r="KYP724" s="613"/>
      <c r="KYQ724" s="613"/>
      <c r="KYR724" s="613"/>
      <c r="KYS724" s="613"/>
      <c r="KYT724" s="613"/>
      <c r="KYU724" s="613"/>
      <c r="KYV724" s="613"/>
      <c r="KYW724" s="613"/>
      <c r="KYX724" s="613"/>
      <c r="KYY724" s="613"/>
      <c r="KYZ724" s="613"/>
      <c r="KZA724" s="613"/>
      <c r="KZB724" s="613"/>
      <c r="KZC724" s="613"/>
      <c r="KZD724" s="613"/>
      <c r="KZE724" s="613"/>
      <c r="KZF724" s="613"/>
      <c r="KZG724" s="613"/>
      <c r="KZH724" s="613"/>
      <c r="KZI724" s="613"/>
      <c r="KZJ724" s="613"/>
      <c r="KZK724" s="613"/>
      <c r="KZL724" s="613"/>
      <c r="KZM724" s="613"/>
      <c r="KZN724" s="613"/>
      <c r="KZO724" s="613"/>
      <c r="KZP724" s="613"/>
      <c r="KZQ724" s="613"/>
      <c r="KZR724" s="613"/>
      <c r="KZS724" s="613"/>
      <c r="KZT724" s="613"/>
      <c r="KZU724" s="613"/>
      <c r="KZV724" s="613"/>
      <c r="KZW724" s="613"/>
      <c r="KZX724" s="613"/>
      <c r="KZY724" s="613"/>
      <c r="KZZ724" s="613"/>
      <c r="LAA724" s="613"/>
      <c r="LAB724" s="613"/>
      <c r="LAC724" s="613"/>
      <c r="LAD724" s="613"/>
      <c r="LAE724" s="613"/>
      <c r="LAF724" s="613"/>
      <c r="LAG724" s="613"/>
      <c r="LAH724" s="613"/>
      <c r="LAI724" s="613"/>
      <c r="LAJ724" s="613"/>
      <c r="LAK724" s="613"/>
      <c r="LAL724" s="613"/>
      <c r="LAM724" s="613"/>
      <c r="LAN724" s="613"/>
      <c r="LAO724" s="613"/>
      <c r="LAP724" s="613"/>
      <c r="LAQ724" s="613"/>
      <c r="LAR724" s="613"/>
      <c r="LAS724" s="613"/>
      <c r="LAT724" s="613"/>
      <c r="LAU724" s="613"/>
      <c r="LAV724" s="613"/>
      <c r="LAW724" s="613"/>
      <c r="LAX724" s="613"/>
      <c r="LAY724" s="613"/>
      <c r="LAZ724" s="613"/>
      <c r="LBA724" s="613"/>
      <c r="LBB724" s="613"/>
      <c r="LBC724" s="613"/>
      <c r="LBD724" s="613"/>
      <c r="LBE724" s="613"/>
      <c r="LBF724" s="613"/>
      <c r="LBG724" s="613"/>
      <c r="LBH724" s="613"/>
      <c r="LBI724" s="613"/>
      <c r="LBJ724" s="613"/>
      <c r="LBK724" s="613"/>
      <c r="LBL724" s="613"/>
      <c r="LBM724" s="613"/>
      <c r="LBN724" s="613"/>
      <c r="LBO724" s="613"/>
      <c r="LBP724" s="613"/>
      <c r="LBQ724" s="613"/>
      <c r="LBR724" s="613"/>
      <c r="LBS724" s="613"/>
      <c r="LBT724" s="613"/>
      <c r="LBU724" s="613"/>
      <c r="LBV724" s="613"/>
      <c r="LBW724" s="613"/>
      <c r="LBX724" s="613"/>
      <c r="LBY724" s="613"/>
      <c r="LBZ724" s="613"/>
      <c r="LCA724" s="613"/>
      <c r="LCB724" s="613"/>
      <c r="LCC724" s="613"/>
      <c r="LCD724" s="613"/>
      <c r="LCE724" s="613"/>
      <c r="LCF724" s="613"/>
      <c r="LCG724" s="613"/>
      <c r="LCH724" s="613"/>
      <c r="LCI724" s="613"/>
      <c r="LCJ724" s="613"/>
      <c r="LCK724" s="613"/>
      <c r="LCL724" s="613"/>
      <c r="LCM724" s="613"/>
      <c r="LCN724" s="613"/>
      <c r="LCO724" s="613"/>
      <c r="LCP724" s="613"/>
      <c r="LCQ724" s="613"/>
      <c r="LCR724" s="613"/>
      <c r="LCS724" s="613"/>
      <c r="LCT724" s="613"/>
      <c r="LCU724" s="613"/>
      <c r="LCV724" s="613"/>
      <c r="LCW724" s="613"/>
      <c r="LCX724" s="613"/>
      <c r="LCY724" s="613"/>
      <c r="LCZ724" s="613"/>
      <c r="LDA724" s="613"/>
      <c r="LDB724" s="613"/>
      <c r="LDC724" s="613"/>
      <c r="LDD724" s="613"/>
      <c r="LDE724" s="613"/>
      <c r="LDF724" s="613"/>
      <c r="LDG724" s="613"/>
      <c r="LDH724" s="613"/>
      <c r="LDI724" s="613"/>
      <c r="LDJ724" s="613"/>
      <c r="LDK724" s="613"/>
      <c r="LDL724" s="613"/>
      <c r="LDM724" s="613"/>
      <c r="LDN724" s="613"/>
      <c r="LDO724" s="613"/>
      <c r="LDP724" s="613"/>
      <c r="LDQ724" s="613"/>
      <c r="LDR724" s="613"/>
      <c r="LDS724" s="613"/>
      <c r="LDT724" s="613"/>
      <c r="LDU724" s="613"/>
      <c r="LDV724" s="613"/>
      <c r="LDW724" s="613"/>
      <c r="LDX724" s="613"/>
      <c r="LDY724" s="613"/>
      <c r="LDZ724" s="613"/>
      <c r="LEA724" s="613"/>
      <c r="LEB724" s="613"/>
      <c r="LEC724" s="613"/>
      <c r="LED724" s="613"/>
      <c r="LEE724" s="613"/>
      <c r="LEF724" s="613"/>
      <c r="LEG724" s="613"/>
      <c r="LEH724" s="613"/>
      <c r="LEI724" s="613"/>
      <c r="LEJ724" s="613"/>
      <c r="LEK724" s="613"/>
      <c r="LEL724" s="613"/>
      <c r="LEM724" s="613"/>
      <c r="LEN724" s="613"/>
      <c r="LEO724" s="613"/>
      <c r="LEP724" s="613"/>
      <c r="LEQ724" s="613"/>
      <c r="LER724" s="613"/>
      <c r="LES724" s="613"/>
      <c r="LET724" s="613"/>
      <c r="LEU724" s="613"/>
      <c r="LEV724" s="613"/>
      <c r="LEW724" s="613"/>
      <c r="LEX724" s="613"/>
      <c r="LEY724" s="613"/>
      <c r="LEZ724" s="613"/>
      <c r="LFA724" s="613"/>
      <c r="LFB724" s="613"/>
      <c r="LFC724" s="613"/>
      <c r="LFD724" s="613"/>
      <c r="LFE724" s="613"/>
      <c r="LFF724" s="613"/>
      <c r="LFG724" s="613"/>
      <c r="LFH724" s="613"/>
      <c r="LFI724" s="613"/>
      <c r="LFJ724" s="613"/>
      <c r="LFK724" s="613"/>
      <c r="LFL724" s="613"/>
      <c r="LFM724" s="613"/>
      <c r="LFN724" s="613"/>
      <c r="LFO724" s="613"/>
      <c r="LFP724" s="613"/>
      <c r="LFQ724" s="613"/>
      <c r="LFR724" s="613"/>
      <c r="LFS724" s="613"/>
      <c r="LFT724" s="613"/>
      <c r="LFU724" s="613"/>
      <c r="LFV724" s="613"/>
      <c r="LFW724" s="613"/>
      <c r="LFX724" s="613"/>
      <c r="LFY724" s="613"/>
      <c r="LFZ724" s="613"/>
      <c r="LGA724" s="613"/>
      <c r="LGB724" s="613"/>
      <c r="LGC724" s="613"/>
      <c r="LGD724" s="613"/>
      <c r="LGE724" s="613"/>
      <c r="LGF724" s="613"/>
      <c r="LGG724" s="613"/>
      <c r="LGH724" s="613"/>
      <c r="LGI724" s="613"/>
      <c r="LGJ724" s="613"/>
      <c r="LGK724" s="613"/>
      <c r="LGL724" s="613"/>
      <c r="LGM724" s="613"/>
      <c r="LGN724" s="613"/>
      <c r="LGO724" s="613"/>
      <c r="LGP724" s="613"/>
      <c r="LGQ724" s="613"/>
      <c r="LGR724" s="613"/>
      <c r="LGS724" s="613"/>
      <c r="LGT724" s="613"/>
      <c r="LGU724" s="613"/>
      <c r="LGV724" s="613"/>
      <c r="LGW724" s="613"/>
      <c r="LGX724" s="613"/>
      <c r="LGY724" s="613"/>
      <c r="LGZ724" s="613"/>
      <c r="LHA724" s="613"/>
      <c r="LHB724" s="613"/>
      <c r="LHC724" s="613"/>
      <c r="LHD724" s="613"/>
      <c r="LHE724" s="613"/>
      <c r="LHF724" s="613"/>
      <c r="LHG724" s="613"/>
      <c r="LHH724" s="613"/>
      <c r="LHI724" s="613"/>
      <c r="LHJ724" s="613"/>
      <c r="LHK724" s="613"/>
      <c r="LHL724" s="613"/>
      <c r="LHM724" s="613"/>
      <c r="LHN724" s="613"/>
      <c r="LHO724" s="613"/>
      <c r="LHP724" s="613"/>
      <c r="LHQ724" s="613"/>
      <c r="LHR724" s="613"/>
      <c r="LHS724" s="613"/>
      <c r="LHT724" s="613"/>
      <c r="LHU724" s="613"/>
      <c r="LHV724" s="613"/>
      <c r="LHW724" s="613"/>
      <c r="LHX724" s="613"/>
      <c r="LHY724" s="613"/>
      <c r="LHZ724" s="613"/>
      <c r="LIA724" s="613"/>
      <c r="LIB724" s="613"/>
      <c r="LIC724" s="613"/>
      <c r="LID724" s="613"/>
      <c r="LIE724" s="613"/>
      <c r="LIF724" s="613"/>
      <c r="LIG724" s="613"/>
      <c r="LIH724" s="613"/>
      <c r="LII724" s="613"/>
      <c r="LIJ724" s="613"/>
      <c r="LIK724" s="613"/>
      <c r="LIL724" s="613"/>
      <c r="LIM724" s="613"/>
      <c r="LIN724" s="613"/>
      <c r="LIO724" s="613"/>
      <c r="LIP724" s="613"/>
      <c r="LIQ724" s="613"/>
      <c r="LIR724" s="613"/>
      <c r="LIS724" s="613"/>
      <c r="LIT724" s="613"/>
      <c r="LIU724" s="613"/>
      <c r="LIV724" s="613"/>
      <c r="LIW724" s="613"/>
      <c r="LIX724" s="613"/>
      <c r="LIY724" s="613"/>
      <c r="LIZ724" s="613"/>
      <c r="LJA724" s="613"/>
      <c r="LJB724" s="613"/>
      <c r="LJC724" s="613"/>
      <c r="LJD724" s="613"/>
      <c r="LJE724" s="613"/>
      <c r="LJF724" s="613"/>
      <c r="LJG724" s="613"/>
      <c r="LJH724" s="613"/>
      <c r="LJI724" s="613"/>
      <c r="LJJ724" s="613"/>
      <c r="LJK724" s="613"/>
      <c r="LJL724" s="613"/>
      <c r="LJM724" s="613"/>
      <c r="LJN724" s="613"/>
      <c r="LJO724" s="613"/>
      <c r="LJP724" s="613"/>
      <c r="LJQ724" s="613"/>
      <c r="LJR724" s="613"/>
      <c r="LJS724" s="613"/>
      <c r="LJT724" s="613"/>
      <c r="LJU724" s="613"/>
      <c r="LJV724" s="613"/>
      <c r="LJW724" s="613"/>
      <c r="LJX724" s="613"/>
      <c r="LJY724" s="613"/>
      <c r="LJZ724" s="613"/>
      <c r="LKA724" s="613"/>
      <c r="LKB724" s="613"/>
      <c r="LKC724" s="613"/>
      <c r="LKD724" s="613"/>
      <c r="LKE724" s="613"/>
      <c r="LKF724" s="613"/>
      <c r="LKG724" s="613"/>
      <c r="LKH724" s="613"/>
      <c r="LKI724" s="613"/>
      <c r="LKJ724" s="613"/>
      <c r="LKK724" s="613"/>
      <c r="LKL724" s="613"/>
      <c r="LKM724" s="613"/>
      <c r="LKN724" s="613"/>
      <c r="LKO724" s="613"/>
      <c r="LKP724" s="613"/>
      <c r="LKQ724" s="613"/>
      <c r="LKR724" s="613"/>
      <c r="LKS724" s="613"/>
      <c r="LKT724" s="613"/>
      <c r="LKU724" s="613"/>
      <c r="LKV724" s="613"/>
      <c r="LKW724" s="613"/>
      <c r="LKX724" s="613"/>
      <c r="LKY724" s="613"/>
      <c r="LKZ724" s="613"/>
      <c r="LLA724" s="613"/>
      <c r="LLB724" s="613"/>
      <c r="LLC724" s="613"/>
      <c r="LLD724" s="613"/>
      <c r="LLE724" s="613"/>
      <c r="LLF724" s="613"/>
      <c r="LLG724" s="613"/>
      <c r="LLH724" s="613"/>
      <c r="LLI724" s="613"/>
      <c r="LLJ724" s="613"/>
      <c r="LLK724" s="613"/>
      <c r="LLL724" s="613"/>
      <c r="LLM724" s="613"/>
      <c r="LLN724" s="613"/>
      <c r="LLO724" s="613"/>
      <c r="LLP724" s="613"/>
      <c r="LLQ724" s="613"/>
      <c r="LLR724" s="613"/>
      <c r="LLS724" s="613"/>
      <c r="LLT724" s="613"/>
      <c r="LLU724" s="613"/>
      <c r="LLV724" s="613"/>
      <c r="LLW724" s="613"/>
      <c r="LLX724" s="613"/>
      <c r="LLY724" s="613"/>
      <c r="LLZ724" s="613"/>
      <c r="LMA724" s="613"/>
      <c r="LMB724" s="613"/>
      <c r="LMC724" s="613"/>
      <c r="LMD724" s="613"/>
      <c r="LME724" s="613"/>
      <c r="LMF724" s="613"/>
      <c r="LMG724" s="613"/>
      <c r="LMH724" s="613"/>
      <c r="LMI724" s="613"/>
      <c r="LMJ724" s="613"/>
      <c r="LMK724" s="613"/>
      <c r="LML724" s="613"/>
      <c r="LMM724" s="613"/>
      <c r="LMN724" s="613"/>
      <c r="LMO724" s="613"/>
      <c r="LMP724" s="613"/>
      <c r="LMQ724" s="613"/>
      <c r="LMR724" s="613"/>
      <c r="LMS724" s="613"/>
      <c r="LMT724" s="613"/>
      <c r="LMU724" s="613"/>
      <c r="LMV724" s="613"/>
      <c r="LMW724" s="613"/>
      <c r="LMX724" s="613"/>
      <c r="LMY724" s="613"/>
      <c r="LMZ724" s="613"/>
      <c r="LNA724" s="613"/>
      <c r="LNB724" s="613"/>
      <c r="LNC724" s="613"/>
      <c r="LND724" s="613"/>
      <c r="LNE724" s="613"/>
      <c r="LNF724" s="613"/>
      <c r="LNG724" s="613"/>
      <c r="LNH724" s="613"/>
      <c r="LNI724" s="613"/>
      <c r="LNJ724" s="613"/>
      <c r="LNK724" s="613"/>
      <c r="LNL724" s="613"/>
      <c r="LNM724" s="613"/>
      <c r="LNN724" s="613"/>
      <c r="LNO724" s="613"/>
      <c r="LNP724" s="613"/>
      <c r="LNQ724" s="613"/>
      <c r="LNR724" s="613"/>
      <c r="LNS724" s="613"/>
      <c r="LNT724" s="613"/>
      <c r="LNU724" s="613"/>
      <c r="LNV724" s="613"/>
      <c r="LNW724" s="613"/>
      <c r="LNX724" s="613"/>
      <c r="LNY724" s="613"/>
      <c r="LNZ724" s="613"/>
      <c r="LOA724" s="613"/>
      <c r="LOB724" s="613"/>
      <c r="LOC724" s="613"/>
      <c r="LOD724" s="613"/>
      <c r="LOE724" s="613"/>
      <c r="LOF724" s="613"/>
      <c r="LOG724" s="613"/>
      <c r="LOH724" s="613"/>
      <c r="LOI724" s="613"/>
      <c r="LOJ724" s="613"/>
      <c r="LOK724" s="613"/>
      <c r="LOL724" s="613"/>
      <c r="LOM724" s="613"/>
      <c r="LON724" s="613"/>
      <c r="LOO724" s="613"/>
      <c r="LOP724" s="613"/>
      <c r="LOQ724" s="613"/>
      <c r="LOR724" s="613"/>
      <c r="LOS724" s="613"/>
      <c r="LOT724" s="613"/>
      <c r="LOU724" s="613"/>
      <c r="LOV724" s="613"/>
      <c r="LOW724" s="613"/>
      <c r="LOX724" s="613"/>
      <c r="LOY724" s="613"/>
      <c r="LOZ724" s="613"/>
      <c r="LPA724" s="613"/>
      <c r="LPB724" s="613"/>
      <c r="LPC724" s="613"/>
      <c r="LPD724" s="613"/>
      <c r="LPE724" s="613"/>
      <c r="LPF724" s="613"/>
      <c r="LPG724" s="613"/>
      <c r="LPH724" s="613"/>
      <c r="LPI724" s="613"/>
      <c r="LPJ724" s="613"/>
      <c r="LPK724" s="613"/>
      <c r="LPL724" s="613"/>
      <c r="LPM724" s="613"/>
      <c r="LPN724" s="613"/>
      <c r="LPO724" s="613"/>
      <c r="LPP724" s="613"/>
      <c r="LPQ724" s="613"/>
      <c r="LPR724" s="613"/>
      <c r="LPS724" s="613"/>
      <c r="LPT724" s="613"/>
      <c r="LPU724" s="613"/>
      <c r="LPV724" s="613"/>
      <c r="LPW724" s="613"/>
      <c r="LPX724" s="613"/>
      <c r="LPY724" s="613"/>
      <c r="LPZ724" s="613"/>
      <c r="LQA724" s="613"/>
      <c r="LQB724" s="613"/>
      <c r="LQC724" s="613"/>
      <c r="LQD724" s="613"/>
      <c r="LQE724" s="613"/>
      <c r="LQF724" s="613"/>
      <c r="LQG724" s="613"/>
      <c r="LQH724" s="613"/>
      <c r="LQI724" s="613"/>
      <c r="LQJ724" s="613"/>
      <c r="LQK724" s="613"/>
      <c r="LQL724" s="613"/>
      <c r="LQM724" s="613"/>
      <c r="LQN724" s="613"/>
      <c r="LQO724" s="613"/>
      <c r="LQP724" s="613"/>
      <c r="LQQ724" s="613"/>
      <c r="LQR724" s="613"/>
      <c r="LQS724" s="613"/>
      <c r="LQT724" s="613"/>
      <c r="LQU724" s="613"/>
      <c r="LQV724" s="613"/>
      <c r="LQW724" s="613"/>
      <c r="LQX724" s="613"/>
      <c r="LQY724" s="613"/>
      <c r="LQZ724" s="613"/>
      <c r="LRA724" s="613"/>
      <c r="LRB724" s="613"/>
      <c r="LRC724" s="613"/>
      <c r="LRD724" s="613"/>
      <c r="LRE724" s="613"/>
      <c r="LRF724" s="613"/>
      <c r="LRG724" s="613"/>
      <c r="LRH724" s="613"/>
      <c r="LRI724" s="613"/>
      <c r="LRJ724" s="613"/>
      <c r="LRK724" s="613"/>
      <c r="LRL724" s="613"/>
      <c r="LRM724" s="613"/>
      <c r="LRN724" s="613"/>
      <c r="LRO724" s="613"/>
      <c r="LRP724" s="613"/>
      <c r="LRQ724" s="613"/>
      <c r="LRR724" s="613"/>
      <c r="LRS724" s="613"/>
      <c r="LRT724" s="613"/>
      <c r="LRU724" s="613"/>
      <c r="LRV724" s="613"/>
      <c r="LRW724" s="613"/>
      <c r="LRX724" s="613"/>
      <c r="LRY724" s="613"/>
      <c r="LRZ724" s="613"/>
      <c r="LSA724" s="613"/>
      <c r="LSB724" s="613"/>
      <c r="LSC724" s="613"/>
      <c r="LSD724" s="613"/>
      <c r="LSE724" s="613"/>
      <c r="LSF724" s="613"/>
      <c r="LSG724" s="613"/>
      <c r="LSH724" s="613"/>
      <c r="LSI724" s="613"/>
      <c r="LSJ724" s="613"/>
      <c r="LSK724" s="613"/>
      <c r="LSL724" s="613"/>
      <c r="LSM724" s="613"/>
      <c r="LSN724" s="613"/>
      <c r="LSO724" s="613"/>
      <c r="LSP724" s="613"/>
      <c r="LSQ724" s="613"/>
      <c r="LSR724" s="613"/>
      <c r="LSS724" s="613"/>
      <c r="LST724" s="613"/>
      <c r="LSU724" s="613"/>
      <c r="LSV724" s="613"/>
      <c r="LSW724" s="613"/>
      <c r="LSX724" s="613"/>
      <c r="LSY724" s="613"/>
      <c r="LSZ724" s="613"/>
      <c r="LTA724" s="613"/>
      <c r="LTB724" s="613"/>
      <c r="LTC724" s="613"/>
      <c r="LTD724" s="613"/>
      <c r="LTE724" s="613"/>
      <c r="LTF724" s="613"/>
      <c r="LTG724" s="613"/>
      <c r="LTH724" s="613"/>
      <c r="LTI724" s="613"/>
      <c r="LTJ724" s="613"/>
      <c r="LTK724" s="613"/>
      <c r="LTL724" s="613"/>
      <c r="LTM724" s="613"/>
      <c r="LTN724" s="613"/>
      <c r="LTO724" s="613"/>
      <c r="LTP724" s="613"/>
      <c r="LTQ724" s="613"/>
      <c r="LTR724" s="613"/>
      <c r="LTS724" s="613"/>
      <c r="LTT724" s="613"/>
      <c r="LTU724" s="613"/>
      <c r="LTV724" s="613"/>
      <c r="LTW724" s="613"/>
      <c r="LTX724" s="613"/>
      <c r="LTY724" s="613"/>
      <c r="LTZ724" s="613"/>
      <c r="LUA724" s="613"/>
      <c r="LUB724" s="613"/>
      <c r="LUC724" s="613"/>
      <c r="LUD724" s="613"/>
      <c r="LUE724" s="613"/>
      <c r="LUF724" s="613"/>
      <c r="LUG724" s="613"/>
      <c r="LUH724" s="613"/>
      <c r="LUI724" s="613"/>
      <c r="LUJ724" s="613"/>
      <c r="LUK724" s="613"/>
      <c r="LUL724" s="613"/>
      <c r="LUM724" s="613"/>
      <c r="LUN724" s="613"/>
      <c r="LUO724" s="613"/>
      <c r="LUP724" s="613"/>
      <c r="LUQ724" s="613"/>
      <c r="LUR724" s="613"/>
      <c r="LUS724" s="613"/>
      <c r="LUT724" s="613"/>
      <c r="LUU724" s="613"/>
      <c r="LUV724" s="613"/>
      <c r="LUW724" s="613"/>
      <c r="LUX724" s="613"/>
      <c r="LUY724" s="613"/>
      <c r="LUZ724" s="613"/>
      <c r="LVA724" s="613"/>
      <c r="LVB724" s="613"/>
      <c r="LVC724" s="613"/>
      <c r="LVD724" s="613"/>
      <c r="LVE724" s="613"/>
      <c r="LVF724" s="613"/>
      <c r="LVG724" s="613"/>
      <c r="LVH724" s="613"/>
      <c r="LVI724" s="613"/>
      <c r="LVJ724" s="613"/>
      <c r="LVK724" s="613"/>
      <c r="LVL724" s="613"/>
      <c r="LVM724" s="613"/>
      <c r="LVN724" s="613"/>
      <c r="LVO724" s="613"/>
      <c r="LVP724" s="613"/>
      <c r="LVQ724" s="613"/>
      <c r="LVR724" s="613"/>
      <c r="LVS724" s="613"/>
      <c r="LVT724" s="613"/>
      <c r="LVU724" s="613"/>
      <c r="LVV724" s="613"/>
      <c r="LVW724" s="613"/>
      <c r="LVX724" s="613"/>
      <c r="LVY724" s="613"/>
      <c r="LVZ724" s="613"/>
      <c r="LWA724" s="613"/>
      <c r="LWB724" s="613"/>
      <c r="LWC724" s="613"/>
      <c r="LWD724" s="613"/>
      <c r="LWE724" s="613"/>
      <c r="LWF724" s="613"/>
      <c r="LWG724" s="613"/>
      <c r="LWH724" s="613"/>
      <c r="LWI724" s="613"/>
      <c r="LWJ724" s="613"/>
      <c r="LWK724" s="613"/>
      <c r="LWL724" s="613"/>
      <c r="LWM724" s="613"/>
      <c r="LWN724" s="613"/>
      <c r="LWO724" s="613"/>
      <c r="LWP724" s="613"/>
      <c r="LWQ724" s="613"/>
      <c r="LWR724" s="613"/>
      <c r="LWS724" s="613"/>
      <c r="LWT724" s="613"/>
      <c r="LWU724" s="613"/>
      <c r="LWV724" s="613"/>
      <c r="LWW724" s="613"/>
      <c r="LWX724" s="613"/>
      <c r="LWY724" s="613"/>
      <c r="LWZ724" s="613"/>
      <c r="LXA724" s="613"/>
      <c r="LXB724" s="613"/>
      <c r="LXC724" s="613"/>
      <c r="LXD724" s="613"/>
      <c r="LXE724" s="613"/>
      <c r="LXF724" s="613"/>
      <c r="LXG724" s="613"/>
      <c r="LXH724" s="613"/>
      <c r="LXI724" s="613"/>
      <c r="LXJ724" s="613"/>
      <c r="LXK724" s="613"/>
      <c r="LXL724" s="613"/>
      <c r="LXM724" s="613"/>
      <c r="LXN724" s="613"/>
      <c r="LXO724" s="613"/>
      <c r="LXP724" s="613"/>
      <c r="LXQ724" s="613"/>
      <c r="LXR724" s="613"/>
      <c r="LXS724" s="613"/>
      <c r="LXT724" s="613"/>
      <c r="LXU724" s="613"/>
      <c r="LXV724" s="613"/>
      <c r="LXW724" s="613"/>
      <c r="LXX724" s="613"/>
      <c r="LXY724" s="613"/>
      <c r="LXZ724" s="613"/>
      <c r="LYA724" s="613"/>
      <c r="LYB724" s="613"/>
      <c r="LYC724" s="613"/>
      <c r="LYD724" s="613"/>
      <c r="LYE724" s="613"/>
      <c r="LYF724" s="613"/>
      <c r="LYG724" s="613"/>
      <c r="LYH724" s="613"/>
      <c r="LYI724" s="613"/>
      <c r="LYJ724" s="613"/>
      <c r="LYK724" s="613"/>
      <c r="LYL724" s="613"/>
      <c r="LYM724" s="613"/>
      <c r="LYN724" s="613"/>
      <c r="LYO724" s="613"/>
      <c r="LYP724" s="613"/>
      <c r="LYQ724" s="613"/>
      <c r="LYR724" s="613"/>
      <c r="LYS724" s="613"/>
      <c r="LYT724" s="613"/>
      <c r="LYU724" s="613"/>
      <c r="LYV724" s="613"/>
      <c r="LYW724" s="613"/>
      <c r="LYX724" s="613"/>
      <c r="LYY724" s="613"/>
      <c r="LYZ724" s="613"/>
      <c r="LZA724" s="613"/>
      <c r="LZB724" s="613"/>
      <c r="LZC724" s="613"/>
      <c r="LZD724" s="613"/>
      <c r="LZE724" s="613"/>
      <c r="LZF724" s="613"/>
      <c r="LZG724" s="613"/>
      <c r="LZH724" s="613"/>
      <c r="LZI724" s="613"/>
      <c r="LZJ724" s="613"/>
      <c r="LZK724" s="613"/>
      <c r="LZL724" s="613"/>
      <c r="LZM724" s="613"/>
      <c r="LZN724" s="613"/>
      <c r="LZO724" s="613"/>
      <c r="LZP724" s="613"/>
      <c r="LZQ724" s="613"/>
      <c r="LZR724" s="613"/>
      <c r="LZS724" s="613"/>
      <c r="LZT724" s="613"/>
      <c r="LZU724" s="613"/>
      <c r="LZV724" s="613"/>
      <c r="LZW724" s="613"/>
      <c r="LZX724" s="613"/>
      <c r="LZY724" s="613"/>
      <c r="LZZ724" s="613"/>
      <c r="MAA724" s="613"/>
      <c r="MAB724" s="613"/>
      <c r="MAC724" s="613"/>
      <c r="MAD724" s="613"/>
      <c r="MAE724" s="613"/>
      <c r="MAF724" s="613"/>
      <c r="MAG724" s="613"/>
      <c r="MAH724" s="613"/>
      <c r="MAI724" s="613"/>
      <c r="MAJ724" s="613"/>
      <c r="MAK724" s="613"/>
      <c r="MAL724" s="613"/>
      <c r="MAM724" s="613"/>
      <c r="MAN724" s="613"/>
      <c r="MAO724" s="613"/>
      <c r="MAP724" s="613"/>
      <c r="MAQ724" s="613"/>
      <c r="MAR724" s="613"/>
      <c r="MAS724" s="613"/>
      <c r="MAT724" s="613"/>
      <c r="MAU724" s="613"/>
      <c r="MAV724" s="613"/>
      <c r="MAW724" s="613"/>
      <c r="MAX724" s="613"/>
      <c r="MAY724" s="613"/>
      <c r="MAZ724" s="613"/>
      <c r="MBA724" s="613"/>
      <c r="MBB724" s="613"/>
      <c r="MBC724" s="613"/>
      <c r="MBD724" s="613"/>
      <c r="MBE724" s="613"/>
      <c r="MBF724" s="613"/>
      <c r="MBG724" s="613"/>
      <c r="MBH724" s="613"/>
      <c r="MBI724" s="613"/>
      <c r="MBJ724" s="613"/>
      <c r="MBK724" s="613"/>
      <c r="MBL724" s="613"/>
      <c r="MBM724" s="613"/>
      <c r="MBN724" s="613"/>
      <c r="MBO724" s="613"/>
      <c r="MBP724" s="613"/>
      <c r="MBQ724" s="613"/>
      <c r="MBR724" s="613"/>
      <c r="MBS724" s="613"/>
      <c r="MBT724" s="613"/>
      <c r="MBU724" s="613"/>
      <c r="MBV724" s="613"/>
      <c r="MBW724" s="613"/>
      <c r="MBX724" s="613"/>
      <c r="MBY724" s="613"/>
      <c r="MBZ724" s="613"/>
      <c r="MCA724" s="613"/>
      <c r="MCB724" s="613"/>
      <c r="MCC724" s="613"/>
      <c r="MCD724" s="613"/>
      <c r="MCE724" s="613"/>
      <c r="MCF724" s="613"/>
      <c r="MCG724" s="613"/>
      <c r="MCH724" s="613"/>
      <c r="MCI724" s="613"/>
      <c r="MCJ724" s="613"/>
      <c r="MCK724" s="613"/>
      <c r="MCL724" s="613"/>
      <c r="MCM724" s="613"/>
      <c r="MCN724" s="613"/>
      <c r="MCO724" s="613"/>
      <c r="MCP724" s="613"/>
      <c r="MCQ724" s="613"/>
      <c r="MCR724" s="613"/>
      <c r="MCS724" s="613"/>
      <c r="MCT724" s="613"/>
      <c r="MCU724" s="613"/>
      <c r="MCV724" s="613"/>
      <c r="MCW724" s="613"/>
      <c r="MCX724" s="613"/>
      <c r="MCY724" s="613"/>
      <c r="MCZ724" s="613"/>
      <c r="MDA724" s="613"/>
      <c r="MDB724" s="613"/>
      <c r="MDC724" s="613"/>
      <c r="MDD724" s="613"/>
      <c r="MDE724" s="613"/>
      <c r="MDF724" s="613"/>
      <c r="MDG724" s="613"/>
      <c r="MDH724" s="613"/>
      <c r="MDI724" s="613"/>
      <c r="MDJ724" s="613"/>
      <c r="MDK724" s="613"/>
      <c r="MDL724" s="613"/>
      <c r="MDM724" s="613"/>
      <c r="MDN724" s="613"/>
      <c r="MDO724" s="613"/>
      <c r="MDP724" s="613"/>
      <c r="MDQ724" s="613"/>
      <c r="MDR724" s="613"/>
      <c r="MDS724" s="613"/>
      <c r="MDT724" s="613"/>
      <c r="MDU724" s="613"/>
      <c r="MDV724" s="613"/>
      <c r="MDW724" s="613"/>
      <c r="MDX724" s="613"/>
      <c r="MDY724" s="613"/>
      <c r="MDZ724" s="613"/>
      <c r="MEA724" s="613"/>
      <c r="MEB724" s="613"/>
      <c r="MEC724" s="613"/>
      <c r="MED724" s="613"/>
      <c r="MEE724" s="613"/>
      <c r="MEF724" s="613"/>
      <c r="MEG724" s="613"/>
      <c r="MEH724" s="613"/>
      <c r="MEI724" s="613"/>
      <c r="MEJ724" s="613"/>
      <c r="MEK724" s="613"/>
      <c r="MEL724" s="613"/>
      <c r="MEM724" s="613"/>
      <c r="MEN724" s="613"/>
      <c r="MEO724" s="613"/>
      <c r="MEP724" s="613"/>
      <c r="MEQ724" s="613"/>
      <c r="MER724" s="613"/>
      <c r="MES724" s="613"/>
      <c r="MET724" s="613"/>
      <c r="MEU724" s="613"/>
      <c r="MEV724" s="613"/>
      <c r="MEW724" s="613"/>
      <c r="MEX724" s="613"/>
      <c r="MEY724" s="613"/>
      <c r="MEZ724" s="613"/>
      <c r="MFA724" s="613"/>
      <c r="MFB724" s="613"/>
      <c r="MFC724" s="613"/>
      <c r="MFD724" s="613"/>
      <c r="MFE724" s="613"/>
      <c r="MFF724" s="613"/>
      <c r="MFG724" s="613"/>
      <c r="MFH724" s="613"/>
      <c r="MFI724" s="613"/>
      <c r="MFJ724" s="613"/>
      <c r="MFK724" s="613"/>
      <c r="MFL724" s="613"/>
      <c r="MFM724" s="613"/>
      <c r="MFN724" s="613"/>
      <c r="MFO724" s="613"/>
      <c r="MFP724" s="613"/>
      <c r="MFQ724" s="613"/>
      <c r="MFR724" s="613"/>
      <c r="MFS724" s="613"/>
      <c r="MFT724" s="613"/>
      <c r="MFU724" s="613"/>
      <c r="MFV724" s="613"/>
      <c r="MFW724" s="613"/>
      <c r="MFX724" s="613"/>
      <c r="MFY724" s="613"/>
      <c r="MFZ724" s="613"/>
      <c r="MGA724" s="613"/>
      <c r="MGB724" s="613"/>
      <c r="MGC724" s="613"/>
      <c r="MGD724" s="613"/>
      <c r="MGE724" s="613"/>
      <c r="MGF724" s="613"/>
      <c r="MGG724" s="613"/>
      <c r="MGH724" s="613"/>
      <c r="MGI724" s="613"/>
      <c r="MGJ724" s="613"/>
      <c r="MGK724" s="613"/>
      <c r="MGL724" s="613"/>
      <c r="MGM724" s="613"/>
      <c r="MGN724" s="613"/>
      <c r="MGO724" s="613"/>
      <c r="MGP724" s="613"/>
      <c r="MGQ724" s="613"/>
      <c r="MGR724" s="613"/>
      <c r="MGS724" s="613"/>
      <c r="MGT724" s="613"/>
      <c r="MGU724" s="613"/>
      <c r="MGV724" s="613"/>
      <c r="MGW724" s="613"/>
      <c r="MGX724" s="613"/>
      <c r="MGY724" s="613"/>
      <c r="MGZ724" s="613"/>
      <c r="MHA724" s="613"/>
      <c r="MHB724" s="613"/>
      <c r="MHC724" s="613"/>
      <c r="MHD724" s="613"/>
      <c r="MHE724" s="613"/>
      <c r="MHF724" s="613"/>
      <c r="MHG724" s="613"/>
      <c r="MHH724" s="613"/>
      <c r="MHI724" s="613"/>
      <c r="MHJ724" s="613"/>
      <c r="MHK724" s="613"/>
      <c r="MHL724" s="613"/>
      <c r="MHM724" s="613"/>
      <c r="MHN724" s="613"/>
      <c r="MHO724" s="613"/>
      <c r="MHP724" s="613"/>
      <c r="MHQ724" s="613"/>
      <c r="MHR724" s="613"/>
      <c r="MHS724" s="613"/>
      <c r="MHT724" s="613"/>
      <c r="MHU724" s="613"/>
      <c r="MHV724" s="613"/>
      <c r="MHW724" s="613"/>
      <c r="MHX724" s="613"/>
      <c r="MHY724" s="613"/>
      <c r="MHZ724" s="613"/>
      <c r="MIA724" s="613"/>
      <c r="MIB724" s="613"/>
      <c r="MIC724" s="613"/>
      <c r="MID724" s="613"/>
      <c r="MIE724" s="613"/>
      <c r="MIF724" s="613"/>
      <c r="MIG724" s="613"/>
      <c r="MIH724" s="613"/>
      <c r="MII724" s="613"/>
      <c r="MIJ724" s="613"/>
      <c r="MIK724" s="613"/>
      <c r="MIL724" s="613"/>
      <c r="MIM724" s="613"/>
      <c r="MIN724" s="613"/>
      <c r="MIO724" s="613"/>
      <c r="MIP724" s="613"/>
      <c r="MIQ724" s="613"/>
      <c r="MIR724" s="613"/>
      <c r="MIS724" s="613"/>
      <c r="MIT724" s="613"/>
      <c r="MIU724" s="613"/>
      <c r="MIV724" s="613"/>
      <c r="MIW724" s="613"/>
      <c r="MIX724" s="613"/>
      <c r="MIY724" s="613"/>
      <c r="MIZ724" s="613"/>
      <c r="MJA724" s="613"/>
      <c r="MJB724" s="613"/>
      <c r="MJC724" s="613"/>
      <c r="MJD724" s="613"/>
      <c r="MJE724" s="613"/>
      <c r="MJF724" s="613"/>
      <c r="MJG724" s="613"/>
      <c r="MJH724" s="613"/>
      <c r="MJI724" s="613"/>
      <c r="MJJ724" s="613"/>
      <c r="MJK724" s="613"/>
      <c r="MJL724" s="613"/>
      <c r="MJM724" s="613"/>
      <c r="MJN724" s="613"/>
      <c r="MJO724" s="613"/>
      <c r="MJP724" s="613"/>
      <c r="MJQ724" s="613"/>
      <c r="MJR724" s="613"/>
      <c r="MJS724" s="613"/>
      <c r="MJT724" s="613"/>
      <c r="MJU724" s="613"/>
      <c r="MJV724" s="613"/>
      <c r="MJW724" s="613"/>
      <c r="MJX724" s="613"/>
      <c r="MJY724" s="613"/>
      <c r="MJZ724" s="613"/>
      <c r="MKA724" s="613"/>
      <c r="MKB724" s="613"/>
      <c r="MKC724" s="613"/>
      <c r="MKD724" s="613"/>
      <c r="MKE724" s="613"/>
      <c r="MKF724" s="613"/>
      <c r="MKG724" s="613"/>
      <c r="MKH724" s="613"/>
      <c r="MKI724" s="613"/>
      <c r="MKJ724" s="613"/>
      <c r="MKK724" s="613"/>
      <c r="MKL724" s="613"/>
      <c r="MKM724" s="613"/>
      <c r="MKN724" s="613"/>
      <c r="MKO724" s="613"/>
      <c r="MKP724" s="613"/>
      <c r="MKQ724" s="613"/>
      <c r="MKR724" s="613"/>
      <c r="MKS724" s="613"/>
      <c r="MKT724" s="613"/>
      <c r="MKU724" s="613"/>
      <c r="MKV724" s="613"/>
      <c r="MKW724" s="613"/>
      <c r="MKX724" s="613"/>
      <c r="MKY724" s="613"/>
      <c r="MKZ724" s="613"/>
      <c r="MLA724" s="613"/>
      <c r="MLB724" s="613"/>
      <c r="MLC724" s="613"/>
      <c r="MLD724" s="613"/>
      <c r="MLE724" s="613"/>
      <c r="MLF724" s="613"/>
      <c r="MLG724" s="613"/>
      <c r="MLH724" s="613"/>
      <c r="MLI724" s="613"/>
      <c r="MLJ724" s="613"/>
      <c r="MLK724" s="613"/>
      <c r="MLL724" s="613"/>
      <c r="MLM724" s="613"/>
      <c r="MLN724" s="613"/>
      <c r="MLO724" s="613"/>
      <c r="MLP724" s="613"/>
      <c r="MLQ724" s="613"/>
      <c r="MLR724" s="613"/>
      <c r="MLS724" s="613"/>
      <c r="MLT724" s="613"/>
      <c r="MLU724" s="613"/>
      <c r="MLV724" s="613"/>
      <c r="MLW724" s="613"/>
      <c r="MLX724" s="613"/>
      <c r="MLY724" s="613"/>
      <c r="MLZ724" s="613"/>
      <c r="MMA724" s="613"/>
      <c r="MMB724" s="613"/>
      <c r="MMC724" s="613"/>
      <c r="MMD724" s="613"/>
      <c r="MME724" s="613"/>
      <c r="MMF724" s="613"/>
      <c r="MMG724" s="613"/>
      <c r="MMH724" s="613"/>
      <c r="MMI724" s="613"/>
      <c r="MMJ724" s="613"/>
      <c r="MMK724" s="613"/>
      <c r="MML724" s="613"/>
      <c r="MMM724" s="613"/>
      <c r="MMN724" s="613"/>
      <c r="MMO724" s="613"/>
      <c r="MMP724" s="613"/>
      <c r="MMQ724" s="613"/>
      <c r="MMR724" s="613"/>
      <c r="MMS724" s="613"/>
      <c r="MMT724" s="613"/>
      <c r="MMU724" s="613"/>
      <c r="MMV724" s="613"/>
      <c r="MMW724" s="613"/>
      <c r="MMX724" s="613"/>
      <c r="MMY724" s="613"/>
      <c r="MMZ724" s="613"/>
      <c r="MNA724" s="613"/>
      <c r="MNB724" s="613"/>
      <c r="MNC724" s="613"/>
      <c r="MND724" s="613"/>
      <c r="MNE724" s="613"/>
      <c r="MNF724" s="613"/>
      <c r="MNG724" s="613"/>
      <c r="MNH724" s="613"/>
      <c r="MNI724" s="613"/>
      <c r="MNJ724" s="613"/>
      <c r="MNK724" s="613"/>
      <c r="MNL724" s="613"/>
      <c r="MNM724" s="613"/>
      <c r="MNN724" s="613"/>
      <c r="MNO724" s="613"/>
      <c r="MNP724" s="613"/>
      <c r="MNQ724" s="613"/>
      <c r="MNR724" s="613"/>
      <c r="MNS724" s="613"/>
      <c r="MNT724" s="613"/>
      <c r="MNU724" s="613"/>
      <c r="MNV724" s="613"/>
      <c r="MNW724" s="613"/>
      <c r="MNX724" s="613"/>
      <c r="MNY724" s="613"/>
      <c r="MNZ724" s="613"/>
      <c r="MOA724" s="613"/>
      <c r="MOB724" s="613"/>
      <c r="MOC724" s="613"/>
      <c r="MOD724" s="613"/>
      <c r="MOE724" s="613"/>
      <c r="MOF724" s="613"/>
      <c r="MOG724" s="613"/>
      <c r="MOH724" s="613"/>
      <c r="MOI724" s="613"/>
      <c r="MOJ724" s="613"/>
      <c r="MOK724" s="613"/>
      <c r="MOL724" s="613"/>
      <c r="MOM724" s="613"/>
      <c r="MON724" s="613"/>
      <c r="MOO724" s="613"/>
      <c r="MOP724" s="613"/>
      <c r="MOQ724" s="613"/>
      <c r="MOR724" s="613"/>
      <c r="MOS724" s="613"/>
      <c r="MOT724" s="613"/>
      <c r="MOU724" s="613"/>
      <c r="MOV724" s="613"/>
      <c r="MOW724" s="613"/>
      <c r="MOX724" s="613"/>
      <c r="MOY724" s="613"/>
      <c r="MOZ724" s="613"/>
      <c r="MPA724" s="613"/>
      <c r="MPB724" s="613"/>
      <c r="MPC724" s="613"/>
      <c r="MPD724" s="613"/>
      <c r="MPE724" s="613"/>
      <c r="MPF724" s="613"/>
      <c r="MPG724" s="613"/>
      <c r="MPH724" s="613"/>
      <c r="MPI724" s="613"/>
      <c r="MPJ724" s="613"/>
      <c r="MPK724" s="613"/>
      <c r="MPL724" s="613"/>
      <c r="MPM724" s="613"/>
      <c r="MPN724" s="613"/>
      <c r="MPO724" s="613"/>
      <c r="MPP724" s="613"/>
      <c r="MPQ724" s="613"/>
      <c r="MPR724" s="613"/>
      <c r="MPS724" s="613"/>
      <c r="MPT724" s="613"/>
      <c r="MPU724" s="613"/>
      <c r="MPV724" s="613"/>
      <c r="MPW724" s="613"/>
      <c r="MPX724" s="613"/>
      <c r="MPY724" s="613"/>
      <c r="MPZ724" s="613"/>
      <c r="MQA724" s="613"/>
      <c r="MQB724" s="613"/>
      <c r="MQC724" s="613"/>
      <c r="MQD724" s="613"/>
      <c r="MQE724" s="613"/>
      <c r="MQF724" s="613"/>
      <c r="MQG724" s="613"/>
      <c r="MQH724" s="613"/>
      <c r="MQI724" s="613"/>
      <c r="MQJ724" s="613"/>
      <c r="MQK724" s="613"/>
      <c r="MQL724" s="613"/>
      <c r="MQM724" s="613"/>
      <c r="MQN724" s="613"/>
      <c r="MQO724" s="613"/>
      <c r="MQP724" s="613"/>
      <c r="MQQ724" s="613"/>
      <c r="MQR724" s="613"/>
      <c r="MQS724" s="613"/>
      <c r="MQT724" s="613"/>
      <c r="MQU724" s="613"/>
      <c r="MQV724" s="613"/>
      <c r="MQW724" s="613"/>
      <c r="MQX724" s="613"/>
      <c r="MQY724" s="613"/>
      <c r="MQZ724" s="613"/>
      <c r="MRA724" s="613"/>
      <c r="MRB724" s="613"/>
      <c r="MRC724" s="613"/>
      <c r="MRD724" s="613"/>
      <c r="MRE724" s="613"/>
      <c r="MRF724" s="613"/>
      <c r="MRG724" s="613"/>
      <c r="MRH724" s="613"/>
      <c r="MRI724" s="613"/>
      <c r="MRJ724" s="613"/>
      <c r="MRK724" s="613"/>
      <c r="MRL724" s="613"/>
      <c r="MRM724" s="613"/>
      <c r="MRN724" s="613"/>
      <c r="MRO724" s="613"/>
      <c r="MRP724" s="613"/>
      <c r="MRQ724" s="613"/>
      <c r="MRR724" s="613"/>
      <c r="MRS724" s="613"/>
      <c r="MRT724" s="613"/>
      <c r="MRU724" s="613"/>
      <c r="MRV724" s="613"/>
      <c r="MRW724" s="613"/>
      <c r="MRX724" s="613"/>
      <c r="MRY724" s="613"/>
      <c r="MRZ724" s="613"/>
      <c r="MSA724" s="613"/>
      <c r="MSB724" s="613"/>
      <c r="MSC724" s="613"/>
      <c r="MSD724" s="613"/>
      <c r="MSE724" s="613"/>
      <c r="MSF724" s="613"/>
      <c r="MSG724" s="613"/>
      <c r="MSH724" s="613"/>
      <c r="MSI724" s="613"/>
      <c r="MSJ724" s="613"/>
      <c r="MSK724" s="613"/>
      <c r="MSL724" s="613"/>
      <c r="MSM724" s="613"/>
      <c r="MSN724" s="613"/>
      <c r="MSO724" s="613"/>
      <c r="MSP724" s="613"/>
      <c r="MSQ724" s="613"/>
      <c r="MSR724" s="613"/>
      <c r="MSS724" s="613"/>
      <c r="MST724" s="613"/>
      <c r="MSU724" s="613"/>
      <c r="MSV724" s="613"/>
      <c r="MSW724" s="613"/>
      <c r="MSX724" s="613"/>
      <c r="MSY724" s="613"/>
      <c r="MSZ724" s="613"/>
      <c r="MTA724" s="613"/>
      <c r="MTB724" s="613"/>
      <c r="MTC724" s="613"/>
      <c r="MTD724" s="613"/>
      <c r="MTE724" s="613"/>
      <c r="MTF724" s="613"/>
      <c r="MTG724" s="613"/>
      <c r="MTH724" s="613"/>
      <c r="MTI724" s="613"/>
      <c r="MTJ724" s="613"/>
      <c r="MTK724" s="613"/>
      <c r="MTL724" s="613"/>
      <c r="MTM724" s="613"/>
      <c r="MTN724" s="613"/>
      <c r="MTO724" s="613"/>
      <c r="MTP724" s="613"/>
      <c r="MTQ724" s="613"/>
      <c r="MTR724" s="613"/>
      <c r="MTS724" s="613"/>
      <c r="MTT724" s="613"/>
      <c r="MTU724" s="613"/>
      <c r="MTV724" s="613"/>
      <c r="MTW724" s="613"/>
      <c r="MTX724" s="613"/>
      <c r="MTY724" s="613"/>
      <c r="MTZ724" s="613"/>
      <c r="MUA724" s="613"/>
      <c r="MUB724" s="613"/>
      <c r="MUC724" s="613"/>
      <c r="MUD724" s="613"/>
      <c r="MUE724" s="613"/>
      <c r="MUF724" s="613"/>
      <c r="MUG724" s="613"/>
      <c r="MUH724" s="613"/>
      <c r="MUI724" s="613"/>
      <c r="MUJ724" s="613"/>
      <c r="MUK724" s="613"/>
      <c r="MUL724" s="613"/>
      <c r="MUM724" s="613"/>
      <c r="MUN724" s="613"/>
      <c r="MUO724" s="613"/>
      <c r="MUP724" s="613"/>
      <c r="MUQ724" s="613"/>
      <c r="MUR724" s="613"/>
      <c r="MUS724" s="613"/>
      <c r="MUT724" s="613"/>
      <c r="MUU724" s="613"/>
      <c r="MUV724" s="613"/>
      <c r="MUW724" s="613"/>
      <c r="MUX724" s="613"/>
      <c r="MUY724" s="613"/>
      <c r="MUZ724" s="613"/>
      <c r="MVA724" s="613"/>
      <c r="MVB724" s="613"/>
      <c r="MVC724" s="613"/>
      <c r="MVD724" s="613"/>
      <c r="MVE724" s="613"/>
      <c r="MVF724" s="613"/>
      <c r="MVG724" s="613"/>
      <c r="MVH724" s="613"/>
      <c r="MVI724" s="613"/>
      <c r="MVJ724" s="613"/>
      <c r="MVK724" s="613"/>
      <c r="MVL724" s="613"/>
      <c r="MVM724" s="613"/>
      <c r="MVN724" s="613"/>
      <c r="MVO724" s="613"/>
      <c r="MVP724" s="613"/>
      <c r="MVQ724" s="613"/>
      <c r="MVR724" s="613"/>
      <c r="MVS724" s="613"/>
      <c r="MVT724" s="613"/>
      <c r="MVU724" s="613"/>
      <c r="MVV724" s="613"/>
      <c r="MVW724" s="613"/>
      <c r="MVX724" s="613"/>
      <c r="MVY724" s="613"/>
      <c r="MVZ724" s="613"/>
      <c r="MWA724" s="613"/>
      <c r="MWB724" s="613"/>
      <c r="MWC724" s="613"/>
      <c r="MWD724" s="613"/>
      <c r="MWE724" s="613"/>
      <c r="MWF724" s="613"/>
      <c r="MWG724" s="613"/>
      <c r="MWH724" s="613"/>
      <c r="MWI724" s="613"/>
      <c r="MWJ724" s="613"/>
      <c r="MWK724" s="613"/>
      <c r="MWL724" s="613"/>
      <c r="MWM724" s="613"/>
      <c r="MWN724" s="613"/>
      <c r="MWO724" s="613"/>
      <c r="MWP724" s="613"/>
      <c r="MWQ724" s="613"/>
      <c r="MWR724" s="613"/>
      <c r="MWS724" s="613"/>
      <c r="MWT724" s="613"/>
      <c r="MWU724" s="613"/>
      <c r="MWV724" s="613"/>
      <c r="MWW724" s="613"/>
      <c r="MWX724" s="613"/>
      <c r="MWY724" s="613"/>
      <c r="MWZ724" s="613"/>
      <c r="MXA724" s="613"/>
      <c r="MXB724" s="613"/>
      <c r="MXC724" s="613"/>
      <c r="MXD724" s="613"/>
      <c r="MXE724" s="613"/>
      <c r="MXF724" s="613"/>
      <c r="MXG724" s="613"/>
      <c r="MXH724" s="613"/>
      <c r="MXI724" s="613"/>
      <c r="MXJ724" s="613"/>
      <c r="MXK724" s="613"/>
      <c r="MXL724" s="613"/>
      <c r="MXM724" s="613"/>
      <c r="MXN724" s="613"/>
      <c r="MXO724" s="613"/>
      <c r="MXP724" s="613"/>
      <c r="MXQ724" s="613"/>
      <c r="MXR724" s="613"/>
      <c r="MXS724" s="613"/>
      <c r="MXT724" s="613"/>
      <c r="MXU724" s="613"/>
      <c r="MXV724" s="613"/>
      <c r="MXW724" s="613"/>
      <c r="MXX724" s="613"/>
      <c r="MXY724" s="613"/>
      <c r="MXZ724" s="613"/>
      <c r="MYA724" s="613"/>
      <c r="MYB724" s="613"/>
      <c r="MYC724" s="613"/>
      <c r="MYD724" s="613"/>
      <c r="MYE724" s="613"/>
      <c r="MYF724" s="613"/>
      <c r="MYG724" s="613"/>
      <c r="MYH724" s="613"/>
      <c r="MYI724" s="613"/>
      <c r="MYJ724" s="613"/>
      <c r="MYK724" s="613"/>
      <c r="MYL724" s="613"/>
      <c r="MYM724" s="613"/>
      <c r="MYN724" s="613"/>
      <c r="MYO724" s="613"/>
      <c r="MYP724" s="613"/>
      <c r="MYQ724" s="613"/>
      <c r="MYR724" s="613"/>
      <c r="MYS724" s="613"/>
      <c r="MYT724" s="613"/>
      <c r="MYU724" s="613"/>
      <c r="MYV724" s="613"/>
      <c r="MYW724" s="613"/>
      <c r="MYX724" s="613"/>
      <c r="MYY724" s="613"/>
      <c r="MYZ724" s="613"/>
      <c r="MZA724" s="613"/>
      <c r="MZB724" s="613"/>
      <c r="MZC724" s="613"/>
      <c r="MZD724" s="613"/>
      <c r="MZE724" s="613"/>
      <c r="MZF724" s="613"/>
      <c r="MZG724" s="613"/>
      <c r="MZH724" s="613"/>
      <c r="MZI724" s="613"/>
      <c r="MZJ724" s="613"/>
      <c r="MZK724" s="613"/>
      <c r="MZL724" s="613"/>
      <c r="MZM724" s="613"/>
      <c r="MZN724" s="613"/>
      <c r="MZO724" s="613"/>
      <c r="MZP724" s="613"/>
      <c r="MZQ724" s="613"/>
      <c r="MZR724" s="613"/>
      <c r="MZS724" s="613"/>
      <c r="MZT724" s="613"/>
      <c r="MZU724" s="613"/>
      <c r="MZV724" s="613"/>
      <c r="MZW724" s="613"/>
      <c r="MZX724" s="613"/>
      <c r="MZY724" s="613"/>
      <c r="MZZ724" s="613"/>
      <c r="NAA724" s="613"/>
      <c r="NAB724" s="613"/>
      <c r="NAC724" s="613"/>
      <c r="NAD724" s="613"/>
      <c r="NAE724" s="613"/>
      <c r="NAF724" s="613"/>
      <c r="NAG724" s="613"/>
      <c r="NAH724" s="613"/>
      <c r="NAI724" s="613"/>
      <c r="NAJ724" s="613"/>
      <c r="NAK724" s="613"/>
      <c r="NAL724" s="613"/>
      <c r="NAM724" s="613"/>
      <c r="NAN724" s="613"/>
      <c r="NAO724" s="613"/>
      <c r="NAP724" s="613"/>
      <c r="NAQ724" s="613"/>
      <c r="NAR724" s="613"/>
      <c r="NAS724" s="613"/>
      <c r="NAT724" s="613"/>
      <c r="NAU724" s="613"/>
      <c r="NAV724" s="613"/>
      <c r="NAW724" s="613"/>
      <c r="NAX724" s="613"/>
      <c r="NAY724" s="613"/>
      <c r="NAZ724" s="613"/>
      <c r="NBA724" s="613"/>
      <c r="NBB724" s="613"/>
      <c r="NBC724" s="613"/>
      <c r="NBD724" s="613"/>
      <c r="NBE724" s="613"/>
      <c r="NBF724" s="613"/>
      <c r="NBG724" s="613"/>
      <c r="NBH724" s="613"/>
      <c r="NBI724" s="613"/>
      <c r="NBJ724" s="613"/>
      <c r="NBK724" s="613"/>
      <c r="NBL724" s="613"/>
      <c r="NBM724" s="613"/>
      <c r="NBN724" s="613"/>
      <c r="NBO724" s="613"/>
      <c r="NBP724" s="613"/>
      <c r="NBQ724" s="613"/>
      <c r="NBR724" s="613"/>
      <c r="NBS724" s="613"/>
      <c r="NBT724" s="613"/>
      <c r="NBU724" s="613"/>
      <c r="NBV724" s="613"/>
      <c r="NBW724" s="613"/>
      <c r="NBX724" s="613"/>
      <c r="NBY724" s="613"/>
      <c r="NBZ724" s="613"/>
      <c r="NCA724" s="613"/>
      <c r="NCB724" s="613"/>
      <c r="NCC724" s="613"/>
      <c r="NCD724" s="613"/>
      <c r="NCE724" s="613"/>
      <c r="NCF724" s="613"/>
      <c r="NCG724" s="613"/>
      <c r="NCH724" s="613"/>
      <c r="NCI724" s="613"/>
      <c r="NCJ724" s="613"/>
      <c r="NCK724" s="613"/>
      <c r="NCL724" s="613"/>
      <c r="NCM724" s="613"/>
      <c r="NCN724" s="613"/>
      <c r="NCO724" s="613"/>
      <c r="NCP724" s="613"/>
      <c r="NCQ724" s="613"/>
      <c r="NCR724" s="613"/>
      <c r="NCS724" s="613"/>
      <c r="NCT724" s="613"/>
      <c r="NCU724" s="613"/>
      <c r="NCV724" s="613"/>
      <c r="NCW724" s="613"/>
      <c r="NCX724" s="613"/>
      <c r="NCY724" s="613"/>
      <c r="NCZ724" s="613"/>
      <c r="NDA724" s="613"/>
      <c r="NDB724" s="613"/>
      <c r="NDC724" s="613"/>
      <c r="NDD724" s="613"/>
      <c r="NDE724" s="613"/>
      <c r="NDF724" s="613"/>
      <c r="NDG724" s="613"/>
      <c r="NDH724" s="613"/>
      <c r="NDI724" s="613"/>
      <c r="NDJ724" s="613"/>
      <c r="NDK724" s="613"/>
      <c r="NDL724" s="613"/>
      <c r="NDM724" s="613"/>
      <c r="NDN724" s="613"/>
      <c r="NDO724" s="613"/>
      <c r="NDP724" s="613"/>
      <c r="NDQ724" s="613"/>
      <c r="NDR724" s="613"/>
      <c r="NDS724" s="613"/>
      <c r="NDT724" s="613"/>
      <c r="NDU724" s="613"/>
      <c r="NDV724" s="613"/>
      <c r="NDW724" s="613"/>
      <c r="NDX724" s="613"/>
      <c r="NDY724" s="613"/>
      <c r="NDZ724" s="613"/>
      <c r="NEA724" s="613"/>
      <c r="NEB724" s="613"/>
      <c r="NEC724" s="613"/>
      <c r="NED724" s="613"/>
      <c r="NEE724" s="613"/>
      <c r="NEF724" s="613"/>
      <c r="NEG724" s="613"/>
      <c r="NEH724" s="613"/>
      <c r="NEI724" s="613"/>
      <c r="NEJ724" s="613"/>
      <c r="NEK724" s="613"/>
      <c r="NEL724" s="613"/>
      <c r="NEM724" s="613"/>
      <c r="NEN724" s="613"/>
      <c r="NEO724" s="613"/>
      <c r="NEP724" s="613"/>
      <c r="NEQ724" s="613"/>
      <c r="NER724" s="613"/>
      <c r="NES724" s="613"/>
      <c r="NET724" s="613"/>
      <c r="NEU724" s="613"/>
      <c r="NEV724" s="613"/>
      <c r="NEW724" s="613"/>
      <c r="NEX724" s="613"/>
      <c r="NEY724" s="613"/>
      <c r="NEZ724" s="613"/>
      <c r="NFA724" s="613"/>
      <c r="NFB724" s="613"/>
      <c r="NFC724" s="613"/>
      <c r="NFD724" s="613"/>
      <c r="NFE724" s="613"/>
      <c r="NFF724" s="613"/>
      <c r="NFG724" s="613"/>
      <c r="NFH724" s="613"/>
      <c r="NFI724" s="613"/>
      <c r="NFJ724" s="613"/>
      <c r="NFK724" s="613"/>
      <c r="NFL724" s="613"/>
      <c r="NFM724" s="613"/>
      <c r="NFN724" s="613"/>
      <c r="NFO724" s="613"/>
      <c r="NFP724" s="613"/>
      <c r="NFQ724" s="613"/>
      <c r="NFR724" s="613"/>
      <c r="NFS724" s="613"/>
      <c r="NFT724" s="613"/>
      <c r="NFU724" s="613"/>
      <c r="NFV724" s="613"/>
      <c r="NFW724" s="613"/>
      <c r="NFX724" s="613"/>
      <c r="NFY724" s="613"/>
      <c r="NFZ724" s="613"/>
      <c r="NGA724" s="613"/>
      <c r="NGB724" s="613"/>
      <c r="NGC724" s="613"/>
      <c r="NGD724" s="613"/>
      <c r="NGE724" s="613"/>
      <c r="NGF724" s="613"/>
      <c r="NGG724" s="613"/>
      <c r="NGH724" s="613"/>
      <c r="NGI724" s="613"/>
      <c r="NGJ724" s="613"/>
      <c r="NGK724" s="613"/>
      <c r="NGL724" s="613"/>
      <c r="NGM724" s="613"/>
      <c r="NGN724" s="613"/>
      <c r="NGO724" s="613"/>
      <c r="NGP724" s="613"/>
      <c r="NGQ724" s="613"/>
      <c r="NGR724" s="613"/>
      <c r="NGS724" s="613"/>
      <c r="NGT724" s="613"/>
      <c r="NGU724" s="613"/>
      <c r="NGV724" s="613"/>
      <c r="NGW724" s="613"/>
      <c r="NGX724" s="613"/>
      <c r="NGY724" s="613"/>
      <c r="NGZ724" s="613"/>
      <c r="NHA724" s="613"/>
      <c r="NHB724" s="613"/>
      <c r="NHC724" s="613"/>
      <c r="NHD724" s="613"/>
      <c r="NHE724" s="613"/>
      <c r="NHF724" s="613"/>
      <c r="NHG724" s="613"/>
      <c r="NHH724" s="613"/>
      <c r="NHI724" s="613"/>
      <c r="NHJ724" s="613"/>
      <c r="NHK724" s="613"/>
      <c r="NHL724" s="613"/>
      <c r="NHM724" s="613"/>
      <c r="NHN724" s="613"/>
      <c r="NHO724" s="613"/>
      <c r="NHP724" s="613"/>
      <c r="NHQ724" s="613"/>
      <c r="NHR724" s="613"/>
      <c r="NHS724" s="613"/>
      <c r="NHT724" s="613"/>
      <c r="NHU724" s="613"/>
      <c r="NHV724" s="613"/>
      <c r="NHW724" s="613"/>
      <c r="NHX724" s="613"/>
      <c r="NHY724" s="613"/>
      <c r="NHZ724" s="613"/>
      <c r="NIA724" s="613"/>
      <c r="NIB724" s="613"/>
      <c r="NIC724" s="613"/>
      <c r="NID724" s="613"/>
      <c r="NIE724" s="613"/>
      <c r="NIF724" s="613"/>
      <c r="NIG724" s="613"/>
      <c r="NIH724" s="613"/>
      <c r="NII724" s="613"/>
      <c r="NIJ724" s="613"/>
      <c r="NIK724" s="613"/>
      <c r="NIL724" s="613"/>
      <c r="NIM724" s="613"/>
      <c r="NIN724" s="613"/>
      <c r="NIO724" s="613"/>
      <c r="NIP724" s="613"/>
      <c r="NIQ724" s="613"/>
      <c r="NIR724" s="613"/>
      <c r="NIS724" s="613"/>
      <c r="NIT724" s="613"/>
      <c r="NIU724" s="613"/>
      <c r="NIV724" s="613"/>
      <c r="NIW724" s="613"/>
      <c r="NIX724" s="613"/>
      <c r="NIY724" s="613"/>
      <c r="NIZ724" s="613"/>
      <c r="NJA724" s="613"/>
      <c r="NJB724" s="613"/>
      <c r="NJC724" s="613"/>
      <c r="NJD724" s="613"/>
      <c r="NJE724" s="613"/>
      <c r="NJF724" s="613"/>
      <c r="NJG724" s="613"/>
      <c r="NJH724" s="613"/>
      <c r="NJI724" s="613"/>
      <c r="NJJ724" s="613"/>
      <c r="NJK724" s="613"/>
      <c r="NJL724" s="613"/>
      <c r="NJM724" s="613"/>
      <c r="NJN724" s="613"/>
      <c r="NJO724" s="613"/>
      <c r="NJP724" s="613"/>
      <c r="NJQ724" s="613"/>
      <c r="NJR724" s="613"/>
      <c r="NJS724" s="613"/>
      <c r="NJT724" s="613"/>
      <c r="NJU724" s="613"/>
      <c r="NJV724" s="613"/>
      <c r="NJW724" s="613"/>
      <c r="NJX724" s="613"/>
      <c r="NJY724" s="613"/>
      <c r="NJZ724" s="613"/>
      <c r="NKA724" s="613"/>
      <c r="NKB724" s="613"/>
      <c r="NKC724" s="613"/>
      <c r="NKD724" s="613"/>
      <c r="NKE724" s="613"/>
      <c r="NKF724" s="613"/>
      <c r="NKG724" s="613"/>
      <c r="NKH724" s="613"/>
      <c r="NKI724" s="613"/>
      <c r="NKJ724" s="613"/>
      <c r="NKK724" s="613"/>
      <c r="NKL724" s="613"/>
      <c r="NKM724" s="613"/>
      <c r="NKN724" s="613"/>
      <c r="NKO724" s="613"/>
      <c r="NKP724" s="613"/>
      <c r="NKQ724" s="613"/>
      <c r="NKR724" s="613"/>
      <c r="NKS724" s="613"/>
      <c r="NKT724" s="613"/>
      <c r="NKU724" s="613"/>
      <c r="NKV724" s="613"/>
      <c r="NKW724" s="613"/>
      <c r="NKX724" s="613"/>
      <c r="NKY724" s="613"/>
      <c r="NKZ724" s="613"/>
      <c r="NLA724" s="613"/>
      <c r="NLB724" s="613"/>
      <c r="NLC724" s="613"/>
      <c r="NLD724" s="613"/>
      <c r="NLE724" s="613"/>
      <c r="NLF724" s="613"/>
      <c r="NLG724" s="613"/>
      <c r="NLH724" s="613"/>
      <c r="NLI724" s="613"/>
      <c r="NLJ724" s="613"/>
      <c r="NLK724" s="613"/>
      <c r="NLL724" s="613"/>
      <c r="NLM724" s="613"/>
      <c r="NLN724" s="613"/>
      <c r="NLO724" s="613"/>
      <c r="NLP724" s="613"/>
      <c r="NLQ724" s="613"/>
      <c r="NLR724" s="613"/>
      <c r="NLS724" s="613"/>
      <c r="NLT724" s="613"/>
      <c r="NLU724" s="613"/>
      <c r="NLV724" s="613"/>
      <c r="NLW724" s="613"/>
      <c r="NLX724" s="613"/>
      <c r="NLY724" s="613"/>
      <c r="NLZ724" s="613"/>
      <c r="NMA724" s="613"/>
      <c r="NMB724" s="613"/>
      <c r="NMC724" s="613"/>
      <c r="NMD724" s="613"/>
      <c r="NME724" s="613"/>
      <c r="NMF724" s="613"/>
      <c r="NMG724" s="613"/>
      <c r="NMH724" s="613"/>
      <c r="NMI724" s="613"/>
      <c r="NMJ724" s="613"/>
      <c r="NMK724" s="613"/>
      <c r="NML724" s="613"/>
      <c r="NMM724" s="613"/>
      <c r="NMN724" s="613"/>
      <c r="NMO724" s="613"/>
      <c r="NMP724" s="613"/>
      <c r="NMQ724" s="613"/>
      <c r="NMR724" s="613"/>
      <c r="NMS724" s="613"/>
      <c r="NMT724" s="613"/>
      <c r="NMU724" s="613"/>
      <c r="NMV724" s="613"/>
      <c r="NMW724" s="613"/>
      <c r="NMX724" s="613"/>
      <c r="NMY724" s="613"/>
      <c r="NMZ724" s="613"/>
      <c r="NNA724" s="613"/>
      <c r="NNB724" s="613"/>
      <c r="NNC724" s="613"/>
      <c r="NND724" s="613"/>
      <c r="NNE724" s="613"/>
      <c r="NNF724" s="613"/>
      <c r="NNG724" s="613"/>
      <c r="NNH724" s="613"/>
      <c r="NNI724" s="613"/>
      <c r="NNJ724" s="613"/>
      <c r="NNK724" s="613"/>
      <c r="NNL724" s="613"/>
      <c r="NNM724" s="613"/>
      <c r="NNN724" s="613"/>
      <c r="NNO724" s="613"/>
      <c r="NNP724" s="613"/>
      <c r="NNQ724" s="613"/>
      <c r="NNR724" s="613"/>
      <c r="NNS724" s="613"/>
      <c r="NNT724" s="613"/>
      <c r="NNU724" s="613"/>
      <c r="NNV724" s="613"/>
      <c r="NNW724" s="613"/>
      <c r="NNX724" s="613"/>
      <c r="NNY724" s="613"/>
      <c r="NNZ724" s="613"/>
      <c r="NOA724" s="613"/>
      <c r="NOB724" s="613"/>
      <c r="NOC724" s="613"/>
      <c r="NOD724" s="613"/>
      <c r="NOE724" s="613"/>
      <c r="NOF724" s="613"/>
      <c r="NOG724" s="613"/>
      <c r="NOH724" s="613"/>
      <c r="NOI724" s="613"/>
      <c r="NOJ724" s="613"/>
      <c r="NOK724" s="613"/>
      <c r="NOL724" s="613"/>
      <c r="NOM724" s="613"/>
      <c r="NON724" s="613"/>
      <c r="NOO724" s="613"/>
      <c r="NOP724" s="613"/>
      <c r="NOQ724" s="613"/>
      <c r="NOR724" s="613"/>
      <c r="NOS724" s="613"/>
      <c r="NOT724" s="613"/>
      <c r="NOU724" s="613"/>
      <c r="NOV724" s="613"/>
      <c r="NOW724" s="613"/>
      <c r="NOX724" s="613"/>
      <c r="NOY724" s="613"/>
      <c r="NOZ724" s="613"/>
      <c r="NPA724" s="613"/>
      <c r="NPB724" s="613"/>
      <c r="NPC724" s="613"/>
      <c r="NPD724" s="613"/>
      <c r="NPE724" s="613"/>
      <c r="NPF724" s="613"/>
      <c r="NPG724" s="613"/>
      <c r="NPH724" s="613"/>
      <c r="NPI724" s="613"/>
      <c r="NPJ724" s="613"/>
      <c r="NPK724" s="613"/>
      <c r="NPL724" s="613"/>
      <c r="NPM724" s="613"/>
      <c r="NPN724" s="613"/>
      <c r="NPO724" s="613"/>
      <c r="NPP724" s="613"/>
      <c r="NPQ724" s="613"/>
      <c r="NPR724" s="613"/>
      <c r="NPS724" s="613"/>
      <c r="NPT724" s="613"/>
      <c r="NPU724" s="613"/>
      <c r="NPV724" s="613"/>
      <c r="NPW724" s="613"/>
      <c r="NPX724" s="613"/>
      <c r="NPY724" s="613"/>
      <c r="NPZ724" s="613"/>
      <c r="NQA724" s="613"/>
      <c r="NQB724" s="613"/>
      <c r="NQC724" s="613"/>
      <c r="NQD724" s="613"/>
      <c r="NQE724" s="613"/>
      <c r="NQF724" s="613"/>
      <c r="NQG724" s="613"/>
      <c r="NQH724" s="613"/>
      <c r="NQI724" s="613"/>
      <c r="NQJ724" s="613"/>
      <c r="NQK724" s="613"/>
      <c r="NQL724" s="613"/>
      <c r="NQM724" s="613"/>
      <c r="NQN724" s="613"/>
      <c r="NQO724" s="613"/>
      <c r="NQP724" s="613"/>
      <c r="NQQ724" s="613"/>
      <c r="NQR724" s="613"/>
      <c r="NQS724" s="613"/>
      <c r="NQT724" s="613"/>
      <c r="NQU724" s="613"/>
      <c r="NQV724" s="613"/>
      <c r="NQW724" s="613"/>
      <c r="NQX724" s="613"/>
      <c r="NQY724" s="613"/>
      <c r="NQZ724" s="613"/>
      <c r="NRA724" s="613"/>
      <c r="NRB724" s="613"/>
      <c r="NRC724" s="613"/>
      <c r="NRD724" s="613"/>
      <c r="NRE724" s="613"/>
      <c r="NRF724" s="613"/>
      <c r="NRG724" s="613"/>
      <c r="NRH724" s="613"/>
      <c r="NRI724" s="613"/>
      <c r="NRJ724" s="613"/>
      <c r="NRK724" s="613"/>
      <c r="NRL724" s="613"/>
      <c r="NRM724" s="613"/>
      <c r="NRN724" s="613"/>
      <c r="NRO724" s="613"/>
      <c r="NRP724" s="613"/>
      <c r="NRQ724" s="613"/>
      <c r="NRR724" s="613"/>
      <c r="NRS724" s="613"/>
      <c r="NRT724" s="613"/>
      <c r="NRU724" s="613"/>
      <c r="NRV724" s="613"/>
      <c r="NRW724" s="613"/>
      <c r="NRX724" s="613"/>
      <c r="NRY724" s="613"/>
      <c r="NRZ724" s="613"/>
      <c r="NSA724" s="613"/>
      <c r="NSB724" s="613"/>
      <c r="NSC724" s="613"/>
      <c r="NSD724" s="613"/>
      <c r="NSE724" s="613"/>
      <c r="NSF724" s="613"/>
      <c r="NSG724" s="613"/>
      <c r="NSH724" s="613"/>
      <c r="NSI724" s="613"/>
      <c r="NSJ724" s="613"/>
      <c r="NSK724" s="613"/>
      <c r="NSL724" s="613"/>
      <c r="NSM724" s="613"/>
      <c r="NSN724" s="613"/>
      <c r="NSO724" s="613"/>
      <c r="NSP724" s="613"/>
      <c r="NSQ724" s="613"/>
      <c r="NSR724" s="613"/>
      <c r="NSS724" s="613"/>
      <c r="NST724" s="613"/>
      <c r="NSU724" s="613"/>
      <c r="NSV724" s="613"/>
      <c r="NSW724" s="613"/>
      <c r="NSX724" s="613"/>
      <c r="NSY724" s="613"/>
      <c r="NSZ724" s="613"/>
      <c r="NTA724" s="613"/>
      <c r="NTB724" s="613"/>
      <c r="NTC724" s="613"/>
      <c r="NTD724" s="613"/>
      <c r="NTE724" s="613"/>
      <c r="NTF724" s="613"/>
      <c r="NTG724" s="613"/>
      <c r="NTH724" s="613"/>
      <c r="NTI724" s="613"/>
      <c r="NTJ724" s="613"/>
      <c r="NTK724" s="613"/>
      <c r="NTL724" s="613"/>
      <c r="NTM724" s="613"/>
      <c r="NTN724" s="613"/>
      <c r="NTO724" s="613"/>
      <c r="NTP724" s="613"/>
      <c r="NTQ724" s="613"/>
      <c r="NTR724" s="613"/>
      <c r="NTS724" s="613"/>
      <c r="NTT724" s="613"/>
      <c r="NTU724" s="613"/>
      <c r="NTV724" s="613"/>
      <c r="NTW724" s="613"/>
      <c r="NTX724" s="613"/>
      <c r="NTY724" s="613"/>
      <c r="NTZ724" s="613"/>
      <c r="NUA724" s="613"/>
      <c r="NUB724" s="613"/>
      <c r="NUC724" s="613"/>
      <c r="NUD724" s="613"/>
      <c r="NUE724" s="613"/>
      <c r="NUF724" s="613"/>
      <c r="NUG724" s="613"/>
      <c r="NUH724" s="613"/>
      <c r="NUI724" s="613"/>
      <c r="NUJ724" s="613"/>
      <c r="NUK724" s="613"/>
      <c r="NUL724" s="613"/>
      <c r="NUM724" s="613"/>
      <c r="NUN724" s="613"/>
      <c r="NUO724" s="613"/>
      <c r="NUP724" s="613"/>
      <c r="NUQ724" s="613"/>
      <c r="NUR724" s="613"/>
      <c r="NUS724" s="613"/>
      <c r="NUT724" s="613"/>
      <c r="NUU724" s="613"/>
      <c r="NUV724" s="613"/>
      <c r="NUW724" s="613"/>
      <c r="NUX724" s="613"/>
      <c r="NUY724" s="613"/>
      <c r="NUZ724" s="613"/>
      <c r="NVA724" s="613"/>
      <c r="NVB724" s="613"/>
      <c r="NVC724" s="613"/>
      <c r="NVD724" s="613"/>
      <c r="NVE724" s="613"/>
      <c r="NVF724" s="613"/>
      <c r="NVG724" s="613"/>
      <c r="NVH724" s="613"/>
      <c r="NVI724" s="613"/>
      <c r="NVJ724" s="613"/>
      <c r="NVK724" s="613"/>
      <c r="NVL724" s="613"/>
      <c r="NVM724" s="613"/>
      <c r="NVN724" s="613"/>
      <c r="NVO724" s="613"/>
      <c r="NVP724" s="613"/>
      <c r="NVQ724" s="613"/>
      <c r="NVR724" s="613"/>
      <c r="NVS724" s="613"/>
      <c r="NVT724" s="613"/>
      <c r="NVU724" s="613"/>
      <c r="NVV724" s="613"/>
      <c r="NVW724" s="613"/>
      <c r="NVX724" s="613"/>
      <c r="NVY724" s="613"/>
      <c r="NVZ724" s="613"/>
      <c r="NWA724" s="613"/>
      <c r="NWB724" s="613"/>
      <c r="NWC724" s="613"/>
      <c r="NWD724" s="613"/>
      <c r="NWE724" s="613"/>
      <c r="NWF724" s="613"/>
      <c r="NWG724" s="613"/>
      <c r="NWH724" s="613"/>
      <c r="NWI724" s="613"/>
      <c r="NWJ724" s="613"/>
      <c r="NWK724" s="613"/>
      <c r="NWL724" s="613"/>
      <c r="NWM724" s="613"/>
      <c r="NWN724" s="613"/>
      <c r="NWO724" s="613"/>
      <c r="NWP724" s="613"/>
      <c r="NWQ724" s="613"/>
      <c r="NWR724" s="613"/>
      <c r="NWS724" s="613"/>
      <c r="NWT724" s="613"/>
      <c r="NWU724" s="613"/>
      <c r="NWV724" s="613"/>
      <c r="NWW724" s="613"/>
      <c r="NWX724" s="613"/>
      <c r="NWY724" s="613"/>
      <c r="NWZ724" s="613"/>
      <c r="NXA724" s="613"/>
      <c r="NXB724" s="613"/>
      <c r="NXC724" s="613"/>
      <c r="NXD724" s="613"/>
      <c r="NXE724" s="613"/>
      <c r="NXF724" s="613"/>
      <c r="NXG724" s="613"/>
      <c r="NXH724" s="613"/>
      <c r="NXI724" s="613"/>
      <c r="NXJ724" s="613"/>
      <c r="NXK724" s="613"/>
      <c r="NXL724" s="613"/>
      <c r="NXM724" s="613"/>
      <c r="NXN724" s="613"/>
      <c r="NXO724" s="613"/>
      <c r="NXP724" s="613"/>
      <c r="NXQ724" s="613"/>
      <c r="NXR724" s="613"/>
      <c r="NXS724" s="613"/>
      <c r="NXT724" s="613"/>
      <c r="NXU724" s="613"/>
      <c r="NXV724" s="613"/>
      <c r="NXW724" s="613"/>
      <c r="NXX724" s="613"/>
      <c r="NXY724" s="613"/>
      <c r="NXZ724" s="613"/>
      <c r="NYA724" s="613"/>
      <c r="NYB724" s="613"/>
      <c r="NYC724" s="613"/>
      <c r="NYD724" s="613"/>
      <c r="NYE724" s="613"/>
      <c r="NYF724" s="613"/>
      <c r="NYG724" s="613"/>
      <c r="NYH724" s="613"/>
      <c r="NYI724" s="613"/>
      <c r="NYJ724" s="613"/>
      <c r="NYK724" s="613"/>
      <c r="NYL724" s="613"/>
      <c r="NYM724" s="613"/>
      <c r="NYN724" s="613"/>
      <c r="NYO724" s="613"/>
      <c r="NYP724" s="613"/>
      <c r="NYQ724" s="613"/>
      <c r="NYR724" s="613"/>
      <c r="NYS724" s="613"/>
      <c r="NYT724" s="613"/>
      <c r="NYU724" s="613"/>
      <c r="NYV724" s="613"/>
      <c r="NYW724" s="613"/>
      <c r="NYX724" s="613"/>
      <c r="NYY724" s="613"/>
      <c r="NYZ724" s="613"/>
      <c r="NZA724" s="613"/>
      <c r="NZB724" s="613"/>
      <c r="NZC724" s="613"/>
      <c r="NZD724" s="613"/>
      <c r="NZE724" s="613"/>
      <c r="NZF724" s="613"/>
      <c r="NZG724" s="613"/>
      <c r="NZH724" s="613"/>
      <c r="NZI724" s="613"/>
      <c r="NZJ724" s="613"/>
      <c r="NZK724" s="613"/>
      <c r="NZL724" s="613"/>
      <c r="NZM724" s="613"/>
      <c r="NZN724" s="613"/>
      <c r="NZO724" s="613"/>
      <c r="NZP724" s="613"/>
      <c r="NZQ724" s="613"/>
      <c r="NZR724" s="613"/>
      <c r="NZS724" s="613"/>
      <c r="NZT724" s="613"/>
      <c r="NZU724" s="613"/>
      <c r="NZV724" s="613"/>
      <c r="NZW724" s="613"/>
      <c r="NZX724" s="613"/>
      <c r="NZY724" s="613"/>
      <c r="NZZ724" s="613"/>
      <c r="OAA724" s="613"/>
      <c r="OAB724" s="613"/>
      <c r="OAC724" s="613"/>
      <c r="OAD724" s="613"/>
      <c r="OAE724" s="613"/>
      <c r="OAF724" s="613"/>
      <c r="OAG724" s="613"/>
      <c r="OAH724" s="613"/>
      <c r="OAI724" s="613"/>
      <c r="OAJ724" s="613"/>
      <c r="OAK724" s="613"/>
      <c r="OAL724" s="613"/>
      <c r="OAM724" s="613"/>
      <c r="OAN724" s="613"/>
      <c r="OAO724" s="613"/>
      <c r="OAP724" s="613"/>
      <c r="OAQ724" s="613"/>
      <c r="OAR724" s="613"/>
      <c r="OAS724" s="613"/>
      <c r="OAT724" s="613"/>
      <c r="OAU724" s="613"/>
      <c r="OAV724" s="613"/>
      <c r="OAW724" s="613"/>
      <c r="OAX724" s="613"/>
      <c r="OAY724" s="613"/>
      <c r="OAZ724" s="613"/>
      <c r="OBA724" s="613"/>
      <c r="OBB724" s="613"/>
      <c r="OBC724" s="613"/>
      <c r="OBD724" s="613"/>
      <c r="OBE724" s="613"/>
      <c r="OBF724" s="613"/>
      <c r="OBG724" s="613"/>
      <c r="OBH724" s="613"/>
      <c r="OBI724" s="613"/>
      <c r="OBJ724" s="613"/>
      <c r="OBK724" s="613"/>
      <c r="OBL724" s="613"/>
      <c r="OBM724" s="613"/>
      <c r="OBN724" s="613"/>
      <c r="OBO724" s="613"/>
      <c r="OBP724" s="613"/>
      <c r="OBQ724" s="613"/>
      <c r="OBR724" s="613"/>
      <c r="OBS724" s="613"/>
      <c r="OBT724" s="613"/>
      <c r="OBU724" s="613"/>
      <c r="OBV724" s="613"/>
      <c r="OBW724" s="613"/>
      <c r="OBX724" s="613"/>
      <c r="OBY724" s="613"/>
      <c r="OBZ724" s="613"/>
      <c r="OCA724" s="613"/>
      <c r="OCB724" s="613"/>
      <c r="OCC724" s="613"/>
      <c r="OCD724" s="613"/>
      <c r="OCE724" s="613"/>
      <c r="OCF724" s="613"/>
      <c r="OCG724" s="613"/>
      <c r="OCH724" s="613"/>
      <c r="OCI724" s="613"/>
      <c r="OCJ724" s="613"/>
      <c r="OCK724" s="613"/>
      <c r="OCL724" s="613"/>
      <c r="OCM724" s="613"/>
      <c r="OCN724" s="613"/>
      <c r="OCO724" s="613"/>
      <c r="OCP724" s="613"/>
      <c r="OCQ724" s="613"/>
      <c r="OCR724" s="613"/>
      <c r="OCS724" s="613"/>
      <c r="OCT724" s="613"/>
      <c r="OCU724" s="613"/>
      <c r="OCV724" s="613"/>
      <c r="OCW724" s="613"/>
      <c r="OCX724" s="613"/>
      <c r="OCY724" s="613"/>
      <c r="OCZ724" s="613"/>
      <c r="ODA724" s="613"/>
      <c r="ODB724" s="613"/>
      <c r="ODC724" s="613"/>
      <c r="ODD724" s="613"/>
      <c r="ODE724" s="613"/>
      <c r="ODF724" s="613"/>
      <c r="ODG724" s="613"/>
      <c r="ODH724" s="613"/>
      <c r="ODI724" s="613"/>
      <c r="ODJ724" s="613"/>
      <c r="ODK724" s="613"/>
      <c r="ODL724" s="613"/>
      <c r="ODM724" s="613"/>
      <c r="ODN724" s="613"/>
      <c r="ODO724" s="613"/>
      <c r="ODP724" s="613"/>
      <c r="ODQ724" s="613"/>
      <c r="ODR724" s="613"/>
      <c r="ODS724" s="613"/>
      <c r="ODT724" s="613"/>
      <c r="ODU724" s="613"/>
      <c r="ODV724" s="613"/>
      <c r="ODW724" s="613"/>
      <c r="ODX724" s="613"/>
      <c r="ODY724" s="613"/>
      <c r="ODZ724" s="613"/>
      <c r="OEA724" s="613"/>
      <c r="OEB724" s="613"/>
      <c r="OEC724" s="613"/>
      <c r="OED724" s="613"/>
      <c r="OEE724" s="613"/>
      <c r="OEF724" s="613"/>
      <c r="OEG724" s="613"/>
      <c r="OEH724" s="613"/>
      <c r="OEI724" s="613"/>
      <c r="OEJ724" s="613"/>
      <c r="OEK724" s="613"/>
      <c r="OEL724" s="613"/>
      <c r="OEM724" s="613"/>
      <c r="OEN724" s="613"/>
      <c r="OEO724" s="613"/>
      <c r="OEP724" s="613"/>
      <c r="OEQ724" s="613"/>
      <c r="OER724" s="613"/>
      <c r="OES724" s="613"/>
      <c r="OET724" s="613"/>
      <c r="OEU724" s="613"/>
      <c r="OEV724" s="613"/>
      <c r="OEW724" s="613"/>
      <c r="OEX724" s="613"/>
      <c r="OEY724" s="613"/>
      <c r="OEZ724" s="613"/>
      <c r="OFA724" s="613"/>
      <c r="OFB724" s="613"/>
      <c r="OFC724" s="613"/>
      <c r="OFD724" s="613"/>
      <c r="OFE724" s="613"/>
      <c r="OFF724" s="613"/>
      <c r="OFG724" s="613"/>
      <c r="OFH724" s="613"/>
      <c r="OFI724" s="613"/>
      <c r="OFJ724" s="613"/>
      <c r="OFK724" s="613"/>
      <c r="OFL724" s="613"/>
      <c r="OFM724" s="613"/>
      <c r="OFN724" s="613"/>
      <c r="OFO724" s="613"/>
      <c r="OFP724" s="613"/>
      <c r="OFQ724" s="613"/>
      <c r="OFR724" s="613"/>
      <c r="OFS724" s="613"/>
      <c r="OFT724" s="613"/>
      <c r="OFU724" s="613"/>
      <c r="OFV724" s="613"/>
      <c r="OFW724" s="613"/>
      <c r="OFX724" s="613"/>
      <c r="OFY724" s="613"/>
      <c r="OFZ724" s="613"/>
      <c r="OGA724" s="613"/>
      <c r="OGB724" s="613"/>
      <c r="OGC724" s="613"/>
      <c r="OGD724" s="613"/>
      <c r="OGE724" s="613"/>
      <c r="OGF724" s="613"/>
      <c r="OGG724" s="613"/>
      <c r="OGH724" s="613"/>
      <c r="OGI724" s="613"/>
      <c r="OGJ724" s="613"/>
      <c r="OGK724" s="613"/>
      <c r="OGL724" s="613"/>
      <c r="OGM724" s="613"/>
      <c r="OGN724" s="613"/>
      <c r="OGO724" s="613"/>
      <c r="OGP724" s="613"/>
      <c r="OGQ724" s="613"/>
      <c r="OGR724" s="613"/>
      <c r="OGS724" s="613"/>
      <c r="OGT724" s="613"/>
      <c r="OGU724" s="613"/>
      <c r="OGV724" s="613"/>
      <c r="OGW724" s="613"/>
      <c r="OGX724" s="613"/>
      <c r="OGY724" s="613"/>
      <c r="OGZ724" s="613"/>
      <c r="OHA724" s="613"/>
      <c r="OHB724" s="613"/>
      <c r="OHC724" s="613"/>
      <c r="OHD724" s="613"/>
      <c r="OHE724" s="613"/>
      <c r="OHF724" s="613"/>
      <c r="OHG724" s="613"/>
      <c r="OHH724" s="613"/>
      <c r="OHI724" s="613"/>
      <c r="OHJ724" s="613"/>
      <c r="OHK724" s="613"/>
      <c r="OHL724" s="613"/>
      <c r="OHM724" s="613"/>
      <c r="OHN724" s="613"/>
      <c r="OHO724" s="613"/>
      <c r="OHP724" s="613"/>
      <c r="OHQ724" s="613"/>
      <c r="OHR724" s="613"/>
      <c r="OHS724" s="613"/>
      <c r="OHT724" s="613"/>
      <c r="OHU724" s="613"/>
      <c r="OHV724" s="613"/>
      <c r="OHW724" s="613"/>
      <c r="OHX724" s="613"/>
      <c r="OHY724" s="613"/>
      <c r="OHZ724" s="613"/>
      <c r="OIA724" s="613"/>
      <c r="OIB724" s="613"/>
      <c r="OIC724" s="613"/>
      <c r="OID724" s="613"/>
      <c r="OIE724" s="613"/>
      <c r="OIF724" s="613"/>
      <c r="OIG724" s="613"/>
      <c r="OIH724" s="613"/>
      <c r="OII724" s="613"/>
      <c r="OIJ724" s="613"/>
      <c r="OIK724" s="613"/>
      <c r="OIL724" s="613"/>
      <c r="OIM724" s="613"/>
      <c r="OIN724" s="613"/>
      <c r="OIO724" s="613"/>
      <c r="OIP724" s="613"/>
      <c r="OIQ724" s="613"/>
      <c r="OIR724" s="613"/>
      <c r="OIS724" s="613"/>
      <c r="OIT724" s="613"/>
      <c r="OIU724" s="613"/>
      <c r="OIV724" s="613"/>
      <c r="OIW724" s="613"/>
      <c r="OIX724" s="613"/>
      <c r="OIY724" s="613"/>
      <c r="OIZ724" s="613"/>
      <c r="OJA724" s="613"/>
      <c r="OJB724" s="613"/>
      <c r="OJC724" s="613"/>
      <c r="OJD724" s="613"/>
      <c r="OJE724" s="613"/>
      <c r="OJF724" s="613"/>
      <c r="OJG724" s="613"/>
      <c r="OJH724" s="613"/>
      <c r="OJI724" s="613"/>
      <c r="OJJ724" s="613"/>
      <c r="OJK724" s="613"/>
      <c r="OJL724" s="613"/>
      <c r="OJM724" s="613"/>
      <c r="OJN724" s="613"/>
      <c r="OJO724" s="613"/>
      <c r="OJP724" s="613"/>
      <c r="OJQ724" s="613"/>
      <c r="OJR724" s="613"/>
      <c r="OJS724" s="613"/>
      <c r="OJT724" s="613"/>
      <c r="OJU724" s="613"/>
      <c r="OJV724" s="613"/>
      <c r="OJW724" s="613"/>
      <c r="OJX724" s="613"/>
      <c r="OJY724" s="613"/>
      <c r="OJZ724" s="613"/>
      <c r="OKA724" s="613"/>
      <c r="OKB724" s="613"/>
      <c r="OKC724" s="613"/>
      <c r="OKD724" s="613"/>
      <c r="OKE724" s="613"/>
      <c r="OKF724" s="613"/>
      <c r="OKG724" s="613"/>
      <c r="OKH724" s="613"/>
      <c r="OKI724" s="613"/>
      <c r="OKJ724" s="613"/>
      <c r="OKK724" s="613"/>
      <c r="OKL724" s="613"/>
      <c r="OKM724" s="613"/>
      <c r="OKN724" s="613"/>
      <c r="OKO724" s="613"/>
      <c r="OKP724" s="613"/>
      <c r="OKQ724" s="613"/>
      <c r="OKR724" s="613"/>
      <c r="OKS724" s="613"/>
      <c r="OKT724" s="613"/>
      <c r="OKU724" s="613"/>
      <c r="OKV724" s="613"/>
      <c r="OKW724" s="613"/>
      <c r="OKX724" s="613"/>
      <c r="OKY724" s="613"/>
      <c r="OKZ724" s="613"/>
      <c r="OLA724" s="613"/>
      <c r="OLB724" s="613"/>
      <c r="OLC724" s="613"/>
      <c r="OLD724" s="613"/>
      <c r="OLE724" s="613"/>
      <c r="OLF724" s="613"/>
      <c r="OLG724" s="613"/>
      <c r="OLH724" s="613"/>
      <c r="OLI724" s="613"/>
      <c r="OLJ724" s="613"/>
      <c r="OLK724" s="613"/>
      <c r="OLL724" s="613"/>
      <c r="OLM724" s="613"/>
      <c r="OLN724" s="613"/>
      <c r="OLO724" s="613"/>
      <c r="OLP724" s="613"/>
      <c r="OLQ724" s="613"/>
      <c r="OLR724" s="613"/>
      <c r="OLS724" s="613"/>
      <c r="OLT724" s="613"/>
      <c r="OLU724" s="613"/>
      <c r="OLV724" s="613"/>
      <c r="OLW724" s="613"/>
      <c r="OLX724" s="613"/>
      <c r="OLY724" s="613"/>
      <c r="OLZ724" s="613"/>
      <c r="OMA724" s="613"/>
      <c r="OMB724" s="613"/>
      <c r="OMC724" s="613"/>
      <c r="OMD724" s="613"/>
      <c r="OME724" s="613"/>
      <c r="OMF724" s="613"/>
      <c r="OMG724" s="613"/>
      <c r="OMH724" s="613"/>
      <c r="OMI724" s="613"/>
      <c r="OMJ724" s="613"/>
      <c r="OMK724" s="613"/>
      <c r="OML724" s="613"/>
      <c r="OMM724" s="613"/>
      <c r="OMN724" s="613"/>
      <c r="OMO724" s="613"/>
      <c r="OMP724" s="613"/>
      <c r="OMQ724" s="613"/>
      <c r="OMR724" s="613"/>
      <c r="OMS724" s="613"/>
      <c r="OMT724" s="613"/>
      <c r="OMU724" s="613"/>
      <c r="OMV724" s="613"/>
      <c r="OMW724" s="613"/>
      <c r="OMX724" s="613"/>
      <c r="OMY724" s="613"/>
      <c r="OMZ724" s="613"/>
      <c r="ONA724" s="613"/>
      <c r="ONB724" s="613"/>
      <c r="ONC724" s="613"/>
      <c r="OND724" s="613"/>
      <c r="ONE724" s="613"/>
      <c r="ONF724" s="613"/>
      <c r="ONG724" s="613"/>
      <c r="ONH724" s="613"/>
      <c r="ONI724" s="613"/>
      <c r="ONJ724" s="613"/>
      <c r="ONK724" s="613"/>
      <c r="ONL724" s="613"/>
      <c r="ONM724" s="613"/>
      <c r="ONN724" s="613"/>
      <c r="ONO724" s="613"/>
      <c r="ONP724" s="613"/>
      <c r="ONQ724" s="613"/>
      <c r="ONR724" s="613"/>
      <c r="ONS724" s="613"/>
      <c r="ONT724" s="613"/>
      <c r="ONU724" s="613"/>
      <c r="ONV724" s="613"/>
      <c r="ONW724" s="613"/>
      <c r="ONX724" s="613"/>
      <c r="ONY724" s="613"/>
      <c r="ONZ724" s="613"/>
      <c r="OOA724" s="613"/>
      <c r="OOB724" s="613"/>
      <c r="OOC724" s="613"/>
      <c r="OOD724" s="613"/>
      <c r="OOE724" s="613"/>
      <c r="OOF724" s="613"/>
      <c r="OOG724" s="613"/>
      <c r="OOH724" s="613"/>
      <c r="OOI724" s="613"/>
      <c r="OOJ724" s="613"/>
      <c r="OOK724" s="613"/>
      <c r="OOL724" s="613"/>
      <c r="OOM724" s="613"/>
      <c r="OON724" s="613"/>
      <c r="OOO724" s="613"/>
      <c r="OOP724" s="613"/>
      <c r="OOQ724" s="613"/>
      <c r="OOR724" s="613"/>
      <c r="OOS724" s="613"/>
      <c r="OOT724" s="613"/>
      <c r="OOU724" s="613"/>
      <c r="OOV724" s="613"/>
      <c r="OOW724" s="613"/>
      <c r="OOX724" s="613"/>
      <c r="OOY724" s="613"/>
      <c r="OOZ724" s="613"/>
      <c r="OPA724" s="613"/>
      <c r="OPB724" s="613"/>
      <c r="OPC724" s="613"/>
      <c r="OPD724" s="613"/>
      <c r="OPE724" s="613"/>
      <c r="OPF724" s="613"/>
      <c r="OPG724" s="613"/>
      <c r="OPH724" s="613"/>
      <c r="OPI724" s="613"/>
      <c r="OPJ724" s="613"/>
      <c r="OPK724" s="613"/>
      <c r="OPL724" s="613"/>
      <c r="OPM724" s="613"/>
      <c r="OPN724" s="613"/>
      <c r="OPO724" s="613"/>
      <c r="OPP724" s="613"/>
      <c r="OPQ724" s="613"/>
      <c r="OPR724" s="613"/>
      <c r="OPS724" s="613"/>
      <c r="OPT724" s="613"/>
      <c r="OPU724" s="613"/>
      <c r="OPV724" s="613"/>
      <c r="OPW724" s="613"/>
      <c r="OPX724" s="613"/>
      <c r="OPY724" s="613"/>
      <c r="OPZ724" s="613"/>
      <c r="OQA724" s="613"/>
      <c r="OQB724" s="613"/>
      <c r="OQC724" s="613"/>
      <c r="OQD724" s="613"/>
      <c r="OQE724" s="613"/>
      <c r="OQF724" s="613"/>
      <c r="OQG724" s="613"/>
      <c r="OQH724" s="613"/>
      <c r="OQI724" s="613"/>
      <c r="OQJ724" s="613"/>
      <c r="OQK724" s="613"/>
      <c r="OQL724" s="613"/>
      <c r="OQM724" s="613"/>
      <c r="OQN724" s="613"/>
      <c r="OQO724" s="613"/>
      <c r="OQP724" s="613"/>
      <c r="OQQ724" s="613"/>
      <c r="OQR724" s="613"/>
      <c r="OQS724" s="613"/>
      <c r="OQT724" s="613"/>
      <c r="OQU724" s="613"/>
      <c r="OQV724" s="613"/>
      <c r="OQW724" s="613"/>
      <c r="OQX724" s="613"/>
      <c r="OQY724" s="613"/>
      <c r="OQZ724" s="613"/>
      <c r="ORA724" s="613"/>
      <c r="ORB724" s="613"/>
      <c r="ORC724" s="613"/>
      <c r="ORD724" s="613"/>
      <c r="ORE724" s="613"/>
      <c r="ORF724" s="613"/>
      <c r="ORG724" s="613"/>
      <c r="ORH724" s="613"/>
      <c r="ORI724" s="613"/>
      <c r="ORJ724" s="613"/>
      <c r="ORK724" s="613"/>
      <c r="ORL724" s="613"/>
      <c r="ORM724" s="613"/>
      <c r="ORN724" s="613"/>
      <c r="ORO724" s="613"/>
      <c r="ORP724" s="613"/>
      <c r="ORQ724" s="613"/>
      <c r="ORR724" s="613"/>
      <c r="ORS724" s="613"/>
      <c r="ORT724" s="613"/>
      <c r="ORU724" s="613"/>
      <c r="ORV724" s="613"/>
      <c r="ORW724" s="613"/>
      <c r="ORX724" s="613"/>
      <c r="ORY724" s="613"/>
      <c r="ORZ724" s="613"/>
      <c r="OSA724" s="613"/>
      <c r="OSB724" s="613"/>
      <c r="OSC724" s="613"/>
      <c r="OSD724" s="613"/>
      <c r="OSE724" s="613"/>
      <c r="OSF724" s="613"/>
      <c r="OSG724" s="613"/>
      <c r="OSH724" s="613"/>
      <c r="OSI724" s="613"/>
      <c r="OSJ724" s="613"/>
      <c r="OSK724" s="613"/>
      <c r="OSL724" s="613"/>
      <c r="OSM724" s="613"/>
      <c r="OSN724" s="613"/>
      <c r="OSO724" s="613"/>
      <c r="OSP724" s="613"/>
      <c r="OSQ724" s="613"/>
      <c r="OSR724" s="613"/>
      <c r="OSS724" s="613"/>
      <c r="OST724" s="613"/>
      <c r="OSU724" s="613"/>
      <c r="OSV724" s="613"/>
      <c r="OSW724" s="613"/>
      <c r="OSX724" s="613"/>
      <c r="OSY724" s="613"/>
      <c r="OSZ724" s="613"/>
      <c r="OTA724" s="613"/>
      <c r="OTB724" s="613"/>
      <c r="OTC724" s="613"/>
      <c r="OTD724" s="613"/>
      <c r="OTE724" s="613"/>
      <c r="OTF724" s="613"/>
      <c r="OTG724" s="613"/>
      <c r="OTH724" s="613"/>
      <c r="OTI724" s="613"/>
      <c r="OTJ724" s="613"/>
      <c r="OTK724" s="613"/>
      <c r="OTL724" s="613"/>
      <c r="OTM724" s="613"/>
      <c r="OTN724" s="613"/>
      <c r="OTO724" s="613"/>
      <c r="OTP724" s="613"/>
      <c r="OTQ724" s="613"/>
      <c r="OTR724" s="613"/>
      <c r="OTS724" s="613"/>
      <c r="OTT724" s="613"/>
      <c r="OTU724" s="613"/>
      <c r="OTV724" s="613"/>
      <c r="OTW724" s="613"/>
      <c r="OTX724" s="613"/>
      <c r="OTY724" s="613"/>
      <c r="OTZ724" s="613"/>
      <c r="OUA724" s="613"/>
      <c r="OUB724" s="613"/>
      <c r="OUC724" s="613"/>
      <c r="OUD724" s="613"/>
      <c r="OUE724" s="613"/>
      <c r="OUF724" s="613"/>
      <c r="OUG724" s="613"/>
      <c r="OUH724" s="613"/>
      <c r="OUI724" s="613"/>
      <c r="OUJ724" s="613"/>
      <c r="OUK724" s="613"/>
      <c r="OUL724" s="613"/>
      <c r="OUM724" s="613"/>
      <c r="OUN724" s="613"/>
      <c r="OUO724" s="613"/>
      <c r="OUP724" s="613"/>
      <c r="OUQ724" s="613"/>
      <c r="OUR724" s="613"/>
      <c r="OUS724" s="613"/>
      <c r="OUT724" s="613"/>
      <c r="OUU724" s="613"/>
      <c r="OUV724" s="613"/>
      <c r="OUW724" s="613"/>
      <c r="OUX724" s="613"/>
      <c r="OUY724" s="613"/>
      <c r="OUZ724" s="613"/>
      <c r="OVA724" s="613"/>
      <c r="OVB724" s="613"/>
      <c r="OVC724" s="613"/>
      <c r="OVD724" s="613"/>
      <c r="OVE724" s="613"/>
      <c r="OVF724" s="613"/>
      <c r="OVG724" s="613"/>
      <c r="OVH724" s="613"/>
      <c r="OVI724" s="613"/>
      <c r="OVJ724" s="613"/>
      <c r="OVK724" s="613"/>
      <c r="OVL724" s="613"/>
      <c r="OVM724" s="613"/>
      <c r="OVN724" s="613"/>
      <c r="OVO724" s="613"/>
      <c r="OVP724" s="613"/>
      <c r="OVQ724" s="613"/>
      <c r="OVR724" s="613"/>
      <c r="OVS724" s="613"/>
      <c r="OVT724" s="613"/>
      <c r="OVU724" s="613"/>
      <c r="OVV724" s="613"/>
      <c r="OVW724" s="613"/>
      <c r="OVX724" s="613"/>
      <c r="OVY724" s="613"/>
      <c r="OVZ724" s="613"/>
      <c r="OWA724" s="613"/>
      <c r="OWB724" s="613"/>
      <c r="OWC724" s="613"/>
      <c r="OWD724" s="613"/>
      <c r="OWE724" s="613"/>
      <c r="OWF724" s="613"/>
      <c r="OWG724" s="613"/>
      <c r="OWH724" s="613"/>
      <c r="OWI724" s="613"/>
      <c r="OWJ724" s="613"/>
      <c r="OWK724" s="613"/>
      <c r="OWL724" s="613"/>
      <c r="OWM724" s="613"/>
      <c r="OWN724" s="613"/>
      <c r="OWO724" s="613"/>
      <c r="OWP724" s="613"/>
      <c r="OWQ724" s="613"/>
      <c r="OWR724" s="613"/>
      <c r="OWS724" s="613"/>
      <c r="OWT724" s="613"/>
      <c r="OWU724" s="613"/>
      <c r="OWV724" s="613"/>
      <c r="OWW724" s="613"/>
      <c r="OWX724" s="613"/>
      <c r="OWY724" s="613"/>
      <c r="OWZ724" s="613"/>
      <c r="OXA724" s="613"/>
      <c r="OXB724" s="613"/>
      <c r="OXC724" s="613"/>
      <c r="OXD724" s="613"/>
      <c r="OXE724" s="613"/>
      <c r="OXF724" s="613"/>
      <c r="OXG724" s="613"/>
      <c r="OXH724" s="613"/>
      <c r="OXI724" s="613"/>
      <c r="OXJ724" s="613"/>
      <c r="OXK724" s="613"/>
      <c r="OXL724" s="613"/>
      <c r="OXM724" s="613"/>
      <c r="OXN724" s="613"/>
      <c r="OXO724" s="613"/>
      <c r="OXP724" s="613"/>
      <c r="OXQ724" s="613"/>
      <c r="OXR724" s="613"/>
      <c r="OXS724" s="613"/>
      <c r="OXT724" s="613"/>
      <c r="OXU724" s="613"/>
      <c r="OXV724" s="613"/>
      <c r="OXW724" s="613"/>
      <c r="OXX724" s="613"/>
      <c r="OXY724" s="613"/>
      <c r="OXZ724" s="613"/>
      <c r="OYA724" s="613"/>
      <c r="OYB724" s="613"/>
      <c r="OYC724" s="613"/>
      <c r="OYD724" s="613"/>
      <c r="OYE724" s="613"/>
      <c r="OYF724" s="613"/>
      <c r="OYG724" s="613"/>
      <c r="OYH724" s="613"/>
      <c r="OYI724" s="613"/>
      <c r="OYJ724" s="613"/>
      <c r="OYK724" s="613"/>
      <c r="OYL724" s="613"/>
      <c r="OYM724" s="613"/>
      <c r="OYN724" s="613"/>
      <c r="OYO724" s="613"/>
      <c r="OYP724" s="613"/>
      <c r="OYQ724" s="613"/>
      <c r="OYR724" s="613"/>
      <c r="OYS724" s="613"/>
      <c r="OYT724" s="613"/>
      <c r="OYU724" s="613"/>
      <c r="OYV724" s="613"/>
      <c r="OYW724" s="613"/>
      <c r="OYX724" s="613"/>
      <c r="OYY724" s="613"/>
      <c r="OYZ724" s="613"/>
      <c r="OZA724" s="613"/>
      <c r="OZB724" s="613"/>
      <c r="OZC724" s="613"/>
      <c r="OZD724" s="613"/>
      <c r="OZE724" s="613"/>
      <c r="OZF724" s="613"/>
      <c r="OZG724" s="613"/>
      <c r="OZH724" s="613"/>
      <c r="OZI724" s="613"/>
      <c r="OZJ724" s="613"/>
      <c r="OZK724" s="613"/>
      <c r="OZL724" s="613"/>
      <c r="OZM724" s="613"/>
      <c r="OZN724" s="613"/>
      <c r="OZO724" s="613"/>
      <c r="OZP724" s="613"/>
      <c r="OZQ724" s="613"/>
      <c r="OZR724" s="613"/>
      <c r="OZS724" s="613"/>
      <c r="OZT724" s="613"/>
      <c r="OZU724" s="613"/>
      <c r="OZV724" s="613"/>
      <c r="OZW724" s="613"/>
      <c r="OZX724" s="613"/>
      <c r="OZY724" s="613"/>
      <c r="OZZ724" s="613"/>
      <c r="PAA724" s="613"/>
      <c r="PAB724" s="613"/>
      <c r="PAC724" s="613"/>
      <c r="PAD724" s="613"/>
      <c r="PAE724" s="613"/>
      <c r="PAF724" s="613"/>
      <c r="PAG724" s="613"/>
      <c r="PAH724" s="613"/>
      <c r="PAI724" s="613"/>
      <c r="PAJ724" s="613"/>
      <c r="PAK724" s="613"/>
      <c r="PAL724" s="613"/>
      <c r="PAM724" s="613"/>
      <c r="PAN724" s="613"/>
      <c r="PAO724" s="613"/>
      <c r="PAP724" s="613"/>
      <c r="PAQ724" s="613"/>
      <c r="PAR724" s="613"/>
      <c r="PAS724" s="613"/>
      <c r="PAT724" s="613"/>
      <c r="PAU724" s="613"/>
      <c r="PAV724" s="613"/>
      <c r="PAW724" s="613"/>
      <c r="PAX724" s="613"/>
      <c r="PAY724" s="613"/>
      <c r="PAZ724" s="613"/>
      <c r="PBA724" s="613"/>
      <c r="PBB724" s="613"/>
      <c r="PBC724" s="613"/>
      <c r="PBD724" s="613"/>
      <c r="PBE724" s="613"/>
      <c r="PBF724" s="613"/>
      <c r="PBG724" s="613"/>
      <c r="PBH724" s="613"/>
      <c r="PBI724" s="613"/>
      <c r="PBJ724" s="613"/>
      <c r="PBK724" s="613"/>
      <c r="PBL724" s="613"/>
      <c r="PBM724" s="613"/>
      <c r="PBN724" s="613"/>
      <c r="PBO724" s="613"/>
      <c r="PBP724" s="613"/>
      <c r="PBQ724" s="613"/>
      <c r="PBR724" s="613"/>
      <c r="PBS724" s="613"/>
      <c r="PBT724" s="613"/>
      <c r="PBU724" s="613"/>
      <c r="PBV724" s="613"/>
      <c r="PBW724" s="613"/>
      <c r="PBX724" s="613"/>
      <c r="PBY724" s="613"/>
      <c r="PBZ724" s="613"/>
      <c r="PCA724" s="613"/>
      <c r="PCB724" s="613"/>
      <c r="PCC724" s="613"/>
      <c r="PCD724" s="613"/>
      <c r="PCE724" s="613"/>
      <c r="PCF724" s="613"/>
      <c r="PCG724" s="613"/>
      <c r="PCH724" s="613"/>
      <c r="PCI724" s="613"/>
      <c r="PCJ724" s="613"/>
      <c r="PCK724" s="613"/>
      <c r="PCL724" s="613"/>
      <c r="PCM724" s="613"/>
      <c r="PCN724" s="613"/>
      <c r="PCO724" s="613"/>
      <c r="PCP724" s="613"/>
      <c r="PCQ724" s="613"/>
      <c r="PCR724" s="613"/>
      <c r="PCS724" s="613"/>
      <c r="PCT724" s="613"/>
      <c r="PCU724" s="613"/>
      <c r="PCV724" s="613"/>
      <c r="PCW724" s="613"/>
      <c r="PCX724" s="613"/>
      <c r="PCY724" s="613"/>
      <c r="PCZ724" s="613"/>
      <c r="PDA724" s="613"/>
      <c r="PDB724" s="613"/>
      <c r="PDC724" s="613"/>
      <c r="PDD724" s="613"/>
      <c r="PDE724" s="613"/>
      <c r="PDF724" s="613"/>
      <c r="PDG724" s="613"/>
      <c r="PDH724" s="613"/>
      <c r="PDI724" s="613"/>
      <c r="PDJ724" s="613"/>
      <c r="PDK724" s="613"/>
      <c r="PDL724" s="613"/>
      <c r="PDM724" s="613"/>
      <c r="PDN724" s="613"/>
      <c r="PDO724" s="613"/>
      <c r="PDP724" s="613"/>
      <c r="PDQ724" s="613"/>
      <c r="PDR724" s="613"/>
      <c r="PDS724" s="613"/>
      <c r="PDT724" s="613"/>
      <c r="PDU724" s="613"/>
      <c r="PDV724" s="613"/>
      <c r="PDW724" s="613"/>
      <c r="PDX724" s="613"/>
      <c r="PDY724" s="613"/>
      <c r="PDZ724" s="613"/>
      <c r="PEA724" s="613"/>
      <c r="PEB724" s="613"/>
      <c r="PEC724" s="613"/>
      <c r="PED724" s="613"/>
      <c r="PEE724" s="613"/>
      <c r="PEF724" s="613"/>
      <c r="PEG724" s="613"/>
      <c r="PEH724" s="613"/>
      <c r="PEI724" s="613"/>
      <c r="PEJ724" s="613"/>
      <c r="PEK724" s="613"/>
      <c r="PEL724" s="613"/>
      <c r="PEM724" s="613"/>
      <c r="PEN724" s="613"/>
      <c r="PEO724" s="613"/>
      <c r="PEP724" s="613"/>
      <c r="PEQ724" s="613"/>
      <c r="PER724" s="613"/>
      <c r="PES724" s="613"/>
      <c r="PET724" s="613"/>
      <c r="PEU724" s="613"/>
      <c r="PEV724" s="613"/>
      <c r="PEW724" s="613"/>
      <c r="PEX724" s="613"/>
      <c r="PEY724" s="613"/>
      <c r="PEZ724" s="613"/>
      <c r="PFA724" s="613"/>
      <c r="PFB724" s="613"/>
      <c r="PFC724" s="613"/>
      <c r="PFD724" s="613"/>
      <c r="PFE724" s="613"/>
      <c r="PFF724" s="613"/>
      <c r="PFG724" s="613"/>
      <c r="PFH724" s="613"/>
      <c r="PFI724" s="613"/>
      <c r="PFJ724" s="613"/>
      <c r="PFK724" s="613"/>
      <c r="PFL724" s="613"/>
      <c r="PFM724" s="613"/>
      <c r="PFN724" s="613"/>
      <c r="PFO724" s="613"/>
      <c r="PFP724" s="613"/>
      <c r="PFQ724" s="613"/>
      <c r="PFR724" s="613"/>
      <c r="PFS724" s="613"/>
      <c r="PFT724" s="613"/>
      <c r="PFU724" s="613"/>
      <c r="PFV724" s="613"/>
      <c r="PFW724" s="613"/>
      <c r="PFX724" s="613"/>
      <c r="PFY724" s="613"/>
      <c r="PFZ724" s="613"/>
      <c r="PGA724" s="613"/>
      <c r="PGB724" s="613"/>
      <c r="PGC724" s="613"/>
      <c r="PGD724" s="613"/>
      <c r="PGE724" s="613"/>
      <c r="PGF724" s="613"/>
      <c r="PGG724" s="613"/>
      <c r="PGH724" s="613"/>
      <c r="PGI724" s="613"/>
      <c r="PGJ724" s="613"/>
      <c r="PGK724" s="613"/>
      <c r="PGL724" s="613"/>
      <c r="PGM724" s="613"/>
      <c r="PGN724" s="613"/>
      <c r="PGO724" s="613"/>
      <c r="PGP724" s="613"/>
      <c r="PGQ724" s="613"/>
      <c r="PGR724" s="613"/>
      <c r="PGS724" s="613"/>
      <c r="PGT724" s="613"/>
      <c r="PGU724" s="613"/>
      <c r="PGV724" s="613"/>
      <c r="PGW724" s="613"/>
      <c r="PGX724" s="613"/>
      <c r="PGY724" s="613"/>
      <c r="PGZ724" s="613"/>
      <c r="PHA724" s="613"/>
      <c r="PHB724" s="613"/>
      <c r="PHC724" s="613"/>
      <c r="PHD724" s="613"/>
      <c r="PHE724" s="613"/>
      <c r="PHF724" s="613"/>
      <c r="PHG724" s="613"/>
      <c r="PHH724" s="613"/>
      <c r="PHI724" s="613"/>
      <c r="PHJ724" s="613"/>
      <c r="PHK724" s="613"/>
      <c r="PHL724" s="613"/>
      <c r="PHM724" s="613"/>
      <c r="PHN724" s="613"/>
      <c r="PHO724" s="613"/>
      <c r="PHP724" s="613"/>
      <c r="PHQ724" s="613"/>
      <c r="PHR724" s="613"/>
      <c r="PHS724" s="613"/>
      <c r="PHT724" s="613"/>
      <c r="PHU724" s="613"/>
      <c r="PHV724" s="613"/>
      <c r="PHW724" s="613"/>
      <c r="PHX724" s="613"/>
      <c r="PHY724" s="613"/>
      <c r="PHZ724" s="613"/>
      <c r="PIA724" s="613"/>
      <c r="PIB724" s="613"/>
      <c r="PIC724" s="613"/>
      <c r="PID724" s="613"/>
      <c r="PIE724" s="613"/>
      <c r="PIF724" s="613"/>
      <c r="PIG724" s="613"/>
      <c r="PIH724" s="613"/>
      <c r="PII724" s="613"/>
      <c r="PIJ724" s="613"/>
      <c r="PIK724" s="613"/>
      <c r="PIL724" s="613"/>
      <c r="PIM724" s="613"/>
      <c r="PIN724" s="613"/>
      <c r="PIO724" s="613"/>
      <c r="PIP724" s="613"/>
      <c r="PIQ724" s="613"/>
      <c r="PIR724" s="613"/>
      <c r="PIS724" s="613"/>
      <c r="PIT724" s="613"/>
      <c r="PIU724" s="613"/>
      <c r="PIV724" s="613"/>
      <c r="PIW724" s="613"/>
      <c r="PIX724" s="613"/>
      <c r="PIY724" s="613"/>
      <c r="PIZ724" s="613"/>
      <c r="PJA724" s="613"/>
      <c r="PJB724" s="613"/>
      <c r="PJC724" s="613"/>
      <c r="PJD724" s="613"/>
      <c r="PJE724" s="613"/>
      <c r="PJF724" s="613"/>
      <c r="PJG724" s="613"/>
      <c r="PJH724" s="613"/>
      <c r="PJI724" s="613"/>
      <c r="PJJ724" s="613"/>
      <c r="PJK724" s="613"/>
      <c r="PJL724" s="613"/>
      <c r="PJM724" s="613"/>
      <c r="PJN724" s="613"/>
      <c r="PJO724" s="613"/>
      <c r="PJP724" s="613"/>
      <c r="PJQ724" s="613"/>
      <c r="PJR724" s="613"/>
      <c r="PJS724" s="613"/>
      <c r="PJT724" s="613"/>
      <c r="PJU724" s="613"/>
      <c r="PJV724" s="613"/>
      <c r="PJW724" s="613"/>
      <c r="PJX724" s="613"/>
      <c r="PJY724" s="613"/>
      <c r="PJZ724" s="613"/>
      <c r="PKA724" s="613"/>
      <c r="PKB724" s="613"/>
      <c r="PKC724" s="613"/>
      <c r="PKD724" s="613"/>
      <c r="PKE724" s="613"/>
      <c r="PKF724" s="613"/>
      <c r="PKG724" s="613"/>
      <c r="PKH724" s="613"/>
      <c r="PKI724" s="613"/>
      <c r="PKJ724" s="613"/>
      <c r="PKK724" s="613"/>
      <c r="PKL724" s="613"/>
      <c r="PKM724" s="613"/>
      <c r="PKN724" s="613"/>
      <c r="PKO724" s="613"/>
      <c r="PKP724" s="613"/>
      <c r="PKQ724" s="613"/>
      <c r="PKR724" s="613"/>
      <c r="PKS724" s="613"/>
      <c r="PKT724" s="613"/>
      <c r="PKU724" s="613"/>
      <c r="PKV724" s="613"/>
      <c r="PKW724" s="613"/>
      <c r="PKX724" s="613"/>
      <c r="PKY724" s="613"/>
      <c r="PKZ724" s="613"/>
      <c r="PLA724" s="613"/>
      <c r="PLB724" s="613"/>
      <c r="PLC724" s="613"/>
      <c r="PLD724" s="613"/>
      <c r="PLE724" s="613"/>
      <c r="PLF724" s="613"/>
      <c r="PLG724" s="613"/>
      <c r="PLH724" s="613"/>
      <c r="PLI724" s="613"/>
      <c r="PLJ724" s="613"/>
      <c r="PLK724" s="613"/>
      <c r="PLL724" s="613"/>
      <c r="PLM724" s="613"/>
      <c r="PLN724" s="613"/>
      <c r="PLO724" s="613"/>
      <c r="PLP724" s="613"/>
      <c r="PLQ724" s="613"/>
      <c r="PLR724" s="613"/>
      <c r="PLS724" s="613"/>
      <c r="PLT724" s="613"/>
      <c r="PLU724" s="613"/>
      <c r="PLV724" s="613"/>
      <c r="PLW724" s="613"/>
      <c r="PLX724" s="613"/>
      <c r="PLY724" s="613"/>
      <c r="PLZ724" s="613"/>
      <c r="PMA724" s="613"/>
      <c r="PMB724" s="613"/>
      <c r="PMC724" s="613"/>
      <c r="PMD724" s="613"/>
      <c r="PME724" s="613"/>
      <c r="PMF724" s="613"/>
      <c r="PMG724" s="613"/>
      <c r="PMH724" s="613"/>
      <c r="PMI724" s="613"/>
      <c r="PMJ724" s="613"/>
      <c r="PMK724" s="613"/>
      <c r="PML724" s="613"/>
      <c r="PMM724" s="613"/>
      <c r="PMN724" s="613"/>
      <c r="PMO724" s="613"/>
      <c r="PMP724" s="613"/>
      <c r="PMQ724" s="613"/>
      <c r="PMR724" s="613"/>
      <c r="PMS724" s="613"/>
      <c r="PMT724" s="613"/>
      <c r="PMU724" s="613"/>
      <c r="PMV724" s="613"/>
      <c r="PMW724" s="613"/>
      <c r="PMX724" s="613"/>
      <c r="PMY724" s="613"/>
      <c r="PMZ724" s="613"/>
      <c r="PNA724" s="613"/>
      <c r="PNB724" s="613"/>
      <c r="PNC724" s="613"/>
      <c r="PND724" s="613"/>
      <c r="PNE724" s="613"/>
      <c r="PNF724" s="613"/>
      <c r="PNG724" s="613"/>
      <c r="PNH724" s="613"/>
      <c r="PNI724" s="613"/>
      <c r="PNJ724" s="613"/>
      <c r="PNK724" s="613"/>
      <c r="PNL724" s="613"/>
      <c r="PNM724" s="613"/>
      <c r="PNN724" s="613"/>
      <c r="PNO724" s="613"/>
      <c r="PNP724" s="613"/>
      <c r="PNQ724" s="613"/>
      <c r="PNR724" s="613"/>
      <c r="PNS724" s="613"/>
      <c r="PNT724" s="613"/>
      <c r="PNU724" s="613"/>
      <c r="PNV724" s="613"/>
      <c r="PNW724" s="613"/>
      <c r="PNX724" s="613"/>
      <c r="PNY724" s="613"/>
      <c r="PNZ724" s="613"/>
      <c r="POA724" s="613"/>
      <c r="POB724" s="613"/>
      <c r="POC724" s="613"/>
      <c r="POD724" s="613"/>
      <c r="POE724" s="613"/>
      <c r="POF724" s="613"/>
      <c r="POG724" s="613"/>
      <c r="POH724" s="613"/>
      <c r="POI724" s="613"/>
      <c r="POJ724" s="613"/>
      <c r="POK724" s="613"/>
      <c r="POL724" s="613"/>
      <c r="POM724" s="613"/>
      <c r="PON724" s="613"/>
      <c r="POO724" s="613"/>
      <c r="POP724" s="613"/>
      <c r="POQ724" s="613"/>
      <c r="POR724" s="613"/>
      <c r="POS724" s="613"/>
      <c r="POT724" s="613"/>
      <c r="POU724" s="613"/>
      <c r="POV724" s="613"/>
      <c r="POW724" s="613"/>
      <c r="POX724" s="613"/>
      <c r="POY724" s="613"/>
      <c r="POZ724" s="613"/>
      <c r="PPA724" s="613"/>
      <c r="PPB724" s="613"/>
      <c r="PPC724" s="613"/>
      <c r="PPD724" s="613"/>
      <c r="PPE724" s="613"/>
      <c r="PPF724" s="613"/>
      <c r="PPG724" s="613"/>
      <c r="PPH724" s="613"/>
      <c r="PPI724" s="613"/>
      <c r="PPJ724" s="613"/>
      <c r="PPK724" s="613"/>
      <c r="PPL724" s="613"/>
      <c r="PPM724" s="613"/>
      <c r="PPN724" s="613"/>
      <c r="PPO724" s="613"/>
      <c r="PPP724" s="613"/>
      <c r="PPQ724" s="613"/>
      <c r="PPR724" s="613"/>
      <c r="PPS724" s="613"/>
      <c r="PPT724" s="613"/>
      <c r="PPU724" s="613"/>
      <c r="PPV724" s="613"/>
      <c r="PPW724" s="613"/>
      <c r="PPX724" s="613"/>
      <c r="PPY724" s="613"/>
      <c r="PPZ724" s="613"/>
      <c r="PQA724" s="613"/>
      <c r="PQB724" s="613"/>
      <c r="PQC724" s="613"/>
      <c r="PQD724" s="613"/>
      <c r="PQE724" s="613"/>
      <c r="PQF724" s="613"/>
      <c r="PQG724" s="613"/>
      <c r="PQH724" s="613"/>
      <c r="PQI724" s="613"/>
      <c r="PQJ724" s="613"/>
      <c r="PQK724" s="613"/>
      <c r="PQL724" s="613"/>
      <c r="PQM724" s="613"/>
      <c r="PQN724" s="613"/>
      <c r="PQO724" s="613"/>
      <c r="PQP724" s="613"/>
      <c r="PQQ724" s="613"/>
      <c r="PQR724" s="613"/>
      <c r="PQS724" s="613"/>
      <c r="PQT724" s="613"/>
      <c r="PQU724" s="613"/>
      <c r="PQV724" s="613"/>
      <c r="PQW724" s="613"/>
      <c r="PQX724" s="613"/>
      <c r="PQY724" s="613"/>
      <c r="PQZ724" s="613"/>
      <c r="PRA724" s="613"/>
      <c r="PRB724" s="613"/>
      <c r="PRC724" s="613"/>
      <c r="PRD724" s="613"/>
      <c r="PRE724" s="613"/>
      <c r="PRF724" s="613"/>
      <c r="PRG724" s="613"/>
      <c r="PRH724" s="613"/>
      <c r="PRI724" s="613"/>
      <c r="PRJ724" s="613"/>
      <c r="PRK724" s="613"/>
      <c r="PRL724" s="613"/>
      <c r="PRM724" s="613"/>
      <c r="PRN724" s="613"/>
      <c r="PRO724" s="613"/>
      <c r="PRP724" s="613"/>
      <c r="PRQ724" s="613"/>
      <c r="PRR724" s="613"/>
      <c r="PRS724" s="613"/>
      <c r="PRT724" s="613"/>
      <c r="PRU724" s="613"/>
      <c r="PRV724" s="613"/>
      <c r="PRW724" s="613"/>
      <c r="PRX724" s="613"/>
      <c r="PRY724" s="613"/>
      <c r="PRZ724" s="613"/>
      <c r="PSA724" s="613"/>
      <c r="PSB724" s="613"/>
      <c r="PSC724" s="613"/>
      <c r="PSD724" s="613"/>
      <c r="PSE724" s="613"/>
      <c r="PSF724" s="613"/>
      <c r="PSG724" s="613"/>
      <c r="PSH724" s="613"/>
      <c r="PSI724" s="613"/>
      <c r="PSJ724" s="613"/>
      <c r="PSK724" s="613"/>
      <c r="PSL724" s="613"/>
      <c r="PSM724" s="613"/>
      <c r="PSN724" s="613"/>
      <c r="PSO724" s="613"/>
      <c r="PSP724" s="613"/>
      <c r="PSQ724" s="613"/>
      <c r="PSR724" s="613"/>
      <c r="PSS724" s="613"/>
      <c r="PST724" s="613"/>
      <c r="PSU724" s="613"/>
      <c r="PSV724" s="613"/>
      <c r="PSW724" s="613"/>
      <c r="PSX724" s="613"/>
      <c r="PSY724" s="613"/>
      <c r="PSZ724" s="613"/>
      <c r="PTA724" s="613"/>
      <c r="PTB724" s="613"/>
      <c r="PTC724" s="613"/>
      <c r="PTD724" s="613"/>
      <c r="PTE724" s="613"/>
      <c r="PTF724" s="613"/>
      <c r="PTG724" s="613"/>
      <c r="PTH724" s="613"/>
      <c r="PTI724" s="613"/>
      <c r="PTJ724" s="613"/>
      <c r="PTK724" s="613"/>
      <c r="PTL724" s="613"/>
      <c r="PTM724" s="613"/>
      <c r="PTN724" s="613"/>
      <c r="PTO724" s="613"/>
      <c r="PTP724" s="613"/>
      <c r="PTQ724" s="613"/>
      <c r="PTR724" s="613"/>
      <c r="PTS724" s="613"/>
      <c r="PTT724" s="613"/>
      <c r="PTU724" s="613"/>
      <c r="PTV724" s="613"/>
      <c r="PTW724" s="613"/>
      <c r="PTX724" s="613"/>
      <c r="PTY724" s="613"/>
      <c r="PTZ724" s="613"/>
      <c r="PUA724" s="613"/>
      <c r="PUB724" s="613"/>
      <c r="PUC724" s="613"/>
      <c r="PUD724" s="613"/>
      <c r="PUE724" s="613"/>
      <c r="PUF724" s="613"/>
      <c r="PUG724" s="613"/>
      <c r="PUH724" s="613"/>
      <c r="PUI724" s="613"/>
      <c r="PUJ724" s="613"/>
      <c r="PUK724" s="613"/>
      <c r="PUL724" s="613"/>
      <c r="PUM724" s="613"/>
      <c r="PUN724" s="613"/>
      <c r="PUO724" s="613"/>
      <c r="PUP724" s="613"/>
      <c r="PUQ724" s="613"/>
      <c r="PUR724" s="613"/>
      <c r="PUS724" s="613"/>
      <c r="PUT724" s="613"/>
      <c r="PUU724" s="613"/>
      <c r="PUV724" s="613"/>
      <c r="PUW724" s="613"/>
      <c r="PUX724" s="613"/>
      <c r="PUY724" s="613"/>
      <c r="PUZ724" s="613"/>
      <c r="PVA724" s="613"/>
      <c r="PVB724" s="613"/>
      <c r="PVC724" s="613"/>
      <c r="PVD724" s="613"/>
      <c r="PVE724" s="613"/>
      <c r="PVF724" s="613"/>
      <c r="PVG724" s="613"/>
      <c r="PVH724" s="613"/>
      <c r="PVI724" s="613"/>
      <c r="PVJ724" s="613"/>
      <c r="PVK724" s="613"/>
      <c r="PVL724" s="613"/>
      <c r="PVM724" s="613"/>
      <c r="PVN724" s="613"/>
      <c r="PVO724" s="613"/>
      <c r="PVP724" s="613"/>
      <c r="PVQ724" s="613"/>
      <c r="PVR724" s="613"/>
      <c r="PVS724" s="613"/>
      <c r="PVT724" s="613"/>
      <c r="PVU724" s="613"/>
      <c r="PVV724" s="613"/>
      <c r="PVW724" s="613"/>
      <c r="PVX724" s="613"/>
      <c r="PVY724" s="613"/>
      <c r="PVZ724" s="613"/>
      <c r="PWA724" s="613"/>
      <c r="PWB724" s="613"/>
      <c r="PWC724" s="613"/>
      <c r="PWD724" s="613"/>
      <c r="PWE724" s="613"/>
      <c r="PWF724" s="613"/>
      <c r="PWG724" s="613"/>
      <c r="PWH724" s="613"/>
      <c r="PWI724" s="613"/>
      <c r="PWJ724" s="613"/>
      <c r="PWK724" s="613"/>
      <c r="PWL724" s="613"/>
      <c r="PWM724" s="613"/>
      <c r="PWN724" s="613"/>
      <c r="PWO724" s="613"/>
      <c r="PWP724" s="613"/>
      <c r="PWQ724" s="613"/>
      <c r="PWR724" s="613"/>
      <c r="PWS724" s="613"/>
      <c r="PWT724" s="613"/>
      <c r="PWU724" s="613"/>
      <c r="PWV724" s="613"/>
      <c r="PWW724" s="613"/>
      <c r="PWX724" s="613"/>
      <c r="PWY724" s="613"/>
      <c r="PWZ724" s="613"/>
      <c r="PXA724" s="613"/>
      <c r="PXB724" s="613"/>
      <c r="PXC724" s="613"/>
      <c r="PXD724" s="613"/>
      <c r="PXE724" s="613"/>
      <c r="PXF724" s="613"/>
      <c r="PXG724" s="613"/>
      <c r="PXH724" s="613"/>
      <c r="PXI724" s="613"/>
      <c r="PXJ724" s="613"/>
      <c r="PXK724" s="613"/>
      <c r="PXL724" s="613"/>
      <c r="PXM724" s="613"/>
      <c r="PXN724" s="613"/>
      <c r="PXO724" s="613"/>
      <c r="PXP724" s="613"/>
      <c r="PXQ724" s="613"/>
      <c r="PXR724" s="613"/>
      <c r="PXS724" s="613"/>
      <c r="PXT724" s="613"/>
      <c r="PXU724" s="613"/>
      <c r="PXV724" s="613"/>
      <c r="PXW724" s="613"/>
      <c r="PXX724" s="613"/>
      <c r="PXY724" s="613"/>
      <c r="PXZ724" s="613"/>
      <c r="PYA724" s="613"/>
      <c r="PYB724" s="613"/>
      <c r="PYC724" s="613"/>
      <c r="PYD724" s="613"/>
      <c r="PYE724" s="613"/>
      <c r="PYF724" s="613"/>
      <c r="PYG724" s="613"/>
      <c r="PYH724" s="613"/>
      <c r="PYI724" s="613"/>
      <c r="PYJ724" s="613"/>
      <c r="PYK724" s="613"/>
      <c r="PYL724" s="613"/>
      <c r="PYM724" s="613"/>
      <c r="PYN724" s="613"/>
      <c r="PYO724" s="613"/>
      <c r="PYP724" s="613"/>
      <c r="PYQ724" s="613"/>
      <c r="PYR724" s="613"/>
      <c r="PYS724" s="613"/>
      <c r="PYT724" s="613"/>
      <c r="PYU724" s="613"/>
      <c r="PYV724" s="613"/>
      <c r="PYW724" s="613"/>
      <c r="PYX724" s="613"/>
      <c r="PYY724" s="613"/>
      <c r="PYZ724" s="613"/>
      <c r="PZA724" s="613"/>
      <c r="PZB724" s="613"/>
      <c r="PZC724" s="613"/>
      <c r="PZD724" s="613"/>
      <c r="PZE724" s="613"/>
      <c r="PZF724" s="613"/>
      <c r="PZG724" s="613"/>
      <c r="PZH724" s="613"/>
      <c r="PZI724" s="613"/>
      <c r="PZJ724" s="613"/>
      <c r="PZK724" s="613"/>
      <c r="PZL724" s="613"/>
      <c r="PZM724" s="613"/>
      <c r="PZN724" s="613"/>
      <c r="PZO724" s="613"/>
      <c r="PZP724" s="613"/>
      <c r="PZQ724" s="613"/>
      <c r="PZR724" s="613"/>
      <c r="PZS724" s="613"/>
      <c r="PZT724" s="613"/>
      <c r="PZU724" s="613"/>
      <c r="PZV724" s="613"/>
      <c r="PZW724" s="613"/>
      <c r="PZX724" s="613"/>
      <c r="PZY724" s="613"/>
      <c r="PZZ724" s="613"/>
      <c r="QAA724" s="613"/>
      <c r="QAB724" s="613"/>
      <c r="QAC724" s="613"/>
      <c r="QAD724" s="613"/>
      <c r="QAE724" s="613"/>
      <c r="QAF724" s="613"/>
      <c r="QAG724" s="613"/>
      <c r="QAH724" s="613"/>
      <c r="QAI724" s="613"/>
      <c r="QAJ724" s="613"/>
      <c r="QAK724" s="613"/>
      <c r="QAL724" s="613"/>
      <c r="QAM724" s="613"/>
      <c r="QAN724" s="613"/>
      <c r="QAO724" s="613"/>
      <c r="QAP724" s="613"/>
      <c r="QAQ724" s="613"/>
      <c r="QAR724" s="613"/>
      <c r="QAS724" s="613"/>
      <c r="QAT724" s="613"/>
      <c r="QAU724" s="613"/>
      <c r="QAV724" s="613"/>
      <c r="QAW724" s="613"/>
      <c r="QAX724" s="613"/>
      <c r="QAY724" s="613"/>
      <c r="QAZ724" s="613"/>
      <c r="QBA724" s="613"/>
      <c r="QBB724" s="613"/>
      <c r="QBC724" s="613"/>
      <c r="QBD724" s="613"/>
      <c r="QBE724" s="613"/>
      <c r="QBF724" s="613"/>
      <c r="QBG724" s="613"/>
      <c r="QBH724" s="613"/>
      <c r="QBI724" s="613"/>
      <c r="QBJ724" s="613"/>
      <c r="QBK724" s="613"/>
      <c r="QBL724" s="613"/>
      <c r="QBM724" s="613"/>
      <c r="QBN724" s="613"/>
      <c r="QBO724" s="613"/>
      <c r="QBP724" s="613"/>
      <c r="QBQ724" s="613"/>
      <c r="QBR724" s="613"/>
      <c r="QBS724" s="613"/>
      <c r="QBT724" s="613"/>
      <c r="QBU724" s="613"/>
      <c r="QBV724" s="613"/>
      <c r="QBW724" s="613"/>
      <c r="QBX724" s="613"/>
      <c r="QBY724" s="613"/>
      <c r="QBZ724" s="613"/>
      <c r="QCA724" s="613"/>
      <c r="QCB724" s="613"/>
      <c r="QCC724" s="613"/>
      <c r="QCD724" s="613"/>
      <c r="QCE724" s="613"/>
      <c r="QCF724" s="613"/>
      <c r="QCG724" s="613"/>
      <c r="QCH724" s="613"/>
      <c r="QCI724" s="613"/>
      <c r="QCJ724" s="613"/>
      <c r="QCK724" s="613"/>
      <c r="QCL724" s="613"/>
      <c r="QCM724" s="613"/>
      <c r="QCN724" s="613"/>
      <c r="QCO724" s="613"/>
      <c r="QCP724" s="613"/>
      <c r="QCQ724" s="613"/>
      <c r="QCR724" s="613"/>
      <c r="QCS724" s="613"/>
      <c r="QCT724" s="613"/>
      <c r="QCU724" s="613"/>
      <c r="QCV724" s="613"/>
      <c r="QCW724" s="613"/>
      <c r="QCX724" s="613"/>
      <c r="QCY724" s="613"/>
      <c r="QCZ724" s="613"/>
      <c r="QDA724" s="613"/>
      <c r="QDB724" s="613"/>
      <c r="QDC724" s="613"/>
      <c r="QDD724" s="613"/>
      <c r="QDE724" s="613"/>
      <c r="QDF724" s="613"/>
      <c r="QDG724" s="613"/>
      <c r="QDH724" s="613"/>
      <c r="QDI724" s="613"/>
      <c r="QDJ724" s="613"/>
      <c r="QDK724" s="613"/>
      <c r="QDL724" s="613"/>
      <c r="QDM724" s="613"/>
      <c r="QDN724" s="613"/>
      <c r="QDO724" s="613"/>
      <c r="QDP724" s="613"/>
      <c r="QDQ724" s="613"/>
      <c r="QDR724" s="613"/>
      <c r="QDS724" s="613"/>
      <c r="QDT724" s="613"/>
      <c r="QDU724" s="613"/>
      <c r="QDV724" s="613"/>
      <c r="QDW724" s="613"/>
      <c r="QDX724" s="613"/>
      <c r="QDY724" s="613"/>
      <c r="QDZ724" s="613"/>
      <c r="QEA724" s="613"/>
      <c r="QEB724" s="613"/>
      <c r="QEC724" s="613"/>
      <c r="QED724" s="613"/>
      <c r="QEE724" s="613"/>
      <c r="QEF724" s="613"/>
      <c r="QEG724" s="613"/>
      <c r="QEH724" s="613"/>
      <c r="QEI724" s="613"/>
      <c r="QEJ724" s="613"/>
      <c r="QEK724" s="613"/>
      <c r="QEL724" s="613"/>
      <c r="QEM724" s="613"/>
      <c r="QEN724" s="613"/>
      <c r="QEO724" s="613"/>
      <c r="QEP724" s="613"/>
      <c r="QEQ724" s="613"/>
      <c r="QER724" s="613"/>
      <c r="QES724" s="613"/>
      <c r="QET724" s="613"/>
      <c r="QEU724" s="613"/>
      <c r="QEV724" s="613"/>
      <c r="QEW724" s="613"/>
      <c r="QEX724" s="613"/>
      <c r="QEY724" s="613"/>
      <c r="QEZ724" s="613"/>
      <c r="QFA724" s="613"/>
      <c r="QFB724" s="613"/>
      <c r="QFC724" s="613"/>
      <c r="QFD724" s="613"/>
      <c r="QFE724" s="613"/>
      <c r="QFF724" s="613"/>
      <c r="QFG724" s="613"/>
      <c r="QFH724" s="613"/>
      <c r="QFI724" s="613"/>
      <c r="QFJ724" s="613"/>
      <c r="QFK724" s="613"/>
      <c r="QFL724" s="613"/>
      <c r="QFM724" s="613"/>
      <c r="QFN724" s="613"/>
      <c r="QFO724" s="613"/>
      <c r="QFP724" s="613"/>
      <c r="QFQ724" s="613"/>
      <c r="QFR724" s="613"/>
      <c r="QFS724" s="613"/>
      <c r="QFT724" s="613"/>
      <c r="QFU724" s="613"/>
      <c r="QFV724" s="613"/>
      <c r="QFW724" s="613"/>
      <c r="QFX724" s="613"/>
      <c r="QFY724" s="613"/>
      <c r="QFZ724" s="613"/>
      <c r="QGA724" s="613"/>
      <c r="QGB724" s="613"/>
      <c r="QGC724" s="613"/>
      <c r="QGD724" s="613"/>
      <c r="QGE724" s="613"/>
      <c r="QGF724" s="613"/>
      <c r="QGG724" s="613"/>
      <c r="QGH724" s="613"/>
      <c r="QGI724" s="613"/>
      <c r="QGJ724" s="613"/>
      <c r="QGK724" s="613"/>
      <c r="QGL724" s="613"/>
      <c r="QGM724" s="613"/>
      <c r="QGN724" s="613"/>
      <c r="QGO724" s="613"/>
      <c r="QGP724" s="613"/>
      <c r="QGQ724" s="613"/>
      <c r="QGR724" s="613"/>
      <c r="QGS724" s="613"/>
      <c r="QGT724" s="613"/>
      <c r="QGU724" s="613"/>
      <c r="QGV724" s="613"/>
      <c r="QGW724" s="613"/>
      <c r="QGX724" s="613"/>
      <c r="QGY724" s="613"/>
      <c r="QGZ724" s="613"/>
      <c r="QHA724" s="613"/>
      <c r="QHB724" s="613"/>
      <c r="QHC724" s="613"/>
      <c r="QHD724" s="613"/>
      <c r="QHE724" s="613"/>
      <c r="QHF724" s="613"/>
      <c r="QHG724" s="613"/>
      <c r="QHH724" s="613"/>
      <c r="QHI724" s="613"/>
      <c r="QHJ724" s="613"/>
      <c r="QHK724" s="613"/>
      <c r="QHL724" s="613"/>
      <c r="QHM724" s="613"/>
      <c r="QHN724" s="613"/>
      <c r="QHO724" s="613"/>
      <c r="QHP724" s="613"/>
      <c r="QHQ724" s="613"/>
      <c r="QHR724" s="613"/>
      <c r="QHS724" s="613"/>
      <c r="QHT724" s="613"/>
      <c r="QHU724" s="613"/>
      <c r="QHV724" s="613"/>
      <c r="QHW724" s="613"/>
      <c r="QHX724" s="613"/>
      <c r="QHY724" s="613"/>
      <c r="QHZ724" s="613"/>
      <c r="QIA724" s="613"/>
      <c r="QIB724" s="613"/>
      <c r="QIC724" s="613"/>
      <c r="QID724" s="613"/>
      <c r="QIE724" s="613"/>
      <c r="QIF724" s="613"/>
      <c r="QIG724" s="613"/>
      <c r="QIH724" s="613"/>
      <c r="QII724" s="613"/>
      <c r="QIJ724" s="613"/>
      <c r="QIK724" s="613"/>
      <c r="QIL724" s="613"/>
      <c r="QIM724" s="613"/>
      <c r="QIN724" s="613"/>
      <c r="QIO724" s="613"/>
      <c r="QIP724" s="613"/>
      <c r="QIQ724" s="613"/>
      <c r="QIR724" s="613"/>
      <c r="QIS724" s="613"/>
      <c r="QIT724" s="613"/>
      <c r="QIU724" s="613"/>
      <c r="QIV724" s="613"/>
      <c r="QIW724" s="613"/>
      <c r="QIX724" s="613"/>
      <c r="QIY724" s="613"/>
      <c r="QIZ724" s="613"/>
      <c r="QJA724" s="613"/>
      <c r="QJB724" s="613"/>
      <c r="QJC724" s="613"/>
      <c r="QJD724" s="613"/>
      <c r="QJE724" s="613"/>
      <c r="QJF724" s="613"/>
      <c r="QJG724" s="613"/>
      <c r="QJH724" s="613"/>
      <c r="QJI724" s="613"/>
      <c r="QJJ724" s="613"/>
      <c r="QJK724" s="613"/>
      <c r="QJL724" s="613"/>
      <c r="QJM724" s="613"/>
      <c r="QJN724" s="613"/>
      <c r="QJO724" s="613"/>
      <c r="QJP724" s="613"/>
      <c r="QJQ724" s="613"/>
      <c r="QJR724" s="613"/>
      <c r="QJS724" s="613"/>
      <c r="QJT724" s="613"/>
      <c r="QJU724" s="613"/>
      <c r="QJV724" s="613"/>
      <c r="QJW724" s="613"/>
      <c r="QJX724" s="613"/>
      <c r="QJY724" s="613"/>
      <c r="QJZ724" s="613"/>
      <c r="QKA724" s="613"/>
      <c r="QKB724" s="613"/>
      <c r="QKC724" s="613"/>
      <c r="QKD724" s="613"/>
      <c r="QKE724" s="613"/>
      <c r="QKF724" s="613"/>
      <c r="QKG724" s="613"/>
      <c r="QKH724" s="613"/>
      <c r="QKI724" s="613"/>
      <c r="QKJ724" s="613"/>
      <c r="QKK724" s="613"/>
      <c r="QKL724" s="613"/>
      <c r="QKM724" s="613"/>
      <c r="QKN724" s="613"/>
      <c r="QKO724" s="613"/>
      <c r="QKP724" s="613"/>
      <c r="QKQ724" s="613"/>
      <c r="QKR724" s="613"/>
      <c r="QKS724" s="613"/>
      <c r="QKT724" s="613"/>
      <c r="QKU724" s="613"/>
      <c r="QKV724" s="613"/>
      <c r="QKW724" s="613"/>
      <c r="QKX724" s="613"/>
      <c r="QKY724" s="613"/>
      <c r="QKZ724" s="613"/>
      <c r="QLA724" s="613"/>
      <c r="QLB724" s="613"/>
      <c r="QLC724" s="613"/>
      <c r="QLD724" s="613"/>
      <c r="QLE724" s="613"/>
      <c r="QLF724" s="613"/>
      <c r="QLG724" s="613"/>
      <c r="QLH724" s="613"/>
      <c r="QLI724" s="613"/>
      <c r="QLJ724" s="613"/>
      <c r="QLK724" s="613"/>
      <c r="QLL724" s="613"/>
      <c r="QLM724" s="613"/>
      <c r="QLN724" s="613"/>
      <c r="QLO724" s="613"/>
      <c r="QLP724" s="613"/>
      <c r="QLQ724" s="613"/>
      <c r="QLR724" s="613"/>
      <c r="QLS724" s="613"/>
      <c r="QLT724" s="613"/>
      <c r="QLU724" s="613"/>
      <c r="QLV724" s="613"/>
      <c r="QLW724" s="613"/>
      <c r="QLX724" s="613"/>
      <c r="QLY724" s="613"/>
      <c r="QLZ724" s="613"/>
      <c r="QMA724" s="613"/>
      <c r="QMB724" s="613"/>
      <c r="QMC724" s="613"/>
      <c r="QMD724" s="613"/>
      <c r="QME724" s="613"/>
      <c r="QMF724" s="613"/>
      <c r="QMG724" s="613"/>
      <c r="QMH724" s="613"/>
      <c r="QMI724" s="613"/>
      <c r="QMJ724" s="613"/>
      <c r="QMK724" s="613"/>
      <c r="QML724" s="613"/>
      <c r="QMM724" s="613"/>
      <c r="QMN724" s="613"/>
      <c r="QMO724" s="613"/>
      <c r="QMP724" s="613"/>
      <c r="QMQ724" s="613"/>
      <c r="QMR724" s="613"/>
      <c r="QMS724" s="613"/>
      <c r="QMT724" s="613"/>
      <c r="QMU724" s="613"/>
      <c r="QMV724" s="613"/>
      <c r="QMW724" s="613"/>
      <c r="QMX724" s="613"/>
      <c r="QMY724" s="613"/>
      <c r="QMZ724" s="613"/>
      <c r="QNA724" s="613"/>
      <c r="QNB724" s="613"/>
      <c r="QNC724" s="613"/>
      <c r="QND724" s="613"/>
      <c r="QNE724" s="613"/>
      <c r="QNF724" s="613"/>
      <c r="QNG724" s="613"/>
      <c r="QNH724" s="613"/>
      <c r="QNI724" s="613"/>
      <c r="QNJ724" s="613"/>
      <c r="QNK724" s="613"/>
      <c r="QNL724" s="613"/>
      <c r="QNM724" s="613"/>
      <c r="QNN724" s="613"/>
      <c r="QNO724" s="613"/>
      <c r="QNP724" s="613"/>
      <c r="QNQ724" s="613"/>
      <c r="QNR724" s="613"/>
      <c r="QNS724" s="613"/>
      <c r="QNT724" s="613"/>
      <c r="QNU724" s="613"/>
      <c r="QNV724" s="613"/>
      <c r="QNW724" s="613"/>
      <c r="QNX724" s="613"/>
      <c r="QNY724" s="613"/>
      <c r="QNZ724" s="613"/>
      <c r="QOA724" s="613"/>
      <c r="QOB724" s="613"/>
      <c r="QOC724" s="613"/>
      <c r="QOD724" s="613"/>
      <c r="QOE724" s="613"/>
      <c r="QOF724" s="613"/>
      <c r="QOG724" s="613"/>
      <c r="QOH724" s="613"/>
      <c r="QOI724" s="613"/>
      <c r="QOJ724" s="613"/>
      <c r="QOK724" s="613"/>
      <c r="QOL724" s="613"/>
      <c r="QOM724" s="613"/>
      <c r="QON724" s="613"/>
      <c r="QOO724" s="613"/>
      <c r="QOP724" s="613"/>
      <c r="QOQ724" s="613"/>
      <c r="QOR724" s="613"/>
      <c r="QOS724" s="613"/>
      <c r="QOT724" s="613"/>
      <c r="QOU724" s="613"/>
      <c r="QOV724" s="613"/>
      <c r="QOW724" s="613"/>
      <c r="QOX724" s="613"/>
      <c r="QOY724" s="613"/>
      <c r="QOZ724" s="613"/>
      <c r="QPA724" s="613"/>
      <c r="QPB724" s="613"/>
      <c r="QPC724" s="613"/>
      <c r="QPD724" s="613"/>
      <c r="QPE724" s="613"/>
      <c r="QPF724" s="613"/>
      <c r="QPG724" s="613"/>
      <c r="QPH724" s="613"/>
      <c r="QPI724" s="613"/>
      <c r="QPJ724" s="613"/>
      <c r="QPK724" s="613"/>
      <c r="QPL724" s="613"/>
      <c r="QPM724" s="613"/>
      <c r="QPN724" s="613"/>
      <c r="QPO724" s="613"/>
      <c r="QPP724" s="613"/>
      <c r="QPQ724" s="613"/>
      <c r="QPR724" s="613"/>
      <c r="QPS724" s="613"/>
      <c r="QPT724" s="613"/>
      <c r="QPU724" s="613"/>
      <c r="QPV724" s="613"/>
      <c r="QPW724" s="613"/>
      <c r="QPX724" s="613"/>
      <c r="QPY724" s="613"/>
      <c r="QPZ724" s="613"/>
      <c r="QQA724" s="613"/>
      <c r="QQB724" s="613"/>
      <c r="QQC724" s="613"/>
      <c r="QQD724" s="613"/>
      <c r="QQE724" s="613"/>
      <c r="QQF724" s="613"/>
      <c r="QQG724" s="613"/>
      <c r="QQH724" s="613"/>
      <c r="QQI724" s="613"/>
      <c r="QQJ724" s="613"/>
      <c r="QQK724" s="613"/>
      <c r="QQL724" s="613"/>
      <c r="QQM724" s="613"/>
      <c r="QQN724" s="613"/>
      <c r="QQO724" s="613"/>
      <c r="QQP724" s="613"/>
      <c r="QQQ724" s="613"/>
      <c r="QQR724" s="613"/>
      <c r="QQS724" s="613"/>
      <c r="QQT724" s="613"/>
      <c r="QQU724" s="613"/>
      <c r="QQV724" s="613"/>
      <c r="QQW724" s="613"/>
      <c r="QQX724" s="613"/>
      <c r="QQY724" s="613"/>
      <c r="QQZ724" s="613"/>
      <c r="QRA724" s="613"/>
      <c r="QRB724" s="613"/>
      <c r="QRC724" s="613"/>
      <c r="QRD724" s="613"/>
      <c r="QRE724" s="613"/>
      <c r="QRF724" s="613"/>
      <c r="QRG724" s="613"/>
      <c r="QRH724" s="613"/>
      <c r="QRI724" s="613"/>
      <c r="QRJ724" s="613"/>
      <c r="QRK724" s="613"/>
      <c r="QRL724" s="613"/>
      <c r="QRM724" s="613"/>
      <c r="QRN724" s="613"/>
      <c r="QRO724" s="613"/>
      <c r="QRP724" s="613"/>
      <c r="QRQ724" s="613"/>
      <c r="QRR724" s="613"/>
      <c r="QRS724" s="613"/>
      <c r="QRT724" s="613"/>
      <c r="QRU724" s="613"/>
      <c r="QRV724" s="613"/>
      <c r="QRW724" s="613"/>
      <c r="QRX724" s="613"/>
      <c r="QRY724" s="613"/>
      <c r="QRZ724" s="613"/>
      <c r="QSA724" s="613"/>
      <c r="QSB724" s="613"/>
      <c r="QSC724" s="613"/>
      <c r="QSD724" s="613"/>
      <c r="QSE724" s="613"/>
      <c r="QSF724" s="613"/>
      <c r="QSG724" s="613"/>
      <c r="QSH724" s="613"/>
      <c r="QSI724" s="613"/>
      <c r="QSJ724" s="613"/>
      <c r="QSK724" s="613"/>
      <c r="QSL724" s="613"/>
      <c r="QSM724" s="613"/>
      <c r="QSN724" s="613"/>
      <c r="QSO724" s="613"/>
      <c r="QSP724" s="613"/>
      <c r="QSQ724" s="613"/>
      <c r="QSR724" s="613"/>
      <c r="QSS724" s="613"/>
      <c r="QST724" s="613"/>
      <c r="QSU724" s="613"/>
      <c r="QSV724" s="613"/>
      <c r="QSW724" s="613"/>
      <c r="QSX724" s="613"/>
      <c r="QSY724" s="613"/>
      <c r="QSZ724" s="613"/>
      <c r="QTA724" s="613"/>
      <c r="QTB724" s="613"/>
      <c r="QTC724" s="613"/>
      <c r="QTD724" s="613"/>
      <c r="QTE724" s="613"/>
      <c r="QTF724" s="613"/>
      <c r="QTG724" s="613"/>
      <c r="QTH724" s="613"/>
      <c r="QTI724" s="613"/>
      <c r="QTJ724" s="613"/>
      <c r="QTK724" s="613"/>
      <c r="QTL724" s="613"/>
      <c r="QTM724" s="613"/>
      <c r="QTN724" s="613"/>
      <c r="QTO724" s="613"/>
      <c r="QTP724" s="613"/>
      <c r="QTQ724" s="613"/>
      <c r="QTR724" s="613"/>
      <c r="QTS724" s="613"/>
      <c r="QTT724" s="613"/>
      <c r="QTU724" s="613"/>
      <c r="QTV724" s="613"/>
      <c r="QTW724" s="613"/>
      <c r="QTX724" s="613"/>
      <c r="QTY724" s="613"/>
      <c r="QTZ724" s="613"/>
      <c r="QUA724" s="613"/>
      <c r="QUB724" s="613"/>
      <c r="QUC724" s="613"/>
      <c r="QUD724" s="613"/>
      <c r="QUE724" s="613"/>
      <c r="QUF724" s="613"/>
      <c r="QUG724" s="613"/>
      <c r="QUH724" s="613"/>
      <c r="QUI724" s="613"/>
      <c r="QUJ724" s="613"/>
      <c r="QUK724" s="613"/>
      <c r="QUL724" s="613"/>
      <c r="QUM724" s="613"/>
      <c r="QUN724" s="613"/>
      <c r="QUO724" s="613"/>
      <c r="QUP724" s="613"/>
      <c r="QUQ724" s="613"/>
      <c r="QUR724" s="613"/>
      <c r="QUS724" s="613"/>
      <c r="QUT724" s="613"/>
      <c r="QUU724" s="613"/>
      <c r="QUV724" s="613"/>
      <c r="QUW724" s="613"/>
      <c r="QUX724" s="613"/>
      <c r="QUY724" s="613"/>
      <c r="QUZ724" s="613"/>
      <c r="QVA724" s="613"/>
      <c r="QVB724" s="613"/>
      <c r="QVC724" s="613"/>
      <c r="QVD724" s="613"/>
      <c r="QVE724" s="613"/>
      <c r="QVF724" s="613"/>
      <c r="QVG724" s="613"/>
      <c r="QVH724" s="613"/>
      <c r="QVI724" s="613"/>
      <c r="QVJ724" s="613"/>
      <c r="QVK724" s="613"/>
      <c r="QVL724" s="613"/>
      <c r="QVM724" s="613"/>
      <c r="QVN724" s="613"/>
      <c r="QVO724" s="613"/>
      <c r="QVP724" s="613"/>
      <c r="QVQ724" s="613"/>
      <c r="QVR724" s="613"/>
      <c r="QVS724" s="613"/>
      <c r="QVT724" s="613"/>
      <c r="QVU724" s="613"/>
      <c r="QVV724" s="613"/>
      <c r="QVW724" s="613"/>
      <c r="QVX724" s="613"/>
      <c r="QVY724" s="613"/>
      <c r="QVZ724" s="613"/>
      <c r="QWA724" s="613"/>
      <c r="QWB724" s="613"/>
      <c r="QWC724" s="613"/>
      <c r="QWD724" s="613"/>
      <c r="QWE724" s="613"/>
      <c r="QWF724" s="613"/>
      <c r="QWG724" s="613"/>
      <c r="QWH724" s="613"/>
      <c r="QWI724" s="613"/>
      <c r="QWJ724" s="613"/>
      <c r="QWK724" s="613"/>
      <c r="QWL724" s="613"/>
      <c r="QWM724" s="613"/>
      <c r="QWN724" s="613"/>
      <c r="QWO724" s="613"/>
      <c r="QWP724" s="613"/>
      <c r="QWQ724" s="613"/>
      <c r="QWR724" s="613"/>
      <c r="QWS724" s="613"/>
      <c r="QWT724" s="613"/>
      <c r="QWU724" s="613"/>
      <c r="QWV724" s="613"/>
      <c r="QWW724" s="613"/>
      <c r="QWX724" s="613"/>
      <c r="QWY724" s="613"/>
      <c r="QWZ724" s="613"/>
      <c r="QXA724" s="613"/>
      <c r="QXB724" s="613"/>
      <c r="QXC724" s="613"/>
      <c r="QXD724" s="613"/>
      <c r="QXE724" s="613"/>
      <c r="QXF724" s="613"/>
      <c r="QXG724" s="613"/>
      <c r="QXH724" s="613"/>
      <c r="QXI724" s="613"/>
      <c r="QXJ724" s="613"/>
      <c r="QXK724" s="613"/>
      <c r="QXL724" s="613"/>
      <c r="QXM724" s="613"/>
      <c r="QXN724" s="613"/>
      <c r="QXO724" s="613"/>
      <c r="QXP724" s="613"/>
      <c r="QXQ724" s="613"/>
      <c r="QXR724" s="613"/>
      <c r="QXS724" s="613"/>
      <c r="QXT724" s="613"/>
      <c r="QXU724" s="613"/>
      <c r="QXV724" s="613"/>
      <c r="QXW724" s="613"/>
      <c r="QXX724" s="613"/>
      <c r="QXY724" s="613"/>
      <c r="QXZ724" s="613"/>
      <c r="QYA724" s="613"/>
      <c r="QYB724" s="613"/>
      <c r="QYC724" s="613"/>
      <c r="QYD724" s="613"/>
      <c r="QYE724" s="613"/>
      <c r="QYF724" s="613"/>
      <c r="QYG724" s="613"/>
      <c r="QYH724" s="613"/>
      <c r="QYI724" s="613"/>
      <c r="QYJ724" s="613"/>
      <c r="QYK724" s="613"/>
      <c r="QYL724" s="613"/>
      <c r="QYM724" s="613"/>
      <c r="QYN724" s="613"/>
      <c r="QYO724" s="613"/>
      <c r="QYP724" s="613"/>
      <c r="QYQ724" s="613"/>
      <c r="QYR724" s="613"/>
      <c r="QYS724" s="613"/>
      <c r="QYT724" s="613"/>
      <c r="QYU724" s="613"/>
      <c r="QYV724" s="613"/>
      <c r="QYW724" s="613"/>
      <c r="QYX724" s="613"/>
      <c r="QYY724" s="613"/>
      <c r="QYZ724" s="613"/>
      <c r="QZA724" s="613"/>
      <c r="QZB724" s="613"/>
      <c r="QZC724" s="613"/>
      <c r="QZD724" s="613"/>
      <c r="QZE724" s="613"/>
      <c r="QZF724" s="613"/>
      <c r="QZG724" s="613"/>
      <c r="QZH724" s="613"/>
      <c r="QZI724" s="613"/>
      <c r="QZJ724" s="613"/>
      <c r="QZK724" s="613"/>
      <c r="QZL724" s="613"/>
      <c r="QZM724" s="613"/>
      <c r="QZN724" s="613"/>
      <c r="QZO724" s="613"/>
      <c r="QZP724" s="613"/>
      <c r="QZQ724" s="613"/>
      <c r="QZR724" s="613"/>
      <c r="QZS724" s="613"/>
      <c r="QZT724" s="613"/>
      <c r="QZU724" s="613"/>
      <c r="QZV724" s="613"/>
      <c r="QZW724" s="613"/>
      <c r="QZX724" s="613"/>
      <c r="QZY724" s="613"/>
      <c r="QZZ724" s="613"/>
      <c r="RAA724" s="613"/>
      <c r="RAB724" s="613"/>
      <c r="RAC724" s="613"/>
      <c r="RAD724" s="613"/>
      <c r="RAE724" s="613"/>
      <c r="RAF724" s="613"/>
      <c r="RAG724" s="613"/>
      <c r="RAH724" s="613"/>
      <c r="RAI724" s="613"/>
      <c r="RAJ724" s="613"/>
      <c r="RAK724" s="613"/>
      <c r="RAL724" s="613"/>
      <c r="RAM724" s="613"/>
      <c r="RAN724" s="613"/>
      <c r="RAO724" s="613"/>
      <c r="RAP724" s="613"/>
      <c r="RAQ724" s="613"/>
      <c r="RAR724" s="613"/>
      <c r="RAS724" s="613"/>
      <c r="RAT724" s="613"/>
      <c r="RAU724" s="613"/>
      <c r="RAV724" s="613"/>
      <c r="RAW724" s="613"/>
      <c r="RAX724" s="613"/>
      <c r="RAY724" s="613"/>
      <c r="RAZ724" s="613"/>
      <c r="RBA724" s="613"/>
      <c r="RBB724" s="613"/>
      <c r="RBC724" s="613"/>
      <c r="RBD724" s="613"/>
      <c r="RBE724" s="613"/>
      <c r="RBF724" s="613"/>
      <c r="RBG724" s="613"/>
      <c r="RBH724" s="613"/>
      <c r="RBI724" s="613"/>
      <c r="RBJ724" s="613"/>
      <c r="RBK724" s="613"/>
      <c r="RBL724" s="613"/>
      <c r="RBM724" s="613"/>
      <c r="RBN724" s="613"/>
      <c r="RBO724" s="613"/>
      <c r="RBP724" s="613"/>
      <c r="RBQ724" s="613"/>
      <c r="RBR724" s="613"/>
      <c r="RBS724" s="613"/>
      <c r="RBT724" s="613"/>
      <c r="RBU724" s="613"/>
      <c r="RBV724" s="613"/>
      <c r="RBW724" s="613"/>
      <c r="RBX724" s="613"/>
      <c r="RBY724" s="613"/>
      <c r="RBZ724" s="613"/>
      <c r="RCA724" s="613"/>
      <c r="RCB724" s="613"/>
      <c r="RCC724" s="613"/>
      <c r="RCD724" s="613"/>
      <c r="RCE724" s="613"/>
      <c r="RCF724" s="613"/>
      <c r="RCG724" s="613"/>
      <c r="RCH724" s="613"/>
      <c r="RCI724" s="613"/>
      <c r="RCJ724" s="613"/>
      <c r="RCK724" s="613"/>
      <c r="RCL724" s="613"/>
      <c r="RCM724" s="613"/>
      <c r="RCN724" s="613"/>
      <c r="RCO724" s="613"/>
      <c r="RCP724" s="613"/>
      <c r="RCQ724" s="613"/>
      <c r="RCR724" s="613"/>
      <c r="RCS724" s="613"/>
      <c r="RCT724" s="613"/>
      <c r="RCU724" s="613"/>
      <c r="RCV724" s="613"/>
      <c r="RCW724" s="613"/>
      <c r="RCX724" s="613"/>
      <c r="RCY724" s="613"/>
      <c r="RCZ724" s="613"/>
      <c r="RDA724" s="613"/>
      <c r="RDB724" s="613"/>
      <c r="RDC724" s="613"/>
      <c r="RDD724" s="613"/>
      <c r="RDE724" s="613"/>
      <c r="RDF724" s="613"/>
      <c r="RDG724" s="613"/>
      <c r="RDH724" s="613"/>
      <c r="RDI724" s="613"/>
      <c r="RDJ724" s="613"/>
      <c r="RDK724" s="613"/>
      <c r="RDL724" s="613"/>
      <c r="RDM724" s="613"/>
      <c r="RDN724" s="613"/>
      <c r="RDO724" s="613"/>
      <c r="RDP724" s="613"/>
      <c r="RDQ724" s="613"/>
      <c r="RDR724" s="613"/>
      <c r="RDS724" s="613"/>
      <c r="RDT724" s="613"/>
      <c r="RDU724" s="613"/>
      <c r="RDV724" s="613"/>
      <c r="RDW724" s="613"/>
      <c r="RDX724" s="613"/>
      <c r="RDY724" s="613"/>
      <c r="RDZ724" s="613"/>
      <c r="REA724" s="613"/>
      <c r="REB724" s="613"/>
      <c r="REC724" s="613"/>
      <c r="RED724" s="613"/>
      <c r="REE724" s="613"/>
      <c r="REF724" s="613"/>
      <c r="REG724" s="613"/>
      <c r="REH724" s="613"/>
      <c r="REI724" s="613"/>
      <c r="REJ724" s="613"/>
      <c r="REK724" s="613"/>
      <c r="REL724" s="613"/>
      <c r="REM724" s="613"/>
      <c r="REN724" s="613"/>
      <c r="REO724" s="613"/>
      <c r="REP724" s="613"/>
      <c r="REQ724" s="613"/>
      <c r="RER724" s="613"/>
      <c r="RES724" s="613"/>
      <c r="RET724" s="613"/>
      <c r="REU724" s="613"/>
      <c r="REV724" s="613"/>
      <c r="REW724" s="613"/>
      <c r="REX724" s="613"/>
      <c r="REY724" s="613"/>
      <c r="REZ724" s="613"/>
      <c r="RFA724" s="613"/>
      <c r="RFB724" s="613"/>
      <c r="RFC724" s="613"/>
      <c r="RFD724" s="613"/>
      <c r="RFE724" s="613"/>
      <c r="RFF724" s="613"/>
      <c r="RFG724" s="613"/>
      <c r="RFH724" s="613"/>
      <c r="RFI724" s="613"/>
      <c r="RFJ724" s="613"/>
      <c r="RFK724" s="613"/>
      <c r="RFL724" s="613"/>
      <c r="RFM724" s="613"/>
      <c r="RFN724" s="613"/>
      <c r="RFO724" s="613"/>
      <c r="RFP724" s="613"/>
      <c r="RFQ724" s="613"/>
      <c r="RFR724" s="613"/>
      <c r="RFS724" s="613"/>
      <c r="RFT724" s="613"/>
      <c r="RFU724" s="613"/>
      <c r="RFV724" s="613"/>
      <c r="RFW724" s="613"/>
      <c r="RFX724" s="613"/>
      <c r="RFY724" s="613"/>
      <c r="RFZ724" s="613"/>
      <c r="RGA724" s="613"/>
      <c r="RGB724" s="613"/>
      <c r="RGC724" s="613"/>
      <c r="RGD724" s="613"/>
      <c r="RGE724" s="613"/>
      <c r="RGF724" s="613"/>
      <c r="RGG724" s="613"/>
      <c r="RGH724" s="613"/>
      <c r="RGI724" s="613"/>
      <c r="RGJ724" s="613"/>
      <c r="RGK724" s="613"/>
      <c r="RGL724" s="613"/>
      <c r="RGM724" s="613"/>
      <c r="RGN724" s="613"/>
      <c r="RGO724" s="613"/>
      <c r="RGP724" s="613"/>
      <c r="RGQ724" s="613"/>
      <c r="RGR724" s="613"/>
      <c r="RGS724" s="613"/>
      <c r="RGT724" s="613"/>
      <c r="RGU724" s="613"/>
      <c r="RGV724" s="613"/>
      <c r="RGW724" s="613"/>
      <c r="RGX724" s="613"/>
      <c r="RGY724" s="613"/>
      <c r="RGZ724" s="613"/>
      <c r="RHA724" s="613"/>
      <c r="RHB724" s="613"/>
      <c r="RHC724" s="613"/>
      <c r="RHD724" s="613"/>
      <c r="RHE724" s="613"/>
      <c r="RHF724" s="613"/>
      <c r="RHG724" s="613"/>
      <c r="RHH724" s="613"/>
      <c r="RHI724" s="613"/>
      <c r="RHJ724" s="613"/>
      <c r="RHK724" s="613"/>
      <c r="RHL724" s="613"/>
      <c r="RHM724" s="613"/>
      <c r="RHN724" s="613"/>
      <c r="RHO724" s="613"/>
      <c r="RHP724" s="613"/>
      <c r="RHQ724" s="613"/>
      <c r="RHR724" s="613"/>
      <c r="RHS724" s="613"/>
      <c r="RHT724" s="613"/>
      <c r="RHU724" s="613"/>
      <c r="RHV724" s="613"/>
      <c r="RHW724" s="613"/>
      <c r="RHX724" s="613"/>
      <c r="RHY724" s="613"/>
      <c r="RHZ724" s="613"/>
      <c r="RIA724" s="613"/>
      <c r="RIB724" s="613"/>
      <c r="RIC724" s="613"/>
      <c r="RID724" s="613"/>
      <c r="RIE724" s="613"/>
      <c r="RIF724" s="613"/>
      <c r="RIG724" s="613"/>
      <c r="RIH724" s="613"/>
      <c r="RII724" s="613"/>
      <c r="RIJ724" s="613"/>
      <c r="RIK724" s="613"/>
      <c r="RIL724" s="613"/>
      <c r="RIM724" s="613"/>
      <c r="RIN724" s="613"/>
      <c r="RIO724" s="613"/>
      <c r="RIP724" s="613"/>
      <c r="RIQ724" s="613"/>
      <c r="RIR724" s="613"/>
      <c r="RIS724" s="613"/>
      <c r="RIT724" s="613"/>
      <c r="RIU724" s="613"/>
      <c r="RIV724" s="613"/>
      <c r="RIW724" s="613"/>
      <c r="RIX724" s="613"/>
      <c r="RIY724" s="613"/>
      <c r="RIZ724" s="613"/>
      <c r="RJA724" s="613"/>
      <c r="RJB724" s="613"/>
      <c r="RJC724" s="613"/>
      <c r="RJD724" s="613"/>
      <c r="RJE724" s="613"/>
      <c r="RJF724" s="613"/>
      <c r="RJG724" s="613"/>
      <c r="RJH724" s="613"/>
      <c r="RJI724" s="613"/>
      <c r="RJJ724" s="613"/>
      <c r="RJK724" s="613"/>
      <c r="RJL724" s="613"/>
      <c r="RJM724" s="613"/>
      <c r="RJN724" s="613"/>
      <c r="RJO724" s="613"/>
      <c r="RJP724" s="613"/>
      <c r="RJQ724" s="613"/>
      <c r="RJR724" s="613"/>
      <c r="RJS724" s="613"/>
      <c r="RJT724" s="613"/>
      <c r="RJU724" s="613"/>
      <c r="RJV724" s="613"/>
      <c r="RJW724" s="613"/>
      <c r="RJX724" s="613"/>
      <c r="RJY724" s="613"/>
      <c r="RJZ724" s="613"/>
      <c r="RKA724" s="613"/>
      <c r="RKB724" s="613"/>
      <c r="RKC724" s="613"/>
      <c r="RKD724" s="613"/>
      <c r="RKE724" s="613"/>
      <c r="RKF724" s="613"/>
      <c r="RKG724" s="613"/>
      <c r="RKH724" s="613"/>
      <c r="RKI724" s="613"/>
      <c r="RKJ724" s="613"/>
      <c r="RKK724" s="613"/>
      <c r="RKL724" s="613"/>
      <c r="RKM724" s="613"/>
      <c r="RKN724" s="613"/>
      <c r="RKO724" s="613"/>
      <c r="RKP724" s="613"/>
      <c r="RKQ724" s="613"/>
      <c r="RKR724" s="613"/>
      <c r="RKS724" s="613"/>
      <c r="RKT724" s="613"/>
      <c r="RKU724" s="613"/>
      <c r="RKV724" s="613"/>
      <c r="RKW724" s="613"/>
      <c r="RKX724" s="613"/>
      <c r="RKY724" s="613"/>
      <c r="RKZ724" s="613"/>
      <c r="RLA724" s="613"/>
      <c r="RLB724" s="613"/>
      <c r="RLC724" s="613"/>
      <c r="RLD724" s="613"/>
      <c r="RLE724" s="613"/>
      <c r="RLF724" s="613"/>
      <c r="RLG724" s="613"/>
      <c r="RLH724" s="613"/>
      <c r="RLI724" s="613"/>
      <c r="RLJ724" s="613"/>
      <c r="RLK724" s="613"/>
      <c r="RLL724" s="613"/>
      <c r="RLM724" s="613"/>
      <c r="RLN724" s="613"/>
      <c r="RLO724" s="613"/>
      <c r="RLP724" s="613"/>
      <c r="RLQ724" s="613"/>
      <c r="RLR724" s="613"/>
      <c r="RLS724" s="613"/>
      <c r="RLT724" s="613"/>
      <c r="RLU724" s="613"/>
      <c r="RLV724" s="613"/>
      <c r="RLW724" s="613"/>
      <c r="RLX724" s="613"/>
      <c r="RLY724" s="613"/>
      <c r="RLZ724" s="613"/>
      <c r="RMA724" s="613"/>
      <c r="RMB724" s="613"/>
      <c r="RMC724" s="613"/>
      <c r="RMD724" s="613"/>
      <c r="RME724" s="613"/>
      <c r="RMF724" s="613"/>
      <c r="RMG724" s="613"/>
      <c r="RMH724" s="613"/>
      <c r="RMI724" s="613"/>
      <c r="RMJ724" s="613"/>
      <c r="RMK724" s="613"/>
      <c r="RML724" s="613"/>
      <c r="RMM724" s="613"/>
      <c r="RMN724" s="613"/>
      <c r="RMO724" s="613"/>
      <c r="RMP724" s="613"/>
      <c r="RMQ724" s="613"/>
      <c r="RMR724" s="613"/>
      <c r="RMS724" s="613"/>
      <c r="RMT724" s="613"/>
      <c r="RMU724" s="613"/>
      <c r="RMV724" s="613"/>
      <c r="RMW724" s="613"/>
      <c r="RMX724" s="613"/>
      <c r="RMY724" s="613"/>
      <c r="RMZ724" s="613"/>
      <c r="RNA724" s="613"/>
      <c r="RNB724" s="613"/>
      <c r="RNC724" s="613"/>
      <c r="RND724" s="613"/>
      <c r="RNE724" s="613"/>
      <c r="RNF724" s="613"/>
      <c r="RNG724" s="613"/>
      <c r="RNH724" s="613"/>
      <c r="RNI724" s="613"/>
      <c r="RNJ724" s="613"/>
      <c r="RNK724" s="613"/>
      <c r="RNL724" s="613"/>
      <c r="RNM724" s="613"/>
      <c r="RNN724" s="613"/>
      <c r="RNO724" s="613"/>
      <c r="RNP724" s="613"/>
      <c r="RNQ724" s="613"/>
      <c r="RNR724" s="613"/>
      <c r="RNS724" s="613"/>
      <c r="RNT724" s="613"/>
      <c r="RNU724" s="613"/>
      <c r="RNV724" s="613"/>
      <c r="RNW724" s="613"/>
      <c r="RNX724" s="613"/>
      <c r="RNY724" s="613"/>
      <c r="RNZ724" s="613"/>
      <c r="ROA724" s="613"/>
      <c r="ROB724" s="613"/>
      <c r="ROC724" s="613"/>
      <c r="ROD724" s="613"/>
      <c r="ROE724" s="613"/>
      <c r="ROF724" s="613"/>
      <c r="ROG724" s="613"/>
      <c r="ROH724" s="613"/>
      <c r="ROI724" s="613"/>
      <c r="ROJ724" s="613"/>
      <c r="ROK724" s="613"/>
      <c r="ROL724" s="613"/>
      <c r="ROM724" s="613"/>
      <c r="RON724" s="613"/>
      <c r="ROO724" s="613"/>
      <c r="ROP724" s="613"/>
      <c r="ROQ724" s="613"/>
      <c r="ROR724" s="613"/>
      <c r="ROS724" s="613"/>
      <c r="ROT724" s="613"/>
      <c r="ROU724" s="613"/>
      <c r="ROV724" s="613"/>
      <c r="ROW724" s="613"/>
      <c r="ROX724" s="613"/>
      <c r="ROY724" s="613"/>
      <c r="ROZ724" s="613"/>
      <c r="RPA724" s="613"/>
      <c r="RPB724" s="613"/>
      <c r="RPC724" s="613"/>
      <c r="RPD724" s="613"/>
      <c r="RPE724" s="613"/>
      <c r="RPF724" s="613"/>
      <c r="RPG724" s="613"/>
      <c r="RPH724" s="613"/>
      <c r="RPI724" s="613"/>
      <c r="RPJ724" s="613"/>
      <c r="RPK724" s="613"/>
      <c r="RPL724" s="613"/>
      <c r="RPM724" s="613"/>
      <c r="RPN724" s="613"/>
      <c r="RPO724" s="613"/>
      <c r="RPP724" s="613"/>
      <c r="RPQ724" s="613"/>
      <c r="RPR724" s="613"/>
      <c r="RPS724" s="613"/>
      <c r="RPT724" s="613"/>
      <c r="RPU724" s="613"/>
      <c r="RPV724" s="613"/>
      <c r="RPW724" s="613"/>
      <c r="RPX724" s="613"/>
      <c r="RPY724" s="613"/>
      <c r="RPZ724" s="613"/>
      <c r="RQA724" s="613"/>
      <c r="RQB724" s="613"/>
      <c r="RQC724" s="613"/>
      <c r="RQD724" s="613"/>
      <c r="RQE724" s="613"/>
      <c r="RQF724" s="613"/>
      <c r="RQG724" s="613"/>
      <c r="RQH724" s="613"/>
      <c r="RQI724" s="613"/>
      <c r="RQJ724" s="613"/>
      <c r="RQK724" s="613"/>
      <c r="RQL724" s="613"/>
      <c r="RQM724" s="613"/>
      <c r="RQN724" s="613"/>
      <c r="RQO724" s="613"/>
      <c r="RQP724" s="613"/>
      <c r="RQQ724" s="613"/>
      <c r="RQR724" s="613"/>
      <c r="RQS724" s="613"/>
      <c r="RQT724" s="613"/>
      <c r="RQU724" s="613"/>
      <c r="RQV724" s="613"/>
      <c r="RQW724" s="613"/>
      <c r="RQX724" s="613"/>
      <c r="RQY724" s="613"/>
      <c r="RQZ724" s="613"/>
      <c r="RRA724" s="613"/>
      <c r="RRB724" s="613"/>
      <c r="RRC724" s="613"/>
      <c r="RRD724" s="613"/>
      <c r="RRE724" s="613"/>
      <c r="RRF724" s="613"/>
      <c r="RRG724" s="613"/>
      <c r="RRH724" s="613"/>
      <c r="RRI724" s="613"/>
      <c r="RRJ724" s="613"/>
      <c r="RRK724" s="613"/>
      <c r="RRL724" s="613"/>
      <c r="RRM724" s="613"/>
      <c r="RRN724" s="613"/>
      <c r="RRO724" s="613"/>
      <c r="RRP724" s="613"/>
      <c r="RRQ724" s="613"/>
      <c r="RRR724" s="613"/>
      <c r="RRS724" s="613"/>
      <c r="RRT724" s="613"/>
      <c r="RRU724" s="613"/>
      <c r="RRV724" s="613"/>
      <c r="RRW724" s="613"/>
      <c r="RRX724" s="613"/>
      <c r="RRY724" s="613"/>
      <c r="RRZ724" s="613"/>
      <c r="RSA724" s="613"/>
      <c r="RSB724" s="613"/>
      <c r="RSC724" s="613"/>
      <c r="RSD724" s="613"/>
      <c r="RSE724" s="613"/>
      <c r="RSF724" s="613"/>
      <c r="RSG724" s="613"/>
      <c r="RSH724" s="613"/>
      <c r="RSI724" s="613"/>
      <c r="RSJ724" s="613"/>
      <c r="RSK724" s="613"/>
      <c r="RSL724" s="613"/>
      <c r="RSM724" s="613"/>
      <c r="RSN724" s="613"/>
      <c r="RSO724" s="613"/>
      <c r="RSP724" s="613"/>
      <c r="RSQ724" s="613"/>
      <c r="RSR724" s="613"/>
      <c r="RSS724" s="613"/>
      <c r="RST724" s="613"/>
      <c r="RSU724" s="613"/>
      <c r="RSV724" s="613"/>
      <c r="RSW724" s="613"/>
      <c r="RSX724" s="613"/>
      <c r="RSY724" s="613"/>
      <c r="RSZ724" s="613"/>
      <c r="RTA724" s="613"/>
      <c r="RTB724" s="613"/>
      <c r="RTC724" s="613"/>
      <c r="RTD724" s="613"/>
      <c r="RTE724" s="613"/>
      <c r="RTF724" s="613"/>
      <c r="RTG724" s="613"/>
      <c r="RTH724" s="613"/>
      <c r="RTI724" s="613"/>
      <c r="RTJ724" s="613"/>
      <c r="RTK724" s="613"/>
      <c r="RTL724" s="613"/>
      <c r="RTM724" s="613"/>
      <c r="RTN724" s="613"/>
      <c r="RTO724" s="613"/>
      <c r="RTP724" s="613"/>
      <c r="RTQ724" s="613"/>
      <c r="RTR724" s="613"/>
      <c r="RTS724" s="613"/>
      <c r="RTT724" s="613"/>
      <c r="RTU724" s="613"/>
      <c r="RTV724" s="613"/>
      <c r="RTW724" s="613"/>
      <c r="RTX724" s="613"/>
      <c r="RTY724" s="613"/>
      <c r="RTZ724" s="613"/>
      <c r="RUA724" s="613"/>
      <c r="RUB724" s="613"/>
      <c r="RUC724" s="613"/>
      <c r="RUD724" s="613"/>
      <c r="RUE724" s="613"/>
      <c r="RUF724" s="613"/>
      <c r="RUG724" s="613"/>
      <c r="RUH724" s="613"/>
      <c r="RUI724" s="613"/>
      <c r="RUJ724" s="613"/>
      <c r="RUK724" s="613"/>
      <c r="RUL724" s="613"/>
      <c r="RUM724" s="613"/>
      <c r="RUN724" s="613"/>
      <c r="RUO724" s="613"/>
      <c r="RUP724" s="613"/>
      <c r="RUQ724" s="613"/>
      <c r="RUR724" s="613"/>
      <c r="RUS724" s="613"/>
      <c r="RUT724" s="613"/>
      <c r="RUU724" s="613"/>
      <c r="RUV724" s="613"/>
      <c r="RUW724" s="613"/>
      <c r="RUX724" s="613"/>
      <c r="RUY724" s="613"/>
      <c r="RUZ724" s="613"/>
      <c r="RVA724" s="613"/>
      <c r="RVB724" s="613"/>
      <c r="RVC724" s="613"/>
      <c r="RVD724" s="613"/>
      <c r="RVE724" s="613"/>
      <c r="RVF724" s="613"/>
      <c r="RVG724" s="613"/>
      <c r="RVH724" s="613"/>
      <c r="RVI724" s="613"/>
      <c r="RVJ724" s="613"/>
      <c r="RVK724" s="613"/>
      <c r="RVL724" s="613"/>
      <c r="RVM724" s="613"/>
      <c r="RVN724" s="613"/>
      <c r="RVO724" s="613"/>
      <c r="RVP724" s="613"/>
      <c r="RVQ724" s="613"/>
      <c r="RVR724" s="613"/>
      <c r="RVS724" s="613"/>
      <c r="RVT724" s="613"/>
      <c r="RVU724" s="613"/>
      <c r="RVV724" s="613"/>
      <c r="RVW724" s="613"/>
      <c r="RVX724" s="613"/>
      <c r="RVY724" s="613"/>
      <c r="RVZ724" s="613"/>
      <c r="RWA724" s="613"/>
      <c r="RWB724" s="613"/>
      <c r="RWC724" s="613"/>
      <c r="RWD724" s="613"/>
      <c r="RWE724" s="613"/>
      <c r="RWF724" s="613"/>
      <c r="RWG724" s="613"/>
      <c r="RWH724" s="613"/>
      <c r="RWI724" s="613"/>
      <c r="RWJ724" s="613"/>
      <c r="RWK724" s="613"/>
      <c r="RWL724" s="613"/>
      <c r="RWM724" s="613"/>
      <c r="RWN724" s="613"/>
      <c r="RWO724" s="613"/>
      <c r="RWP724" s="613"/>
      <c r="RWQ724" s="613"/>
      <c r="RWR724" s="613"/>
      <c r="RWS724" s="613"/>
      <c r="RWT724" s="613"/>
      <c r="RWU724" s="613"/>
      <c r="RWV724" s="613"/>
      <c r="RWW724" s="613"/>
      <c r="RWX724" s="613"/>
      <c r="RWY724" s="613"/>
      <c r="RWZ724" s="613"/>
      <c r="RXA724" s="613"/>
      <c r="RXB724" s="613"/>
      <c r="RXC724" s="613"/>
      <c r="RXD724" s="613"/>
      <c r="RXE724" s="613"/>
      <c r="RXF724" s="613"/>
      <c r="RXG724" s="613"/>
      <c r="RXH724" s="613"/>
      <c r="RXI724" s="613"/>
      <c r="RXJ724" s="613"/>
      <c r="RXK724" s="613"/>
      <c r="RXL724" s="613"/>
      <c r="RXM724" s="613"/>
      <c r="RXN724" s="613"/>
      <c r="RXO724" s="613"/>
      <c r="RXP724" s="613"/>
      <c r="RXQ724" s="613"/>
      <c r="RXR724" s="613"/>
      <c r="RXS724" s="613"/>
      <c r="RXT724" s="613"/>
      <c r="RXU724" s="613"/>
      <c r="RXV724" s="613"/>
      <c r="RXW724" s="613"/>
      <c r="RXX724" s="613"/>
      <c r="RXY724" s="613"/>
      <c r="RXZ724" s="613"/>
      <c r="RYA724" s="613"/>
      <c r="RYB724" s="613"/>
      <c r="RYC724" s="613"/>
      <c r="RYD724" s="613"/>
      <c r="RYE724" s="613"/>
      <c r="RYF724" s="613"/>
      <c r="RYG724" s="613"/>
      <c r="RYH724" s="613"/>
      <c r="RYI724" s="613"/>
      <c r="RYJ724" s="613"/>
      <c r="RYK724" s="613"/>
      <c r="RYL724" s="613"/>
      <c r="RYM724" s="613"/>
      <c r="RYN724" s="613"/>
      <c r="RYO724" s="613"/>
      <c r="RYP724" s="613"/>
      <c r="RYQ724" s="613"/>
      <c r="RYR724" s="613"/>
      <c r="RYS724" s="613"/>
      <c r="RYT724" s="613"/>
      <c r="RYU724" s="613"/>
      <c r="RYV724" s="613"/>
      <c r="RYW724" s="613"/>
      <c r="RYX724" s="613"/>
      <c r="RYY724" s="613"/>
      <c r="RYZ724" s="613"/>
      <c r="RZA724" s="613"/>
      <c r="RZB724" s="613"/>
      <c r="RZC724" s="613"/>
      <c r="RZD724" s="613"/>
      <c r="RZE724" s="613"/>
      <c r="RZF724" s="613"/>
      <c r="RZG724" s="613"/>
      <c r="RZH724" s="613"/>
      <c r="RZI724" s="613"/>
      <c r="RZJ724" s="613"/>
      <c r="RZK724" s="613"/>
      <c r="RZL724" s="613"/>
      <c r="RZM724" s="613"/>
      <c r="RZN724" s="613"/>
      <c r="RZO724" s="613"/>
      <c r="RZP724" s="613"/>
      <c r="RZQ724" s="613"/>
      <c r="RZR724" s="613"/>
      <c r="RZS724" s="613"/>
      <c r="RZT724" s="613"/>
      <c r="RZU724" s="613"/>
      <c r="RZV724" s="613"/>
      <c r="RZW724" s="613"/>
      <c r="RZX724" s="613"/>
      <c r="RZY724" s="613"/>
      <c r="RZZ724" s="613"/>
      <c r="SAA724" s="613"/>
      <c r="SAB724" s="613"/>
      <c r="SAC724" s="613"/>
      <c r="SAD724" s="613"/>
      <c r="SAE724" s="613"/>
      <c r="SAF724" s="613"/>
      <c r="SAG724" s="613"/>
      <c r="SAH724" s="613"/>
      <c r="SAI724" s="613"/>
      <c r="SAJ724" s="613"/>
      <c r="SAK724" s="613"/>
      <c r="SAL724" s="613"/>
      <c r="SAM724" s="613"/>
      <c r="SAN724" s="613"/>
      <c r="SAO724" s="613"/>
      <c r="SAP724" s="613"/>
      <c r="SAQ724" s="613"/>
      <c r="SAR724" s="613"/>
      <c r="SAS724" s="613"/>
      <c r="SAT724" s="613"/>
      <c r="SAU724" s="613"/>
      <c r="SAV724" s="613"/>
      <c r="SAW724" s="613"/>
      <c r="SAX724" s="613"/>
      <c r="SAY724" s="613"/>
      <c r="SAZ724" s="613"/>
      <c r="SBA724" s="613"/>
      <c r="SBB724" s="613"/>
      <c r="SBC724" s="613"/>
      <c r="SBD724" s="613"/>
      <c r="SBE724" s="613"/>
      <c r="SBF724" s="613"/>
      <c r="SBG724" s="613"/>
      <c r="SBH724" s="613"/>
      <c r="SBI724" s="613"/>
      <c r="SBJ724" s="613"/>
      <c r="SBK724" s="613"/>
      <c r="SBL724" s="613"/>
      <c r="SBM724" s="613"/>
      <c r="SBN724" s="613"/>
      <c r="SBO724" s="613"/>
      <c r="SBP724" s="613"/>
      <c r="SBQ724" s="613"/>
      <c r="SBR724" s="613"/>
      <c r="SBS724" s="613"/>
      <c r="SBT724" s="613"/>
      <c r="SBU724" s="613"/>
      <c r="SBV724" s="613"/>
      <c r="SBW724" s="613"/>
      <c r="SBX724" s="613"/>
      <c r="SBY724" s="613"/>
      <c r="SBZ724" s="613"/>
      <c r="SCA724" s="613"/>
      <c r="SCB724" s="613"/>
      <c r="SCC724" s="613"/>
      <c r="SCD724" s="613"/>
      <c r="SCE724" s="613"/>
      <c r="SCF724" s="613"/>
      <c r="SCG724" s="613"/>
      <c r="SCH724" s="613"/>
      <c r="SCI724" s="613"/>
      <c r="SCJ724" s="613"/>
      <c r="SCK724" s="613"/>
      <c r="SCL724" s="613"/>
      <c r="SCM724" s="613"/>
      <c r="SCN724" s="613"/>
      <c r="SCO724" s="613"/>
      <c r="SCP724" s="613"/>
      <c r="SCQ724" s="613"/>
      <c r="SCR724" s="613"/>
      <c r="SCS724" s="613"/>
      <c r="SCT724" s="613"/>
      <c r="SCU724" s="613"/>
      <c r="SCV724" s="613"/>
      <c r="SCW724" s="613"/>
      <c r="SCX724" s="613"/>
      <c r="SCY724" s="613"/>
      <c r="SCZ724" s="613"/>
      <c r="SDA724" s="613"/>
      <c r="SDB724" s="613"/>
      <c r="SDC724" s="613"/>
      <c r="SDD724" s="613"/>
      <c r="SDE724" s="613"/>
      <c r="SDF724" s="613"/>
      <c r="SDG724" s="613"/>
      <c r="SDH724" s="613"/>
      <c r="SDI724" s="613"/>
      <c r="SDJ724" s="613"/>
      <c r="SDK724" s="613"/>
      <c r="SDL724" s="613"/>
      <c r="SDM724" s="613"/>
      <c r="SDN724" s="613"/>
      <c r="SDO724" s="613"/>
      <c r="SDP724" s="613"/>
      <c r="SDQ724" s="613"/>
      <c r="SDR724" s="613"/>
      <c r="SDS724" s="613"/>
      <c r="SDT724" s="613"/>
      <c r="SDU724" s="613"/>
      <c r="SDV724" s="613"/>
      <c r="SDW724" s="613"/>
      <c r="SDX724" s="613"/>
      <c r="SDY724" s="613"/>
      <c r="SDZ724" s="613"/>
      <c r="SEA724" s="613"/>
      <c r="SEB724" s="613"/>
      <c r="SEC724" s="613"/>
      <c r="SED724" s="613"/>
      <c r="SEE724" s="613"/>
      <c r="SEF724" s="613"/>
      <c r="SEG724" s="613"/>
      <c r="SEH724" s="613"/>
      <c r="SEI724" s="613"/>
      <c r="SEJ724" s="613"/>
      <c r="SEK724" s="613"/>
      <c r="SEL724" s="613"/>
      <c r="SEM724" s="613"/>
      <c r="SEN724" s="613"/>
      <c r="SEO724" s="613"/>
      <c r="SEP724" s="613"/>
      <c r="SEQ724" s="613"/>
      <c r="SER724" s="613"/>
      <c r="SES724" s="613"/>
      <c r="SET724" s="613"/>
      <c r="SEU724" s="613"/>
      <c r="SEV724" s="613"/>
      <c r="SEW724" s="613"/>
      <c r="SEX724" s="613"/>
      <c r="SEY724" s="613"/>
      <c r="SEZ724" s="613"/>
      <c r="SFA724" s="613"/>
      <c r="SFB724" s="613"/>
      <c r="SFC724" s="613"/>
      <c r="SFD724" s="613"/>
      <c r="SFE724" s="613"/>
      <c r="SFF724" s="613"/>
      <c r="SFG724" s="613"/>
      <c r="SFH724" s="613"/>
      <c r="SFI724" s="613"/>
      <c r="SFJ724" s="613"/>
      <c r="SFK724" s="613"/>
      <c r="SFL724" s="613"/>
      <c r="SFM724" s="613"/>
      <c r="SFN724" s="613"/>
      <c r="SFO724" s="613"/>
      <c r="SFP724" s="613"/>
      <c r="SFQ724" s="613"/>
      <c r="SFR724" s="613"/>
      <c r="SFS724" s="613"/>
      <c r="SFT724" s="613"/>
      <c r="SFU724" s="613"/>
      <c r="SFV724" s="613"/>
      <c r="SFW724" s="613"/>
      <c r="SFX724" s="613"/>
      <c r="SFY724" s="613"/>
      <c r="SFZ724" s="613"/>
      <c r="SGA724" s="613"/>
      <c r="SGB724" s="613"/>
      <c r="SGC724" s="613"/>
      <c r="SGD724" s="613"/>
      <c r="SGE724" s="613"/>
      <c r="SGF724" s="613"/>
      <c r="SGG724" s="613"/>
      <c r="SGH724" s="613"/>
      <c r="SGI724" s="613"/>
      <c r="SGJ724" s="613"/>
      <c r="SGK724" s="613"/>
      <c r="SGL724" s="613"/>
      <c r="SGM724" s="613"/>
      <c r="SGN724" s="613"/>
      <c r="SGO724" s="613"/>
      <c r="SGP724" s="613"/>
      <c r="SGQ724" s="613"/>
      <c r="SGR724" s="613"/>
      <c r="SGS724" s="613"/>
      <c r="SGT724" s="613"/>
      <c r="SGU724" s="613"/>
      <c r="SGV724" s="613"/>
      <c r="SGW724" s="613"/>
      <c r="SGX724" s="613"/>
      <c r="SGY724" s="613"/>
      <c r="SGZ724" s="613"/>
      <c r="SHA724" s="613"/>
      <c r="SHB724" s="613"/>
      <c r="SHC724" s="613"/>
      <c r="SHD724" s="613"/>
      <c r="SHE724" s="613"/>
      <c r="SHF724" s="613"/>
      <c r="SHG724" s="613"/>
      <c r="SHH724" s="613"/>
      <c r="SHI724" s="613"/>
      <c r="SHJ724" s="613"/>
      <c r="SHK724" s="613"/>
      <c r="SHL724" s="613"/>
      <c r="SHM724" s="613"/>
      <c r="SHN724" s="613"/>
      <c r="SHO724" s="613"/>
      <c r="SHP724" s="613"/>
      <c r="SHQ724" s="613"/>
      <c r="SHR724" s="613"/>
      <c r="SHS724" s="613"/>
      <c r="SHT724" s="613"/>
      <c r="SHU724" s="613"/>
      <c r="SHV724" s="613"/>
      <c r="SHW724" s="613"/>
      <c r="SHX724" s="613"/>
      <c r="SHY724" s="613"/>
      <c r="SHZ724" s="613"/>
      <c r="SIA724" s="613"/>
      <c r="SIB724" s="613"/>
      <c r="SIC724" s="613"/>
      <c r="SID724" s="613"/>
      <c r="SIE724" s="613"/>
      <c r="SIF724" s="613"/>
      <c r="SIG724" s="613"/>
      <c r="SIH724" s="613"/>
      <c r="SII724" s="613"/>
      <c r="SIJ724" s="613"/>
      <c r="SIK724" s="613"/>
      <c r="SIL724" s="613"/>
      <c r="SIM724" s="613"/>
      <c r="SIN724" s="613"/>
      <c r="SIO724" s="613"/>
      <c r="SIP724" s="613"/>
      <c r="SIQ724" s="613"/>
      <c r="SIR724" s="613"/>
      <c r="SIS724" s="613"/>
      <c r="SIT724" s="613"/>
      <c r="SIU724" s="613"/>
      <c r="SIV724" s="613"/>
      <c r="SIW724" s="613"/>
      <c r="SIX724" s="613"/>
      <c r="SIY724" s="613"/>
      <c r="SIZ724" s="613"/>
      <c r="SJA724" s="613"/>
      <c r="SJB724" s="613"/>
      <c r="SJC724" s="613"/>
      <c r="SJD724" s="613"/>
      <c r="SJE724" s="613"/>
      <c r="SJF724" s="613"/>
      <c r="SJG724" s="613"/>
      <c r="SJH724" s="613"/>
      <c r="SJI724" s="613"/>
      <c r="SJJ724" s="613"/>
      <c r="SJK724" s="613"/>
      <c r="SJL724" s="613"/>
      <c r="SJM724" s="613"/>
      <c r="SJN724" s="613"/>
      <c r="SJO724" s="613"/>
      <c r="SJP724" s="613"/>
      <c r="SJQ724" s="613"/>
      <c r="SJR724" s="613"/>
      <c r="SJS724" s="613"/>
      <c r="SJT724" s="613"/>
      <c r="SJU724" s="613"/>
      <c r="SJV724" s="613"/>
      <c r="SJW724" s="613"/>
      <c r="SJX724" s="613"/>
      <c r="SJY724" s="613"/>
      <c r="SJZ724" s="613"/>
      <c r="SKA724" s="613"/>
      <c r="SKB724" s="613"/>
      <c r="SKC724" s="613"/>
      <c r="SKD724" s="613"/>
      <c r="SKE724" s="613"/>
      <c r="SKF724" s="613"/>
      <c r="SKG724" s="613"/>
      <c r="SKH724" s="613"/>
      <c r="SKI724" s="613"/>
      <c r="SKJ724" s="613"/>
      <c r="SKK724" s="613"/>
      <c r="SKL724" s="613"/>
      <c r="SKM724" s="613"/>
      <c r="SKN724" s="613"/>
      <c r="SKO724" s="613"/>
      <c r="SKP724" s="613"/>
      <c r="SKQ724" s="613"/>
      <c r="SKR724" s="613"/>
      <c r="SKS724" s="613"/>
      <c r="SKT724" s="613"/>
      <c r="SKU724" s="613"/>
      <c r="SKV724" s="613"/>
      <c r="SKW724" s="613"/>
      <c r="SKX724" s="613"/>
      <c r="SKY724" s="613"/>
      <c r="SKZ724" s="613"/>
      <c r="SLA724" s="613"/>
      <c r="SLB724" s="613"/>
      <c r="SLC724" s="613"/>
      <c r="SLD724" s="613"/>
      <c r="SLE724" s="613"/>
      <c r="SLF724" s="613"/>
      <c r="SLG724" s="613"/>
      <c r="SLH724" s="613"/>
      <c r="SLI724" s="613"/>
      <c r="SLJ724" s="613"/>
      <c r="SLK724" s="613"/>
      <c r="SLL724" s="613"/>
      <c r="SLM724" s="613"/>
      <c r="SLN724" s="613"/>
      <c r="SLO724" s="613"/>
      <c r="SLP724" s="613"/>
      <c r="SLQ724" s="613"/>
      <c r="SLR724" s="613"/>
      <c r="SLS724" s="613"/>
      <c r="SLT724" s="613"/>
      <c r="SLU724" s="613"/>
      <c r="SLV724" s="613"/>
      <c r="SLW724" s="613"/>
      <c r="SLX724" s="613"/>
      <c r="SLY724" s="613"/>
      <c r="SLZ724" s="613"/>
      <c r="SMA724" s="613"/>
      <c r="SMB724" s="613"/>
      <c r="SMC724" s="613"/>
      <c r="SMD724" s="613"/>
      <c r="SME724" s="613"/>
      <c r="SMF724" s="613"/>
      <c r="SMG724" s="613"/>
      <c r="SMH724" s="613"/>
      <c r="SMI724" s="613"/>
      <c r="SMJ724" s="613"/>
      <c r="SMK724" s="613"/>
      <c r="SML724" s="613"/>
      <c r="SMM724" s="613"/>
      <c r="SMN724" s="613"/>
      <c r="SMO724" s="613"/>
      <c r="SMP724" s="613"/>
      <c r="SMQ724" s="613"/>
      <c r="SMR724" s="613"/>
      <c r="SMS724" s="613"/>
      <c r="SMT724" s="613"/>
      <c r="SMU724" s="613"/>
      <c r="SMV724" s="613"/>
      <c r="SMW724" s="613"/>
      <c r="SMX724" s="613"/>
      <c r="SMY724" s="613"/>
      <c r="SMZ724" s="613"/>
      <c r="SNA724" s="613"/>
      <c r="SNB724" s="613"/>
      <c r="SNC724" s="613"/>
      <c r="SND724" s="613"/>
      <c r="SNE724" s="613"/>
      <c r="SNF724" s="613"/>
      <c r="SNG724" s="613"/>
      <c r="SNH724" s="613"/>
      <c r="SNI724" s="613"/>
      <c r="SNJ724" s="613"/>
      <c r="SNK724" s="613"/>
      <c r="SNL724" s="613"/>
      <c r="SNM724" s="613"/>
      <c r="SNN724" s="613"/>
      <c r="SNO724" s="613"/>
      <c r="SNP724" s="613"/>
      <c r="SNQ724" s="613"/>
      <c r="SNR724" s="613"/>
      <c r="SNS724" s="613"/>
      <c r="SNT724" s="613"/>
      <c r="SNU724" s="613"/>
      <c r="SNV724" s="613"/>
      <c r="SNW724" s="613"/>
      <c r="SNX724" s="613"/>
      <c r="SNY724" s="613"/>
      <c r="SNZ724" s="613"/>
      <c r="SOA724" s="613"/>
      <c r="SOB724" s="613"/>
      <c r="SOC724" s="613"/>
      <c r="SOD724" s="613"/>
      <c r="SOE724" s="613"/>
      <c r="SOF724" s="613"/>
      <c r="SOG724" s="613"/>
      <c r="SOH724" s="613"/>
      <c r="SOI724" s="613"/>
      <c r="SOJ724" s="613"/>
      <c r="SOK724" s="613"/>
      <c r="SOL724" s="613"/>
      <c r="SOM724" s="613"/>
      <c r="SON724" s="613"/>
      <c r="SOO724" s="613"/>
      <c r="SOP724" s="613"/>
      <c r="SOQ724" s="613"/>
      <c r="SOR724" s="613"/>
      <c r="SOS724" s="613"/>
      <c r="SOT724" s="613"/>
      <c r="SOU724" s="613"/>
      <c r="SOV724" s="613"/>
      <c r="SOW724" s="613"/>
      <c r="SOX724" s="613"/>
      <c r="SOY724" s="613"/>
      <c r="SOZ724" s="613"/>
      <c r="SPA724" s="613"/>
      <c r="SPB724" s="613"/>
      <c r="SPC724" s="613"/>
      <c r="SPD724" s="613"/>
      <c r="SPE724" s="613"/>
      <c r="SPF724" s="613"/>
      <c r="SPG724" s="613"/>
      <c r="SPH724" s="613"/>
      <c r="SPI724" s="613"/>
      <c r="SPJ724" s="613"/>
      <c r="SPK724" s="613"/>
      <c r="SPL724" s="613"/>
      <c r="SPM724" s="613"/>
      <c r="SPN724" s="613"/>
      <c r="SPO724" s="613"/>
      <c r="SPP724" s="613"/>
      <c r="SPQ724" s="613"/>
      <c r="SPR724" s="613"/>
      <c r="SPS724" s="613"/>
      <c r="SPT724" s="613"/>
      <c r="SPU724" s="613"/>
      <c r="SPV724" s="613"/>
      <c r="SPW724" s="613"/>
      <c r="SPX724" s="613"/>
      <c r="SPY724" s="613"/>
      <c r="SPZ724" s="613"/>
      <c r="SQA724" s="613"/>
      <c r="SQB724" s="613"/>
      <c r="SQC724" s="613"/>
      <c r="SQD724" s="613"/>
      <c r="SQE724" s="613"/>
      <c r="SQF724" s="613"/>
      <c r="SQG724" s="613"/>
      <c r="SQH724" s="613"/>
      <c r="SQI724" s="613"/>
      <c r="SQJ724" s="613"/>
      <c r="SQK724" s="613"/>
      <c r="SQL724" s="613"/>
      <c r="SQM724" s="613"/>
      <c r="SQN724" s="613"/>
      <c r="SQO724" s="613"/>
      <c r="SQP724" s="613"/>
      <c r="SQQ724" s="613"/>
      <c r="SQR724" s="613"/>
      <c r="SQS724" s="613"/>
      <c r="SQT724" s="613"/>
      <c r="SQU724" s="613"/>
      <c r="SQV724" s="613"/>
      <c r="SQW724" s="613"/>
      <c r="SQX724" s="613"/>
      <c r="SQY724" s="613"/>
      <c r="SQZ724" s="613"/>
      <c r="SRA724" s="613"/>
      <c r="SRB724" s="613"/>
      <c r="SRC724" s="613"/>
      <c r="SRD724" s="613"/>
      <c r="SRE724" s="613"/>
      <c r="SRF724" s="613"/>
      <c r="SRG724" s="613"/>
      <c r="SRH724" s="613"/>
      <c r="SRI724" s="613"/>
      <c r="SRJ724" s="613"/>
      <c r="SRK724" s="613"/>
      <c r="SRL724" s="613"/>
      <c r="SRM724" s="613"/>
      <c r="SRN724" s="613"/>
      <c r="SRO724" s="613"/>
      <c r="SRP724" s="613"/>
      <c r="SRQ724" s="613"/>
      <c r="SRR724" s="613"/>
      <c r="SRS724" s="613"/>
      <c r="SRT724" s="613"/>
      <c r="SRU724" s="613"/>
      <c r="SRV724" s="613"/>
      <c r="SRW724" s="613"/>
      <c r="SRX724" s="613"/>
      <c r="SRY724" s="613"/>
      <c r="SRZ724" s="613"/>
      <c r="SSA724" s="613"/>
      <c r="SSB724" s="613"/>
      <c r="SSC724" s="613"/>
      <c r="SSD724" s="613"/>
      <c r="SSE724" s="613"/>
      <c r="SSF724" s="613"/>
      <c r="SSG724" s="613"/>
      <c r="SSH724" s="613"/>
      <c r="SSI724" s="613"/>
      <c r="SSJ724" s="613"/>
      <c r="SSK724" s="613"/>
      <c r="SSL724" s="613"/>
      <c r="SSM724" s="613"/>
      <c r="SSN724" s="613"/>
      <c r="SSO724" s="613"/>
      <c r="SSP724" s="613"/>
      <c r="SSQ724" s="613"/>
      <c r="SSR724" s="613"/>
      <c r="SSS724" s="613"/>
      <c r="SST724" s="613"/>
      <c r="SSU724" s="613"/>
      <c r="SSV724" s="613"/>
      <c r="SSW724" s="613"/>
      <c r="SSX724" s="613"/>
      <c r="SSY724" s="613"/>
      <c r="SSZ724" s="613"/>
      <c r="STA724" s="613"/>
      <c r="STB724" s="613"/>
      <c r="STC724" s="613"/>
      <c r="STD724" s="613"/>
      <c r="STE724" s="613"/>
      <c r="STF724" s="613"/>
      <c r="STG724" s="613"/>
      <c r="STH724" s="613"/>
      <c r="STI724" s="613"/>
      <c r="STJ724" s="613"/>
      <c r="STK724" s="613"/>
      <c r="STL724" s="613"/>
      <c r="STM724" s="613"/>
      <c r="STN724" s="613"/>
      <c r="STO724" s="613"/>
      <c r="STP724" s="613"/>
      <c r="STQ724" s="613"/>
      <c r="STR724" s="613"/>
      <c r="STS724" s="613"/>
      <c r="STT724" s="613"/>
      <c r="STU724" s="613"/>
      <c r="STV724" s="613"/>
      <c r="STW724" s="613"/>
      <c r="STX724" s="613"/>
      <c r="STY724" s="613"/>
      <c r="STZ724" s="613"/>
      <c r="SUA724" s="613"/>
      <c r="SUB724" s="613"/>
      <c r="SUC724" s="613"/>
      <c r="SUD724" s="613"/>
      <c r="SUE724" s="613"/>
      <c r="SUF724" s="613"/>
      <c r="SUG724" s="613"/>
      <c r="SUH724" s="613"/>
      <c r="SUI724" s="613"/>
      <c r="SUJ724" s="613"/>
      <c r="SUK724" s="613"/>
      <c r="SUL724" s="613"/>
      <c r="SUM724" s="613"/>
      <c r="SUN724" s="613"/>
      <c r="SUO724" s="613"/>
      <c r="SUP724" s="613"/>
      <c r="SUQ724" s="613"/>
      <c r="SUR724" s="613"/>
      <c r="SUS724" s="613"/>
      <c r="SUT724" s="613"/>
      <c r="SUU724" s="613"/>
      <c r="SUV724" s="613"/>
      <c r="SUW724" s="613"/>
      <c r="SUX724" s="613"/>
      <c r="SUY724" s="613"/>
      <c r="SUZ724" s="613"/>
      <c r="SVA724" s="613"/>
      <c r="SVB724" s="613"/>
      <c r="SVC724" s="613"/>
      <c r="SVD724" s="613"/>
      <c r="SVE724" s="613"/>
      <c r="SVF724" s="613"/>
      <c r="SVG724" s="613"/>
      <c r="SVH724" s="613"/>
      <c r="SVI724" s="613"/>
      <c r="SVJ724" s="613"/>
      <c r="SVK724" s="613"/>
      <c r="SVL724" s="613"/>
      <c r="SVM724" s="613"/>
      <c r="SVN724" s="613"/>
      <c r="SVO724" s="613"/>
      <c r="SVP724" s="613"/>
      <c r="SVQ724" s="613"/>
      <c r="SVR724" s="613"/>
      <c r="SVS724" s="613"/>
      <c r="SVT724" s="613"/>
      <c r="SVU724" s="613"/>
      <c r="SVV724" s="613"/>
      <c r="SVW724" s="613"/>
      <c r="SVX724" s="613"/>
      <c r="SVY724" s="613"/>
      <c r="SVZ724" s="613"/>
      <c r="SWA724" s="613"/>
      <c r="SWB724" s="613"/>
      <c r="SWC724" s="613"/>
      <c r="SWD724" s="613"/>
      <c r="SWE724" s="613"/>
      <c r="SWF724" s="613"/>
      <c r="SWG724" s="613"/>
      <c r="SWH724" s="613"/>
      <c r="SWI724" s="613"/>
      <c r="SWJ724" s="613"/>
      <c r="SWK724" s="613"/>
      <c r="SWL724" s="613"/>
      <c r="SWM724" s="613"/>
      <c r="SWN724" s="613"/>
      <c r="SWO724" s="613"/>
      <c r="SWP724" s="613"/>
      <c r="SWQ724" s="613"/>
      <c r="SWR724" s="613"/>
      <c r="SWS724" s="613"/>
      <c r="SWT724" s="613"/>
      <c r="SWU724" s="613"/>
      <c r="SWV724" s="613"/>
      <c r="SWW724" s="613"/>
      <c r="SWX724" s="613"/>
      <c r="SWY724" s="613"/>
      <c r="SWZ724" s="613"/>
      <c r="SXA724" s="613"/>
      <c r="SXB724" s="613"/>
      <c r="SXC724" s="613"/>
      <c r="SXD724" s="613"/>
      <c r="SXE724" s="613"/>
      <c r="SXF724" s="613"/>
      <c r="SXG724" s="613"/>
      <c r="SXH724" s="613"/>
      <c r="SXI724" s="613"/>
      <c r="SXJ724" s="613"/>
      <c r="SXK724" s="613"/>
      <c r="SXL724" s="613"/>
      <c r="SXM724" s="613"/>
      <c r="SXN724" s="613"/>
      <c r="SXO724" s="613"/>
      <c r="SXP724" s="613"/>
      <c r="SXQ724" s="613"/>
      <c r="SXR724" s="613"/>
      <c r="SXS724" s="613"/>
      <c r="SXT724" s="613"/>
      <c r="SXU724" s="613"/>
      <c r="SXV724" s="613"/>
      <c r="SXW724" s="613"/>
      <c r="SXX724" s="613"/>
      <c r="SXY724" s="613"/>
      <c r="SXZ724" s="613"/>
      <c r="SYA724" s="613"/>
      <c r="SYB724" s="613"/>
      <c r="SYC724" s="613"/>
      <c r="SYD724" s="613"/>
      <c r="SYE724" s="613"/>
      <c r="SYF724" s="613"/>
      <c r="SYG724" s="613"/>
      <c r="SYH724" s="613"/>
      <c r="SYI724" s="613"/>
      <c r="SYJ724" s="613"/>
      <c r="SYK724" s="613"/>
      <c r="SYL724" s="613"/>
      <c r="SYM724" s="613"/>
      <c r="SYN724" s="613"/>
      <c r="SYO724" s="613"/>
      <c r="SYP724" s="613"/>
      <c r="SYQ724" s="613"/>
      <c r="SYR724" s="613"/>
      <c r="SYS724" s="613"/>
      <c r="SYT724" s="613"/>
      <c r="SYU724" s="613"/>
      <c r="SYV724" s="613"/>
      <c r="SYW724" s="613"/>
      <c r="SYX724" s="613"/>
      <c r="SYY724" s="613"/>
      <c r="SYZ724" s="613"/>
      <c r="SZA724" s="613"/>
      <c r="SZB724" s="613"/>
      <c r="SZC724" s="613"/>
      <c r="SZD724" s="613"/>
      <c r="SZE724" s="613"/>
      <c r="SZF724" s="613"/>
      <c r="SZG724" s="613"/>
      <c r="SZH724" s="613"/>
      <c r="SZI724" s="613"/>
      <c r="SZJ724" s="613"/>
      <c r="SZK724" s="613"/>
      <c r="SZL724" s="613"/>
      <c r="SZM724" s="613"/>
      <c r="SZN724" s="613"/>
      <c r="SZO724" s="613"/>
      <c r="SZP724" s="613"/>
      <c r="SZQ724" s="613"/>
      <c r="SZR724" s="613"/>
      <c r="SZS724" s="613"/>
      <c r="SZT724" s="613"/>
      <c r="SZU724" s="613"/>
      <c r="SZV724" s="613"/>
      <c r="SZW724" s="613"/>
      <c r="SZX724" s="613"/>
      <c r="SZY724" s="613"/>
      <c r="SZZ724" s="613"/>
      <c r="TAA724" s="613"/>
      <c r="TAB724" s="613"/>
      <c r="TAC724" s="613"/>
      <c r="TAD724" s="613"/>
      <c r="TAE724" s="613"/>
      <c r="TAF724" s="613"/>
      <c r="TAG724" s="613"/>
      <c r="TAH724" s="613"/>
      <c r="TAI724" s="613"/>
      <c r="TAJ724" s="613"/>
      <c r="TAK724" s="613"/>
      <c r="TAL724" s="613"/>
      <c r="TAM724" s="613"/>
      <c r="TAN724" s="613"/>
      <c r="TAO724" s="613"/>
      <c r="TAP724" s="613"/>
      <c r="TAQ724" s="613"/>
      <c r="TAR724" s="613"/>
      <c r="TAS724" s="613"/>
      <c r="TAT724" s="613"/>
      <c r="TAU724" s="613"/>
      <c r="TAV724" s="613"/>
      <c r="TAW724" s="613"/>
      <c r="TAX724" s="613"/>
      <c r="TAY724" s="613"/>
      <c r="TAZ724" s="613"/>
      <c r="TBA724" s="613"/>
      <c r="TBB724" s="613"/>
      <c r="TBC724" s="613"/>
      <c r="TBD724" s="613"/>
      <c r="TBE724" s="613"/>
      <c r="TBF724" s="613"/>
      <c r="TBG724" s="613"/>
      <c r="TBH724" s="613"/>
      <c r="TBI724" s="613"/>
      <c r="TBJ724" s="613"/>
      <c r="TBK724" s="613"/>
      <c r="TBL724" s="613"/>
      <c r="TBM724" s="613"/>
      <c r="TBN724" s="613"/>
      <c r="TBO724" s="613"/>
      <c r="TBP724" s="613"/>
      <c r="TBQ724" s="613"/>
      <c r="TBR724" s="613"/>
      <c r="TBS724" s="613"/>
      <c r="TBT724" s="613"/>
      <c r="TBU724" s="613"/>
      <c r="TBV724" s="613"/>
      <c r="TBW724" s="613"/>
      <c r="TBX724" s="613"/>
      <c r="TBY724" s="613"/>
      <c r="TBZ724" s="613"/>
      <c r="TCA724" s="613"/>
      <c r="TCB724" s="613"/>
      <c r="TCC724" s="613"/>
      <c r="TCD724" s="613"/>
      <c r="TCE724" s="613"/>
      <c r="TCF724" s="613"/>
      <c r="TCG724" s="613"/>
      <c r="TCH724" s="613"/>
      <c r="TCI724" s="613"/>
      <c r="TCJ724" s="613"/>
      <c r="TCK724" s="613"/>
      <c r="TCL724" s="613"/>
      <c r="TCM724" s="613"/>
      <c r="TCN724" s="613"/>
      <c r="TCO724" s="613"/>
      <c r="TCP724" s="613"/>
      <c r="TCQ724" s="613"/>
      <c r="TCR724" s="613"/>
      <c r="TCS724" s="613"/>
      <c r="TCT724" s="613"/>
      <c r="TCU724" s="613"/>
      <c r="TCV724" s="613"/>
      <c r="TCW724" s="613"/>
      <c r="TCX724" s="613"/>
      <c r="TCY724" s="613"/>
      <c r="TCZ724" s="613"/>
      <c r="TDA724" s="613"/>
      <c r="TDB724" s="613"/>
      <c r="TDC724" s="613"/>
      <c r="TDD724" s="613"/>
      <c r="TDE724" s="613"/>
      <c r="TDF724" s="613"/>
      <c r="TDG724" s="613"/>
      <c r="TDH724" s="613"/>
      <c r="TDI724" s="613"/>
      <c r="TDJ724" s="613"/>
      <c r="TDK724" s="613"/>
      <c r="TDL724" s="613"/>
      <c r="TDM724" s="613"/>
      <c r="TDN724" s="613"/>
      <c r="TDO724" s="613"/>
      <c r="TDP724" s="613"/>
      <c r="TDQ724" s="613"/>
      <c r="TDR724" s="613"/>
      <c r="TDS724" s="613"/>
      <c r="TDT724" s="613"/>
      <c r="TDU724" s="613"/>
      <c r="TDV724" s="613"/>
      <c r="TDW724" s="613"/>
      <c r="TDX724" s="613"/>
      <c r="TDY724" s="613"/>
      <c r="TDZ724" s="613"/>
      <c r="TEA724" s="613"/>
      <c r="TEB724" s="613"/>
      <c r="TEC724" s="613"/>
      <c r="TED724" s="613"/>
      <c r="TEE724" s="613"/>
      <c r="TEF724" s="613"/>
      <c r="TEG724" s="613"/>
      <c r="TEH724" s="613"/>
      <c r="TEI724" s="613"/>
      <c r="TEJ724" s="613"/>
      <c r="TEK724" s="613"/>
      <c r="TEL724" s="613"/>
      <c r="TEM724" s="613"/>
      <c r="TEN724" s="613"/>
      <c r="TEO724" s="613"/>
      <c r="TEP724" s="613"/>
      <c r="TEQ724" s="613"/>
      <c r="TER724" s="613"/>
      <c r="TES724" s="613"/>
      <c r="TET724" s="613"/>
      <c r="TEU724" s="613"/>
      <c r="TEV724" s="613"/>
      <c r="TEW724" s="613"/>
      <c r="TEX724" s="613"/>
      <c r="TEY724" s="613"/>
      <c r="TEZ724" s="613"/>
      <c r="TFA724" s="613"/>
      <c r="TFB724" s="613"/>
      <c r="TFC724" s="613"/>
      <c r="TFD724" s="613"/>
      <c r="TFE724" s="613"/>
      <c r="TFF724" s="613"/>
      <c r="TFG724" s="613"/>
      <c r="TFH724" s="613"/>
      <c r="TFI724" s="613"/>
      <c r="TFJ724" s="613"/>
      <c r="TFK724" s="613"/>
      <c r="TFL724" s="613"/>
      <c r="TFM724" s="613"/>
      <c r="TFN724" s="613"/>
      <c r="TFO724" s="613"/>
      <c r="TFP724" s="613"/>
      <c r="TFQ724" s="613"/>
      <c r="TFR724" s="613"/>
      <c r="TFS724" s="613"/>
      <c r="TFT724" s="613"/>
      <c r="TFU724" s="613"/>
      <c r="TFV724" s="613"/>
      <c r="TFW724" s="613"/>
      <c r="TFX724" s="613"/>
      <c r="TFY724" s="613"/>
      <c r="TFZ724" s="613"/>
      <c r="TGA724" s="613"/>
      <c r="TGB724" s="613"/>
      <c r="TGC724" s="613"/>
      <c r="TGD724" s="613"/>
      <c r="TGE724" s="613"/>
      <c r="TGF724" s="613"/>
      <c r="TGG724" s="613"/>
      <c r="TGH724" s="613"/>
      <c r="TGI724" s="613"/>
      <c r="TGJ724" s="613"/>
      <c r="TGK724" s="613"/>
      <c r="TGL724" s="613"/>
      <c r="TGM724" s="613"/>
      <c r="TGN724" s="613"/>
      <c r="TGO724" s="613"/>
      <c r="TGP724" s="613"/>
      <c r="TGQ724" s="613"/>
      <c r="TGR724" s="613"/>
      <c r="TGS724" s="613"/>
      <c r="TGT724" s="613"/>
      <c r="TGU724" s="613"/>
      <c r="TGV724" s="613"/>
      <c r="TGW724" s="613"/>
      <c r="TGX724" s="613"/>
      <c r="TGY724" s="613"/>
      <c r="TGZ724" s="613"/>
      <c r="THA724" s="613"/>
      <c r="THB724" s="613"/>
      <c r="THC724" s="613"/>
      <c r="THD724" s="613"/>
      <c r="THE724" s="613"/>
      <c r="THF724" s="613"/>
      <c r="THG724" s="613"/>
      <c r="THH724" s="613"/>
      <c r="THI724" s="613"/>
      <c r="THJ724" s="613"/>
      <c r="THK724" s="613"/>
      <c r="THL724" s="613"/>
      <c r="THM724" s="613"/>
      <c r="THN724" s="613"/>
      <c r="THO724" s="613"/>
      <c r="THP724" s="613"/>
      <c r="THQ724" s="613"/>
      <c r="THR724" s="613"/>
      <c r="THS724" s="613"/>
      <c r="THT724" s="613"/>
      <c r="THU724" s="613"/>
      <c r="THV724" s="613"/>
      <c r="THW724" s="613"/>
      <c r="THX724" s="613"/>
      <c r="THY724" s="613"/>
      <c r="THZ724" s="613"/>
      <c r="TIA724" s="613"/>
      <c r="TIB724" s="613"/>
      <c r="TIC724" s="613"/>
      <c r="TID724" s="613"/>
      <c r="TIE724" s="613"/>
      <c r="TIF724" s="613"/>
      <c r="TIG724" s="613"/>
      <c r="TIH724" s="613"/>
      <c r="TII724" s="613"/>
      <c r="TIJ724" s="613"/>
      <c r="TIK724" s="613"/>
      <c r="TIL724" s="613"/>
      <c r="TIM724" s="613"/>
      <c r="TIN724" s="613"/>
      <c r="TIO724" s="613"/>
      <c r="TIP724" s="613"/>
      <c r="TIQ724" s="613"/>
      <c r="TIR724" s="613"/>
      <c r="TIS724" s="613"/>
      <c r="TIT724" s="613"/>
      <c r="TIU724" s="613"/>
      <c r="TIV724" s="613"/>
      <c r="TIW724" s="613"/>
      <c r="TIX724" s="613"/>
      <c r="TIY724" s="613"/>
      <c r="TIZ724" s="613"/>
      <c r="TJA724" s="613"/>
      <c r="TJB724" s="613"/>
      <c r="TJC724" s="613"/>
      <c r="TJD724" s="613"/>
      <c r="TJE724" s="613"/>
      <c r="TJF724" s="613"/>
      <c r="TJG724" s="613"/>
      <c r="TJH724" s="613"/>
      <c r="TJI724" s="613"/>
      <c r="TJJ724" s="613"/>
      <c r="TJK724" s="613"/>
      <c r="TJL724" s="613"/>
      <c r="TJM724" s="613"/>
      <c r="TJN724" s="613"/>
      <c r="TJO724" s="613"/>
      <c r="TJP724" s="613"/>
      <c r="TJQ724" s="613"/>
      <c r="TJR724" s="613"/>
      <c r="TJS724" s="613"/>
      <c r="TJT724" s="613"/>
      <c r="TJU724" s="613"/>
      <c r="TJV724" s="613"/>
      <c r="TJW724" s="613"/>
      <c r="TJX724" s="613"/>
      <c r="TJY724" s="613"/>
      <c r="TJZ724" s="613"/>
      <c r="TKA724" s="613"/>
      <c r="TKB724" s="613"/>
      <c r="TKC724" s="613"/>
      <c r="TKD724" s="613"/>
      <c r="TKE724" s="613"/>
      <c r="TKF724" s="613"/>
      <c r="TKG724" s="613"/>
      <c r="TKH724" s="613"/>
      <c r="TKI724" s="613"/>
      <c r="TKJ724" s="613"/>
      <c r="TKK724" s="613"/>
      <c r="TKL724" s="613"/>
      <c r="TKM724" s="613"/>
      <c r="TKN724" s="613"/>
      <c r="TKO724" s="613"/>
      <c r="TKP724" s="613"/>
      <c r="TKQ724" s="613"/>
      <c r="TKR724" s="613"/>
      <c r="TKS724" s="613"/>
      <c r="TKT724" s="613"/>
      <c r="TKU724" s="613"/>
      <c r="TKV724" s="613"/>
      <c r="TKW724" s="613"/>
      <c r="TKX724" s="613"/>
      <c r="TKY724" s="613"/>
      <c r="TKZ724" s="613"/>
      <c r="TLA724" s="613"/>
      <c r="TLB724" s="613"/>
      <c r="TLC724" s="613"/>
      <c r="TLD724" s="613"/>
      <c r="TLE724" s="613"/>
      <c r="TLF724" s="613"/>
      <c r="TLG724" s="613"/>
      <c r="TLH724" s="613"/>
      <c r="TLI724" s="613"/>
      <c r="TLJ724" s="613"/>
      <c r="TLK724" s="613"/>
      <c r="TLL724" s="613"/>
      <c r="TLM724" s="613"/>
      <c r="TLN724" s="613"/>
      <c r="TLO724" s="613"/>
      <c r="TLP724" s="613"/>
      <c r="TLQ724" s="613"/>
      <c r="TLR724" s="613"/>
      <c r="TLS724" s="613"/>
      <c r="TLT724" s="613"/>
      <c r="TLU724" s="613"/>
      <c r="TLV724" s="613"/>
      <c r="TLW724" s="613"/>
      <c r="TLX724" s="613"/>
      <c r="TLY724" s="613"/>
      <c r="TLZ724" s="613"/>
      <c r="TMA724" s="613"/>
      <c r="TMB724" s="613"/>
      <c r="TMC724" s="613"/>
      <c r="TMD724" s="613"/>
      <c r="TME724" s="613"/>
      <c r="TMF724" s="613"/>
      <c r="TMG724" s="613"/>
      <c r="TMH724" s="613"/>
      <c r="TMI724" s="613"/>
      <c r="TMJ724" s="613"/>
      <c r="TMK724" s="613"/>
      <c r="TML724" s="613"/>
      <c r="TMM724" s="613"/>
      <c r="TMN724" s="613"/>
      <c r="TMO724" s="613"/>
      <c r="TMP724" s="613"/>
      <c r="TMQ724" s="613"/>
      <c r="TMR724" s="613"/>
      <c r="TMS724" s="613"/>
      <c r="TMT724" s="613"/>
      <c r="TMU724" s="613"/>
      <c r="TMV724" s="613"/>
      <c r="TMW724" s="613"/>
      <c r="TMX724" s="613"/>
      <c r="TMY724" s="613"/>
      <c r="TMZ724" s="613"/>
      <c r="TNA724" s="613"/>
      <c r="TNB724" s="613"/>
      <c r="TNC724" s="613"/>
      <c r="TND724" s="613"/>
      <c r="TNE724" s="613"/>
      <c r="TNF724" s="613"/>
      <c r="TNG724" s="613"/>
      <c r="TNH724" s="613"/>
      <c r="TNI724" s="613"/>
      <c r="TNJ724" s="613"/>
      <c r="TNK724" s="613"/>
      <c r="TNL724" s="613"/>
      <c r="TNM724" s="613"/>
      <c r="TNN724" s="613"/>
      <c r="TNO724" s="613"/>
      <c r="TNP724" s="613"/>
      <c r="TNQ724" s="613"/>
      <c r="TNR724" s="613"/>
      <c r="TNS724" s="613"/>
      <c r="TNT724" s="613"/>
      <c r="TNU724" s="613"/>
      <c r="TNV724" s="613"/>
      <c r="TNW724" s="613"/>
      <c r="TNX724" s="613"/>
      <c r="TNY724" s="613"/>
      <c r="TNZ724" s="613"/>
      <c r="TOA724" s="613"/>
      <c r="TOB724" s="613"/>
      <c r="TOC724" s="613"/>
      <c r="TOD724" s="613"/>
      <c r="TOE724" s="613"/>
      <c r="TOF724" s="613"/>
      <c r="TOG724" s="613"/>
      <c r="TOH724" s="613"/>
      <c r="TOI724" s="613"/>
      <c r="TOJ724" s="613"/>
      <c r="TOK724" s="613"/>
      <c r="TOL724" s="613"/>
      <c r="TOM724" s="613"/>
      <c r="TON724" s="613"/>
      <c r="TOO724" s="613"/>
      <c r="TOP724" s="613"/>
      <c r="TOQ724" s="613"/>
      <c r="TOR724" s="613"/>
      <c r="TOS724" s="613"/>
      <c r="TOT724" s="613"/>
      <c r="TOU724" s="613"/>
      <c r="TOV724" s="613"/>
      <c r="TOW724" s="613"/>
      <c r="TOX724" s="613"/>
      <c r="TOY724" s="613"/>
      <c r="TOZ724" s="613"/>
      <c r="TPA724" s="613"/>
      <c r="TPB724" s="613"/>
      <c r="TPC724" s="613"/>
      <c r="TPD724" s="613"/>
      <c r="TPE724" s="613"/>
      <c r="TPF724" s="613"/>
      <c r="TPG724" s="613"/>
      <c r="TPH724" s="613"/>
      <c r="TPI724" s="613"/>
      <c r="TPJ724" s="613"/>
      <c r="TPK724" s="613"/>
      <c r="TPL724" s="613"/>
      <c r="TPM724" s="613"/>
      <c r="TPN724" s="613"/>
      <c r="TPO724" s="613"/>
      <c r="TPP724" s="613"/>
      <c r="TPQ724" s="613"/>
      <c r="TPR724" s="613"/>
      <c r="TPS724" s="613"/>
      <c r="TPT724" s="613"/>
      <c r="TPU724" s="613"/>
      <c r="TPV724" s="613"/>
      <c r="TPW724" s="613"/>
      <c r="TPX724" s="613"/>
      <c r="TPY724" s="613"/>
      <c r="TPZ724" s="613"/>
      <c r="TQA724" s="613"/>
      <c r="TQB724" s="613"/>
      <c r="TQC724" s="613"/>
      <c r="TQD724" s="613"/>
      <c r="TQE724" s="613"/>
      <c r="TQF724" s="613"/>
      <c r="TQG724" s="613"/>
      <c r="TQH724" s="613"/>
      <c r="TQI724" s="613"/>
      <c r="TQJ724" s="613"/>
      <c r="TQK724" s="613"/>
      <c r="TQL724" s="613"/>
      <c r="TQM724" s="613"/>
      <c r="TQN724" s="613"/>
      <c r="TQO724" s="613"/>
      <c r="TQP724" s="613"/>
      <c r="TQQ724" s="613"/>
      <c r="TQR724" s="613"/>
      <c r="TQS724" s="613"/>
      <c r="TQT724" s="613"/>
      <c r="TQU724" s="613"/>
      <c r="TQV724" s="613"/>
      <c r="TQW724" s="613"/>
      <c r="TQX724" s="613"/>
      <c r="TQY724" s="613"/>
      <c r="TQZ724" s="613"/>
      <c r="TRA724" s="613"/>
      <c r="TRB724" s="613"/>
      <c r="TRC724" s="613"/>
      <c r="TRD724" s="613"/>
      <c r="TRE724" s="613"/>
      <c r="TRF724" s="613"/>
      <c r="TRG724" s="613"/>
      <c r="TRH724" s="613"/>
      <c r="TRI724" s="613"/>
      <c r="TRJ724" s="613"/>
      <c r="TRK724" s="613"/>
      <c r="TRL724" s="613"/>
      <c r="TRM724" s="613"/>
      <c r="TRN724" s="613"/>
      <c r="TRO724" s="613"/>
      <c r="TRP724" s="613"/>
      <c r="TRQ724" s="613"/>
      <c r="TRR724" s="613"/>
      <c r="TRS724" s="613"/>
      <c r="TRT724" s="613"/>
      <c r="TRU724" s="613"/>
      <c r="TRV724" s="613"/>
      <c r="TRW724" s="613"/>
      <c r="TRX724" s="613"/>
      <c r="TRY724" s="613"/>
      <c r="TRZ724" s="613"/>
      <c r="TSA724" s="613"/>
      <c r="TSB724" s="613"/>
      <c r="TSC724" s="613"/>
      <c r="TSD724" s="613"/>
      <c r="TSE724" s="613"/>
      <c r="TSF724" s="613"/>
      <c r="TSG724" s="613"/>
      <c r="TSH724" s="613"/>
      <c r="TSI724" s="613"/>
      <c r="TSJ724" s="613"/>
      <c r="TSK724" s="613"/>
      <c r="TSL724" s="613"/>
      <c r="TSM724" s="613"/>
      <c r="TSN724" s="613"/>
      <c r="TSO724" s="613"/>
      <c r="TSP724" s="613"/>
      <c r="TSQ724" s="613"/>
      <c r="TSR724" s="613"/>
      <c r="TSS724" s="613"/>
      <c r="TST724" s="613"/>
      <c r="TSU724" s="613"/>
      <c r="TSV724" s="613"/>
      <c r="TSW724" s="613"/>
      <c r="TSX724" s="613"/>
      <c r="TSY724" s="613"/>
      <c r="TSZ724" s="613"/>
      <c r="TTA724" s="613"/>
      <c r="TTB724" s="613"/>
      <c r="TTC724" s="613"/>
      <c r="TTD724" s="613"/>
      <c r="TTE724" s="613"/>
      <c r="TTF724" s="613"/>
      <c r="TTG724" s="613"/>
      <c r="TTH724" s="613"/>
      <c r="TTI724" s="613"/>
      <c r="TTJ724" s="613"/>
      <c r="TTK724" s="613"/>
      <c r="TTL724" s="613"/>
      <c r="TTM724" s="613"/>
      <c r="TTN724" s="613"/>
      <c r="TTO724" s="613"/>
      <c r="TTP724" s="613"/>
      <c r="TTQ724" s="613"/>
      <c r="TTR724" s="613"/>
      <c r="TTS724" s="613"/>
      <c r="TTT724" s="613"/>
      <c r="TTU724" s="613"/>
      <c r="TTV724" s="613"/>
      <c r="TTW724" s="613"/>
      <c r="TTX724" s="613"/>
      <c r="TTY724" s="613"/>
      <c r="TTZ724" s="613"/>
      <c r="TUA724" s="613"/>
      <c r="TUB724" s="613"/>
      <c r="TUC724" s="613"/>
      <c r="TUD724" s="613"/>
      <c r="TUE724" s="613"/>
      <c r="TUF724" s="613"/>
      <c r="TUG724" s="613"/>
      <c r="TUH724" s="613"/>
      <c r="TUI724" s="613"/>
      <c r="TUJ724" s="613"/>
      <c r="TUK724" s="613"/>
      <c r="TUL724" s="613"/>
      <c r="TUM724" s="613"/>
      <c r="TUN724" s="613"/>
      <c r="TUO724" s="613"/>
      <c r="TUP724" s="613"/>
      <c r="TUQ724" s="613"/>
      <c r="TUR724" s="613"/>
      <c r="TUS724" s="613"/>
      <c r="TUT724" s="613"/>
      <c r="TUU724" s="613"/>
      <c r="TUV724" s="613"/>
      <c r="TUW724" s="613"/>
      <c r="TUX724" s="613"/>
      <c r="TUY724" s="613"/>
      <c r="TUZ724" s="613"/>
      <c r="TVA724" s="613"/>
      <c r="TVB724" s="613"/>
      <c r="TVC724" s="613"/>
      <c r="TVD724" s="613"/>
      <c r="TVE724" s="613"/>
      <c r="TVF724" s="613"/>
      <c r="TVG724" s="613"/>
      <c r="TVH724" s="613"/>
      <c r="TVI724" s="613"/>
      <c r="TVJ724" s="613"/>
      <c r="TVK724" s="613"/>
      <c r="TVL724" s="613"/>
      <c r="TVM724" s="613"/>
      <c r="TVN724" s="613"/>
      <c r="TVO724" s="613"/>
      <c r="TVP724" s="613"/>
      <c r="TVQ724" s="613"/>
      <c r="TVR724" s="613"/>
      <c r="TVS724" s="613"/>
      <c r="TVT724" s="613"/>
      <c r="TVU724" s="613"/>
      <c r="TVV724" s="613"/>
      <c r="TVW724" s="613"/>
      <c r="TVX724" s="613"/>
      <c r="TVY724" s="613"/>
      <c r="TVZ724" s="613"/>
      <c r="TWA724" s="613"/>
      <c r="TWB724" s="613"/>
      <c r="TWC724" s="613"/>
      <c r="TWD724" s="613"/>
      <c r="TWE724" s="613"/>
      <c r="TWF724" s="613"/>
      <c r="TWG724" s="613"/>
      <c r="TWH724" s="613"/>
      <c r="TWI724" s="613"/>
      <c r="TWJ724" s="613"/>
      <c r="TWK724" s="613"/>
      <c r="TWL724" s="613"/>
      <c r="TWM724" s="613"/>
      <c r="TWN724" s="613"/>
      <c r="TWO724" s="613"/>
      <c r="TWP724" s="613"/>
      <c r="TWQ724" s="613"/>
      <c r="TWR724" s="613"/>
      <c r="TWS724" s="613"/>
      <c r="TWT724" s="613"/>
      <c r="TWU724" s="613"/>
      <c r="TWV724" s="613"/>
      <c r="TWW724" s="613"/>
      <c r="TWX724" s="613"/>
      <c r="TWY724" s="613"/>
      <c r="TWZ724" s="613"/>
      <c r="TXA724" s="613"/>
      <c r="TXB724" s="613"/>
      <c r="TXC724" s="613"/>
      <c r="TXD724" s="613"/>
      <c r="TXE724" s="613"/>
      <c r="TXF724" s="613"/>
      <c r="TXG724" s="613"/>
      <c r="TXH724" s="613"/>
      <c r="TXI724" s="613"/>
      <c r="TXJ724" s="613"/>
      <c r="TXK724" s="613"/>
      <c r="TXL724" s="613"/>
      <c r="TXM724" s="613"/>
      <c r="TXN724" s="613"/>
      <c r="TXO724" s="613"/>
      <c r="TXP724" s="613"/>
      <c r="TXQ724" s="613"/>
      <c r="TXR724" s="613"/>
      <c r="TXS724" s="613"/>
      <c r="TXT724" s="613"/>
      <c r="TXU724" s="613"/>
      <c r="TXV724" s="613"/>
      <c r="TXW724" s="613"/>
      <c r="TXX724" s="613"/>
      <c r="TXY724" s="613"/>
      <c r="TXZ724" s="613"/>
      <c r="TYA724" s="613"/>
      <c r="TYB724" s="613"/>
      <c r="TYC724" s="613"/>
      <c r="TYD724" s="613"/>
      <c r="TYE724" s="613"/>
      <c r="TYF724" s="613"/>
      <c r="TYG724" s="613"/>
      <c r="TYH724" s="613"/>
      <c r="TYI724" s="613"/>
      <c r="TYJ724" s="613"/>
      <c r="TYK724" s="613"/>
      <c r="TYL724" s="613"/>
      <c r="TYM724" s="613"/>
      <c r="TYN724" s="613"/>
      <c r="TYO724" s="613"/>
      <c r="TYP724" s="613"/>
      <c r="TYQ724" s="613"/>
      <c r="TYR724" s="613"/>
      <c r="TYS724" s="613"/>
      <c r="TYT724" s="613"/>
      <c r="TYU724" s="613"/>
      <c r="TYV724" s="613"/>
      <c r="TYW724" s="613"/>
      <c r="TYX724" s="613"/>
      <c r="TYY724" s="613"/>
      <c r="TYZ724" s="613"/>
      <c r="TZA724" s="613"/>
      <c r="TZB724" s="613"/>
      <c r="TZC724" s="613"/>
      <c r="TZD724" s="613"/>
      <c r="TZE724" s="613"/>
      <c r="TZF724" s="613"/>
      <c r="TZG724" s="613"/>
      <c r="TZH724" s="613"/>
      <c r="TZI724" s="613"/>
      <c r="TZJ724" s="613"/>
      <c r="TZK724" s="613"/>
      <c r="TZL724" s="613"/>
      <c r="TZM724" s="613"/>
      <c r="TZN724" s="613"/>
      <c r="TZO724" s="613"/>
      <c r="TZP724" s="613"/>
      <c r="TZQ724" s="613"/>
      <c r="TZR724" s="613"/>
      <c r="TZS724" s="613"/>
      <c r="TZT724" s="613"/>
      <c r="TZU724" s="613"/>
      <c r="TZV724" s="613"/>
      <c r="TZW724" s="613"/>
      <c r="TZX724" s="613"/>
      <c r="TZY724" s="613"/>
      <c r="TZZ724" s="613"/>
      <c r="UAA724" s="613"/>
      <c r="UAB724" s="613"/>
      <c r="UAC724" s="613"/>
      <c r="UAD724" s="613"/>
      <c r="UAE724" s="613"/>
      <c r="UAF724" s="613"/>
      <c r="UAG724" s="613"/>
      <c r="UAH724" s="613"/>
      <c r="UAI724" s="613"/>
      <c r="UAJ724" s="613"/>
      <c r="UAK724" s="613"/>
      <c r="UAL724" s="613"/>
      <c r="UAM724" s="613"/>
      <c r="UAN724" s="613"/>
      <c r="UAO724" s="613"/>
      <c r="UAP724" s="613"/>
      <c r="UAQ724" s="613"/>
      <c r="UAR724" s="613"/>
      <c r="UAS724" s="613"/>
      <c r="UAT724" s="613"/>
      <c r="UAU724" s="613"/>
      <c r="UAV724" s="613"/>
      <c r="UAW724" s="613"/>
      <c r="UAX724" s="613"/>
      <c r="UAY724" s="613"/>
      <c r="UAZ724" s="613"/>
      <c r="UBA724" s="613"/>
      <c r="UBB724" s="613"/>
      <c r="UBC724" s="613"/>
      <c r="UBD724" s="613"/>
      <c r="UBE724" s="613"/>
      <c r="UBF724" s="613"/>
      <c r="UBG724" s="613"/>
      <c r="UBH724" s="613"/>
      <c r="UBI724" s="613"/>
      <c r="UBJ724" s="613"/>
      <c r="UBK724" s="613"/>
      <c r="UBL724" s="613"/>
      <c r="UBM724" s="613"/>
      <c r="UBN724" s="613"/>
      <c r="UBO724" s="613"/>
      <c r="UBP724" s="613"/>
      <c r="UBQ724" s="613"/>
      <c r="UBR724" s="613"/>
      <c r="UBS724" s="613"/>
      <c r="UBT724" s="613"/>
      <c r="UBU724" s="613"/>
      <c r="UBV724" s="613"/>
      <c r="UBW724" s="613"/>
      <c r="UBX724" s="613"/>
      <c r="UBY724" s="613"/>
      <c r="UBZ724" s="613"/>
      <c r="UCA724" s="613"/>
      <c r="UCB724" s="613"/>
      <c r="UCC724" s="613"/>
      <c r="UCD724" s="613"/>
      <c r="UCE724" s="613"/>
      <c r="UCF724" s="613"/>
      <c r="UCG724" s="613"/>
      <c r="UCH724" s="613"/>
      <c r="UCI724" s="613"/>
      <c r="UCJ724" s="613"/>
      <c r="UCK724" s="613"/>
      <c r="UCL724" s="613"/>
      <c r="UCM724" s="613"/>
      <c r="UCN724" s="613"/>
      <c r="UCO724" s="613"/>
      <c r="UCP724" s="613"/>
      <c r="UCQ724" s="613"/>
      <c r="UCR724" s="613"/>
      <c r="UCS724" s="613"/>
      <c r="UCT724" s="613"/>
      <c r="UCU724" s="613"/>
      <c r="UCV724" s="613"/>
      <c r="UCW724" s="613"/>
      <c r="UCX724" s="613"/>
      <c r="UCY724" s="613"/>
      <c r="UCZ724" s="613"/>
      <c r="UDA724" s="613"/>
      <c r="UDB724" s="613"/>
      <c r="UDC724" s="613"/>
      <c r="UDD724" s="613"/>
      <c r="UDE724" s="613"/>
      <c r="UDF724" s="613"/>
      <c r="UDG724" s="613"/>
      <c r="UDH724" s="613"/>
      <c r="UDI724" s="613"/>
      <c r="UDJ724" s="613"/>
      <c r="UDK724" s="613"/>
      <c r="UDL724" s="613"/>
      <c r="UDM724" s="613"/>
      <c r="UDN724" s="613"/>
      <c r="UDO724" s="613"/>
      <c r="UDP724" s="613"/>
      <c r="UDQ724" s="613"/>
      <c r="UDR724" s="613"/>
      <c r="UDS724" s="613"/>
      <c r="UDT724" s="613"/>
      <c r="UDU724" s="613"/>
      <c r="UDV724" s="613"/>
      <c r="UDW724" s="613"/>
      <c r="UDX724" s="613"/>
      <c r="UDY724" s="613"/>
      <c r="UDZ724" s="613"/>
      <c r="UEA724" s="613"/>
      <c r="UEB724" s="613"/>
      <c r="UEC724" s="613"/>
      <c r="UED724" s="613"/>
      <c r="UEE724" s="613"/>
      <c r="UEF724" s="613"/>
      <c r="UEG724" s="613"/>
      <c r="UEH724" s="613"/>
      <c r="UEI724" s="613"/>
      <c r="UEJ724" s="613"/>
      <c r="UEK724" s="613"/>
      <c r="UEL724" s="613"/>
      <c r="UEM724" s="613"/>
      <c r="UEN724" s="613"/>
      <c r="UEO724" s="613"/>
      <c r="UEP724" s="613"/>
      <c r="UEQ724" s="613"/>
      <c r="UER724" s="613"/>
      <c r="UES724" s="613"/>
      <c r="UET724" s="613"/>
      <c r="UEU724" s="613"/>
      <c r="UEV724" s="613"/>
      <c r="UEW724" s="613"/>
      <c r="UEX724" s="613"/>
      <c r="UEY724" s="613"/>
      <c r="UEZ724" s="613"/>
      <c r="UFA724" s="613"/>
      <c r="UFB724" s="613"/>
      <c r="UFC724" s="613"/>
      <c r="UFD724" s="613"/>
      <c r="UFE724" s="613"/>
      <c r="UFF724" s="613"/>
      <c r="UFG724" s="613"/>
      <c r="UFH724" s="613"/>
      <c r="UFI724" s="613"/>
      <c r="UFJ724" s="613"/>
      <c r="UFK724" s="613"/>
      <c r="UFL724" s="613"/>
      <c r="UFM724" s="613"/>
      <c r="UFN724" s="613"/>
      <c r="UFO724" s="613"/>
      <c r="UFP724" s="613"/>
      <c r="UFQ724" s="613"/>
      <c r="UFR724" s="613"/>
      <c r="UFS724" s="613"/>
      <c r="UFT724" s="613"/>
      <c r="UFU724" s="613"/>
      <c r="UFV724" s="613"/>
      <c r="UFW724" s="613"/>
      <c r="UFX724" s="613"/>
      <c r="UFY724" s="613"/>
      <c r="UFZ724" s="613"/>
      <c r="UGA724" s="613"/>
      <c r="UGB724" s="613"/>
      <c r="UGC724" s="613"/>
      <c r="UGD724" s="613"/>
      <c r="UGE724" s="613"/>
      <c r="UGF724" s="613"/>
      <c r="UGG724" s="613"/>
      <c r="UGH724" s="613"/>
      <c r="UGI724" s="613"/>
      <c r="UGJ724" s="613"/>
      <c r="UGK724" s="613"/>
      <c r="UGL724" s="613"/>
      <c r="UGM724" s="613"/>
      <c r="UGN724" s="613"/>
      <c r="UGO724" s="613"/>
      <c r="UGP724" s="613"/>
      <c r="UGQ724" s="613"/>
      <c r="UGR724" s="613"/>
      <c r="UGS724" s="613"/>
      <c r="UGT724" s="613"/>
      <c r="UGU724" s="613"/>
      <c r="UGV724" s="613"/>
      <c r="UGW724" s="613"/>
      <c r="UGX724" s="613"/>
      <c r="UGY724" s="613"/>
      <c r="UGZ724" s="613"/>
      <c r="UHA724" s="613"/>
      <c r="UHB724" s="613"/>
      <c r="UHC724" s="613"/>
      <c r="UHD724" s="613"/>
      <c r="UHE724" s="613"/>
      <c r="UHF724" s="613"/>
      <c r="UHG724" s="613"/>
      <c r="UHH724" s="613"/>
      <c r="UHI724" s="613"/>
      <c r="UHJ724" s="613"/>
      <c r="UHK724" s="613"/>
      <c r="UHL724" s="613"/>
      <c r="UHM724" s="613"/>
      <c r="UHN724" s="613"/>
      <c r="UHO724" s="613"/>
      <c r="UHP724" s="613"/>
      <c r="UHQ724" s="613"/>
      <c r="UHR724" s="613"/>
      <c r="UHS724" s="613"/>
      <c r="UHT724" s="613"/>
      <c r="UHU724" s="613"/>
      <c r="UHV724" s="613"/>
      <c r="UHW724" s="613"/>
      <c r="UHX724" s="613"/>
      <c r="UHY724" s="613"/>
      <c r="UHZ724" s="613"/>
      <c r="UIA724" s="613"/>
      <c r="UIB724" s="613"/>
      <c r="UIC724" s="613"/>
      <c r="UID724" s="613"/>
      <c r="UIE724" s="613"/>
      <c r="UIF724" s="613"/>
      <c r="UIG724" s="613"/>
      <c r="UIH724" s="613"/>
      <c r="UII724" s="613"/>
      <c r="UIJ724" s="613"/>
      <c r="UIK724" s="613"/>
      <c r="UIL724" s="613"/>
      <c r="UIM724" s="613"/>
      <c r="UIN724" s="613"/>
      <c r="UIO724" s="613"/>
      <c r="UIP724" s="613"/>
      <c r="UIQ724" s="613"/>
      <c r="UIR724" s="613"/>
      <c r="UIS724" s="613"/>
      <c r="UIT724" s="613"/>
      <c r="UIU724" s="613"/>
      <c r="UIV724" s="613"/>
      <c r="UIW724" s="613"/>
      <c r="UIX724" s="613"/>
      <c r="UIY724" s="613"/>
      <c r="UIZ724" s="613"/>
      <c r="UJA724" s="613"/>
      <c r="UJB724" s="613"/>
      <c r="UJC724" s="613"/>
      <c r="UJD724" s="613"/>
      <c r="UJE724" s="613"/>
      <c r="UJF724" s="613"/>
      <c r="UJG724" s="613"/>
      <c r="UJH724" s="613"/>
      <c r="UJI724" s="613"/>
      <c r="UJJ724" s="613"/>
      <c r="UJK724" s="613"/>
      <c r="UJL724" s="613"/>
      <c r="UJM724" s="613"/>
      <c r="UJN724" s="613"/>
      <c r="UJO724" s="613"/>
      <c r="UJP724" s="613"/>
      <c r="UJQ724" s="613"/>
      <c r="UJR724" s="613"/>
      <c r="UJS724" s="613"/>
      <c r="UJT724" s="613"/>
      <c r="UJU724" s="613"/>
      <c r="UJV724" s="613"/>
      <c r="UJW724" s="613"/>
      <c r="UJX724" s="613"/>
      <c r="UJY724" s="613"/>
      <c r="UJZ724" s="613"/>
      <c r="UKA724" s="613"/>
      <c r="UKB724" s="613"/>
      <c r="UKC724" s="613"/>
      <c r="UKD724" s="613"/>
      <c r="UKE724" s="613"/>
      <c r="UKF724" s="613"/>
      <c r="UKG724" s="613"/>
      <c r="UKH724" s="613"/>
      <c r="UKI724" s="613"/>
      <c r="UKJ724" s="613"/>
      <c r="UKK724" s="613"/>
      <c r="UKL724" s="613"/>
      <c r="UKM724" s="613"/>
      <c r="UKN724" s="613"/>
      <c r="UKO724" s="613"/>
      <c r="UKP724" s="613"/>
      <c r="UKQ724" s="613"/>
      <c r="UKR724" s="613"/>
      <c r="UKS724" s="613"/>
      <c r="UKT724" s="613"/>
      <c r="UKU724" s="613"/>
      <c r="UKV724" s="613"/>
      <c r="UKW724" s="613"/>
      <c r="UKX724" s="613"/>
      <c r="UKY724" s="613"/>
      <c r="UKZ724" s="613"/>
      <c r="ULA724" s="613"/>
      <c r="ULB724" s="613"/>
      <c r="ULC724" s="613"/>
      <c r="ULD724" s="613"/>
      <c r="ULE724" s="613"/>
      <c r="ULF724" s="613"/>
      <c r="ULG724" s="613"/>
      <c r="ULH724" s="613"/>
      <c r="ULI724" s="613"/>
      <c r="ULJ724" s="613"/>
      <c r="ULK724" s="613"/>
      <c r="ULL724" s="613"/>
      <c r="ULM724" s="613"/>
      <c r="ULN724" s="613"/>
      <c r="ULO724" s="613"/>
      <c r="ULP724" s="613"/>
      <c r="ULQ724" s="613"/>
      <c r="ULR724" s="613"/>
      <c r="ULS724" s="613"/>
      <c r="ULT724" s="613"/>
      <c r="ULU724" s="613"/>
      <c r="ULV724" s="613"/>
      <c r="ULW724" s="613"/>
      <c r="ULX724" s="613"/>
      <c r="ULY724" s="613"/>
      <c r="ULZ724" s="613"/>
      <c r="UMA724" s="613"/>
      <c r="UMB724" s="613"/>
      <c r="UMC724" s="613"/>
      <c r="UMD724" s="613"/>
      <c r="UME724" s="613"/>
      <c r="UMF724" s="613"/>
      <c r="UMG724" s="613"/>
      <c r="UMH724" s="613"/>
      <c r="UMI724" s="613"/>
      <c r="UMJ724" s="613"/>
      <c r="UMK724" s="613"/>
      <c r="UML724" s="613"/>
      <c r="UMM724" s="613"/>
      <c r="UMN724" s="613"/>
      <c r="UMO724" s="613"/>
      <c r="UMP724" s="613"/>
      <c r="UMQ724" s="613"/>
      <c r="UMR724" s="613"/>
      <c r="UMS724" s="613"/>
      <c r="UMT724" s="613"/>
      <c r="UMU724" s="613"/>
      <c r="UMV724" s="613"/>
      <c r="UMW724" s="613"/>
      <c r="UMX724" s="613"/>
      <c r="UMY724" s="613"/>
      <c r="UMZ724" s="613"/>
      <c r="UNA724" s="613"/>
      <c r="UNB724" s="613"/>
      <c r="UNC724" s="613"/>
      <c r="UND724" s="613"/>
      <c r="UNE724" s="613"/>
      <c r="UNF724" s="613"/>
      <c r="UNG724" s="613"/>
      <c r="UNH724" s="613"/>
      <c r="UNI724" s="613"/>
      <c r="UNJ724" s="613"/>
      <c r="UNK724" s="613"/>
      <c r="UNL724" s="613"/>
      <c r="UNM724" s="613"/>
      <c r="UNN724" s="613"/>
      <c r="UNO724" s="613"/>
      <c r="UNP724" s="613"/>
      <c r="UNQ724" s="613"/>
      <c r="UNR724" s="613"/>
      <c r="UNS724" s="613"/>
      <c r="UNT724" s="613"/>
      <c r="UNU724" s="613"/>
      <c r="UNV724" s="613"/>
      <c r="UNW724" s="613"/>
      <c r="UNX724" s="613"/>
      <c r="UNY724" s="613"/>
      <c r="UNZ724" s="613"/>
      <c r="UOA724" s="613"/>
      <c r="UOB724" s="613"/>
      <c r="UOC724" s="613"/>
      <c r="UOD724" s="613"/>
      <c r="UOE724" s="613"/>
      <c r="UOF724" s="613"/>
      <c r="UOG724" s="613"/>
      <c r="UOH724" s="613"/>
      <c r="UOI724" s="613"/>
      <c r="UOJ724" s="613"/>
      <c r="UOK724" s="613"/>
      <c r="UOL724" s="613"/>
      <c r="UOM724" s="613"/>
      <c r="UON724" s="613"/>
      <c r="UOO724" s="613"/>
      <c r="UOP724" s="613"/>
      <c r="UOQ724" s="613"/>
      <c r="UOR724" s="613"/>
      <c r="UOS724" s="613"/>
      <c r="UOT724" s="613"/>
      <c r="UOU724" s="613"/>
      <c r="UOV724" s="613"/>
      <c r="UOW724" s="613"/>
      <c r="UOX724" s="613"/>
      <c r="UOY724" s="613"/>
      <c r="UOZ724" s="613"/>
      <c r="UPA724" s="613"/>
      <c r="UPB724" s="613"/>
      <c r="UPC724" s="613"/>
      <c r="UPD724" s="613"/>
      <c r="UPE724" s="613"/>
      <c r="UPF724" s="613"/>
      <c r="UPG724" s="613"/>
      <c r="UPH724" s="613"/>
      <c r="UPI724" s="613"/>
      <c r="UPJ724" s="613"/>
      <c r="UPK724" s="613"/>
      <c r="UPL724" s="613"/>
      <c r="UPM724" s="613"/>
      <c r="UPN724" s="613"/>
      <c r="UPO724" s="613"/>
      <c r="UPP724" s="613"/>
      <c r="UPQ724" s="613"/>
      <c r="UPR724" s="613"/>
      <c r="UPS724" s="613"/>
      <c r="UPT724" s="613"/>
      <c r="UPU724" s="613"/>
      <c r="UPV724" s="613"/>
      <c r="UPW724" s="613"/>
      <c r="UPX724" s="613"/>
      <c r="UPY724" s="613"/>
      <c r="UPZ724" s="613"/>
      <c r="UQA724" s="613"/>
      <c r="UQB724" s="613"/>
      <c r="UQC724" s="613"/>
      <c r="UQD724" s="613"/>
      <c r="UQE724" s="613"/>
      <c r="UQF724" s="613"/>
      <c r="UQG724" s="613"/>
      <c r="UQH724" s="613"/>
      <c r="UQI724" s="613"/>
      <c r="UQJ724" s="613"/>
      <c r="UQK724" s="613"/>
      <c r="UQL724" s="613"/>
      <c r="UQM724" s="613"/>
      <c r="UQN724" s="613"/>
      <c r="UQO724" s="613"/>
      <c r="UQP724" s="613"/>
      <c r="UQQ724" s="613"/>
      <c r="UQR724" s="613"/>
      <c r="UQS724" s="613"/>
      <c r="UQT724" s="613"/>
      <c r="UQU724" s="613"/>
      <c r="UQV724" s="613"/>
      <c r="UQW724" s="613"/>
      <c r="UQX724" s="613"/>
      <c r="UQY724" s="613"/>
      <c r="UQZ724" s="613"/>
      <c r="URA724" s="613"/>
      <c r="URB724" s="613"/>
      <c r="URC724" s="613"/>
      <c r="URD724" s="613"/>
      <c r="URE724" s="613"/>
      <c r="URF724" s="613"/>
      <c r="URG724" s="613"/>
      <c r="URH724" s="613"/>
      <c r="URI724" s="613"/>
      <c r="URJ724" s="613"/>
      <c r="URK724" s="613"/>
      <c r="URL724" s="613"/>
      <c r="URM724" s="613"/>
      <c r="URN724" s="613"/>
      <c r="URO724" s="613"/>
      <c r="URP724" s="613"/>
      <c r="URQ724" s="613"/>
      <c r="URR724" s="613"/>
      <c r="URS724" s="613"/>
      <c r="URT724" s="613"/>
      <c r="URU724" s="613"/>
      <c r="URV724" s="613"/>
      <c r="URW724" s="613"/>
      <c r="URX724" s="613"/>
      <c r="URY724" s="613"/>
      <c r="URZ724" s="613"/>
      <c r="USA724" s="613"/>
      <c r="USB724" s="613"/>
      <c r="USC724" s="613"/>
      <c r="USD724" s="613"/>
      <c r="USE724" s="613"/>
      <c r="USF724" s="613"/>
      <c r="USG724" s="613"/>
      <c r="USH724" s="613"/>
      <c r="USI724" s="613"/>
      <c r="USJ724" s="613"/>
      <c r="USK724" s="613"/>
      <c r="USL724" s="613"/>
      <c r="USM724" s="613"/>
      <c r="USN724" s="613"/>
      <c r="USO724" s="613"/>
      <c r="USP724" s="613"/>
      <c r="USQ724" s="613"/>
      <c r="USR724" s="613"/>
      <c r="USS724" s="613"/>
      <c r="UST724" s="613"/>
      <c r="USU724" s="613"/>
      <c r="USV724" s="613"/>
      <c r="USW724" s="613"/>
      <c r="USX724" s="613"/>
      <c r="USY724" s="613"/>
      <c r="USZ724" s="613"/>
      <c r="UTA724" s="613"/>
      <c r="UTB724" s="613"/>
      <c r="UTC724" s="613"/>
      <c r="UTD724" s="613"/>
      <c r="UTE724" s="613"/>
      <c r="UTF724" s="613"/>
      <c r="UTG724" s="613"/>
      <c r="UTH724" s="613"/>
      <c r="UTI724" s="613"/>
      <c r="UTJ724" s="613"/>
      <c r="UTK724" s="613"/>
      <c r="UTL724" s="613"/>
      <c r="UTM724" s="613"/>
      <c r="UTN724" s="613"/>
      <c r="UTO724" s="613"/>
      <c r="UTP724" s="613"/>
      <c r="UTQ724" s="613"/>
      <c r="UTR724" s="613"/>
      <c r="UTS724" s="613"/>
      <c r="UTT724" s="613"/>
      <c r="UTU724" s="613"/>
      <c r="UTV724" s="613"/>
      <c r="UTW724" s="613"/>
      <c r="UTX724" s="613"/>
      <c r="UTY724" s="613"/>
      <c r="UTZ724" s="613"/>
      <c r="UUA724" s="613"/>
      <c r="UUB724" s="613"/>
      <c r="UUC724" s="613"/>
      <c r="UUD724" s="613"/>
      <c r="UUE724" s="613"/>
      <c r="UUF724" s="613"/>
      <c r="UUG724" s="613"/>
      <c r="UUH724" s="613"/>
      <c r="UUI724" s="613"/>
      <c r="UUJ724" s="613"/>
      <c r="UUK724" s="613"/>
      <c r="UUL724" s="613"/>
      <c r="UUM724" s="613"/>
      <c r="UUN724" s="613"/>
      <c r="UUO724" s="613"/>
      <c r="UUP724" s="613"/>
      <c r="UUQ724" s="613"/>
      <c r="UUR724" s="613"/>
      <c r="UUS724" s="613"/>
      <c r="UUT724" s="613"/>
      <c r="UUU724" s="613"/>
      <c r="UUV724" s="613"/>
      <c r="UUW724" s="613"/>
      <c r="UUX724" s="613"/>
      <c r="UUY724" s="613"/>
      <c r="UUZ724" s="613"/>
      <c r="UVA724" s="613"/>
      <c r="UVB724" s="613"/>
      <c r="UVC724" s="613"/>
      <c r="UVD724" s="613"/>
      <c r="UVE724" s="613"/>
      <c r="UVF724" s="613"/>
      <c r="UVG724" s="613"/>
      <c r="UVH724" s="613"/>
      <c r="UVI724" s="613"/>
      <c r="UVJ724" s="613"/>
      <c r="UVK724" s="613"/>
      <c r="UVL724" s="613"/>
      <c r="UVM724" s="613"/>
      <c r="UVN724" s="613"/>
      <c r="UVO724" s="613"/>
      <c r="UVP724" s="613"/>
      <c r="UVQ724" s="613"/>
      <c r="UVR724" s="613"/>
      <c r="UVS724" s="613"/>
      <c r="UVT724" s="613"/>
      <c r="UVU724" s="613"/>
      <c r="UVV724" s="613"/>
      <c r="UVW724" s="613"/>
      <c r="UVX724" s="613"/>
      <c r="UVY724" s="613"/>
      <c r="UVZ724" s="613"/>
      <c r="UWA724" s="613"/>
      <c r="UWB724" s="613"/>
      <c r="UWC724" s="613"/>
      <c r="UWD724" s="613"/>
      <c r="UWE724" s="613"/>
      <c r="UWF724" s="613"/>
      <c r="UWG724" s="613"/>
      <c r="UWH724" s="613"/>
      <c r="UWI724" s="613"/>
      <c r="UWJ724" s="613"/>
      <c r="UWK724" s="613"/>
      <c r="UWL724" s="613"/>
      <c r="UWM724" s="613"/>
      <c r="UWN724" s="613"/>
      <c r="UWO724" s="613"/>
      <c r="UWP724" s="613"/>
      <c r="UWQ724" s="613"/>
      <c r="UWR724" s="613"/>
      <c r="UWS724" s="613"/>
      <c r="UWT724" s="613"/>
      <c r="UWU724" s="613"/>
      <c r="UWV724" s="613"/>
      <c r="UWW724" s="613"/>
      <c r="UWX724" s="613"/>
      <c r="UWY724" s="613"/>
      <c r="UWZ724" s="613"/>
      <c r="UXA724" s="613"/>
      <c r="UXB724" s="613"/>
      <c r="UXC724" s="613"/>
      <c r="UXD724" s="613"/>
      <c r="UXE724" s="613"/>
      <c r="UXF724" s="613"/>
      <c r="UXG724" s="613"/>
      <c r="UXH724" s="613"/>
      <c r="UXI724" s="613"/>
      <c r="UXJ724" s="613"/>
      <c r="UXK724" s="613"/>
      <c r="UXL724" s="613"/>
      <c r="UXM724" s="613"/>
      <c r="UXN724" s="613"/>
      <c r="UXO724" s="613"/>
      <c r="UXP724" s="613"/>
      <c r="UXQ724" s="613"/>
      <c r="UXR724" s="613"/>
      <c r="UXS724" s="613"/>
      <c r="UXT724" s="613"/>
      <c r="UXU724" s="613"/>
      <c r="UXV724" s="613"/>
      <c r="UXW724" s="613"/>
      <c r="UXX724" s="613"/>
      <c r="UXY724" s="613"/>
      <c r="UXZ724" s="613"/>
      <c r="UYA724" s="613"/>
      <c r="UYB724" s="613"/>
      <c r="UYC724" s="613"/>
      <c r="UYD724" s="613"/>
      <c r="UYE724" s="613"/>
      <c r="UYF724" s="613"/>
      <c r="UYG724" s="613"/>
      <c r="UYH724" s="613"/>
      <c r="UYI724" s="613"/>
      <c r="UYJ724" s="613"/>
      <c r="UYK724" s="613"/>
      <c r="UYL724" s="613"/>
      <c r="UYM724" s="613"/>
      <c r="UYN724" s="613"/>
      <c r="UYO724" s="613"/>
      <c r="UYP724" s="613"/>
      <c r="UYQ724" s="613"/>
      <c r="UYR724" s="613"/>
      <c r="UYS724" s="613"/>
      <c r="UYT724" s="613"/>
      <c r="UYU724" s="613"/>
      <c r="UYV724" s="613"/>
      <c r="UYW724" s="613"/>
      <c r="UYX724" s="613"/>
      <c r="UYY724" s="613"/>
      <c r="UYZ724" s="613"/>
      <c r="UZA724" s="613"/>
      <c r="UZB724" s="613"/>
      <c r="UZC724" s="613"/>
      <c r="UZD724" s="613"/>
      <c r="UZE724" s="613"/>
      <c r="UZF724" s="613"/>
      <c r="UZG724" s="613"/>
      <c r="UZH724" s="613"/>
      <c r="UZI724" s="613"/>
      <c r="UZJ724" s="613"/>
      <c r="UZK724" s="613"/>
      <c r="UZL724" s="613"/>
      <c r="UZM724" s="613"/>
      <c r="UZN724" s="613"/>
      <c r="UZO724" s="613"/>
      <c r="UZP724" s="613"/>
      <c r="UZQ724" s="613"/>
      <c r="UZR724" s="613"/>
      <c r="UZS724" s="613"/>
      <c r="UZT724" s="613"/>
      <c r="UZU724" s="613"/>
      <c r="UZV724" s="613"/>
      <c r="UZW724" s="613"/>
      <c r="UZX724" s="613"/>
      <c r="UZY724" s="613"/>
      <c r="UZZ724" s="613"/>
      <c r="VAA724" s="613"/>
      <c r="VAB724" s="613"/>
      <c r="VAC724" s="613"/>
      <c r="VAD724" s="613"/>
      <c r="VAE724" s="613"/>
      <c r="VAF724" s="613"/>
      <c r="VAG724" s="613"/>
      <c r="VAH724" s="613"/>
      <c r="VAI724" s="613"/>
      <c r="VAJ724" s="613"/>
      <c r="VAK724" s="613"/>
      <c r="VAL724" s="613"/>
      <c r="VAM724" s="613"/>
      <c r="VAN724" s="613"/>
      <c r="VAO724" s="613"/>
      <c r="VAP724" s="613"/>
      <c r="VAQ724" s="613"/>
      <c r="VAR724" s="613"/>
      <c r="VAS724" s="613"/>
      <c r="VAT724" s="613"/>
      <c r="VAU724" s="613"/>
      <c r="VAV724" s="613"/>
      <c r="VAW724" s="613"/>
      <c r="VAX724" s="613"/>
      <c r="VAY724" s="613"/>
      <c r="VAZ724" s="613"/>
      <c r="VBA724" s="613"/>
      <c r="VBB724" s="613"/>
      <c r="VBC724" s="613"/>
      <c r="VBD724" s="613"/>
      <c r="VBE724" s="613"/>
      <c r="VBF724" s="613"/>
      <c r="VBG724" s="613"/>
      <c r="VBH724" s="613"/>
      <c r="VBI724" s="613"/>
      <c r="VBJ724" s="613"/>
      <c r="VBK724" s="613"/>
      <c r="VBL724" s="613"/>
      <c r="VBM724" s="613"/>
      <c r="VBN724" s="613"/>
      <c r="VBO724" s="613"/>
      <c r="VBP724" s="613"/>
      <c r="VBQ724" s="613"/>
      <c r="VBR724" s="613"/>
      <c r="VBS724" s="613"/>
      <c r="VBT724" s="613"/>
      <c r="VBU724" s="613"/>
      <c r="VBV724" s="613"/>
      <c r="VBW724" s="613"/>
      <c r="VBX724" s="613"/>
      <c r="VBY724" s="613"/>
      <c r="VBZ724" s="613"/>
      <c r="VCA724" s="613"/>
      <c r="VCB724" s="613"/>
      <c r="VCC724" s="613"/>
      <c r="VCD724" s="613"/>
      <c r="VCE724" s="613"/>
      <c r="VCF724" s="613"/>
      <c r="VCG724" s="613"/>
      <c r="VCH724" s="613"/>
      <c r="VCI724" s="613"/>
      <c r="VCJ724" s="613"/>
      <c r="VCK724" s="613"/>
      <c r="VCL724" s="613"/>
      <c r="VCM724" s="613"/>
      <c r="VCN724" s="613"/>
      <c r="VCO724" s="613"/>
      <c r="VCP724" s="613"/>
      <c r="VCQ724" s="613"/>
      <c r="VCR724" s="613"/>
      <c r="VCS724" s="613"/>
      <c r="VCT724" s="613"/>
      <c r="VCU724" s="613"/>
      <c r="VCV724" s="613"/>
      <c r="VCW724" s="613"/>
      <c r="VCX724" s="613"/>
      <c r="VCY724" s="613"/>
      <c r="VCZ724" s="613"/>
      <c r="VDA724" s="613"/>
      <c r="VDB724" s="613"/>
      <c r="VDC724" s="613"/>
      <c r="VDD724" s="613"/>
      <c r="VDE724" s="613"/>
      <c r="VDF724" s="613"/>
      <c r="VDG724" s="613"/>
      <c r="VDH724" s="613"/>
      <c r="VDI724" s="613"/>
      <c r="VDJ724" s="613"/>
      <c r="VDK724" s="613"/>
      <c r="VDL724" s="613"/>
      <c r="VDM724" s="613"/>
      <c r="VDN724" s="613"/>
      <c r="VDO724" s="613"/>
      <c r="VDP724" s="613"/>
      <c r="VDQ724" s="613"/>
      <c r="VDR724" s="613"/>
      <c r="VDS724" s="613"/>
      <c r="VDT724" s="613"/>
      <c r="VDU724" s="613"/>
      <c r="VDV724" s="613"/>
      <c r="VDW724" s="613"/>
      <c r="VDX724" s="613"/>
      <c r="VDY724" s="613"/>
      <c r="VDZ724" s="613"/>
      <c r="VEA724" s="613"/>
      <c r="VEB724" s="613"/>
      <c r="VEC724" s="613"/>
      <c r="VED724" s="613"/>
      <c r="VEE724" s="613"/>
      <c r="VEF724" s="613"/>
      <c r="VEG724" s="613"/>
      <c r="VEH724" s="613"/>
      <c r="VEI724" s="613"/>
      <c r="VEJ724" s="613"/>
      <c r="VEK724" s="613"/>
      <c r="VEL724" s="613"/>
      <c r="VEM724" s="613"/>
      <c r="VEN724" s="613"/>
      <c r="VEO724" s="613"/>
      <c r="VEP724" s="613"/>
      <c r="VEQ724" s="613"/>
      <c r="VER724" s="613"/>
      <c r="VES724" s="613"/>
      <c r="VET724" s="613"/>
      <c r="VEU724" s="613"/>
      <c r="VEV724" s="613"/>
      <c r="VEW724" s="613"/>
      <c r="VEX724" s="613"/>
      <c r="VEY724" s="613"/>
      <c r="VEZ724" s="613"/>
      <c r="VFA724" s="613"/>
      <c r="VFB724" s="613"/>
      <c r="VFC724" s="613"/>
      <c r="VFD724" s="613"/>
      <c r="VFE724" s="613"/>
      <c r="VFF724" s="613"/>
      <c r="VFG724" s="613"/>
      <c r="VFH724" s="613"/>
      <c r="VFI724" s="613"/>
      <c r="VFJ724" s="613"/>
      <c r="VFK724" s="613"/>
      <c r="VFL724" s="613"/>
      <c r="VFM724" s="613"/>
      <c r="VFN724" s="613"/>
      <c r="VFO724" s="613"/>
      <c r="VFP724" s="613"/>
      <c r="VFQ724" s="613"/>
      <c r="VFR724" s="613"/>
      <c r="VFS724" s="613"/>
      <c r="VFT724" s="613"/>
      <c r="VFU724" s="613"/>
      <c r="VFV724" s="613"/>
      <c r="VFW724" s="613"/>
      <c r="VFX724" s="613"/>
      <c r="VFY724" s="613"/>
      <c r="VFZ724" s="613"/>
      <c r="VGA724" s="613"/>
      <c r="VGB724" s="613"/>
      <c r="VGC724" s="613"/>
      <c r="VGD724" s="613"/>
      <c r="VGE724" s="613"/>
      <c r="VGF724" s="613"/>
      <c r="VGG724" s="613"/>
      <c r="VGH724" s="613"/>
      <c r="VGI724" s="613"/>
      <c r="VGJ724" s="613"/>
      <c r="VGK724" s="613"/>
      <c r="VGL724" s="613"/>
      <c r="VGM724" s="613"/>
      <c r="VGN724" s="613"/>
      <c r="VGO724" s="613"/>
      <c r="VGP724" s="613"/>
      <c r="VGQ724" s="613"/>
      <c r="VGR724" s="613"/>
      <c r="VGS724" s="613"/>
      <c r="VGT724" s="613"/>
      <c r="VGU724" s="613"/>
      <c r="VGV724" s="613"/>
      <c r="VGW724" s="613"/>
      <c r="VGX724" s="613"/>
      <c r="VGY724" s="613"/>
      <c r="VGZ724" s="613"/>
      <c r="VHA724" s="613"/>
      <c r="VHB724" s="613"/>
      <c r="VHC724" s="613"/>
      <c r="VHD724" s="613"/>
      <c r="VHE724" s="613"/>
      <c r="VHF724" s="613"/>
      <c r="VHG724" s="613"/>
      <c r="VHH724" s="613"/>
      <c r="VHI724" s="613"/>
      <c r="VHJ724" s="613"/>
      <c r="VHK724" s="613"/>
      <c r="VHL724" s="613"/>
      <c r="VHM724" s="613"/>
      <c r="VHN724" s="613"/>
      <c r="VHO724" s="613"/>
      <c r="VHP724" s="613"/>
      <c r="VHQ724" s="613"/>
      <c r="VHR724" s="613"/>
      <c r="VHS724" s="613"/>
      <c r="VHT724" s="613"/>
      <c r="VHU724" s="613"/>
      <c r="VHV724" s="613"/>
      <c r="VHW724" s="613"/>
      <c r="VHX724" s="613"/>
      <c r="VHY724" s="613"/>
      <c r="VHZ724" s="613"/>
      <c r="VIA724" s="613"/>
      <c r="VIB724" s="613"/>
      <c r="VIC724" s="613"/>
      <c r="VID724" s="613"/>
      <c r="VIE724" s="613"/>
      <c r="VIF724" s="613"/>
      <c r="VIG724" s="613"/>
      <c r="VIH724" s="613"/>
      <c r="VII724" s="613"/>
      <c r="VIJ724" s="613"/>
      <c r="VIK724" s="613"/>
      <c r="VIL724" s="613"/>
      <c r="VIM724" s="613"/>
      <c r="VIN724" s="613"/>
      <c r="VIO724" s="613"/>
      <c r="VIP724" s="613"/>
      <c r="VIQ724" s="613"/>
      <c r="VIR724" s="613"/>
      <c r="VIS724" s="613"/>
      <c r="VIT724" s="613"/>
      <c r="VIU724" s="613"/>
      <c r="VIV724" s="613"/>
      <c r="VIW724" s="613"/>
      <c r="VIX724" s="613"/>
      <c r="VIY724" s="613"/>
      <c r="VIZ724" s="613"/>
      <c r="VJA724" s="613"/>
      <c r="VJB724" s="613"/>
      <c r="VJC724" s="613"/>
      <c r="VJD724" s="613"/>
      <c r="VJE724" s="613"/>
      <c r="VJF724" s="613"/>
      <c r="VJG724" s="613"/>
      <c r="VJH724" s="613"/>
      <c r="VJI724" s="613"/>
      <c r="VJJ724" s="613"/>
      <c r="VJK724" s="613"/>
      <c r="VJL724" s="613"/>
      <c r="VJM724" s="613"/>
      <c r="VJN724" s="613"/>
      <c r="VJO724" s="613"/>
      <c r="VJP724" s="613"/>
      <c r="VJQ724" s="613"/>
      <c r="VJR724" s="613"/>
      <c r="VJS724" s="613"/>
      <c r="VJT724" s="613"/>
      <c r="VJU724" s="613"/>
      <c r="VJV724" s="613"/>
      <c r="VJW724" s="613"/>
      <c r="VJX724" s="613"/>
      <c r="VJY724" s="613"/>
      <c r="VJZ724" s="613"/>
      <c r="VKA724" s="613"/>
      <c r="VKB724" s="613"/>
      <c r="VKC724" s="613"/>
      <c r="VKD724" s="613"/>
      <c r="VKE724" s="613"/>
      <c r="VKF724" s="613"/>
      <c r="VKG724" s="613"/>
      <c r="VKH724" s="613"/>
      <c r="VKI724" s="613"/>
      <c r="VKJ724" s="613"/>
      <c r="VKK724" s="613"/>
      <c r="VKL724" s="613"/>
      <c r="VKM724" s="613"/>
      <c r="VKN724" s="613"/>
      <c r="VKO724" s="613"/>
      <c r="VKP724" s="613"/>
      <c r="VKQ724" s="613"/>
      <c r="VKR724" s="613"/>
      <c r="VKS724" s="613"/>
      <c r="VKT724" s="613"/>
      <c r="VKU724" s="613"/>
      <c r="VKV724" s="613"/>
      <c r="VKW724" s="613"/>
      <c r="VKX724" s="613"/>
      <c r="VKY724" s="613"/>
      <c r="VKZ724" s="613"/>
      <c r="VLA724" s="613"/>
      <c r="VLB724" s="613"/>
      <c r="VLC724" s="613"/>
      <c r="VLD724" s="613"/>
      <c r="VLE724" s="613"/>
      <c r="VLF724" s="613"/>
      <c r="VLG724" s="613"/>
      <c r="VLH724" s="613"/>
      <c r="VLI724" s="613"/>
      <c r="VLJ724" s="613"/>
      <c r="VLK724" s="613"/>
      <c r="VLL724" s="613"/>
      <c r="VLM724" s="613"/>
      <c r="VLN724" s="613"/>
      <c r="VLO724" s="613"/>
      <c r="VLP724" s="613"/>
      <c r="VLQ724" s="613"/>
      <c r="VLR724" s="613"/>
      <c r="VLS724" s="613"/>
      <c r="VLT724" s="613"/>
      <c r="VLU724" s="613"/>
      <c r="VLV724" s="613"/>
      <c r="VLW724" s="613"/>
      <c r="VLX724" s="613"/>
      <c r="VLY724" s="613"/>
      <c r="VLZ724" s="613"/>
      <c r="VMA724" s="613"/>
      <c r="VMB724" s="613"/>
      <c r="VMC724" s="613"/>
      <c r="VMD724" s="613"/>
      <c r="VME724" s="613"/>
      <c r="VMF724" s="613"/>
      <c r="VMG724" s="613"/>
      <c r="VMH724" s="613"/>
      <c r="VMI724" s="613"/>
      <c r="VMJ724" s="613"/>
      <c r="VMK724" s="613"/>
      <c r="VML724" s="613"/>
      <c r="VMM724" s="613"/>
      <c r="VMN724" s="613"/>
      <c r="VMO724" s="613"/>
      <c r="VMP724" s="613"/>
      <c r="VMQ724" s="613"/>
      <c r="VMR724" s="613"/>
      <c r="VMS724" s="613"/>
      <c r="VMT724" s="613"/>
      <c r="VMU724" s="613"/>
      <c r="VMV724" s="613"/>
      <c r="VMW724" s="613"/>
      <c r="VMX724" s="613"/>
      <c r="VMY724" s="613"/>
      <c r="VMZ724" s="613"/>
      <c r="VNA724" s="613"/>
      <c r="VNB724" s="613"/>
      <c r="VNC724" s="613"/>
      <c r="VND724" s="613"/>
      <c r="VNE724" s="613"/>
      <c r="VNF724" s="613"/>
      <c r="VNG724" s="613"/>
      <c r="VNH724" s="613"/>
      <c r="VNI724" s="613"/>
      <c r="VNJ724" s="613"/>
      <c r="VNK724" s="613"/>
      <c r="VNL724" s="613"/>
      <c r="VNM724" s="613"/>
      <c r="VNN724" s="613"/>
      <c r="VNO724" s="613"/>
      <c r="VNP724" s="613"/>
      <c r="VNQ724" s="613"/>
      <c r="VNR724" s="613"/>
      <c r="VNS724" s="613"/>
      <c r="VNT724" s="613"/>
      <c r="VNU724" s="613"/>
      <c r="VNV724" s="613"/>
      <c r="VNW724" s="613"/>
      <c r="VNX724" s="613"/>
      <c r="VNY724" s="613"/>
      <c r="VNZ724" s="613"/>
      <c r="VOA724" s="613"/>
      <c r="VOB724" s="613"/>
      <c r="VOC724" s="613"/>
      <c r="VOD724" s="613"/>
      <c r="VOE724" s="613"/>
      <c r="VOF724" s="613"/>
      <c r="VOG724" s="613"/>
      <c r="VOH724" s="613"/>
      <c r="VOI724" s="613"/>
      <c r="VOJ724" s="613"/>
      <c r="VOK724" s="613"/>
      <c r="VOL724" s="613"/>
      <c r="VOM724" s="613"/>
      <c r="VON724" s="613"/>
      <c r="VOO724" s="613"/>
      <c r="VOP724" s="613"/>
      <c r="VOQ724" s="613"/>
      <c r="VOR724" s="613"/>
      <c r="VOS724" s="613"/>
      <c r="VOT724" s="613"/>
      <c r="VOU724" s="613"/>
      <c r="VOV724" s="613"/>
      <c r="VOW724" s="613"/>
      <c r="VOX724" s="613"/>
      <c r="VOY724" s="613"/>
      <c r="VOZ724" s="613"/>
      <c r="VPA724" s="613"/>
      <c r="VPB724" s="613"/>
      <c r="VPC724" s="613"/>
      <c r="VPD724" s="613"/>
      <c r="VPE724" s="613"/>
      <c r="VPF724" s="613"/>
      <c r="VPG724" s="613"/>
      <c r="VPH724" s="613"/>
      <c r="VPI724" s="613"/>
      <c r="VPJ724" s="613"/>
      <c r="VPK724" s="613"/>
      <c r="VPL724" s="613"/>
      <c r="VPM724" s="613"/>
      <c r="VPN724" s="613"/>
      <c r="VPO724" s="613"/>
      <c r="VPP724" s="613"/>
      <c r="VPQ724" s="613"/>
      <c r="VPR724" s="613"/>
      <c r="VPS724" s="613"/>
      <c r="VPT724" s="613"/>
      <c r="VPU724" s="613"/>
      <c r="VPV724" s="613"/>
      <c r="VPW724" s="613"/>
      <c r="VPX724" s="613"/>
      <c r="VPY724" s="613"/>
      <c r="VPZ724" s="613"/>
      <c r="VQA724" s="613"/>
      <c r="VQB724" s="613"/>
      <c r="VQC724" s="613"/>
      <c r="VQD724" s="613"/>
      <c r="VQE724" s="613"/>
      <c r="VQF724" s="613"/>
      <c r="VQG724" s="613"/>
      <c r="VQH724" s="613"/>
      <c r="VQI724" s="613"/>
      <c r="VQJ724" s="613"/>
      <c r="VQK724" s="613"/>
      <c r="VQL724" s="613"/>
      <c r="VQM724" s="613"/>
      <c r="VQN724" s="613"/>
      <c r="VQO724" s="613"/>
      <c r="VQP724" s="613"/>
      <c r="VQQ724" s="613"/>
      <c r="VQR724" s="613"/>
      <c r="VQS724" s="613"/>
      <c r="VQT724" s="613"/>
      <c r="VQU724" s="613"/>
      <c r="VQV724" s="613"/>
      <c r="VQW724" s="613"/>
      <c r="VQX724" s="613"/>
      <c r="VQY724" s="613"/>
      <c r="VQZ724" s="613"/>
      <c r="VRA724" s="613"/>
      <c r="VRB724" s="613"/>
      <c r="VRC724" s="613"/>
      <c r="VRD724" s="613"/>
      <c r="VRE724" s="613"/>
      <c r="VRF724" s="613"/>
      <c r="VRG724" s="613"/>
      <c r="VRH724" s="613"/>
      <c r="VRI724" s="613"/>
      <c r="VRJ724" s="613"/>
      <c r="VRK724" s="613"/>
      <c r="VRL724" s="613"/>
      <c r="VRM724" s="613"/>
      <c r="VRN724" s="613"/>
      <c r="VRO724" s="613"/>
      <c r="VRP724" s="613"/>
      <c r="VRQ724" s="613"/>
      <c r="VRR724" s="613"/>
      <c r="VRS724" s="613"/>
      <c r="VRT724" s="613"/>
      <c r="VRU724" s="613"/>
      <c r="VRV724" s="613"/>
      <c r="VRW724" s="613"/>
      <c r="VRX724" s="613"/>
      <c r="VRY724" s="613"/>
      <c r="VRZ724" s="613"/>
      <c r="VSA724" s="613"/>
      <c r="VSB724" s="613"/>
      <c r="VSC724" s="613"/>
      <c r="VSD724" s="613"/>
      <c r="VSE724" s="613"/>
      <c r="VSF724" s="613"/>
      <c r="VSG724" s="613"/>
      <c r="VSH724" s="613"/>
      <c r="VSI724" s="613"/>
      <c r="VSJ724" s="613"/>
      <c r="VSK724" s="613"/>
      <c r="VSL724" s="613"/>
      <c r="VSM724" s="613"/>
      <c r="VSN724" s="613"/>
      <c r="VSO724" s="613"/>
      <c r="VSP724" s="613"/>
      <c r="VSQ724" s="613"/>
      <c r="VSR724" s="613"/>
      <c r="VSS724" s="613"/>
      <c r="VST724" s="613"/>
      <c r="VSU724" s="613"/>
      <c r="VSV724" s="613"/>
      <c r="VSW724" s="613"/>
      <c r="VSX724" s="613"/>
      <c r="VSY724" s="613"/>
      <c r="VSZ724" s="613"/>
      <c r="VTA724" s="613"/>
      <c r="VTB724" s="613"/>
      <c r="VTC724" s="613"/>
      <c r="VTD724" s="613"/>
      <c r="VTE724" s="613"/>
      <c r="VTF724" s="613"/>
      <c r="VTG724" s="613"/>
      <c r="VTH724" s="613"/>
      <c r="VTI724" s="613"/>
      <c r="VTJ724" s="613"/>
      <c r="VTK724" s="613"/>
      <c r="VTL724" s="613"/>
      <c r="VTM724" s="613"/>
      <c r="VTN724" s="613"/>
      <c r="VTO724" s="613"/>
      <c r="VTP724" s="613"/>
      <c r="VTQ724" s="613"/>
      <c r="VTR724" s="613"/>
      <c r="VTS724" s="613"/>
      <c r="VTT724" s="613"/>
      <c r="VTU724" s="613"/>
      <c r="VTV724" s="613"/>
      <c r="VTW724" s="613"/>
      <c r="VTX724" s="613"/>
      <c r="VTY724" s="613"/>
      <c r="VTZ724" s="613"/>
      <c r="VUA724" s="613"/>
      <c r="VUB724" s="613"/>
      <c r="VUC724" s="613"/>
      <c r="VUD724" s="613"/>
      <c r="VUE724" s="613"/>
      <c r="VUF724" s="613"/>
      <c r="VUG724" s="613"/>
      <c r="VUH724" s="613"/>
      <c r="VUI724" s="613"/>
      <c r="VUJ724" s="613"/>
      <c r="VUK724" s="613"/>
      <c r="VUL724" s="613"/>
      <c r="VUM724" s="613"/>
      <c r="VUN724" s="613"/>
      <c r="VUO724" s="613"/>
      <c r="VUP724" s="613"/>
      <c r="VUQ724" s="613"/>
      <c r="VUR724" s="613"/>
      <c r="VUS724" s="613"/>
      <c r="VUT724" s="613"/>
      <c r="VUU724" s="613"/>
      <c r="VUV724" s="613"/>
      <c r="VUW724" s="613"/>
      <c r="VUX724" s="613"/>
      <c r="VUY724" s="613"/>
      <c r="VUZ724" s="613"/>
      <c r="VVA724" s="613"/>
      <c r="VVB724" s="613"/>
      <c r="VVC724" s="613"/>
      <c r="VVD724" s="613"/>
      <c r="VVE724" s="613"/>
      <c r="VVF724" s="613"/>
      <c r="VVG724" s="613"/>
      <c r="VVH724" s="613"/>
      <c r="VVI724" s="613"/>
      <c r="VVJ724" s="613"/>
      <c r="VVK724" s="613"/>
      <c r="VVL724" s="613"/>
      <c r="VVM724" s="613"/>
      <c r="VVN724" s="613"/>
      <c r="VVO724" s="613"/>
      <c r="VVP724" s="613"/>
      <c r="VVQ724" s="613"/>
      <c r="VVR724" s="613"/>
      <c r="VVS724" s="613"/>
      <c r="VVT724" s="613"/>
      <c r="VVU724" s="613"/>
      <c r="VVV724" s="613"/>
      <c r="VVW724" s="613"/>
      <c r="VVX724" s="613"/>
      <c r="VVY724" s="613"/>
      <c r="VVZ724" s="613"/>
      <c r="VWA724" s="613"/>
      <c r="VWB724" s="613"/>
      <c r="VWC724" s="613"/>
      <c r="VWD724" s="613"/>
      <c r="VWE724" s="613"/>
      <c r="VWF724" s="613"/>
      <c r="VWG724" s="613"/>
      <c r="VWH724" s="613"/>
      <c r="VWI724" s="613"/>
      <c r="VWJ724" s="613"/>
      <c r="VWK724" s="613"/>
      <c r="VWL724" s="613"/>
      <c r="VWM724" s="613"/>
      <c r="VWN724" s="613"/>
      <c r="VWO724" s="613"/>
      <c r="VWP724" s="613"/>
      <c r="VWQ724" s="613"/>
      <c r="VWR724" s="613"/>
      <c r="VWS724" s="613"/>
      <c r="VWT724" s="613"/>
      <c r="VWU724" s="613"/>
      <c r="VWV724" s="613"/>
      <c r="VWW724" s="613"/>
      <c r="VWX724" s="613"/>
      <c r="VWY724" s="613"/>
      <c r="VWZ724" s="613"/>
      <c r="VXA724" s="613"/>
      <c r="VXB724" s="613"/>
      <c r="VXC724" s="613"/>
      <c r="VXD724" s="613"/>
      <c r="VXE724" s="613"/>
      <c r="VXF724" s="613"/>
      <c r="VXG724" s="613"/>
      <c r="VXH724" s="613"/>
      <c r="VXI724" s="613"/>
      <c r="VXJ724" s="613"/>
      <c r="VXK724" s="613"/>
      <c r="VXL724" s="613"/>
      <c r="VXM724" s="613"/>
      <c r="VXN724" s="613"/>
      <c r="VXO724" s="613"/>
      <c r="VXP724" s="613"/>
      <c r="VXQ724" s="613"/>
      <c r="VXR724" s="613"/>
      <c r="VXS724" s="613"/>
      <c r="VXT724" s="613"/>
      <c r="VXU724" s="613"/>
      <c r="VXV724" s="613"/>
      <c r="VXW724" s="613"/>
      <c r="VXX724" s="613"/>
      <c r="VXY724" s="613"/>
      <c r="VXZ724" s="613"/>
      <c r="VYA724" s="613"/>
      <c r="VYB724" s="613"/>
      <c r="VYC724" s="613"/>
      <c r="VYD724" s="613"/>
      <c r="VYE724" s="613"/>
      <c r="VYF724" s="613"/>
      <c r="VYG724" s="613"/>
      <c r="VYH724" s="613"/>
      <c r="VYI724" s="613"/>
      <c r="VYJ724" s="613"/>
      <c r="VYK724" s="613"/>
      <c r="VYL724" s="613"/>
      <c r="VYM724" s="613"/>
      <c r="VYN724" s="613"/>
      <c r="VYO724" s="613"/>
      <c r="VYP724" s="613"/>
      <c r="VYQ724" s="613"/>
      <c r="VYR724" s="613"/>
      <c r="VYS724" s="613"/>
      <c r="VYT724" s="613"/>
      <c r="VYU724" s="613"/>
      <c r="VYV724" s="613"/>
      <c r="VYW724" s="613"/>
      <c r="VYX724" s="613"/>
      <c r="VYY724" s="613"/>
      <c r="VYZ724" s="613"/>
      <c r="VZA724" s="613"/>
      <c r="VZB724" s="613"/>
      <c r="VZC724" s="613"/>
      <c r="VZD724" s="613"/>
      <c r="VZE724" s="613"/>
      <c r="VZF724" s="613"/>
      <c r="VZG724" s="613"/>
      <c r="VZH724" s="613"/>
      <c r="VZI724" s="613"/>
      <c r="VZJ724" s="613"/>
      <c r="VZK724" s="613"/>
      <c r="VZL724" s="613"/>
      <c r="VZM724" s="613"/>
      <c r="VZN724" s="613"/>
      <c r="VZO724" s="613"/>
      <c r="VZP724" s="613"/>
      <c r="VZQ724" s="613"/>
      <c r="VZR724" s="613"/>
      <c r="VZS724" s="613"/>
      <c r="VZT724" s="613"/>
      <c r="VZU724" s="613"/>
      <c r="VZV724" s="613"/>
      <c r="VZW724" s="613"/>
      <c r="VZX724" s="613"/>
      <c r="VZY724" s="613"/>
      <c r="VZZ724" s="613"/>
      <c r="WAA724" s="613"/>
      <c r="WAB724" s="613"/>
      <c r="WAC724" s="613"/>
      <c r="WAD724" s="613"/>
      <c r="WAE724" s="613"/>
      <c r="WAF724" s="613"/>
      <c r="WAG724" s="613"/>
      <c r="WAH724" s="613"/>
      <c r="WAI724" s="613"/>
      <c r="WAJ724" s="613"/>
      <c r="WAK724" s="613"/>
      <c r="WAL724" s="613"/>
      <c r="WAM724" s="613"/>
      <c r="WAN724" s="613"/>
      <c r="WAO724" s="613"/>
      <c r="WAP724" s="613"/>
      <c r="WAQ724" s="613"/>
      <c r="WAR724" s="613"/>
      <c r="WAS724" s="613"/>
      <c r="WAT724" s="613"/>
      <c r="WAU724" s="613"/>
      <c r="WAV724" s="613"/>
      <c r="WAW724" s="613"/>
      <c r="WAX724" s="613"/>
      <c r="WAY724" s="613"/>
      <c r="WAZ724" s="613"/>
      <c r="WBA724" s="613"/>
      <c r="WBB724" s="613"/>
      <c r="WBC724" s="613"/>
      <c r="WBD724" s="613"/>
      <c r="WBE724" s="613"/>
      <c r="WBF724" s="613"/>
      <c r="WBG724" s="613"/>
      <c r="WBH724" s="613"/>
      <c r="WBI724" s="613"/>
      <c r="WBJ724" s="613"/>
      <c r="WBK724" s="613"/>
      <c r="WBL724" s="613"/>
      <c r="WBM724" s="613"/>
      <c r="WBN724" s="613"/>
      <c r="WBO724" s="613"/>
      <c r="WBP724" s="613"/>
      <c r="WBQ724" s="613"/>
      <c r="WBR724" s="613"/>
      <c r="WBS724" s="613"/>
      <c r="WBT724" s="613"/>
      <c r="WBU724" s="613"/>
      <c r="WBV724" s="613"/>
      <c r="WBW724" s="613"/>
      <c r="WBX724" s="613"/>
      <c r="WBY724" s="613"/>
      <c r="WBZ724" s="613"/>
      <c r="WCA724" s="613"/>
      <c r="WCB724" s="613"/>
      <c r="WCC724" s="613"/>
      <c r="WCD724" s="613"/>
      <c r="WCE724" s="613"/>
      <c r="WCF724" s="613"/>
      <c r="WCG724" s="613"/>
      <c r="WCH724" s="613"/>
      <c r="WCI724" s="613"/>
      <c r="WCJ724" s="613"/>
      <c r="WCK724" s="613"/>
      <c r="WCL724" s="613"/>
      <c r="WCM724" s="613"/>
      <c r="WCN724" s="613"/>
      <c r="WCO724" s="613"/>
      <c r="WCP724" s="613"/>
      <c r="WCQ724" s="613"/>
      <c r="WCR724" s="613"/>
      <c r="WCS724" s="613"/>
      <c r="WCT724" s="613"/>
      <c r="WCU724" s="613"/>
      <c r="WCV724" s="613"/>
      <c r="WCW724" s="613"/>
      <c r="WCX724" s="613"/>
      <c r="WCY724" s="613"/>
      <c r="WCZ724" s="613"/>
      <c r="WDA724" s="613"/>
      <c r="WDB724" s="613"/>
      <c r="WDC724" s="613"/>
      <c r="WDD724" s="613"/>
      <c r="WDE724" s="613"/>
      <c r="WDF724" s="613"/>
      <c r="WDG724" s="613"/>
      <c r="WDH724" s="613"/>
      <c r="WDI724" s="613"/>
      <c r="WDJ724" s="613"/>
      <c r="WDK724" s="613"/>
      <c r="WDL724" s="613"/>
      <c r="WDM724" s="613"/>
      <c r="WDN724" s="613"/>
      <c r="WDO724" s="613"/>
      <c r="WDP724" s="613"/>
      <c r="WDQ724" s="613"/>
      <c r="WDR724" s="613"/>
      <c r="WDS724" s="613"/>
      <c r="WDT724" s="613"/>
      <c r="WDU724" s="613"/>
      <c r="WDV724" s="613"/>
      <c r="WDW724" s="613"/>
      <c r="WDX724" s="613"/>
      <c r="WDY724" s="613"/>
      <c r="WDZ724" s="613"/>
      <c r="WEA724" s="613"/>
      <c r="WEB724" s="613"/>
      <c r="WEC724" s="613"/>
      <c r="WED724" s="613"/>
      <c r="WEE724" s="613"/>
      <c r="WEF724" s="613"/>
      <c r="WEG724" s="613"/>
      <c r="WEH724" s="613"/>
      <c r="WEI724" s="613"/>
      <c r="WEJ724" s="613"/>
      <c r="WEK724" s="613"/>
      <c r="WEL724" s="613"/>
      <c r="WEM724" s="613"/>
      <c r="WEN724" s="613"/>
      <c r="WEO724" s="613"/>
      <c r="WEP724" s="613"/>
      <c r="WEQ724" s="613"/>
      <c r="WER724" s="613"/>
      <c r="WES724" s="613"/>
      <c r="WET724" s="613"/>
      <c r="WEU724" s="613"/>
      <c r="WEV724" s="613"/>
      <c r="WEW724" s="613"/>
      <c r="WEX724" s="613"/>
      <c r="WEY724" s="613"/>
      <c r="WEZ724" s="613"/>
      <c r="WFA724" s="613"/>
      <c r="WFB724" s="613"/>
      <c r="WFC724" s="613"/>
      <c r="WFD724" s="613"/>
      <c r="WFE724" s="613"/>
      <c r="WFF724" s="613"/>
      <c r="WFG724" s="613"/>
      <c r="WFH724" s="613"/>
      <c r="WFI724" s="613"/>
      <c r="WFJ724" s="613"/>
      <c r="WFK724" s="613"/>
      <c r="WFL724" s="613"/>
      <c r="WFM724" s="613"/>
      <c r="WFN724" s="613"/>
      <c r="WFO724" s="613"/>
      <c r="WFP724" s="613"/>
      <c r="WFQ724" s="613"/>
      <c r="WFR724" s="613"/>
      <c r="WFS724" s="613"/>
      <c r="WFT724" s="613"/>
      <c r="WFU724" s="613"/>
      <c r="WFV724" s="613"/>
      <c r="WFW724" s="613"/>
      <c r="WFX724" s="613"/>
      <c r="WFY724" s="613"/>
      <c r="WFZ724" s="613"/>
      <c r="WGA724" s="613"/>
      <c r="WGB724" s="613"/>
      <c r="WGC724" s="613"/>
      <c r="WGD724" s="613"/>
      <c r="WGE724" s="613"/>
      <c r="WGF724" s="613"/>
      <c r="WGG724" s="613"/>
      <c r="WGH724" s="613"/>
      <c r="WGI724" s="613"/>
      <c r="WGJ724" s="613"/>
      <c r="WGK724" s="613"/>
      <c r="WGL724" s="613"/>
      <c r="WGM724" s="613"/>
      <c r="WGN724" s="613"/>
      <c r="WGO724" s="613"/>
      <c r="WGP724" s="613"/>
      <c r="WGQ724" s="613"/>
      <c r="WGR724" s="613"/>
      <c r="WGS724" s="613"/>
      <c r="WGT724" s="613"/>
      <c r="WGU724" s="613"/>
      <c r="WGV724" s="613"/>
      <c r="WGW724" s="613"/>
      <c r="WGX724" s="613"/>
      <c r="WGY724" s="613"/>
      <c r="WGZ724" s="613"/>
      <c r="WHA724" s="613"/>
      <c r="WHB724" s="613"/>
      <c r="WHC724" s="613"/>
      <c r="WHD724" s="613"/>
      <c r="WHE724" s="613"/>
      <c r="WHF724" s="613"/>
      <c r="WHG724" s="613"/>
      <c r="WHH724" s="613"/>
      <c r="WHI724" s="613"/>
      <c r="WHJ724" s="613"/>
      <c r="WHK724" s="613"/>
      <c r="WHL724" s="613"/>
      <c r="WHM724" s="613"/>
      <c r="WHN724" s="613"/>
      <c r="WHO724" s="613"/>
      <c r="WHP724" s="613"/>
      <c r="WHQ724" s="613"/>
      <c r="WHR724" s="613"/>
      <c r="WHS724" s="613"/>
      <c r="WHT724" s="613"/>
      <c r="WHU724" s="613"/>
      <c r="WHV724" s="613"/>
      <c r="WHW724" s="613"/>
      <c r="WHX724" s="613"/>
      <c r="WHY724" s="613"/>
      <c r="WHZ724" s="613"/>
      <c r="WIA724" s="613"/>
      <c r="WIB724" s="613"/>
      <c r="WIC724" s="613"/>
      <c r="WID724" s="613"/>
      <c r="WIE724" s="613"/>
      <c r="WIF724" s="613"/>
      <c r="WIG724" s="613"/>
      <c r="WIH724" s="613"/>
      <c r="WII724" s="613"/>
      <c r="WIJ724" s="613"/>
      <c r="WIK724" s="613"/>
      <c r="WIL724" s="613"/>
      <c r="WIM724" s="613"/>
      <c r="WIN724" s="613"/>
      <c r="WIO724" s="613"/>
      <c r="WIP724" s="613"/>
      <c r="WIQ724" s="613"/>
      <c r="WIR724" s="613"/>
      <c r="WIS724" s="613"/>
      <c r="WIT724" s="613"/>
      <c r="WIU724" s="613"/>
      <c r="WIV724" s="613"/>
      <c r="WIW724" s="613"/>
      <c r="WIX724" s="613"/>
      <c r="WIY724" s="613"/>
      <c r="WIZ724" s="613"/>
      <c r="WJA724" s="613"/>
      <c r="WJB724" s="613"/>
      <c r="WJC724" s="613"/>
      <c r="WJD724" s="613"/>
      <c r="WJE724" s="613"/>
      <c r="WJF724" s="613"/>
      <c r="WJG724" s="613"/>
      <c r="WJH724" s="613"/>
      <c r="WJI724" s="613"/>
      <c r="WJJ724" s="613"/>
      <c r="WJK724" s="613"/>
      <c r="WJL724" s="613"/>
      <c r="WJM724" s="613"/>
      <c r="WJN724" s="613"/>
      <c r="WJO724" s="613"/>
      <c r="WJP724" s="613"/>
      <c r="WJQ724" s="613"/>
      <c r="WJR724" s="613"/>
      <c r="WJS724" s="613"/>
      <c r="WJT724" s="613"/>
      <c r="WJU724" s="613"/>
      <c r="WJV724" s="613"/>
      <c r="WJW724" s="613"/>
      <c r="WJX724" s="613"/>
      <c r="WJY724" s="613"/>
      <c r="WJZ724" s="613"/>
      <c r="WKA724" s="613"/>
      <c r="WKB724" s="613"/>
      <c r="WKC724" s="613"/>
      <c r="WKD724" s="613"/>
      <c r="WKE724" s="613"/>
      <c r="WKF724" s="613"/>
      <c r="WKG724" s="613"/>
      <c r="WKH724" s="613"/>
      <c r="WKI724" s="613"/>
      <c r="WKJ724" s="613"/>
      <c r="WKK724" s="613"/>
      <c r="WKL724" s="613"/>
      <c r="WKM724" s="613"/>
      <c r="WKN724" s="613"/>
      <c r="WKO724" s="613"/>
      <c r="WKP724" s="613"/>
      <c r="WKQ724" s="613"/>
      <c r="WKR724" s="613"/>
      <c r="WKS724" s="613"/>
      <c r="WKT724" s="613"/>
      <c r="WKU724" s="613"/>
      <c r="WKV724" s="613"/>
      <c r="WKW724" s="613"/>
      <c r="WKX724" s="613"/>
      <c r="WKY724" s="613"/>
      <c r="WKZ724" s="613"/>
      <c r="WLA724" s="613"/>
      <c r="WLB724" s="613"/>
      <c r="WLC724" s="613"/>
      <c r="WLD724" s="613"/>
      <c r="WLE724" s="613"/>
      <c r="WLF724" s="613"/>
      <c r="WLG724" s="613"/>
      <c r="WLH724" s="613"/>
      <c r="WLI724" s="613"/>
      <c r="WLJ724" s="613"/>
      <c r="WLK724" s="613"/>
      <c r="WLL724" s="613"/>
      <c r="WLM724" s="613"/>
      <c r="WLN724" s="613"/>
      <c r="WLO724" s="613"/>
      <c r="WLP724" s="613"/>
      <c r="WLQ724" s="613"/>
      <c r="WLR724" s="613"/>
      <c r="WLS724" s="613"/>
      <c r="WLT724" s="613"/>
      <c r="WLU724" s="613"/>
      <c r="WLV724" s="613"/>
      <c r="WLW724" s="613"/>
      <c r="WLX724" s="613"/>
      <c r="WLY724" s="613"/>
      <c r="WLZ724" s="613"/>
      <c r="WMA724" s="613"/>
      <c r="WMB724" s="613"/>
      <c r="WMC724" s="613"/>
      <c r="WMD724" s="613"/>
      <c r="WME724" s="613"/>
      <c r="WMF724" s="613"/>
      <c r="WMG724" s="613"/>
      <c r="WMH724" s="613"/>
      <c r="WMI724" s="613"/>
      <c r="WMJ724" s="613"/>
      <c r="WMK724" s="613"/>
      <c r="WML724" s="613"/>
      <c r="WMM724" s="613"/>
      <c r="WMN724" s="613"/>
      <c r="WMO724" s="613"/>
      <c r="WMP724" s="613"/>
      <c r="WMQ724" s="613"/>
      <c r="WMR724" s="613"/>
      <c r="WMS724" s="613"/>
      <c r="WMT724" s="613"/>
      <c r="WMU724" s="613"/>
      <c r="WMV724" s="613"/>
      <c r="WMW724" s="613"/>
      <c r="WMX724" s="613"/>
      <c r="WMY724" s="613"/>
      <c r="WMZ724" s="613"/>
      <c r="WNA724" s="613"/>
      <c r="WNB724" s="613"/>
      <c r="WNC724" s="613"/>
      <c r="WND724" s="613"/>
      <c r="WNE724" s="613"/>
      <c r="WNF724" s="613"/>
      <c r="WNG724" s="613"/>
      <c r="WNH724" s="613"/>
      <c r="WNI724" s="613"/>
      <c r="WNJ724" s="613"/>
      <c r="WNK724" s="613"/>
      <c r="WNL724" s="613"/>
      <c r="WNM724" s="613"/>
      <c r="WNN724" s="613"/>
      <c r="WNO724" s="613"/>
      <c r="WNP724" s="613"/>
      <c r="WNQ724" s="613"/>
      <c r="WNR724" s="613"/>
      <c r="WNS724" s="613"/>
      <c r="WNT724" s="613"/>
      <c r="WNU724" s="613"/>
      <c r="WNV724" s="613"/>
      <c r="WNW724" s="613"/>
      <c r="WNX724" s="613"/>
      <c r="WNY724" s="613"/>
      <c r="WNZ724" s="613"/>
      <c r="WOA724" s="613"/>
      <c r="WOB724" s="613"/>
      <c r="WOC724" s="613"/>
      <c r="WOD724" s="613"/>
      <c r="WOE724" s="613"/>
      <c r="WOF724" s="613"/>
      <c r="WOG724" s="613"/>
      <c r="WOH724" s="613"/>
      <c r="WOI724" s="613"/>
      <c r="WOJ724" s="613"/>
      <c r="WOK724" s="613"/>
      <c r="WOL724" s="613"/>
      <c r="WOM724" s="613"/>
      <c r="WON724" s="613"/>
      <c r="WOO724" s="613"/>
      <c r="WOP724" s="613"/>
      <c r="WOQ724" s="613"/>
      <c r="WOR724" s="613"/>
      <c r="WOS724" s="613"/>
      <c r="WOT724" s="613"/>
      <c r="WOU724" s="613"/>
      <c r="WOV724" s="613"/>
      <c r="WOW724" s="613"/>
      <c r="WOX724" s="613"/>
      <c r="WOY724" s="613"/>
      <c r="WOZ724" s="613"/>
      <c r="WPA724" s="613"/>
      <c r="WPB724" s="613"/>
      <c r="WPC724" s="613"/>
      <c r="WPD724" s="613"/>
      <c r="WPE724" s="613"/>
      <c r="WPF724" s="613"/>
      <c r="WPG724" s="613"/>
      <c r="WPH724" s="613"/>
      <c r="WPI724" s="613"/>
      <c r="WPJ724" s="613"/>
      <c r="WPK724" s="613"/>
      <c r="WPL724" s="613"/>
      <c r="WPM724" s="613"/>
      <c r="WPN724" s="613"/>
      <c r="WPO724" s="613"/>
      <c r="WPP724" s="613"/>
      <c r="WPQ724" s="613"/>
      <c r="WPR724" s="613"/>
      <c r="WPS724" s="613"/>
      <c r="WPT724" s="613"/>
      <c r="WPU724" s="613"/>
      <c r="WPV724" s="613"/>
      <c r="WPW724" s="613"/>
      <c r="WPX724" s="613"/>
      <c r="WPY724" s="613"/>
      <c r="WPZ724" s="613"/>
      <c r="WQA724" s="613"/>
      <c r="WQB724" s="613"/>
      <c r="WQC724" s="613"/>
      <c r="WQD724" s="613"/>
      <c r="WQE724" s="613"/>
      <c r="WQF724" s="613"/>
      <c r="WQG724" s="613"/>
      <c r="WQH724" s="613"/>
      <c r="WQI724" s="613"/>
      <c r="WQJ724" s="613"/>
      <c r="WQK724" s="613"/>
      <c r="WQL724" s="613"/>
      <c r="WQM724" s="613"/>
      <c r="WQN724" s="613"/>
      <c r="WQO724" s="613"/>
      <c r="WQP724" s="613"/>
      <c r="WQQ724" s="613"/>
      <c r="WQR724" s="613"/>
      <c r="WQS724" s="613"/>
      <c r="WQT724" s="613"/>
      <c r="WQU724" s="613"/>
      <c r="WQV724" s="613"/>
      <c r="WQW724" s="613"/>
      <c r="WQX724" s="613"/>
      <c r="WQY724" s="613"/>
      <c r="WQZ724" s="613"/>
      <c r="WRA724" s="613"/>
      <c r="WRB724" s="613"/>
      <c r="WRC724" s="613"/>
      <c r="WRD724" s="613"/>
      <c r="WRE724" s="613"/>
      <c r="WRF724" s="613"/>
      <c r="WRG724" s="613"/>
      <c r="WRH724" s="613"/>
      <c r="WRI724" s="613"/>
      <c r="WRJ724" s="613"/>
      <c r="WRK724" s="613"/>
      <c r="WRL724" s="613"/>
      <c r="WRM724" s="613"/>
      <c r="WRN724" s="613"/>
      <c r="WRO724" s="613"/>
      <c r="WRP724" s="613"/>
      <c r="WRQ724" s="613"/>
      <c r="WRR724" s="613"/>
      <c r="WRS724" s="613"/>
      <c r="WRT724" s="613"/>
      <c r="WRU724" s="613"/>
      <c r="WRV724" s="613"/>
      <c r="WRW724" s="613"/>
      <c r="WRX724" s="613"/>
      <c r="WRY724" s="613"/>
      <c r="WRZ724" s="613"/>
      <c r="WSA724" s="613"/>
      <c r="WSB724" s="613"/>
      <c r="WSC724" s="613"/>
      <c r="WSD724" s="613"/>
      <c r="WSE724" s="613"/>
      <c r="WSF724" s="613"/>
      <c r="WSG724" s="613"/>
      <c r="WSH724" s="613"/>
      <c r="WSI724" s="613"/>
      <c r="WSJ724" s="613"/>
      <c r="WSK724" s="613"/>
      <c r="WSL724" s="613"/>
      <c r="WSM724" s="613"/>
      <c r="WSN724" s="613"/>
      <c r="WSO724" s="613"/>
      <c r="WSP724" s="613"/>
      <c r="WSQ724" s="613"/>
      <c r="WSR724" s="613"/>
      <c r="WSS724" s="613"/>
      <c r="WST724" s="613"/>
      <c r="WSU724" s="613"/>
      <c r="WSV724" s="613"/>
      <c r="WSW724" s="613"/>
      <c r="WSX724" s="613"/>
      <c r="WSY724" s="613"/>
      <c r="WSZ724" s="613"/>
      <c r="WTA724" s="613"/>
      <c r="WTB724" s="613"/>
      <c r="WTC724" s="613"/>
      <c r="WTD724" s="613"/>
      <c r="WTE724" s="613"/>
      <c r="WTF724" s="613"/>
      <c r="WTG724" s="613"/>
      <c r="WTH724" s="613"/>
      <c r="WTI724" s="613"/>
      <c r="WTJ724" s="613"/>
      <c r="WTK724" s="613"/>
      <c r="WTL724" s="613"/>
      <c r="WTM724" s="613"/>
      <c r="WTN724" s="613"/>
      <c r="WTO724" s="613"/>
      <c r="WTP724" s="613"/>
      <c r="WTQ724" s="613"/>
      <c r="WTR724" s="613"/>
      <c r="WTS724" s="613"/>
      <c r="WTT724" s="613"/>
      <c r="WTU724" s="613"/>
      <c r="WTV724" s="613"/>
      <c r="WTW724" s="613"/>
      <c r="WTX724" s="613"/>
      <c r="WTY724" s="613"/>
      <c r="WTZ724" s="613"/>
      <c r="WUA724" s="613"/>
      <c r="WUB724" s="613"/>
      <c r="WUC724" s="613"/>
      <c r="WUD724" s="613"/>
      <c r="WUE724" s="613"/>
      <c r="WUF724" s="613"/>
      <c r="WUG724" s="613"/>
      <c r="WUH724" s="613"/>
      <c r="WUI724" s="613"/>
      <c r="WUJ724" s="613"/>
      <c r="WUK724" s="613"/>
      <c r="WUL724" s="613"/>
      <c r="WUM724" s="613"/>
      <c r="WUN724" s="613"/>
      <c r="WUO724" s="613"/>
      <c r="WUP724" s="613"/>
      <c r="WUQ724" s="613"/>
      <c r="WUR724" s="613"/>
      <c r="WUS724" s="613"/>
      <c r="WUT724" s="613"/>
      <c r="WUU724" s="613"/>
      <c r="WUV724" s="613"/>
      <c r="WUW724" s="613"/>
      <c r="WUX724" s="613"/>
      <c r="WUY724" s="613"/>
      <c r="WUZ724" s="613"/>
      <c r="WVA724" s="613"/>
      <c r="WVB724" s="613"/>
      <c r="WVC724" s="613"/>
      <c r="WVD724" s="613"/>
      <c r="WVE724" s="613"/>
      <c r="WVF724" s="613"/>
      <c r="WVG724" s="613"/>
      <c r="WVH724" s="613"/>
      <c r="WVI724" s="613"/>
      <c r="WVJ724" s="613"/>
      <c r="WVK724" s="613"/>
      <c r="WVL724" s="613"/>
      <c r="WVM724" s="613"/>
      <c r="WVN724" s="613"/>
      <c r="WVO724" s="613"/>
      <c r="WVP724" s="613"/>
      <c r="WVQ724" s="613"/>
      <c r="WVR724" s="613"/>
      <c r="WVS724" s="613"/>
      <c r="WVT724" s="613"/>
      <c r="WVU724" s="613"/>
      <c r="WVV724" s="613"/>
      <c r="WVW724" s="613"/>
      <c r="WVX724" s="613"/>
      <c r="WVY724" s="613"/>
      <c r="WVZ724" s="613"/>
      <c r="WWA724" s="613"/>
      <c r="WWB724" s="613"/>
      <c r="WWC724" s="613"/>
      <c r="WWD724" s="613"/>
      <c r="WWE724" s="613"/>
      <c r="WWF724" s="613"/>
      <c r="WWG724" s="613"/>
      <c r="WWH724" s="613"/>
      <c r="WWI724" s="613"/>
      <c r="WWJ724" s="613"/>
      <c r="WWK724" s="613"/>
      <c r="WWL724" s="613"/>
      <c r="WWM724" s="613"/>
      <c r="WWN724" s="613"/>
      <c r="WWO724" s="613"/>
      <c r="WWP724" s="613"/>
      <c r="WWQ724" s="613"/>
      <c r="WWR724" s="613"/>
      <c r="WWS724" s="613"/>
      <c r="WWT724" s="613"/>
      <c r="WWU724" s="613"/>
      <c r="WWV724" s="613"/>
      <c r="WWW724" s="613"/>
      <c r="WWX724" s="613"/>
      <c r="WWY724" s="613"/>
      <c r="WWZ724" s="613"/>
      <c r="WXA724" s="613"/>
      <c r="WXB724" s="613"/>
      <c r="WXC724" s="613"/>
      <c r="WXD724" s="613"/>
      <c r="WXE724" s="613"/>
      <c r="WXF724" s="613"/>
      <c r="WXG724" s="613"/>
      <c r="WXH724" s="613"/>
      <c r="WXI724" s="613"/>
      <c r="WXJ724" s="613"/>
      <c r="WXK724" s="613"/>
      <c r="WXL724" s="613"/>
      <c r="WXM724" s="613"/>
      <c r="WXN724" s="613"/>
      <c r="WXO724" s="613"/>
      <c r="WXP724" s="613"/>
      <c r="WXQ724" s="613"/>
      <c r="WXR724" s="613"/>
      <c r="WXS724" s="613"/>
      <c r="WXT724" s="613"/>
      <c r="WXU724" s="613"/>
      <c r="WXV724" s="613"/>
      <c r="WXW724" s="613"/>
      <c r="WXX724" s="613"/>
      <c r="WXY724" s="613"/>
      <c r="WXZ724" s="613"/>
      <c r="WYA724" s="613"/>
      <c r="WYB724" s="613"/>
      <c r="WYC724" s="613"/>
      <c r="WYD724" s="613"/>
      <c r="WYE724" s="613"/>
      <c r="WYF724" s="613"/>
      <c r="WYG724" s="613"/>
      <c r="WYH724" s="613"/>
      <c r="WYI724" s="613"/>
      <c r="WYJ724" s="613"/>
      <c r="WYK724" s="613"/>
      <c r="WYL724" s="613"/>
      <c r="WYM724" s="613"/>
      <c r="WYN724" s="613"/>
      <c r="WYO724" s="613"/>
      <c r="WYP724" s="613"/>
      <c r="WYQ724" s="613"/>
      <c r="WYR724" s="613"/>
      <c r="WYS724" s="613"/>
      <c r="WYT724" s="613"/>
      <c r="WYU724" s="613"/>
      <c r="WYV724" s="613"/>
      <c r="WYW724" s="613"/>
      <c r="WYX724" s="613"/>
      <c r="WYY724" s="613"/>
      <c r="WYZ724" s="613"/>
      <c r="WZA724" s="613"/>
      <c r="WZB724" s="613"/>
      <c r="WZC724" s="613"/>
      <c r="WZD724" s="613"/>
      <c r="WZE724" s="613"/>
      <c r="WZF724" s="613"/>
      <c r="WZG724" s="613"/>
      <c r="WZH724" s="613"/>
      <c r="WZI724" s="613"/>
      <c r="WZJ724" s="613"/>
      <c r="WZK724" s="613"/>
      <c r="WZL724" s="613"/>
      <c r="WZM724" s="613"/>
      <c r="WZN724" s="613"/>
      <c r="WZO724" s="613"/>
      <c r="WZP724" s="613"/>
      <c r="WZQ724" s="613"/>
      <c r="WZR724" s="613"/>
      <c r="WZS724" s="613"/>
      <c r="WZT724" s="613"/>
      <c r="WZU724" s="613"/>
      <c r="WZV724" s="613"/>
      <c r="WZW724" s="613"/>
      <c r="WZX724" s="613"/>
      <c r="WZY724" s="613"/>
      <c r="WZZ724" s="613"/>
      <c r="XAA724" s="613"/>
      <c r="XAB724" s="613"/>
      <c r="XAC724" s="613"/>
      <c r="XAD724" s="613"/>
      <c r="XAE724" s="613"/>
      <c r="XAF724" s="613"/>
      <c r="XAG724" s="613"/>
      <c r="XAH724" s="613"/>
      <c r="XAI724" s="613"/>
      <c r="XAJ724" s="613"/>
      <c r="XAK724" s="613"/>
      <c r="XAL724" s="613"/>
      <c r="XAM724" s="613"/>
      <c r="XAN724" s="613"/>
      <c r="XAO724" s="613"/>
      <c r="XAP724" s="613"/>
      <c r="XAQ724" s="613"/>
      <c r="XAR724" s="613"/>
      <c r="XAS724" s="613"/>
      <c r="XAT724" s="613"/>
      <c r="XAU724" s="613"/>
      <c r="XAV724" s="613"/>
      <c r="XAW724" s="613"/>
      <c r="XAX724" s="613"/>
      <c r="XAY724" s="613"/>
      <c r="XAZ724" s="613"/>
      <c r="XBA724" s="613"/>
      <c r="XBB724" s="613"/>
      <c r="XBC724" s="613"/>
      <c r="XBD724" s="613"/>
      <c r="XBE724" s="613"/>
      <c r="XBF724" s="613"/>
      <c r="XBG724" s="613"/>
      <c r="XBH724" s="613"/>
      <c r="XBI724" s="613"/>
      <c r="XBJ724" s="613"/>
      <c r="XBK724" s="613"/>
      <c r="XBL724" s="613"/>
      <c r="XBM724" s="613"/>
      <c r="XBN724" s="613"/>
      <c r="XBO724" s="613"/>
      <c r="XBP724" s="613"/>
      <c r="XBQ724" s="613"/>
      <c r="XBR724" s="613"/>
      <c r="XBS724" s="613"/>
      <c r="XBT724" s="613"/>
      <c r="XBU724" s="613"/>
      <c r="XBV724" s="613"/>
      <c r="XBW724" s="613"/>
      <c r="XBX724" s="613"/>
      <c r="XBY724" s="613"/>
      <c r="XBZ724" s="613"/>
      <c r="XCA724" s="613"/>
      <c r="XCB724" s="613"/>
      <c r="XCC724" s="613"/>
      <c r="XCD724" s="613"/>
      <c r="XCE724" s="613"/>
      <c r="XCF724" s="613"/>
      <c r="XCG724" s="613"/>
      <c r="XCH724" s="613"/>
      <c r="XCI724" s="613"/>
      <c r="XCJ724" s="613"/>
      <c r="XCK724" s="613"/>
      <c r="XCL724" s="613"/>
      <c r="XCM724" s="613"/>
      <c r="XCN724" s="613"/>
      <c r="XCO724" s="613"/>
      <c r="XCP724" s="613"/>
      <c r="XCQ724" s="613"/>
    </row>
    <row r="725" spans="1:16319" ht="56.1" customHeight="1" x14ac:dyDescent="0.2">
      <c r="A725" s="494"/>
      <c r="B725" s="499"/>
      <c r="C725" s="494"/>
      <c r="D725" s="481">
        <v>279</v>
      </c>
      <c r="E725" s="481"/>
      <c r="F725" s="481" t="s">
        <v>2481</v>
      </c>
      <c r="G725" s="482" t="s">
        <v>53</v>
      </c>
      <c r="H725" s="481" t="s">
        <v>329</v>
      </c>
      <c r="I725" s="654" t="s">
        <v>500</v>
      </c>
      <c r="J725" s="654" t="s">
        <v>501</v>
      </c>
      <c r="K725" s="495" t="s">
        <v>507</v>
      </c>
      <c r="L725" s="621"/>
      <c r="M725" s="484" t="s">
        <v>58</v>
      </c>
      <c r="N725" s="327" t="s">
        <v>1366</v>
      </c>
      <c r="O725" s="484" t="s">
        <v>2996</v>
      </c>
      <c r="P725" s="484" t="s">
        <v>81</v>
      </c>
      <c r="Q725" s="667" t="s">
        <v>334</v>
      </c>
      <c r="R725" s="484" t="s">
        <v>334</v>
      </c>
      <c r="S725" s="484" t="s">
        <v>380</v>
      </c>
      <c r="T725" s="484"/>
      <c r="U725" s="620" t="s">
        <v>63</v>
      </c>
      <c r="V725" s="620" t="s">
        <v>63</v>
      </c>
      <c r="W725" s="723">
        <v>50853</v>
      </c>
      <c r="X725" s="723"/>
      <c r="Y725" s="654" t="s">
        <v>226</v>
      </c>
      <c r="Z725" s="654"/>
      <c r="AA725" s="723">
        <v>50853</v>
      </c>
      <c r="AB725" s="652" t="s">
        <v>82</v>
      </c>
      <c r="AC725" s="652"/>
      <c r="AD725" s="496"/>
      <c r="AE725" s="496"/>
      <c r="AF725" s="496"/>
      <c r="AG725" s="496"/>
      <c r="AH725" s="496"/>
      <c r="AI725" s="496"/>
      <c r="AJ725" s="487" t="s">
        <v>66</v>
      </c>
      <c r="AK725" s="496"/>
      <c r="AL725" s="496"/>
      <c r="AM725" s="496"/>
      <c r="AN725" s="496"/>
      <c r="AO725" s="496"/>
      <c r="AP725" s="496"/>
      <c r="AQ725" s="496"/>
      <c r="AR725" s="496"/>
      <c r="AS725" s="496"/>
      <c r="AT725" s="496"/>
      <c r="AU725" s="487"/>
      <c r="AV725" s="487"/>
      <c r="AW725" s="487"/>
      <c r="AX725" s="487"/>
      <c r="AY725" s="487"/>
      <c r="AZ725" s="487"/>
      <c r="BA725" s="484"/>
      <c r="BB725" s="484"/>
      <c r="BC725" s="484"/>
      <c r="BD725" s="494"/>
      <c r="BE725" s="494"/>
      <c r="BF725" s="613"/>
      <c r="BG725" s="613"/>
      <c r="BH725" s="613"/>
      <c r="BI725" s="613"/>
      <c r="BJ725" s="613"/>
      <c r="BK725" s="613"/>
      <c r="BL725" s="613"/>
      <c r="BM725" s="613"/>
      <c r="BN725" s="613"/>
      <c r="BO725" s="613"/>
      <c r="BP725" s="613"/>
      <c r="BQ725" s="613"/>
      <c r="BR725" s="613"/>
      <c r="BS725" s="613"/>
      <c r="BT725" s="613"/>
      <c r="BU725" s="613"/>
      <c r="BV725" s="613"/>
      <c r="BW725" s="613"/>
      <c r="BX725" s="613"/>
      <c r="BY725" s="613"/>
      <c r="BZ725" s="613"/>
      <c r="CA725" s="613"/>
      <c r="CB725" s="613"/>
      <c r="CC725" s="613"/>
      <c r="CD725" s="613"/>
      <c r="CE725" s="613"/>
      <c r="CF725" s="613"/>
      <c r="CG725" s="613"/>
      <c r="CH725" s="613"/>
      <c r="CI725" s="613"/>
      <c r="CJ725" s="613"/>
      <c r="CK725" s="613"/>
      <c r="CL725" s="613"/>
      <c r="CM725" s="613"/>
      <c r="CN725" s="613"/>
      <c r="CO725" s="613"/>
      <c r="CP725" s="613"/>
      <c r="CQ725" s="613"/>
      <c r="CR725" s="613"/>
      <c r="CS725" s="613"/>
      <c r="CT725" s="613"/>
      <c r="CU725" s="613"/>
      <c r="CV725" s="613"/>
      <c r="CW725" s="613"/>
      <c r="CX725" s="613"/>
      <c r="CY725" s="613"/>
      <c r="CZ725" s="613"/>
      <c r="DA725" s="613"/>
      <c r="DB725" s="613"/>
      <c r="DC725" s="613"/>
      <c r="DD725" s="613"/>
      <c r="DE725" s="613"/>
      <c r="DF725" s="613"/>
      <c r="DG725" s="613"/>
      <c r="DH725" s="613"/>
      <c r="DI725" s="613"/>
      <c r="DJ725" s="613"/>
      <c r="DK725" s="613"/>
      <c r="DL725" s="613"/>
      <c r="DM725" s="613"/>
      <c r="DN725" s="613"/>
      <c r="DO725" s="613"/>
      <c r="DP725" s="613"/>
      <c r="DQ725" s="613"/>
      <c r="DR725" s="613"/>
      <c r="DS725" s="613"/>
      <c r="DT725" s="613"/>
      <c r="DU725" s="613"/>
      <c r="DV725" s="613"/>
      <c r="DW725" s="613"/>
      <c r="DX725" s="613"/>
      <c r="DY725" s="613"/>
      <c r="DZ725" s="613"/>
      <c r="EA725" s="613"/>
      <c r="EB725" s="613"/>
      <c r="EC725" s="613"/>
      <c r="ED725" s="613"/>
      <c r="EE725" s="613"/>
      <c r="EF725" s="613"/>
      <c r="EG725" s="613"/>
      <c r="EH725" s="613"/>
      <c r="EI725" s="613"/>
      <c r="EJ725" s="613"/>
      <c r="EK725" s="613"/>
      <c r="EL725" s="613"/>
      <c r="EM725" s="613"/>
      <c r="EN725" s="613"/>
      <c r="EO725" s="613"/>
      <c r="EP725" s="613"/>
      <c r="EQ725" s="613"/>
      <c r="ER725" s="613"/>
      <c r="ES725" s="613"/>
      <c r="ET725" s="613"/>
      <c r="EU725" s="613"/>
      <c r="EV725" s="613"/>
      <c r="EW725" s="613"/>
      <c r="EX725" s="613"/>
      <c r="EY725" s="613"/>
      <c r="EZ725" s="613"/>
      <c r="FA725" s="613"/>
      <c r="FB725" s="613"/>
      <c r="FC725" s="613"/>
      <c r="FD725" s="613"/>
      <c r="FE725" s="613"/>
      <c r="FF725" s="613"/>
      <c r="FG725" s="613"/>
      <c r="FH725" s="613"/>
      <c r="FI725" s="613"/>
      <c r="FJ725" s="613"/>
      <c r="FK725" s="613"/>
      <c r="FL725" s="613"/>
      <c r="FM725" s="613"/>
      <c r="FN725" s="613"/>
      <c r="FO725" s="613"/>
      <c r="FP725" s="613"/>
      <c r="FQ725" s="613"/>
      <c r="FR725" s="613"/>
      <c r="FS725" s="613"/>
      <c r="FT725" s="613"/>
      <c r="FU725" s="613"/>
      <c r="FV725" s="613"/>
      <c r="FW725" s="613"/>
      <c r="FX725" s="613"/>
      <c r="FY725" s="613"/>
      <c r="FZ725" s="613"/>
      <c r="GA725" s="613"/>
      <c r="GB725" s="613"/>
      <c r="GC725" s="613"/>
      <c r="GD725" s="613"/>
      <c r="GE725" s="613"/>
      <c r="GF725" s="613"/>
      <c r="GG725" s="613"/>
      <c r="GH725" s="613"/>
      <c r="GI725" s="613"/>
      <c r="GJ725" s="613"/>
      <c r="GK725" s="613"/>
      <c r="GL725" s="613"/>
      <c r="GM725" s="613"/>
      <c r="GN725" s="613"/>
      <c r="GO725" s="613"/>
      <c r="GP725" s="613"/>
      <c r="GQ725" s="613"/>
      <c r="GR725" s="613"/>
      <c r="GS725" s="613"/>
      <c r="GT725" s="613"/>
      <c r="GU725" s="613"/>
      <c r="GV725" s="613"/>
      <c r="GW725" s="613"/>
      <c r="GX725" s="613"/>
      <c r="GY725" s="613"/>
      <c r="GZ725" s="613"/>
      <c r="HA725" s="613"/>
      <c r="HB725" s="613"/>
      <c r="HC725" s="613"/>
      <c r="HD725" s="613"/>
      <c r="HE725" s="613"/>
      <c r="HF725" s="613"/>
      <c r="HG725" s="613"/>
      <c r="HH725" s="613"/>
      <c r="HI725" s="613"/>
      <c r="HJ725" s="613"/>
      <c r="HK725" s="613"/>
      <c r="HL725" s="613"/>
      <c r="HM725" s="613"/>
      <c r="HN725" s="613"/>
      <c r="HO725" s="613"/>
      <c r="HP725" s="613"/>
      <c r="HQ725" s="613"/>
      <c r="HR725" s="613"/>
      <c r="HS725" s="613"/>
      <c r="HT725" s="613"/>
      <c r="HU725" s="613"/>
      <c r="HV725" s="613"/>
      <c r="HW725" s="613"/>
      <c r="HX725" s="613"/>
      <c r="HY725" s="613"/>
      <c r="HZ725" s="613"/>
      <c r="IA725" s="613"/>
      <c r="IB725" s="613"/>
      <c r="IC725" s="613"/>
      <c r="ID725" s="613"/>
      <c r="IE725" s="613"/>
      <c r="IF725" s="613"/>
      <c r="IG725" s="613"/>
      <c r="IH725" s="613"/>
      <c r="II725" s="613"/>
      <c r="IJ725" s="613"/>
      <c r="IK725" s="613"/>
      <c r="IL725" s="613"/>
      <c r="IM725" s="613"/>
      <c r="IN725" s="613"/>
      <c r="IO725" s="613"/>
      <c r="IP725" s="613"/>
      <c r="IQ725" s="613"/>
      <c r="IR725" s="613"/>
      <c r="IS725" s="613"/>
      <c r="IT725" s="613"/>
      <c r="IU725" s="613"/>
      <c r="IV725" s="613"/>
      <c r="IW725" s="613"/>
      <c r="IX725" s="613"/>
      <c r="IY725" s="613"/>
      <c r="IZ725" s="613"/>
      <c r="JA725" s="613"/>
      <c r="JB725" s="613"/>
      <c r="JC725" s="613"/>
      <c r="JD725" s="613"/>
      <c r="JE725" s="613"/>
      <c r="JF725" s="613"/>
      <c r="JG725" s="613"/>
      <c r="JH725" s="613"/>
      <c r="JI725" s="613"/>
      <c r="JJ725" s="613"/>
      <c r="JK725" s="613"/>
      <c r="JL725" s="613"/>
      <c r="JM725" s="613"/>
      <c r="JN725" s="613"/>
      <c r="JO725" s="613"/>
      <c r="JP725" s="613"/>
      <c r="JQ725" s="613"/>
      <c r="JR725" s="613"/>
      <c r="JS725" s="613"/>
      <c r="JT725" s="613"/>
      <c r="JU725" s="613"/>
      <c r="JV725" s="613"/>
      <c r="JW725" s="613"/>
      <c r="JX725" s="613"/>
      <c r="JY725" s="613"/>
      <c r="JZ725" s="613"/>
      <c r="KA725" s="613"/>
      <c r="KB725" s="613"/>
      <c r="KC725" s="613"/>
      <c r="KD725" s="613"/>
      <c r="KE725" s="613"/>
      <c r="KF725" s="613"/>
      <c r="KG725" s="613"/>
      <c r="KH725" s="613"/>
      <c r="KI725" s="613"/>
      <c r="KJ725" s="613"/>
      <c r="KK725" s="613"/>
      <c r="KL725" s="613"/>
      <c r="KM725" s="613"/>
      <c r="KN725" s="613"/>
      <c r="KO725" s="613"/>
      <c r="KP725" s="613"/>
      <c r="KQ725" s="613"/>
      <c r="KR725" s="613"/>
      <c r="KS725" s="613"/>
      <c r="KT725" s="613"/>
      <c r="KU725" s="613"/>
      <c r="KV725" s="613"/>
      <c r="KW725" s="613"/>
      <c r="KX725" s="613"/>
      <c r="KY725" s="613"/>
      <c r="KZ725" s="613"/>
      <c r="LA725" s="613"/>
      <c r="LB725" s="613"/>
      <c r="LC725" s="613"/>
      <c r="LD725" s="613"/>
      <c r="LE725" s="613"/>
      <c r="LF725" s="613"/>
      <c r="LG725" s="613"/>
      <c r="LH725" s="613"/>
      <c r="LI725" s="613"/>
      <c r="LJ725" s="613"/>
      <c r="LK725" s="613"/>
      <c r="LL725" s="613"/>
      <c r="LM725" s="613"/>
      <c r="LN725" s="613"/>
      <c r="LO725" s="613"/>
      <c r="LP725" s="613"/>
      <c r="LQ725" s="613"/>
      <c r="LR725" s="613"/>
      <c r="LS725" s="613"/>
      <c r="LT725" s="613"/>
      <c r="LU725" s="613"/>
      <c r="LV725" s="613"/>
      <c r="LW725" s="613"/>
      <c r="LX725" s="613"/>
      <c r="LY725" s="613"/>
      <c r="LZ725" s="613"/>
      <c r="MA725" s="613"/>
      <c r="MB725" s="613"/>
      <c r="MC725" s="613"/>
      <c r="MD725" s="613"/>
      <c r="ME725" s="613"/>
      <c r="MF725" s="613"/>
      <c r="MG725" s="613"/>
      <c r="MH725" s="613"/>
      <c r="MI725" s="613"/>
      <c r="MJ725" s="613"/>
      <c r="MK725" s="613"/>
      <c r="ML725" s="613"/>
      <c r="MM725" s="613"/>
      <c r="MN725" s="613"/>
      <c r="MO725" s="613"/>
      <c r="MP725" s="613"/>
      <c r="MQ725" s="613"/>
      <c r="MR725" s="613"/>
      <c r="MS725" s="613"/>
      <c r="MT725" s="613"/>
      <c r="MU725" s="613"/>
      <c r="MV725" s="613"/>
      <c r="MW725" s="613"/>
      <c r="MX725" s="613"/>
      <c r="MY725" s="613"/>
      <c r="MZ725" s="613"/>
      <c r="NA725" s="613"/>
      <c r="NB725" s="613"/>
      <c r="NC725" s="613"/>
      <c r="ND725" s="613"/>
      <c r="NE725" s="613"/>
      <c r="NF725" s="613"/>
      <c r="NG725" s="613"/>
      <c r="NH725" s="613"/>
      <c r="NI725" s="613"/>
      <c r="NJ725" s="613"/>
      <c r="NK725" s="613"/>
      <c r="NL725" s="613"/>
      <c r="NM725" s="613"/>
      <c r="NN725" s="613"/>
      <c r="NO725" s="613"/>
      <c r="NP725" s="613"/>
      <c r="NQ725" s="613"/>
      <c r="NR725" s="613"/>
      <c r="NS725" s="613"/>
      <c r="NT725" s="613"/>
      <c r="NU725" s="613"/>
      <c r="NV725" s="613"/>
      <c r="NW725" s="613"/>
      <c r="NX725" s="613"/>
      <c r="NY725" s="613"/>
      <c r="NZ725" s="613"/>
      <c r="OA725" s="613"/>
      <c r="OB725" s="613"/>
      <c r="OC725" s="613"/>
      <c r="OD725" s="613"/>
      <c r="OE725" s="613"/>
      <c r="OF725" s="613"/>
      <c r="OG725" s="613"/>
      <c r="OH725" s="613"/>
      <c r="OI725" s="613"/>
      <c r="OJ725" s="613"/>
      <c r="OK725" s="613"/>
      <c r="OL725" s="613"/>
      <c r="OM725" s="613"/>
      <c r="ON725" s="613"/>
      <c r="OO725" s="613"/>
      <c r="OP725" s="613"/>
      <c r="OQ725" s="613"/>
      <c r="OR725" s="613"/>
      <c r="OS725" s="613"/>
      <c r="OT725" s="613"/>
      <c r="OU725" s="613"/>
      <c r="OV725" s="613"/>
      <c r="OW725" s="613"/>
      <c r="OX725" s="613"/>
      <c r="OY725" s="613"/>
      <c r="OZ725" s="613"/>
      <c r="PA725" s="613"/>
      <c r="PB725" s="613"/>
      <c r="PC725" s="613"/>
      <c r="PD725" s="613"/>
      <c r="PE725" s="613"/>
      <c r="PF725" s="613"/>
      <c r="PG725" s="613"/>
      <c r="PH725" s="613"/>
      <c r="PI725" s="613"/>
      <c r="PJ725" s="613"/>
      <c r="PK725" s="613"/>
      <c r="PL725" s="613"/>
      <c r="PM725" s="613"/>
      <c r="PN725" s="613"/>
      <c r="PO725" s="613"/>
      <c r="PP725" s="613"/>
      <c r="PQ725" s="613"/>
      <c r="PR725" s="613"/>
      <c r="PS725" s="613"/>
      <c r="PT725" s="613"/>
      <c r="PU725" s="613"/>
      <c r="PV725" s="613"/>
      <c r="PW725" s="613"/>
      <c r="PX725" s="613"/>
      <c r="PY725" s="613"/>
      <c r="PZ725" s="613"/>
      <c r="QA725" s="613"/>
      <c r="QB725" s="613"/>
      <c r="QC725" s="613"/>
      <c r="QD725" s="613"/>
      <c r="QE725" s="613"/>
      <c r="QF725" s="613"/>
      <c r="QG725" s="613"/>
      <c r="QH725" s="613"/>
      <c r="QI725" s="613"/>
      <c r="QJ725" s="613"/>
      <c r="QK725" s="613"/>
      <c r="QL725" s="613"/>
      <c r="QM725" s="613"/>
      <c r="QN725" s="613"/>
      <c r="QO725" s="613"/>
      <c r="QP725" s="613"/>
      <c r="QQ725" s="613"/>
      <c r="QR725" s="613"/>
      <c r="QS725" s="613"/>
      <c r="QT725" s="613"/>
      <c r="QU725" s="613"/>
      <c r="QV725" s="613"/>
      <c r="QW725" s="613"/>
      <c r="QX725" s="613"/>
      <c r="QY725" s="613"/>
      <c r="QZ725" s="613"/>
      <c r="RA725" s="613"/>
      <c r="RB725" s="613"/>
      <c r="RC725" s="613"/>
      <c r="RD725" s="613"/>
      <c r="RE725" s="613"/>
      <c r="RF725" s="613"/>
      <c r="RG725" s="613"/>
      <c r="RH725" s="613"/>
      <c r="RI725" s="613"/>
      <c r="RJ725" s="613"/>
      <c r="RK725" s="613"/>
      <c r="RL725" s="613"/>
      <c r="RM725" s="613"/>
      <c r="RN725" s="613"/>
      <c r="RO725" s="613"/>
      <c r="RP725" s="613"/>
      <c r="RQ725" s="613"/>
      <c r="RR725" s="613"/>
      <c r="RS725" s="613"/>
      <c r="RT725" s="613"/>
      <c r="RU725" s="613"/>
      <c r="RV725" s="613"/>
      <c r="RW725" s="613"/>
      <c r="RX725" s="613"/>
      <c r="RY725" s="613"/>
      <c r="RZ725" s="613"/>
      <c r="SA725" s="613"/>
      <c r="SB725" s="613"/>
      <c r="SC725" s="613"/>
      <c r="SD725" s="613"/>
      <c r="SE725" s="613"/>
      <c r="SF725" s="613"/>
      <c r="SG725" s="613"/>
      <c r="SH725" s="613"/>
      <c r="SI725" s="613"/>
      <c r="SJ725" s="613"/>
      <c r="SK725" s="613"/>
      <c r="SL725" s="613"/>
      <c r="SM725" s="613"/>
      <c r="SN725" s="613"/>
      <c r="SO725" s="613"/>
      <c r="SP725" s="613"/>
      <c r="SQ725" s="613"/>
      <c r="SR725" s="613"/>
      <c r="SS725" s="613"/>
      <c r="ST725" s="613"/>
      <c r="SU725" s="613"/>
      <c r="SV725" s="613"/>
      <c r="SW725" s="613"/>
      <c r="SX725" s="613"/>
      <c r="SY725" s="613"/>
      <c r="SZ725" s="613"/>
      <c r="TA725" s="613"/>
      <c r="TB725" s="613"/>
      <c r="TC725" s="613"/>
      <c r="TD725" s="613"/>
      <c r="TE725" s="613"/>
      <c r="TF725" s="613"/>
      <c r="TG725" s="613"/>
      <c r="TH725" s="613"/>
      <c r="TI725" s="613"/>
      <c r="TJ725" s="613"/>
      <c r="TK725" s="613"/>
      <c r="TL725" s="613"/>
      <c r="TM725" s="613"/>
      <c r="TN725" s="613"/>
      <c r="TO725" s="613"/>
      <c r="TP725" s="613"/>
      <c r="TQ725" s="613"/>
      <c r="TR725" s="613"/>
      <c r="TS725" s="613"/>
      <c r="TT725" s="613"/>
      <c r="TU725" s="613"/>
      <c r="TV725" s="613"/>
      <c r="TW725" s="613"/>
      <c r="TX725" s="613"/>
      <c r="TY725" s="613"/>
      <c r="TZ725" s="613"/>
      <c r="UA725" s="613"/>
      <c r="UB725" s="613"/>
      <c r="UC725" s="613"/>
      <c r="UD725" s="613"/>
      <c r="UE725" s="613"/>
      <c r="UF725" s="613"/>
      <c r="UG725" s="613"/>
      <c r="UH725" s="613"/>
      <c r="UI725" s="613"/>
      <c r="UJ725" s="613"/>
      <c r="UK725" s="613"/>
      <c r="UL725" s="613"/>
      <c r="UM725" s="613"/>
      <c r="UN725" s="613"/>
      <c r="UO725" s="613"/>
      <c r="UP725" s="613"/>
      <c r="UQ725" s="613"/>
      <c r="UR725" s="613"/>
      <c r="US725" s="613"/>
      <c r="UT725" s="613"/>
      <c r="UU725" s="613"/>
      <c r="UV725" s="613"/>
      <c r="UW725" s="613"/>
      <c r="UX725" s="613"/>
      <c r="UY725" s="613"/>
      <c r="UZ725" s="613"/>
      <c r="VA725" s="613"/>
      <c r="VB725" s="613"/>
      <c r="VC725" s="613"/>
      <c r="VD725" s="613"/>
      <c r="VE725" s="613"/>
      <c r="VF725" s="613"/>
      <c r="VG725" s="613"/>
      <c r="VH725" s="613"/>
      <c r="VI725" s="613"/>
      <c r="VJ725" s="613"/>
      <c r="VK725" s="613"/>
      <c r="VL725" s="613"/>
      <c r="VM725" s="613"/>
      <c r="VN725" s="613"/>
      <c r="VO725" s="613"/>
      <c r="VP725" s="613"/>
      <c r="VQ725" s="613"/>
      <c r="VR725" s="613"/>
      <c r="VS725" s="613"/>
      <c r="VT725" s="613"/>
      <c r="VU725" s="613"/>
      <c r="VV725" s="613"/>
      <c r="VW725" s="613"/>
      <c r="VX725" s="613"/>
      <c r="VY725" s="613"/>
      <c r="VZ725" s="613"/>
      <c r="WA725" s="613"/>
      <c r="WB725" s="613"/>
      <c r="WC725" s="613"/>
      <c r="WD725" s="613"/>
      <c r="WE725" s="613"/>
      <c r="WF725" s="613"/>
      <c r="WG725" s="613"/>
      <c r="WH725" s="613"/>
      <c r="WI725" s="613"/>
      <c r="WJ725" s="613"/>
      <c r="WK725" s="613"/>
      <c r="WL725" s="613"/>
      <c r="WM725" s="613"/>
      <c r="WN725" s="613"/>
      <c r="WO725" s="613"/>
      <c r="WP725" s="613"/>
      <c r="WQ725" s="613"/>
      <c r="WR725" s="613"/>
      <c r="WS725" s="613"/>
      <c r="WT725" s="613"/>
      <c r="WU725" s="613"/>
      <c r="WV725" s="613"/>
      <c r="WW725" s="613"/>
      <c r="WX725" s="613"/>
      <c r="WY725" s="613"/>
      <c r="WZ725" s="613"/>
      <c r="XA725" s="613"/>
      <c r="XB725" s="613"/>
      <c r="XC725" s="613"/>
      <c r="XD725" s="613"/>
      <c r="XE725" s="613"/>
      <c r="XF725" s="613"/>
      <c r="XG725" s="613"/>
      <c r="XH725" s="613"/>
      <c r="XI725" s="613"/>
      <c r="XJ725" s="613"/>
      <c r="XK725" s="613"/>
      <c r="XL725" s="613"/>
      <c r="XM725" s="613"/>
      <c r="XN725" s="613"/>
      <c r="XO725" s="613"/>
      <c r="XP725" s="613"/>
      <c r="XQ725" s="613"/>
      <c r="XR725" s="613"/>
      <c r="XS725" s="613"/>
      <c r="XT725" s="613"/>
      <c r="XU725" s="613"/>
      <c r="XV725" s="613"/>
      <c r="XW725" s="613"/>
      <c r="XX725" s="613"/>
      <c r="XY725" s="613"/>
      <c r="XZ725" s="613"/>
      <c r="YA725" s="613"/>
      <c r="YB725" s="613"/>
      <c r="YC725" s="613"/>
      <c r="YD725" s="613"/>
      <c r="YE725" s="613"/>
      <c r="YF725" s="613"/>
      <c r="YG725" s="613"/>
      <c r="YH725" s="613"/>
      <c r="YI725" s="613"/>
      <c r="YJ725" s="613"/>
      <c r="YK725" s="613"/>
      <c r="YL725" s="613"/>
      <c r="YM725" s="613"/>
      <c r="YN725" s="613"/>
      <c r="YO725" s="613"/>
      <c r="YP725" s="613"/>
      <c r="YQ725" s="613"/>
      <c r="YR725" s="613"/>
      <c r="YS725" s="613"/>
      <c r="YT725" s="613"/>
      <c r="YU725" s="613"/>
      <c r="YV725" s="613"/>
      <c r="YW725" s="613"/>
      <c r="YX725" s="613"/>
      <c r="YY725" s="613"/>
      <c r="YZ725" s="613"/>
      <c r="ZA725" s="613"/>
      <c r="ZB725" s="613"/>
      <c r="ZC725" s="613"/>
      <c r="ZD725" s="613"/>
      <c r="ZE725" s="613"/>
      <c r="ZF725" s="613"/>
      <c r="ZG725" s="613"/>
      <c r="ZH725" s="613"/>
      <c r="ZI725" s="613"/>
      <c r="ZJ725" s="613"/>
      <c r="ZK725" s="613"/>
      <c r="ZL725" s="613"/>
      <c r="ZM725" s="613"/>
      <c r="ZN725" s="613"/>
      <c r="ZO725" s="613"/>
      <c r="ZP725" s="613"/>
      <c r="ZQ725" s="613"/>
      <c r="ZR725" s="613"/>
      <c r="ZS725" s="613"/>
      <c r="ZT725" s="613"/>
      <c r="ZU725" s="613"/>
      <c r="ZV725" s="613"/>
      <c r="ZW725" s="613"/>
      <c r="ZX725" s="613"/>
      <c r="ZY725" s="613"/>
      <c r="ZZ725" s="613"/>
      <c r="AAA725" s="613"/>
      <c r="AAB725" s="613"/>
      <c r="AAC725" s="613"/>
      <c r="AAD725" s="613"/>
      <c r="AAE725" s="613"/>
      <c r="AAF725" s="613"/>
      <c r="AAG725" s="613"/>
      <c r="AAH725" s="613"/>
      <c r="AAI725" s="613"/>
      <c r="AAJ725" s="613"/>
      <c r="AAK725" s="613"/>
      <c r="AAL725" s="613"/>
      <c r="AAM725" s="613"/>
      <c r="AAN725" s="613"/>
      <c r="AAO725" s="613"/>
      <c r="AAP725" s="613"/>
      <c r="AAQ725" s="613"/>
      <c r="AAR725" s="613"/>
      <c r="AAS725" s="613"/>
      <c r="AAT725" s="613"/>
      <c r="AAU725" s="613"/>
      <c r="AAV725" s="613"/>
      <c r="AAW725" s="613"/>
      <c r="AAX725" s="613"/>
      <c r="AAY725" s="613"/>
      <c r="AAZ725" s="613"/>
      <c r="ABA725" s="613"/>
      <c r="ABB725" s="613"/>
      <c r="ABC725" s="613"/>
      <c r="ABD725" s="613"/>
      <c r="ABE725" s="613"/>
      <c r="ABF725" s="613"/>
      <c r="ABG725" s="613"/>
      <c r="ABH725" s="613"/>
      <c r="ABI725" s="613"/>
      <c r="ABJ725" s="613"/>
      <c r="ABK725" s="613"/>
      <c r="ABL725" s="613"/>
      <c r="ABM725" s="613"/>
      <c r="ABN725" s="613"/>
      <c r="ABO725" s="613"/>
      <c r="ABP725" s="613"/>
      <c r="ABQ725" s="613"/>
      <c r="ABR725" s="613"/>
      <c r="ABS725" s="613"/>
      <c r="ABT725" s="613"/>
      <c r="ABU725" s="613"/>
      <c r="ABV725" s="613"/>
      <c r="ABW725" s="613"/>
      <c r="ABX725" s="613"/>
      <c r="ABY725" s="613"/>
      <c r="ABZ725" s="613"/>
      <c r="ACA725" s="613"/>
      <c r="ACB725" s="613"/>
      <c r="ACC725" s="613"/>
      <c r="ACD725" s="613"/>
      <c r="ACE725" s="613"/>
      <c r="ACF725" s="613"/>
      <c r="ACG725" s="613"/>
      <c r="ACH725" s="613"/>
      <c r="ACI725" s="613"/>
      <c r="ACJ725" s="613"/>
      <c r="ACK725" s="613"/>
      <c r="ACL725" s="613"/>
      <c r="ACM725" s="613"/>
      <c r="ACN725" s="613"/>
      <c r="ACO725" s="613"/>
      <c r="ACP725" s="613"/>
      <c r="ACQ725" s="613"/>
      <c r="ACR725" s="613"/>
      <c r="ACS725" s="613"/>
      <c r="ACT725" s="613"/>
      <c r="ACU725" s="613"/>
      <c r="ACV725" s="613"/>
      <c r="ACW725" s="613"/>
      <c r="ACX725" s="613"/>
      <c r="ACY725" s="613"/>
      <c r="ACZ725" s="613"/>
      <c r="ADA725" s="613"/>
      <c r="ADB725" s="613"/>
      <c r="ADC725" s="613"/>
      <c r="ADD725" s="613"/>
      <c r="ADE725" s="613"/>
      <c r="ADF725" s="613"/>
      <c r="ADG725" s="613"/>
      <c r="ADH725" s="613"/>
      <c r="ADI725" s="613"/>
      <c r="ADJ725" s="613"/>
      <c r="ADK725" s="613"/>
      <c r="ADL725" s="613"/>
      <c r="ADM725" s="613"/>
      <c r="ADN725" s="613"/>
      <c r="ADO725" s="613"/>
      <c r="ADP725" s="613"/>
      <c r="ADQ725" s="613"/>
      <c r="ADR725" s="613"/>
      <c r="ADS725" s="613"/>
      <c r="ADT725" s="613"/>
      <c r="ADU725" s="613"/>
      <c r="ADV725" s="613"/>
      <c r="ADW725" s="613"/>
      <c r="ADX725" s="613"/>
      <c r="ADY725" s="613"/>
      <c r="ADZ725" s="613"/>
      <c r="AEA725" s="613"/>
      <c r="AEB725" s="613"/>
      <c r="AEC725" s="613"/>
      <c r="AED725" s="613"/>
      <c r="AEE725" s="613"/>
      <c r="AEF725" s="613"/>
      <c r="AEG725" s="613"/>
      <c r="AEH725" s="613"/>
      <c r="AEI725" s="613"/>
      <c r="AEJ725" s="613"/>
      <c r="AEK725" s="613"/>
      <c r="AEL725" s="613"/>
      <c r="AEM725" s="613"/>
      <c r="AEN725" s="613"/>
      <c r="AEO725" s="613"/>
      <c r="AEP725" s="613"/>
      <c r="AEQ725" s="613"/>
      <c r="AER725" s="613"/>
      <c r="AES725" s="613"/>
      <c r="AET725" s="613"/>
      <c r="AEU725" s="613"/>
      <c r="AEV725" s="613"/>
      <c r="AEW725" s="613"/>
      <c r="AEX725" s="613"/>
      <c r="AEY725" s="613"/>
      <c r="AEZ725" s="613"/>
      <c r="AFA725" s="613"/>
      <c r="AFB725" s="613"/>
      <c r="AFC725" s="613"/>
      <c r="AFD725" s="613"/>
      <c r="AFE725" s="613"/>
      <c r="AFF725" s="613"/>
      <c r="AFG725" s="613"/>
      <c r="AFH725" s="613"/>
      <c r="AFI725" s="613"/>
      <c r="AFJ725" s="613"/>
      <c r="AFK725" s="613"/>
      <c r="AFL725" s="613"/>
      <c r="AFM725" s="613"/>
      <c r="AFN725" s="613"/>
      <c r="AFO725" s="613"/>
      <c r="AFP725" s="613"/>
      <c r="AFQ725" s="613"/>
      <c r="AFR725" s="613"/>
      <c r="AFS725" s="613"/>
      <c r="AFT725" s="613"/>
      <c r="AFU725" s="613"/>
      <c r="AFV725" s="613"/>
      <c r="AFW725" s="613"/>
      <c r="AFX725" s="613"/>
      <c r="AFY725" s="613"/>
      <c r="AFZ725" s="613"/>
      <c r="AGA725" s="613"/>
      <c r="AGB725" s="613"/>
      <c r="AGC725" s="613"/>
      <c r="AGD725" s="613"/>
      <c r="AGE725" s="613"/>
      <c r="AGF725" s="613"/>
      <c r="AGG725" s="613"/>
      <c r="AGH725" s="613"/>
      <c r="AGI725" s="613"/>
      <c r="AGJ725" s="613"/>
      <c r="AGK725" s="613"/>
      <c r="AGL725" s="613"/>
      <c r="AGM725" s="613"/>
      <c r="AGN725" s="613"/>
      <c r="AGO725" s="613"/>
      <c r="AGP725" s="613"/>
      <c r="AGQ725" s="613"/>
      <c r="AGR725" s="613"/>
      <c r="AGS725" s="613"/>
      <c r="AGT725" s="613"/>
      <c r="AGU725" s="613"/>
      <c r="AGV725" s="613"/>
      <c r="AGW725" s="613"/>
      <c r="AGX725" s="613"/>
      <c r="AGY725" s="613"/>
      <c r="AGZ725" s="613"/>
      <c r="AHA725" s="613"/>
      <c r="AHB725" s="613"/>
      <c r="AHC725" s="613"/>
      <c r="AHD725" s="613"/>
      <c r="AHE725" s="613"/>
      <c r="AHF725" s="613"/>
      <c r="AHG725" s="613"/>
      <c r="AHH725" s="613"/>
      <c r="AHI725" s="613"/>
      <c r="AHJ725" s="613"/>
      <c r="AHK725" s="613"/>
      <c r="AHL725" s="613"/>
      <c r="AHM725" s="613"/>
      <c r="AHN725" s="613"/>
      <c r="AHO725" s="613"/>
      <c r="AHP725" s="613"/>
      <c r="AHQ725" s="613"/>
      <c r="AHR725" s="613"/>
      <c r="AHS725" s="613"/>
      <c r="AHT725" s="613"/>
      <c r="AHU725" s="613"/>
      <c r="AHV725" s="613"/>
      <c r="AHW725" s="613"/>
      <c r="AHX725" s="613"/>
      <c r="AHY725" s="613"/>
      <c r="AHZ725" s="613"/>
      <c r="AIA725" s="613"/>
      <c r="AIB725" s="613"/>
      <c r="AIC725" s="613"/>
      <c r="AID725" s="613"/>
      <c r="AIE725" s="613"/>
      <c r="AIF725" s="613"/>
      <c r="AIG725" s="613"/>
      <c r="AIH725" s="613"/>
      <c r="AII725" s="613"/>
      <c r="AIJ725" s="613"/>
      <c r="AIK725" s="613"/>
      <c r="AIL725" s="613"/>
      <c r="AIM725" s="613"/>
      <c r="AIN725" s="613"/>
      <c r="AIO725" s="613"/>
      <c r="AIP725" s="613"/>
      <c r="AIQ725" s="613"/>
      <c r="AIR725" s="613"/>
      <c r="AIS725" s="613"/>
      <c r="AIT725" s="613"/>
      <c r="AIU725" s="613"/>
      <c r="AIV725" s="613"/>
      <c r="AIW725" s="613"/>
      <c r="AIX725" s="613"/>
      <c r="AIY725" s="613"/>
      <c r="AIZ725" s="613"/>
      <c r="AJA725" s="613"/>
      <c r="AJB725" s="613"/>
      <c r="AJC725" s="613"/>
      <c r="AJD725" s="613"/>
      <c r="AJE725" s="613"/>
      <c r="AJF725" s="613"/>
      <c r="AJG725" s="613"/>
      <c r="AJH725" s="613"/>
      <c r="AJI725" s="613"/>
      <c r="AJJ725" s="613"/>
      <c r="AJK725" s="613"/>
      <c r="AJL725" s="613"/>
      <c r="AJM725" s="613"/>
      <c r="AJN725" s="613"/>
      <c r="AJO725" s="613"/>
      <c r="AJP725" s="613"/>
      <c r="AJQ725" s="613"/>
      <c r="AJR725" s="613"/>
      <c r="AJS725" s="613"/>
      <c r="AJT725" s="613"/>
      <c r="AJU725" s="613"/>
      <c r="AJV725" s="613"/>
      <c r="AJW725" s="613"/>
      <c r="AJX725" s="613"/>
      <c r="AJY725" s="613"/>
      <c r="AJZ725" s="613"/>
      <c r="AKA725" s="613"/>
      <c r="AKB725" s="613"/>
      <c r="AKC725" s="613"/>
      <c r="AKD725" s="613"/>
      <c r="AKE725" s="613"/>
      <c r="AKF725" s="613"/>
      <c r="AKG725" s="613"/>
      <c r="AKH725" s="613"/>
      <c r="AKI725" s="613"/>
      <c r="AKJ725" s="613"/>
      <c r="AKK725" s="613"/>
      <c r="AKL725" s="613"/>
      <c r="AKM725" s="613"/>
      <c r="AKN725" s="613"/>
      <c r="AKO725" s="613"/>
      <c r="AKP725" s="613"/>
      <c r="AKQ725" s="613"/>
      <c r="AKR725" s="613"/>
      <c r="AKS725" s="613"/>
      <c r="AKT725" s="613"/>
      <c r="AKU725" s="613"/>
      <c r="AKV725" s="613"/>
      <c r="AKW725" s="613"/>
      <c r="AKX725" s="613"/>
      <c r="AKY725" s="613"/>
      <c r="AKZ725" s="613"/>
      <c r="ALA725" s="613"/>
      <c r="ALB725" s="613"/>
      <c r="ALC725" s="613"/>
      <c r="ALD725" s="613"/>
      <c r="ALE725" s="613"/>
      <c r="ALF725" s="613"/>
      <c r="ALG725" s="613"/>
      <c r="ALH725" s="613"/>
      <c r="ALI725" s="613"/>
      <c r="ALJ725" s="613"/>
      <c r="ALK725" s="613"/>
      <c r="ALL725" s="613"/>
      <c r="ALM725" s="613"/>
      <c r="ALN725" s="613"/>
      <c r="ALO725" s="613"/>
      <c r="ALP725" s="613"/>
      <c r="ALQ725" s="613"/>
      <c r="ALR725" s="613"/>
      <c r="ALS725" s="613"/>
      <c r="ALT725" s="613"/>
      <c r="ALU725" s="613"/>
      <c r="ALV725" s="613"/>
      <c r="ALW725" s="613"/>
      <c r="ALX725" s="613"/>
      <c r="ALY725" s="613"/>
      <c r="ALZ725" s="613"/>
      <c r="AMA725" s="613"/>
      <c r="AMB725" s="613"/>
      <c r="AMC725" s="613"/>
      <c r="AMD725" s="613"/>
      <c r="AME725" s="613"/>
      <c r="AMF725" s="613"/>
      <c r="AMG725" s="613"/>
      <c r="AMH725" s="613"/>
      <c r="AMI725" s="613"/>
      <c r="AMJ725" s="613"/>
      <c r="AMK725" s="613"/>
      <c r="AML725" s="613"/>
      <c r="AMM725" s="613"/>
      <c r="AMN725" s="613"/>
      <c r="AMO725" s="613"/>
      <c r="AMP725" s="613"/>
      <c r="AMQ725" s="613"/>
      <c r="AMR725" s="613"/>
      <c r="AMS725" s="613"/>
      <c r="AMT725" s="613"/>
      <c r="AMU725" s="613"/>
      <c r="AMV725" s="613"/>
      <c r="AMW725" s="613"/>
      <c r="AMX725" s="613"/>
      <c r="AMY725" s="613"/>
      <c r="AMZ725" s="613"/>
      <c r="ANA725" s="613"/>
      <c r="ANB725" s="613"/>
      <c r="ANC725" s="613"/>
      <c r="AND725" s="613"/>
      <c r="ANE725" s="613"/>
      <c r="ANF725" s="613"/>
      <c r="ANG725" s="613"/>
      <c r="ANH725" s="613"/>
      <c r="ANI725" s="613"/>
      <c r="ANJ725" s="613"/>
      <c r="ANK725" s="613"/>
      <c r="ANL725" s="613"/>
      <c r="ANM725" s="613"/>
      <c r="ANN725" s="613"/>
      <c r="ANO725" s="613"/>
      <c r="ANP725" s="613"/>
      <c r="ANQ725" s="613"/>
      <c r="ANR725" s="613"/>
      <c r="ANS725" s="613"/>
      <c r="ANT725" s="613"/>
      <c r="ANU725" s="613"/>
      <c r="ANV725" s="613"/>
      <c r="ANW725" s="613"/>
      <c r="ANX725" s="613"/>
      <c r="ANY725" s="613"/>
      <c r="ANZ725" s="613"/>
      <c r="AOA725" s="613"/>
      <c r="AOB725" s="613"/>
      <c r="AOC725" s="613"/>
      <c r="AOD725" s="613"/>
      <c r="AOE725" s="613"/>
      <c r="AOF725" s="613"/>
      <c r="AOG725" s="613"/>
      <c r="AOH725" s="613"/>
      <c r="AOI725" s="613"/>
      <c r="AOJ725" s="613"/>
      <c r="AOK725" s="613"/>
      <c r="AOL725" s="613"/>
      <c r="AOM725" s="613"/>
      <c r="AON725" s="613"/>
      <c r="AOO725" s="613"/>
      <c r="AOP725" s="613"/>
      <c r="AOQ725" s="613"/>
      <c r="AOR725" s="613"/>
      <c r="AOS725" s="613"/>
      <c r="AOT725" s="613"/>
      <c r="AOU725" s="613"/>
      <c r="AOV725" s="613"/>
      <c r="AOW725" s="613"/>
      <c r="AOX725" s="613"/>
      <c r="AOY725" s="613"/>
      <c r="AOZ725" s="613"/>
      <c r="APA725" s="613"/>
      <c r="APB725" s="613"/>
      <c r="APC725" s="613"/>
      <c r="APD725" s="613"/>
      <c r="APE725" s="613"/>
      <c r="APF725" s="613"/>
      <c r="APG725" s="613"/>
      <c r="APH725" s="613"/>
      <c r="API725" s="613"/>
      <c r="APJ725" s="613"/>
      <c r="APK725" s="613"/>
      <c r="APL725" s="613"/>
      <c r="APM725" s="613"/>
      <c r="APN725" s="613"/>
      <c r="APO725" s="613"/>
      <c r="APP725" s="613"/>
      <c r="APQ725" s="613"/>
      <c r="APR725" s="613"/>
      <c r="APS725" s="613"/>
      <c r="APT725" s="613"/>
      <c r="APU725" s="613"/>
      <c r="APV725" s="613"/>
      <c r="APW725" s="613"/>
      <c r="APX725" s="613"/>
      <c r="APY725" s="613"/>
      <c r="APZ725" s="613"/>
      <c r="AQA725" s="613"/>
      <c r="AQB725" s="613"/>
      <c r="AQC725" s="613"/>
      <c r="AQD725" s="613"/>
      <c r="AQE725" s="613"/>
      <c r="AQF725" s="613"/>
      <c r="AQG725" s="613"/>
      <c r="AQH725" s="613"/>
      <c r="AQI725" s="613"/>
      <c r="AQJ725" s="613"/>
      <c r="AQK725" s="613"/>
      <c r="AQL725" s="613"/>
      <c r="AQM725" s="613"/>
      <c r="AQN725" s="613"/>
      <c r="AQO725" s="613"/>
      <c r="AQP725" s="613"/>
      <c r="AQQ725" s="613"/>
      <c r="AQR725" s="613"/>
      <c r="AQS725" s="613"/>
      <c r="AQT725" s="613"/>
      <c r="AQU725" s="613"/>
      <c r="AQV725" s="613"/>
      <c r="AQW725" s="613"/>
      <c r="AQX725" s="613"/>
      <c r="AQY725" s="613"/>
      <c r="AQZ725" s="613"/>
      <c r="ARA725" s="613"/>
      <c r="ARB725" s="613"/>
      <c r="ARC725" s="613"/>
      <c r="ARD725" s="613"/>
      <c r="ARE725" s="613"/>
      <c r="ARF725" s="613"/>
      <c r="ARG725" s="613"/>
      <c r="ARH725" s="613"/>
      <c r="ARI725" s="613"/>
      <c r="ARJ725" s="613"/>
      <c r="ARK725" s="613"/>
      <c r="ARL725" s="613"/>
      <c r="ARM725" s="613"/>
      <c r="ARN725" s="613"/>
      <c r="ARO725" s="613"/>
      <c r="ARP725" s="613"/>
      <c r="ARQ725" s="613"/>
      <c r="ARR725" s="613"/>
      <c r="ARS725" s="613"/>
      <c r="ART725" s="613"/>
      <c r="ARU725" s="613"/>
      <c r="ARV725" s="613"/>
      <c r="ARW725" s="613"/>
      <c r="ARX725" s="613"/>
      <c r="ARY725" s="613"/>
      <c r="ARZ725" s="613"/>
      <c r="ASA725" s="613"/>
      <c r="ASB725" s="613"/>
      <c r="ASC725" s="613"/>
      <c r="ASD725" s="613"/>
      <c r="ASE725" s="613"/>
      <c r="ASF725" s="613"/>
      <c r="ASG725" s="613"/>
      <c r="ASH725" s="613"/>
      <c r="ASI725" s="613"/>
      <c r="ASJ725" s="613"/>
      <c r="ASK725" s="613"/>
      <c r="ASL725" s="613"/>
      <c r="ASM725" s="613"/>
      <c r="ASN725" s="613"/>
      <c r="ASO725" s="613"/>
      <c r="ASP725" s="613"/>
      <c r="ASQ725" s="613"/>
      <c r="ASR725" s="613"/>
      <c r="ASS725" s="613"/>
      <c r="AST725" s="613"/>
      <c r="ASU725" s="613"/>
      <c r="ASV725" s="613"/>
      <c r="ASW725" s="613"/>
      <c r="ASX725" s="613"/>
      <c r="ASY725" s="613"/>
      <c r="ASZ725" s="613"/>
      <c r="ATA725" s="613"/>
      <c r="ATB725" s="613"/>
      <c r="ATC725" s="613"/>
      <c r="ATD725" s="613"/>
      <c r="ATE725" s="613"/>
      <c r="ATF725" s="613"/>
      <c r="ATG725" s="613"/>
      <c r="ATH725" s="613"/>
      <c r="ATI725" s="613"/>
      <c r="ATJ725" s="613"/>
      <c r="ATK725" s="613"/>
      <c r="ATL725" s="613"/>
      <c r="ATM725" s="613"/>
      <c r="ATN725" s="613"/>
      <c r="ATO725" s="613"/>
      <c r="ATP725" s="613"/>
      <c r="ATQ725" s="613"/>
      <c r="ATR725" s="613"/>
      <c r="ATS725" s="613"/>
      <c r="ATT725" s="613"/>
      <c r="ATU725" s="613"/>
      <c r="ATV725" s="613"/>
      <c r="ATW725" s="613"/>
      <c r="ATX725" s="613"/>
      <c r="ATY725" s="613"/>
      <c r="ATZ725" s="613"/>
      <c r="AUA725" s="613"/>
      <c r="AUB725" s="613"/>
      <c r="AUC725" s="613"/>
      <c r="AUD725" s="613"/>
      <c r="AUE725" s="613"/>
      <c r="AUF725" s="613"/>
      <c r="AUG725" s="613"/>
      <c r="AUH725" s="613"/>
      <c r="AUI725" s="613"/>
      <c r="AUJ725" s="613"/>
      <c r="AUK725" s="613"/>
      <c r="AUL725" s="613"/>
      <c r="AUM725" s="613"/>
      <c r="AUN725" s="613"/>
      <c r="AUO725" s="613"/>
      <c r="AUP725" s="613"/>
      <c r="AUQ725" s="613"/>
      <c r="AUR725" s="613"/>
      <c r="AUS725" s="613"/>
      <c r="AUT725" s="613"/>
      <c r="AUU725" s="613"/>
      <c r="AUV725" s="613"/>
      <c r="AUW725" s="613"/>
      <c r="AUX725" s="613"/>
      <c r="AUY725" s="613"/>
      <c r="AUZ725" s="613"/>
      <c r="AVA725" s="613"/>
      <c r="AVB725" s="613"/>
      <c r="AVC725" s="613"/>
      <c r="AVD725" s="613"/>
      <c r="AVE725" s="613"/>
      <c r="AVF725" s="613"/>
      <c r="AVG725" s="613"/>
      <c r="AVH725" s="613"/>
      <c r="AVI725" s="613"/>
      <c r="AVJ725" s="613"/>
      <c r="AVK725" s="613"/>
      <c r="AVL725" s="613"/>
      <c r="AVM725" s="613"/>
      <c r="AVN725" s="613"/>
      <c r="AVO725" s="613"/>
      <c r="AVP725" s="613"/>
      <c r="AVQ725" s="613"/>
      <c r="AVR725" s="613"/>
      <c r="AVS725" s="613"/>
      <c r="AVT725" s="613"/>
      <c r="AVU725" s="613"/>
      <c r="AVV725" s="613"/>
      <c r="AVW725" s="613"/>
      <c r="AVX725" s="613"/>
      <c r="AVY725" s="613"/>
      <c r="AVZ725" s="613"/>
      <c r="AWA725" s="613"/>
      <c r="AWB725" s="613"/>
      <c r="AWC725" s="613"/>
      <c r="AWD725" s="613"/>
      <c r="AWE725" s="613"/>
      <c r="AWF725" s="613"/>
      <c r="AWG725" s="613"/>
      <c r="AWH725" s="613"/>
      <c r="AWI725" s="613"/>
      <c r="AWJ725" s="613"/>
      <c r="AWK725" s="613"/>
      <c r="AWL725" s="613"/>
      <c r="AWM725" s="613"/>
      <c r="AWN725" s="613"/>
      <c r="AWO725" s="613"/>
      <c r="AWP725" s="613"/>
      <c r="AWQ725" s="613"/>
      <c r="AWR725" s="613"/>
      <c r="AWS725" s="613"/>
      <c r="AWT725" s="613"/>
      <c r="AWU725" s="613"/>
      <c r="AWV725" s="613"/>
      <c r="AWW725" s="613"/>
      <c r="AWX725" s="613"/>
      <c r="AWY725" s="613"/>
      <c r="AWZ725" s="613"/>
      <c r="AXA725" s="613"/>
      <c r="AXB725" s="613"/>
      <c r="AXC725" s="613"/>
      <c r="AXD725" s="613"/>
      <c r="AXE725" s="613"/>
      <c r="AXF725" s="613"/>
      <c r="AXG725" s="613"/>
      <c r="AXH725" s="613"/>
      <c r="AXI725" s="613"/>
      <c r="AXJ725" s="613"/>
      <c r="AXK725" s="613"/>
      <c r="AXL725" s="613"/>
      <c r="AXM725" s="613"/>
      <c r="AXN725" s="613"/>
      <c r="AXO725" s="613"/>
      <c r="AXP725" s="613"/>
      <c r="AXQ725" s="613"/>
      <c r="AXR725" s="613"/>
      <c r="AXS725" s="613"/>
      <c r="AXT725" s="613"/>
      <c r="AXU725" s="613"/>
      <c r="AXV725" s="613"/>
      <c r="AXW725" s="613"/>
      <c r="AXX725" s="613"/>
      <c r="AXY725" s="613"/>
      <c r="AXZ725" s="613"/>
      <c r="AYA725" s="613"/>
      <c r="AYB725" s="613"/>
      <c r="AYC725" s="613"/>
      <c r="AYD725" s="613"/>
      <c r="AYE725" s="613"/>
      <c r="AYF725" s="613"/>
      <c r="AYG725" s="613"/>
      <c r="AYH725" s="613"/>
      <c r="AYI725" s="613"/>
      <c r="AYJ725" s="613"/>
      <c r="AYK725" s="613"/>
      <c r="AYL725" s="613"/>
      <c r="AYM725" s="613"/>
      <c r="AYN725" s="613"/>
      <c r="AYO725" s="613"/>
      <c r="AYP725" s="613"/>
      <c r="AYQ725" s="613"/>
      <c r="AYR725" s="613"/>
      <c r="AYS725" s="613"/>
      <c r="AYT725" s="613"/>
      <c r="AYU725" s="613"/>
      <c r="AYV725" s="613"/>
      <c r="AYW725" s="613"/>
      <c r="AYX725" s="613"/>
      <c r="AYY725" s="613"/>
      <c r="AYZ725" s="613"/>
      <c r="AZA725" s="613"/>
      <c r="AZB725" s="613"/>
      <c r="AZC725" s="613"/>
      <c r="AZD725" s="613"/>
      <c r="AZE725" s="613"/>
      <c r="AZF725" s="613"/>
      <c r="AZG725" s="613"/>
      <c r="AZH725" s="613"/>
      <c r="AZI725" s="613"/>
      <c r="AZJ725" s="613"/>
      <c r="AZK725" s="613"/>
      <c r="AZL725" s="613"/>
      <c r="AZM725" s="613"/>
      <c r="AZN725" s="613"/>
      <c r="AZO725" s="613"/>
      <c r="AZP725" s="613"/>
      <c r="AZQ725" s="613"/>
      <c r="AZR725" s="613"/>
      <c r="AZS725" s="613"/>
      <c r="AZT725" s="613"/>
      <c r="AZU725" s="613"/>
      <c r="AZV725" s="613"/>
      <c r="AZW725" s="613"/>
      <c r="AZX725" s="613"/>
      <c r="AZY725" s="613"/>
      <c r="AZZ725" s="613"/>
      <c r="BAA725" s="613"/>
      <c r="BAB725" s="613"/>
      <c r="BAC725" s="613"/>
      <c r="BAD725" s="613"/>
      <c r="BAE725" s="613"/>
      <c r="BAF725" s="613"/>
      <c r="BAG725" s="613"/>
      <c r="BAH725" s="613"/>
      <c r="BAI725" s="613"/>
      <c r="BAJ725" s="613"/>
      <c r="BAK725" s="613"/>
      <c r="BAL725" s="613"/>
      <c r="BAM725" s="613"/>
      <c r="BAN725" s="613"/>
      <c r="BAO725" s="613"/>
      <c r="BAP725" s="613"/>
      <c r="BAQ725" s="613"/>
      <c r="BAR725" s="613"/>
      <c r="BAS725" s="613"/>
      <c r="BAT725" s="613"/>
      <c r="BAU725" s="613"/>
      <c r="BAV725" s="613"/>
      <c r="BAW725" s="613"/>
      <c r="BAX725" s="613"/>
      <c r="BAY725" s="613"/>
      <c r="BAZ725" s="613"/>
      <c r="BBA725" s="613"/>
      <c r="BBB725" s="613"/>
      <c r="BBC725" s="613"/>
      <c r="BBD725" s="613"/>
      <c r="BBE725" s="613"/>
      <c r="BBF725" s="613"/>
      <c r="BBG725" s="613"/>
      <c r="BBH725" s="613"/>
      <c r="BBI725" s="613"/>
      <c r="BBJ725" s="613"/>
      <c r="BBK725" s="613"/>
      <c r="BBL725" s="613"/>
      <c r="BBM725" s="613"/>
      <c r="BBN725" s="613"/>
      <c r="BBO725" s="613"/>
      <c r="BBP725" s="613"/>
      <c r="BBQ725" s="613"/>
      <c r="BBR725" s="613"/>
      <c r="BBS725" s="613"/>
      <c r="BBT725" s="613"/>
      <c r="BBU725" s="613"/>
      <c r="BBV725" s="613"/>
      <c r="BBW725" s="613"/>
      <c r="BBX725" s="613"/>
      <c r="BBY725" s="613"/>
      <c r="BBZ725" s="613"/>
      <c r="BCA725" s="613"/>
      <c r="BCB725" s="613"/>
      <c r="BCC725" s="613"/>
      <c r="BCD725" s="613"/>
      <c r="BCE725" s="613"/>
      <c r="BCF725" s="613"/>
      <c r="BCG725" s="613"/>
      <c r="BCH725" s="613"/>
      <c r="BCI725" s="613"/>
      <c r="BCJ725" s="613"/>
      <c r="BCK725" s="613"/>
      <c r="BCL725" s="613"/>
      <c r="BCM725" s="613"/>
      <c r="BCN725" s="613"/>
      <c r="BCO725" s="613"/>
      <c r="BCP725" s="613"/>
      <c r="BCQ725" s="613"/>
      <c r="BCR725" s="613"/>
      <c r="BCS725" s="613"/>
      <c r="BCT725" s="613"/>
      <c r="BCU725" s="613"/>
      <c r="BCV725" s="613"/>
      <c r="BCW725" s="613"/>
      <c r="BCX725" s="613"/>
      <c r="BCY725" s="613"/>
      <c r="BCZ725" s="613"/>
      <c r="BDA725" s="613"/>
      <c r="BDB725" s="613"/>
      <c r="BDC725" s="613"/>
      <c r="BDD725" s="613"/>
      <c r="BDE725" s="613"/>
      <c r="BDF725" s="613"/>
      <c r="BDG725" s="613"/>
      <c r="BDH725" s="613"/>
      <c r="BDI725" s="613"/>
      <c r="BDJ725" s="613"/>
      <c r="BDK725" s="613"/>
      <c r="BDL725" s="613"/>
      <c r="BDM725" s="613"/>
      <c r="BDN725" s="613"/>
      <c r="BDO725" s="613"/>
      <c r="BDP725" s="613"/>
      <c r="BDQ725" s="613"/>
      <c r="BDR725" s="613"/>
      <c r="BDS725" s="613"/>
      <c r="BDT725" s="613"/>
      <c r="BDU725" s="613"/>
      <c r="BDV725" s="613"/>
      <c r="BDW725" s="613"/>
      <c r="BDX725" s="613"/>
      <c r="BDY725" s="613"/>
      <c r="BDZ725" s="613"/>
      <c r="BEA725" s="613"/>
      <c r="BEB725" s="613"/>
      <c r="BEC725" s="613"/>
      <c r="BED725" s="613"/>
      <c r="BEE725" s="613"/>
      <c r="BEF725" s="613"/>
      <c r="BEG725" s="613"/>
      <c r="BEH725" s="613"/>
      <c r="BEI725" s="613"/>
      <c r="BEJ725" s="613"/>
      <c r="BEK725" s="613"/>
      <c r="BEL725" s="613"/>
      <c r="BEM725" s="613"/>
      <c r="BEN725" s="613"/>
      <c r="BEO725" s="613"/>
      <c r="BEP725" s="613"/>
      <c r="BEQ725" s="613"/>
      <c r="BER725" s="613"/>
      <c r="BES725" s="613"/>
      <c r="BET725" s="613"/>
      <c r="BEU725" s="613"/>
      <c r="BEV725" s="613"/>
      <c r="BEW725" s="613"/>
      <c r="BEX725" s="613"/>
      <c r="BEY725" s="613"/>
      <c r="BEZ725" s="613"/>
      <c r="BFA725" s="613"/>
      <c r="BFB725" s="613"/>
      <c r="BFC725" s="613"/>
      <c r="BFD725" s="613"/>
      <c r="BFE725" s="613"/>
      <c r="BFF725" s="613"/>
      <c r="BFG725" s="613"/>
      <c r="BFH725" s="613"/>
      <c r="BFI725" s="613"/>
      <c r="BFJ725" s="613"/>
      <c r="BFK725" s="613"/>
      <c r="BFL725" s="613"/>
      <c r="BFM725" s="613"/>
      <c r="BFN725" s="613"/>
      <c r="BFO725" s="613"/>
      <c r="BFP725" s="613"/>
      <c r="BFQ725" s="613"/>
      <c r="BFR725" s="613"/>
      <c r="BFS725" s="613"/>
      <c r="BFT725" s="613"/>
      <c r="BFU725" s="613"/>
      <c r="BFV725" s="613"/>
      <c r="BFW725" s="613"/>
      <c r="BFX725" s="613"/>
      <c r="BFY725" s="613"/>
      <c r="BFZ725" s="613"/>
      <c r="BGA725" s="613"/>
      <c r="BGB725" s="613"/>
      <c r="BGC725" s="613"/>
      <c r="BGD725" s="613"/>
      <c r="BGE725" s="613"/>
      <c r="BGF725" s="613"/>
      <c r="BGG725" s="613"/>
      <c r="BGH725" s="613"/>
      <c r="BGI725" s="613"/>
      <c r="BGJ725" s="613"/>
      <c r="BGK725" s="613"/>
      <c r="BGL725" s="613"/>
      <c r="BGM725" s="613"/>
      <c r="BGN725" s="613"/>
      <c r="BGO725" s="613"/>
      <c r="BGP725" s="613"/>
      <c r="BGQ725" s="613"/>
      <c r="BGR725" s="613"/>
      <c r="BGS725" s="613"/>
      <c r="BGT725" s="613"/>
      <c r="BGU725" s="613"/>
      <c r="BGV725" s="613"/>
      <c r="BGW725" s="613"/>
      <c r="BGX725" s="613"/>
      <c r="BGY725" s="613"/>
      <c r="BGZ725" s="613"/>
      <c r="BHA725" s="613"/>
      <c r="BHB725" s="613"/>
      <c r="BHC725" s="613"/>
      <c r="BHD725" s="613"/>
      <c r="BHE725" s="613"/>
      <c r="BHF725" s="613"/>
      <c r="BHG725" s="613"/>
      <c r="BHH725" s="613"/>
      <c r="BHI725" s="613"/>
      <c r="BHJ725" s="613"/>
      <c r="BHK725" s="613"/>
      <c r="BHL725" s="613"/>
      <c r="BHM725" s="613"/>
      <c r="BHN725" s="613"/>
      <c r="BHO725" s="613"/>
      <c r="BHP725" s="613"/>
      <c r="BHQ725" s="613"/>
      <c r="BHR725" s="613"/>
      <c r="BHS725" s="613"/>
      <c r="BHT725" s="613"/>
      <c r="BHU725" s="613"/>
      <c r="BHV725" s="613"/>
      <c r="BHW725" s="613"/>
      <c r="BHX725" s="613"/>
      <c r="BHY725" s="613"/>
      <c r="BHZ725" s="613"/>
      <c r="BIA725" s="613"/>
      <c r="BIB725" s="613"/>
      <c r="BIC725" s="613"/>
      <c r="BID725" s="613"/>
      <c r="BIE725" s="613"/>
      <c r="BIF725" s="613"/>
      <c r="BIG725" s="613"/>
      <c r="BIH725" s="613"/>
      <c r="BII725" s="613"/>
      <c r="BIJ725" s="613"/>
      <c r="BIK725" s="613"/>
      <c r="BIL725" s="613"/>
      <c r="BIM725" s="613"/>
      <c r="BIN725" s="613"/>
      <c r="BIO725" s="613"/>
      <c r="BIP725" s="613"/>
      <c r="BIQ725" s="613"/>
      <c r="BIR725" s="613"/>
      <c r="BIS725" s="613"/>
      <c r="BIT725" s="613"/>
      <c r="BIU725" s="613"/>
      <c r="BIV725" s="613"/>
      <c r="BIW725" s="613"/>
      <c r="BIX725" s="613"/>
      <c r="BIY725" s="613"/>
      <c r="BIZ725" s="613"/>
      <c r="BJA725" s="613"/>
      <c r="BJB725" s="613"/>
      <c r="BJC725" s="613"/>
      <c r="BJD725" s="613"/>
      <c r="BJE725" s="613"/>
      <c r="BJF725" s="613"/>
      <c r="BJG725" s="613"/>
      <c r="BJH725" s="613"/>
      <c r="BJI725" s="613"/>
      <c r="BJJ725" s="613"/>
      <c r="BJK725" s="613"/>
      <c r="BJL725" s="613"/>
      <c r="BJM725" s="613"/>
      <c r="BJN725" s="613"/>
      <c r="BJO725" s="613"/>
      <c r="BJP725" s="613"/>
      <c r="BJQ725" s="613"/>
      <c r="BJR725" s="613"/>
      <c r="BJS725" s="613"/>
      <c r="BJT725" s="613"/>
      <c r="BJU725" s="613"/>
      <c r="BJV725" s="613"/>
      <c r="BJW725" s="613"/>
      <c r="BJX725" s="613"/>
      <c r="BJY725" s="613"/>
      <c r="BJZ725" s="613"/>
      <c r="BKA725" s="613"/>
      <c r="BKB725" s="613"/>
      <c r="BKC725" s="613"/>
      <c r="BKD725" s="613"/>
      <c r="BKE725" s="613"/>
      <c r="BKF725" s="613"/>
      <c r="BKG725" s="613"/>
      <c r="BKH725" s="613"/>
      <c r="BKI725" s="613"/>
      <c r="BKJ725" s="613"/>
      <c r="BKK725" s="613"/>
      <c r="BKL725" s="613"/>
      <c r="BKM725" s="613"/>
      <c r="BKN725" s="613"/>
      <c r="BKO725" s="613"/>
      <c r="BKP725" s="613"/>
      <c r="BKQ725" s="613"/>
      <c r="BKR725" s="613"/>
      <c r="BKS725" s="613"/>
      <c r="BKT725" s="613"/>
      <c r="BKU725" s="613"/>
      <c r="BKV725" s="613"/>
      <c r="BKW725" s="613"/>
      <c r="BKX725" s="613"/>
      <c r="BKY725" s="613"/>
      <c r="BKZ725" s="613"/>
      <c r="BLA725" s="613"/>
      <c r="BLB725" s="613"/>
      <c r="BLC725" s="613"/>
      <c r="BLD725" s="613"/>
      <c r="BLE725" s="613"/>
      <c r="BLF725" s="613"/>
      <c r="BLG725" s="613"/>
      <c r="BLH725" s="613"/>
      <c r="BLI725" s="613"/>
      <c r="BLJ725" s="613"/>
      <c r="BLK725" s="613"/>
      <c r="BLL725" s="613"/>
      <c r="BLM725" s="613"/>
      <c r="BLN725" s="613"/>
      <c r="BLO725" s="613"/>
      <c r="BLP725" s="613"/>
      <c r="BLQ725" s="613"/>
      <c r="BLR725" s="613"/>
      <c r="BLS725" s="613"/>
      <c r="BLT725" s="613"/>
      <c r="BLU725" s="613"/>
      <c r="BLV725" s="613"/>
      <c r="BLW725" s="613"/>
      <c r="BLX725" s="613"/>
      <c r="BLY725" s="613"/>
      <c r="BLZ725" s="613"/>
      <c r="BMA725" s="613"/>
      <c r="BMB725" s="613"/>
      <c r="BMC725" s="613"/>
      <c r="BMD725" s="613"/>
      <c r="BME725" s="613"/>
      <c r="BMF725" s="613"/>
      <c r="BMG725" s="613"/>
      <c r="BMH725" s="613"/>
      <c r="BMI725" s="613"/>
      <c r="BMJ725" s="613"/>
      <c r="BMK725" s="613"/>
      <c r="BML725" s="613"/>
      <c r="BMM725" s="613"/>
      <c r="BMN725" s="613"/>
      <c r="BMO725" s="613"/>
      <c r="BMP725" s="613"/>
      <c r="BMQ725" s="613"/>
      <c r="BMR725" s="613"/>
      <c r="BMS725" s="613"/>
      <c r="BMT725" s="613"/>
      <c r="BMU725" s="613"/>
      <c r="BMV725" s="613"/>
      <c r="BMW725" s="613"/>
      <c r="BMX725" s="613"/>
      <c r="BMY725" s="613"/>
      <c r="BMZ725" s="613"/>
      <c r="BNA725" s="613"/>
      <c r="BNB725" s="613"/>
      <c r="BNC725" s="613"/>
      <c r="BND725" s="613"/>
      <c r="BNE725" s="613"/>
      <c r="BNF725" s="613"/>
      <c r="BNG725" s="613"/>
      <c r="BNH725" s="613"/>
      <c r="BNI725" s="613"/>
      <c r="BNJ725" s="613"/>
      <c r="BNK725" s="613"/>
      <c r="BNL725" s="613"/>
      <c r="BNM725" s="613"/>
      <c r="BNN725" s="613"/>
      <c r="BNO725" s="613"/>
      <c r="BNP725" s="613"/>
      <c r="BNQ725" s="613"/>
      <c r="BNR725" s="613"/>
      <c r="BNS725" s="613"/>
      <c r="BNT725" s="613"/>
      <c r="BNU725" s="613"/>
      <c r="BNV725" s="613"/>
      <c r="BNW725" s="613"/>
      <c r="BNX725" s="613"/>
      <c r="BNY725" s="613"/>
      <c r="BNZ725" s="613"/>
      <c r="BOA725" s="613"/>
      <c r="BOB725" s="613"/>
      <c r="BOC725" s="613"/>
      <c r="BOD725" s="613"/>
      <c r="BOE725" s="613"/>
      <c r="BOF725" s="613"/>
      <c r="BOG725" s="613"/>
      <c r="BOH725" s="613"/>
      <c r="BOI725" s="613"/>
      <c r="BOJ725" s="613"/>
      <c r="BOK725" s="613"/>
      <c r="BOL725" s="613"/>
      <c r="BOM725" s="613"/>
      <c r="BON725" s="613"/>
      <c r="BOO725" s="613"/>
      <c r="BOP725" s="613"/>
      <c r="BOQ725" s="613"/>
      <c r="BOR725" s="613"/>
      <c r="BOS725" s="613"/>
      <c r="BOT725" s="613"/>
      <c r="BOU725" s="613"/>
      <c r="BOV725" s="613"/>
      <c r="BOW725" s="613"/>
      <c r="BOX725" s="613"/>
      <c r="BOY725" s="613"/>
      <c r="BOZ725" s="613"/>
      <c r="BPA725" s="613"/>
      <c r="BPB725" s="613"/>
      <c r="BPC725" s="613"/>
      <c r="BPD725" s="613"/>
      <c r="BPE725" s="613"/>
      <c r="BPF725" s="613"/>
      <c r="BPG725" s="613"/>
      <c r="BPH725" s="613"/>
      <c r="BPI725" s="613"/>
      <c r="BPJ725" s="613"/>
      <c r="BPK725" s="613"/>
      <c r="BPL725" s="613"/>
      <c r="BPM725" s="613"/>
      <c r="BPN725" s="613"/>
      <c r="BPO725" s="613"/>
      <c r="BPP725" s="613"/>
      <c r="BPQ725" s="613"/>
      <c r="BPR725" s="613"/>
      <c r="BPS725" s="613"/>
      <c r="BPT725" s="613"/>
      <c r="BPU725" s="613"/>
      <c r="BPV725" s="613"/>
      <c r="BPW725" s="613"/>
      <c r="BPX725" s="613"/>
      <c r="BPY725" s="613"/>
      <c r="BPZ725" s="613"/>
      <c r="BQA725" s="613"/>
      <c r="BQB725" s="613"/>
      <c r="BQC725" s="613"/>
      <c r="BQD725" s="613"/>
      <c r="BQE725" s="613"/>
      <c r="BQF725" s="613"/>
      <c r="BQG725" s="613"/>
      <c r="BQH725" s="613"/>
      <c r="BQI725" s="613"/>
      <c r="BQJ725" s="613"/>
      <c r="BQK725" s="613"/>
      <c r="BQL725" s="613"/>
      <c r="BQM725" s="613"/>
      <c r="BQN725" s="613"/>
      <c r="BQO725" s="613"/>
      <c r="BQP725" s="613"/>
      <c r="BQQ725" s="613"/>
      <c r="BQR725" s="613"/>
      <c r="BQS725" s="613"/>
      <c r="BQT725" s="613"/>
      <c r="BQU725" s="613"/>
      <c r="BQV725" s="613"/>
      <c r="BQW725" s="613"/>
      <c r="BQX725" s="613"/>
      <c r="BQY725" s="613"/>
      <c r="BQZ725" s="613"/>
      <c r="BRA725" s="613"/>
      <c r="BRB725" s="613"/>
      <c r="BRC725" s="613"/>
      <c r="BRD725" s="613"/>
      <c r="BRE725" s="613"/>
      <c r="BRF725" s="613"/>
      <c r="BRG725" s="613"/>
      <c r="BRH725" s="613"/>
      <c r="BRI725" s="613"/>
      <c r="BRJ725" s="613"/>
      <c r="BRK725" s="613"/>
      <c r="BRL725" s="613"/>
      <c r="BRM725" s="613"/>
      <c r="BRN725" s="613"/>
      <c r="BRO725" s="613"/>
      <c r="BRP725" s="613"/>
      <c r="BRQ725" s="613"/>
      <c r="BRR725" s="613"/>
      <c r="BRS725" s="613"/>
      <c r="BRT725" s="613"/>
      <c r="BRU725" s="613"/>
      <c r="BRV725" s="613"/>
      <c r="BRW725" s="613"/>
      <c r="BRX725" s="613"/>
      <c r="BRY725" s="613"/>
      <c r="BRZ725" s="613"/>
      <c r="BSA725" s="613"/>
      <c r="BSB725" s="613"/>
      <c r="BSC725" s="613"/>
      <c r="BSD725" s="613"/>
      <c r="BSE725" s="613"/>
      <c r="BSF725" s="613"/>
      <c r="BSG725" s="613"/>
      <c r="BSH725" s="613"/>
      <c r="BSI725" s="613"/>
      <c r="BSJ725" s="613"/>
      <c r="BSK725" s="613"/>
      <c r="BSL725" s="613"/>
      <c r="BSM725" s="613"/>
      <c r="BSN725" s="613"/>
      <c r="BSO725" s="613"/>
      <c r="BSP725" s="613"/>
      <c r="BSQ725" s="613"/>
      <c r="BSR725" s="613"/>
      <c r="BSS725" s="613"/>
      <c r="BST725" s="613"/>
      <c r="BSU725" s="613"/>
      <c r="BSV725" s="613"/>
      <c r="BSW725" s="613"/>
      <c r="BSX725" s="613"/>
      <c r="BSY725" s="613"/>
      <c r="BSZ725" s="613"/>
      <c r="BTA725" s="613"/>
      <c r="BTB725" s="613"/>
      <c r="BTC725" s="613"/>
      <c r="BTD725" s="613"/>
      <c r="BTE725" s="613"/>
      <c r="BTF725" s="613"/>
      <c r="BTG725" s="613"/>
      <c r="BTH725" s="613"/>
      <c r="BTI725" s="613"/>
      <c r="BTJ725" s="613"/>
      <c r="BTK725" s="613"/>
      <c r="BTL725" s="613"/>
      <c r="BTM725" s="613"/>
      <c r="BTN725" s="613"/>
      <c r="BTO725" s="613"/>
      <c r="BTP725" s="613"/>
      <c r="BTQ725" s="613"/>
      <c r="BTR725" s="613"/>
      <c r="BTS725" s="613"/>
      <c r="BTT725" s="613"/>
      <c r="BTU725" s="613"/>
      <c r="BTV725" s="613"/>
      <c r="BTW725" s="613"/>
      <c r="BTX725" s="613"/>
      <c r="BTY725" s="613"/>
      <c r="BTZ725" s="613"/>
      <c r="BUA725" s="613"/>
      <c r="BUB725" s="613"/>
      <c r="BUC725" s="613"/>
      <c r="BUD725" s="613"/>
      <c r="BUE725" s="613"/>
      <c r="BUF725" s="613"/>
      <c r="BUG725" s="613"/>
      <c r="BUH725" s="613"/>
      <c r="BUI725" s="613"/>
      <c r="BUJ725" s="613"/>
      <c r="BUK725" s="613"/>
      <c r="BUL725" s="613"/>
      <c r="BUM725" s="613"/>
      <c r="BUN725" s="613"/>
      <c r="BUO725" s="613"/>
      <c r="BUP725" s="613"/>
      <c r="BUQ725" s="613"/>
      <c r="BUR725" s="613"/>
      <c r="BUS725" s="613"/>
      <c r="BUT725" s="613"/>
      <c r="BUU725" s="613"/>
      <c r="BUV725" s="613"/>
      <c r="BUW725" s="613"/>
      <c r="BUX725" s="613"/>
      <c r="BUY725" s="613"/>
      <c r="BUZ725" s="613"/>
      <c r="BVA725" s="613"/>
      <c r="BVB725" s="613"/>
      <c r="BVC725" s="613"/>
      <c r="BVD725" s="613"/>
      <c r="BVE725" s="613"/>
      <c r="BVF725" s="613"/>
      <c r="BVG725" s="613"/>
      <c r="BVH725" s="613"/>
      <c r="BVI725" s="613"/>
      <c r="BVJ725" s="613"/>
      <c r="BVK725" s="613"/>
      <c r="BVL725" s="613"/>
      <c r="BVM725" s="613"/>
      <c r="BVN725" s="613"/>
      <c r="BVO725" s="613"/>
      <c r="BVP725" s="613"/>
      <c r="BVQ725" s="613"/>
      <c r="BVR725" s="613"/>
      <c r="BVS725" s="613"/>
      <c r="BVT725" s="613"/>
      <c r="BVU725" s="613"/>
      <c r="BVV725" s="613"/>
      <c r="BVW725" s="613"/>
      <c r="BVX725" s="613"/>
      <c r="BVY725" s="613"/>
      <c r="BVZ725" s="613"/>
      <c r="BWA725" s="613"/>
      <c r="BWB725" s="613"/>
      <c r="BWC725" s="613"/>
      <c r="BWD725" s="613"/>
      <c r="BWE725" s="613"/>
      <c r="BWF725" s="613"/>
      <c r="BWG725" s="613"/>
      <c r="BWH725" s="613"/>
      <c r="BWI725" s="613"/>
      <c r="BWJ725" s="613"/>
      <c r="BWK725" s="613"/>
      <c r="BWL725" s="613"/>
      <c r="BWM725" s="613"/>
      <c r="BWN725" s="613"/>
      <c r="BWO725" s="613"/>
      <c r="BWP725" s="613"/>
      <c r="BWQ725" s="613"/>
      <c r="BWR725" s="613"/>
      <c r="BWS725" s="613"/>
      <c r="BWT725" s="613"/>
      <c r="BWU725" s="613"/>
      <c r="BWV725" s="613"/>
      <c r="BWW725" s="613"/>
      <c r="BWX725" s="613"/>
      <c r="BWY725" s="613"/>
      <c r="BWZ725" s="613"/>
      <c r="BXA725" s="613"/>
      <c r="BXB725" s="613"/>
      <c r="BXC725" s="613"/>
      <c r="BXD725" s="613"/>
      <c r="BXE725" s="613"/>
      <c r="BXF725" s="613"/>
      <c r="BXG725" s="613"/>
      <c r="BXH725" s="613"/>
      <c r="BXI725" s="613"/>
      <c r="BXJ725" s="613"/>
      <c r="BXK725" s="613"/>
      <c r="BXL725" s="613"/>
      <c r="BXM725" s="613"/>
      <c r="BXN725" s="613"/>
      <c r="BXO725" s="613"/>
      <c r="BXP725" s="613"/>
      <c r="BXQ725" s="613"/>
      <c r="BXR725" s="613"/>
      <c r="BXS725" s="613"/>
      <c r="BXT725" s="613"/>
      <c r="BXU725" s="613"/>
      <c r="BXV725" s="613"/>
      <c r="BXW725" s="613"/>
      <c r="BXX725" s="613"/>
      <c r="BXY725" s="613"/>
      <c r="BXZ725" s="613"/>
      <c r="BYA725" s="613"/>
      <c r="BYB725" s="613"/>
      <c r="BYC725" s="613"/>
      <c r="BYD725" s="613"/>
      <c r="BYE725" s="613"/>
      <c r="BYF725" s="613"/>
      <c r="BYG725" s="613"/>
      <c r="BYH725" s="613"/>
      <c r="BYI725" s="613"/>
      <c r="BYJ725" s="613"/>
      <c r="BYK725" s="613"/>
      <c r="BYL725" s="613"/>
      <c r="BYM725" s="613"/>
      <c r="BYN725" s="613"/>
      <c r="BYO725" s="613"/>
      <c r="BYP725" s="613"/>
      <c r="BYQ725" s="613"/>
      <c r="BYR725" s="613"/>
      <c r="BYS725" s="613"/>
      <c r="BYT725" s="613"/>
      <c r="BYU725" s="613"/>
      <c r="BYV725" s="613"/>
      <c r="BYW725" s="613"/>
      <c r="BYX725" s="613"/>
      <c r="BYY725" s="613"/>
      <c r="BYZ725" s="613"/>
      <c r="BZA725" s="613"/>
      <c r="BZB725" s="613"/>
      <c r="BZC725" s="613"/>
      <c r="BZD725" s="613"/>
      <c r="BZE725" s="613"/>
      <c r="BZF725" s="613"/>
      <c r="BZG725" s="613"/>
      <c r="BZH725" s="613"/>
      <c r="BZI725" s="613"/>
      <c r="BZJ725" s="613"/>
      <c r="BZK725" s="613"/>
      <c r="BZL725" s="613"/>
      <c r="BZM725" s="613"/>
      <c r="BZN725" s="613"/>
      <c r="BZO725" s="613"/>
      <c r="BZP725" s="613"/>
      <c r="BZQ725" s="613"/>
      <c r="BZR725" s="613"/>
      <c r="BZS725" s="613"/>
      <c r="BZT725" s="613"/>
      <c r="BZU725" s="613"/>
      <c r="BZV725" s="613"/>
      <c r="BZW725" s="613"/>
      <c r="BZX725" s="613"/>
      <c r="BZY725" s="613"/>
      <c r="BZZ725" s="613"/>
      <c r="CAA725" s="613"/>
      <c r="CAB725" s="613"/>
      <c r="CAC725" s="613"/>
      <c r="CAD725" s="613"/>
      <c r="CAE725" s="613"/>
      <c r="CAF725" s="613"/>
      <c r="CAG725" s="613"/>
      <c r="CAH725" s="613"/>
      <c r="CAI725" s="613"/>
      <c r="CAJ725" s="613"/>
      <c r="CAK725" s="613"/>
      <c r="CAL725" s="613"/>
      <c r="CAM725" s="613"/>
      <c r="CAN725" s="613"/>
      <c r="CAO725" s="613"/>
      <c r="CAP725" s="613"/>
      <c r="CAQ725" s="613"/>
      <c r="CAR725" s="613"/>
      <c r="CAS725" s="613"/>
      <c r="CAT725" s="613"/>
      <c r="CAU725" s="613"/>
      <c r="CAV725" s="613"/>
      <c r="CAW725" s="613"/>
      <c r="CAX725" s="613"/>
      <c r="CAY725" s="613"/>
      <c r="CAZ725" s="613"/>
      <c r="CBA725" s="613"/>
      <c r="CBB725" s="613"/>
      <c r="CBC725" s="613"/>
      <c r="CBD725" s="613"/>
      <c r="CBE725" s="613"/>
      <c r="CBF725" s="613"/>
      <c r="CBG725" s="613"/>
      <c r="CBH725" s="613"/>
      <c r="CBI725" s="613"/>
      <c r="CBJ725" s="613"/>
      <c r="CBK725" s="613"/>
      <c r="CBL725" s="613"/>
      <c r="CBM725" s="613"/>
      <c r="CBN725" s="613"/>
      <c r="CBO725" s="613"/>
      <c r="CBP725" s="613"/>
      <c r="CBQ725" s="613"/>
      <c r="CBR725" s="613"/>
      <c r="CBS725" s="613"/>
      <c r="CBT725" s="613"/>
      <c r="CBU725" s="613"/>
      <c r="CBV725" s="613"/>
      <c r="CBW725" s="613"/>
      <c r="CBX725" s="613"/>
      <c r="CBY725" s="613"/>
      <c r="CBZ725" s="613"/>
      <c r="CCA725" s="613"/>
      <c r="CCB725" s="613"/>
      <c r="CCC725" s="613"/>
      <c r="CCD725" s="613"/>
      <c r="CCE725" s="613"/>
      <c r="CCF725" s="613"/>
      <c r="CCG725" s="613"/>
      <c r="CCH725" s="613"/>
      <c r="CCI725" s="613"/>
      <c r="CCJ725" s="613"/>
      <c r="CCK725" s="613"/>
      <c r="CCL725" s="613"/>
      <c r="CCM725" s="613"/>
      <c r="CCN725" s="613"/>
      <c r="CCO725" s="613"/>
      <c r="CCP725" s="613"/>
      <c r="CCQ725" s="613"/>
      <c r="CCR725" s="613"/>
      <c r="CCS725" s="613"/>
      <c r="CCT725" s="613"/>
      <c r="CCU725" s="613"/>
      <c r="CCV725" s="613"/>
      <c r="CCW725" s="613"/>
      <c r="CCX725" s="613"/>
      <c r="CCY725" s="613"/>
      <c r="CCZ725" s="613"/>
      <c r="CDA725" s="613"/>
      <c r="CDB725" s="613"/>
      <c r="CDC725" s="613"/>
      <c r="CDD725" s="613"/>
      <c r="CDE725" s="613"/>
      <c r="CDF725" s="613"/>
      <c r="CDG725" s="613"/>
      <c r="CDH725" s="613"/>
      <c r="CDI725" s="613"/>
      <c r="CDJ725" s="613"/>
      <c r="CDK725" s="613"/>
      <c r="CDL725" s="613"/>
      <c r="CDM725" s="613"/>
      <c r="CDN725" s="613"/>
      <c r="CDO725" s="613"/>
      <c r="CDP725" s="613"/>
      <c r="CDQ725" s="613"/>
      <c r="CDR725" s="613"/>
      <c r="CDS725" s="613"/>
      <c r="CDT725" s="613"/>
      <c r="CDU725" s="613"/>
      <c r="CDV725" s="613"/>
      <c r="CDW725" s="613"/>
      <c r="CDX725" s="613"/>
      <c r="CDY725" s="613"/>
      <c r="CDZ725" s="613"/>
      <c r="CEA725" s="613"/>
      <c r="CEB725" s="613"/>
      <c r="CEC725" s="613"/>
      <c r="CED725" s="613"/>
      <c r="CEE725" s="613"/>
      <c r="CEF725" s="613"/>
      <c r="CEG725" s="613"/>
      <c r="CEH725" s="613"/>
      <c r="CEI725" s="613"/>
      <c r="CEJ725" s="613"/>
      <c r="CEK725" s="613"/>
      <c r="CEL725" s="613"/>
      <c r="CEM725" s="613"/>
      <c r="CEN725" s="613"/>
      <c r="CEO725" s="613"/>
      <c r="CEP725" s="613"/>
      <c r="CEQ725" s="613"/>
      <c r="CER725" s="613"/>
      <c r="CES725" s="613"/>
      <c r="CET725" s="613"/>
      <c r="CEU725" s="613"/>
      <c r="CEV725" s="613"/>
      <c r="CEW725" s="613"/>
      <c r="CEX725" s="613"/>
      <c r="CEY725" s="613"/>
      <c r="CEZ725" s="613"/>
      <c r="CFA725" s="613"/>
      <c r="CFB725" s="613"/>
      <c r="CFC725" s="613"/>
      <c r="CFD725" s="613"/>
      <c r="CFE725" s="613"/>
      <c r="CFF725" s="613"/>
      <c r="CFG725" s="613"/>
      <c r="CFH725" s="613"/>
      <c r="CFI725" s="613"/>
      <c r="CFJ725" s="613"/>
      <c r="CFK725" s="613"/>
      <c r="CFL725" s="613"/>
      <c r="CFM725" s="613"/>
      <c r="CFN725" s="613"/>
      <c r="CFO725" s="613"/>
      <c r="CFP725" s="613"/>
      <c r="CFQ725" s="613"/>
      <c r="CFR725" s="613"/>
      <c r="CFS725" s="613"/>
      <c r="CFT725" s="613"/>
      <c r="CFU725" s="613"/>
      <c r="CFV725" s="613"/>
      <c r="CFW725" s="613"/>
      <c r="CFX725" s="613"/>
      <c r="CFY725" s="613"/>
      <c r="CFZ725" s="613"/>
      <c r="CGA725" s="613"/>
      <c r="CGB725" s="613"/>
      <c r="CGC725" s="613"/>
      <c r="CGD725" s="613"/>
      <c r="CGE725" s="613"/>
      <c r="CGF725" s="613"/>
      <c r="CGG725" s="613"/>
      <c r="CGH725" s="613"/>
      <c r="CGI725" s="613"/>
      <c r="CGJ725" s="613"/>
      <c r="CGK725" s="613"/>
      <c r="CGL725" s="613"/>
      <c r="CGM725" s="613"/>
      <c r="CGN725" s="613"/>
      <c r="CGO725" s="613"/>
      <c r="CGP725" s="613"/>
      <c r="CGQ725" s="613"/>
      <c r="CGR725" s="613"/>
      <c r="CGS725" s="613"/>
      <c r="CGT725" s="613"/>
      <c r="CGU725" s="613"/>
      <c r="CGV725" s="613"/>
      <c r="CGW725" s="613"/>
      <c r="CGX725" s="613"/>
      <c r="CGY725" s="613"/>
      <c r="CGZ725" s="613"/>
      <c r="CHA725" s="613"/>
      <c r="CHB725" s="613"/>
      <c r="CHC725" s="613"/>
      <c r="CHD725" s="613"/>
      <c r="CHE725" s="613"/>
      <c r="CHF725" s="613"/>
      <c r="CHG725" s="613"/>
      <c r="CHH725" s="613"/>
      <c r="CHI725" s="613"/>
      <c r="CHJ725" s="613"/>
      <c r="CHK725" s="613"/>
      <c r="CHL725" s="613"/>
      <c r="CHM725" s="613"/>
      <c r="CHN725" s="613"/>
      <c r="CHO725" s="613"/>
      <c r="CHP725" s="613"/>
      <c r="CHQ725" s="613"/>
      <c r="CHR725" s="613"/>
      <c r="CHS725" s="613"/>
      <c r="CHT725" s="613"/>
      <c r="CHU725" s="613"/>
      <c r="CHV725" s="613"/>
      <c r="CHW725" s="613"/>
      <c r="CHX725" s="613"/>
      <c r="CHY725" s="613"/>
      <c r="CHZ725" s="613"/>
      <c r="CIA725" s="613"/>
      <c r="CIB725" s="613"/>
      <c r="CIC725" s="613"/>
      <c r="CID725" s="613"/>
      <c r="CIE725" s="613"/>
      <c r="CIF725" s="613"/>
      <c r="CIG725" s="613"/>
      <c r="CIH725" s="613"/>
      <c r="CII725" s="613"/>
      <c r="CIJ725" s="613"/>
      <c r="CIK725" s="613"/>
      <c r="CIL725" s="613"/>
      <c r="CIM725" s="613"/>
      <c r="CIN725" s="613"/>
      <c r="CIO725" s="613"/>
      <c r="CIP725" s="613"/>
      <c r="CIQ725" s="613"/>
      <c r="CIR725" s="613"/>
      <c r="CIS725" s="613"/>
      <c r="CIT725" s="613"/>
      <c r="CIU725" s="613"/>
      <c r="CIV725" s="613"/>
      <c r="CIW725" s="613"/>
      <c r="CIX725" s="613"/>
      <c r="CIY725" s="613"/>
      <c r="CIZ725" s="613"/>
      <c r="CJA725" s="613"/>
      <c r="CJB725" s="613"/>
      <c r="CJC725" s="613"/>
      <c r="CJD725" s="613"/>
      <c r="CJE725" s="613"/>
      <c r="CJF725" s="613"/>
      <c r="CJG725" s="613"/>
      <c r="CJH725" s="613"/>
      <c r="CJI725" s="613"/>
      <c r="CJJ725" s="613"/>
      <c r="CJK725" s="613"/>
      <c r="CJL725" s="613"/>
      <c r="CJM725" s="613"/>
      <c r="CJN725" s="613"/>
      <c r="CJO725" s="613"/>
      <c r="CJP725" s="613"/>
      <c r="CJQ725" s="613"/>
      <c r="CJR725" s="613"/>
      <c r="CJS725" s="613"/>
      <c r="CJT725" s="613"/>
      <c r="CJU725" s="613"/>
      <c r="CJV725" s="613"/>
      <c r="CJW725" s="613"/>
      <c r="CJX725" s="613"/>
      <c r="CJY725" s="613"/>
      <c r="CJZ725" s="613"/>
      <c r="CKA725" s="613"/>
      <c r="CKB725" s="613"/>
      <c r="CKC725" s="613"/>
      <c r="CKD725" s="613"/>
      <c r="CKE725" s="613"/>
      <c r="CKF725" s="613"/>
      <c r="CKG725" s="613"/>
      <c r="CKH725" s="613"/>
      <c r="CKI725" s="613"/>
      <c r="CKJ725" s="613"/>
      <c r="CKK725" s="613"/>
      <c r="CKL725" s="613"/>
      <c r="CKM725" s="613"/>
      <c r="CKN725" s="613"/>
      <c r="CKO725" s="613"/>
      <c r="CKP725" s="613"/>
      <c r="CKQ725" s="613"/>
      <c r="CKR725" s="613"/>
      <c r="CKS725" s="613"/>
      <c r="CKT725" s="613"/>
      <c r="CKU725" s="613"/>
      <c r="CKV725" s="613"/>
      <c r="CKW725" s="613"/>
      <c r="CKX725" s="613"/>
      <c r="CKY725" s="613"/>
      <c r="CKZ725" s="613"/>
      <c r="CLA725" s="613"/>
      <c r="CLB725" s="613"/>
      <c r="CLC725" s="613"/>
      <c r="CLD725" s="613"/>
      <c r="CLE725" s="613"/>
      <c r="CLF725" s="613"/>
      <c r="CLG725" s="613"/>
      <c r="CLH725" s="613"/>
      <c r="CLI725" s="613"/>
      <c r="CLJ725" s="613"/>
      <c r="CLK725" s="613"/>
      <c r="CLL725" s="613"/>
      <c r="CLM725" s="613"/>
      <c r="CLN725" s="613"/>
      <c r="CLO725" s="613"/>
      <c r="CLP725" s="613"/>
      <c r="CLQ725" s="613"/>
      <c r="CLR725" s="613"/>
      <c r="CLS725" s="613"/>
      <c r="CLT725" s="613"/>
      <c r="CLU725" s="613"/>
      <c r="CLV725" s="613"/>
      <c r="CLW725" s="613"/>
      <c r="CLX725" s="613"/>
      <c r="CLY725" s="613"/>
      <c r="CLZ725" s="613"/>
      <c r="CMA725" s="613"/>
      <c r="CMB725" s="613"/>
      <c r="CMC725" s="613"/>
      <c r="CMD725" s="613"/>
      <c r="CME725" s="613"/>
      <c r="CMF725" s="613"/>
      <c r="CMG725" s="613"/>
      <c r="CMH725" s="613"/>
      <c r="CMI725" s="613"/>
      <c r="CMJ725" s="613"/>
      <c r="CMK725" s="613"/>
      <c r="CML725" s="613"/>
      <c r="CMM725" s="613"/>
      <c r="CMN725" s="613"/>
      <c r="CMO725" s="613"/>
      <c r="CMP725" s="613"/>
      <c r="CMQ725" s="613"/>
      <c r="CMR725" s="613"/>
      <c r="CMS725" s="613"/>
      <c r="CMT725" s="613"/>
      <c r="CMU725" s="613"/>
      <c r="CMV725" s="613"/>
      <c r="CMW725" s="613"/>
      <c r="CMX725" s="613"/>
      <c r="CMY725" s="613"/>
      <c r="CMZ725" s="613"/>
      <c r="CNA725" s="613"/>
      <c r="CNB725" s="613"/>
      <c r="CNC725" s="613"/>
      <c r="CND725" s="613"/>
      <c r="CNE725" s="613"/>
      <c r="CNF725" s="613"/>
      <c r="CNG725" s="613"/>
      <c r="CNH725" s="613"/>
      <c r="CNI725" s="613"/>
      <c r="CNJ725" s="613"/>
      <c r="CNK725" s="613"/>
      <c r="CNL725" s="613"/>
      <c r="CNM725" s="613"/>
      <c r="CNN725" s="613"/>
      <c r="CNO725" s="613"/>
      <c r="CNP725" s="613"/>
      <c r="CNQ725" s="613"/>
      <c r="CNR725" s="613"/>
      <c r="CNS725" s="613"/>
      <c r="CNT725" s="613"/>
      <c r="CNU725" s="613"/>
      <c r="CNV725" s="613"/>
      <c r="CNW725" s="613"/>
      <c r="CNX725" s="613"/>
      <c r="CNY725" s="613"/>
      <c r="CNZ725" s="613"/>
      <c r="COA725" s="613"/>
      <c r="COB725" s="613"/>
      <c r="COC725" s="613"/>
      <c r="COD725" s="613"/>
      <c r="COE725" s="613"/>
      <c r="COF725" s="613"/>
      <c r="COG725" s="613"/>
      <c r="COH725" s="613"/>
      <c r="COI725" s="613"/>
      <c r="COJ725" s="613"/>
      <c r="COK725" s="613"/>
      <c r="COL725" s="613"/>
      <c r="COM725" s="613"/>
      <c r="CON725" s="613"/>
      <c r="COO725" s="613"/>
      <c r="COP725" s="613"/>
      <c r="COQ725" s="613"/>
      <c r="COR725" s="613"/>
      <c r="COS725" s="613"/>
      <c r="COT725" s="613"/>
      <c r="COU725" s="613"/>
      <c r="COV725" s="613"/>
      <c r="COW725" s="613"/>
      <c r="COX725" s="613"/>
      <c r="COY725" s="613"/>
      <c r="COZ725" s="613"/>
      <c r="CPA725" s="613"/>
      <c r="CPB725" s="613"/>
      <c r="CPC725" s="613"/>
      <c r="CPD725" s="613"/>
      <c r="CPE725" s="613"/>
      <c r="CPF725" s="613"/>
      <c r="CPG725" s="613"/>
      <c r="CPH725" s="613"/>
      <c r="CPI725" s="613"/>
      <c r="CPJ725" s="613"/>
      <c r="CPK725" s="613"/>
      <c r="CPL725" s="613"/>
      <c r="CPM725" s="613"/>
      <c r="CPN725" s="613"/>
      <c r="CPO725" s="613"/>
      <c r="CPP725" s="613"/>
      <c r="CPQ725" s="613"/>
      <c r="CPR725" s="613"/>
      <c r="CPS725" s="613"/>
      <c r="CPT725" s="613"/>
      <c r="CPU725" s="613"/>
      <c r="CPV725" s="613"/>
      <c r="CPW725" s="613"/>
      <c r="CPX725" s="613"/>
      <c r="CPY725" s="613"/>
      <c r="CPZ725" s="613"/>
      <c r="CQA725" s="613"/>
      <c r="CQB725" s="613"/>
      <c r="CQC725" s="613"/>
      <c r="CQD725" s="613"/>
      <c r="CQE725" s="613"/>
      <c r="CQF725" s="613"/>
      <c r="CQG725" s="613"/>
      <c r="CQH725" s="613"/>
      <c r="CQI725" s="613"/>
      <c r="CQJ725" s="613"/>
      <c r="CQK725" s="613"/>
      <c r="CQL725" s="613"/>
      <c r="CQM725" s="613"/>
      <c r="CQN725" s="613"/>
      <c r="CQO725" s="613"/>
      <c r="CQP725" s="613"/>
      <c r="CQQ725" s="613"/>
      <c r="CQR725" s="613"/>
      <c r="CQS725" s="613"/>
      <c r="CQT725" s="613"/>
      <c r="CQU725" s="613"/>
      <c r="CQV725" s="613"/>
      <c r="CQW725" s="613"/>
      <c r="CQX725" s="613"/>
      <c r="CQY725" s="613"/>
      <c r="CQZ725" s="613"/>
      <c r="CRA725" s="613"/>
      <c r="CRB725" s="613"/>
      <c r="CRC725" s="613"/>
      <c r="CRD725" s="613"/>
      <c r="CRE725" s="613"/>
      <c r="CRF725" s="613"/>
      <c r="CRG725" s="613"/>
      <c r="CRH725" s="613"/>
      <c r="CRI725" s="613"/>
      <c r="CRJ725" s="613"/>
      <c r="CRK725" s="613"/>
      <c r="CRL725" s="613"/>
      <c r="CRM725" s="613"/>
      <c r="CRN725" s="613"/>
      <c r="CRO725" s="613"/>
      <c r="CRP725" s="613"/>
      <c r="CRQ725" s="613"/>
      <c r="CRR725" s="613"/>
      <c r="CRS725" s="613"/>
      <c r="CRT725" s="613"/>
      <c r="CRU725" s="613"/>
      <c r="CRV725" s="613"/>
      <c r="CRW725" s="613"/>
      <c r="CRX725" s="613"/>
      <c r="CRY725" s="613"/>
      <c r="CRZ725" s="613"/>
      <c r="CSA725" s="613"/>
      <c r="CSB725" s="613"/>
      <c r="CSC725" s="613"/>
      <c r="CSD725" s="613"/>
      <c r="CSE725" s="613"/>
      <c r="CSF725" s="613"/>
      <c r="CSG725" s="613"/>
      <c r="CSH725" s="613"/>
      <c r="CSI725" s="613"/>
      <c r="CSJ725" s="613"/>
      <c r="CSK725" s="613"/>
      <c r="CSL725" s="613"/>
      <c r="CSM725" s="613"/>
      <c r="CSN725" s="613"/>
      <c r="CSO725" s="613"/>
      <c r="CSP725" s="613"/>
      <c r="CSQ725" s="613"/>
      <c r="CSR725" s="613"/>
      <c r="CSS725" s="613"/>
      <c r="CST725" s="613"/>
      <c r="CSU725" s="613"/>
      <c r="CSV725" s="613"/>
      <c r="CSW725" s="613"/>
      <c r="CSX725" s="613"/>
      <c r="CSY725" s="613"/>
      <c r="CSZ725" s="613"/>
      <c r="CTA725" s="613"/>
      <c r="CTB725" s="613"/>
      <c r="CTC725" s="613"/>
      <c r="CTD725" s="613"/>
      <c r="CTE725" s="613"/>
      <c r="CTF725" s="613"/>
      <c r="CTG725" s="613"/>
      <c r="CTH725" s="613"/>
      <c r="CTI725" s="613"/>
      <c r="CTJ725" s="613"/>
      <c r="CTK725" s="613"/>
      <c r="CTL725" s="613"/>
      <c r="CTM725" s="613"/>
      <c r="CTN725" s="613"/>
      <c r="CTO725" s="613"/>
      <c r="CTP725" s="613"/>
      <c r="CTQ725" s="613"/>
      <c r="CTR725" s="613"/>
      <c r="CTS725" s="613"/>
      <c r="CTT725" s="613"/>
      <c r="CTU725" s="613"/>
      <c r="CTV725" s="613"/>
      <c r="CTW725" s="613"/>
      <c r="CTX725" s="613"/>
      <c r="CTY725" s="613"/>
      <c r="CTZ725" s="613"/>
      <c r="CUA725" s="613"/>
      <c r="CUB725" s="613"/>
      <c r="CUC725" s="613"/>
      <c r="CUD725" s="613"/>
      <c r="CUE725" s="613"/>
      <c r="CUF725" s="613"/>
      <c r="CUG725" s="613"/>
      <c r="CUH725" s="613"/>
      <c r="CUI725" s="613"/>
      <c r="CUJ725" s="613"/>
      <c r="CUK725" s="613"/>
      <c r="CUL725" s="613"/>
      <c r="CUM725" s="613"/>
      <c r="CUN725" s="613"/>
      <c r="CUO725" s="613"/>
      <c r="CUP725" s="613"/>
      <c r="CUQ725" s="613"/>
      <c r="CUR725" s="613"/>
      <c r="CUS725" s="613"/>
      <c r="CUT725" s="613"/>
      <c r="CUU725" s="613"/>
      <c r="CUV725" s="613"/>
      <c r="CUW725" s="613"/>
      <c r="CUX725" s="613"/>
      <c r="CUY725" s="613"/>
      <c r="CUZ725" s="613"/>
      <c r="CVA725" s="613"/>
      <c r="CVB725" s="613"/>
      <c r="CVC725" s="613"/>
      <c r="CVD725" s="613"/>
      <c r="CVE725" s="613"/>
      <c r="CVF725" s="613"/>
      <c r="CVG725" s="613"/>
      <c r="CVH725" s="613"/>
      <c r="CVI725" s="613"/>
      <c r="CVJ725" s="613"/>
      <c r="CVK725" s="613"/>
      <c r="CVL725" s="613"/>
      <c r="CVM725" s="613"/>
      <c r="CVN725" s="613"/>
      <c r="CVO725" s="613"/>
      <c r="CVP725" s="613"/>
      <c r="CVQ725" s="613"/>
      <c r="CVR725" s="613"/>
      <c r="CVS725" s="613"/>
      <c r="CVT725" s="613"/>
      <c r="CVU725" s="613"/>
      <c r="CVV725" s="613"/>
      <c r="CVW725" s="613"/>
      <c r="CVX725" s="613"/>
      <c r="CVY725" s="613"/>
      <c r="CVZ725" s="613"/>
      <c r="CWA725" s="613"/>
      <c r="CWB725" s="613"/>
      <c r="CWC725" s="613"/>
      <c r="CWD725" s="613"/>
      <c r="CWE725" s="613"/>
      <c r="CWF725" s="613"/>
      <c r="CWG725" s="613"/>
      <c r="CWH725" s="613"/>
      <c r="CWI725" s="613"/>
      <c r="CWJ725" s="613"/>
      <c r="CWK725" s="613"/>
      <c r="CWL725" s="613"/>
      <c r="CWM725" s="613"/>
      <c r="CWN725" s="613"/>
      <c r="CWO725" s="613"/>
      <c r="CWP725" s="613"/>
      <c r="CWQ725" s="613"/>
      <c r="CWR725" s="613"/>
      <c r="CWS725" s="613"/>
      <c r="CWT725" s="613"/>
      <c r="CWU725" s="613"/>
      <c r="CWV725" s="613"/>
      <c r="CWW725" s="613"/>
      <c r="CWX725" s="613"/>
      <c r="CWY725" s="613"/>
      <c r="CWZ725" s="613"/>
      <c r="CXA725" s="613"/>
      <c r="CXB725" s="613"/>
      <c r="CXC725" s="613"/>
      <c r="CXD725" s="613"/>
      <c r="CXE725" s="613"/>
      <c r="CXF725" s="613"/>
      <c r="CXG725" s="613"/>
      <c r="CXH725" s="613"/>
      <c r="CXI725" s="613"/>
      <c r="CXJ725" s="613"/>
      <c r="CXK725" s="613"/>
      <c r="CXL725" s="613"/>
      <c r="CXM725" s="613"/>
      <c r="CXN725" s="613"/>
      <c r="CXO725" s="613"/>
      <c r="CXP725" s="613"/>
      <c r="CXQ725" s="613"/>
      <c r="CXR725" s="613"/>
      <c r="CXS725" s="613"/>
      <c r="CXT725" s="613"/>
      <c r="CXU725" s="613"/>
      <c r="CXV725" s="613"/>
      <c r="CXW725" s="613"/>
      <c r="CXX725" s="613"/>
      <c r="CXY725" s="613"/>
      <c r="CXZ725" s="613"/>
      <c r="CYA725" s="613"/>
      <c r="CYB725" s="613"/>
      <c r="CYC725" s="613"/>
      <c r="CYD725" s="613"/>
      <c r="CYE725" s="613"/>
      <c r="CYF725" s="613"/>
      <c r="CYG725" s="613"/>
      <c r="CYH725" s="613"/>
      <c r="CYI725" s="613"/>
      <c r="CYJ725" s="613"/>
      <c r="CYK725" s="613"/>
      <c r="CYL725" s="613"/>
      <c r="CYM725" s="613"/>
      <c r="CYN725" s="613"/>
      <c r="CYO725" s="613"/>
      <c r="CYP725" s="613"/>
      <c r="CYQ725" s="613"/>
      <c r="CYR725" s="613"/>
      <c r="CYS725" s="613"/>
      <c r="CYT725" s="613"/>
      <c r="CYU725" s="613"/>
      <c r="CYV725" s="613"/>
      <c r="CYW725" s="613"/>
      <c r="CYX725" s="613"/>
      <c r="CYY725" s="613"/>
      <c r="CYZ725" s="613"/>
      <c r="CZA725" s="613"/>
      <c r="CZB725" s="613"/>
      <c r="CZC725" s="613"/>
      <c r="CZD725" s="613"/>
      <c r="CZE725" s="613"/>
      <c r="CZF725" s="613"/>
      <c r="CZG725" s="613"/>
      <c r="CZH725" s="613"/>
      <c r="CZI725" s="613"/>
      <c r="CZJ725" s="613"/>
      <c r="CZK725" s="613"/>
      <c r="CZL725" s="613"/>
      <c r="CZM725" s="613"/>
      <c r="CZN725" s="613"/>
      <c r="CZO725" s="613"/>
      <c r="CZP725" s="613"/>
      <c r="CZQ725" s="613"/>
      <c r="CZR725" s="613"/>
      <c r="CZS725" s="613"/>
      <c r="CZT725" s="613"/>
      <c r="CZU725" s="613"/>
      <c r="CZV725" s="613"/>
      <c r="CZW725" s="613"/>
      <c r="CZX725" s="613"/>
      <c r="CZY725" s="613"/>
      <c r="CZZ725" s="613"/>
      <c r="DAA725" s="613"/>
      <c r="DAB725" s="613"/>
      <c r="DAC725" s="613"/>
      <c r="DAD725" s="613"/>
      <c r="DAE725" s="613"/>
      <c r="DAF725" s="613"/>
      <c r="DAG725" s="613"/>
      <c r="DAH725" s="613"/>
      <c r="DAI725" s="613"/>
      <c r="DAJ725" s="613"/>
      <c r="DAK725" s="613"/>
      <c r="DAL725" s="613"/>
      <c r="DAM725" s="613"/>
      <c r="DAN725" s="613"/>
      <c r="DAO725" s="613"/>
      <c r="DAP725" s="613"/>
      <c r="DAQ725" s="613"/>
      <c r="DAR725" s="613"/>
      <c r="DAS725" s="613"/>
      <c r="DAT725" s="613"/>
      <c r="DAU725" s="613"/>
      <c r="DAV725" s="613"/>
      <c r="DAW725" s="613"/>
      <c r="DAX725" s="613"/>
      <c r="DAY725" s="613"/>
      <c r="DAZ725" s="613"/>
      <c r="DBA725" s="613"/>
      <c r="DBB725" s="613"/>
      <c r="DBC725" s="613"/>
      <c r="DBD725" s="613"/>
      <c r="DBE725" s="613"/>
      <c r="DBF725" s="613"/>
      <c r="DBG725" s="613"/>
      <c r="DBH725" s="613"/>
      <c r="DBI725" s="613"/>
      <c r="DBJ725" s="613"/>
      <c r="DBK725" s="613"/>
      <c r="DBL725" s="613"/>
      <c r="DBM725" s="613"/>
      <c r="DBN725" s="613"/>
      <c r="DBO725" s="613"/>
      <c r="DBP725" s="613"/>
      <c r="DBQ725" s="613"/>
      <c r="DBR725" s="613"/>
      <c r="DBS725" s="613"/>
      <c r="DBT725" s="613"/>
      <c r="DBU725" s="613"/>
      <c r="DBV725" s="613"/>
      <c r="DBW725" s="613"/>
      <c r="DBX725" s="613"/>
      <c r="DBY725" s="613"/>
      <c r="DBZ725" s="613"/>
      <c r="DCA725" s="613"/>
      <c r="DCB725" s="613"/>
      <c r="DCC725" s="613"/>
      <c r="DCD725" s="613"/>
      <c r="DCE725" s="613"/>
      <c r="DCF725" s="613"/>
      <c r="DCG725" s="613"/>
      <c r="DCH725" s="613"/>
      <c r="DCI725" s="613"/>
      <c r="DCJ725" s="613"/>
      <c r="DCK725" s="613"/>
      <c r="DCL725" s="613"/>
      <c r="DCM725" s="613"/>
      <c r="DCN725" s="613"/>
      <c r="DCO725" s="613"/>
      <c r="DCP725" s="613"/>
      <c r="DCQ725" s="613"/>
      <c r="DCR725" s="613"/>
      <c r="DCS725" s="613"/>
      <c r="DCT725" s="613"/>
      <c r="DCU725" s="613"/>
      <c r="DCV725" s="613"/>
      <c r="DCW725" s="613"/>
      <c r="DCX725" s="613"/>
      <c r="DCY725" s="613"/>
      <c r="DCZ725" s="613"/>
      <c r="DDA725" s="613"/>
      <c r="DDB725" s="613"/>
      <c r="DDC725" s="613"/>
      <c r="DDD725" s="613"/>
      <c r="DDE725" s="613"/>
      <c r="DDF725" s="613"/>
      <c r="DDG725" s="613"/>
      <c r="DDH725" s="613"/>
      <c r="DDI725" s="613"/>
      <c r="DDJ725" s="613"/>
      <c r="DDK725" s="613"/>
      <c r="DDL725" s="613"/>
      <c r="DDM725" s="613"/>
      <c r="DDN725" s="613"/>
      <c r="DDO725" s="613"/>
      <c r="DDP725" s="613"/>
      <c r="DDQ725" s="613"/>
      <c r="DDR725" s="613"/>
      <c r="DDS725" s="613"/>
      <c r="DDT725" s="613"/>
      <c r="DDU725" s="613"/>
      <c r="DDV725" s="613"/>
      <c r="DDW725" s="613"/>
      <c r="DDX725" s="613"/>
      <c r="DDY725" s="613"/>
      <c r="DDZ725" s="613"/>
      <c r="DEA725" s="613"/>
      <c r="DEB725" s="613"/>
      <c r="DEC725" s="613"/>
      <c r="DED725" s="613"/>
      <c r="DEE725" s="613"/>
      <c r="DEF725" s="613"/>
      <c r="DEG725" s="613"/>
      <c r="DEH725" s="613"/>
      <c r="DEI725" s="613"/>
      <c r="DEJ725" s="613"/>
      <c r="DEK725" s="613"/>
      <c r="DEL725" s="613"/>
      <c r="DEM725" s="613"/>
      <c r="DEN725" s="613"/>
      <c r="DEO725" s="613"/>
      <c r="DEP725" s="613"/>
      <c r="DEQ725" s="613"/>
      <c r="DER725" s="613"/>
      <c r="DES725" s="613"/>
      <c r="DET725" s="613"/>
      <c r="DEU725" s="613"/>
      <c r="DEV725" s="613"/>
      <c r="DEW725" s="613"/>
      <c r="DEX725" s="613"/>
      <c r="DEY725" s="613"/>
      <c r="DEZ725" s="613"/>
      <c r="DFA725" s="613"/>
      <c r="DFB725" s="613"/>
      <c r="DFC725" s="613"/>
      <c r="DFD725" s="613"/>
      <c r="DFE725" s="613"/>
      <c r="DFF725" s="613"/>
      <c r="DFG725" s="613"/>
      <c r="DFH725" s="613"/>
      <c r="DFI725" s="613"/>
      <c r="DFJ725" s="613"/>
      <c r="DFK725" s="613"/>
      <c r="DFL725" s="613"/>
      <c r="DFM725" s="613"/>
      <c r="DFN725" s="613"/>
      <c r="DFO725" s="613"/>
      <c r="DFP725" s="613"/>
      <c r="DFQ725" s="613"/>
      <c r="DFR725" s="613"/>
      <c r="DFS725" s="613"/>
      <c r="DFT725" s="613"/>
      <c r="DFU725" s="613"/>
      <c r="DFV725" s="613"/>
      <c r="DFW725" s="613"/>
      <c r="DFX725" s="613"/>
      <c r="DFY725" s="613"/>
      <c r="DFZ725" s="613"/>
      <c r="DGA725" s="613"/>
      <c r="DGB725" s="613"/>
      <c r="DGC725" s="613"/>
      <c r="DGD725" s="613"/>
      <c r="DGE725" s="613"/>
      <c r="DGF725" s="613"/>
      <c r="DGG725" s="613"/>
      <c r="DGH725" s="613"/>
      <c r="DGI725" s="613"/>
      <c r="DGJ725" s="613"/>
      <c r="DGK725" s="613"/>
      <c r="DGL725" s="613"/>
      <c r="DGM725" s="613"/>
      <c r="DGN725" s="613"/>
      <c r="DGO725" s="613"/>
      <c r="DGP725" s="613"/>
      <c r="DGQ725" s="613"/>
      <c r="DGR725" s="613"/>
      <c r="DGS725" s="613"/>
      <c r="DGT725" s="613"/>
      <c r="DGU725" s="613"/>
      <c r="DGV725" s="613"/>
      <c r="DGW725" s="613"/>
      <c r="DGX725" s="613"/>
      <c r="DGY725" s="613"/>
      <c r="DGZ725" s="613"/>
      <c r="DHA725" s="613"/>
      <c r="DHB725" s="613"/>
      <c r="DHC725" s="613"/>
      <c r="DHD725" s="613"/>
      <c r="DHE725" s="613"/>
      <c r="DHF725" s="613"/>
      <c r="DHG725" s="613"/>
      <c r="DHH725" s="613"/>
      <c r="DHI725" s="613"/>
      <c r="DHJ725" s="613"/>
      <c r="DHK725" s="613"/>
      <c r="DHL725" s="613"/>
      <c r="DHM725" s="613"/>
      <c r="DHN725" s="613"/>
      <c r="DHO725" s="613"/>
      <c r="DHP725" s="613"/>
      <c r="DHQ725" s="613"/>
      <c r="DHR725" s="613"/>
      <c r="DHS725" s="613"/>
      <c r="DHT725" s="613"/>
      <c r="DHU725" s="613"/>
      <c r="DHV725" s="613"/>
      <c r="DHW725" s="613"/>
      <c r="DHX725" s="613"/>
      <c r="DHY725" s="613"/>
      <c r="DHZ725" s="613"/>
      <c r="DIA725" s="613"/>
      <c r="DIB725" s="613"/>
      <c r="DIC725" s="613"/>
      <c r="DID725" s="613"/>
      <c r="DIE725" s="613"/>
      <c r="DIF725" s="613"/>
      <c r="DIG725" s="613"/>
      <c r="DIH725" s="613"/>
      <c r="DII725" s="613"/>
      <c r="DIJ725" s="613"/>
      <c r="DIK725" s="613"/>
      <c r="DIL725" s="613"/>
      <c r="DIM725" s="613"/>
      <c r="DIN725" s="613"/>
      <c r="DIO725" s="613"/>
      <c r="DIP725" s="613"/>
      <c r="DIQ725" s="613"/>
      <c r="DIR725" s="613"/>
      <c r="DIS725" s="613"/>
      <c r="DIT725" s="613"/>
      <c r="DIU725" s="613"/>
      <c r="DIV725" s="613"/>
      <c r="DIW725" s="613"/>
      <c r="DIX725" s="613"/>
      <c r="DIY725" s="613"/>
      <c r="DIZ725" s="613"/>
      <c r="DJA725" s="613"/>
      <c r="DJB725" s="613"/>
      <c r="DJC725" s="613"/>
      <c r="DJD725" s="613"/>
      <c r="DJE725" s="613"/>
      <c r="DJF725" s="613"/>
      <c r="DJG725" s="613"/>
      <c r="DJH725" s="613"/>
      <c r="DJI725" s="613"/>
      <c r="DJJ725" s="613"/>
      <c r="DJK725" s="613"/>
      <c r="DJL725" s="613"/>
      <c r="DJM725" s="613"/>
      <c r="DJN725" s="613"/>
      <c r="DJO725" s="613"/>
      <c r="DJP725" s="613"/>
      <c r="DJQ725" s="613"/>
      <c r="DJR725" s="613"/>
      <c r="DJS725" s="613"/>
      <c r="DJT725" s="613"/>
      <c r="DJU725" s="613"/>
      <c r="DJV725" s="613"/>
      <c r="DJW725" s="613"/>
      <c r="DJX725" s="613"/>
      <c r="DJY725" s="613"/>
      <c r="DJZ725" s="613"/>
      <c r="DKA725" s="613"/>
      <c r="DKB725" s="613"/>
      <c r="DKC725" s="613"/>
      <c r="DKD725" s="613"/>
      <c r="DKE725" s="613"/>
      <c r="DKF725" s="613"/>
      <c r="DKG725" s="613"/>
      <c r="DKH725" s="613"/>
      <c r="DKI725" s="613"/>
      <c r="DKJ725" s="613"/>
      <c r="DKK725" s="613"/>
      <c r="DKL725" s="613"/>
      <c r="DKM725" s="613"/>
      <c r="DKN725" s="613"/>
      <c r="DKO725" s="613"/>
      <c r="DKP725" s="613"/>
      <c r="DKQ725" s="613"/>
      <c r="DKR725" s="613"/>
      <c r="DKS725" s="613"/>
      <c r="DKT725" s="613"/>
      <c r="DKU725" s="613"/>
      <c r="DKV725" s="613"/>
      <c r="DKW725" s="613"/>
      <c r="DKX725" s="613"/>
      <c r="DKY725" s="613"/>
      <c r="DKZ725" s="613"/>
      <c r="DLA725" s="613"/>
      <c r="DLB725" s="613"/>
      <c r="DLC725" s="613"/>
      <c r="DLD725" s="613"/>
      <c r="DLE725" s="613"/>
      <c r="DLF725" s="613"/>
      <c r="DLG725" s="613"/>
      <c r="DLH725" s="613"/>
      <c r="DLI725" s="613"/>
      <c r="DLJ725" s="613"/>
      <c r="DLK725" s="613"/>
      <c r="DLL725" s="613"/>
      <c r="DLM725" s="613"/>
      <c r="DLN725" s="613"/>
      <c r="DLO725" s="613"/>
      <c r="DLP725" s="613"/>
      <c r="DLQ725" s="613"/>
      <c r="DLR725" s="613"/>
      <c r="DLS725" s="613"/>
      <c r="DLT725" s="613"/>
      <c r="DLU725" s="613"/>
      <c r="DLV725" s="613"/>
      <c r="DLW725" s="613"/>
      <c r="DLX725" s="613"/>
      <c r="DLY725" s="613"/>
      <c r="DLZ725" s="613"/>
      <c r="DMA725" s="613"/>
      <c r="DMB725" s="613"/>
      <c r="DMC725" s="613"/>
      <c r="DMD725" s="613"/>
      <c r="DME725" s="613"/>
      <c r="DMF725" s="613"/>
      <c r="DMG725" s="613"/>
      <c r="DMH725" s="613"/>
      <c r="DMI725" s="613"/>
      <c r="DMJ725" s="613"/>
      <c r="DMK725" s="613"/>
      <c r="DML725" s="613"/>
      <c r="DMM725" s="613"/>
      <c r="DMN725" s="613"/>
      <c r="DMO725" s="613"/>
      <c r="DMP725" s="613"/>
      <c r="DMQ725" s="613"/>
      <c r="DMR725" s="613"/>
      <c r="DMS725" s="613"/>
      <c r="DMT725" s="613"/>
      <c r="DMU725" s="613"/>
      <c r="DMV725" s="613"/>
      <c r="DMW725" s="613"/>
      <c r="DMX725" s="613"/>
      <c r="DMY725" s="613"/>
      <c r="DMZ725" s="613"/>
      <c r="DNA725" s="613"/>
      <c r="DNB725" s="613"/>
      <c r="DNC725" s="613"/>
      <c r="DND725" s="613"/>
      <c r="DNE725" s="613"/>
      <c r="DNF725" s="613"/>
      <c r="DNG725" s="613"/>
      <c r="DNH725" s="613"/>
      <c r="DNI725" s="613"/>
      <c r="DNJ725" s="613"/>
      <c r="DNK725" s="613"/>
      <c r="DNL725" s="613"/>
      <c r="DNM725" s="613"/>
      <c r="DNN725" s="613"/>
      <c r="DNO725" s="613"/>
      <c r="DNP725" s="613"/>
      <c r="DNQ725" s="613"/>
      <c r="DNR725" s="613"/>
      <c r="DNS725" s="613"/>
      <c r="DNT725" s="613"/>
      <c r="DNU725" s="613"/>
      <c r="DNV725" s="613"/>
      <c r="DNW725" s="613"/>
      <c r="DNX725" s="613"/>
      <c r="DNY725" s="613"/>
      <c r="DNZ725" s="613"/>
      <c r="DOA725" s="613"/>
      <c r="DOB725" s="613"/>
      <c r="DOC725" s="613"/>
      <c r="DOD725" s="613"/>
      <c r="DOE725" s="613"/>
      <c r="DOF725" s="613"/>
      <c r="DOG725" s="613"/>
      <c r="DOH725" s="613"/>
      <c r="DOI725" s="613"/>
      <c r="DOJ725" s="613"/>
      <c r="DOK725" s="613"/>
      <c r="DOL725" s="613"/>
      <c r="DOM725" s="613"/>
      <c r="DON725" s="613"/>
      <c r="DOO725" s="613"/>
      <c r="DOP725" s="613"/>
      <c r="DOQ725" s="613"/>
      <c r="DOR725" s="613"/>
      <c r="DOS725" s="613"/>
      <c r="DOT725" s="613"/>
      <c r="DOU725" s="613"/>
      <c r="DOV725" s="613"/>
      <c r="DOW725" s="613"/>
      <c r="DOX725" s="613"/>
      <c r="DOY725" s="613"/>
      <c r="DOZ725" s="613"/>
      <c r="DPA725" s="613"/>
      <c r="DPB725" s="613"/>
      <c r="DPC725" s="613"/>
      <c r="DPD725" s="613"/>
      <c r="DPE725" s="613"/>
      <c r="DPF725" s="613"/>
      <c r="DPG725" s="613"/>
      <c r="DPH725" s="613"/>
      <c r="DPI725" s="613"/>
      <c r="DPJ725" s="613"/>
      <c r="DPK725" s="613"/>
      <c r="DPL725" s="613"/>
      <c r="DPM725" s="613"/>
      <c r="DPN725" s="613"/>
      <c r="DPO725" s="613"/>
      <c r="DPP725" s="613"/>
      <c r="DPQ725" s="613"/>
      <c r="DPR725" s="613"/>
      <c r="DPS725" s="613"/>
      <c r="DPT725" s="613"/>
      <c r="DPU725" s="613"/>
      <c r="DPV725" s="613"/>
      <c r="DPW725" s="613"/>
      <c r="DPX725" s="613"/>
      <c r="DPY725" s="613"/>
      <c r="DPZ725" s="613"/>
      <c r="DQA725" s="613"/>
      <c r="DQB725" s="613"/>
      <c r="DQC725" s="613"/>
      <c r="DQD725" s="613"/>
      <c r="DQE725" s="613"/>
      <c r="DQF725" s="613"/>
      <c r="DQG725" s="613"/>
      <c r="DQH725" s="613"/>
      <c r="DQI725" s="613"/>
      <c r="DQJ725" s="613"/>
      <c r="DQK725" s="613"/>
      <c r="DQL725" s="613"/>
      <c r="DQM725" s="613"/>
      <c r="DQN725" s="613"/>
      <c r="DQO725" s="613"/>
      <c r="DQP725" s="613"/>
      <c r="DQQ725" s="613"/>
      <c r="DQR725" s="613"/>
      <c r="DQS725" s="613"/>
      <c r="DQT725" s="613"/>
      <c r="DQU725" s="613"/>
      <c r="DQV725" s="613"/>
      <c r="DQW725" s="613"/>
      <c r="DQX725" s="613"/>
      <c r="DQY725" s="613"/>
      <c r="DQZ725" s="613"/>
      <c r="DRA725" s="613"/>
      <c r="DRB725" s="613"/>
      <c r="DRC725" s="613"/>
      <c r="DRD725" s="613"/>
      <c r="DRE725" s="613"/>
      <c r="DRF725" s="613"/>
      <c r="DRG725" s="613"/>
      <c r="DRH725" s="613"/>
      <c r="DRI725" s="613"/>
      <c r="DRJ725" s="613"/>
      <c r="DRK725" s="613"/>
      <c r="DRL725" s="613"/>
      <c r="DRM725" s="613"/>
      <c r="DRN725" s="613"/>
      <c r="DRO725" s="613"/>
      <c r="DRP725" s="613"/>
      <c r="DRQ725" s="613"/>
      <c r="DRR725" s="613"/>
      <c r="DRS725" s="613"/>
      <c r="DRT725" s="613"/>
      <c r="DRU725" s="613"/>
      <c r="DRV725" s="613"/>
      <c r="DRW725" s="613"/>
      <c r="DRX725" s="613"/>
      <c r="DRY725" s="613"/>
      <c r="DRZ725" s="613"/>
      <c r="DSA725" s="613"/>
      <c r="DSB725" s="613"/>
      <c r="DSC725" s="613"/>
      <c r="DSD725" s="613"/>
      <c r="DSE725" s="613"/>
      <c r="DSF725" s="613"/>
      <c r="DSG725" s="613"/>
      <c r="DSH725" s="613"/>
      <c r="DSI725" s="613"/>
      <c r="DSJ725" s="613"/>
      <c r="DSK725" s="613"/>
      <c r="DSL725" s="613"/>
      <c r="DSM725" s="613"/>
      <c r="DSN725" s="613"/>
      <c r="DSO725" s="613"/>
      <c r="DSP725" s="613"/>
      <c r="DSQ725" s="613"/>
      <c r="DSR725" s="613"/>
      <c r="DSS725" s="613"/>
      <c r="DST725" s="613"/>
      <c r="DSU725" s="613"/>
      <c r="DSV725" s="613"/>
      <c r="DSW725" s="613"/>
      <c r="DSX725" s="613"/>
      <c r="DSY725" s="613"/>
      <c r="DSZ725" s="613"/>
      <c r="DTA725" s="613"/>
      <c r="DTB725" s="613"/>
      <c r="DTC725" s="613"/>
      <c r="DTD725" s="613"/>
      <c r="DTE725" s="613"/>
      <c r="DTF725" s="613"/>
      <c r="DTG725" s="613"/>
      <c r="DTH725" s="613"/>
      <c r="DTI725" s="613"/>
      <c r="DTJ725" s="613"/>
      <c r="DTK725" s="613"/>
      <c r="DTL725" s="613"/>
      <c r="DTM725" s="613"/>
      <c r="DTN725" s="613"/>
      <c r="DTO725" s="613"/>
      <c r="DTP725" s="613"/>
      <c r="DTQ725" s="613"/>
      <c r="DTR725" s="613"/>
      <c r="DTS725" s="613"/>
      <c r="DTT725" s="613"/>
      <c r="DTU725" s="613"/>
      <c r="DTV725" s="613"/>
      <c r="DTW725" s="613"/>
      <c r="DTX725" s="613"/>
      <c r="DTY725" s="613"/>
      <c r="DTZ725" s="613"/>
      <c r="DUA725" s="613"/>
      <c r="DUB725" s="613"/>
      <c r="DUC725" s="613"/>
      <c r="DUD725" s="613"/>
      <c r="DUE725" s="613"/>
      <c r="DUF725" s="613"/>
      <c r="DUG725" s="613"/>
      <c r="DUH725" s="613"/>
      <c r="DUI725" s="613"/>
      <c r="DUJ725" s="613"/>
      <c r="DUK725" s="613"/>
      <c r="DUL725" s="613"/>
      <c r="DUM725" s="613"/>
      <c r="DUN725" s="613"/>
      <c r="DUO725" s="613"/>
      <c r="DUP725" s="613"/>
      <c r="DUQ725" s="613"/>
      <c r="DUR725" s="613"/>
      <c r="DUS725" s="613"/>
      <c r="DUT725" s="613"/>
      <c r="DUU725" s="613"/>
      <c r="DUV725" s="613"/>
      <c r="DUW725" s="613"/>
      <c r="DUX725" s="613"/>
      <c r="DUY725" s="613"/>
      <c r="DUZ725" s="613"/>
      <c r="DVA725" s="613"/>
      <c r="DVB725" s="613"/>
      <c r="DVC725" s="613"/>
      <c r="DVD725" s="613"/>
      <c r="DVE725" s="613"/>
      <c r="DVF725" s="613"/>
      <c r="DVG725" s="613"/>
      <c r="DVH725" s="613"/>
      <c r="DVI725" s="613"/>
      <c r="DVJ725" s="613"/>
      <c r="DVK725" s="613"/>
      <c r="DVL725" s="613"/>
      <c r="DVM725" s="613"/>
      <c r="DVN725" s="613"/>
      <c r="DVO725" s="613"/>
      <c r="DVP725" s="613"/>
      <c r="DVQ725" s="613"/>
      <c r="DVR725" s="613"/>
      <c r="DVS725" s="613"/>
      <c r="DVT725" s="613"/>
      <c r="DVU725" s="613"/>
      <c r="DVV725" s="613"/>
      <c r="DVW725" s="613"/>
      <c r="DVX725" s="613"/>
      <c r="DVY725" s="613"/>
      <c r="DVZ725" s="613"/>
      <c r="DWA725" s="613"/>
      <c r="DWB725" s="613"/>
      <c r="DWC725" s="613"/>
      <c r="DWD725" s="613"/>
      <c r="DWE725" s="613"/>
      <c r="DWF725" s="613"/>
      <c r="DWG725" s="613"/>
      <c r="DWH725" s="613"/>
      <c r="DWI725" s="613"/>
      <c r="DWJ725" s="613"/>
      <c r="DWK725" s="613"/>
      <c r="DWL725" s="613"/>
      <c r="DWM725" s="613"/>
      <c r="DWN725" s="613"/>
      <c r="DWO725" s="613"/>
      <c r="DWP725" s="613"/>
      <c r="DWQ725" s="613"/>
      <c r="DWR725" s="613"/>
      <c r="DWS725" s="613"/>
      <c r="DWT725" s="613"/>
      <c r="DWU725" s="613"/>
      <c r="DWV725" s="613"/>
      <c r="DWW725" s="613"/>
      <c r="DWX725" s="613"/>
      <c r="DWY725" s="613"/>
      <c r="DWZ725" s="613"/>
      <c r="DXA725" s="613"/>
      <c r="DXB725" s="613"/>
      <c r="DXC725" s="613"/>
      <c r="DXD725" s="613"/>
      <c r="DXE725" s="613"/>
      <c r="DXF725" s="613"/>
      <c r="DXG725" s="613"/>
      <c r="DXH725" s="613"/>
      <c r="DXI725" s="613"/>
      <c r="DXJ725" s="613"/>
      <c r="DXK725" s="613"/>
      <c r="DXL725" s="613"/>
      <c r="DXM725" s="613"/>
      <c r="DXN725" s="613"/>
      <c r="DXO725" s="613"/>
      <c r="DXP725" s="613"/>
      <c r="DXQ725" s="613"/>
      <c r="DXR725" s="613"/>
      <c r="DXS725" s="613"/>
      <c r="DXT725" s="613"/>
      <c r="DXU725" s="613"/>
      <c r="DXV725" s="613"/>
      <c r="DXW725" s="613"/>
      <c r="DXX725" s="613"/>
      <c r="DXY725" s="613"/>
      <c r="DXZ725" s="613"/>
      <c r="DYA725" s="613"/>
      <c r="DYB725" s="613"/>
      <c r="DYC725" s="613"/>
      <c r="DYD725" s="613"/>
      <c r="DYE725" s="613"/>
      <c r="DYF725" s="613"/>
      <c r="DYG725" s="613"/>
      <c r="DYH725" s="613"/>
      <c r="DYI725" s="613"/>
      <c r="DYJ725" s="613"/>
      <c r="DYK725" s="613"/>
      <c r="DYL725" s="613"/>
      <c r="DYM725" s="613"/>
      <c r="DYN725" s="613"/>
      <c r="DYO725" s="613"/>
      <c r="DYP725" s="613"/>
      <c r="DYQ725" s="613"/>
      <c r="DYR725" s="613"/>
      <c r="DYS725" s="613"/>
      <c r="DYT725" s="613"/>
      <c r="DYU725" s="613"/>
      <c r="DYV725" s="613"/>
      <c r="DYW725" s="613"/>
      <c r="DYX725" s="613"/>
      <c r="DYY725" s="613"/>
      <c r="DYZ725" s="613"/>
      <c r="DZA725" s="613"/>
      <c r="DZB725" s="613"/>
      <c r="DZC725" s="613"/>
      <c r="DZD725" s="613"/>
      <c r="DZE725" s="613"/>
      <c r="DZF725" s="613"/>
      <c r="DZG725" s="613"/>
      <c r="DZH725" s="613"/>
      <c r="DZI725" s="613"/>
      <c r="DZJ725" s="613"/>
      <c r="DZK725" s="613"/>
      <c r="DZL725" s="613"/>
      <c r="DZM725" s="613"/>
      <c r="DZN725" s="613"/>
      <c r="DZO725" s="613"/>
      <c r="DZP725" s="613"/>
      <c r="DZQ725" s="613"/>
      <c r="DZR725" s="613"/>
      <c r="DZS725" s="613"/>
      <c r="DZT725" s="613"/>
      <c r="DZU725" s="613"/>
      <c r="DZV725" s="613"/>
      <c r="DZW725" s="613"/>
      <c r="DZX725" s="613"/>
      <c r="DZY725" s="613"/>
      <c r="DZZ725" s="613"/>
      <c r="EAA725" s="613"/>
      <c r="EAB725" s="613"/>
      <c r="EAC725" s="613"/>
      <c r="EAD725" s="613"/>
      <c r="EAE725" s="613"/>
      <c r="EAF725" s="613"/>
      <c r="EAG725" s="613"/>
      <c r="EAH725" s="613"/>
      <c r="EAI725" s="613"/>
      <c r="EAJ725" s="613"/>
      <c r="EAK725" s="613"/>
      <c r="EAL725" s="613"/>
      <c r="EAM725" s="613"/>
      <c r="EAN725" s="613"/>
      <c r="EAO725" s="613"/>
      <c r="EAP725" s="613"/>
      <c r="EAQ725" s="613"/>
      <c r="EAR725" s="613"/>
      <c r="EAS725" s="613"/>
      <c r="EAT725" s="613"/>
      <c r="EAU725" s="613"/>
      <c r="EAV725" s="613"/>
      <c r="EAW725" s="613"/>
      <c r="EAX725" s="613"/>
      <c r="EAY725" s="613"/>
      <c r="EAZ725" s="613"/>
      <c r="EBA725" s="613"/>
      <c r="EBB725" s="613"/>
      <c r="EBC725" s="613"/>
      <c r="EBD725" s="613"/>
      <c r="EBE725" s="613"/>
      <c r="EBF725" s="613"/>
      <c r="EBG725" s="613"/>
      <c r="EBH725" s="613"/>
      <c r="EBI725" s="613"/>
      <c r="EBJ725" s="613"/>
      <c r="EBK725" s="613"/>
      <c r="EBL725" s="613"/>
      <c r="EBM725" s="613"/>
      <c r="EBN725" s="613"/>
      <c r="EBO725" s="613"/>
      <c r="EBP725" s="613"/>
      <c r="EBQ725" s="613"/>
      <c r="EBR725" s="613"/>
      <c r="EBS725" s="613"/>
      <c r="EBT725" s="613"/>
      <c r="EBU725" s="613"/>
      <c r="EBV725" s="613"/>
      <c r="EBW725" s="613"/>
      <c r="EBX725" s="613"/>
      <c r="EBY725" s="613"/>
      <c r="EBZ725" s="613"/>
      <c r="ECA725" s="613"/>
      <c r="ECB725" s="613"/>
      <c r="ECC725" s="613"/>
      <c r="ECD725" s="613"/>
      <c r="ECE725" s="613"/>
      <c r="ECF725" s="613"/>
      <c r="ECG725" s="613"/>
      <c r="ECH725" s="613"/>
      <c r="ECI725" s="613"/>
      <c r="ECJ725" s="613"/>
      <c r="ECK725" s="613"/>
      <c r="ECL725" s="613"/>
      <c r="ECM725" s="613"/>
      <c r="ECN725" s="613"/>
      <c r="ECO725" s="613"/>
      <c r="ECP725" s="613"/>
      <c r="ECQ725" s="613"/>
      <c r="ECR725" s="613"/>
      <c r="ECS725" s="613"/>
      <c r="ECT725" s="613"/>
      <c r="ECU725" s="613"/>
      <c r="ECV725" s="613"/>
      <c r="ECW725" s="613"/>
      <c r="ECX725" s="613"/>
      <c r="ECY725" s="613"/>
      <c r="ECZ725" s="613"/>
      <c r="EDA725" s="613"/>
      <c r="EDB725" s="613"/>
      <c r="EDC725" s="613"/>
      <c r="EDD725" s="613"/>
      <c r="EDE725" s="613"/>
      <c r="EDF725" s="613"/>
      <c r="EDG725" s="613"/>
      <c r="EDH725" s="613"/>
      <c r="EDI725" s="613"/>
      <c r="EDJ725" s="613"/>
      <c r="EDK725" s="613"/>
      <c r="EDL725" s="613"/>
      <c r="EDM725" s="613"/>
      <c r="EDN725" s="613"/>
      <c r="EDO725" s="613"/>
      <c r="EDP725" s="613"/>
      <c r="EDQ725" s="613"/>
      <c r="EDR725" s="613"/>
      <c r="EDS725" s="613"/>
      <c r="EDT725" s="613"/>
      <c r="EDU725" s="613"/>
      <c r="EDV725" s="613"/>
      <c r="EDW725" s="613"/>
      <c r="EDX725" s="613"/>
      <c r="EDY725" s="613"/>
      <c r="EDZ725" s="613"/>
      <c r="EEA725" s="613"/>
      <c r="EEB725" s="613"/>
      <c r="EEC725" s="613"/>
      <c r="EED725" s="613"/>
      <c r="EEE725" s="613"/>
      <c r="EEF725" s="613"/>
      <c r="EEG725" s="613"/>
      <c r="EEH725" s="613"/>
      <c r="EEI725" s="613"/>
      <c r="EEJ725" s="613"/>
      <c r="EEK725" s="613"/>
      <c r="EEL725" s="613"/>
      <c r="EEM725" s="613"/>
      <c r="EEN725" s="613"/>
      <c r="EEO725" s="613"/>
      <c r="EEP725" s="613"/>
      <c r="EEQ725" s="613"/>
      <c r="EER725" s="613"/>
      <c r="EES725" s="613"/>
      <c r="EET725" s="613"/>
      <c r="EEU725" s="613"/>
      <c r="EEV725" s="613"/>
      <c r="EEW725" s="613"/>
      <c r="EEX725" s="613"/>
      <c r="EEY725" s="613"/>
      <c r="EEZ725" s="613"/>
      <c r="EFA725" s="613"/>
      <c r="EFB725" s="613"/>
      <c r="EFC725" s="613"/>
      <c r="EFD725" s="613"/>
      <c r="EFE725" s="613"/>
      <c r="EFF725" s="613"/>
      <c r="EFG725" s="613"/>
      <c r="EFH725" s="613"/>
      <c r="EFI725" s="613"/>
      <c r="EFJ725" s="613"/>
      <c r="EFK725" s="613"/>
      <c r="EFL725" s="613"/>
      <c r="EFM725" s="613"/>
      <c r="EFN725" s="613"/>
      <c r="EFO725" s="613"/>
      <c r="EFP725" s="613"/>
      <c r="EFQ725" s="613"/>
      <c r="EFR725" s="613"/>
      <c r="EFS725" s="613"/>
      <c r="EFT725" s="613"/>
      <c r="EFU725" s="613"/>
      <c r="EFV725" s="613"/>
      <c r="EFW725" s="613"/>
      <c r="EFX725" s="613"/>
      <c r="EFY725" s="613"/>
      <c r="EFZ725" s="613"/>
      <c r="EGA725" s="613"/>
      <c r="EGB725" s="613"/>
      <c r="EGC725" s="613"/>
      <c r="EGD725" s="613"/>
      <c r="EGE725" s="613"/>
      <c r="EGF725" s="613"/>
      <c r="EGG725" s="613"/>
      <c r="EGH725" s="613"/>
      <c r="EGI725" s="613"/>
      <c r="EGJ725" s="613"/>
      <c r="EGK725" s="613"/>
      <c r="EGL725" s="613"/>
      <c r="EGM725" s="613"/>
      <c r="EGN725" s="613"/>
      <c r="EGO725" s="613"/>
      <c r="EGP725" s="613"/>
      <c r="EGQ725" s="613"/>
      <c r="EGR725" s="613"/>
      <c r="EGS725" s="613"/>
      <c r="EGT725" s="613"/>
      <c r="EGU725" s="613"/>
      <c r="EGV725" s="613"/>
      <c r="EGW725" s="613"/>
      <c r="EGX725" s="613"/>
      <c r="EGY725" s="613"/>
      <c r="EGZ725" s="613"/>
      <c r="EHA725" s="613"/>
      <c r="EHB725" s="613"/>
      <c r="EHC725" s="613"/>
      <c r="EHD725" s="613"/>
      <c r="EHE725" s="613"/>
      <c r="EHF725" s="613"/>
      <c r="EHG725" s="613"/>
      <c r="EHH725" s="613"/>
      <c r="EHI725" s="613"/>
      <c r="EHJ725" s="613"/>
      <c r="EHK725" s="613"/>
      <c r="EHL725" s="613"/>
      <c r="EHM725" s="613"/>
      <c r="EHN725" s="613"/>
      <c r="EHO725" s="613"/>
      <c r="EHP725" s="613"/>
      <c r="EHQ725" s="613"/>
      <c r="EHR725" s="613"/>
      <c r="EHS725" s="613"/>
      <c r="EHT725" s="613"/>
      <c r="EHU725" s="613"/>
      <c r="EHV725" s="613"/>
      <c r="EHW725" s="613"/>
      <c r="EHX725" s="613"/>
      <c r="EHY725" s="613"/>
      <c r="EHZ725" s="613"/>
      <c r="EIA725" s="613"/>
      <c r="EIB725" s="613"/>
      <c r="EIC725" s="613"/>
      <c r="EID725" s="613"/>
      <c r="EIE725" s="613"/>
      <c r="EIF725" s="613"/>
      <c r="EIG725" s="613"/>
      <c r="EIH725" s="613"/>
      <c r="EII725" s="613"/>
      <c r="EIJ725" s="613"/>
      <c r="EIK725" s="613"/>
      <c r="EIL725" s="613"/>
      <c r="EIM725" s="613"/>
      <c r="EIN725" s="613"/>
      <c r="EIO725" s="613"/>
      <c r="EIP725" s="613"/>
      <c r="EIQ725" s="613"/>
      <c r="EIR725" s="613"/>
      <c r="EIS725" s="613"/>
      <c r="EIT725" s="613"/>
      <c r="EIU725" s="613"/>
      <c r="EIV725" s="613"/>
      <c r="EIW725" s="613"/>
      <c r="EIX725" s="613"/>
      <c r="EIY725" s="613"/>
      <c r="EIZ725" s="613"/>
      <c r="EJA725" s="613"/>
      <c r="EJB725" s="613"/>
      <c r="EJC725" s="613"/>
      <c r="EJD725" s="613"/>
      <c r="EJE725" s="613"/>
      <c r="EJF725" s="613"/>
      <c r="EJG725" s="613"/>
      <c r="EJH725" s="613"/>
      <c r="EJI725" s="613"/>
      <c r="EJJ725" s="613"/>
      <c r="EJK725" s="613"/>
      <c r="EJL725" s="613"/>
      <c r="EJM725" s="613"/>
      <c r="EJN725" s="613"/>
      <c r="EJO725" s="613"/>
      <c r="EJP725" s="613"/>
      <c r="EJQ725" s="613"/>
      <c r="EJR725" s="613"/>
      <c r="EJS725" s="613"/>
      <c r="EJT725" s="613"/>
      <c r="EJU725" s="613"/>
      <c r="EJV725" s="613"/>
      <c r="EJW725" s="613"/>
      <c r="EJX725" s="613"/>
      <c r="EJY725" s="613"/>
      <c r="EJZ725" s="613"/>
      <c r="EKA725" s="613"/>
      <c r="EKB725" s="613"/>
      <c r="EKC725" s="613"/>
      <c r="EKD725" s="613"/>
      <c r="EKE725" s="613"/>
      <c r="EKF725" s="613"/>
      <c r="EKG725" s="613"/>
      <c r="EKH725" s="613"/>
      <c r="EKI725" s="613"/>
      <c r="EKJ725" s="613"/>
      <c r="EKK725" s="613"/>
      <c r="EKL725" s="613"/>
      <c r="EKM725" s="613"/>
      <c r="EKN725" s="613"/>
      <c r="EKO725" s="613"/>
      <c r="EKP725" s="613"/>
      <c r="EKQ725" s="613"/>
      <c r="EKR725" s="613"/>
      <c r="EKS725" s="613"/>
      <c r="EKT725" s="613"/>
      <c r="EKU725" s="613"/>
      <c r="EKV725" s="613"/>
      <c r="EKW725" s="613"/>
      <c r="EKX725" s="613"/>
      <c r="EKY725" s="613"/>
      <c r="EKZ725" s="613"/>
      <c r="ELA725" s="613"/>
      <c r="ELB725" s="613"/>
      <c r="ELC725" s="613"/>
      <c r="ELD725" s="613"/>
      <c r="ELE725" s="613"/>
      <c r="ELF725" s="613"/>
      <c r="ELG725" s="613"/>
      <c r="ELH725" s="613"/>
      <c r="ELI725" s="613"/>
      <c r="ELJ725" s="613"/>
      <c r="ELK725" s="613"/>
      <c r="ELL725" s="613"/>
      <c r="ELM725" s="613"/>
      <c r="ELN725" s="613"/>
      <c r="ELO725" s="613"/>
      <c r="ELP725" s="613"/>
      <c r="ELQ725" s="613"/>
      <c r="ELR725" s="613"/>
      <c r="ELS725" s="613"/>
      <c r="ELT725" s="613"/>
      <c r="ELU725" s="613"/>
      <c r="ELV725" s="613"/>
      <c r="ELW725" s="613"/>
      <c r="ELX725" s="613"/>
      <c r="ELY725" s="613"/>
      <c r="ELZ725" s="613"/>
      <c r="EMA725" s="613"/>
      <c r="EMB725" s="613"/>
      <c r="EMC725" s="613"/>
      <c r="EMD725" s="613"/>
      <c r="EME725" s="613"/>
      <c r="EMF725" s="613"/>
      <c r="EMG725" s="613"/>
      <c r="EMH725" s="613"/>
      <c r="EMI725" s="613"/>
      <c r="EMJ725" s="613"/>
      <c r="EMK725" s="613"/>
      <c r="EML725" s="613"/>
      <c r="EMM725" s="613"/>
      <c r="EMN725" s="613"/>
      <c r="EMO725" s="613"/>
      <c r="EMP725" s="613"/>
      <c r="EMQ725" s="613"/>
      <c r="EMR725" s="613"/>
      <c r="EMS725" s="613"/>
      <c r="EMT725" s="613"/>
      <c r="EMU725" s="613"/>
      <c r="EMV725" s="613"/>
      <c r="EMW725" s="613"/>
      <c r="EMX725" s="613"/>
      <c r="EMY725" s="613"/>
      <c r="EMZ725" s="613"/>
      <c r="ENA725" s="613"/>
      <c r="ENB725" s="613"/>
      <c r="ENC725" s="613"/>
      <c r="END725" s="613"/>
      <c r="ENE725" s="613"/>
      <c r="ENF725" s="613"/>
      <c r="ENG725" s="613"/>
      <c r="ENH725" s="613"/>
      <c r="ENI725" s="613"/>
      <c r="ENJ725" s="613"/>
      <c r="ENK725" s="613"/>
      <c r="ENL725" s="613"/>
      <c r="ENM725" s="613"/>
      <c r="ENN725" s="613"/>
      <c r="ENO725" s="613"/>
      <c r="ENP725" s="613"/>
      <c r="ENQ725" s="613"/>
      <c r="ENR725" s="613"/>
      <c r="ENS725" s="613"/>
      <c r="ENT725" s="613"/>
      <c r="ENU725" s="613"/>
      <c r="ENV725" s="613"/>
      <c r="ENW725" s="613"/>
      <c r="ENX725" s="613"/>
      <c r="ENY725" s="613"/>
      <c r="ENZ725" s="613"/>
      <c r="EOA725" s="613"/>
      <c r="EOB725" s="613"/>
      <c r="EOC725" s="613"/>
      <c r="EOD725" s="613"/>
      <c r="EOE725" s="613"/>
      <c r="EOF725" s="613"/>
      <c r="EOG725" s="613"/>
      <c r="EOH725" s="613"/>
      <c r="EOI725" s="613"/>
      <c r="EOJ725" s="613"/>
      <c r="EOK725" s="613"/>
      <c r="EOL725" s="613"/>
      <c r="EOM725" s="613"/>
      <c r="EON725" s="613"/>
      <c r="EOO725" s="613"/>
      <c r="EOP725" s="613"/>
      <c r="EOQ725" s="613"/>
      <c r="EOR725" s="613"/>
      <c r="EOS725" s="613"/>
      <c r="EOT725" s="613"/>
      <c r="EOU725" s="613"/>
      <c r="EOV725" s="613"/>
      <c r="EOW725" s="613"/>
      <c r="EOX725" s="613"/>
      <c r="EOY725" s="613"/>
      <c r="EOZ725" s="613"/>
      <c r="EPA725" s="613"/>
      <c r="EPB725" s="613"/>
      <c r="EPC725" s="613"/>
      <c r="EPD725" s="613"/>
      <c r="EPE725" s="613"/>
      <c r="EPF725" s="613"/>
      <c r="EPG725" s="613"/>
      <c r="EPH725" s="613"/>
      <c r="EPI725" s="613"/>
      <c r="EPJ725" s="613"/>
      <c r="EPK725" s="613"/>
      <c r="EPL725" s="613"/>
      <c r="EPM725" s="613"/>
      <c r="EPN725" s="613"/>
      <c r="EPO725" s="613"/>
      <c r="EPP725" s="613"/>
      <c r="EPQ725" s="613"/>
      <c r="EPR725" s="613"/>
      <c r="EPS725" s="613"/>
      <c r="EPT725" s="613"/>
      <c r="EPU725" s="613"/>
      <c r="EPV725" s="613"/>
      <c r="EPW725" s="613"/>
      <c r="EPX725" s="613"/>
      <c r="EPY725" s="613"/>
      <c r="EPZ725" s="613"/>
      <c r="EQA725" s="613"/>
      <c r="EQB725" s="613"/>
      <c r="EQC725" s="613"/>
      <c r="EQD725" s="613"/>
      <c r="EQE725" s="613"/>
      <c r="EQF725" s="613"/>
      <c r="EQG725" s="613"/>
      <c r="EQH725" s="613"/>
      <c r="EQI725" s="613"/>
      <c r="EQJ725" s="613"/>
      <c r="EQK725" s="613"/>
      <c r="EQL725" s="613"/>
      <c r="EQM725" s="613"/>
      <c r="EQN725" s="613"/>
      <c r="EQO725" s="613"/>
      <c r="EQP725" s="613"/>
      <c r="EQQ725" s="613"/>
      <c r="EQR725" s="613"/>
      <c r="EQS725" s="613"/>
      <c r="EQT725" s="613"/>
      <c r="EQU725" s="613"/>
      <c r="EQV725" s="613"/>
      <c r="EQW725" s="613"/>
      <c r="EQX725" s="613"/>
      <c r="EQY725" s="613"/>
      <c r="EQZ725" s="613"/>
      <c r="ERA725" s="613"/>
      <c r="ERB725" s="613"/>
      <c r="ERC725" s="613"/>
      <c r="ERD725" s="613"/>
      <c r="ERE725" s="613"/>
      <c r="ERF725" s="613"/>
      <c r="ERG725" s="613"/>
      <c r="ERH725" s="613"/>
      <c r="ERI725" s="613"/>
      <c r="ERJ725" s="613"/>
      <c r="ERK725" s="613"/>
      <c r="ERL725" s="613"/>
      <c r="ERM725" s="613"/>
      <c r="ERN725" s="613"/>
      <c r="ERO725" s="613"/>
      <c r="ERP725" s="613"/>
      <c r="ERQ725" s="613"/>
      <c r="ERR725" s="613"/>
      <c r="ERS725" s="613"/>
      <c r="ERT725" s="613"/>
      <c r="ERU725" s="613"/>
      <c r="ERV725" s="613"/>
      <c r="ERW725" s="613"/>
      <c r="ERX725" s="613"/>
      <c r="ERY725" s="613"/>
      <c r="ERZ725" s="613"/>
      <c r="ESA725" s="613"/>
      <c r="ESB725" s="613"/>
      <c r="ESC725" s="613"/>
      <c r="ESD725" s="613"/>
      <c r="ESE725" s="613"/>
      <c r="ESF725" s="613"/>
      <c r="ESG725" s="613"/>
      <c r="ESH725" s="613"/>
      <c r="ESI725" s="613"/>
      <c r="ESJ725" s="613"/>
      <c r="ESK725" s="613"/>
      <c r="ESL725" s="613"/>
      <c r="ESM725" s="613"/>
      <c r="ESN725" s="613"/>
      <c r="ESO725" s="613"/>
      <c r="ESP725" s="613"/>
      <c r="ESQ725" s="613"/>
      <c r="ESR725" s="613"/>
      <c r="ESS725" s="613"/>
      <c r="EST725" s="613"/>
      <c r="ESU725" s="613"/>
      <c r="ESV725" s="613"/>
      <c r="ESW725" s="613"/>
      <c r="ESX725" s="613"/>
      <c r="ESY725" s="613"/>
      <c r="ESZ725" s="613"/>
      <c r="ETA725" s="613"/>
      <c r="ETB725" s="613"/>
      <c r="ETC725" s="613"/>
      <c r="ETD725" s="613"/>
      <c r="ETE725" s="613"/>
      <c r="ETF725" s="613"/>
      <c r="ETG725" s="613"/>
      <c r="ETH725" s="613"/>
      <c r="ETI725" s="613"/>
      <c r="ETJ725" s="613"/>
      <c r="ETK725" s="613"/>
      <c r="ETL725" s="613"/>
      <c r="ETM725" s="613"/>
      <c r="ETN725" s="613"/>
      <c r="ETO725" s="613"/>
      <c r="ETP725" s="613"/>
      <c r="ETQ725" s="613"/>
      <c r="ETR725" s="613"/>
      <c r="ETS725" s="613"/>
      <c r="ETT725" s="613"/>
      <c r="ETU725" s="613"/>
      <c r="ETV725" s="613"/>
      <c r="ETW725" s="613"/>
      <c r="ETX725" s="613"/>
      <c r="ETY725" s="613"/>
      <c r="ETZ725" s="613"/>
      <c r="EUA725" s="613"/>
      <c r="EUB725" s="613"/>
      <c r="EUC725" s="613"/>
      <c r="EUD725" s="613"/>
      <c r="EUE725" s="613"/>
      <c r="EUF725" s="613"/>
      <c r="EUG725" s="613"/>
      <c r="EUH725" s="613"/>
      <c r="EUI725" s="613"/>
      <c r="EUJ725" s="613"/>
      <c r="EUK725" s="613"/>
      <c r="EUL725" s="613"/>
      <c r="EUM725" s="613"/>
      <c r="EUN725" s="613"/>
      <c r="EUO725" s="613"/>
      <c r="EUP725" s="613"/>
      <c r="EUQ725" s="613"/>
      <c r="EUR725" s="613"/>
      <c r="EUS725" s="613"/>
      <c r="EUT725" s="613"/>
      <c r="EUU725" s="613"/>
      <c r="EUV725" s="613"/>
      <c r="EUW725" s="613"/>
      <c r="EUX725" s="613"/>
      <c r="EUY725" s="613"/>
      <c r="EUZ725" s="613"/>
      <c r="EVA725" s="613"/>
      <c r="EVB725" s="613"/>
      <c r="EVC725" s="613"/>
      <c r="EVD725" s="613"/>
      <c r="EVE725" s="613"/>
      <c r="EVF725" s="613"/>
      <c r="EVG725" s="613"/>
      <c r="EVH725" s="613"/>
      <c r="EVI725" s="613"/>
      <c r="EVJ725" s="613"/>
      <c r="EVK725" s="613"/>
      <c r="EVL725" s="613"/>
      <c r="EVM725" s="613"/>
      <c r="EVN725" s="613"/>
      <c r="EVO725" s="613"/>
      <c r="EVP725" s="613"/>
      <c r="EVQ725" s="613"/>
      <c r="EVR725" s="613"/>
      <c r="EVS725" s="613"/>
      <c r="EVT725" s="613"/>
      <c r="EVU725" s="613"/>
      <c r="EVV725" s="613"/>
      <c r="EVW725" s="613"/>
      <c r="EVX725" s="613"/>
      <c r="EVY725" s="613"/>
      <c r="EVZ725" s="613"/>
      <c r="EWA725" s="613"/>
      <c r="EWB725" s="613"/>
      <c r="EWC725" s="613"/>
      <c r="EWD725" s="613"/>
      <c r="EWE725" s="613"/>
      <c r="EWF725" s="613"/>
      <c r="EWG725" s="613"/>
      <c r="EWH725" s="613"/>
      <c r="EWI725" s="613"/>
      <c r="EWJ725" s="613"/>
      <c r="EWK725" s="613"/>
      <c r="EWL725" s="613"/>
      <c r="EWM725" s="613"/>
      <c r="EWN725" s="613"/>
      <c r="EWO725" s="613"/>
      <c r="EWP725" s="613"/>
      <c r="EWQ725" s="613"/>
      <c r="EWR725" s="613"/>
      <c r="EWS725" s="613"/>
      <c r="EWT725" s="613"/>
      <c r="EWU725" s="613"/>
      <c r="EWV725" s="613"/>
      <c r="EWW725" s="613"/>
      <c r="EWX725" s="613"/>
      <c r="EWY725" s="613"/>
      <c r="EWZ725" s="613"/>
      <c r="EXA725" s="613"/>
      <c r="EXB725" s="613"/>
      <c r="EXC725" s="613"/>
      <c r="EXD725" s="613"/>
      <c r="EXE725" s="613"/>
      <c r="EXF725" s="613"/>
      <c r="EXG725" s="613"/>
      <c r="EXH725" s="613"/>
      <c r="EXI725" s="613"/>
      <c r="EXJ725" s="613"/>
      <c r="EXK725" s="613"/>
      <c r="EXL725" s="613"/>
      <c r="EXM725" s="613"/>
      <c r="EXN725" s="613"/>
      <c r="EXO725" s="613"/>
      <c r="EXP725" s="613"/>
      <c r="EXQ725" s="613"/>
      <c r="EXR725" s="613"/>
      <c r="EXS725" s="613"/>
      <c r="EXT725" s="613"/>
      <c r="EXU725" s="613"/>
      <c r="EXV725" s="613"/>
      <c r="EXW725" s="613"/>
      <c r="EXX725" s="613"/>
      <c r="EXY725" s="613"/>
      <c r="EXZ725" s="613"/>
      <c r="EYA725" s="613"/>
      <c r="EYB725" s="613"/>
      <c r="EYC725" s="613"/>
      <c r="EYD725" s="613"/>
      <c r="EYE725" s="613"/>
      <c r="EYF725" s="613"/>
      <c r="EYG725" s="613"/>
      <c r="EYH725" s="613"/>
      <c r="EYI725" s="613"/>
      <c r="EYJ725" s="613"/>
      <c r="EYK725" s="613"/>
      <c r="EYL725" s="613"/>
      <c r="EYM725" s="613"/>
      <c r="EYN725" s="613"/>
      <c r="EYO725" s="613"/>
      <c r="EYP725" s="613"/>
      <c r="EYQ725" s="613"/>
      <c r="EYR725" s="613"/>
      <c r="EYS725" s="613"/>
      <c r="EYT725" s="613"/>
      <c r="EYU725" s="613"/>
      <c r="EYV725" s="613"/>
      <c r="EYW725" s="613"/>
      <c r="EYX725" s="613"/>
      <c r="EYY725" s="613"/>
      <c r="EYZ725" s="613"/>
      <c r="EZA725" s="613"/>
      <c r="EZB725" s="613"/>
      <c r="EZC725" s="613"/>
      <c r="EZD725" s="613"/>
      <c r="EZE725" s="613"/>
      <c r="EZF725" s="613"/>
      <c r="EZG725" s="613"/>
      <c r="EZH725" s="613"/>
      <c r="EZI725" s="613"/>
      <c r="EZJ725" s="613"/>
      <c r="EZK725" s="613"/>
      <c r="EZL725" s="613"/>
      <c r="EZM725" s="613"/>
      <c r="EZN725" s="613"/>
      <c r="EZO725" s="613"/>
      <c r="EZP725" s="613"/>
      <c r="EZQ725" s="613"/>
      <c r="EZR725" s="613"/>
      <c r="EZS725" s="613"/>
      <c r="EZT725" s="613"/>
      <c r="EZU725" s="613"/>
      <c r="EZV725" s="613"/>
      <c r="EZW725" s="613"/>
      <c r="EZX725" s="613"/>
      <c r="EZY725" s="613"/>
      <c r="EZZ725" s="613"/>
      <c r="FAA725" s="613"/>
      <c r="FAB725" s="613"/>
      <c r="FAC725" s="613"/>
      <c r="FAD725" s="613"/>
      <c r="FAE725" s="613"/>
      <c r="FAF725" s="613"/>
      <c r="FAG725" s="613"/>
      <c r="FAH725" s="613"/>
      <c r="FAI725" s="613"/>
      <c r="FAJ725" s="613"/>
      <c r="FAK725" s="613"/>
      <c r="FAL725" s="613"/>
      <c r="FAM725" s="613"/>
      <c r="FAN725" s="613"/>
      <c r="FAO725" s="613"/>
      <c r="FAP725" s="613"/>
      <c r="FAQ725" s="613"/>
      <c r="FAR725" s="613"/>
      <c r="FAS725" s="613"/>
      <c r="FAT725" s="613"/>
      <c r="FAU725" s="613"/>
      <c r="FAV725" s="613"/>
      <c r="FAW725" s="613"/>
      <c r="FAX725" s="613"/>
      <c r="FAY725" s="613"/>
      <c r="FAZ725" s="613"/>
      <c r="FBA725" s="613"/>
      <c r="FBB725" s="613"/>
      <c r="FBC725" s="613"/>
      <c r="FBD725" s="613"/>
      <c r="FBE725" s="613"/>
      <c r="FBF725" s="613"/>
      <c r="FBG725" s="613"/>
      <c r="FBH725" s="613"/>
      <c r="FBI725" s="613"/>
      <c r="FBJ725" s="613"/>
      <c r="FBK725" s="613"/>
      <c r="FBL725" s="613"/>
      <c r="FBM725" s="613"/>
      <c r="FBN725" s="613"/>
      <c r="FBO725" s="613"/>
      <c r="FBP725" s="613"/>
      <c r="FBQ725" s="613"/>
      <c r="FBR725" s="613"/>
      <c r="FBS725" s="613"/>
      <c r="FBT725" s="613"/>
      <c r="FBU725" s="613"/>
      <c r="FBV725" s="613"/>
      <c r="FBW725" s="613"/>
      <c r="FBX725" s="613"/>
      <c r="FBY725" s="613"/>
      <c r="FBZ725" s="613"/>
      <c r="FCA725" s="613"/>
      <c r="FCB725" s="613"/>
      <c r="FCC725" s="613"/>
      <c r="FCD725" s="613"/>
      <c r="FCE725" s="613"/>
      <c r="FCF725" s="613"/>
      <c r="FCG725" s="613"/>
      <c r="FCH725" s="613"/>
      <c r="FCI725" s="613"/>
      <c r="FCJ725" s="613"/>
      <c r="FCK725" s="613"/>
      <c r="FCL725" s="613"/>
      <c r="FCM725" s="613"/>
      <c r="FCN725" s="613"/>
      <c r="FCO725" s="613"/>
      <c r="FCP725" s="613"/>
      <c r="FCQ725" s="613"/>
      <c r="FCR725" s="613"/>
      <c r="FCS725" s="613"/>
      <c r="FCT725" s="613"/>
      <c r="FCU725" s="613"/>
      <c r="FCV725" s="613"/>
      <c r="FCW725" s="613"/>
      <c r="FCX725" s="613"/>
      <c r="FCY725" s="613"/>
      <c r="FCZ725" s="613"/>
      <c r="FDA725" s="613"/>
      <c r="FDB725" s="613"/>
      <c r="FDC725" s="613"/>
      <c r="FDD725" s="613"/>
      <c r="FDE725" s="613"/>
      <c r="FDF725" s="613"/>
      <c r="FDG725" s="613"/>
      <c r="FDH725" s="613"/>
      <c r="FDI725" s="613"/>
      <c r="FDJ725" s="613"/>
      <c r="FDK725" s="613"/>
      <c r="FDL725" s="613"/>
      <c r="FDM725" s="613"/>
      <c r="FDN725" s="613"/>
      <c r="FDO725" s="613"/>
      <c r="FDP725" s="613"/>
      <c r="FDQ725" s="613"/>
      <c r="FDR725" s="613"/>
      <c r="FDS725" s="613"/>
      <c r="FDT725" s="613"/>
      <c r="FDU725" s="613"/>
      <c r="FDV725" s="613"/>
      <c r="FDW725" s="613"/>
      <c r="FDX725" s="613"/>
      <c r="FDY725" s="613"/>
      <c r="FDZ725" s="613"/>
      <c r="FEA725" s="613"/>
      <c r="FEB725" s="613"/>
      <c r="FEC725" s="613"/>
      <c r="FED725" s="613"/>
      <c r="FEE725" s="613"/>
      <c r="FEF725" s="613"/>
      <c r="FEG725" s="613"/>
      <c r="FEH725" s="613"/>
      <c r="FEI725" s="613"/>
      <c r="FEJ725" s="613"/>
      <c r="FEK725" s="613"/>
      <c r="FEL725" s="613"/>
      <c r="FEM725" s="613"/>
      <c r="FEN725" s="613"/>
      <c r="FEO725" s="613"/>
      <c r="FEP725" s="613"/>
      <c r="FEQ725" s="613"/>
      <c r="FER725" s="613"/>
      <c r="FES725" s="613"/>
      <c r="FET725" s="613"/>
      <c r="FEU725" s="613"/>
      <c r="FEV725" s="613"/>
      <c r="FEW725" s="613"/>
      <c r="FEX725" s="613"/>
      <c r="FEY725" s="613"/>
      <c r="FEZ725" s="613"/>
      <c r="FFA725" s="613"/>
      <c r="FFB725" s="613"/>
      <c r="FFC725" s="613"/>
      <c r="FFD725" s="613"/>
      <c r="FFE725" s="613"/>
      <c r="FFF725" s="613"/>
      <c r="FFG725" s="613"/>
      <c r="FFH725" s="613"/>
      <c r="FFI725" s="613"/>
      <c r="FFJ725" s="613"/>
      <c r="FFK725" s="613"/>
      <c r="FFL725" s="613"/>
      <c r="FFM725" s="613"/>
      <c r="FFN725" s="613"/>
      <c r="FFO725" s="613"/>
      <c r="FFP725" s="613"/>
      <c r="FFQ725" s="613"/>
      <c r="FFR725" s="613"/>
      <c r="FFS725" s="613"/>
      <c r="FFT725" s="613"/>
      <c r="FFU725" s="613"/>
      <c r="FFV725" s="613"/>
      <c r="FFW725" s="613"/>
      <c r="FFX725" s="613"/>
      <c r="FFY725" s="613"/>
      <c r="FFZ725" s="613"/>
      <c r="FGA725" s="613"/>
      <c r="FGB725" s="613"/>
      <c r="FGC725" s="613"/>
      <c r="FGD725" s="613"/>
      <c r="FGE725" s="613"/>
      <c r="FGF725" s="613"/>
      <c r="FGG725" s="613"/>
      <c r="FGH725" s="613"/>
      <c r="FGI725" s="613"/>
      <c r="FGJ725" s="613"/>
      <c r="FGK725" s="613"/>
      <c r="FGL725" s="613"/>
      <c r="FGM725" s="613"/>
      <c r="FGN725" s="613"/>
      <c r="FGO725" s="613"/>
      <c r="FGP725" s="613"/>
      <c r="FGQ725" s="613"/>
      <c r="FGR725" s="613"/>
      <c r="FGS725" s="613"/>
      <c r="FGT725" s="613"/>
      <c r="FGU725" s="613"/>
      <c r="FGV725" s="613"/>
      <c r="FGW725" s="613"/>
      <c r="FGX725" s="613"/>
      <c r="FGY725" s="613"/>
      <c r="FGZ725" s="613"/>
      <c r="FHA725" s="613"/>
      <c r="FHB725" s="613"/>
      <c r="FHC725" s="613"/>
      <c r="FHD725" s="613"/>
      <c r="FHE725" s="613"/>
      <c r="FHF725" s="613"/>
      <c r="FHG725" s="613"/>
      <c r="FHH725" s="613"/>
      <c r="FHI725" s="613"/>
      <c r="FHJ725" s="613"/>
      <c r="FHK725" s="613"/>
      <c r="FHL725" s="613"/>
      <c r="FHM725" s="613"/>
      <c r="FHN725" s="613"/>
      <c r="FHO725" s="613"/>
      <c r="FHP725" s="613"/>
      <c r="FHQ725" s="613"/>
      <c r="FHR725" s="613"/>
      <c r="FHS725" s="613"/>
      <c r="FHT725" s="613"/>
      <c r="FHU725" s="613"/>
      <c r="FHV725" s="613"/>
      <c r="FHW725" s="613"/>
      <c r="FHX725" s="613"/>
      <c r="FHY725" s="613"/>
      <c r="FHZ725" s="613"/>
      <c r="FIA725" s="613"/>
      <c r="FIB725" s="613"/>
      <c r="FIC725" s="613"/>
      <c r="FID725" s="613"/>
      <c r="FIE725" s="613"/>
      <c r="FIF725" s="613"/>
      <c r="FIG725" s="613"/>
      <c r="FIH725" s="613"/>
      <c r="FII725" s="613"/>
      <c r="FIJ725" s="613"/>
      <c r="FIK725" s="613"/>
      <c r="FIL725" s="613"/>
      <c r="FIM725" s="613"/>
      <c r="FIN725" s="613"/>
      <c r="FIO725" s="613"/>
      <c r="FIP725" s="613"/>
      <c r="FIQ725" s="613"/>
      <c r="FIR725" s="613"/>
      <c r="FIS725" s="613"/>
      <c r="FIT725" s="613"/>
      <c r="FIU725" s="613"/>
      <c r="FIV725" s="613"/>
      <c r="FIW725" s="613"/>
      <c r="FIX725" s="613"/>
      <c r="FIY725" s="613"/>
      <c r="FIZ725" s="613"/>
      <c r="FJA725" s="613"/>
      <c r="FJB725" s="613"/>
      <c r="FJC725" s="613"/>
      <c r="FJD725" s="613"/>
      <c r="FJE725" s="613"/>
      <c r="FJF725" s="613"/>
      <c r="FJG725" s="613"/>
      <c r="FJH725" s="613"/>
      <c r="FJI725" s="613"/>
      <c r="FJJ725" s="613"/>
      <c r="FJK725" s="613"/>
      <c r="FJL725" s="613"/>
      <c r="FJM725" s="613"/>
      <c r="FJN725" s="613"/>
      <c r="FJO725" s="613"/>
      <c r="FJP725" s="613"/>
      <c r="FJQ725" s="613"/>
      <c r="FJR725" s="613"/>
      <c r="FJS725" s="613"/>
      <c r="FJT725" s="613"/>
      <c r="FJU725" s="613"/>
      <c r="FJV725" s="613"/>
      <c r="FJW725" s="613"/>
      <c r="FJX725" s="613"/>
      <c r="FJY725" s="613"/>
      <c r="FJZ725" s="613"/>
      <c r="FKA725" s="613"/>
      <c r="FKB725" s="613"/>
      <c r="FKC725" s="613"/>
      <c r="FKD725" s="613"/>
      <c r="FKE725" s="613"/>
      <c r="FKF725" s="613"/>
      <c r="FKG725" s="613"/>
      <c r="FKH725" s="613"/>
      <c r="FKI725" s="613"/>
      <c r="FKJ725" s="613"/>
      <c r="FKK725" s="613"/>
      <c r="FKL725" s="613"/>
      <c r="FKM725" s="613"/>
      <c r="FKN725" s="613"/>
      <c r="FKO725" s="613"/>
      <c r="FKP725" s="613"/>
      <c r="FKQ725" s="613"/>
      <c r="FKR725" s="613"/>
      <c r="FKS725" s="613"/>
      <c r="FKT725" s="613"/>
      <c r="FKU725" s="613"/>
      <c r="FKV725" s="613"/>
      <c r="FKW725" s="613"/>
      <c r="FKX725" s="613"/>
      <c r="FKY725" s="613"/>
      <c r="FKZ725" s="613"/>
      <c r="FLA725" s="613"/>
      <c r="FLB725" s="613"/>
      <c r="FLC725" s="613"/>
      <c r="FLD725" s="613"/>
      <c r="FLE725" s="613"/>
      <c r="FLF725" s="613"/>
      <c r="FLG725" s="613"/>
      <c r="FLH725" s="613"/>
      <c r="FLI725" s="613"/>
      <c r="FLJ725" s="613"/>
      <c r="FLK725" s="613"/>
      <c r="FLL725" s="613"/>
      <c r="FLM725" s="613"/>
      <c r="FLN725" s="613"/>
      <c r="FLO725" s="613"/>
      <c r="FLP725" s="613"/>
      <c r="FLQ725" s="613"/>
      <c r="FLR725" s="613"/>
      <c r="FLS725" s="613"/>
      <c r="FLT725" s="613"/>
      <c r="FLU725" s="613"/>
      <c r="FLV725" s="613"/>
      <c r="FLW725" s="613"/>
      <c r="FLX725" s="613"/>
      <c r="FLY725" s="613"/>
      <c r="FLZ725" s="613"/>
      <c r="FMA725" s="613"/>
      <c r="FMB725" s="613"/>
      <c r="FMC725" s="613"/>
      <c r="FMD725" s="613"/>
      <c r="FME725" s="613"/>
      <c r="FMF725" s="613"/>
      <c r="FMG725" s="613"/>
      <c r="FMH725" s="613"/>
      <c r="FMI725" s="613"/>
      <c r="FMJ725" s="613"/>
      <c r="FMK725" s="613"/>
      <c r="FML725" s="613"/>
      <c r="FMM725" s="613"/>
      <c r="FMN725" s="613"/>
      <c r="FMO725" s="613"/>
      <c r="FMP725" s="613"/>
      <c r="FMQ725" s="613"/>
      <c r="FMR725" s="613"/>
      <c r="FMS725" s="613"/>
      <c r="FMT725" s="613"/>
      <c r="FMU725" s="613"/>
      <c r="FMV725" s="613"/>
      <c r="FMW725" s="613"/>
      <c r="FMX725" s="613"/>
      <c r="FMY725" s="613"/>
      <c r="FMZ725" s="613"/>
      <c r="FNA725" s="613"/>
      <c r="FNB725" s="613"/>
      <c r="FNC725" s="613"/>
      <c r="FND725" s="613"/>
      <c r="FNE725" s="613"/>
      <c r="FNF725" s="613"/>
      <c r="FNG725" s="613"/>
      <c r="FNH725" s="613"/>
      <c r="FNI725" s="613"/>
      <c r="FNJ725" s="613"/>
      <c r="FNK725" s="613"/>
      <c r="FNL725" s="613"/>
      <c r="FNM725" s="613"/>
      <c r="FNN725" s="613"/>
      <c r="FNO725" s="613"/>
      <c r="FNP725" s="613"/>
      <c r="FNQ725" s="613"/>
      <c r="FNR725" s="613"/>
      <c r="FNS725" s="613"/>
      <c r="FNT725" s="613"/>
      <c r="FNU725" s="613"/>
      <c r="FNV725" s="613"/>
      <c r="FNW725" s="613"/>
      <c r="FNX725" s="613"/>
      <c r="FNY725" s="613"/>
      <c r="FNZ725" s="613"/>
      <c r="FOA725" s="613"/>
      <c r="FOB725" s="613"/>
      <c r="FOC725" s="613"/>
      <c r="FOD725" s="613"/>
      <c r="FOE725" s="613"/>
      <c r="FOF725" s="613"/>
      <c r="FOG725" s="613"/>
      <c r="FOH725" s="613"/>
      <c r="FOI725" s="613"/>
      <c r="FOJ725" s="613"/>
      <c r="FOK725" s="613"/>
      <c r="FOL725" s="613"/>
      <c r="FOM725" s="613"/>
      <c r="FON725" s="613"/>
      <c r="FOO725" s="613"/>
      <c r="FOP725" s="613"/>
      <c r="FOQ725" s="613"/>
      <c r="FOR725" s="613"/>
      <c r="FOS725" s="613"/>
      <c r="FOT725" s="613"/>
      <c r="FOU725" s="613"/>
      <c r="FOV725" s="613"/>
      <c r="FOW725" s="613"/>
      <c r="FOX725" s="613"/>
      <c r="FOY725" s="613"/>
      <c r="FOZ725" s="613"/>
      <c r="FPA725" s="613"/>
      <c r="FPB725" s="613"/>
      <c r="FPC725" s="613"/>
      <c r="FPD725" s="613"/>
      <c r="FPE725" s="613"/>
      <c r="FPF725" s="613"/>
      <c r="FPG725" s="613"/>
      <c r="FPH725" s="613"/>
      <c r="FPI725" s="613"/>
      <c r="FPJ725" s="613"/>
      <c r="FPK725" s="613"/>
      <c r="FPL725" s="613"/>
      <c r="FPM725" s="613"/>
      <c r="FPN725" s="613"/>
      <c r="FPO725" s="613"/>
      <c r="FPP725" s="613"/>
      <c r="FPQ725" s="613"/>
      <c r="FPR725" s="613"/>
      <c r="FPS725" s="613"/>
      <c r="FPT725" s="613"/>
      <c r="FPU725" s="613"/>
      <c r="FPV725" s="613"/>
      <c r="FPW725" s="613"/>
      <c r="FPX725" s="613"/>
      <c r="FPY725" s="613"/>
      <c r="FPZ725" s="613"/>
      <c r="FQA725" s="613"/>
      <c r="FQB725" s="613"/>
      <c r="FQC725" s="613"/>
      <c r="FQD725" s="613"/>
      <c r="FQE725" s="613"/>
      <c r="FQF725" s="613"/>
      <c r="FQG725" s="613"/>
      <c r="FQH725" s="613"/>
      <c r="FQI725" s="613"/>
      <c r="FQJ725" s="613"/>
      <c r="FQK725" s="613"/>
      <c r="FQL725" s="613"/>
      <c r="FQM725" s="613"/>
      <c r="FQN725" s="613"/>
      <c r="FQO725" s="613"/>
      <c r="FQP725" s="613"/>
      <c r="FQQ725" s="613"/>
      <c r="FQR725" s="613"/>
      <c r="FQS725" s="613"/>
      <c r="FQT725" s="613"/>
      <c r="FQU725" s="613"/>
      <c r="FQV725" s="613"/>
      <c r="FQW725" s="613"/>
      <c r="FQX725" s="613"/>
      <c r="FQY725" s="613"/>
      <c r="FQZ725" s="613"/>
      <c r="FRA725" s="613"/>
      <c r="FRB725" s="613"/>
      <c r="FRC725" s="613"/>
      <c r="FRD725" s="613"/>
      <c r="FRE725" s="613"/>
      <c r="FRF725" s="613"/>
      <c r="FRG725" s="613"/>
      <c r="FRH725" s="613"/>
      <c r="FRI725" s="613"/>
      <c r="FRJ725" s="613"/>
      <c r="FRK725" s="613"/>
      <c r="FRL725" s="613"/>
      <c r="FRM725" s="613"/>
      <c r="FRN725" s="613"/>
      <c r="FRO725" s="613"/>
      <c r="FRP725" s="613"/>
      <c r="FRQ725" s="613"/>
      <c r="FRR725" s="613"/>
      <c r="FRS725" s="613"/>
      <c r="FRT725" s="613"/>
      <c r="FRU725" s="613"/>
      <c r="FRV725" s="613"/>
      <c r="FRW725" s="613"/>
      <c r="FRX725" s="613"/>
      <c r="FRY725" s="613"/>
      <c r="FRZ725" s="613"/>
      <c r="FSA725" s="613"/>
      <c r="FSB725" s="613"/>
      <c r="FSC725" s="613"/>
      <c r="FSD725" s="613"/>
      <c r="FSE725" s="613"/>
      <c r="FSF725" s="613"/>
      <c r="FSG725" s="613"/>
      <c r="FSH725" s="613"/>
      <c r="FSI725" s="613"/>
      <c r="FSJ725" s="613"/>
      <c r="FSK725" s="613"/>
      <c r="FSL725" s="613"/>
      <c r="FSM725" s="613"/>
      <c r="FSN725" s="613"/>
      <c r="FSO725" s="613"/>
      <c r="FSP725" s="613"/>
      <c r="FSQ725" s="613"/>
      <c r="FSR725" s="613"/>
      <c r="FSS725" s="613"/>
      <c r="FST725" s="613"/>
      <c r="FSU725" s="613"/>
      <c r="FSV725" s="613"/>
      <c r="FSW725" s="613"/>
      <c r="FSX725" s="613"/>
      <c r="FSY725" s="613"/>
      <c r="FSZ725" s="613"/>
      <c r="FTA725" s="613"/>
      <c r="FTB725" s="613"/>
      <c r="FTC725" s="613"/>
      <c r="FTD725" s="613"/>
      <c r="FTE725" s="613"/>
      <c r="FTF725" s="613"/>
      <c r="FTG725" s="613"/>
      <c r="FTH725" s="613"/>
      <c r="FTI725" s="613"/>
      <c r="FTJ725" s="613"/>
      <c r="FTK725" s="613"/>
      <c r="FTL725" s="613"/>
      <c r="FTM725" s="613"/>
      <c r="FTN725" s="613"/>
      <c r="FTO725" s="613"/>
      <c r="FTP725" s="613"/>
      <c r="FTQ725" s="613"/>
      <c r="FTR725" s="613"/>
      <c r="FTS725" s="613"/>
      <c r="FTT725" s="613"/>
      <c r="FTU725" s="613"/>
      <c r="FTV725" s="613"/>
      <c r="FTW725" s="613"/>
      <c r="FTX725" s="613"/>
      <c r="FTY725" s="613"/>
      <c r="FTZ725" s="613"/>
      <c r="FUA725" s="613"/>
      <c r="FUB725" s="613"/>
      <c r="FUC725" s="613"/>
      <c r="FUD725" s="613"/>
      <c r="FUE725" s="613"/>
      <c r="FUF725" s="613"/>
      <c r="FUG725" s="613"/>
      <c r="FUH725" s="613"/>
      <c r="FUI725" s="613"/>
      <c r="FUJ725" s="613"/>
      <c r="FUK725" s="613"/>
      <c r="FUL725" s="613"/>
      <c r="FUM725" s="613"/>
      <c r="FUN725" s="613"/>
      <c r="FUO725" s="613"/>
      <c r="FUP725" s="613"/>
      <c r="FUQ725" s="613"/>
      <c r="FUR725" s="613"/>
      <c r="FUS725" s="613"/>
      <c r="FUT725" s="613"/>
      <c r="FUU725" s="613"/>
      <c r="FUV725" s="613"/>
      <c r="FUW725" s="613"/>
      <c r="FUX725" s="613"/>
      <c r="FUY725" s="613"/>
      <c r="FUZ725" s="613"/>
      <c r="FVA725" s="613"/>
      <c r="FVB725" s="613"/>
      <c r="FVC725" s="613"/>
      <c r="FVD725" s="613"/>
      <c r="FVE725" s="613"/>
      <c r="FVF725" s="613"/>
      <c r="FVG725" s="613"/>
      <c r="FVH725" s="613"/>
      <c r="FVI725" s="613"/>
      <c r="FVJ725" s="613"/>
      <c r="FVK725" s="613"/>
      <c r="FVL725" s="613"/>
      <c r="FVM725" s="613"/>
      <c r="FVN725" s="613"/>
      <c r="FVO725" s="613"/>
      <c r="FVP725" s="613"/>
      <c r="FVQ725" s="613"/>
      <c r="FVR725" s="613"/>
      <c r="FVS725" s="613"/>
      <c r="FVT725" s="613"/>
      <c r="FVU725" s="613"/>
      <c r="FVV725" s="613"/>
      <c r="FVW725" s="613"/>
      <c r="FVX725" s="613"/>
      <c r="FVY725" s="613"/>
      <c r="FVZ725" s="613"/>
      <c r="FWA725" s="613"/>
      <c r="FWB725" s="613"/>
      <c r="FWC725" s="613"/>
      <c r="FWD725" s="613"/>
      <c r="FWE725" s="613"/>
      <c r="FWF725" s="613"/>
      <c r="FWG725" s="613"/>
      <c r="FWH725" s="613"/>
      <c r="FWI725" s="613"/>
      <c r="FWJ725" s="613"/>
      <c r="FWK725" s="613"/>
      <c r="FWL725" s="613"/>
      <c r="FWM725" s="613"/>
      <c r="FWN725" s="613"/>
      <c r="FWO725" s="613"/>
      <c r="FWP725" s="613"/>
      <c r="FWQ725" s="613"/>
      <c r="FWR725" s="613"/>
      <c r="FWS725" s="613"/>
      <c r="FWT725" s="613"/>
      <c r="FWU725" s="613"/>
      <c r="FWV725" s="613"/>
      <c r="FWW725" s="613"/>
      <c r="FWX725" s="613"/>
      <c r="FWY725" s="613"/>
      <c r="FWZ725" s="613"/>
      <c r="FXA725" s="613"/>
      <c r="FXB725" s="613"/>
      <c r="FXC725" s="613"/>
      <c r="FXD725" s="613"/>
      <c r="FXE725" s="613"/>
      <c r="FXF725" s="613"/>
      <c r="FXG725" s="613"/>
      <c r="FXH725" s="613"/>
      <c r="FXI725" s="613"/>
      <c r="FXJ725" s="613"/>
      <c r="FXK725" s="613"/>
      <c r="FXL725" s="613"/>
      <c r="FXM725" s="613"/>
      <c r="FXN725" s="613"/>
      <c r="FXO725" s="613"/>
      <c r="FXP725" s="613"/>
      <c r="FXQ725" s="613"/>
      <c r="FXR725" s="613"/>
      <c r="FXS725" s="613"/>
      <c r="FXT725" s="613"/>
      <c r="FXU725" s="613"/>
      <c r="FXV725" s="613"/>
      <c r="FXW725" s="613"/>
      <c r="FXX725" s="613"/>
      <c r="FXY725" s="613"/>
      <c r="FXZ725" s="613"/>
      <c r="FYA725" s="613"/>
      <c r="FYB725" s="613"/>
      <c r="FYC725" s="613"/>
      <c r="FYD725" s="613"/>
      <c r="FYE725" s="613"/>
      <c r="FYF725" s="613"/>
      <c r="FYG725" s="613"/>
      <c r="FYH725" s="613"/>
      <c r="FYI725" s="613"/>
      <c r="FYJ725" s="613"/>
      <c r="FYK725" s="613"/>
      <c r="FYL725" s="613"/>
      <c r="FYM725" s="613"/>
      <c r="FYN725" s="613"/>
      <c r="FYO725" s="613"/>
      <c r="FYP725" s="613"/>
      <c r="FYQ725" s="613"/>
      <c r="FYR725" s="613"/>
      <c r="FYS725" s="613"/>
      <c r="FYT725" s="613"/>
      <c r="FYU725" s="613"/>
      <c r="FYV725" s="613"/>
      <c r="FYW725" s="613"/>
      <c r="FYX725" s="613"/>
      <c r="FYY725" s="613"/>
      <c r="FYZ725" s="613"/>
      <c r="FZA725" s="613"/>
      <c r="FZB725" s="613"/>
      <c r="FZC725" s="613"/>
      <c r="FZD725" s="613"/>
      <c r="FZE725" s="613"/>
      <c r="FZF725" s="613"/>
      <c r="FZG725" s="613"/>
      <c r="FZH725" s="613"/>
      <c r="FZI725" s="613"/>
      <c r="FZJ725" s="613"/>
      <c r="FZK725" s="613"/>
      <c r="FZL725" s="613"/>
      <c r="FZM725" s="613"/>
      <c r="FZN725" s="613"/>
      <c r="FZO725" s="613"/>
      <c r="FZP725" s="613"/>
      <c r="FZQ725" s="613"/>
      <c r="FZR725" s="613"/>
      <c r="FZS725" s="613"/>
      <c r="FZT725" s="613"/>
      <c r="FZU725" s="613"/>
      <c r="FZV725" s="613"/>
      <c r="FZW725" s="613"/>
      <c r="FZX725" s="613"/>
      <c r="FZY725" s="613"/>
      <c r="FZZ725" s="613"/>
      <c r="GAA725" s="613"/>
      <c r="GAB725" s="613"/>
      <c r="GAC725" s="613"/>
      <c r="GAD725" s="613"/>
      <c r="GAE725" s="613"/>
      <c r="GAF725" s="613"/>
      <c r="GAG725" s="613"/>
      <c r="GAH725" s="613"/>
      <c r="GAI725" s="613"/>
      <c r="GAJ725" s="613"/>
      <c r="GAK725" s="613"/>
      <c r="GAL725" s="613"/>
      <c r="GAM725" s="613"/>
      <c r="GAN725" s="613"/>
      <c r="GAO725" s="613"/>
      <c r="GAP725" s="613"/>
      <c r="GAQ725" s="613"/>
      <c r="GAR725" s="613"/>
      <c r="GAS725" s="613"/>
      <c r="GAT725" s="613"/>
      <c r="GAU725" s="613"/>
      <c r="GAV725" s="613"/>
      <c r="GAW725" s="613"/>
      <c r="GAX725" s="613"/>
      <c r="GAY725" s="613"/>
      <c r="GAZ725" s="613"/>
      <c r="GBA725" s="613"/>
      <c r="GBB725" s="613"/>
      <c r="GBC725" s="613"/>
      <c r="GBD725" s="613"/>
      <c r="GBE725" s="613"/>
      <c r="GBF725" s="613"/>
      <c r="GBG725" s="613"/>
      <c r="GBH725" s="613"/>
      <c r="GBI725" s="613"/>
      <c r="GBJ725" s="613"/>
      <c r="GBK725" s="613"/>
      <c r="GBL725" s="613"/>
      <c r="GBM725" s="613"/>
      <c r="GBN725" s="613"/>
      <c r="GBO725" s="613"/>
      <c r="GBP725" s="613"/>
      <c r="GBQ725" s="613"/>
      <c r="GBR725" s="613"/>
      <c r="GBS725" s="613"/>
      <c r="GBT725" s="613"/>
      <c r="GBU725" s="613"/>
      <c r="GBV725" s="613"/>
      <c r="GBW725" s="613"/>
      <c r="GBX725" s="613"/>
      <c r="GBY725" s="613"/>
      <c r="GBZ725" s="613"/>
      <c r="GCA725" s="613"/>
      <c r="GCB725" s="613"/>
      <c r="GCC725" s="613"/>
      <c r="GCD725" s="613"/>
      <c r="GCE725" s="613"/>
      <c r="GCF725" s="613"/>
      <c r="GCG725" s="613"/>
      <c r="GCH725" s="613"/>
      <c r="GCI725" s="613"/>
      <c r="GCJ725" s="613"/>
      <c r="GCK725" s="613"/>
      <c r="GCL725" s="613"/>
      <c r="GCM725" s="613"/>
      <c r="GCN725" s="613"/>
      <c r="GCO725" s="613"/>
      <c r="GCP725" s="613"/>
      <c r="GCQ725" s="613"/>
      <c r="GCR725" s="613"/>
      <c r="GCS725" s="613"/>
      <c r="GCT725" s="613"/>
      <c r="GCU725" s="613"/>
      <c r="GCV725" s="613"/>
      <c r="GCW725" s="613"/>
      <c r="GCX725" s="613"/>
      <c r="GCY725" s="613"/>
      <c r="GCZ725" s="613"/>
      <c r="GDA725" s="613"/>
      <c r="GDB725" s="613"/>
      <c r="GDC725" s="613"/>
      <c r="GDD725" s="613"/>
      <c r="GDE725" s="613"/>
      <c r="GDF725" s="613"/>
      <c r="GDG725" s="613"/>
      <c r="GDH725" s="613"/>
      <c r="GDI725" s="613"/>
      <c r="GDJ725" s="613"/>
      <c r="GDK725" s="613"/>
      <c r="GDL725" s="613"/>
      <c r="GDM725" s="613"/>
      <c r="GDN725" s="613"/>
      <c r="GDO725" s="613"/>
      <c r="GDP725" s="613"/>
      <c r="GDQ725" s="613"/>
      <c r="GDR725" s="613"/>
      <c r="GDS725" s="613"/>
      <c r="GDT725" s="613"/>
      <c r="GDU725" s="613"/>
      <c r="GDV725" s="613"/>
      <c r="GDW725" s="613"/>
      <c r="GDX725" s="613"/>
      <c r="GDY725" s="613"/>
      <c r="GDZ725" s="613"/>
      <c r="GEA725" s="613"/>
      <c r="GEB725" s="613"/>
      <c r="GEC725" s="613"/>
      <c r="GED725" s="613"/>
      <c r="GEE725" s="613"/>
      <c r="GEF725" s="613"/>
      <c r="GEG725" s="613"/>
      <c r="GEH725" s="613"/>
      <c r="GEI725" s="613"/>
      <c r="GEJ725" s="613"/>
      <c r="GEK725" s="613"/>
      <c r="GEL725" s="613"/>
      <c r="GEM725" s="613"/>
      <c r="GEN725" s="613"/>
      <c r="GEO725" s="613"/>
      <c r="GEP725" s="613"/>
      <c r="GEQ725" s="613"/>
      <c r="GER725" s="613"/>
      <c r="GES725" s="613"/>
      <c r="GET725" s="613"/>
      <c r="GEU725" s="613"/>
      <c r="GEV725" s="613"/>
      <c r="GEW725" s="613"/>
      <c r="GEX725" s="613"/>
      <c r="GEY725" s="613"/>
      <c r="GEZ725" s="613"/>
      <c r="GFA725" s="613"/>
      <c r="GFB725" s="613"/>
      <c r="GFC725" s="613"/>
      <c r="GFD725" s="613"/>
      <c r="GFE725" s="613"/>
      <c r="GFF725" s="613"/>
      <c r="GFG725" s="613"/>
      <c r="GFH725" s="613"/>
      <c r="GFI725" s="613"/>
      <c r="GFJ725" s="613"/>
      <c r="GFK725" s="613"/>
      <c r="GFL725" s="613"/>
      <c r="GFM725" s="613"/>
      <c r="GFN725" s="613"/>
      <c r="GFO725" s="613"/>
      <c r="GFP725" s="613"/>
      <c r="GFQ725" s="613"/>
      <c r="GFR725" s="613"/>
      <c r="GFS725" s="613"/>
      <c r="GFT725" s="613"/>
      <c r="GFU725" s="613"/>
      <c r="GFV725" s="613"/>
      <c r="GFW725" s="613"/>
      <c r="GFX725" s="613"/>
      <c r="GFY725" s="613"/>
      <c r="GFZ725" s="613"/>
      <c r="GGA725" s="613"/>
      <c r="GGB725" s="613"/>
      <c r="GGC725" s="613"/>
      <c r="GGD725" s="613"/>
      <c r="GGE725" s="613"/>
      <c r="GGF725" s="613"/>
      <c r="GGG725" s="613"/>
      <c r="GGH725" s="613"/>
      <c r="GGI725" s="613"/>
      <c r="GGJ725" s="613"/>
      <c r="GGK725" s="613"/>
      <c r="GGL725" s="613"/>
      <c r="GGM725" s="613"/>
      <c r="GGN725" s="613"/>
      <c r="GGO725" s="613"/>
      <c r="GGP725" s="613"/>
      <c r="GGQ725" s="613"/>
      <c r="GGR725" s="613"/>
      <c r="GGS725" s="613"/>
      <c r="GGT725" s="613"/>
      <c r="GGU725" s="613"/>
      <c r="GGV725" s="613"/>
      <c r="GGW725" s="613"/>
      <c r="GGX725" s="613"/>
      <c r="GGY725" s="613"/>
      <c r="GGZ725" s="613"/>
      <c r="GHA725" s="613"/>
      <c r="GHB725" s="613"/>
      <c r="GHC725" s="613"/>
      <c r="GHD725" s="613"/>
      <c r="GHE725" s="613"/>
      <c r="GHF725" s="613"/>
      <c r="GHG725" s="613"/>
      <c r="GHH725" s="613"/>
      <c r="GHI725" s="613"/>
      <c r="GHJ725" s="613"/>
      <c r="GHK725" s="613"/>
      <c r="GHL725" s="613"/>
      <c r="GHM725" s="613"/>
      <c r="GHN725" s="613"/>
      <c r="GHO725" s="613"/>
      <c r="GHP725" s="613"/>
      <c r="GHQ725" s="613"/>
      <c r="GHR725" s="613"/>
      <c r="GHS725" s="613"/>
      <c r="GHT725" s="613"/>
      <c r="GHU725" s="613"/>
      <c r="GHV725" s="613"/>
      <c r="GHW725" s="613"/>
      <c r="GHX725" s="613"/>
      <c r="GHY725" s="613"/>
      <c r="GHZ725" s="613"/>
      <c r="GIA725" s="613"/>
      <c r="GIB725" s="613"/>
      <c r="GIC725" s="613"/>
      <c r="GID725" s="613"/>
      <c r="GIE725" s="613"/>
      <c r="GIF725" s="613"/>
      <c r="GIG725" s="613"/>
      <c r="GIH725" s="613"/>
      <c r="GII725" s="613"/>
      <c r="GIJ725" s="613"/>
      <c r="GIK725" s="613"/>
      <c r="GIL725" s="613"/>
      <c r="GIM725" s="613"/>
      <c r="GIN725" s="613"/>
      <c r="GIO725" s="613"/>
      <c r="GIP725" s="613"/>
      <c r="GIQ725" s="613"/>
      <c r="GIR725" s="613"/>
      <c r="GIS725" s="613"/>
      <c r="GIT725" s="613"/>
      <c r="GIU725" s="613"/>
      <c r="GIV725" s="613"/>
      <c r="GIW725" s="613"/>
      <c r="GIX725" s="613"/>
      <c r="GIY725" s="613"/>
      <c r="GIZ725" s="613"/>
      <c r="GJA725" s="613"/>
      <c r="GJB725" s="613"/>
      <c r="GJC725" s="613"/>
      <c r="GJD725" s="613"/>
      <c r="GJE725" s="613"/>
      <c r="GJF725" s="613"/>
      <c r="GJG725" s="613"/>
      <c r="GJH725" s="613"/>
      <c r="GJI725" s="613"/>
      <c r="GJJ725" s="613"/>
      <c r="GJK725" s="613"/>
      <c r="GJL725" s="613"/>
      <c r="GJM725" s="613"/>
      <c r="GJN725" s="613"/>
      <c r="GJO725" s="613"/>
      <c r="GJP725" s="613"/>
      <c r="GJQ725" s="613"/>
      <c r="GJR725" s="613"/>
      <c r="GJS725" s="613"/>
      <c r="GJT725" s="613"/>
      <c r="GJU725" s="613"/>
      <c r="GJV725" s="613"/>
      <c r="GJW725" s="613"/>
      <c r="GJX725" s="613"/>
      <c r="GJY725" s="613"/>
      <c r="GJZ725" s="613"/>
      <c r="GKA725" s="613"/>
      <c r="GKB725" s="613"/>
      <c r="GKC725" s="613"/>
      <c r="GKD725" s="613"/>
      <c r="GKE725" s="613"/>
      <c r="GKF725" s="613"/>
      <c r="GKG725" s="613"/>
      <c r="GKH725" s="613"/>
      <c r="GKI725" s="613"/>
      <c r="GKJ725" s="613"/>
      <c r="GKK725" s="613"/>
      <c r="GKL725" s="613"/>
      <c r="GKM725" s="613"/>
      <c r="GKN725" s="613"/>
      <c r="GKO725" s="613"/>
      <c r="GKP725" s="613"/>
      <c r="GKQ725" s="613"/>
      <c r="GKR725" s="613"/>
      <c r="GKS725" s="613"/>
      <c r="GKT725" s="613"/>
      <c r="GKU725" s="613"/>
      <c r="GKV725" s="613"/>
      <c r="GKW725" s="613"/>
      <c r="GKX725" s="613"/>
      <c r="GKY725" s="613"/>
      <c r="GKZ725" s="613"/>
      <c r="GLA725" s="613"/>
      <c r="GLB725" s="613"/>
      <c r="GLC725" s="613"/>
      <c r="GLD725" s="613"/>
      <c r="GLE725" s="613"/>
      <c r="GLF725" s="613"/>
      <c r="GLG725" s="613"/>
      <c r="GLH725" s="613"/>
      <c r="GLI725" s="613"/>
      <c r="GLJ725" s="613"/>
      <c r="GLK725" s="613"/>
      <c r="GLL725" s="613"/>
      <c r="GLM725" s="613"/>
      <c r="GLN725" s="613"/>
      <c r="GLO725" s="613"/>
      <c r="GLP725" s="613"/>
      <c r="GLQ725" s="613"/>
      <c r="GLR725" s="613"/>
      <c r="GLS725" s="613"/>
      <c r="GLT725" s="613"/>
      <c r="GLU725" s="613"/>
      <c r="GLV725" s="613"/>
      <c r="GLW725" s="613"/>
      <c r="GLX725" s="613"/>
      <c r="GLY725" s="613"/>
      <c r="GLZ725" s="613"/>
      <c r="GMA725" s="613"/>
      <c r="GMB725" s="613"/>
      <c r="GMC725" s="613"/>
      <c r="GMD725" s="613"/>
      <c r="GME725" s="613"/>
      <c r="GMF725" s="613"/>
      <c r="GMG725" s="613"/>
      <c r="GMH725" s="613"/>
      <c r="GMI725" s="613"/>
      <c r="GMJ725" s="613"/>
      <c r="GMK725" s="613"/>
      <c r="GML725" s="613"/>
      <c r="GMM725" s="613"/>
      <c r="GMN725" s="613"/>
      <c r="GMO725" s="613"/>
      <c r="GMP725" s="613"/>
      <c r="GMQ725" s="613"/>
      <c r="GMR725" s="613"/>
      <c r="GMS725" s="613"/>
      <c r="GMT725" s="613"/>
      <c r="GMU725" s="613"/>
      <c r="GMV725" s="613"/>
      <c r="GMW725" s="613"/>
      <c r="GMX725" s="613"/>
      <c r="GMY725" s="613"/>
      <c r="GMZ725" s="613"/>
      <c r="GNA725" s="613"/>
      <c r="GNB725" s="613"/>
      <c r="GNC725" s="613"/>
      <c r="GND725" s="613"/>
      <c r="GNE725" s="613"/>
      <c r="GNF725" s="613"/>
      <c r="GNG725" s="613"/>
      <c r="GNH725" s="613"/>
      <c r="GNI725" s="613"/>
      <c r="GNJ725" s="613"/>
      <c r="GNK725" s="613"/>
      <c r="GNL725" s="613"/>
      <c r="GNM725" s="613"/>
      <c r="GNN725" s="613"/>
      <c r="GNO725" s="613"/>
      <c r="GNP725" s="613"/>
      <c r="GNQ725" s="613"/>
      <c r="GNR725" s="613"/>
      <c r="GNS725" s="613"/>
      <c r="GNT725" s="613"/>
      <c r="GNU725" s="613"/>
      <c r="GNV725" s="613"/>
      <c r="GNW725" s="613"/>
      <c r="GNX725" s="613"/>
      <c r="GNY725" s="613"/>
      <c r="GNZ725" s="613"/>
      <c r="GOA725" s="613"/>
      <c r="GOB725" s="613"/>
      <c r="GOC725" s="613"/>
      <c r="GOD725" s="613"/>
      <c r="GOE725" s="613"/>
      <c r="GOF725" s="613"/>
      <c r="GOG725" s="613"/>
      <c r="GOH725" s="613"/>
      <c r="GOI725" s="613"/>
      <c r="GOJ725" s="613"/>
      <c r="GOK725" s="613"/>
      <c r="GOL725" s="613"/>
      <c r="GOM725" s="613"/>
      <c r="GON725" s="613"/>
      <c r="GOO725" s="613"/>
      <c r="GOP725" s="613"/>
      <c r="GOQ725" s="613"/>
      <c r="GOR725" s="613"/>
      <c r="GOS725" s="613"/>
      <c r="GOT725" s="613"/>
      <c r="GOU725" s="613"/>
      <c r="GOV725" s="613"/>
      <c r="GOW725" s="613"/>
      <c r="GOX725" s="613"/>
      <c r="GOY725" s="613"/>
      <c r="GOZ725" s="613"/>
      <c r="GPA725" s="613"/>
      <c r="GPB725" s="613"/>
      <c r="GPC725" s="613"/>
      <c r="GPD725" s="613"/>
      <c r="GPE725" s="613"/>
      <c r="GPF725" s="613"/>
      <c r="GPG725" s="613"/>
      <c r="GPH725" s="613"/>
      <c r="GPI725" s="613"/>
      <c r="GPJ725" s="613"/>
      <c r="GPK725" s="613"/>
      <c r="GPL725" s="613"/>
      <c r="GPM725" s="613"/>
      <c r="GPN725" s="613"/>
      <c r="GPO725" s="613"/>
      <c r="GPP725" s="613"/>
      <c r="GPQ725" s="613"/>
      <c r="GPR725" s="613"/>
      <c r="GPS725" s="613"/>
      <c r="GPT725" s="613"/>
      <c r="GPU725" s="613"/>
      <c r="GPV725" s="613"/>
      <c r="GPW725" s="613"/>
      <c r="GPX725" s="613"/>
      <c r="GPY725" s="613"/>
      <c r="GPZ725" s="613"/>
      <c r="GQA725" s="613"/>
      <c r="GQB725" s="613"/>
      <c r="GQC725" s="613"/>
      <c r="GQD725" s="613"/>
      <c r="GQE725" s="613"/>
      <c r="GQF725" s="613"/>
      <c r="GQG725" s="613"/>
      <c r="GQH725" s="613"/>
      <c r="GQI725" s="613"/>
      <c r="GQJ725" s="613"/>
      <c r="GQK725" s="613"/>
      <c r="GQL725" s="613"/>
      <c r="GQM725" s="613"/>
      <c r="GQN725" s="613"/>
      <c r="GQO725" s="613"/>
      <c r="GQP725" s="613"/>
      <c r="GQQ725" s="613"/>
      <c r="GQR725" s="613"/>
      <c r="GQS725" s="613"/>
      <c r="GQT725" s="613"/>
      <c r="GQU725" s="613"/>
      <c r="GQV725" s="613"/>
      <c r="GQW725" s="613"/>
      <c r="GQX725" s="613"/>
      <c r="GQY725" s="613"/>
      <c r="GQZ725" s="613"/>
      <c r="GRA725" s="613"/>
      <c r="GRB725" s="613"/>
      <c r="GRC725" s="613"/>
      <c r="GRD725" s="613"/>
      <c r="GRE725" s="613"/>
      <c r="GRF725" s="613"/>
      <c r="GRG725" s="613"/>
      <c r="GRH725" s="613"/>
      <c r="GRI725" s="613"/>
      <c r="GRJ725" s="613"/>
      <c r="GRK725" s="613"/>
      <c r="GRL725" s="613"/>
      <c r="GRM725" s="613"/>
      <c r="GRN725" s="613"/>
      <c r="GRO725" s="613"/>
      <c r="GRP725" s="613"/>
      <c r="GRQ725" s="613"/>
      <c r="GRR725" s="613"/>
      <c r="GRS725" s="613"/>
      <c r="GRT725" s="613"/>
      <c r="GRU725" s="613"/>
      <c r="GRV725" s="613"/>
      <c r="GRW725" s="613"/>
      <c r="GRX725" s="613"/>
      <c r="GRY725" s="613"/>
      <c r="GRZ725" s="613"/>
      <c r="GSA725" s="613"/>
      <c r="GSB725" s="613"/>
      <c r="GSC725" s="613"/>
      <c r="GSD725" s="613"/>
      <c r="GSE725" s="613"/>
      <c r="GSF725" s="613"/>
      <c r="GSG725" s="613"/>
      <c r="GSH725" s="613"/>
      <c r="GSI725" s="613"/>
      <c r="GSJ725" s="613"/>
      <c r="GSK725" s="613"/>
      <c r="GSL725" s="613"/>
      <c r="GSM725" s="613"/>
      <c r="GSN725" s="613"/>
      <c r="GSO725" s="613"/>
      <c r="GSP725" s="613"/>
      <c r="GSQ725" s="613"/>
      <c r="GSR725" s="613"/>
      <c r="GSS725" s="613"/>
      <c r="GST725" s="613"/>
      <c r="GSU725" s="613"/>
      <c r="GSV725" s="613"/>
      <c r="GSW725" s="613"/>
      <c r="GSX725" s="613"/>
      <c r="GSY725" s="613"/>
      <c r="GSZ725" s="613"/>
      <c r="GTA725" s="613"/>
      <c r="GTB725" s="613"/>
      <c r="GTC725" s="613"/>
      <c r="GTD725" s="613"/>
      <c r="GTE725" s="613"/>
      <c r="GTF725" s="613"/>
      <c r="GTG725" s="613"/>
      <c r="GTH725" s="613"/>
      <c r="GTI725" s="613"/>
      <c r="GTJ725" s="613"/>
      <c r="GTK725" s="613"/>
      <c r="GTL725" s="613"/>
      <c r="GTM725" s="613"/>
      <c r="GTN725" s="613"/>
      <c r="GTO725" s="613"/>
      <c r="GTP725" s="613"/>
      <c r="GTQ725" s="613"/>
      <c r="GTR725" s="613"/>
      <c r="GTS725" s="613"/>
      <c r="GTT725" s="613"/>
      <c r="GTU725" s="613"/>
      <c r="GTV725" s="613"/>
      <c r="GTW725" s="613"/>
      <c r="GTX725" s="613"/>
      <c r="GTY725" s="613"/>
      <c r="GTZ725" s="613"/>
      <c r="GUA725" s="613"/>
      <c r="GUB725" s="613"/>
      <c r="GUC725" s="613"/>
      <c r="GUD725" s="613"/>
      <c r="GUE725" s="613"/>
      <c r="GUF725" s="613"/>
      <c r="GUG725" s="613"/>
      <c r="GUH725" s="613"/>
      <c r="GUI725" s="613"/>
      <c r="GUJ725" s="613"/>
      <c r="GUK725" s="613"/>
      <c r="GUL725" s="613"/>
      <c r="GUM725" s="613"/>
      <c r="GUN725" s="613"/>
      <c r="GUO725" s="613"/>
      <c r="GUP725" s="613"/>
      <c r="GUQ725" s="613"/>
      <c r="GUR725" s="613"/>
      <c r="GUS725" s="613"/>
      <c r="GUT725" s="613"/>
      <c r="GUU725" s="613"/>
      <c r="GUV725" s="613"/>
      <c r="GUW725" s="613"/>
      <c r="GUX725" s="613"/>
      <c r="GUY725" s="613"/>
      <c r="GUZ725" s="613"/>
      <c r="GVA725" s="613"/>
      <c r="GVB725" s="613"/>
      <c r="GVC725" s="613"/>
      <c r="GVD725" s="613"/>
      <c r="GVE725" s="613"/>
      <c r="GVF725" s="613"/>
      <c r="GVG725" s="613"/>
      <c r="GVH725" s="613"/>
      <c r="GVI725" s="613"/>
      <c r="GVJ725" s="613"/>
      <c r="GVK725" s="613"/>
      <c r="GVL725" s="613"/>
      <c r="GVM725" s="613"/>
      <c r="GVN725" s="613"/>
      <c r="GVO725" s="613"/>
      <c r="GVP725" s="613"/>
      <c r="GVQ725" s="613"/>
      <c r="GVR725" s="613"/>
      <c r="GVS725" s="613"/>
      <c r="GVT725" s="613"/>
      <c r="GVU725" s="613"/>
      <c r="GVV725" s="613"/>
      <c r="GVW725" s="613"/>
      <c r="GVX725" s="613"/>
      <c r="GVY725" s="613"/>
      <c r="GVZ725" s="613"/>
      <c r="GWA725" s="613"/>
      <c r="GWB725" s="613"/>
      <c r="GWC725" s="613"/>
      <c r="GWD725" s="613"/>
      <c r="GWE725" s="613"/>
      <c r="GWF725" s="613"/>
      <c r="GWG725" s="613"/>
      <c r="GWH725" s="613"/>
      <c r="GWI725" s="613"/>
      <c r="GWJ725" s="613"/>
      <c r="GWK725" s="613"/>
      <c r="GWL725" s="613"/>
      <c r="GWM725" s="613"/>
      <c r="GWN725" s="613"/>
      <c r="GWO725" s="613"/>
      <c r="GWP725" s="613"/>
      <c r="GWQ725" s="613"/>
      <c r="GWR725" s="613"/>
      <c r="GWS725" s="613"/>
      <c r="GWT725" s="613"/>
      <c r="GWU725" s="613"/>
      <c r="GWV725" s="613"/>
      <c r="GWW725" s="613"/>
      <c r="GWX725" s="613"/>
      <c r="GWY725" s="613"/>
      <c r="GWZ725" s="613"/>
      <c r="GXA725" s="613"/>
      <c r="GXB725" s="613"/>
      <c r="GXC725" s="613"/>
      <c r="GXD725" s="613"/>
      <c r="GXE725" s="613"/>
      <c r="GXF725" s="613"/>
      <c r="GXG725" s="613"/>
      <c r="GXH725" s="613"/>
      <c r="GXI725" s="613"/>
      <c r="GXJ725" s="613"/>
      <c r="GXK725" s="613"/>
      <c r="GXL725" s="613"/>
      <c r="GXM725" s="613"/>
      <c r="GXN725" s="613"/>
      <c r="GXO725" s="613"/>
      <c r="GXP725" s="613"/>
      <c r="GXQ725" s="613"/>
      <c r="GXR725" s="613"/>
      <c r="GXS725" s="613"/>
      <c r="GXT725" s="613"/>
      <c r="GXU725" s="613"/>
      <c r="GXV725" s="613"/>
      <c r="GXW725" s="613"/>
      <c r="GXX725" s="613"/>
      <c r="GXY725" s="613"/>
      <c r="GXZ725" s="613"/>
      <c r="GYA725" s="613"/>
      <c r="GYB725" s="613"/>
      <c r="GYC725" s="613"/>
      <c r="GYD725" s="613"/>
      <c r="GYE725" s="613"/>
      <c r="GYF725" s="613"/>
      <c r="GYG725" s="613"/>
      <c r="GYH725" s="613"/>
      <c r="GYI725" s="613"/>
      <c r="GYJ725" s="613"/>
      <c r="GYK725" s="613"/>
      <c r="GYL725" s="613"/>
      <c r="GYM725" s="613"/>
      <c r="GYN725" s="613"/>
      <c r="GYO725" s="613"/>
      <c r="GYP725" s="613"/>
      <c r="GYQ725" s="613"/>
      <c r="GYR725" s="613"/>
      <c r="GYS725" s="613"/>
      <c r="GYT725" s="613"/>
      <c r="GYU725" s="613"/>
      <c r="GYV725" s="613"/>
      <c r="GYW725" s="613"/>
      <c r="GYX725" s="613"/>
      <c r="GYY725" s="613"/>
      <c r="GYZ725" s="613"/>
      <c r="GZA725" s="613"/>
      <c r="GZB725" s="613"/>
      <c r="GZC725" s="613"/>
      <c r="GZD725" s="613"/>
      <c r="GZE725" s="613"/>
      <c r="GZF725" s="613"/>
      <c r="GZG725" s="613"/>
      <c r="GZH725" s="613"/>
      <c r="GZI725" s="613"/>
      <c r="GZJ725" s="613"/>
      <c r="GZK725" s="613"/>
      <c r="GZL725" s="613"/>
      <c r="GZM725" s="613"/>
      <c r="GZN725" s="613"/>
      <c r="GZO725" s="613"/>
      <c r="GZP725" s="613"/>
      <c r="GZQ725" s="613"/>
      <c r="GZR725" s="613"/>
      <c r="GZS725" s="613"/>
      <c r="GZT725" s="613"/>
      <c r="GZU725" s="613"/>
      <c r="GZV725" s="613"/>
      <c r="GZW725" s="613"/>
      <c r="GZX725" s="613"/>
      <c r="GZY725" s="613"/>
      <c r="GZZ725" s="613"/>
      <c r="HAA725" s="613"/>
      <c r="HAB725" s="613"/>
      <c r="HAC725" s="613"/>
      <c r="HAD725" s="613"/>
      <c r="HAE725" s="613"/>
      <c r="HAF725" s="613"/>
      <c r="HAG725" s="613"/>
      <c r="HAH725" s="613"/>
      <c r="HAI725" s="613"/>
      <c r="HAJ725" s="613"/>
      <c r="HAK725" s="613"/>
      <c r="HAL725" s="613"/>
      <c r="HAM725" s="613"/>
      <c r="HAN725" s="613"/>
      <c r="HAO725" s="613"/>
      <c r="HAP725" s="613"/>
      <c r="HAQ725" s="613"/>
      <c r="HAR725" s="613"/>
      <c r="HAS725" s="613"/>
      <c r="HAT725" s="613"/>
      <c r="HAU725" s="613"/>
      <c r="HAV725" s="613"/>
      <c r="HAW725" s="613"/>
      <c r="HAX725" s="613"/>
      <c r="HAY725" s="613"/>
      <c r="HAZ725" s="613"/>
      <c r="HBA725" s="613"/>
      <c r="HBB725" s="613"/>
      <c r="HBC725" s="613"/>
      <c r="HBD725" s="613"/>
      <c r="HBE725" s="613"/>
      <c r="HBF725" s="613"/>
      <c r="HBG725" s="613"/>
      <c r="HBH725" s="613"/>
      <c r="HBI725" s="613"/>
      <c r="HBJ725" s="613"/>
      <c r="HBK725" s="613"/>
      <c r="HBL725" s="613"/>
      <c r="HBM725" s="613"/>
      <c r="HBN725" s="613"/>
      <c r="HBO725" s="613"/>
      <c r="HBP725" s="613"/>
      <c r="HBQ725" s="613"/>
      <c r="HBR725" s="613"/>
      <c r="HBS725" s="613"/>
      <c r="HBT725" s="613"/>
      <c r="HBU725" s="613"/>
      <c r="HBV725" s="613"/>
      <c r="HBW725" s="613"/>
      <c r="HBX725" s="613"/>
      <c r="HBY725" s="613"/>
      <c r="HBZ725" s="613"/>
      <c r="HCA725" s="613"/>
      <c r="HCB725" s="613"/>
      <c r="HCC725" s="613"/>
      <c r="HCD725" s="613"/>
      <c r="HCE725" s="613"/>
      <c r="HCF725" s="613"/>
      <c r="HCG725" s="613"/>
      <c r="HCH725" s="613"/>
      <c r="HCI725" s="613"/>
      <c r="HCJ725" s="613"/>
      <c r="HCK725" s="613"/>
      <c r="HCL725" s="613"/>
      <c r="HCM725" s="613"/>
      <c r="HCN725" s="613"/>
      <c r="HCO725" s="613"/>
      <c r="HCP725" s="613"/>
      <c r="HCQ725" s="613"/>
      <c r="HCR725" s="613"/>
      <c r="HCS725" s="613"/>
      <c r="HCT725" s="613"/>
      <c r="HCU725" s="613"/>
      <c r="HCV725" s="613"/>
      <c r="HCW725" s="613"/>
      <c r="HCX725" s="613"/>
      <c r="HCY725" s="613"/>
      <c r="HCZ725" s="613"/>
      <c r="HDA725" s="613"/>
      <c r="HDB725" s="613"/>
      <c r="HDC725" s="613"/>
      <c r="HDD725" s="613"/>
      <c r="HDE725" s="613"/>
      <c r="HDF725" s="613"/>
      <c r="HDG725" s="613"/>
      <c r="HDH725" s="613"/>
      <c r="HDI725" s="613"/>
      <c r="HDJ725" s="613"/>
      <c r="HDK725" s="613"/>
      <c r="HDL725" s="613"/>
      <c r="HDM725" s="613"/>
      <c r="HDN725" s="613"/>
      <c r="HDO725" s="613"/>
      <c r="HDP725" s="613"/>
      <c r="HDQ725" s="613"/>
      <c r="HDR725" s="613"/>
      <c r="HDS725" s="613"/>
      <c r="HDT725" s="613"/>
      <c r="HDU725" s="613"/>
      <c r="HDV725" s="613"/>
      <c r="HDW725" s="613"/>
      <c r="HDX725" s="613"/>
      <c r="HDY725" s="613"/>
      <c r="HDZ725" s="613"/>
      <c r="HEA725" s="613"/>
      <c r="HEB725" s="613"/>
      <c r="HEC725" s="613"/>
      <c r="HED725" s="613"/>
      <c r="HEE725" s="613"/>
      <c r="HEF725" s="613"/>
      <c r="HEG725" s="613"/>
      <c r="HEH725" s="613"/>
      <c r="HEI725" s="613"/>
      <c r="HEJ725" s="613"/>
      <c r="HEK725" s="613"/>
      <c r="HEL725" s="613"/>
      <c r="HEM725" s="613"/>
      <c r="HEN725" s="613"/>
      <c r="HEO725" s="613"/>
      <c r="HEP725" s="613"/>
      <c r="HEQ725" s="613"/>
      <c r="HER725" s="613"/>
      <c r="HES725" s="613"/>
      <c r="HET725" s="613"/>
      <c r="HEU725" s="613"/>
      <c r="HEV725" s="613"/>
      <c r="HEW725" s="613"/>
      <c r="HEX725" s="613"/>
      <c r="HEY725" s="613"/>
      <c r="HEZ725" s="613"/>
      <c r="HFA725" s="613"/>
      <c r="HFB725" s="613"/>
      <c r="HFC725" s="613"/>
      <c r="HFD725" s="613"/>
      <c r="HFE725" s="613"/>
      <c r="HFF725" s="613"/>
      <c r="HFG725" s="613"/>
      <c r="HFH725" s="613"/>
      <c r="HFI725" s="613"/>
      <c r="HFJ725" s="613"/>
      <c r="HFK725" s="613"/>
      <c r="HFL725" s="613"/>
      <c r="HFM725" s="613"/>
      <c r="HFN725" s="613"/>
      <c r="HFO725" s="613"/>
      <c r="HFP725" s="613"/>
      <c r="HFQ725" s="613"/>
      <c r="HFR725" s="613"/>
      <c r="HFS725" s="613"/>
      <c r="HFT725" s="613"/>
      <c r="HFU725" s="613"/>
      <c r="HFV725" s="613"/>
      <c r="HFW725" s="613"/>
      <c r="HFX725" s="613"/>
      <c r="HFY725" s="613"/>
      <c r="HFZ725" s="613"/>
      <c r="HGA725" s="613"/>
      <c r="HGB725" s="613"/>
      <c r="HGC725" s="613"/>
      <c r="HGD725" s="613"/>
      <c r="HGE725" s="613"/>
      <c r="HGF725" s="613"/>
      <c r="HGG725" s="613"/>
      <c r="HGH725" s="613"/>
      <c r="HGI725" s="613"/>
      <c r="HGJ725" s="613"/>
      <c r="HGK725" s="613"/>
      <c r="HGL725" s="613"/>
      <c r="HGM725" s="613"/>
      <c r="HGN725" s="613"/>
      <c r="HGO725" s="613"/>
      <c r="HGP725" s="613"/>
      <c r="HGQ725" s="613"/>
      <c r="HGR725" s="613"/>
      <c r="HGS725" s="613"/>
      <c r="HGT725" s="613"/>
      <c r="HGU725" s="613"/>
      <c r="HGV725" s="613"/>
      <c r="HGW725" s="613"/>
      <c r="HGX725" s="613"/>
      <c r="HGY725" s="613"/>
      <c r="HGZ725" s="613"/>
      <c r="HHA725" s="613"/>
      <c r="HHB725" s="613"/>
      <c r="HHC725" s="613"/>
      <c r="HHD725" s="613"/>
      <c r="HHE725" s="613"/>
      <c r="HHF725" s="613"/>
      <c r="HHG725" s="613"/>
      <c r="HHH725" s="613"/>
      <c r="HHI725" s="613"/>
      <c r="HHJ725" s="613"/>
      <c r="HHK725" s="613"/>
      <c r="HHL725" s="613"/>
      <c r="HHM725" s="613"/>
      <c r="HHN725" s="613"/>
      <c r="HHO725" s="613"/>
      <c r="HHP725" s="613"/>
      <c r="HHQ725" s="613"/>
      <c r="HHR725" s="613"/>
      <c r="HHS725" s="613"/>
      <c r="HHT725" s="613"/>
      <c r="HHU725" s="613"/>
      <c r="HHV725" s="613"/>
      <c r="HHW725" s="613"/>
      <c r="HHX725" s="613"/>
      <c r="HHY725" s="613"/>
      <c r="HHZ725" s="613"/>
      <c r="HIA725" s="613"/>
      <c r="HIB725" s="613"/>
      <c r="HIC725" s="613"/>
      <c r="HID725" s="613"/>
      <c r="HIE725" s="613"/>
      <c r="HIF725" s="613"/>
      <c r="HIG725" s="613"/>
      <c r="HIH725" s="613"/>
      <c r="HII725" s="613"/>
      <c r="HIJ725" s="613"/>
      <c r="HIK725" s="613"/>
      <c r="HIL725" s="613"/>
      <c r="HIM725" s="613"/>
      <c r="HIN725" s="613"/>
      <c r="HIO725" s="613"/>
      <c r="HIP725" s="613"/>
      <c r="HIQ725" s="613"/>
      <c r="HIR725" s="613"/>
      <c r="HIS725" s="613"/>
      <c r="HIT725" s="613"/>
      <c r="HIU725" s="613"/>
      <c r="HIV725" s="613"/>
      <c r="HIW725" s="613"/>
      <c r="HIX725" s="613"/>
      <c r="HIY725" s="613"/>
      <c r="HIZ725" s="613"/>
      <c r="HJA725" s="613"/>
      <c r="HJB725" s="613"/>
      <c r="HJC725" s="613"/>
      <c r="HJD725" s="613"/>
      <c r="HJE725" s="613"/>
      <c r="HJF725" s="613"/>
      <c r="HJG725" s="613"/>
      <c r="HJH725" s="613"/>
      <c r="HJI725" s="613"/>
      <c r="HJJ725" s="613"/>
      <c r="HJK725" s="613"/>
      <c r="HJL725" s="613"/>
      <c r="HJM725" s="613"/>
      <c r="HJN725" s="613"/>
      <c r="HJO725" s="613"/>
      <c r="HJP725" s="613"/>
      <c r="HJQ725" s="613"/>
      <c r="HJR725" s="613"/>
      <c r="HJS725" s="613"/>
      <c r="HJT725" s="613"/>
      <c r="HJU725" s="613"/>
      <c r="HJV725" s="613"/>
      <c r="HJW725" s="613"/>
      <c r="HJX725" s="613"/>
      <c r="HJY725" s="613"/>
      <c r="HJZ725" s="613"/>
      <c r="HKA725" s="613"/>
      <c r="HKB725" s="613"/>
      <c r="HKC725" s="613"/>
      <c r="HKD725" s="613"/>
      <c r="HKE725" s="613"/>
      <c r="HKF725" s="613"/>
      <c r="HKG725" s="613"/>
      <c r="HKH725" s="613"/>
      <c r="HKI725" s="613"/>
      <c r="HKJ725" s="613"/>
      <c r="HKK725" s="613"/>
      <c r="HKL725" s="613"/>
      <c r="HKM725" s="613"/>
      <c r="HKN725" s="613"/>
      <c r="HKO725" s="613"/>
      <c r="HKP725" s="613"/>
      <c r="HKQ725" s="613"/>
      <c r="HKR725" s="613"/>
      <c r="HKS725" s="613"/>
      <c r="HKT725" s="613"/>
      <c r="HKU725" s="613"/>
      <c r="HKV725" s="613"/>
      <c r="HKW725" s="613"/>
      <c r="HKX725" s="613"/>
      <c r="HKY725" s="613"/>
      <c r="HKZ725" s="613"/>
      <c r="HLA725" s="613"/>
      <c r="HLB725" s="613"/>
      <c r="HLC725" s="613"/>
      <c r="HLD725" s="613"/>
      <c r="HLE725" s="613"/>
      <c r="HLF725" s="613"/>
      <c r="HLG725" s="613"/>
      <c r="HLH725" s="613"/>
      <c r="HLI725" s="613"/>
      <c r="HLJ725" s="613"/>
      <c r="HLK725" s="613"/>
      <c r="HLL725" s="613"/>
      <c r="HLM725" s="613"/>
      <c r="HLN725" s="613"/>
      <c r="HLO725" s="613"/>
      <c r="HLP725" s="613"/>
      <c r="HLQ725" s="613"/>
      <c r="HLR725" s="613"/>
      <c r="HLS725" s="613"/>
      <c r="HLT725" s="613"/>
      <c r="HLU725" s="613"/>
      <c r="HLV725" s="613"/>
      <c r="HLW725" s="613"/>
      <c r="HLX725" s="613"/>
      <c r="HLY725" s="613"/>
      <c r="HLZ725" s="613"/>
      <c r="HMA725" s="613"/>
      <c r="HMB725" s="613"/>
      <c r="HMC725" s="613"/>
      <c r="HMD725" s="613"/>
      <c r="HME725" s="613"/>
      <c r="HMF725" s="613"/>
      <c r="HMG725" s="613"/>
      <c r="HMH725" s="613"/>
      <c r="HMI725" s="613"/>
      <c r="HMJ725" s="613"/>
      <c r="HMK725" s="613"/>
      <c r="HML725" s="613"/>
      <c r="HMM725" s="613"/>
      <c r="HMN725" s="613"/>
      <c r="HMO725" s="613"/>
      <c r="HMP725" s="613"/>
      <c r="HMQ725" s="613"/>
      <c r="HMR725" s="613"/>
      <c r="HMS725" s="613"/>
      <c r="HMT725" s="613"/>
      <c r="HMU725" s="613"/>
      <c r="HMV725" s="613"/>
      <c r="HMW725" s="613"/>
      <c r="HMX725" s="613"/>
      <c r="HMY725" s="613"/>
      <c r="HMZ725" s="613"/>
      <c r="HNA725" s="613"/>
      <c r="HNB725" s="613"/>
      <c r="HNC725" s="613"/>
      <c r="HND725" s="613"/>
      <c r="HNE725" s="613"/>
      <c r="HNF725" s="613"/>
      <c r="HNG725" s="613"/>
      <c r="HNH725" s="613"/>
      <c r="HNI725" s="613"/>
      <c r="HNJ725" s="613"/>
      <c r="HNK725" s="613"/>
      <c r="HNL725" s="613"/>
      <c r="HNM725" s="613"/>
      <c r="HNN725" s="613"/>
      <c r="HNO725" s="613"/>
      <c r="HNP725" s="613"/>
      <c r="HNQ725" s="613"/>
      <c r="HNR725" s="613"/>
      <c r="HNS725" s="613"/>
      <c r="HNT725" s="613"/>
      <c r="HNU725" s="613"/>
      <c r="HNV725" s="613"/>
      <c r="HNW725" s="613"/>
      <c r="HNX725" s="613"/>
      <c r="HNY725" s="613"/>
      <c r="HNZ725" s="613"/>
      <c r="HOA725" s="613"/>
      <c r="HOB725" s="613"/>
      <c r="HOC725" s="613"/>
      <c r="HOD725" s="613"/>
      <c r="HOE725" s="613"/>
      <c r="HOF725" s="613"/>
      <c r="HOG725" s="613"/>
      <c r="HOH725" s="613"/>
      <c r="HOI725" s="613"/>
      <c r="HOJ725" s="613"/>
      <c r="HOK725" s="613"/>
      <c r="HOL725" s="613"/>
      <c r="HOM725" s="613"/>
      <c r="HON725" s="613"/>
      <c r="HOO725" s="613"/>
      <c r="HOP725" s="613"/>
      <c r="HOQ725" s="613"/>
      <c r="HOR725" s="613"/>
      <c r="HOS725" s="613"/>
      <c r="HOT725" s="613"/>
      <c r="HOU725" s="613"/>
      <c r="HOV725" s="613"/>
      <c r="HOW725" s="613"/>
      <c r="HOX725" s="613"/>
      <c r="HOY725" s="613"/>
      <c r="HOZ725" s="613"/>
      <c r="HPA725" s="613"/>
      <c r="HPB725" s="613"/>
      <c r="HPC725" s="613"/>
      <c r="HPD725" s="613"/>
      <c r="HPE725" s="613"/>
      <c r="HPF725" s="613"/>
      <c r="HPG725" s="613"/>
      <c r="HPH725" s="613"/>
      <c r="HPI725" s="613"/>
      <c r="HPJ725" s="613"/>
      <c r="HPK725" s="613"/>
      <c r="HPL725" s="613"/>
      <c r="HPM725" s="613"/>
      <c r="HPN725" s="613"/>
      <c r="HPO725" s="613"/>
      <c r="HPP725" s="613"/>
      <c r="HPQ725" s="613"/>
      <c r="HPR725" s="613"/>
      <c r="HPS725" s="613"/>
      <c r="HPT725" s="613"/>
      <c r="HPU725" s="613"/>
      <c r="HPV725" s="613"/>
      <c r="HPW725" s="613"/>
      <c r="HPX725" s="613"/>
      <c r="HPY725" s="613"/>
      <c r="HPZ725" s="613"/>
      <c r="HQA725" s="613"/>
      <c r="HQB725" s="613"/>
      <c r="HQC725" s="613"/>
      <c r="HQD725" s="613"/>
      <c r="HQE725" s="613"/>
      <c r="HQF725" s="613"/>
      <c r="HQG725" s="613"/>
      <c r="HQH725" s="613"/>
      <c r="HQI725" s="613"/>
      <c r="HQJ725" s="613"/>
      <c r="HQK725" s="613"/>
      <c r="HQL725" s="613"/>
      <c r="HQM725" s="613"/>
      <c r="HQN725" s="613"/>
      <c r="HQO725" s="613"/>
      <c r="HQP725" s="613"/>
      <c r="HQQ725" s="613"/>
      <c r="HQR725" s="613"/>
      <c r="HQS725" s="613"/>
      <c r="HQT725" s="613"/>
      <c r="HQU725" s="613"/>
      <c r="HQV725" s="613"/>
      <c r="HQW725" s="613"/>
      <c r="HQX725" s="613"/>
      <c r="HQY725" s="613"/>
      <c r="HQZ725" s="613"/>
      <c r="HRA725" s="613"/>
      <c r="HRB725" s="613"/>
      <c r="HRC725" s="613"/>
      <c r="HRD725" s="613"/>
      <c r="HRE725" s="613"/>
      <c r="HRF725" s="613"/>
      <c r="HRG725" s="613"/>
      <c r="HRH725" s="613"/>
      <c r="HRI725" s="613"/>
      <c r="HRJ725" s="613"/>
      <c r="HRK725" s="613"/>
      <c r="HRL725" s="613"/>
      <c r="HRM725" s="613"/>
      <c r="HRN725" s="613"/>
      <c r="HRO725" s="613"/>
      <c r="HRP725" s="613"/>
      <c r="HRQ725" s="613"/>
      <c r="HRR725" s="613"/>
      <c r="HRS725" s="613"/>
      <c r="HRT725" s="613"/>
      <c r="HRU725" s="613"/>
      <c r="HRV725" s="613"/>
      <c r="HRW725" s="613"/>
      <c r="HRX725" s="613"/>
      <c r="HRY725" s="613"/>
      <c r="HRZ725" s="613"/>
      <c r="HSA725" s="613"/>
      <c r="HSB725" s="613"/>
      <c r="HSC725" s="613"/>
      <c r="HSD725" s="613"/>
      <c r="HSE725" s="613"/>
      <c r="HSF725" s="613"/>
      <c r="HSG725" s="613"/>
      <c r="HSH725" s="613"/>
      <c r="HSI725" s="613"/>
      <c r="HSJ725" s="613"/>
      <c r="HSK725" s="613"/>
      <c r="HSL725" s="613"/>
      <c r="HSM725" s="613"/>
      <c r="HSN725" s="613"/>
      <c r="HSO725" s="613"/>
      <c r="HSP725" s="613"/>
      <c r="HSQ725" s="613"/>
      <c r="HSR725" s="613"/>
      <c r="HSS725" s="613"/>
      <c r="HST725" s="613"/>
      <c r="HSU725" s="613"/>
      <c r="HSV725" s="613"/>
      <c r="HSW725" s="613"/>
      <c r="HSX725" s="613"/>
      <c r="HSY725" s="613"/>
      <c r="HSZ725" s="613"/>
      <c r="HTA725" s="613"/>
      <c r="HTB725" s="613"/>
      <c r="HTC725" s="613"/>
      <c r="HTD725" s="613"/>
      <c r="HTE725" s="613"/>
      <c r="HTF725" s="613"/>
      <c r="HTG725" s="613"/>
      <c r="HTH725" s="613"/>
      <c r="HTI725" s="613"/>
      <c r="HTJ725" s="613"/>
      <c r="HTK725" s="613"/>
      <c r="HTL725" s="613"/>
      <c r="HTM725" s="613"/>
      <c r="HTN725" s="613"/>
      <c r="HTO725" s="613"/>
      <c r="HTP725" s="613"/>
      <c r="HTQ725" s="613"/>
      <c r="HTR725" s="613"/>
      <c r="HTS725" s="613"/>
      <c r="HTT725" s="613"/>
      <c r="HTU725" s="613"/>
      <c r="HTV725" s="613"/>
      <c r="HTW725" s="613"/>
      <c r="HTX725" s="613"/>
      <c r="HTY725" s="613"/>
      <c r="HTZ725" s="613"/>
      <c r="HUA725" s="613"/>
      <c r="HUB725" s="613"/>
      <c r="HUC725" s="613"/>
      <c r="HUD725" s="613"/>
      <c r="HUE725" s="613"/>
      <c r="HUF725" s="613"/>
      <c r="HUG725" s="613"/>
      <c r="HUH725" s="613"/>
      <c r="HUI725" s="613"/>
      <c r="HUJ725" s="613"/>
      <c r="HUK725" s="613"/>
      <c r="HUL725" s="613"/>
      <c r="HUM725" s="613"/>
      <c r="HUN725" s="613"/>
      <c r="HUO725" s="613"/>
      <c r="HUP725" s="613"/>
      <c r="HUQ725" s="613"/>
      <c r="HUR725" s="613"/>
      <c r="HUS725" s="613"/>
      <c r="HUT725" s="613"/>
      <c r="HUU725" s="613"/>
      <c r="HUV725" s="613"/>
      <c r="HUW725" s="613"/>
      <c r="HUX725" s="613"/>
      <c r="HUY725" s="613"/>
      <c r="HUZ725" s="613"/>
      <c r="HVA725" s="613"/>
      <c r="HVB725" s="613"/>
      <c r="HVC725" s="613"/>
      <c r="HVD725" s="613"/>
      <c r="HVE725" s="613"/>
      <c r="HVF725" s="613"/>
      <c r="HVG725" s="613"/>
      <c r="HVH725" s="613"/>
      <c r="HVI725" s="613"/>
      <c r="HVJ725" s="613"/>
      <c r="HVK725" s="613"/>
      <c r="HVL725" s="613"/>
      <c r="HVM725" s="613"/>
      <c r="HVN725" s="613"/>
      <c r="HVO725" s="613"/>
      <c r="HVP725" s="613"/>
      <c r="HVQ725" s="613"/>
      <c r="HVR725" s="613"/>
      <c r="HVS725" s="613"/>
      <c r="HVT725" s="613"/>
      <c r="HVU725" s="613"/>
      <c r="HVV725" s="613"/>
      <c r="HVW725" s="613"/>
      <c r="HVX725" s="613"/>
      <c r="HVY725" s="613"/>
      <c r="HVZ725" s="613"/>
      <c r="HWA725" s="613"/>
      <c r="HWB725" s="613"/>
      <c r="HWC725" s="613"/>
      <c r="HWD725" s="613"/>
      <c r="HWE725" s="613"/>
      <c r="HWF725" s="613"/>
      <c r="HWG725" s="613"/>
      <c r="HWH725" s="613"/>
      <c r="HWI725" s="613"/>
      <c r="HWJ725" s="613"/>
      <c r="HWK725" s="613"/>
      <c r="HWL725" s="613"/>
      <c r="HWM725" s="613"/>
      <c r="HWN725" s="613"/>
      <c r="HWO725" s="613"/>
      <c r="HWP725" s="613"/>
      <c r="HWQ725" s="613"/>
      <c r="HWR725" s="613"/>
      <c r="HWS725" s="613"/>
      <c r="HWT725" s="613"/>
      <c r="HWU725" s="613"/>
      <c r="HWV725" s="613"/>
      <c r="HWW725" s="613"/>
      <c r="HWX725" s="613"/>
      <c r="HWY725" s="613"/>
      <c r="HWZ725" s="613"/>
      <c r="HXA725" s="613"/>
      <c r="HXB725" s="613"/>
      <c r="HXC725" s="613"/>
      <c r="HXD725" s="613"/>
      <c r="HXE725" s="613"/>
      <c r="HXF725" s="613"/>
      <c r="HXG725" s="613"/>
      <c r="HXH725" s="613"/>
      <c r="HXI725" s="613"/>
      <c r="HXJ725" s="613"/>
      <c r="HXK725" s="613"/>
      <c r="HXL725" s="613"/>
      <c r="HXM725" s="613"/>
      <c r="HXN725" s="613"/>
      <c r="HXO725" s="613"/>
      <c r="HXP725" s="613"/>
      <c r="HXQ725" s="613"/>
      <c r="HXR725" s="613"/>
      <c r="HXS725" s="613"/>
      <c r="HXT725" s="613"/>
      <c r="HXU725" s="613"/>
      <c r="HXV725" s="613"/>
      <c r="HXW725" s="613"/>
      <c r="HXX725" s="613"/>
      <c r="HXY725" s="613"/>
      <c r="HXZ725" s="613"/>
      <c r="HYA725" s="613"/>
      <c r="HYB725" s="613"/>
      <c r="HYC725" s="613"/>
      <c r="HYD725" s="613"/>
      <c r="HYE725" s="613"/>
      <c r="HYF725" s="613"/>
      <c r="HYG725" s="613"/>
      <c r="HYH725" s="613"/>
      <c r="HYI725" s="613"/>
      <c r="HYJ725" s="613"/>
      <c r="HYK725" s="613"/>
      <c r="HYL725" s="613"/>
      <c r="HYM725" s="613"/>
      <c r="HYN725" s="613"/>
      <c r="HYO725" s="613"/>
      <c r="HYP725" s="613"/>
      <c r="HYQ725" s="613"/>
      <c r="HYR725" s="613"/>
      <c r="HYS725" s="613"/>
      <c r="HYT725" s="613"/>
      <c r="HYU725" s="613"/>
      <c r="HYV725" s="613"/>
      <c r="HYW725" s="613"/>
      <c r="HYX725" s="613"/>
      <c r="HYY725" s="613"/>
      <c r="HYZ725" s="613"/>
      <c r="HZA725" s="613"/>
      <c r="HZB725" s="613"/>
      <c r="HZC725" s="613"/>
      <c r="HZD725" s="613"/>
      <c r="HZE725" s="613"/>
      <c r="HZF725" s="613"/>
      <c r="HZG725" s="613"/>
      <c r="HZH725" s="613"/>
      <c r="HZI725" s="613"/>
      <c r="HZJ725" s="613"/>
      <c r="HZK725" s="613"/>
      <c r="HZL725" s="613"/>
      <c r="HZM725" s="613"/>
      <c r="HZN725" s="613"/>
      <c r="HZO725" s="613"/>
      <c r="HZP725" s="613"/>
      <c r="HZQ725" s="613"/>
      <c r="HZR725" s="613"/>
      <c r="HZS725" s="613"/>
      <c r="HZT725" s="613"/>
      <c r="HZU725" s="613"/>
      <c r="HZV725" s="613"/>
      <c r="HZW725" s="613"/>
      <c r="HZX725" s="613"/>
      <c r="HZY725" s="613"/>
      <c r="HZZ725" s="613"/>
      <c r="IAA725" s="613"/>
      <c r="IAB725" s="613"/>
      <c r="IAC725" s="613"/>
      <c r="IAD725" s="613"/>
      <c r="IAE725" s="613"/>
      <c r="IAF725" s="613"/>
      <c r="IAG725" s="613"/>
      <c r="IAH725" s="613"/>
      <c r="IAI725" s="613"/>
      <c r="IAJ725" s="613"/>
      <c r="IAK725" s="613"/>
      <c r="IAL725" s="613"/>
      <c r="IAM725" s="613"/>
      <c r="IAN725" s="613"/>
      <c r="IAO725" s="613"/>
      <c r="IAP725" s="613"/>
      <c r="IAQ725" s="613"/>
      <c r="IAR725" s="613"/>
      <c r="IAS725" s="613"/>
      <c r="IAT725" s="613"/>
      <c r="IAU725" s="613"/>
      <c r="IAV725" s="613"/>
      <c r="IAW725" s="613"/>
      <c r="IAX725" s="613"/>
      <c r="IAY725" s="613"/>
      <c r="IAZ725" s="613"/>
      <c r="IBA725" s="613"/>
      <c r="IBB725" s="613"/>
      <c r="IBC725" s="613"/>
      <c r="IBD725" s="613"/>
      <c r="IBE725" s="613"/>
      <c r="IBF725" s="613"/>
      <c r="IBG725" s="613"/>
      <c r="IBH725" s="613"/>
      <c r="IBI725" s="613"/>
      <c r="IBJ725" s="613"/>
      <c r="IBK725" s="613"/>
      <c r="IBL725" s="613"/>
      <c r="IBM725" s="613"/>
      <c r="IBN725" s="613"/>
      <c r="IBO725" s="613"/>
      <c r="IBP725" s="613"/>
      <c r="IBQ725" s="613"/>
      <c r="IBR725" s="613"/>
      <c r="IBS725" s="613"/>
      <c r="IBT725" s="613"/>
      <c r="IBU725" s="613"/>
      <c r="IBV725" s="613"/>
      <c r="IBW725" s="613"/>
      <c r="IBX725" s="613"/>
      <c r="IBY725" s="613"/>
      <c r="IBZ725" s="613"/>
      <c r="ICA725" s="613"/>
      <c r="ICB725" s="613"/>
      <c r="ICC725" s="613"/>
      <c r="ICD725" s="613"/>
      <c r="ICE725" s="613"/>
      <c r="ICF725" s="613"/>
      <c r="ICG725" s="613"/>
      <c r="ICH725" s="613"/>
      <c r="ICI725" s="613"/>
      <c r="ICJ725" s="613"/>
      <c r="ICK725" s="613"/>
      <c r="ICL725" s="613"/>
      <c r="ICM725" s="613"/>
      <c r="ICN725" s="613"/>
      <c r="ICO725" s="613"/>
      <c r="ICP725" s="613"/>
      <c r="ICQ725" s="613"/>
      <c r="ICR725" s="613"/>
      <c r="ICS725" s="613"/>
      <c r="ICT725" s="613"/>
      <c r="ICU725" s="613"/>
      <c r="ICV725" s="613"/>
      <c r="ICW725" s="613"/>
      <c r="ICX725" s="613"/>
      <c r="ICY725" s="613"/>
      <c r="ICZ725" s="613"/>
      <c r="IDA725" s="613"/>
      <c r="IDB725" s="613"/>
      <c r="IDC725" s="613"/>
      <c r="IDD725" s="613"/>
      <c r="IDE725" s="613"/>
      <c r="IDF725" s="613"/>
      <c r="IDG725" s="613"/>
      <c r="IDH725" s="613"/>
      <c r="IDI725" s="613"/>
      <c r="IDJ725" s="613"/>
      <c r="IDK725" s="613"/>
      <c r="IDL725" s="613"/>
      <c r="IDM725" s="613"/>
      <c r="IDN725" s="613"/>
      <c r="IDO725" s="613"/>
      <c r="IDP725" s="613"/>
      <c r="IDQ725" s="613"/>
      <c r="IDR725" s="613"/>
      <c r="IDS725" s="613"/>
      <c r="IDT725" s="613"/>
      <c r="IDU725" s="613"/>
      <c r="IDV725" s="613"/>
      <c r="IDW725" s="613"/>
      <c r="IDX725" s="613"/>
      <c r="IDY725" s="613"/>
      <c r="IDZ725" s="613"/>
      <c r="IEA725" s="613"/>
      <c r="IEB725" s="613"/>
      <c r="IEC725" s="613"/>
      <c r="IED725" s="613"/>
      <c r="IEE725" s="613"/>
      <c r="IEF725" s="613"/>
      <c r="IEG725" s="613"/>
      <c r="IEH725" s="613"/>
      <c r="IEI725" s="613"/>
      <c r="IEJ725" s="613"/>
      <c r="IEK725" s="613"/>
      <c r="IEL725" s="613"/>
      <c r="IEM725" s="613"/>
      <c r="IEN725" s="613"/>
      <c r="IEO725" s="613"/>
      <c r="IEP725" s="613"/>
      <c r="IEQ725" s="613"/>
      <c r="IER725" s="613"/>
      <c r="IES725" s="613"/>
      <c r="IET725" s="613"/>
      <c r="IEU725" s="613"/>
      <c r="IEV725" s="613"/>
      <c r="IEW725" s="613"/>
      <c r="IEX725" s="613"/>
      <c r="IEY725" s="613"/>
      <c r="IEZ725" s="613"/>
      <c r="IFA725" s="613"/>
      <c r="IFB725" s="613"/>
      <c r="IFC725" s="613"/>
      <c r="IFD725" s="613"/>
      <c r="IFE725" s="613"/>
      <c r="IFF725" s="613"/>
      <c r="IFG725" s="613"/>
      <c r="IFH725" s="613"/>
      <c r="IFI725" s="613"/>
      <c r="IFJ725" s="613"/>
      <c r="IFK725" s="613"/>
      <c r="IFL725" s="613"/>
      <c r="IFM725" s="613"/>
      <c r="IFN725" s="613"/>
      <c r="IFO725" s="613"/>
      <c r="IFP725" s="613"/>
      <c r="IFQ725" s="613"/>
      <c r="IFR725" s="613"/>
      <c r="IFS725" s="613"/>
      <c r="IFT725" s="613"/>
      <c r="IFU725" s="613"/>
      <c r="IFV725" s="613"/>
      <c r="IFW725" s="613"/>
      <c r="IFX725" s="613"/>
      <c r="IFY725" s="613"/>
      <c r="IFZ725" s="613"/>
      <c r="IGA725" s="613"/>
      <c r="IGB725" s="613"/>
      <c r="IGC725" s="613"/>
      <c r="IGD725" s="613"/>
      <c r="IGE725" s="613"/>
      <c r="IGF725" s="613"/>
      <c r="IGG725" s="613"/>
      <c r="IGH725" s="613"/>
      <c r="IGI725" s="613"/>
      <c r="IGJ725" s="613"/>
      <c r="IGK725" s="613"/>
      <c r="IGL725" s="613"/>
      <c r="IGM725" s="613"/>
      <c r="IGN725" s="613"/>
      <c r="IGO725" s="613"/>
      <c r="IGP725" s="613"/>
      <c r="IGQ725" s="613"/>
      <c r="IGR725" s="613"/>
      <c r="IGS725" s="613"/>
      <c r="IGT725" s="613"/>
      <c r="IGU725" s="613"/>
      <c r="IGV725" s="613"/>
      <c r="IGW725" s="613"/>
      <c r="IGX725" s="613"/>
      <c r="IGY725" s="613"/>
      <c r="IGZ725" s="613"/>
      <c r="IHA725" s="613"/>
      <c r="IHB725" s="613"/>
      <c r="IHC725" s="613"/>
      <c r="IHD725" s="613"/>
      <c r="IHE725" s="613"/>
      <c r="IHF725" s="613"/>
      <c r="IHG725" s="613"/>
      <c r="IHH725" s="613"/>
      <c r="IHI725" s="613"/>
      <c r="IHJ725" s="613"/>
      <c r="IHK725" s="613"/>
      <c r="IHL725" s="613"/>
      <c r="IHM725" s="613"/>
      <c r="IHN725" s="613"/>
      <c r="IHO725" s="613"/>
      <c r="IHP725" s="613"/>
      <c r="IHQ725" s="613"/>
      <c r="IHR725" s="613"/>
      <c r="IHS725" s="613"/>
      <c r="IHT725" s="613"/>
      <c r="IHU725" s="613"/>
      <c r="IHV725" s="613"/>
      <c r="IHW725" s="613"/>
      <c r="IHX725" s="613"/>
      <c r="IHY725" s="613"/>
      <c r="IHZ725" s="613"/>
      <c r="IIA725" s="613"/>
      <c r="IIB725" s="613"/>
      <c r="IIC725" s="613"/>
      <c r="IID725" s="613"/>
      <c r="IIE725" s="613"/>
      <c r="IIF725" s="613"/>
      <c r="IIG725" s="613"/>
      <c r="IIH725" s="613"/>
      <c r="III725" s="613"/>
      <c r="IIJ725" s="613"/>
      <c r="IIK725" s="613"/>
      <c r="IIL725" s="613"/>
      <c r="IIM725" s="613"/>
      <c r="IIN725" s="613"/>
      <c r="IIO725" s="613"/>
      <c r="IIP725" s="613"/>
      <c r="IIQ725" s="613"/>
      <c r="IIR725" s="613"/>
      <c r="IIS725" s="613"/>
      <c r="IIT725" s="613"/>
      <c r="IIU725" s="613"/>
      <c r="IIV725" s="613"/>
      <c r="IIW725" s="613"/>
      <c r="IIX725" s="613"/>
      <c r="IIY725" s="613"/>
      <c r="IIZ725" s="613"/>
      <c r="IJA725" s="613"/>
      <c r="IJB725" s="613"/>
      <c r="IJC725" s="613"/>
      <c r="IJD725" s="613"/>
      <c r="IJE725" s="613"/>
      <c r="IJF725" s="613"/>
      <c r="IJG725" s="613"/>
      <c r="IJH725" s="613"/>
      <c r="IJI725" s="613"/>
      <c r="IJJ725" s="613"/>
      <c r="IJK725" s="613"/>
      <c r="IJL725" s="613"/>
      <c r="IJM725" s="613"/>
      <c r="IJN725" s="613"/>
      <c r="IJO725" s="613"/>
      <c r="IJP725" s="613"/>
      <c r="IJQ725" s="613"/>
      <c r="IJR725" s="613"/>
      <c r="IJS725" s="613"/>
      <c r="IJT725" s="613"/>
      <c r="IJU725" s="613"/>
      <c r="IJV725" s="613"/>
      <c r="IJW725" s="613"/>
      <c r="IJX725" s="613"/>
      <c r="IJY725" s="613"/>
      <c r="IJZ725" s="613"/>
      <c r="IKA725" s="613"/>
      <c r="IKB725" s="613"/>
      <c r="IKC725" s="613"/>
      <c r="IKD725" s="613"/>
      <c r="IKE725" s="613"/>
      <c r="IKF725" s="613"/>
      <c r="IKG725" s="613"/>
      <c r="IKH725" s="613"/>
      <c r="IKI725" s="613"/>
      <c r="IKJ725" s="613"/>
      <c r="IKK725" s="613"/>
      <c r="IKL725" s="613"/>
      <c r="IKM725" s="613"/>
      <c r="IKN725" s="613"/>
      <c r="IKO725" s="613"/>
      <c r="IKP725" s="613"/>
      <c r="IKQ725" s="613"/>
      <c r="IKR725" s="613"/>
      <c r="IKS725" s="613"/>
      <c r="IKT725" s="613"/>
      <c r="IKU725" s="613"/>
      <c r="IKV725" s="613"/>
      <c r="IKW725" s="613"/>
      <c r="IKX725" s="613"/>
      <c r="IKY725" s="613"/>
      <c r="IKZ725" s="613"/>
      <c r="ILA725" s="613"/>
      <c r="ILB725" s="613"/>
      <c r="ILC725" s="613"/>
      <c r="ILD725" s="613"/>
      <c r="ILE725" s="613"/>
      <c r="ILF725" s="613"/>
      <c r="ILG725" s="613"/>
      <c r="ILH725" s="613"/>
      <c r="ILI725" s="613"/>
      <c r="ILJ725" s="613"/>
      <c r="ILK725" s="613"/>
      <c r="ILL725" s="613"/>
      <c r="ILM725" s="613"/>
      <c r="ILN725" s="613"/>
      <c r="ILO725" s="613"/>
      <c r="ILP725" s="613"/>
      <c r="ILQ725" s="613"/>
      <c r="ILR725" s="613"/>
      <c r="ILS725" s="613"/>
      <c r="ILT725" s="613"/>
      <c r="ILU725" s="613"/>
      <c r="ILV725" s="613"/>
      <c r="ILW725" s="613"/>
      <c r="ILX725" s="613"/>
      <c r="ILY725" s="613"/>
      <c r="ILZ725" s="613"/>
      <c r="IMA725" s="613"/>
      <c r="IMB725" s="613"/>
      <c r="IMC725" s="613"/>
      <c r="IMD725" s="613"/>
      <c r="IME725" s="613"/>
      <c r="IMF725" s="613"/>
      <c r="IMG725" s="613"/>
      <c r="IMH725" s="613"/>
      <c r="IMI725" s="613"/>
      <c r="IMJ725" s="613"/>
      <c r="IMK725" s="613"/>
      <c r="IML725" s="613"/>
      <c r="IMM725" s="613"/>
      <c r="IMN725" s="613"/>
      <c r="IMO725" s="613"/>
      <c r="IMP725" s="613"/>
      <c r="IMQ725" s="613"/>
      <c r="IMR725" s="613"/>
      <c r="IMS725" s="613"/>
      <c r="IMT725" s="613"/>
      <c r="IMU725" s="613"/>
      <c r="IMV725" s="613"/>
      <c r="IMW725" s="613"/>
      <c r="IMX725" s="613"/>
      <c r="IMY725" s="613"/>
      <c r="IMZ725" s="613"/>
      <c r="INA725" s="613"/>
      <c r="INB725" s="613"/>
      <c r="INC725" s="613"/>
      <c r="IND725" s="613"/>
      <c r="INE725" s="613"/>
      <c r="INF725" s="613"/>
      <c r="ING725" s="613"/>
      <c r="INH725" s="613"/>
      <c r="INI725" s="613"/>
      <c r="INJ725" s="613"/>
      <c r="INK725" s="613"/>
      <c r="INL725" s="613"/>
      <c r="INM725" s="613"/>
      <c r="INN725" s="613"/>
      <c r="INO725" s="613"/>
      <c r="INP725" s="613"/>
      <c r="INQ725" s="613"/>
      <c r="INR725" s="613"/>
      <c r="INS725" s="613"/>
      <c r="INT725" s="613"/>
      <c r="INU725" s="613"/>
      <c r="INV725" s="613"/>
      <c r="INW725" s="613"/>
      <c r="INX725" s="613"/>
      <c r="INY725" s="613"/>
      <c r="INZ725" s="613"/>
      <c r="IOA725" s="613"/>
      <c r="IOB725" s="613"/>
      <c r="IOC725" s="613"/>
      <c r="IOD725" s="613"/>
      <c r="IOE725" s="613"/>
      <c r="IOF725" s="613"/>
      <c r="IOG725" s="613"/>
      <c r="IOH725" s="613"/>
      <c r="IOI725" s="613"/>
      <c r="IOJ725" s="613"/>
      <c r="IOK725" s="613"/>
      <c r="IOL725" s="613"/>
      <c r="IOM725" s="613"/>
      <c r="ION725" s="613"/>
      <c r="IOO725" s="613"/>
      <c r="IOP725" s="613"/>
      <c r="IOQ725" s="613"/>
      <c r="IOR725" s="613"/>
      <c r="IOS725" s="613"/>
      <c r="IOT725" s="613"/>
      <c r="IOU725" s="613"/>
      <c r="IOV725" s="613"/>
      <c r="IOW725" s="613"/>
      <c r="IOX725" s="613"/>
      <c r="IOY725" s="613"/>
      <c r="IOZ725" s="613"/>
      <c r="IPA725" s="613"/>
      <c r="IPB725" s="613"/>
      <c r="IPC725" s="613"/>
      <c r="IPD725" s="613"/>
      <c r="IPE725" s="613"/>
      <c r="IPF725" s="613"/>
      <c r="IPG725" s="613"/>
      <c r="IPH725" s="613"/>
      <c r="IPI725" s="613"/>
      <c r="IPJ725" s="613"/>
      <c r="IPK725" s="613"/>
      <c r="IPL725" s="613"/>
      <c r="IPM725" s="613"/>
      <c r="IPN725" s="613"/>
      <c r="IPO725" s="613"/>
      <c r="IPP725" s="613"/>
      <c r="IPQ725" s="613"/>
      <c r="IPR725" s="613"/>
      <c r="IPS725" s="613"/>
      <c r="IPT725" s="613"/>
      <c r="IPU725" s="613"/>
      <c r="IPV725" s="613"/>
      <c r="IPW725" s="613"/>
      <c r="IPX725" s="613"/>
      <c r="IPY725" s="613"/>
      <c r="IPZ725" s="613"/>
      <c r="IQA725" s="613"/>
      <c r="IQB725" s="613"/>
      <c r="IQC725" s="613"/>
      <c r="IQD725" s="613"/>
      <c r="IQE725" s="613"/>
      <c r="IQF725" s="613"/>
      <c r="IQG725" s="613"/>
      <c r="IQH725" s="613"/>
      <c r="IQI725" s="613"/>
      <c r="IQJ725" s="613"/>
      <c r="IQK725" s="613"/>
      <c r="IQL725" s="613"/>
      <c r="IQM725" s="613"/>
      <c r="IQN725" s="613"/>
      <c r="IQO725" s="613"/>
      <c r="IQP725" s="613"/>
      <c r="IQQ725" s="613"/>
      <c r="IQR725" s="613"/>
      <c r="IQS725" s="613"/>
      <c r="IQT725" s="613"/>
      <c r="IQU725" s="613"/>
      <c r="IQV725" s="613"/>
      <c r="IQW725" s="613"/>
      <c r="IQX725" s="613"/>
      <c r="IQY725" s="613"/>
      <c r="IQZ725" s="613"/>
      <c r="IRA725" s="613"/>
      <c r="IRB725" s="613"/>
      <c r="IRC725" s="613"/>
      <c r="IRD725" s="613"/>
      <c r="IRE725" s="613"/>
      <c r="IRF725" s="613"/>
      <c r="IRG725" s="613"/>
      <c r="IRH725" s="613"/>
      <c r="IRI725" s="613"/>
      <c r="IRJ725" s="613"/>
      <c r="IRK725" s="613"/>
      <c r="IRL725" s="613"/>
      <c r="IRM725" s="613"/>
      <c r="IRN725" s="613"/>
      <c r="IRO725" s="613"/>
      <c r="IRP725" s="613"/>
      <c r="IRQ725" s="613"/>
      <c r="IRR725" s="613"/>
      <c r="IRS725" s="613"/>
      <c r="IRT725" s="613"/>
      <c r="IRU725" s="613"/>
      <c r="IRV725" s="613"/>
      <c r="IRW725" s="613"/>
      <c r="IRX725" s="613"/>
      <c r="IRY725" s="613"/>
      <c r="IRZ725" s="613"/>
      <c r="ISA725" s="613"/>
      <c r="ISB725" s="613"/>
      <c r="ISC725" s="613"/>
      <c r="ISD725" s="613"/>
      <c r="ISE725" s="613"/>
      <c r="ISF725" s="613"/>
      <c r="ISG725" s="613"/>
      <c r="ISH725" s="613"/>
      <c r="ISI725" s="613"/>
      <c r="ISJ725" s="613"/>
      <c r="ISK725" s="613"/>
      <c r="ISL725" s="613"/>
      <c r="ISM725" s="613"/>
      <c r="ISN725" s="613"/>
      <c r="ISO725" s="613"/>
      <c r="ISP725" s="613"/>
      <c r="ISQ725" s="613"/>
      <c r="ISR725" s="613"/>
      <c r="ISS725" s="613"/>
      <c r="IST725" s="613"/>
      <c r="ISU725" s="613"/>
      <c r="ISV725" s="613"/>
      <c r="ISW725" s="613"/>
      <c r="ISX725" s="613"/>
      <c r="ISY725" s="613"/>
      <c r="ISZ725" s="613"/>
      <c r="ITA725" s="613"/>
      <c r="ITB725" s="613"/>
      <c r="ITC725" s="613"/>
      <c r="ITD725" s="613"/>
      <c r="ITE725" s="613"/>
      <c r="ITF725" s="613"/>
      <c r="ITG725" s="613"/>
      <c r="ITH725" s="613"/>
      <c r="ITI725" s="613"/>
      <c r="ITJ725" s="613"/>
      <c r="ITK725" s="613"/>
      <c r="ITL725" s="613"/>
      <c r="ITM725" s="613"/>
      <c r="ITN725" s="613"/>
      <c r="ITO725" s="613"/>
      <c r="ITP725" s="613"/>
      <c r="ITQ725" s="613"/>
      <c r="ITR725" s="613"/>
      <c r="ITS725" s="613"/>
      <c r="ITT725" s="613"/>
      <c r="ITU725" s="613"/>
      <c r="ITV725" s="613"/>
      <c r="ITW725" s="613"/>
      <c r="ITX725" s="613"/>
      <c r="ITY725" s="613"/>
      <c r="ITZ725" s="613"/>
      <c r="IUA725" s="613"/>
      <c r="IUB725" s="613"/>
      <c r="IUC725" s="613"/>
      <c r="IUD725" s="613"/>
      <c r="IUE725" s="613"/>
      <c r="IUF725" s="613"/>
      <c r="IUG725" s="613"/>
      <c r="IUH725" s="613"/>
      <c r="IUI725" s="613"/>
      <c r="IUJ725" s="613"/>
      <c r="IUK725" s="613"/>
      <c r="IUL725" s="613"/>
      <c r="IUM725" s="613"/>
      <c r="IUN725" s="613"/>
      <c r="IUO725" s="613"/>
      <c r="IUP725" s="613"/>
      <c r="IUQ725" s="613"/>
      <c r="IUR725" s="613"/>
      <c r="IUS725" s="613"/>
      <c r="IUT725" s="613"/>
      <c r="IUU725" s="613"/>
      <c r="IUV725" s="613"/>
      <c r="IUW725" s="613"/>
      <c r="IUX725" s="613"/>
      <c r="IUY725" s="613"/>
      <c r="IUZ725" s="613"/>
      <c r="IVA725" s="613"/>
      <c r="IVB725" s="613"/>
      <c r="IVC725" s="613"/>
      <c r="IVD725" s="613"/>
      <c r="IVE725" s="613"/>
      <c r="IVF725" s="613"/>
      <c r="IVG725" s="613"/>
      <c r="IVH725" s="613"/>
      <c r="IVI725" s="613"/>
      <c r="IVJ725" s="613"/>
      <c r="IVK725" s="613"/>
      <c r="IVL725" s="613"/>
      <c r="IVM725" s="613"/>
      <c r="IVN725" s="613"/>
      <c r="IVO725" s="613"/>
      <c r="IVP725" s="613"/>
      <c r="IVQ725" s="613"/>
      <c r="IVR725" s="613"/>
      <c r="IVS725" s="613"/>
      <c r="IVT725" s="613"/>
      <c r="IVU725" s="613"/>
      <c r="IVV725" s="613"/>
      <c r="IVW725" s="613"/>
      <c r="IVX725" s="613"/>
      <c r="IVY725" s="613"/>
      <c r="IVZ725" s="613"/>
      <c r="IWA725" s="613"/>
      <c r="IWB725" s="613"/>
      <c r="IWC725" s="613"/>
      <c r="IWD725" s="613"/>
      <c r="IWE725" s="613"/>
      <c r="IWF725" s="613"/>
      <c r="IWG725" s="613"/>
      <c r="IWH725" s="613"/>
      <c r="IWI725" s="613"/>
      <c r="IWJ725" s="613"/>
      <c r="IWK725" s="613"/>
      <c r="IWL725" s="613"/>
      <c r="IWM725" s="613"/>
      <c r="IWN725" s="613"/>
      <c r="IWO725" s="613"/>
      <c r="IWP725" s="613"/>
      <c r="IWQ725" s="613"/>
      <c r="IWR725" s="613"/>
      <c r="IWS725" s="613"/>
      <c r="IWT725" s="613"/>
      <c r="IWU725" s="613"/>
      <c r="IWV725" s="613"/>
      <c r="IWW725" s="613"/>
      <c r="IWX725" s="613"/>
      <c r="IWY725" s="613"/>
      <c r="IWZ725" s="613"/>
      <c r="IXA725" s="613"/>
      <c r="IXB725" s="613"/>
      <c r="IXC725" s="613"/>
      <c r="IXD725" s="613"/>
      <c r="IXE725" s="613"/>
      <c r="IXF725" s="613"/>
      <c r="IXG725" s="613"/>
      <c r="IXH725" s="613"/>
      <c r="IXI725" s="613"/>
      <c r="IXJ725" s="613"/>
      <c r="IXK725" s="613"/>
      <c r="IXL725" s="613"/>
      <c r="IXM725" s="613"/>
      <c r="IXN725" s="613"/>
      <c r="IXO725" s="613"/>
      <c r="IXP725" s="613"/>
      <c r="IXQ725" s="613"/>
      <c r="IXR725" s="613"/>
      <c r="IXS725" s="613"/>
      <c r="IXT725" s="613"/>
      <c r="IXU725" s="613"/>
      <c r="IXV725" s="613"/>
      <c r="IXW725" s="613"/>
      <c r="IXX725" s="613"/>
      <c r="IXY725" s="613"/>
      <c r="IXZ725" s="613"/>
      <c r="IYA725" s="613"/>
      <c r="IYB725" s="613"/>
      <c r="IYC725" s="613"/>
      <c r="IYD725" s="613"/>
      <c r="IYE725" s="613"/>
      <c r="IYF725" s="613"/>
      <c r="IYG725" s="613"/>
      <c r="IYH725" s="613"/>
      <c r="IYI725" s="613"/>
      <c r="IYJ725" s="613"/>
      <c r="IYK725" s="613"/>
      <c r="IYL725" s="613"/>
      <c r="IYM725" s="613"/>
      <c r="IYN725" s="613"/>
      <c r="IYO725" s="613"/>
      <c r="IYP725" s="613"/>
      <c r="IYQ725" s="613"/>
      <c r="IYR725" s="613"/>
      <c r="IYS725" s="613"/>
      <c r="IYT725" s="613"/>
      <c r="IYU725" s="613"/>
      <c r="IYV725" s="613"/>
      <c r="IYW725" s="613"/>
      <c r="IYX725" s="613"/>
      <c r="IYY725" s="613"/>
      <c r="IYZ725" s="613"/>
      <c r="IZA725" s="613"/>
      <c r="IZB725" s="613"/>
      <c r="IZC725" s="613"/>
      <c r="IZD725" s="613"/>
      <c r="IZE725" s="613"/>
      <c r="IZF725" s="613"/>
      <c r="IZG725" s="613"/>
      <c r="IZH725" s="613"/>
      <c r="IZI725" s="613"/>
      <c r="IZJ725" s="613"/>
      <c r="IZK725" s="613"/>
      <c r="IZL725" s="613"/>
      <c r="IZM725" s="613"/>
      <c r="IZN725" s="613"/>
      <c r="IZO725" s="613"/>
      <c r="IZP725" s="613"/>
      <c r="IZQ725" s="613"/>
      <c r="IZR725" s="613"/>
      <c r="IZS725" s="613"/>
      <c r="IZT725" s="613"/>
      <c r="IZU725" s="613"/>
      <c r="IZV725" s="613"/>
      <c r="IZW725" s="613"/>
      <c r="IZX725" s="613"/>
      <c r="IZY725" s="613"/>
      <c r="IZZ725" s="613"/>
      <c r="JAA725" s="613"/>
      <c r="JAB725" s="613"/>
      <c r="JAC725" s="613"/>
      <c r="JAD725" s="613"/>
      <c r="JAE725" s="613"/>
      <c r="JAF725" s="613"/>
      <c r="JAG725" s="613"/>
      <c r="JAH725" s="613"/>
      <c r="JAI725" s="613"/>
      <c r="JAJ725" s="613"/>
      <c r="JAK725" s="613"/>
      <c r="JAL725" s="613"/>
      <c r="JAM725" s="613"/>
      <c r="JAN725" s="613"/>
      <c r="JAO725" s="613"/>
      <c r="JAP725" s="613"/>
      <c r="JAQ725" s="613"/>
      <c r="JAR725" s="613"/>
      <c r="JAS725" s="613"/>
      <c r="JAT725" s="613"/>
      <c r="JAU725" s="613"/>
      <c r="JAV725" s="613"/>
      <c r="JAW725" s="613"/>
      <c r="JAX725" s="613"/>
      <c r="JAY725" s="613"/>
      <c r="JAZ725" s="613"/>
      <c r="JBA725" s="613"/>
      <c r="JBB725" s="613"/>
      <c r="JBC725" s="613"/>
      <c r="JBD725" s="613"/>
      <c r="JBE725" s="613"/>
      <c r="JBF725" s="613"/>
      <c r="JBG725" s="613"/>
      <c r="JBH725" s="613"/>
      <c r="JBI725" s="613"/>
      <c r="JBJ725" s="613"/>
      <c r="JBK725" s="613"/>
      <c r="JBL725" s="613"/>
      <c r="JBM725" s="613"/>
      <c r="JBN725" s="613"/>
      <c r="JBO725" s="613"/>
      <c r="JBP725" s="613"/>
      <c r="JBQ725" s="613"/>
      <c r="JBR725" s="613"/>
      <c r="JBS725" s="613"/>
      <c r="JBT725" s="613"/>
      <c r="JBU725" s="613"/>
      <c r="JBV725" s="613"/>
      <c r="JBW725" s="613"/>
      <c r="JBX725" s="613"/>
      <c r="JBY725" s="613"/>
      <c r="JBZ725" s="613"/>
      <c r="JCA725" s="613"/>
      <c r="JCB725" s="613"/>
      <c r="JCC725" s="613"/>
      <c r="JCD725" s="613"/>
      <c r="JCE725" s="613"/>
      <c r="JCF725" s="613"/>
      <c r="JCG725" s="613"/>
      <c r="JCH725" s="613"/>
      <c r="JCI725" s="613"/>
      <c r="JCJ725" s="613"/>
      <c r="JCK725" s="613"/>
      <c r="JCL725" s="613"/>
      <c r="JCM725" s="613"/>
      <c r="JCN725" s="613"/>
      <c r="JCO725" s="613"/>
      <c r="JCP725" s="613"/>
      <c r="JCQ725" s="613"/>
      <c r="JCR725" s="613"/>
      <c r="JCS725" s="613"/>
      <c r="JCT725" s="613"/>
      <c r="JCU725" s="613"/>
      <c r="JCV725" s="613"/>
      <c r="JCW725" s="613"/>
      <c r="JCX725" s="613"/>
      <c r="JCY725" s="613"/>
      <c r="JCZ725" s="613"/>
      <c r="JDA725" s="613"/>
      <c r="JDB725" s="613"/>
      <c r="JDC725" s="613"/>
      <c r="JDD725" s="613"/>
      <c r="JDE725" s="613"/>
      <c r="JDF725" s="613"/>
      <c r="JDG725" s="613"/>
      <c r="JDH725" s="613"/>
      <c r="JDI725" s="613"/>
      <c r="JDJ725" s="613"/>
      <c r="JDK725" s="613"/>
      <c r="JDL725" s="613"/>
      <c r="JDM725" s="613"/>
      <c r="JDN725" s="613"/>
      <c r="JDO725" s="613"/>
      <c r="JDP725" s="613"/>
      <c r="JDQ725" s="613"/>
      <c r="JDR725" s="613"/>
      <c r="JDS725" s="613"/>
      <c r="JDT725" s="613"/>
      <c r="JDU725" s="613"/>
      <c r="JDV725" s="613"/>
      <c r="JDW725" s="613"/>
      <c r="JDX725" s="613"/>
      <c r="JDY725" s="613"/>
      <c r="JDZ725" s="613"/>
      <c r="JEA725" s="613"/>
      <c r="JEB725" s="613"/>
      <c r="JEC725" s="613"/>
      <c r="JED725" s="613"/>
      <c r="JEE725" s="613"/>
      <c r="JEF725" s="613"/>
      <c r="JEG725" s="613"/>
      <c r="JEH725" s="613"/>
      <c r="JEI725" s="613"/>
      <c r="JEJ725" s="613"/>
      <c r="JEK725" s="613"/>
      <c r="JEL725" s="613"/>
      <c r="JEM725" s="613"/>
      <c r="JEN725" s="613"/>
      <c r="JEO725" s="613"/>
      <c r="JEP725" s="613"/>
      <c r="JEQ725" s="613"/>
      <c r="JER725" s="613"/>
      <c r="JES725" s="613"/>
      <c r="JET725" s="613"/>
      <c r="JEU725" s="613"/>
      <c r="JEV725" s="613"/>
      <c r="JEW725" s="613"/>
      <c r="JEX725" s="613"/>
      <c r="JEY725" s="613"/>
      <c r="JEZ725" s="613"/>
      <c r="JFA725" s="613"/>
      <c r="JFB725" s="613"/>
      <c r="JFC725" s="613"/>
      <c r="JFD725" s="613"/>
      <c r="JFE725" s="613"/>
      <c r="JFF725" s="613"/>
      <c r="JFG725" s="613"/>
      <c r="JFH725" s="613"/>
      <c r="JFI725" s="613"/>
      <c r="JFJ725" s="613"/>
      <c r="JFK725" s="613"/>
      <c r="JFL725" s="613"/>
      <c r="JFM725" s="613"/>
      <c r="JFN725" s="613"/>
      <c r="JFO725" s="613"/>
      <c r="JFP725" s="613"/>
      <c r="JFQ725" s="613"/>
      <c r="JFR725" s="613"/>
      <c r="JFS725" s="613"/>
      <c r="JFT725" s="613"/>
      <c r="JFU725" s="613"/>
      <c r="JFV725" s="613"/>
      <c r="JFW725" s="613"/>
      <c r="JFX725" s="613"/>
      <c r="JFY725" s="613"/>
      <c r="JFZ725" s="613"/>
      <c r="JGA725" s="613"/>
      <c r="JGB725" s="613"/>
      <c r="JGC725" s="613"/>
      <c r="JGD725" s="613"/>
      <c r="JGE725" s="613"/>
      <c r="JGF725" s="613"/>
      <c r="JGG725" s="613"/>
      <c r="JGH725" s="613"/>
      <c r="JGI725" s="613"/>
      <c r="JGJ725" s="613"/>
      <c r="JGK725" s="613"/>
      <c r="JGL725" s="613"/>
      <c r="JGM725" s="613"/>
      <c r="JGN725" s="613"/>
      <c r="JGO725" s="613"/>
      <c r="JGP725" s="613"/>
      <c r="JGQ725" s="613"/>
      <c r="JGR725" s="613"/>
      <c r="JGS725" s="613"/>
      <c r="JGT725" s="613"/>
      <c r="JGU725" s="613"/>
      <c r="JGV725" s="613"/>
      <c r="JGW725" s="613"/>
      <c r="JGX725" s="613"/>
      <c r="JGY725" s="613"/>
      <c r="JGZ725" s="613"/>
      <c r="JHA725" s="613"/>
      <c r="JHB725" s="613"/>
      <c r="JHC725" s="613"/>
      <c r="JHD725" s="613"/>
      <c r="JHE725" s="613"/>
      <c r="JHF725" s="613"/>
      <c r="JHG725" s="613"/>
      <c r="JHH725" s="613"/>
      <c r="JHI725" s="613"/>
      <c r="JHJ725" s="613"/>
      <c r="JHK725" s="613"/>
      <c r="JHL725" s="613"/>
      <c r="JHM725" s="613"/>
      <c r="JHN725" s="613"/>
      <c r="JHO725" s="613"/>
      <c r="JHP725" s="613"/>
      <c r="JHQ725" s="613"/>
      <c r="JHR725" s="613"/>
      <c r="JHS725" s="613"/>
      <c r="JHT725" s="613"/>
      <c r="JHU725" s="613"/>
      <c r="JHV725" s="613"/>
      <c r="JHW725" s="613"/>
      <c r="JHX725" s="613"/>
      <c r="JHY725" s="613"/>
      <c r="JHZ725" s="613"/>
      <c r="JIA725" s="613"/>
      <c r="JIB725" s="613"/>
      <c r="JIC725" s="613"/>
      <c r="JID725" s="613"/>
      <c r="JIE725" s="613"/>
      <c r="JIF725" s="613"/>
      <c r="JIG725" s="613"/>
      <c r="JIH725" s="613"/>
      <c r="JII725" s="613"/>
      <c r="JIJ725" s="613"/>
      <c r="JIK725" s="613"/>
      <c r="JIL725" s="613"/>
      <c r="JIM725" s="613"/>
      <c r="JIN725" s="613"/>
      <c r="JIO725" s="613"/>
      <c r="JIP725" s="613"/>
      <c r="JIQ725" s="613"/>
      <c r="JIR725" s="613"/>
      <c r="JIS725" s="613"/>
      <c r="JIT725" s="613"/>
      <c r="JIU725" s="613"/>
      <c r="JIV725" s="613"/>
      <c r="JIW725" s="613"/>
      <c r="JIX725" s="613"/>
      <c r="JIY725" s="613"/>
      <c r="JIZ725" s="613"/>
      <c r="JJA725" s="613"/>
      <c r="JJB725" s="613"/>
      <c r="JJC725" s="613"/>
      <c r="JJD725" s="613"/>
      <c r="JJE725" s="613"/>
      <c r="JJF725" s="613"/>
      <c r="JJG725" s="613"/>
      <c r="JJH725" s="613"/>
      <c r="JJI725" s="613"/>
      <c r="JJJ725" s="613"/>
      <c r="JJK725" s="613"/>
      <c r="JJL725" s="613"/>
      <c r="JJM725" s="613"/>
      <c r="JJN725" s="613"/>
      <c r="JJO725" s="613"/>
      <c r="JJP725" s="613"/>
      <c r="JJQ725" s="613"/>
      <c r="JJR725" s="613"/>
      <c r="JJS725" s="613"/>
      <c r="JJT725" s="613"/>
      <c r="JJU725" s="613"/>
      <c r="JJV725" s="613"/>
      <c r="JJW725" s="613"/>
      <c r="JJX725" s="613"/>
      <c r="JJY725" s="613"/>
      <c r="JJZ725" s="613"/>
      <c r="JKA725" s="613"/>
      <c r="JKB725" s="613"/>
      <c r="JKC725" s="613"/>
      <c r="JKD725" s="613"/>
      <c r="JKE725" s="613"/>
      <c r="JKF725" s="613"/>
      <c r="JKG725" s="613"/>
      <c r="JKH725" s="613"/>
      <c r="JKI725" s="613"/>
      <c r="JKJ725" s="613"/>
      <c r="JKK725" s="613"/>
      <c r="JKL725" s="613"/>
      <c r="JKM725" s="613"/>
      <c r="JKN725" s="613"/>
      <c r="JKO725" s="613"/>
      <c r="JKP725" s="613"/>
      <c r="JKQ725" s="613"/>
      <c r="JKR725" s="613"/>
      <c r="JKS725" s="613"/>
      <c r="JKT725" s="613"/>
      <c r="JKU725" s="613"/>
      <c r="JKV725" s="613"/>
      <c r="JKW725" s="613"/>
      <c r="JKX725" s="613"/>
      <c r="JKY725" s="613"/>
      <c r="JKZ725" s="613"/>
      <c r="JLA725" s="613"/>
      <c r="JLB725" s="613"/>
      <c r="JLC725" s="613"/>
      <c r="JLD725" s="613"/>
      <c r="JLE725" s="613"/>
      <c r="JLF725" s="613"/>
      <c r="JLG725" s="613"/>
      <c r="JLH725" s="613"/>
      <c r="JLI725" s="613"/>
      <c r="JLJ725" s="613"/>
      <c r="JLK725" s="613"/>
      <c r="JLL725" s="613"/>
      <c r="JLM725" s="613"/>
      <c r="JLN725" s="613"/>
      <c r="JLO725" s="613"/>
      <c r="JLP725" s="613"/>
      <c r="JLQ725" s="613"/>
      <c r="JLR725" s="613"/>
      <c r="JLS725" s="613"/>
      <c r="JLT725" s="613"/>
      <c r="JLU725" s="613"/>
      <c r="JLV725" s="613"/>
      <c r="JLW725" s="613"/>
      <c r="JLX725" s="613"/>
      <c r="JLY725" s="613"/>
      <c r="JLZ725" s="613"/>
      <c r="JMA725" s="613"/>
      <c r="JMB725" s="613"/>
      <c r="JMC725" s="613"/>
      <c r="JMD725" s="613"/>
      <c r="JME725" s="613"/>
      <c r="JMF725" s="613"/>
      <c r="JMG725" s="613"/>
      <c r="JMH725" s="613"/>
      <c r="JMI725" s="613"/>
      <c r="JMJ725" s="613"/>
      <c r="JMK725" s="613"/>
      <c r="JML725" s="613"/>
      <c r="JMM725" s="613"/>
      <c r="JMN725" s="613"/>
      <c r="JMO725" s="613"/>
      <c r="JMP725" s="613"/>
      <c r="JMQ725" s="613"/>
      <c r="JMR725" s="613"/>
      <c r="JMS725" s="613"/>
      <c r="JMT725" s="613"/>
      <c r="JMU725" s="613"/>
      <c r="JMV725" s="613"/>
      <c r="JMW725" s="613"/>
      <c r="JMX725" s="613"/>
      <c r="JMY725" s="613"/>
      <c r="JMZ725" s="613"/>
      <c r="JNA725" s="613"/>
      <c r="JNB725" s="613"/>
      <c r="JNC725" s="613"/>
      <c r="JND725" s="613"/>
      <c r="JNE725" s="613"/>
      <c r="JNF725" s="613"/>
      <c r="JNG725" s="613"/>
      <c r="JNH725" s="613"/>
      <c r="JNI725" s="613"/>
      <c r="JNJ725" s="613"/>
      <c r="JNK725" s="613"/>
      <c r="JNL725" s="613"/>
      <c r="JNM725" s="613"/>
      <c r="JNN725" s="613"/>
      <c r="JNO725" s="613"/>
      <c r="JNP725" s="613"/>
      <c r="JNQ725" s="613"/>
      <c r="JNR725" s="613"/>
      <c r="JNS725" s="613"/>
      <c r="JNT725" s="613"/>
      <c r="JNU725" s="613"/>
      <c r="JNV725" s="613"/>
      <c r="JNW725" s="613"/>
      <c r="JNX725" s="613"/>
      <c r="JNY725" s="613"/>
      <c r="JNZ725" s="613"/>
      <c r="JOA725" s="613"/>
      <c r="JOB725" s="613"/>
      <c r="JOC725" s="613"/>
      <c r="JOD725" s="613"/>
      <c r="JOE725" s="613"/>
      <c r="JOF725" s="613"/>
      <c r="JOG725" s="613"/>
      <c r="JOH725" s="613"/>
      <c r="JOI725" s="613"/>
      <c r="JOJ725" s="613"/>
      <c r="JOK725" s="613"/>
      <c r="JOL725" s="613"/>
      <c r="JOM725" s="613"/>
      <c r="JON725" s="613"/>
      <c r="JOO725" s="613"/>
      <c r="JOP725" s="613"/>
      <c r="JOQ725" s="613"/>
      <c r="JOR725" s="613"/>
      <c r="JOS725" s="613"/>
      <c r="JOT725" s="613"/>
      <c r="JOU725" s="613"/>
      <c r="JOV725" s="613"/>
      <c r="JOW725" s="613"/>
      <c r="JOX725" s="613"/>
      <c r="JOY725" s="613"/>
      <c r="JOZ725" s="613"/>
      <c r="JPA725" s="613"/>
      <c r="JPB725" s="613"/>
      <c r="JPC725" s="613"/>
      <c r="JPD725" s="613"/>
      <c r="JPE725" s="613"/>
      <c r="JPF725" s="613"/>
      <c r="JPG725" s="613"/>
      <c r="JPH725" s="613"/>
      <c r="JPI725" s="613"/>
      <c r="JPJ725" s="613"/>
      <c r="JPK725" s="613"/>
      <c r="JPL725" s="613"/>
      <c r="JPM725" s="613"/>
      <c r="JPN725" s="613"/>
      <c r="JPO725" s="613"/>
      <c r="JPP725" s="613"/>
      <c r="JPQ725" s="613"/>
      <c r="JPR725" s="613"/>
      <c r="JPS725" s="613"/>
      <c r="JPT725" s="613"/>
      <c r="JPU725" s="613"/>
      <c r="JPV725" s="613"/>
      <c r="JPW725" s="613"/>
      <c r="JPX725" s="613"/>
      <c r="JPY725" s="613"/>
      <c r="JPZ725" s="613"/>
      <c r="JQA725" s="613"/>
      <c r="JQB725" s="613"/>
      <c r="JQC725" s="613"/>
      <c r="JQD725" s="613"/>
      <c r="JQE725" s="613"/>
      <c r="JQF725" s="613"/>
      <c r="JQG725" s="613"/>
      <c r="JQH725" s="613"/>
      <c r="JQI725" s="613"/>
      <c r="JQJ725" s="613"/>
      <c r="JQK725" s="613"/>
      <c r="JQL725" s="613"/>
      <c r="JQM725" s="613"/>
      <c r="JQN725" s="613"/>
      <c r="JQO725" s="613"/>
      <c r="JQP725" s="613"/>
      <c r="JQQ725" s="613"/>
      <c r="JQR725" s="613"/>
      <c r="JQS725" s="613"/>
      <c r="JQT725" s="613"/>
      <c r="JQU725" s="613"/>
      <c r="JQV725" s="613"/>
      <c r="JQW725" s="613"/>
      <c r="JQX725" s="613"/>
      <c r="JQY725" s="613"/>
      <c r="JQZ725" s="613"/>
      <c r="JRA725" s="613"/>
      <c r="JRB725" s="613"/>
      <c r="JRC725" s="613"/>
      <c r="JRD725" s="613"/>
      <c r="JRE725" s="613"/>
      <c r="JRF725" s="613"/>
      <c r="JRG725" s="613"/>
      <c r="JRH725" s="613"/>
      <c r="JRI725" s="613"/>
      <c r="JRJ725" s="613"/>
      <c r="JRK725" s="613"/>
      <c r="JRL725" s="613"/>
      <c r="JRM725" s="613"/>
      <c r="JRN725" s="613"/>
      <c r="JRO725" s="613"/>
      <c r="JRP725" s="613"/>
      <c r="JRQ725" s="613"/>
      <c r="JRR725" s="613"/>
      <c r="JRS725" s="613"/>
      <c r="JRT725" s="613"/>
      <c r="JRU725" s="613"/>
      <c r="JRV725" s="613"/>
      <c r="JRW725" s="613"/>
      <c r="JRX725" s="613"/>
      <c r="JRY725" s="613"/>
      <c r="JRZ725" s="613"/>
      <c r="JSA725" s="613"/>
      <c r="JSB725" s="613"/>
      <c r="JSC725" s="613"/>
      <c r="JSD725" s="613"/>
      <c r="JSE725" s="613"/>
      <c r="JSF725" s="613"/>
      <c r="JSG725" s="613"/>
      <c r="JSH725" s="613"/>
      <c r="JSI725" s="613"/>
      <c r="JSJ725" s="613"/>
      <c r="JSK725" s="613"/>
      <c r="JSL725" s="613"/>
      <c r="JSM725" s="613"/>
      <c r="JSN725" s="613"/>
      <c r="JSO725" s="613"/>
      <c r="JSP725" s="613"/>
      <c r="JSQ725" s="613"/>
      <c r="JSR725" s="613"/>
      <c r="JSS725" s="613"/>
      <c r="JST725" s="613"/>
      <c r="JSU725" s="613"/>
      <c r="JSV725" s="613"/>
      <c r="JSW725" s="613"/>
      <c r="JSX725" s="613"/>
      <c r="JSY725" s="613"/>
      <c r="JSZ725" s="613"/>
      <c r="JTA725" s="613"/>
      <c r="JTB725" s="613"/>
      <c r="JTC725" s="613"/>
      <c r="JTD725" s="613"/>
      <c r="JTE725" s="613"/>
      <c r="JTF725" s="613"/>
      <c r="JTG725" s="613"/>
      <c r="JTH725" s="613"/>
      <c r="JTI725" s="613"/>
      <c r="JTJ725" s="613"/>
      <c r="JTK725" s="613"/>
      <c r="JTL725" s="613"/>
      <c r="JTM725" s="613"/>
      <c r="JTN725" s="613"/>
      <c r="JTO725" s="613"/>
      <c r="JTP725" s="613"/>
      <c r="JTQ725" s="613"/>
      <c r="JTR725" s="613"/>
      <c r="JTS725" s="613"/>
      <c r="JTT725" s="613"/>
      <c r="JTU725" s="613"/>
      <c r="JTV725" s="613"/>
      <c r="JTW725" s="613"/>
      <c r="JTX725" s="613"/>
      <c r="JTY725" s="613"/>
      <c r="JTZ725" s="613"/>
      <c r="JUA725" s="613"/>
      <c r="JUB725" s="613"/>
      <c r="JUC725" s="613"/>
      <c r="JUD725" s="613"/>
      <c r="JUE725" s="613"/>
      <c r="JUF725" s="613"/>
      <c r="JUG725" s="613"/>
      <c r="JUH725" s="613"/>
      <c r="JUI725" s="613"/>
      <c r="JUJ725" s="613"/>
      <c r="JUK725" s="613"/>
      <c r="JUL725" s="613"/>
      <c r="JUM725" s="613"/>
      <c r="JUN725" s="613"/>
      <c r="JUO725" s="613"/>
      <c r="JUP725" s="613"/>
      <c r="JUQ725" s="613"/>
      <c r="JUR725" s="613"/>
      <c r="JUS725" s="613"/>
      <c r="JUT725" s="613"/>
      <c r="JUU725" s="613"/>
      <c r="JUV725" s="613"/>
      <c r="JUW725" s="613"/>
      <c r="JUX725" s="613"/>
      <c r="JUY725" s="613"/>
      <c r="JUZ725" s="613"/>
      <c r="JVA725" s="613"/>
      <c r="JVB725" s="613"/>
      <c r="JVC725" s="613"/>
      <c r="JVD725" s="613"/>
      <c r="JVE725" s="613"/>
      <c r="JVF725" s="613"/>
      <c r="JVG725" s="613"/>
      <c r="JVH725" s="613"/>
      <c r="JVI725" s="613"/>
      <c r="JVJ725" s="613"/>
      <c r="JVK725" s="613"/>
      <c r="JVL725" s="613"/>
      <c r="JVM725" s="613"/>
      <c r="JVN725" s="613"/>
      <c r="JVO725" s="613"/>
      <c r="JVP725" s="613"/>
      <c r="JVQ725" s="613"/>
      <c r="JVR725" s="613"/>
      <c r="JVS725" s="613"/>
      <c r="JVT725" s="613"/>
      <c r="JVU725" s="613"/>
      <c r="JVV725" s="613"/>
      <c r="JVW725" s="613"/>
      <c r="JVX725" s="613"/>
      <c r="JVY725" s="613"/>
      <c r="JVZ725" s="613"/>
      <c r="JWA725" s="613"/>
      <c r="JWB725" s="613"/>
      <c r="JWC725" s="613"/>
      <c r="JWD725" s="613"/>
      <c r="JWE725" s="613"/>
      <c r="JWF725" s="613"/>
      <c r="JWG725" s="613"/>
      <c r="JWH725" s="613"/>
      <c r="JWI725" s="613"/>
      <c r="JWJ725" s="613"/>
      <c r="JWK725" s="613"/>
      <c r="JWL725" s="613"/>
      <c r="JWM725" s="613"/>
      <c r="JWN725" s="613"/>
      <c r="JWO725" s="613"/>
      <c r="JWP725" s="613"/>
      <c r="JWQ725" s="613"/>
      <c r="JWR725" s="613"/>
      <c r="JWS725" s="613"/>
      <c r="JWT725" s="613"/>
      <c r="JWU725" s="613"/>
      <c r="JWV725" s="613"/>
      <c r="JWW725" s="613"/>
      <c r="JWX725" s="613"/>
      <c r="JWY725" s="613"/>
      <c r="JWZ725" s="613"/>
      <c r="JXA725" s="613"/>
      <c r="JXB725" s="613"/>
      <c r="JXC725" s="613"/>
      <c r="JXD725" s="613"/>
      <c r="JXE725" s="613"/>
      <c r="JXF725" s="613"/>
      <c r="JXG725" s="613"/>
      <c r="JXH725" s="613"/>
      <c r="JXI725" s="613"/>
      <c r="JXJ725" s="613"/>
      <c r="JXK725" s="613"/>
      <c r="JXL725" s="613"/>
      <c r="JXM725" s="613"/>
      <c r="JXN725" s="613"/>
      <c r="JXO725" s="613"/>
      <c r="JXP725" s="613"/>
      <c r="JXQ725" s="613"/>
      <c r="JXR725" s="613"/>
      <c r="JXS725" s="613"/>
      <c r="JXT725" s="613"/>
      <c r="JXU725" s="613"/>
      <c r="JXV725" s="613"/>
      <c r="JXW725" s="613"/>
      <c r="JXX725" s="613"/>
      <c r="JXY725" s="613"/>
      <c r="JXZ725" s="613"/>
      <c r="JYA725" s="613"/>
      <c r="JYB725" s="613"/>
      <c r="JYC725" s="613"/>
      <c r="JYD725" s="613"/>
      <c r="JYE725" s="613"/>
      <c r="JYF725" s="613"/>
      <c r="JYG725" s="613"/>
      <c r="JYH725" s="613"/>
      <c r="JYI725" s="613"/>
      <c r="JYJ725" s="613"/>
      <c r="JYK725" s="613"/>
      <c r="JYL725" s="613"/>
      <c r="JYM725" s="613"/>
      <c r="JYN725" s="613"/>
      <c r="JYO725" s="613"/>
      <c r="JYP725" s="613"/>
      <c r="JYQ725" s="613"/>
      <c r="JYR725" s="613"/>
      <c r="JYS725" s="613"/>
      <c r="JYT725" s="613"/>
      <c r="JYU725" s="613"/>
      <c r="JYV725" s="613"/>
      <c r="JYW725" s="613"/>
      <c r="JYX725" s="613"/>
      <c r="JYY725" s="613"/>
      <c r="JYZ725" s="613"/>
      <c r="JZA725" s="613"/>
      <c r="JZB725" s="613"/>
      <c r="JZC725" s="613"/>
      <c r="JZD725" s="613"/>
      <c r="JZE725" s="613"/>
      <c r="JZF725" s="613"/>
      <c r="JZG725" s="613"/>
      <c r="JZH725" s="613"/>
      <c r="JZI725" s="613"/>
      <c r="JZJ725" s="613"/>
      <c r="JZK725" s="613"/>
      <c r="JZL725" s="613"/>
      <c r="JZM725" s="613"/>
      <c r="JZN725" s="613"/>
      <c r="JZO725" s="613"/>
      <c r="JZP725" s="613"/>
      <c r="JZQ725" s="613"/>
      <c r="JZR725" s="613"/>
      <c r="JZS725" s="613"/>
      <c r="JZT725" s="613"/>
      <c r="JZU725" s="613"/>
      <c r="JZV725" s="613"/>
      <c r="JZW725" s="613"/>
      <c r="JZX725" s="613"/>
      <c r="JZY725" s="613"/>
      <c r="JZZ725" s="613"/>
      <c r="KAA725" s="613"/>
      <c r="KAB725" s="613"/>
      <c r="KAC725" s="613"/>
      <c r="KAD725" s="613"/>
      <c r="KAE725" s="613"/>
      <c r="KAF725" s="613"/>
      <c r="KAG725" s="613"/>
      <c r="KAH725" s="613"/>
      <c r="KAI725" s="613"/>
      <c r="KAJ725" s="613"/>
      <c r="KAK725" s="613"/>
      <c r="KAL725" s="613"/>
      <c r="KAM725" s="613"/>
      <c r="KAN725" s="613"/>
      <c r="KAO725" s="613"/>
      <c r="KAP725" s="613"/>
      <c r="KAQ725" s="613"/>
      <c r="KAR725" s="613"/>
      <c r="KAS725" s="613"/>
      <c r="KAT725" s="613"/>
      <c r="KAU725" s="613"/>
      <c r="KAV725" s="613"/>
      <c r="KAW725" s="613"/>
      <c r="KAX725" s="613"/>
      <c r="KAY725" s="613"/>
      <c r="KAZ725" s="613"/>
      <c r="KBA725" s="613"/>
      <c r="KBB725" s="613"/>
      <c r="KBC725" s="613"/>
      <c r="KBD725" s="613"/>
      <c r="KBE725" s="613"/>
      <c r="KBF725" s="613"/>
      <c r="KBG725" s="613"/>
      <c r="KBH725" s="613"/>
      <c r="KBI725" s="613"/>
      <c r="KBJ725" s="613"/>
      <c r="KBK725" s="613"/>
      <c r="KBL725" s="613"/>
      <c r="KBM725" s="613"/>
      <c r="KBN725" s="613"/>
      <c r="KBO725" s="613"/>
      <c r="KBP725" s="613"/>
      <c r="KBQ725" s="613"/>
      <c r="KBR725" s="613"/>
      <c r="KBS725" s="613"/>
      <c r="KBT725" s="613"/>
      <c r="KBU725" s="613"/>
      <c r="KBV725" s="613"/>
      <c r="KBW725" s="613"/>
      <c r="KBX725" s="613"/>
      <c r="KBY725" s="613"/>
      <c r="KBZ725" s="613"/>
      <c r="KCA725" s="613"/>
      <c r="KCB725" s="613"/>
      <c r="KCC725" s="613"/>
      <c r="KCD725" s="613"/>
      <c r="KCE725" s="613"/>
      <c r="KCF725" s="613"/>
      <c r="KCG725" s="613"/>
      <c r="KCH725" s="613"/>
      <c r="KCI725" s="613"/>
      <c r="KCJ725" s="613"/>
      <c r="KCK725" s="613"/>
      <c r="KCL725" s="613"/>
      <c r="KCM725" s="613"/>
      <c r="KCN725" s="613"/>
      <c r="KCO725" s="613"/>
      <c r="KCP725" s="613"/>
      <c r="KCQ725" s="613"/>
      <c r="KCR725" s="613"/>
      <c r="KCS725" s="613"/>
      <c r="KCT725" s="613"/>
      <c r="KCU725" s="613"/>
      <c r="KCV725" s="613"/>
      <c r="KCW725" s="613"/>
      <c r="KCX725" s="613"/>
      <c r="KCY725" s="613"/>
      <c r="KCZ725" s="613"/>
      <c r="KDA725" s="613"/>
      <c r="KDB725" s="613"/>
      <c r="KDC725" s="613"/>
      <c r="KDD725" s="613"/>
      <c r="KDE725" s="613"/>
      <c r="KDF725" s="613"/>
      <c r="KDG725" s="613"/>
      <c r="KDH725" s="613"/>
      <c r="KDI725" s="613"/>
      <c r="KDJ725" s="613"/>
      <c r="KDK725" s="613"/>
      <c r="KDL725" s="613"/>
      <c r="KDM725" s="613"/>
      <c r="KDN725" s="613"/>
      <c r="KDO725" s="613"/>
      <c r="KDP725" s="613"/>
      <c r="KDQ725" s="613"/>
      <c r="KDR725" s="613"/>
      <c r="KDS725" s="613"/>
      <c r="KDT725" s="613"/>
      <c r="KDU725" s="613"/>
      <c r="KDV725" s="613"/>
      <c r="KDW725" s="613"/>
      <c r="KDX725" s="613"/>
      <c r="KDY725" s="613"/>
      <c r="KDZ725" s="613"/>
      <c r="KEA725" s="613"/>
      <c r="KEB725" s="613"/>
      <c r="KEC725" s="613"/>
      <c r="KED725" s="613"/>
      <c r="KEE725" s="613"/>
      <c r="KEF725" s="613"/>
      <c r="KEG725" s="613"/>
      <c r="KEH725" s="613"/>
      <c r="KEI725" s="613"/>
      <c r="KEJ725" s="613"/>
      <c r="KEK725" s="613"/>
      <c r="KEL725" s="613"/>
      <c r="KEM725" s="613"/>
      <c r="KEN725" s="613"/>
      <c r="KEO725" s="613"/>
      <c r="KEP725" s="613"/>
      <c r="KEQ725" s="613"/>
      <c r="KER725" s="613"/>
      <c r="KES725" s="613"/>
      <c r="KET725" s="613"/>
      <c r="KEU725" s="613"/>
      <c r="KEV725" s="613"/>
      <c r="KEW725" s="613"/>
      <c r="KEX725" s="613"/>
      <c r="KEY725" s="613"/>
      <c r="KEZ725" s="613"/>
      <c r="KFA725" s="613"/>
      <c r="KFB725" s="613"/>
      <c r="KFC725" s="613"/>
      <c r="KFD725" s="613"/>
      <c r="KFE725" s="613"/>
      <c r="KFF725" s="613"/>
      <c r="KFG725" s="613"/>
      <c r="KFH725" s="613"/>
      <c r="KFI725" s="613"/>
      <c r="KFJ725" s="613"/>
      <c r="KFK725" s="613"/>
      <c r="KFL725" s="613"/>
      <c r="KFM725" s="613"/>
      <c r="KFN725" s="613"/>
      <c r="KFO725" s="613"/>
      <c r="KFP725" s="613"/>
      <c r="KFQ725" s="613"/>
      <c r="KFR725" s="613"/>
      <c r="KFS725" s="613"/>
      <c r="KFT725" s="613"/>
      <c r="KFU725" s="613"/>
      <c r="KFV725" s="613"/>
      <c r="KFW725" s="613"/>
      <c r="KFX725" s="613"/>
      <c r="KFY725" s="613"/>
      <c r="KFZ725" s="613"/>
      <c r="KGA725" s="613"/>
      <c r="KGB725" s="613"/>
      <c r="KGC725" s="613"/>
      <c r="KGD725" s="613"/>
      <c r="KGE725" s="613"/>
      <c r="KGF725" s="613"/>
      <c r="KGG725" s="613"/>
      <c r="KGH725" s="613"/>
      <c r="KGI725" s="613"/>
      <c r="KGJ725" s="613"/>
      <c r="KGK725" s="613"/>
      <c r="KGL725" s="613"/>
      <c r="KGM725" s="613"/>
      <c r="KGN725" s="613"/>
      <c r="KGO725" s="613"/>
      <c r="KGP725" s="613"/>
      <c r="KGQ725" s="613"/>
      <c r="KGR725" s="613"/>
      <c r="KGS725" s="613"/>
      <c r="KGT725" s="613"/>
      <c r="KGU725" s="613"/>
      <c r="KGV725" s="613"/>
      <c r="KGW725" s="613"/>
      <c r="KGX725" s="613"/>
      <c r="KGY725" s="613"/>
      <c r="KGZ725" s="613"/>
      <c r="KHA725" s="613"/>
      <c r="KHB725" s="613"/>
      <c r="KHC725" s="613"/>
      <c r="KHD725" s="613"/>
      <c r="KHE725" s="613"/>
      <c r="KHF725" s="613"/>
      <c r="KHG725" s="613"/>
      <c r="KHH725" s="613"/>
      <c r="KHI725" s="613"/>
      <c r="KHJ725" s="613"/>
      <c r="KHK725" s="613"/>
      <c r="KHL725" s="613"/>
      <c r="KHM725" s="613"/>
      <c r="KHN725" s="613"/>
      <c r="KHO725" s="613"/>
      <c r="KHP725" s="613"/>
      <c r="KHQ725" s="613"/>
      <c r="KHR725" s="613"/>
      <c r="KHS725" s="613"/>
      <c r="KHT725" s="613"/>
      <c r="KHU725" s="613"/>
      <c r="KHV725" s="613"/>
      <c r="KHW725" s="613"/>
      <c r="KHX725" s="613"/>
      <c r="KHY725" s="613"/>
      <c r="KHZ725" s="613"/>
      <c r="KIA725" s="613"/>
      <c r="KIB725" s="613"/>
      <c r="KIC725" s="613"/>
      <c r="KID725" s="613"/>
      <c r="KIE725" s="613"/>
      <c r="KIF725" s="613"/>
      <c r="KIG725" s="613"/>
      <c r="KIH725" s="613"/>
      <c r="KII725" s="613"/>
      <c r="KIJ725" s="613"/>
      <c r="KIK725" s="613"/>
      <c r="KIL725" s="613"/>
      <c r="KIM725" s="613"/>
      <c r="KIN725" s="613"/>
      <c r="KIO725" s="613"/>
      <c r="KIP725" s="613"/>
      <c r="KIQ725" s="613"/>
      <c r="KIR725" s="613"/>
      <c r="KIS725" s="613"/>
      <c r="KIT725" s="613"/>
      <c r="KIU725" s="613"/>
      <c r="KIV725" s="613"/>
      <c r="KIW725" s="613"/>
      <c r="KIX725" s="613"/>
      <c r="KIY725" s="613"/>
      <c r="KIZ725" s="613"/>
      <c r="KJA725" s="613"/>
      <c r="KJB725" s="613"/>
      <c r="KJC725" s="613"/>
      <c r="KJD725" s="613"/>
      <c r="KJE725" s="613"/>
      <c r="KJF725" s="613"/>
      <c r="KJG725" s="613"/>
      <c r="KJH725" s="613"/>
      <c r="KJI725" s="613"/>
      <c r="KJJ725" s="613"/>
      <c r="KJK725" s="613"/>
      <c r="KJL725" s="613"/>
      <c r="KJM725" s="613"/>
      <c r="KJN725" s="613"/>
      <c r="KJO725" s="613"/>
      <c r="KJP725" s="613"/>
      <c r="KJQ725" s="613"/>
      <c r="KJR725" s="613"/>
      <c r="KJS725" s="613"/>
      <c r="KJT725" s="613"/>
      <c r="KJU725" s="613"/>
      <c r="KJV725" s="613"/>
      <c r="KJW725" s="613"/>
      <c r="KJX725" s="613"/>
      <c r="KJY725" s="613"/>
      <c r="KJZ725" s="613"/>
      <c r="KKA725" s="613"/>
      <c r="KKB725" s="613"/>
      <c r="KKC725" s="613"/>
      <c r="KKD725" s="613"/>
      <c r="KKE725" s="613"/>
      <c r="KKF725" s="613"/>
      <c r="KKG725" s="613"/>
      <c r="KKH725" s="613"/>
      <c r="KKI725" s="613"/>
      <c r="KKJ725" s="613"/>
      <c r="KKK725" s="613"/>
      <c r="KKL725" s="613"/>
      <c r="KKM725" s="613"/>
      <c r="KKN725" s="613"/>
      <c r="KKO725" s="613"/>
      <c r="KKP725" s="613"/>
      <c r="KKQ725" s="613"/>
      <c r="KKR725" s="613"/>
      <c r="KKS725" s="613"/>
      <c r="KKT725" s="613"/>
      <c r="KKU725" s="613"/>
      <c r="KKV725" s="613"/>
      <c r="KKW725" s="613"/>
      <c r="KKX725" s="613"/>
      <c r="KKY725" s="613"/>
      <c r="KKZ725" s="613"/>
      <c r="KLA725" s="613"/>
      <c r="KLB725" s="613"/>
      <c r="KLC725" s="613"/>
      <c r="KLD725" s="613"/>
      <c r="KLE725" s="613"/>
      <c r="KLF725" s="613"/>
      <c r="KLG725" s="613"/>
      <c r="KLH725" s="613"/>
      <c r="KLI725" s="613"/>
      <c r="KLJ725" s="613"/>
      <c r="KLK725" s="613"/>
      <c r="KLL725" s="613"/>
      <c r="KLM725" s="613"/>
      <c r="KLN725" s="613"/>
      <c r="KLO725" s="613"/>
      <c r="KLP725" s="613"/>
      <c r="KLQ725" s="613"/>
      <c r="KLR725" s="613"/>
      <c r="KLS725" s="613"/>
      <c r="KLT725" s="613"/>
      <c r="KLU725" s="613"/>
      <c r="KLV725" s="613"/>
      <c r="KLW725" s="613"/>
      <c r="KLX725" s="613"/>
      <c r="KLY725" s="613"/>
      <c r="KLZ725" s="613"/>
      <c r="KMA725" s="613"/>
      <c r="KMB725" s="613"/>
      <c r="KMC725" s="613"/>
      <c r="KMD725" s="613"/>
      <c r="KME725" s="613"/>
      <c r="KMF725" s="613"/>
      <c r="KMG725" s="613"/>
      <c r="KMH725" s="613"/>
      <c r="KMI725" s="613"/>
      <c r="KMJ725" s="613"/>
      <c r="KMK725" s="613"/>
      <c r="KML725" s="613"/>
      <c r="KMM725" s="613"/>
      <c r="KMN725" s="613"/>
      <c r="KMO725" s="613"/>
      <c r="KMP725" s="613"/>
      <c r="KMQ725" s="613"/>
      <c r="KMR725" s="613"/>
      <c r="KMS725" s="613"/>
      <c r="KMT725" s="613"/>
      <c r="KMU725" s="613"/>
      <c r="KMV725" s="613"/>
      <c r="KMW725" s="613"/>
      <c r="KMX725" s="613"/>
      <c r="KMY725" s="613"/>
      <c r="KMZ725" s="613"/>
      <c r="KNA725" s="613"/>
      <c r="KNB725" s="613"/>
      <c r="KNC725" s="613"/>
      <c r="KND725" s="613"/>
      <c r="KNE725" s="613"/>
      <c r="KNF725" s="613"/>
      <c r="KNG725" s="613"/>
      <c r="KNH725" s="613"/>
      <c r="KNI725" s="613"/>
      <c r="KNJ725" s="613"/>
      <c r="KNK725" s="613"/>
      <c r="KNL725" s="613"/>
      <c r="KNM725" s="613"/>
      <c r="KNN725" s="613"/>
      <c r="KNO725" s="613"/>
      <c r="KNP725" s="613"/>
      <c r="KNQ725" s="613"/>
      <c r="KNR725" s="613"/>
      <c r="KNS725" s="613"/>
      <c r="KNT725" s="613"/>
      <c r="KNU725" s="613"/>
      <c r="KNV725" s="613"/>
      <c r="KNW725" s="613"/>
      <c r="KNX725" s="613"/>
      <c r="KNY725" s="613"/>
      <c r="KNZ725" s="613"/>
      <c r="KOA725" s="613"/>
      <c r="KOB725" s="613"/>
      <c r="KOC725" s="613"/>
      <c r="KOD725" s="613"/>
      <c r="KOE725" s="613"/>
      <c r="KOF725" s="613"/>
      <c r="KOG725" s="613"/>
      <c r="KOH725" s="613"/>
      <c r="KOI725" s="613"/>
      <c r="KOJ725" s="613"/>
      <c r="KOK725" s="613"/>
      <c r="KOL725" s="613"/>
      <c r="KOM725" s="613"/>
      <c r="KON725" s="613"/>
      <c r="KOO725" s="613"/>
      <c r="KOP725" s="613"/>
      <c r="KOQ725" s="613"/>
      <c r="KOR725" s="613"/>
      <c r="KOS725" s="613"/>
      <c r="KOT725" s="613"/>
      <c r="KOU725" s="613"/>
      <c r="KOV725" s="613"/>
      <c r="KOW725" s="613"/>
      <c r="KOX725" s="613"/>
      <c r="KOY725" s="613"/>
      <c r="KOZ725" s="613"/>
      <c r="KPA725" s="613"/>
      <c r="KPB725" s="613"/>
      <c r="KPC725" s="613"/>
      <c r="KPD725" s="613"/>
      <c r="KPE725" s="613"/>
      <c r="KPF725" s="613"/>
      <c r="KPG725" s="613"/>
      <c r="KPH725" s="613"/>
      <c r="KPI725" s="613"/>
      <c r="KPJ725" s="613"/>
      <c r="KPK725" s="613"/>
      <c r="KPL725" s="613"/>
      <c r="KPM725" s="613"/>
      <c r="KPN725" s="613"/>
      <c r="KPO725" s="613"/>
      <c r="KPP725" s="613"/>
      <c r="KPQ725" s="613"/>
      <c r="KPR725" s="613"/>
      <c r="KPS725" s="613"/>
      <c r="KPT725" s="613"/>
      <c r="KPU725" s="613"/>
      <c r="KPV725" s="613"/>
      <c r="KPW725" s="613"/>
      <c r="KPX725" s="613"/>
      <c r="KPY725" s="613"/>
      <c r="KPZ725" s="613"/>
      <c r="KQA725" s="613"/>
      <c r="KQB725" s="613"/>
      <c r="KQC725" s="613"/>
      <c r="KQD725" s="613"/>
      <c r="KQE725" s="613"/>
      <c r="KQF725" s="613"/>
      <c r="KQG725" s="613"/>
      <c r="KQH725" s="613"/>
      <c r="KQI725" s="613"/>
      <c r="KQJ725" s="613"/>
      <c r="KQK725" s="613"/>
      <c r="KQL725" s="613"/>
      <c r="KQM725" s="613"/>
      <c r="KQN725" s="613"/>
      <c r="KQO725" s="613"/>
      <c r="KQP725" s="613"/>
      <c r="KQQ725" s="613"/>
      <c r="KQR725" s="613"/>
      <c r="KQS725" s="613"/>
      <c r="KQT725" s="613"/>
      <c r="KQU725" s="613"/>
      <c r="KQV725" s="613"/>
      <c r="KQW725" s="613"/>
      <c r="KQX725" s="613"/>
      <c r="KQY725" s="613"/>
      <c r="KQZ725" s="613"/>
      <c r="KRA725" s="613"/>
      <c r="KRB725" s="613"/>
      <c r="KRC725" s="613"/>
      <c r="KRD725" s="613"/>
      <c r="KRE725" s="613"/>
      <c r="KRF725" s="613"/>
      <c r="KRG725" s="613"/>
      <c r="KRH725" s="613"/>
      <c r="KRI725" s="613"/>
      <c r="KRJ725" s="613"/>
      <c r="KRK725" s="613"/>
      <c r="KRL725" s="613"/>
      <c r="KRM725" s="613"/>
      <c r="KRN725" s="613"/>
      <c r="KRO725" s="613"/>
      <c r="KRP725" s="613"/>
      <c r="KRQ725" s="613"/>
      <c r="KRR725" s="613"/>
      <c r="KRS725" s="613"/>
      <c r="KRT725" s="613"/>
      <c r="KRU725" s="613"/>
      <c r="KRV725" s="613"/>
      <c r="KRW725" s="613"/>
      <c r="KRX725" s="613"/>
      <c r="KRY725" s="613"/>
      <c r="KRZ725" s="613"/>
      <c r="KSA725" s="613"/>
      <c r="KSB725" s="613"/>
      <c r="KSC725" s="613"/>
      <c r="KSD725" s="613"/>
      <c r="KSE725" s="613"/>
      <c r="KSF725" s="613"/>
      <c r="KSG725" s="613"/>
      <c r="KSH725" s="613"/>
      <c r="KSI725" s="613"/>
      <c r="KSJ725" s="613"/>
      <c r="KSK725" s="613"/>
      <c r="KSL725" s="613"/>
      <c r="KSM725" s="613"/>
      <c r="KSN725" s="613"/>
      <c r="KSO725" s="613"/>
      <c r="KSP725" s="613"/>
      <c r="KSQ725" s="613"/>
      <c r="KSR725" s="613"/>
      <c r="KSS725" s="613"/>
      <c r="KST725" s="613"/>
      <c r="KSU725" s="613"/>
      <c r="KSV725" s="613"/>
      <c r="KSW725" s="613"/>
      <c r="KSX725" s="613"/>
      <c r="KSY725" s="613"/>
      <c r="KSZ725" s="613"/>
      <c r="KTA725" s="613"/>
      <c r="KTB725" s="613"/>
      <c r="KTC725" s="613"/>
      <c r="KTD725" s="613"/>
      <c r="KTE725" s="613"/>
      <c r="KTF725" s="613"/>
      <c r="KTG725" s="613"/>
      <c r="KTH725" s="613"/>
      <c r="KTI725" s="613"/>
      <c r="KTJ725" s="613"/>
      <c r="KTK725" s="613"/>
      <c r="KTL725" s="613"/>
      <c r="KTM725" s="613"/>
      <c r="KTN725" s="613"/>
      <c r="KTO725" s="613"/>
      <c r="KTP725" s="613"/>
      <c r="KTQ725" s="613"/>
      <c r="KTR725" s="613"/>
      <c r="KTS725" s="613"/>
      <c r="KTT725" s="613"/>
      <c r="KTU725" s="613"/>
      <c r="KTV725" s="613"/>
      <c r="KTW725" s="613"/>
      <c r="KTX725" s="613"/>
      <c r="KTY725" s="613"/>
      <c r="KTZ725" s="613"/>
      <c r="KUA725" s="613"/>
      <c r="KUB725" s="613"/>
      <c r="KUC725" s="613"/>
      <c r="KUD725" s="613"/>
      <c r="KUE725" s="613"/>
      <c r="KUF725" s="613"/>
      <c r="KUG725" s="613"/>
      <c r="KUH725" s="613"/>
      <c r="KUI725" s="613"/>
      <c r="KUJ725" s="613"/>
      <c r="KUK725" s="613"/>
      <c r="KUL725" s="613"/>
      <c r="KUM725" s="613"/>
      <c r="KUN725" s="613"/>
      <c r="KUO725" s="613"/>
      <c r="KUP725" s="613"/>
      <c r="KUQ725" s="613"/>
      <c r="KUR725" s="613"/>
      <c r="KUS725" s="613"/>
      <c r="KUT725" s="613"/>
      <c r="KUU725" s="613"/>
      <c r="KUV725" s="613"/>
      <c r="KUW725" s="613"/>
      <c r="KUX725" s="613"/>
      <c r="KUY725" s="613"/>
      <c r="KUZ725" s="613"/>
      <c r="KVA725" s="613"/>
      <c r="KVB725" s="613"/>
      <c r="KVC725" s="613"/>
      <c r="KVD725" s="613"/>
      <c r="KVE725" s="613"/>
      <c r="KVF725" s="613"/>
      <c r="KVG725" s="613"/>
      <c r="KVH725" s="613"/>
      <c r="KVI725" s="613"/>
      <c r="KVJ725" s="613"/>
      <c r="KVK725" s="613"/>
      <c r="KVL725" s="613"/>
      <c r="KVM725" s="613"/>
      <c r="KVN725" s="613"/>
      <c r="KVO725" s="613"/>
      <c r="KVP725" s="613"/>
      <c r="KVQ725" s="613"/>
      <c r="KVR725" s="613"/>
      <c r="KVS725" s="613"/>
      <c r="KVT725" s="613"/>
      <c r="KVU725" s="613"/>
      <c r="KVV725" s="613"/>
      <c r="KVW725" s="613"/>
      <c r="KVX725" s="613"/>
      <c r="KVY725" s="613"/>
      <c r="KVZ725" s="613"/>
      <c r="KWA725" s="613"/>
      <c r="KWB725" s="613"/>
      <c r="KWC725" s="613"/>
      <c r="KWD725" s="613"/>
      <c r="KWE725" s="613"/>
      <c r="KWF725" s="613"/>
      <c r="KWG725" s="613"/>
      <c r="KWH725" s="613"/>
      <c r="KWI725" s="613"/>
      <c r="KWJ725" s="613"/>
      <c r="KWK725" s="613"/>
      <c r="KWL725" s="613"/>
      <c r="KWM725" s="613"/>
      <c r="KWN725" s="613"/>
      <c r="KWO725" s="613"/>
      <c r="KWP725" s="613"/>
      <c r="KWQ725" s="613"/>
      <c r="KWR725" s="613"/>
      <c r="KWS725" s="613"/>
      <c r="KWT725" s="613"/>
      <c r="KWU725" s="613"/>
      <c r="KWV725" s="613"/>
      <c r="KWW725" s="613"/>
      <c r="KWX725" s="613"/>
      <c r="KWY725" s="613"/>
      <c r="KWZ725" s="613"/>
      <c r="KXA725" s="613"/>
      <c r="KXB725" s="613"/>
      <c r="KXC725" s="613"/>
      <c r="KXD725" s="613"/>
      <c r="KXE725" s="613"/>
      <c r="KXF725" s="613"/>
      <c r="KXG725" s="613"/>
      <c r="KXH725" s="613"/>
      <c r="KXI725" s="613"/>
      <c r="KXJ725" s="613"/>
      <c r="KXK725" s="613"/>
      <c r="KXL725" s="613"/>
      <c r="KXM725" s="613"/>
      <c r="KXN725" s="613"/>
      <c r="KXO725" s="613"/>
      <c r="KXP725" s="613"/>
      <c r="KXQ725" s="613"/>
      <c r="KXR725" s="613"/>
      <c r="KXS725" s="613"/>
      <c r="KXT725" s="613"/>
      <c r="KXU725" s="613"/>
      <c r="KXV725" s="613"/>
      <c r="KXW725" s="613"/>
      <c r="KXX725" s="613"/>
      <c r="KXY725" s="613"/>
      <c r="KXZ725" s="613"/>
      <c r="KYA725" s="613"/>
      <c r="KYB725" s="613"/>
      <c r="KYC725" s="613"/>
      <c r="KYD725" s="613"/>
      <c r="KYE725" s="613"/>
      <c r="KYF725" s="613"/>
      <c r="KYG725" s="613"/>
      <c r="KYH725" s="613"/>
      <c r="KYI725" s="613"/>
      <c r="KYJ725" s="613"/>
      <c r="KYK725" s="613"/>
      <c r="KYL725" s="613"/>
      <c r="KYM725" s="613"/>
      <c r="KYN725" s="613"/>
      <c r="KYO725" s="613"/>
      <c r="KYP725" s="613"/>
      <c r="KYQ725" s="613"/>
      <c r="KYR725" s="613"/>
      <c r="KYS725" s="613"/>
      <c r="KYT725" s="613"/>
      <c r="KYU725" s="613"/>
      <c r="KYV725" s="613"/>
      <c r="KYW725" s="613"/>
      <c r="KYX725" s="613"/>
      <c r="KYY725" s="613"/>
      <c r="KYZ725" s="613"/>
      <c r="KZA725" s="613"/>
      <c r="KZB725" s="613"/>
      <c r="KZC725" s="613"/>
      <c r="KZD725" s="613"/>
      <c r="KZE725" s="613"/>
      <c r="KZF725" s="613"/>
      <c r="KZG725" s="613"/>
      <c r="KZH725" s="613"/>
      <c r="KZI725" s="613"/>
      <c r="KZJ725" s="613"/>
      <c r="KZK725" s="613"/>
      <c r="KZL725" s="613"/>
      <c r="KZM725" s="613"/>
      <c r="KZN725" s="613"/>
      <c r="KZO725" s="613"/>
      <c r="KZP725" s="613"/>
      <c r="KZQ725" s="613"/>
      <c r="KZR725" s="613"/>
      <c r="KZS725" s="613"/>
      <c r="KZT725" s="613"/>
      <c r="KZU725" s="613"/>
      <c r="KZV725" s="613"/>
      <c r="KZW725" s="613"/>
      <c r="KZX725" s="613"/>
      <c r="KZY725" s="613"/>
      <c r="KZZ725" s="613"/>
      <c r="LAA725" s="613"/>
      <c r="LAB725" s="613"/>
      <c r="LAC725" s="613"/>
      <c r="LAD725" s="613"/>
      <c r="LAE725" s="613"/>
      <c r="LAF725" s="613"/>
      <c r="LAG725" s="613"/>
      <c r="LAH725" s="613"/>
      <c r="LAI725" s="613"/>
      <c r="LAJ725" s="613"/>
      <c r="LAK725" s="613"/>
      <c r="LAL725" s="613"/>
      <c r="LAM725" s="613"/>
      <c r="LAN725" s="613"/>
      <c r="LAO725" s="613"/>
      <c r="LAP725" s="613"/>
      <c r="LAQ725" s="613"/>
      <c r="LAR725" s="613"/>
      <c r="LAS725" s="613"/>
      <c r="LAT725" s="613"/>
      <c r="LAU725" s="613"/>
      <c r="LAV725" s="613"/>
      <c r="LAW725" s="613"/>
      <c r="LAX725" s="613"/>
      <c r="LAY725" s="613"/>
      <c r="LAZ725" s="613"/>
      <c r="LBA725" s="613"/>
      <c r="LBB725" s="613"/>
      <c r="LBC725" s="613"/>
      <c r="LBD725" s="613"/>
      <c r="LBE725" s="613"/>
      <c r="LBF725" s="613"/>
      <c r="LBG725" s="613"/>
      <c r="LBH725" s="613"/>
      <c r="LBI725" s="613"/>
      <c r="LBJ725" s="613"/>
      <c r="LBK725" s="613"/>
      <c r="LBL725" s="613"/>
      <c r="LBM725" s="613"/>
      <c r="LBN725" s="613"/>
      <c r="LBO725" s="613"/>
      <c r="LBP725" s="613"/>
      <c r="LBQ725" s="613"/>
      <c r="LBR725" s="613"/>
      <c r="LBS725" s="613"/>
      <c r="LBT725" s="613"/>
      <c r="LBU725" s="613"/>
      <c r="LBV725" s="613"/>
      <c r="LBW725" s="613"/>
      <c r="LBX725" s="613"/>
      <c r="LBY725" s="613"/>
      <c r="LBZ725" s="613"/>
      <c r="LCA725" s="613"/>
      <c r="LCB725" s="613"/>
      <c r="LCC725" s="613"/>
      <c r="LCD725" s="613"/>
      <c r="LCE725" s="613"/>
      <c r="LCF725" s="613"/>
      <c r="LCG725" s="613"/>
      <c r="LCH725" s="613"/>
      <c r="LCI725" s="613"/>
      <c r="LCJ725" s="613"/>
      <c r="LCK725" s="613"/>
      <c r="LCL725" s="613"/>
      <c r="LCM725" s="613"/>
      <c r="LCN725" s="613"/>
      <c r="LCO725" s="613"/>
      <c r="LCP725" s="613"/>
      <c r="LCQ725" s="613"/>
      <c r="LCR725" s="613"/>
      <c r="LCS725" s="613"/>
      <c r="LCT725" s="613"/>
      <c r="LCU725" s="613"/>
      <c r="LCV725" s="613"/>
      <c r="LCW725" s="613"/>
      <c r="LCX725" s="613"/>
      <c r="LCY725" s="613"/>
      <c r="LCZ725" s="613"/>
      <c r="LDA725" s="613"/>
      <c r="LDB725" s="613"/>
      <c r="LDC725" s="613"/>
      <c r="LDD725" s="613"/>
      <c r="LDE725" s="613"/>
      <c r="LDF725" s="613"/>
      <c r="LDG725" s="613"/>
      <c r="LDH725" s="613"/>
      <c r="LDI725" s="613"/>
      <c r="LDJ725" s="613"/>
      <c r="LDK725" s="613"/>
      <c r="LDL725" s="613"/>
      <c r="LDM725" s="613"/>
      <c r="LDN725" s="613"/>
      <c r="LDO725" s="613"/>
      <c r="LDP725" s="613"/>
      <c r="LDQ725" s="613"/>
      <c r="LDR725" s="613"/>
      <c r="LDS725" s="613"/>
      <c r="LDT725" s="613"/>
      <c r="LDU725" s="613"/>
      <c r="LDV725" s="613"/>
      <c r="LDW725" s="613"/>
      <c r="LDX725" s="613"/>
      <c r="LDY725" s="613"/>
      <c r="LDZ725" s="613"/>
      <c r="LEA725" s="613"/>
      <c r="LEB725" s="613"/>
      <c r="LEC725" s="613"/>
      <c r="LED725" s="613"/>
      <c r="LEE725" s="613"/>
      <c r="LEF725" s="613"/>
      <c r="LEG725" s="613"/>
      <c r="LEH725" s="613"/>
      <c r="LEI725" s="613"/>
      <c r="LEJ725" s="613"/>
      <c r="LEK725" s="613"/>
      <c r="LEL725" s="613"/>
      <c r="LEM725" s="613"/>
      <c r="LEN725" s="613"/>
      <c r="LEO725" s="613"/>
      <c r="LEP725" s="613"/>
      <c r="LEQ725" s="613"/>
      <c r="LER725" s="613"/>
      <c r="LES725" s="613"/>
      <c r="LET725" s="613"/>
      <c r="LEU725" s="613"/>
      <c r="LEV725" s="613"/>
      <c r="LEW725" s="613"/>
      <c r="LEX725" s="613"/>
      <c r="LEY725" s="613"/>
      <c r="LEZ725" s="613"/>
      <c r="LFA725" s="613"/>
      <c r="LFB725" s="613"/>
      <c r="LFC725" s="613"/>
      <c r="LFD725" s="613"/>
      <c r="LFE725" s="613"/>
      <c r="LFF725" s="613"/>
      <c r="LFG725" s="613"/>
      <c r="LFH725" s="613"/>
      <c r="LFI725" s="613"/>
      <c r="LFJ725" s="613"/>
      <c r="LFK725" s="613"/>
      <c r="LFL725" s="613"/>
      <c r="LFM725" s="613"/>
      <c r="LFN725" s="613"/>
      <c r="LFO725" s="613"/>
      <c r="LFP725" s="613"/>
      <c r="LFQ725" s="613"/>
      <c r="LFR725" s="613"/>
      <c r="LFS725" s="613"/>
      <c r="LFT725" s="613"/>
      <c r="LFU725" s="613"/>
      <c r="LFV725" s="613"/>
      <c r="LFW725" s="613"/>
      <c r="LFX725" s="613"/>
      <c r="LFY725" s="613"/>
      <c r="LFZ725" s="613"/>
      <c r="LGA725" s="613"/>
      <c r="LGB725" s="613"/>
      <c r="LGC725" s="613"/>
      <c r="LGD725" s="613"/>
      <c r="LGE725" s="613"/>
      <c r="LGF725" s="613"/>
      <c r="LGG725" s="613"/>
      <c r="LGH725" s="613"/>
      <c r="LGI725" s="613"/>
      <c r="LGJ725" s="613"/>
      <c r="LGK725" s="613"/>
      <c r="LGL725" s="613"/>
      <c r="LGM725" s="613"/>
      <c r="LGN725" s="613"/>
      <c r="LGO725" s="613"/>
      <c r="LGP725" s="613"/>
      <c r="LGQ725" s="613"/>
      <c r="LGR725" s="613"/>
      <c r="LGS725" s="613"/>
      <c r="LGT725" s="613"/>
      <c r="LGU725" s="613"/>
      <c r="LGV725" s="613"/>
      <c r="LGW725" s="613"/>
      <c r="LGX725" s="613"/>
      <c r="LGY725" s="613"/>
      <c r="LGZ725" s="613"/>
      <c r="LHA725" s="613"/>
      <c r="LHB725" s="613"/>
      <c r="LHC725" s="613"/>
      <c r="LHD725" s="613"/>
      <c r="LHE725" s="613"/>
      <c r="LHF725" s="613"/>
      <c r="LHG725" s="613"/>
      <c r="LHH725" s="613"/>
      <c r="LHI725" s="613"/>
      <c r="LHJ725" s="613"/>
      <c r="LHK725" s="613"/>
      <c r="LHL725" s="613"/>
      <c r="LHM725" s="613"/>
      <c r="LHN725" s="613"/>
      <c r="LHO725" s="613"/>
      <c r="LHP725" s="613"/>
      <c r="LHQ725" s="613"/>
      <c r="LHR725" s="613"/>
      <c r="LHS725" s="613"/>
      <c r="LHT725" s="613"/>
      <c r="LHU725" s="613"/>
      <c r="LHV725" s="613"/>
      <c r="LHW725" s="613"/>
      <c r="LHX725" s="613"/>
      <c r="LHY725" s="613"/>
      <c r="LHZ725" s="613"/>
      <c r="LIA725" s="613"/>
      <c r="LIB725" s="613"/>
      <c r="LIC725" s="613"/>
      <c r="LID725" s="613"/>
      <c r="LIE725" s="613"/>
      <c r="LIF725" s="613"/>
      <c r="LIG725" s="613"/>
      <c r="LIH725" s="613"/>
      <c r="LII725" s="613"/>
      <c r="LIJ725" s="613"/>
      <c r="LIK725" s="613"/>
      <c r="LIL725" s="613"/>
      <c r="LIM725" s="613"/>
      <c r="LIN725" s="613"/>
      <c r="LIO725" s="613"/>
      <c r="LIP725" s="613"/>
      <c r="LIQ725" s="613"/>
      <c r="LIR725" s="613"/>
      <c r="LIS725" s="613"/>
      <c r="LIT725" s="613"/>
      <c r="LIU725" s="613"/>
      <c r="LIV725" s="613"/>
      <c r="LIW725" s="613"/>
      <c r="LIX725" s="613"/>
      <c r="LIY725" s="613"/>
      <c r="LIZ725" s="613"/>
      <c r="LJA725" s="613"/>
      <c r="LJB725" s="613"/>
      <c r="LJC725" s="613"/>
      <c r="LJD725" s="613"/>
      <c r="LJE725" s="613"/>
      <c r="LJF725" s="613"/>
      <c r="LJG725" s="613"/>
      <c r="LJH725" s="613"/>
      <c r="LJI725" s="613"/>
      <c r="LJJ725" s="613"/>
      <c r="LJK725" s="613"/>
      <c r="LJL725" s="613"/>
      <c r="LJM725" s="613"/>
      <c r="LJN725" s="613"/>
      <c r="LJO725" s="613"/>
      <c r="LJP725" s="613"/>
      <c r="LJQ725" s="613"/>
      <c r="LJR725" s="613"/>
      <c r="LJS725" s="613"/>
      <c r="LJT725" s="613"/>
      <c r="LJU725" s="613"/>
      <c r="LJV725" s="613"/>
      <c r="LJW725" s="613"/>
      <c r="LJX725" s="613"/>
      <c r="LJY725" s="613"/>
      <c r="LJZ725" s="613"/>
      <c r="LKA725" s="613"/>
      <c r="LKB725" s="613"/>
      <c r="LKC725" s="613"/>
      <c r="LKD725" s="613"/>
      <c r="LKE725" s="613"/>
      <c r="LKF725" s="613"/>
      <c r="LKG725" s="613"/>
      <c r="LKH725" s="613"/>
      <c r="LKI725" s="613"/>
      <c r="LKJ725" s="613"/>
      <c r="LKK725" s="613"/>
      <c r="LKL725" s="613"/>
      <c r="LKM725" s="613"/>
      <c r="LKN725" s="613"/>
      <c r="LKO725" s="613"/>
      <c r="LKP725" s="613"/>
      <c r="LKQ725" s="613"/>
      <c r="LKR725" s="613"/>
      <c r="LKS725" s="613"/>
      <c r="LKT725" s="613"/>
      <c r="LKU725" s="613"/>
      <c r="LKV725" s="613"/>
      <c r="LKW725" s="613"/>
      <c r="LKX725" s="613"/>
      <c r="LKY725" s="613"/>
      <c r="LKZ725" s="613"/>
      <c r="LLA725" s="613"/>
      <c r="LLB725" s="613"/>
      <c r="LLC725" s="613"/>
      <c r="LLD725" s="613"/>
      <c r="LLE725" s="613"/>
      <c r="LLF725" s="613"/>
      <c r="LLG725" s="613"/>
      <c r="LLH725" s="613"/>
      <c r="LLI725" s="613"/>
      <c r="LLJ725" s="613"/>
      <c r="LLK725" s="613"/>
      <c r="LLL725" s="613"/>
      <c r="LLM725" s="613"/>
      <c r="LLN725" s="613"/>
      <c r="LLO725" s="613"/>
      <c r="LLP725" s="613"/>
      <c r="LLQ725" s="613"/>
      <c r="LLR725" s="613"/>
      <c r="LLS725" s="613"/>
      <c r="LLT725" s="613"/>
      <c r="LLU725" s="613"/>
      <c r="LLV725" s="613"/>
      <c r="LLW725" s="613"/>
      <c r="LLX725" s="613"/>
      <c r="LLY725" s="613"/>
      <c r="LLZ725" s="613"/>
      <c r="LMA725" s="613"/>
      <c r="LMB725" s="613"/>
      <c r="LMC725" s="613"/>
      <c r="LMD725" s="613"/>
      <c r="LME725" s="613"/>
      <c r="LMF725" s="613"/>
      <c r="LMG725" s="613"/>
      <c r="LMH725" s="613"/>
      <c r="LMI725" s="613"/>
      <c r="LMJ725" s="613"/>
      <c r="LMK725" s="613"/>
      <c r="LML725" s="613"/>
      <c r="LMM725" s="613"/>
      <c r="LMN725" s="613"/>
      <c r="LMO725" s="613"/>
      <c r="LMP725" s="613"/>
      <c r="LMQ725" s="613"/>
      <c r="LMR725" s="613"/>
      <c r="LMS725" s="613"/>
      <c r="LMT725" s="613"/>
      <c r="LMU725" s="613"/>
      <c r="LMV725" s="613"/>
      <c r="LMW725" s="613"/>
      <c r="LMX725" s="613"/>
      <c r="LMY725" s="613"/>
      <c r="LMZ725" s="613"/>
      <c r="LNA725" s="613"/>
      <c r="LNB725" s="613"/>
      <c r="LNC725" s="613"/>
      <c r="LND725" s="613"/>
      <c r="LNE725" s="613"/>
      <c r="LNF725" s="613"/>
      <c r="LNG725" s="613"/>
      <c r="LNH725" s="613"/>
      <c r="LNI725" s="613"/>
      <c r="LNJ725" s="613"/>
      <c r="LNK725" s="613"/>
      <c r="LNL725" s="613"/>
      <c r="LNM725" s="613"/>
      <c r="LNN725" s="613"/>
      <c r="LNO725" s="613"/>
      <c r="LNP725" s="613"/>
      <c r="LNQ725" s="613"/>
      <c r="LNR725" s="613"/>
      <c r="LNS725" s="613"/>
      <c r="LNT725" s="613"/>
      <c r="LNU725" s="613"/>
      <c r="LNV725" s="613"/>
      <c r="LNW725" s="613"/>
      <c r="LNX725" s="613"/>
      <c r="LNY725" s="613"/>
      <c r="LNZ725" s="613"/>
      <c r="LOA725" s="613"/>
      <c r="LOB725" s="613"/>
      <c r="LOC725" s="613"/>
      <c r="LOD725" s="613"/>
      <c r="LOE725" s="613"/>
      <c r="LOF725" s="613"/>
      <c r="LOG725" s="613"/>
      <c r="LOH725" s="613"/>
      <c r="LOI725" s="613"/>
      <c r="LOJ725" s="613"/>
      <c r="LOK725" s="613"/>
      <c r="LOL725" s="613"/>
      <c r="LOM725" s="613"/>
      <c r="LON725" s="613"/>
      <c r="LOO725" s="613"/>
      <c r="LOP725" s="613"/>
      <c r="LOQ725" s="613"/>
      <c r="LOR725" s="613"/>
      <c r="LOS725" s="613"/>
      <c r="LOT725" s="613"/>
      <c r="LOU725" s="613"/>
      <c r="LOV725" s="613"/>
      <c r="LOW725" s="613"/>
      <c r="LOX725" s="613"/>
      <c r="LOY725" s="613"/>
      <c r="LOZ725" s="613"/>
      <c r="LPA725" s="613"/>
      <c r="LPB725" s="613"/>
      <c r="LPC725" s="613"/>
      <c r="LPD725" s="613"/>
      <c r="LPE725" s="613"/>
      <c r="LPF725" s="613"/>
      <c r="LPG725" s="613"/>
      <c r="LPH725" s="613"/>
      <c r="LPI725" s="613"/>
      <c r="LPJ725" s="613"/>
      <c r="LPK725" s="613"/>
      <c r="LPL725" s="613"/>
      <c r="LPM725" s="613"/>
      <c r="LPN725" s="613"/>
      <c r="LPO725" s="613"/>
      <c r="LPP725" s="613"/>
      <c r="LPQ725" s="613"/>
      <c r="LPR725" s="613"/>
      <c r="LPS725" s="613"/>
      <c r="LPT725" s="613"/>
      <c r="LPU725" s="613"/>
      <c r="LPV725" s="613"/>
      <c r="LPW725" s="613"/>
      <c r="LPX725" s="613"/>
      <c r="LPY725" s="613"/>
      <c r="LPZ725" s="613"/>
      <c r="LQA725" s="613"/>
      <c r="LQB725" s="613"/>
      <c r="LQC725" s="613"/>
      <c r="LQD725" s="613"/>
      <c r="LQE725" s="613"/>
      <c r="LQF725" s="613"/>
      <c r="LQG725" s="613"/>
      <c r="LQH725" s="613"/>
      <c r="LQI725" s="613"/>
      <c r="LQJ725" s="613"/>
      <c r="LQK725" s="613"/>
      <c r="LQL725" s="613"/>
      <c r="LQM725" s="613"/>
      <c r="LQN725" s="613"/>
      <c r="LQO725" s="613"/>
      <c r="LQP725" s="613"/>
      <c r="LQQ725" s="613"/>
      <c r="LQR725" s="613"/>
      <c r="LQS725" s="613"/>
      <c r="LQT725" s="613"/>
      <c r="LQU725" s="613"/>
      <c r="LQV725" s="613"/>
      <c r="LQW725" s="613"/>
      <c r="LQX725" s="613"/>
      <c r="LQY725" s="613"/>
      <c r="LQZ725" s="613"/>
      <c r="LRA725" s="613"/>
      <c r="LRB725" s="613"/>
      <c r="LRC725" s="613"/>
      <c r="LRD725" s="613"/>
      <c r="LRE725" s="613"/>
      <c r="LRF725" s="613"/>
      <c r="LRG725" s="613"/>
      <c r="LRH725" s="613"/>
      <c r="LRI725" s="613"/>
      <c r="LRJ725" s="613"/>
      <c r="LRK725" s="613"/>
      <c r="LRL725" s="613"/>
      <c r="LRM725" s="613"/>
      <c r="LRN725" s="613"/>
      <c r="LRO725" s="613"/>
      <c r="LRP725" s="613"/>
      <c r="LRQ725" s="613"/>
      <c r="LRR725" s="613"/>
      <c r="LRS725" s="613"/>
      <c r="LRT725" s="613"/>
      <c r="LRU725" s="613"/>
      <c r="LRV725" s="613"/>
      <c r="LRW725" s="613"/>
      <c r="LRX725" s="613"/>
      <c r="LRY725" s="613"/>
      <c r="LRZ725" s="613"/>
      <c r="LSA725" s="613"/>
      <c r="LSB725" s="613"/>
      <c r="LSC725" s="613"/>
      <c r="LSD725" s="613"/>
      <c r="LSE725" s="613"/>
      <c r="LSF725" s="613"/>
      <c r="LSG725" s="613"/>
      <c r="LSH725" s="613"/>
      <c r="LSI725" s="613"/>
      <c r="LSJ725" s="613"/>
      <c r="LSK725" s="613"/>
      <c r="LSL725" s="613"/>
      <c r="LSM725" s="613"/>
      <c r="LSN725" s="613"/>
      <c r="LSO725" s="613"/>
      <c r="LSP725" s="613"/>
      <c r="LSQ725" s="613"/>
      <c r="LSR725" s="613"/>
      <c r="LSS725" s="613"/>
      <c r="LST725" s="613"/>
      <c r="LSU725" s="613"/>
      <c r="LSV725" s="613"/>
      <c r="LSW725" s="613"/>
      <c r="LSX725" s="613"/>
      <c r="LSY725" s="613"/>
      <c r="LSZ725" s="613"/>
      <c r="LTA725" s="613"/>
      <c r="LTB725" s="613"/>
      <c r="LTC725" s="613"/>
      <c r="LTD725" s="613"/>
      <c r="LTE725" s="613"/>
      <c r="LTF725" s="613"/>
      <c r="LTG725" s="613"/>
      <c r="LTH725" s="613"/>
      <c r="LTI725" s="613"/>
      <c r="LTJ725" s="613"/>
      <c r="LTK725" s="613"/>
      <c r="LTL725" s="613"/>
      <c r="LTM725" s="613"/>
      <c r="LTN725" s="613"/>
      <c r="LTO725" s="613"/>
      <c r="LTP725" s="613"/>
      <c r="LTQ725" s="613"/>
      <c r="LTR725" s="613"/>
      <c r="LTS725" s="613"/>
      <c r="LTT725" s="613"/>
      <c r="LTU725" s="613"/>
      <c r="LTV725" s="613"/>
      <c r="LTW725" s="613"/>
      <c r="LTX725" s="613"/>
      <c r="LTY725" s="613"/>
      <c r="LTZ725" s="613"/>
      <c r="LUA725" s="613"/>
      <c r="LUB725" s="613"/>
      <c r="LUC725" s="613"/>
      <c r="LUD725" s="613"/>
      <c r="LUE725" s="613"/>
      <c r="LUF725" s="613"/>
      <c r="LUG725" s="613"/>
      <c r="LUH725" s="613"/>
      <c r="LUI725" s="613"/>
      <c r="LUJ725" s="613"/>
      <c r="LUK725" s="613"/>
      <c r="LUL725" s="613"/>
      <c r="LUM725" s="613"/>
      <c r="LUN725" s="613"/>
      <c r="LUO725" s="613"/>
      <c r="LUP725" s="613"/>
      <c r="LUQ725" s="613"/>
      <c r="LUR725" s="613"/>
      <c r="LUS725" s="613"/>
      <c r="LUT725" s="613"/>
      <c r="LUU725" s="613"/>
      <c r="LUV725" s="613"/>
      <c r="LUW725" s="613"/>
      <c r="LUX725" s="613"/>
      <c r="LUY725" s="613"/>
      <c r="LUZ725" s="613"/>
      <c r="LVA725" s="613"/>
      <c r="LVB725" s="613"/>
      <c r="LVC725" s="613"/>
      <c r="LVD725" s="613"/>
      <c r="LVE725" s="613"/>
      <c r="LVF725" s="613"/>
      <c r="LVG725" s="613"/>
      <c r="LVH725" s="613"/>
      <c r="LVI725" s="613"/>
      <c r="LVJ725" s="613"/>
      <c r="LVK725" s="613"/>
      <c r="LVL725" s="613"/>
      <c r="LVM725" s="613"/>
      <c r="LVN725" s="613"/>
      <c r="LVO725" s="613"/>
      <c r="LVP725" s="613"/>
      <c r="LVQ725" s="613"/>
      <c r="LVR725" s="613"/>
      <c r="LVS725" s="613"/>
      <c r="LVT725" s="613"/>
      <c r="LVU725" s="613"/>
      <c r="LVV725" s="613"/>
      <c r="LVW725" s="613"/>
      <c r="LVX725" s="613"/>
      <c r="LVY725" s="613"/>
      <c r="LVZ725" s="613"/>
      <c r="LWA725" s="613"/>
      <c r="LWB725" s="613"/>
      <c r="LWC725" s="613"/>
      <c r="LWD725" s="613"/>
      <c r="LWE725" s="613"/>
      <c r="LWF725" s="613"/>
      <c r="LWG725" s="613"/>
      <c r="LWH725" s="613"/>
      <c r="LWI725" s="613"/>
      <c r="LWJ725" s="613"/>
      <c r="LWK725" s="613"/>
      <c r="LWL725" s="613"/>
      <c r="LWM725" s="613"/>
      <c r="LWN725" s="613"/>
      <c r="LWO725" s="613"/>
      <c r="LWP725" s="613"/>
      <c r="LWQ725" s="613"/>
      <c r="LWR725" s="613"/>
      <c r="LWS725" s="613"/>
      <c r="LWT725" s="613"/>
      <c r="LWU725" s="613"/>
      <c r="LWV725" s="613"/>
      <c r="LWW725" s="613"/>
      <c r="LWX725" s="613"/>
      <c r="LWY725" s="613"/>
      <c r="LWZ725" s="613"/>
      <c r="LXA725" s="613"/>
      <c r="LXB725" s="613"/>
      <c r="LXC725" s="613"/>
      <c r="LXD725" s="613"/>
      <c r="LXE725" s="613"/>
      <c r="LXF725" s="613"/>
      <c r="LXG725" s="613"/>
      <c r="LXH725" s="613"/>
      <c r="LXI725" s="613"/>
      <c r="LXJ725" s="613"/>
      <c r="LXK725" s="613"/>
      <c r="LXL725" s="613"/>
      <c r="LXM725" s="613"/>
      <c r="LXN725" s="613"/>
      <c r="LXO725" s="613"/>
      <c r="LXP725" s="613"/>
      <c r="LXQ725" s="613"/>
      <c r="LXR725" s="613"/>
      <c r="LXS725" s="613"/>
      <c r="LXT725" s="613"/>
      <c r="LXU725" s="613"/>
      <c r="LXV725" s="613"/>
      <c r="LXW725" s="613"/>
      <c r="LXX725" s="613"/>
      <c r="LXY725" s="613"/>
      <c r="LXZ725" s="613"/>
      <c r="LYA725" s="613"/>
      <c r="LYB725" s="613"/>
      <c r="LYC725" s="613"/>
      <c r="LYD725" s="613"/>
      <c r="LYE725" s="613"/>
      <c r="LYF725" s="613"/>
      <c r="LYG725" s="613"/>
      <c r="LYH725" s="613"/>
      <c r="LYI725" s="613"/>
      <c r="LYJ725" s="613"/>
      <c r="LYK725" s="613"/>
      <c r="LYL725" s="613"/>
      <c r="LYM725" s="613"/>
      <c r="LYN725" s="613"/>
      <c r="LYO725" s="613"/>
      <c r="LYP725" s="613"/>
      <c r="LYQ725" s="613"/>
      <c r="LYR725" s="613"/>
      <c r="LYS725" s="613"/>
      <c r="LYT725" s="613"/>
      <c r="LYU725" s="613"/>
      <c r="LYV725" s="613"/>
      <c r="LYW725" s="613"/>
      <c r="LYX725" s="613"/>
      <c r="LYY725" s="613"/>
      <c r="LYZ725" s="613"/>
      <c r="LZA725" s="613"/>
      <c r="LZB725" s="613"/>
      <c r="LZC725" s="613"/>
      <c r="LZD725" s="613"/>
      <c r="LZE725" s="613"/>
      <c r="LZF725" s="613"/>
      <c r="LZG725" s="613"/>
      <c r="LZH725" s="613"/>
      <c r="LZI725" s="613"/>
      <c r="LZJ725" s="613"/>
      <c r="LZK725" s="613"/>
      <c r="LZL725" s="613"/>
      <c r="LZM725" s="613"/>
      <c r="LZN725" s="613"/>
      <c r="LZO725" s="613"/>
      <c r="LZP725" s="613"/>
      <c r="LZQ725" s="613"/>
      <c r="LZR725" s="613"/>
      <c r="LZS725" s="613"/>
      <c r="LZT725" s="613"/>
      <c r="LZU725" s="613"/>
      <c r="LZV725" s="613"/>
      <c r="LZW725" s="613"/>
      <c r="LZX725" s="613"/>
      <c r="LZY725" s="613"/>
      <c r="LZZ725" s="613"/>
      <c r="MAA725" s="613"/>
      <c r="MAB725" s="613"/>
      <c r="MAC725" s="613"/>
      <c r="MAD725" s="613"/>
      <c r="MAE725" s="613"/>
      <c r="MAF725" s="613"/>
      <c r="MAG725" s="613"/>
      <c r="MAH725" s="613"/>
      <c r="MAI725" s="613"/>
      <c r="MAJ725" s="613"/>
      <c r="MAK725" s="613"/>
      <c r="MAL725" s="613"/>
      <c r="MAM725" s="613"/>
      <c r="MAN725" s="613"/>
      <c r="MAO725" s="613"/>
      <c r="MAP725" s="613"/>
      <c r="MAQ725" s="613"/>
      <c r="MAR725" s="613"/>
      <c r="MAS725" s="613"/>
      <c r="MAT725" s="613"/>
      <c r="MAU725" s="613"/>
      <c r="MAV725" s="613"/>
      <c r="MAW725" s="613"/>
      <c r="MAX725" s="613"/>
      <c r="MAY725" s="613"/>
      <c r="MAZ725" s="613"/>
      <c r="MBA725" s="613"/>
      <c r="MBB725" s="613"/>
      <c r="MBC725" s="613"/>
      <c r="MBD725" s="613"/>
      <c r="MBE725" s="613"/>
      <c r="MBF725" s="613"/>
      <c r="MBG725" s="613"/>
      <c r="MBH725" s="613"/>
      <c r="MBI725" s="613"/>
      <c r="MBJ725" s="613"/>
      <c r="MBK725" s="613"/>
      <c r="MBL725" s="613"/>
      <c r="MBM725" s="613"/>
      <c r="MBN725" s="613"/>
      <c r="MBO725" s="613"/>
      <c r="MBP725" s="613"/>
      <c r="MBQ725" s="613"/>
      <c r="MBR725" s="613"/>
      <c r="MBS725" s="613"/>
      <c r="MBT725" s="613"/>
      <c r="MBU725" s="613"/>
      <c r="MBV725" s="613"/>
      <c r="MBW725" s="613"/>
      <c r="MBX725" s="613"/>
      <c r="MBY725" s="613"/>
      <c r="MBZ725" s="613"/>
      <c r="MCA725" s="613"/>
      <c r="MCB725" s="613"/>
      <c r="MCC725" s="613"/>
      <c r="MCD725" s="613"/>
      <c r="MCE725" s="613"/>
      <c r="MCF725" s="613"/>
      <c r="MCG725" s="613"/>
      <c r="MCH725" s="613"/>
      <c r="MCI725" s="613"/>
      <c r="MCJ725" s="613"/>
      <c r="MCK725" s="613"/>
      <c r="MCL725" s="613"/>
      <c r="MCM725" s="613"/>
      <c r="MCN725" s="613"/>
      <c r="MCO725" s="613"/>
      <c r="MCP725" s="613"/>
      <c r="MCQ725" s="613"/>
      <c r="MCR725" s="613"/>
      <c r="MCS725" s="613"/>
      <c r="MCT725" s="613"/>
      <c r="MCU725" s="613"/>
      <c r="MCV725" s="613"/>
      <c r="MCW725" s="613"/>
      <c r="MCX725" s="613"/>
      <c r="MCY725" s="613"/>
      <c r="MCZ725" s="613"/>
      <c r="MDA725" s="613"/>
      <c r="MDB725" s="613"/>
      <c r="MDC725" s="613"/>
      <c r="MDD725" s="613"/>
      <c r="MDE725" s="613"/>
      <c r="MDF725" s="613"/>
      <c r="MDG725" s="613"/>
      <c r="MDH725" s="613"/>
      <c r="MDI725" s="613"/>
      <c r="MDJ725" s="613"/>
      <c r="MDK725" s="613"/>
      <c r="MDL725" s="613"/>
      <c r="MDM725" s="613"/>
      <c r="MDN725" s="613"/>
      <c r="MDO725" s="613"/>
      <c r="MDP725" s="613"/>
      <c r="MDQ725" s="613"/>
      <c r="MDR725" s="613"/>
      <c r="MDS725" s="613"/>
      <c r="MDT725" s="613"/>
      <c r="MDU725" s="613"/>
      <c r="MDV725" s="613"/>
      <c r="MDW725" s="613"/>
      <c r="MDX725" s="613"/>
      <c r="MDY725" s="613"/>
      <c r="MDZ725" s="613"/>
      <c r="MEA725" s="613"/>
      <c r="MEB725" s="613"/>
      <c r="MEC725" s="613"/>
      <c r="MED725" s="613"/>
      <c r="MEE725" s="613"/>
      <c r="MEF725" s="613"/>
      <c r="MEG725" s="613"/>
      <c r="MEH725" s="613"/>
      <c r="MEI725" s="613"/>
      <c r="MEJ725" s="613"/>
      <c r="MEK725" s="613"/>
      <c r="MEL725" s="613"/>
      <c r="MEM725" s="613"/>
      <c r="MEN725" s="613"/>
      <c r="MEO725" s="613"/>
      <c r="MEP725" s="613"/>
      <c r="MEQ725" s="613"/>
      <c r="MER725" s="613"/>
      <c r="MES725" s="613"/>
      <c r="MET725" s="613"/>
      <c r="MEU725" s="613"/>
      <c r="MEV725" s="613"/>
      <c r="MEW725" s="613"/>
      <c r="MEX725" s="613"/>
      <c r="MEY725" s="613"/>
      <c r="MEZ725" s="613"/>
      <c r="MFA725" s="613"/>
      <c r="MFB725" s="613"/>
      <c r="MFC725" s="613"/>
      <c r="MFD725" s="613"/>
      <c r="MFE725" s="613"/>
      <c r="MFF725" s="613"/>
      <c r="MFG725" s="613"/>
      <c r="MFH725" s="613"/>
      <c r="MFI725" s="613"/>
      <c r="MFJ725" s="613"/>
      <c r="MFK725" s="613"/>
      <c r="MFL725" s="613"/>
      <c r="MFM725" s="613"/>
      <c r="MFN725" s="613"/>
      <c r="MFO725" s="613"/>
      <c r="MFP725" s="613"/>
      <c r="MFQ725" s="613"/>
      <c r="MFR725" s="613"/>
      <c r="MFS725" s="613"/>
      <c r="MFT725" s="613"/>
      <c r="MFU725" s="613"/>
      <c r="MFV725" s="613"/>
      <c r="MFW725" s="613"/>
      <c r="MFX725" s="613"/>
      <c r="MFY725" s="613"/>
      <c r="MFZ725" s="613"/>
      <c r="MGA725" s="613"/>
      <c r="MGB725" s="613"/>
      <c r="MGC725" s="613"/>
      <c r="MGD725" s="613"/>
      <c r="MGE725" s="613"/>
      <c r="MGF725" s="613"/>
      <c r="MGG725" s="613"/>
      <c r="MGH725" s="613"/>
      <c r="MGI725" s="613"/>
      <c r="MGJ725" s="613"/>
      <c r="MGK725" s="613"/>
      <c r="MGL725" s="613"/>
      <c r="MGM725" s="613"/>
      <c r="MGN725" s="613"/>
      <c r="MGO725" s="613"/>
      <c r="MGP725" s="613"/>
      <c r="MGQ725" s="613"/>
      <c r="MGR725" s="613"/>
      <c r="MGS725" s="613"/>
      <c r="MGT725" s="613"/>
      <c r="MGU725" s="613"/>
      <c r="MGV725" s="613"/>
      <c r="MGW725" s="613"/>
      <c r="MGX725" s="613"/>
      <c r="MGY725" s="613"/>
      <c r="MGZ725" s="613"/>
      <c r="MHA725" s="613"/>
      <c r="MHB725" s="613"/>
      <c r="MHC725" s="613"/>
      <c r="MHD725" s="613"/>
      <c r="MHE725" s="613"/>
      <c r="MHF725" s="613"/>
      <c r="MHG725" s="613"/>
      <c r="MHH725" s="613"/>
      <c r="MHI725" s="613"/>
      <c r="MHJ725" s="613"/>
      <c r="MHK725" s="613"/>
      <c r="MHL725" s="613"/>
      <c r="MHM725" s="613"/>
      <c r="MHN725" s="613"/>
      <c r="MHO725" s="613"/>
      <c r="MHP725" s="613"/>
      <c r="MHQ725" s="613"/>
      <c r="MHR725" s="613"/>
      <c r="MHS725" s="613"/>
      <c r="MHT725" s="613"/>
      <c r="MHU725" s="613"/>
      <c r="MHV725" s="613"/>
      <c r="MHW725" s="613"/>
      <c r="MHX725" s="613"/>
      <c r="MHY725" s="613"/>
      <c r="MHZ725" s="613"/>
      <c r="MIA725" s="613"/>
      <c r="MIB725" s="613"/>
      <c r="MIC725" s="613"/>
      <c r="MID725" s="613"/>
      <c r="MIE725" s="613"/>
      <c r="MIF725" s="613"/>
      <c r="MIG725" s="613"/>
      <c r="MIH725" s="613"/>
      <c r="MII725" s="613"/>
      <c r="MIJ725" s="613"/>
      <c r="MIK725" s="613"/>
      <c r="MIL725" s="613"/>
      <c r="MIM725" s="613"/>
      <c r="MIN725" s="613"/>
      <c r="MIO725" s="613"/>
      <c r="MIP725" s="613"/>
      <c r="MIQ725" s="613"/>
      <c r="MIR725" s="613"/>
      <c r="MIS725" s="613"/>
      <c r="MIT725" s="613"/>
      <c r="MIU725" s="613"/>
      <c r="MIV725" s="613"/>
      <c r="MIW725" s="613"/>
      <c r="MIX725" s="613"/>
      <c r="MIY725" s="613"/>
      <c r="MIZ725" s="613"/>
      <c r="MJA725" s="613"/>
      <c r="MJB725" s="613"/>
      <c r="MJC725" s="613"/>
      <c r="MJD725" s="613"/>
      <c r="MJE725" s="613"/>
      <c r="MJF725" s="613"/>
      <c r="MJG725" s="613"/>
      <c r="MJH725" s="613"/>
      <c r="MJI725" s="613"/>
      <c r="MJJ725" s="613"/>
      <c r="MJK725" s="613"/>
      <c r="MJL725" s="613"/>
      <c r="MJM725" s="613"/>
      <c r="MJN725" s="613"/>
      <c r="MJO725" s="613"/>
      <c r="MJP725" s="613"/>
      <c r="MJQ725" s="613"/>
      <c r="MJR725" s="613"/>
      <c r="MJS725" s="613"/>
      <c r="MJT725" s="613"/>
      <c r="MJU725" s="613"/>
      <c r="MJV725" s="613"/>
      <c r="MJW725" s="613"/>
      <c r="MJX725" s="613"/>
      <c r="MJY725" s="613"/>
      <c r="MJZ725" s="613"/>
      <c r="MKA725" s="613"/>
      <c r="MKB725" s="613"/>
      <c r="MKC725" s="613"/>
      <c r="MKD725" s="613"/>
      <c r="MKE725" s="613"/>
      <c r="MKF725" s="613"/>
      <c r="MKG725" s="613"/>
      <c r="MKH725" s="613"/>
      <c r="MKI725" s="613"/>
      <c r="MKJ725" s="613"/>
      <c r="MKK725" s="613"/>
      <c r="MKL725" s="613"/>
      <c r="MKM725" s="613"/>
      <c r="MKN725" s="613"/>
      <c r="MKO725" s="613"/>
      <c r="MKP725" s="613"/>
      <c r="MKQ725" s="613"/>
      <c r="MKR725" s="613"/>
      <c r="MKS725" s="613"/>
      <c r="MKT725" s="613"/>
      <c r="MKU725" s="613"/>
      <c r="MKV725" s="613"/>
      <c r="MKW725" s="613"/>
      <c r="MKX725" s="613"/>
      <c r="MKY725" s="613"/>
      <c r="MKZ725" s="613"/>
      <c r="MLA725" s="613"/>
      <c r="MLB725" s="613"/>
      <c r="MLC725" s="613"/>
      <c r="MLD725" s="613"/>
      <c r="MLE725" s="613"/>
      <c r="MLF725" s="613"/>
      <c r="MLG725" s="613"/>
      <c r="MLH725" s="613"/>
      <c r="MLI725" s="613"/>
      <c r="MLJ725" s="613"/>
      <c r="MLK725" s="613"/>
      <c r="MLL725" s="613"/>
      <c r="MLM725" s="613"/>
      <c r="MLN725" s="613"/>
      <c r="MLO725" s="613"/>
      <c r="MLP725" s="613"/>
      <c r="MLQ725" s="613"/>
      <c r="MLR725" s="613"/>
      <c r="MLS725" s="613"/>
      <c r="MLT725" s="613"/>
      <c r="MLU725" s="613"/>
      <c r="MLV725" s="613"/>
      <c r="MLW725" s="613"/>
      <c r="MLX725" s="613"/>
      <c r="MLY725" s="613"/>
      <c r="MLZ725" s="613"/>
      <c r="MMA725" s="613"/>
      <c r="MMB725" s="613"/>
      <c r="MMC725" s="613"/>
      <c r="MMD725" s="613"/>
      <c r="MME725" s="613"/>
      <c r="MMF725" s="613"/>
      <c r="MMG725" s="613"/>
      <c r="MMH725" s="613"/>
      <c r="MMI725" s="613"/>
      <c r="MMJ725" s="613"/>
      <c r="MMK725" s="613"/>
      <c r="MML725" s="613"/>
      <c r="MMM725" s="613"/>
      <c r="MMN725" s="613"/>
      <c r="MMO725" s="613"/>
      <c r="MMP725" s="613"/>
      <c r="MMQ725" s="613"/>
      <c r="MMR725" s="613"/>
      <c r="MMS725" s="613"/>
      <c r="MMT725" s="613"/>
      <c r="MMU725" s="613"/>
      <c r="MMV725" s="613"/>
      <c r="MMW725" s="613"/>
      <c r="MMX725" s="613"/>
      <c r="MMY725" s="613"/>
      <c r="MMZ725" s="613"/>
      <c r="MNA725" s="613"/>
      <c r="MNB725" s="613"/>
      <c r="MNC725" s="613"/>
      <c r="MND725" s="613"/>
      <c r="MNE725" s="613"/>
      <c r="MNF725" s="613"/>
      <c r="MNG725" s="613"/>
      <c r="MNH725" s="613"/>
      <c r="MNI725" s="613"/>
      <c r="MNJ725" s="613"/>
      <c r="MNK725" s="613"/>
      <c r="MNL725" s="613"/>
      <c r="MNM725" s="613"/>
      <c r="MNN725" s="613"/>
      <c r="MNO725" s="613"/>
      <c r="MNP725" s="613"/>
      <c r="MNQ725" s="613"/>
      <c r="MNR725" s="613"/>
      <c r="MNS725" s="613"/>
      <c r="MNT725" s="613"/>
      <c r="MNU725" s="613"/>
      <c r="MNV725" s="613"/>
      <c r="MNW725" s="613"/>
      <c r="MNX725" s="613"/>
      <c r="MNY725" s="613"/>
      <c r="MNZ725" s="613"/>
      <c r="MOA725" s="613"/>
      <c r="MOB725" s="613"/>
      <c r="MOC725" s="613"/>
      <c r="MOD725" s="613"/>
      <c r="MOE725" s="613"/>
      <c r="MOF725" s="613"/>
      <c r="MOG725" s="613"/>
      <c r="MOH725" s="613"/>
      <c r="MOI725" s="613"/>
      <c r="MOJ725" s="613"/>
      <c r="MOK725" s="613"/>
      <c r="MOL725" s="613"/>
      <c r="MOM725" s="613"/>
      <c r="MON725" s="613"/>
      <c r="MOO725" s="613"/>
      <c r="MOP725" s="613"/>
      <c r="MOQ725" s="613"/>
      <c r="MOR725" s="613"/>
      <c r="MOS725" s="613"/>
      <c r="MOT725" s="613"/>
      <c r="MOU725" s="613"/>
      <c r="MOV725" s="613"/>
      <c r="MOW725" s="613"/>
      <c r="MOX725" s="613"/>
      <c r="MOY725" s="613"/>
      <c r="MOZ725" s="613"/>
      <c r="MPA725" s="613"/>
      <c r="MPB725" s="613"/>
      <c r="MPC725" s="613"/>
      <c r="MPD725" s="613"/>
      <c r="MPE725" s="613"/>
      <c r="MPF725" s="613"/>
      <c r="MPG725" s="613"/>
      <c r="MPH725" s="613"/>
      <c r="MPI725" s="613"/>
      <c r="MPJ725" s="613"/>
      <c r="MPK725" s="613"/>
      <c r="MPL725" s="613"/>
      <c r="MPM725" s="613"/>
      <c r="MPN725" s="613"/>
      <c r="MPO725" s="613"/>
      <c r="MPP725" s="613"/>
      <c r="MPQ725" s="613"/>
      <c r="MPR725" s="613"/>
      <c r="MPS725" s="613"/>
      <c r="MPT725" s="613"/>
      <c r="MPU725" s="613"/>
      <c r="MPV725" s="613"/>
      <c r="MPW725" s="613"/>
      <c r="MPX725" s="613"/>
      <c r="MPY725" s="613"/>
      <c r="MPZ725" s="613"/>
      <c r="MQA725" s="613"/>
      <c r="MQB725" s="613"/>
      <c r="MQC725" s="613"/>
      <c r="MQD725" s="613"/>
      <c r="MQE725" s="613"/>
      <c r="MQF725" s="613"/>
      <c r="MQG725" s="613"/>
      <c r="MQH725" s="613"/>
      <c r="MQI725" s="613"/>
      <c r="MQJ725" s="613"/>
      <c r="MQK725" s="613"/>
      <c r="MQL725" s="613"/>
      <c r="MQM725" s="613"/>
      <c r="MQN725" s="613"/>
      <c r="MQO725" s="613"/>
      <c r="MQP725" s="613"/>
      <c r="MQQ725" s="613"/>
      <c r="MQR725" s="613"/>
      <c r="MQS725" s="613"/>
      <c r="MQT725" s="613"/>
      <c r="MQU725" s="613"/>
      <c r="MQV725" s="613"/>
      <c r="MQW725" s="613"/>
      <c r="MQX725" s="613"/>
      <c r="MQY725" s="613"/>
      <c r="MQZ725" s="613"/>
      <c r="MRA725" s="613"/>
      <c r="MRB725" s="613"/>
      <c r="MRC725" s="613"/>
      <c r="MRD725" s="613"/>
      <c r="MRE725" s="613"/>
      <c r="MRF725" s="613"/>
      <c r="MRG725" s="613"/>
      <c r="MRH725" s="613"/>
      <c r="MRI725" s="613"/>
      <c r="MRJ725" s="613"/>
      <c r="MRK725" s="613"/>
      <c r="MRL725" s="613"/>
      <c r="MRM725" s="613"/>
      <c r="MRN725" s="613"/>
      <c r="MRO725" s="613"/>
      <c r="MRP725" s="613"/>
      <c r="MRQ725" s="613"/>
      <c r="MRR725" s="613"/>
      <c r="MRS725" s="613"/>
      <c r="MRT725" s="613"/>
      <c r="MRU725" s="613"/>
      <c r="MRV725" s="613"/>
      <c r="MRW725" s="613"/>
      <c r="MRX725" s="613"/>
      <c r="MRY725" s="613"/>
      <c r="MRZ725" s="613"/>
      <c r="MSA725" s="613"/>
      <c r="MSB725" s="613"/>
      <c r="MSC725" s="613"/>
      <c r="MSD725" s="613"/>
      <c r="MSE725" s="613"/>
      <c r="MSF725" s="613"/>
      <c r="MSG725" s="613"/>
      <c r="MSH725" s="613"/>
      <c r="MSI725" s="613"/>
      <c r="MSJ725" s="613"/>
      <c r="MSK725" s="613"/>
      <c r="MSL725" s="613"/>
      <c r="MSM725" s="613"/>
      <c r="MSN725" s="613"/>
      <c r="MSO725" s="613"/>
      <c r="MSP725" s="613"/>
      <c r="MSQ725" s="613"/>
      <c r="MSR725" s="613"/>
      <c r="MSS725" s="613"/>
      <c r="MST725" s="613"/>
      <c r="MSU725" s="613"/>
      <c r="MSV725" s="613"/>
      <c r="MSW725" s="613"/>
      <c r="MSX725" s="613"/>
      <c r="MSY725" s="613"/>
      <c r="MSZ725" s="613"/>
      <c r="MTA725" s="613"/>
      <c r="MTB725" s="613"/>
      <c r="MTC725" s="613"/>
      <c r="MTD725" s="613"/>
      <c r="MTE725" s="613"/>
      <c r="MTF725" s="613"/>
      <c r="MTG725" s="613"/>
      <c r="MTH725" s="613"/>
      <c r="MTI725" s="613"/>
      <c r="MTJ725" s="613"/>
      <c r="MTK725" s="613"/>
      <c r="MTL725" s="613"/>
      <c r="MTM725" s="613"/>
      <c r="MTN725" s="613"/>
      <c r="MTO725" s="613"/>
      <c r="MTP725" s="613"/>
      <c r="MTQ725" s="613"/>
      <c r="MTR725" s="613"/>
      <c r="MTS725" s="613"/>
      <c r="MTT725" s="613"/>
      <c r="MTU725" s="613"/>
      <c r="MTV725" s="613"/>
      <c r="MTW725" s="613"/>
      <c r="MTX725" s="613"/>
      <c r="MTY725" s="613"/>
      <c r="MTZ725" s="613"/>
      <c r="MUA725" s="613"/>
      <c r="MUB725" s="613"/>
      <c r="MUC725" s="613"/>
      <c r="MUD725" s="613"/>
      <c r="MUE725" s="613"/>
      <c r="MUF725" s="613"/>
      <c r="MUG725" s="613"/>
      <c r="MUH725" s="613"/>
      <c r="MUI725" s="613"/>
      <c r="MUJ725" s="613"/>
      <c r="MUK725" s="613"/>
      <c r="MUL725" s="613"/>
      <c r="MUM725" s="613"/>
      <c r="MUN725" s="613"/>
      <c r="MUO725" s="613"/>
      <c r="MUP725" s="613"/>
      <c r="MUQ725" s="613"/>
      <c r="MUR725" s="613"/>
      <c r="MUS725" s="613"/>
      <c r="MUT725" s="613"/>
      <c r="MUU725" s="613"/>
      <c r="MUV725" s="613"/>
      <c r="MUW725" s="613"/>
      <c r="MUX725" s="613"/>
      <c r="MUY725" s="613"/>
      <c r="MUZ725" s="613"/>
      <c r="MVA725" s="613"/>
      <c r="MVB725" s="613"/>
      <c r="MVC725" s="613"/>
      <c r="MVD725" s="613"/>
      <c r="MVE725" s="613"/>
      <c r="MVF725" s="613"/>
      <c r="MVG725" s="613"/>
      <c r="MVH725" s="613"/>
      <c r="MVI725" s="613"/>
      <c r="MVJ725" s="613"/>
      <c r="MVK725" s="613"/>
      <c r="MVL725" s="613"/>
      <c r="MVM725" s="613"/>
      <c r="MVN725" s="613"/>
      <c r="MVO725" s="613"/>
      <c r="MVP725" s="613"/>
      <c r="MVQ725" s="613"/>
      <c r="MVR725" s="613"/>
      <c r="MVS725" s="613"/>
      <c r="MVT725" s="613"/>
      <c r="MVU725" s="613"/>
      <c r="MVV725" s="613"/>
      <c r="MVW725" s="613"/>
      <c r="MVX725" s="613"/>
      <c r="MVY725" s="613"/>
      <c r="MVZ725" s="613"/>
      <c r="MWA725" s="613"/>
      <c r="MWB725" s="613"/>
      <c r="MWC725" s="613"/>
      <c r="MWD725" s="613"/>
      <c r="MWE725" s="613"/>
      <c r="MWF725" s="613"/>
      <c r="MWG725" s="613"/>
      <c r="MWH725" s="613"/>
      <c r="MWI725" s="613"/>
      <c r="MWJ725" s="613"/>
      <c r="MWK725" s="613"/>
      <c r="MWL725" s="613"/>
      <c r="MWM725" s="613"/>
      <c r="MWN725" s="613"/>
      <c r="MWO725" s="613"/>
      <c r="MWP725" s="613"/>
      <c r="MWQ725" s="613"/>
      <c r="MWR725" s="613"/>
      <c r="MWS725" s="613"/>
      <c r="MWT725" s="613"/>
      <c r="MWU725" s="613"/>
      <c r="MWV725" s="613"/>
      <c r="MWW725" s="613"/>
      <c r="MWX725" s="613"/>
      <c r="MWY725" s="613"/>
      <c r="MWZ725" s="613"/>
      <c r="MXA725" s="613"/>
      <c r="MXB725" s="613"/>
      <c r="MXC725" s="613"/>
      <c r="MXD725" s="613"/>
      <c r="MXE725" s="613"/>
      <c r="MXF725" s="613"/>
      <c r="MXG725" s="613"/>
      <c r="MXH725" s="613"/>
      <c r="MXI725" s="613"/>
      <c r="MXJ725" s="613"/>
      <c r="MXK725" s="613"/>
      <c r="MXL725" s="613"/>
      <c r="MXM725" s="613"/>
      <c r="MXN725" s="613"/>
      <c r="MXO725" s="613"/>
      <c r="MXP725" s="613"/>
      <c r="MXQ725" s="613"/>
      <c r="MXR725" s="613"/>
      <c r="MXS725" s="613"/>
      <c r="MXT725" s="613"/>
      <c r="MXU725" s="613"/>
      <c r="MXV725" s="613"/>
      <c r="MXW725" s="613"/>
      <c r="MXX725" s="613"/>
      <c r="MXY725" s="613"/>
      <c r="MXZ725" s="613"/>
      <c r="MYA725" s="613"/>
      <c r="MYB725" s="613"/>
      <c r="MYC725" s="613"/>
      <c r="MYD725" s="613"/>
      <c r="MYE725" s="613"/>
      <c r="MYF725" s="613"/>
      <c r="MYG725" s="613"/>
      <c r="MYH725" s="613"/>
      <c r="MYI725" s="613"/>
      <c r="MYJ725" s="613"/>
      <c r="MYK725" s="613"/>
      <c r="MYL725" s="613"/>
      <c r="MYM725" s="613"/>
      <c r="MYN725" s="613"/>
      <c r="MYO725" s="613"/>
      <c r="MYP725" s="613"/>
      <c r="MYQ725" s="613"/>
      <c r="MYR725" s="613"/>
      <c r="MYS725" s="613"/>
      <c r="MYT725" s="613"/>
      <c r="MYU725" s="613"/>
      <c r="MYV725" s="613"/>
      <c r="MYW725" s="613"/>
      <c r="MYX725" s="613"/>
      <c r="MYY725" s="613"/>
      <c r="MYZ725" s="613"/>
      <c r="MZA725" s="613"/>
      <c r="MZB725" s="613"/>
      <c r="MZC725" s="613"/>
      <c r="MZD725" s="613"/>
      <c r="MZE725" s="613"/>
      <c r="MZF725" s="613"/>
      <c r="MZG725" s="613"/>
      <c r="MZH725" s="613"/>
      <c r="MZI725" s="613"/>
      <c r="MZJ725" s="613"/>
      <c r="MZK725" s="613"/>
      <c r="MZL725" s="613"/>
      <c r="MZM725" s="613"/>
      <c r="MZN725" s="613"/>
      <c r="MZO725" s="613"/>
      <c r="MZP725" s="613"/>
      <c r="MZQ725" s="613"/>
      <c r="MZR725" s="613"/>
      <c r="MZS725" s="613"/>
      <c r="MZT725" s="613"/>
      <c r="MZU725" s="613"/>
      <c r="MZV725" s="613"/>
      <c r="MZW725" s="613"/>
      <c r="MZX725" s="613"/>
      <c r="MZY725" s="613"/>
      <c r="MZZ725" s="613"/>
      <c r="NAA725" s="613"/>
      <c r="NAB725" s="613"/>
      <c r="NAC725" s="613"/>
      <c r="NAD725" s="613"/>
      <c r="NAE725" s="613"/>
      <c r="NAF725" s="613"/>
      <c r="NAG725" s="613"/>
      <c r="NAH725" s="613"/>
      <c r="NAI725" s="613"/>
      <c r="NAJ725" s="613"/>
      <c r="NAK725" s="613"/>
      <c r="NAL725" s="613"/>
      <c r="NAM725" s="613"/>
      <c r="NAN725" s="613"/>
      <c r="NAO725" s="613"/>
      <c r="NAP725" s="613"/>
      <c r="NAQ725" s="613"/>
      <c r="NAR725" s="613"/>
      <c r="NAS725" s="613"/>
      <c r="NAT725" s="613"/>
      <c r="NAU725" s="613"/>
      <c r="NAV725" s="613"/>
      <c r="NAW725" s="613"/>
      <c r="NAX725" s="613"/>
      <c r="NAY725" s="613"/>
      <c r="NAZ725" s="613"/>
      <c r="NBA725" s="613"/>
      <c r="NBB725" s="613"/>
      <c r="NBC725" s="613"/>
      <c r="NBD725" s="613"/>
      <c r="NBE725" s="613"/>
      <c r="NBF725" s="613"/>
      <c r="NBG725" s="613"/>
      <c r="NBH725" s="613"/>
      <c r="NBI725" s="613"/>
      <c r="NBJ725" s="613"/>
      <c r="NBK725" s="613"/>
      <c r="NBL725" s="613"/>
      <c r="NBM725" s="613"/>
      <c r="NBN725" s="613"/>
      <c r="NBO725" s="613"/>
      <c r="NBP725" s="613"/>
      <c r="NBQ725" s="613"/>
      <c r="NBR725" s="613"/>
      <c r="NBS725" s="613"/>
      <c r="NBT725" s="613"/>
      <c r="NBU725" s="613"/>
      <c r="NBV725" s="613"/>
      <c r="NBW725" s="613"/>
      <c r="NBX725" s="613"/>
      <c r="NBY725" s="613"/>
      <c r="NBZ725" s="613"/>
      <c r="NCA725" s="613"/>
      <c r="NCB725" s="613"/>
      <c r="NCC725" s="613"/>
      <c r="NCD725" s="613"/>
      <c r="NCE725" s="613"/>
      <c r="NCF725" s="613"/>
      <c r="NCG725" s="613"/>
      <c r="NCH725" s="613"/>
      <c r="NCI725" s="613"/>
      <c r="NCJ725" s="613"/>
      <c r="NCK725" s="613"/>
      <c r="NCL725" s="613"/>
      <c r="NCM725" s="613"/>
      <c r="NCN725" s="613"/>
      <c r="NCO725" s="613"/>
      <c r="NCP725" s="613"/>
      <c r="NCQ725" s="613"/>
      <c r="NCR725" s="613"/>
      <c r="NCS725" s="613"/>
      <c r="NCT725" s="613"/>
      <c r="NCU725" s="613"/>
      <c r="NCV725" s="613"/>
      <c r="NCW725" s="613"/>
      <c r="NCX725" s="613"/>
      <c r="NCY725" s="613"/>
      <c r="NCZ725" s="613"/>
      <c r="NDA725" s="613"/>
      <c r="NDB725" s="613"/>
      <c r="NDC725" s="613"/>
      <c r="NDD725" s="613"/>
      <c r="NDE725" s="613"/>
      <c r="NDF725" s="613"/>
      <c r="NDG725" s="613"/>
      <c r="NDH725" s="613"/>
      <c r="NDI725" s="613"/>
      <c r="NDJ725" s="613"/>
      <c r="NDK725" s="613"/>
      <c r="NDL725" s="613"/>
      <c r="NDM725" s="613"/>
      <c r="NDN725" s="613"/>
      <c r="NDO725" s="613"/>
      <c r="NDP725" s="613"/>
      <c r="NDQ725" s="613"/>
      <c r="NDR725" s="613"/>
      <c r="NDS725" s="613"/>
      <c r="NDT725" s="613"/>
      <c r="NDU725" s="613"/>
      <c r="NDV725" s="613"/>
      <c r="NDW725" s="613"/>
      <c r="NDX725" s="613"/>
      <c r="NDY725" s="613"/>
      <c r="NDZ725" s="613"/>
      <c r="NEA725" s="613"/>
      <c r="NEB725" s="613"/>
      <c r="NEC725" s="613"/>
      <c r="NED725" s="613"/>
      <c r="NEE725" s="613"/>
      <c r="NEF725" s="613"/>
      <c r="NEG725" s="613"/>
      <c r="NEH725" s="613"/>
      <c r="NEI725" s="613"/>
      <c r="NEJ725" s="613"/>
      <c r="NEK725" s="613"/>
      <c r="NEL725" s="613"/>
      <c r="NEM725" s="613"/>
      <c r="NEN725" s="613"/>
      <c r="NEO725" s="613"/>
      <c r="NEP725" s="613"/>
      <c r="NEQ725" s="613"/>
      <c r="NER725" s="613"/>
      <c r="NES725" s="613"/>
      <c r="NET725" s="613"/>
      <c r="NEU725" s="613"/>
      <c r="NEV725" s="613"/>
      <c r="NEW725" s="613"/>
      <c r="NEX725" s="613"/>
      <c r="NEY725" s="613"/>
      <c r="NEZ725" s="613"/>
      <c r="NFA725" s="613"/>
      <c r="NFB725" s="613"/>
      <c r="NFC725" s="613"/>
      <c r="NFD725" s="613"/>
      <c r="NFE725" s="613"/>
      <c r="NFF725" s="613"/>
      <c r="NFG725" s="613"/>
      <c r="NFH725" s="613"/>
      <c r="NFI725" s="613"/>
      <c r="NFJ725" s="613"/>
      <c r="NFK725" s="613"/>
      <c r="NFL725" s="613"/>
      <c r="NFM725" s="613"/>
      <c r="NFN725" s="613"/>
      <c r="NFO725" s="613"/>
      <c r="NFP725" s="613"/>
      <c r="NFQ725" s="613"/>
      <c r="NFR725" s="613"/>
      <c r="NFS725" s="613"/>
      <c r="NFT725" s="613"/>
      <c r="NFU725" s="613"/>
      <c r="NFV725" s="613"/>
      <c r="NFW725" s="613"/>
      <c r="NFX725" s="613"/>
      <c r="NFY725" s="613"/>
      <c r="NFZ725" s="613"/>
      <c r="NGA725" s="613"/>
      <c r="NGB725" s="613"/>
      <c r="NGC725" s="613"/>
      <c r="NGD725" s="613"/>
      <c r="NGE725" s="613"/>
      <c r="NGF725" s="613"/>
      <c r="NGG725" s="613"/>
      <c r="NGH725" s="613"/>
      <c r="NGI725" s="613"/>
      <c r="NGJ725" s="613"/>
      <c r="NGK725" s="613"/>
      <c r="NGL725" s="613"/>
      <c r="NGM725" s="613"/>
      <c r="NGN725" s="613"/>
      <c r="NGO725" s="613"/>
      <c r="NGP725" s="613"/>
      <c r="NGQ725" s="613"/>
      <c r="NGR725" s="613"/>
      <c r="NGS725" s="613"/>
      <c r="NGT725" s="613"/>
      <c r="NGU725" s="613"/>
      <c r="NGV725" s="613"/>
      <c r="NGW725" s="613"/>
      <c r="NGX725" s="613"/>
      <c r="NGY725" s="613"/>
      <c r="NGZ725" s="613"/>
      <c r="NHA725" s="613"/>
      <c r="NHB725" s="613"/>
      <c r="NHC725" s="613"/>
      <c r="NHD725" s="613"/>
      <c r="NHE725" s="613"/>
      <c r="NHF725" s="613"/>
      <c r="NHG725" s="613"/>
      <c r="NHH725" s="613"/>
      <c r="NHI725" s="613"/>
      <c r="NHJ725" s="613"/>
      <c r="NHK725" s="613"/>
      <c r="NHL725" s="613"/>
      <c r="NHM725" s="613"/>
      <c r="NHN725" s="613"/>
      <c r="NHO725" s="613"/>
      <c r="NHP725" s="613"/>
      <c r="NHQ725" s="613"/>
      <c r="NHR725" s="613"/>
      <c r="NHS725" s="613"/>
      <c r="NHT725" s="613"/>
      <c r="NHU725" s="613"/>
      <c r="NHV725" s="613"/>
      <c r="NHW725" s="613"/>
      <c r="NHX725" s="613"/>
      <c r="NHY725" s="613"/>
      <c r="NHZ725" s="613"/>
      <c r="NIA725" s="613"/>
      <c r="NIB725" s="613"/>
      <c r="NIC725" s="613"/>
      <c r="NID725" s="613"/>
      <c r="NIE725" s="613"/>
      <c r="NIF725" s="613"/>
      <c r="NIG725" s="613"/>
      <c r="NIH725" s="613"/>
      <c r="NII725" s="613"/>
      <c r="NIJ725" s="613"/>
      <c r="NIK725" s="613"/>
      <c r="NIL725" s="613"/>
      <c r="NIM725" s="613"/>
      <c r="NIN725" s="613"/>
      <c r="NIO725" s="613"/>
      <c r="NIP725" s="613"/>
      <c r="NIQ725" s="613"/>
      <c r="NIR725" s="613"/>
      <c r="NIS725" s="613"/>
      <c r="NIT725" s="613"/>
      <c r="NIU725" s="613"/>
      <c r="NIV725" s="613"/>
      <c r="NIW725" s="613"/>
      <c r="NIX725" s="613"/>
      <c r="NIY725" s="613"/>
      <c r="NIZ725" s="613"/>
      <c r="NJA725" s="613"/>
      <c r="NJB725" s="613"/>
      <c r="NJC725" s="613"/>
      <c r="NJD725" s="613"/>
      <c r="NJE725" s="613"/>
      <c r="NJF725" s="613"/>
      <c r="NJG725" s="613"/>
      <c r="NJH725" s="613"/>
      <c r="NJI725" s="613"/>
      <c r="NJJ725" s="613"/>
      <c r="NJK725" s="613"/>
      <c r="NJL725" s="613"/>
      <c r="NJM725" s="613"/>
      <c r="NJN725" s="613"/>
      <c r="NJO725" s="613"/>
      <c r="NJP725" s="613"/>
      <c r="NJQ725" s="613"/>
      <c r="NJR725" s="613"/>
      <c r="NJS725" s="613"/>
      <c r="NJT725" s="613"/>
      <c r="NJU725" s="613"/>
      <c r="NJV725" s="613"/>
      <c r="NJW725" s="613"/>
      <c r="NJX725" s="613"/>
      <c r="NJY725" s="613"/>
      <c r="NJZ725" s="613"/>
      <c r="NKA725" s="613"/>
      <c r="NKB725" s="613"/>
      <c r="NKC725" s="613"/>
      <c r="NKD725" s="613"/>
      <c r="NKE725" s="613"/>
      <c r="NKF725" s="613"/>
      <c r="NKG725" s="613"/>
      <c r="NKH725" s="613"/>
      <c r="NKI725" s="613"/>
      <c r="NKJ725" s="613"/>
      <c r="NKK725" s="613"/>
      <c r="NKL725" s="613"/>
      <c r="NKM725" s="613"/>
      <c r="NKN725" s="613"/>
      <c r="NKO725" s="613"/>
      <c r="NKP725" s="613"/>
      <c r="NKQ725" s="613"/>
      <c r="NKR725" s="613"/>
      <c r="NKS725" s="613"/>
      <c r="NKT725" s="613"/>
      <c r="NKU725" s="613"/>
      <c r="NKV725" s="613"/>
      <c r="NKW725" s="613"/>
      <c r="NKX725" s="613"/>
      <c r="NKY725" s="613"/>
      <c r="NKZ725" s="613"/>
      <c r="NLA725" s="613"/>
      <c r="NLB725" s="613"/>
      <c r="NLC725" s="613"/>
      <c r="NLD725" s="613"/>
      <c r="NLE725" s="613"/>
      <c r="NLF725" s="613"/>
      <c r="NLG725" s="613"/>
      <c r="NLH725" s="613"/>
      <c r="NLI725" s="613"/>
      <c r="NLJ725" s="613"/>
      <c r="NLK725" s="613"/>
      <c r="NLL725" s="613"/>
      <c r="NLM725" s="613"/>
      <c r="NLN725" s="613"/>
      <c r="NLO725" s="613"/>
      <c r="NLP725" s="613"/>
      <c r="NLQ725" s="613"/>
      <c r="NLR725" s="613"/>
      <c r="NLS725" s="613"/>
      <c r="NLT725" s="613"/>
      <c r="NLU725" s="613"/>
      <c r="NLV725" s="613"/>
      <c r="NLW725" s="613"/>
      <c r="NLX725" s="613"/>
      <c r="NLY725" s="613"/>
      <c r="NLZ725" s="613"/>
      <c r="NMA725" s="613"/>
      <c r="NMB725" s="613"/>
      <c r="NMC725" s="613"/>
      <c r="NMD725" s="613"/>
      <c r="NME725" s="613"/>
      <c r="NMF725" s="613"/>
      <c r="NMG725" s="613"/>
      <c r="NMH725" s="613"/>
      <c r="NMI725" s="613"/>
      <c r="NMJ725" s="613"/>
      <c r="NMK725" s="613"/>
      <c r="NML725" s="613"/>
      <c r="NMM725" s="613"/>
      <c r="NMN725" s="613"/>
      <c r="NMO725" s="613"/>
      <c r="NMP725" s="613"/>
      <c r="NMQ725" s="613"/>
      <c r="NMR725" s="613"/>
      <c r="NMS725" s="613"/>
      <c r="NMT725" s="613"/>
      <c r="NMU725" s="613"/>
      <c r="NMV725" s="613"/>
      <c r="NMW725" s="613"/>
      <c r="NMX725" s="613"/>
      <c r="NMY725" s="613"/>
      <c r="NMZ725" s="613"/>
      <c r="NNA725" s="613"/>
      <c r="NNB725" s="613"/>
      <c r="NNC725" s="613"/>
      <c r="NND725" s="613"/>
      <c r="NNE725" s="613"/>
      <c r="NNF725" s="613"/>
      <c r="NNG725" s="613"/>
      <c r="NNH725" s="613"/>
      <c r="NNI725" s="613"/>
      <c r="NNJ725" s="613"/>
      <c r="NNK725" s="613"/>
      <c r="NNL725" s="613"/>
      <c r="NNM725" s="613"/>
      <c r="NNN725" s="613"/>
      <c r="NNO725" s="613"/>
      <c r="NNP725" s="613"/>
      <c r="NNQ725" s="613"/>
      <c r="NNR725" s="613"/>
      <c r="NNS725" s="613"/>
      <c r="NNT725" s="613"/>
      <c r="NNU725" s="613"/>
      <c r="NNV725" s="613"/>
      <c r="NNW725" s="613"/>
      <c r="NNX725" s="613"/>
      <c r="NNY725" s="613"/>
      <c r="NNZ725" s="613"/>
      <c r="NOA725" s="613"/>
      <c r="NOB725" s="613"/>
      <c r="NOC725" s="613"/>
      <c r="NOD725" s="613"/>
      <c r="NOE725" s="613"/>
      <c r="NOF725" s="613"/>
      <c r="NOG725" s="613"/>
      <c r="NOH725" s="613"/>
      <c r="NOI725" s="613"/>
      <c r="NOJ725" s="613"/>
      <c r="NOK725" s="613"/>
      <c r="NOL725" s="613"/>
      <c r="NOM725" s="613"/>
      <c r="NON725" s="613"/>
      <c r="NOO725" s="613"/>
      <c r="NOP725" s="613"/>
      <c r="NOQ725" s="613"/>
      <c r="NOR725" s="613"/>
      <c r="NOS725" s="613"/>
      <c r="NOT725" s="613"/>
      <c r="NOU725" s="613"/>
      <c r="NOV725" s="613"/>
      <c r="NOW725" s="613"/>
      <c r="NOX725" s="613"/>
      <c r="NOY725" s="613"/>
      <c r="NOZ725" s="613"/>
      <c r="NPA725" s="613"/>
      <c r="NPB725" s="613"/>
      <c r="NPC725" s="613"/>
      <c r="NPD725" s="613"/>
      <c r="NPE725" s="613"/>
      <c r="NPF725" s="613"/>
      <c r="NPG725" s="613"/>
      <c r="NPH725" s="613"/>
      <c r="NPI725" s="613"/>
      <c r="NPJ725" s="613"/>
      <c r="NPK725" s="613"/>
      <c r="NPL725" s="613"/>
      <c r="NPM725" s="613"/>
      <c r="NPN725" s="613"/>
      <c r="NPO725" s="613"/>
      <c r="NPP725" s="613"/>
      <c r="NPQ725" s="613"/>
      <c r="NPR725" s="613"/>
      <c r="NPS725" s="613"/>
      <c r="NPT725" s="613"/>
      <c r="NPU725" s="613"/>
      <c r="NPV725" s="613"/>
      <c r="NPW725" s="613"/>
      <c r="NPX725" s="613"/>
      <c r="NPY725" s="613"/>
      <c r="NPZ725" s="613"/>
      <c r="NQA725" s="613"/>
      <c r="NQB725" s="613"/>
      <c r="NQC725" s="613"/>
      <c r="NQD725" s="613"/>
      <c r="NQE725" s="613"/>
      <c r="NQF725" s="613"/>
      <c r="NQG725" s="613"/>
      <c r="NQH725" s="613"/>
      <c r="NQI725" s="613"/>
      <c r="NQJ725" s="613"/>
      <c r="NQK725" s="613"/>
      <c r="NQL725" s="613"/>
      <c r="NQM725" s="613"/>
      <c r="NQN725" s="613"/>
      <c r="NQO725" s="613"/>
      <c r="NQP725" s="613"/>
      <c r="NQQ725" s="613"/>
      <c r="NQR725" s="613"/>
      <c r="NQS725" s="613"/>
      <c r="NQT725" s="613"/>
      <c r="NQU725" s="613"/>
      <c r="NQV725" s="613"/>
      <c r="NQW725" s="613"/>
      <c r="NQX725" s="613"/>
      <c r="NQY725" s="613"/>
      <c r="NQZ725" s="613"/>
      <c r="NRA725" s="613"/>
      <c r="NRB725" s="613"/>
      <c r="NRC725" s="613"/>
      <c r="NRD725" s="613"/>
      <c r="NRE725" s="613"/>
      <c r="NRF725" s="613"/>
      <c r="NRG725" s="613"/>
      <c r="NRH725" s="613"/>
      <c r="NRI725" s="613"/>
      <c r="NRJ725" s="613"/>
      <c r="NRK725" s="613"/>
      <c r="NRL725" s="613"/>
      <c r="NRM725" s="613"/>
      <c r="NRN725" s="613"/>
      <c r="NRO725" s="613"/>
      <c r="NRP725" s="613"/>
      <c r="NRQ725" s="613"/>
      <c r="NRR725" s="613"/>
      <c r="NRS725" s="613"/>
      <c r="NRT725" s="613"/>
      <c r="NRU725" s="613"/>
      <c r="NRV725" s="613"/>
      <c r="NRW725" s="613"/>
      <c r="NRX725" s="613"/>
      <c r="NRY725" s="613"/>
      <c r="NRZ725" s="613"/>
      <c r="NSA725" s="613"/>
      <c r="NSB725" s="613"/>
      <c r="NSC725" s="613"/>
      <c r="NSD725" s="613"/>
      <c r="NSE725" s="613"/>
      <c r="NSF725" s="613"/>
      <c r="NSG725" s="613"/>
      <c r="NSH725" s="613"/>
      <c r="NSI725" s="613"/>
      <c r="NSJ725" s="613"/>
      <c r="NSK725" s="613"/>
      <c r="NSL725" s="613"/>
      <c r="NSM725" s="613"/>
      <c r="NSN725" s="613"/>
      <c r="NSO725" s="613"/>
      <c r="NSP725" s="613"/>
      <c r="NSQ725" s="613"/>
      <c r="NSR725" s="613"/>
      <c r="NSS725" s="613"/>
      <c r="NST725" s="613"/>
      <c r="NSU725" s="613"/>
      <c r="NSV725" s="613"/>
      <c r="NSW725" s="613"/>
      <c r="NSX725" s="613"/>
      <c r="NSY725" s="613"/>
      <c r="NSZ725" s="613"/>
      <c r="NTA725" s="613"/>
      <c r="NTB725" s="613"/>
      <c r="NTC725" s="613"/>
      <c r="NTD725" s="613"/>
      <c r="NTE725" s="613"/>
      <c r="NTF725" s="613"/>
      <c r="NTG725" s="613"/>
      <c r="NTH725" s="613"/>
      <c r="NTI725" s="613"/>
      <c r="NTJ725" s="613"/>
      <c r="NTK725" s="613"/>
      <c r="NTL725" s="613"/>
      <c r="NTM725" s="613"/>
      <c r="NTN725" s="613"/>
      <c r="NTO725" s="613"/>
      <c r="NTP725" s="613"/>
      <c r="NTQ725" s="613"/>
      <c r="NTR725" s="613"/>
      <c r="NTS725" s="613"/>
      <c r="NTT725" s="613"/>
      <c r="NTU725" s="613"/>
      <c r="NTV725" s="613"/>
      <c r="NTW725" s="613"/>
      <c r="NTX725" s="613"/>
      <c r="NTY725" s="613"/>
      <c r="NTZ725" s="613"/>
      <c r="NUA725" s="613"/>
      <c r="NUB725" s="613"/>
      <c r="NUC725" s="613"/>
      <c r="NUD725" s="613"/>
      <c r="NUE725" s="613"/>
      <c r="NUF725" s="613"/>
      <c r="NUG725" s="613"/>
      <c r="NUH725" s="613"/>
      <c r="NUI725" s="613"/>
      <c r="NUJ725" s="613"/>
      <c r="NUK725" s="613"/>
      <c r="NUL725" s="613"/>
      <c r="NUM725" s="613"/>
      <c r="NUN725" s="613"/>
      <c r="NUO725" s="613"/>
      <c r="NUP725" s="613"/>
      <c r="NUQ725" s="613"/>
      <c r="NUR725" s="613"/>
      <c r="NUS725" s="613"/>
      <c r="NUT725" s="613"/>
      <c r="NUU725" s="613"/>
      <c r="NUV725" s="613"/>
      <c r="NUW725" s="613"/>
      <c r="NUX725" s="613"/>
      <c r="NUY725" s="613"/>
      <c r="NUZ725" s="613"/>
      <c r="NVA725" s="613"/>
      <c r="NVB725" s="613"/>
      <c r="NVC725" s="613"/>
      <c r="NVD725" s="613"/>
      <c r="NVE725" s="613"/>
      <c r="NVF725" s="613"/>
      <c r="NVG725" s="613"/>
      <c r="NVH725" s="613"/>
      <c r="NVI725" s="613"/>
      <c r="NVJ725" s="613"/>
      <c r="NVK725" s="613"/>
      <c r="NVL725" s="613"/>
      <c r="NVM725" s="613"/>
      <c r="NVN725" s="613"/>
      <c r="NVO725" s="613"/>
      <c r="NVP725" s="613"/>
      <c r="NVQ725" s="613"/>
      <c r="NVR725" s="613"/>
      <c r="NVS725" s="613"/>
      <c r="NVT725" s="613"/>
      <c r="NVU725" s="613"/>
      <c r="NVV725" s="613"/>
      <c r="NVW725" s="613"/>
      <c r="NVX725" s="613"/>
      <c r="NVY725" s="613"/>
      <c r="NVZ725" s="613"/>
      <c r="NWA725" s="613"/>
      <c r="NWB725" s="613"/>
      <c r="NWC725" s="613"/>
      <c r="NWD725" s="613"/>
      <c r="NWE725" s="613"/>
      <c r="NWF725" s="613"/>
      <c r="NWG725" s="613"/>
      <c r="NWH725" s="613"/>
      <c r="NWI725" s="613"/>
      <c r="NWJ725" s="613"/>
      <c r="NWK725" s="613"/>
      <c r="NWL725" s="613"/>
      <c r="NWM725" s="613"/>
      <c r="NWN725" s="613"/>
      <c r="NWO725" s="613"/>
      <c r="NWP725" s="613"/>
      <c r="NWQ725" s="613"/>
      <c r="NWR725" s="613"/>
      <c r="NWS725" s="613"/>
      <c r="NWT725" s="613"/>
      <c r="NWU725" s="613"/>
      <c r="NWV725" s="613"/>
      <c r="NWW725" s="613"/>
      <c r="NWX725" s="613"/>
      <c r="NWY725" s="613"/>
      <c r="NWZ725" s="613"/>
      <c r="NXA725" s="613"/>
      <c r="NXB725" s="613"/>
      <c r="NXC725" s="613"/>
      <c r="NXD725" s="613"/>
      <c r="NXE725" s="613"/>
      <c r="NXF725" s="613"/>
      <c r="NXG725" s="613"/>
      <c r="NXH725" s="613"/>
      <c r="NXI725" s="613"/>
      <c r="NXJ725" s="613"/>
      <c r="NXK725" s="613"/>
      <c r="NXL725" s="613"/>
      <c r="NXM725" s="613"/>
      <c r="NXN725" s="613"/>
      <c r="NXO725" s="613"/>
      <c r="NXP725" s="613"/>
      <c r="NXQ725" s="613"/>
      <c r="NXR725" s="613"/>
      <c r="NXS725" s="613"/>
      <c r="NXT725" s="613"/>
      <c r="NXU725" s="613"/>
      <c r="NXV725" s="613"/>
      <c r="NXW725" s="613"/>
      <c r="NXX725" s="613"/>
      <c r="NXY725" s="613"/>
      <c r="NXZ725" s="613"/>
      <c r="NYA725" s="613"/>
      <c r="NYB725" s="613"/>
      <c r="NYC725" s="613"/>
      <c r="NYD725" s="613"/>
      <c r="NYE725" s="613"/>
      <c r="NYF725" s="613"/>
      <c r="NYG725" s="613"/>
      <c r="NYH725" s="613"/>
      <c r="NYI725" s="613"/>
      <c r="NYJ725" s="613"/>
      <c r="NYK725" s="613"/>
      <c r="NYL725" s="613"/>
      <c r="NYM725" s="613"/>
      <c r="NYN725" s="613"/>
      <c r="NYO725" s="613"/>
      <c r="NYP725" s="613"/>
      <c r="NYQ725" s="613"/>
      <c r="NYR725" s="613"/>
      <c r="NYS725" s="613"/>
      <c r="NYT725" s="613"/>
      <c r="NYU725" s="613"/>
      <c r="NYV725" s="613"/>
      <c r="NYW725" s="613"/>
      <c r="NYX725" s="613"/>
      <c r="NYY725" s="613"/>
      <c r="NYZ725" s="613"/>
      <c r="NZA725" s="613"/>
      <c r="NZB725" s="613"/>
      <c r="NZC725" s="613"/>
      <c r="NZD725" s="613"/>
      <c r="NZE725" s="613"/>
      <c r="NZF725" s="613"/>
      <c r="NZG725" s="613"/>
      <c r="NZH725" s="613"/>
      <c r="NZI725" s="613"/>
      <c r="NZJ725" s="613"/>
      <c r="NZK725" s="613"/>
      <c r="NZL725" s="613"/>
      <c r="NZM725" s="613"/>
      <c r="NZN725" s="613"/>
      <c r="NZO725" s="613"/>
      <c r="NZP725" s="613"/>
      <c r="NZQ725" s="613"/>
      <c r="NZR725" s="613"/>
      <c r="NZS725" s="613"/>
      <c r="NZT725" s="613"/>
      <c r="NZU725" s="613"/>
      <c r="NZV725" s="613"/>
      <c r="NZW725" s="613"/>
      <c r="NZX725" s="613"/>
      <c r="NZY725" s="613"/>
      <c r="NZZ725" s="613"/>
      <c r="OAA725" s="613"/>
      <c r="OAB725" s="613"/>
      <c r="OAC725" s="613"/>
      <c r="OAD725" s="613"/>
      <c r="OAE725" s="613"/>
      <c r="OAF725" s="613"/>
      <c r="OAG725" s="613"/>
      <c r="OAH725" s="613"/>
      <c r="OAI725" s="613"/>
      <c r="OAJ725" s="613"/>
      <c r="OAK725" s="613"/>
      <c r="OAL725" s="613"/>
      <c r="OAM725" s="613"/>
      <c r="OAN725" s="613"/>
      <c r="OAO725" s="613"/>
      <c r="OAP725" s="613"/>
      <c r="OAQ725" s="613"/>
      <c r="OAR725" s="613"/>
      <c r="OAS725" s="613"/>
      <c r="OAT725" s="613"/>
      <c r="OAU725" s="613"/>
      <c r="OAV725" s="613"/>
      <c r="OAW725" s="613"/>
      <c r="OAX725" s="613"/>
      <c r="OAY725" s="613"/>
      <c r="OAZ725" s="613"/>
      <c r="OBA725" s="613"/>
      <c r="OBB725" s="613"/>
      <c r="OBC725" s="613"/>
      <c r="OBD725" s="613"/>
      <c r="OBE725" s="613"/>
      <c r="OBF725" s="613"/>
      <c r="OBG725" s="613"/>
      <c r="OBH725" s="613"/>
      <c r="OBI725" s="613"/>
      <c r="OBJ725" s="613"/>
      <c r="OBK725" s="613"/>
      <c r="OBL725" s="613"/>
      <c r="OBM725" s="613"/>
      <c r="OBN725" s="613"/>
      <c r="OBO725" s="613"/>
      <c r="OBP725" s="613"/>
      <c r="OBQ725" s="613"/>
      <c r="OBR725" s="613"/>
      <c r="OBS725" s="613"/>
      <c r="OBT725" s="613"/>
      <c r="OBU725" s="613"/>
      <c r="OBV725" s="613"/>
      <c r="OBW725" s="613"/>
      <c r="OBX725" s="613"/>
      <c r="OBY725" s="613"/>
      <c r="OBZ725" s="613"/>
      <c r="OCA725" s="613"/>
      <c r="OCB725" s="613"/>
      <c r="OCC725" s="613"/>
      <c r="OCD725" s="613"/>
      <c r="OCE725" s="613"/>
      <c r="OCF725" s="613"/>
      <c r="OCG725" s="613"/>
      <c r="OCH725" s="613"/>
      <c r="OCI725" s="613"/>
      <c r="OCJ725" s="613"/>
      <c r="OCK725" s="613"/>
      <c r="OCL725" s="613"/>
      <c r="OCM725" s="613"/>
      <c r="OCN725" s="613"/>
      <c r="OCO725" s="613"/>
      <c r="OCP725" s="613"/>
      <c r="OCQ725" s="613"/>
      <c r="OCR725" s="613"/>
      <c r="OCS725" s="613"/>
      <c r="OCT725" s="613"/>
      <c r="OCU725" s="613"/>
      <c r="OCV725" s="613"/>
      <c r="OCW725" s="613"/>
      <c r="OCX725" s="613"/>
      <c r="OCY725" s="613"/>
      <c r="OCZ725" s="613"/>
      <c r="ODA725" s="613"/>
      <c r="ODB725" s="613"/>
      <c r="ODC725" s="613"/>
      <c r="ODD725" s="613"/>
      <c r="ODE725" s="613"/>
      <c r="ODF725" s="613"/>
      <c r="ODG725" s="613"/>
      <c r="ODH725" s="613"/>
      <c r="ODI725" s="613"/>
      <c r="ODJ725" s="613"/>
      <c r="ODK725" s="613"/>
      <c r="ODL725" s="613"/>
      <c r="ODM725" s="613"/>
      <c r="ODN725" s="613"/>
      <c r="ODO725" s="613"/>
      <c r="ODP725" s="613"/>
      <c r="ODQ725" s="613"/>
      <c r="ODR725" s="613"/>
      <c r="ODS725" s="613"/>
      <c r="ODT725" s="613"/>
      <c r="ODU725" s="613"/>
      <c r="ODV725" s="613"/>
      <c r="ODW725" s="613"/>
      <c r="ODX725" s="613"/>
      <c r="ODY725" s="613"/>
      <c r="ODZ725" s="613"/>
      <c r="OEA725" s="613"/>
      <c r="OEB725" s="613"/>
      <c r="OEC725" s="613"/>
      <c r="OED725" s="613"/>
      <c r="OEE725" s="613"/>
      <c r="OEF725" s="613"/>
      <c r="OEG725" s="613"/>
      <c r="OEH725" s="613"/>
      <c r="OEI725" s="613"/>
      <c r="OEJ725" s="613"/>
      <c r="OEK725" s="613"/>
      <c r="OEL725" s="613"/>
      <c r="OEM725" s="613"/>
      <c r="OEN725" s="613"/>
      <c r="OEO725" s="613"/>
      <c r="OEP725" s="613"/>
      <c r="OEQ725" s="613"/>
      <c r="OER725" s="613"/>
      <c r="OES725" s="613"/>
      <c r="OET725" s="613"/>
      <c r="OEU725" s="613"/>
      <c r="OEV725" s="613"/>
      <c r="OEW725" s="613"/>
      <c r="OEX725" s="613"/>
      <c r="OEY725" s="613"/>
      <c r="OEZ725" s="613"/>
      <c r="OFA725" s="613"/>
      <c r="OFB725" s="613"/>
      <c r="OFC725" s="613"/>
      <c r="OFD725" s="613"/>
      <c r="OFE725" s="613"/>
      <c r="OFF725" s="613"/>
      <c r="OFG725" s="613"/>
      <c r="OFH725" s="613"/>
      <c r="OFI725" s="613"/>
      <c r="OFJ725" s="613"/>
      <c r="OFK725" s="613"/>
      <c r="OFL725" s="613"/>
      <c r="OFM725" s="613"/>
      <c r="OFN725" s="613"/>
      <c r="OFO725" s="613"/>
      <c r="OFP725" s="613"/>
      <c r="OFQ725" s="613"/>
      <c r="OFR725" s="613"/>
      <c r="OFS725" s="613"/>
      <c r="OFT725" s="613"/>
      <c r="OFU725" s="613"/>
      <c r="OFV725" s="613"/>
      <c r="OFW725" s="613"/>
      <c r="OFX725" s="613"/>
      <c r="OFY725" s="613"/>
      <c r="OFZ725" s="613"/>
      <c r="OGA725" s="613"/>
      <c r="OGB725" s="613"/>
      <c r="OGC725" s="613"/>
      <c r="OGD725" s="613"/>
      <c r="OGE725" s="613"/>
      <c r="OGF725" s="613"/>
      <c r="OGG725" s="613"/>
      <c r="OGH725" s="613"/>
      <c r="OGI725" s="613"/>
      <c r="OGJ725" s="613"/>
      <c r="OGK725" s="613"/>
      <c r="OGL725" s="613"/>
      <c r="OGM725" s="613"/>
      <c r="OGN725" s="613"/>
      <c r="OGO725" s="613"/>
      <c r="OGP725" s="613"/>
      <c r="OGQ725" s="613"/>
      <c r="OGR725" s="613"/>
      <c r="OGS725" s="613"/>
      <c r="OGT725" s="613"/>
      <c r="OGU725" s="613"/>
      <c r="OGV725" s="613"/>
      <c r="OGW725" s="613"/>
      <c r="OGX725" s="613"/>
      <c r="OGY725" s="613"/>
      <c r="OGZ725" s="613"/>
      <c r="OHA725" s="613"/>
      <c r="OHB725" s="613"/>
      <c r="OHC725" s="613"/>
      <c r="OHD725" s="613"/>
      <c r="OHE725" s="613"/>
      <c r="OHF725" s="613"/>
      <c r="OHG725" s="613"/>
      <c r="OHH725" s="613"/>
      <c r="OHI725" s="613"/>
      <c r="OHJ725" s="613"/>
      <c r="OHK725" s="613"/>
      <c r="OHL725" s="613"/>
      <c r="OHM725" s="613"/>
      <c r="OHN725" s="613"/>
      <c r="OHO725" s="613"/>
      <c r="OHP725" s="613"/>
      <c r="OHQ725" s="613"/>
      <c r="OHR725" s="613"/>
      <c r="OHS725" s="613"/>
      <c r="OHT725" s="613"/>
      <c r="OHU725" s="613"/>
      <c r="OHV725" s="613"/>
      <c r="OHW725" s="613"/>
      <c r="OHX725" s="613"/>
      <c r="OHY725" s="613"/>
      <c r="OHZ725" s="613"/>
      <c r="OIA725" s="613"/>
      <c r="OIB725" s="613"/>
      <c r="OIC725" s="613"/>
      <c r="OID725" s="613"/>
      <c r="OIE725" s="613"/>
      <c r="OIF725" s="613"/>
      <c r="OIG725" s="613"/>
      <c r="OIH725" s="613"/>
      <c r="OII725" s="613"/>
      <c r="OIJ725" s="613"/>
      <c r="OIK725" s="613"/>
      <c r="OIL725" s="613"/>
      <c r="OIM725" s="613"/>
      <c r="OIN725" s="613"/>
      <c r="OIO725" s="613"/>
      <c r="OIP725" s="613"/>
      <c r="OIQ725" s="613"/>
      <c r="OIR725" s="613"/>
      <c r="OIS725" s="613"/>
      <c r="OIT725" s="613"/>
      <c r="OIU725" s="613"/>
      <c r="OIV725" s="613"/>
      <c r="OIW725" s="613"/>
      <c r="OIX725" s="613"/>
      <c r="OIY725" s="613"/>
      <c r="OIZ725" s="613"/>
      <c r="OJA725" s="613"/>
      <c r="OJB725" s="613"/>
      <c r="OJC725" s="613"/>
      <c r="OJD725" s="613"/>
      <c r="OJE725" s="613"/>
      <c r="OJF725" s="613"/>
      <c r="OJG725" s="613"/>
      <c r="OJH725" s="613"/>
      <c r="OJI725" s="613"/>
      <c r="OJJ725" s="613"/>
      <c r="OJK725" s="613"/>
      <c r="OJL725" s="613"/>
      <c r="OJM725" s="613"/>
      <c r="OJN725" s="613"/>
      <c r="OJO725" s="613"/>
      <c r="OJP725" s="613"/>
      <c r="OJQ725" s="613"/>
      <c r="OJR725" s="613"/>
      <c r="OJS725" s="613"/>
      <c r="OJT725" s="613"/>
      <c r="OJU725" s="613"/>
      <c r="OJV725" s="613"/>
      <c r="OJW725" s="613"/>
      <c r="OJX725" s="613"/>
      <c r="OJY725" s="613"/>
      <c r="OJZ725" s="613"/>
      <c r="OKA725" s="613"/>
      <c r="OKB725" s="613"/>
      <c r="OKC725" s="613"/>
      <c r="OKD725" s="613"/>
      <c r="OKE725" s="613"/>
      <c r="OKF725" s="613"/>
      <c r="OKG725" s="613"/>
      <c r="OKH725" s="613"/>
      <c r="OKI725" s="613"/>
      <c r="OKJ725" s="613"/>
      <c r="OKK725" s="613"/>
      <c r="OKL725" s="613"/>
      <c r="OKM725" s="613"/>
      <c r="OKN725" s="613"/>
      <c r="OKO725" s="613"/>
      <c r="OKP725" s="613"/>
      <c r="OKQ725" s="613"/>
      <c r="OKR725" s="613"/>
      <c r="OKS725" s="613"/>
      <c r="OKT725" s="613"/>
      <c r="OKU725" s="613"/>
      <c r="OKV725" s="613"/>
      <c r="OKW725" s="613"/>
      <c r="OKX725" s="613"/>
      <c r="OKY725" s="613"/>
      <c r="OKZ725" s="613"/>
      <c r="OLA725" s="613"/>
      <c r="OLB725" s="613"/>
      <c r="OLC725" s="613"/>
      <c r="OLD725" s="613"/>
      <c r="OLE725" s="613"/>
      <c r="OLF725" s="613"/>
      <c r="OLG725" s="613"/>
      <c r="OLH725" s="613"/>
      <c r="OLI725" s="613"/>
      <c r="OLJ725" s="613"/>
      <c r="OLK725" s="613"/>
      <c r="OLL725" s="613"/>
      <c r="OLM725" s="613"/>
      <c r="OLN725" s="613"/>
      <c r="OLO725" s="613"/>
      <c r="OLP725" s="613"/>
      <c r="OLQ725" s="613"/>
      <c r="OLR725" s="613"/>
      <c r="OLS725" s="613"/>
      <c r="OLT725" s="613"/>
      <c r="OLU725" s="613"/>
      <c r="OLV725" s="613"/>
      <c r="OLW725" s="613"/>
      <c r="OLX725" s="613"/>
      <c r="OLY725" s="613"/>
      <c r="OLZ725" s="613"/>
      <c r="OMA725" s="613"/>
      <c r="OMB725" s="613"/>
      <c r="OMC725" s="613"/>
      <c r="OMD725" s="613"/>
      <c r="OME725" s="613"/>
      <c r="OMF725" s="613"/>
      <c r="OMG725" s="613"/>
      <c r="OMH725" s="613"/>
      <c r="OMI725" s="613"/>
      <c r="OMJ725" s="613"/>
      <c r="OMK725" s="613"/>
      <c r="OML725" s="613"/>
      <c r="OMM725" s="613"/>
      <c r="OMN725" s="613"/>
      <c r="OMO725" s="613"/>
      <c r="OMP725" s="613"/>
      <c r="OMQ725" s="613"/>
      <c r="OMR725" s="613"/>
      <c r="OMS725" s="613"/>
      <c r="OMT725" s="613"/>
      <c r="OMU725" s="613"/>
      <c r="OMV725" s="613"/>
      <c r="OMW725" s="613"/>
      <c r="OMX725" s="613"/>
      <c r="OMY725" s="613"/>
      <c r="OMZ725" s="613"/>
      <c r="ONA725" s="613"/>
      <c r="ONB725" s="613"/>
      <c r="ONC725" s="613"/>
      <c r="OND725" s="613"/>
      <c r="ONE725" s="613"/>
      <c r="ONF725" s="613"/>
      <c r="ONG725" s="613"/>
      <c r="ONH725" s="613"/>
      <c r="ONI725" s="613"/>
      <c r="ONJ725" s="613"/>
      <c r="ONK725" s="613"/>
      <c r="ONL725" s="613"/>
      <c r="ONM725" s="613"/>
      <c r="ONN725" s="613"/>
      <c r="ONO725" s="613"/>
      <c r="ONP725" s="613"/>
      <c r="ONQ725" s="613"/>
      <c r="ONR725" s="613"/>
      <c r="ONS725" s="613"/>
      <c r="ONT725" s="613"/>
      <c r="ONU725" s="613"/>
      <c r="ONV725" s="613"/>
      <c r="ONW725" s="613"/>
      <c r="ONX725" s="613"/>
      <c r="ONY725" s="613"/>
      <c r="ONZ725" s="613"/>
      <c r="OOA725" s="613"/>
      <c r="OOB725" s="613"/>
      <c r="OOC725" s="613"/>
      <c r="OOD725" s="613"/>
      <c r="OOE725" s="613"/>
      <c r="OOF725" s="613"/>
      <c r="OOG725" s="613"/>
      <c r="OOH725" s="613"/>
      <c r="OOI725" s="613"/>
      <c r="OOJ725" s="613"/>
      <c r="OOK725" s="613"/>
      <c r="OOL725" s="613"/>
      <c r="OOM725" s="613"/>
      <c r="OON725" s="613"/>
      <c r="OOO725" s="613"/>
      <c r="OOP725" s="613"/>
      <c r="OOQ725" s="613"/>
      <c r="OOR725" s="613"/>
      <c r="OOS725" s="613"/>
      <c r="OOT725" s="613"/>
      <c r="OOU725" s="613"/>
      <c r="OOV725" s="613"/>
      <c r="OOW725" s="613"/>
      <c r="OOX725" s="613"/>
      <c r="OOY725" s="613"/>
      <c r="OOZ725" s="613"/>
      <c r="OPA725" s="613"/>
      <c r="OPB725" s="613"/>
      <c r="OPC725" s="613"/>
      <c r="OPD725" s="613"/>
      <c r="OPE725" s="613"/>
      <c r="OPF725" s="613"/>
      <c r="OPG725" s="613"/>
      <c r="OPH725" s="613"/>
      <c r="OPI725" s="613"/>
      <c r="OPJ725" s="613"/>
      <c r="OPK725" s="613"/>
      <c r="OPL725" s="613"/>
      <c r="OPM725" s="613"/>
      <c r="OPN725" s="613"/>
      <c r="OPO725" s="613"/>
      <c r="OPP725" s="613"/>
      <c r="OPQ725" s="613"/>
      <c r="OPR725" s="613"/>
      <c r="OPS725" s="613"/>
      <c r="OPT725" s="613"/>
      <c r="OPU725" s="613"/>
      <c r="OPV725" s="613"/>
      <c r="OPW725" s="613"/>
      <c r="OPX725" s="613"/>
      <c r="OPY725" s="613"/>
      <c r="OPZ725" s="613"/>
      <c r="OQA725" s="613"/>
      <c r="OQB725" s="613"/>
      <c r="OQC725" s="613"/>
      <c r="OQD725" s="613"/>
      <c r="OQE725" s="613"/>
      <c r="OQF725" s="613"/>
      <c r="OQG725" s="613"/>
      <c r="OQH725" s="613"/>
      <c r="OQI725" s="613"/>
      <c r="OQJ725" s="613"/>
      <c r="OQK725" s="613"/>
      <c r="OQL725" s="613"/>
      <c r="OQM725" s="613"/>
      <c r="OQN725" s="613"/>
      <c r="OQO725" s="613"/>
      <c r="OQP725" s="613"/>
      <c r="OQQ725" s="613"/>
      <c r="OQR725" s="613"/>
      <c r="OQS725" s="613"/>
      <c r="OQT725" s="613"/>
      <c r="OQU725" s="613"/>
      <c r="OQV725" s="613"/>
      <c r="OQW725" s="613"/>
      <c r="OQX725" s="613"/>
      <c r="OQY725" s="613"/>
      <c r="OQZ725" s="613"/>
      <c r="ORA725" s="613"/>
      <c r="ORB725" s="613"/>
      <c r="ORC725" s="613"/>
      <c r="ORD725" s="613"/>
      <c r="ORE725" s="613"/>
      <c r="ORF725" s="613"/>
      <c r="ORG725" s="613"/>
      <c r="ORH725" s="613"/>
      <c r="ORI725" s="613"/>
      <c r="ORJ725" s="613"/>
      <c r="ORK725" s="613"/>
      <c r="ORL725" s="613"/>
      <c r="ORM725" s="613"/>
      <c r="ORN725" s="613"/>
      <c r="ORO725" s="613"/>
      <c r="ORP725" s="613"/>
      <c r="ORQ725" s="613"/>
      <c r="ORR725" s="613"/>
      <c r="ORS725" s="613"/>
      <c r="ORT725" s="613"/>
      <c r="ORU725" s="613"/>
      <c r="ORV725" s="613"/>
      <c r="ORW725" s="613"/>
      <c r="ORX725" s="613"/>
      <c r="ORY725" s="613"/>
      <c r="ORZ725" s="613"/>
      <c r="OSA725" s="613"/>
      <c r="OSB725" s="613"/>
      <c r="OSC725" s="613"/>
      <c r="OSD725" s="613"/>
      <c r="OSE725" s="613"/>
      <c r="OSF725" s="613"/>
      <c r="OSG725" s="613"/>
      <c r="OSH725" s="613"/>
      <c r="OSI725" s="613"/>
      <c r="OSJ725" s="613"/>
      <c r="OSK725" s="613"/>
      <c r="OSL725" s="613"/>
      <c r="OSM725" s="613"/>
      <c r="OSN725" s="613"/>
      <c r="OSO725" s="613"/>
      <c r="OSP725" s="613"/>
      <c r="OSQ725" s="613"/>
      <c r="OSR725" s="613"/>
      <c r="OSS725" s="613"/>
      <c r="OST725" s="613"/>
      <c r="OSU725" s="613"/>
      <c r="OSV725" s="613"/>
      <c r="OSW725" s="613"/>
      <c r="OSX725" s="613"/>
      <c r="OSY725" s="613"/>
      <c r="OSZ725" s="613"/>
      <c r="OTA725" s="613"/>
      <c r="OTB725" s="613"/>
      <c r="OTC725" s="613"/>
      <c r="OTD725" s="613"/>
      <c r="OTE725" s="613"/>
      <c r="OTF725" s="613"/>
      <c r="OTG725" s="613"/>
      <c r="OTH725" s="613"/>
      <c r="OTI725" s="613"/>
      <c r="OTJ725" s="613"/>
      <c r="OTK725" s="613"/>
      <c r="OTL725" s="613"/>
      <c r="OTM725" s="613"/>
      <c r="OTN725" s="613"/>
      <c r="OTO725" s="613"/>
      <c r="OTP725" s="613"/>
      <c r="OTQ725" s="613"/>
      <c r="OTR725" s="613"/>
      <c r="OTS725" s="613"/>
      <c r="OTT725" s="613"/>
      <c r="OTU725" s="613"/>
      <c r="OTV725" s="613"/>
      <c r="OTW725" s="613"/>
      <c r="OTX725" s="613"/>
      <c r="OTY725" s="613"/>
      <c r="OTZ725" s="613"/>
      <c r="OUA725" s="613"/>
      <c r="OUB725" s="613"/>
      <c r="OUC725" s="613"/>
      <c r="OUD725" s="613"/>
      <c r="OUE725" s="613"/>
      <c r="OUF725" s="613"/>
      <c r="OUG725" s="613"/>
      <c r="OUH725" s="613"/>
      <c r="OUI725" s="613"/>
      <c r="OUJ725" s="613"/>
      <c r="OUK725" s="613"/>
      <c r="OUL725" s="613"/>
      <c r="OUM725" s="613"/>
      <c r="OUN725" s="613"/>
      <c r="OUO725" s="613"/>
      <c r="OUP725" s="613"/>
      <c r="OUQ725" s="613"/>
      <c r="OUR725" s="613"/>
      <c r="OUS725" s="613"/>
      <c r="OUT725" s="613"/>
      <c r="OUU725" s="613"/>
      <c r="OUV725" s="613"/>
      <c r="OUW725" s="613"/>
      <c r="OUX725" s="613"/>
      <c r="OUY725" s="613"/>
      <c r="OUZ725" s="613"/>
      <c r="OVA725" s="613"/>
      <c r="OVB725" s="613"/>
      <c r="OVC725" s="613"/>
      <c r="OVD725" s="613"/>
      <c r="OVE725" s="613"/>
      <c r="OVF725" s="613"/>
      <c r="OVG725" s="613"/>
      <c r="OVH725" s="613"/>
      <c r="OVI725" s="613"/>
      <c r="OVJ725" s="613"/>
      <c r="OVK725" s="613"/>
      <c r="OVL725" s="613"/>
      <c r="OVM725" s="613"/>
      <c r="OVN725" s="613"/>
      <c r="OVO725" s="613"/>
      <c r="OVP725" s="613"/>
      <c r="OVQ725" s="613"/>
      <c r="OVR725" s="613"/>
      <c r="OVS725" s="613"/>
      <c r="OVT725" s="613"/>
      <c r="OVU725" s="613"/>
      <c r="OVV725" s="613"/>
      <c r="OVW725" s="613"/>
      <c r="OVX725" s="613"/>
      <c r="OVY725" s="613"/>
      <c r="OVZ725" s="613"/>
      <c r="OWA725" s="613"/>
      <c r="OWB725" s="613"/>
      <c r="OWC725" s="613"/>
      <c r="OWD725" s="613"/>
      <c r="OWE725" s="613"/>
      <c r="OWF725" s="613"/>
      <c r="OWG725" s="613"/>
      <c r="OWH725" s="613"/>
      <c r="OWI725" s="613"/>
      <c r="OWJ725" s="613"/>
      <c r="OWK725" s="613"/>
      <c r="OWL725" s="613"/>
      <c r="OWM725" s="613"/>
      <c r="OWN725" s="613"/>
      <c r="OWO725" s="613"/>
      <c r="OWP725" s="613"/>
      <c r="OWQ725" s="613"/>
      <c r="OWR725" s="613"/>
      <c r="OWS725" s="613"/>
      <c r="OWT725" s="613"/>
      <c r="OWU725" s="613"/>
      <c r="OWV725" s="613"/>
      <c r="OWW725" s="613"/>
      <c r="OWX725" s="613"/>
      <c r="OWY725" s="613"/>
      <c r="OWZ725" s="613"/>
      <c r="OXA725" s="613"/>
      <c r="OXB725" s="613"/>
      <c r="OXC725" s="613"/>
      <c r="OXD725" s="613"/>
      <c r="OXE725" s="613"/>
      <c r="OXF725" s="613"/>
      <c r="OXG725" s="613"/>
      <c r="OXH725" s="613"/>
      <c r="OXI725" s="613"/>
      <c r="OXJ725" s="613"/>
      <c r="OXK725" s="613"/>
      <c r="OXL725" s="613"/>
      <c r="OXM725" s="613"/>
      <c r="OXN725" s="613"/>
      <c r="OXO725" s="613"/>
      <c r="OXP725" s="613"/>
      <c r="OXQ725" s="613"/>
      <c r="OXR725" s="613"/>
      <c r="OXS725" s="613"/>
      <c r="OXT725" s="613"/>
      <c r="OXU725" s="613"/>
      <c r="OXV725" s="613"/>
      <c r="OXW725" s="613"/>
      <c r="OXX725" s="613"/>
      <c r="OXY725" s="613"/>
      <c r="OXZ725" s="613"/>
      <c r="OYA725" s="613"/>
      <c r="OYB725" s="613"/>
      <c r="OYC725" s="613"/>
      <c r="OYD725" s="613"/>
      <c r="OYE725" s="613"/>
      <c r="OYF725" s="613"/>
      <c r="OYG725" s="613"/>
      <c r="OYH725" s="613"/>
      <c r="OYI725" s="613"/>
      <c r="OYJ725" s="613"/>
      <c r="OYK725" s="613"/>
      <c r="OYL725" s="613"/>
      <c r="OYM725" s="613"/>
      <c r="OYN725" s="613"/>
      <c r="OYO725" s="613"/>
      <c r="OYP725" s="613"/>
      <c r="OYQ725" s="613"/>
      <c r="OYR725" s="613"/>
      <c r="OYS725" s="613"/>
      <c r="OYT725" s="613"/>
      <c r="OYU725" s="613"/>
      <c r="OYV725" s="613"/>
      <c r="OYW725" s="613"/>
      <c r="OYX725" s="613"/>
      <c r="OYY725" s="613"/>
      <c r="OYZ725" s="613"/>
      <c r="OZA725" s="613"/>
      <c r="OZB725" s="613"/>
      <c r="OZC725" s="613"/>
      <c r="OZD725" s="613"/>
      <c r="OZE725" s="613"/>
      <c r="OZF725" s="613"/>
      <c r="OZG725" s="613"/>
      <c r="OZH725" s="613"/>
      <c r="OZI725" s="613"/>
      <c r="OZJ725" s="613"/>
      <c r="OZK725" s="613"/>
      <c r="OZL725" s="613"/>
      <c r="OZM725" s="613"/>
      <c r="OZN725" s="613"/>
      <c r="OZO725" s="613"/>
      <c r="OZP725" s="613"/>
      <c r="OZQ725" s="613"/>
      <c r="OZR725" s="613"/>
      <c r="OZS725" s="613"/>
      <c r="OZT725" s="613"/>
      <c r="OZU725" s="613"/>
      <c r="OZV725" s="613"/>
      <c r="OZW725" s="613"/>
      <c r="OZX725" s="613"/>
      <c r="OZY725" s="613"/>
      <c r="OZZ725" s="613"/>
      <c r="PAA725" s="613"/>
      <c r="PAB725" s="613"/>
      <c r="PAC725" s="613"/>
      <c r="PAD725" s="613"/>
      <c r="PAE725" s="613"/>
      <c r="PAF725" s="613"/>
      <c r="PAG725" s="613"/>
      <c r="PAH725" s="613"/>
      <c r="PAI725" s="613"/>
      <c r="PAJ725" s="613"/>
      <c r="PAK725" s="613"/>
      <c r="PAL725" s="613"/>
      <c r="PAM725" s="613"/>
      <c r="PAN725" s="613"/>
      <c r="PAO725" s="613"/>
      <c r="PAP725" s="613"/>
      <c r="PAQ725" s="613"/>
      <c r="PAR725" s="613"/>
      <c r="PAS725" s="613"/>
      <c r="PAT725" s="613"/>
      <c r="PAU725" s="613"/>
      <c r="PAV725" s="613"/>
      <c r="PAW725" s="613"/>
      <c r="PAX725" s="613"/>
      <c r="PAY725" s="613"/>
      <c r="PAZ725" s="613"/>
      <c r="PBA725" s="613"/>
      <c r="PBB725" s="613"/>
      <c r="PBC725" s="613"/>
      <c r="PBD725" s="613"/>
      <c r="PBE725" s="613"/>
      <c r="PBF725" s="613"/>
      <c r="PBG725" s="613"/>
      <c r="PBH725" s="613"/>
      <c r="PBI725" s="613"/>
      <c r="PBJ725" s="613"/>
      <c r="PBK725" s="613"/>
      <c r="PBL725" s="613"/>
      <c r="PBM725" s="613"/>
      <c r="PBN725" s="613"/>
      <c r="PBO725" s="613"/>
      <c r="PBP725" s="613"/>
      <c r="PBQ725" s="613"/>
      <c r="PBR725" s="613"/>
      <c r="PBS725" s="613"/>
      <c r="PBT725" s="613"/>
      <c r="PBU725" s="613"/>
      <c r="PBV725" s="613"/>
      <c r="PBW725" s="613"/>
      <c r="PBX725" s="613"/>
      <c r="PBY725" s="613"/>
      <c r="PBZ725" s="613"/>
      <c r="PCA725" s="613"/>
      <c r="PCB725" s="613"/>
      <c r="PCC725" s="613"/>
      <c r="PCD725" s="613"/>
      <c r="PCE725" s="613"/>
      <c r="PCF725" s="613"/>
      <c r="PCG725" s="613"/>
      <c r="PCH725" s="613"/>
      <c r="PCI725" s="613"/>
      <c r="PCJ725" s="613"/>
      <c r="PCK725" s="613"/>
      <c r="PCL725" s="613"/>
      <c r="PCM725" s="613"/>
      <c r="PCN725" s="613"/>
      <c r="PCO725" s="613"/>
      <c r="PCP725" s="613"/>
      <c r="PCQ725" s="613"/>
      <c r="PCR725" s="613"/>
      <c r="PCS725" s="613"/>
      <c r="PCT725" s="613"/>
      <c r="PCU725" s="613"/>
      <c r="PCV725" s="613"/>
      <c r="PCW725" s="613"/>
      <c r="PCX725" s="613"/>
      <c r="PCY725" s="613"/>
      <c r="PCZ725" s="613"/>
      <c r="PDA725" s="613"/>
      <c r="PDB725" s="613"/>
      <c r="PDC725" s="613"/>
      <c r="PDD725" s="613"/>
      <c r="PDE725" s="613"/>
      <c r="PDF725" s="613"/>
      <c r="PDG725" s="613"/>
      <c r="PDH725" s="613"/>
      <c r="PDI725" s="613"/>
      <c r="PDJ725" s="613"/>
      <c r="PDK725" s="613"/>
      <c r="PDL725" s="613"/>
      <c r="PDM725" s="613"/>
      <c r="PDN725" s="613"/>
      <c r="PDO725" s="613"/>
      <c r="PDP725" s="613"/>
      <c r="PDQ725" s="613"/>
      <c r="PDR725" s="613"/>
      <c r="PDS725" s="613"/>
      <c r="PDT725" s="613"/>
      <c r="PDU725" s="613"/>
      <c r="PDV725" s="613"/>
      <c r="PDW725" s="613"/>
      <c r="PDX725" s="613"/>
      <c r="PDY725" s="613"/>
      <c r="PDZ725" s="613"/>
      <c r="PEA725" s="613"/>
      <c r="PEB725" s="613"/>
      <c r="PEC725" s="613"/>
      <c r="PED725" s="613"/>
      <c r="PEE725" s="613"/>
      <c r="PEF725" s="613"/>
      <c r="PEG725" s="613"/>
      <c r="PEH725" s="613"/>
      <c r="PEI725" s="613"/>
      <c r="PEJ725" s="613"/>
      <c r="PEK725" s="613"/>
      <c r="PEL725" s="613"/>
      <c r="PEM725" s="613"/>
      <c r="PEN725" s="613"/>
      <c r="PEO725" s="613"/>
      <c r="PEP725" s="613"/>
      <c r="PEQ725" s="613"/>
      <c r="PER725" s="613"/>
      <c r="PES725" s="613"/>
      <c r="PET725" s="613"/>
      <c r="PEU725" s="613"/>
      <c r="PEV725" s="613"/>
      <c r="PEW725" s="613"/>
      <c r="PEX725" s="613"/>
      <c r="PEY725" s="613"/>
      <c r="PEZ725" s="613"/>
      <c r="PFA725" s="613"/>
      <c r="PFB725" s="613"/>
      <c r="PFC725" s="613"/>
      <c r="PFD725" s="613"/>
      <c r="PFE725" s="613"/>
      <c r="PFF725" s="613"/>
      <c r="PFG725" s="613"/>
      <c r="PFH725" s="613"/>
      <c r="PFI725" s="613"/>
      <c r="PFJ725" s="613"/>
      <c r="PFK725" s="613"/>
      <c r="PFL725" s="613"/>
      <c r="PFM725" s="613"/>
      <c r="PFN725" s="613"/>
      <c r="PFO725" s="613"/>
      <c r="PFP725" s="613"/>
      <c r="PFQ725" s="613"/>
      <c r="PFR725" s="613"/>
      <c r="PFS725" s="613"/>
      <c r="PFT725" s="613"/>
      <c r="PFU725" s="613"/>
      <c r="PFV725" s="613"/>
      <c r="PFW725" s="613"/>
      <c r="PFX725" s="613"/>
      <c r="PFY725" s="613"/>
      <c r="PFZ725" s="613"/>
      <c r="PGA725" s="613"/>
      <c r="PGB725" s="613"/>
      <c r="PGC725" s="613"/>
      <c r="PGD725" s="613"/>
      <c r="PGE725" s="613"/>
      <c r="PGF725" s="613"/>
      <c r="PGG725" s="613"/>
      <c r="PGH725" s="613"/>
      <c r="PGI725" s="613"/>
      <c r="PGJ725" s="613"/>
      <c r="PGK725" s="613"/>
      <c r="PGL725" s="613"/>
      <c r="PGM725" s="613"/>
      <c r="PGN725" s="613"/>
      <c r="PGO725" s="613"/>
      <c r="PGP725" s="613"/>
      <c r="PGQ725" s="613"/>
      <c r="PGR725" s="613"/>
      <c r="PGS725" s="613"/>
      <c r="PGT725" s="613"/>
      <c r="PGU725" s="613"/>
      <c r="PGV725" s="613"/>
      <c r="PGW725" s="613"/>
      <c r="PGX725" s="613"/>
      <c r="PGY725" s="613"/>
      <c r="PGZ725" s="613"/>
      <c r="PHA725" s="613"/>
      <c r="PHB725" s="613"/>
      <c r="PHC725" s="613"/>
      <c r="PHD725" s="613"/>
      <c r="PHE725" s="613"/>
      <c r="PHF725" s="613"/>
      <c r="PHG725" s="613"/>
      <c r="PHH725" s="613"/>
      <c r="PHI725" s="613"/>
      <c r="PHJ725" s="613"/>
      <c r="PHK725" s="613"/>
      <c r="PHL725" s="613"/>
      <c r="PHM725" s="613"/>
      <c r="PHN725" s="613"/>
      <c r="PHO725" s="613"/>
      <c r="PHP725" s="613"/>
      <c r="PHQ725" s="613"/>
      <c r="PHR725" s="613"/>
      <c r="PHS725" s="613"/>
      <c r="PHT725" s="613"/>
      <c r="PHU725" s="613"/>
      <c r="PHV725" s="613"/>
      <c r="PHW725" s="613"/>
      <c r="PHX725" s="613"/>
      <c r="PHY725" s="613"/>
      <c r="PHZ725" s="613"/>
      <c r="PIA725" s="613"/>
      <c r="PIB725" s="613"/>
      <c r="PIC725" s="613"/>
      <c r="PID725" s="613"/>
      <c r="PIE725" s="613"/>
      <c r="PIF725" s="613"/>
      <c r="PIG725" s="613"/>
      <c r="PIH725" s="613"/>
      <c r="PII725" s="613"/>
      <c r="PIJ725" s="613"/>
      <c r="PIK725" s="613"/>
      <c r="PIL725" s="613"/>
      <c r="PIM725" s="613"/>
      <c r="PIN725" s="613"/>
      <c r="PIO725" s="613"/>
      <c r="PIP725" s="613"/>
      <c r="PIQ725" s="613"/>
      <c r="PIR725" s="613"/>
      <c r="PIS725" s="613"/>
      <c r="PIT725" s="613"/>
      <c r="PIU725" s="613"/>
      <c r="PIV725" s="613"/>
      <c r="PIW725" s="613"/>
      <c r="PIX725" s="613"/>
      <c r="PIY725" s="613"/>
      <c r="PIZ725" s="613"/>
      <c r="PJA725" s="613"/>
      <c r="PJB725" s="613"/>
      <c r="PJC725" s="613"/>
      <c r="PJD725" s="613"/>
      <c r="PJE725" s="613"/>
      <c r="PJF725" s="613"/>
      <c r="PJG725" s="613"/>
      <c r="PJH725" s="613"/>
      <c r="PJI725" s="613"/>
      <c r="PJJ725" s="613"/>
      <c r="PJK725" s="613"/>
      <c r="PJL725" s="613"/>
      <c r="PJM725" s="613"/>
      <c r="PJN725" s="613"/>
      <c r="PJO725" s="613"/>
      <c r="PJP725" s="613"/>
      <c r="PJQ725" s="613"/>
      <c r="PJR725" s="613"/>
      <c r="PJS725" s="613"/>
      <c r="PJT725" s="613"/>
      <c r="PJU725" s="613"/>
      <c r="PJV725" s="613"/>
      <c r="PJW725" s="613"/>
      <c r="PJX725" s="613"/>
      <c r="PJY725" s="613"/>
      <c r="PJZ725" s="613"/>
      <c r="PKA725" s="613"/>
      <c r="PKB725" s="613"/>
      <c r="PKC725" s="613"/>
      <c r="PKD725" s="613"/>
      <c r="PKE725" s="613"/>
      <c r="PKF725" s="613"/>
      <c r="PKG725" s="613"/>
      <c r="PKH725" s="613"/>
      <c r="PKI725" s="613"/>
      <c r="PKJ725" s="613"/>
      <c r="PKK725" s="613"/>
      <c r="PKL725" s="613"/>
      <c r="PKM725" s="613"/>
      <c r="PKN725" s="613"/>
      <c r="PKO725" s="613"/>
      <c r="PKP725" s="613"/>
      <c r="PKQ725" s="613"/>
      <c r="PKR725" s="613"/>
      <c r="PKS725" s="613"/>
      <c r="PKT725" s="613"/>
      <c r="PKU725" s="613"/>
      <c r="PKV725" s="613"/>
      <c r="PKW725" s="613"/>
      <c r="PKX725" s="613"/>
      <c r="PKY725" s="613"/>
      <c r="PKZ725" s="613"/>
      <c r="PLA725" s="613"/>
      <c r="PLB725" s="613"/>
      <c r="PLC725" s="613"/>
      <c r="PLD725" s="613"/>
      <c r="PLE725" s="613"/>
      <c r="PLF725" s="613"/>
      <c r="PLG725" s="613"/>
      <c r="PLH725" s="613"/>
      <c r="PLI725" s="613"/>
      <c r="PLJ725" s="613"/>
      <c r="PLK725" s="613"/>
      <c r="PLL725" s="613"/>
      <c r="PLM725" s="613"/>
      <c r="PLN725" s="613"/>
      <c r="PLO725" s="613"/>
      <c r="PLP725" s="613"/>
      <c r="PLQ725" s="613"/>
      <c r="PLR725" s="613"/>
      <c r="PLS725" s="613"/>
      <c r="PLT725" s="613"/>
      <c r="PLU725" s="613"/>
      <c r="PLV725" s="613"/>
      <c r="PLW725" s="613"/>
      <c r="PLX725" s="613"/>
      <c r="PLY725" s="613"/>
      <c r="PLZ725" s="613"/>
      <c r="PMA725" s="613"/>
      <c r="PMB725" s="613"/>
      <c r="PMC725" s="613"/>
      <c r="PMD725" s="613"/>
      <c r="PME725" s="613"/>
      <c r="PMF725" s="613"/>
      <c r="PMG725" s="613"/>
      <c r="PMH725" s="613"/>
      <c r="PMI725" s="613"/>
      <c r="PMJ725" s="613"/>
      <c r="PMK725" s="613"/>
      <c r="PML725" s="613"/>
      <c r="PMM725" s="613"/>
      <c r="PMN725" s="613"/>
      <c r="PMO725" s="613"/>
      <c r="PMP725" s="613"/>
      <c r="PMQ725" s="613"/>
      <c r="PMR725" s="613"/>
      <c r="PMS725" s="613"/>
      <c r="PMT725" s="613"/>
      <c r="PMU725" s="613"/>
      <c r="PMV725" s="613"/>
      <c r="PMW725" s="613"/>
      <c r="PMX725" s="613"/>
      <c r="PMY725" s="613"/>
      <c r="PMZ725" s="613"/>
      <c r="PNA725" s="613"/>
      <c r="PNB725" s="613"/>
      <c r="PNC725" s="613"/>
      <c r="PND725" s="613"/>
      <c r="PNE725" s="613"/>
      <c r="PNF725" s="613"/>
      <c r="PNG725" s="613"/>
      <c r="PNH725" s="613"/>
      <c r="PNI725" s="613"/>
      <c r="PNJ725" s="613"/>
      <c r="PNK725" s="613"/>
      <c r="PNL725" s="613"/>
      <c r="PNM725" s="613"/>
      <c r="PNN725" s="613"/>
      <c r="PNO725" s="613"/>
      <c r="PNP725" s="613"/>
      <c r="PNQ725" s="613"/>
      <c r="PNR725" s="613"/>
      <c r="PNS725" s="613"/>
      <c r="PNT725" s="613"/>
      <c r="PNU725" s="613"/>
      <c r="PNV725" s="613"/>
      <c r="PNW725" s="613"/>
      <c r="PNX725" s="613"/>
      <c r="PNY725" s="613"/>
      <c r="PNZ725" s="613"/>
      <c r="POA725" s="613"/>
      <c r="POB725" s="613"/>
      <c r="POC725" s="613"/>
      <c r="POD725" s="613"/>
      <c r="POE725" s="613"/>
      <c r="POF725" s="613"/>
      <c r="POG725" s="613"/>
      <c r="POH725" s="613"/>
      <c r="POI725" s="613"/>
      <c r="POJ725" s="613"/>
      <c r="POK725" s="613"/>
      <c r="POL725" s="613"/>
      <c r="POM725" s="613"/>
      <c r="PON725" s="613"/>
      <c r="POO725" s="613"/>
      <c r="POP725" s="613"/>
      <c r="POQ725" s="613"/>
      <c r="POR725" s="613"/>
      <c r="POS725" s="613"/>
      <c r="POT725" s="613"/>
      <c r="POU725" s="613"/>
      <c r="POV725" s="613"/>
      <c r="POW725" s="613"/>
      <c r="POX725" s="613"/>
      <c r="POY725" s="613"/>
      <c r="POZ725" s="613"/>
      <c r="PPA725" s="613"/>
      <c r="PPB725" s="613"/>
      <c r="PPC725" s="613"/>
      <c r="PPD725" s="613"/>
      <c r="PPE725" s="613"/>
      <c r="PPF725" s="613"/>
      <c r="PPG725" s="613"/>
      <c r="PPH725" s="613"/>
      <c r="PPI725" s="613"/>
      <c r="PPJ725" s="613"/>
      <c r="PPK725" s="613"/>
      <c r="PPL725" s="613"/>
      <c r="PPM725" s="613"/>
      <c r="PPN725" s="613"/>
      <c r="PPO725" s="613"/>
      <c r="PPP725" s="613"/>
      <c r="PPQ725" s="613"/>
      <c r="PPR725" s="613"/>
      <c r="PPS725" s="613"/>
      <c r="PPT725" s="613"/>
      <c r="PPU725" s="613"/>
      <c r="PPV725" s="613"/>
      <c r="PPW725" s="613"/>
      <c r="PPX725" s="613"/>
      <c r="PPY725" s="613"/>
      <c r="PPZ725" s="613"/>
      <c r="PQA725" s="613"/>
      <c r="PQB725" s="613"/>
      <c r="PQC725" s="613"/>
      <c r="PQD725" s="613"/>
      <c r="PQE725" s="613"/>
      <c r="PQF725" s="613"/>
      <c r="PQG725" s="613"/>
      <c r="PQH725" s="613"/>
      <c r="PQI725" s="613"/>
      <c r="PQJ725" s="613"/>
      <c r="PQK725" s="613"/>
      <c r="PQL725" s="613"/>
      <c r="PQM725" s="613"/>
      <c r="PQN725" s="613"/>
      <c r="PQO725" s="613"/>
      <c r="PQP725" s="613"/>
      <c r="PQQ725" s="613"/>
      <c r="PQR725" s="613"/>
      <c r="PQS725" s="613"/>
      <c r="PQT725" s="613"/>
      <c r="PQU725" s="613"/>
      <c r="PQV725" s="613"/>
      <c r="PQW725" s="613"/>
      <c r="PQX725" s="613"/>
      <c r="PQY725" s="613"/>
      <c r="PQZ725" s="613"/>
      <c r="PRA725" s="613"/>
      <c r="PRB725" s="613"/>
      <c r="PRC725" s="613"/>
      <c r="PRD725" s="613"/>
      <c r="PRE725" s="613"/>
      <c r="PRF725" s="613"/>
      <c r="PRG725" s="613"/>
      <c r="PRH725" s="613"/>
      <c r="PRI725" s="613"/>
      <c r="PRJ725" s="613"/>
      <c r="PRK725" s="613"/>
      <c r="PRL725" s="613"/>
      <c r="PRM725" s="613"/>
      <c r="PRN725" s="613"/>
      <c r="PRO725" s="613"/>
      <c r="PRP725" s="613"/>
      <c r="PRQ725" s="613"/>
      <c r="PRR725" s="613"/>
      <c r="PRS725" s="613"/>
      <c r="PRT725" s="613"/>
      <c r="PRU725" s="613"/>
      <c r="PRV725" s="613"/>
      <c r="PRW725" s="613"/>
      <c r="PRX725" s="613"/>
      <c r="PRY725" s="613"/>
      <c r="PRZ725" s="613"/>
      <c r="PSA725" s="613"/>
      <c r="PSB725" s="613"/>
      <c r="PSC725" s="613"/>
      <c r="PSD725" s="613"/>
      <c r="PSE725" s="613"/>
      <c r="PSF725" s="613"/>
      <c r="PSG725" s="613"/>
      <c r="PSH725" s="613"/>
      <c r="PSI725" s="613"/>
      <c r="PSJ725" s="613"/>
      <c r="PSK725" s="613"/>
      <c r="PSL725" s="613"/>
      <c r="PSM725" s="613"/>
      <c r="PSN725" s="613"/>
      <c r="PSO725" s="613"/>
      <c r="PSP725" s="613"/>
      <c r="PSQ725" s="613"/>
      <c r="PSR725" s="613"/>
      <c r="PSS725" s="613"/>
      <c r="PST725" s="613"/>
      <c r="PSU725" s="613"/>
      <c r="PSV725" s="613"/>
      <c r="PSW725" s="613"/>
      <c r="PSX725" s="613"/>
      <c r="PSY725" s="613"/>
      <c r="PSZ725" s="613"/>
      <c r="PTA725" s="613"/>
      <c r="PTB725" s="613"/>
      <c r="PTC725" s="613"/>
      <c r="PTD725" s="613"/>
      <c r="PTE725" s="613"/>
      <c r="PTF725" s="613"/>
      <c r="PTG725" s="613"/>
      <c r="PTH725" s="613"/>
      <c r="PTI725" s="613"/>
      <c r="PTJ725" s="613"/>
      <c r="PTK725" s="613"/>
      <c r="PTL725" s="613"/>
      <c r="PTM725" s="613"/>
      <c r="PTN725" s="613"/>
      <c r="PTO725" s="613"/>
      <c r="PTP725" s="613"/>
      <c r="PTQ725" s="613"/>
      <c r="PTR725" s="613"/>
      <c r="PTS725" s="613"/>
      <c r="PTT725" s="613"/>
      <c r="PTU725" s="613"/>
      <c r="PTV725" s="613"/>
      <c r="PTW725" s="613"/>
      <c r="PTX725" s="613"/>
      <c r="PTY725" s="613"/>
      <c r="PTZ725" s="613"/>
      <c r="PUA725" s="613"/>
      <c r="PUB725" s="613"/>
      <c r="PUC725" s="613"/>
      <c r="PUD725" s="613"/>
      <c r="PUE725" s="613"/>
      <c r="PUF725" s="613"/>
      <c r="PUG725" s="613"/>
      <c r="PUH725" s="613"/>
      <c r="PUI725" s="613"/>
      <c r="PUJ725" s="613"/>
      <c r="PUK725" s="613"/>
      <c r="PUL725" s="613"/>
      <c r="PUM725" s="613"/>
      <c r="PUN725" s="613"/>
      <c r="PUO725" s="613"/>
      <c r="PUP725" s="613"/>
      <c r="PUQ725" s="613"/>
      <c r="PUR725" s="613"/>
      <c r="PUS725" s="613"/>
      <c r="PUT725" s="613"/>
      <c r="PUU725" s="613"/>
      <c r="PUV725" s="613"/>
      <c r="PUW725" s="613"/>
      <c r="PUX725" s="613"/>
      <c r="PUY725" s="613"/>
      <c r="PUZ725" s="613"/>
      <c r="PVA725" s="613"/>
      <c r="PVB725" s="613"/>
      <c r="PVC725" s="613"/>
      <c r="PVD725" s="613"/>
      <c r="PVE725" s="613"/>
      <c r="PVF725" s="613"/>
      <c r="PVG725" s="613"/>
      <c r="PVH725" s="613"/>
      <c r="PVI725" s="613"/>
      <c r="PVJ725" s="613"/>
      <c r="PVK725" s="613"/>
      <c r="PVL725" s="613"/>
      <c r="PVM725" s="613"/>
      <c r="PVN725" s="613"/>
      <c r="PVO725" s="613"/>
      <c r="PVP725" s="613"/>
      <c r="PVQ725" s="613"/>
      <c r="PVR725" s="613"/>
      <c r="PVS725" s="613"/>
      <c r="PVT725" s="613"/>
      <c r="PVU725" s="613"/>
      <c r="PVV725" s="613"/>
      <c r="PVW725" s="613"/>
      <c r="PVX725" s="613"/>
      <c r="PVY725" s="613"/>
      <c r="PVZ725" s="613"/>
      <c r="PWA725" s="613"/>
      <c r="PWB725" s="613"/>
      <c r="PWC725" s="613"/>
      <c r="PWD725" s="613"/>
      <c r="PWE725" s="613"/>
      <c r="PWF725" s="613"/>
      <c r="PWG725" s="613"/>
      <c r="PWH725" s="613"/>
      <c r="PWI725" s="613"/>
      <c r="PWJ725" s="613"/>
      <c r="PWK725" s="613"/>
      <c r="PWL725" s="613"/>
      <c r="PWM725" s="613"/>
      <c r="PWN725" s="613"/>
      <c r="PWO725" s="613"/>
      <c r="PWP725" s="613"/>
      <c r="PWQ725" s="613"/>
      <c r="PWR725" s="613"/>
      <c r="PWS725" s="613"/>
      <c r="PWT725" s="613"/>
      <c r="PWU725" s="613"/>
      <c r="PWV725" s="613"/>
      <c r="PWW725" s="613"/>
      <c r="PWX725" s="613"/>
      <c r="PWY725" s="613"/>
      <c r="PWZ725" s="613"/>
      <c r="PXA725" s="613"/>
      <c r="PXB725" s="613"/>
      <c r="PXC725" s="613"/>
      <c r="PXD725" s="613"/>
      <c r="PXE725" s="613"/>
      <c r="PXF725" s="613"/>
      <c r="PXG725" s="613"/>
      <c r="PXH725" s="613"/>
      <c r="PXI725" s="613"/>
      <c r="PXJ725" s="613"/>
      <c r="PXK725" s="613"/>
      <c r="PXL725" s="613"/>
      <c r="PXM725" s="613"/>
      <c r="PXN725" s="613"/>
      <c r="PXO725" s="613"/>
      <c r="PXP725" s="613"/>
      <c r="PXQ725" s="613"/>
      <c r="PXR725" s="613"/>
      <c r="PXS725" s="613"/>
      <c r="PXT725" s="613"/>
      <c r="PXU725" s="613"/>
      <c r="PXV725" s="613"/>
      <c r="PXW725" s="613"/>
      <c r="PXX725" s="613"/>
      <c r="PXY725" s="613"/>
      <c r="PXZ725" s="613"/>
      <c r="PYA725" s="613"/>
      <c r="PYB725" s="613"/>
      <c r="PYC725" s="613"/>
      <c r="PYD725" s="613"/>
      <c r="PYE725" s="613"/>
      <c r="PYF725" s="613"/>
      <c r="PYG725" s="613"/>
      <c r="PYH725" s="613"/>
      <c r="PYI725" s="613"/>
      <c r="PYJ725" s="613"/>
      <c r="PYK725" s="613"/>
      <c r="PYL725" s="613"/>
      <c r="PYM725" s="613"/>
      <c r="PYN725" s="613"/>
      <c r="PYO725" s="613"/>
      <c r="PYP725" s="613"/>
      <c r="PYQ725" s="613"/>
      <c r="PYR725" s="613"/>
      <c r="PYS725" s="613"/>
      <c r="PYT725" s="613"/>
      <c r="PYU725" s="613"/>
      <c r="PYV725" s="613"/>
      <c r="PYW725" s="613"/>
      <c r="PYX725" s="613"/>
      <c r="PYY725" s="613"/>
      <c r="PYZ725" s="613"/>
      <c r="PZA725" s="613"/>
      <c r="PZB725" s="613"/>
      <c r="PZC725" s="613"/>
      <c r="PZD725" s="613"/>
      <c r="PZE725" s="613"/>
      <c r="PZF725" s="613"/>
      <c r="PZG725" s="613"/>
      <c r="PZH725" s="613"/>
      <c r="PZI725" s="613"/>
      <c r="PZJ725" s="613"/>
      <c r="PZK725" s="613"/>
      <c r="PZL725" s="613"/>
      <c r="PZM725" s="613"/>
      <c r="PZN725" s="613"/>
      <c r="PZO725" s="613"/>
      <c r="PZP725" s="613"/>
      <c r="PZQ725" s="613"/>
      <c r="PZR725" s="613"/>
      <c r="PZS725" s="613"/>
      <c r="PZT725" s="613"/>
      <c r="PZU725" s="613"/>
      <c r="PZV725" s="613"/>
      <c r="PZW725" s="613"/>
      <c r="PZX725" s="613"/>
      <c r="PZY725" s="613"/>
      <c r="PZZ725" s="613"/>
      <c r="QAA725" s="613"/>
      <c r="QAB725" s="613"/>
      <c r="QAC725" s="613"/>
      <c r="QAD725" s="613"/>
      <c r="QAE725" s="613"/>
      <c r="QAF725" s="613"/>
      <c r="QAG725" s="613"/>
      <c r="QAH725" s="613"/>
      <c r="QAI725" s="613"/>
      <c r="QAJ725" s="613"/>
      <c r="QAK725" s="613"/>
      <c r="QAL725" s="613"/>
      <c r="QAM725" s="613"/>
      <c r="QAN725" s="613"/>
      <c r="QAO725" s="613"/>
      <c r="QAP725" s="613"/>
      <c r="QAQ725" s="613"/>
      <c r="QAR725" s="613"/>
      <c r="QAS725" s="613"/>
      <c r="QAT725" s="613"/>
      <c r="QAU725" s="613"/>
      <c r="QAV725" s="613"/>
      <c r="QAW725" s="613"/>
      <c r="QAX725" s="613"/>
      <c r="QAY725" s="613"/>
      <c r="QAZ725" s="613"/>
      <c r="QBA725" s="613"/>
      <c r="QBB725" s="613"/>
      <c r="QBC725" s="613"/>
      <c r="QBD725" s="613"/>
      <c r="QBE725" s="613"/>
      <c r="QBF725" s="613"/>
      <c r="QBG725" s="613"/>
      <c r="QBH725" s="613"/>
      <c r="QBI725" s="613"/>
      <c r="QBJ725" s="613"/>
      <c r="QBK725" s="613"/>
      <c r="QBL725" s="613"/>
      <c r="QBM725" s="613"/>
      <c r="QBN725" s="613"/>
      <c r="QBO725" s="613"/>
      <c r="QBP725" s="613"/>
      <c r="QBQ725" s="613"/>
      <c r="QBR725" s="613"/>
      <c r="QBS725" s="613"/>
      <c r="QBT725" s="613"/>
      <c r="QBU725" s="613"/>
      <c r="QBV725" s="613"/>
      <c r="QBW725" s="613"/>
      <c r="QBX725" s="613"/>
      <c r="QBY725" s="613"/>
      <c r="QBZ725" s="613"/>
      <c r="QCA725" s="613"/>
      <c r="QCB725" s="613"/>
      <c r="QCC725" s="613"/>
      <c r="QCD725" s="613"/>
      <c r="QCE725" s="613"/>
      <c r="QCF725" s="613"/>
      <c r="QCG725" s="613"/>
      <c r="QCH725" s="613"/>
      <c r="QCI725" s="613"/>
      <c r="QCJ725" s="613"/>
      <c r="QCK725" s="613"/>
      <c r="QCL725" s="613"/>
      <c r="QCM725" s="613"/>
      <c r="QCN725" s="613"/>
      <c r="QCO725" s="613"/>
      <c r="QCP725" s="613"/>
      <c r="QCQ725" s="613"/>
      <c r="QCR725" s="613"/>
      <c r="QCS725" s="613"/>
      <c r="QCT725" s="613"/>
      <c r="QCU725" s="613"/>
      <c r="QCV725" s="613"/>
      <c r="QCW725" s="613"/>
      <c r="QCX725" s="613"/>
      <c r="QCY725" s="613"/>
      <c r="QCZ725" s="613"/>
      <c r="QDA725" s="613"/>
      <c r="QDB725" s="613"/>
      <c r="QDC725" s="613"/>
      <c r="QDD725" s="613"/>
      <c r="QDE725" s="613"/>
      <c r="QDF725" s="613"/>
      <c r="QDG725" s="613"/>
      <c r="QDH725" s="613"/>
      <c r="QDI725" s="613"/>
      <c r="QDJ725" s="613"/>
      <c r="QDK725" s="613"/>
      <c r="QDL725" s="613"/>
      <c r="QDM725" s="613"/>
      <c r="QDN725" s="613"/>
      <c r="QDO725" s="613"/>
      <c r="QDP725" s="613"/>
      <c r="QDQ725" s="613"/>
      <c r="QDR725" s="613"/>
      <c r="QDS725" s="613"/>
      <c r="QDT725" s="613"/>
      <c r="QDU725" s="613"/>
      <c r="QDV725" s="613"/>
      <c r="QDW725" s="613"/>
      <c r="QDX725" s="613"/>
      <c r="QDY725" s="613"/>
      <c r="QDZ725" s="613"/>
      <c r="QEA725" s="613"/>
      <c r="QEB725" s="613"/>
      <c r="QEC725" s="613"/>
      <c r="QED725" s="613"/>
      <c r="QEE725" s="613"/>
      <c r="QEF725" s="613"/>
      <c r="QEG725" s="613"/>
      <c r="QEH725" s="613"/>
      <c r="QEI725" s="613"/>
      <c r="QEJ725" s="613"/>
      <c r="QEK725" s="613"/>
      <c r="QEL725" s="613"/>
      <c r="QEM725" s="613"/>
      <c r="QEN725" s="613"/>
      <c r="QEO725" s="613"/>
      <c r="QEP725" s="613"/>
      <c r="QEQ725" s="613"/>
      <c r="QER725" s="613"/>
      <c r="QES725" s="613"/>
      <c r="QET725" s="613"/>
      <c r="QEU725" s="613"/>
      <c r="QEV725" s="613"/>
      <c r="QEW725" s="613"/>
      <c r="QEX725" s="613"/>
      <c r="QEY725" s="613"/>
      <c r="QEZ725" s="613"/>
      <c r="QFA725" s="613"/>
      <c r="QFB725" s="613"/>
      <c r="QFC725" s="613"/>
      <c r="QFD725" s="613"/>
      <c r="QFE725" s="613"/>
      <c r="QFF725" s="613"/>
      <c r="QFG725" s="613"/>
      <c r="QFH725" s="613"/>
      <c r="QFI725" s="613"/>
      <c r="QFJ725" s="613"/>
      <c r="QFK725" s="613"/>
      <c r="QFL725" s="613"/>
      <c r="QFM725" s="613"/>
      <c r="QFN725" s="613"/>
      <c r="QFO725" s="613"/>
      <c r="QFP725" s="613"/>
      <c r="QFQ725" s="613"/>
      <c r="QFR725" s="613"/>
      <c r="QFS725" s="613"/>
      <c r="QFT725" s="613"/>
      <c r="QFU725" s="613"/>
      <c r="QFV725" s="613"/>
      <c r="QFW725" s="613"/>
      <c r="QFX725" s="613"/>
      <c r="QFY725" s="613"/>
      <c r="QFZ725" s="613"/>
      <c r="QGA725" s="613"/>
      <c r="QGB725" s="613"/>
      <c r="QGC725" s="613"/>
      <c r="QGD725" s="613"/>
      <c r="QGE725" s="613"/>
      <c r="QGF725" s="613"/>
      <c r="QGG725" s="613"/>
      <c r="QGH725" s="613"/>
      <c r="QGI725" s="613"/>
      <c r="QGJ725" s="613"/>
      <c r="QGK725" s="613"/>
      <c r="QGL725" s="613"/>
      <c r="QGM725" s="613"/>
      <c r="QGN725" s="613"/>
      <c r="QGO725" s="613"/>
      <c r="QGP725" s="613"/>
      <c r="QGQ725" s="613"/>
      <c r="QGR725" s="613"/>
      <c r="QGS725" s="613"/>
      <c r="QGT725" s="613"/>
      <c r="QGU725" s="613"/>
      <c r="QGV725" s="613"/>
      <c r="QGW725" s="613"/>
      <c r="QGX725" s="613"/>
      <c r="QGY725" s="613"/>
      <c r="QGZ725" s="613"/>
      <c r="QHA725" s="613"/>
      <c r="QHB725" s="613"/>
      <c r="QHC725" s="613"/>
      <c r="QHD725" s="613"/>
      <c r="QHE725" s="613"/>
      <c r="QHF725" s="613"/>
      <c r="QHG725" s="613"/>
      <c r="QHH725" s="613"/>
      <c r="QHI725" s="613"/>
      <c r="QHJ725" s="613"/>
      <c r="QHK725" s="613"/>
      <c r="QHL725" s="613"/>
      <c r="QHM725" s="613"/>
      <c r="QHN725" s="613"/>
      <c r="QHO725" s="613"/>
      <c r="QHP725" s="613"/>
      <c r="QHQ725" s="613"/>
      <c r="QHR725" s="613"/>
      <c r="QHS725" s="613"/>
      <c r="QHT725" s="613"/>
      <c r="QHU725" s="613"/>
      <c r="QHV725" s="613"/>
      <c r="QHW725" s="613"/>
      <c r="QHX725" s="613"/>
      <c r="QHY725" s="613"/>
      <c r="QHZ725" s="613"/>
      <c r="QIA725" s="613"/>
      <c r="QIB725" s="613"/>
      <c r="QIC725" s="613"/>
      <c r="QID725" s="613"/>
      <c r="QIE725" s="613"/>
      <c r="QIF725" s="613"/>
      <c r="QIG725" s="613"/>
      <c r="QIH725" s="613"/>
      <c r="QII725" s="613"/>
      <c r="QIJ725" s="613"/>
      <c r="QIK725" s="613"/>
      <c r="QIL725" s="613"/>
      <c r="QIM725" s="613"/>
      <c r="QIN725" s="613"/>
      <c r="QIO725" s="613"/>
      <c r="QIP725" s="613"/>
      <c r="QIQ725" s="613"/>
      <c r="QIR725" s="613"/>
      <c r="QIS725" s="613"/>
      <c r="QIT725" s="613"/>
      <c r="QIU725" s="613"/>
      <c r="QIV725" s="613"/>
      <c r="QIW725" s="613"/>
      <c r="QIX725" s="613"/>
      <c r="QIY725" s="613"/>
      <c r="QIZ725" s="613"/>
      <c r="QJA725" s="613"/>
      <c r="QJB725" s="613"/>
      <c r="QJC725" s="613"/>
      <c r="QJD725" s="613"/>
      <c r="QJE725" s="613"/>
      <c r="QJF725" s="613"/>
      <c r="QJG725" s="613"/>
      <c r="QJH725" s="613"/>
      <c r="QJI725" s="613"/>
      <c r="QJJ725" s="613"/>
      <c r="QJK725" s="613"/>
      <c r="QJL725" s="613"/>
      <c r="QJM725" s="613"/>
      <c r="QJN725" s="613"/>
      <c r="QJO725" s="613"/>
      <c r="QJP725" s="613"/>
      <c r="QJQ725" s="613"/>
      <c r="QJR725" s="613"/>
      <c r="QJS725" s="613"/>
      <c r="QJT725" s="613"/>
      <c r="QJU725" s="613"/>
      <c r="QJV725" s="613"/>
      <c r="QJW725" s="613"/>
      <c r="QJX725" s="613"/>
      <c r="QJY725" s="613"/>
      <c r="QJZ725" s="613"/>
      <c r="QKA725" s="613"/>
      <c r="QKB725" s="613"/>
      <c r="QKC725" s="613"/>
      <c r="QKD725" s="613"/>
      <c r="QKE725" s="613"/>
      <c r="QKF725" s="613"/>
      <c r="QKG725" s="613"/>
      <c r="QKH725" s="613"/>
      <c r="QKI725" s="613"/>
      <c r="QKJ725" s="613"/>
      <c r="QKK725" s="613"/>
      <c r="QKL725" s="613"/>
      <c r="QKM725" s="613"/>
      <c r="QKN725" s="613"/>
      <c r="QKO725" s="613"/>
      <c r="QKP725" s="613"/>
      <c r="QKQ725" s="613"/>
      <c r="QKR725" s="613"/>
      <c r="QKS725" s="613"/>
      <c r="QKT725" s="613"/>
      <c r="QKU725" s="613"/>
      <c r="QKV725" s="613"/>
      <c r="QKW725" s="613"/>
      <c r="QKX725" s="613"/>
      <c r="QKY725" s="613"/>
      <c r="QKZ725" s="613"/>
      <c r="QLA725" s="613"/>
      <c r="QLB725" s="613"/>
      <c r="QLC725" s="613"/>
      <c r="QLD725" s="613"/>
      <c r="QLE725" s="613"/>
      <c r="QLF725" s="613"/>
      <c r="QLG725" s="613"/>
      <c r="QLH725" s="613"/>
      <c r="QLI725" s="613"/>
      <c r="QLJ725" s="613"/>
      <c r="QLK725" s="613"/>
      <c r="QLL725" s="613"/>
      <c r="QLM725" s="613"/>
      <c r="QLN725" s="613"/>
      <c r="QLO725" s="613"/>
      <c r="QLP725" s="613"/>
      <c r="QLQ725" s="613"/>
      <c r="QLR725" s="613"/>
      <c r="QLS725" s="613"/>
      <c r="QLT725" s="613"/>
      <c r="QLU725" s="613"/>
      <c r="QLV725" s="613"/>
      <c r="QLW725" s="613"/>
      <c r="QLX725" s="613"/>
      <c r="QLY725" s="613"/>
      <c r="QLZ725" s="613"/>
      <c r="QMA725" s="613"/>
      <c r="QMB725" s="613"/>
      <c r="QMC725" s="613"/>
      <c r="QMD725" s="613"/>
      <c r="QME725" s="613"/>
      <c r="QMF725" s="613"/>
      <c r="QMG725" s="613"/>
      <c r="QMH725" s="613"/>
      <c r="QMI725" s="613"/>
      <c r="QMJ725" s="613"/>
      <c r="QMK725" s="613"/>
      <c r="QML725" s="613"/>
      <c r="QMM725" s="613"/>
      <c r="QMN725" s="613"/>
      <c r="QMO725" s="613"/>
      <c r="QMP725" s="613"/>
      <c r="QMQ725" s="613"/>
      <c r="QMR725" s="613"/>
      <c r="QMS725" s="613"/>
      <c r="QMT725" s="613"/>
      <c r="QMU725" s="613"/>
      <c r="QMV725" s="613"/>
      <c r="QMW725" s="613"/>
      <c r="QMX725" s="613"/>
      <c r="QMY725" s="613"/>
      <c r="QMZ725" s="613"/>
      <c r="QNA725" s="613"/>
      <c r="QNB725" s="613"/>
      <c r="QNC725" s="613"/>
      <c r="QND725" s="613"/>
      <c r="QNE725" s="613"/>
      <c r="QNF725" s="613"/>
      <c r="QNG725" s="613"/>
      <c r="QNH725" s="613"/>
      <c r="QNI725" s="613"/>
      <c r="QNJ725" s="613"/>
      <c r="QNK725" s="613"/>
      <c r="QNL725" s="613"/>
      <c r="QNM725" s="613"/>
      <c r="QNN725" s="613"/>
      <c r="QNO725" s="613"/>
      <c r="QNP725" s="613"/>
      <c r="QNQ725" s="613"/>
      <c r="QNR725" s="613"/>
      <c r="QNS725" s="613"/>
      <c r="QNT725" s="613"/>
      <c r="QNU725" s="613"/>
      <c r="QNV725" s="613"/>
      <c r="QNW725" s="613"/>
      <c r="QNX725" s="613"/>
      <c r="QNY725" s="613"/>
      <c r="QNZ725" s="613"/>
      <c r="QOA725" s="613"/>
      <c r="QOB725" s="613"/>
      <c r="QOC725" s="613"/>
      <c r="QOD725" s="613"/>
      <c r="QOE725" s="613"/>
      <c r="QOF725" s="613"/>
      <c r="QOG725" s="613"/>
      <c r="QOH725" s="613"/>
      <c r="QOI725" s="613"/>
      <c r="QOJ725" s="613"/>
      <c r="QOK725" s="613"/>
      <c r="QOL725" s="613"/>
      <c r="QOM725" s="613"/>
      <c r="QON725" s="613"/>
      <c r="QOO725" s="613"/>
      <c r="QOP725" s="613"/>
      <c r="QOQ725" s="613"/>
      <c r="QOR725" s="613"/>
      <c r="QOS725" s="613"/>
      <c r="QOT725" s="613"/>
      <c r="QOU725" s="613"/>
      <c r="QOV725" s="613"/>
      <c r="QOW725" s="613"/>
      <c r="QOX725" s="613"/>
      <c r="QOY725" s="613"/>
      <c r="QOZ725" s="613"/>
      <c r="QPA725" s="613"/>
      <c r="QPB725" s="613"/>
      <c r="QPC725" s="613"/>
      <c r="QPD725" s="613"/>
      <c r="QPE725" s="613"/>
      <c r="QPF725" s="613"/>
      <c r="QPG725" s="613"/>
      <c r="QPH725" s="613"/>
      <c r="QPI725" s="613"/>
      <c r="QPJ725" s="613"/>
      <c r="QPK725" s="613"/>
      <c r="QPL725" s="613"/>
      <c r="QPM725" s="613"/>
      <c r="QPN725" s="613"/>
      <c r="QPO725" s="613"/>
      <c r="QPP725" s="613"/>
      <c r="QPQ725" s="613"/>
      <c r="QPR725" s="613"/>
      <c r="QPS725" s="613"/>
      <c r="QPT725" s="613"/>
      <c r="QPU725" s="613"/>
      <c r="QPV725" s="613"/>
      <c r="QPW725" s="613"/>
      <c r="QPX725" s="613"/>
      <c r="QPY725" s="613"/>
      <c r="QPZ725" s="613"/>
      <c r="QQA725" s="613"/>
      <c r="QQB725" s="613"/>
      <c r="QQC725" s="613"/>
      <c r="QQD725" s="613"/>
      <c r="QQE725" s="613"/>
      <c r="QQF725" s="613"/>
      <c r="QQG725" s="613"/>
      <c r="QQH725" s="613"/>
      <c r="QQI725" s="613"/>
      <c r="QQJ725" s="613"/>
      <c r="QQK725" s="613"/>
      <c r="QQL725" s="613"/>
      <c r="QQM725" s="613"/>
      <c r="QQN725" s="613"/>
      <c r="QQO725" s="613"/>
      <c r="QQP725" s="613"/>
      <c r="QQQ725" s="613"/>
      <c r="QQR725" s="613"/>
      <c r="QQS725" s="613"/>
      <c r="QQT725" s="613"/>
      <c r="QQU725" s="613"/>
      <c r="QQV725" s="613"/>
      <c r="QQW725" s="613"/>
      <c r="QQX725" s="613"/>
      <c r="QQY725" s="613"/>
      <c r="QQZ725" s="613"/>
      <c r="QRA725" s="613"/>
      <c r="QRB725" s="613"/>
      <c r="QRC725" s="613"/>
      <c r="QRD725" s="613"/>
      <c r="QRE725" s="613"/>
      <c r="QRF725" s="613"/>
      <c r="QRG725" s="613"/>
      <c r="QRH725" s="613"/>
      <c r="QRI725" s="613"/>
      <c r="QRJ725" s="613"/>
      <c r="QRK725" s="613"/>
      <c r="QRL725" s="613"/>
      <c r="QRM725" s="613"/>
      <c r="QRN725" s="613"/>
      <c r="QRO725" s="613"/>
      <c r="QRP725" s="613"/>
      <c r="QRQ725" s="613"/>
      <c r="QRR725" s="613"/>
      <c r="QRS725" s="613"/>
      <c r="QRT725" s="613"/>
      <c r="QRU725" s="613"/>
      <c r="QRV725" s="613"/>
      <c r="QRW725" s="613"/>
      <c r="QRX725" s="613"/>
      <c r="QRY725" s="613"/>
      <c r="QRZ725" s="613"/>
      <c r="QSA725" s="613"/>
      <c r="QSB725" s="613"/>
      <c r="QSC725" s="613"/>
      <c r="QSD725" s="613"/>
      <c r="QSE725" s="613"/>
      <c r="QSF725" s="613"/>
      <c r="QSG725" s="613"/>
      <c r="QSH725" s="613"/>
      <c r="QSI725" s="613"/>
      <c r="QSJ725" s="613"/>
      <c r="QSK725" s="613"/>
      <c r="QSL725" s="613"/>
      <c r="QSM725" s="613"/>
      <c r="QSN725" s="613"/>
      <c r="QSO725" s="613"/>
      <c r="QSP725" s="613"/>
      <c r="QSQ725" s="613"/>
      <c r="QSR725" s="613"/>
      <c r="QSS725" s="613"/>
      <c r="QST725" s="613"/>
      <c r="QSU725" s="613"/>
      <c r="QSV725" s="613"/>
      <c r="QSW725" s="613"/>
      <c r="QSX725" s="613"/>
      <c r="QSY725" s="613"/>
      <c r="QSZ725" s="613"/>
      <c r="QTA725" s="613"/>
      <c r="QTB725" s="613"/>
      <c r="QTC725" s="613"/>
      <c r="QTD725" s="613"/>
      <c r="QTE725" s="613"/>
      <c r="QTF725" s="613"/>
      <c r="QTG725" s="613"/>
      <c r="QTH725" s="613"/>
      <c r="QTI725" s="613"/>
      <c r="QTJ725" s="613"/>
      <c r="QTK725" s="613"/>
      <c r="QTL725" s="613"/>
      <c r="QTM725" s="613"/>
      <c r="QTN725" s="613"/>
      <c r="QTO725" s="613"/>
      <c r="QTP725" s="613"/>
      <c r="QTQ725" s="613"/>
      <c r="QTR725" s="613"/>
      <c r="QTS725" s="613"/>
      <c r="QTT725" s="613"/>
      <c r="QTU725" s="613"/>
      <c r="QTV725" s="613"/>
      <c r="QTW725" s="613"/>
      <c r="QTX725" s="613"/>
      <c r="QTY725" s="613"/>
      <c r="QTZ725" s="613"/>
      <c r="QUA725" s="613"/>
      <c r="QUB725" s="613"/>
      <c r="QUC725" s="613"/>
      <c r="QUD725" s="613"/>
      <c r="QUE725" s="613"/>
      <c r="QUF725" s="613"/>
      <c r="QUG725" s="613"/>
      <c r="QUH725" s="613"/>
      <c r="QUI725" s="613"/>
      <c r="QUJ725" s="613"/>
      <c r="QUK725" s="613"/>
      <c r="QUL725" s="613"/>
      <c r="QUM725" s="613"/>
      <c r="QUN725" s="613"/>
      <c r="QUO725" s="613"/>
      <c r="QUP725" s="613"/>
      <c r="QUQ725" s="613"/>
      <c r="QUR725" s="613"/>
      <c r="QUS725" s="613"/>
      <c r="QUT725" s="613"/>
      <c r="QUU725" s="613"/>
      <c r="QUV725" s="613"/>
      <c r="QUW725" s="613"/>
      <c r="QUX725" s="613"/>
      <c r="QUY725" s="613"/>
      <c r="QUZ725" s="613"/>
      <c r="QVA725" s="613"/>
      <c r="QVB725" s="613"/>
      <c r="QVC725" s="613"/>
      <c r="QVD725" s="613"/>
      <c r="QVE725" s="613"/>
      <c r="QVF725" s="613"/>
      <c r="QVG725" s="613"/>
      <c r="QVH725" s="613"/>
      <c r="QVI725" s="613"/>
      <c r="QVJ725" s="613"/>
      <c r="QVK725" s="613"/>
      <c r="QVL725" s="613"/>
      <c r="QVM725" s="613"/>
      <c r="QVN725" s="613"/>
      <c r="QVO725" s="613"/>
      <c r="QVP725" s="613"/>
      <c r="QVQ725" s="613"/>
      <c r="QVR725" s="613"/>
      <c r="QVS725" s="613"/>
      <c r="QVT725" s="613"/>
      <c r="QVU725" s="613"/>
      <c r="QVV725" s="613"/>
      <c r="QVW725" s="613"/>
      <c r="QVX725" s="613"/>
      <c r="QVY725" s="613"/>
      <c r="QVZ725" s="613"/>
      <c r="QWA725" s="613"/>
      <c r="QWB725" s="613"/>
      <c r="QWC725" s="613"/>
      <c r="QWD725" s="613"/>
      <c r="QWE725" s="613"/>
      <c r="QWF725" s="613"/>
      <c r="QWG725" s="613"/>
      <c r="QWH725" s="613"/>
      <c r="QWI725" s="613"/>
      <c r="QWJ725" s="613"/>
      <c r="QWK725" s="613"/>
      <c r="QWL725" s="613"/>
      <c r="QWM725" s="613"/>
      <c r="QWN725" s="613"/>
      <c r="QWO725" s="613"/>
      <c r="QWP725" s="613"/>
      <c r="QWQ725" s="613"/>
      <c r="QWR725" s="613"/>
      <c r="QWS725" s="613"/>
      <c r="QWT725" s="613"/>
      <c r="QWU725" s="613"/>
      <c r="QWV725" s="613"/>
      <c r="QWW725" s="613"/>
      <c r="QWX725" s="613"/>
      <c r="QWY725" s="613"/>
      <c r="QWZ725" s="613"/>
      <c r="QXA725" s="613"/>
      <c r="QXB725" s="613"/>
      <c r="QXC725" s="613"/>
      <c r="QXD725" s="613"/>
      <c r="QXE725" s="613"/>
      <c r="QXF725" s="613"/>
      <c r="QXG725" s="613"/>
      <c r="QXH725" s="613"/>
      <c r="QXI725" s="613"/>
      <c r="QXJ725" s="613"/>
      <c r="QXK725" s="613"/>
      <c r="QXL725" s="613"/>
      <c r="QXM725" s="613"/>
      <c r="QXN725" s="613"/>
      <c r="QXO725" s="613"/>
      <c r="QXP725" s="613"/>
      <c r="QXQ725" s="613"/>
      <c r="QXR725" s="613"/>
      <c r="QXS725" s="613"/>
      <c r="QXT725" s="613"/>
      <c r="QXU725" s="613"/>
      <c r="QXV725" s="613"/>
      <c r="QXW725" s="613"/>
      <c r="QXX725" s="613"/>
      <c r="QXY725" s="613"/>
      <c r="QXZ725" s="613"/>
      <c r="QYA725" s="613"/>
      <c r="QYB725" s="613"/>
      <c r="QYC725" s="613"/>
      <c r="QYD725" s="613"/>
      <c r="QYE725" s="613"/>
      <c r="QYF725" s="613"/>
      <c r="QYG725" s="613"/>
      <c r="QYH725" s="613"/>
      <c r="QYI725" s="613"/>
      <c r="QYJ725" s="613"/>
      <c r="QYK725" s="613"/>
      <c r="QYL725" s="613"/>
      <c r="QYM725" s="613"/>
      <c r="QYN725" s="613"/>
      <c r="QYO725" s="613"/>
      <c r="QYP725" s="613"/>
      <c r="QYQ725" s="613"/>
      <c r="QYR725" s="613"/>
      <c r="QYS725" s="613"/>
      <c r="QYT725" s="613"/>
      <c r="QYU725" s="613"/>
      <c r="QYV725" s="613"/>
      <c r="QYW725" s="613"/>
      <c r="QYX725" s="613"/>
      <c r="QYY725" s="613"/>
      <c r="QYZ725" s="613"/>
      <c r="QZA725" s="613"/>
      <c r="QZB725" s="613"/>
      <c r="QZC725" s="613"/>
      <c r="QZD725" s="613"/>
      <c r="QZE725" s="613"/>
      <c r="QZF725" s="613"/>
      <c r="QZG725" s="613"/>
      <c r="QZH725" s="613"/>
      <c r="QZI725" s="613"/>
      <c r="QZJ725" s="613"/>
      <c r="QZK725" s="613"/>
      <c r="QZL725" s="613"/>
      <c r="QZM725" s="613"/>
      <c r="QZN725" s="613"/>
      <c r="QZO725" s="613"/>
      <c r="QZP725" s="613"/>
      <c r="QZQ725" s="613"/>
      <c r="QZR725" s="613"/>
      <c r="QZS725" s="613"/>
      <c r="QZT725" s="613"/>
      <c r="QZU725" s="613"/>
      <c r="QZV725" s="613"/>
      <c r="QZW725" s="613"/>
      <c r="QZX725" s="613"/>
      <c r="QZY725" s="613"/>
      <c r="QZZ725" s="613"/>
      <c r="RAA725" s="613"/>
      <c r="RAB725" s="613"/>
      <c r="RAC725" s="613"/>
      <c r="RAD725" s="613"/>
      <c r="RAE725" s="613"/>
      <c r="RAF725" s="613"/>
      <c r="RAG725" s="613"/>
      <c r="RAH725" s="613"/>
      <c r="RAI725" s="613"/>
      <c r="RAJ725" s="613"/>
      <c r="RAK725" s="613"/>
      <c r="RAL725" s="613"/>
      <c r="RAM725" s="613"/>
      <c r="RAN725" s="613"/>
      <c r="RAO725" s="613"/>
      <c r="RAP725" s="613"/>
      <c r="RAQ725" s="613"/>
      <c r="RAR725" s="613"/>
      <c r="RAS725" s="613"/>
      <c r="RAT725" s="613"/>
      <c r="RAU725" s="613"/>
      <c r="RAV725" s="613"/>
      <c r="RAW725" s="613"/>
      <c r="RAX725" s="613"/>
      <c r="RAY725" s="613"/>
      <c r="RAZ725" s="613"/>
      <c r="RBA725" s="613"/>
      <c r="RBB725" s="613"/>
      <c r="RBC725" s="613"/>
      <c r="RBD725" s="613"/>
      <c r="RBE725" s="613"/>
      <c r="RBF725" s="613"/>
      <c r="RBG725" s="613"/>
      <c r="RBH725" s="613"/>
      <c r="RBI725" s="613"/>
      <c r="RBJ725" s="613"/>
      <c r="RBK725" s="613"/>
      <c r="RBL725" s="613"/>
      <c r="RBM725" s="613"/>
      <c r="RBN725" s="613"/>
      <c r="RBO725" s="613"/>
      <c r="RBP725" s="613"/>
      <c r="RBQ725" s="613"/>
      <c r="RBR725" s="613"/>
      <c r="RBS725" s="613"/>
      <c r="RBT725" s="613"/>
      <c r="RBU725" s="613"/>
      <c r="RBV725" s="613"/>
      <c r="RBW725" s="613"/>
      <c r="RBX725" s="613"/>
      <c r="RBY725" s="613"/>
      <c r="RBZ725" s="613"/>
      <c r="RCA725" s="613"/>
      <c r="RCB725" s="613"/>
      <c r="RCC725" s="613"/>
      <c r="RCD725" s="613"/>
      <c r="RCE725" s="613"/>
      <c r="RCF725" s="613"/>
      <c r="RCG725" s="613"/>
      <c r="RCH725" s="613"/>
      <c r="RCI725" s="613"/>
      <c r="RCJ725" s="613"/>
      <c r="RCK725" s="613"/>
      <c r="RCL725" s="613"/>
      <c r="RCM725" s="613"/>
      <c r="RCN725" s="613"/>
      <c r="RCO725" s="613"/>
      <c r="RCP725" s="613"/>
      <c r="RCQ725" s="613"/>
      <c r="RCR725" s="613"/>
      <c r="RCS725" s="613"/>
      <c r="RCT725" s="613"/>
      <c r="RCU725" s="613"/>
      <c r="RCV725" s="613"/>
      <c r="RCW725" s="613"/>
      <c r="RCX725" s="613"/>
      <c r="RCY725" s="613"/>
      <c r="RCZ725" s="613"/>
      <c r="RDA725" s="613"/>
      <c r="RDB725" s="613"/>
      <c r="RDC725" s="613"/>
      <c r="RDD725" s="613"/>
      <c r="RDE725" s="613"/>
      <c r="RDF725" s="613"/>
      <c r="RDG725" s="613"/>
      <c r="RDH725" s="613"/>
      <c r="RDI725" s="613"/>
      <c r="RDJ725" s="613"/>
      <c r="RDK725" s="613"/>
      <c r="RDL725" s="613"/>
      <c r="RDM725" s="613"/>
      <c r="RDN725" s="613"/>
      <c r="RDO725" s="613"/>
      <c r="RDP725" s="613"/>
      <c r="RDQ725" s="613"/>
      <c r="RDR725" s="613"/>
      <c r="RDS725" s="613"/>
      <c r="RDT725" s="613"/>
      <c r="RDU725" s="613"/>
      <c r="RDV725" s="613"/>
      <c r="RDW725" s="613"/>
      <c r="RDX725" s="613"/>
      <c r="RDY725" s="613"/>
      <c r="RDZ725" s="613"/>
      <c r="REA725" s="613"/>
      <c r="REB725" s="613"/>
      <c r="REC725" s="613"/>
      <c r="RED725" s="613"/>
      <c r="REE725" s="613"/>
      <c r="REF725" s="613"/>
      <c r="REG725" s="613"/>
      <c r="REH725" s="613"/>
      <c r="REI725" s="613"/>
      <c r="REJ725" s="613"/>
      <c r="REK725" s="613"/>
      <c r="REL725" s="613"/>
      <c r="REM725" s="613"/>
      <c r="REN725" s="613"/>
      <c r="REO725" s="613"/>
      <c r="REP725" s="613"/>
      <c r="REQ725" s="613"/>
      <c r="RER725" s="613"/>
      <c r="RES725" s="613"/>
      <c r="RET725" s="613"/>
      <c r="REU725" s="613"/>
      <c r="REV725" s="613"/>
      <c r="REW725" s="613"/>
      <c r="REX725" s="613"/>
      <c r="REY725" s="613"/>
      <c r="REZ725" s="613"/>
      <c r="RFA725" s="613"/>
      <c r="RFB725" s="613"/>
      <c r="RFC725" s="613"/>
      <c r="RFD725" s="613"/>
      <c r="RFE725" s="613"/>
      <c r="RFF725" s="613"/>
      <c r="RFG725" s="613"/>
      <c r="RFH725" s="613"/>
      <c r="RFI725" s="613"/>
      <c r="RFJ725" s="613"/>
      <c r="RFK725" s="613"/>
      <c r="RFL725" s="613"/>
      <c r="RFM725" s="613"/>
      <c r="RFN725" s="613"/>
      <c r="RFO725" s="613"/>
      <c r="RFP725" s="613"/>
      <c r="RFQ725" s="613"/>
      <c r="RFR725" s="613"/>
      <c r="RFS725" s="613"/>
      <c r="RFT725" s="613"/>
      <c r="RFU725" s="613"/>
      <c r="RFV725" s="613"/>
      <c r="RFW725" s="613"/>
      <c r="RFX725" s="613"/>
      <c r="RFY725" s="613"/>
      <c r="RFZ725" s="613"/>
      <c r="RGA725" s="613"/>
      <c r="RGB725" s="613"/>
      <c r="RGC725" s="613"/>
      <c r="RGD725" s="613"/>
      <c r="RGE725" s="613"/>
      <c r="RGF725" s="613"/>
      <c r="RGG725" s="613"/>
      <c r="RGH725" s="613"/>
      <c r="RGI725" s="613"/>
      <c r="RGJ725" s="613"/>
      <c r="RGK725" s="613"/>
      <c r="RGL725" s="613"/>
      <c r="RGM725" s="613"/>
      <c r="RGN725" s="613"/>
      <c r="RGO725" s="613"/>
      <c r="RGP725" s="613"/>
      <c r="RGQ725" s="613"/>
      <c r="RGR725" s="613"/>
      <c r="RGS725" s="613"/>
      <c r="RGT725" s="613"/>
      <c r="RGU725" s="613"/>
      <c r="RGV725" s="613"/>
      <c r="RGW725" s="613"/>
      <c r="RGX725" s="613"/>
      <c r="RGY725" s="613"/>
      <c r="RGZ725" s="613"/>
      <c r="RHA725" s="613"/>
      <c r="RHB725" s="613"/>
      <c r="RHC725" s="613"/>
      <c r="RHD725" s="613"/>
      <c r="RHE725" s="613"/>
      <c r="RHF725" s="613"/>
      <c r="RHG725" s="613"/>
      <c r="RHH725" s="613"/>
      <c r="RHI725" s="613"/>
      <c r="RHJ725" s="613"/>
      <c r="RHK725" s="613"/>
      <c r="RHL725" s="613"/>
      <c r="RHM725" s="613"/>
      <c r="RHN725" s="613"/>
      <c r="RHO725" s="613"/>
      <c r="RHP725" s="613"/>
      <c r="RHQ725" s="613"/>
      <c r="RHR725" s="613"/>
      <c r="RHS725" s="613"/>
      <c r="RHT725" s="613"/>
      <c r="RHU725" s="613"/>
      <c r="RHV725" s="613"/>
      <c r="RHW725" s="613"/>
      <c r="RHX725" s="613"/>
      <c r="RHY725" s="613"/>
      <c r="RHZ725" s="613"/>
      <c r="RIA725" s="613"/>
      <c r="RIB725" s="613"/>
      <c r="RIC725" s="613"/>
      <c r="RID725" s="613"/>
      <c r="RIE725" s="613"/>
      <c r="RIF725" s="613"/>
      <c r="RIG725" s="613"/>
      <c r="RIH725" s="613"/>
      <c r="RII725" s="613"/>
      <c r="RIJ725" s="613"/>
      <c r="RIK725" s="613"/>
      <c r="RIL725" s="613"/>
      <c r="RIM725" s="613"/>
      <c r="RIN725" s="613"/>
      <c r="RIO725" s="613"/>
      <c r="RIP725" s="613"/>
      <c r="RIQ725" s="613"/>
      <c r="RIR725" s="613"/>
      <c r="RIS725" s="613"/>
      <c r="RIT725" s="613"/>
      <c r="RIU725" s="613"/>
      <c r="RIV725" s="613"/>
      <c r="RIW725" s="613"/>
      <c r="RIX725" s="613"/>
      <c r="RIY725" s="613"/>
      <c r="RIZ725" s="613"/>
      <c r="RJA725" s="613"/>
      <c r="RJB725" s="613"/>
      <c r="RJC725" s="613"/>
      <c r="RJD725" s="613"/>
      <c r="RJE725" s="613"/>
      <c r="RJF725" s="613"/>
      <c r="RJG725" s="613"/>
      <c r="RJH725" s="613"/>
      <c r="RJI725" s="613"/>
      <c r="RJJ725" s="613"/>
      <c r="RJK725" s="613"/>
      <c r="RJL725" s="613"/>
      <c r="RJM725" s="613"/>
      <c r="RJN725" s="613"/>
      <c r="RJO725" s="613"/>
      <c r="RJP725" s="613"/>
      <c r="RJQ725" s="613"/>
      <c r="RJR725" s="613"/>
      <c r="RJS725" s="613"/>
      <c r="RJT725" s="613"/>
      <c r="RJU725" s="613"/>
      <c r="RJV725" s="613"/>
      <c r="RJW725" s="613"/>
      <c r="RJX725" s="613"/>
      <c r="RJY725" s="613"/>
      <c r="RJZ725" s="613"/>
      <c r="RKA725" s="613"/>
      <c r="RKB725" s="613"/>
      <c r="RKC725" s="613"/>
      <c r="RKD725" s="613"/>
      <c r="RKE725" s="613"/>
      <c r="RKF725" s="613"/>
      <c r="RKG725" s="613"/>
      <c r="RKH725" s="613"/>
      <c r="RKI725" s="613"/>
      <c r="RKJ725" s="613"/>
      <c r="RKK725" s="613"/>
      <c r="RKL725" s="613"/>
      <c r="RKM725" s="613"/>
      <c r="RKN725" s="613"/>
      <c r="RKO725" s="613"/>
      <c r="RKP725" s="613"/>
      <c r="RKQ725" s="613"/>
      <c r="RKR725" s="613"/>
      <c r="RKS725" s="613"/>
      <c r="RKT725" s="613"/>
      <c r="RKU725" s="613"/>
      <c r="RKV725" s="613"/>
      <c r="RKW725" s="613"/>
      <c r="RKX725" s="613"/>
      <c r="RKY725" s="613"/>
      <c r="RKZ725" s="613"/>
      <c r="RLA725" s="613"/>
      <c r="RLB725" s="613"/>
      <c r="RLC725" s="613"/>
      <c r="RLD725" s="613"/>
      <c r="RLE725" s="613"/>
      <c r="RLF725" s="613"/>
      <c r="RLG725" s="613"/>
      <c r="RLH725" s="613"/>
      <c r="RLI725" s="613"/>
      <c r="RLJ725" s="613"/>
      <c r="RLK725" s="613"/>
      <c r="RLL725" s="613"/>
      <c r="RLM725" s="613"/>
      <c r="RLN725" s="613"/>
      <c r="RLO725" s="613"/>
      <c r="RLP725" s="613"/>
      <c r="RLQ725" s="613"/>
      <c r="RLR725" s="613"/>
      <c r="RLS725" s="613"/>
      <c r="RLT725" s="613"/>
      <c r="RLU725" s="613"/>
      <c r="RLV725" s="613"/>
      <c r="RLW725" s="613"/>
      <c r="RLX725" s="613"/>
      <c r="RLY725" s="613"/>
      <c r="RLZ725" s="613"/>
      <c r="RMA725" s="613"/>
      <c r="RMB725" s="613"/>
      <c r="RMC725" s="613"/>
      <c r="RMD725" s="613"/>
      <c r="RME725" s="613"/>
      <c r="RMF725" s="613"/>
      <c r="RMG725" s="613"/>
      <c r="RMH725" s="613"/>
      <c r="RMI725" s="613"/>
      <c r="RMJ725" s="613"/>
      <c r="RMK725" s="613"/>
      <c r="RML725" s="613"/>
      <c r="RMM725" s="613"/>
      <c r="RMN725" s="613"/>
      <c r="RMO725" s="613"/>
      <c r="RMP725" s="613"/>
      <c r="RMQ725" s="613"/>
      <c r="RMR725" s="613"/>
      <c r="RMS725" s="613"/>
      <c r="RMT725" s="613"/>
      <c r="RMU725" s="613"/>
      <c r="RMV725" s="613"/>
      <c r="RMW725" s="613"/>
      <c r="RMX725" s="613"/>
      <c r="RMY725" s="613"/>
      <c r="RMZ725" s="613"/>
      <c r="RNA725" s="613"/>
      <c r="RNB725" s="613"/>
      <c r="RNC725" s="613"/>
      <c r="RND725" s="613"/>
      <c r="RNE725" s="613"/>
      <c r="RNF725" s="613"/>
      <c r="RNG725" s="613"/>
      <c r="RNH725" s="613"/>
      <c r="RNI725" s="613"/>
      <c r="RNJ725" s="613"/>
      <c r="RNK725" s="613"/>
      <c r="RNL725" s="613"/>
      <c r="RNM725" s="613"/>
      <c r="RNN725" s="613"/>
      <c r="RNO725" s="613"/>
      <c r="RNP725" s="613"/>
      <c r="RNQ725" s="613"/>
      <c r="RNR725" s="613"/>
      <c r="RNS725" s="613"/>
      <c r="RNT725" s="613"/>
      <c r="RNU725" s="613"/>
      <c r="RNV725" s="613"/>
      <c r="RNW725" s="613"/>
      <c r="RNX725" s="613"/>
      <c r="RNY725" s="613"/>
      <c r="RNZ725" s="613"/>
      <c r="ROA725" s="613"/>
      <c r="ROB725" s="613"/>
      <c r="ROC725" s="613"/>
      <c r="ROD725" s="613"/>
      <c r="ROE725" s="613"/>
      <c r="ROF725" s="613"/>
      <c r="ROG725" s="613"/>
      <c r="ROH725" s="613"/>
      <c r="ROI725" s="613"/>
      <c r="ROJ725" s="613"/>
      <c r="ROK725" s="613"/>
      <c r="ROL725" s="613"/>
      <c r="ROM725" s="613"/>
      <c r="RON725" s="613"/>
      <c r="ROO725" s="613"/>
      <c r="ROP725" s="613"/>
      <c r="ROQ725" s="613"/>
      <c r="ROR725" s="613"/>
      <c r="ROS725" s="613"/>
      <c r="ROT725" s="613"/>
      <c r="ROU725" s="613"/>
      <c r="ROV725" s="613"/>
      <c r="ROW725" s="613"/>
      <c r="ROX725" s="613"/>
      <c r="ROY725" s="613"/>
      <c r="ROZ725" s="613"/>
      <c r="RPA725" s="613"/>
      <c r="RPB725" s="613"/>
      <c r="RPC725" s="613"/>
      <c r="RPD725" s="613"/>
      <c r="RPE725" s="613"/>
      <c r="RPF725" s="613"/>
      <c r="RPG725" s="613"/>
      <c r="RPH725" s="613"/>
      <c r="RPI725" s="613"/>
      <c r="RPJ725" s="613"/>
      <c r="RPK725" s="613"/>
      <c r="RPL725" s="613"/>
      <c r="RPM725" s="613"/>
      <c r="RPN725" s="613"/>
      <c r="RPO725" s="613"/>
      <c r="RPP725" s="613"/>
      <c r="RPQ725" s="613"/>
      <c r="RPR725" s="613"/>
      <c r="RPS725" s="613"/>
      <c r="RPT725" s="613"/>
      <c r="RPU725" s="613"/>
      <c r="RPV725" s="613"/>
      <c r="RPW725" s="613"/>
      <c r="RPX725" s="613"/>
      <c r="RPY725" s="613"/>
      <c r="RPZ725" s="613"/>
      <c r="RQA725" s="613"/>
      <c r="RQB725" s="613"/>
      <c r="RQC725" s="613"/>
      <c r="RQD725" s="613"/>
      <c r="RQE725" s="613"/>
      <c r="RQF725" s="613"/>
      <c r="RQG725" s="613"/>
      <c r="RQH725" s="613"/>
      <c r="RQI725" s="613"/>
      <c r="RQJ725" s="613"/>
      <c r="RQK725" s="613"/>
      <c r="RQL725" s="613"/>
      <c r="RQM725" s="613"/>
      <c r="RQN725" s="613"/>
      <c r="RQO725" s="613"/>
      <c r="RQP725" s="613"/>
      <c r="RQQ725" s="613"/>
      <c r="RQR725" s="613"/>
      <c r="RQS725" s="613"/>
      <c r="RQT725" s="613"/>
      <c r="RQU725" s="613"/>
      <c r="RQV725" s="613"/>
      <c r="RQW725" s="613"/>
      <c r="RQX725" s="613"/>
      <c r="RQY725" s="613"/>
      <c r="RQZ725" s="613"/>
      <c r="RRA725" s="613"/>
      <c r="RRB725" s="613"/>
      <c r="RRC725" s="613"/>
      <c r="RRD725" s="613"/>
      <c r="RRE725" s="613"/>
      <c r="RRF725" s="613"/>
      <c r="RRG725" s="613"/>
      <c r="RRH725" s="613"/>
      <c r="RRI725" s="613"/>
      <c r="RRJ725" s="613"/>
      <c r="RRK725" s="613"/>
      <c r="RRL725" s="613"/>
      <c r="RRM725" s="613"/>
      <c r="RRN725" s="613"/>
      <c r="RRO725" s="613"/>
      <c r="RRP725" s="613"/>
      <c r="RRQ725" s="613"/>
      <c r="RRR725" s="613"/>
      <c r="RRS725" s="613"/>
      <c r="RRT725" s="613"/>
      <c r="RRU725" s="613"/>
      <c r="RRV725" s="613"/>
      <c r="RRW725" s="613"/>
      <c r="RRX725" s="613"/>
      <c r="RRY725" s="613"/>
      <c r="RRZ725" s="613"/>
      <c r="RSA725" s="613"/>
      <c r="RSB725" s="613"/>
      <c r="RSC725" s="613"/>
      <c r="RSD725" s="613"/>
      <c r="RSE725" s="613"/>
      <c r="RSF725" s="613"/>
      <c r="RSG725" s="613"/>
      <c r="RSH725" s="613"/>
      <c r="RSI725" s="613"/>
      <c r="RSJ725" s="613"/>
      <c r="RSK725" s="613"/>
      <c r="RSL725" s="613"/>
      <c r="RSM725" s="613"/>
      <c r="RSN725" s="613"/>
      <c r="RSO725" s="613"/>
      <c r="RSP725" s="613"/>
      <c r="RSQ725" s="613"/>
      <c r="RSR725" s="613"/>
      <c r="RSS725" s="613"/>
      <c r="RST725" s="613"/>
      <c r="RSU725" s="613"/>
      <c r="RSV725" s="613"/>
      <c r="RSW725" s="613"/>
      <c r="RSX725" s="613"/>
      <c r="RSY725" s="613"/>
      <c r="RSZ725" s="613"/>
      <c r="RTA725" s="613"/>
      <c r="RTB725" s="613"/>
      <c r="RTC725" s="613"/>
      <c r="RTD725" s="613"/>
      <c r="RTE725" s="613"/>
      <c r="RTF725" s="613"/>
      <c r="RTG725" s="613"/>
      <c r="RTH725" s="613"/>
      <c r="RTI725" s="613"/>
      <c r="RTJ725" s="613"/>
      <c r="RTK725" s="613"/>
      <c r="RTL725" s="613"/>
      <c r="RTM725" s="613"/>
      <c r="RTN725" s="613"/>
      <c r="RTO725" s="613"/>
      <c r="RTP725" s="613"/>
      <c r="RTQ725" s="613"/>
      <c r="RTR725" s="613"/>
      <c r="RTS725" s="613"/>
      <c r="RTT725" s="613"/>
      <c r="RTU725" s="613"/>
      <c r="RTV725" s="613"/>
      <c r="RTW725" s="613"/>
      <c r="RTX725" s="613"/>
      <c r="RTY725" s="613"/>
      <c r="RTZ725" s="613"/>
      <c r="RUA725" s="613"/>
      <c r="RUB725" s="613"/>
      <c r="RUC725" s="613"/>
      <c r="RUD725" s="613"/>
      <c r="RUE725" s="613"/>
      <c r="RUF725" s="613"/>
      <c r="RUG725" s="613"/>
      <c r="RUH725" s="613"/>
      <c r="RUI725" s="613"/>
      <c r="RUJ725" s="613"/>
      <c r="RUK725" s="613"/>
      <c r="RUL725" s="613"/>
      <c r="RUM725" s="613"/>
      <c r="RUN725" s="613"/>
      <c r="RUO725" s="613"/>
      <c r="RUP725" s="613"/>
      <c r="RUQ725" s="613"/>
      <c r="RUR725" s="613"/>
      <c r="RUS725" s="613"/>
      <c r="RUT725" s="613"/>
      <c r="RUU725" s="613"/>
      <c r="RUV725" s="613"/>
      <c r="RUW725" s="613"/>
      <c r="RUX725" s="613"/>
      <c r="RUY725" s="613"/>
      <c r="RUZ725" s="613"/>
      <c r="RVA725" s="613"/>
      <c r="RVB725" s="613"/>
      <c r="RVC725" s="613"/>
      <c r="RVD725" s="613"/>
      <c r="RVE725" s="613"/>
      <c r="RVF725" s="613"/>
      <c r="RVG725" s="613"/>
      <c r="RVH725" s="613"/>
      <c r="RVI725" s="613"/>
      <c r="RVJ725" s="613"/>
      <c r="RVK725" s="613"/>
      <c r="RVL725" s="613"/>
      <c r="RVM725" s="613"/>
      <c r="RVN725" s="613"/>
      <c r="RVO725" s="613"/>
      <c r="RVP725" s="613"/>
      <c r="RVQ725" s="613"/>
      <c r="RVR725" s="613"/>
      <c r="RVS725" s="613"/>
      <c r="RVT725" s="613"/>
      <c r="RVU725" s="613"/>
      <c r="RVV725" s="613"/>
      <c r="RVW725" s="613"/>
      <c r="RVX725" s="613"/>
      <c r="RVY725" s="613"/>
      <c r="RVZ725" s="613"/>
      <c r="RWA725" s="613"/>
      <c r="RWB725" s="613"/>
      <c r="RWC725" s="613"/>
      <c r="RWD725" s="613"/>
      <c r="RWE725" s="613"/>
      <c r="RWF725" s="613"/>
      <c r="RWG725" s="613"/>
      <c r="RWH725" s="613"/>
      <c r="RWI725" s="613"/>
      <c r="RWJ725" s="613"/>
      <c r="RWK725" s="613"/>
      <c r="RWL725" s="613"/>
      <c r="RWM725" s="613"/>
      <c r="RWN725" s="613"/>
      <c r="RWO725" s="613"/>
      <c r="RWP725" s="613"/>
      <c r="RWQ725" s="613"/>
      <c r="RWR725" s="613"/>
      <c r="RWS725" s="613"/>
      <c r="RWT725" s="613"/>
      <c r="RWU725" s="613"/>
      <c r="RWV725" s="613"/>
      <c r="RWW725" s="613"/>
      <c r="RWX725" s="613"/>
      <c r="RWY725" s="613"/>
      <c r="RWZ725" s="613"/>
      <c r="RXA725" s="613"/>
      <c r="RXB725" s="613"/>
      <c r="RXC725" s="613"/>
      <c r="RXD725" s="613"/>
      <c r="RXE725" s="613"/>
      <c r="RXF725" s="613"/>
      <c r="RXG725" s="613"/>
      <c r="RXH725" s="613"/>
      <c r="RXI725" s="613"/>
      <c r="RXJ725" s="613"/>
      <c r="RXK725" s="613"/>
      <c r="RXL725" s="613"/>
      <c r="RXM725" s="613"/>
      <c r="RXN725" s="613"/>
      <c r="RXO725" s="613"/>
      <c r="RXP725" s="613"/>
      <c r="RXQ725" s="613"/>
      <c r="RXR725" s="613"/>
      <c r="RXS725" s="613"/>
      <c r="RXT725" s="613"/>
      <c r="RXU725" s="613"/>
      <c r="RXV725" s="613"/>
      <c r="RXW725" s="613"/>
      <c r="RXX725" s="613"/>
      <c r="RXY725" s="613"/>
      <c r="RXZ725" s="613"/>
      <c r="RYA725" s="613"/>
      <c r="RYB725" s="613"/>
      <c r="RYC725" s="613"/>
      <c r="RYD725" s="613"/>
      <c r="RYE725" s="613"/>
      <c r="RYF725" s="613"/>
      <c r="RYG725" s="613"/>
      <c r="RYH725" s="613"/>
      <c r="RYI725" s="613"/>
      <c r="RYJ725" s="613"/>
      <c r="RYK725" s="613"/>
      <c r="RYL725" s="613"/>
      <c r="RYM725" s="613"/>
      <c r="RYN725" s="613"/>
      <c r="RYO725" s="613"/>
      <c r="RYP725" s="613"/>
      <c r="RYQ725" s="613"/>
      <c r="RYR725" s="613"/>
      <c r="RYS725" s="613"/>
      <c r="RYT725" s="613"/>
      <c r="RYU725" s="613"/>
      <c r="RYV725" s="613"/>
      <c r="RYW725" s="613"/>
      <c r="RYX725" s="613"/>
      <c r="RYY725" s="613"/>
      <c r="RYZ725" s="613"/>
      <c r="RZA725" s="613"/>
      <c r="RZB725" s="613"/>
      <c r="RZC725" s="613"/>
      <c r="RZD725" s="613"/>
      <c r="RZE725" s="613"/>
      <c r="RZF725" s="613"/>
      <c r="RZG725" s="613"/>
      <c r="RZH725" s="613"/>
      <c r="RZI725" s="613"/>
      <c r="RZJ725" s="613"/>
      <c r="RZK725" s="613"/>
      <c r="RZL725" s="613"/>
      <c r="RZM725" s="613"/>
      <c r="RZN725" s="613"/>
      <c r="RZO725" s="613"/>
      <c r="RZP725" s="613"/>
      <c r="RZQ725" s="613"/>
      <c r="RZR725" s="613"/>
      <c r="RZS725" s="613"/>
      <c r="RZT725" s="613"/>
      <c r="RZU725" s="613"/>
      <c r="RZV725" s="613"/>
      <c r="RZW725" s="613"/>
      <c r="RZX725" s="613"/>
      <c r="RZY725" s="613"/>
      <c r="RZZ725" s="613"/>
      <c r="SAA725" s="613"/>
      <c r="SAB725" s="613"/>
      <c r="SAC725" s="613"/>
      <c r="SAD725" s="613"/>
      <c r="SAE725" s="613"/>
      <c r="SAF725" s="613"/>
      <c r="SAG725" s="613"/>
      <c r="SAH725" s="613"/>
      <c r="SAI725" s="613"/>
      <c r="SAJ725" s="613"/>
      <c r="SAK725" s="613"/>
      <c r="SAL725" s="613"/>
      <c r="SAM725" s="613"/>
      <c r="SAN725" s="613"/>
      <c r="SAO725" s="613"/>
      <c r="SAP725" s="613"/>
      <c r="SAQ725" s="613"/>
      <c r="SAR725" s="613"/>
      <c r="SAS725" s="613"/>
      <c r="SAT725" s="613"/>
      <c r="SAU725" s="613"/>
      <c r="SAV725" s="613"/>
      <c r="SAW725" s="613"/>
      <c r="SAX725" s="613"/>
      <c r="SAY725" s="613"/>
      <c r="SAZ725" s="613"/>
      <c r="SBA725" s="613"/>
      <c r="SBB725" s="613"/>
      <c r="SBC725" s="613"/>
      <c r="SBD725" s="613"/>
      <c r="SBE725" s="613"/>
      <c r="SBF725" s="613"/>
      <c r="SBG725" s="613"/>
      <c r="SBH725" s="613"/>
      <c r="SBI725" s="613"/>
      <c r="SBJ725" s="613"/>
      <c r="SBK725" s="613"/>
      <c r="SBL725" s="613"/>
      <c r="SBM725" s="613"/>
      <c r="SBN725" s="613"/>
      <c r="SBO725" s="613"/>
      <c r="SBP725" s="613"/>
      <c r="SBQ725" s="613"/>
      <c r="SBR725" s="613"/>
      <c r="SBS725" s="613"/>
      <c r="SBT725" s="613"/>
      <c r="SBU725" s="613"/>
      <c r="SBV725" s="613"/>
      <c r="SBW725" s="613"/>
      <c r="SBX725" s="613"/>
      <c r="SBY725" s="613"/>
      <c r="SBZ725" s="613"/>
      <c r="SCA725" s="613"/>
      <c r="SCB725" s="613"/>
      <c r="SCC725" s="613"/>
      <c r="SCD725" s="613"/>
      <c r="SCE725" s="613"/>
      <c r="SCF725" s="613"/>
      <c r="SCG725" s="613"/>
      <c r="SCH725" s="613"/>
      <c r="SCI725" s="613"/>
      <c r="SCJ725" s="613"/>
      <c r="SCK725" s="613"/>
      <c r="SCL725" s="613"/>
      <c r="SCM725" s="613"/>
      <c r="SCN725" s="613"/>
      <c r="SCO725" s="613"/>
      <c r="SCP725" s="613"/>
      <c r="SCQ725" s="613"/>
      <c r="SCR725" s="613"/>
      <c r="SCS725" s="613"/>
      <c r="SCT725" s="613"/>
      <c r="SCU725" s="613"/>
      <c r="SCV725" s="613"/>
      <c r="SCW725" s="613"/>
      <c r="SCX725" s="613"/>
      <c r="SCY725" s="613"/>
      <c r="SCZ725" s="613"/>
      <c r="SDA725" s="613"/>
      <c r="SDB725" s="613"/>
      <c r="SDC725" s="613"/>
      <c r="SDD725" s="613"/>
      <c r="SDE725" s="613"/>
      <c r="SDF725" s="613"/>
      <c r="SDG725" s="613"/>
      <c r="SDH725" s="613"/>
      <c r="SDI725" s="613"/>
      <c r="SDJ725" s="613"/>
      <c r="SDK725" s="613"/>
      <c r="SDL725" s="613"/>
      <c r="SDM725" s="613"/>
      <c r="SDN725" s="613"/>
      <c r="SDO725" s="613"/>
      <c r="SDP725" s="613"/>
      <c r="SDQ725" s="613"/>
      <c r="SDR725" s="613"/>
      <c r="SDS725" s="613"/>
      <c r="SDT725" s="613"/>
      <c r="SDU725" s="613"/>
      <c r="SDV725" s="613"/>
      <c r="SDW725" s="613"/>
      <c r="SDX725" s="613"/>
      <c r="SDY725" s="613"/>
      <c r="SDZ725" s="613"/>
      <c r="SEA725" s="613"/>
      <c r="SEB725" s="613"/>
      <c r="SEC725" s="613"/>
      <c r="SED725" s="613"/>
      <c r="SEE725" s="613"/>
      <c r="SEF725" s="613"/>
      <c r="SEG725" s="613"/>
      <c r="SEH725" s="613"/>
      <c r="SEI725" s="613"/>
      <c r="SEJ725" s="613"/>
      <c r="SEK725" s="613"/>
      <c r="SEL725" s="613"/>
      <c r="SEM725" s="613"/>
      <c r="SEN725" s="613"/>
      <c r="SEO725" s="613"/>
      <c r="SEP725" s="613"/>
      <c r="SEQ725" s="613"/>
      <c r="SER725" s="613"/>
      <c r="SES725" s="613"/>
      <c r="SET725" s="613"/>
      <c r="SEU725" s="613"/>
      <c r="SEV725" s="613"/>
      <c r="SEW725" s="613"/>
      <c r="SEX725" s="613"/>
      <c r="SEY725" s="613"/>
      <c r="SEZ725" s="613"/>
      <c r="SFA725" s="613"/>
      <c r="SFB725" s="613"/>
      <c r="SFC725" s="613"/>
      <c r="SFD725" s="613"/>
      <c r="SFE725" s="613"/>
      <c r="SFF725" s="613"/>
      <c r="SFG725" s="613"/>
      <c r="SFH725" s="613"/>
      <c r="SFI725" s="613"/>
      <c r="SFJ725" s="613"/>
      <c r="SFK725" s="613"/>
      <c r="SFL725" s="613"/>
      <c r="SFM725" s="613"/>
      <c r="SFN725" s="613"/>
      <c r="SFO725" s="613"/>
      <c r="SFP725" s="613"/>
      <c r="SFQ725" s="613"/>
      <c r="SFR725" s="613"/>
      <c r="SFS725" s="613"/>
      <c r="SFT725" s="613"/>
      <c r="SFU725" s="613"/>
      <c r="SFV725" s="613"/>
      <c r="SFW725" s="613"/>
      <c r="SFX725" s="613"/>
      <c r="SFY725" s="613"/>
      <c r="SFZ725" s="613"/>
      <c r="SGA725" s="613"/>
      <c r="SGB725" s="613"/>
      <c r="SGC725" s="613"/>
      <c r="SGD725" s="613"/>
      <c r="SGE725" s="613"/>
      <c r="SGF725" s="613"/>
      <c r="SGG725" s="613"/>
      <c r="SGH725" s="613"/>
      <c r="SGI725" s="613"/>
      <c r="SGJ725" s="613"/>
      <c r="SGK725" s="613"/>
      <c r="SGL725" s="613"/>
      <c r="SGM725" s="613"/>
      <c r="SGN725" s="613"/>
      <c r="SGO725" s="613"/>
      <c r="SGP725" s="613"/>
      <c r="SGQ725" s="613"/>
      <c r="SGR725" s="613"/>
      <c r="SGS725" s="613"/>
      <c r="SGT725" s="613"/>
      <c r="SGU725" s="613"/>
      <c r="SGV725" s="613"/>
      <c r="SGW725" s="613"/>
      <c r="SGX725" s="613"/>
      <c r="SGY725" s="613"/>
      <c r="SGZ725" s="613"/>
      <c r="SHA725" s="613"/>
      <c r="SHB725" s="613"/>
      <c r="SHC725" s="613"/>
      <c r="SHD725" s="613"/>
      <c r="SHE725" s="613"/>
      <c r="SHF725" s="613"/>
      <c r="SHG725" s="613"/>
      <c r="SHH725" s="613"/>
      <c r="SHI725" s="613"/>
      <c r="SHJ725" s="613"/>
      <c r="SHK725" s="613"/>
      <c r="SHL725" s="613"/>
      <c r="SHM725" s="613"/>
      <c r="SHN725" s="613"/>
      <c r="SHO725" s="613"/>
      <c r="SHP725" s="613"/>
      <c r="SHQ725" s="613"/>
      <c r="SHR725" s="613"/>
      <c r="SHS725" s="613"/>
      <c r="SHT725" s="613"/>
      <c r="SHU725" s="613"/>
      <c r="SHV725" s="613"/>
      <c r="SHW725" s="613"/>
      <c r="SHX725" s="613"/>
      <c r="SHY725" s="613"/>
      <c r="SHZ725" s="613"/>
      <c r="SIA725" s="613"/>
      <c r="SIB725" s="613"/>
      <c r="SIC725" s="613"/>
      <c r="SID725" s="613"/>
      <c r="SIE725" s="613"/>
      <c r="SIF725" s="613"/>
      <c r="SIG725" s="613"/>
      <c r="SIH725" s="613"/>
      <c r="SII725" s="613"/>
      <c r="SIJ725" s="613"/>
      <c r="SIK725" s="613"/>
      <c r="SIL725" s="613"/>
      <c r="SIM725" s="613"/>
      <c r="SIN725" s="613"/>
      <c r="SIO725" s="613"/>
      <c r="SIP725" s="613"/>
      <c r="SIQ725" s="613"/>
      <c r="SIR725" s="613"/>
      <c r="SIS725" s="613"/>
      <c r="SIT725" s="613"/>
      <c r="SIU725" s="613"/>
      <c r="SIV725" s="613"/>
      <c r="SIW725" s="613"/>
      <c r="SIX725" s="613"/>
      <c r="SIY725" s="613"/>
      <c r="SIZ725" s="613"/>
      <c r="SJA725" s="613"/>
      <c r="SJB725" s="613"/>
      <c r="SJC725" s="613"/>
      <c r="SJD725" s="613"/>
      <c r="SJE725" s="613"/>
      <c r="SJF725" s="613"/>
      <c r="SJG725" s="613"/>
      <c r="SJH725" s="613"/>
      <c r="SJI725" s="613"/>
      <c r="SJJ725" s="613"/>
      <c r="SJK725" s="613"/>
      <c r="SJL725" s="613"/>
      <c r="SJM725" s="613"/>
      <c r="SJN725" s="613"/>
      <c r="SJO725" s="613"/>
      <c r="SJP725" s="613"/>
      <c r="SJQ725" s="613"/>
      <c r="SJR725" s="613"/>
      <c r="SJS725" s="613"/>
      <c r="SJT725" s="613"/>
      <c r="SJU725" s="613"/>
      <c r="SJV725" s="613"/>
      <c r="SJW725" s="613"/>
      <c r="SJX725" s="613"/>
      <c r="SJY725" s="613"/>
      <c r="SJZ725" s="613"/>
      <c r="SKA725" s="613"/>
      <c r="SKB725" s="613"/>
      <c r="SKC725" s="613"/>
      <c r="SKD725" s="613"/>
      <c r="SKE725" s="613"/>
      <c r="SKF725" s="613"/>
      <c r="SKG725" s="613"/>
      <c r="SKH725" s="613"/>
      <c r="SKI725" s="613"/>
      <c r="SKJ725" s="613"/>
      <c r="SKK725" s="613"/>
      <c r="SKL725" s="613"/>
      <c r="SKM725" s="613"/>
      <c r="SKN725" s="613"/>
      <c r="SKO725" s="613"/>
      <c r="SKP725" s="613"/>
      <c r="SKQ725" s="613"/>
      <c r="SKR725" s="613"/>
      <c r="SKS725" s="613"/>
      <c r="SKT725" s="613"/>
      <c r="SKU725" s="613"/>
      <c r="SKV725" s="613"/>
      <c r="SKW725" s="613"/>
      <c r="SKX725" s="613"/>
      <c r="SKY725" s="613"/>
      <c r="SKZ725" s="613"/>
      <c r="SLA725" s="613"/>
      <c r="SLB725" s="613"/>
      <c r="SLC725" s="613"/>
      <c r="SLD725" s="613"/>
      <c r="SLE725" s="613"/>
      <c r="SLF725" s="613"/>
      <c r="SLG725" s="613"/>
      <c r="SLH725" s="613"/>
      <c r="SLI725" s="613"/>
      <c r="SLJ725" s="613"/>
      <c r="SLK725" s="613"/>
      <c r="SLL725" s="613"/>
      <c r="SLM725" s="613"/>
      <c r="SLN725" s="613"/>
      <c r="SLO725" s="613"/>
      <c r="SLP725" s="613"/>
      <c r="SLQ725" s="613"/>
      <c r="SLR725" s="613"/>
      <c r="SLS725" s="613"/>
      <c r="SLT725" s="613"/>
      <c r="SLU725" s="613"/>
      <c r="SLV725" s="613"/>
      <c r="SLW725" s="613"/>
      <c r="SLX725" s="613"/>
      <c r="SLY725" s="613"/>
      <c r="SLZ725" s="613"/>
      <c r="SMA725" s="613"/>
      <c r="SMB725" s="613"/>
      <c r="SMC725" s="613"/>
      <c r="SMD725" s="613"/>
      <c r="SME725" s="613"/>
      <c r="SMF725" s="613"/>
      <c r="SMG725" s="613"/>
      <c r="SMH725" s="613"/>
      <c r="SMI725" s="613"/>
      <c r="SMJ725" s="613"/>
      <c r="SMK725" s="613"/>
      <c r="SML725" s="613"/>
      <c r="SMM725" s="613"/>
      <c r="SMN725" s="613"/>
      <c r="SMO725" s="613"/>
      <c r="SMP725" s="613"/>
      <c r="SMQ725" s="613"/>
      <c r="SMR725" s="613"/>
      <c r="SMS725" s="613"/>
      <c r="SMT725" s="613"/>
      <c r="SMU725" s="613"/>
      <c r="SMV725" s="613"/>
      <c r="SMW725" s="613"/>
      <c r="SMX725" s="613"/>
      <c r="SMY725" s="613"/>
      <c r="SMZ725" s="613"/>
      <c r="SNA725" s="613"/>
      <c r="SNB725" s="613"/>
      <c r="SNC725" s="613"/>
      <c r="SND725" s="613"/>
      <c r="SNE725" s="613"/>
      <c r="SNF725" s="613"/>
      <c r="SNG725" s="613"/>
      <c r="SNH725" s="613"/>
      <c r="SNI725" s="613"/>
      <c r="SNJ725" s="613"/>
      <c r="SNK725" s="613"/>
      <c r="SNL725" s="613"/>
      <c r="SNM725" s="613"/>
      <c r="SNN725" s="613"/>
      <c r="SNO725" s="613"/>
      <c r="SNP725" s="613"/>
      <c r="SNQ725" s="613"/>
      <c r="SNR725" s="613"/>
      <c r="SNS725" s="613"/>
      <c r="SNT725" s="613"/>
      <c r="SNU725" s="613"/>
      <c r="SNV725" s="613"/>
      <c r="SNW725" s="613"/>
      <c r="SNX725" s="613"/>
      <c r="SNY725" s="613"/>
      <c r="SNZ725" s="613"/>
      <c r="SOA725" s="613"/>
      <c r="SOB725" s="613"/>
      <c r="SOC725" s="613"/>
      <c r="SOD725" s="613"/>
      <c r="SOE725" s="613"/>
      <c r="SOF725" s="613"/>
      <c r="SOG725" s="613"/>
      <c r="SOH725" s="613"/>
      <c r="SOI725" s="613"/>
      <c r="SOJ725" s="613"/>
      <c r="SOK725" s="613"/>
      <c r="SOL725" s="613"/>
      <c r="SOM725" s="613"/>
      <c r="SON725" s="613"/>
      <c r="SOO725" s="613"/>
      <c r="SOP725" s="613"/>
      <c r="SOQ725" s="613"/>
      <c r="SOR725" s="613"/>
      <c r="SOS725" s="613"/>
      <c r="SOT725" s="613"/>
      <c r="SOU725" s="613"/>
      <c r="SOV725" s="613"/>
      <c r="SOW725" s="613"/>
      <c r="SOX725" s="613"/>
      <c r="SOY725" s="613"/>
      <c r="SOZ725" s="613"/>
      <c r="SPA725" s="613"/>
      <c r="SPB725" s="613"/>
      <c r="SPC725" s="613"/>
      <c r="SPD725" s="613"/>
      <c r="SPE725" s="613"/>
      <c r="SPF725" s="613"/>
      <c r="SPG725" s="613"/>
      <c r="SPH725" s="613"/>
      <c r="SPI725" s="613"/>
      <c r="SPJ725" s="613"/>
      <c r="SPK725" s="613"/>
      <c r="SPL725" s="613"/>
      <c r="SPM725" s="613"/>
      <c r="SPN725" s="613"/>
      <c r="SPO725" s="613"/>
      <c r="SPP725" s="613"/>
      <c r="SPQ725" s="613"/>
      <c r="SPR725" s="613"/>
      <c r="SPS725" s="613"/>
      <c r="SPT725" s="613"/>
      <c r="SPU725" s="613"/>
      <c r="SPV725" s="613"/>
      <c r="SPW725" s="613"/>
      <c r="SPX725" s="613"/>
      <c r="SPY725" s="613"/>
      <c r="SPZ725" s="613"/>
      <c r="SQA725" s="613"/>
      <c r="SQB725" s="613"/>
      <c r="SQC725" s="613"/>
      <c r="SQD725" s="613"/>
      <c r="SQE725" s="613"/>
      <c r="SQF725" s="613"/>
      <c r="SQG725" s="613"/>
      <c r="SQH725" s="613"/>
      <c r="SQI725" s="613"/>
      <c r="SQJ725" s="613"/>
      <c r="SQK725" s="613"/>
      <c r="SQL725" s="613"/>
      <c r="SQM725" s="613"/>
      <c r="SQN725" s="613"/>
      <c r="SQO725" s="613"/>
      <c r="SQP725" s="613"/>
      <c r="SQQ725" s="613"/>
      <c r="SQR725" s="613"/>
      <c r="SQS725" s="613"/>
      <c r="SQT725" s="613"/>
      <c r="SQU725" s="613"/>
      <c r="SQV725" s="613"/>
      <c r="SQW725" s="613"/>
      <c r="SQX725" s="613"/>
      <c r="SQY725" s="613"/>
      <c r="SQZ725" s="613"/>
      <c r="SRA725" s="613"/>
      <c r="SRB725" s="613"/>
      <c r="SRC725" s="613"/>
      <c r="SRD725" s="613"/>
      <c r="SRE725" s="613"/>
      <c r="SRF725" s="613"/>
      <c r="SRG725" s="613"/>
      <c r="SRH725" s="613"/>
      <c r="SRI725" s="613"/>
      <c r="SRJ725" s="613"/>
      <c r="SRK725" s="613"/>
      <c r="SRL725" s="613"/>
      <c r="SRM725" s="613"/>
      <c r="SRN725" s="613"/>
      <c r="SRO725" s="613"/>
      <c r="SRP725" s="613"/>
      <c r="SRQ725" s="613"/>
      <c r="SRR725" s="613"/>
      <c r="SRS725" s="613"/>
      <c r="SRT725" s="613"/>
      <c r="SRU725" s="613"/>
      <c r="SRV725" s="613"/>
      <c r="SRW725" s="613"/>
      <c r="SRX725" s="613"/>
      <c r="SRY725" s="613"/>
      <c r="SRZ725" s="613"/>
      <c r="SSA725" s="613"/>
      <c r="SSB725" s="613"/>
      <c r="SSC725" s="613"/>
      <c r="SSD725" s="613"/>
      <c r="SSE725" s="613"/>
      <c r="SSF725" s="613"/>
      <c r="SSG725" s="613"/>
      <c r="SSH725" s="613"/>
      <c r="SSI725" s="613"/>
      <c r="SSJ725" s="613"/>
      <c r="SSK725" s="613"/>
      <c r="SSL725" s="613"/>
      <c r="SSM725" s="613"/>
      <c r="SSN725" s="613"/>
      <c r="SSO725" s="613"/>
      <c r="SSP725" s="613"/>
      <c r="SSQ725" s="613"/>
      <c r="SSR725" s="613"/>
      <c r="SSS725" s="613"/>
      <c r="SST725" s="613"/>
      <c r="SSU725" s="613"/>
      <c r="SSV725" s="613"/>
      <c r="SSW725" s="613"/>
      <c r="SSX725" s="613"/>
      <c r="SSY725" s="613"/>
      <c r="SSZ725" s="613"/>
      <c r="STA725" s="613"/>
      <c r="STB725" s="613"/>
      <c r="STC725" s="613"/>
      <c r="STD725" s="613"/>
      <c r="STE725" s="613"/>
      <c r="STF725" s="613"/>
      <c r="STG725" s="613"/>
      <c r="STH725" s="613"/>
      <c r="STI725" s="613"/>
      <c r="STJ725" s="613"/>
      <c r="STK725" s="613"/>
      <c r="STL725" s="613"/>
      <c r="STM725" s="613"/>
      <c r="STN725" s="613"/>
      <c r="STO725" s="613"/>
      <c r="STP725" s="613"/>
      <c r="STQ725" s="613"/>
      <c r="STR725" s="613"/>
      <c r="STS725" s="613"/>
      <c r="STT725" s="613"/>
      <c r="STU725" s="613"/>
      <c r="STV725" s="613"/>
      <c r="STW725" s="613"/>
      <c r="STX725" s="613"/>
      <c r="STY725" s="613"/>
      <c r="STZ725" s="613"/>
      <c r="SUA725" s="613"/>
      <c r="SUB725" s="613"/>
      <c r="SUC725" s="613"/>
      <c r="SUD725" s="613"/>
      <c r="SUE725" s="613"/>
      <c r="SUF725" s="613"/>
      <c r="SUG725" s="613"/>
      <c r="SUH725" s="613"/>
      <c r="SUI725" s="613"/>
      <c r="SUJ725" s="613"/>
      <c r="SUK725" s="613"/>
      <c r="SUL725" s="613"/>
      <c r="SUM725" s="613"/>
      <c r="SUN725" s="613"/>
      <c r="SUO725" s="613"/>
      <c r="SUP725" s="613"/>
      <c r="SUQ725" s="613"/>
      <c r="SUR725" s="613"/>
      <c r="SUS725" s="613"/>
      <c r="SUT725" s="613"/>
      <c r="SUU725" s="613"/>
      <c r="SUV725" s="613"/>
      <c r="SUW725" s="613"/>
      <c r="SUX725" s="613"/>
      <c r="SUY725" s="613"/>
      <c r="SUZ725" s="613"/>
      <c r="SVA725" s="613"/>
      <c r="SVB725" s="613"/>
      <c r="SVC725" s="613"/>
      <c r="SVD725" s="613"/>
      <c r="SVE725" s="613"/>
      <c r="SVF725" s="613"/>
      <c r="SVG725" s="613"/>
      <c r="SVH725" s="613"/>
      <c r="SVI725" s="613"/>
      <c r="SVJ725" s="613"/>
      <c r="SVK725" s="613"/>
      <c r="SVL725" s="613"/>
      <c r="SVM725" s="613"/>
      <c r="SVN725" s="613"/>
      <c r="SVO725" s="613"/>
      <c r="SVP725" s="613"/>
      <c r="SVQ725" s="613"/>
      <c r="SVR725" s="613"/>
      <c r="SVS725" s="613"/>
      <c r="SVT725" s="613"/>
      <c r="SVU725" s="613"/>
      <c r="SVV725" s="613"/>
      <c r="SVW725" s="613"/>
      <c r="SVX725" s="613"/>
      <c r="SVY725" s="613"/>
      <c r="SVZ725" s="613"/>
      <c r="SWA725" s="613"/>
      <c r="SWB725" s="613"/>
      <c r="SWC725" s="613"/>
      <c r="SWD725" s="613"/>
      <c r="SWE725" s="613"/>
      <c r="SWF725" s="613"/>
      <c r="SWG725" s="613"/>
      <c r="SWH725" s="613"/>
      <c r="SWI725" s="613"/>
      <c r="SWJ725" s="613"/>
      <c r="SWK725" s="613"/>
      <c r="SWL725" s="613"/>
      <c r="SWM725" s="613"/>
      <c r="SWN725" s="613"/>
      <c r="SWO725" s="613"/>
      <c r="SWP725" s="613"/>
      <c r="SWQ725" s="613"/>
      <c r="SWR725" s="613"/>
      <c r="SWS725" s="613"/>
      <c r="SWT725" s="613"/>
      <c r="SWU725" s="613"/>
      <c r="SWV725" s="613"/>
      <c r="SWW725" s="613"/>
      <c r="SWX725" s="613"/>
      <c r="SWY725" s="613"/>
      <c r="SWZ725" s="613"/>
      <c r="SXA725" s="613"/>
      <c r="SXB725" s="613"/>
      <c r="SXC725" s="613"/>
      <c r="SXD725" s="613"/>
      <c r="SXE725" s="613"/>
      <c r="SXF725" s="613"/>
      <c r="SXG725" s="613"/>
      <c r="SXH725" s="613"/>
      <c r="SXI725" s="613"/>
      <c r="SXJ725" s="613"/>
      <c r="SXK725" s="613"/>
      <c r="SXL725" s="613"/>
      <c r="SXM725" s="613"/>
      <c r="SXN725" s="613"/>
      <c r="SXO725" s="613"/>
      <c r="SXP725" s="613"/>
      <c r="SXQ725" s="613"/>
      <c r="SXR725" s="613"/>
      <c r="SXS725" s="613"/>
      <c r="SXT725" s="613"/>
      <c r="SXU725" s="613"/>
      <c r="SXV725" s="613"/>
      <c r="SXW725" s="613"/>
      <c r="SXX725" s="613"/>
      <c r="SXY725" s="613"/>
      <c r="SXZ725" s="613"/>
      <c r="SYA725" s="613"/>
      <c r="SYB725" s="613"/>
      <c r="SYC725" s="613"/>
      <c r="SYD725" s="613"/>
      <c r="SYE725" s="613"/>
      <c r="SYF725" s="613"/>
      <c r="SYG725" s="613"/>
      <c r="SYH725" s="613"/>
      <c r="SYI725" s="613"/>
      <c r="SYJ725" s="613"/>
      <c r="SYK725" s="613"/>
      <c r="SYL725" s="613"/>
      <c r="SYM725" s="613"/>
      <c r="SYN725" s="613"/>
      <c r="SYO725" s="613"/>
      <c r="SYP725" s="613"/>
      <c r="SYQ725" s="613"/>
      <c r="SYR725" s="613"/>
      <c r="SYS725" s="613"/>
      <c r="SYT725" s="613"/>
      <c r="SYU725" s="613"/>
      <c r="SYV725" s="613"/>
      <c r="SYW725" s="613"/>
      <c r="SYX725" s="613"/>
      <c r="SYY725" s="613"/>
      <c r="SYZ725" s="613"/>
      <c r="SZA725" s="613"/>
      <c r="SZB725" s="613"/>
      <c r="SZC725" s="613"/>
      <c r="SZD725" s="613"/>
      <c r="SZE725" s="613"/>
      <c r="SZF725" s="613"/>
      <c r="SZG725" s="613"/>
      <c r="SZH725" s="613"/>
      <c r="SZI725" s="613"/>
      <c r="SZJ725" s="613"/>
      <c r="SZK725" s="613"/>
      <c r="SZL725" s="613"/>
      <c r="SZM725" s="613"/>
      <c r="SZN725" s="613"/>
      <c r="SZO725" s="613"/>
      <c r="SZP725" s="613"/>
      <c r="SZQ725" s="613"/>
      <c r="SZR725" s="613"/>
      <c r="SZS725" s="613"/>
      <c r="SZT725" s="613"/>
      <c r="SZU725" s="613"/>
      <c r="SZV725" s="613"/>
      <c r="SZW725" s="613"/>
      <c r="SZX725" s="613"/>
      <c r="SZY725" s="613"/>
      <c r="SZZ725" s="613"/>
      <c r="TAA725" s="613"/>
      <c r="TAB725" s="613"/>
      <c r="TAC725" s="613"/>
      <c r="TAD725" s="613"/>
      <c r="TAE725" s="613"/>
      <c r="TAF725" s="613"/>
      <c r="TAG725" s="613"/>
      <c r="TAH725" s="613"/>
      <c r="TAI725" s="613"/>
      <c r="TAJ725" s="613"/>
      <c r="TAK725" s="613"/>
      <c r="TAL725" s="613"/>
      <c r="TAM725" s="613"/>
      <c r="TAN725" s="613"/>
      <c r="TAO725" s="613"/>
      <c r="TAP725" s="613"/>
      <c r="TAQ725" s="613"/>
      <c r="TAR725" s="613"/>
      <c r="TAS725" s="613"/>
      <c r="TAT725" s="613"/>
      <c r="TAU725" s="613"/>
      <c r="TAV725" s="613"/>
      <c r="TAW725" s="613"/>
      <c r="TAX725" s="613"/>
      <c r="TAY725" s="613"/>
      <c r="TAZ725" s="613"/>
      <c r="TBA725" s="613"/>
      <c r="TBB725" s="613"/>
      <c r="TBC725" s="613"/>
      <c r="TBD725" s="613"/>
      <c r="TBE725" s="613"/>
      <c r="TBF725" s="613"/>
      <c r="TBG725" s="613"/>
      <c r="TBH725" s="613"/>
      <c r="TBI725" s="613"/>
      <c r="TBJ725" s="613"/>
      <c r="TBK725" s="613"/>
      <c r="TBL725" s="613"/>
      <c r="TBM725" s="613"/>
      <c r="TBN725" s="613"/>
      <c r="TBO725" s="613"/>
      <c r="TBP725" s="613"/>
      <c r="TBQ725" s="613"/>
      <c r="TBR725" s="613"/>
      <c r="TBS725" s="613"/>
      <c r="TBT725" s="613"/>
      <c r="TBU725" s="613"/>
      <c r="TBV725" s="613"/>
      <c r="TBW725" s="613"/>
      <c r="TBX725" s="613"/>
      <c r="TBY725" s="613"/>
      <c r="TBZ725" s="613"/>
      <c r="TCA725" s="613"/>
      <c r="TCB725" s="613"/>
      <c r="TCC725" s="613"/>
      <c r="TCD725" s="613"/>
      <c r="TCE725" s="613"/>
      <c r="TCF725" s="613"/>
      <c r="TCG725" s="613"/>
      <c r="TCH725" s="613"/>
      <c r="TCI725" s="613"/>
      <c r="TCJ725" s="613"/>
      <c r="TCK725" s="613"/>
      <c r="TCL725" s="613"/>
      <c r="TCM725" s="613"/>
      <c r="TCN725" s="613"/>
      <c r="TCO725" s="613"/>
      <c r="TCP725" s="613"/>
      <c r="TCQ725" s="613"/>
      <c r="TCR725" s="613"/>
      <c r="TCS725" s="613"/>
      <c r="TCT725" s="613"/>
      <c r="TCU725" s="613"/>
      <c r="TCV725" s="613"/>
      <c r="TCW725" s="613"/>
      <c r="TCX725" s="613"/>
      <c r="TCY725" s="613"/>
      <c r="TCZ725" s="613"/>
      <c r="TDA725" s="613"/>
      <c r="TDB725" s="613"/>
      <c r="TDC725" s="613"/>
      <c r="TDD725" s="613"/>
      <c r="TDE725" s="613"/>
      <c r="TDF725" s="613"/>
      <c r="TDG725" s="613"/>
      <c r="TDH725" s="613"/>
      <c r="TDI725" s="613"/>
      <c r="TDJ725" s="613"/>
      <c r="TDK725" s="613"/>
      <c r="TDL725" s="613"/>
      <c r="TDM725" s="613"/>
      <c r="TDN725" s="613"/>
      <c r="TDO725" s="613"/>
      <c r="TDP725" s="613"/>
      <c r="TDQ725" s="613"/>
      <c r="TDR725" s="613"/>
      <c r="TDS725" s="613"/>
      <c r="TDT725" s="613"/>
      <c r="TDU725" s="613"/>
      <c r="TDV725" s="613"/>
      <c r="TDW725" s="613"/>
      <c r="TDX725" s="613"/>
      <c r="TDY725" s="613"/>
      <c r="TDZ725" s="613"/>
      <c r="TEA725" s="613"/>
      <c r="TEB725" s="613"/>
      <c r="TEC725" s="613"/>
      <c r="TED725" s="613"/>
      <c r="TEE725" s="613"/>
      <c r="TEF725" s="613"/>
      <c r="TEG725" s="613"/>
      <c r="TEH725" s="613"/>
      <c r="TEI725" s="613"/>
      <c r="TEJ725" s="613"/>
      <c r="TEK725" s="613"/>
      <c r="TEL725" s="613"/>
      <c r="TEM725" s="613"/>
      <c r="TEN725" s="613"/>
      <c r="TEO725" s="613"/>
      <c r="TEP725" s="613"/>
      <c r="TEQ725" s="613"/>
      <c r="TER725" s="613"/>
      <c r="TES725" s="613"/>
      <c r="TET725" s="613"/>
      <c r="TEU725" s="613"/>
      <c r="TEV725" s="613"/>
      <c r="TEW725" s="613"/>
      <c r="TEX725" s="613"/>
      <c r="TEY725" s="613"/>
      <c r="TEZ725" s="613"/>
      <c r="TFA725" s="613"/>
      <c r="TFB725" s="613"/>
      <c r="TFC725" s="613"/>
      <c r="TFD725" s="613"/>
      <c r="TFE725" s="613"/>
      <c r="TFF725" s="613"/>
      <c r="TFG725" s="613"/>
      <c r="TFH725" s="613"/>
      <c r="TFI725" s="613"/>
      <c r="TFJ725" s="613"/>
      <c r="TFK725" s="613"/>
      <c r="TFL725" s="613"/>
      <c r="TFM725" s="613"/>
      <c r="TFN725" s="613"/>
      <c r="TFO725" s="613"/>
      <c r="TFP725" s="613"/>
      <c r="TFQ725" s="613"/>
      <c r="TFR725" s="613"/>
      <c r="TFS725" s="613"/>
      <c r="TFT725" s="613"/>
      <c r="TFU725" s="613"/>
      <c r="TFV725" s="613"/>
      <c r="TFW725" s="613"/>
      <c r="TFX725" s="613"/>
      <c r="TFY725" s="613"/>
      <c r="TFZ725" s="613"/>
      <c r="TGA725" s="613"/>
      <c r="TGB725" s="613"/>
      <c r="TGC725" s="613"/>
      <c r="TGD725" s="613"/>
      <c r="TGE725" s="613"/>
      <c r="TGF725" s="613"/>
      <c r="TGG725" s="613"/>
      <c r="TGH725" s="613"/>
      <c r="TGI725" s="613"/>
      <c r="TGJ725" s="613"/>
      <c r="TGK725" s="613"/>
      <c r="TGL725" s="613"/>
      <c r="TGM725" s="613"/>
      <c r="TGN725" s="613"/>
      <c r="TGO725" s="613"/>
      <c r="TGP725" s="613"/>
      <c r="TGQ725" s="613"/>
      <c r="TGR725" s="613"/>
      <c r="TGS725" s="613"/>
      <c r="TGT725" s="613"/>
      <c r="TGU725" s="613"/>
      <c r="TGV725" s="613"/>
      <c r="TGW725" s="613"/>
      <c r="TGX725" s="613"/>
      <c r="TGY725" s="613"/>
      <c r="TGZ725" s="613"/>
      <c r="THA725" s="613"/>
      <c r="THB725" s="613"/>
      <c r="THC725" s="613"/>
      <c r="THD725" s="613"/>
      <c r="THE725" s="613"/>
      <c r="THF725" s="613"/>
      <c r="THG725" s="613"/>
      <c r="THH725" s="613"/>
      <c r="THI725" s="613"/>
      <c r="THJ725" s="613"/>
      <c r="THK725" s="613"/>
      <c r="THL725" s="613"/>
      <c r="THM725" s="613"/>
      <c r="THN725" s="613"/>
      <c r="THO725" s="613"/>
      <c r="THP725" s="613"/>
      <c r="THQ725" s="613"/>
      <c r="THR725" s="613"/>
      <c r="THS725" s="613"/>
      <c r="THT725" s="613"/>
      <c r="THU725" s="613"/>
      <c r="THV725" s="613"/>
      <c r="THW725" s="613"/>
      <c r="THX725" s="613"/>
      <c r="THY725" s="613"/>
      <c r="THZ725" s="613"/>
      <c r="TIA725" s="613"/>
      <c r="TIB725" s="613"/>
      <c r="TIC725" s="613"/>
      <c r="TID725" s="613"/>
      <c r="TIE725" s="613"/>
      <c r="TIF725" s="613"/>
      <c r="TIG725" s="613"/>
      <c r="TIH725" s="613"/>
      <c r="TII725" s="613"/>
      <c r="TIJ725" s="613"/>
      <c r="TIK725" s="613"/>
      <c r="TIL725" s="613"/>
      <c r="TIM725" s="613"/>
      <c r="TIN725" s="613"/>
      <c r="TIO725" s="613"/>
      <c r="TIP725" s="613"/>
      <c r="TIQ725" s="613"/>
      <c r="TIR725" s="613"/>
      <c r="TIS725" s="613"/>
      <c r="TIT725" s="613"/>
      <c r="TIU725" s="613"/>
      <c r="TIV725" s="613"/>
      <c r="TIW725" s="613"/>
      <c r="TIX725" s="613"/>
      <c r="TIY725" s="613"/>
      <c r="TIZ725" s="613"/>
      <c r="TJA725" s="613"/>
      <c r="TJB725" s="613"/>
      <c r="TJC725" s="613"/>
      <c r="TJD725" s="613"/>
      <c r="TJE725" s="613"/>
      <c r="TJF725" s="613"/>
      <c r="TJG725" s="613"/>
      <c r="TJH725" s="613"/>
      <c r="TJI725" s="613"/>
      <c r="TJJ725" s="613"/>
      <c r="TJK725" s="613"/>
      <c r="TJL725" s="613"/>
      <c r="TJM725" s="613"/>
      <c r="TJN725" s="613"/>
      <c r="TJO725" s="613"/>
      <c r="TJP725" s="613"/>
      <c r="TJQ725" s="613"/>
      <c r="TJR725" s="613"/>
      <c r="TJS725" s="613"/>
      <c r="TJT725" s="613"/>
      <c r="TJU725" s="613"/>
      <c r="TJV725" s="613"/>
      <c r="TJW725" s="613"/>
      <c r="TJX725" s="613"/>
      <c r="TJY725" s="613"/>
      <c r="TJZ725" s="613"/>
      <c r="TKA725" s="613"/>
      <c r="TKB725" s="613"/>
      <c r="TKC725" s="613"/>
      <c r="TKD725" s="613"/>
      <c r="TKE725" s="613"/>
      <c r="TKF725" s="613"/>
      <c r="TKG725" s="613"/>
      <c r="TKH725" s="613"/>
      <c r="TKI725" s="613"/>
      <c r="TKJ725" s="613"/>
      <c r="TKK725" s="613"/>
      <c r="TKL725" s="613"/>
      <c r="TKM725" s="613"/>
      <c r="TKN725" s="613"/>
      <c r="TKO725" s="613"/>
      <c r="TKP725" s="613"/>
      <c r="TKQ725" s="613"/>
      <c r="TKR725" s="613"/>
      <c r="TKS725" s="613"/>
      <c r="TKT725" s="613"/>
      <c r="TKU725" s="613"/>
      <c r="TKV725" s="613"/>
      <c r="TKW725" s="613"/>
      <c r="TKX725" s="613"/>
      <c r="TKY725" s="613"/>
      <c r="TKZ725" s="613"/>
      <c r="TLA725" s="613"/>
      <c r="TLB725" s="613"/>
      <c r="TLC725" s="613"/>
      <c r="TLD725" s="613"/>
      <c r="TLE725" s="613"/>
      <c r="TLF725" s="613"/>
      <c r="TLG725" s="613"/>
      <c r="TLH725" s="613"/>
      <c r="TLI725" s="613"/>
      <c r="TLJ725" s="613"/>
      <c r="TLK725" s="613"/>
      <c r="TLL725" s="613"/>
      <c r="TLM725" s="613"/>
      <c r="TLN725" s="613"/>
      <c r="TLO725" s="613"/>
      <c r="TLP725" s="613"/>
      <c r="TLQ725" s="613"/>
      <c r="TLR725" s="613"/>
      <c r="TLS725" s="613"/>
      <c r="TLT725" s="613"/>
      <c r="TLU725" s="613"/>
      <c r="TLV725" s="613"/>
      <c r="TLW725" s="613"/>
      <c r="TLX725" s="613"/>
      <c r="TLY725" s="613"/>
      <c r="TLZ725" s="613"/>
      <c r="TMA725" s="613"/>
      <c r="TMB725" s="613"/>
      <c r="TMC725" s="613"/>
      <c r="TMD725" s="613"/>
      <c r="TME725" s="613"/>
      <c r="TMF725" s="613"/>
      <c r="TMG725" s="613"/>
      <c r="TMH725" s="613"/>
      <c r="TMI725" s="613"/>
      <c r="TMJ725" s="613"/>
      <c r="TMK725" s="613"/>
      <c r="TML725" s="613"/>
      <c r="TMM725" s="613"/>
      <c r="TMN725" s="613"/>
      <c r="TMO725" s="613"/>
      <c r="TMP725" s="613"/>
      <c r="TMQ725" s="613"/>
      <c r="TMR725" s="613"/>
      <c r="TMS725" s="613"/>
      <c r="TMT725" s="613"/>
      <c r="TMU725" s="613"/>
      <c r="TMV725" s="613"/>
      <c r="TMW725" s="613"/>
      <c r="TMX725" s="613"/>
      <c r="TMY725" s="613"/>
      <c r="TMZ725" s="613"/>
      <c r="TNA725" s="613"/>
      <c r="TNB725" s="613"/>
      <c r="TNC725" s="613"/>
      <c r="TND725" s="613"/>
      <c r="TNE725" s="613"/>
      <c r="TNF725" s="613"/>
      <c r="TNG725" s="613"/>
      <c r="TNH725" s="613"/>
      <c r="TNI725" s="613"/>
      <c r="TNJ725" s="613"/>
      <c r="TNK725" s="613"/>
      <c r="TNL725" s="613"/>
      <c r="TNM725" s="613"/>
      <c r="TNN725" s="613"/>
      <c r="TNO725" s="613"/>
      <c r="TNP725" s="613"/>
      <c r="TNQ725" s="613"/>
      <c r="TNR725" s="613"/>
      <c r="TNS725" s="613"/>
      <c r="TNT725" s="613"/>
      <c r="TNU725" s="613"/>
      <c r="TNV725" s="613"/>
      <c r="TNW725" s="613"/>
      <c r="TNX725" s="613"/>
      <c r="TNY725" s="613"/>
      <c r="TNZ725" s="613"/>
      <c r="TOA725" s="613"/>
      <c r="TOB725" s="613"/>
      <c r="TOC725" s="613"/>
      <c r="TOD725" s="613"/>
      <c r="TOE725" s="613"/>
      <c r="TOF725" s="613"/>
      <c r="TOG725" s="613"/>
      <c r="TOH725" s="613"/>
      <c r="TOI725" s="613"/>
      <c r="TOJ725" s="613"/>
      <c r="TOK725" s="613"/>
      <c r="TOL725" s="613"/>
      <c r="TOM725" s="613"/>
      <c r="TON725" s="613"/>
      <c r="TOO725" s="613"/>
      <c r="TOP725" s="613"/>
      <c r="TOQ725" s="613"/>
      <c r="TOR725" s="613"/>
      <c r="TOS725" s="613"/>
      <c r="TOT725" s="613"/>
      <c r="TOU725" s="613"/>
      <c r="TOV725" s="613"/>
      <c r="TOW725" s="613"/>
      <c r="TOX725" s="613"/>
      <c r="TOY725" s="613"/>
      <c r="TOZ725" s="613"/>
      <c r="TPA725" s="613"/>
      <c r="TPB725" s="613"/>
      <c r="TPC725" s="613"/>
      <c r="TPD725" s="613"/>
      <c r="TPE725" s="613"/>
      <c r="TPF725" s="613"/>
      <c r="TPG725" s="613"/>
      <c r="TPH725" s="613"/>
      <c r="TPI725" s="613"/>
      <c r="TPJ725" s="613"/>
      <c r="TPK725" s="613"/>
      <c r="TPL725" s="613"/>
      <c r="TPM725" s="613"/>
      <c r="TPN725" s="613"/>
      <c r="TPO725" s="613"/>
      <c r="TPP725" s="613"/>
      <c r="TPQ725" s="613"/>
      <c r="TPR725" s="613"/>
      <c r="TPS725" s="613"/>
      <c r="TPT725" s="613"/>
      <c r="TPU725" s="613"/>
      <c r="TPV725" s="613"/>
      <c r="TPW725" s="613"/>
      <c r="TPX725" s="613"/>
      <c r="TPY725" s="613"/>
      <c r="TPZ725" s="613"/>
      <c r="TQA725" s="613"/>
      <c r="TQB725" s="613"/>
      <c r="TQC725" s="613"/>
      <c r="TQD725" s="613"/>
      <c r="TQE725" s="613"/>
      <c r="TQF725" s="613"/>
      <c r="TQG725" s="613"/>
      <c r="TQH725" s="613"/>
      <c r="TQI725" s="613"/>
      <c r="TQJ725" s="613"/>
      <c r="TQK725" s="613"/>
      <c r="TQL725" s="613"/>
      <c r="TQM725" s="613"/>
      <c r="TQN725" s="613"/>
      <c r="TQO725" s="613"/>
      <c r="TQP725" s="613"/>
      <c r="TQQ725" s="613"/>
      <c r="TQR725" s="613"/>
      <c r="TQS725" s="613"/>
      <c r="TQT725" s="613"/>
      <c r="TQU725" s="613"/>
      <c r="TQV725" s="613"/>
      <c r="TQW725" s="613"/>
      <c r="TQX725" s="613"/>
      <c r="TQY725" s="613"/>
      <c r="TQZ725" s="613"/>
      <c r="TRA725" s="613"/>
      <c r="TRB725" s="613"/>
      <c r="TRC725" s="613"/>
      <c r="TRD725" s="613"/>
      <c r="TRE725" s="613"/>
      <c r="TRF725" s="613"/>
      <c r="TRG725" s="613"/>
      <c r="TRH725" s="613"/>
      <c r="TRI725" s="613"/>
      <c r="TRJ725" s="613"/>
      <c r="TRK725" s="613"/>
      <c r="TRL725" s="613"/>
      <c r="TRM725" s="613"/>
      <c r="TRN725" s="613"/>
      <c r="TRO725" s="613"/>
      <c r="TRP725" s="613"/>
      <c r="TRQ725" s="613"/>
      <c r="TRR725" s="613"/>
      <c r="TRS725" s="613"/>
      <c r="TRT725" s="613"/>
      <c r="TRU725" s="613"/>
      <c r="TRV725" s="613"/>
      <c r="TRW725" s="613"/>
      <c r="TRX725" s="613"/>
      <c r="TRY725" s="613"/>
      <c r="TRZ725" s="613"/>
      <c r="TSA725" s="613"/>
      <c r="TSB725" s="613"/>
      <c r="TSC725" s="613"/>
      <c r="TSD725" s="613"/>
      <c r="TSE725" s="613"/>
      <c r="TSF725" s="613"/>
      <c r="TSG725" s="613"/>
      <c r="TSH725" s="613"/>
      <c r="TSI725" s="613"/>
      <c r="TSJ725" s="613"/>
      <c r="TSK725" s="613"/>
      <c r="TSL725" s="613"/>
      <c r="TSM725" s="613"/>
      <c r="TSN725" s="613"/>
      <c r="TSO725" s="613"/>
      <c r="TSP725" s="613"/>
      <c r="TSQ725" s="613"/>
      <c r="TSR725" s="613"/>
      <c r="TSS725" s="613"/>
      <c r="TST725" s="613"/>
      <c r="TSU725" s="613"/>
      <c r="TSV725" s="613"/>
      <c r="TSW725" s="613"/>
      <c r="TSX725" s="613"/>
      <c r="TSY725" s="613"/>
      <c r="TSZ725" s="613"/>
      <c r="TTA725" s="613"/>
      <c r="TTB725" s="613"/>
      <c r="TTC725" s="613"/>
      <c r="TTD725" s="613"/>
      <c r="TTE725" s="613"/>
      <c r="TTF725" s="613"/>
      <c r="TTG725" s="613"/>
      <c r="TTH725" s="613"/>
      <c r="TTI725" s="613"/>
      <c r="TTJ725" s="613"/>
      <c r="TTK725" s="613"/>
      <c r="TTL725" s="613"/>
      <c r="TTM725" s="613"/>
      <c r="TTN725" s="613"/>
      <c r="TTO725" s="613"/>
      <c r="TTP725" s="613"/>
      <c r="TTQ725" s="613"/>
      <c r="TTR725" s="613"/>
      <c r="TTS725" s="613"/>
      <c r="TTT725" s="613"/>
      <c r="TTU725" s="613"/>
      <c r="TTV725" s="613"/>
      <c r="TTW725" s="613"/>
      <c r="TTX725" s="613"/>
      <c r="TTY725" s="613"/>
      <c r="TTZ725" s="613"/>
      <c r="TUA725" s="613"/>
      <c r="TUB725" s="613"/>
      <c r="TUC725" s="613"/>
      <c r="TUD725" s="613"/>
      <c r="TUE725" s="613"/>
      <c r="TUF725" s="613"/>
      <c r="TUG725" s="613"/>
      <c r="TUH725" s="613"/>
      <c r="TUI725" s="613"/>
      <c r="TUJ725" s="613"/>
      <c r="TUK725" s="613"/>
      <c r="TUL725" s="613"/>
      <c r="TUM725" s="613"/>
      <c r="TUN725" s="613"/>
      <c r="TUO725" s="613"/>
      <c r="TUP725" s="613"/>
      <c r="TUQ725" s="613"/>
      <c r="TUR725" s="613"/>
      <c r="TUS725" s="613"/>
      <c r="TUT725" s="613"/>
      <c r="TUU725" s="613"/>
      <c r="TUV725" s="613"/>
      <c r="TUW725" s="613"/>
      <c r="TUX725" s="613"/>
      <c r="TUY725" s="613"/>
      <c r="TUZ725" s="613"/>
      <c r="TVA725" s="613"/>
      <c r="TVB725" s="613"/>
      <c r="TVC725" s="613"/>
      <c r="TVD725" s="613"/>
      <c r="TVE725" s="613"/>
      <c r="TVF725" s="613"/>
      <c r="TVG725" s="613"/>
      <c r="TVH725" s="613"/>
      <c r="TVI725" s="613"/>
      <c r="TVJ725" s="613"/>
      <c r="TVK725" s="613"/>
      <c r="TVL725" s="613"/>
      <c r="TVM725" s="613"/>
      <c r="TVN725" s="613"/>
      <c r="TVO725" s="613"/>
      <c r="TVP725" s="613"/>
      <c r="TVQ725" s="613"/>
      <c r="TVR725" s="613"/>
      <c r="TVS725" s="613"/>
      <c r="TVT725" s="613"/>
      <c r="TVU725" s="613"/>
      <c r="TVV725" s="613"/>
      <c r="TVW725" s="613"/>
      <c r="TVX725" s="613"/>
      <c r="TVY725" s="613"/>
      <c r="TVZ725" s="613"/>
      <c r="TWA725" s="613"/>
      <c r="TWB725" s="613"/>
      <c r="TWC725" s="613"/>
      <c r="TWD725" s="613"/>
      <c r="TWE725" s="613"/>
      <c r="TWF725" s="613"/>
      <c r="TWG725" s="613"/>
      <c r="TWH725" s="613"/>
      <c r="TWI725" s="613"/>
      <c r="TWJ725" s="613"/>
      <c r="TWK725" s="613"/>
      <c r="TWL725" s="613"/>
      <c r="TWM725" s="613"/>
      <c r="TWN725" s="613"/>
      <c r="TWO725" s="613"/>
      <c r="TWP725" s="613"/>
      <c r="TWQ725" s="613"/>
      <c r="TWR725" s="613"/>
      <c r="TWS725" s="613"/>
      <c r="TWT725" s="613"/>
      <c r="TWU725" s="613"/>
      <c r="TWV725" s="613"/>
      <c r="TWW725" s="613"/>
      <c r="TWX725" s="613"/>
      <c r="TWY725" s="613"/>
      <c r="TWZ725" s="613"/>
      <c r="TXA725" s="613"/>
      <c r="TXB725" s="613"/>
      <c r="TXC725" s="613"/>
      <c r="TXD725" s="613"/>
      <c r="TXE725" s="613"/>
      <c r="TXF725" s="613"/>
      <c r="TXG725" s="613"/>
      <c r="TXH725" s="613"/>
      <c r="TXI725" s="613"/>
      <c r="TXJ725" s="613"/>
      <c r="TXK725" s="613"/>
      <c r="TXL725" s="613"/>
      <c r="TXM725" s="613"/>
      <c r="TXN725" s="613"/>
      <c r="TXO725" s="613"/>
      <c r="TXP725" s="613"/>
      <c r="TXQ725" s="613"/>
      <c r="TXR725" s="613"/>
      <c r="TXS725" s="613"/>
      <c r="TXT725" s="613"/>
      <c r="TXU725" s="613"/>
      <c r="TXV725" s="613"/>
      <c r="TXW725" s="613"/>
      <c r="TXX725" s="613"/>
      <c r="TXY725" s="613"/>
      <c r="TXZ725" s="613"/>
      <c r="TYA725" s="613"/>
      <c r="TYB725" s="613"/>
      <c r="TYC725" s="613"/>
      <c r="TYD725" s="613"/>
      <c r="TYE725" s="613"/>
      <c r="TYF725" s="613"/>
      <c r="TYG725" s="613"/>
      <c r="TYH725" s="613"/>
      <c r="TYI725" s="613"/>
      <c r="TYJ725" s="613"/>
      <c r="TYK725" s="613"/>
      <c r="TYL725" s="613"/>
      <c r="TYM725" s="613"/>
      <c r="TYN725" s="613"/>
      <c r="TYO725" s="613"/>
      <c r="TYP725" s="613"/>
      <c r="TYQ725" s="613"/>
      <c r="TYR725" s="613"/>
      <c r="TYS725" s="613"/>
      <c r="TYT725" s="613"/>
      <c r="TYU725" s="613"/>
      <c r="TYV725" s="613"/>
      <c r="TYW725" s="613"/>
      <c r="TYX725" s="613"/>
      <c r="TYY725" s="613"/>
      <c r="TYZ725" s="613"/>
      <c r="TZA725" s="613"/>
      <c r="TZB725" s="613"/>
      <c r="TZC725" s="613"/>
      <c r="TZD725" s="613"/>
      <c r="TZE725" s="613"/>
      <c r="TZF725" s="613"/>
      <c r="TZG725" s="613"/>
      <c r="TZH725" s="613"/>
      <c r="TZI725" s="613"/>
      <c r="TZJ725" s="613"/>
      <c r="TZK725" s="613"/>
      <c r="TZL725" s="613"/>
      <c r="TZM725" s="613"/>
      <c r="TZN725" s="613"/>
      <c r="TZO725" s="613"/>
      <c r="TZP725" s="613"/>
      <c r="TZQ725" s="613"/>
      <c r="TZR725" s="613"/>
      <c r="TZS725" s="613"/>
      <c r="TZT725" s="613"/>
      <c r="TZU725" s="613"/>
      <c r="TZV725" s="613"/>
      <c r="TZW725" s="613"/>
      <c r="TZX725" s="613"/>
      <c r="TZY725" s="613"/>
      <c r="TZZ725" s="613"/>
      <c r="UAA725" s="613"/>
      <c r="UAB725" s="613"/>
      <c r="UAC725" s="613"/>
      <c r="UAD725" s="613"/>
      <c r="UAE725" s="613"/>
      <c r="UAF725" s="613"/>
      <c r="UAG725" s="613"/>
      <c r="UAH725" s="613"/>
      <c r="UAI725" s="613"/>
      <c r="UAJ725" s="613"/>
      <c r="UAK725" s="613"/>
      <c r="UAL725" s="613"/>
      <c r="UAM725" s="613"/>
      <c r="UAN725" s="613"/>
      <c r="UAO725" s="613"/>
      <c r="UAP725" s="613"/>
      <c r="UAQ725" s="613"/>
      <c r="UAR725" s="613"/>
      <c r="UAS725" s="613"/>
      <c r="UAT725" s="613"/>
      <c r="UAU725" s="613"/>
      <c r="UAV725" s="613"/>
      <c r="UAW725" s="613"/>
      <c r="UAX725" s="613"/>
      <c r="UAY725" s="613"/>
      <c r="UAZ725" s="613"/>
      <c r="UBA725" s="613"/>
      <c r="UBB725" s="613"/>
      <c r="UBC725" s="613"/>
      <c r="UBD725" s="613"/>
      <c r="UBE725" s="613"/>
      <c r="UBF725" s="613"/>
      <c r="UBG725" s="613"/>
      <c r="UBH725" s="613"/>
      <c r="UBI725" s="613"/>
      <c r="UBJ725" s="613"/>
      <c r="UBK725" s="613"/>
      <c r="UBL725" s="613"/>
      <c r="UBM725" s="613"/>
      <c r="UBN725" s="613"/>
      <c r="UBO725" s="613"/>
      <c r="UBP725" s="613"/>
      <c r="UBQ725" s="613"/>
      <c r="UBR725" s="613"/>
      <c r="UBS725" s="613"/>
      <c r="UBT725" s="613"/>
      <c r="UBU725" s="613"/>
      <c r="UBV725" s="613"/>
      <c r="UBW725" s="613"/>
      <c r="UBX725" s="613"/>
      <c r="UBY725" s="613"/>
      <c r="UBZ725" s="613"/>
      <c r="UCA725" s="613"/>
      <c r="UCB725" s="613"/>
      <c r="UCC725" s="613"/>
      <c r="UCD725" s="613"/>
      <c r="UCE725" s="613"/>
      <c r="UCF725" s="613"/>
      <c r="UCG725" s="613"/>
      <c r="UCH725" s="613"/>
      <c r="UCI725" s="613"/>
      <c r="UCJ725" s="613"/>
      <c r="UCK725" s="613"/>
      <c r="UCL725" s="613"/>
      <c r="UCM725" s="613"/>
      <c r="UCN725" s="613"/>
      <c r="UCO725" s="613"/>
      <c r="UCP725" s="613"/>
      <c r="UCQ725" s="613"/>
      <c r="UCR725" s="613"/>
      <c r="UCS725" s="613"/>
      <c r="UCT725" s="613"/>
      <c r="UCU725" s="613"/>
      <c r="UCV725" s="613"/>
      <c r="UCW725" s="613"/>
      <c r="UCX725" s="613"/>
      <c r="UCY725" s="613"/>
      <c r="UCZ725" s="613"/>
      <c r="UDA725" s="613"/>
      <c r="UDB725" s="613"/>
      <c r="UDC725" s="613"/>
      <c r="UDD725" s="613"/>
      <c r="UDE725" s="613"/>
      <c r="UDF725" s="613"/>
      <c r="UDG725" s="613"/>
      <c r="UDH725" s="613"/>
      <c r="UDI725" s="613"/>
      <c r="UDJ725" s="613"/>
      <c r="UDK725" s="613"/>
      <c r="UDL725" s="613"/>
      <c r="UDM725" s="613"/>
      <c r="UDN725" s="613"/>
      <c r="UDO725" s="613"/>
      <c r="UDP725" s="613"/>
      <c r="UDQ725" s="613"/>
      <c r="UDR725" s="613"/>
      <c r="UDS725" s="613"/>
      <c r="UDT725" s="613"/>
      <c r="UDU725" s="613"/>
      <c r="UDV725" s="613"/>
      <c r="UDW725" s="613"/>
      <c r="UDX725" s="613"/>
      <c r="UDY725" s="613"/>
      <c r="UDZ725" s="613"/>
      <c r="UEA725" s="613"/>
      <c r="UEB725" s="613"/>
      <c r="UEC725" s="613"/>
      <c r="UED725" s="613"/>
      <c r="UEE725" s="613"/>
      <c r="UEF725" s="613"/>
      <c r="UEG725" s="613"/>
      <c r="UEH725" s="613"/>
      <c r="UEI725" s="613"/>
      <c r="UEJ725" s="613"/>
      <c r="UEK725" s="613"/>
      <c r="UEL725" s="613"/>
      <c r="UEM725" s="613"/>
      <c r="UEN725" s="613"/>
      <c r="UEO725" s="613"/>
      <c r="UEP725" s="613"/>
      <c r="UEQ725" s="613"/>
      <c r="UER725" s="613"/>
      <c r="UES725" s="613"/>
      <c r="UET725" s="613"/>
      <c r="UEU725" s="613"/>
      <c r="UEV725" s="613"/>
      <c r="UEW725" s="613"/>
      <c r="UEX725" s="613"/>
      <c r="UEY725" s="613"/>
      <c r="UEZ725" s="613"/>
      <c r="UFA725" s="613"/>
      <c r="UFB725" s="613"/>
      <c r="UFC725" s="613"/>
      <c r="UFD725" s="613"/>
      <c r="UFE725" s="613"/>
      <c r="UFF725" s="613"/>
      <c r="UFG725" s="613"/>
      <c r="UFH725" s="613"/>
      <c r="UFI725" s="613"/>
      <c r="UFJ725" s="613"/>
      <c r="UFK725" s="613"/>
      <c r="UFL725" s="613"/>
      <c r="UFM725" s="613"/>
      <c r="UFN725" s="613"/>
      <c r="UFO725" s="613"/>
      <c r="UFP725" s="613"/>
      <c r="UFQ725" s="613"/>
      <c r="UFR725" s="613"/>
      <c r="UFS725" s="613"/>
      <c r="UFT725" s="613"/>
      <c r="UFU725" s="613"/>
      <c r="UFV725" s="613"/>
      <c r="UFW725" s="613"/>
      <c r="UFX725" s="613"/>
      <c r="UFY725" s="613"/>
      <c r="UFZ725" s="613"/>
      <c r="UGA725" s="613"/>
      <c r="UGB725" s="613"/>
      <c r="UGC725" s="613"/>
      <c r="UGD725" s="613"/>
      <c r="UGE725" s="613"/>
      <c r="UGF725" s="613"/>
      <c r="UGG725" s="613"/>
      <c r="UGH725" s="613"/>
      <c r="UGI725" s="613"/>
      <c r="UGJ725" s="613"/>
      <c r="UGK725" s="613"/>
      <c r="UGL725" s="613"/>
      <c r="UGM725" s="613"/>
      <c r="UGN725" s="613"/>
      <c r="UGO725" s="613"/>
      <c r="UGP725" s="613"/>
      <c r="UGQ725" s="613"/>
      <c r="UGR725" s="613"/>
      <c r="UGS725" s="613"/>
      <c r="UGT725" s="613"/>
      <c r="UGU725" s="613"/>
      <c r="UGV725" s="613"/>
      <c r="UGW725" s="613"/>
      <c r="UGX725" s="613"/>
      <c r="UGY725" s="613"/>
      <c r="UGZ725" s="613"/>
      <c r="UHA725" s="613"/>
      <c r="UHB725" s="613"/>
      <c r="UHC725" s="613"/>
      <c r="UHD725" s="613"/>
      <c r="UHE725" s="613"/>
      <c r="UHF725" s="613"/>
      <c r="UHG725" s="613"/>
      <c r="UHH725" s="613"/>
      <c r="UHI725" s="613"/>
      <c r="UHJ725" s="613"/>
      <c r="UHK725" s="613"/>
      <c r="UHL725" s="613"/>
      <c r="UHM725" s="613"/>
      <c r="UHN725" s="613"/>
      <c r="UHO725" s="613"/>
      <c r="UHP725" s="613"/>
      <c r="UHQ725" s="613"/>
      <c r="UHR725" s="613"/>
      <c r="UHS725" s="613"/>
      <c r="UHT725" s="613"/>
      <c r="UHU725" s="613"/>
      <c r="UHV725" s="613"/>
      <c r="UHW725" s="613"/>
      <c r="UHX725" s="613"/>
      <c r="UHY725" s="613"/>
      <c r="UHZ725" s="613"/>
      <c r="UIA725" s="613"/>
      <c r="UIB725" s="613"/>
      <c r="UIC725" s="613"/>
      <c r="UID725" s="613"/>
      <c r="UIE725" s="613"/>
      <c r="UIF725" s="613"/>
      <c r="UIG725" s="613"/>
      <c r="UIH725" s="613"/>
      <c r="UII725" s="613"/>
      <c r="UIJ725" s="613"/>
      <c r="UIK725" s="613"/>
      <c r="UIL725" s="613"/>
      <c r="UIM725" s="613"/>
      <c r="UIN725" s="613"/>
      <c r="UIO725" s="613"/>
      <c r="UIP725" s="613"/>
      <c r="UIQ725" s="613"/>
      <c r="UIR725" s="613"/>
      <c r="UIS725" s="613"/>
      <c r="UIT725" s="613"/>
      <c r="UIU725" s="613"/>
      <c r="UIV725" s="613"/>
      <c r="UIW725" s="613"/>
      <c r="UIX725" s="613"/>
      <c r="UIY725" s="613"/>
      <c r="UIZ725" s="613"/>
      <c r="UJA725" s="613"/>
      <c r="UJB725" s="613"/>
      <c r="UJC725" s="613"/>
      <c r="UJD725" s="613"/>
      <c r="UJE725" s="613"/>
      <c r="UJF725" s="613"/>
      <c r="UJG725" s="613"/>
      <c r="UJH725" s="613"/>
      <c r="UJI725" s="613"/>
      <c r="UJJ725" s="613"/>
      <c r="UJK725" s="613"/>
      <c r="UJL725" s="613"/>
      <c r="UJM725" s="613"/>
      <c r="UJN725" s="613"/>
      <c r="UJO725" s="613"/>
      <c r="UJP725" s="613"/>
      <c r="UJQ725" s="613"/>
      <c r="UJR725" s="613"/>
      <c r="UJS725" s="613"/>
      <c r="UJT725" s="613"/>
      <c r="UJU725" s="613"/>
      <c r="UJV725" s="613"/>
      <c r="UJW725" s="613"/>
      <c r="UJX725" s="613"/>
      <c r="UJY725" s="613"/>
      <c r="UJZ725" s="613"/>
      <c r="UKA725" s="613"/>
      <c r="UKB725" s="613"/>
      <c r="UKC725" s="613"/>
      <c r="UKD725" s="613"/>
      <c r="UKE725" s="613"/>
      <c r="UKF725" s="613"/>
      <c r="UKG725" s="613"/>
      <c r="UKH725" s="613"/>
      <c r="UKI725" s="613"/>
      <c r="UKJ725" s="613"/>
      <c r="UKK725" s="613"/>
      <c r="UKL725" s="613"/>
      <c r="UKM725" s="613"/>
      <c r="UKN725" s="613"/>
      <c r="UKO725" s="613"/>
      <c r="UKP725" s="613"/>
      <c r="UKQ725" s="613"/>
      <c r="UKR725" s="613"/>
      <c r="UKS725" s="613"/>
      <c r="UKT725" s="613"/>
      <c r="UKU725" s="613"/>
      <c r="UKV725" s="613"/>
      <c r="UKW725" s="613"/>
      <c r="UKX725" s="613"/>
      <c r="UKY725" s="613"/>
      <c r="UKZ725" s="613"/>
      <c r="ULA725" s="613"/>
      <c r="ULB725" s="613"/>
      <c r="ULC725" s="613"/>
      <c r="ULD725" s="613"/>
      <c r="ULE725" s="613"/>
      <c r="ULF725" s="613"/>
      <c r="ULG725" s="613"/>
      <c r="ULH725" s="613"/>
      <c r="ULI725" s="613"/>
      <c r="ULJ725" s="613"/>
      <c r="ULK725" s="613"/>
      <c r="ULL725" s="613"/>
      <c r="ULM725" s="613"/>
      <c r="ULN725" s="613"/>
      <c r="ULO725" s="613"/>
      <c r="ULP725" s="613"/>
      <c r="ULQ725" s="613"/>
      <c r="ULR725" s="613"/>
      <c r="ULS725" s="613"/>
      <c r="ULT725" s="613"/>
      <c r="ULU725" s="613"/>
      <c r="ULV725" s="613"/>
      <c r="ULW725" s="613"/>
      <c r="ULX725" s="613"/>
      <c r="ULY725" s="613"/>
      <c r="ULZ725" s="613"/>
      <c r="UMA725" s="613"/>
      <c r="UMB725" s="613"/>
      <c r="UMC725" s="613"/>
      <c r="UMD725" s="613"/>
      <c r="UME725" s="613"/>
      <c r="UMF725" s="613"/>
      <c r="UMG725" s="613"/>
      <c r="UMH725" s="613"/>
      <c r="UMI725" s="613"/>
      <c r="UMJ725" s="613"/>
      <c r="UMK725" s="613"/>
      <c r="UML725" s="613"/>
      <c r="UMM725" s="613"/>
      <c r="UMN725" s="613"/>
      <c r="UMO725" s="613"/>
      <c r="UMP725" s="613"/>
      <c r="UMQ725" s="613"/>
      <c r="UMR725" s="613"/>
      <c r="UMS725" s="613"/>
      <c r="UMT725" s="613"/>
      <c r="UMU725" s="613"/>
      <c r="UMV725" s="613"/>
      <c r="UMW725" s="613"/>
      <c r="UMX725" s="613"/>
      <c r="UMY725" s="613"/>
      <c r="UMZ725" s="613"/>
      <c r="UNA725" s="613"/>
      <c r="UNB725" s="613"/>
      <c r="UNC725" s="613"/>
      <c r="UND725" s="613"/>
      <c r="UNE725" s="613"/>
      <c r="UNF725" s="613"/>
      <c r="UNG725" s="613"/>
      <c r="UNH725" s="613"/>
      <c r="UNI725" s="613"/>
      <c r="UNJ725" s="613"/>
      <c r="UNK725" s="613"/>
      <c r="UNL725" s="613"/>
      <c r="UNM725" s="613"/>
      <c r="UNN725" s="613"/>
      <c r="UNO725" s="613"/>
      <c r="UNP725" s="613"/>
      <c r="UNQ725" s="613"/>
      <c r="UNR725" s="613"/>
      <c r="UNS725" s="613"/>
      <c r="UNT725" s="613"/>
      <c r="UNU725" s="613"/>
      <c r="UNV725" s="613"/>
      <c r="UNW725" s="613"/>
      <c r="UNX725" s="613"/>
      <c r="UNY725" s="613"/>
      <c r="UNZ725" s="613"/>
      <c r="UOA725" s="613"/>
      <c r="UOB725" s="613"/>
      <c r="UOC725" s="613"/>
      <c r="UOD725" s="613"/>
      <c r="UOE725" s="613"/>
      <c r="UOF725" s="613"/>
      <c r="UOG725" s="613"/>
      <c r="UOH725" s="613"/>
      <c r="UOI725" s="613"/>
      <c r="UOJ725" s="613"/>
      <c r="UOK725" s="613"/>
      <c r="UOL725" s="613"/>
      <c r="UOM725" s="613"/>
      <c r="UON725" s="613"/>
      <c r="UOO725" s="613"/>
      <c r="UOP725" s="613"/>
      <c r="UOQ725" s="613"/>
      <c r="UOR725" s="613"/>
      <c r="UOS725" s="613"/>
      <c r="UOT725" s="613"/>
      <c r="UOU725" s="613"/>
      <c r="UOV725" s="613"/>
      <c r="UOW725" s="613"/>
      <c r="UOX725" s="613"/>
      <c r="UOY725" s="613"/>
      <c r="UOZ725" s="613"/>
      <c r="UPA725" s="613"/>
      <c r="UPB725" s="613"/>
      <c r="UPC725" s="613"/>
      <c r="UPD725" s="613"/>
      <c r="UPE725" s="613"/>
      <c r="UPF725" s="613"/>
      <c r="UPG725" s="613"/>
      <c r="UPH725" s="613"/>
      <c r="UPI725" s="613"/>
      <c r="UPJ725" s="613"/>
      <c r="UPK725" s="613"/>
      <c r="UPL725" s="613"/>
      <c r="UPM725" s="613"/>
      <c r="UPN725" s="613"/>
      <c r="UPO725" s="613"/>
      <c r="UPP725" s="613"/>
      <c r="UPQ725" s="613"/>
      <c r="UPR725" s="613"/>
      <c r="UPS725" s="613"/>
      <c r="UPT725" s="613"/>
      <c r="UPU725" s="613"/>
      <c r="UPV725" s="613"/>
      <c r="UPW725" s="613"/>
      <c r="UPX725" s="613"/>
      <c r="UPY725" s="613"/>
      <c r="UPZ725" s="613"/>
      <c r="UQA725" s="613"/>
      <c r="UQB725" s="613"/>
      <c r="UQC725" s="613"/>
      <c r="UQD725" s="613"/>
      <c r="UQE725" s="613"/>
      <c r="UQF725" s="613"/>
      <c r="UQG725" s="613"/>
      <c r="UQH725" s="613"/>
      <c r="UQI725" s="613"/>
      <c r="UQJ725" s="613"/>
      <c r="UQK725" s="613"/>
      <c r="UQL725" s="613"/>
      <c r="UQM725" s="613"/>
      <c r="UQN725" s="613"/>
      <c r="UQO725" s="613"/>
      <c r="UQP725" s="613"/>
      <c r="UQQ725" s="613"/>
      <c r="UQR725" s="613"/>
      <c r="UQS725" s="613"/>
      <c r="UQT725" s="613"/>
      <c r="UQU725" s="613"/>
      <c r="UQV725" s="613"/>
      <c r="UQW725" s="613"/>
      <c r="UQX725" s="613"/>
      <c r="UQY725" s="613"/>
      <c r="UQZ725" s="613"/>
      <c r="URA725" s="613"/>
      <c r="URB725" s="613"/>
      <c r="URC725" s="613"/>
      <c r="URD725" s="613"/>
      <c r="URE725" s="613"/>
      <c r="URF725" s="613"/>
      <c r="URG725" s="613"/>
      <c r="URH725" s="613"/>
      <c r="URI725" s="613"/>
      <c r="URJ725" s="613"/>
      <c r="URK725" s="613"/>
      <c r="URL725" s="613"/>
      <c r="URM725" s="613"/>
      <c r="URN725" s="613"/>
      <c r="URO725" s="613"/>
      <c r="URP725" s="613"/>
      <c r="URQ725" s="613"/>
      <c r="URR725" s="613"/>
      <c r="URS725" s="613"/>
      <c r="URT725" s="613"/>
      <c r="URU725" s="613"/>
      <c r="URV725" s="613"/>
      <c r="URW725" s="613"/>
      <c r="URX725" s="613"/>
      <c r="URY725" s="613"/>
      <c r="URZ725" s="613"/>
      <c r="USA725" s="613"/>
      <c r="USB725" s="613"/>
      <c r="USC725" s="613"/>
      <c r="USD725" s="613"/>
      <c r="USE725" s="613"/>
      <c r="USF725" s="613"/>
      <c r="USG725" s="613"/>
      <c r="USH725" s="613"/>
      <c r="USI725" s="613"/>
      <c r="USJ725" s="613"/>
      <c r="USK725" s="613"/>
      <c r="USL725" s="613"/>
      <c r="USM725" s="613"/>
      <c r="USN725" s="613"/>
      <c r="USO725" s="613"/>
      <c r="USP725" s="613"/>
      <c r="USQ725" s="613"/>
      <c r="USR725" s="613"/>
      <c r="USS725" s="613"/>
      <c r="UST725" s="613"/>
      <c r="USU725" s="613"/>
      <c r="USV725" s="613"/>
      <c r="USW725" s="613"/>
      <c r="USX725" s="613"/>
      <c r="USY725" s="613"/>
      <c r="USZ725" s="613"/>
      <c r="UTA725" s="613"/>
      <c r="UTB725" s="613"/>
      <c r="UTC725" s="613"/>
      <c r="UTD725" s="613"/>
      <c r="UTE725" s="613"/>
      <c r="UTF725" s="613"/>
      <c r="UTG725" s="613"/>
      <c r="UTH725" s="613"/>
      <c r="UTI725" s="613"/>
      <c r="UTJ725" s="613"/>
      <c r="UTK725" s="613"/>
      <c r="UTL725" s="613"/>
      <c r="UTM725" s="613"/>
      <c r="UTN725" s="613"/>
      <c r="UTO725" s="613"/>
      <c r="UTP725" s="613"/>
      <c r="UTQ725" s="613"/>
      <c r="UTR725" s="613"/>
      <c r="UTS725" s="613"/>
      <c r="UTT725" s="613"/>
      <c r="UTU725" s="613"/>
      <c r="UTV725" s="613"/>
      <c r="UTW725" s="613"/>
      <c r="UTX725" s="613"/>
      <c r="UTY725" s="613"/>
      <c r="UTZ725" s="613"/>
      <c r="UUA725" s="613"/>
      <c r="UUB725" s="613"/>
      <c r="UUC725" s="613"/>
      <c r="UUD725" s="613"/>
      <c r="UUE725" s="613"/>
      <c r="UUF725" s="613"/>
      <c r="UUG725" s="613"/>
      <c r="UUH725" s="613"/>
      <c r="UUI725" s="613"/>
      <c r="UUJ725" s="613"/>
      <c r="UUK725" s="613"/>
      <c r="UUL725" s="613"/>
      <c r="UUM725" s="613"/>
      <c r="UUN725" s="613"/>
      <c r="UUO725" s="613"/>
      <c r="UUP725" s="613"/>
      <c r="UUQ725" s="613"/>
      <c r="UUR725" s="613"/>
      <c r="UUS725" s="613"/>
      <c r="UUT725" s="613"/>
      <c r="UUU725" s="613"/>
      <c r="UUV725" s="613"/>
      <c r="UUW725" s="613"/>
      <c r="UUX725" s="613"/>
      <c r="UUY725" s="613"/>
      <c r="UUZ725" s="613"/>
      <c r="UVA725" s="613"/>
      <c r="UVB725" s="613"/>
      <c r="UVC725" s="613"/>
      <c r="UVD725" s="613"/>
      <c r="UVE725" s="613"/>
      <c r="UVF725" s="613"/>
      <c r="UVG725" s="613"/>
      <c r="UVH725" s="613"/>
      <c r="UVI725" s="613"/>
      <c r="UVJ725" s="613"/>
      <c r="UVK725" s="613"/>
      <c r="UVL725" s="613"/>
      <c r="UVM725" s="613"/>
      <c r="UVN725" s="613"/>
      <c r="UVO725" s="613"/>
      <c r="UVP725" s="613"/>
      <c r="UVQ725" s="613"/>
      <c r="UVR725" s="613"/>
      <c r="UVS725" s="613"/>
      <c r="UVT725" s="613"/>
      <c r="UVU725" s="613"/>
      <c r="UVV725" s="613"/>
      <c r="UVW725" s="613"/>
      <c r="UVX725" s="613"/>
      <c r="UVY725" s="613"/>
      <c r="UVZ725" s="613"/>
      <c r="UWA725" s="613"/>
      <c r="UWB725" s="613"/>
      <c r="UWC725" s="613"/>
      <c r="UWD725" s="613"/>
      <c r="UWE725" s="613"/>
      <c r="UWF725" s="613"/>
      <c r="UWG725" s="613"/>
      <c r="UWH725" s="613"/>
      <c r="UWI725" s="613"/>
      <c r="UWJ725" s="613"/>
      <c r="UWK725" s="613"/>
      <c r="UWL725" s="613"/>
      <c r="UWM725" s="613"/>
      <c r="UWN725" s="613"/>
      <c r="UWO725" s="613"/>
      <c r="UWP725" s="613"/>
      <c r="UWQ725" s="613"/>
      <c r="UWR725" s="613"/>
      <c r="UWS725" s="613"/>
      <c r="UWT725" s="613"/>
      <c r="UWU725" s="613"/>
      <c r="UWV725" s="613"/>
      <c r="UWW725" s="613"/>
      <c r="UWX725" s="613"/>
      <c r="UWY725" s="613"/>
      <c r="UWZ725" s="613"/>
      <c r="UXA725" s="613"/>
      <c r="UXB725" s="613"/>
      <c r="UXC725" s="613"/>
      <c r="UXD725" s="613"/>
      <c r="UXE725" s="613"/>
      <c r="UXF725" s="613"/>
      <c r="UXG725" s="613"/>
      <c r="UXH725" s="613"/>
      <c r="UXI725" s="613"/>
      <c r="UXJ725" s="613"/>
      <c r="UXK725" s="613"/>
      <c r="UXL725" s="613"/>
      <c r="UXM725" s="613"/>
      <c r="UXN725" s="613"/>
      <c r="UXO725" s="613"/>
      <c r="UXP725" s="613"/>
      <c r="UXQ725" s="613"/>
      <c r="UXR725" s="613"/>
      <c r="UXS725" s="613"/>
      <c r="UXT725" s="613"/>
      <c r="UXU725" s="613"/>
      <c r="UXV725" s="613"/>
      <c r="UXW725" s="613"/>
      <c r="UXX725" s="613"/>
      <c r="UXY725" s="613"/>
      <c r="UXZ725" s="613"/>
      <c r="UYA725" s="613"/>
      <c r="UYB725" s="613"/>
      <c r="UYC725" s="613"/>
      <c r="UYD725" s="613"/>
      <c r="UYE725" s="613"/>
      <c r="UYF725" s="613"/>
      <c r="UYG725" s="613"/>
      <c r="UYH725" s="613"/>
      <c r="UYI725" s="613"/>
      <c r="UYJ725" s="613"/>
      <c r="UYK725" s="613"/>
      <c r="UYL725" s="613"/>
      <c r="UYM725" s="613"/>
      <c r="UYN725" s="613"/>
      <c r="UYO725" s="613"/>
      <c r="UYP725" s="613"/>
      <c r="UYQ725" s="613"/>
      <c r="UYR725" s="613"/>
      <c r="UYS725" s="613"/>
      <c r="UYT725" s="613"/>
      <c r="UYU725" s="613"/>
      <c r="UYV725" s="613"/>
      <c r="UYW725" s="613"/>
      <c r="UYX725" s="613"/>
      <c r="UYY725" s="613"/>
      <c r="UYZ725" s="613"/>
      <c r="UZA725" s="613"/>
      <c r="UZB725" s="613"/>
      <c r="UZC725" s="613"/>
      <c r="UZD725" s="613"/>
      <c r="UZE725" s="613"/>
      <c r="UZF725" s="613"/>
      <c r="UZG725" s="613"/>
      <c r="UZH725" s="613"/>
      <c r="UZI725" s="613"/>
      <c r="UZJ725" s="613"/>
      <c r="UZK725" s="613"/>
      <c r="UZL725" s="613"/>
      <c r="UZM725" s="613"/>
      <c r="UZN725" s="613"/>
      <c r="UZO725" s="613"/>
      <c r="UZP725" s="613"/>
      <c r="UZQ725" s="613"/>
      <c r="UZR725" s="613"/>
      <c r="UZS725" s="613"/>
      <c r="UZT725" s="613"/>
      <c r="UZU725" s="613"/>
      <c r="UZV725" s="613"/>
      <c r="UZW725" s="613"/>
      <c r="UZX725" s="613"/>
      <c r="UZY725" s="613"/>
      <c r="UZZ725" s="613"/>
      <c r="VAA725" s="613"/>
      <c r="VAB725" s="613"/>
      <c r="VAC725" s="613"/>
      <c r="VAD725" s="613"/>
      <c r="VAE725" s="613"/>
      <c r="VAF725" s="613"/>
      <c r="VAG725" s="613"/>
      <c r="VAH725" s="613"/>
      <c r="VAI725" s="613"/>
      <c r="VAJ725" s="613"/>
      <c r="VAK725" s="613"/>
      <c r="VAL725" s="613"/>
      <c r="VAM725" s="613"/>
      <c r="VAN725" s="613"/>
      <c r="VAO725" s="613"/>
      <c r="VAP725" s="613"/>
      <c r="VAQ725" s="613"/>
      <c r="VAR725" s="613"/>
      <c r="VAS725" s="613"/>
      <c r="VAT725" s="613"/>
      <c r="VAU725" s="613"/>
      <c r="VAV725" s="613"/>
      <c r="VAW725" s="613"/>
      <c r="VAX725" s="613"/>
      <c r="VAY725" s="613"/>
      <c r="VAZ725" s="613"/>
      <c r="VBA725" s="613"/>
      <c r="VBB725" s="613"/>
      <c r="VBC725" s="613"/>
      <c r="VBD725" s="613"/>
      <c r="VBE725" s="613"/>
      <c r="VBF725" s="613"/>
      <c r="VBG725" s="613"/>
      <c r="VBH725" s="613"/>
      <c r="VBI725" s="613"/>
      <c r="VBJ725" s="613"/>
      <c r="VBK725" s="613"/>
      <c r="VBL725" s="613"/>
      <c r="VBM725" s="613"/>
      <c r="VBN725" s="613"/>
      <c r="VBO725" s="613"/>
      <c r="VBP725" s="613"/>
      <c r="VBQ725" s="613"/>
      <c r="VBR725" s="613"/>
      <c r="VBS725" s="613"/>
      <c r="VBT725" s="613"/>
      <c r="VBU725" s="613"/>
      <c r="VBV725" s="613"/>
      <c r="VBW725" s="613"/>
      <c r="VBX725" s="613"/>
      <c r="VBY725" s="613"/>
      <c r="VBZ725" s="613"/>
      <c r="VCA725" s="613"/>
      <c r="VCB725" s="613"/>
      <c r="VCC725" s="613"/>
      <c r="VCD725" s="613"/>
      <c r="VCE725" s="613"/>
      <c r="VCF725" s="613"/>
      <c r="VCG725" s="613"/>
      <c r="VCH725" s="613"/>
      <c r="VCI725" s="613"/>
      <c r="VCJ725" s="613"/>
      <c r="VCK725" s="613"/>
      <c r="VCL725" s="613"/>
      <c r="VCM725" s="613"/>
      <c r="VCN725" s="613"/>
      <c r="VCO725" s="613"/>
      <c r="VCP725" s="613"/>
      <c r="VCQ725" s="613"/>
      <c r="VCR725" s="613"/>
      <c r="VCS725" s="613"/>
      <c r="VCT725" s="613"/>
      <c r="VCU725" s="613"/>
      <c r="VCV725" s="613"/>
      <c r="VCW725" s="613"/>
      <c r="VCX725" s="613"/>
      <c r="VCY725" s="613"/>
      <c r="VCZ725" s="613"/>
      <c r="VDA725" s="613"/>
      <c r="VDB725" s="613"/>
      <c r="VDC725" s="613"/>
      <c r="VDD725" s="613"/>
      <c r="VDE725" s="613"/>
      <c r="VDF725" s="613"/>
      <c r="VDG725" s="613"/>
      <c r="VDH725" s="613"/>
      <c r="VDI725" s="613"/>
      <c r="VDJ725" s="613"/>
      <c r="VDK725" s="613"/>
      <c r="VDL725" s="613"/>
      <c r="VDM725" s="613"/>
      <c r="VDN725" s="613"/>
      <c r="VDO725" s="613"/>
      <c r="VDP725" s="613"/>
      <c r="VDQ725" s="613"/>
      <c r="VDR725" s="613"/>
      <c r="VDS725" s="613"/>
      <c r="VDT725" s="613"/>
      <c r="VDU725" s="613"/>
      <c r="VDV725" s="613"/>
      <c r="VDW725" s="613"/>
      <c r="VDX725" s="613"/>
      <c r="VDY725" s="613"/>
      <c r="VDZ725" s="613"/>
      <c r="VEA725" s="613"/>
      <c r="VEB725" s="613"/>
      <c r="VEC725" s="613"/>
      <c r="VED725" s="613"/>
      <c r="VEE725" s="613"/>
      <c r="VEF725" s="613"/>
      <c r="VEG725" s="613"/>
      <c r="VEH725" s="613"/>
      <c r="VEI725" s="613"/>
      <c r="VEJ725" s="613"/>
      <c r="VEK725" s="613"/>
      <c r="VEL725" s="613"/>
      <c r="VEM725" s="613"/>
      <c r="VEN725" s="613"/>
      <c r="VEO725" s="613"/>
      <c r="VEP725" s="613"/>
      <c r="VEQ725" s="613"/>
      <c r="VER725" s="613"/>
      <c r="VES725" s="613"/>
      <c r="VET725" s="613"/>
      <c r="VEU725" s="613"/>
      <c r="VEV725" s="613"/>
      <c r="VEW725" s="613"/>
      <c r="VEX725" s="613"/>
      <c r="VEY725" s="613"/>
      <c r="VEZ725" s="613"/>
      <c r="VFA725" s="613"/>
      <c r="VFB725" s="613"/>
      <c r="VFC725" s="613"/>
      <c r="VFD725" s="613"/>
      <c r="VFE725" s="613"/>
      <c r="VFF725" s="613"/>
      <c r="VFG725" s="613"/>
      <c r="VFH725" s="613"/>
      <c r="VFI725" s="613"/>
      <c r="VFJ725" s="613"/>
      <c r="VFK725" s="613"/>
      <c r="VFL725" s="613"/>
      <c r="VFM725" s="613"/>
      <c r="VFN725" s="613"/>
      <c r="VFO725" s="613"/>
      <c r="VFP725" s="613"/>
      <c r="VFQ725" s="613"/>
      <c r="VFR725" s="613"/>
      <c r="VFS725" s="613"/>
      <c r="VFT725" s="613"/>
      <c r="VFU725" s="613"/>
      <c r="VFV725" s="613"/>
      <c r="VFW725" s="613"/>
      <c r="VFX725" s="613"/>
      <c r="VFY725" s="613"/>
      <c r="VFZ725" s="613"/>
      <c r="VGA725" s="613"/>
      <c r="VGB725" s="613"/>
      <c r="VGC725" s="613"/>
      <c r="VGD725" s="613"/>
      <c r="VGE725" s="613"/>
      <c r="VGF725" s="613"/>
      <c r="VGG725" s="613"/>
      <c r="VGH725" s="613"/>
      <c r="VGI725" s="613"/>
      <c r="VGJ725" s="613"/>
      <c r="VGK725" s="613"/>
      <c r="VGL725" s="613"/>
      <c r="VGM725" s="613"/>
      <c r="VGN725" s="613"/>
      <c r="VGO725" s="613"/>
      <c r="VGP725" s="613"/>
      <c r="VGQ725" s="613"/>
      <c r="VGR725" s="613"/>
      <c r="VGS725" s="613"/>
      <c r="VGT725" s="613"/>
      <c r="VGU725" s="613"/>
      <c r="VGV725" s="613"/>
      <c r="VGW725" s="613"/>
      <c r="VGX725" s="613"/>
      <c r="VGY725" s="613"/>
      <c r="VGZ725" s="613"/>
      <c r="VHA725" s="613"/>
      <c r="VHB725" s="613"/>
      <c r="VHC725" s="613"/>
      <c r="VHD725" s="613"/>
      <c r="VHE725" s="613"/>
      <c r="VHF725" s="613"/>
      <c r="VHG725" s="613"/>
      <c r="VHH725" s="613"/>
      <c r="VHI725" s="613"/>
      <c r="VHJ725" s="613"/>
      <c r="VHK725" s="613"/>
      <c r="VHL725" s="613"/>
      <c r="VHM725" s="613"/>
      <c r="VHN725" s="613"/>
      <c r="VHO725" s="613"/>
      <c r="VHP725" s="613"/>
      <c r="VHQ725" s="613"/>
      <c r="VHR725" s="613"/>
      <c r="VHS725" s="613"/>
      <c r="VHT725" s="613"/>
      <c r="VHU725" s="613"/>
      <c r="VHV725" s="613"/>
      <c r="VHW725" s="613"/>
      <c r="VHX725" s="613"/>
      <c r="VHY725" s="613"/>
      <c r="VHZ725" s="613"/>
      <c r="VIA725" s="613"/>
      <c r="VIB725" s="613"/>
      <c r="VIC725" s="613"/>
      <c r="VID725" s="613"/>
      <c r="VIE725" s="613"/>
      <c r="VIF725" s="613"/>
      <c r="VIG725" s="613"/>
      <c r="VIH725" s="613"/>
      <c r="VII725" s="613"/>
      <c r="VIJ725" s="613"/>
      <c r="VIK725" s="613"/>
      <c r="VIL725" s="613"/>
      <c r="VIM725" s="613"/>
      <c r="VIN725" s="613"/>
      <c r="VIO725" s="613"/>
      <c r="VIP725" s="613"/>
      <c r="VIQ725" s="613"/>
      <c r="VIR725" s="613"/>
      <c r="VIS725" s="613"/>
      <c r="VIT725" s="613"/>
      <c r="VIU725" s="613"/>
      <c r="VIV725" s="613"/>
      <c r="VIW725" s="613"/>
      <c r="VIX725" s="613"/>
      <c r="VIY725" s="613"/>
      <c r="VIZ725" s="613"/>
      <c r="VJA725" s="613"/>
      <c r="VJB725" s="613"/>
      <c r="VJC725" s="613"/>
      <c r="VJD725" s="613"/>
      <c r="VJE725" s="613"/>
      <c r="VJF725" s="613"/>
      <c r="VJG725" s="613"/>
      <c r="VJH725" s="613"/>
      <c r="VJI725" s="613"/>
      <c r="VJJ725" s="613"/>
      <c r="VJK725" s="613"/>
      <c r="VJL725" s="613"/>
      <c r="VJM725" s="613"/>
      <c r="VJN725" s="613"/>
      <c r="VJO725" s="613"/>
      <c r="VJP725" s="613"/>
      <c r="VJQ725" s="613"/>
      <c r="VJR725" s="613"/>
      <c r="VJS725" s="613"/>
      <c r="VJT725" s="613"/>
      <c r="VJU725" s="613"/>
      <c r="VJV725" s="613"/>
      <c r="VJW725" s="613"/>
      <c r="VJX725" s="613"/>
      <c r="VJY725" s="613"/>
      <c r="VJZ725" s="613"/>
      <c r="VKA725" s="613"/>
      <c r="VKB725" s="613"/>
      <c r="VKC725" s="613"/>
      <c r="VKD725" s="613"/>
      <c r="VKE725" s="613"/>
      <c r="VKF725" s="613"/>
      <c r="VKG725" s="613"/>
      <c r="VKH725" s="613"/>
      <c r="VKI725" s="613"/>
      <c r="VKJ725" s="613"/>
      <c r="VKK725" s="613"/>
      <c r="VKL725" s="613"/>
      <c r="VKM725" s="613"/>
      <c r="VKN725" s="613"/>
      <c r="VKO725" s="613"/>
      <c r="VKP725" s="613"/>
      <c r="VKQ725" s="613"/>
      <c r="VKR725" s="613"/>
      <c r="VKS725" s="613"/>
      <c r="VKT725" s="613"/>
      <c r="VKU725" s="613"/>
      <c r="VKV725" s="613"/>
      <c r="VKW725" s="613"/>
      <c r="VKX725" s="613"/>
      <c r="VKY725" s="613"/>
      <c r="VKZ725" s="613"/>
      <c r="VLA725" s="613"/>
      <c r="VLB725" s="613"/>
      <c r="VLC725" s="613"/>
      <c r="VLD725" s="613"/>
      <c r="VLE725" s="613"/>
      <c r="VLF725" s="613"/>
      <c r="VLG725" s="613"/>
      <c r="VLH725" s="613"/>
      <c r="VLI725" s="613"/>
      <c r="VLJ725" s="613"/>
      <c r="VLK725" s="613"/>
      <c r="VLL725" s="613"/>
      <c r="VLM725" s="613"/>
      <c r="VLN725" s="613"/>
      <c r="VLO725" s="613"/>
      <c r="VLP725" s="613"/>
      <c r="VLQ725" s="613"/>
      <c r="VLR725" s="613"/>
      <c r="VLS725" s="613"/>
      <c r="VLT725" s="613"/>
      <c r="VLU725" s="613"/>
      <c r="VLV725" s="613"/>
      <c r="VLW725" s="613"/>
      <c r="VLX725" s="613"/>
      <c r="VLY725" s="613"/>
      <c r="VLZ725" s="613"/>
      <c r="VMA725" s="613"/>
      <c r="VMB725" s="613"/>
      <c r="VMC725" s="613"/>
      <c r="VMD725" s="613"/>
      <c r="VME725" s="613"/>
      <c r="VMF725" s="613"/>
      <c r="VMG725" s="613"/>
      <c r="VMH725" s="613"/>
      <c r="VMI725" s="613"/>
      <c r="VMJ725" s="613"/>
      <c r="VMK725" s="613"/>
      <c r="VML725" s="613"/>
      <c r="VMM725" s="613"/>
      <c r="VMN725" s="613"/>
      <c r="VMO725" s="613"/>
      <c r="VMP725" s="613"/>
      <c r="VMQ725" s="613"/>
      <c r="VMR725" s="613"/>
      <c r="VMS725" s="613"/>
      <c r="VMT725" s="613"/>
      <c r="VMU725" s="613"/>
      <c r="VMV725" s="613"/>
      <c r="VMW725" s="613"/>
      <c r="VMX725" s="613"/>
      <c r="VMY725" s="613"/>
      <c r="VMZ725" s="613"/>
      <c r="VNA725" s="613"/>
      <c r="VNB725" s="613"/>
      <c r="VNC725" s="613"/>
      <c r="VND725" s="613"/>
      <c r="VNE725" s="613"/>
      <c r="VNF725" s="613"/>
      <c r="VNG725" s="613"/>
      <c r="VNH725" s="613"/>
      <c r="VNI725" s="613"/>
      <c r="VNJ725" s="613"/>
      <c r="VNK725" s="613"/>
      <c r="VNL725" s="613"/>
      <c r="VNM725" s="613"/>
      <c r="VNN725" s="613"/>
      <c r="VNO725" s="613"/>
      <c r="VNP725" s="613"/>
      <c r="VNQ725" s="613"/>
      <c r="VNR725" s="613"/>
      <c r="VNS725" s="613"/>
      <c r="VNT725" s="613"/>
      <c r="VNU725" s="613"/>
      <c r="VNV725" s="613"/>
      <c r="VNW725" s="613"/>
      <c r="VNX725" s="613"/>
      <c r="VNY725" s="613"/>
      <c r="VNZ725" s="613"/>
      <c r="VOA725" s="613"/>
      <c r="VOB725" s="613"/>
      <c r="VOC725" s="613"/>
      <c r="VOD725" s="613"/>
      <c r="VOE725" s="613"/>
      <c r="VOF725" s="613"/>
      <c r="VOG725" s="613"/>
      <c r="VOH725" s="613"/>
      <c r="VOI725" s="613"/>
      <c r="VOJ725" s="613"/>
      <c r="VOK725" s="613"/>
      <c r="VOL725" s="613"/>
      <c r="VOM725" s="613"/>
      <c r="VON725" s="613"/>
      <c r="VOO725" s="613"/>
      <c r="VOP725" s="613"/>
      <c r="VOQ725" s="613"/>
      <c r="VOR725" s="613"/>
      <c r="VOS725" s="613"/>
      <c r="VOT725" s="613"/>
      <c r="VOU725" s="613"/>
      <c r="VOV725" s="613"/>
      <c r="VOW725" s="613"/>
      <c r="VOX725" s="613"/>
      <c r="VOY725" s="613"/>
      <c r="VOZ725" s="613"/>
      <c r="VPA725" s="613"/>
      <c r="VPB725" s="613"/>
      <c r="VPC725" s="613"/>
      <c r="VPD725" s="613"/>
      <c r="VPE725" s="613"/>
      <c r="VPF725" s="613"/>
      <c r="VPG725" s="613"/>
      <c r="VPH725" s="613"/>
      <c r="VPI725" s="613"/>
      <c r="VPJ725" s="613"/>
      <c r="VPK725" s="613"/>
      <c r="VPL725" s="613"/>
      <c r="VPM725" s="613"/>
      <c r="VPN725" s="613"/>
      <c r="VPO725" s="613"/>
      <c r="VPP725" s="613"/>
      <c r="VPQ725" s="613"/>
      <c r="VPR725" s="613"/>
      <c r="VPS725" s="613"/>
      <c r="VPT725" s="613"/>
      <c r="VPU725" s="613"/>
      <c r="VPV725" s="613"/>
      <c r="VPW725" s="613"/>
      <c r="VPX725" s="613"/>
      <c r="VPY725" s="613"/>
      <c r="VPZ725" s="613"/>
      <c r="VQA725" s="613"/>
      <c r="VQB725" s="613"/>
      <c r="VQC725" s="613"/>
      <c r="VQD725" s="613"/>
      <c r="VQE725" s="613"/>
      <c r="VQF725" s="613"/>
      <c r="VQG725" s="613"/>
      <c r="VQH725" s="613"/>
      <c r="VQI725" s="613"/>
      <c r="VQJ725" s="613"/>
      <c r="VQK725" s="613"/>
      <c r="VQL725" s="613"/>
      <c r="VQM725" s="613"/>
      <c r="VQN725" s="613"/>
      <c r="VQO725" s="613"/>
      <c r="VQP725" s="613"/>
      <c r="VQQ725" s="613"/>
      <c r="VQR725" s="613"/>
      <c r="VQS725" s="613"/>
      <c r="VQT725" s="613"/>
      <c r="VQU725" s="613"/>
      <c r="VQV725" s="613"/>
      <c r="VQW725" s="613"/>
      <c r="VQX725" s="613"/>
      <c r="VQY725" s="613"/>
      <c r="VQZ725" s="613"/>
      <c r="VRA725" s="613"/>
      <c r="VRB725" s="613"/>
      <c r="VRC725" s="613"/>
      <c r="VRD725" s="613"/>
      <c r="VRE725" s="613"/>
      <c r="VRF725" s="613"/>
      <c r="VRG725" s="613"/>
      <c r="VRH725" s="613"/>
      <c r="VRI725" s="613"/>
      <c r="VRJ725" s="613"/>
      <c r="VRK725" s="613"/>
      <c r="VRL725" s="613"/>
      <c r="VRM725" s="613"/>
      <c r="VRN725" s="613"/>
      <c r="VRO725" s="613"/>
      <c r="VRP725" s="613"/>
      <c r="VRQ725" s="613"/>
      <c r="VRR725" s="613"/>
      <c r="VRS725" s="613"/>
      <c r="VRT725" s="613"/>
      <c r="VRU725" s="613"/>
      <c r="VRV725" s="613"/>
      <c r="VRW725" s="613"/>
      <c r="VRX725" s="613"/>
      <c r="VRY725" s="613"/>
      <c r="VRZ725" s="613"/>
      <c r="VSA725" s="613"/>
      <c r="VSB725" s="613"/>
      <c r="VSC725" s="613"/>
      <c r="VSD725" s="613"/>
      <c r="VSE725" s="613"/>
      <c r="VSF725" s="613"/>
      <c r="VSG725" s="613"/>
      <c r="VSH725" s="613"/>
      <c r="VSI725" s="613"/>
      <c r="VSJ725" s="613"/>
      <c r="VSK725" s="613"/>
      <c r="VSL725" s="613"/>
      <c r="VSM725" s="613"/>
      <c r="VSN725" s="613"/>
      <c r="VSO725" s="613"/>
      <c r="VSP725" s="613"/>
      <c r="VSQ725" s="613"/>
      <c r="VSR725" s="613"/>
      <c r="VSS725" s="613"/>
      <c r="VST725" s="613"/>
      <c r="VSU725" s="613"/>
      <c r="VSV725" s="613"/>
      <c r="VSW725" s="613"/>
      <c r="VSX725" s="613"/>
      <c r="VSY725" s="613"/>
      <c r="VSZ725" s="613"/>
      <c r="VTA725" s="613"/>
      <c r="VTB725" s="613"/>
      <c r="VTC725" s="613"/>
      <c r="VTD725" s="613"/>
      <c r="VTE725" s="613"/>
      <c r="VTF725" s="613"/>
      <c r="VTG725" s="613"/>
      <c r="VTH725" s="613"/>
      <c r="VTI725" s="613"/>
      <c r="VTJ725" s="613"/>
      <c r="VTK725" s="613"/>
      <c r="VTL725" s="613"/>
      <c r="VTM725" s="613"/>
      <c r="VTN725" s="613"/>
      <c r="VTO725" s="613"/>
      <c r="VTP725" s="613"/>
      <c r="VTQ725" s="613"/>
      <c r="VTR725" s="613"/>
      <c r="VTS725" s="613"/>
      <c r="VTT725" s="613"/>
      <c r="VTU725" s="613"/>
      <c r="VTV725" s="613"/>
      <c r="VTW725" s="613"/>
      <c r="VTX725" s="613"/>
      <c r="VTY725" s="613"/>
      <c r="VTZ725" s="613"/>
      <c r="VUA725" s="613"/>
      <c r="VUB725" s="613"/>
      <c r="VUC725" s="613"/>
      <c r="VUD725" s="613"/>
      <c r="VUE725" s="613"/>
      <c r="VUF725" s="613"/>
      <c r="VUG725" s="613"/>
      <c r="VUH725" s="613"/>
      <c r="VUI725" s="613"/>
      <c r="VUJ725" s="613"/>
      <c r="VUK725" s="613"/>
      <c r="VUL725" s="613"/>
      <c r="VUM725" s="613"/>
      <c r="VUN725" s="613"/>
      <c r="VUO725" s="613"/>
      <c r="VUP725" s="613"/>
      <c r="VUQ725" s="613"/>
      <c r="VUR725" s="613"/>
      <c r="VUS725" s="613"/>
      <c r="VUT725" s="613"/>
      <c r="VUU725" s="613"/>
      <c r="VUV725" s="613"/>
      <c r="VUW725" s="613"/>
      <c r="VUX725" s="613"/>
      <c r="VUY725" s="613"/>
      <c r="VUZ725" s="613"/>
      <c r="VVA725" s="613"/>
      <c r="VVB725" s="613"/>
      <c r="VVC725" s="613"/>
      <c r="VVD725" s="613"/>
      <c r="VVE725" s="613"/>
      <c r="VVF725" s="613"/>
      <c r="VVG725" s="613"/>
      <c r="VVH725" s="613"/>
      <c r="VVI725" s="613"/>
      <c r="VVJ725" s="613"/>
      <c r="VVK725" s="613"/>
      <c r="VVL725" s="613"/>
      <c r="VVM725" s="613"/>
      <c r="VVN725" s="613"/>
      <c r="VVO725" s="613"/>
      <c r="VVP725" s="613"/>
      <c r="VVQ725" s="613"/>
      <c r="VVR725" s="613"/>
      <c r="VVS725" s="613"/>
      <c r="VVT725" s="613"/>
      <c r="VVU725" s="613"/>
      <c r="VVV725" s="613"/>
      <c r="VVW725" s="613"/>
      <c r="VVX725" s="613"/>
      <c r="VVY725" s="613"/>
      <c r="VVZ725" s="613"/>
      <c r="VWA725" s="613"/>
      <c r="VWB725" s="613"/>
      <c r="VWC725" s="613"/>
      <c r="VWD725" s="613"/>
      <c r="VWE725" s="613"/>
      <c r="VWF725" s="613"/>
      <c r="VWG725" s="613"/>
      <c r="VWH725" s="613"/>
      <c r="VWI725" s="613"/>
      <c r="VWJ725" s="613"/>
      <c r="VWK725" s="613"/>
      <c r="VWL725" s="613"/>
      <c r="VWM725" s="613"/>
      <c r="VWN725" s="613"/>
      <c r="VWO725" s="613"/>
      <c r="VWP725" s="613"/>
      <c r="VWQ725" s="613"/>
      <c r="VWR725" s="613"/>
      <c r="VWS725" s="613"/>
      <c r="VWT725" s="613"/>
      <c r="VWU725" s="613"/>
      <c r="VWV725" s="613"/>
      <c r="VWW725" s="613"/>
      <c r="VWX725" s="613"/>
      <c r="VWY725" s="613"/>
      <c r="VWZ725" s="613"/>
      <c r="VXA725" s="613"/>
      <c r="VXB725" s="613"/>
      <c r="VXC725" s="613"/>
      <c r="VXD725" s="613"/>
      <c r="VXE725" s="613"/>
      <c r="VXF725" s="613"/>
      <c r="VXG725" s="613"/>
      <c r="VXH725" s="613"/>
      <c r="VXI725" s="613"/>
      <c r="VXJ725" s="613"/>
      <c r="VXK725" s="613"/>
      <c r="VXL725" s="613"/>
      <c r="VXM725" s="613"/>
      <c r="VXN725" s="613"/>
      <c r="VXO725" s="613"/>
      <c r="VXP725" s="613"/>
      <c r="VXQ725" s="613"/>
      <c r="VXR725" s="613"/>
      <c r="VXS725" s="613"/>
      <c r="VXT725" s="613"/>
      <c r="VXU725" s="613"/>
      <c r="VXV725" s="613"/>
      <c r="VXW725" s="613"/>
      <c r="VXX725" s="613"/>
      <c r="VXY725" s="613"/>
      <c r="VXZ725" s="613"/>
      <c r="VYA725" s="613"/>
      <c r="VYB725" s="613"/>
      <c r="VYC725" s="613"/>
      <c r="VYD725" s="613"/>
      <c r="VYE725" s="613"/>
      <c r="VYF725" s="613"/>
      <c r="VYG725" s="613"/>
      <c r="VYH725" s="613"/>
      <c r="VYI725" s="613"/>
      <c r="VYJ725" s="613"/>
      <c r="VYK725" s="613"/>
      <c r="VYL725" s="613"/>
      <c r="VYM725" s="613"/>
      <c r="VYN725" s="613"/>
      <c r="VYO725" s="613"/>
      <c r="VYP725" s="613"/>
      <c r="VYQ725" s="613"/>
      <c r="VYR725" s="613"/>
      <c r="VYS725" s="613"/>
      <c r="VYT725" s="613"/>
      <c r="VYU725" s="613"/>
      <c r="VYV725" s="613"/>
      <c r="VYW725" s="613"/>
      <c r="VYX725" s="613"/>
      <c r="VYY725" s="613"/>
      <c r="VYZ725" s="613"/>
      <c r="VZA725" s="613"/>
      <c r="VZB725" s="613"/>
      <c r="VZC725" s="613"/>
      <c r="VZD725" s="613"/>
      <c r="VZE725" s="613"/>
      <c r="VZF725" s="613"/>
      <c r="VZG725" s="613"/>
      <c r="VZH725" s="613"/>
      <c r="VZI725" s="613"/>
      <c r="VZJ725" s="613"/>
      <c r="VZK725" s="613"/>
      <c r="VZL725" s="613"/>
      <c r="VZM725" s="613"/>
      <c r="VZN725" s="613"/>
      <c r="VZO725" s="613"/>
      <c r="VZP725" s="613"/>
      <c r="VZQ725" s="613"/>
      <c r="VZR725" s="613"/>
      <c r="VZS725" s="613"/>
      <c r="VZT725" s="613"/>
      <c r="VZU725" s="613"/>
      <c r="VZV725" s="613"/>
      <c r="VZW725" s="613"/>
      <c r="VZX725" s="613"/>
      <c r="VZY725" s="613"/>
      <c r="VZZ725" s="613"/>
      <c r="WAA725" s="613"/>
      <c r="WAB725" s="613"/>
      <c r="WAC725" s="613"/>
      <c r="WAD725" s="613"/>
      <c r="WAE725" s="613"/>
      <c r="WAF725" s="613"/>
      <c r="WAG725" s="613"/>
      <c r="WAH725" s="613"/>
      <c r="WAI725" s="613"/>
      <c r="WAJ725" s="613"/>
      <c r="WAK725" s="613"/>
      <c r="WAL725" s="613"/>
      <c r="WAM725" s="613"/>
      <c r="WAN725" s="613"/>
      <c r="WAO725" s="613"/>
      <c r="WAP725" s="613"/>
      <c r="WAQ725" s="613"/>
      <c r="WAR725" s="613"/>
      <c r="WAS725" s="613"/>
      <c r="WAT725" s="613"/>
      <c r="WAU725" s="613"/>
      <c r="WAV725" s="613"/>
      <c r="WAW725" s="613"/>
      <c r="WAX725" s="613"/>
      <c r="WAY725" s="613"/>
      <c r="WAZ725" s="613"/>
      <c r="WBA725" s="613"/>
      <c r="WBB725" s="613"/>
      <c r="WBC725" s="613"/>
      <c r="WBD725" s="613"/>
      <c r="WBE725" s="613"/>
      <c r="WBF725" s="613"/>
      <c r="WBG725" s="613"/>
      <c r="WBH725" s="613"/>
      <c r="WBI725" s="613"/>
      <c r="WBJ725" s="613"/>
      <c r="WBK725" s="613"/>
      <c r="WBL725" s="613"/>
      <c r="WBM725" s="613"/>
      <c r="WBN725" s="613"/>
      <c r="WBO725" s="613"/>
      <c r="WBP725" s="613"/>
      <c r="WBQ725" s="613"/>
      <c r="WBR725" s="613"/>
      <c r="WBS725" s="613"/>
      <c r="WBT725" s="613"/>
      <c r="WBU725" s="613"/>
      <c r="WBV725" s="613"/>
      <c r="WBW725" s="613"/>
      <c r="WBX725" s="613"/>
      <c r="WBY725" s="613"/>
      <c r="WBZ725" s="613"/>
      <c r="WCA725" s="613"/>
      <c r="WCB725" s="613"/>
      <c r="WCC725" s="613"/>
      <c r="WCD725" s="613"/>
      <c r="WCE725" s="613"/>
      <c r="WCF725" s="613"/>
      <c r="WCG725" s="613"/>
      <c r="WCH725" s="613"/>
      <c r="WCI725" s="613"/>
      <c r="WCJ725" s="613"/>
      <c r="WCK725" s="613"/>
      <c r="WCL725" s="613"/>
      <c r="WCM725" s="613"/>
      <c r="WCN725" s="613"/>
      <c r="WCO725" s="613"/>
      <c r="WCP725" s="613"/>
      <c r="WCQ725" s="613"/>
      <c r="WCR725" s="613"/>
      <c r="WCS725" s="613"/>
      <c r="WCT725" s="613"/>
      <c r="WCU725" s="613"/>
      <c r="WCV725" s="613"/>
      <c r="WCW725" s="613"/>
      <c r="WCX725" s="613"/>
      <c r="WCY725" s="613"/>
      <c r="WCZ725" s="613"/>
      <c r="WDA725" s="613"/>
      <c r="WDB725" s="613"/>
      <c r="WDC725" s="613"/>
      <c r="WDD725" s="613"/>
      <c r="WDE725" s="613"/>
      <c r="WDF725" s="613"/>
      <c r="WDG725" s="613"/>
      <c r="WDH725" s="613"/>
      <c r="WDI725" s="613"/>
      <c r="WDJ725" s="613"/>
      <c r="WDK725" s="613"/>
      <c r="WDL725" s="613"/>
      <c r="WDM725" s="613"/>
      <c r="WDN725" s="613"/>
      <c r="WDO725" s="613"/>
      <c r="WDP725" s="613"/>
      <c r="WDQ725" s="613"/>
      <c r="WDR725" s="613"/>
      <c r="WDS725" s="613"/>
      <c r="WDT725" s="613"/>
      <c r="WDU725" s="613"/>
      <c r="WDV725" s="613"/>
      <c r="WDW725" s="613"/>
      <c r="WDX725" s="613"/>
      <c r="WDY725" s="613"/>
      <c r="WDZ725" s="613"/>
      <c r="WEA725" s="613"/>
      <c r="WEB725" s="613"/>
      <c r="WEC725" s="613"/>
      <c r="WED725" s="613"/>
      <c r="WEE725" s="613"/>
      <c r="WEF725" s="613"/>
      <c r="WEG725" s="613"/>
      <c r="WEH725" s="613"/>
      <c r="WEI725" s="613"/>
      <c r="WEJ725" s="613"/>
      <c r="WEK725" s="613"/>
      <c r="WEL725" s="613"/>
      <c r="WEM725" s="613"/>
      <c r="WEN725" s="613"/>
      <c r="WEO725" s="613"/>
      <c r="WEP725" s="613"/>
      <c r="WEQ725" s="613"/>
      <c r="WER725" s="613"/>
      <c r="WES725" s="613"/>
      <c r="WET725" s="613"/>
      <c r="WEU725" s="613"/>
      <c r="WEV725" s="613"/>
      <c r="WEW725" s="613"/>
      <c r="WEX725" s="613"/>
      <c r="WEY725" s="613"/>
      <c r="WEZ725" s="613"/>
      <c r="WFA725" s="613"/>
      <c r="WFB725" s="613"/>
      <c r="WFC725" s="613"/>
      <c r="WFD725" s="613"/>
      <c r="WFE725" s="613"/>
      <c r="WFF725" s="613"/>
      <c r="WFG725" s="613"/>
      <c r="WFH725" s="613"/>
      <c r="WFI725" s="613"/>
      <c r="WFJ725" s="613"/>
      <c r="WFK725" s="613"/>
      <c r="WFL725" s="613"/>
      <c r="WFM725" s="613"/>
      <c r="WFN725" s="613"/>
      <c r="WFO725" s="613"/>
      <c r="WFP725" s="613"/>
      <c r="WFQ725" s="613"/>
      <c r="WFR725" s="613"/>
      <c r="WFS725" s="613"/>
      <c r="WFT725" s="613"/>
      <c r="WFU725" s="613"/>
      <c r="WFV725" s="613"/>
      <c r="WFW725" s="613"/>
      <c r="WFX725" s="613"/>
      <c r="WFY725" s="613"/>
      <c r="WFZ725" s="613"/>
      <c r="WGA725" s="613"/>
      <c r="WGB725" s="613"/>
      <c r="WGC725" s="613"/>
      <c r="WGD725" s="613"/>
      <c r="WGE725" s="613"/>
      <c r="WGF725" s="613"/>
      <c r="WGG725" s="613"/>
      <c r="WGH725" s="613"/>
      <c r="WGI725" s="613"/>
      <c r="WGJ725" s="613"/>
      <c r="WGK725" s="613"/>
      <c r="WGL725" s="613"/>
      <c r="WGM725" s="613"/>
      <c r="WGN725" s="613"/>
      <c r="WGO725" s="613"/>
      <c r="WGP725" s="613"/>
      <c r="WGQ725" s="613"/>
      <c r="WGR725" s="613"/>
      <c r="WGS725" s="613"/>
      <c r="WGT725" s="613"/>
      <c r="WGU725" s="613"/>
      <c r="WGV725" s="613"/>
      <c r="WGW725" s="613"/>
      <c r="WGX725" s="613"/>
      <c r="WGY725" s="613"/>
      <c r="WGZ725" s="613"/>
      <c r="WHA725" s="613"/>
      <c r="WHB725" s="613"/>
      <c r="WHC725" s="613"/>
      <c r="WHD725" s="613"/>
      <c r="WHE725" s="613"/>
      <c r="WHF725" s="613"/>
      <c r="WHG725" s="613"/>
      <c r="WHH725" s="613"/>
      <c r="WHI725" s="613"/>
      <c r="WHJ725" s="613"/>
      <c r="WHK725" s="613"/>
      <c r="WHL725" s="613"/>
      <c r="WHM725" s="613"/>
      <c r="WHN725" s="613"/>
      <c r="WHO725" s="613"/>
      <c r="WHP725" s="613"/>
      <c r="WHQ725" s="613"/>
      <c r="WHR725" s="613"/>
      <c r="WHS725" s="613"/>
      <c r="WHT725" s="613"/>
      <c r="WHU725" s="613"/>
      <c r="WHV725" s="613"/>
      <c r="WHW725" s="613"/>
      <c r="WHX725" s="613"/>
      <c r="WHY725" s="613"/>
      <c r="WHZ725" s="613"/>
      <c r="WIA725" s="613"/>
      <c r="WIB725" s="613"/>
      <c r="WIC725" s="613"/>
      <c r="WID725" s="613"/>
      <c r="WIE725" s="613"/>
      <c r="WIF725" s="613"/>
      <c r="WIG725" s="613"/>
      <c r="WIH725" s="613"/>
      <c r="WII725" s="613"/>
      <c r="WIJ725" s="613"/>
      <c r="WIK725" s="613"/>
      <c r="WIL725" s="613"/>
      <c r="WIM725" s="613"/>
      <c r="WIN725" s="613"/>
      <c r="WIO725" s="613"/>
      <c r="WIP725" s="613"/>
      <c r="WIQ725" s="613"/>
      <c r="WIR725" s="613"/>
      <c r="WIS725" s="613"/>
      <c r="WIT725" s="613"/>
      <c r="WIU725" s="613"/>
      <c r="WIV725" s="613"/>
      <c r="WIW725" s="613"/>
      <c r="WIX725" s="613"/>
      <c r="WIY725" s="613"/>
      <c r="WIZ725" s="613"/>
      <c r="WJA725" s="613"/>
      <c r="WJB725" s="613"/>
      <c r="WJC725" s="613"/>
      <c r="WJD725" s="613"/>
      <c r="WJE725" s="613"/>
      <c r="WJF725" s="613"/>
      <c r="WJG725" s="613"/>
      <c r="WJH725" s="613"/>
      <c r="WJI725" s="613"/>
      <c r="WJJ725" s="613"/>
      <c r="WJK725" s="613"/>
      <c r="WJL725" s="613"/>
      <c r="WJM725" s="613"/>
      <c r="WJN725" s="613"/>
      <c r="WJO725" s="613"/>
      <c r="WJP725" s="613"/>
      <c r="WJQ725" s="613"/>
      <c r="WJR725" s="613"/>
      <c r="WJS725" s="613"/>
      <c r="WJT725" s="613"/>
      <c r="WJU725" s="613"/>
      <c r="WJV725" s="613"/>
      <c r="WJW725" s="613"/>
      <c r="WJX725" s="613"/>
      <c r="WJY725" s="613"/>
      <c r="WJZ725" s="613"/>
      <c r="WKA725" s="613"/>
      <c r="WKB725" s="613"/>
      <c r="WKC725" s="613"/>
      <c r="WKD725" s="613"/>
      <c r="WKE725" s="613"/>
      <c r="WKF725" s="613"/>
      <c r="WKG725" s="613"/>
      <c r="WKH725" s="613"/>
      <c r="WKI725" s="613"/>
      <c r="WKJ725" s="613"/>
      <c r="WKK725" s="613"/>
      <c r="WKL725" s="613"/>
      <c r="WKM725" s="613"/>
      <c r="WKN725" s="613"/>
      <c r="WKO725" s="613"/>
      <c r="WKP725" s="613"/>
      <c r="WKQ725" s="613"/>
      <c r="WKR725" s="613"/>
      <c r="WKS725" s="613"/>
      <c r="WKT725" s="613"/>
      <c r="WKU725" s="613"/>
      <c r="WKV725" s="613"/>
      <c r="WKW725" s="613"/>
      <c r="WKX725" s="613"/>
      <c r="WKY725" s="613"/>
      <c r="WKZ725" s="613"/>
      <c r="WLA725" s="613"/>
      <c r="WLB725" s="613"/>
      <c r="WLC725" s="613"/>
      <c r="WLD725" s="613"/>
      <c r="WLE725" s="613"/>
      <c r="WLF725" s="613"/>
      <c r="WLG725" s="613"/>
      <c r="WLH725" s="613"/>
      <c r="WLI725" s="613"/>
      <c r="WLJ725" s="613"/>
      <c r="WLK725" s="613"/>
      <c r="WLL725" s="613"/>
      <c r="WLM725" s="613"/>
      <c r="WLN725" s="613"/>
      <c r="WLO725" s="613"/>
      <c r="WLP725" s="613"/>
      <c r="WLQ725" s="613"/>
      <c r="WLR725" s="613"/>
      <c r="WLS725" s="613"/>
      <c r="WLT725" s="613"/>
      <c r="WLU725" s="613"/>
      <c r="WLV725" s="613"/>
      <c r="WLW725" s="613"/>
      <c r="WLX725" s="613"/>
      <c r="WLY725" s="613"/>
      <c r="WLZ725" s="613"/>
      <c r="WMA725" s="613"/>
      <c r="WMB725" s="613"/>
      <c r="WMC725" s="613"/>
      <c r="WMD725" s="613"/>
      <c r="WME725" s="613"/>
      <c r="WMF725" s="613"/>
      <c r="WMG725" s="613"/>
      <c r="WMH725" s="613"/>
      <c r="WMI725" s="613"/>
      <c r="WMJ725" s="613"/>
      <c r="WMK725" s="613"/>
      <c r="WML725" s="613"/>
      <c r="WMM725" s="613"/>
      <c r="WMN725" s="613"/>
      <c r="WMO725" s="613"/>
      <c r="WMP725" s="613"/>
      <c r="WMQ725" s="613"/>
      <c r="WMR725" s="613"/>
      <c r="WMS725" s="613"/>
      <c r="WMT725" s="613"/>
      <c r="WMU725" s="613"/>
      <c r="WMV725" s="613"/>
      <c r="WMW725" s="613"/>
      <c r="WMX725" s="613"/>
      <c r="WMY725" s="613"/>
      <c r="WMZ725" s="613"/>
      <c r="WNA725" s="613"/>
      <c r="WNB725" s="613"/>
      <c r="WNC725" s="613"/>
      <c r="WND725" s="613"/>
      <c r="WNE725" s="613"/>
      <c r="WNF725" s="613"/>
      <c r="WNG725" s="613"/>
      <c r="WNH725" s="613"/>
      <c r="WNI725" s="613"/>
      <c r="WNJ725" s="613"/>
      <c r="WNK725" s="613"/>
      <c r="WNL725" s="613"/>
      <c r="WNM725" s="613"/>
      <c r="WNN725" s="613"/>
      <c r="WNO725" s="613"/>
      <c r="WNP725" s="613"/>
      <c r="WNQ725" s="613"/>
      <c r="WNR725" s="613"/>
      <c r="WNS725" s="613"/>
      <c r="WNT725" s="613"/>
      <c r="WNU725" s="613"/>
      <c r="WNV725" s="613"/>
      <c r="WNW725" s="613"/>
      <c r="WNX725" s="613"/>
      <c r="WNY725" s="613"/>
      <c r="WNZ725" s="613"/>
      <c r="WOA725" s="613"/>
      <c r="WOB725" s="613"/>
      <c r="WOC725" s="613"/>
      <c r="WOD725" s="613"/>
      <c r="WOE725" s="613"/>
      <c r="WOF725" s="613"/>
      <c r="WOG725" s="613"/>
      <c r="WOH725" s="613"/>
      <c r="WOI725" s="613"/>
      <c r="WOJ725" s="613"/>
      <c r="WOK725" s="613"/>
      <c r="WOL725" s="613"/>
      <c r="WOM725" s="613"/>
      <c r="WON725" s="613"/>
      <c r="WOO725" s="613"/>
      <c r="WOP725" s="613"/>
      <c r="WOQ725" s="613"/>
      <c r="WOR725" s="613"/>
      <c r="WOS725" s="613"/>
      <c r="WOT725" s="613"/>
      <c r="WOU725" s="613"/>
      <c r="WOV725" s="613"/>
      <c r="WOW725" s="613"/>
      <c r="WOX725" s="613"/>
      <c r="WOY725" s="613"/>
      <c r="WOZ725" s="613"/>
      <c r="WPA725" s="613"/>
      <c r="WPB725" s="613"/>
      <c r="WPC725" s="613"/>
      <c r="WPD725" s="613"/>
      <c r="WPE725" s="613"/>
      <c r="WPF725" s="613"/>
      <c r="WPG725" s="613"/>
      <c r="WPH725" s="613"/>
      <c r="WPI725" s="613"/>
      <c r="WPJ725" s="613"/>
      <c r="WPK725" s="613"/>
      <c r="WPL725" s="613"/>
      <c r="WPM725" s="613"/>
      <c r="WPN725" s="613"/>
      <c r="WPO725" s="613"/>
      <c r="WPP725" s="613"/>
      <c r="WPQ725" s="613"/>
      <c r="WPR725" s="613"/>
      <c r="WPS725" s="613"/>
      <c r="WPT725" s="613"/>
      <c r="WPU725" s="613"/>
      <c r="WPV725" s="613"/>
      <c r="WPW725" s="613"/>
      <c r="WPX725" s="613"/>
      <c r="WPY725" s="613"/>
      <c r="WPZ725" s="613"/>
      <c r="WQA725" s="613"/>
      <c r="WQB725" s="613"/>
      <c r="WQC725" s="613"/>
      <c r="WQD725" s="613"/>
      <c r="WQE725" s="613"/>
      <c r="WQF725" s="613"/>
      <c r="WQG725" s="613"/>
      <c r="WQH725" s="613"/>
      <c r="WQI725" s="613"/>
      <c r="WQJ725" s="613"/>
      <c r="WQK725" s="613"/>
      <c r="WQL725" s="613"/>
      <c r="WQM725" s="613"/>
      <c r="WQN725" s="613"/>
      <c r="WQO725" s="613"/>
      <c r="WQP725" s="613"/>
      <c r="WQQ725" s="613"/>
      <c r="WQR725" s="613"/>
      <c r="WQS725" s="613"/>
      <c r="WQT725" s="613"/>
      <c r="WQU725" s="613"/>
      <c r="WQV725" s="613"/>
      <c r="WQW725" s="613"/>
      <c r="WQX725" s="613"/>
      <c r="WQY725" s="613"/>
      <c r="WQZ725" s="613"/>
      <c r="WRA725" s="613"/>
      <c r="WRB725" s="613"/>
      <c r="WRC725" s="613"/>
      <c r="WRD725" s="613"/>
      <c r="WRE725" s="613"/>
      <c r="WRF725" s="613"/>
      <c r="WRG725" s="613"/>
      <c r="WRH725" s="613"/>
      <c r="WRI725" s="613"/>
      <c r="WRJ725" s="613"/>
      <c r="WRK725" s="613"/>
      <c r="WRL725" s="613"/>
      <c r="WRM725" s="613"/>
      <c r="WRN725" s="613"/>
      <c r="WRO725" s="613"/>
      <c r="WRP725" s="613"/>
      <c r="WRQ725" s="613"/>
      <c r="WRR725" s="613"/>
      <c r="WRS725" s="613"/>
      <c r="WRT725" s="613"/>
      <c r="WRU725" s="613"/>
      <c r="WRV725" s="613"/>
      <c r="WRW725" s="613"/>
      <c r="WRX725" s="613"/>
      <c r="WRY725" s="613"/>
      <c r="WRZ725" s="613"/>
      <c r="WSA725" s="613"/>
      <c r="WSB725" s="613"/>
      <c r="WSC725" s="613"/>
      <c r="WSD725" s="613"/>
      <c r="WSE725" s="613"/>
      <c r="WSF725" s="613"/>
      <c r="WSG725" s="613"/>
      <c r="WSH725" s="613"/>
      <c r="WSI725" s="613"/>
      <c r="WSJ725" s="613"/>
      <c r="WSK725" s="613"/>
      <c r="WSL725" s="613"/>
      <c r="WSM725" s="613"/>
      <c r="WSN725" s="613"/>
      <c r="WSO725" s="613"/>
      <c r="WSP725" s="613"/>
      <c r="WSQ725" s="613"/>
      <c r="WSR725" s="613"/>
      <c r="WSS725" s="613"/>
      <c r="WST725" s="613"/>
      <c r="WSU725" s="613"/>
      <c r="WSV725" s="613"/>
      <c r="WSW725" s="613"/>
      <c r="WSX725" s="613"/>
      <c r="WSY725" s="613"/>
      <c r="WSZ725" s="613"/>
      <c r="WTA725" s="613"/>
      <c r="WTB725" s="613"/>
      <c r="WTC725" s="613"/>
      <c r="WTD725" s="613"/>
      <c r="WTE725" s="613"/>
      <c r="WTF725" s="613"/>
      <c r="WTG725" s="613"/>
      <c r="WTH725" s="613"/>
      <c r="WTI725" s="613"/>
      <c r="WTJ725" s="613"/>
      <c r="WTK725" s="613"/>
      <c r="WTL725" s="613"/>
      <c r="WTM725" s="613"/>
      <c r="WTN725" s="613"/>
      <c r="WTO725" s="613"/>
      <c r="WTP725" s="613"/>
      <c r="WTQ725" s="613"/>
      <c r="WTR725" s="613"/>
      <c r="WTS725" s="613"/>
      <c r="WTT725" s="613"/>
      <c r="WTU725" s="613"/>
      <c r="WTV725" s="613"/>
      <c r="WTW725" s="613"/>
      <c r="WTX725" s="613"/>
      <c r="WTY725" s="613"/>
      <c r="WTZ725" s="613"/>
      <c r="WUA725" s="613"/>
      <c r="WUB725" s="613"/>
      <c r="WUC725" s="613"/>
      <c r="WUD725" s="613"/>
      <c r="WUE725" s="613"/>
      <c r="WUF725" s="613"/>
      <c r="WUG725" s="613"/>
      <c r="WUH725" s="613"/>
      <c r="WUI725" s="613"/>
      <c r="WUJ725" s="613"/>
      <c r="WUK725" s="613"/>
      <c r="WUL725" s="613"/>
      <c r="WUM725" s="613"/>
      <c r="WUN725" s="613"/>
      <c r="WUO725" s="613"/>
      <c r="WUP725" s="613"/>
      <c r="WUQ725" s="613"/>
      <c r="WUR725" s="613"/>
      <c r="WUS725" s="613"/>
      <c r="WUT725" s="613"/>
      <c r="WUU725" s="613"/>
      <c r="WUV725" s="613"/>
      <c r="WUW725" s="613"/>
      <c r="WUX725" s="613"/>
      <c r="WUY725" s="613"/>
      <c r="WUZ725" s="613"/>
      <c r="WVA725" s="613"/>
      <c r="WVB725" s="613"/>
      <c r="WVC725" s="613"/>
      <c r="WVD725" s="613"/>
      <c r="WVE725" s="613"/>
      <c r="WVF725" s="613"/>
      <c r="WVG725" s="613"/>
      <c r="WVH725" s="613"/>
      <c r="WVI725" s="613"/>
      <c r="WVJ725" s="613"/>
      <c r="WVK725" s="613"/>
      <c r="WVL725" s="613"/>
      <c r="WVM725" s="613"/>
      <c r="WVN725" s="613"/>
      <c r="WVO725" s="613"/>
      <c r="WVP725" s="613"/>
      <c r="WVQ725" s="613"/>
      <c r="WVR725" s="613"/>
      <c r="WVS725" s="613"/>
      <c r="WVT725" s="613"/>
      <c r="WVU725" s="613"/>
      <c r="WVV725" s="613"/>
      <c r="WVW725" s="613"/>
      <c r="WVX725" s="613"/>
      <c r="WVY725" s="613"/>
      <c r="WVZ725" s="613"/>
      <c r="WWA725" s="613"/>
      <c r="WWB725" s="613"/>
      <c r="WWC725" s="613"/>
      <c r="WWD725" s="613"/>
      <c r="WWE725" s="613"/>
      <c r="WWF725" s="613"/>
      <c r="WWG725" s="613"/>
      <c r="WWH725" s="613"/>
      <c r="WWI725" s="613"/>
      <c r="WWJ725" s="613"/>
      <c r="WWK725" s="613"/>
      <c r="WWL725" s="613"/>
      <c r="WWM725" s="613"/>
      <c r="WWN725" s="613"/>
      <c r="WWO725" s="613"/>
      <c r="WWP725" s="613"/>
      <c r="WWQ725" s="613"/>
      <c r="WWR725" s="613"/>
      <c r="WWS725" s="613"/>
      <c r="WWT725" s="613"/>
      <c r="WWU725" s="613"/>
      <c r="WWV725" s="613"/>
      <c r="WWW725" s="613"/>
      <c r="WWX725" s="613"/>
      <c r="WWY725" s="613"/>
      <c r="WWZ725" s="613"/>
      <c r="WXA725" s="613"/>
      <c r="WXB725" s="613"/>
      <c r="WXC725" s="613"/>
      <c r="WXD725" s="613"/>
      <c r="WXE725" s="613"/>
      <c r="WXF725" s="613"/>
      <c r="WXG725" s="613"/>
      <c r="WXH725" s="613"/>
      <c r="WXI725" s="613"/>
      <c r="WXJ725" s="613"/>
      <c r="WXK725" s="613"/>
      <c r="WXL725" s="613"/>
      <c r="WXM725" s="613"/>
      <c r="WXN725" s="613"/>
      <c r="WXO725" s="613"/>
      <c r="WXP725" s="613"/>
      <c r="WXQ725" s="613"/>
      <c r="WXR725" s="613"/>
      <c r="WXS725" s="613"/>
      <c r="WXT725" s="613"/>
      <c r="WXU725" s="613"/>
      <c r="WXV725" s="613"/>
      <c r="WXW725" s="613"/>
      <c r="WXX725" s="613"/>
      <c r="WXY725" s="613"/>
      <c r="WXZ725" s="613"/>
      <c r="WYA725" s="613"/>
      <c r="WYB725" s="613"/>
      <c r="WYC725" s="613"/>
      <c r="WYD725" s="613"/>
      <c r="WYE725" s="613"/>
      <c r="WYF725" s="613"/>
      <c r="WYG725" s="613"/>
      <c r="WYH725" s="613"/>
      <c r="WYI725" s="613"/>
      <c r="WYJ725" s="613"/>
      <c r="WYK725" s="613"/>
      <c r="WYL725" s="613"/>
      <c r="WYM725" s="613"/>
      <c r="WYN725" s="613"/>
      <c r="WYO725" s="613"/>
      <c r="WYP725" s="613"/>
      <c r="WYQ725" s="613"/>
      <c r="WYR725" s="613"/>
      <c r="WYS725" s="613"/>
      <c r="WYT725" s="613"/>
      <c r="WYU725" s="613"/>
      <c r="WYV725" s="613"/>
      <c r="WYW725" s="613"/>
      <c r="WYX725" s="613"/>
      <c r="WYY725" s="613"/>
      <c r="WYZ725" s="613"/>
      <c r="WZA725" s="613"/>
      <c r="WZB725" s="613"/>
      <c r="WZC725" s="613"/>
      <c r="WZD725" s="613"/>
      <c r="WZE725" s="613"/>
      <c r="WZF725" s="613"/>
      <c r="WZG725" s="613"/>
      <c r="WZH725" s="613"/>
      <c r="WZI725" s="613"/>
      <c r="WZJ725" s="613"/>
      <c r="WZK725" s="613"/>
      <c r="WZL725" s="613"/>
      <c r="WZM725" s="613"/>
      <c r="WZN725" s="613"/>
      <c r="WZO725" s="613"/>
      <c r="WZP725" s="613"/>
      <c r="WZQ725" s="613"/>
      <c r="WZR725" s="613"/>
      <c r="WZS725" s="613"/>
      <c r="WZT725" s="613"/>
      <c r="WZU725" s="613"/>
      <c r="WZV725" s="613"/>
      <c r="WZW725" s="613"/>
      <c r="WZX725" s="613"/>
      <c r="WZY725" s="613"/>
      <c r="WZZ725" s="613"/>
      <c r="XAA725" s="613"/>
      <c r="XAB725" s="613"/>
      <c r="XAC725" s="613"/>
      <c r="XAD725" s="613"/>
      <c r="XAE725" s="613"/>
      <c r="XAF725" s="613"/>
      <c r="XAG725" s="613"/>
      <c r="XAH725" s="613"/>
      <c r="XAI725" s="613"/>
      <c r="XAJ725" s="613"/>
      <c r="XAK725" s="613"/>
      <c r="XAL725" s="613"/>
      <c r="XAM725" s="613"/>
      <c r="XAN725" s="613"/>
      <c r="XAO725" s="613"/>
      <c r="XAP725" s="613"/>
      <c r="XAQ725" s="613"/>
      <c r="XAR725" s="613"/>
      <c r="XAS725" s="613"/>
      <c r="XAT725" s="613"/>
      <c r="XAU725" s="613"/>
      <c r="XAV725" s="613"/>
      <c r="XAW725" s="613"/>
      <c r="XAX725" s="613"/>
      <c r="XAY725" s="613"/>
      <c r="XAZ725" s="613"/>
      <c r="XBA725" s="613"/>
      <c r="XBB725" s="613"/>
      <c r="XBC725" s="613"/>
      <c r="XBD725" s="613"/>
      <c r="XBE725" s="613"/>
      <c r="XBF725" s="613"/>
      <c r="XBG725" s="613"/>
      <c r="XBH725" s="613"/>
      <c r="XBI725" s="613"/>
      <c r="XBJ725" s="613"/>
      <c r="XBK725" s="613"/>
      <c r="XBL725" s="613"/>
      <c r="XBM725" s="613"/>
      <c r="XBN725" s="613"/>
      <c r="XBO725" s="613"/>
      <c r="XBP725" s="613"/>
      <c r="XBQ725" s="613"/>
      <c r="XBR725" s="613"/>
      <c r="XBS725" s="613"/>
      <c r="XBT725" s="613"/>
      <c r="XBU725" s="613"/>
      <c r="XBV725" s="613"/>
      <c r="XBW725" s="613"/>
      <c r="XBX725" s="613"/>
      <c r="XBY725" s="613"/>
      <c r="XBZ725" s="613"/>
      <c r="XCA725" s="613"/>
      <c r="XCB725" s="613"/>
      <c r="XCC725" s="613"/>
      <c r="XCD725" s="613"/>
      <c r="XCE725" s="613"/>
      <c r="XCF725" s="613"/>
      <c r="XCG725" s="613"/>
      <c r="XCH725" s="613"/>
      <c r="XCI725" s="613"/>
      <c r="XCJ725" s="613"/>
      <c r="XCK725" s="613"/>
      <c r="XCL725" s="613"/>
      <c r="XCM725" s="613"/>
      <c r="XCN725" s="613"/>
      <c r="XCO725" s="613"/>
      <c r="XCP725" s="613"/>
      <c r="XCQ725" s="613"/>
    </row>
    <row r="726" spans="1:16319" ht="56.1" customHeight="1" x14ac:dyDescent="0.2">
      <c r="A726" s="232" t="s">
        <v>3020</v>
      </c>
      <c r="B726" s="499"/>
      <c r="C726" s="494"/>
      <c r="D726" s="481">
        <v>273</v>
      </c>
      <c r="E726" s="481"/>
      <c r="F726" s="481" t="s">
        <v>2481</v>
      </c>
      <c r="G726" s="482" t="s">
        <v>53</v>
      </c>
      <c r="H726" s="481" t="s">
        <v>329</v>
      </c>
      <c r="I726" s="654" t="s">
        <v>500</v>
      </c>
      <c r="J726" s="654" t="s">
        <v>501</v>
      </c>
      <c r="K726" s="495" t="s">
        <v>510</v>
      </c>
      <c r="L726" s="621"/>
      <c r="M726" s="484" t="s">
        <v>58</v>
      </c>
      <c r="N726" s="329" t="s">
        <v>347</v>
      </c>
      <c r="O726" s="484" t="s">
        <v>2996</v>
      </c>
      <c r="P726" s="484" t="s">
        <v>81</v>
      </c>
      <c r="Q726" s="667" t="s">
        <v>334</v>
      </c>
      <c r="R726" s="484" t="s">
        <v>334</v>
      </c>
      <c r="S726" s="484" t="s">
        <v>225</v>
      </c>
      <c r="T726" s="484"/>
      <c r="U726" s="620" t="s">
        <v>63</v>
      </c>
      <c r="V726" s="620" t="s">
        <v>63</v>
      </c>
      <c r="W726" s="723">
        <v>1212833</v>
      </c>
      <c r="X726" s="723"/>
      <c r="Y726" s="654" t="s">
        <v>226</v>
      </c>
      <c r="Z726" s="654"/>
      <c r="AA726" s="723">
        <v>1212833</v>
      </c>
      <c r="AB726" s="652" t="s">
        <v>82</v>
      </c>
      <c r="AC726" s="652"/>
      <c r="AD726" s="496"/>
      <c r="AE726" s="496"/>
      <c r="AF726" s="496"/>
      <c r="AG726" s="496"/>
      <c r="AH726" s="496"/>
      <c r="AI726" s="496"/>
      <c r="AJ726" s="496"/>
      <c r="AK726" s="496"/>
      <c r="AL726" s="496"/>
      <c r="AM726" s="496"/>
      <c r="AN726" s="496"/>
      <c r="AO726" s="496"/>
      <c r="AP726" s="496"/>
      <c r="AQ726" s="496"/>
      <c r="AR726" s="496"/>
      <c r="AS726" s="496"/>
      <c r="AT726" s="487" t="s">
        <v>66</v>
      </c>
      <c r="AU726" s="487"/>
      <c r="AV726" s="487"/>
      <c r="AW726" s="487"/>
      <c r="AX726" s="487"/>
      <c r="AY726" s="487"/>
      <c r="AZ726" s="487"/>
      <c r="BA726" s="484"/>
      <c r="BB726" s="484"/>
      <c r="BC726" s="484"/>
      <c r="BD726" s="494"/>
      <c r="BE726" s="494"/>
      <c r="BF726" s="613"/>
      <c r="BG726" s="613"/>
      <c r="BH726" s="613"/>
      <c r="BI726" s="613"/>
      <c r="BJ726" s="613"/>
      <c r="BK726" s="613"/>
      <c r="BL726" s="613"/>
      <c r="BM726" s="613"/>
      <c r="BN726" s="613"/>
      <c r="BO726" s="613"/>
      <c r="BP726" s="613"/>
      <c r="BQ726" s="613"/>
      <c r="BR726" s="613"/>
      <c r="BS726" s="613"/>
      <c r="BT726" s="613"/>
      <c r="BU726" s="613"/>
      <c r="BV726" s="613"/>
      <c r="BW726" s="613"/>
      <c r="BX726" s="613"/>
      <c r="BY726" s="613"/>
      <c r="BZ726" s="613"/>
      <c r="CA726" s="613"/>
      <c r="CB726" s="613"/>
      <c r="CC726" s="613"/>
      <c r="CD726" s="613"/>
      <c r="CE726" s="613"/>
      <c r="CF726" s="613"/>
      <c r="CG726" s="613"/>
      <c r="CH726" s="613"/>
      <c r="CI726" s="613"/>
      <c r="CJ726" s="613"/>
      <c r="CK726" s="613"/>
      <c r="CL726" s="613"/>
      <c r="CM726" s="613"/>
      <c r="CN726" s="613"/>
      <c r="CO726" s="613"/>
      <c r="CP726" s="613"/>
      <c r="CQ726" s="613"/>
      <c r="CR726" s="613"/>
      <c r="CS726" s="613"/>
      <c r="CT726" s="613"/>
      <c r="CU726" s="613"/>
      <c r="CV726" s="613"/>
      <c r="CW726" s="613"/>
      <c r="CX726" s="613"/>
      <c r="CY726" s="613"/>
      <c r="CZ726" s="613"/>
      <c r="DA726" s="613"/>
      <c r="DB726" s="613"/>
      <c r="DC726" s="613"/>
      <c r="DD726" s="613"/>
      <c r="DE726" s="613"/>
      <c r="DF726" s="613"/>
      <c r="DG726" s="613"/>
      <c r="DH726" s="613"/>
      <c r="DI726" s="613"/>
      <c r="DJ726" s="613"/>
      <c r="DK726" s="613"/>
      <c r="DL726" s="613"/>
      <c r="DM726" s="613"/>
      <c r="DN726" s="613"/>
      <c r="DO726" s="613"/>
      <c r="DP726" s="613"/>
      <c r="DQ726" s="613"/>
      <c r="DR726" s="613"/>
      <c r="DS726" s="613"/>
      <c r="DT726" s="613"/>
      <c r="DU726" s="613"/>
      <c r="DV726" s="613"/>
      <c r="DW726" s="613"/>
      <c r="DX726" s="613"/>
      <c r="DY726" s="613"/>
      <c r="DZ726" s="613"/>
      <c r="EA726" s="613"/>
      <c r="EB726" s="613"/>
      <c r="EC726" s="613"/>
      <c r="ED726" s="613"/>
      <c r="EE726" s="613"/>
      <c r="EF726" s="613"/>
      <c r="EG726" s="613"/>
      <c r="EH726" s="613"/>
      <c r="EI726" s="613"/>
      <c r="EJ726" s="613"/>
      <c r="EK726" s="613"/>
      <c r="EL726" s="613"/>
      <c r="EM726" s="613"/>
      <c r="EN726" s="613"/>
      <c r="EO726" s="613"/>
      <c r="EP726" s="613"/>
      <c r="EQ726" s="613"/>
      <c r="ER726" s="613"/>
      <c r="ES726" s="613"/>
      <c r="ET726" s="613"/>
      <c r="EU726" s="613"/>
      <c r="EV726" s="613"/>
      <c r="EW726" s="613"/>
      <c r="EX726" s="613"/>
      <c r="EY726" s="613"/>
      <c r="EZ726" s="613"/>
      <c r="FA726" s="613"/>
      <c r="FB726" s="613"/>
      <c r="FC726" s="613"/>
      <c r="FD726" s="613"/>
      <c r="FE726" s="613"/>
      <c r="FF726" s="613"/>
      <c r="FG726" s="613"/>
      <c r="FH726" s="613"/>
      <c r="FI726" s="613"/>
      <c r="FJ726" s="613"/>
      <c r="FK726" s="613"/>
      <c r="FL726" s="613"/>
      <c r="FM726" s="613"/>
      <c r="FN726" s="613"/>
      <c r="FO726" s="613"/>
      <c r="FP726" s="613"/>
      <c r="FQ726" s="613"/>
      <c r="FR726" s="613"/>
      <c r="FS726" s="613"/>
      <c r="FT726" s="613"/>
      <c r="FU726" s="613"/>
      <c r="FV726" s="613"/>
      <c r="FW726" s="613"/>
      <c r="FX726" s="613"/>
      <c r="FY726" s="613"/>
      <c r="FZ726" s="613"/>
      <c r="GA726" s="613"/>
      <c r="GB726" s="613"/>
      <c r="GC726" s="613"/>
      <c r="GD726" s="613"/>
      <c r="GE726" s="613"/>
      <c r="GF726" s="613"/>
      <c r="GG726" s="613"/>
      <c r="GH726" s="613"/>
      <c r="GI726" s="613"/>
      <c r="GJ726" s="613"/>
      <c r="GK726" s="613"/>
      <c r="GL726" s="613"/>
      <c r="GM726" s="613"/>
      <c r="GN726" s="613"/>
      <c r="GO726" s="613"/>
      <c r="GP726" s="613"/>
      <c r="GQ726" s="613"/>
      <c r="GR726" s="613"/>
      <c r="GS726" s="613"/>
      <c r="GT726" s="613"/>
      <c r="GU726" s="613"/>
      <c r="GV726" s="613"/>
      <c r="GW726" s="613"/>
      <c r="GX726" s="613"/>
      <c r="GY726" s="613"/>
      <c r="GZ726" s="613"/>
      <c r="HA726" s="613"/>
      <c r="HB726" s="613"/>
      <c r="HC726" s="613"/>
      <c r="HD726" s="613"/>
      <c r="HE726" s="613"/>
      <c r="HF726" s="613"/>
      <c r="HG726" s="613"/>
      <c r="HH726" s="613"/>
      <c r="HI726" s="613"/>
      <c r="HJ726" s="613"/>
      <c r="HK726" s="613"/>
      <c r="HL726" s="613"/>
      <c r="HM726" s="613"/>
      <c r="HN726" s="613"/>
      <c r="HO726" s="613"/>
      <c r="HP726" s="613"/>
      <c r="HQ726" s="613"/>
      <c r="HR726" s="613"/>
      <c r="HS726" s="613"/>
      <c r="HT726" s="613"/>
      <c r="HU726" s="613"/>
      <c r="HV726" s="613"/>
      <c r="HW726" s="613"/>
      <c r="HX726" s="613"/>
      <c r="HY726" s="613"/>
      <c r="HZ726" s="613"/>
      <c r="IA726" s="613"/>
      <c r="IB726" s="613"/>
      <c r="IC726" s="613"/>
      <c r="ID726" s="613"/>
      <c r="IE726" s="613"/>
      <c r="IF726" s="613"/>
      <c r="IG726" s="613"/>
      <c r="IH726" s="613"/>
      <c r="II726" s="613"/>
      <c r="IJ726" s="613"/>
      <c r="IK726" s="613"/>
      <c r="IL726" s="613"/>
      <c r="IM726" s="613"/>
      <c r="IN726" s="613"/>
      <c r="IO726" s="613"/>
      <c r="IP726" s="613"/>
      <c r="IQ726" s="613"/>
      <c r="IR726" s="613"/>
      <c r="IS726" s="613"/>
      <c r="IT726" s="613"/>
      <c r="IU726" s="613"/>
      <c r="IV726" s="613"/>
      <c r="IW726" s="613"/>
      <c r="IX726" s="613"/>
      <c r="IY726" s="613"/>
      <c r="IZ726" s="613"/>
      <c r="JA726" s="613"/>
      <c r="JB726" s="613"/>
      <c r="JC726" s="613"/>
      <c r="JD726" s="613"/>
      <c r="JE726" s="613"/>
      <c r="JF726" s="613"/>
      <c r="JG726" s="613"/>
      <c r="JH726" s="613"/>
      <c r="JI726" s="613"/>
      <c r="JJ726" s="613"/>
      <c r="JK726" s="613"/>
      <c r="JL726" s="613"/>
      <c r="JM726" s="613"/>
      <c r="JN726" s="613"/>
      <c r="JO726" s="613"/>
      <c r="JP726" s="613"/>
      <c r="JQ726" s="613"/>
      <c r="JR726" s="613"/>
      <c r="JS726" s="613"/>
      <c r="JT726" s="613"/>
      <c r="JU726" s="613"/>
      <c r="JV726" s="613"/>
      <c r="JW726" s="613"/>
      <c r="JX726" s="613"/>
      <c r="JY726" s="613"/>
      <c r="JZ726" s="613"/>
      <c r="KA726" s="613"/>
      <c r="KB726" s="613"/>
      <c r="KC726" s="613"/>
      <c r="KD726" s="613"/>
      <c r="KE726" s="613"/>
      <c r="KF726" s="613"/>
      <c r="KG726" s="613"/>
      <c r="KH726" s="613"/>
      <c r="KI726" s="613"/>
      <c r="KJ726" s="613"/>
      <c r="KK726" s="613"/>
      <c r="KL726" s="613"/>
      <c r="KM726" s="613"/>
      <c r="KN726" s="613"/>
      <c r="KO726" s="613"/>
      <c r="KP726" s="613"/>
      <c r="KQ726" s="613"/>
      <c r="KR726" s="613"/>
      <c r="KS726" s="613"/>
      <c r="KT726" s="613"/>
      <c r="KU726" s="613"/>
      <c r="KV726" s="613"/>
      <c r="KW726" s="613"/>
      <c r="KX726" s="613"/>
      <c r="KY726" s="613"/>
      <c r="KZ726" s="613"/>
      <c r="LA726" s="613"/>
      <c r="LB726" s="613"/>
      <c r="LC726" s="613"/>
      <c r="LD726" s="613"/>
      <c r="LE726" s="613"/>
      <c r="LF726" s="613"/>
      <c r="LG726" s="613"/>
      <c r="LH726" s="613"/>
      <c r="LI726" s="613"/>
      <c r="LJ726" s="613"/>
      <c r="LK726" s="613"/>
      <c r="LL726" s="613"/>
      <c r="LM726" s="613"/>
      <c r="LN726" s="613"/>
      <c r="LO726" s="613"/>
      <c r="LP726" s="613"/>
      <c r="LQ726" s="613"/>
      <c r="LR726" s="613"/>
      <c r="LS726" s="613"/>
      <c r="LT726" s="613"/>
      <c r="LU726" s="613"/>
      <c r="LV726" s="613"/>
      <c r="LW726" s="613"/>
      <c r="LX726" s="613"/>
      <c r="LY726" s="613"/>
      <c r="LZ726" s="613"/>
      <c r="MA726" s="613"/>
      <c r="MB726" s="613"/>
      <c r="MC726" s="613"/>
      <c r="MD726" s="613"/>
      <c r="ME726" s="613"/>
      <c r="MF726" s="613"/>
      <c r="MG726" s="613"/>
      <c r="MH726" s="613"/>
      <c r="MI726" s="613"/>
      <c r="MJ726" s="613"/>
      <c r="MK726" s="613"/>
      <c r="ML726" s="613"/>
      <c r="MM726" s="613"/>
      <c r="MN726" s="613"/>
      <c r="MO726" s="613"/>
      <c r="MP726" s="613"/>
      <c r="MQ726" s="613"/>
      <c r="MR726" s="613"/>
      <c r="MS726" s="613"/>
      <c r="MT726" s="613"/>
      <c r="MU726" s="613"/>
      <c r="MV726" s="613"/>
      <c r="MW726" s="613"/>
      <c r="MX726" s="613"/>
      <c r="MY726" s="613"/>
      <c r="MZ726" s="613"/>
      <c r="NA726" s="613"/>
      <c r="NB726" s="613"/>
      <c r="NC726" s="613"/>
      <c r="ND726" s="613"/>
      <c r="NE726" s="613"/>
      <c r="NF726" s="613"/>
      <c r="NG726" s="613"/>
      <c r="NH726" s="613"/>
      <c r="NI726" s="613"/>
      <c r="NJ726" s="613"/>
      <c r="NK726" s="613"/>
      <c r="NL726" s="613"/>
      <c r="NM726" s="613"/>
      <c r="NN726" s="613"/>
      <c r="NO726" s="613"/>
      <c r="NP726" s="613"/>
      <c r="NQ726" s="613"/>
      <c r="NR726" s="613"/>
      <c r="NS726" s="613"/>
      <c r="NT726" s="613"/>
      <c r="NU726" s="613"/>
      <c r="NV726" s="613"/>
      <c r="NW726" s="613"/>
      <c r="NX726" s="613"/>
      <c r="NY726" s="613"/>
      <c r="NZ726" s="613"/>
      <c r="OA726" s="613"/>
      <c r="OB726" s="613"/>
      <c r="OC726" s="613"/>
      <c r="OD726" s="613"/>
      <c r="OE726" s="613"/>
      <c r="OF726" s="613"/>
      <c r="OG726" s="613"/>
      <c r="OH726" s="613"/>
      <c r="OI726" s="613"/>
      <c r="OJ726" s="613"/>
      <c r="OK726" s="613"/>
      <c r="OL726" s="613"/>
      <c r="OM726" s="613"/>
      <c r="ON726" s="613"/>
      <c r="OO726" s="613"/>
      <c r="OP726" s="613"/>
      <c r="OQ726" s="613"/>
      <c r="OR726" s="613"/>
      <c r="OS726" s="613"/>
      <c r="OT726" s="613"/>
      <c r="OU726" s="613"/>
      <c r="OV726" s="613"/>
      <c r="OW726" s="613"/>
      <c r="OX726" s="613"/>
      <c r="OY726" s="613"/>
      <c r="OZ726" s="613"/>
      <c r="PA726" s="613"/>
      <c r="PB726" s="613"/>
      <c r="PC726" s="613"/>
      <c r="PD726" s="613"/>
      <c r="PE726" s="613"/>
      <c r="PF726" s="613"/>
      <c r="PG726" s="613"/>
      <c r="PH726" s="613"/>
      <c r="PI726" s="613"/>
      <c r="PJ726" s="613"/>
      <c r="PK726" s="613"/>
      <c r="PL726" s="613"/>
      <c r="PM726" s="613"/>
      <c r="PN726" s="613"/>
      <c r="PO726" s="613"/>
      <c r="PP726" s="613"/>
      <c r="PQ726" s="613"/>
      <c r="PR726" s="613"/>
      <c r="PS726" s="613"/>
      <c r="PT726" s="613"/>
      <c r="PU726" s="613"/>
      <c r="PV726" s="613"/>
      <c r="PW726" s="613"/>
      <c r="PX726" s="613"/>
      <c r="PY726" s="613"/>
      <c r="PZ726" s="613"/>
      <c r="QA726" s="613"/>
      <c r="QB726" s="613"/>
      <c r="QC726" s="613"/>
      <c r="QD726" s="613"/>
      <c r="QE726" s="613"/>
      <c r="QF726" s="613"/>
      <c r="QG726" s="613"/>
      <c r="QH726" s="613"/>
      <c r="QI726" s="613"/>
      <c r="QJ726" s="613"/>
      <c r="QK726" s="613"/>
      <c r="QL726" s="613"/>
      <c r="QM726" s="613"/>
      <c r="QN726" s="613"/>
      <c r="QO726" s="613"/>
      <c r="QP726" s="613"/>
      <c r="QQ726" s="613"/>
      <c r="QR726" s="613"/>
      <c r="QS726" s="613"/>
      <c r="QT726" s="613"/>
      <c r="QU726" s="613"/>
      <c r="QV726" s="613"/>
      <c r="QW726" s="613"/>
      <c r="QX726" s="613"/>
      <c r="QY726" s="613"/>
      <c r="QZ726" s="613"/>
      <c r="RA726" s="613"/>
      <c r="RB726" s="613"/>
      <c r="RC726" s="613"/>
      <c r="RD726" s="613"/>
      <c r="RE726" s="613"/>
      <c r="RF726" s="613"/>
      <c r="RG726" s="613"/>
      <c r="RH726" s="613"/>
      <c r="RI726" s="613"/>
      <c r="RJ726" s="613"/>
      <c r="RK726" s="613"/>
      <c r="RL726" s="613"/>
      <c r="RM726" s="613"/>
      <c r="RN726" s="613"/>
      <c r="RO726" s="613"/>
      <c r="RP726" s="613"/>
      <c r="RQ726" s="613"/>
      <c r="RR726" s="613"/>
      <c r="RS726" s="613"/>
      <c r="RT726" s="613"/>
      <c r="RU726" s="613"/>
      <c r="RV726" s="613"/>
      <c r="RW726" s="613"/>
      <c r="RX726" s="613"/>
      <c r="RY726" s="613"/>
      <c r="RZ726" s="613"/>
      <c r="SA726" s="613"/>
      <c r="SB726" s="613"/>
      <c r="SC726" s="613"/>
      <c r="SD726" s="613"/>
      <c r="SE726" s="613"/>
      <c r="SF726" s="613"/>
      <c r="SG726" s="613"/>
      <c r="SH726" s="613"/>
      <c r="SI726" s="613"/>
      <c r="SJ726" s="613"/>
      <c r="SK726" s="613"/>
      <c r="SL726" s="613"/>
      <c r="SM726" s="613"/>
      <c r="SN726" s="613"/>
      <c r="SO726" s="613"/>
      <c r="SP726" s="613"/>
      <c r="SQ726" s="613"/>
      <c r="SR726" s="613"/>
      <c r="SS726" s="613"/>
      <c r="ST726" s="613"/>
      <c r="SU726" s="613"/>
      <c r="SV726" s="613"/>
      <c r="SW726" s="613"/>
      <c r="SX726" s="613"/>
      <c r="SY726" s="613"/>
      <c r="SZ726" s="613"/>
      <c r="TA726" s="613"/>
      <c r="TB726" s="613"/>
      <c r="TC726" s="613"/>
      <c r="TD726" s="613"/>
      <c r="TE726" s="613"/>
      <c r="TF726" s="613"/>
      <c r="TG726" s="613"/>
      <c r="TH726" s="613"/>
      <c r="TI726" s="613"/>
      <c r="TJ726" s="613"/>
      <c r="TK726" s="613"/>
      <c r="TL726" s="613"/>
      <c r="TM726" s="613"/>
      <c r="TN726" s="613"/>
      <c r="TO726" s="613"/>
      <c r="TP726" s="613"/>
      <c r="TQ726" s="613"/>
      <c r="TR726" s="613"/>
      <c r="TS726" s="613"/>
      <c r="TT726" s="613"/>
      <c r="TU726" s="613"/>
      <c r="TV726" s="613"/>
      <c r="TW726" s="613"/>
      <c r="TX726" s="613"/>
      <c r="TY726" s="613"/>
      <c r="TZ726" s="613"/>
      <c r="UA726" s="613"/>
      <c r="UB726" s="613"/>
      <c r="UC726" s="613"/>
      <c r="UD726" s="613"/>
      <c r="UE726" s="613"/>
      <c r="UF726" s="613"/>
      <c r="UG726" s="613"/>
      <c r="UH726" s="613"/>
      <c r="UI726" s="613"/>
      <c r="UJ726" s="613"/>
      <c r="UK726" s="613"/>
      <c r="UL726" s="613"/>
      <c r="UM726" s="613"/>
      <c r="UN726" s="613"/>
      <c r="UO726" s="613"/>
      <c r="UP726" s="613"/>
      <c r="UQ726" s="613"/>
      <c r="UR726" s="613"/>
      <c r="US726" s="613"/>
      <c r="UT726" s="613"/>
      <c r="UU726" s="613"/>
      <c r="UV726" s="613"/>
      <c r="UW726" s="613"/>
      <c r="UX726" s="613"/>
      <c r="UY726" s="613"/>
      <c r="UZ726" s="613"/>
      <c r="VA726" s="613"/>
      <c r="VB726" s="613"/>
      <c r="VC726" s="613"/>
      <c r="VD726" s="613"/>
      <c r="VE726" s="613"/>
      <c r="VF726" s="613"/>
      <c r="VG726" s="613"/>
      <c r="VH726" s="613"/>
      <c r="VI726" s="613"/>
      <c r="VJ726" s="613"/>
      <c r="VK726" s="613"/>
      <c r="VL726" s="613"/>
      <c r="VM726" s="613"/>
      <c r="VN726" s="613"/>
      <c r="VO726" s="613"/>
      <c r="VP726" s="613"/>
      <c r="VQ726" s="613"/>
      <c r="VR726" s="613"/>
      <c r="VS726" s="613"/>
      <c r="VT726" s="613"/>
      <c r="VU726" s="613"/>
      <c r="VV726" s="613"/>
      <c r="VW726" s="613"/>
      <c r="VX726" s="613"/>
      <c r="VY726" s="613"/>
      <c r="VZ726" s="613"/>
      <c r="WA726" s="613"/>
      <c r="WB726" s="613"/>
      <c r="WC726" s="613"/>
      <c r="WD726" s="613"/>
      <c r="WE726" s="613"/>
      <c r="WF726" s="613"/>
      <c r="WG726" s="613"/>
      <c r="WH726" s="613"/>
      <c r="WI726" s="613"/>
      <c r="WJ726" s="613"/>
      <c r="WK726" s="613"/>
      <c r="WL726" s="613"/>
      <c r="WM726" s="613"/>
      <c r="WN726" s="613"/>
      <c r="WO726" s="613"/>
      <c r="WP726" s="613"/>
      <c r="WQ726" s="613"/>
      <c r="WR726" s="613"/>
      <c r="WS726" s="613"/>
      <c r="WT726" s="613"/>
      <c r="WU726" s="613"/>
      <c r="WV726" s="613"/>
      <c r="WW726" s="613"/>
      <c r="WX726" s="613"/>
      <c r="WY726" s="613"/>
      <c r="WZ726" s="613"/>
      <c r="XA726" s="613"/>
      <c r="XB726" s="613"/>
      <c r="XC726" s="613"/>
      <c r="XD726" s="613"/>
      <c r="XE726" s="613"/>
      <c r="XF726" s="613"/>
      <c r="XG726" s="613"/>
      <c r="XH726" s="613"/>
      <c r="XI726" s="613"/>
      <c r="XJ726" s="613"/>
      <c r="XK726" s="613"/>
      <c r="XL726" s="613"/>
      <c r="XM726" s="613"/>
      <c r="XN726" s="613"/>
      <c r="XO726" s="613"/>
      <c r="XP726" s="613"/>
      <c r="XQ726" s="613"/>
      <c r="XR726" s="613"/>
      <c r="XS726" s="613"/>
      <c r="XT726" s="613"/>
      <c r="XU726" s="613"/>
      <c r="XV726" s="613"/>
      <c r="XW726" s="613"/>
      <c r="XX726" s="613"/>
      <c r="XY726" s="613"/>
      <c r="XZ726" s="613"/>
      <c r="YA726" s="613"/>
      <c r="YB726" s="613"/>
      <c r="YC726" s="613"/>
      <c r="YD726" s="613"/>
      <c r="YE726" s="613"/>
      <c r="YF726" s="613"/>
      <c r="YG726" s="613"/>
      <c r="YH726" s="613"/>
      <c r="YI726" s="613"/>
      <c r="YJ726" s="613"/>
      <c r="YK726" s="613"/>
      <c r="YL726" s="613"/>
      <c r="YM726" s="613"/>
      <c r="YN726" s="613"/>
      <c r="YO726" s="613"/>
      <c r="YP726" s="613"/>
      <c r="YQ726" s="613"/>
      <c r="YR726" s="613"/>
      <c r="YS726" s="613"/>
      <c r="YT726" s="613"/>
      <c r="YU726" s="613"/>
      <c r="YV726" s="613"/>
      <c r="YW726" s="613"/>
      <c r="YX726" s="613"/>
      <c r="YY726" s="613"/>
      <c r="YZ726" s="613"/>
      <c r="ZA726" s="613"/>
      <c r="ZB726" s="613"/>
      <c r="ZC726" s="613"/>
      <c r="ZD726" s="613"/>
      <c r="ZE726" s="613"/>
      <c r="ZF726" s="613"/>
      <c r="ZG726" s="613"/>
      <c r="ZH726" s="613"/>
      <c r="ZI726" s="613"/>
      <c r="ZJ726" s="613"/>
      <c r="ZK726" s="613"/>
      <c r="ZL726" s="613"/>
      <c r="ZM726" s="613"/>
      <c r="ZN726" s="613"/>
      <c r="ZO726" s="613"/>
      <c r="ZP726" s="613"/>
      <c r="ZQ726" s="613"/>
      <c r="ZR726" s="613"/>
      <c r="ZS726" s="613"/>
      <c r="ZT726" s="613"/>
      <c r="ZU726" s="613"/>
      <c r="ZV726" s="613"/>
      <c r="ZW726" s="613"/>
      <c r="ZX726" s="613"/>
      <c r="ZY726" s="613"/>
      <c r="ZZ726" s="613"/>
      <c r="AAA726" s="613"/>
      <c r="AAB726" s="613"/>
      <c r="AAC726" s="613"/>
      <c r="AAD726" s="613"/>
      <c r="AAE726" s="613"/>
      <c r="AAF726" s="613"/>
      <c r="AAG726" s="613"/>
      <c r="AAH726" s="613"/>
      <c r="AAI726" s="613"/>
      <c r="AAJ726" s="613"/>
      <c r="AAK726" s="613"/>
      <c r="AAL726" s="613"/>
      <c r="AAM726" s="613"/>
      <c r="AAN726" s="613"/>
      <c r="AAO726" s="613"/>
      <c r="AAP726" s="613"/>
      <c r="AAQ726" s="613"/>
      <c r="AAR726" s="613"/>
      <c r="AAS726" s="613"/>
      <c r="AAT726" s="613"/>
      <c r="AAU726" s="613"/>
      <c r="AAV726" s="613"/>
      <c r="AAW726" s="613"/>
      <c r="AAX726" s="613"/>
      <c r="AAY726" s="613"/>
      <c r="AAZ726" s="613"/>
      <c r="ABA726" s="613"/>
      <c r="ABB726" s="613"/>
      <c r="ABC726" s="613"/>
      <c r="ABD726" s="613"/>
      <c r="ABE726" s="613"/>
      <c r="ABF726" s="613"/>
      <c r="ABG726" s="613"/>
      <c r="ABH726" s="613"/>
      <c r="ABI726" s="613"/>
      <c r="ABJ726" s="613"/>
      <c r="ABK726" s="613"/>
      <c r="ABL726" s="613"/>
      <c r="ABM726" s="613"/>
      <c r="ABN726" s="613"/>
      <c r="ABO726" s="613"/>
      <c r="ABP726" s="613"/>
      <c r="ABQ726" s="613"/>
      <c r="ABR726" s="613"/>
      <c r="ABS726" s="613"/>
      <c r="ABT726" s="613"/>
      <c r="ABU726" s="613"/>
      <c r="ABV726" s="613"/>
      <c r="ABW726" s="613"/>
      <c r="ABX726" s="613"/>
      <c r="ABY726" s="613"/>
      <c r="ABZ726" s="613"/>
      <c r="ACA726" s="613"/>
      <c r="ACB726" s="613"/>
      <c r="ACC726" s="613"/>
      <c r="ACD726" s="613"/>
      <c r="ACE726" s="613"/>
      <c r="ACF726" s="613"/>
      <c r="ACG726" s="613"/>
      <c r="ACH726" s="613"/>
      <c r="ACI726" s="613"/>
      <c r="ACJ726" s="613"/>
      <c r="ACK726" s="613"/>
      <c r="ACL726" s="613"/>
      <c r="ACM726" s="613"/>
      <c r="ACN726" s="613"/>
      <c r="ACO726" s="613"/>
      <c r="ACP726" s="613"/>
      <c r="ACQ726" s="613"/>
      <c r="ACR726" s="613"/>
      <c r="ACS726" s="613"/>
      <c r="ACT726" s="613"/>
      <c r="ACU726" s="613"/>
      <c r="ACV726" s="613"/>
      <c r="ACW726" s="613"/>
      <c r="ACX726" s="613"/>
      <c r="ACY726" s="613"/>
      <c r="ACZ726" s="613"/>
      <c r="ADA726" s="613"/>
      <c r="ADB726" s="613"/>
      <c r="ADC726" s="613"/>
      <c r="ADD726" s="613"/>
      <c r="ADE726" s="613"/>
      <c r="ADF726" s="613"/>
      <c r="ADG726" s="613"/>
      <c r="ADH726" s="613"/>
      <c r="ADI726" s="613"/>
      <c r="ADJ726" s="613"/>
      <c r="ADK726" s="613"/>
      <c r="ADL726" s="613"/>
      <c r="ADM726" s="613"/>
      <c r="ADN726" s="613"/>
      <c r="ADO726" s="613"/>
      <c r="ADP726" s="613"/>
      <c r="ADQ726" s="613"/>
      <c r="ADR726" s="613"/>
      <c r="ADS726" s="613"/>
      <c r="ADT726" s="613"/>
      <c r="ADU726" s="613"/>
      <c r="ADV726" s="613"/>
      <c r="ADW726" s="613"/>
      <c r="ADX726" s="613"/>
      <c r="ADY726" s="613"/>
      <c r="ADZ726" s="613"/>
      <c r="AEA726" s="613"/>
      <c r="AEB726" s="613"/>
      <c r="AEC726" s="613"/>
      <c r="AED726" s="613"/>
      <c r="AEE726" s="613"/>
      <c r="AEF726" s="613"/>
      <c r="AEG726" s="613"/>
      <c r="AEH726" s="613"/>
      <c r="AEI726" s="613"/>
      <c r="AEJ726" s="613"/>
      <c r="AEK726" s="613"/>
      <c r="AEL726" s="613"/>
      <c r="AEM726" s="613"/>
      <c r="AEN726" s="613"/>
      <c r="AEO726" s="613"/>
      <c r="AEP726" s="613"/>
      <c r="AEQ726" s="613"/>
      <c r="AER726" s="613"/>
      <c r="AES726" s="613"/>
      <c r="AET726" s="613"/>
      <c r="AEU726" s="613"/>
      <c r="AEV726" s="613"/>
      <c r="AEW726" s="613"/>
      <c r="AEX726" s="613"/>
      <c r="AEY726" s="613"/>
      <c r="AEZ726" s="613"/>
      <c r="AFA726" s="613"/>
      <c r="AFB726" s="613"/>
      <c r="AFC726" s="613"/>
      <c r="AFD726" s="613"/>
      <c r="AFE726" s="613"/>
      <c r="AFF726" s="613"/>
      <c r="AFG726" s="613"/>
      <c r="AFH726" s="613"/>
      <c r="AFI726" s="613"/>
      <c r="AFJ726" s="613"/>
      <c r="AFK726" s="613"/>
      <c r="AFL726" s="613"/>
      <c r="AFM726" s="613"/>
      <c r="AFN726" s="613"/>
      <c r="AFO726" s="613"/>
      <c r="AFP726" s="613"/>
      <c r="AFQ726" s="613"/>
      <c r="AFR726" s="613"/>
      <c r="AFS726" s="613"/>
      <c r="AFT726" s="613"/>
      <c r="AFU726" s="613"/>
      <c r="AFV726" s="613"/>
      <c r="AFW726" s="613"/>
      <c r="AFX726" s="613"/>
      <c r="AFY726" s="613"/>
      <c r="AFZ726" s="613"/>
      <c r="AGA726" s="613"/>
      <c r="AGB726" s="613"/>
      <c r="AGC726" s="613"/>
      <c r="AGD726" s="613"/>
      <c r="AGE726" s="613"/>
      <c r="AGF726" s="613"/>
      <c r="AGG726" s="613"/>
      <c r="AGH726" s="613"/>
      <c r="AGI726" s="613"/>
      <c r="AGJ726" s="613"/>
      <c r="AGK726" s="613"/>
      <c r="AGL726" s="613"/>
      <c r="AGM726" s="613"/>
      <c r="AGN726" s="613"/>
      <c r="AGO726" s="613"/>
      <c r="AGP726" s="613"/>
      <c r="AGQ726" s="613"/>
      <c r="AGR726" s="613"/>
      <c r="AGS726" s="613"/>
      <c r="AGT726" s="613"/>
      <c r="AGU726" s="613"/>
      <c r="AGV726" s="613"/>
      <c r="AGW726" s="613"/>
      <c r="AGX726" s="613"/>
      <c r="AGY726" s="613"/>
      <c r="AGZ726" s="613"/>
      <c r="AHA726" s="613"/>
      <c r="AHB726" s="613"/>
      <c r="AHC726" s="613"/>
      <c r="AHD726" s="613"/>
      <c r="AHE726" s="613"/>
      <c r="AHF726" s="613"/>
      <c r="AHG726" s="613"/>
      <c r="AHH726" s="613"/>
      <c r="AHI726" s="613"/>
      <c r="AHJ726" s="613"/>
      <c r="AHK726" s="613"/>
      <c r="AHL726" s="613"/>
      <c r="AHM726" s="613"/>
      <c r="AHN726" s="613"/>
      <c r="AHO726" s="613"/>
      <c r="AHP726" s="613"/>
      <c r="AHQ726" s="613"/>
      <c r="AHR726" s="613"/>
      <c r="AHS726" s="613"/>
      <c r="AHT726" s="613"/>
      <c r="AHU726" s="613"/>
      <c r="AHV726" s="613"/>
      <c r="AHW726" s="613"/>
      <c r="AHX726" s="613"/>
      <c r="AHY726" s="613"/>
      <c r="AHZ726" s="613"/>
      <c r="AIA726" s="613"/>
      <c r="AIB726" s="613"/>
      <c r="AIC726" s="613"/>
      <c r="AID726" s="613"/>
      <c r="AIE726" s="613"/>
      <c r="AIF726" s="613"/>
      <c r="AIG726" s="613"/>
      <c r="AIH726" s="613"/>
      <c r="AII726" s="613"/>
      <c r="AIJ726" s="613"/>
      <c r="AIK726" s="613"/>
      <c r="AIL726" s="613"/>
      <c r="AIM726" s="613"/>
      <c r="AIN726" s="613"/>
      <c r="AIO726" s="613"/>
      <c r="AIP726" s="613"/>
      <c r="AIQ726" s="613"/>
      <c r="AIR726" s="613"/>
      <c r="AIS726" s="613"/>
      <c r="AIT726" s="613"/>
      <c r="AIU726" s="613"/>
      <c r="AIV726" s="613"/>
      <c r="AIW726" s="613"/>
      <c r="AIX726" s="613"/>
      <c r="AIY726" s="613"/>
      <c r="AIZ726" s="613"/>
      <c r="AJA726" s="613"/>
      <c r="AJB726" s="613"/>
      <c r="AJC726" s="613"/>
      <c r="AJD726" s="613"/>
      <c r="AJE726" s="613"/>
      <c r="AJF726" s="613"/>
      <c r="AJG726" s="613"/>
      <c r="AJH726" s="613"/>
      <c r="AJI726" s="613"/>
      <c r="AJJ726" s="613"/>
      <c r="AJK726" s="613"/>
      <c r="AJL726" s="613"/>
      <c r="AJM726" s="613"/>
      <c r="AJN726" s="613"/>
      <c r="AJO726" s="613"/>
      <c r="AJP726" s="613"/>
      <c r="AJQ726" s="613"/>
      <c r="AJR726" s="613"/>
      <c r="AJS726" s="613"/>
      <c r="AJT726" s="613"/>
      <c r="AJU726" s="613"/>
      <c r="AJV726" s="613"/>
      <c r="AJW726" s="613"/>
      <c r="AJX726" s="613"/>
      <c r="AJY726" s="613"/>
      <c r="AJZ726" s="613"/>
      <c r="AKA726" s="613"/>
      <c r="AKB726" s="613"/>
      <c r="AKC726" s="613"/>
      <c r="AKD726" s="613"/>
      <c r="AKE726" s="613"/>
      <c r="AKF726" s="613"/>
      <c r="AKG726" s="613"/>
      <c r="AKH726" s="613"/>
      <c r="AKI726" s="613"/>
      <c r="AKJ726" s="613"/>
      <c r="AKK726" s="613"/>
      <c r="AKL726" s="613"/>
      <c r="AKM726" s="613"/>
      <c r="AKN726" s="613"/>
      <c r="AKO726" s="613"/>
      <c r="AKP726" s="613"/>
      <c r="AKQ726" s="613"/>
      <c r="AKR726" s="613"/>
      <c r="AKS726" s="613"/>
      <c r="AKT726" s="613"/>
      <c r="AKU726" s="613"/>
      <c r="AKV726" s="613"/>
      <c r="AKW726" s="613"/>
      <c r="AKX726" s="613"/>
      <c r="AKY726" s="613"/>
      <c r="AKZ726" s="613"/>
      <c r="ALA726" s="613"/>
      <c r="ALB726" s="613"/>
      <c r="ALC726" s="613"/>
      <c r="ALD726" s="613"/>
      <c r="ALE726" s="613"/>
      <c r="ALF726" s="613"/>
      <c r="ALG726" s="613"/>
      <c r="ALH726" s="613"/>
      <c r="ALI726" s="613"/>
      <c r="ALJ726" s="613"/>
      <c r="ALK726" s="613"/>
      <c r="ALL726" s="613"/>
      <c r="ALM726" s="613"/>
      <c r="ALN726" s="613"/>
      <c r="ALO726" s="613"/>
      <c r="ALP726" s="613"/>
      <c r="ALQ726" s="613"/>
      <c r="ALR726" s="613"/>
      <c r="ALS726" s="613"/>
      <c r="ALT726" s="613"/>
      <c r="ALU726" s="613"/>
      <c r="ALV726" s="613"/>
      <c r="ALW726" s="613"/>
      <c r="ALX726" s="613"/>
      <c r="ALY726" s="613"/>
      <c r="ALZ726" s="613"/>
      <c r="AMA726" s="613"/>
      <c r="AMB726" s="613"/>
      <c r="AMC726" s="613"/>
      <c r="AMD726" s="613"/>
      <c r="AME726" s="613"/>
      <c r="AMF726" s="613"/>
      <c r="AMG726" s="613"/>
      <c r="AMH726" s="613"/>
      <c r="AMI726" s="613"/>
      <c r="AMJ726" s="613"/>
      <c r="AMK726" s="613"/>
      <c r="AML726" s="613"/>
      <c r="AMM726" s="613"/>
      <c r="AMN726" s="613"/>
      <c r="AMO726" s="613"/>
      <c r="AMP726" s="613"/>
      <c r="AMQ726" s="613"/>
      <c r="AMR726" s="613"/>
      <c r="AMS726" s="613"/>
      <c r="AMT726" s="613"/>
      <c r="AMU726" s="613"/>
      <c r="AMV726" s="613"/>
      <c r="AMW726" s="613"/>
      <c r="AMX726" s="613"/>
      <c r="AMY726" s="613"/>
      <c r="AMZ726" s="613"/>
      <c r="ANA726" s="613"/>
      <c r="ANB726" s="613"/>
      <c r="ANC726" s="613"/>
      <c r="AND726" s="613"/>
      <c r="ANE726" s="613"/>
      <c r="ANF726" s="613"/>
      <c r="ANG726" s="613"/>
      <c r="ANH726" s="613"/>
      <c r="ANI726" s="613"/>
      <c r="ANJ726" s="613"/>
      <c r="ANK726" s="613"/>
      <c r="ANL726" s="613"/>
      <c r="ANM726" s="613"/>
      <c r="ANN726" s="613"/>
      <c r="ANO726" s="613"/>
      <c r="ANP726" s="613"/>
      <c r="ANQ726" s="613"/>
      <c r="ANR726" s="613"/>
      <c r="ANS726" s="613"/>
      <c r="ANT726" s="613"/>
      <c r="ANU726" s="613"/>
      <c r="ANV726" s="613"/>
      <c r="ANW726" s="613"/>
      <c r="ANX726" s="613"/>
      <c r="ANY726" s="613"/>
      <c r="ANZ726" s="613"/>
      <c r="AOA726" s="613"/>
      <c r="AOB726" s="613"/>
      <c r="AOC726" s="613"/>
      <c r="AOD726" s="613"/>
      <c r="AOE726" s="613"/>
      <c r="AOF726" s="613"/>
      <c r="AOG726" s="613"/>
      <c r="AOH726" s="613"/>
      <c r="AOI726" s="613"/>
      <c r="AOJ726" s="613"/>
      <c r="AOK726" s="613"/>
      <c r="AOL726" s="613"/>
      <c r="AOM726" s="613"/>
      <c r="AON726" s="613"/>
      <c r="AOO726" s="613"/>
      <c r="AOP726" s="613"/>
      <c r="AOQ726" s="613"/>
      <c r="AOR726" s="613"/>
      <c r="AOS726" s="613"/>
      <c r="AOT726" s="613"/>
      <c r="AOU726" s="613"/>
      <c r="AOV726" s="613"/>
      <c r="AOW726" s="613"/>
      <c r="AOX726" s="613"/>
      <c r="AOY726" s="613"/>
      <c r="AOZ726" s="613"/>
      <c r="APA726" s="613"/>
      <c r="APB726" s="613"/>
      <c r="APC726" s="613"/>
      <c r="APD726" s="613"/>
      <c r="APE726" s="613"/>
      <c r="APF726" s="613"/>
      <c r="APG726" s="613"/>
      <c r="APH726" s="613"/>
      <c r="API726" s="613"/>
      <c r="APJ726" s="613"/>
      <c r="APK726" s="613"/>
      <c r="APL726" s="613"/>
      <c r="APM726" s="613"/>
      <c r="APN726" s="613"/>
      <c r="APO726" s="613"/>
      <c r="APP726" s="613"/>
      <c r="APQ726" s="613"/>
      <c r="APR726" s="613"/>
      <c r="APS726" s="613"/>
      <c r="APT726" s="613"/>
      <c r="APU726" s="613"/>
      <c r="APV726" s="613"/>
      <c r="APW726" s="613"/>
      <c r="APX726" s="613"/>
      <c r="APY726" s="613"/>
      <c r="APZ726" s="613"/>
      <c r="AQA726" s="613"/>
      <c r="AQB726" s="613"/>
      <c r="AQC726" s="613"/>
      <c r="AQD726" s="613"/>
      <c r="AQE726" s="613"/>
      <c r="AQF726" s="613"/>
      <c r="AQG726" s="613"/>
      <c r="AQH726" s="613"/>
      <c r="AQI726" s="613"/>
      <c r="AQJ726" s="613"/>
      <c r="AQK726" s="613"/>
      <c r="AQL726" s="613"/>
      <c r="AQM726" s="613"/>
      <c r="AQN726" s="613"/>
      <c r="AQO726" s="613"/>
      <c r="AQP726" s="613"/>
      <c r="AQQ726" s="613"/>
      <c r="AQR726" s="613"/>
      <c r="AQS726" s="613"/>
      <c r="AQT726" s="613"/>
      <c r="AQU726" s="613"/>
      <c r="AQV726" s="613"/>
      <c r="AQW726" s="613"/>
      <c r="AQX726" s="613"/>
      <c r="AQY726" s="613"/>
      <c r="AQZ726" s="613"/>
      <c r="ARA726" s="613"/>
      <c r="ARB726" s="613"/>
      <c r="ARC726" s="613"/>
      <c r="ARD726" s="613"/>
      <c r="ARE726" s="613"/>
      <c r="ARF726" s="613"/>
      <c r="ARG726" s="613"/>
      <c r="ARH726" s="613"/>
      <c r="ARI726" s="613"/>
      <c r="ARJ726" s="613"/>
      <c r="ARK726" s="613"/>
      <c r="ARL726" s="613"/>
      <c r="ARM726" s="613"/>
      <c r="ARN726" s="613"/>
      <c r="ARO726" s="613"/>
      <c r="ARP726" s="613"/>
      <c r="ARQ726" s="613"/>
      <c r="ARR726" s="613"/>
      <c r="ARS726" s="613"/>
      <c r="ART726" s="613"/>
      <c r="ARU726" s="613"/>
      <c r="ARV726" s="613"/>
      <c r="ARW726" s="613"/>
      <c r="ARX726" s="613"/>
      <c r="ARY726" s="613"/>
      <c r="ARZ726" s="613"/>
      <c r="ASA726" s="613"/>
      <c r="ASB726" s="613"/>
      <c r="ASC726" s="613"/>
      <c r="ASD726" s="613"/>
      <c r="ASE726" s="613"/>
      <c r="ASF726" s="613"/>
      <c r="ASG726" s="613"/>
      <c r="ASH726" s="613"/>
      <c r="ASI726" s="613"/>
      <c r="ASJ726" s="613"/>
      <c r="ASK726" s="613"/>
      <c r="ASL726" s="613"/>
      <c r="ASM726" s="613"/>
      <c r="ASN726" s="613"/>
      <c r="ASO726" s="613"/>
      <c r="ASP726" s="613"/>
      <c r="ASQ726" s="613"/>
      <c r="ASR726" s="613"/>
      <c r="ASS726" s="613"/>
      <c r="AST726" s="613"/>
      <c r="ASU726" s="613"/>
      <c r="ASV726" s="613"/>
      <c r="ASW726" s="613"/>
      <c r="ASX726" s="613"/>
      <c r="ASY726" s="613"/>
      <c r="ASZ726" s="613"/>
      <c r="ATA726" s="613"/>
      <c r="ATB726" s="613"/>
      <c r="ATC726" s="613"/>
      <c r="ATD726" s="613"/>
      <c r="ATE726" s="613"/>
      <c r="ATF726" s="613"/>
      <c r="ATG726" s="613"/>
      <c r="ATH726" s="613"/>
      <c r="ATI726" s="613"/>
      <c r="ATJ726" s="613"/>
      <c r="ATK726" s="613"/>
      <c r="ATL726" s="613"/>
      <c r="ATM726" s="613"/>
      <c r="ATN726" s="613"/>
      <c r="ATO726" s="613"/>
      <c r="ATP726" s="613"/>
      <c r="ATQ726" s="613"/>
      <c r="ATR726" s="613"/>
      <c r="ATS726" s="613"/>
      <c r="ATT726" s="613"/>
      <c r="ATU726" s="613"/>
      <c r="ATV726" s="613"/>
      <c r="ATW726" s="613"/>
      <c r="ATX726" s="613"/>
      <c r="ATY726" s="613"/>
      <c r="ATZ726" s="613"/>
      <c r="AUA726" s="613"/>
      <c r="AUB726" s="613"/>
      <c r="AUC726" s="613"/>
      <c r="AUD726" s="613"/>
      <c r="AUE726" s="613"/>
      <c r="AUF726" s="613"/>
      <c r="AUG726" s="613"/>
      <c r="AUH726" s="613"/>
      <c r="AUI726" s="613"/>
      <c r="AUJ726" s="613"/>
      <c r="AUK726" s="613"/>
      <c r="AUL726" s="613"/>
      <c r="AUM726" s="613"/>
      <c r="AUN726" s="613"/>
      <c r="AUO726" s="613"/>
      <c r="AUP726" s="613"/>
      <c r="AUQ726" s="613"/>
      <c r="AUR726" s="613"/>
      <c r="AUS726" s="613"/>
      <c r="AUT726" s="613"/>
      <c r="AUU726" s="613"/>
      <c r="AUV726" s="613"/>
      <c r="AUW726" s="613"/>
      <c r="AUX726" s="613"/>
      <c r="AUY726" s="613"/>
      <c r="AUZ726" s="613"/>
      <c r="AVA726" s="613"/>
      <c r="AVB726" s="613"/>
      <c r="AVC726" s="613"/>
      <c r="AVD726" s="613"/>
      <c r="AVE726" s="613"/>
      <c r="AVF726" s="613"/>
      <c r="AVG726" s="613"/>
      <c r="AVH726" s="613"/>
      <c r="AVI726" s="613"/>
      <c r="AVJ726" s="613"/>
      <c r="AVK726" s="613"/>
      <c r="AVL726" s="613"/>
      <c r="AVM726" s="613"/>
      <c r="AVN726" s="613"/>
      <c r="AVO726" s="613"/>
      <c r="AVP726" s="613"/>
      <c r="AVQ726" s="613"/>
      <c r="AVR726" s="613"/>
      <c r="AVS726" s="613"/>
      <c r="AVT726" s="613"/>
      <c r="AVU726" s="613"/>
      <c r="AVV726" s="613"/>
      <c r="AVW726" s="613"/>
      <c r="AVX726" s="613"/>
      <c r="AVY726" s="613"/>
      <c r="AVZ726" s="613"/>
      <c r="AWA726" s="613"/>
      <c r="AWB726" s="613"/>
      <c r="AWC726" s="613"/>
      <c r="AWD726" s="613"/>
      <c r="AWE726" s="613"/>
      <c r="AWF726" s="613"/>
      <c r="AWG726" s="613"/>
      <c r="AWH726" s="613"/>
      <c r="AWI726" s="613"/>
      <c r="AWJ726" s="613"/>
      <c r="AWK726" s="613"/>
      <c r="AWL726" s="613"/>
      <c r="AWM726" s="613"/>
      <c r="AWN726" s="613"/>
      <c r="AWO726" s="613"/>
      <c r="AWP726" s="613"/>
      <c r="AWQ726" s="613"/>
      <c r="AWR726" s="613"/>
      <c r="AWS726" s="613"/>
      <c r="AWT726" s="613"/>
      <c r="AWU726" s="613"/>
      <c r="AWV726" s="613"/>
      <c r="AWW726" s="613"/>
      <c r="AWX726" s="613"/>
      <c r="AWY726" s="613"/>
      <c r="AWZ726" s="613"/>
      <c r="AXA726" s="613"/>
      <c r="AXB726" s="613"/>
      <c r="AXC726" s="613"/>
      <c r="AXD726" s="613"/>
      <c r="AXE726" s="613"/>
      <c r="AXF726" s="613"/>
      <c r="AXG726" s="613"/>
      <c r="AXH726" s="613"/>
      <c r="AXI726" s="613"/>
      <c r="AXJ726" s="613"/>
      <c r="AXK726" s="613"/>
      <c r="AXL726" s="613"/>
      <c r="AXM726" s="613"/>
      <c r="AXN726" s="613"/>
      <c r="AXO726" s="613"/>
      <c r="AXP726" s="613"/>
      <c r="AXQ726" s="613"/>
      <c r="AXR726" s="613"/>
      <c r="AXS726" s="613"/>
      <c r="AXT726" s="613"/>
      <c r="AXU726" s="613"/>
      <c r="AXV726" s="613"/>
      <c r="AXW726" s="613"/>
      <c r="AXX726" s="613"/>
      <c r="AXY726" s="613"/>
      <c r="AXZ726" s="613"/>
      <c r="AYA726" s="613"/>
      <c r="AYB726" s="613"/>
      <c r="AYC726" s="613"/>
      <c r="AYD726" s="613"/>
      <c r="AYE726" s="613"/>
      <c r="AYF726" s="613"/>
      <c r="AYG726" s="613"/>
      <c r="AYH726" s="613"/>
      <c r="AYI726" s="613"/>
      <c r="AYJ726" s="613"/>
      <c r="AYK726" s="613"/>
      <c r="AYL726" s="613"/>
      <c r="AYM726" s="613"/>
      <c r="AYN726" s="613"/>
      <c r="AYO726" s="613"/>
      <c r="AYP726" s="613"/>
      <c r="AYQ726" s="613"/>
      <c r="AYR726" s="613"/>
      <c r="AYS726" s="613"/>
      <c r="AYT726" s="613"/>
      <c r="AYU726" s="613"/>
      <c r="AYV726" s="613"/>
      <c r="AYW726" s="613"/>
      <c r="AYX726" s="613"/>
      <c r="AYY726" s="613"/>
      <c r="AYZ726" s="613"/>
      <c r="AZA726" s="613"/>
      <c r="AZB726" s="613"/>
      <c r="AZC726" s="613"/>
      <c r="AZD726" s="613"/>
      <c r="AZE726" s="613"/>
      <c r="AZF726" s="613"/>
      <c r="AZG726" s="613"/>
      <c r="AZH726" s="613"/>
      <c r="AZI726" s="613"/>
      <c r="AZJ726" s="613"/>
      <c r="AZK726" s="613"/>
      <c r="AZL726" s="613"/>
      <c r="AZM726" s="613"/>
      <c r="AZN726" s="613"/>
      <c r="AZO726" s="613"/>
      <c r="AZP726" s="613"/>
      <c r="AZQ726" s="613"/>
      <c r="AZR726" s="613"/>
      <c r="AZS726" s="613"/>
      <c r="AZT726" s="613"/>
      <c r="AZU726" s="613"/>
      <c r="AZV726" s="613"/>
      <c r="AZW726" s="613"/>
      <c r="AZX726" s="613"/>
      <c r="AZY726" s="613"/>
      <c r="AZZ726" s="613"/>
      <c r="BAA726" s="613"/>
      <c r="BAB726" s="613"/>
      <c r="BAC726" s="613"/>
      <c r="BAD726" s="613"/>
      <c r="BAE726" s="613"/>
      <c r="BAF726" s="613"/>
      <c r="BAG726" s="613"/>
      <c r="BAH726" s="613"/>
      <c r="BAI726" s="613"/>
      <c r="BAJ726" s="613"/>
      <c r="BAK726" s="613"/>
      <c r="BAL726" s="613"/>
      <c r="BAM726" s="613"/>
      <c r="BAN726" s="613"/>
      <c r="BAO726" s="613"/>
      <c r="BAP726" s="613"/>
      <c r="BAQ726" s="613"/>
      <c r="BAR726" s="613"/>
      <c r="BAS726" s="613"/>
      <c r="BAT726" s="613"/>
      <c r="BAU726" s="613"/>
      <c r="BAV726" s="613"/>
      <c r="BAW726" s="613"/>
      <c r="BAX726" s="613"/>
      <c r="BAY726" s="613"/>
      <c r="BAZ726" s="613"/>
      <c r="BBA726" s="613"/>
      <c r="BBB726" s="613"/>
      <c r="BBC726" s="613"/>
      <c r="BBD726" s="613"/>
      <c r="BBE726" s="613"/>
      <c r="BBF726" s="613"/>
      <c r="BBG726" s="613"/>
      <c r="BBH726" s="613"/>
      <c r="BBI726" s="613"/>
      <c r="BBJ726" s="613"/>
      <c r="BBK726" s="613"/>
      <c r="BBL726" s="613"/>
      <c r="BBM726" s="613"/>
      <c r="BBN726" s="613"/>
      <c r="BBO726" s="613"/>
      <c r="BBP726" s="613"/>
      <c r="BBQ726" s="613"/>
      <c r="BBR726" s="613"/>
      <c r="BBS726" s="613"/>
      <c r="BBT726" s="613"/>
      <c r="BBU726" s="613"/>
      <c r="BBV726" s="613"/>
      <c r="BBW726" s="613"/>
      <c r="BBX726" s="613"/>
      <c r="BBY726" s="613"/>
      <c r="BBZ726" s="613"/>
      <c r="BCA726" s="613"/>
      <c r="BCB726" s="613"/>
      <c r="BCC726" s="613"/>
      <c r="BCD726" s="613"/>
      <c r="BCE726" s="613"/>
      <c r="BCF726" s="613"/>
      <c r="BCG726" s="613"/>
      <c r="BCH726" s="613"/>
      <c r="BCI726" s="613"/>
      <c r="BCJ726" s="613"/>
      <c r="BCK726" s="613"/>
      <c r="BCL726" s="613"/>
      <c r="BCM726" s="613"/>
      <c r="BCN726" s="613"/>
      <c r="BCO726" s="613"/>
      <c r="BCP726" s="613"/>
      <c r="BCQ726" s="613"/>
      <c r="BCR726" s="613"/>
      <c r="BCS726" s="613"/>
      <c r="BCT726" s="613"/>
      <c r="BCU726" s="613"/>
      <c r="BCV726" s="613"/>
      <c r="BCW726" s="613"/>
      <c r="BCX726" s="613"/>
      <c r="BCY726" s="613"/>
      <c r="BCZ726" s="613"/>
      <c r="BDA726" s="613"/>
      <c r="BDB726" s="613"/>
      <c r="BDC726" s="613"/>
      <c r="BDD726" s="613"/>
      <c r="BDE726" s="613"/>
      <c r="BDF726" s="613"/>
      <c r="BDG726" s="613"/>
      <c r="BDH726" s="613"/>
      <c r="BDI726" s="613"/>
      <c r="BDJ726" s="613"/>
      <c r="BDK726" s="613"/>
      <c r="BDL726" s="613"/>
      <c r="BDM726" s="613"/>
      <c r="BDN726" s="613"/>
      <c r="BDO726" s="613"/>
      <c r="BDP726" s="613"/>
      <c r="BDQ726" s="613"/>
      <c r="BDR726" s="613"/>
      <c r="BDS726" s="613"/>
      <c r="BDT726" s="613"/>
      <c r="BDU726" s="613"/>
      <c r="BDV726" s="613"/>
      <c r="BDW726" s="613"/>
      <c r="BDX726" s="613"/>
      <c r="BDY726" s="613"/>
      <c r="BDZ726" s="613"/>
      <c r="BEA726" s="613"/>
      <c r="BEB726" s="613"/>
      <c r="BEC726" s="613"/>
      <c r="BED726" s="613"/>
      <c r="BEE726" s="613"/>
      <c r="BEF726" s="613"/>
      <c r="BEG726" s="613"/>
      <c r="BEH726" s="613"/>
      <c r="BEI726" s="613"/>
      <c r="BEJ726" s="613"/>
      <c r="BEK726" s="613"/>
      <c r="BEL726" s="613"/>
      <c r="BEM726" s="613"/>
      <c r="BEN726" s="613"/>
      <c r="BEO726" s="613"/>
      <c r="BEP726" s="613"/>
      <c r="BEQ726" s="613"/>
      <c r="BER726" s="613"/>
      <c r="BES726" s="613"/>
      <c r="BET726" s="613"/>
      <c r="BEU726" s="613"/>
      <c r="BEV726" s="613"/>
      <c r="BEW726" s="613"/>
      <c r="BEX726" s="613"/>
      <c r="BEY726" s="613"/>
      <c r="BEZ726" s="613"/>
      <c r="BFA726" s="613"/>
      <c r="BFB726" s="613"/>
      <c r="BFC726" s="613"/>
      <c r="BFD726" s="613"/>
      <c r="BFE726" s="613"/>
      <c r="BFF726" s="613"/>
      <c r="BFG726" s="613"/>
      <c r="BFH726" s="613"/>
      <c r="BFI726" s="613"/>
      <c r="BFJ726" s="613"/>
      <c r="BFK726" s="613"/>
      <c r="BFL726" s="613"/>
      <c r="BFM726" s="613"/>
      <c r="BFN726" s="613"/>
      <c r="BFO726" s="613"/>
      <c r="BFP726" s="613"/>
      <c r="BFQ726" s="613"/>
      <c r="BFR726" s="613"/>
      <c r="BFS726" s="613"/>
      <c r="BFT726" s="613"/>
      <c r="BFU726" s="613"/>
      <c r="BFV726" s="613"/>
      <c r="BFW726" s="613"/>
      <c r="BFX726" s="613"/>
      <c r="BFY726" s="613"/>
      <c r="BFZ726" s="613"/>
      <c r="BGA726" s="613"/>
      <c r="BGB726" s="613"/>
      <c r="BGC726" s="613"/>
      <c r="BGD726" s="613"/>
      <c r="BGE726" s="613"/>
      <c r="BGF726" s="613"/>
      <c r="BGG726" s="613"/>
      <c r="BGH726" s="613"/>
      <c r="BGI726" s="613"/>
      <c r="BGJ726" s="613"/>
      <c r="BGK726" s="613"/>
      <c r="BGL726" s="613"/>
      <c r="BGM726" s="613"/>
      <c r="BGN726" s="613"/>
      <c r="BGO726" s="613"/>
      <c r="BGP726" s="613"/>
      <c r="BGQ726" s="613"/>
      <c r="BGR726" s="613"/>
      <c r="BGS726" s="613"/>
      <c r="BGT726" s="613"/>
      <c r="BGU726" s="613"/>
      <c r="BGV726" s="613"/>
      <c r="BGW726" s="613"/>
      <c r="BGX726" s="613"/>
      <c r="BGY726" s="613"/>
      <c r="BGZ726" s="613"/>
      <c r="BHA726" s="613"/>
      <c r="BHB726" s="613"/>
      <c r="BHC726" s="613"/>
      <c r="BHD726" s="613"/>
      <c r="BHE726" s="613"/>
      <c r="BHF726" s="613"/>
      <c r="BHG726" s="613"/>
      <c r="BHH726" s="613"/>
      <c r="BHI726" s="613"/>
      <c r="BHJ726" s="613"/>
      <c r="BHK726" s="613"/>
      <c r="BHL726" s="613"/>
      <c r="BHM726" s="613"/>
      <c r="BHN726" s="613"/>
      <c r="BHO726" s="613"/>
      <c r="BHP726" s="613"/>
      <c r="BHQ726" s="613"/>
      <c r="BHR726" s="613"/>
      <c r="BHS726" s="613"/>
      <c r="BHT726" s="613"/>
      <c r="BHU726" s="613"/>
      <c r="BHV726" s="613"/>
      <c r="BHW726" s="613"/>
      <c r="BHX726" s="613"/>
      <c r="BHY726" s="613"/>
      <c r="BHZ726" s="613"/>
      <c r="BIA726" s="613"/>
      <c r="BIB726" s="613"/>
      <c r="BIC726" s="613"/>
      <c r="BID726" s="613"/>
      <c r="BIE726" s="613"/>
      <c r="BIF726" s="613"/>
      <c r="BIG726" s="613"/>
      <c r="BIH726" s="613"/>
      <c r="BII726" s="613"/>
      <c r="BIJ726" s="613"/>
      <c r="BIK726" s="613"/>
      <c r="BIL726" s="613"/>
      <c r="BIM726" s="613"/>
      <c r="BIN726" s="613"/>
      <c r="BIO726" s="613"/>
      <c r="BIP726" s="613"/>
      <c r="BIQ726" s="613"/>
      <c r="BIR726" s="613"/>
      <c r="BIS726" s="613"/>
      <c r="BIT726" s="613"/>
      <c r="BIU726" s="613"/>
      <c r="BIV726" s="613"/>
      <c r="BIW726" s="613"/>
      <c r="BIX726" s="613"/>
      <c r="BIY726" s="613"/>
      <c r="BIZ726" s="613"/>
      <c r="BJA726" s="613"/>
      <c r="BJB726" s="613"/>
      <c r="BJC726" s="613"/>
      <c r="BJD726" s="613"/>
      <c r="BJE726" s="613"/>
      <c r="BJF726" s="613"/>
      <c r="BJG726" s="613"/>
      <c r="BJH726" s="613"/>
      <c r="BJI726" s="613"/>
      <c r="BJJ726" s="613"/>
      <c r="BJK726" s="613"/>
      <c r="BJL726" s="613"/>
      <c r="BJM726" s="613"/>
      <c r="BJN726" s="613"/>
      <c r="BJO726" s="613"/>
      <c r="BJP726" s="613"/>
      <c r="BJQ726" s="613"/>
      <c r="BJR726" s="613"/>
      <c r="BJS726" s="613"/>
      <c r="BJT726" s="613"/>
      <c r="BJU726" s="613"/>
      <c r="BJV726" s="613"/>
      <c r="BJW726" s="613"/>
      <c r="BJX726" s="613"/>
      <c r="BJY726" s="613"/>
      <c r="BJZ726" s="613"/>
      <c r="BKA726" s="613"/>
      <c r="BKB726" s="613"/>
      <c r="BKC726" s="613"/>
      <c r="BKD726" s="613"/>
      <c r="BKE726" s="613"/>
      <c r="BKF726" s="613"/>
      <c r="BKG726" s="613"/>
      <c r="BKH726" s="613"/>
      <c r="BKI726" s="613"/>
      <c r="BKJ726" s="613"/>
      <c r="BKK726" s="613"/>
      <c r="BKL726" s="613"/>
      <c r="BKM726" s="613"/>
      <c r="BKN726" s="613"/>
      <c r="BKO726" s="613"/>
      <c r="BKP726" s="613"/>
      <c r="BKQ726" s="613"/>
      <c r="BKR726" s="613"/>
      <c r="BKS726" s="613"/>
      <c r="BKT726" s="613"/>
      <c r="BKU726" s="613"/>
      <c r="BKV726" s="613"/>
      <c r="BKW726" s="613"/>
      <c r="BKX726" s="613"/>
      <c r="BKY726" s="613"/>
      <c r="BKZ726" s="613"/>
      <c r="BLA726" s="613"/>
      <c r="BLB726" s="613"/>
      <c r="BLC726" s="613"/>
      <c r="BLD726" s="613"/>
      <c r="BLE726" s="613"/>
      <c r="BLF726" s="613"/>
      <c r="BLG726" s="613"/>
      <c r="BLH726" s="613"/>
      <c r="BLI726" s="613"/>
      <c r="BLJ726" s="613"/>
      <c r="BLK726" s="613"/>
      <c r="BLL726" s="613"/>
      <c r="BLM726" s="613"/>
      <c r="BLN726" s="613"/>
      <c r="BLO726" s="613"/>
      <c r="BLP726" s="613"/>
      <c r="BLQ726" s="613"/>
      <c r="BLR726" s="613"/>
      <c r="BLS726" s="613"/>
      <c r="BLT726" s="613"/>
      <c r="BLU726" s="613"/>
      <c r="BLV726" s="613"/>
      <c r="BLW726" s="613"/>
      <c r="BLX726" s="613"/>
      <c r="BLY726" s="613"/>
      <c r="BLZ726" s="613"/>
      <c r="BMA726" s="613"/>
      <c r="BMB726" s="613"/>
      <c r="BMC726" s="613"/>
      <c r="BMD726" s="613"/>
      <c r="BME726" s="613"/>
      <c r="BMF726" s="613"/>
      <c r="BMG726" s="613"/>
      <c r="BMH726" s="613"/>
      <c r="BMI726" s="613"/>
      <c r="BMJ726" s="613"/>
      <c r="BMK726" s="613"/>
      <c r="BML726" s="613"/>
      <c r="BMM726" s="613"/>
      <c r="BMN726" s="613"/>
      <c r="BMO726" s="613"/>
      <c r="BMP726" s="613"/>
      <c r="BMQ726" s="613"/>
      <c r="BMR726" s="613"/>
      <c r="BMS726" s="613"/>
      <c r="BMT726" s="613"/>
      <c r="BMU726" s="613"/>
      <c r="BMV726" s="613"/>
      <c r="BMW726" s="613"/>
      <c r="BMX726" s="613"/>
      <c r="BMY726" s="613"/>
      <c r="BMZ726" s="613"/>
      <c r="BNA726" s="613"/>
      <c r="BNB726" s="613"/>
      <c r="BNC726" s="613"/>
      <c r="BND726" s="613"/>
      <c r="BNE726" s="613"/>
      <c r="BNF726" s="613"/>
      <c r="BNG726" s="613"/>
      <c r="BNH726" s="613"/>
      <c r="BNI726" s="613"/>
      <c r="BNJ726" s="613"/>
      <c r="BNK726" s="613"/>
      <c r="BNL726" s="613"/>
      <c r="BNM726" s="613"/>
      <c r="BNN726" s="613"/>
      <c r="BNO726" s="613"/>
      <c r="BNP726" s="613"/>
      <c r="BNQ726" s="613"/>
      <c r="BNR726" s="613"/>
      <c r="BNS726" s="613"/>
      <c r="BNT726" s="613"/>
      <c r="BNU726" s="613"/>
      <c r="BNV726" s="613"/>
      <c r="BNW726" s="613"/>
      <c r="BNX726" s="613"/>
      <c r="BNY726" s="613"/>
      <c r="BNZ726" s="613"/>
      <c r="BOA726" s="613"/>
      <c r="BOB726" s="613"/>
      <c r="BOC726" s="613"/>
      <c r="BOD726" s="613"/>
      <c r="BOE726" s="613"/>
      <c r="BOF726" s="613"/>
      <c r="BOG726" s="613"/>
      <c r="BOH726" s="613"/>
      <c r="BOI726" s="613"/>
      <c r="BOJ726" s="613"/>
      <c r="BOK726" s="613"/>
      <c r="BOL726" s="613"/>
      <c r="BOM726" s="613"/>
      <c r="BON726" s="613"/>
      <c r="BOO726" s="613"/>
      <c r="BOP726" s="613"/>
      <c r="BOQ726" s="613"/>
      <c r="BOR726" s="613"/>
      <c r="BOS726" s="613"/>
      <c r="BOT726" s="613"/>
      <c r="BOU726" s="613"/>
      <c r="BOV726" s="613"/>
      <c r="BOW726" s="613"/>
      <c r="BOX726" s="613"/>
      <c r="BOY726" s="613"/>
      <c r="BOZ726" s="613"/>
      <c r="BPA726" s="613"/>
      <c r="BPB726" s="613"/>
      <c r="BPC726" s="613"/>
      <c r="BPD726" s="613"/>
      <c r="BPE726" s="613"/>
      <c r="BPF726" s="613"/>
      <c r="BPG726" s="613"/>
      <c r="BPH726" s="613"/>
      <c r="BPI726" s="613"/>
      <c r="BPJ726" s="613"/>
      <c r="BPK726" s="613"/>
      <c r="BPL726" s="613"/>
      <c r="BPM726" s="613"/>
      <c r="BPN726" s="613"/>
      <c r="BPO726" s="613"/>
      <c r="BPP726" s="613"/>
      <c r="BPQ726" s="613"/>
      <c r="BPR726" s="613"/>
      <c r="BPS726" s="613"/>
      <c r="BPT726" s="613"/>
      <c r="BPU726" s="613"/>
      <c r="BPV726" s="613"/>
      <c r="BPW726" s="613"/>
      <c r="BPX726" s="613"/>
      <c r="BPY726" s="613"/>
      <c r="BPZ726" s="613"/>
      <c r="BQA726" s="613"/>
      <c r="BQB726" s="613"/>
      <c r="BQC726" s="613"/>
      <c r="BQD726" s="613"/>
      <c r="BQE726" s="613"/>
      <c r="BQF726" s="613"/>
      <c r="BQG726" s="613"/>
      <c r="BQH726" s="613"/>
      <c r="BQI726" s="613"/>
      <c r="BQJ726" s="613"/>
      <c r="BQK726" s="613"/>
      <c r="BQL726" s="613"/>
      <c r="BQM726" s="613"/>
      <c r="BQN726" s="613"/>
      <c r="BQO726" s="613"/>
      <c r="BQP726" s="613"/>
      <c r="BQQ726" s="613"/>
      <c r="BQR726" s="613"/>
      <c r="BQS726" s="613"/>
      <c r="BQT726" s="613"/>
      <c r="BQU726" s="613"/>
      <c r="BQV726" s="613"/>
      <c r="BQW726" s="613"/>
      <c r="BQX726" s="613"/>
      <c r="BQY726" s="613"/>
      <c r="BQZ726" s="613"/>
      <c r="BRA726" s="613"/>
      <c r="BRB726" s="613"/>
      <c r="BRC726" s="613"/>
      <c r="BRD726" s="613"/>
      <c r="BRE726" s="613"/>
      <c r="BRF726" s="613"/>
      <c r="BRG726" s="613"/>
      <c r="BRH726" s="613"/>
      <c r="BRI726" s="613"/>
      <c r="BRJ726" s="613"/>
      <c r="BRK726" s="613"/>
      <c r="BRL726" s="613"/>
      <c r="BRM726" s="613"/>
      <c r="BRN726" s="613"/>
      <c r="BRO726" s="613"/>
      <c r="BRP726" s="613"/>
      <c r="BRQ726" s="613"/>
      <c r="BRR726" s="613"/>
      <c r="BRS726" s="613"/>
      <c r="BRT726" s="613"/>
      <c r="BRU726" s="613"/>
      <c r="BRV726" s="613"/>
      <c r="BRW726" s="613"/>
      <c r="BRX726" s="613"/>
      <c r="BRY726" s="613"/>
      <c r="BRZ726" s="613"/>
      <c r="BSA726" s="613"/>
      <c r="BSB726" s="613"/>
      <c r="BSC726" s="613"/>
      <c r="BSD726" s="613"/>
      <c r="BSE726" s="613"/>
      <c r="BSF726" s="613"/>
      <c r="BSG726" s="613"/>
      <c r="BSH726" s="613"/>
      <c r="BSI726" s="613"/>
      <c r="BSJ726" s="613"/>
      <c r="BSK726" s="613"/>
      <c r="BSL726" s="613"/>
      <c r="BSM726" s="613"/>
      <c r="BSN726" s="613"/>
      <c r="BSO726" s="613"/>
      <c r="BSP726" s="613"/>
      <c r="BSQ726" s="613"/>
      <c r="BSR726" s="613"/>
      <c r="BSS726" s="613"/>
      <c r="BST726" s="613"/>
      <c r="BSU726" s="613"/>
      <c r="BSV726" s="613"/>
      <c r="BSW726" s="613"/>
      <c r="BSX726" s="613"/>
      <c r="BSY726" s="613"/>
      <c r="BSZ726" s="613"/>
      <c r="BTA726" s="613"/>
      <c r="BTB726" s="613"/>
      <c r="BTC726" s="613"/>
      <c r="BTD726" s="613"/>
      <c r="BTE726" s="613"/>
      <c r="BTF726" s="613"/>
      <c r="BTG726" s="613"/>
      <c r="BTH726" s="613"/>
      <c r="BTI726" s="613"/>
      <c r="BTJ726" s="613"/>
      <c r="BTK726" s="613"/>
      <c r="BTL726" s="613"/>
      <c r="BTM726" s="613"/>
      <c r="BTN726" s="613"/>
      <c r="BTO726" s="613"/>
      <c r="BTP726" s="613"/>
      <c r="BTQ726" s="613"/>
      <c r="BTR726" s="613"/>
      <c r="BTS726" s="613"/>
      <c r="BTT726" s="613"/>
      <c r="BTU726" s="613"/>
      <c r="BTV726" s="613"/>
      <c r="BTW726" s="613"/>
      <c r="BTX726" s="613"/>
      <c r="BTY726" s="613"/>
      <c r="BTZ726" s="613"/>
      <c r="BUA726" s="613"/>
      <c r="BUB726" s="613"/>
      <c r="BUC726" s="613"/>
      <c r="BUD726" s="613"/>
      <c r="BUE726" s="613"/>
      <c r="BUF726" s="613"/>
      <c r="BUG726" s="613"/>
      <c r="BUH726" s="613"/>
      <c r="BUI726" s="613"/>
      <c r="BUJ726" s="613"/>
      <c r="BUK726" s="613"/>
      <c r="BUL726" s="613"/>
      <c r="BUM726" s="613"/>
      <c r="BUN726" s="613"/>
      <c r="BUO726" s="613"/>
      <c r="BUP726" s="613"/>
      <c r="BUQ726" s="613"/>
      <c r="BUR726" s="613"/>
      <c r="BUS726" s="613"/>
      <c r="BUT726" s="613"/>
      <c r="BUU726" s="613"/>
      <c r="BUV726" s="613"/>
      <c r="BUW726" s="613"/>
      <c r="BUX726" s="613"/>
      <c r="BUY726" s="613"/>
      <c r="BUZ726" s="613"/>
      <c r="BVA726" s="613"/>
      <c r="BVB726" s="613"/>
      <c r="BVC726" s="613"/>
      <c r="BVD726" s="613"/>
      <c r="BVE726" s="613"/>
      <c r="BVF726" s="613"/>
      <c r="BVG726" s="613"/>
      <c r="BVH726" s="613"/>
      <c r="BVI726" s="613"/>
      <c r="BVJ726" s="613"/>
      <c r="BVK726" s="613"/>
      <c r="BVL726" s="613"/>
      <c r="BVM726" s="613"/>
      <c r="BVN726" s="613"/>
      <c r="BVO726" s="613"/>
      <c r="BVP726" s="613"/>
      <c r="BVQ726" s="613"/>
      <c r="BVR726" s="613"/>
      <c r="BVS726" s="613"/>
      <c r="BVT726" s="613"/>
      <c r="BVU726" s="613"/>
      <c r="BVV726" s="613"/>
      <c r="BVW726" s="613"/>
      <c r="BVX726" s="613"/>
      <c r="BVY726" s="613"/>
      <c r="BVZ726" s="613"/>
      <c r="BWA726" s="613"/>
      <c r="BWB726" s="613"/>
      <c r="BWC726" s="613"/>
      <c r="BWD726" s="613"/>
      <c r="BWE726" s="613"/>
      <c r="BWF726" s="613"/>
      <c r="BWG726" s="613"/>
      <c r="BWH726" s="613"/>
      <c r="BWI726" s="613"/>
      <c r="BWJ726" s="613"/>
      <c r="BWK726" s="613"/>
      <c r="BWL726" s="613"/>
      <c r="BWM726" s="613"/>
      <c r="BWN726" s="613"/>
      <c r="BWO726" s="613"/>
      <c r="BWP726" s="613"/>
      <c r="BWQ726" s="613"/>
      <c r="BWR726" s="613"/>
      <c r="BWS726" s="613"/>
      <c r="BWT726" s="613"/>
      <c r="BWU726" s="613"/>
      <c r="BWV726" s="613"/>
      <c r="BWW726" s="613"/>
      <c r="BWX726" s="613"/>
      <c r="BWY726" s="613"/>
      <c r="BWZ726" s="613"/>
      <c r="BXA726" s="613"/>
      <c r="BXB726" s="613"/>
      <c r="BXC726" s="613"/>
      <c r="BXD726" s="613"/>
      <c r="BXE726" s="613"/>
      <c r="BXF726" s="613"/>
      <c r="BXG726" s="613"/>
      <c r="BXH726" s="613"/>
      <c r="BXI726" s="613"/>
      <c r="BXJ726" s="613"/>
      <c r="BXK726" s="613"/>
      <c r="BXL726" s="613"/>
      <c r="BXM726" s="613"/>
      <c r="BXN726" s="613"/>
      <c r="BXO726" s="613"/>
      <c r="BXP726" s="613"/>
      <c r="BXQ726" s="613"/>
      <c r="BXR726" s="613"/>
      <c r="BXS726" s="613"/>
      <c r="BXT726" s="613"/>
      <c r="BXU726" s="613"/>
      <c r="BXV726" s="613"/>
      <c r="BXW726" s="613"/>
      <c r="BXX726" s="613"/>
      <c r="BXY726" s="613"/>
      <c r="BXZ726" s="613"/>
      <c r="BYA726" s="613"/>
      <c r="BYB726" s="613"/>
      <c r="BYC726" s="613"/>
      <c r="BYD726" s="613"/>
      <c r="BYE726" s="613"/>
      <c r="BYF726" s="613"/>
      <c r="BYG726" s="613"/>
      <c r="BYH726" s="613"/>
      <c r="BYI726" s="613"/>
      <c r="BYJ726" s="613"/>
      <c r="BYK726" s="613"/>
      <c r="BYL726" s="613"/>
      <c r="BYM726" s="613"/>
      <c r="BYN726" s="613"/>
      <c r="BYO726" s="613"/>
      <c r="BYP726" s="613"/>
      <c r="BYQ726" s="613"/>
      <c r="BYR726" s="613"/>
      <c r="BYS726" s="613"/>
      <c r="BYT726" s="613"/>
      <c r="BYU726" s="613"/>
      <c r="BYV726" s="613"/>
      <c r="BYW726" s="613"/>
      <c r="BYX726" s="613"/>
      <c r="BYY726" s="613"/>
      <c r="BYZ726" s="613"/>
      <c r="BZA726" s="613"/>
      <c r="BZB726" s="613"/>
      <c r="BZC726" s="613"/>
      <c r="BZD726" s="613"/>
      <c r="BZE726" s="613"/>
      <c r="BZF726" s="613"/>
      <c r="BZG726" s="613"/>
      <c r="BZH726" s="613"/>
      <c r="BZI726" s="613"/>
      <c r="BZJ726" s="613"/>
      <c r="BZK726" s="613"/>
      <c r="BZL726" s="613"/>
      <c r="BZM726" s="613"/>
      <c r="BZN726" s="613"/>
      <c r="BZO726" s="613"/>
      <c r="BZP726" s="613"/>
      <c r="BZQ726" s="613"/>
      <c r="BZR726" s="613"/>
      <c r="BZS726" s="613"/>
      <c r="BZT726" s="613"/>
      <c r="BZU726" s="613"/>
      <c r="BZV726" s="613"/>
      <c r="BZW726" s="613"/>
      <c r="BZX726" s="613"/>
      <c r="BZY726" s="613"/>
      <c r="BZZ726" s="613"/>
      <c r="CAA726" s="613"/>
      <c r="CAB726" s="613"/>
      <c r="CAC726" s="613"/>
      <c r="CAD726" s="613"/>
      <c r="CAE726" s="613"/>
      <c r="CAF726" s="613"/>
      <c r="CAG726" s="613"/>
      <c r="CAH726" s="613"/>
      <c r="CAI726" s="613"/>
      <c r="CAJ726" s="613"/>
      <c r="CAK726" s="613"/>
      <c r="CAL726" s="613"/>
      <c r="CAM726" s="613"/>
      <c r="CAN726" s="613"/>
      <c r="CAO726" s="613"/>
      <c r="CAP726" s="613"/>
      <c r="CAQ726" s="613"/>
      <c r="CAR726" s="613"/>
      <c r="CAS726" s="613"/>
      <c r="CAT726" s="613"/>
      <c r="CAU726" s="613"/>
      <c r="CAV726" s="613"/>
      <c r="CAW726" s="613"/>
      <c r="CAX726" s="613"/>
      <c r="CAY726" s="613"/>
      <c r="CAZ726" s="613"/>
      <c r="CBA726" s="613"/>
      <c r="CBB726" s="613"/>
      <c r="CBC726" s="613"/>
      <c r="CBD726" s="613"/>
      <c r="CBE726" s="613"/>
      <c r="CBF726" s="613"/>
      <c r="CBG726" s="613"/>
      <c r="CBH726" s="613"/>
      <c r="CBI726" s="613"/>
      <c r="CBJ726" s="613"/>
      <c r="CBK726" s="613"/>
      <c r="CBL726" s="613"/>
      <c r="CBM726" s="613"/>
      <c r="CBN726" s="613"/>
      <c r="CBO726" s="613"/>
      <c r="CBP726" s="613"/>
      <c r="CBQ726" s="613"/>
      <c r="CBR726" s="613"/>
      <c r="CBS726" s="613"/>
      <c r="CBT726" s="613"/>
      <c r="CBU726" s="613"/>
      <c r="CBV726" s="613"/>
      <c r="CBW726" s="613"/>
      <c r="CBX726" s="613"/>
      <c r="CBY726" s="613"/>
      <c r="CBZ726" s="613"/>
      <c r="CCA726" s="613"/>
      <c r="CCB726" s="613"/>
      <c r="CCC726" s="613"/>
      <c r="CCD726" s="613"/>
      <c r="CCE726" s="613"/>
      <c r="CCF726" s="613"/>
      <c r="CCG726" s="613"/>
      <c r="CCH726" s="613"/>
      <c r="CCI726" s="613"/>
      <c r="CCJ726" s="613"/>
      <c r="CCK726" s="613"/>
      <c r="CCL726" s="613"/>
      <c r="CCM726" s="613"/>
      <c r="CCN726" s="613"/>
      <c r="CCO726" s="613"/>
      <c r="CCP726" s="613"/>
      <c r="CCQ726" s="613"/>
      <c r="CCR726" s="613"/>
      <c r="CCS726" s="613"/>
      <c r="CCT726" s="613"/>
      <c r="CCU726" s="613"/>
      <c r="CCV726" s="613"/>
      <c r="CCW726" s="613"/>
      <c r="CCX726" s="613"/>
      <c r="CCY726" s="613"/>
      <c r="CCZ726" s="613"/>
      <c r="CDA726" s="613"/>
      <c r="CDB726" s="613"/>
      <c r="CDC726" s="613"/>
      <c r="CDD726" s="613"/>
      <c r="CDE726" s="613"/>
      <c r="CDF726" s="613"/>
      <c r="CDG726" s="613"/>
      <c r="CDH726" s="613"/>
      <c r="CDI726" s="613"/>
      <c r="CDJ726" s="613"/>
      <c r="CDK726" s="613"/>
      <c r="CDL726" s="613"/>
      <c r="CDM726" s="613"/>
      <c r="CDN726" s="613"/>
      <c r="CDO726" s="613"/>
      <c r="CDP726" s="613"/>
      <c r="CDQ726" s="613"/>
      <c r="CDR726" s="613"/>
      <c r="CDS726" s="613"/>
      <c r="CDT726" s="613"/>
      <c r="CDU726" s="613"/>
      <c r="CDV726" s="613"/>
      <c r="CDW726" s="613"/>
      <c r="CDX726" s="613"/>
      <c r="CDY726" s="613"/>
      <c r="CDZ726" s="613"/>
      <c r="CEA726" s="613"/>
      <c r="CEB726" s="613"/>
      <c r="CEC726" s="613"/>
      <c r="CED726" s="613"/>
      <c r="CEE726" s="613"/>
      <c r="CEF726" s="613"/>
      <c r="CEG726" s="613"/>
      <c r="CEH726" s="613"/>
      <c r="CEI726" s="613"/>
      <c r="CEJ726" s="613"/>
      <c r="CEK726" s="613"/>
      <c r="CEL726" s="613"/>
      <c r="CEM726" s="613"/>
      <c r="CEN726" s="613"/>
      <c r="CEO726" s="613"/>
      <c r="CEP726" s="613"/>
      <c r="CEQ726" s="613"/>
      <c r="CER726" s="613"/>
      <c r="CES726" s="613"/>
      <c r="CET726" s="613"/>
      <c r="CEU726" s="613"/>
      <c r="CEV726" s="613"/>
      <c r="CEW726" s="613"/>
      <c r="CEX726" s="613"/>
      <c r="CEY726" s="613"/>
      <c r="CEZ726" s="613"/>
      <c r="CFA726" s="613"/>
      <c r="CFB726" s="613"/>
      <c r="CFC726" s="613"/>
      <c r="CFD726" s="613"/>
      <c r="CFE726" s="613"/>
      <c r="CFF726" s="613"/>
      <c r="CFG726" s="613"/>
      <c r="CFH726" s="613"/>
      <c r="CFI726" s="613"/>
      <c r="CFJ726" s="613"/>
      <c r="CFK726" s="613"/>
      <c r="CFL726" s="613"/>
      <c r="CFM726" s="613"/>
      <c r="CFN726" s="613"/>
      <c r="CFO726" s="613"/>
      <c r="CFP726" s="613"/>
      <c r="CFQ726" s="613"/>
      <c r="CFR726" s="613"/>
      <c r="CFS726" s="613"/>
      <c r="CFT726" s="613"/>
      <c r="CFU726" s="613"/>
      <c r="CFV726" s="613"/>
      <c r="CFW726" s="613"/>
      <c r="CFX726" s="613"/>
      <c r="CFY726" s="613"/>
      <c r="CFZ726" s="613"/>
      <c r="CGA726" s="613"/>
      <c r="CGB726" s="613"/>
      <c r="CGC726" s="613"/>
      <c r="CGD726" s="613"/>
      <c r="CGE726" s="613"/>
      <c r="CGF726" s="613"/>
      <c r="CGG726" s="613"/>
      <c r="CGH726" s="613"/>
      <c r="CGI726" s="613"/>
      <c r="CGJ726" s="613"/>
      <c r="CGK726" s="613"/>
      <c r="CGL726" s="613"/>
      <c r="CGM726" s="613"/>
      <c r="CGN726" s="613"/>
      <c r="CGO726" s="613"/>
      <c r="CGP726" s="613"/>
      <c r="CGQ726" s="613"/>
      <c r="CGR726" s="613"/>
      <c r="CGS726" s="613"/>
      <c r="CGT726" s="613"/>
      <c r="CGU726" s="613"/>
      <c r="CGV726" s="613"/>
      <c r="CGW726" s="613"/>
      <c r="CGX726" s="613"/>
      <c r="CGY726" s="613"/>
      <c r="CGZ726" s="613"/>
      <c r="CHA726" s="613"/>
      <c r="CHB726" s="613"/>
      <c r="CHC726" s="613"/>
      <c r="CHD726" s="613"/>
      <c r="CHE726" s="613"/>
      <c r="CHF726" s="613"/>
      <c r="CHG726" s="613"/>
      <c r="CHH726" s="613"/>
      <c r="CHI726" s="613"/>
      <c r="CHJ726" s="613"/>
      <c r="CHK726" s="613"/>
      <c r="CHL726" s="613"/>
      <c r="CHM726" s="613"/>
      <c r="CHN726" s="613"/>
      <c r="CHO726" s="613"/>
      <c r="CHP726" s="613"/>
      <c r="CHQ726" s="613"/>
      <c r="CHR726" s="613"/>
      <c r="CHS726" s="613"/>
      <c r="CHT726" s="613"/>
      <c r="CHU726" s="613"/>
      <c r="CHV726" s="613"/>
      <c r="CHW726" s="613"/>
      <c r="CHX726" s="613"/>
      <c r="CHY726" s="613"/>
      <c r="CHZ726" s="613"/>
      <c r="CIA726" s="613"/>
      <c r="CIB726" s="613"/>
      <c r="CIC726" s="613"/>
      <c r="CID726" s="613"/>
      <c r="CIE726" s="613"/>
      <c r="CIF726" s="613"/>
      <c r="CIG726" s="613"/>
      <c r="CIH726" s="613"/>
      <c r="CII726" s="613"/>
      <c r="CIJ726" s="613"/>
      <c r="CIK726" s="613"/>
      <c r="CIL726" s="613"/>
      <c r="CIM726" s="613"/>
      <c r="CIN726" s="613"/>
      <c r="CIO726" s="613"/>
      <c r="CIP726" s="613"/>
      <c r="CIQ726" s="613"/>
      <c r="CIR726" s="613"/>
      <c r="CIS726" s="613"/>
      <c r="CIT726" s="613"/>
      <c r="CIU726" s="613"/>
      <c r="CIV726" s="613"/>
      <c r="CIW726" s="613"/>
      <c r="CIX726" s="613"/>
      <c r="CIY726" s="613"/>
      <c r="CIZ726" s="613"/>
      <c r="CJA726" s="613"/>
      <c r="CJB726" s="613"/>
      <c r="CJC726" s="613"/>
      <c r="CJD726" s="613"/>
      <c r="CJE726" s="613"/>
      <c r="CJF726" s="613"/>
      <c r="CJG726" s="613"/>
      <c r="CJH726" s="613"/>
      <c r="CJI726" s="613"/>
      <c r="CJJ726" s="613"/>
      <c r="CJK726" s="613"/>
      <c r="CJL726" s="613"/>
      <c r="CJM726" s="613"/>
      <c r="CJN726" s="613"/>
      <c r="CJO726" s="613"/>
      <c r="CJP726" s="613"/>
      <c r="CJQ726" s="613"/>
      <c r="CJR726" s="613"/>
      <c r="CJS726" s="613"/>
      <c r="CJT726" s="613"/>
      <c r="CJU726" s="613"/>
      <c r="CJV726" s="613"/>
      <c r="CJW726" s="613"/>
      <c r="CJX726" s="613"/>
      <c r="CJY726" s="613"/>
      <c r="CJZ726" s="613"/>
      <c r="CKA726" s="613"/>
      <c r="CKB726" s="613"/>
      <c r="CKC726" s="613"/>
      <c r="CKD726" s="613"/>
      <c r="CKE726" s="613"/>
      <c r="CKF726" s="613"/>
      <c r="CKG726" s="613"/>
      <c r="CKH726" s="613"/>
      <c r="CKI726" s="613"/>
      <c r="CKJ726" s="613"/>
      <c r="CKK726" s="613"/>
      <c r="CKL726" s="613"/>
      <c r="CKM726" s="613"/>
      <c r="CKN726" s="613"/>
      <c r="CKO726" s="613"/>
      <c r="CKP726" s="613"/>
      <c r="CKQ726" s="613"/>
      <c r="CKR726" s="613"/>
      <c r="CKS726" s="613"/>
      <c r="CKT726" s="613"/>
      <c r="CKU726" s="613"/>
      <c r="CKV726" s="613"/>
      <c r="CKW726" s="613"/>
      <c r="CKX726" s="613"/>
      <c r="CKY726" s="613"/>
      <c r="CKZ726" s="613"/>
      <c r="CLA726" s="613"/>
      <c r="CLB726" s="613"/>
      <c r="CLC726" s="613"/>
      <c r="CLD726" s="613"/>
      <c r="CLE726" s="613"/>
      <c r="CLF726" s="613"/>
      <c r="CLG726" s="613"/>
      <c r="CLH726" s="613"/>
      <c r="CLI726" s="613"/>
      <c r="CLJ726" s="613"/>
      <c r="CLK726" s="613"/>
      <c r="CLL726" s="613"/>
      <c r="CLM726" s="613"/>
      <c r="CLN726" s="613"/>
      <c r="CLO726" s="613"/>
      <c r="CLP726" s="613"/>
      <c r="CLQ726" s="613"/>
      <c r="CLR726" s="613"/>
      <c r="CLS726" s="613"/>
      <c r="CLT726" s="613"/>
      <c r="CLU726" s="613"/>
      <c r="CLV726" s="613"/>
      <c r="CLW726" s="613"/>
      <c r="CLX726" s="613"/>
      <c r="CLY726" s="613"/>
      <c r="CLZ726" s="613"/>
      <c r="CMA726" s="613"/>
      <c r="CMB726" s="613"/>
      <c r="CMC726" s="613"/>
      <c r="CMD726" s="613"/>
      <c r="CME726" s="613"/>
      <c r="CMF726" s="613"/>
      <c r="CMG726" s="613"/>
      <c r="CMH726" s="613"/>
      <c r="CMI726" s="613"/>
      <c r="CMJ726" s="613"/>
      <c r="CMK726" s="613"/>
      <c r="CML726" s="613"/>
      <c r="CMM726" s="613"/>
      <c r="CMN726" s="613"/>
      <c r="CMO726" s="613"/>
      <c r="CMP726" s="613"/>
      <c r="CMQ726" s="613"/>
      <c r="CMR726" s="613"/>
      <c r="CMS726" s="613"/>
      <c r="CMT726" s="613"/>
      <c r="CMU726" s="613"/>
      <c r="CMV726" s="613"/>
      <c r="CMW726" s="613"/>
      <c r="CMX726" s="613"/>
      <c r="CMY726" s="613"/>
      <c r="CMZ726" s="613"/>
      <c r="CNA726" s="613"/>
      <c r="CNB726" s="613"/>
      <c r="CNC726" s="613"/>
      <c r="CND726" s="613"/>
      <c r="CNE726" s="613"/>
      <c r="CNF726" s="613"/>
      <c r="CNG726" s="613"/>
      <c r="CNH726" s="613"/>
      <c r="CNI726" s="613"/>
      <c r="CNJ726" s="613"/>
      <c r="CNK726" s="613"/>
      <c r="CNL726" s="613"/>
      <c r="CNM726" s="613"/>
      <c r="CNN726" s="613"/>
      <c r="CNO726" s="613"/>
      <c r="CNP726" s="613"/>
      <c r="CNQ726" s="613"/>
      <c r="CNR726" s="613"/>
      <c r="CNS726" s="613"/>
      <c r="CNT726" s="613"/>
      <c r="CNU726" s="613"/>
      <c r="CNV726" s="613"/>
      <c r="CNW726" s="613"/>
      <c r="CNX726" s="613"/>
      <c r="CNY726" s="613"/>
      <c r="CNZ726" s="613"/>
      <c r="COA726" s="613"/>
      <c r="COB726" s="613"/>
      <c r="COC726" s="613"/>
      <c r="COD726" s="613"/>
      <c r="COE726" s="613"/>
      <c r="COF726" s="613"/>
      <c r="COG726" s="613"/>
      <c r="COH726" s="613"/>
      <c r="COI726" s="613"/>
      <c r="COJ726" s="613"/>
      <c r="COK726" s="613"/>
      <c r="COL726" s="613"/>
      <c r="COM726" s="613"/>
      <c r="CON726" s="613"/>
      <c r="COO726" s="613"/>
      <c r="COP726" s="613"/>
      <c r="COQ726" s="613"/>
      <c r="COR726" s="613"/>
      <c r="COS726" s="613"/>
      <c r="COT726" s="613"/>
      <c r="COU726" s="613"/>
      <c r="COV726" s="613"/>
      <c r="COW726" s="613"/>
      <c r="COX726" s="613"/>
      <c r="COY726" s="613"/>
      <c r="COZ726" s="613"/>
      <c r="CPA726" s="613"/>
      <c r="CPB726" s="613"/>
      <c r="CPC726" s="613"/>
      <c r="CPD726" s="613"/>
      <c r="CPE726" s="613"/>
      <c r="CPF726" s="613"/>
      <c r="CPG726" s="613"/>
      <c r="CPH726" s="613"/>
      <c r="CPI726" s="613"/>
      <c r="CPJ726" s="613"/>
      <c r="CPK726" s="613"/>
      <c r="CPL726" s="613"/>
      <c r="CPM726" s="613"/>
      <c r="CPN726" s="613"/>
      <c r="CPO726" s="613"/>
      <c r="CPP726" s="613"/>
      <c r="CPQ726" s="613"/>
      <c r="CPR726" s="613"/>
      <c r="CPS726" s="613"/>
      <c r="CPT726" s="613"/>
      <c r="CPU726" s="613"/>
      <c r="CPV726" s="613"/>
      <c r="CPW726" s="613"/>
      <c r="CPX726" s="613"/>
      <c r="CPY726" s="613"/>
      <c r="CPZ726" s="613"/>
      <c r="CQA726" s="613"/>
      <c r="CQB726" s="613"/>
      <c r="CQC726" s="613"/>
      <c r="CQD726" s="613"/>
      <c r="CQE726" s="613"/>
      <c r="CQF726" s="613"/>
      <c r="CQG726" s="613"/>
      <c r="CQH726" s="613"/>
      <c r="CQI726" s="613"/>
      <c r="CQJ726" s="613"/>
      <c r="CQK726" s="613"/>
      <c r="CQL726" s="613"/>
      <c r="CQM726" s="613"/>
      <c r="CQN726" s="613"/>
      <c r="CQO726" s="613"/>
      <c r="CQP726" s="613"/>
      <c r="CQQ726" s="613"/>
      <c r="CQR726" s="613"/>
      <c r="CQS726" s="613"/>
      <c r="CQT726" s="613"/>
      <c r="CQU726" s="613"/>
      <c r="CQV726" s="613"/>
      <c r="CQW726" s="613"/>
      <c r="CQX726" s="613"/>
      <c r="CQY726" s="613"/>
      <c r="CQZ726" s="613"/>
      <c r="CRA726" s="613"/>
      <c r="CRB726" s="613"/>
      <c r="CRC726" s="613"/>
      <c r="CRD726" s="613"/>
      <c r="CRE726" s="613"/>
      <c r="CRF726" s="613"/>
      <c r="CRG726" s="613"/>
      <c r="CRH726" s="613"/>
      <c r="CRI726" s="613"/>
      <c r="CRJ726" s="613"/>
      <c r="CRK726" s="613"/>
      <c r="CRL726" s="613"/>
      <c r="CRM726" s="613"/>
      <c r="CRN726" s="613"/>
      <c r="CRO726" s="613"/>
      <c r="CRP726" s="613"/>
      <c r="CRQ726" s="613"/>
      <c r="CRR726" s="613"/>
      <c r="CRS726" s="613"/>
      <c r="CRT726" s="613"/>
      <c r="CRU726" s="613"/>
      <c r="CRV726" s="613"/>
      <c r="CRW726" s="613"/>
      <c r="CRX726" s="613"/>
      <c r="CRY726" s="613"/>
      <c r="CRZ726" s="613"/>
      <c r="CSA726" s="613"/>
      <c r="CSB726" s="613"/>
      <c r="CSC726" s="613"/>
      <c r="CSD726" s="613"/>
      <c r="CSE726" s="613"/>
      <c r="CSF726" s="613"/>
      <c r="CSG726" s="613"/>
      <c r="CSH726" s="613"/>
      <c r="CSI726" s="613"/>
      <c r="CSJ726" s="613"/>
      <c r="CSK726" s="613"/>
      <c r="CSL726" s="613"/>
      <c r="CSM726" s="613"/>
      <c r="CSN726" s="613"/>
      <c r="CSO726" s="613"/>
      <c r="CSP726" s="613"/>
      <c r="CSQ726" s="613"/>
      <c r="CSR726" s="613"/>
      <c r="CSS726" s="613"/>
      <c r="CST726" s="613"/>
      <c r="CSU726" s="613"/>
      <c r="CSV726" s="613"/>
      <c r="CSW726" s="613"/>
      <c r="CSX726" s="613"/>
      <c r="CSY726" s="613"/>
      <c r="CSZ726" s="613"/>
      <c r="CTA726" s="613"/>
      <c r="CTB726" s="613"/>
      <c r="CTC726" s="613"/>
      <c r="CTD726" s="613"/>
      <c r="CTE726" s="613"/>
      <c r="CTF726" s="613"/>
      <c r="CTG726" s="613"/>
      <c r="CTH726" s="613"/>
      <c r="CTI726" s="613"/>
      <c r="CTJ726" s="613"/>
      <c r="CTK726" s="613"/>
      <c r="CTL726" s="613"/>
      <c r="CTM726" s="613"/>
      <c r="CTN726" s="613"/>
      <c r="CTO726" s="613"/>
      <c r="CTP726" s="613"/>
      <c r="CTQ726" s="613"/>
      <c r="CTR726" s="613"/>
      <c r="CTS726" s="613"/>
      <c r="CTT726" s="613"/>
      <c r="CTU726" s="613"/>
      <c r="CTV726" s="613"/>
      <c r="CTW726" s="613"/>
      <c r="CTX726" s="613"/>
      <c r="CTY726" s="613"/>
      <c r="CTZ726" s="613"/>
      <c r="CUA726" s="613"/>
      <c r="CUB726" s="613"/>
      <c r="CUC726" s="613"/>
      <c r="CUD726" s="613"/>
      <c r="CUE726" s="613"/>
      <c r="CUF726" s="613"/>
      <c r="CUG726" s="613"/>
      <c r="CUH726" s="613"/>
      <c r="CUI726" s="613"/>
      <c r="CUJ726" s="613"/>
      <c r="CUK726" s="613"/>
      <c r="CUL726" s="613"/>
      <c r="CUM726" s="613"/>
      <c r="CUN726" s="613"/>
      <c r="CUO726" s="613"/>
      <c r="CUP726" s="613"/>
      <c r="CUQ726" s="613"/>
      <c r="CUR726" s="613"/>
      <c r="CUS726" s="613"/>
      <c r="CUT726" s="613"/>
      <c r="CUU726" s="613"/>
      <c r="CUV726" s="613"/>
      <c r="CUW726" s="613"/>
      <c r="CUX726" s="613"/>
      <c r="CUY726" s="613"/>
      <c r="CUZ726" s="613"/>
      <c r="CVA726" s="613"/>
      <c r="CVB726" s="613"/>
      <c r="CVC726" s="613"/>
      <c r="CVD726" s="613"/>
      <c r="CVE726" s="613"/>
      <c r="CVF726" s="613"/>
      <c r="CVG726" s="613"/>
      <c r="CVH726" s="613"/>
      <c r="CVI726" s="613"/>
      <c r="CVJ726" s="613"/>
      <c r="CVK726" s="613"/>
      <c r="CVL726" s="613"/>
      <c r="CVM726" s="613"/>
      <c r="CVN726" s="613"/>
      <c r="CVO726" s="613"/>
      <c r="CVP726" s="613"/>
      <c r="CVQ726" s="613"/>
      <c r="CVR726" s="613"/>
      <c r="CVS726" s="613"/>
      <c r="CVT726" s="613"/>
      <c r="CVU726" s="613"/>
      <c r="CVV726" s="613"/>
      <c r="CVW726" s="613"/>
      <c r="CVX726" s="613"/>
      <c r="CVY726" s="613"/>
      <c r="CVZ726" s="613"/>
      <c r="CWA726" s="613"/>
      <c r="CWB726" s="613"/>
      <c r="CWC726" s="613"/>
      <c r="CWD726" s="613"/>
      <c r="CWE726" s="613"/>
      <c r="CWF726" s="613"/>
      <c r="CWG726" s="613"/>
      <c r="CWH726" s="613"/>
      <c r="CWI726" s="613"/>
      <c r="CWJ726" s="613"/>
      <c r="CWK726" s="613"/>
      <c r="CWL726" s="613"/>
      <c r="CWM726" s="613"/>
      <c r="CWN726" s="613"/>
      <c r="CWO726" s="613"/>
      <c r="CWP726" s="613"/>
      <c r="CWQ726" s="613"/>
      <c r="CWR726" s="613"/>
      <c r="CWS726" s="613"/>
      <c r="CWT726" s="613"/>
      <c r="CWU726" s="613"/>
      <c r="CWV726" s="613"/>
      <c r="CWW726" s="613"/>
      <c r="CWX726" s="613"/>
      <c r="CWY726" s="613"/>
      <c r="CWZ726" s="613"/>
      <c r="CXA726" s="613"/>
      <c r="CXB726" s="613"/>
      <c r="CXC726" s="613"/>
      <c r="CXD726" s="613"/>
      <c r="CXE726" s="613"/>
      <c r="CXF726" s="613"/>
      <c r="CXG726" s="613"/>
      <c r="CXH726" s="613"/>
      <c r="CXI726" s="613"/>
      <c r="CXJ726" s="613"/>
      <c r="CXK726" s="613"/>
      <c r="CXL726" s="613"/>
      <c r="CXM726" s="613"/>
      <c r="CXN726" s="613"/>
      <c r="CXO726" s="613"/>
      <c r="CXP726" s="613"/>
      <c r="CXQ726" s="613"/>
      <c r="CXR726" s="613"/>
      <c r="CXS726" s="613"/>
      <c r="CXT726" s="613"/>
      <c r="CXU726" s="613"/>
      <c r="CXV726" s="613"/>
      <c r="CXW726" s="613"/>
      <c r="CXX726" s="613"/>
      <c r="CXY726" s="613"/>
      <c r="CXZ726" s="613"/>
      <c r="CYA726" s="613"/>
      <c r="CYB726" s="613"/>
      <c r="CYC726" s="613"/>
      <c r="CYD726" s="613"/>
      <c r="CYE726" s="613"/>
      <c r="CYF726" s="613"/>
      <c r="CYG726" s="613"/>
      <c r="CYH726" s="613"/>
      <c r="CYI726" s="613"/>
      <c r="CYJ726" s="613"/>
      <c r="CYK726" s="613"/>
      <c r="CYL726" s="613"/>
      <c r="CYM726" s="613"/>
      <c r="CYN726" s="613"/>
      <c r="CYO726" s="613"/>
      <c r="CYP726" s="613"/>
      <c r="CYQ726" s="613"/>
      <c r="CYR726" s="613"/>
      <c r="CYS726" s="613"/>
      <c r="CYT726" s="613"/>
      <c r="CYU726" s="613"/>
      <c r="CYV726" s="613"/>
      <c r="CYW726" s="613"/>
      <c r="CYX726" s="613"/>
      <c r="CYY726" s="613"/>
      <c r="CYZ726" s="613"/>
      <c r="CZA726" s="613"/>
      <c r="CZB726" s="613"/>
      <c r="CZC726" s="613"/>
      <c r="CZD726" s="613"/>
      <c r="CZE726" s="613"/>
      <c r="CZF726" s="613"/>
      <c r="CZG726" s="613"/>
      <c r="CZH726" s="613"/>
      <c r="CZI726" s="613"/>
      <c r="CZJ726" s="613"/>
      <c r="CZK726" s="613"/>
      <c r="CZL726" s="613"/>
      <c r="CZM726" s="613"/>
      <c r="CZN726" s="613"/>
      <c r="CZO726" s="613"/>
      <c r="CZP726" s="613"/>
      <c r="CZQ726" s="613"/>
      <c r="CZR726" s="613"/>
      <c r="CZS726" s="613"/>
      <c r="CZT726" s="613"/>
      <c r="CZU726" s="613"/>
      <c r="CZV726" s="613"/>
      <c r="CZW726" s="613"/>
      <c r="CZX726" s="613"/>
      <c r="CZY726" s="613"/>
      <c r="CZZ726" s="613"/>
      <c r="DAA726" s="613"/>
      <c r="DAB726" s="613"/>
      <c r="DAC726" s="613"/>
      <c r="DAD726" s="613"/>
      <c r="DAE726" s="613"/>
      <c r="DAF726" s="613"/>
      <c r="DAG726" s="613"/>
      <c r="DAH726" s="613"/>
      <c r="DAI726" s="613"/>
      <c r="DAJ726" s="613"/>
      <c r="DAK726" s="613"/>
      <c r="DAL726" s="613"/>
      <c r="DAM726" s="613"/>
      <c r="DAN726" s="613"/>
      <c r="DAO726" s="613"/>
      <c r="DAP726" s="613"/>
      <c r="DAQ726" s="613"/>
      <c r="DAR726" s="613"/>
      <c r="DAS726" s="613"/>
      <c r="DAT726" s="613"/>
      <c r="DAU726" s="613"/>
      <c r="DAV726" s="613"/>
      <c r="DAW726" s="613"/>
      <c r="DAX726" s="613"/>
      <c r="DAY726" s="613"/>
      <c r="DAZ726" s="613"/>
      <c r="DBA726" s="613"/>
      <c r="DBB726" s="613"/>
      <c r="DBC726" s="613"/>
      <c r="DBD726" s="613"/>
      <c r="DBE726" s="613"/>
      <c r="DBF726" s="613"/>
      <c r="DBG726" s="613"/>
      <c r="DBH726" s="613"/>
      <c r="DBI726" s="613"/>
      <c r="DBJ726" s="613"/>
      <c r="DBK726" s="613"/>
      <c r="DBL726" s="613"/>
      <c r="DBM726" s="613"/>
      <c r="DBN726" s="613"/>
      <c r="DBO726" s="613"/>
      <c r="DBP726" s="613"/>
      <c r="DBQ726" s="613"/>
      <c r="DBR726" s="613"/>
      <c r="DBS726" s="613"/>
      <c r="DBT726" s="613"/>
      <c r="DBU726" s="613"/>
      <c r="DBV726" s="613"/>
      <c r="DBW726" s="613"/>
      <c r="DBX726" s="613"/>
      <c r="DBY726" s="613"/>
      <c r="DBZ726" s="613"/>
      <c r="DCA726" s="613"/>
      <c r="DCB726" s="613"/>
      <c r="DCC726" s="613"/>
      <c r="DCD726" s="613"/>
      <c r="DCE726" s="613"/>
      <c r="DCF726" s="613"/>
      <c r="DCG726" s="613"/>
      <c r="DCH726" s="613"/>
      <c r="DCI726" s="613"/>
      <c r="DCJ726" s="613"/>
      <c r="DCK726" s="613"/>
      <c r="DCL726" s="613"/>
      <c r="DCM726" s="613"/>
      <c r="DCN726" s="613"/>
      <c r="DCO726" s="613"/>
      <c r="DCP726" s="613"/>
      <c r="DCQ726" s="613"/>
      <c r="DCR726" s="613"/>
      <c r="DCS726" s="613"/>
      <c r="DCT726" s="613"/>
      <c r="DCU726" s="613"/>
      <c r="DCV726" s="613"/>
      <c r="DCW726" s="613"/>
      <c r="DCX726" s="613"/>
      <c r="DCY726" s="613"/>
      <c r="DCZ726" s="613"/>
      <c r="DDA726" s="613"/>
      <c r="DDB726" s="613"/>
      <c r="DDC726" s="613"/>
      <c r="DDD726" s="613"/>
      <c r="DDE726" s="613"/>
      <c r="DDF726" s="613"/>
      <c r="DDG726" s="613"/>
      <c r="DDH726" s="613"/>
      <c r="DDI726" s="613"/>
      <c r="DDJ726" s="613"/>
      <c r="DDK726" s="613"/>
      <c r="DDL726" s="613"/>
      <c r="DDM726" s="613"/>
      <c r="DDN726" s="613"/>
      <c r="DDO726" s="613"/>
      <c r="DDP726" s="613"/>
      <c r="DDQ726" s="613"/>
      <c r="DDR726" s="613"/>
      <c r="DDS726" s="613"/>
      <c r="DDT726" s="613"/>
      <c r="DDU726" s="613"/>
      <c r="DDV726" s="613"/>
      <c r="DDW726" s="613"/>
      <c r="DDX726" s="613"/>
      <c r="DDY726" s="613"/>
      <c r="DDZ726" s="613"/>
      <c r="DEA726" s="613"/>
      <c r="DEB726" s="613"/>
      <c r="DEC726" s="613"/>
      <c r="DED726" s="613"/>
      <c r="DEE726" s="613"/>
      <c r="DEF726" s="613"/>
      <c r="DEG726" s="613"/>
      <c r="DEH726" s="613"/>
      <c r="DEI726" s="613"/>
      <c r="DEJ726" s="613"/>
      <c r="DEK726" s="613"/>
      <c r="DEL726" s="613"/>
      <c r="DEM726" s="613"/>
      <c r="DEN726" s="613"/>
      <c r="DEO726" s="613"/>
      <c r="DEP726" s="613"/>
      <c r="DEQ726" s="613"/>
      <c r="DER726" s="613"/>
      <c r="DES726" s="613"/>
      <c r="DET726" s="613"/>
      <c r="DEU726" s="613"/>
      <c r="DEV726" s="613"/>
      <c r="DEW726" s="613"/>
      <c r="DEX726" s="613"/>
      <c r="DEY726" s="613"/>
      <c r="DEZ726" s="613"/>
      <c r="DFA726" s="613"/>
      <c r="DFB726" s="613"/>
      <c r="DFC726" s="613"/>
      <c r="DFD726" s="613"/>
      <c r="DFE726" s="613"/>
      <c r="DFF726" s="613"/>
      <c r="DFG726" s="613"/>
      <c r="DFH726" s="613"/>
      <c r="DFI726" s="613"/>
      <c r="DFJ726" s="613"/>
      <c r="DFK726" s="613"/>
      <c r="DFL726" s="613"/>
      <c r="DFM726" s="613"/>
      <c r="DFN726" s="613"/>
      <c r="DFO726" s="613"/>
      <c r="DFP726" s="613"/>
      <c r="DFQ726" s="613"/>
      <c r="DFR726" s="613"/>
      <c r="DFS726" s="613"/>
      <c r="DFT726" s="613"/>
      <c r="DFU726" s="613"/>
      <c r="DFV726" s="613"/>
      <c r="DFW726" s="613"/>
      <c r="DFX726" s="613"/>
      <c r="DFY726" s="613"/>
      <c r="DFZ726" s="613"/>
      <c r="DGA726" s="613"/>
      <c r="DGB726" s="613"/>
      <c r="DGC726" s="613"/>
      <c r="DGD726" s="613"/>
      <c r="DGE726" s="613"/>
      <c r="DGF726" s="613"/>
      <c r="DGG726" s="613"/>
      <c r="DGH726" s="613"/>
      <c r="DGI726" s="613"/>
      <c r="DGJ726" s="613"/>
      <c r="DGK726" s="613"/>
      <c r="DGL726" s="613"/>
      <c r="DGM726" s="613"/>
      <c r="DGN726" s="613"/>
      <c r="DGO726" s="613"/>
      <c r="DGP726" s="613"/>
      <c r="DGQ726" s="613"/>
      <c r="DGR726" s="613"/>
      <c r="DGS726" s="613"/>
      <c r="DGT726" s="613"/>
      <c r="DGU726" s="613"/>
      <c r="DGV726" s="613"/>
      <c r="DGW726" s="613"/>
      <c r="DGX726" s="613"/>
      <c r="DGY726" s="613"/>
      <c r="DGZ726" s="613"/>
      <c r="DHA726" s="613"/>
      <c r="DHB726" s="613"/>
      <c r="DHC726" s="613"/>
      <c r="DHD726" s="613"/>
      <c r="DHE726" s="613"/>
      <c r="DHF726" s="613"/>
      <c r="DHG726" s="613"/>
      <c r="DHH726" s="613"/>
      <c r="DHI726" s="613"/>
      <c r="DHJ726" s="613"/>
      <c r="DHK726" s="613"/>
      <c r="DHL726" s="613"/>
      <c r="DHM726" s="613"/>
      <c r="DHN726" s="613"/>
      <c r="DHO726" s="613"/>
      <c r="DHP726" s="613"/>
      <c r="DHQ726" s="613"/>
      <c r="DHR726" s="613"/>
      <c r="DHS726" s="613"/>
      <c r="DHT726" s="613"/>
      <c r="DHU726" s="613"/>
      <c r="DHV726" s="613"/>
      <c r="DHW726" s="613"/>
      <c r="DHX726" s="613"/>
      <c r="DHY726" s="613"/>
      <c r="DHZ726" s="613"/>
      <c r="DIA726" s="613"/>
      <c r="DIB726" s="613"/>
      <c r="DIC726" s="613"/>
      <c r="DID726" s="613"/>
      <c r="DIE726" s="613"/>
      <c r="DIF726" s="613"/>
      <c r="DIG726" s="613"/>
      <c r="DIH726" s="613"/>
      <c r="DII726" s="613"/>
      <c r="DIJ726" s="613"/>
      <c r="DIK726" s="613"/>
      <c r="DIL726" s="613"/>
      <c r="DIM726" s="613"/>
      <c r="DIN726" s="613"/>
      <c r="DIO726" s="613"/>
      <c r="DIP726" s="613"/>
      <c r="DIQ726" s="613"/>
      <c r="DIR726" s="613"/>
      <c r="DIS726" s="613"/>
      <c r="DIT726" s="613"/>
      <c r="DIU726" s="613"/>
      <c r="DIV726" s="613"/>
      <c r="DIW726" s="613"/>
      <c r="DIX726" s="613"/>
      <c r="DIY726" s="613"/>
      <c r="DIZ726" s="613"/>
      <c r="DJA726" s="613"/>
      <c r="DJB726" s="613"/>
      <c r="DJC726" s="613"/>
      <c r="DJD726" s="613"/>
      <c r="DJE726" s="613"/>
      <c r="DJF726" s="613"/>
      <c r="DJG726" s="613"/>
      <c r="DJH726" s="613"/>
      <c r="DJI726" s="613"/>
      <c r="DJJ726" s="613"/>
      <c r="DJK726" s="613"/>
      <c r="DJL726" s="613"/>
      <c r="DJM726" s="613"/>
      <c r="DJN726" s="613"/>
      <c r="DJO726" s="613"/>
      <c r="DJP726" s="613"/>
      <c r="DJQ726" s="613"/>
      <c r="DJR726" s="613"/>
      <c r="DJS726" s="613"/>
      <c r="DJT726" s="613"/>
      <c r="DJU726" s="613"/>
      <c r="DJV726" s="613"/>
      <c r="DJW726" s="613"/>
      <c r="DJX726" s="613"/>
      <c r="DJY726" s="613"/>
      <c r="DJZ726" s="613"/>
      <c r="DKA726" s="613"/>
      <c r="DKB726" s="613"/>
      <c r="DKC726" s="613"/>
      <c r="DKD726" s="613"/>
      <c r="DKE726" s="613"/>
      <c r="DKF726" s="613"/>
      <c r="DKG726" s="613"/>
      <c r="DKH726" s="613"/>
      <c r="DKI726" s="613"/>
      <c r="DKJ726" s="613"/>
      <c r="DKK726" s="613"/>
      <c r="DKL726" s="613"/>
      <c r="DKM726" s="613"/>
      <c r="DKN726" s="613"/>
      <c r="DKO726" s="613"/>
      <c r="DKP726" s="613"/>
      <c r="DKQ726" s="613"/>
      <c r="DKR726" s="613"/>
      <c r="DKS726" s="613"/>
      <c r="DKT726" s="613"/>
      <c r="DKU726" s="613"/>
      <c r="DKV726" s="613"/>
      <c r="DKW726" s="613"/>
      <c r="DKX726" s="613"/>
      <c r="DKY726" s="613"/>
      <c r="DKZ726" s="613"/>
      <c r="DLA726" s="613"/>
      <c r="DLB726" s="613"/>
      <c r="DLC726" s="613"/>
      <c r="DLD726" s="613"/>
      <c r="DLE726" s="613"/>
      <c r="DLF726" s="613"/>
      <c r="DLG726" s="613"/>
      <c r="DLH726" s="613"/>
      <c r="DLI726" s="613"/>
      <c r="DLJ726" s="613"/>
      <c r="DLK726" s="613"/>
      <c r="DLL726" s="613"/>
      <c r="DLM726" s="613"/>
      <c r="DLN726" s="613"/>
      <c r="DLO726" s="613"/>
      <c r="DLP726" s="613"/>
      <c r="DLQ726" s="613"/>
      <c r="DLR726" s="613"/>
      <c r="DLS726" s="613"/>
      <c r="DLT726" s="613"/>
      <c r="DLU726" s="613"/>
      <c r="DLV726" s="613"/>
      <c r="DLW726" s="613"/>
      <c r="DLX726" s="613"/>
      <c r="DLY726" s="613"/>
      <c r="DLZ726" s="613"/>
      <c r="DMA726" s="613"/>
      <c r="DMB726" s="613"/>
      <c r="DMC726" s="613"/>
      <c r="DMD726" s="613"/>
      <c r="DME726" s="613"/>
      <c r="DMF726" s="613"/>
      <c r="DMG726" s="613"/>
      <c r="DMH726" s="613"/>
      <c r="DMI726" s="613"/>
      <c r="DMJ726" s="613"/>
      <c r="DMK726" s="613"/>
      <c r="DML726" s="613"/>
      <c r="DMM726" s="613"/>
      <c r="DMN726" s="613"/>
      <c r="DMO726" s="613"/>
      <c r="DMP726" s="613"/>
      <c r="DMQ726" s="613"/>
      <c r="DMR726" s="613"/>
      <c r="DMS726" s="613"/>
      <c r="DMT726" s="613"/>
      <c r="DMU726" s="613"/>
      <c r="DMV726" s="613"/>
      <c r="DMW726" s="613"/>
      <c r="DMX726" s="613"/>
      <c r="DMY726" s="613"/>
      <c r="DMZ726" s="613"/>
      <c r="DNA726" s="613"/>
      <c r="DNB726" s="613"/>
      <c r="DNC726" s="613"/>
      <c r="DND726" s="613"/>
      <c r="DNE726" s="613"/>
      <c r="DNF726" s="613"/>
      <c r="DNG726" s="613"/>
      <c r="DNH726" s="613"/>
      <c r="DNI726" s="613"/>
      <c r="DNJ726" s="613"/>
      <c r="DNK726" s="613"/>
      <c r="DNL726" s="613"/>
      <c r="DNM726" s="613"/>
      <c r="DNN726" s="613"/>
      <c r="DNO726" s="613"/>
      <c r="DNP726" s="613"/>
      <c r="DNQ726" s="613"/>
      <c r="DNR726" s="613"/>
      <c r="DNS726" s="613"/>
      <c r="DNT726" s="613"/>
      <c r="DNU726" s="613"/>
      <c r="DNV726" s="613"/>
      <c r="DNW726" s="613"/>
      <c r="DNX726" s="613"/>
      <c r="DNY726" s="613"/>
      <c r="DNZ726" s="613"/>
      <c r="DOA726" s="613"/>
      <c r="DOB726" s="613"/>
      <c r="DOC726" s="613"/>
      <c r="DOD726" s="613"/>
      <c r="DOE726" s="613"/>
      <c r="DOF726" s="613"/>
      <c r="DOG726" s="613"/>
      <c r="DOH726" s="613"/>
      <c r="DOI726" s="613"/>
      <c r="DOJ726" s="613"/>
      <c r="DOK726" s="613"/>
      <c r="DOL726" s="613"/>
      <c r="DOM726" s="613"/>
      <c r="DON726" s="613"/>
      <c r="DOO726" s="613"/>
      <c r="DOP726" s="613"/>
      <c r="DOQ726" s="613"/>
      <c r="DOR726" s="613"/>
      <c r="DOS726" s="613"/>
      <c r="DOT726" s="613"/>
      <c r="DOU726" s="613"/>
      <c r="DOV726" s="613"/>
      <c r="DOW726" s="613"/>
      <c r="DOX726" s="613"/>
      <c r="DOY726" s="613"/>
      <c r="DOZ726" s="613"/>
      <c r="DPA726" s="613"/>
      <c r="DPB726" s="613"/>
      <c r="DPC726" s="613"/>
      <c r="DPD726" s="613"/>
      <c r="DPE726" s="613"/>
      <c r="DPF726" s="613"/>
      <c r="DPG726" s="613"/>
      <c r="DPH726" s="613"/>
      <c r="DPI726" s="613"/>
      <c r="DPJ726" s="613"/>
      <c r="DPK726" s="613"/>
      <c r="DPL726" s="613"/>
      <c r="DPM726" s="613"/>
      <c r="DPN726" s="613"/>
      <c r="DPO726" s="613"/>
      <c r="DPP726" s="613"/>
      <c r="DPQ726" s="613"/>
      <c r="DPR726" s="613"/>
      <c r="DPS726" s="613"/>
      <c r="DPT726" s="613"/>
      <c r="DPU726" s="613"/>
      <c r="DPV726" s="613"/>
      <c r="DPW726" s="613"/>
      <c r="DPX726" s="613"/>
      <c r="DPY726" s="613"/>
      <c r="DPZ726" s="613"/>
      <c r="DQA726" s="613"/>
      <c r="DQB726" s="613"/>
      <c r="DQC726" s="613"/>
      <c r="DQD726" s="613"/>
      <c r="DQE726" s="613"/>
      <c r="DQF726" s="613"/>
      <c r="DQG726" s="613"/>
      <c r="DQH726" s="613"/>
      <c r="DQI726" s="613"/>
      <c r="DQJ726" s="613"/>
      <c r="DQK726" s="613"/>
      <c r="DQL726" s="613"/>
      <c r="DQM726" s="613"/>
      <c r="DQN726" s="613"/>
      <c r="DQO726" s="613"/>
      <c r="DQP726" s="613"/>
      <c r="DQQ726" s="613"/>
      <c r="DQR726" s="613"/>
      <c r="DQS726" s="613"/>
      <c r="DQT726" s="613"/>
      <c r="DQU726" s="613"/>
      <c r="DQV726" s="613"/>
      <c r="DQW726" s="613"/>
      <c r="DQX726" s="613"/>
      <c r="DQY726" s="613"/>
      <c r="DQZ726" s="613"/>
      <c r="DRA726" s="613"/>
      <c r="DRB726" s="613"/>
      <c r="DRC726" s="613"/>
      <c r="DRD726" s="613"/>
      <c r="DRE726" s="613"/>
      <c r="DRF726" s="613"/>
      <c r="DRG726" s="613"/>
      <c r="DRH726" s="613"/>
      <c r="DRI726" s="613"/>
      <c r="DRJ726" s="613"/>
      <c r="DRK726" s="613"/>
      <c r="DRL726" s="613"/>
      <c r="DRM726" s="613"/>
      <c r="DRN726" s="613"/>
      <c r="DRO726" s="613"/>
      <c r="DRP726" s="613"/>
      <c r="DRQ726" s="613"/>
      <c r="DRR726" s="613"/>
      <c r="DRS726" s="613"/>
      <c r="DRT726" s="613"/>
      <c r="DRU726" s="613"/>
      <c r="DRV726" s="613"/>
      <c r="DRW726" s="613"/>
      <c r="DRX726" s="613"/>
      <c r="DRY726" s="613"/>
      <c r="DRZ726" s="613"/>
      <c r="DSA726" s="613"/>
      <c r="DSB726" s="613"/>
      <c r="DSC726" s="613"/>
      <c r="DSD726" s="613"/>
      <c r="DSE726" s="613"/>
      <c r="DSF726" s="613"/>
      <c r="DSG726" s="613"/>
      <c r="DSH726" s="613"/>
      <c r="DSI726" s="613"/>
      <c r="DSJ726" s="613"/>
      <c r="DSK726" s="613"/>
      <c r="DSL726" s="613"/>
      <c r="DSM726" s="613"/>
      <c r="DSN726" s="613"/>
      <c r="DSO726" s="613"/>
      <c r="DSP726" s="613"/>
      <c r="DSQ726" s="613"/>
      <c r="DSR726" s="613"/>
      <c r="DSS726" s="613"/>
      <c r="DST726" s="613"/>
      <c r="DSU726" s="613"/>
      <c r="DSV726" s="613"/>
      <c r="DSW726" s="613"/>
      <c r="DSX726" s="613"/>
      <c r="DSY726" s="613"/>
      <c r="DSZ726" s="613"/>
      <c r="DTA726" s="613"/>
      <c r="DTB726" s="613"/>
      <c r="DTC726" s="613"/>
      <c r="DTD726" s="613"/>
      <c r="DTE726" s="613"/>
      <c r="DTF726" s="613"/>
      <c r="DTG726" s="613"/>
      <c r="DTH726" s="613"/>
      <c r="DTI726" s="613"/>
      <c r="DTJ726" s="613"/>
      <c r="DTK726" s="613"/>
      <c r="DTL726" s="613"/>
      <c r="DTM726" s="613"/>
      <c r="DTN726" s="613"/>
      <c r="DTO726" s="613"/>
      <c r="DTP726" s="613"/>
      <c r="DTQ726" s="613"/>
      <c r="DTR726" s="613"/>
      <c r="DTS726" s="613"/>
      <c r="DTT726" s="613"/>
      <c r="DTU726" s="613"/>
      <c r="DTV726" s="613"/>
      <c r="DTW726" s="613"/>
      <c r="DTX726" s="613"/>
      <c r="DTY726" s="613"/>
      <c r="DTZ726" s="613"/>
      <c r="DUA726" s="613"/>
      <c r="DUB726" s="613"/>
      <c r="DUC726" s="613"/>
      <c r="DUD726" s="613"/>
      <c r="DUE726" s="613"/>
      <c r="DUF726" s="613"/>
      <c r="DUG726" s="613"/>
      <c r="DUH726" s="613"/>
      <c r="DUI726" s="613"/>
      <c r="DUJ726" s="613"/>
      <c r="DUK726" s="613"/>
      <c r="DUL726" s="613"/>
      <c r="DUM726" s="613"/>
      <c r="DUN726" s="613"/>
      <c r="DUO726" s="613"/>
      <c r="DUP726" s="613"/>
      <c r="DUQ726" s="613"/>
      <c r="DUR726" s="613"/>
      <c r="DUS726" s="613"/>
      <c r="DUT726" s="613"/>
      <c r="DUU726" s="613"/>
      <c r="DUV726" s="613"/>
      <c r="DUW726" s="613"/>
      <c r="DUX726" s="613"/>
      <c r="DUY726" s="613"/>
      <c r="DUZ726" s="613"/>
      <c r="DVA726" s="613"/>
      <c r="DVB726" s="613"/>
      <c r="DVC726" s="613"/>
      <c r="DVD726" s="613"/>
      <c r="DVE726" s="613"/>
      <c r="DVF726" s="613"/>
      <c r="DVG726" s="613"/>
      <c r="DVH726" s="613"/>
      <c r="DVI726" s="613"/>
      <c r="DVJ726" s="613"/>
      <c r="DVK726" s="613"/>
      <c r="DVL726" s="613"/>
      <c r="DVM726" s="613"/>
      <c r="DVN726" s="613"/>
      <c r="DVO726" s="613"/>
      <c r="DVP726" s="613"/>
      <c r="DVQ726" s="613"/>
      <c r="DVR726" s="613"/>
      <c r="DVS726" s="613"/>
      <c r="DVT726" s="613"/>
      <c r="DVU726" s="613"/>
      <c r="DVV726" s="613"/>
      <c r="DVW726" s="613"/>
      <c r="DVX726" s="613"/>
      <c r="DVY726" s="613"/>
      <c r="DVZ726" s="613"/>
      <c r="DWA726" s="613"/>
      <c r="DWB726" s="613"/>
      <c r="DWC726" s="613"/>
      <c r="DWD726" s="613"/>
      <c r="DWE726" s="613"/>
      <c r="DWF726" s="613"/>
      <c r="DWG726" s="613"/>
      <c r="DWH726" s="613"/>
      <c r="DWI726" s="613"/>
      <c r="DWJ726" s="613"/>
      <c r="DWK726" s="613"/>
      <c r="DWL726" s="613"/>
      <c r="DWM726" s="613"/>
      <c r="DWN726" s="613"/>
      <c r="DWO726" s="613"/>
      <c r="DWP726" s="613"/>
      <c r="DWQ726" s="613"/>
      <c r="DWR726" s="613"/>
      <c r="DWS726" s="613"/>
      <c r="DWT726" s="613"/>
      <c r="DWU726" s="613"/>
      <c r="DWV726" s="613"/>
      <c r="DWW726" s="613"/>
      <c r="DWX726" s="613"/>
      <c r="DWY726" s="613"/>
      <c r="DWZ726" s="613"/>
      <c r="DXA726" s="613"/>
      <c r="DXB726" s="613"/>
      <c r="DXC726" s="613"/>
      <c r="DXD726" s="613"/>
      <c r="DXE726" s="613"/>
      <c r="DXF726" s="613"/>
      <c r="DXG726" s="613"/>
      <c r="DXH726" s="613"/>
      <c r="DXI726" s="613"/>
      <c r="DXJ726" s="613"/>
      <c r="DXK726" s="613"/>
      <c r="DXL726" s="613"/>
      <c r="DXM726" s="613"/>
      <c r="DXN726" s="613"/>
      <c r="DXO726" s="613"/>
      <c r="DXP726" s="613"/>
      <c r="DXQ726" s="613"/>
      <c r="DXR726" s="613"/>
      <c r="DXS726" s="613"/>
      <c r="DXT726" s="613"/>
      <c r="DXU726" s="613"/>
      <c r="DXV726" s="613"/>
      <c r="DXW726" s="613"/>
      <c r="DXX726" s="613"/>
      <c r="DXY726" s="613"/>
      <c r="DXZ726" s="613"/>
      <c r="DYA726" s="613"/>
      <c r="DYB726" s="613"/>
      <c r="DYC726" s="613"/>
      <c r="DYD726" s="613"/>
      <c r="DYE726" s="613"/>
      <c r="DYF726" s="613"/>
      <c r="DYG726" s="613"/>
      <c r="DYH726" s="613"/>
      <c r="DYI726" s="613"/>
      <c r="DYJ726" s="613"/>
      <c r="DYK726" s="613"/>
      <c r="DYL726" s="613"/>
      <c r="DYM726" s="613"/>
      <c r="DYN726" s="613"/>
      <c r="DYO726" s="613"/>
      <c r="DYP726" s="613"/>
      <c r="DYQ726" s="613"/>
      <c r="DYR726" s="613"/>
      <c r="DYS726" s="613"/>
      <c r="DYT726" s="613"/>
      <c r="DYU726" s="613"/>
      <c r="DYV726" s="613"/>
      <c r="DYW726" s="613"/>
      <c r="DYX726" s="613"/>
      <c r="DYY726" s="613"/>
      <c r="DYZ726" s="613"/>
      <c r="DZA726" s="613"/>
      <c r="DZB726" s="613"/>
      <c r="DZC726" s="613"/>
      <c r="DZD726" s="613"/>
      <c r="DZE726" s="613"/>
      <c r="DZF726" s="613"/>
      <c r="DZG726" s="613"/>
      <c r="DZH726" s="613"/>
      <c r="DZI726" s="613"/>
      <c r="DZJ726" s="613"/>
      <c r="DZK726" s="613"/>
      <c r="DZL726" s="613"/>
      <c r="DZM726" s="613"/>
      <c r="DZN726" s="613"/>
      <c r="DZO726" s="613"/>
      <c r="DZP726" s="613"/>
      <c r="DZQ726" s="613"/>
      <c r="DZR726" s="613"/>
      <c r="DZS726" s="613"/>
      <c r="DZT726" s="613"/>
      <c r="DZU726" s="613"/>
      <c r="DZV726" s="613"/>
      <c r="DZW726" s="613"/>
      <c r="DZX726" s="613"/>
      <c r="DZY726" s="613"/>
      <c r="DZZ726" s="613"/>
      <c r="EAA726" s="613"/>
      <c r="EAB726" s="613"/>
      <c r="EAC726" s="613"/>
      <c r="EAD726" s="613"/>
      <c r="EAE726" s="613"/>
      <c r="EAF726" s="613"/>
      <c r="EAG726" s="613"/>
      <c r="EAH726" s="613"/>
      <c r="EAI726" s="613"/>
      <c r="EAJ726" s="613"/>
      <c r="EAK726" s="613"/>
      <c r="EAL726" s="613"/>
      <c r="EAM726" s="613"/>
      <c r="EAN726" s="613"/>
      <c r="EAO726" s="613"/>
      <c r="EAP726" s="613"/>
      <c r="EAQ726" s="613"/>
      <c r="EAR726" s="613"/>
      <c r="EAS726" s="613"/>
      <c r="EAT726" s="613"/>
      <c r="EAU726" s="613"/>
      <c r="EAV726" s="613"/>
      <c r="EAW726" s="613"/>
      <c r="EAX726" s="613"/>
      <c r="EAY726" s="613"/>
      <c r="EAZ726" s="613"/>
      <c r="EBA726" s="613"/>
      <c r="EBB726" s="613"/>
      <c r="EBC726" s="613"/>
      <c r="EBD726" s="613"/>
      <c r="EBE726" s="613"/>
      <c r="EBF726" s="613"/>
      <c r="EBG726" s="613"/>
      <c r="EBH726" s="613"/>
      <c r="EBI726" s="613"/>
      <c r="EBJ726" s="613"/>
      <c r="EBK726" s="613"/>
      <c r="EBL726" s="613"/>
      <c r="EBM726" s="613"/>
      <c r="EBN726" s="613"/>
      <c r="EBO726" s="613"/>
      <c r="EBP726" s="613"/>
      <c r="EBQ726" s="613"/>
      <c r="EBR726" s="613"/>
      <c r="EBS726" s="613"/>
      <c r="EBT726" s="613"/>
      <c r="EBU726" s="613"/>
      <c r="EBV726" s="613"/>
      <c r="EBW726" s="613"/>
      <c r="EBX726" s="613"/>
      <c r="EBY726" s="613"/>
      <c r="EBZ726" s="613"/>
      <c r="ECA726" s="613"/>
      <c r="ECB726" s="613"/>
      <c r="ECC726" s="613"/>
      <c r="ECD726" s="613"/>
      <c r="ECE726" s="613"/>
      <c r="ECF726" s="613"/>
      <c r="ECG726" s="613"/>
      <c r="ECH726" s="613"/>
      <c r="ECI726" s="613"/>
      <c r="ECJ726" s="613"/>
      <c r="ECK726" s="613"/>
      <c r="ECL726" s="613"/>
      <c r="ECM726" s="613"/>
      <c r="ECN726" s="613"/>
      <c r="ECO726" s="613"/>
      <c r="ECP726" s="613"/>
      <c r="ECQ726" s="613"/>
      <c r="ECR726" s="613"/>
      <c r="ECS726" s="613"/>
      <c r="ECT726" s="613"/>
      <c r="ECU726" s="613"/>
      <c r="ECV726" s="613"/>
      <c r="ECW726" s="613"/>
      <c r="ECX726" s="613"/>
      <c r="ECY726" s="613"/>
      <c r="ECZ726" s="613"/>
      <c r="EDA726" s="613"/>
      <c r="EDB726" s="613"/>
      <c r="EDC726" s="613"/>
      <c r="EDD726" s="613"/>
      <c r="EDE726" s="613"/>
      <c r="EDF726" s="613"/>
      <c r="EDG726" s="613"/>
      <c r="EDH726" s="613"/>
      <c r="EDI726" s="613"/>
      <c r="EDJ726" s="613"/>
      <c r="EDK726" s="613"/>
      <c r="EDL726" s="613"/>
      <c r="EDM726" s="613"/>
      <c r="EDN726" s="613"/>
      <c r="EDO726" s="613"/>
      <c r="EDP726" s="613"/>
      <c r="EDQ726" s="613"/>
      <c r="EDR726" s="613"/>
      <c r="EDS726" s="613"/>
      <c r="EDT726" s="613"/>
      <c r="EDU726" s="613"/>
      <c r="EDV726" s="613"/>
      <c r="EDW726" s="613"/>
      <c r="EDX726" s="613"/>
      <c r="EDY726" s="613"/>
      <c r="EDZ726" s="613"/>
      <c r="EEA726" s="613"/>
      <c r="EEB726" s="613"/>
      <c r="EEC726" s="613"/>
      <c r="EED726" s="613"/>
      <c r="EEE726" s="613"/>
      <c r="EEF726" s="613"/>
      <c r="EEG726" s="613"/>
      <c r="EEH726" s="613"/>
      <c r="EEI726" s="613"/>
      <c r="EEJ726" s="613"/>
      <c r="EEK726" s="613"/>
      <c r="EEL726" s="613"/>
      <c r="EEM726" s="613"/>
      <c r="EEN726" s="613"/>
      <c r="EEO726" s="613"/>
      <c r="EEP726" s="613"/>
      <c r="EEQ726" s="613"/>
      <c r="EER726" s="613"/>
      <c r="EES726" s="613"/>
      <c r="EET726" s="613"/>
      <c r="EEU726" s="613"/>
      <c r="EEV726" s="613"/>
      <c r="EEW726" s="613"/>
      <c r="EEX726" s="613"/>
      <c r="EEY726" s="613"/>
      <c r="EEZ726" s="613"/>
      <c r="EFA726" s="613"/>
      <c r="EFB726" s="613"/>
      <c r="EFC726" s="613"/>
      <c r="EFD726" s="613"/>
      <c r="EFE726" s="613"/>
      <c r="EFF726" s="613"/>
      <c r="EFG726" s="613"/>
      <c r="EFH726" s="613"/>
      <c r="EFI726" s="613"/>
      <c r="EFJ726" s="613"/>
      <c r="EFK726" s="613"/>
      <c r="EFL726" s="613"/>
      <c r="EFM726" s="613"/>
      <c r="EFN726" s="613"/>
      <c r="EFO726" s="613"/>
      <c r="EFP726" s="613"/>
      <c r="EFQ726" s="613"/>
      <c r="EFR726" s="613"/>
      <c r="EFS726" s="613"/>
      <c r="EFT726" s="613"/>
      <c r="EFU726" s="613"/>
      <c r="EFV726" s="613"/>
      <c r="EFW726" s="613"/>
      <c r="EFX726" s="613"/>
      <c r="EFY726" s="613"/>
      <c r="EFZ726" s="613"/>
      <c r="EGA726" s="613"/>
      <c r="EGB726" s="613"/>
      <c r="EGC726" s="613"/>
      <c r="EGD726" s="613"/>
      <c r="EGE726" s="613"/>
      <c r="EGF726" s="613"/>
      <c r="EGG726" s="613"/>
      <c r="EGH726" s="613"/>
      <c r="EGI726" s="613"/>
      <c r="EGJ726" s="613"/>
      <c r="EGK726" s="613"/>
      <c r="EGL726" s="613"/>
      <c r="EGM726" s="613"/>
      <c r="EGN726" s="613"/>
      <c r="EGO726" s="613"/>
      <c r="EGP726" s="613"/>
      <c r="EGQ726" s="613"/>
      <c r="EGR726" s="613"/>
      <c r="EGS726" s="613"/>
      <c r="EGT726" s="613"/>
      <c r="EGU726" s="613"/>
      <c r="EGV726" s="613"/>
      <c r="EGW726" s="613"/>
      <c r="EGX726" s="613"/>
      <c r="EGY726" s="613"/>
      <c r="EGZ726" s="613"/>
      <c r="EHA726" s="613"/>
      <c r="EHB726" s="613"/>
      <c r="EHC726" s="613"/>
      <c r="EHD726" s="613"/>
      <c r="EHE726" s="613"/>
      <c r="EHF726" s="613"/>
      <c r="EHG726" s="613"/>
      <c r="EHH726" s="613"/>
      <c r="EHI726" s="613"/>
      <c r="EHJ726" s="613"/>
      <c r="EHK726" s="613"/>
      <c r="EHL726" s="613"/>
      <c r="EHM726" s="613"/>
      <c r="EHN726" s="613"/>
      <c r="EHO726" s="613"/>
      <c r="EHP726" s="613"/>
      <c r="EHQ726" s="613"/>
      <c r="EHR726" s="613"/>
      <c r="EHS726" s="613"/>
      <c r="EHT726" s="613"/>
      <c r="EHU726" s="613"/>
      <c r="EHV726" s="613"/>
      <c r="EHW726" s="613"/>
      <c r="EHX726" s="613"/>
      <c r="EHY726" s="613"/>
      <c r="EHZ726" s="613"/>
      <c r="EIA726" s="613"/>
      <c r="EIB726" s="613"/>
      <c r="EIC726" s="613"/>
      <c r="EID726" s="613"/>
      <c r="EIE726" s="613"/>
      <c r="EIF726" s="613"/>
      <c r="EIG726" s="613"/>
      <c r="EIH726" s="613"/>
      <c r="EII726" s="613"/>
      <c r="EIJ726" s="613"/>
      <c r="EIK726" s="613"/>
      <c r="EIL726" s="613"/>
      <c r="EIM726" s="613"/>
      <c r="EIN726" s="613"/>
      <c r="EIO726" s="613"/>
      <c r="EIP726" s="613"/>
      <c r="EIQ726" s="613"/>
      <c r="EIR726" s="613"/>
      <c r="EIS726" s="613"/>
      <c r="EIT726" s="613"/>
      <c r="EIU726" s="613"/>
      <c r="EIV726" s="613"/>
      <c r="EIW726" s="613"/>
      <c r="EIX726" s="613"/>
      <c r="EIY726" s="613"/>
      <c r="EIZ726" s="613"/>
      <c r="EJA726" s="613"/>
      <c r="EJB726" s="613"/>
      <c r="EJC726" s="613"/>
      <c r="EJD726" s="613"/>
      <c r="EJE726" s="613"/>
      <c r="EJF726" s="613"/>
      <c r="EJG726" s="613"/>
      <c r="EJH726" s="613"/>
      <c r="EJI726" s="613"/>
      <c r="EJJ726" s="613"/>
      <c r="EJK726" s="613"/>
      <c r="EJL726" s="613"/>
      <c r="EJM726" s="613"/>
      <c r="EJN726" s="613"/>
      <c r="EJO726" s="613"/>
      <c r="EJP726" s="613"/>
      <c r="EJQ726" s="613"/>
      <c r="EJR726" s="613"/>
      <c r="EJS726" s="613"/>
      <c r="EJT726" s="613"/>
      <c r="EJU726" s="613"/>
      <c r="EJV726" s="613"/>
      <c r="EJW726" s="613"/>
      <c r="EJX726" s="613"/>
      <c r="EJY726" s="613"/>
      <c r="EJZ726" s="613"/>
      <c r="EKA726" s="613"/>
      <c r="EKB726" s="613"/>
      <c r="EKC726" s="613"/>
      <c r="EKD726" s="613"/>
      <c r="EKE726" s="613"/>
      <c r="EKF726" s="613"/>
      <c r="EKG726" s="613"/>
      <c r="EKH726" s="613"/>
      <c r="EKI726" s="613"/>
      <c r="EKJ726" s="613"/>
      <c r="EKK726" s="613"/>
      <c r="EKL726" s="613"/>
      <c r="EKM726" s="613"/>
      <c r="EKN726" s="613"/>
      <c r="EKO726" s="613"/>
      <c r="EKP726" s="613"/>
      <c r="EKQ726" s="613"/>
      <c r="EKR726" s="613"/>
      <c r="EKS726" s="613"/>
      <c r="EKT726" s="613"/>
      <c r="EKU726" s="613"/>
      <c r="EKV726" s="613"/>
      <c r="EKW726" s="613"/>
      <c r="EKX726" s="613"/>
      <c r="EKY726" s="613"/>
      <c r="EKZ726" s="613"/>
      <c r="ELA726" s="613"/>
      <c r="ELB726" s="613"/>
      <c r="ELC726" s="613"/>
      <c r="ELD726" s="613"/>
      <c r="ELE726" s="613"/>
      <c r="ELF726" s="613"/>
      <c r="ELG726" s="613"/>
      <c r="ELH726" s="613"/>
      <c r="ELI726" s="613"/>
      <c r="ELJ726" s="613"/>
      <c r="ELK726" s="613"/>
      <c r="ELL726" s="613"/>
      <c r="ELM726" s="613"/>
      <c r="ELN726" s="613"/>
      <c r="ELO726" s="613"/>
      <c r="ELP726" s="613"/>
      <c r="ELQ726" s="613"/>
      <c r="ELR726" s="613"/>
      <c r="ELS726" s="613"/>
      <c r="ELT726" s="613"/>
      <c r="ELU726" s="613"/>
      <c r="ELV726" s="613"/>
      <c r="ELW726" s="613"/>
      <c r="ELX726" s="613"/>
      <c r="ELY726" s="613"/>
      <c r="ELZ726" s="613"/>
      <c r="EMA726" s="613"/>
      <c r="EMB726" s="613"/>
      <c r="EMC726" s="613"/>
      <c r="EMD726" s="613"/>
      <c r="EME726" s="613"/>
      <c r="EMF726" s="613"/>
      <c r="EMG726" s="613"/>
      <c r="EMH726" s="613"/>
      <c r="EMI726" s="613"/>
      <c r="EMJ726" s="613"/>
      <c r="EMK726" s="613"/>
      <c r="EML726" s="613"/>
      <c r="EMM726" s="613"/>
      <c r="EMN726" s="613"/>
      <c r="EMO726" s="613"/>
      <c r="EMP726" s="613"/>
      <c r="EMQ726" s="613"/>
      <c r="EMR726" s="613"/>
      <c r="EMS726" s="613"/>
      <c r="EMT726" s="613"/>
      <c r="EMU726" s="613"/>
      <c r="EMV726" s="613"/>
      <c r="EMW726" s="613"/>
      <c r="EMX726" s="613"/>
      <c r="EMY726" s="613"/>
      <c r="EMZ726" s="613"/>
      <c r="ENA726" s="613"/>
      <c r="ENB726" s="613"/>
      <c r="ENC726" s="613"/>
      <c r="END726" s="613"/>
      <c r="ENE726" s="613"/>
      <c r="ENF726" s="613"/>
      <c r="ENG726" s="613"/>
      <c r="ENH726" s="613"/>
      <c r="ENI726" s="613"/>
      <c r="ENJ726" s="613"/>
      <c r="ENK726" s="613"/>
      <c r="ENL726" s="613"/>
      <c r="ENM726" s="613"/>
      <c r="ENN726" s="613"/>
      <c r="ENO726" s="613"/>
      <c r="ENP726" s="613"/>
      <c r="ENQ726" s="613"/>
      <c r="ENR726" s="613"/>
      <c r="ENS726" s="613"/>
      <c r="ENT726" s="613"/>
      <c r="ENU726" s="613"/>
      <c r="ENV726" s="613"/>
      <c r="ENW726" s="613"/>
      <c r="ENX726" s="613"/>
      <c r="ENY726" s="613"/>
      <c r="ENZ726" s="613"/>
      <c r="EOA726" s="613"/>
      <c r="EOB726" s="613"/>
      <c r="EOC726" s="613"/>
      <c r="EOD726" s="613"/>
      <c r="EOE726" s="613"/>
      <c r="EOF726" s="613"/>
      <c r="EOG726" s="613"/>
      <c r="EOH726" s="613"/>
      <c r="EOI726" s="613"/>
      <c r="EOJ726" s="613"/>
      <c r="EOK726" s="613"/>
      <c r="EOL726" s="613"/>
      <c r="EOM726" s="613"/>
      <c r="EON726" s="613"/>
      <c r="EOO726" s="613"/>
      <c r="EOP726" s="613"/>
      <c r="EOQ726" s="613"/>
      <c r="EOR726" s="613"/>
      <c r="EOS726" s="613"/>
      <c r="EOT726" s="613"/>
      <c r="EOU726" s="613"/>
      <c r="EOV726" s="613"/>
      <c r="EOW726" s="613"/>
      <c r="EOX726" s="613"/>
      <c r="EOY726" s="613"/>
      <c r="EOZ726" s="613"/>
      <c r="EPA726" s="613"/>
      <c r="EPB726" s="613"/>
      <c r="EPC726" s="613"/>
      <c r="EPD726" s="613"/>
      <c r="EPE726" s="613"/>
      <c r="EPF726" s="613"/>
      <c r="EPG726" s="613"/>
      <c r="EPH726" s="613"/>
      <c r="EPI726" s="613"/>
      <c r="EPJ726" s="613"/>
      <c r="EPK726" s="613"/>
      <c r="EPL726" s="613"/>
      <c r="EPM726" s="613"/>
      <c r="EPN726" s="613"/>
      <c r="EPO726" s="613"/>
      <c r="EPP726" s="613"/>
      <c r="EPQ726" s="613"/>
      <c r="EPR726" s="613"/>
      <c r="EPS726" s="613"/>
      <c r="EPT726" s="613"/>
      <c r="EPU726" s="613"/>
      <c r="EPV726" s="613"/>
      <c r="EPW726" s="613"/>
      <c r="EPX726" s="613"/>
      <c r="EPY726" s="613"/>
      <c r="EPZ726" s="613"/>
      <c r="EQA726" s="613"/>
      <c r="EQB726" s="613"/>
      <c r="EQC726" s="613"/>
      <c r="EQD726" s="613"/>
      <c r="EQE726" s="613"/>
      <c r="EQF726" s="613"/>
      <c r="EQG726" s="613"/>
      <c r="EQH726" s="613"/>
      <c r="EQI726" s="613"/>
      <c r="EQJ726" s="613"/>
      <c r="EQK726" s="613"/>
      <c r="EQL726" s="613"/>
      <c r="EQM726" s="613"/>
      <c r="EQN726" s="613"/>
      <c r="EQO726" s="613"/>
      <c r="EQP726" s="613"/>
      <c r="EQQ726" s="613"/>
      <c r="EQR726" s="613"/>
      <c r="EQS726" s="613"/>
      <c r="EQT726" s="613"/>
      <c r="EQU726" s="613"/>
      <c r="EQV726" s="613"/>
      <c r="EQW726" s="613"/>
      <c r="EQX726" s="613"/>
      <c r="EQY726" s="613"/>
      <c r="EQZ726" s="613"/>
      <c r="ERA726" s="613"/>
      <c r="ERB726" s="613"/>
      <c r="ERC726" s="613"/>
      <c r="ERD726" s="613"/>
      <c r="ERE726" s="613"/>
      <c r="ERF726" s="613"/>
      <c r="ERG726" s="613"/>
      <c r="ERH726" s="613"/>
      <c r="ERI726" s="613"/>
      <c r="ERJ726" s="613"/>
      <c r="ERK726" s="613"/>
      <c r="ERL726" s="613"/>
      <c r="ERM726" s="613"/>
      <c r="ERN726" s="613"/>
      <c r="ERO726" s="613"/>
      <c r="ERP726" s="613"/>
      <c r="ERQ726" s="613"/>
      <c r="ERR726" s="613"/>
      <c r="ERS726" s="613"/>
      <c r="ERT726" s="613"/>
      <c r="ERU726" s="613"/>
      <c r="ERV726" s="613"/>
      <c r="ERW726" s="613"/>
      <c r="ERX726" s="613"/>
      <c r="ERY726" s="613"/>
      <c r="ERZ726" s="613"/>
      <c r="ESA726" s="613"/>
      <c r="ESB726" s="613"/>
      <c r="ESC726" s="613"/>
      <c r="ESD726" s="613"/>
      <c r="ESE726" s="613"/>
      <c r="ESF726" s="613"/>
      <c r="ESG726" s="613"/>
      <c r="ESH726" s="613"/>
      <c r="ESI726" s="613"/>
      <c r="ESJ726" s="613"/>
      <c r="ESK726" s="613"/>
      <c r="ESL726" s="613"/>
      <c r="ESM726" s="613"/>
      <c r="ESN726" s="613"/>
      <c r="ESO726" s="613"/>
      <c r="ESP726" s="613"/>
      <c r="ESQ726" s="613"/>
      <c r="ESR726" s="613"/>
      <c r="ESS726" s="613"/>
      <c r="EST726" s="613"/>
      <c r="ESU726" s="613"/>
      <c r="ESV726" s="613"/>
      <c r="ESW726" s="613"/>
      <c r="ESX726" s="613"/>
      <c r="ESY726" s="613"/>
      <c r="ESZ726" s="613"/>
      <c r="ETA726" s="613"/>
      <c r="ETB726" s="613"/>
      <c r="ETC726" s="613"/>
      <c r="ETD726" s="613"/>
      <c r="ETE726" s="613"/>
      <c r="ETF726" s="613"/>
      <c r="ETG726" s="613"/>
      <c r="ETH726" s="613"/>
      <c r="ETI726" s="613"/>
      <c r="ETJ726" s="613"/>
      <c r="ETK726" s="613"/>
      <c r="ETL726" s="613"/>
      <c r="ETM726" s="613"/>
      <c r="ETN726" s="613"/>
      <c r="ETO726" s="613"/>
      <c r="ETP726" s="613"/>
      <c r="ETQ726" s="613"/>
      <c r="ETR726" s="613"/>
      <c r="ETS726" s="613"/>
      <c r="ETT726" s="613"/>
      <c r="ETU726" s="613"/>
      <c r="ETV726" s="613"/>
      <c r="ETW726" s="613"/>
      <c r="ETX726" s="613"/>
      <c r="ETY726" s="613"/>
      <c r="ETZ726" s="613"/>
      <c r="EUA726" s="613"/>
      <c r="EUB726" s="613"/>
      <c r="EUC726" s="613"/>
      <c r="EUD726" s="613"/>
      <c r="EUE726" s="613"/>
      <c r="EUF726" s="613"/>
      <c r="EUG726" s="613"/>
      <c r="EUH726" s="613"/>
      <c r="EUI726" s="613"/>
      <c r="EUJ726" s="613"/>
      <c r="EUK726" s="613"/>
      <c r="EUL726" s="613"/>
      <c r="EUM726" s="613"/>
      <c r="EUN726" s="613"/>
      <c r="EUO726" s="613"/>
      <c r="EUP726" s="613"/>
      <c r="EUQ726" s="613"/>
      <c r="EUR726" s="613"/>
      <c r="EUS726" s="613"/>
      <c r="EUT726" s="613"/>
      <c r="EUU726" s="613"/>
      <c r="EUV726" s="613"/>
      <c r="EUW726" s="613"/>
      <c r="EUX726" s="613"/>
      <c r="EUY726" s="613"/>
      <c r="EUZ726" s="613"/>
      <c r="EVA726" s="613"/>
      <c r="EVB726" s="613"/>
      <c r="EVC726" s="613"/>
      <c r="EVD726" s="613"/>
      <c r="EVE726" s="613"/>
      <c r="EVF726" s="613"/>
      <c r="EVG726" s="613"/>
      <c r="EVH726" s="613"/>
      <c r="EVI726" s="613"/>
      <c r="EVJ726" s="613"/>
      <c r="EVK726" s="613"/>
      <c r="EVL726" s="613"/>
      <c r="EVM726" s="613"/>
      <c r="EVN726" s="613"/>
      <c r="EVO726" s="613"/>
      <c r="EVP726" s="613"/>
      <c r="EVQ726" s="613"/>
      <c r="EVR726" s="613"/>
      <c r="EVS726" s="613"/>
      <c r="EVT726" s="613"/>
      <c r="EVU726" s="613"/>
      <c r="EVV726" s="613"/>
      <c r="EVW726" s="613"/>
      <c r="EVX726" s="613"/>
      <c r="EVY726" s="613"/>
      <c r="EVZ726" s="613"/>
      <c r="EWA726" s="613"/>
      <c r="EWB726" s="613"/>
      <c r="EWC726" s="613"/>
      <c r="EWD726" s="613"/>
      <c r="EWE726" s="613"/>
      <c r="EWF726" s="613"/>
      <c r="EWG726" s="613"/>
      <c r="EWH726" s="613"/>
      <c r="EWI726" s="613"/>
      <c r="EWJ726" s="613"/>
      <c r="EWK726" s="613"/>
      <c r="EWL726" s="613"/>
      <c r="EWM726" s="613"/>
      <c r="EWN726" s="613"/>
      <c r="EWO726" s="613"/>
      <c r="EWP726" s="613"/>
      <c r="EWQ726" s="613"/>
      <c r="EWR726" s="613"/>
      <c r="EWS726" s="613"/>
      <c r="EWT726" s="613"/>
      <c r="EWU726" s="613"/>
      <c r="EWV726" s="613"/>
      <c r="EWW726" s="613"/>
      <c r="EWX726" s="613"/>
      <c r="EWY726" s="613"/>
      <c r="EWZ726" s="613"/>
      <c r="EXA726" s="613"/>
      <c r="EXB726" s="613"/>
      <c r="EXC726" s="613"/>
      <c r="EXD726" s="613"/>
      <c r="EXE726" s="613"/>
      <c r="EXF726" s="613"/>
      <c r="EXG726" s="613"/>
      <c r="EXH726" s="613"/>
      <c r="EXI726" s="613"/>
      <c r="EXJ726" s="613"/>
      <c r="EXK726" s="613"/>
      <c r="EXL726" s="613"/>
      <c r="EXM726" s="613"/>
      <c r="EXN726" s="613"/>
      <c r="EXO726" s="613"/>
      <c r="EXP726" s="613"/>
      <c r="EXQ726" s="613"/>
      <c r="EXR726" s="613"/>
      <c r="EXS726" s="613"/>
      <c r="EXT726" s="613"/>
      <c r="EXU726" s="613"/>
      <c r="EXV726" s="613"/>
      <c r="EXW726" s="613"/>
      <c r="EXX726" s="613"/>
      <c r="EXY726" s="613"/>
      <c r="EXZ726" s="613"/>
      <c r="EYA726" s="613"/>
      <c r="EYB726" s="613"/>
      <c r="EYC726" s="613"/>
      <c r="EYD726" s="613"/>
      <c r="EYE726" s="613"/>
      <c r="EYF726" s="613"/>
      <c r="EYG726" s="613"/>
      <c r="EYH726" s="613"/>
      <c r="EYI726" s="613"/>
      <c r="EYJ726" s="613"/>
      <c r="EYK726" s="613"/>
      <c r="EYL726" s="613"/>
      <c r="EYM726" s="613"/>
      <c r="EYN726" s="613"/>
      <c r="EYO726" s="613"/>
      <c r="EYP726" s="613"/>
      <c r="EYQ726" s="613"/>
      <c r="EYR726" s="613"/>
      <c r="EYS726" s="613"/>
      <c r="EYT726" s="613"/>
      <c r="EYU726" s="613"/>
      <c r="EYV726" s="613"/>
      <c r="EYW726" s="613"/>
      <c r="EYX726" s="613"/>
      <c r="EYY726" s="613"/>
      <c r="EYZ726" s="613"/>
      <c r="EZA726" s="613"/>
      <c r="EZB726" s="613"/>
      <c r="EZC726" s="613"/>
      <c r="EZD726" s="613"/>
      <c r="EZE726" s="613"/>
      <c r="EZF726" s="613"/>
      <c r="EZG726" s="613"/>
      <c r="EZH726" s="613"/>
      <c r="EZI726" s="613"/>
      <c r="EZJ726" s="613"/>
      <c r="EZK726" s="613"/>
      <c r="EZL726" s="613"/>
      <c r="EZM726" s="613"/>
      <c r="EZN726" s="613"/>
      <c r="EZO726" s="613"/>
      <c r="EZP726" s="613"/>
      <c r="EZQ726" s="613"/>
      <c r="EZR726" s="613"/>
      <c r="EZS726" s="613"/>
      <c r="EZT726" s="613"/>
      <c r="EZU726" s="613"/>
      <c r="EZV726" s="613"/>
      <c r="EZW726" s="613"/>
      <c r="EZX726" s="613"/>
      <c r="EZY726" s="613"/>
      <c r="EZZ726" s="613"/>
      <c r="FAA726" s="613"/>
      <c r="FAB726" s="613"/>
      <c r="FAC726" s="613"/>
      <c r="FAD726" s="613"/>
      <c r="FAE726" s="613"/>
      <c r="FAF726" s="613"/>
      <c r="FAG726" s="613"/>
      <c r="FAH726" s="613"/>
      <c r="FAI726" s="613"/>
      <c r="FAJ726" s="613"/>
      <c r="FAK726" s="613"/>
      <c r="FAL726" s="613"/>
      <c r="FAM726" s="613"/>
      <c r="FAN726" s="613"/>
      <c r="FAO726" s="613"/>
      <c r="FAP726" s="613"/>
      <c r="FAQ726" s="613"/>
      <c r="FAR726" s="613"/>
      <c r="FAS726" s="613"/>
      <c r="FAT726" s="613"/>
      <c r="FAU726" s="613"/>
      <c r="FAV726" s="613"/>
      <c r="FAW726" s="613"/>
      <c r="FAX726" s="613"/>
      <c r="FAY726" s="613"/>
      <c r="FAZ726" s="613"/>
      <c r="FBA726" s="613"/>
      <c r="FBB726" s="613"/>
      <c r="FBC726" s="613"/>
      <c r="FBD726" s="613"/>
      <c r="FBE726" s="613"/>
      <c r="FBF726" s="613"/>
      <c r="FBG726" s="613"/>
      <c r="FBH726" s="613"/>
      <c r="FBI726" s="613"/>
      <c r="FBJ726" s="613"/>
      <c r="FBK726" s="613"/>
      <c r="FBL726" s="613"/>
      <c r="FBM726" s="613"/>
      <c r="FBN726" s="613"/>
      <c r="FBO726" s="613"/>
      <c r="FBP726" s="613"/>
      <c r="FBQ726" s="613"/>
      <c r="FBR726" s="613"/>
      <c r="FBS726" s="613"/>
      <c r="FBT726" s="613"/>
      <c r="FBU726" s="613"/>
      <c r="FBV726" s="613"/>
      <c r="FBW726" s="613"/>
      <c r="FBX726" s="613"/>
      <c r="FBY726" s="613"/>
      <c r="FBZ726" s="613"/>
      <c r="FCA726" s="613"/>
      <c r="FCB726" s="613"/>
      <c r="FCC726" s="613"/>
      <c r="FCD726" s="613"/>
      <c r="FCE726" s="613"/>
      <c r="FCF726" s="613"/>
      <c r="FCG726" s="613"/>
      <c r="FCH726" s="613"/>
      <c r="FCI726" s="613"/>
      <c r="FCJ726" s="613"/>
      <c r="FCK726" s="613"/>
      <c r="FCL726" s="613"/>
      <c r="FCM726" s="613"/>
      <c r="FCN726" s="613"/>
      <c r="FCO726" s="613"/>
      <c r="FCP726" s="613"/>
      <c r="FCQ726" s="613"/>
      <c r="FCR726" s="613"/>
      <c r="FCS726" s="613"/>
      <c r="FCT726" s="613"/>
      <c r="FCU726" s="613"/>
      <c r="FCV726" s="613"/>
      <c r="FCW726" s="613"/>
      <c r="FCX726" s="613"/>
      <c r="FCY726" s="613"/>
      <c r="FCZ726" s="613"/>
      <c r="FDA726" s="613"/>
      <c r="FDB726" s="613"/>
      <c r="FDC726" s="613"/>
      <c r="FDD726" s="613"/>
      <c r="FDE726" s="613"/>
      <c r="FDF726" s="613"/>
      <c r="FDG726" s="613"/>
      <c r="FDH726" s="613"/>
      <c r="FDI726" s="613"/>
      <c r="FDJ726" s="613"/>
      <c r="FDK726" s="613"/>
      <c r="FDL726" s="613"/>
      <c r="FDM726" s="613"/>
      <c r="FDN726" s="613"/>
      <c r="FDO726" s="613"/>
      <c r="FDP726" s="613"/>
      <c r="FDQ726" s="613"/>
      <c r="FDR726" s="613"/>
      <c r="FDS726" s="613"/>
      <c r="FDT726" s="613"/>
      <c r="FDU726" s="613"/>
      <c r="FDV726" s="613"/>
      <c r="FDW726" s="613"/>
      <c r="FDX726" s="613"/>
      <c r="FDY726" s="613"/>
      <c r="FDZ726" s="613"/>
      <c r="FEA726" s="613"/>
      <c r="FEB726" s="613"/>
      <c r="FEC726" s="613"/>
      <c r="FED726" s="613"/>
      <c r="FEE726" s="613"/>
      <c r="FEF726" s="613"/>
      <c r="FEG726" s="613"/>
      <c r="FEH726" s="613"/>
      <c r="FEI726" s="613"/>
      <c r="FEJ726" s="613"/>
      <c r="FEK726" s="613"/>
      <c r="FEL726" s="613"/>
      <c r="FEM726" s="613"/>
      <c r="FEN726" s="613"/>
      <c r="FEO726" s="613"/>
      <c r="FEP726" s="613"/>
      <c r="FEQ726" s="613"/>
      <c r="FER726" s="613"/>
      <c r="FES726" s="613"/>
      <c r="FET726" s="613"/>
      <c r="FEU726" s="613"/>
      <c r="FEV726" s="613"/>
      <c r="FEW726" s="613"/>
      <c r="FEX726" s="613"/>
      <c r="FEY726" s="613"/>
      <c r="FEZ726" s="613"/>
      <c r="FFA726" s="613"/>
      <c r="FFB726" s="613"/>
      <c r="FFC726" s="613"/>
      <c r="FFD726" s="613"/>
      <c r="FFE726" s="613"/>
      <c r="FFF726" s="613"/>
      <c r="FFG726" s="613"/>
      <c r="FFH726" s="613"/>
      <c r="FFI726" s="613"/>
      <c r="FFJ726" s="613"/>
      <c r="FFK726" s="613"/>
      <c r="FFL726" s="613"/>
      <c r="FFM726" s="613"/>
      <c r="FFN726" s="613"/>
      <c r="FFO726" s="613"/>
      <c r="FFP726" s="613"/>
      <c r="FFQ726" s="613"/>
      <c r="FFR726" s="613"/>
      <c r="FFS726" s="613"/>
      <c r="FFT726" s="613"/>
      <c r="FFU726" s="613"/>
      <c r="FFV726" s="613"/>
      <c r="FFW726" s="613"/>
      <c r="FFX726" s="613"/>
      <c r="FFY726" s="613"/>
      <c r="FFZ726" s="613"/>
      <c r="FGA726" s="613"/>
      <c r="FGB726" s="613"/>
      <c r="FGC726" s="613"/>
      <c r="FGD726" s="613"/>
      <c r="FGE726" s="613"/>
      <c r="FGF726" s="613"/>
      <c r="FGG726" s="613"/>
      <c r="FGH726" s="613"/>
      <c r="FGI726" s="613"/>
      <c r="FGJ726" s="613"/>
      <c r="FGK726" s="613"/>
      <c r="FGL726" s="613"/>
      <c r="FGM726" s="613"/>
      <c r="FGN726" s="613"/>
      <c r="FGO726" s="613"/>
      <c r="FGP726" s="613"/>
      <c r="FGQ726" s="613"/>
      <c r="FGR726" s="613"/>
      <c r="FGS726" s="613"/>
      <c r="FGT726" s="613"/>
      <c r="FGU726" s="613"/>
      <c r="FGV726" s="613"/>
      <c r="FGW726" s="613"/>
      <c r="FGX726" s="613"/>
      <c r="FGY726" s="613"/>
      <c r="FGZ726" s="613"/>
      <c r="FHA726" s="613"/>
      <c r="FHB726" s="613"/>
      <c r="FHC726" s="613"/>
      <c r="FHD726" s="613"/>
      <c r="FHE726" s="613"/>
      <c r="FHF726" s="613"/>
      <c r="FHG726" s="613"/>
      <c r="FHH726" s="613"/>
      <c r="FHI726" s="613"/>
      <c r="FHJ726" s="613"/>
      <c r="FHK726" s="613"/>
      <c r="FHL726" s="613"/>
      <c r="FHM726" s="613"/>
      <c r="FHN726" s="613"/>
      <c r="FHO726" s="613"/>
      <c r="FHP726" s="613"/>
      <c r="FHQ726" s="613"/>
      <c r="FHR726" s="613"/>
      <c r="FHS726" s="613"/>
      <c r="FHT726" s="613"/>
      <c r="FHU726" s="613"/>
      <c r="FHV726" s="613"/>
      <c r="FHW726" s="613"/>
      <c r="FHX726" s="613"/>
      <c r="FHY726" s="613"/>
      <c r="FHZ726" s="613"/>
      <c r="FIA726" s="613"/>
      <c r="FIB726" s="613"/>
      <c r="FIC726" s="613"/>
      <c r="FID726" s="613"/>
      <c r="FIE726" s="613"/>
      <c r="FIF726" s="613"/>
      <c r="FIG726" s="613"/>
      <c r="FIH726" s="613"/>
      <c r="FII726" s="613"/>
      <c r="FIJ726" s="613"/>
      <c r="FIK726" s="613"/>
      <c r="FIL726" s="613"/>
      <c r="FIM726" s="613"/>
      <c r="FIN726" s="613"/>
      <c r="FIO726" s="613"/>
      <c r="FIP726" s="613"/>
      <c r="FIQ726" s="613"/>
      <c r="FIR726" s="613"/>
      <c r="FIS726" s="613"/>
      <c r="FIT726" s="613"/>
      <c r="FIU726" s="613"/>
      <c r="FIV726" s="613"/>
      <c r="FIW726" s="613"/>
      <c r="FIX726" s="613"/>
      <c r="FIY726" s="613"/>
      <c r="FIZ726" s="613"/>
      <c r="FJA726" s="613"/>
      <c r="FJB726" s="613"/>
      <c r="FJC726" s="613"/>
      <c r="FJD726" s="613"/>
      <c r="FJE726" s="613"/>
      <c r="FJF726" s="613"/>
      <c r="FJG726" s="613"/>
      <c r="FJH726" s="613"/>
      <c r="FJI726" s="613"/>
      <c r="FJJ726" s="613"/>
      <c r="FJK726" s="613"/>
      <c r="FJL726" s="613"/>
      <c r="FJM726" s="613"/>
      <c r="FJN726" s="613"/>
      <c r="FJO726" s="613"/>
      <c r="FJP726" s="613"/>
      <c r="FJQ726" s="613"/>
      <c r="FJR726" s="613"/>
      <c r="FJS726" s="613"/>
      <c r="FJT726" s="613"/>
      <c r="FJU726" s="613"/>
      <c r="FJV726" s="613"/>
      <c r="FJW726" s="613"/>
      <c r="FJX726" s="613"/>
      <c r="FJY726" s="613"/>
      <c r="FJZ726" s="613"/>
      <c r="FKA726" s="613"/>
      <c r="FKB726" s="613"/>
      <c r="FKC726" s="613"/>
      <c r="FKD726" s="613"/>
      <c r="FKE726" s="613"/>
      <c r="FKF726" s="613"/>
      <c r="FKG726" s="613"/>
      <c r="FKH726" s="613"/>
      <c r="FKI726" s="613"/>
      <c r="FKJ726" s="613"/>
      <c r="FKK726" s="613"/>
      <c r="FKL726" s="613"/>
      <c r="FKM726" s="613"/>
      <c r="FKN726" s="613"/>
      <c r="FKO726" s="613"/>
      <c r="FKP726" s="613"/>
      <c r="FKQ726" s="613"/>
      <c r="FKR726" s="613"/>
      <c r="FKS726" s="613"/>
      <c r="FKT726" s="613"/>
      <c r="FKU726" s="613"/>
      <c r="FKV726" s="613"/>
      <c r="FKW726" s="613"/>
      <c r="FKX726" s="613"/>
      <c r="FKY726" s="613"/>
      <c r="FKZ726" s="613"/>
      <c r="FLA726" s="613"/>
      <c r="FLB726" s="613"/>
      <c r="FLC726" s="613"/>
      <c r="FLD726" s="613"/>
      <c r="FLE726" s="613"/>
      <c r="FLF726" s="613"/>
      <c r="FLG726" s="613"/>
      <c r="FLH726" s="613"/>
      <c r="FLI726" s="613"/>
      <c r="FLJ726" s="613"/>
      <c r="FLK726" s="613"/>
      <c r="FLL726" s="613"/>
      <c r="FLM726" s="613"/>
      <c r="FLN726" s="613"/>
      <c r="FLO726" s="613"/>
      <c r="FLP726" s="613"/>
      <c r="FLQ726" s="613"/>
      <c r="FLR726" s="613"/>
      <c r="FLS726" s="613"/>
      <c r="FLT726" s="613"/>
      <c r="FLU726" s="613"/>
      <c r="FLV726" s="613"/>
      <c r="FLW726" s="613"/>
      <c r="FLX726" s="613"/>
      <c r="FLY726" s="613"/>
      <c r="FLZ726" s="613"/>
      <c r="FMA726" s="613"/>
      <c r="FMB726" s="613"/>
      <c r="FMC726" s="613"/>
      <c r="FMD726" s="613"/>
      <c r="FME726" s="613"/>
      <c r="FMF726" s="613"/>
      <c r="FMG726" s="613"/>
      <c r="FMH726" s="613"/>
      <c r="FMI726" s="613"/>
      <c r="FMJ726" s="613"/>
      <c r="FMK726" s="613"/>
      <c r="FML726" s="613"/>
      <c r="FMM726" s="613"/>
      <c r="FMN726" s="613"/>
      <c r="FMO726" s="613"/>
      <c r="FMP726" s="613"/>
      <c r="FMQ726" s="613"/>
      <c r="FMR726" s="613"/>
      <c r="FMS726" s="613"/>
      <c r="FMT726" s="613"/>
      <c r="FMU726" s="613"/>
      <c r="FMV726" s="613"/>
      <c r="FMW726" s="613"/>
      <c r="FMX726" s="613"/>
      <c r="FMY726" s="613"/>
      <c r="FMZ726" s="613"/>
      <c r="FNA726" s="613"/>
      <c r="FNB726" s="613"/>
      <c r="FNC726" s="613"/>
      <c r="FND726" s="613"/>
      <c r="FNE726" s="613"/>
      <c r="FNF726" s="613"/>
      <c r="FNG726" s="613"/>
      <c r="FNH726" s="613"/>
      <c r="FNI726" s="613"/>
      <c r="FNJ726" s="613"/>
      <c r="FNK726" s="613"/>
      <c r="FNL726" s="613"/>
      <c r="FNM726" s="613"/>
      <c r="FNN726" s="613"/>
      <c r="FNO726" s="613"/>
      <c r="FNP726" s="613"/>
      <c r="FNQ726" s="613"/>
      <c r="FNR726" s="613"/>
      <c r="FNS726" s="613"/>
      <c r="FNT726" s="613"/>
      <c r="FNU726" s="613"/>
      <c r="FNV726" s="613"/>
      <c r="FNW726" s="613"/>
      <c r="FNX726" s="613"/>
      <c r="FNY726" s="613"/>
      <c r="FNZ726" s="613"/>
      <c r="FOA726" s="613"/>
      <c r="FOB726" s="613"/>
      <c r="FOC726" s="613"/>
      <c r="FOD726" s="613"/>
      <c r="FOE726" s="613"/>
      <c r="FOF726" s="613"/>
      <c r="FOG726" s="613"/>
      <c r="FOH726" s="613"/>
      <c r="FOI726" s="613"/>
      <c r="FOJ726" s="613"/>
      <c r="FOK726" s="613"/>
      <c r="FOL726" s="613"/>
      <c r="FOM726" s="613"/>
      <c r="FON726" s="613"/>
      <c r="FOO726" s="613"/>
      <c r="FOP726" s="613"/>
      <c r="FOQ726" s="613"/>
      <c r="FOR726" s="613"/>
      <c r="FOS726" s="613"/>
      <c r="FOT726" s="613"/>
      <c r="FOU726" s="613"/>
      <c r="FOV726" s="613"/>
      <c r="FOW726" s="613"/>
      <c r="FOX726" s="613"/>
      <c r="FOY726" s="613"/>
      <c r="FOZ726" s="613"/>
      <c r="FPA726" s="613"/>
      <c r="FPB726" s="613"/>
      <c r="FPC726" s="613"/>
      <c r="FPD726" s="613"/>
      <c r="FPE726" s="613"/>
      <c r="FPF726" s="613"/>
      <c r="FPG726" s="613"/>
      <c r="FPH726" s="613"/>
      <c r="FPI726" s="613"/>
      <c r="FPJ726" s="613"/>
      <c r="FPK726" s="613"/>
      <c r="FPL726" s="613"/>
      <c r="FPM726" s="613"/>
      <c r="FPN726" s="613"/>
      <c r="FPO726" s="613"/>
      <c r="FPP726" s="613"/>
      <c r="FPQ726" s="613"/>
      <c r="FPR726" s="613"/>
      <c r="FPS726" s="613"/>
      <c r="FPT726" s="613"/>
      <c r="FPU726" s="613"/>
      <c r="FPV726" s="613"/>
      <c r="FPW726" s="613"/>
      <c r="FPX726" s="613"/>
      <c r="FPY726" s="613"/>
      <c r="FPZ726" s="613"/>
      <c r="FQA726" s="613"/>
      <c r="FQB726" s="613"/>
      <c r="FQC726" s="613"/>
      <c r="FQD726" s="613"/>
      <c r="FQE726" s="613"/>
      <c r="FQF726" s="613"/>
      <c r="FQG726" s="613"/>
      <c r="FQH726" s="613"/>
      <c r="FQI726" s="613"/>
      <c r="FQJ726" s="613"/>
      <c r="FQK726" s="613"/>
      <c r="FQL726" s="613"/>
      <c r="FQM726" s="613"/>
      <c r="FQN726" s="613"/>
      <c r="FQO726" s="613"/>
      <c r="FQP726" s="613"/>
      <c r="FQQ726" s="613"/>
      <c r="FQR726" s="613"/>
      <c r="FQS726" s="613"/>
      <c r="FQT726" s="613"/>
      <c r="FQU726" s="613"/>
      <c r="FQV726" s="613"/>
      <c r="FQW726" s="613"/>
      <c r="FQX726" s="613"/>
      <c r="FQY726" s="613"/>
      <c r="FQZ726" s="613"/>
      <c r="FRA726" s="613"/>
      <c r="FRB726" s="613"/>
      <c r="FRC726" s="613"/>
      <c r="FRD726" s="613"/>
      <c r="FRE726" s="613"/>
      <c r="FRF726" s="613"/>
      <c r="FRG726" s="613"/>
      <c r="FRH726" s="613"/>
      <c r="FRI726" s="613"/>
      <c r="FRJ726" s="613"/>
      <c r="FRK726" s="613"/>
      <c r="FRL726" s="613"/>
      <c r="FRM726" s="613"/>
      <c r="FRN726" s="613"/>
      <c r="FRO726" s="613"/>
      <c r="FRP726" s="613"/>
      <c r="FRQ726" s="613"/>
      <c r="FRR726" s="613"/>
      <c r="FRS726" s="613"/>
      <c r="FRT726" s="613"/>
      <c r="FRU726" s="613"/>
      <c r="FRV726" s="613"/>
      <c r="FRW726" s="613"/>
      <c r="FRX726" s="613"/>
      <c r="FRY726" s="613"/>
      <c r="FRZ726" s="613"/>
      <c r="FSA726" s="613"/>
      <c r="FSB726" s="613"/>
      <c r="FSC726" s="613"/>
      <c r="FSD726" s="613"/>
      <c r="FSE726" s="613"/>
      <c r="FSF726" s="613"/>
      <c r="FSG726" s="613"/>
      <c r="FSH726" s="613"/>
      <c r="FSI726" s="613"/>
      <c r="FSJ726" s="613"/>
      <c r="FSK726" s="613"/>
      <c r="FSL726" s="613"/>
      <c r="FSM726" s="613"/>
      <c r="FSN726" s="613"/>
      <c r="FSO726" s="613"/>
      <c r="FSP726" s="613"/>
      <c r="FSQ726" s="613"/>
      <c r="FSR726" s="613"/>
      <c r="FSS726" s="613"/>
      <c r="FST726" s="613"/>
      <c r="FSU726" s="613"/>
      <c r="FSV726" s="613"/>
      <c r="FSW726" s="613"/>
      <c r="FSX726" s="613"/>
      <c r="FSY726" s="613"/>
      <c r="FSZ726" s="613"/>
      <c r="FTA726" s="613"/>
      <c r="FTB726" s="613"/>
      <c r="FTC726" s="613"/>
      <c r="FTD726" s="613"/>
      <c r="FTE726" s="613"/>
      <c r="FTF726" s="613"/>
      <c r="FTG726" s="613"/>
      <c r="FTH726" s="613"/>
      <c r="FTI726" s="613"/>
      <c r="FTJ726" s="613"/>
      <c r="FTK726" s="613"/>
      <c r="FTL726" s="613"/>
      <c r="FTM726" s="613"/>
      <c r="FTN726" s="613"/>
      <c r="FTO726" s="613"/>
      <c r="FTP726" s="613"/>
      <c r="FTQ726" s="613"/>
      <c r="FTR726" s="613"/>
      <c r="FTS726" s="613"/>
      <c r="FTT726" s="613"/>
      <c r="FTU726" s="613"/>
      <c r="FTV726" s="613"/>
      <c r="FTW726" s="613"/>
      <c r="FTX726" s="613"/>
      <c r="FTY726" s="613"/>
      <c r="FTZ726" s="613"/>
      <c r="FUA726" s="613"/>
      <c r="FUB726" s="613"/>
      <c r="FUC726" s="613"/>
      <c r="FUD726" s="613"/>
      <c r="FUE726" s="613"/>
      <c r="FUF726" s="613"/>
      <c r="FUG726" s="613"/>
      <c r="FUH726" s="613"/>
      <c r="FUI726" s="613"/>
      <c r="FUJ726" s="613"/>
      <c r="FUK726" s="613"/>
      <c r="FUL726" s="613"/>
      <c r="FUM726" s="613"/>
      <c r="FUN726" s="613"/>
      <c r="FUO726" s="613"/>
      <c r="FUP726" s="613"/>
      <c r="FUQ726" s="613"/>
      <c r="FUR726" s="613"/>
      <c r="FUS726" s="613"/>
      <c r="FUT726" s="613"/>
      <c r="FUU726" s="613"/>
      <c r="FUV726" s="613"/>
      <c r="FUW726" s="613"/>
      <c r="FUX726" s="613"/>
      <c r="FUY726" s="613"/>
      <c r="FUZ726" s="613"/>
      <c r="FVA726" s="613"/>
      <c r="FVB726" s="613"/>
      <c r="FVC726" s="613"/>
      <c r="FVD726" s="613"/>
      <c r="FVE726" s="613"/>
      <c r="FVF726" s="613"/>
      <c r="FVG726" s="613"/>
      <c r="FVH726" s="613"/>
      <c r="FVI726" s="613"/>
      <c r="FVJ726" s="613"/>
      <c r="FVK726" s="613"/>
      <c r="FVL726" s="613"/>
      <c r="FVM726" s="613"/>
      <c r="FVN726" s="613"/>
      <c r="FVO726" s="613"/>
      <c r="FVP726" s="613"/>
      <c r="FVQ726" s="613"/>
      <c r="FVR726" s="613"/>
      <c r="FVS726" s="613"/>
      <c r="FVT726" s="613"/>
      <c r="FVU726" s="613"/>
      <c r="FVV726" s="613"/>
      <c r="FVW726" s="613"/>
      <c r="FVX726" s="613"/>
      <c r="FVY726" s="613"/>
      <c r="FVZ726" s="613"/>
      <c r="FWA726" s="613"/>
      <c r="FWB726" s="613"/>
      <c r="FWC726" s="613"/>
      <c r="FWD726" s="613"/>
      <c r="FWE726" s="613"/>
      <c r="FWF726" s="613"/>
      <c r="FWG726" s="613"/>
      <c r="FWH726" s="613"/>
      <c r="FWI726" s="613"/>
      <c r="FWJ726" s="613"/>
      <c r="FWK726" s="613"/>
      <c r="FWL726" s="613"/>
      <c r="FWM726" s="613"/>
      <c r="FWN726" s="613"/>
      <c r="FWO726" s="613"/>
      <c r="FWP726" s="613"/>
      <c r="FWQ726" s="613"/>
      <c r="FWR726" s="613"/>
      <c r="FWS726" s="613"/>
      <c r="FWT726" s="613"/>
      <c r="FWU726" s="613"/>
      <c r="FWV726" s="613"/>
      <c r="FWW726" s="613"/>
      <c r="FWX726" s="613"/>
      <c r="FWY726" s="613"/>
      <c r="FWZ726" s="613"/>
      <c r="FXA726" s="613"/>
      <c r="FXB726" s="613"/>
      <c r="FXC726" s="613"/>
      <c r="FXD726" s="613"/>
      <c r="FXE726" s="613"/>
      <c r="FXF726" s="613"/>
      <c r="FXG726" s="613"/>
      <c r="FXH726" s="613"/>
      <c r="FXI726" s="613"/>
      <c r="FXJ726" s="613"/>
      <c r="FXK726" s="613"/>
      <c r="FXL726" s="613"/>
      <c r="FXM726" s="613"/>
      <c r="FXN726" s="613"/>
      <c r="FXO726" s="613"/>
      <c r="FXP726" s="613"/>
      <c r="FXQ726" s="613"/>
      <c r="FXR726" s="613"/>
      <c r="FXS726" s="613"/>
      <c r="FXT726" s="613"/>
      <c r="FXU726" s="613"/>
      <c r="FXV726" s="613"/>
      <c r="FXW726" s="613"/>
      <c r="FXX726" s="613"/>
      <c r="FXY726" s="613"/>
      <c r="FXZ726" s="613"/>
      <c r="FYA726" s="613"/>
      <c r="FYB726" s="613"/>
      <c r="FYC726" s="613"/>
      <c r="FYD726" s="613"/>
      <c r="FYE726" s="613"/>
      <c r="FYF726" s="613"/>
      <c r="FYG726" s="613"/>
      <c r="FYH726" s="613"/>
      <c r="FYI726" s="613"/>
      <c r="FYJ726" s="613"/>
      <c r="FYK726" s="613"/>
      <c r="FYL726" s="613"/>
      <c r="FYM726" s="613"/>
      <c r="FYN726" s="613"/>
      <c r="FYO726" s="613"/>
      <c r="FYP726" s="613"/>
      <c r="FYQ726" s="613"/>
      <c r="FYR726" s="613"/>
      <c r="FYS726" s="613"/>
      <c r="FYT726" s="613"/>
      <c r="FYU726" s="613"/>
      <c r="FYV726" s="613"/>
      <c r="FYW726" s="613"/>
      <c r="FYX726" s="613"/>
      <c r="FYY726" s="613"/>
      <c r="FYZ726" s="613"/>
      <c r="FZA726" s="613"/>
      <c r="FZB726" s="613"/>
      <c r="FZC726" s="613"/>
      <c r="FZD726" s="613"/>
      <c r="FZE726" s="613"/>
      <c r="FZF726" s="613"/>
      <c r="FZG726" s="613"/>
      <c r="FZH726" s="613"/>
      <c r="FZI726" s="613"/>
      <c r="FZJ726" s="613"/>
      <c r="FZK726" s="613"/>
      <c r="FZL726" s="613"/>
      <c r="FZM726" s="613"/>
      <c r="FZN726" s="613"/>
      <c r="FZO726" s="613"/>
      <c r="FZP726" s="613"/>
      <c r="FZQ726" s="613"/>
      <c r="FZR726" s="613"/>
      <c r="FZS726" s="613"/>
      <c r="FZT726" s="613"/>
      <c r="FZU726" s="613"/>
      <c r="FZV726" s="613"/>
      <c r="FZW726" s="613"/>
      <c r="FZX726" s="613"/>
      <c r="FZY726" s="613"/>
      <c r="FZZ726" s="613"/>
      <c r="GAA726" s="613"/>
      <c r="GAB726" s="613"/>
      <c r="GAC726" s="613"/>
      <c r="GAD726" s="613"/>
      <c r="GAE726" s="613"/>
      <c r="GAF726" s="613"/>
      <c r="GAG726" s="613"/>
      <c r="GAH726" s="613"/>
      <c r="GAI726" s="613"/>
      <c r="GAJ726" s="613"/>
      <c r="GAK726" s="613"/>
      <c r="GAL726" s="613"/>
      <c r="GAM726" s="613"/>
      <c r="GAN726" s="613"/>
      <c r="GAO726" s="613"/>
      <c r="GAP726" s="613"/>
      <c r="GAQ726" s="613"/>
      <c r="GAR726" s="613"/>
      <c r="GAS726" s="613"/>
      <c r="GAT726" s="613"/>
      <c r="GAU726" s="613"/>
      <c r="GAV726" s="613"/>
      <c r="GAW726" s="613"/>
      <c r="GAX726" s="613"/>
      <c r="GAY726" s="613"/>
      <c r="GAZ726" s="613"/>
      <c r="GBA726" s="613"/>
      <c r="GBB726" s="613"/>
      <c r="GBC726" s="613"/>
      <c r="GBD726" s="613"/>
      <c r="GBE726" s="613"/>
      <c r="GBF726" s="613"/>
      <c r="GBG726" s="613"/>
      <c r="GBH726" s="613"/>
      <c r="GBI726" s="613"/>
      <c r="GBJ726" s="613"/>
      <c r="GBK726" s="613"/>
      <c r="GBL726" s="613"/>
      <c r="GBM726" s="613"/>
      <c r="GBN726" s="613"/>
      <c r="GBO726" s="613"/>
      <c r="GBP726" s="613"/>
      <c r="GBQ726" s="613"/>
      <c r="GBR726" s="613"/>
      <c r="GBS726" s="613"/>
      <c r="GBT726" s="613"/>
      <c r="GBU726" s="613"/>
      <c r="GBV726" s="613"/>
      <c r="GBW726" s="613"/>
      <c r="GBX726" s="613"/>
      <c r="GBY726" s="613"/>
      <c r="GBZ726" s="613"/>
      <c r="GCA726" s="613"/>
      <c r="GCB726" s="613"/>
      <c r="GCC726" s="613"/>
      <c r="GCD726" s="613"/>
      <c r="GCE726" s="613"/>
      <c r="GCF726" s="613"/>
      <c r="GCG726" s="613"/>
      <c r="GCH726" s="613"/>
      <c r="GCI726" s="613"/>
      <c r="GCJ726" s="613"/>
      <c r="GCK726" s="613"/>
      <c r="GCL726" s="613"/>
      <c r="GCM726" s="613"/>
      <c r="GCN726" s="613"/>
      <c r="GCO726" s="613"/>
      <c r="GCP726" s="613"/>
      <c r="GCQ726" s="613"/>
      <c r="GCR726" s="613"/>
      <c r="GCS726" s="613"/>
      <c r="GCT726" s="613"/>
      <c r="GCU726" s="613"/>
      <c r="GCV726" s="613"/>
      <c r="GCW726" s="613"/>
      <c r="GCX726" s="613"/>
      <c r="GCY726" s="613"/>
      <c r="GCZ726" s="613"/>
      <c r="GDA726" s="613"/>
      <c r="GDB726" s="613"/>
      <c r="GDC726" s="613"/>
      <c r="GDD726" s="613"/>
      <c r="GDE726" s="613"/>
      <c r="GDF726" s="613"/>
      <c r="GDG726" s="613"/>
      <c r="GDH726" s="613"/>
      <c r="GDI726" s="613"/>
      <c r="GDJ726" s="613"/>
      <c r="GDK726" s="613"/>
      <c r="GDL726" s="613"/>
      <c r="GDM726" s="613"/>
      <c r="GDN726" s="613"/>
      <c r="GDO726" s="613"/>
      <c r="GDP726" s="613"/>
      <c r="GDQ726" s="613"/>
      <c r="GDR726" s="613"/>
      <c r="GDS726" s="613"/>
      <c r="GDT726" s="613"/>
      <c r="GDU726" s="613"/>
      <c r="GDV726" s="613"/>
      <c r="GDW726" s="613"/>
      <c r="GDX726" s="613"/>
      <c r="GDY726" s="613"/>
      <c r="GDZ726" s="613"/>
      <c r="GEA726" s="613"/>
      <c r="GEB726" s="613"/>
      <c r="GEC726" s="613"/>
      <c r="GED726" s="613"/>
      <c r="GEE726" s="613"/>
      <c r="GEF726" s="613"/>
      <c r="GEG726" s="613"/>
      <c r="GEH726" s="613"/>
      <c r="GEI726" s="613"/>
      <c r="GEJ726" s="613"/>
      <c r="GEK726" s="613"/>
      <c r="GEL726" s="613"/>
      <c r="GEM726" s="613"/>
      <c r="GEN726" s="613"/>
      <c r="GEO726" s="613"/>
      <c r="GEP726" s="613"/>
      <c r="GEQ726" s="613"/>
      <c r="GER726" s="613"/>
      <c r="GES726" s="613"/>
      <c r="GET726" s="613"/>
      <c r="GEU726" s="613"/>
      <c r="GEV726" s="613"/>
      <c r="GEW726" s="613"/>
      <c r="GEX726" s="613"/>
      <c r="GEY726" s="613"/>
      <c r="GEZ726" s="613"/>
      <c r="GFA726" s="613"/>
      <c r="GFB726" s="613"/>
      <c r="GFC726" s="613"/>
      <c r="GFD726" s="613"/>
      <c r="GFE726" s="613"/>
      <c r="GFF726" s="613"/>
      <c r="GFG726" s="613"/>
      <c r="GFH726" s="613"/>
      <c r="GFI726" s="613"/>
      <c r="GFJ726" s="613"/>
      <c r="GFK726" s="613"/>
      <c r="GFL726" s="613"/>
      <c r="GFM726" s="613"/>
      <c r="GFN726" s="613"/>
      <c r="GFO726" s="613"/>
      <c r="GFP726" s="613"/>
      <c r="GFQ726" s="613"/>
      <c r="GFR726" s="613"/>
      <c r="GFS726" s="613"/>
      <c r="GFT726" s="613"/>
      <c r="GFU726" s="613"/>
      <c r="GFV726" s="613"/>
      <c r="GFW726" s="613"/>
      <c r="GFX726" s="613"/>
      <c r="GFY726" s="613"/>
      <c r="GFZ726" s="613"/>
      <c r="GGA726" s="613"/>
      <c r="GGB726" s="613"/>
      <c r="GGC726" s="613"/>
      <c r="GGD726" s="613"/>
      <c r="GGE726" s="613"/>
      <c r="GGF726" s="613"/>
      <c r="GGG726" s="613"/>
      <c r="GGH726" s="613"/>
      <c r="GGI726" s="613"/>
      <c r="GGJ726" s="613"/>
      <c r="GGK726" s="613"/>
      <c r="GGL726" s="613"/>
      <c r="GGM726" s="613"/>
      <c r="GGN726" s="613"/>
      <c r="GGO726" s="613"/>
      <c r="GGP726" s="613"/>
      <c r="GGQ726" s="613"/>
      <c r="GGR726" s="613"/>
      <c r="GGS726" s="613"/>
      <c r="GGT726" s="613"/>
      <c r="GGU726" s="613"/>
      <c r="GGV726" s="613"/>
      <c r="GGW726" s="613"/>
      <c r="GGX726" s="613"/>
      <c r="GGY726" s="613"/>
      <c r="GGZ726" s="613"/>
      <c r="GHA726" s="613"/>
      <c r="GHB726" s="613"/>
      <c r="GHC726" s="613"/>
      <c r="GHD726" s="613"/>
      <c r="GHE726" s="613"/>
      <c r="GHF726" s="613"/>
      <c r="GHG726" s="613"/>
      <c r="GHH726" s="613"/>
      <c r="GHI726" s="613"/>
      <c r="GHJ726" s="613"/>
      <c r="GHK726" s="613"/>
      <c r="GHL726" s="613"/>
      <c r="GHM726" s="613"/>
      <c r="GHN726" s="613"/>
      <c r="GHO726" s="613"/>
      <c r="GHP726" s="613"/>
      <c r="GHQ726" s="613"/>
      <c r="GHR726" s="613"/>
      <c r="GHS726" s="613"/>
      <c r="GHT726" s="613"/>
      <c r="GHU726" s="613"/>
      <c r="GHV726" s="613"/>
      <c r="GHW726" s="613"/>
      <c r="GHX726" s="613"/>
      <c r="GHY726" s="613"/>
      <c r="GHZ726" s="613"/>
      <c r="GIA726" s="613"/>
      <c r="GIB726" s="613"/>
      <c r="GIC726" s="613"/>
      <c r="GID726" s="613"/>
      <c r="GIE726" s="613"/>
      <c r="GIF726" s="613"/>
      <c r="GIG726" s="613"/>
      <c r="GIH726" s="613"/>
      <c r="GII726" s="613"/>
      <c r="GIJ726" s="613"/>
      <c r="GIK726" s="613"/>
      <c r="GIL726" s="613"/>
      <c r="GIM726" s="613"/>
      <c r="GIN726" s="613"/>
      <c r="GIO726" s="613"/>
      <c r="GIP726" s="613"/>
      <c r="GIQ726" s="613"/>
      <c r="GIR726" s="613"/>
      <c r="GIS726" s="613"/>
      <c r="GIT726" s="613"/>
      <c r="GIU726" s="613"/>
      <c r="GIV726" s="613"/>
      <c r="GIW726" s="613"/>
      <c r="GIX726" s="613"/>
      <c r="GIY726" s="613"/>
      <c r="GIZ726" s="613"/>
      <c r="GJA726" s="613"/>
      <c r="GJB726" s="613"/>
      <c r="GJC726" s="613"/>
      <c r="GJD726" s="613"/>
      <c r="GJE726" s="613"/>
      <c r="GJF726" s="613"/>
      <c r="GJG726" s="613"/>
      <c r="GJH726" s="613"/>
      <c r="GJI726" s="613"/>
      <c r="GJJ726" s="613"/>
      <c r="GJK726" s="613"/>
      <c r="GJL726" s="613"/>
      <c r="GJM726" s="613"/>
      <c r="GJN726" s="613"/>
      <c r="GJO726" s="613"/>
      <c r="GJP726" s="613"/>
      <c r="GJQ726" s="613"/>
      <c r="GJR726" s="613"/>
      <c r="GJS726" s="613"/>
      <c r="GJT726" s="613"/>
      <c r="GJU726" s="613"/>
      <c r="GJV726" s="613"/>
      <c r="GJW726" s="613"/>
      <c r="GJX726" s="613"/>
      <c r="GJY726" s="613"/>
      <c r="GJZ726" s="613"/>
      <c r="GKA726" s="613"/>
      <c r="GKB726" s="613"/>
      <c r="GKC726" s="613"/>
      <c r="GKD726" s="613"/>
      <c r="GKE726" s="613"/>
      <c r="GKF726" s="613"/>
      <c r="GKG726" s="613"/>
      <c r="GKH726" s="613"/>
      <c r="GKI726" s="613"/>
      <c r="GKJ726" s="613"/>
      <c r="GKK726" s="613"/>
      <c r="GKL726" s="613"/>
      <c r="GKM726" s="613"/>
      <c r="GKN726" s="613"/>
      <c r="GKO726" s="613"/>
      <c r="GKP726" s="613"/>
      <c r="GKQ726" s="613"/>
      <c r="GKR726" s="613"/>
      <c r="GKS726" s="613"/>
      <c r="GKT726" s="613"/>
      <c r="GKU726" s="613"/>
      <c r="GKV726" s="613"/>
      <c r="GKW726" s="613"/>
      <c r="GKX726" s="613"/>
      <c r="GKY726" s="613"/>
      <c r="GKZ726" s="613"/>
      <c r="GLA726" s="613"/>
      <c r="GLB726" s="613"/>
      <c r="GLC726" s="613"/>
      <c r="GLD726" s="613"/>
      <c r="GLE726" s="613"/>
      <c r="GLF726" s="613"/>
      <c r="GLG726" s="613"/>
      <c r="GLH726" s="613"/>
      <c r="GLI726" s="613"/>
      <c r="GLJ726" s="613"/>
      <c r="GLK726" s="613"/>
      <c r="GLL726" s="613"/>
      <c r="GLM726" s="613"/>
      <c r="GLN726" s="613"/>
      <c r="GLO726" s="613"/>
      <c r="GLP726" s="613"/>
      <c r="GLQ726" s="613"/>
      <c r="GLR726" s="613"/>
      <c r="GLS726" s="613"/>
      <c r="GLT726" s="613"/>
      <c r="GLU726" s="613"/>
      <c r="GLV726" s="613"/>
      <c r="GLW726" s="613"/>
      <c r="GLX726" s="613"/>
      <c r="GLY726" s="613"/>
      <c r="GLZ726" s="613"/>
      <c r="GMA726" s="613"/>
      <c r="GMB726" s="613"/>
      <c r="GMC726" s="613"/>
      <c r="GMD726" s="613"/>
      <c r="GME726" s="613"/>
      <c r="GMF726" s="613"/>
      <c r="GMG726" s="613"/>
      <c r="GMH726" s="613"/>
      <c r="GMI726" s="613"/>
      <c r="GMJ726" s="613"/>
      <c r="GMK726" s="613"/>
      <c r="GML726" s="613"/>
      <c r="GMM726" s="613"/>
      <c r="GMN726" s="613"/>
      <c r="GMO726" s="613"/>
      <c r="GMP726" s="613"/>
      <c r="GMQ726" s="613"/>
      <c r="GMR726" s="613"/>
      <c r="GMS726" s="613"/>
      <c r="GMT726" s="613"/>
      <c r="GMU726" s="613"/>
      <c r="GMV726" s="613"/>
      <c r="GMW726" s="613"/>
      <c r="GMX726" s="613"/>
      <c r="GMY726" s="613"/>
      <c r="GMZ726" s="613"/>
      <c r="GNA726" s="613"/>
      <c r="GNB726" s="613"/>
      <c r="GNC726" s="613"/>
      <c r="GND726" s="613"/>
      <c r="GNE726" s="613"/>
      <c r="GNF726" s="613"/>
      <c r="GNG726" s="613"/>
      <c r="GNH726" s="613"/>
      <c r="GNI726" s="613"/>
      <c r="GNJ726" s="613"/>
      <c r="GNK726" s="613"/>
      <c r="GNL726" s="613"/>
      <c r="GNM726" s="613"/>
      <c r="GNN726" s="613"/>
      <c r="GNO726" s="613"/>
      <c r="GNP726" s="613"/>
      <c r="GNQ726" s="613"/>
      <c r="GNR726" s="613"/>
      <c r="GNS726" s="613"/>
      <c r="GNT726" s="613"/>
      <c r="GNU726" s="613"/>
      <c r="GNV726" s="613"/>
      <c r="GNW726" s="613"/>
      <c r="GNX726" s="613"/>
      <c r="GNY726" s="613"/>
      <c r="GNZ726" s="613"/>
      <c r="GOA726" s="613"/>
      <c r="GOB726" s="613"/>
      <c r="GOC726" s="613"/>
      <c r="GOD726" s="613"/>
      <c r="GOE726" s="613"/>
      <c r="GOF726" s="613"/>
      <c r="GOG726" s="613"/>
      <c r="GOH726" s="613"/>
      <c r="GOI726" s="613"/>
      <c r="GOJ726" s="613"/>
      <c r="GOK726" s="613"/>
      <c r="GOL726" s="613"/>
      <c r="GOM726" s="613"/>
      <c r="GON726" s="613"/>
      <c r="GOO726" s="613"/>
      <c r="GOP726" s="613"/>
      <c r="GOQ726" s="613"/>
      <c r="GOR726" s="613"/>
      <c r="GOS726" s="613"/>
      <c r="GOT726" s="613"/>
      <c r="GOU726" s="613"/>
      <c r="GOV726" s="613"/>
      <c r="GOW726" s="613"/>
      <c r="GOX726" s="613"/>
      <c r="GOY726" s="613"/>
      <c r="GOZ726" s="613"/>
      <c r="GPA726" s="613"/>
      <c r="GPB726" s="613"/>
      <c r="GPC726" s="613"/>
      <c r="GPD726" s="613"/>
      <c r="GPE726" s="613"/>
      <c r="GPF726" s="613"/>
      <c r="GPG726" s="613"/>
      <c r="GPH726" s="613"/>
      <c r="GPI726" s="613"/>
      <c r="GPJ726" s="613"/>
      <c r="GPK726" s="613"/>
      <c r="GPL726" s="613"/>
      <c r="GPM726" s="613"/>
      <c r="GPN726" s="613"/>
      <c r="GPO726" s="613"/>
      <c r="GPP726" s="613"/>
      <c r="GPQ726" s="613"/>
      <c r="GPR726" s="613"/>
      <c r="GPS726" s="613"/>
      <c r="GPT726" s="613"/>
      <c r="GPU726" s="613"/>
      <c r="GPV726" s="613"/>
      <c r="GPW726" s="613"/>
      <c r="GPX726" s="613"/>
      <c r="GPY726" s="613"/>
      <c r="GPZ726" s="613"/>
      <c r="GQA726" s="613"/>
      <c r="GQB726" s="613"/>
      <c r="GQC726" s="613"/>
      <c r="GQD726" s="613"/>
      <c r="GQE726" s="613"/>
      <c r="GQF726" s="613"/>
      <c r="GQG726" s="613"/>
      <c r="GQH726" s="613"/>
      <c r="GQI726" s="613"/>
      <c r="GQJ726" s="613"/>
      <c r="GQK726" s="613"/>
      <c r="GQL726" s="613"/>
      <c r="GQM726" s="613"/>
      <c r="GQN726" s="613"/>
      <c r="GQO726" s="613"/>
      <c r="GQP726" s="613"/>
      <c r="GQQ726" s="613"/>
      <c r="GQR726" s="613"/>
      <c r="GQS726" s="613"/>
      <c r="GQT726" s="613"/>
      <c r="GQU726" s="613"/>
      <c r="GQV726" s="613"/>
      <c r="GQW726" s="613"/>
      <c r="GQX726" s="613"/>
      <c r="GQY726" s="613"/>
      <c r="GQZ726" s="613"/>
      <c r="GRA726" s="613"/>
      <c r="GRB726" s="613"/>
      <c r="GRC726" s="613"/>
      <c r="GRD726" s="613"/>
      <c r="GRE726" s="613"/>
      <c r="GRF726" s="613"/>
      <c r="GRG726" s="613"/>
      <c r="GRH726" s="613"/>
      <c r="GRI726" s="613"/>
      <c r="GRJ726" s="613"/>
      <c r="GRK726" s="613"/>
      <c r="GRL726" s="613"/>
      <c r="GRM726" s="613"/>
      <c r="GRN726" s="613"/>
      <c r="GRO726" s="613"/>
      <c r="GRP726" s="613"/>
      <c r="GRQ726" s="613"/>
      <c r="GRR726" s="613"/>
      <c r="GRS726" s="613"/>
      <c r="GRT726" s="613"/>
      <c r="GRU726" s="613"/>
      <c r="GRV726" s="613"/>
      <c r="GRW726" s="613"/>
      <c r="GRX726" s="613"/>
      <c r="GRY726" s="613"/>
      <c r="GRZ726" s="613"/>
      <c r="GSA726" s="613"/>
      <c r="GSB726" s="613"/>
      <c r="GSC726" s="613"/>
      <c r="GSD726" s="613"/>
      <c r="GSE726" s="613"/>
      <c r="GSF726" s="613"/>
      <c r="GSG726" s="613"/>
      <c r="GSH726" s="613"/>
      <c r="GSI726" s="613"/>
      <c r="GSJ726" s="613"/>
      <c r="GSK726" s="613"/>
      <c r="GSL726" s="613"/>
      <c r="GSM726" s="613"/>
      <c r="GSN726" s="613"/>
      <c r="GSO726" s="613"/>
      <c r="GSP726" s="613"/>
      <c r="GSQ726" s="613"/>
      <c r="GSR726" s="613"/>
      <c r="GSS726" s="613"/>
      <c r="GST726" s="613"/>
      <c r="GSU726" s="613"/>
      <c r="GSV726" s="613"/>
      <c r="GSW726" s="613"/>
      <c r="GSX726" s="613"/>
      <c r="GSY726" s="613"/>
      <c r="GSZ726" s="613"/>
      <c r="GTA726" s="613"/>
      <c r="GTB726" s="613"/>
      <c r="GTC726" s="613"/>
      <c r="GTD726" s="613"/>
      <c r="GTE726" s="613"/>
      <c r="GTF726" s="613"/>
      <c r="GTG726" s="613"/>
      <c r="GTH726" s="613"/>
      <c r="GTI726" s="613"/>
      <c r="GTJ726" s="613"/>
      <c r="GTK726" s="613"/>
      <c r="GTL726" s="613"/>
      <c r="GTM726" s="613"/>
      <c r="GTN726" s="613"/>
      <c r="GTO726" s="613"/>
      <c r="GTP726" s="613"/>
      <c r="GTQ726" s="613"/>
      <c r="GTR726" s="613"/>
      <c r="GTS726" s="613"/>
      <c r="GTT726" s="613"/>
      <c r="GTU726" s="613"/>
      <c r="GTV726" s="613"/>
      <c r="GTW726" s="613"/>
      <c r="GTX726" s="613"/>
      <c r="GTY726" s="613"/>
      <c r="GTZ726" s="613"/>
      <c r="GUA726" s="613"/>
      <c r="GUB726" s="613"/>
      <c r="GUC726" s="613"/>
      <c r="GUD726" s="613"/>
      <c r="GUE726" s="613"/>
      <c r="GUF726" s="613"/>
      <c r="GUG726" s="613"/>
      <c r="GUH726" s="613"/>
      <c r="GUI726" s="613"/>
      <c r="GUJ726" s="613"/>
      <c r="GUK726" s="613"/>
      <c r="GUL726" s="613"/>
      <c r="GUM726" s="613"/>
      <c r="GUN726" s="613"/>
      <c r="GUO726" s="613"/>
      <c r="GUP726" s="613"/>
      <c r="GUQ726" s="613"/>
      <c r="GUR726" s="613"/>
      <c r="GUS726" s="613"/>
      <c r="GUT726" s="613"/>
      <c r="GUU726" s="613"/>
      <c r="GUV726" s="613"/>
      <c r="GUW726" s="613"/>
      <c r="GUX726" s="613"/>
      <c r="GUY726" s="613"/>
      <c r="GUZ726" s="613"/>
      <c r="GVA726" s="613"/>
      <c r="GVB726" s="613"/>
      <c r="GVC726" s="613"/>
      <c r="GVD726" s="613"/>
      <c r="GVE726" s="613"/>
      <c r="GVF726" s="613"/>
      <c r="GVG726" s="613"/>
      <c r="GVH726" s="613"/>
      <c r="GVI726" s="613"/>
      <c r="GVJ726" s="613"/>
      <c r="GVK726" s="613"/>
      <c r="GVL726" s="613"/>
      <c r="GVM726" s="613"/>
      <c r="GVN726" s="613"/>
      <c r="GVO726" s="613"/>
      <c r="GVP726" s="613"/>
      <c r="GVQ726" s="613"/>
      <c r="GVR726" s="613"/>
      <c r="GVS726" s="613"/>
      <c r="GVT726" s="613"/>
      <c r="GVU726" s="613"/>
      <c r="GVV726" s="613"/>
      <c r="GVW726" s="613"/>
      <c r="GVX726" s="613"/>
      <c r="GVY726" s="613"/>
      <c r="GVZ726" s="613"/>
      <c r="GWA726" s="613"/>
      <c r="GWB726" s="613"/>
      <c r="GWC726" s="613"/>
      <c r="GWD726" s="613"/>
      <c r="GWE726" s="613"/>
      <c r="GWF726" s="613"/>
      <c r="GWG726" s="613"/>
      <c r="GWH726" s="613"/>
      <c r="GWI726" s="613"/>
      <c r="GWJ726" s="613"/>
      <c r="GWK726" s="613"/>
      <c r="GWL726" s="613"/>
      <c r="GWM726" s="613"/>
      <c r="GWN726" s="613"/>
      <c r="GWO726" s="613"/>
      <c r="GWP726" s="613"/>
      <c r="GWQ726" s="613"/>
      <c r="GWR726" s="613"/>
      <c r="GWS726" s="613"/>
      <c r="GWT726" s="613"/>
      <c r="GWU726" s="613"/>
      <c r="GWV726" s="613"/>
      <c r="GWW726" s="613"/>
      <c r="GWX726" s="613"/>
      <c r="GWY726" s="613"/>
      <c r="GWZ726" s="613"/>
      <c r="GXA726" s="613"/>
      <c r="GXB726" s="613"/>
      <c r="GXC726" s="613"/>
      <c r="GXD726" s="613"/>
      <c r="GXE726" s="613"/>
      <c r="GXF726" s="613"/>
      <c r="GXG726" s="613"/>
      <c r="GXH726" s="613"/>
      <c r="GXI726" s="613"/>
      <c r="GXJ726" s="613"/>
      <c r="GXK726" s="613"/>
      <c r="GXL726" s="613"/>
      <c r="GXM726" s="613"/>
      <c r="GXN726" s="613"/>
      <c r="GXO726" s="613"/>
      <c r="GXP726" s="613"/>
      <c r="GXQ726" s="613"/>
      <c r="GXR726" s="613"/>
      <c r="GXS726" s="613"/>
      <c r="GXT726" s="613"/>
      <c r="GXU726" s="613"/>
      <c r="GXV726" s="613"/>
      <c r="GXW726" s="613"/>
      <c r="GXX726" s="613"/>
      <c r="GXY726" s="613"/>
      <c r="GXZ726" s="613"/>
      <c r="GYA726" s="613"/>
      <c r="GYB726" s="613"/>
      <c r="GYC726" s="613"/>
      <c r="GYD726" s="613"/>
      <c r="GYE726" s="613"/>
      <c r="GYF726" s="613"/>
      <c r="GYG726" s="613"/>
      <c r="GYH726" s="613"/>
      <c r="GYI726" s="613"/>
      <c r="GYJ726" s="613"/>
      <c r="GYK726" s="613"/>
      <c r="GYL726" s="613"/>
      <c r="GYM726" s="613"/>
      <c r="GYN726" s="613"/>
      <c r="GYO726" s="613"/>
      <c r="GYP726" s="613"/>
      <c r="GYQ726" s="613"/>
      <c r="GYR726" s="613"/>
      <c r="GYS726" s="613"/>
      <c r="GYT726" s="613"/>
      <c r="GYU726" s="613"/>
      <c r="GYV726" s="613"/>
      <c r="GYW726" s="613"/>
      <c r="GYX726" s="613"/>
      <c r="GYY726" s="613"/>
      <c r="GYZ726" s="613"/>
      <c r="GZA726" s="613"/>
      <c r="GZB726" s="613"/>
      <c r="GZC726" s="613"/>
      <c r="GZD726" s="613"/>
      <c r="GZE726" s="613"/>
      <c r="GZF726" s="613"/>
      <c r="GZG726" s="613"/>
      <c r="GZH726" s="613"/>
      <c r="GZI726" s="613"/>
      <c r="GZJ726" s="613"/>
      <c r="GZK726" s="613"/>
      <c r="GZL726" s="613"/>
      <c r="GZM726" s="613"/>
      <c r="GZN726" s="613"/>
      <c r="GZO726" s="613"/>
      <c r="GZP726" s="613"/>
      <c r="GZQ726" s="613"/>
      <c r="GZR726" s="613"/>
      <c r="GZS726" s="613"/>
      <c r="GZT726" s="613"/>
      <c r="GZU726" s="613"/>
      <c r="GZV726" s="613"/>
      <c r="GZW726" s="613"/>
      <c r="GZX726" s="613"/>
      <c r="GZY726" s="613"/>
      <c r="GZZ726" s="613"/>
      <c r="HAA726" s="613"/>
      <c r="HAB726" s="613"/>
      <c r="HAC726" s="613"/>
      <c r="HAD726" s="613"/>
      <c r="HAE726" s="613"/>
      <c r="HAF726" s="613"/>
      <c r="HAG726" s="613"/>
      <c r="HAH726" s="613"/>
      <c r="HAI726" s="613"/>
      <c r="HAJ726" s="613"/>
      <c r="HAK726" s="613"/>
      <c r="HAL726" s="613"/>
      <c r="HAM726" s="613"/>
      <c r="HAN726" s="613"/>
      <c r="HAO726" s="613"/>
      <c r="HAP726" s="613"/>
      <c r="HAQ726" s="613"/>
      <c r="HAR726" s="613"/>
      <c r="HAS726" s="613"/>
      <c r="HAT726" s="613"/>
      <c r="HAU726" s="613"/>
      <c r="HAV726" s="613"/>
      <c r="HAW726" s="613"/>
      <c r="HAX726" s="613"/>
      <c r="HAY726" s="613"/>
      <c r="HAZ726" s="613"/>
      <c r="HBA726" s="613"/>
      <c r="HBB726" s="613"/>
      <c r="HBC726" s="613"/>
      <c r="HBD726" s="613"/>
      <c r="HBE726" s="613"/>
      <c r="HBF726" s="613"/>
      <c r="HBG726" s="613"/>
      <c r="HBH726" s="613"/>
      <c r="HBI726" s="613"/>
      <c r="HBJ726" s="613"/>
      <c r="HBK726" s="613"/>
      <c r="HBL726" s="613"/>
      <c r="HBM726" s="613"/>
      <c r="HBN726" s="613"/>
      <c r="HBO726" s="613"/>
      <c r="HBP726" s="613"/>
      <c r="HBQ726" s="613"/>
      <c r="HBR726" s="613"/>
      <c r="HBS726" s="613"/>
      <c r="HBT726" s="613"/>
      <c r="HBU726" s="613"/>
      <c r="HBV726" s="613"/>
      <c r="HBW726" s="613"/>
      <c r="HBX726" s="613"/>
      <c r="HBY726" s="613"/>
      <c r="HBZ726" s="613"/>
      <c r="HCA726" s="613"/>
      <c r="HCB726" s="613"/>
      <c r="HCC726" s="613"/>
      <c r="HCD726" s="613"/>
      <c r="HCE726" s="613"/>
      <c r="HCF726" s="613"/>
      <c r="HCG726" s="613"/>
      <c r="HCH726" s="613"/>
      <c r="HCI726" s="613"/>
      <c r="HCJ726" s="613"/>
      <c r="HCK726" s="613"/>
      <c r="HCL726" s="613"/>
      <c r="HCM726" s="613"/>
      <c r="HCN726" s="613"/>
      <c r="HCO726" s="613"/>
      <c r="HCP726" s="613"/>
      <c r="HCQ726" s="613"/>
      <c r="HCR726" s="613"/>
      <c r="HCS726" s="613"/>
      <c r="HCT726" s="613"/>
      <c r="HCU726" s="613"/>
      <c r="HCV726" s="613"/>
      <c r="HCW726" s="613"/>
      <c r="HCX726" s="613"/>
      <c r="HCY726" s="613"/>
      <c r="HCZ726" s="613"/>
      <c r="HDA726" s="613"/>
      <c r="HDB726" s="613"/>
      <c r="HDC726" s="613"/>
      <c r="HDD726" s="613"/>
      <c r="HDE726" s="613"/>
      <c r="HDF726" s="613"/>
      <c r="HDG726" s="613"/>
      <c r="HDH726" s="613"/>
      <c r="HDI726" s="613"/>
      <c r="HDJ726" s="613"/>
      <c r="HDK726" s="613"/>
      <c r="HDL726" s="613"/>
      <c r="HDM726" s="613"/>
      <c r="HDN726" s="613"/>
      <c r="HDO726" s="613"/>
      <c r="HDP726" s="613"/>
      <c r="HDQ726" s="613"/>
      <c r="HDR726" s="613"/>
      <c r="HDS726" s="613"/>
      <c r="HDT726" s="613"/>
      <c r="HDU726" s="613"/>
      <c r="HDV726" s="613"/>
      <c r="HDW726" s="613"/>
      <c r="HDX726" s="613"/>
      <c r="HDY726" s="613"/>
      <c r="HDZ726" s="613"/>
      <c r="HEA726" s="613"/>
      <c r="HEB726" s="613"/>
      <c r="HEC726" s="613"/>
      <c r="HED726" s="613"/>
      <c r="HEE726" s="613"/>
      <c r="HEF726" s="613"/>
      <c r="HEG726" s="613"/>
      <c r="HEH726" s="613"/>
      <c r="HEI726" s="613"/>
      <c r="HEJ726" s="613"/>
      <c r="HEK726" s="613"/>
      <c r="HEL726" s="613"/>
      <c r="HEM726" s="613"/>
      <c r="HEN726" s="613"/>
      <c r="HEO726" s="613"/>
      <c r="HEP726" s="613"/>
      <c r="HEQ726" s="613"/>
      <c r="HER726" s="613"/>
      <c r="HES726" s="613"/>
      <c r="HET726" s="613"/>
      <c r="HEU726" s="613"/>
      <c r="HEV726" s="613"/>
      <c r="HEW726" s="613"/>
      <c r="HEX726" s="613"/>
      <c r="HEY726" s="613"/>
      <c r="HEZ726" s="613"/>
      <c r="HFA726" s="613"/>
      <c r="HFB726" s="613"/>
      <c r="HFC726" s="613"/>
      <c r="HFD726" s="613"/>
      <c r="HFE726" s="613"/>
      <c r="HFF726" s="613"/>
      <c r="HFG726" s="613"/>
      <c r="HFH726" s="613"/>
      <c r="HFI726" s="613"/>
      <c r="HFJ726" s="613"/>
      <c r="HFK726" s="613"/>
      <c r="HFL726" s="613"/>
      <c r="HFM726" s="613"/>
      <c r="HFN726" s="613"/>
      <c r="HFO726" s="613"/>
      <c r="HFP726" s="613"/>
      <c r="HFQ726" s="613"/>
      <c r="HFR726" s="613"/>
      <c r="HFS726" s="613"/>
      <c r="HFT726" s="613"/>
      <c r="HFU726" s="613"/>
      <c r="HFV726" s="613"/>
      <c r="HFW726" s="613"/>
      <c r="HFX726" s="613"/>
      <c r="HFY726" s="613"/>
      <c r="HFZ726" s="613"/>
      <c r="HGA726" s="613"/>
      <c r="HGB726" s="613"/>
      <c r="HGC726" s="613"/>
      <c r="HGD726" s="613"/>
      <c r="HGE726" s="613"/>
      <c r="HGF726" s="613"/>
      <c r="HGG726" s="613"/>
      <c r="HGH726" s="613"/>
      <c r="HGI726" s="613"/>
      <c r="HGJ726" s="613"/>
      <c r="HGK726" s="613"/>
      <c r="HGL726" s="613"/>
      <c r="HGM726" s="613"/>
      <c r="HGN726" s="613"/>
      <c r="HGO726" s="613"/>
      <c r="HGP726" s="613"/>
      <c r="HGQ726" s="613"/>
      <c r="HGR726" s="613"/>
      <c r="HGS726" s="613"/>
      <c r="HGT726" s="613"/>
      <c r="HGU726" s="613"/>
      <c r="HGV726" s="613"/>
      <c r="HGW726" s="613"/>
      <c r="HGX726" s="613"/>
      <c r="HGY726" s="613"/>
      <c r="HGZ726" s="613"/>
      <c r="HHA726" s="613"/>
      <c r="HHB726" s="613"/>
      <c r="HHC726" s="613"/>
      <c r="HHD726" s="613"/>
      <c r="HHE726" s="613"/>
      <c r="HHF726" s="613"/>
      <c r="HHG726" s="613"/>
      <c r="HHH726" s="613"/>
      <c r="HHI726" s="613"/>
      <c r="HHJ726" s="613"/>
      <c r="HHK726" s="613"/>
      <c r="HHL726" s="613"/>
      <c r="HHM726" s="613"/>
      <c r="HHN726" s="613"/>
      <c r="HHO726" s="613"/>
      <c r="HHP726" s="613"/>
      <c r="HHQ726" s="613"/>
      <c r="HHR726" s="613"/>
      <c r="HHS726" s="613"/>
      <c r="HHT726" s="613"/>
      <c r="HHU726" s="613"/>
      <c r="HHV726" s="613"/>
      <c r="HHW726" s="613"/>
      <c r="HHX726" s="613"/>
      <c r="HHY726" s="613"/>
      <c r="HHZ726" s="613"/>
      <c r="HIA726" s="613"/>
      <c r="HIB726" s="613"/>
      <c r="HIC726" s="613"/>
      <c r="HID726" s="613"/>
      <c r="HIE726" s="613"/>
      <c r="HIF726" s="613"/>
      <c r="HIG726" s="613"/>
      <c r="HIH726" s="613"/>
      <c r="HII726" s="613"/>
      <c r="HIJ726" s="613"/>
      <c r="HIK726" s="613"/>
      <c r="HIL726" s="613"/>
      <c r="HIM726" s="613"/>
      <c r="HIN726" s="613"/>
      <c r="HIO726" s="613"/>
      <c r="HIP726" s="613"/>
      <c r="HIQ726" s="613"/>
      <c r="HIR726" s="613"/>
      <c r="HIS726" s="613"/>
      <c r="HIT726" s="613"/>
      <c r="HIU726" s="613"/>
      <c r="HIV726" s="613"/>
      <c r="HIW726" s="613"/>
      <c r="HIX726" s="613"/>
      <c r="HIY726" s="613"/>
      <c r="HIZ726" s="613"/>
      <c r="HJA726" s="613"/>
      <c r="HJB726" s="613"/>
      <c r="HJC726" s="613"/>
      <c r="HJD726" s="613"/>
      <c r="HJE726" s="613"/>
      <c r="HJF726" s="613"/>
      <c r="HJG726" s="613"/>
      <c r="HJH726" s="613"/>
      <c r="HJI726" s="613"/>
      <c r="HJJ726" s="613"/>
      <c r="HJK726" s="613"/>
      <c r="HJL726" s="613"/>
      <c r="HJM726" s="613"/>
      <c r="HJN726" s="613"/>
      <c r="HJO726" s="613"/>
      <c r="HJP726" s="613"/>
      <c r="HJQ726" s="613"/>
      <c r="HJR726" s="613"/>
      <c r="HJS726" s="613"/>
      <c r="HJT726" s="613"/>
      <c r="HJU726" s="613"/>
      <c r="HJV726" s="613"/>
      <c r="HJW726" s="613"/>
      <c r="HJX726" s="613"/>
      <c r="HJY726" s="613"/>
      <c r="HJZ726" s="613"/>
      <c r="HKA726" s="613"/>
      <c r="HKB726" s="613"/>
      <c r="HKC726" s="613"/>
      <c r="HKD726" s="613"/>
      <c r="HKE726" s="613"/>
      <c r="HKF726" s="613"/>
      <c r="HKG726" s="613"/>
      <c r="HKH726" s="613"/>
      <c r="HKI726" s="613"/>
      <c r="HKJ726" s="613"/>
      <c r="HKK726" s="613"/>
      <c r="HKL726" s="613"/>
      <c r="HKM726" s="613"/>
      <c r="HKN726" s="613"/>
      <c r="HKO726" s="613"/>
      <c r="HKP726" s="613"/>
      <c r="HKQ726" s="613"/>
      <c r="HKR726" s="613"/>
      <c r="HKS726" s="613"/>
      <c r="HKT726" s="613"/>
      <c r="HKU726" s="613"/>
      <c r="HKV726" s="613"/>
      <c r="HKW726" s="613"/>
      <c r="HKX726" s="613"/>
      <c r="HKY726" s="613"/>
      <c r="HKZ726" s="613"/>
      <c r="HLA726" s="613"/>
      <c r="HLB726" s="613"/>
      <c r="HLC726" s="613"/>
      <c r="HLD726" s="613"/>
      <c r="HLE726" s="613"/>
      <c r="HLF726" s="613"/>
      <c r="HLG726" s="613"/>
      <c r="HLH726" s="613"/>
      <c r="HLI726" s="613"/>
      <c r="HLJ726" s="613"/>
      <c r="HLK726" s="613"/>
      <c r="HLL726" s="613"/>
      <c r="HLM726" s="613"/>
      <c r="HLN726" s="613"/>
      <c r="HLO726" s="613"/>
      <c r="HLP726" s="613"/>
      <c r="HLQ726" s="613"/>
      <c r="HLR726" s="613"/>
      <c r="HLS726" s="613"/>
      <c r="HLT726" s="613"/>
      <c r="HLU726" s="613"/>
      <c r="HLV726" s="613"/>
      <c r="HLW726" s="613"/>
      <c r="HLX726" s="613"/>
      <c r="HLY726" s="613"/>
      <c r="HLZ726" s="613"/>
      <c r="HMA726" s="613"/>
      <c r="HMB726" s="613"/>
      <c r="HMC726" s="613"/>
      <c r="HMD726" s="613"/>
      <c r="HME726" s="613"/>
      <c r="HMF726" s="613"/>
      <c r="HMG726" s="613"/>
      <c r="HMH726" s="613"/>
      <c r="HMI726" s="613"/>
      <c r="HMJ726" s="613"/>
      <c r="HMK726" s="613"/>
      <c r="HML726" s="613"/>
      <c r="HMM726" s="613"/>
      <c r="HMN726" s="613"/>
      <c r="HMO726" s="613"/>
      <c r="HMP726" s="613"/>
      <c r="HMQ726" s="613"/>
      <c r="HMR726" s="613"/>
      <c r="HMS726" s="613"/>
      <c r="HMT726" s="613"/>
      <c r="HMU726" s="613"/>
      <c r="HMV726" s="613"/>
      <c r="HMW726" s="613"/>
      <c r="HMX726" s="613"/>
      <c r="HMY726" s="613"/>
      <c r="HMZ726" s="613"/>
      <c r="HNA726" s="613"/>
      <c r="HNB726" s="613"/>
      <c r="HNC726" s="613"/>
      <c r="HND726" s="613"/>
      <c r="HNE726" s="613"/>
      <c r="HNF726" s="613"/>
      <c r="HNG726" s="613"/>
      <c r="HNH726" s="613"/>
      <c r="HNI726" s="613"/>
      <c r="HNJ726" s="613"/>
      <c r="HNK726" s="613"/>
      <c r="HNL726" s="613"/>
      <c r="HNM726" s="613"/>
      <c r="HNN726" s="613"/>
      <c r="HNO726" s="613"/>
      <c r="HNP726" s="613"/>
      <c r="HNQ726" s="613"/>
      <c r="HNR726" s="613"/>
      <c r="HNS726" s="613"/>
      <c r="HNT726" s="613"/>
      <c r="HNU726" s="613"/>
      <c r="HNV726" s="613"/>
      <c r="HNW726" s="613"/>
      <c r="HNX726" s="613"/>
      <c r="HNY726" s="613"/>
      <c r="HNZ726" s="613"/>
      <c r="HOA726" s="613"/>
      <c r="HOB726" s="613"/>
      <c r="HOC726" s="613"/>
      <c r="HOD726" s="613"/>
      <c r="HOE726" s="613"/>
      <c r="HOF726" s="613"/>
      <c r="HOG726" s="613"/>
      <c r="HOH726" s="613"/>
      <c r="HOI726" s="613"/>
      <c r="HOJ726" s="613"/>
      <c r="HOK726" s="613"/>
      <c r="HOL726" s="613"/>
      <c r="HOM726" s="613"/>
      <c r="HON726" s="613"/>
      <c r="HOO726" s="613"/>
      <c r="HOP726" s="613"/>
      <c r="HOQ726" s="613"/>
      <c r="HOR726" s="613"/>
      <c r="HOS726" s="613"/>
      <c r="HOT726" s="613"/>
      <c r="HOU726" s="613"/>
      <c r="HOV726" s="613"/>
      <c r="HOW726" s="613"/>
      <c r="HOX726" s="613"/>
      <c r="HOY726" s="613"/>
      <c r="HOZ726" s="613"/>
      <c r="HPA726" s="613"/>
      <c r="HPB726" s="613"/>
      <c r="HPC726" s="613"/>
      <c r="HPD726" s="613"/>
      <c r="HPE726" s="613"/>
      <c r="HPF726" s="613"/>
      <c r="HPG726" s="613"/>
      <c r="HPH726" s="613"/>
      <c r="HPI726" s="613"/>
      <c r="HPJ726" s="613"/>
      <c r="HPK726" s="613"/>
      <c r="HPL726" s="613"/>
      <c r="HPM726" s="613"/>
      <c r="HPN726" s="613"/>
      <c r="HPO726" s="613"/>
      <c r="HPP726" s="613"/>
      <c r="HPQ726" s="613"/>
      <c r="HPR726" s="613"/>
      <c r="HPS726" s="613"/>
      <c r="HPT726" s="613"/>
      <c r="HPU726" s="613"/>
      <c r="HPV726" s="613"/>
      <c r="HPW726" s="613"/>
      <c r="HPX726" s="613"/>
      <c r="HPY726" s="613"/>
      <c r="HPZ726" s="613"/>
      <c r="HQA726" s="613"/>
      <c r="HQB726" s="613"/>
      <c r="HQC726" s="613"/>
      <c r="HQD726" s="613"/>
      <c r="HQE726" s="613"/>
      <c r="HQF726" s="613"/>
      <c r="HQG726" s="613"/>
      <c r="HQH726" s="613"/>
      <c r="HQI726" s="613"/>
      <c r="HQJ726" s="613"/>
      <c r="HQK726" s="613"/>
      <c r="HQL726" s="613"/>
      <c r="HQM726" s="613"/>
      <c r="HQN726" s="613"/>
      <c r="HQO726" s="613"/>
      <c r="HQP726" s="613"/>
      <c r="HQQ726" s="613"/>
      <c r="HQR726" s="613"/>
      <c r="HQS726" s="613"/>
      <c r="HQT726" s="613"/>
      <c r="HQU726" s="613"/>
      <c r="HQV726" s="613"/>
      <c r="HQW726" s="613"/>
      <c r="HQX726" s="613"/>
      <c r="HQY726" s="613"/>
      <c r="HQZ726" s="613"/>
      <c r="HRA726" s="613"/>
      <c r="HRB726" s="613"/>
      <c r="HRC726" s="613"/>
      <c r="HRD726" s="613"/>
      <c r="HRE726" s="613"/>
      <c r="HRF726" s="613"/>
      <c r="HRG726" s="613"/>
      <c r="HRH726" s="613"/>
      <c r="HRI726" s="613"/>
      <c r="HRJ726" s="613"/>
      <c r="HRK726" s="613"/>
      <c r="HRL726" s="613"/>
      <c r="HRM726" s="613"/>
      <c r="HRN726" s="613"/>
      <c r="HRO726" s="613"/>
      <c r="HRP726" s="613"/>
      <c r="HRQ726" s="613"/>
      <c r="HRR726" s="613"/>
      <c r="HRS726" s="613"/>
      <c r="HRT726" s="613"/>
      <c r="HRU726" s="613"/>
      <c r="HRV726" s="613"/>
      <c r="HRW726" s="613"/>
      <c r="HRX726" s="613"/>
      <c r="HRY726" s="613"/>
      <c r="HRZ726" s="613"/>
      <c r="HSA726" s="613"/>
      <c r="HSB726" s="613"/>
      <c r="HSC726" s="613"/>
      <c r="HSD726" s="613"/>
      <c r="HSE726" s="613"/>
      <c r="HSF726" s="613"/>
      <c r="HSG726" s="613"/>
      <c r="HSH726" s="613"/>
      <c r="HSI726" s="613"/>
      <c r="HSJ726" s="613"/>
      <c r="HSK726" s="613"/>
      <c r="HSL726" s="613"/>
      <c r="HSM726" s="613"/>
      <c r="HSN726" s="613"/>
      <c r="HSO726" s="613"/>
      <c r="HSP726" s="613"/>
      <c r="HSQ726" s="613"/>
      <c r="HSR726" s="613"/>
      <c r="HSS726" s="613"/>
      <c r="HST726" s="613"/>
      <c r="HSU726" s="613"/>
      <c r="HSV726" s="613"/>
      <c r="HSW726" s="613"/>
      <c r="HSX726" s="613"/>
      <c r="HSY726" s="613"/>
      <c r="HSZ726" s="613"/>
      <c r="HTA726" s="613"/>
      <c r="HTB726" s="613"/>
      <c r="HTC726" s="613"/>
      <c r="HTD726" s="613"/>
      <c r="HTE726" s="613"/>
      <c r="HTF726" s="613"/>
      <c r="HTG726" s="613"/>
      <c r="HTH726" s="613"/>
      <c r="HTI726" s="613"/>
      <c r="HTJ726" s="613"/>
      <c r="HTK726" s="613"/>
      <c r="HTL726" s="613"/>
      <c r="HTM726" s="613"/>
      <c r="HTN726" s="613"/>
      <c r="HTO726" s="613"/>
      <c r="HTP726" s="613"/>
      <c r="HTQ726" s="613"/>
      <c r="HTR726" s="613"/>
      <c r="HTS726" s="613"/>
      <c r="HTT726" s="613"/>
      <c r="HTU726" s="613"/>
      <c r="HTV726" s="613"/>
      <c r="HTW726" s="613"/>
      <c r="HTX726" s="613"/>
      <c r="HTY726" s="613"/>
      <c r="HTZ726" s="613"/>
      <c r="HUA726" s="613"/>
      <c r="HUB726" s="613"/>
      <c r="HUC726" s="613"/>
      <c r="HUD726" s="613"/>
      <c r="HUE726" s="613"/>
      <c r="HUF726" s="613"/>
      <c r="HUG726" s="613"/>
      <c r="HUH726" s="613"/>
      <c r="HUI726" s="613"/>
      <c r="HUJ726" s="613"/>
      <c r="HUK726" s="613"/>
      <c r="HUL726" s="613"/>
      <c r="HUM726" s="613"/>
      <c r="HUN726" s="613"/>
      <c r="HUO726" s="613"/>
      <c r="HUP726" s="613"/>
      <c r="HUQ726" s="613"/>
      <c r="HUR726" s="613"/>
      <c r="HUS726" s="613"/>
      <c r="HUT726" s="613"/>
      <c r="HUU726" s="613"/>
      <c r="HUV726" s="613"/>
      <c r="HUW726" s="613"/>
      <c r="HUX726" s="613"/>
      <c r="HUY726" s="613"/>
      <c r="HUZ726" s="613"/>
      <c r="HVA726" s="613"/>
      <c r="HVB726" s="613"/>
      <c r="HVC726" s="613"/>
      <c r="HVD726" s="613"/>
      <c r="HVE726" s="613"/>
      <c r="HVF726" s="613"/>
      <c r="HVG726" s="613"/>
      <c r="HVH726" s="613"/>
      <c r="HVI726" s="613"/>
      <c r="HVJ726" s="613"/>
      <c r="HVK726" s="613"/>
      <c r="HVL726" s="613"/>
      <c r="HVM726" s="613"/>
      <c r="HVN726" s="613"/>
      <c r="HVO726" s="613"/>
      <c r="HVP726" s="613"/>
      <c r="HVQ726" s="613"/>
      <c r="HVR726" s="613"/>
      <c r="HVS726" s="613"/>
      <c r="HVT726" s="613"/>
      <c r="HVU726" s="613"/>
      <c r="HVV726" s="613"/>
      <c r="HVW726" s="613"/>
      <c r="HVX726" s="613"/>
      <c r="HVY726" s="613"/>
      <c r="HVZ726" s="613"/>
      <c r="HWA726" s="613"/>
      <c r="HWB726" s="613"/>
      <c r="HWC726" s="613"/>
      <c r="HWD726" s="613"/>
      <c r="HWE726" s="613"/>
      <c r="HWF726" s="613"/>
      <c r="HWG726" s="613"/>
      <c r="HWH726" s="613"/>
      <c r="HWI726" s="613"/>
      <c r="HWJ726" s="613"/>
      <c r="HWK726" s="613"/>
      <c r="HWL726" s="613"/>
      <c r="HWM726" s="613"/>
      <c r="HWN726" s="613"/>
      <c r="HWO726" s="613"/>
      <c r="HWP726" s="613"/>
      <c r="HWQ726" s="613"/>
      <c r="HWR726" s="613"/>
      <c r="HWS726" s="613"/>
      <c r="HWT726" s="613"/>
      <c r="HWU726" s="613"/>
      <c r="HWV726" s="613"/>
      <c r="HWW726" s="613"/>
      <c r="HWX726" s="613"/>
      <c r="HWY726" s="613"/>
      <c r="HWZ726" s="613"/>
      <c r="HXA726" s="613"/>
      <c r="HXB726" s="613"/>
      <c r="HXC726" s="613"/>
      <c r="HXD726" s="613"/>
      <c r="HXE726" s="613"/>
      <c r="HXF726" s="613"/>
      <c r="HXG726" s="613"/>
      <c r="HXH726" s="613"/>
      <c r="HXI726" s="613"/>
      <c r="HXJ726" s="613"/>
      <c r="HXK726" s="613"/>
      <c r="HXL726" s="613"/>
      <c r="HXM726" s="613"/>
      <c r="HXN726" s="613"/>
      <c r="HXO726" s="613"/>
      <c r="HXP726" s="613"/>
      <c r="HXQ726" s="613"/>
      <c r="HXR726" s="613"/>
      <c r="HXS726" s="613"/>
      <c r="HXT726" s="613"/>
      <c r="HXU726" s="613"/>
      <c r="HXV726" s="613"/>
      <c r="HXW726" s="613"/>
      <c r="HXX726" s="613"/>
      <c r="HXY726" s="613"/>
      <c r="HXZ726" s="613"/>
      <c r="HYA726" s="613"/>
      <c r="HYB726" s="613"/>
      <c r="HYC726" s="613"/>
      <c r="HYD726" s="613"/>
      <c r="HYE726" s="613"/>
      <c r="HYF726" s="613"/>
      <c r="HYG726" s="613"/>
      <c r="HYH726" s="613"/>
      <c r="HYI726" s="613"/>
      <c r="HYJ726" s="613"/>
      <c r="HYK726" s="613"/>
      <c r="HYL726" s="613"/>
      <c r="HYM726" s="613"/>
      <c r="HYN726" s="613"/>
      <c r="HYO726" s="613"/>
      <c r="HYP726" s="613"/>
      <c r="HYQ726" s="613"/>
      <c r="HYR726" s="613"/>
      <c r="HYS726" s="613"/>
      <c r="HYT726" s="613"/>
      <c r="HYU726" s="613"/>
      <c r="HYV726" s="613"/>
      <c r="HYW726" s="613"/>
      <c r="HYX726" s="613"/>
      <c r="HYY726" s="613"/>
      <c r="HYZ726" s="613"/>
      <c r="HZA726" s="613"/>
      <c r="HZB726" s="613"/>
      <c r="HZC726" s="613"/>
      <c r="HZD726" s="613"/>
      <c r="HZE726" s="613"/>
      <c r="HZF726" s="613"/>
      <c r="HZG726" s="613"/>
      <c r="HZH726" s="613"/>
      <c r="HZI726" s="613"/>
      <c r="HZJ726" s="613"/>
      <c r="HZK726" s="613"/>
      <c r="HZL726" s="613"/>
      <c r="HZM726" s="613"/>
      <c r="HZN726" s="613"/>
      <c r="HZO726" s="613"/>
      <c r="HZP726" s="613"/>
      <c r="HZQ726" s="613"/>
      <c r="HZR726" s="613"/>
      <c r="HZS726" s="613"/>
      <c r="HZT726" s="613"/>
      <c r="HZU726" s="613"/>
      <c r="HZV726" s="613"/>
      <c r="HZW726" s="613"/>
      <c r="HZX726" s="613"/>
      <c r="HZY726" s="613"/>
      <c r="HZZ726" s="613"/>
      <c r="IAA726" s="613"/>
      <c r="IAB726" s="613"/>
      <c r="IAC726" s="613"/>
      <c r="IAD726" s="613"/>
      <c r="IAE726" s="613"/>
      <c r="IAF726" s="613"/>
      <c r="IAG726" s="613"/>
      <c r="IAH726" s="613"/>
      <c r="IAI726" s="613"/>
      <c r="IAJ726" s="613"/>
      <c r="IAK726" s="613"/>
      <c r="IAL726" s="613"/>
      <c r="IAM726" s="613"/>
      <c r="IAN726" s="613"/>
      <c r="IAO726" s="613"/>
      <c r="IAP726" s="613"/>
      <c r="IAQ726" s="613"/>
      <c r="IAR726" s="613"/>
      <c r="IAS726" s="613"/>
      <c r="IAT726" s="613"/>
      <c r="IAU726" s="613"/>
      <c r="IAV726" s="613"/>
      <c r="IAW726" s="613"/>
      <c r="IAX726" s="613"/>
      <c r="IAY726" s="613"/>
      <c r="IAZ726" s="613"/>
      <c r="IBA726" s="613"/>
      <c r="IBB726" s="613"/>
      <c r="IBC726" s="613"/>
      <c r="IBD726" s="613"/>
      <c r="IBE726" s="613"/>
      <c r="IBF726" s="613"/>
      <c r="IBG726" s="613"/>
      <c r="IBH726" s="613"/>
      <c r="IBI726" s="613"/>
      <c r="IBJ726" s="613"/>
      <c r="IBK726" s="613"/>
      <c r="IBL726" s="613"/>
      <c r="IBM726" s="613"/>
      <c r="IBN726" s="613"/>
      <c r="IBO726" s="613"/>
      <c r="IBP726" s="613"/>
      <c r="IBQ726" s="613"/>
      <c r="IBR726" s="613"/>
      <c r="IBS726" s="613"/>
      <c r="IBT726" s="613"/>
      <c r="IBU726" s="613"/>
      <c r="IBV726" s="613"/>
      <c r="IBW726" s="613"/>
      <c r="IBX726" s="613"/>
      <c r="IBY726" s="613"/>
      <c r="IBZ726" s="613"/>
      <c r="ICA726" s="613"/>
      <c r="ICB726" s="613"/>
      <c r="ICC726" s="613"/>
      <c r="ICD726" s="613"/>
      <c r="ICE726" s="613"/>
      <c r="ICF726" s="613"/>
      <c r="ICG726" s="613"/>
      <c r="ICH726" s="613"/>
      <c r="ICI726" s="613"/>
      <c r="ICJ726" s="613"/>
      <c r="ICK726" s="613"/>
      <c r="ICL726" s="613"/>
      <c r="ICM726" s="613"/>
      <c r="ICN726" s="613"/>
      <c r="ICO726" s="613"/>
      <c r="ICP726" s="613"/>
      <c r="ICQ726" s="613"/>
      <c r="ICR726" s="613"/>
      <c r="ICS726" s="613"/>
      <c r="ICT726" s="613"/>
      <c r="ICU726" s="613"/>
      <c r="ICV726" s="613"/>
      <c r="ICW726" s="613"/>
      <c r="ICX726" s="613"/>
      <c r="ICY726" s="613"/>
      <c r="ICZ726" s="613"/>
      <c r="IDA726" s="613"/>
      <c r="IDB726" s="613"/>
      <c r="IDC726" s="613"/>
      <c r="IDD726" s="613"/>
      <c r="IDE726" s="613"/>
      <c r="IDF726" s="613"/>
      <c r="IDG726" s="613"/>
      <c r="IDH726" s="613"/>
      <c r="IDI726" s="613"/>
      <c r="IDJ726" s="613"/>
      <c r="IDK726" s="613"/>
      <c r="IDL726" s="613"/>
      <c r="IDM726" s="613"/>
      <c r="IDN726" s="613"/>
      <c r="IDO726" s="613"/>
      <c r="IDP726" s="613"/>
      <c r="IDQ726" s="613"/>
      <c r="IDR726" s="613"/>
      <c r="IDS726" s="613"/>
      <c r="IDT726" s="613"/>
      <c r="IDU726" s="613"/>
      <c r="IDV726" s="613"/>
      <c r="IDW726" s="613"/>
      <c r="IDX726" s="613"/>
      <c r="IDY726" s="613"/>
      <c r="IDZ726" s="613"/>
      <c r="IEA726" s="613"/>
      <c r="IEB726" s="613"/>
      <c r="IEC726" s="613"/>
      <c r="IED726" s="613"/>
      <c r="IEE726" s="613"/>
      <c r="IEF726" s="613"/>
      <c r="IEG726" s="613"/>
      <c r="IEH726" s="613"/>
      <c r="IEI726" s="613"/>
      <c r="IEJ726" s="613"/>
      <c r="IEK726" s="613"/>
      <c r="IEL726" s="613"/>
      <c r="IEM726" s="613"/>
      <c r="IEN726" s="613"/>
      <c r="IEO726" s="613"/>
      <c r="IEP726" s="613"/>
      <c r="IEQ726" s="613"/>
      <c r="IER726" s="613"/>
      <c r="IES726" s="613"/>
      <c r="IET726" s="613"/>
      <c r="IEU726" s="613"/>
      <c r="IEV726" s="613"/>
      <c r="IEW726" s="613"/>
      <c r="IEX726" s="613"/>
      <c r="IEY726" s="613"/>
      <c r="IEZ726" s="613"/>
      <c r="IFA726" s="613"/>
      <c r="IFB726" s="613"/>
      <c r="IFC726" s="613"/>
      <c r="IFD726" s="613"/>
      <c r="IFE726" s="613"/>
      <c r="IFF726" s="613"/>
      <c r="IFG726" s="613"/>
      <c r="IFH726" s="613"/>
      <c r="IFI726" s="613"/>
      <c r="IFJ726" s="613"/>
      <c r="IFK726" s="613"/>
      <c r="IFL726" s="613"/>
      <c r="IFM726" s="613"/>
      <c r="IFN726" s="613"/>
      <c r="IFO726" s="613"/>
      <c r="IFP726" s="613"/>
      <c r="IFQ726" s="613"/>
      <c r="IFR726" s="613"/>
      <c r="IFS726" s="613"/>
      <c r="IFT726" s="613"/>
      <c r="IFU726" s="613"/>
      <c r="IFV726" s="613"/>
      <c r="IFW726" s="613"/>
      <c r="IFX726" s="613"/>
      <c r="IFY726" s="613"/>
      <c r="IFZ726" s="613"/>
      <c r="IGA726" s="613"/>
      <c r="IGB726" s="613"/>
      <c r="IGC726" s="613"/>
      <c r="IGD726" s="613"/>
      <c r="IGE726" s="613"/>
      <c r="IGF726" s="613"/>
      <c r="IGG726" s="613"/>
      <c r="IGH726" s="613"/>
      <c r="IGI726" s="613"/>
      <c r="IGJ726" s="613"/>
      <c r="IGK726" s="613"/>
      <c r="IGL726" s="613"/>
      <c r="IGM726" s="613"/>
      <c r="IGN726" s="613"/>
      <c r="IGO726" s="613"/>
      <c r="IGP726" s="613"/>
      <c r="IGQ726" s="613"/>
      <c r="IGR726" s="613"/>
      <c r="IGS726" s="613"/>
      <c r="IGT726" s="613"/>
      <c r="IGU726" s="613"/>
      <c r="IGV726" s="613"/>
      <c r="IGW726" s="613"/>
      <c r="IGX726" s="613"/>
      <c r="IGY726" s="613"/>
      <c r="IGZ726" s="613"/>
      <c r="IHA726" s="613"/>
      <c r="IHB726" s="613"/>
      <c r="IHC726" s="613"/>
      <c r="IHD726" s="613"/>
      <c r="IHE726" s="613"/>
      <c r="IHF726" s="613"/>
      <c r="IHG726" s="613"/>
      <c r="IHH726" s="613"/>
      <c r="IHI726" s="613"/>
      <c r="IHJ726" s="613"/>
      <c r="IHK726" s="613"/>
      <c r="IHL726" s="613"/>
      <c r="IHM726" s="613"/>
      <c r="IHN726" s="613"/>
      <c r="IHO726" s="613"/>
      <c r="IHP726" s="613"/>
      <c r="IHQ726" s="613"/>
      <c r="IHR726" s="613"/>
      <c r="IHS726" s="613"/>
      <c r="IHT726" s="613"/>
      <c r="IHU726" s="613"/>
      <c r="IHV726" s="613"/>
      <c r="IHW726" s="613"/>
      <c r="IHX726" s="613"/>
      <c r="IHY726" s="613"/>
      <c r="IHZ726" s="613"/>
      <c r="IIA726" s="613"/>
      <c r="IIB726" s="613"/>
      <c r="IIC726" s="613"/>
      <c r="IID726" s="613"/>
      <c r="IIE726" s="613"/>
      <c r="IIF726" s="613"/>
      <c r="IIG726" s="613"/>
      <c r="IIH726" s="613"/>
      <c r="III726" s="613"/>
      <c r="IIJ726" s="613"/>
      <c r="IIK726" s="613"/>
      <c r="IIL726" s="613"/>
      <c r="IIM726" s="613"/>
      <c r="IIN726" s="613"/>
      <c r="IIO726" s="613"/>
      <c r="IIP726" s="613"/>
      <c r="IIQ726" s="613"/>
      <c r="IIR726" s="613"/>
      <c r="IIS726" s="613"/>
      <c r="IIT726" s="613"/>
      <c r="IIU726" s="613"/>
      <c r="IIV726" s="613"/>
      <c r="IIW726" s="613"/>
      <c r="IIX726" s="613"/>
      <c r="IIY726" s="613"/>
      <c r="IIZ726" s="613"/>
      <c r="IJA726" s="613"/>
      <c r="IJB726" s="613"/>
      <c r="IJC726" s="613"/>
      <c r="IJD726" s="613"/>
      <c r="IJE726" s="613"/>
      <c r="IJF726" s="613"/>
      <c r="IJG726" s="613"/>
      <c r="IJH726" s="613"/>
      <c r="IJI726" s="613"/>
      <c r="IJJ726" s="613"/>
      <c r="IJK726" s="613"/>
      <c r="IJL726" s="613"/>
      <c r="IJM726" s="613"/>
      <c r="IJN726" s="613"/>
      <c r="IJO726" s="613"/>
      <c r="IJP726" s="613"/>
      <c r="IJQ726" s="613"/>
      <c r="IJR726" s="613"/>
      <c r="IJS726" s="613"/>
      <c r="IJT726" s="613"/>
      <c r="IJU726" s="613"/>
      <c r="IJV726" s="613"/>
      <c r="IJW726" s="613"/>
      <c r="IJX726" s="613"/>
      <c r="IJY726" s="613"/>
      <c r="IJZ726" s="613"/>
      <c r="IKA726" s="613"/>
      <c r="IKB726" s="613"/>
      <c r="IKC726" s="613"/>
      <c r="IKD726" s="613"/>
      <c r="IKE726" s="613"/>
      <c r="IKF726" s="613"/>
      <c r="IKG726" s="613"/>
      <c r="IKH726" s="613"/>
      <c r="IKI726" s="613"/>
      <c r="IKJ726" s="613"/>
      <c r="IKK726" s="613"/>
      <c r="IKL726" s="613"/>
      <c r="IKM726" s="613"/>
      <c r="IKN726" s="613"/>
      <c r="IKO726" s="613"/>
      <c r="IKP726" s="613"/>
      <c r="IKQ726" s="613"/>
      <c r="IKR726" s="613"/>
      <c r="IKS726" s="613"/>
      <c r="IKT726" s="613"/>
      <c r="IKU726" s="613"/>
      <c r="IKV726" s="613"/>
      <c r="IKW726" s="613"/>
      <c r="IKX726" s="613"/>
      <c r="IKY726" s="613"/>
      <c r="IKZ726" s="613"/>
      <c r="ILA726" s="613"/>
      <c r="ILB726" s="613"/>
      <c r="ILC726" s="613"/>
      <c r="ILD726" s="613"/>
      <c r="ILE726" s="613"/>
      <c r="ILF726" s="613"/>
      <c r="ILG726" s="613"/>
      <c r="ILH726" s="613"/>
      <c r="ILI726" s="613"/>
      <c r="ILJ726" s="613"/>
      <c r="ILK726" s="613"/>
      <c r="ILL726" s="613"/>
      <c r="ILM726" s="613"/>
      <c r="ILN726" s="613"/>
      <c r="ILO726" s="613"/>
      <c r="ILP726" s="613"/>
      <c r="ILQ726" s="613"/>
      <c r="ILR726" s="613"/>
      <c r="ILS726" s="613"/>
      <c r="ILT726" s="613"/>
      <c r="ILU726" s="613"/>
      <c r="ILV726" s="613"/>
      <c r="ILW726" s="613"/>
      <c r="ILX726" s="613"/>
      <c r="ILY726" s="613"/>
      <c r="ILZ726" s="613"/>
      <c r="IMA726" s="613"/>
      <c r="IMB726" s="613"/>
      <c r="IMC726" s="613"/>
      <c r="IMD726" s="613"/>
      <c r="IME726" s="613"/>
      <c r="IMF726" s="613"/>
      <c r="IMG726" s="613"/>
      <c r="IMH726" s="613"/>
      <c r="IMI726" s="613"/>
      <c r="IMJ726" s="613"/>
      <c r="IMK726" s="613"/>
      <c r="IML726" s="613"/>
      <c r="IMM726" s="613"/>
      <c r="IMN726" s="613"/>
      <c r="IMO726" s="613"/>
      <c r="IMP726" s="613"/>
      <c r="IMQ726" s="613"/>
      <c r="IMR726" s="613"/>
      <c r="IMS726" s="613"/>
      <c r="IMT726" s="613"/>
      <c r="IMU726" s="613"/>
      <c r="IMV726" s="613"/>
      <c r="IMW726" s="613"/>
      <c r="IMX726" s="613"/>
      <c r="IMY726" s="613"/>
      <c r="IMZ726" s="613"/>
      <c r="INA726" s="613"/>
      <c r="INB726" s="613"/>
      <c r="INC726" s="613"/>
      <c r="IND726" s="613"/>
      <c r="INE726" s="613"/>
      <c r="INF726" s="613"/>
      <c r="ING726" s="613"/>
      <c r="INH726" s="613"/>
      <c r="INI726" s="613"/>
      <c r="INJ726" s="613"/>
      <c r="INK726" s="613"/>
      <c r="INL726" s="613"/>
      <c r="INM726" s="613"/>
      <c r="INN726" s="613"/>
      <c r="INO726" s="613"/>
      <c r="INP726" s="613"/>
      <c r="INQ726" s="613"/>
      <c r="INR726" s="613"/>
      <c r="INS726" s="613"/>
      <c r="INT726" s="613"/>
      <c r="INU726" s="613"/>
      <c r="INV726" s="613"/>
      <c r="INW726" s="613"/>
      <c r="INX726" s="613"/>
      <c r="INY726" s="613"/>
      <c r="INZ726" s="613"/>
      <c r="IOA726" s="613"/>
      <c r="IOB726" s="613"/>
      <c r="IOC726" s="613"/>
      <c r="IOD726" s="613"/>
      <c r="IOE726" s="613"/>
      <c r="IOF726" s="613"/>
      <c r="IOG726" s="613"/>
      <c r="IOH726" s="613"/>
      <c r="IOI726" s="613"/>
      <c r="IOJ726" s="613"/>
      <c r="IOK726" s="613"/>
      <c r="IOL726" s="613"/>
      <c r="IOM726" s="613"/>
      <c r="ION726" s="613"/>
      <c r="IOO726" s="613"/>
      <c r="IOP726" s="613"/>
      <c r="IOQ726" s="613"/>
      <c r="IOR726" s="613"/>
      <c r="IOS726" s="613"/>
      <c r="IOT726" s="613"/>
      <c r="IOU726" s="613"/>
      <c r="IOV726" s="613"/>
      <c r="IOW726" s="613"/>
      <c r="IOX726" s="613"/>
      <c r="IOY726" s="613"/>
      <c r="IOZ726" s="613"/>
      <c r="IPA726" s="613"/>
      <c r="IPB726" s="613"/>
      <c r="IPC726" s="613"/>
      <c r="IPD726" s="613"/>
      <c r="IPE726" s="613"/>
      <c r="IPF726" s="613"/>
      <c r="IPG726" s="613"/>
      <c r="IPH726" s="613"/>
      <c r="IPI726" s="613"/>
      <c r="IPJ726" s="613"/>
      <c r="IPK726" s="613"/>
      <c r="IPL726" s="613"/>
      <c r="IPM726" s="613"/>
      <c r="IPN726" s="613"/>
      <c r="IPO726" s="613"/>
      <c r="IPP726" s="613"/>
      <c r="IPQ726" s="613"/>
      <c r="IPR726" s="613"/>
      <c r="IPS726" s="613"/>
      <c r="IPT726" s="613"/>
      <c r="IPU726" s="613"/>
      <c r="IPV726" s="613"/>
      <c r="IPW726" s="613"/>
      <c r="IPX726" s="613"/>
      <c r="IPY726" s="613"/>
      <c r="IPZ726" s="613"/>
      <c r="IQA726" s="613"/>
      <c r="IQB726" s="613"/>
      <c r="IQC726" s="613"/>
      <c r="IQD726" s="613"/>
      <c r="IQE726" s="613"/>
      <c r="IQF726" s="613"/>
      <c r="IQG726" s="613"/>
      <c r="IQH726" s="613"/>
      <c r="IQI726" s="613"/>
      <c r="IQJ726" s="613"/>
      <c r="IQK726" s="613"/>
      <c r="IQL726" s="613"/>
      <c r="IQM726" s="613"/>
      <c r="IQN726" s="613"/>
      <c r="IQO726" s="613"/>
      <c r="IQP726" s="613"/>
      <c r="IQQ726" s="613"/>
      <c r="IQR726" s="613"/>
      <c r="IQS726" s="613"/>
      <c r="IQT726" s="613"/>
      <c r="IQU726" s="613"/>
      <c r="IQV726" s="613"/>
      <c r="IQW726" s="613"/>
      <c r="IQX726" s="613"/>
      <c r="IQY726" s="613"/>
      <c r="IQZ726" s="613"/>
      <c r="IRA726" s="613"/>
      <c r="IRB726" s="613"/>
      <c r="IRC726" s="613"/>
      <c r="IRD726" s="613"/>
      <c r="IRE726" s="613"/>
      <c r="IRF726" s="613"/>
      <c r="IRG726" s="613"/>
      <c r="IRH726" s="613"/>
      <c r="IRI726" s="613"/>
      <c r="IRJ726" s="613"/>
      <c r="IRK726" s="613"/>
      <c r="IRL726" s="613"/>
      <c r="IRM726" s="613"/>
      <c r="IRN726" s="613"/>
      <c r="IRO726" s="613"/>
      <c r="IRP726" s="613"/>
      <c r="IRQ726" s="613"/>
      <c r="IRR726" s="613"/>
      <c r="IRS726" s="613"/>
      <c r="IRT726" s="613"/>
      <c r="IRU726" s="613"/>
      <c r="IRV726" s="613"/>
      <c r="IRW726" s="613"/>
      <c r="IRX726" s="613"/>
      <c r="IRY726" s="613"/>
      <c r="IRZ726" s="613"/>
      <c r="ISA726" s="613"/>
      <c r="ISB726" s="613"/>
      <c r="ISC726" s="613"/>
      <c r="ISD726" s="613"/>
      <c r="ISE726" s="613"/>
      <c r="ISF726" s="613"/>
      <c r="ISG726" s="613"/>
      <c r="ISH726" s="613"/>
      <c r="ISI726" s="613"/>
      <c r="ISJ726" s="613"/>
      <c r="ISK726" s="613"/>
      <c r="ISL726" s="613"/>
      <c r="ISM726" s="613"/>
      <c r="ISN726" s="613"/>
      <c r="ISO726" s="613"/>
      <c r="ISP726" s="613"/>
      <c r="ISQ726" s="613"/>
      <c r="ISR726" s="613"/>
      <c r="ISS726" s="613"/>
      <c r="IST726" s="613"/>
      <c r="ISU726" s="613"/>
      <c r="ISV726" s="613"/>
      <c r="ISW726" s="613"/>
      <c r="ISX726" s="613"/>
      <c r="ISY726" s="613"/>
      <c r="ISZ726" s="613"/>
      <c r="ITA726" s="613"/>
      <c r="ITB726" s="613"/>
      <c r="ITC726" s="613"/>
      <c r="ITD726" s="613"/>
      <c r="ITE726" s="613"/>
      <c r="ITF726" s="613"/>
      <c r="ITG726" s="613"/>
      <c r="ITH726" s="613"/>
      <c r="ITI726" s="613"/>
      <c r="ITJ726" s="613"/>
      <c r="ITK726" s="613"/>
      <c r="ITL726" s="613"/>
      <c r="ITM726" s="613"/>
      <c r="ITN726" s="613"/>
      <c r="ITO726" s="613"/>
      <c r="ITP726" s="613"/>
      <c r="ITQ726" s="613"/>
      <c r="ITR726" s="613"/>
      <c r="ITS726" s="613"/>
      <c r="ITT726" s="613"/>
      <c r="ITU726" s="613"/>
      <c r="ITV726" s="613"/>
      <c r="ITW726" s="613"/>
      <c r="ITX726" s="613"/>
      <c r="ITY726" s="613"/>
      <c r="ITZ726" s="613"/>
      <c r="IUA726" s="613"/>
      <c r="IUB726" s="613"/>
      <c r="IUC726" s="613"/>
      <c r="IUD726" s="613"/>
      <c r="IUE726" s="613"/>
      <c r="IUF726" s="613"/>
      <c r="IUG726" s="613"/>
      <c r="IUH726" s="613"/>
      <c r="IUI726" s="613"/>
      <c r="IUJ726" s="613"/>
      <c r="IUK726" s="613"/>
      <c r="IUL726" s="613"/>
      <c r="IUM726" s="613"/>
      <c r="IUN726" s="613"/>
      <c r="IUO726" s="613"/>
      <c r="IUP726" s="613"/>
      <c r="IUQ726" s="613"/>
      <c r="IUR726" s="613"/>
      <c r="IUS726" s="613"/>
      <c r="IUT726" s="613"/>
      <c r="IUU726" s="613"/>
      <c r="IUV726" s="613"/>
      <c r="IUW726" s="613"/>
      <c r="IUX726" s="613"/>
      <c r="IUY726" s="613"/>
      <c r="IUZ726" s="613"/>
      <c r="IVA726" s="613"/>
      <c r="IVB726" s="613"/>
      <c r="IVC726" s="613"/>
      <c r="IVD726" s="613"/>
      <c r="IVE726" s="613"/>
      <c r="IVF726" s="613"/>
      <c r="IVG726" s="613"/>
      <c r="IVH726" s="613"/>
      <c r="IVI726" s="613"/>
      <c r="IVJ726" s="613"/>
      <c r="IVK726" s="613"/>
      <c r="IVL726" s="613"/>
      <c r="IVM726" s="613"/>
      <c r="IVN726" s="613"/>
      <c r="IVO726" s="613"/>
      <c r="IVP726" s="613"/>
      <c r="IVQ726" s="613"/>
      <c r="IVR726" s="613"/>
      <c r="IVS726" s="613"/>
      <c r="IVT726" s="613"/>
      <c r="IVU726" s="613"/>
      <c r="IVV726" s="613"/>
      <c r="IVW726" s="613"/>
      <c r="IVX726" s="613"/>
      <c r="IVY726" s="613"/>
      <c r="IVZ726" s="613"/>
      <c r="IWA726" s="613"/>
      <c r="IWB726" s="613"/>
      <c r="IWC726" s="613"/>
      <c r="IWD726" s="613"/>
      <c r="IWE726" s="613"/>
      <c r="IWF726" s="613"/>
      <c r="IWG726" s="613"/>
      <c r="IWH726" s="613"/>
      <c r="IWI726" s="613"/>
      <c r="IWJ726" s="613"/>
      <c r="IWK726" s="613"/>
      <c r="IWL726" s="613"/>
      <c r="IWM726" s="613"/>
      <c r="IWN726" s="613"/>
      <c r="IWO726" s="613"/>
      <c r="IWP726" s="613"/>
      <c r="IWQ726" s="613"/>
      <c r="IWR726" s="613"/>
      <c r="IWS726" s="613"/>
      <c r="IWT726" s="613"/>
      <c r="IWU726" s="613"/>
      <c r="IWV726" s="613"/>
      <c r="IWW726" s="613"/>
      <c r="IWX726" s="613"/>
      <c r="IWY726" s="613"/>
      <c r="IWZ726" s="613"/>
      <c r="IXA726" s="613"/>
      <c r="IXB726" s="613"/>
      <c r="IXC726" s="613"/>
      <c r="IXD726" s="613"/>
      <c r="IXE726" s="613"/>
      <c r="IXF726" s="613"/>
      <c r="IXG726" s="613"/>
      <c r="IXH726" s="613"/>
      <c r="IXI726" s="613"/>
      <c r="IXJ726" s="613"/>
      <c r="IXK726" s="613"/>
      <c r="IXL726" s="613"/>
      <c r="IXM726" s="613"/>
      <c r="IXN726" s="613"/>
      <c r="IXO726" s="613"/>
      <c r="IXP726" s="613"/>
      <c r="IXQ726" s="613"/>
      <c r="IXR726" s="613"/>
      <c r="IXS726" s="613"/>
      <c r="IXT726" s="613"/>
      <c r="IXU726" s="613"/>
      <c r="IXV726" s="613"/>
      <c r="IXW726" s="613"/>
      <c r="IXX726" s="613"/>
      <c r="IXY726" s="613"/>
      <c r="IXZ726" s="613"/>
      <c r="IYA726" s="613"/>
      <c r="IYB726" s="613"/>
      <c r="IYC726" s="613"/>
      <c r="IYD726" s="613"/>
      <c r="IYE726" s="613"/>
      <c r="IYF726" s="613"/>
      <c r="IYG726" s="613"/>
      <c r="IYH726" s="613"/>
      <c r="IYI726" s="613"/>
      <c r="IYJ726" s="613"/>
      <c r="IYK726" s="613"/>
      <c r="IYL726" s="613"/>
      <c r="IYM726" s="613"/>
      <c r="IYN726" s="613"/>
      <c r="IYO726" s="613"/>
      <c r="IYP726" s="613"/>
      <c r="IYQ726" s="613"/>
      <c r="IYR726" s="613"/>
      <c r="IYS726" s="613"/>
      <c r="IYT726" s="613"/>
      <c r="IYU726" s="613"/>
      <c r="IYV726" s="613"/>
      <c r="IYW726" s="613"/>
      <c r="IYX726" s="613"/>
      <c r="IYY726" s="613"/>
      <c r="IYZ726" s="613"/>
      <c r="IZA726" s="613"/>
      <c r="IZB726" s="613"/>
      <c r="IZC726" s="613"/>
      <c r="IZD726" s="613"/>
      <c r="IZE726" s="613"/>
      <c r="IZF726" s="613"/>
      <c r="IZG726" s="613"/>
      <c r="IZH726" s="613"/>
      <c r="IZI726" s="613"/>
      <c r="IZJ726" s="613"/>
      <c r="IZK726" s="613"/>
      <c r="IZL726" s="613"/>
      <c r="IZM726" s="613"/>
      <c r="IZN726" s="613"/>
      <c r="IZO726" s="613"/>
      <c r="IZP726" s="613"/>
      <c r="IZQ726" s="613"/>
      <c r="IZR726" s="613"/>
      <c r="IZS726" s="613"/>
      <c r="IZT726" s="613"/>
      <c r="IZU726" s="613"/>
      <c r="IZV726" s="613"/>
      <c r="IZW726" s="613"/>
      <c r="IZX726" s="613"/>
      <c r="IZY726" s="613"/>
      <c r="IZZ726" s="613"/>
      <c r="JAA726" s="613"/>
      <c r="JAB726" s="613"/>
      <c r="JAC726" s="613"/>
      <c r="JAD726" s="613"/>
      <c r="JAE726" s="613"/>
      <c r="JAF726" s="613"/>
      <c r="JAG726" s="613"/>
      <c r="JAH726" s="613"/>
      <c r="JAI726" s="613"/>
      <c r="JAJ726" s="613"/>
      <c r="JAK726" s="613"/>
      <c r="JAL726" s="613"/>
      <c r="JAM726" s="613"/>
      <c r="JAN726" s="613"/>
      <c r="JAO726" s="613"/>
      <c r="JAP726" s="613"/>
      <c r="JAQ726" s="613"/>
      <c r="JAR726" s="613"/>
      <c r="JAS726" s="613"/>
      <c r="JAT726" s="613"/>
      <c r="JAU726" s="613"/>
      <c r="JAV726" s="613"/>
      <c r="JAW726" s="613"/>
      <c r="JAX726" s="613"/>
      <c r="JAY726" s="613"/>
      <c r="JAZ726" s="613"/>
      <c r="JBA726" s="613"/>
      <c r="JBB726" s="613"/>
      <c r="JBC726" s="613"/>
      <c r="JBD726" s="613"/>
      <c r="JBE726" s="613"/>
      <c r="JBF726" s="613"/>
      <c r="JBG726" s="613"/>
      <c r="JBH726" s="613"/>
      <c r="JBI726" s="613"/>
      <c r="JBJ726" s="613"/>
      <c r="JBK726" s="613"/>
      <c r="JBL726" s="613"/>
      <c r="JBM726" s="613"/>
      <c r="JBN726" s="613"/>
      <c r="JBO726" s="613"/>
      <c r="JBP726" s="613"/>
      <c r="JBQ726" s="613"/>
      <c r="JBR726" s="613"/>
      <c r="JBS726" s="613"/>
      <c r="JBT726" s="613"/>
      <c r="JBU726" s="613"/>
      <c r="JBV726" s="613"/>
      <c r="JBW726" s="613"/>
      <c r="JBX726" s="613"/>
      <c r="JBY726" s="613"/>
      <c r="JBZ726" s="613"/>
      <c r="JCA726" s="613"/>
      <c r="JCB726" s="613"/>
      <c r="JCC726" s="613"/>
      <c r="JCD726" s="613"/>
      <c r="JCE726" s="613"/>
      <c r="JCF726" s="613"/>
      <c r="JCG726" s="613"/>
      <c r="JCH726" s="613"/>
      <c r="JCI726" s="613"/>
      <c r="JCJ726" s="613"/>
      <c r="JCK726" s="613"/>
      <c r="JCL726" s="613"/>
      <c r="JCM726" s="613"/>
      <c r="JCN726" s="613"/>
      <c r="JCO726" s="613"/>
      <c r="JCP726" s="613"/>
      <c r="JCQ726" s="613"/>
      <c r="JCR726" s="613"/>
      <c r="JCS726" s="613"/>
      <c r="JCT726" s="613"/>
      <c r="JCU726" s="613"/>
      <c r="JCV726" s="613"/>
      <c r="JCW726" s="613"/>
      <c r="JCX726" s="613"/>
      <c r="JCY726" s="613"/>
      <c r="JCZ726" s="613"/>
      <c r="JDA726" s="613"/>
      <c r="JDB726" s="613"/>
      <c r="JDC726" s="613"/>
      <c r="JDD726" s="613"/>
      <c r="JDE726" s="613"/>
      <c r="JDF726" s="613"/>
      <c r="JDG726" s="613"/>
      <c r="JDH726" s="613"/>
      <c r="JDI726" s="613"/>
      <c r="JDJ726" s="613"/>
      <c r="JDK726" s="613"/>
      <c r="JDL726" s="613"/>
      <c r="JDM726" s="613"/>
      <c r="JDN726" s="613"/>
      <c r="JDO726" s="613"/>
      <c r="JDP726" s="613"/>
      <c r="JDQ726" s="613"/>
      <c r="JDR726" s="613"/>
      <c r="JDS726" s="613"/>
      <c r="JDT726" s="613"/>
      <c r="JDU726" s="613"/>
      <c r="JDV726" s="613"/>
      <c r="JDW726" s="613"/>
      <c r="JDX726" s="613"/>
      <c r="JDY726" s="613"/>
      <c r="JDZ726" s="613"/>
      <c r="JEA726" s="613"/>
      <c r="JEB726" s="613"/>
      <c r="JEC726" s="613"/>
      <c r="JED726" s="613"/>
      <c r="JEE726" s="613"/>
      <c r="JEF726" s="613"/>
      <c r="JEG726" s="613"/>
      <c r="JEH726" s="613"/>
      <c r="JEI726" s="613"/>
      <c r="JEJ726" s="613"/>
      <c r="JEK726" s="613"/>
      <c r="JEL726" s="613"/>
      <c r="JEM726" s="613"/>
      <c r="JEN726" s="613"/>
      <c r="JEO726" s="613"/>
      <c r="JEP726" s="613"/>
      <c r="JEQ726" s="613"/>
      <c r="JER726" s="613"/>
      <c r="JES726" s="613"/>
      <c r="JET726" s="613"/>
      <c r="JEU726" s="613"/>
      <c r="JEV726" s="613"/>
      <c r="JEW726" s="613"/>
      <c r="JEX726" s="613"/>
      <c r="JEY726" s="613"/>
      <c r="JEZ726" s="613"/>
      <c r="JFA726" s="613"/>
      <c r="JFB726" s="613"/>
      <c r="JFC726" s="613"/>
      <c r="JFD726" s="613"/>
      <c r="JFE726" s="613"/>
      <c r="JFF726" s="613"/>
      <c r="JFG726" s="613"/>
      <c r="JFH726" s="613"/>
      <c r="JFI726" s="613"/>
      <c r="JFJ726" s="613"/>
      <c r="JFK726" s="613"/>
      <c r="JFL726" s="613"/>
      <c r="JFM726" s="613"/>
      <c r="JFN726" s="613"/>
      <c r="JFO726" s="613"/>
      <c r="JFP726" s="613"/>
      <c r="JFQ726" s="613"/>
      <c r="JFR726" s="613"/>
      <c r="JFS726" s="613"/>
      <c r="JFT726" s="613"/>
      <c r="JFU726" s="613"/>
      <c r="JFV726" s="613"/>
      <c r="JFW726" s="613"/>
      <c r="JFX726" s="613"/>
      <c r="JFY726" s="613"/>
      <c r="JFZ726" s="613"/>
      <c r="JGA726" s="613"/>
      <c r="JGB726" s="613"/>
      <c r="JGC726" s="613"/>
      <c r="JGD726" s="613"/>
      <c r="JGE726" s="613"/>
      <c r="JGF726" s="613"/>
      <c r="JGG726" s="613"/>
      <c r="JGH726" s="613"/>
      <c r="JGI726" s="613"/>
      <c r="JGJ726" s="613"/>
      <c r="JGK726" s="613"/>
      <c r="JGL726" s="613"/>
      <c r="JGM726" s="613"/>
      <c r="JGN726" s="613"/>
      <c r="JGO726" s="613"/>
      <c r="JGP726" s="613"/>
      <c r="JGQ726" s="613"/>
      <c r="JGR726" s="613"/>
      <c r="JGS726" s="613"/>
      <c r="JGT726" s="613"/>
      <c r="JGU726" s="613"/>
      <c r="JGV726" s="613"/>
      <c r="JGW726" s="613"/>
      <c r="JGX726" s="613"/>
      <c r="JGY726" s="613"/>
      <c r="JGZ726" s="613"/>
      <c r="JHA726" s="613"/>
      <c r="JHB726" s="613"/>
      <c r="JHC726" s="613"/>
      <c r="JHD726" s="613"/>
      <c r="JHE726" s="613"/>
      <c r="JHF726" s="613"/>
      <c r="JHG726" s="613"/>
      <c r="JHH726" s="613"/>
      <c r="JHI726" s="613"/>
      <c r="JHJ726" s="613"/>
      <c r="JHK726" s="613"/>
      <c r="JHL726" s="613"/>
      <c r="JHM726" s="613"/>
      <c r="JHN726" s="613"/>
      <c r="JHO726" s="613"/>
      <c r="JHP726" s="613"/>
      <c r="JHQ726" s="613"/>
      <c r="JHR726" s="613"/>
      <c r="JHS726" s="613"/>
      <c r="JHT726" s="613"/>
      <c r="JHU726" s="613"/>
      <c r="JHV726" s="613"/>
      <c r="JHW726" s="613"/>
      <c r="JHX726" s="613"/>
      <c r="JHY726" s="613"/>
      <c r="JHZ726" s="613"/>
      <c r="JIA726" s="613"/>
      <c r="JIB726" s="613"/>
      <c r="JIC726" s="613"/>
      <c r="JID726" s="613"/>
      <c r="JIE726" s="613"/>
      <c r="JIF726" s="613"/>
      <c r="JIG726" s="613"/>
      <c r="JIH726" s="613"/>
      <c r="JII726" s="613"/>
      <c r="JIJ726" s="613"/>
      <c r="JIK726" s="613"/>
      <c r="JIL726" s="613"/>
      <c r="JIM726" s="613"/>
      <c r="JIN726" s="613"/>
      <c r="JIO726" s="613"/>
      <c r="JIP726" s="613"/>
      <c r="JIQ726" s="613"/>
      <c r="JIR726" s="613"/>
      <c r="JIS726" s="613"/>
      <c r="JIT726" s="613"/>
      <c r="JIU726" s="613"/>
      <c r="JIV726" s="613"/>
      <c r="JIW726" s="613"/>
      <c r="JIX726" s="613"/>
      <c r="JIY726" s="613"/>
      <c r="JIZ726" s="613"/>
      <c r="JJA726" s="613"/>
      <c r="JJB726" s="613"/>
      <c r="JJC726" s="613"/>
      <c r="JJD726" s="613"/>
      <c r="JJE726" s="613"/>
      <c r="JJF726" s="613"/>
      <c r="JJG726" s="613"/>
      <c r="JJH726" s="613"/>
      <c r="JJI726" s="613"/>
      <c r="JJJ726" s="613"/>
      <c r="JJK726" s="613"/>
      <c r="JJL726" s="613"/>
      <c r="JJM726" s="613"/>
      <c r="JJN726" s="613"/>
      <c r="JJO726" s="613"/>
      <c r="JJP726" s="613"/>
      <c r="JJQ726" s="613"/>
      <c r="JJR726" s="613"/>
      <c r="JJS726" s="613"/>
      <c r="JJT726" s="613"/>
      <c r="JJU726" s="613"/>
      <c r="JJV726" s="613"/>
      <c r="JJW726" s="613"/>
      <c r="JJX726" s="613"/>
      <c r="JJY726" s="613"/>
      <c r="JJZ726" s="613"/>
      <c r="JKA726" s="613"/>
      <c r="JKB726" s="613"/>
      <c r="JKC726" s="613"/>
      <c r="JKD726" s="613"/>
      <c r="JKE726" s="613"/>
      <c r="JKF726" s="613"/>
      <c r="JKG726" s="613"/>
      <c r="JKH726" s="613"/>
      <c r="JKI726" s="613"/>
      <c r="JKJ726" s="613"/>
      <c r="JKK726" s="613"/>
      <c r="JKL726" s="613"/>
      <c r="JKM726" s="613"/>
      <c r="JKN726" s="613"/>
      <c r="JKO726" s="613"/>
      <c r="JKP726" s="613"/>
      <c r="JKQ726" s="613"/>
      <c r="JKR726" s="613"/>
      <c r="JKS726" s="613"/>
      <c r="JKT726" s="613"/>
      <c r="JKU726" s="613"/>
      <c r="JKV726" s="613"/>
      <c r="JKW726" s="613"/>
      <c r="JKX726" s="613"/>
      <c r="JKY726" s="613"/>
      <c r="JKZ726" s="613"/>
      <c r="JLA726" s="613"/>
      <c r="JLB726" s="613"/>
      <c r="JLC726" s="613"/>
      <c r="JLD726" s="613"/>
      <c r="JLE726" s="613"/>
      <c r="JLF726" s="613"/>
      <c r="JLG726" s="613"/>
      <c r="JLH726" s="613"/>
      <c r="JLI726" s="613"/>
      <c r="JLJ726" s="613"/>
      <c r="JLK726" s="613"/>
      <c r="JLL726" s="613"/>
      <c r="JLM726" s="613"/>
      <c r="JLN726" s="613"/>
      <c r="JLO726" s="613"/>
      <c r="JLP726" s="613"/>
      <c r="JLQ726" s="613"/>
      <c r="JLR726" s="613"/>
      <c r="JLS726" s="613"/>
      <c r="JLT726" s="613"/>
      <c r="JLU726" s="613"/>
      <c r="JLV726" s="613"/>
      <c r="JLW726" s="613"/>
      <c r="JLX726" s="613"/>
      <c r="JLY726" s="613"/>
      <c r="JLZ726" s="613"/>
      <c r="JMA726" s="613"/>
      <c r="JMB726" s="613"/>
      <c r="JMC726" s="613"/>
      <c r="JMD726" s="613"/>
      <c r="JME726" s="613"/>
      <c r="JMF726" s="613"/>
      <c r="JMG726" s="613"/>
      <c r="JMH726" s="613"/>
      <c r="JMI726" s="613"/>
      <c r="JMJ726" s="613"/>
      <c r="JMK726" s="613"/>
      <c r="JML726" s="613"/>
      <c r="JMM726" s="613"/>
      <c r="JMN726" s="613"/>
      <c r="JMO726" s="613"/>
      <c r="JMP726" s="613"/>
      <c r="JMQ726" s="613"/>
      <c r="JMR726" s="613"/>
      <c r="JMS726" s="613"/>
      <c r="JMT726" s="613"/>
      <c r="JMU726" s="613"/>
      <c r="JMV726" s="613"/>
      <c r="JMW726" s="613"/>
      <c r="JMX726" s="613"/>
      <c r="JMY726" s="613"/>
      <c r="JMZ726" s="613"/>
      <c r="JNA726" s="613"/>
      <c r="JNB726" s="613"/>
      <c r="JNC726" s="613"/>
      <c r="JND726" s="613"/>
      <c r="JNE726" s="613"/>
      <c r="JNF726" s="613"/>
      <c r="JNG726" s="613"/>
      <c r="JNH726" s="613"/>
      <c r="JNI726" s="613"/>
      <c r="JNJ726" s="613"/>
      <c r="JNK726" s="613"/>
      <c r="JNL726" s="613"/>
      <c r="JNM726" s="613"/>
      <c r="JNN726" s="613"/>
      <c r="JNO726" s="613"/>
      <c r="JNP726" s="613"/>
      <c r="JNQ726" s="613"/>
      <c r="JNR726" s="613"/>
      <c r="JNS726" s="613"/>
      <c r="JNT726" s="613"/>
      <c r="JNU726" s="613"/>
      <c r="JNV726" s="613"/>
      <c r="JNW726" s="613"/>
      <c r="JNX726" s="613"/>
      <c r="JNY726" s="613"/>
      <c r="JNZ726" s="613"/>
      <c r="JOA726" s="613"/>
      <c r="JOB726" s="613"/>
      <c r="JOC726" s="613"/>
      <c r="JOD726" s="613"/>
      <c r="JOE726" s="613"/>
      <c r="JOF726" s="613"/>
      <c r="JOG726" s="613"/>
      <c r="JOH726" s="613"/>
      <c r="JOI726" s="613"/>
      <c r="JOJ726" s="613"/>
      <c r="JOK726" s="613"/>
      <c r="JOL726" s="613"/>
      <c r="JOM726" s="613"/>
      <c r="JON726" s="613"/>
      <c r="JOO726" s="613"/>
      <c r="JOP726" s="613"/>
      <c r="JOQ726" s="613"/>
      <c r="JOR726" s="613"/>
      <c r="JOS726" s="613"/>
      <c r="JOT726" s="613"/>
      <c r="JOU726" s="613"/>
      <c r="JOV726" s="613"/>
      <c r="JOW726" s="613"/>
      <c r="JOX726" s="613"/>
      <c r="JOY726" s="613"/>
      <c r="JOZ726" s="613"/>
      <c r="JPA726" s="613"/>
      <c r="JPB726" s="613"/>
      <c r="JPC726" s="613"/>
      <c r="JPD726" s="613"/>
      <c r="JPE726" s="613"/>
      <c r="JPF726" s="613"/>
      <c r="JPG726" s="613"/>
      <c r="JPH726" s="613"/>
      <c r="JPI726" s="613"/>
      <c r="JPJ726" s="613"/>
      <c r="JPK726" s="613"/>
      <c r="JPL726" s="613"/>
      <c r="JPM726" s="613"/>
      <c r="JPN726" s="613"/>
      <c r="JPO726" s="613"/>
      <c r="JPP726" s="613"/>
      <c r="JPQ726" s="613"/>
      <c r="JPR726" s="613"/>
      <c r="JPS726" s="613"/>
      <c r="JPT726" s="613"/>
      <c r="JPU726" s="613"/>
      <c r="JPV726" s="613"/>
      <c r="JPW726" s="613"/>
      <c r="JPX726" s="613"/>
      <c r="JPY726" s="613"/>
      <c r="JPZ726" s="613"/>
      <c r="JQA726" s="613"/>
      <c r="JQB726" s="613"/>
      <c r="JQC726" s="613"/>
      <c r="JQD726" s="613"/>
      <c r="JQE726" s="613"/>
      <c r="JQF726" s="613"/>
      <c r="JQG726" s="613"/>
      <c r="JQH726" s="613"/>
      <c r="JQI726" s="613"/>
      <c r="JQJ726" s="613"/>
      <c r="JQK726" s="613"/>
      <c r="JQL726" s="613"/>
      <c r="JQM726" s="613"/>
      <c r="JQN726" s="613"/>
      <c r="JQO726" s="613"/>
      <c r="JQP726" s="613"/>
      <c r="JQQ726" s="613"/>
      <c r="JQR726" s="613"/>
      <c r="JQS726" s="613"/>
      <c r="JQT726" s="613"/>
      <c r="JQU726" s="613"/>
      <c r="JQV726" s="613"/>
      <c r="JQW726" s="613"/>
      <c r="JQX726" s="613"/>
      <c r="JQY726" s="613"/>
      <c r="JQZ726" s="613"/>
      <c r="JRA726" s="613"/>
      <c r="JRB726" s="613"/>
      <c r="JRC726" s="613"/>
      <c r="JRD726" s="613"/>
      <c r="JRE726" s="613"/>
      <c r="JRF726" s="613"/>
      <c r="JRG726" s="613"/>
      <c r="JRH726" s="613"/>
      <c r="JRI726" s="613"/>
      <c r="JRJ726" s="613"/>
      <c r="JRK726" s="613"/>
      <c r="JRL726" s="613"/>
      <c r="JRM726" s="613"/>
      <c r="JRN726" s="613"/>
      <c r="JRO726" s="613"/>
      <c r="JRP726" s="613"/>
      <c r="JRQ726" s="613"/>
      <c r="JRR726" s="613"/>
      <c r="JRS726" s="613"/>
      <c r="JRT726" s="613"/>
      <c r="JRU726" s="613"/>
      <c r="JRV726" s="613"/>
      <c r="JRW726" s="613"/>
      <c r="JRX726" s="613"/>
      <c r="JRY726" s="613"/>
      <c r="JRZ726" s="613"/>
      <c r="JSA726" s="613"/>
      <c r="JSB726" s="613"/>
      <c r="JSC726" s="613"/>
      <c r="JSD726" s="613"/>
      <c r="JSE726" s="613"/>
      <c r="JSF726" s="613"/>
      <c r="JSG726" s="613"/>
      <c r="JSH726" s="613"/>
      <c r="JSI726" s="613"/>
      <c r="JSJ726" s="613"/>
      <c r="JSK726" s="613"/>
      <c r="JSL726" s="613"/>
      <c r="JSM726" s="613"/>
      <c r="JSN726" s="613"/>
      <c r="JSO726" s="613"/>
      <c r="JSP726" s="613"/>
      <c r="JSQ726" s="613"/>
      <c r="JSR726" s="613"/>
      <c r="JSS726" s="613"/>
      <c r="JST726" s="613"/>
      <c r="JSU726" s="613"/>
      <c r="JSV726" s="613"/>
      <c r="JSW726" s="613"/>
      <c r="JSX726" s="613"/>
      <c r="JSY726" s="613"/>
      <c r="JSZ726" s="613"/>
      <c r="JTA726" s="613"/>
      <c r="JTB726" s="613"/>
      <c r="JTC726" s="613"/>
      <c r="JTD726" s="613"/>
      <c r="JTE726" s="613"/>
      <c r="JTF726" s="613"/>
      <c r="JTG726" s="613"/>
      <c r="JTH726" s="613"/>
      <c r="JTI726" s="613"/>
      <c r="JTJ726" s="613"/>
      <c r="JTK726" s="613"/>
      <c r="JTL726" s="613"/>
      <c r="JTM726" s="613"/>
      <c r="JTN726" s="613"/>
      <c r="JTO726" s="613"/>
      <c r="JTP726" s="613"/>
      <c r="JTQ726" s="613"/>
      <c r="JTR726" s="613"/>
      <c r="JTS726" s="613"/>
      <c r="JTT726" s="613"/>
      <c r="JTU726" s="613"/>
      <c r="JTV726" s="613"/>
      <c r="JTW726" s="613"/>
      <c r="JTX726" s="613"/>
      <c r="JTY726" s="613"/>
      <c r="JTZ726" s="613"/>
      <c r="JUA726" s="613"/>
      <c r="JUB726" s="613"/>
      <c r="JUC726" s="613"/>
      <c r="JUD726" s="613"/>
      <c r="JUE726" s="613"/>
      <c r="JUF726" s="613"/>
      <c r="JUG726" s="613"/>
      <c r="JUH726" s="613"/>
      <c r="JUI726" s="613"/>
      <c r="JUJ726" s="613"/>
      <c r="JUK726" s="613"/>
      <c r="JUL726" s="613"/>
      <c r="JUM726" s="613"/>
      <c r="JUN726" s="613"/>
      <c r="JUO726" s="613"/>
      <c r="JUP726" s="613"/>
      <c r="JUQ726" s="613"/>
      <c r="JUR726" s="613"/>
      <c r="JUS726" s="613"/>
      <c r="JUT726" s="613"/>
      <c r="JUU726" s="613"/>
      <c r="JUV726" s="613"/>
      <c r="JUW726" s="613"/>
      <c r="JUX726" s="613"/>
      <c r="JUY726" s="613"/>
      <c r="JUZ726" s="613"/>
      <c r="JVA726" s="613"/>
      <c r="JVB726" s="613"/>
      <c r="JVC726" s="613"/>
      <c r="JVD726" s="613"/>
      <c r="JVE726" s="613"/>
      <c r="JVF726" s="613"/>
      <c r="JVG726" s="613"/>
      <c r="JVH726" s="613"/>
      <c r="JVI726" s="613"/>
      <c r="JVJ726" s="613"/>
      <c r="JVK726" s="613"/>
      <c r="JVL726" s="613"/>
      <c r="JVM726" s="613"/>
      <c r="JVN726" s="613"/>
      <c r="JVO726" s="613"/>
      <c r="JVP726" s="613"/>
      <c r="JVQ726" s="613"/>
      <c r="JVR726" s="613"/>
      <c r="JVS726" s="613"/>
      <c r="JVT726" s="613"/>
      <c r="JVU726" s="613"/>
      <c r="JVV726" s="613"/>
      <c r="JVW726" s="613"/>
      <c r="JVX726" s="613"/>
      <c r="JVY726" s="613"/>
      <c r="JVZ726" s="613"/>
      <c r="JWA726" s="613"/>
      <c r="JWB726" s="613"/>
      <c r="JWC726" s="613"/>
      <c r="JWD726" s="613"/>
      <c r="JWE726" s="613"/>
      <c r="JWF726" s="613"/>
      <c r="JWG726" s="613"/>
      <c r="JWH726" s="613"/>
      <c r="JWI726" s="613"/>
      <c r="JWJ726" s="613"/>
      <c r="JWK726" s="613"/>
      <c r="JWL726" s="613"/>
      <c r="JWM726" s="613"/>
      <c r="JWN726" s="613"/>
      <c r="JWO726" s="613"/>
      <c r="JWP726" s="613"/>
      <c r="JWQ726" s="613"/>
      <c r="JWR726" s="613"/>
      <c r="JWS726" s="613"/>
      <c r="JWT726" s="613"/>
      <c r="JWU726" s="613"/>
      <c r="JWV726" s="613"/>
      <c r="JWW726" s="613"/>
      <c r="JWX726" s="613"/>
      <c r="JWY726" s="613"/>
      <c r="JWZ726" s="613"/>
      <c r="JXA726" s="613"/>
      <c r="JXB726" s="613"/>
      <c r="JXC726" s="613"/>
      <c r="JXD726" s="613"/>
      <c r="JXE726" s="613"/>
      <c r="JXF726" s="613"/>
      <c r="JXG726" s="613"/>
      <c r="JXH726" s="613"/>
      <c r="JXI726" s="613"/>
      <c r="JXJ726" s="613"/>
      <c r="JXK726" s="613"/>
      <c r="JXL726" s="613"/>
      <c r="JXM726" s="613"/>
      <c r="JXN726" s="613"/>
      <c r="JXO726" s="613"/>
      <c r="JXP726" s="613"/>
      <c r="JXQ726" s="613"/>
      <c r="JXR726" s="613"/>
      <c r="JXS726" s="613"/>
      <c r="JXT726" s="613"/>
      <c r="JXU726" s="613"/>
      <c r="JXV726" s="613"/>
      <c r="JXW726" s="613"/>
      <c r="JXX726" s="613"/>
      <c r="JXY726" s="613"/>
      <c r="JXZ726" s="613"/>
      <c r="JYA726" s="613"/>
      <c r="JYB726" s="613"/>
      <c r="JYC726" s="613"/>
      <c r="JYD726" s="613"/>
      <c r="JYE726" s="613"/>
      <c r="JYF726" s="613"/>
      <c r="JYG726" s="613"/>
      <c r="JYH726" s="613"/>
      <c r="JYI726" s="613"/>
      <c r="JYJ726" s="613"/>
      <c r="JYK726" s="613"/>
      <c r="JYL726" s="613"/>
      <c r="JYM726" s="613"/>
      <c r="JYN726" s="613"/>
      <c r="JYO726" s="613"/>
      <c r="JYP726" s="613"/>
      <c r="JYQ726" s="613"/>
      <c r="JYR726" s="613"/>
      <c r="JYS726" s="613"/>
      <c r="JYT726" s="613"/>
      <c r="JYU726" s="613"/>
      <c r="JYV726" s="613"/>
      <c r="JYW726" s="613"/>
      <c r="JYX726" s="613"/>
      <c r="JYY726" s="613"/>
      <c r="JYZ726" s="613"/>
      <c r="JZA726" s="613"/>
      <c r="JZB726" s="613"/>
      <c r="JZC726" s="613"/>
      <c r="JZD726" s="613"/>
      <c r="JZE726" s="613"/>
      <c r="JZF726" s="613"/>
      <c r="JZG726" s="613"/>
      <c r="JZH726" s="613"/>
      <c r="JZI726" s="613"/>
      <c r="JZJ726" s="613"/>
      <c r="JZK726" s="613"/>
      <c r="JZL726" s="613"/>
      <c r="JZM726" s="613"/>
      <c r="JZN726" s="613"/>
      <c r="JZO726" s="613"/>
      <c r="JZP726" s="613"/>
      <c r="JZQ726" s="613"/>
      <c r="JZR726" s="613"/>
      <c r="JZS726" s="613"/>
      <c r="JZT726" s="613"/>
      <c r="JZU726" s="613"/>
      <c r="JZV726" s="613"/>
      <c r="JZW726" s="613"/>
      <c r="JZX726" s="613"/>
      <c r="JZY726" s="613"/>
      <c r="JZZ726" s="613"/>
      <c r="KAA726" s="613"/>
      <c r="KAB726" s="613"/>
      <c r="KAC726" s="613"/>
      <c r="KAD726" s="613"/>
      <c r="KAE726" s="613"/>
      <c r="KAF726" s="613"/>
      <c r="KAG726" s="613"/>
      <c r="KAH726" s="613"/>
      <c r="KAI726" s="613"/>
      <c r="KAJ726" s="613"/>
      <c r="KAK726" s="613"/>
      <c r="KAL726" s="613"/>
      <c r="KAM726" s="613"/>
      <c r="KAN726" s="613"/>
      <c r="KAO726" s="613"/>
      <c r="KAP726" s="613"/>
      <c r="KAQ726" s="613"/>
      <c r="KAR726" s="613"/>
      <c r="KAS726" s="613"/>
      <c r="KAT726" s="613"/>
      <c r="KAU726" s="613"/>
      <c r="KAV726" s="613"/>
      <c r="KAW726" s="613"/>
      <c r="KAX726" s="613"/>
      <c r="KAY726" s="613"/>
      <c r="KAZ726" s="613"/>
      <c r="KBA726" s="613"/>
      <c r="KBB726" s="613"/>
      <c r="KBC726" s="613"/>
      <c r="KBD726" s="613"/>
      <c r="KBE726" s="613"/>
      <c r="KBF726" s="613"/>
      <c r="KBG726" s="613"/>
      <c r="KBH726" s="613"/>
      <c r="KBI726" s="613"/>
      <c r="KBJ726" s="613"/>
      <c r="KBK726" s="613"/>
      <c r="KBL726" s="613"/>
      <c r="KBM726" s="613"/>
      <c r="KBN726" s="613"/>
      <c r="KBO726" s="613"/>
      <c r="KBP726" s="613"/>
      <c r="KBQ726" s="613"/>
      <c r="KBR726" s="613"/>
      <c r="KBS726" s="613"/>
      <c r="KBT726" s="613"/>
      <c r="KBU726" s="613"/>
      <c r="KBV726" s="613"/>
      <c r="KBW726" s="613"/>
      <c r="KBX726" s="613"/>
      <c r="KBY726" s="613"/>
      <c r="KBZ726" s="613"/>
      <c r="KCA726" s="613"/>
      <c r="KCB726" s="613"/>
      <c r="KCC726" s="613"/>
      <c r="KCD726" s="613"/>
      <c r="KCE726" s="613"/>
      <c r="KCF726" s="613"/>
      <c r="KCG726" s="613"/>
      <c r="KCH726" s="613"/>
      <c r="KCI726" s="613"/>
      <c r="KCJ726" s="613"/>
      <c r="KCK726" s="613"/>
      <c r="KCL726" s="613"/>
      <c r="KCM726" s="613"/>
      <c r="KCN726" s="613"/>
      <c r="KCO726" s="613"/>
      <c r="KCP726" s="613"/>
      <c r="KCQ726" s="613"/>
      <c r="KCR726" s="613"/>
      <c r="KCS726" s="613"/>
      <c r="KCT726" s="613"/>
      <c r="KCU726" s="613"/>
      <c r="KCV726" s="613"/>
      <c r="KCW726" s="613"/>
      <c r="KCX726" s="613"/>
      <c r="KCY726" s="613"/>
      <c r="KCZ726" s="613"/>
      <c r="KDA726" s="613"/>
      <c r="KDB726" s="613"/>
      <c r="KDC726" s="613"/>
      <c r="KDD726" s="613"/>
      <c r="KDE726" s="613"/>
      <c r="KDF726" s="613"/>
      <c r="KDG726" s="613"/>
      <c r="KDH726" s="613"/>
      <c r="KDI726" s="613"/>
      <c r="KDJ726" s="613"/>
      <c r="KDK726" s="613"/>
      <c r="KDL726" s="613"/>
      <c r="KDM726" s="613"/>
      <c r="KDN726" s="613"/>
      <c r="KDO726" s="613"/>
      <c r="KDP726" s="613"/>
      <c r="KDQ726" s="613"/>
      <c r="KDR726" s="613"/>
      <c r="KDS726" s="613"/>
      <c r="KDT726" s="613"/>
      <c r="KDU726" s="613"/>
      <c r="KDV726" s="613"/>
      <c r="KDW726" s="613"/>
      <c r="KDX726" s="613"/>
      <c r="KDY726" s="613"/>
      <c r="KDZ726" s="613"/>
      <c r="KEA726" s="613"/>
      <c r="KEB726" s="613"/>
      <c r="KEC726" s="613"/>
      <c r="KED726" s="613"/>
      <c r="KEE726" s="613"/>
      <c r="KEF726" s="613"/>
      <c r="KEG726" s="613"/>
      <c r="KEH726" s="613"/>
      <c r="KEI726" s="613"/>
      <c r="KEJ726" s="613"/>
      <c r="KEK726" s="613"/>
      <c r="KEL726" s="613"/>
      <c r="KEM726" s="613"/>
      <c r="KEN726" s="613"/>
      <c r="KEO726" s="613"/>
      <c r="KEP726" s="613"/>
      <c r="KEQ726" s="613"/>
      <c r="KER726" s="613"/>
      <c r="KES726" s="613"/>
      <c r="KET726" s="613"/>
      <c r="KEU726" s="613"/>
      <c r="KEV726" s="613"/>
      <c r="KEW726" s="613"/>
      <c r="KEX726" s="613"/>
      <c r="KEY726" s="613"/>
      <c r="KEZ726" s="613"/>
      <c r="KFA726" s="613"/>
      <c r="KFB726" s="613"/>
      <c r="KFC726" s="613"/>
      <c r="KFD726" s="613"/>
      <c r="KFE726" s="613"/>
      <c r="KFF726" s="613"/>
      <c r="KFG726" s="613"/>
      <c r="KFH726" s="613"/>
      <c r="KFI726" s="613"/>
      <c r="KFJ726" s="613"/>
      <c r="KFK726" s="613"/>
      <c r="KFL726" s="613"/>
      <c r="KFM726" s="613"/>
      <c r="KFN726" s="613"/>
      <c r="KFO726" s="613"/>
      <c r="KFP726" s="613"/>
      <c r="KFQ726" s="613"/>
      <c r="KFR726" s="613"/>
      <c r="KFS726" s="613"/>
      <c r="KFT726" s="613"/>
      <c r="KFU726" s="613"/>
      <c r="KFV726" s="613"/>
      <c r="KFW726" s="613"/>
      <c r="KFX726" s="613"/>
      <c r="KFY726" s="613"/>
      <c r="KFZ726" s="613"/>
      <c r="KGA726" s="613"/>
      <c r="KGB726" s="613"/>
      <c r="KGC726" s="613"/>
      <c r="KGD726" s="613"/>
      <c r="KGE726" s="613"/>
      <c r="KGF726" s="613"/>
      <c r="KGG726" s="613"/>
      <c r="KGH726" s="613"/>
      <c r="KGI726" s="613"/>
      <c r="KGJ726" s="613"/>
      <c r="KGK726" s="613"/>
      <c r="KGL726" s="613"/>
      <c r="KGM726" s="613"/>
      <c r="KGN726" s="613"/>
      <c r="KGO726" s="613"/>
      <c r="KGP726" s="613"/>
      <c r="KGQ726" s="613"/>
      <c r="KGR726" s="613"/>
      <c r="KGS726" s="613"/>
      <c r="KGT726" s="613"/>
      <c r="KGU726" s="613"/>
      <c r="KGV726" s="613"/>
      <c r="KGW726" s="613"/>
      <c r="KGX726" s="613"/>
      <c r="KGY726" s="613"/>
      <c r="KGZ726" s="613"/>
      <c r="KHA726" s="613"/>
      <c r="KHB726" s="613"/>
      <c r="KHC726" s="613"/>
      <c r="KHD726" s="613"/>
      <c r="KHE726" s="613"/>
      <c r="KHF726" s="613"/>
      <c r="KHG726" s="613"/>
      <c r="KHH726" s="613"/>
      <c r="KHI726" s="613"/>
      <c r="KHJ726" s="613"/>
      <c r="KHK726" s="613"/>
      <c r="KHL726" s="613"/>
      <c r="KHM726" s="613"/>
      <c r="KHN726" s="613"/>
      <c r="KHO726" s="613"/>
      <c r="KHP726" s="613"/>
      <c r="KHQ726" s="613"/>
      <c r="KHR726" s="613"/>
      <c r="KHS726" s="613"/>
      <c r="KHT726" s="613"/>
      <c r="KHU726" s="613"/>
      <c r="KHV726" s="613"/>
      <c r="KHW726" s="613"/>
      <c r="KHX726" s="613"/>
      <c r="KHY726" s="613"/>
      <c r="KHZ726" s="613"/>
      <c r="KIA726" s="613"/>
      <c r="KIB726" s="613"/>
      <c r="KIC726" s="613"/>
      <c r="KID726" s="613"/>
      <c r="KIE726" s="613"/>
      <c r="KIF726" s="613"/>
      <c r="KIG726" s="613"/>
      <c r="KIH726" s="613"/>
      <c r="KII726" s="613"/>
      <c r="KIJ726" s="613"/>
      <c r="KIK726" s="613"/>
      <c r="KIL726" s="613"/>
      <c r="KIM726" s="613"/>
      <c r="KIN726" s="613"/>
      <c r="KIO726" s="613"/>
      <c r="KIP726" s="613"/>
      <c r="KIQ726" s="613"/>
      <c r="KIR726" s="613"/>
      <c r="KIS726" s="613"/>
      <c r="KIT726" s="613"/>
      <c r="KIU726" s="613"/>
      <c r="KIV726" s="613"/>
      <c r="KIW726" s="613"/>
      <c r="KIX726" s="613"/>
      <c r="KIY726" s="613"/>
      <c r="KIZ726" s="613"/>
      <c r="KJA726" s="613"/>
      <c r="KJB726" s="613"/>
      <c r="KJC726" s="613"/>
      <c r="KJD726" s="613"/>
      <c r="KJE726" s="613"/>
      <c r="KJF726" s="613"/>
      <c r="KJG726" s="613"/>
      <c r="KJH726" s="613"/>
      <c r="KJI726" s="613"/>
      <c r="KJJ726" s="613"/>
      <c r="KJK726" s="613"/>
      <c r="KJL726" s="613"/>
      <c r="KJM726" s="613"/>
      <c r="KJN726" s="613"/>
      <c r="KJO726" s="613"/>
      <c r="KJP726" s="613"/>
      <c r="KJQ726" s="613"/>
      <c r="KJR726" s="613"/>
      <c r="KJS726" s="613"/>
      <c r="KJT726" s="613"/>
      <c r="KJU726" s="613"/>
      <c r="KJV726" s="613"/>
      <c r="KJW726" s="613"/>
      <c r="KJX726" s="613"/>
      <c r="KJY726" s="613"/>
      <c r="KJZ726" s="613"/>
      <c r="KKA726" s="613"/>
      <c r="KKB726" s="613"/>
      <c r="KKC726" s="613"/>
      <c r="KKD726" s="613"/>
      <c r="KKE726" s="613"/>
      <c r="KKF726" s="613"/>
      <c r="KKG726" s="613"/>
      <c r="KKH726" s="613"/>
      <c r="KKI726" s="613"/>
      <c r="KKJ726" s="613"/>
      <c r="KKK726" s="613"/>
      <c r="KKL726" s="613"/>
      <c r="KKM726" s="613"/>
      <c r="KKN726" s="613"/>
      <c r="KKO726" s="613"/>
      <c r="KKP726" s="613"/>
      <c r="KKQ726" s="613"/>
      <c r="KKR726" s="613"/>
      <c r="KKS726" s="613"/>
      <c r="KKT726" s="613"/>
      <c r="KKU726" s="613"/>
      <c r="KKV726" s="613"/>
      <c r="KKW726" s="613"/>
      <c r="KKX726" s="613"/>
      <c r="KKY726" s="613"/>
      <c r="KKZ726" s="613"/>
      <c r="KLA726" s="613"/>
      <c r="KLB726" s="613"/>
      <c r="KLC726" s="613"/>
      <c r="KLD726" s="613"/>
      <c r="KLE726" s="613"/>
      <c r="KLF726" s="613"/>
      <c r="KLG726" s="613"/>
      <c r="KLH726" s="613"/>
      <c r="KLI726" s="613"/>
      <c r="KLJ726" s="613"/>
      <c r="KLK726" s="613"/>
      <c r="KLL726" s="613"/>
      <c r="KLM726" s="613"/>
      <c r="KLN726" s="613"/>
      <c r="KLO726" s="613"/>
      <c r="KLP726" s="613"/>
      <c r="KLQ726" s="613"/>
      <c r="KLR726" s="613"/>
      <c r="KLS726" s="613"/>
      <c r="KLT726" s="613"/>
      <c r="KLU726" s="613"/>
      <c r="KLV726" s="613"/>
      <c r="KLW726" s="613"/>
      <c r="KLX726" s="613"/>
      <c r="KLY726" s="613"/>
      <c r="KLZ726" s="613"/>
      <c r="KMA726" s="613"/>
      <c r="KMB726" s="613"/>
      <c r="KMC726" s="613"/>
      <c r="KMD726" s="613"/>
      <c r="KME726" s="613"/>
      <c r="KMF726" s="613"/>
      <c r="KMG726" s="613"/>
      <c r="KMH726" s="613"/>
      <c r="KMI726" s="613"/>
      <c r="KMJ726" s="613"/>
      <c r="KMK726" s="613"/>
      <c r="KML726" s="613"/>
      <c r="KMM726" s="613"/>
      <c r="KMN726" s="613"/>
      <c r="KMO726" s="613"/>
      <c r="KMP726" s="613"/>
      <c r="KMQ726" s="613"/>
      <c r="KMR726" s="613"/>
      <c r="KMS726" s="613"/>
      <c r="KMT726" s="613"/>
      <c r="KMU726" s="613"/>
      <c r="KMV726" s="613"/>
      <c r="KMW726" s="613"/>
      <c r="KMX726" s="613"/>
      <c r="KMY726" s="613"/>
      <c r="KMZ726" s="613"/>
      <c r="KNA726" s="613"/>
      <c r="KNB726" s="613"/>
      <c r="KNC726" s="613"/>
      <c r="KND726" s="613"/>
      <c r="KNE726" s="613"/>
      <c r="KNF726" s="613"/>
      <c r="KNG726" s="613"/>
      <c r="KNH726" s="613"/>
      <c r="KNI726" s="613"/>
      <c r="KNJ726" s="613"/>
      <c r="KNK726" s="613"/>
      <c r="KNL726" s="613"/>
      <c r="KNM726" s="613"/>
      <c r="KNN726" s="613"/>
      <c r="KNO726" s="613"/>
      <c r="KNP726" s="613"/>
      <c r="KNQ726" s="613"/>
      <c r="KNR726" s="613"/>
      <c r="KNS726" s="613"/>
      <c r="KNT726" s="613"/>
      <c r="KNU726" s="613"/>
      <c r="KNV726" s="613"/>
      <c r="KNW726" s="613"/>
      <c r="KNX726" s="613"/>
      <c r="KNY726" s="613"/>
      <c r="KNZ726" s="613"/>
      <c r="KOA726" s="613"/>
      <c r="KOB726" s="613"/>
      <c r="KOC726" s="613"/>
      <c r="KOD726" s="613"/>
      <c r="KOE726" s="613"/>
      <c r="KOF726" s="613"/>
      <c r="KOG726" s="613"/>
      <c r="KOH726" s="613"/>
      <c r="KOI726" s="613"/>
      <c r="KOJ726" s="613"/>
      <c r="KOK726" s="613"/>
      <c r="KOL726" s="613"/>
      <c r="KOM726" s="613"/>
      <c r="KON726" s="613"/>
      <c r="KOO726" s="613"/>
      <c r="KOP726" s="613"/>
      <c r="KOQ726" s="613"/>
      <c r="KOR726" s="613"/>
      <c r="KOS726" s="613"/>
      <c r="KOT726" s="613"/>
      <c r="KOU726" s="613"/>
      <c r="KOV726" s="613"/>
      <c r="KOW726" s="613"/>
      <c r="KOX726" s="613"/>
      <c r="KOY726" s="613"/>
      <c r="KOZ726" s="613"/>
      <c r="KPA726" s="613"/>
      <c r="KPB726" s="613"/>
      <c r="KPC726" s="613"/>
      <c r="KPD726" s="613"/>
      <c r="KPE726" s="613"/>
      <c r="KPF726" s="613"/>
      <c r="KPG726" s="613"/>
      <c r="KPH726" s="613"/>
      <c r="KPI726" s="613"/>
      <c r="KPJ726" s="613"/>
      <c r="KPK726" s="613"/>
      <c r="KPL726" s="613"/>
      <c r="KPM726" s="613"/>
      <c r="KPN726" s="613"/>
      <c r="KPO726" s="613"/>
      <c r="KPP726" s="613"/>
      <c r="KPQ726" s="613"/>
      <c r="KPR726" s="613"/>
      <c r="KPS726" s="613"/>
      <c r="KPT726" s="613"/>
      <c r="KPU726" s="613"/>
      <c r="KPV726" s="613"/>
      <c r="KPW726" s="613"/>
      <c r="KPX726" s="613"/>
      <c r="KPY726" s="613"/>
      <c r="KPZ726" s="613"/>
      <c r="KQA726" s="613"/>
      <c r="KQB726" s="613"/>
      <c r="KQC726" s="613"/>
      <c r="KQD726" s="613"/>
      <c r="KQE726" s="613"/>
      <c r="KQF726" s="613"/>
      <c r="KQG726" s="613"/>
      <c r="KQH726" s="613"/>
      <c r="KQI726" s="613"/>
      <c r="KQJ726" s="613"/>
      <c r="KQK726" s="613"/>
      <c r="KQL726" s="613"/>
      <c r="KQM726" s="613"/>
      <c r="KQN726" s="613"/>
      <c r="KQO726" s="613"/>
      <c r="KQP726" s="613"/>
      <c r="KQQ726" s="613"/>
      <c r="KQR726" s="613"/>
      <c r="KQS726" s="613"/>
      <c r="KQT726" s="613"/>
      <c r="KQU726" s="613"/>
      <c r="KQV726" s="613"/>
      <c r="KQW726" s="613"/>
      <c r="KQX726" s="613"/>
      <c r="KQY726" s="613"/>
      <c r="KQZ726" s="613"/>
      <c r="KRA726" s="613"/>
      <c r="KRB726" s="613"/>
      <c r="KRC726" s="613"/>
      <c r="KRD726" s="613"/>
      <c r="KRE726" s="613"/>
      <c r="KRF726" s="613"/>
      <c r="KRG726" s="613"/>
      <c r="KRH726" s="613"/>
      <c r="KRI726" s="613"/>
      <c r="KRJ726" s="613"/>
      <c r="KRK726" s="613"/>
      <c r="KRL726" s="613"/>
      <c r="KRM726" s="613"/>
      <c r="KRN726" s="613"/>
      <c r="KRO726" s="613"/>
      <c r="KRP726" s="613"/>
      <c r="KRQ726" s="613"/>
      <c r="KRR726" s="613"/>
      <c r="KRS726" s="613"/>
      <c r="KRT726" s="613"/>
      <c r="KRU726" s="613"/>
      <c r="KRV726" s="613"/>
      <c r="KRW726" s="613"/>
      <c r="KRX726" s="613"/>
      <c r="KRY726" s="613"/>
      <c r="KRZ726" s="613"/>
      <c r="KSA726" s="613"/>
      <c r="KSB726" s="613"/>
      <c r="KSC726" s="613"/>
      <c r="KSD726" s="613"/>
      <c r="KSE726" s="613"/>
      <c r="KSF726" s="613"/>
      <c r="KSG726" s="613"/>
      <c r="KSH726" s="613"/>
      <c r="KSI726" s="613"/>
      <c r="KSJ726" s="613"/>
      <c r="KSK726" s="613"/>
      <c r="KSL726" s="613"/>
      <c r="KSM726" s="613"/>
      <c r="KSN726" s="613"/>
      <c r="KSO726" s="613"/>
      <c r="KSP726" s="613"/>
      <c r="KSQ726" s="613"/>
      <c r="KSR726" s="613"/>
      <c r="KSS726" s="613"/>
      <c r="KST726" s="613"/>
      <c r="KSU726" s="613"/>
      <c r="KSV726" s="613"/>
      <c r="KSW726" s="613"/>
      <c r="KSX726" s="613"/>
      <c r="KSY726" s="613"/>
      <c r="KSZ726" s="613"/>
      <c r="KTA726" s="613"/>
      <c r="KTB726" s="613"/>
      <c r="KTC726" s="613"/>
      <c r="KTD726" s="613"/>
      <c r="KTE726" s="613"/>
      <c r="KTF726" s="613"/>
      <c r="KTG726" s="613"/>
      <c r="KTH726" s="613"/>
      <c r="KTI726" s="613"/>
      <c r="KTJ726" s="613"/>
      <c r="KTK726" s="613"/>
      <c r="KTL726" s="613"/>
      <c r="KTM726" s="613"/>
      <c r="KTN726" s="613"/>
      <c r="KTO726" s="613"/>
      <c r="KTP726" s="613"/>
      <c r="KTQ726" s="613"/>
      <c r="KTR726" s="613"/>
      <c r="KTS726" s="613"/>
      <c r="KTT726" s="613"/>
      <c r="KTU726" s="613"/>
      <c r="KTV726" s="613"/>
      <c r="KTW726" s="613"/>
      <c r="KTX726" s="613"/>
      <c r="KTY726" s="613"/>
      <c r="KTZ726" s="613"/>
      <c r="KUA726" s="613"/>
      <c r="KUB726" s="613"/>
      <c r="KUC726" s="613"/>
      <c r="KUD726" s="613"/>
      <c r="KUE726" s="613"/>
      <c r="KUF726" s="613"/>
      <c r="KUG726" s="613"/>
      <c r="KUH726" s="613"/>
      <c r="KUI726" s="613"/>
      <c r="KUJ726" s="613"/>
      <c r="KUK726" s="613"/>
      <c r="KUL726" s="613"/>
      <c r="KUM726" s="613"/>
      <c r="KUN726" s="613"/>
      <c r="KUO726" s="613"/>
      <c r="KUP726" s="613"/>
      <c r="KUQ726" s="613"/>
      <c r="KUR726" s="613"/>
      <c r="KUS726" s="613"/>
      <c r="KUT726" s="613"/>
      <c r="KUU726" s="613"/>
      <c r="KUV726" s="613"/>
      <c r="KUW726" s="613"/>
      <c r="KUX726" s="613"/>
      <c r="KUY726" s="613"/>
      <c r="KUZ726" s="613"/>
      <c r="KVA726" s="613"/>
      <c r="KVB726" s="613"/>
      <c r="KVC726" s="613"/>
      <c r="KVD726" s="613"/>
      <c r="KVE726" s="613"/>
      <c r="KVF726" s="613"/>
      <c r="KVG726" s="613"/>
      <c r="KVH726" s="613"/>
      <c r="KVI726" s="613"/>
      <c r="KVJ726" s="613"/>
      <c r="KVK726" s="613"/>
      <c r="KVL726" s="613"/>
      <c r="KVM726" s="613"/>
      <c r="KVN726" s="613"/>
      <c r="KVO726" s="613"/>
      <c r="KVP726" s="613"/>
      <c r="KVQ726" s="613"/>
      <c r="KVR726" s="613"/>
      <c r="KVS726" s="613"/>
      <c r="KVT726" s="613"/>
      <c r="KVU726" s="613"/>
      <c r="KVV726" s="613"/>
      <c r="KVW726" s="613"/>
      <c r="KVX726" s="613"/>
      <c r="KVY726" s="613"/>
      <c r="KVZ726" s="613"/>
      <c r="KWA726" s="613"/>
      <c r="KWB726" s="613"/>
      <c r="KWC726" s="613"/>
      <c r="KWD726" s="613"/>
      <c r="KWE726" s="613"/>
      <c r="KWF726" s="613"/>
      <c r="KWG726" s="613"/>
      <c r="KWH726" s="613"/>
      <c r="KWI726" s="613"/>
      <c r="KWJ726" s="613"/>
      <c r="KWK726" s="613"/>
      <c r="KWL726" s="613"/>
      <c r="KWM726" s="613"/>
      <c r="KWN726" s="613"/>
      <c r="KWO726" s="613"/>
      <c r="KWP726" s="613"/>
      <c r="KWQ726" s="613"/>
      <c r="KWR726" s="613"/>
      <c r="KWS726" s="613"/>
      <c r="KWT726" s="613"/>
      <c r="KWU726" s="613"/>
      <c r="KWV726" s="613"/>
      <c r="KWW726" s="613"/>
      <c r="KWX726" s="613"/>
      <c r="KWY726" s="613"/>
      <c r="KWZ726" s="613"/>
      <c r="KXA726" s="613"/>
      <c r="KXB726" s="613"/>
      <c r="KXC726" s="613"/>
      <c r="KXD726" s="613"/>
      <c r="KXE726" s="613"/>
      <c r="KXF726" s="613"/>
      <c r="KXG726" s="613"/>
      <c r="KXH726" s="613"/>
      <c r="KXI726" s="613"/>
      <c r="KXJ726" s="613"/>
      <c r="KXK726" s="613"/>
      <c r="KXL726" s="613"/>
      <c r="KXM726" s="613"/>
      <c r="KXN726" s="613"/>
      <c r="KXO726" s="613"/>
      <c r="KXP726" s="613"/>
      <c r="KXQ726" s="613"/>
      <c r="KXR726" s="613"/>
      <c r="KXS726" s="613"/>
      <c r="KXT726" s="613"/>
      <c r="KXU726" s="613"/>
      <c r="KXV726" s="613"/>
      <c r="KXW726" s="613"/>
      <c r="KXX726" s="613"/>
      <c r="KXY726" s="613"/>
      <c r="KXZ726" s="613"/>
      <c r="KYA726" s="613"/>
      <c r="KYB726" s="613"/>
      <c r="KYC726" s="613"/>
      <c r="KYD726" s="613"/>
      <c r="KYE726" s="613"/>
      <c r="KYF726" s="613"/>
      <c r="KYG726" s="613"/>
      <c r="KYH726" s="613"/>
      <c r="KYI726" s="613"/>
      <c r="KYJ726" s="613"/>
      <c r="KYK726" s="613"/>
      <c r="KYL726" s="613"/>
      <c r="KYM726" s="613"/>
      <c r="KYN726" s="613"/>
      <c r="KYO726" s="613"/>
      <c r="KYP726" s="613"/>
      <c r="KYQ726" s="613"/>
      <c r="KYR726" s="613"/>
      <c r="KYS726" s="613"/>
      <c r="KYT726" s="613"/>
      <c r="KYU726" s="613"/>
      <c r="KYV726" s="613"/>
      <c r="KYW726" s="613"/>
      <c r="KYX726" s="613"/>
      <c r="KYY726" s="613"/>
      <c r="KYZ726" s="613"/>
      <c r="KZA726" s="613"/>
      <c r="KZB726" s="613"/>
      <c r="KZC726" s="613"/>
      <c r="KZD726" s="613"/>
      <c r="KZE726" s="613"/>
      <c r="KZF726" s="613"/>
      <c r="KZG726" s="613"/>
      <c r="KZH726" s="613"/>
      <c r="KZI726" s="613"/>
      <c r="KZJ726" s="613"/>
      <c r="KZK726" s="613"/>
      <c r="KZL726" s="613"/>
      <c r="KZM726" s="613"/>
      <c r="KZN726" s="613"/>
      <c r="KZO726" s="613"/>
      <c r="KZP726" s="613"/>
      <c r="KZQ726" s="613"/>
      <c r="KZR726" s="613"/>
      <c r="KZS726" s="613"/>
      <c r="KZT726" s="613"/>
      <c r="KZU726" s="613"/>
      <c r="KZV726" s="613"/>
      <c r="KZW726" s="613"/>
      <c r="KZX726" s="613"/>
      <c r="KZY726" s="613"/>
      <c r="KZZ726" s="613"/>
      <c r="LAA726" s="613"/>
      <c r="LAB726" s="613"/>
      <c r="LAC726" s="613"/>
      <c r="LAD726" s="613"/>
      <c r="LAE726" s="613"/>
      <c r="LAF726" s="613"/>
      <c r="LAG726" s="613"/>
      <c r="LAH726" s="613"/>
      <c r="LAI726" s="613"/>
      <c r="LAJ726" s="613"/>
      <c r="LAK726" s="613"/>
      <c r="LAL726" s="613"/>
      <c r="LAM726" s="613"/>
      <c r="LAN726" s="613"/>
      <c r="LAO726" s="613"/>
      <c r="LAP726" s="613"/>
      <c r="LAQ726" s="613"/>
      <c r="LAR726" s="613"/>
      <c r="LAS726" s="613"/>
      <c r="LAT726" s="613"/>
      <c r="LAU726" s="613"/>
      <c r="LAV726" s="613"/>
      <c r="LAW726" s="613"/>
      <c r="LAX726" s="613"/>
      <c r="LAY726" s="613"/>
      <c r="LAZ726" s="613"/>
      <c r="LBA726" s="613"/>
      <c r="LBB726" s="613"/>
      <c r="LBC726" s="613"/>
      <c r="LBD726" s="613"/>
      <c r="LBE726" s="613"/>
      <c r="LBF726" s="613"/>
      <c r="LBG726" s="613"/>
      <c r="LBH726" s="613"/>
      <c r="LBI726" s="613"/>
      <c r="LBJ726" s="613"/>
      <c r="LBK726" s="613"/>
      <c r="LBL726" s="613"/>
      <c r="LBM726" s="613"/>
      <c r="LBN726" s="613"/>
      <c r="LBO726" s="613"/>
      <c r="LBP726" s="613"/>
      <c r="LBQ726" s="613"/>
      <c r="LBR726" s="613"/>
      <c r="LBS726" s="613"/>
      <c r="LBT726" s="613"/>
      <c r="LBU726" s="613"/>
      <c r="LBV726" s="613"/>
      <c r="LBW726" s="613"/>
      <c r="LBX726" s="613"/>
      <c r="LBY726" s="613"/>
      <c r="LBZ726" s="613"/>
      <c r="LCA726" s="613"/>
      <c r="LCB726" s="613"/>
      <c r="LCC726" s="613"/>
      <c r="LCD726" s="613"/>
      <c r="LCE726" s="613"/>
      <c r="LCF726" s="613"/>
      <c r="LCG726" s="613"/>
      <c r="LCH726" s="613"/>
      <c r="LCI726" s="613"/>
      <c r="LCJ726" s="613"/>
      <c r="LCK726" s="613"/>
      <c r="LCL726" s="613"/>
      <c r="LCM726" s="613"/>
      <c r="LCN726" s="613"/>
      <c r="LCO726" s="613"/>
      <c r="LCP726" s="613"/>
      <c r="LCQ726" s="613"/>
      <c r="LCR726" s="613"/>
      <c r="LCS726" s="613"/>
      <c r="LCT726" s="613"/>
      <c r="LCU726" s="613"/>
      <c r="LCV726" s="613"/>
      <c r="LCW726" s="613"/>
      <c r="LCX726" s="613"/>
      <c r="LCY726" s="613"/>
      <c r="LCZ726" s="613"/>
      <c r="LDA726" s="613"/>
      <c r="LDB726" s="613"/>
      <c r="LDC726" s="613"/>
      <c r="LDD726" s="613"/>
      <c r="LDE726" s="613"/>
      <c r="LDF726" s="613"/>
      <c r="LDG726" s="613"/>
      <c r="LDH726" s="613"/>
      <c r="LDI726" s="613"/>
      <c r="LDJ726" s="613"/>
      <c r="LDK726" s="613"/>
      <c r="LDL726" s="613"/>
      <c r="LDM726" s="613"/>
      <c r="LDN726" s="613"/>
      <c r="LDO726" s="613"/>
      <c r="LDP726" s="613"/>
      <c r="LDQ726" s="613"/>
      <c r="LDR726" s="613"/>
      <c r="LDS726" s="613"/>
      <c r="LDT726" s="613"/>
      <c r="LDU726" s="613"/>
      <c r="LDV726" s="613"/>
      <c r="LDW726" s="613"/>
      <c r="LDX726" s="613"/>
      <c r="LDY726" s="613"/>
      <c r="LDZ726" s="613"/>
      <c r="LEA726" s="613"/>
      <c r="LEB726" s="613"/>
      <c r="LEC726" s="613"/>
      <c r="LED726" s="613"/>
      <c r="LEE726" s="613"/>
      <c r="LEF726" s="613"/>
      <c r="LEG726" s="613"/>
      <c r="LEH726" s="613"/>
      <c r="LEI726" s="613"/>
      <c r="LEJ726" s="613"/>
      <c r="LEK726" s="613"/>
      <c r="LEL726" s="613"/>
      <c r="LEM726" s="613"/>
      <c r="LEN726" s="613"/>
      <c r="LEO726" s="613"/>
      <c r="LEP726" s="613"/>
      <c r="LEQ726" s="613"/>
      <c r="LER726" s="613"/>
      <c r="LES726" s="613"/>
      <c r="LET726" s="613"/>
      <c r="LEU726" s="613"/>
      <c r="LEV726" s="613"/>
      <c r="LEW726" s="613"/>
      <c r="LEX726" s="613"/>
      <c r="LEY726" s="613"/>
      <c r="LEZ726" s="613"/>
      <c r="LFA726" s="613"/>
      <c r="LFB726" s="613"/>
      <c r="LFC726" s="613"/>
      <c r="LFD726" s="613"/>
      <c r="LFE726" s="613"/>
      <c r="LFF726" s="613"/>
      <c r="LFG726" s="613"/>
      <c r="LFH726" s="613"/>
      <c r="LFI726" s="613"/>
      <c r="LFJ726" s="613"/>
      <c r="LFK726" s="613"/>
      <c r="LFL726" s="613"/>
      <c r="LFM726" s="613"/>
      <c r="LFN726" s="613"/>
      <c r="LFO726" s="613"/>
      <c r="LFP726" s="613"/>
      <c r="LFQ726" s="613"/>
      <c r="LFR726" s="613"/>
      <c r="LFS726" s="613"/>
      <c r="LFT726" s="613"/>
      <c r="LFU726" s="613"/>
      <c r="LFV726" s="613"/>
      <c r="LFW726" s="613"/>
      <c r="LFX726" s="613"/>
      <c r="LFY726" s="613"/>
      <c r="LFZ726" s="613"/>
      <c r="LGA726" s="613"/>
      <c r="LGB726" s="613"/>
      <c r="LGC726" s="613"/>
      <c r="LGD726" s="613"/>
      <c r="LGE726" s="613"/>
      <c r="LGF726" s="613"/>
      <c r="LGG726" s="613"/>
      <c r="LGH726" s="613"/>
      <c r="LGI726" s="613"/>
      <c r="LGJ726" s="613"/>
      <c r="LGK726" s="613"/>
      <c r="LGL726" s="613"/>
      <c r="LGM726" s="613"/>
      <c r="LGN726" s="613"/>
      <c r="LGO726" s="613"/>
      <c r="LGP726" s="613"/>
      <c r="LGQ726" s="613"/>
      <c r="LGR726" s="613"/>
      <c r="LGS726" s="613"/>
      <c r="LGT726" s="613"/>
      <c r="LGU726" s="613"/>
      <c r="LGV726" s="613"/>
      <c r="LGW726" s="613"/>
      <c r="LGX726" s="613"/>
      <c r="LGY726" s="613"/>
      <c r="LGZ726" s="613"/>
      <c r="LHA726" s="613"/>
      <c r="LHB726" s="613"/>
      <c r="LHC726" s="613"/>
      <c r="LHD726" s="613"/>
      <c r="LHE726" s="613"/>
      <c r="LHF726" s="613"/>
      <c r="LHG726" s="613"/>
      <c r="LHH726" s="613"/>
      <c r="LHI726" s="613"/>
      <c r="LHJ726" s="613"/>
      <c r="LHK726" s="613"/>
      <c r="LHL726" s="613"/>
      <c r="LHM726" s="613"/>
      <c r="LHN726" s="613"/>
      <c r="LHO726" s="613"/>
      <c r="LHP726" s="613"/>
      <c r="LHQ726" s="613"/>
      <c r="LHR726" s="613"/>
      <c r="LHS726" s="613"/>
      <c r="LHT726" s="613"/>
      <c r="LHU726" s="613"/>
      <c r="LHV726" s="613"/>
      <c r="LHW726" s="613"/>
      <c r="LHX726" s="613"/>
      <c r="LHY726" s="613"/>
      <c r="LHZ726" s="613"/>
      <c r="LIA726" s="613"/>
      <c r="LIB726" s="613"/>
      <c r="LIC726" s="613"/>
      <c r="LID726" s="613"/>
      <c r="LIE726" s="613"/>
      <c r="LIF726" s="613"/>
      <c r="LIG726" s="613"/>
      <c r="LIH726" s="613"/>
      <c r="LII726" s="613"/>
      <c r="LIJ726" s="613"/>
      <c r="LIK726" s="613"/>
      <c r="LIL726" s="613"/>
      <c r="LIM726" s="613"/>
      <c r="LIN726" s="613"/>
      <c r="LIO726" s="613"/>
      <c r="LIP726" s="613"/>
      <c r="LIQ726" s="613"/>
      <c r="LIR726" s="613"/>
      <c r="LIS726" s="613"/>
      <c r="LIT726" s="613"/>
      <c r="LIU726" s="613"/>
      <c r="LIV726" s="613"/>
      <c r="LIW726" s="613"/>
      <c r="LIX726" s="613"/>
      <c r="LIY726" s="613"/>
      <c r="LIZ726" s="613"/>
      <c r="LJA726" s="613"/>
      <c r="LJB726" s="613"/>
      <c r="LJC726" s="613"/>
      <c r="LJD726" s="613"/>
      <c r="LJE726" s="613"/>
      <c r="LJF726" s="613"/>
      <c r="LJG726" s="613"/>
      <c r="LJH726" s="613"/>
      <c r="LJI726" s="613"/>
      <c r="LJJ726" s="613"/>
      <c r="LJK726" s="613"/>
      <c r="LJL726" s="613"/>
      <c r="LJM726" s="613"/>
      <c r="LJN726" s="613"/>
      <c r="LJO726" s="613"/>
      <c r="LJP726" s="613"/>
      <c r="LJQ726" s="613"/>
      <c r="LJR726" s="613"/>
      <c r="LJS726" s="613"/>
      <c r="LJT726" s="613"/>
      <c r="LJU726" s="613"/>
      <c r="LJV726" s="613"/>
      <c r="LJW726" s="613"/>
      <c r="LJX726" s="613"/>
      <c r="LJY726" s="613"/>
      <c r="LJZ726" s="613"/>
      <c r="LKA726" s="613"/>
      <c r="LKB726" s="613"/>
      <c r="LKC726" s="613"/>
      <c r="LKD726" s="613"/>
      <c r="LKE726" s="613"/>
      <c r="LKF726" s="613"/>
      <c r="LKG726" s="613"/>
      <c r="LKH726" s="613"/>
      <c r="LKI726" s="613"/>
      <c r="LKJ726" s="613"/>
      <c r="LKK726" s="613"/>
      <c r="LKL726" s="613"/>
      <c r="LKM726" s="613"/>
      <c r="LKN726" s="613"/>
      <c r="LKO726" s="613"/>
      <c r="LKP726" s="613"/>
      <c r="LKQ726" s="613"/>
      <c r="LKR726" s="613"/>
      <c r="LKS726" s="613"/>
      <c r="LKT726" s="613"/>
      <c r="LKU726" s="613"/>
      <c r="LKV726" s="613"/>
      <c r="LKW726" s="613"/>
      <c r="LKX726" s="613"/>
      <c r="LKY726" s="613"/>
      <c r="LKZ726" s="613"/>
      <c r="LLA726" s="613"/>
      <c r="LLB726" s="613"/>
      <c r="LLC726" s="613"/>
      <c r="LLD726" s="613"/>
      <c r="LLE726" s="613"/>
      <c r="LLF726" s="613"/>
      <c r="LLG726" s="613"/>
      <c r="LLH726" s="613"/>
      <c r="LLI726" s="613"/>
      <c r="LLJ726" s="613"/>
      <c r="LLK726" s="613"/>
      <c r="LLL726" s="613"/>
      <c r="LLM726" s="613"/>
      <c r="LLN726" s="613"/>
      <c r="LLO726" s="613"/>
      <c r="LLP726" s="613"/>
      <c r="LLQ726" s="613"/>
      <c r="LLR726" s="613"/>
      <c r="LLS726" s="613"/>
      <c r="LLT726" s="613"/>
      <c r="LLU726" s="613"/>
      <c r="LLV726" s="613"/>
      <c r="LLW726" s="613"/>
      <c r="LLX726" s="613"/>
      <c r="LLY726" s="613"/>
      <c r="LLZ726" s="613"/>
      <c r="LMA726" s="613"/>
      <c r="LMB726" s="613"/>
      <c r="LMC726" s="613"/>
      <c r="LMD726" s="613"/>
      <c r="LME726" s="613"/>
      <c r="LMF726" s="613"/>
      <c r="LMG726" s="613"/>
      <c r="LMH726" s="613"/>
      <c r="LMI726" s="613"/>
      <c r="LMJ726" s="613"/>
      <c r="LMK726" s="613"/>
      <c r="LML726" s="613"/>
      <c r="LMM726" s="613"/>
      <c r="LMN726" s="613"/>
      <c r="LMO726" s="613"/>
      <c r="LMP726" s="613"/>
      <c r="LMQ726" s="613"/>
      <c r="LMR726" s="613"/>
      <c r="LMS726" s="613"/>
      <c r="LMT726" s="613"/>
      <c r="LMU726" s="613"/>
      <c r="LMV726" s="613"/>
      <c r="LMW726" s="613"/>
      <c r="LMX726" s="613"/>
      <c r="LMY726" s="613"/>
      <c r="LMZ726" s="613"/>
      <c r="LNA726" s="613"/>
      <c r="LNB726" s="613"/>
      <c r="LNC726" s="613"/>
      <c r="LND726" s="613"/>
      <c r="LNE726" s="613"/>
      <c r="LNF726" s="613"/>
      <c r="LNG726" s="613"/>
      <c r="LNH726" s="613"/>
      <c r="LNI726" s="613"/>
      <c r="LNJ726" s="613"/>
      <c r="LNK726" s="613"/>
      <c r="LNL726" s="613"/>
      <c r="LNM726" s="613"/>
      <c r="LNN726" s="613"/>
      <c r="LNO726" s="613"/>
      <c r="LNP726" s="613"/>
      <c r="LNQ726" s="613"/>
      <c r="LNR726" s="613"/>
      <c r="LNS726" s="613"/>
      <c r="LNT726" s="613"/>
      <c r="LNU726" s="613"/>
      <c r="LNV726" s="613"/>
      <c r="LNW726" s="613"/>
      <c r="LNX726" s="613"/>
      <c r="LNY726" s="613"/>
      <c r="LNZ726" s="613"/>
      <c r="LOA726" s="613"/>
      <c r="LOB726" s="613"/>
      <c r="LOC726" s="613"/>
      <c r="LOD726" s="613"/>
      <c r="LOE726" s="613"/>
      <c r="LOF726" s="613"/>
      <c r="LOG726" s="613"/>
      <c r="LOH726" s="613"/>
      <c r="LOI726" s="613"/>
      <c r="LOJ726" s="613"/>
      <c r="LOK726" s="613"/>
      <c r="LOL726" s="613"/>
      <c r="LOM726" s="613"/>
      <c r="LON726" s="613"/>
      <c r="LOO726" s="613"/>
      <c r="LOP726" s="613"/>
      <c r="LOQ726" s="613"/>
      <c r="LOR726" s="613"/>
      <c r="LOS726" s="613"/>
      <c r="LOT726" s="613"/>
      <c r="LOU726" s="613"/>
      <c r="LOV726" s="613"/>
      <c r="LOW726" s="613"/>
      <c r="LOX726" s="613"/>
      <c r="LOY726" s="613"/>
      <c r="LOZ726" s="613"/>
      <c r="LPA726" s="613"/>
      <c r="LPB726" s="613"/>
      <c r="LPC726" s="613"/>
      <c r="LPD726" s="613"/>
      <c r="LPE726" s="613"/>
      <c r="LPF726" s="613"/>
      <c r="LPG726" s="613"/>
      <c r="LPH726" s="613"/>
      <c r="LPI726" s="613"/>
      <c r="LPJ726" s="613"/>
      <c r="LPK726" s="613"/>
      <c r="LPL726" s="613"/>
      <c r="LPM726" s="613"/>
      <c r="LPN726" s="613"/>
      <c r="LPO726" s="613"/>
      <c r="LPP726" s="613"/>
      <c r="LPQ726" s="613"/>
      <c r="LPR726" s="613"/>
      <c r="LPS726" s="613"/>
      <c r="LPT726" s="613"/>
      <c r="LPU726" s="613"/>
      <c r="LPV726" s="613"/>
      <c r="LPW726" s="613"/>
      <c r="LPX726" s="613"/>
      <c r="LPY726" s="613"/>
      <c r="LPZ726" s="613"/>
      <c r="LQA726" s="613"/>
      <c r="LQB726" s="613"/>
      <c r="LQC726" s="613"/>
      <c r="LQD726" s="613"/>
      <c r="LQE726" s="613"/>
      <c r="LQF726" s="613"/>
      <c r="LQG726" s="613"/>
      <c r="LQH726" s="613"/>
      <c r="LQI726" s="613"/>
      <c r="LQJ726" s="613"/>
      <c r="LQK726" s="613"/>
      <c r="LQL726" s="613"/>
      <c r="LQM726" s="613"/>
      <c r="LQN726" s="613"/>
      <c r="LQO726" s="613"/>
      <c r="LQP726" s="613"/>
      <c r="LQQ726" s="613"/>
      <c r="LQR726" s="613"/>
      <c r="LQS726" s="613"/>
      <c r="LQT726" s="613"/>
      <c r="LQU726" s="613"/>
      <c r="LQV726" s="613"/>
      <c r="LQW726" s="613"/>
      <c r="LQX726" s="613"/>
      <c r="LQY726" s="613"/>
      <c r="LQZ726" s="613"/>
      <c r="LRA726" s="613"/>
      <c r="LRB726" s="613"/>
      <c r="LRC726" s="613"/>
      <c r="LRD726" s="613"/>
      <c r="LRE726" s="613"/>
      <c r="LRF726" s="613"/>
      <c r="LRG726" s="613"/>
      <c r="LRH726" s="613"/>
      <c r="LRI726" s="613"/>
      <c r="LRJ726" s="613"/>
      <c r="LRK726" s="613"/>
      <c r="LRL726" s="613"/>
      <c r="LRM726" s="613"/>
      <c r="LRN726" s="613"/>
      <c r="LRO726" s="613"/>
      <c r="LRP726" s="613"/>
      <c r="LRQ726" s="613"/>
      <c r="LRR726" s="613"/>
      <c r="LRS726" s="613"/>
      <c r="LRT726" s="613"/>
      <c r="LRU726" s="613"/>
      <c r="LRV726" s="613"/>
      <c r="LRW726" s="613"/>
      <c r="LRX726" s="613"/>
      <c r="LRY726" s="613"/>
      <c r="LRZ726" s="613"/>
      <c r="LSA726" s="613"/>
      <c r="LSB726" s="613"/>
      <c r="LSC726" s="613"/>
      <c r="LSD726" s="613"/>
      <c r="LSE726" s="613"/>
      <c r="LSF726" s="613"/>
      <c r="LSG726" s="613"/>
      <c r="LSH726" s="613"/>
      <c r="LSI726" s="613"/>
      <c r="LSJ726" s="613"/>
      <c r="LSK726" s="613"/>
      <c r="LSL726" s="613"/>
      <c r="LSM726" s="613"/>
      <c r="LSN726" s="613"/>
      <c r="LSO726" s="613"/>
      <c r="LSP726" s="613"/>
      <c r="LSQ726" s="613"/>
      <c r="LSR726" s="613"/>
      <c r="LSS726" s="613"/>
      <c r="LST726" s="613"/>
      <c r="LSU726" s="613"/>
      <c r="LSV726" s="613"/>
      <c r="LSW726" s="613"/>
      <c r="LSX726" s="613"/>
      <c r="LSY726" s="613"/>
      <c r="LSZ726" s="613"/>
      <c r="LTA726" s="613"/>
      <c r="LTB726" s="613"/>
      <c r="LTC726" s="613"/>
      <c r="LTD726" s="613"/>
      <c r="LTE726" s="613"/>
      <c r="LTF726" s="613"/>
      <c r="LTG726" s="613"/>
      <c r="LTH726" s="613"/>
      <c r="LTI726" s="613"/>
      <c r="LTJ726" s="613"/>
      <c r="LTK726" s="613"/>
      <c r="LTL726" s="613"/>
      <c r="LTM726" s="613"/>
      <c r="LTN726" s="613"/>
      <c r="LTO726" s="613"/>
      <c r="LTP726" s="613"/>
      <c r="LTQ726" s="613"/>
      <c r="LTR726" s="613"/>
      <c r="LTS726" s="613"/>
      <c r="LTT726" s="613"/>
      <c r="LTU726" s="613"/>
      <c r="LTV726" s="613"/>
      <c r="LTW726" s="613"/>
      <c r="LTX726" s="613"/>
      <c r="LTY726" s="613"/>
      <c r="LTZ726" s="613"/>
      <c r="LUA726" s="613"/>
      <c r="LUB726" s="613"/>
      <c r="LUC726" s="613"/>
      <c r="LUD726" s="613"/>
      <c r="LUE726" s="613"/>
      <c r="LUF726" s="613"/>
      <c r="LUG726" s="613"/>
      <c r="LUH726" s="613"/>
      <c r="LUI726" s="613"/>
      <c r="LUJ726" s="613"/>
      <c r="LUK726" s="613"/>
      <c r="LUL726" s="613"/>
      <c r="LUM726" s="613"/>
      <c r="LUN726" s="613"/>
      <c r="LUO726" s="613"/>
      <c r="LUP726" s="613"/>
      <c r="LUQ726" s="613"/>
      <c r="LUR726" s="613"/>
      <c r="LUS726" s="613"/>
      <c r="LUT726" s="613"/>
      <c r="LUU726" s="613"/>
      <c r="LUV726" s="613"/>
      <c r="LUW726" s="613"/>
      <c r="LUX726" s="613"/>
      <c r="LUY726" s="613"/>
      <c r="LUZ726" s="613"/>
      <c r="LVA726" s="613"/>
      <c r="LVB726" s="613"/>
      <c r="LVC726" s="613"/>
      <c r="LVD726" s="613"/>
      <c r="LVE726" s="613"/>
      <c r="LVF726" s="613"/>
      <c r="LVG726" s="613"/>
      <c r="LVH726" s="613"/>
      <c r="LVI726" s="613"/>
      <c r="LVJ726" s="613"/>
      <c r="LVK726" s="613"/>
      <c r="LVL726" s="613"/>
      <c r="LVM726" s="613"/>
      <c r="LVN726" s="613"/>
      <c r="LVO726" s="613"/>
      <c r="LVP726" s="613"/>
      <c r="LVQ726" s="613"/>
      <c r="LVR726" s="613"/>
      <c r="LVS726" s="613"/>
      <c r="LVT726" s="613"/>
      <c r="LVU726" s="613"/>
      <c r="LVV726" s="613"/>
      <c r="LVW726" s="613"/>
      <c r="LVX726" s="613"/>
      <c r="LVY726" s="613"/>
      <c r="LVZ726" s="613"/>
      <c r="LWA726" s="613"/>
      <c r="LWB726" s="613"/>
      <c r="LWC726" s="613"/>
      <c r="LWD726" s="613"/>
      <c r="LWE726" s="613"/>
      <c r="LWF726" s="613"/>
      <c r="LWG726" s="613"/>
      <c r="LWH726" s="613"/>
      <c r="LWI726" s="613"/>
      <c r="LWJ726" s="613"/>
      <c r="LWK726" s="613"/>
      <c r="LWL726" s="613"/>
      <c r="LWM726" s="613"/>
      <c r="LWN726" s="613"/>
      <c r="LWO726" s="613"/>
      <c r="LWP726" s="613"/>
      <c r="LWQ726" s="613"/>
      <c r="LWR726" s="613"/>
      <c r="LWS726" s="613"/>
      <c r="LWT726" s="613"/>
      <c r="LWU726" s="613"/>
      <c r="LWV726" s="613"/>
      <c r="LWW726" s="613"/>
      <c r="LWX726" s="613"/>
      <c r="LWY726" s="613"/>
      <c r="LWZ726" s="613"/>
      <c r="LXA726" s="613"/>
      <c r="LXB726" s="613"/>
      <c r="LXC726" s="613"/>
      <c r="LXD726" s="613"/>
      <c r="LXE726" s="613"/>
      <c r="LXF726" s="613"/>
      <c r="LXG726" s="613"/>
      <c r="LXH726" s="613"/>
      <c r="LXI726" s="613"/>
      <c r="LXJ726" s="613"/>
      <c r="LXK726" s="613"/>
      <c r="LXL726" s="613"/>
      <c r="LXM726" s="613"/>
      <c r="LXN726" s="613"/>
      <c r="LXO726" s="613"/>
      <c r="LXP726" s="613"/>
      <c r="LXQ726" s="613"/>
      <c r="LXR726" s="613"/>
      <c r="LXS726" s="613"/>
      <c r="LXT726" s="613"/>
      <c r="LXU726" s="613"/>
      <c r="LXV726" s="613"/>
      <c r="LXW726" s="613"/>
      <c r="LXX726" s="613"/>
      <c r="LXY726" s="613"/>
      <c r="LXZ726" s="613"/>
      <c r="LYA726" s="613"/>
      <c r="LYB726" s="613"/>
      <c r="LYC726" s="613"/>
      <c r="LYD726" s="613"/>
      <c r="LYE726" s="613"/>
      <c r="LYF726" s="613"/>
      <c r="LYG726" s="613"/>
      <c r="LYH726" s="613"/>
      <c r="LYI726" s="613"/>
      <c r="LYJ726" s="613"/>
      <c r="LYK726" s="613"/>
      <c r="LYL726" s="613"/>
      <c r="LYM726" s="613"/>
      <c r="LYN726" s="613"/>
      <c r="LYO726" s="613"/>
      <c r="LYP726" s="613"/>
      <c r="LYQ726" s="613"/>
      <c r="LYR726" s="613"/>
      <c r="LYS726" s="613"/>
      <c r="LYT726" s="613"/>
      <c r="LYU726" s="613"/>
      <c r="LYV726" s="613"/>
      <c r="LYW726" s="613"/>
      <c r="LYX726" s="613"/>
      <c r="LYY726" s="613"/>
      <c r="LYZ726" s="613"/>
      <c r="LZA726" s="613"/>
      <c r="LZB726" s="613"/>
      <c r="LZC726" s="613"/>
      <c r="LZD726" s="613"/>
      <c r="LZE726" s="613"/>
      <c r="LZF726" s="613"/>
      <c r="LZG726" s="613"/>
      <c r="LZH726" s="613"/>
      <c r="LZI726" s="613"/>
      <c r="LZJ726" s="613"/>
      <c r="LZK726" s="613"/>
      <c r="LZL726" s="613"/>
      <c r="LZM726" s="613"/>
      <c r="LZN726" s="613"/>
      <c r="LZO726" s="613"/>
      <c r="LZP726" s="613"/>
      <c r="LZQ726" s="613"/>
      <c r="LZR726" s="613"/>
      <c r="LZS726" s="613"/>
      <c r="LZT726" s="613"/>
      <c r="LZU726" s="613"/>
      <c r="LZV726" s="613"/>
      <c r="LZW726" s="613"/>
      <c r="LZX726" s="613"/>
      <c r="LZY726" s="613"/>
      <c r="LZZ726" s="613"/>
      <c r="MAA726" s="613"/>
      <c r="MAB726" s="613"/>
      <c r="MAC726" s="613"/>
      <c r="MAD726" s="613"/>
      <c r="MAE726" s="613"/>
      <c r="MAF726" s="613"/>
      <c r="MAG726" s="613"/>
      <c r="MAH726" s="613"/>
      <c r="MAI726" s="613"/>
      <c r="MAJ726" s="613"/>
      <c r="MAK726" s="613"/>
      <c r="MAL726" s="613"/>
      <c r="MAM726" s="613"/>
      <c r="MAN726" s="613"/>
      <c r="MAO726" s="613"/>
      <c r="MAP726" s="613"/>
      <c r="MAQ726" s="613"/>
      <c r="MAR726" s="613"/>
      <c r="MAS726" s="613"/>
      <c r="MAT726" s="613"/>
      <c r="MAU726" s="613"/>
      <c r="MAV726" s="613"/>
      <c r="MAW726" s="613"/>
      <c r="MAX726" s="613"/>
      <c r="MAY726" s="613"/>
      <c r="MAZ726" s="613"/>
      <c r="MBA726" s="613"/>
      <c r="MBB726" s="613"/>
      <c r="MBC726" s="613"/>
      <c r="MBD726" s="613"/>
      <c r="MBE726" s="613"/>
      <c r="MBF726" s="613"/>
      <c r="MBG726" s="613"/>
      <c r="MBH726" s="613"/>
      <c r="MBI726" s="613"/>
      <c r="MBJ726" s="613"/>
      <c r="MBK726" s="613"/>
      <c r="MBL726" s="613"/>
      <c r="MBM726" s="613"/>
      <c r="MBN726" s="613"/>
      <c r="MBO726" s="613"/>
      <c r="MBP726" s="613"/>
      <c r="MBQ726" s="613"/>
      <c r="MBR726" s="613"/>
      <c r="MBS726" s="613"/>
      <c r="MBT726" s="613"/>
      <c r="MBU726" s="613"/>
      <c r="MBV726" s="613"/>
      <c r="MBW726" s="613"/>
      <c r="MBX726" s="613"/>
      <c r="MBY726" s="613"/>
      <c r="MBZ726" s="613"/>
      <c r="MCA726" s="613"/>
      <c r="MCB726" s="613"/>
      <c r="MCC726" s="613"/>
      <c r="MCD726" s="613"/>
      <c r="MCE726" s="613"/>
      <c r="MCF726" s="613"/>
      <c r="MCG726" s="613"/>
      <c r="MCH726" s="613"/>
      <c r="MCI726" s="613"/>
      <c r="MCJ726" s="613"/>
      <c r="MCK726" s="613"/>
      <c r="MCL726" s="613"/>
      <c r="MCM726" s="613"/>
      <c r="MCN726" s="613"/>
      <c r="MCO726" s="613"/>
      <c r="MCP726" s="613"/>
      <c r="MCQ726" s="613"/>
      <c r="MCR726" s="613"/>
      <c r="MCS726" s="613"/>
      <c r="MCT726" s="613"/>
      <c r="MCU726" s="613"/>
      <c r="MCV726" s="613"/>
      <c r="MCW726" s="613"/>
      <c r="MCX726" s="613"/>
      <c r="MCY726" s="613"/>
      <c r="MCZ726" s="613"/>
      <c r="MDA726" s="613"/>
      <c r="MDB726" s="613"/>
      <c r="MDC726" s="613"/>
      <c r="MDD726" s="613"/>
      <c r="MDE726" s="613"/>
      <c r="MDF726" s="613"/>
      <c r="MDG726" s="613"/>
      <c r="MDH726" s="613"/>
      <c r="MDI726" s="613"/>
      <c r="MDJ726" s="613"/>
      <c r="MDK726" s="613"/>
      <c r="MDL726" s="613"/>
      <c r="MDM726" s="613"/>
      <c r="MDN726" s="613"/>
      <c r="MDO726" s="613"/>
      <c r="MDP726" s="613"/>
      <c r="MDQ726" s="613"/>
      <c r="MDR726" s="613"/>
      <c r="MDS726" s="613"/>
      <c r="MDT726" s="613"/>
      <c r="MDU726" s="613"/>
      <c r="MDV726" s="613"/>
      <c r="MDW726" s="613"/>
      <c r="MDX726" s="613"/>
      <c r="MDY726" s="613"/>
      <c r="MDZ726" s="613"/>
      <c r="MEA726" s="613"/>
      <c r="MEB726" s="613"/>
      <c r="MEC726" s="613"/>
      <c r="MED726" s="613"/>
      <c r="MEE726" s="613"/>
      <c r="MEF726" s="613"/>
      <c r="MEG726" s="613"/>
      <c r="MEH726" s="613"/>
      <c r="MEI726" s="613"/>
      <c r="MEJ726" s="613"/>
      <c r="MEK726" s="613"/>
      <c r="MEL726" s="613"/>
      <c r="MEM726" s="613"/>
      <c r="MEN726" s="613"/>
      <c r="MEO726" s="613"/>
      <c r="MEP726" s="613"/>
      <c r="MEQ726" s="613"/>
      <c r="MER726" s="613"/>
      <c r="MES726" s="613"/>
      <c r="MET726" s="613"/>
      <c r="MEU726" s="613"/>
      <c r="MEV726" s="613"/>
      <c r="MEW726" s="613"/>
      <c r="MEX726" s="613"/>
      <c r="MEY726" s="613"/>
      <c r="MEZ726" s="613"/>
      <c r="MFA726" s="613"/>
      <c r="MFB726" s="613"/>
      <c r="MFC726" s="613"/>
      <c r="MFD726" s="613"/>
      <c r="MFE726" s="613"/>
      <c r="MFF726" s="613"/>
      <c r="MFG726" s="613"/>
      <c r="MFH726" s="613"/>
      <c r="MFI726" s="613"/>
      <c r="MFJ726" s="613"/>
      <c r="MFK726" s="613"/>
      <c r="MFL726" s="613"/>
      <c r="MFM726" s="613"/>
      <c r="MFN726" s="613"/>
      <c r="MFO726" s="613"/>
      <c r="MFP726" s="613"/>
      <c r="MFQ726" s="613"/>
      <c r="MFR726" s="613"/>
      <c r="MFS726" s="613"/>
      <c r="MFT726" s="613"/>
      <c r="MFU726" s="613"/>
      <c r="MFV726" s="613"/>
      <c r="MFW726" s="613"/>
      <c r="MFX726" s="613"/>
      <c r="MFY726" s="613"/>
      <c r="MFZ726" s="613"/>
      <c r="MGA726" s="613"/>
      <c r="MGB726" s="613"/>
      <c r="MGC726" s="613"/>
      <c r="MGD726" s="613"/>
      <c r="MGE726" s="613"/>
      <c r="MGF726" s="613"/>
      <c r="MGG726" s="613"/>
      <c r="MGH726" s="613"/>
      <c r="MGI726" s="613"/>
      <c r="MGJ726" s="613"/>
      <c r="MGK726" s="613"/>
      <c r="MGL726" s="613"/>
      <c r="MGM726" s="613"/>
      <c r="MGN726" s="613"/>
      <c r="MGO726" s="613"/>
      <c r="MGP726" s="613"/>
      <c r="MGQ726" s="613"/>
      <c r="MGR726" s="613"/>
      <c r="MGS726" s="613"/>
      <c r="MGT726" s="613"/>
      <c r="MGU726" s="613"/>
      <c r="MGV726" s="613"/>
      <c r="MGW726" s="613"/>
      <c r="MGX726" s="613"/>
      <c r="MGY726" s="613"/>
      <c r="MGZ726" s="613"/>
      <c r="MHA726" s="613"/>
      <c r="MHB726" s="613"/>
      <c r="MHC726" s="613"/>
      <c r="MHD726" s="613"/>
      <c r="MHE726" s="613"/>
      <c r="MHF726" s="613"/>
      <c r="MHG726" s="613"/>
      <c r="MHH726" s="613"/>
      <c r="MHI726" s="613"/>
      <c r="MHJ726" s="613"/>
      <c r="MHK726" s="613"/>
      <c r="MHL726" s="613"/>
      <c r="MHM726" s="613"/>
      <c r="MHN726" s="613"/>
      <c r="MHO726" s="613"/>
      <c r="MHP726" s="613"/>
      <c r="MHQ726" s="613"/>
      <c r="MHR726" s="613"/>
      <c r="MHS726" s="613"/>
      <c r="MHT726" s="613"/>
      <c r="MHU726" s="613"/>
      <c r="MHV726" s="613"/>
      <c r="MHW726" s="613"/>
      <c r="MHX726" s="613"/>
      <c r="MHY726" s="613"/>
      <c r="MHZ726" s="613"/>
      <c r="MIA726" s="613"/>
      <c r="MIB726" s="613"/>
      <c r="MIC726" s="613"/>
      <c r="MID726" s="613"/>
      <c r="MIE726" s="613"/>
      <c r="MIF726" s="613"/>
      <c r="MIG726" s="613"/>
      <c r="MIH726" s="613"/>
      <c r="MII726" s="613"/>
      <c r="MIJ726" s="613"/>
      <c r="MIK726" s="613"/>
      <c r="MIL726" s="613"/>
      <c r="MIM726" s="613"/>
      <c r="MIN726" s="613"/>
      <c r="MIO726" s="613"/>
      <c r="MIP726" s="613"/>
      <c r="MIQ726" s="613"/>
      <c r="MIR726" s="613"/>
      <c r="MIS726" s="613"/>
      <c r="MIT726" s="613"/>
      <c r="MIU726" s="613"/>
      <c r="MIV726" s="613"/>
      <c r="MIW726" s="613"/>
      <c r="MIX726" s="613"/>
      <c r="MIY726" s="613"/>
      <c r="MIZ726" s="613"/>
      <c r="MJA726" s="613"/>
      <c r="MJB726" s="613"/>
      <c r="MJC726" s="613"/>
      <c r="MJD726" s="613"/>
      <c r="MJE726" s="613"/>
      <c r="MJF726" s="613"/>
      <c r="MJG726" s="613"/>
      <c r="MJH726" s="613"/>
      <c r="MJI726" s="613"/>
      <c r="MJJ726" s="613"/>
      <c r="MJK726" s="613"/>
      <c r="MJL726" s="613"/>
      <c r="MJM726" s="613"/>
      <c r="MJN726" s="613"/>
      <c r="MJO726" s="613"/>
      <c r="MJP726" s="613"/>
      <c r="MJQ726" s="613"/>
      <c r="MJR726" s="613"/>
      <c r="MJS726" s="613"/>
      <c r="MJT726" s="613"/>
      <c r="MJU726" s="613"/>
      <c r="MJV726" s="613"/>
      <c r="MJW726" s="613"/>
      <c r="MJX726" s="613"/>
      <c r="MJY726" s="613"/>
      <c r="MJZ726" s="613"/>
      <c r="MKA726" s="613"/>
      <c r="MKB726" s="613"/>
      <c r="MKC726" s="613"/>
      <c r="MKD726" s="613"/>
      <c r="MKE726" s="613"/>
      <c r="MKF726" s="613"/>
      <c r="MKG726" s="613"/>
      <c r="MKH726" s="613"/>
      <c r="MKI726" s="613"/>
      <c r="MKJ726" s="613"/>
      <c r="MKK726" s="613"/>
      <c r="MKL726" s="613"/>
      <c r="MKM726" s="613"/>
      <c r="MKN726" s="613"/>
      <c r="MKO726" s="613"/>
      <c r="MKP726" s="613"/>
      <c r="MKQ726" s="613"/>
      <c r="MKR726" s="613"/>
      <c r="MKS726" s="613"/>
      <c r="MKT726" s="613"/>
      <c r="MKU726" s="613"/>
      <c r="MKV726" s="613"/>
      <c r="MKW726" s="613"/>
      <c r="MKX726" s="613"/>
      <c r="MKY726" s="613"/>
      <c r="MKZ726" s="613"/>
      <c r="MLA726" s="613"/>
      <c r="MLB726" s="613"/>
      <c r="MLC726" s="613"/>
      <c r="MLD726" s="613"/>
      <c r="MLE726" s="613"/>
      <c r="MLF726" s="613"/>
      <c r="MLG726" s="613"/>
      <c r="MLH726" s="613"/>
      <c r="MLI726" s="613"/>
      <c r="MLJ726" s="613"/>
      <c r="MLK726" s="613"/>
      <c r="MLL726" s="613"/>
      <c r="MLM726" s="613"/>
      <c r="MLN726" s="613"/>
      <c r="MLO726" s="613"/>
      <c r="MLP726" s="613"/>
      <c r="MLQ726" s="613"/>
      <c r="MLR726" s="613"/>
      <c r="MLS726" s="613"/>
      <c r="MLT726" s="613"/>
      <c r="MLU726" s="613"/>
      <c r="MLV726" s="613"/>
      <c r="MLW726" s="613"/>
      <c r="MLX726" s="613"/>
      <c r="MLY726" s="613"/>
      <c r="MLZ726" s="613"/>
      <c r="MMA726" s="613"/>
      <c r="MMB726" s="613"/>
      <c r="MMC726" s="613"/>
      <c r="MMD726" s="613"/>
      <c r="MME726" s="613"/>
      <c r="MMF726" s="613"/>
      <c r="MMG726" s="613"/>
      <c r="MMH726" s="613"/>
      <c r="MMI726" s="613"/>
      <c r="MMJ726" s="613"/>
      <c r="MMK726" s="613"/>
      <c r="MML726" s="613"/>
      <c r="MMM726" s="613"/>
      <c r="MMN726" s="613"/>
      <c r="MMO726" s="613"/>
      <c r="MMP726" s="613"/>
      <c r="MMQ726" s="613"/>
      <c r="MMR726" s="613"/>
      <c r="MMS726" s="613"/>
      <c r="MMT726" s="613"/>
      <c r="MMU726" s="613"/>
      <c r="MMV726" s="613"/>
      <c r="MMW726" s="613"/>
      <c r="MMX726" s="613"/>
      <c r="MMY726" s="613"/>
      <c r="MMZ726" s="613"/>
      <c r="MNA726" s="613"/>
      <c r="MNB726" s="613"/>
      <c r="MNC726" s="613"/>
      <c r="MND726" s="613"/>
      <c r="MNE726" s="613"/>
      <c r="MNF726" s="613"/>
      <c r="MNG726" s="613"/>
      <c r="MNH726" s="613"/>
      <c r="MNI726" s="613"/>
      <c r="MNJ726" s="613"/>
      <c r="MNK726" s="613"/>
      <c r="MNL726" s="613"/>
      <c r="MNM726" s="613"/>
      <c r="MNN726" s="613"/>
      <c r="MNO726" s="613"/>
      <c r="MNP726" s="613"/>
      <c r="MNQ726" s="613"/>
      <c r="MNR726" s="613"/>
      <c r="MNS726" s="613"/>
      <c r="MNT726" s="613"/>
      <c r="MNU726" s="613"/>
      <c r="MNV726" s="613"/>
      <c r="MNW726" s="613"/>
      <c r="MNX726" s="613"/>
      <c r="MNY726" s="613"/>
      <c r="MNZ726" s="613"/>
      <c r="MOA726" s="613"/>
      <c r="MOB726" s="613"/>
      <c r="MOC726" s="613"/>
      <c r="MOD726" s="613"/>
      <c r="MOE726" s="613"/>
      <c r="MOF726" s="613"/>
      <c r="MOG726" s="613"/>
      <c r="MOH726" s="613"/>
      <c r="MOI726" s="613"/>
      <c r="MOJ726" s="613"/>
      <c r="MOK726" s="613"/>
      <c r="MOL726" s="613"/>
      <c r="MOM726" s="613"/>
      <c r="MON726" s="613"/>
      <c r="MOO726" s="613"/>
      <c r="MOP726" s="613"/>
      <c r="MOQ726" s="613"/>
      <c r="MOR726" s="613"/>
      <c r="MOS726" s="613"/>
      <c r="MOT726" s="613"/>
      <c r="MOU726" s="613"/>
      <c r="MOV726" s="613"/>
      <c r="MOW726" s="613"/>
      <c r="MOX726" s="613"/>
      <c r="MOY726" s="613"/>
      <c r="MOZ726" s="613"/>
      <c r="MPA726" s="613"/>
      <c r="MPB726" s="613"/>
      <c r="MPC726" s="613"/>
      <c r="MPD726" s="613"/>
      <c r="MPE726" s="613"/>
      <c r="MPF726" s="613"/>
      <c r="MPG726" s="613"/>
      <c r="MPH726" s="613"/>
      <c r="MPI726" s="613"/>
      <c r="MPJ726" s="613"/>
      <c r="MPK726" s="613"/>
      <c r="MPL726" s="613"/>
      <c r="MPM726" s="613"/>
      <c r="MPN726" s="613"/>
      <c r="MPO726" s="613"/>
      <c r="MPP726" s="613"/>
      <c r="MPQ726" s="613"/>
      <c r="MPR726" s="613"/>
      <c r="MPS726" s="613"/>
      <c r="MPT726" s="613"/>
      <c r="MPU726" s="613"/>
      <c r="MPV726" s="613"/>
      <c r="MPW726" s="613"/>
      <c r="MPX726" s="613"/>
      <c r="MPY726" s="613"/>
      <c r="MPZ726" s="613"/>
      <c r="MQA726" s="613"/>
      <c r="MQB726" s="613"/>
      <c r="MQC726" s="613"/>
      <c r="MQD726" s="613"/>
      <c r="MQE726" s="613"/>
      <c r="MQF726" s="613"/>
      <c r="MQG726" s="613"/>
      <c r="MQH726" s="613"/>
      <c r="MQI726" s="613"/>
      <c r="MQJ726" s="613"/>
      <c r="MQK726" s="613"/>
      <c r="MQL726" s="613"/>
      <c r="MQM726" s="613"/>
      <c r="MQN726" s="613"/>
      <c r="MQO726" s="613"/>
      <c r="MQP726" s="613"/>
      <c r="MQQ726" s="613"/>
      <c r="MQR726" s="613"/>
      <c r="MQS726" s="613"/>
      <c r="MQT726" s="613"/>
      <c r="MQU726" s="613"/>
      <c r="MQV726" s="613"/>
      <c r="MQW726" s="613"/>
      <c r="MQX726" s="613"/>
      <c r="MQY726" s="613"/>
      <c r="MQZ726" s="613"/>
      <c r="MRA726" s="613"/>
      <c r="MRB726" s="613"/>
      <c r="MRC726" s="613"/>
      <c r="MRD726" s="613"/>
      <c r="MRE726" s="613"/>
      <c r="MRF726" s="613"/>
      <c r="MRG726" s="613"/>
      <c r="MRH726" s="613"/>
      <c r="MRI726" s="613"/>
      <c r="MRJ726" s="613"/>
      <c r="MRK726" s="613"/>
      <c r="MRL726" s="613"/>
      <c r="MRM726" s="613"/>
      <c r="MRN726" s="613"/>
      <c r="MRO726" s="613"/>
      <c r="MRP726" s="613"/>
      <c r="MRQ726" s="613"/>
      <c r="MRR726" s="613"/>
      <c r="MRS726" s="613"/>
      <c r="MRT726" s="613"/>
      <c r="MRU726" s="613"/>
      <c r="MRV726" s="613"/>
      <c r="MRW726" s="613"/>
      <c r="MRX726" s="613"/>
      <c r="MRY726" s="613"/>
      <c r="MRZ726" s="613"/>
      <c r="MSA726" s="613"/>
      <c r="MSB726" s="613"/>
      <c r="MSC726" s="613"/>
      <c r="MSD726" s="613"/>
      <c r="MSE726" s="613"/>
      <c r="MSF726" s="613"/>
      <c r="MSG726" s="613"/>
      <c r="MSH726" s="613"/>
      <c r="MSI726" s="613"/>
      <c r="MSJ726" s="613"/>
      <c r="MSK726" s="613"/>
      <c r="MSL726" s="613"/>
      <c r="MSM726" s="613"/>
      <c r="MSN726" s="613"/>
      <c r="MSO726" s="613"/>
      <c r="MSP726" s="613"/>
      <c r="MSQ726" s="613"/>
      <c r="MSR726" s="613"/>
      <c r="MSS726" s="613"/>
      <c r="MST726" s="613"/>
      <c r="MSU726" s="613"/>
      <c r="MSV726" s="613"/>
      <c r="MSW726" s="613"/>
      <c r="MSX726" s="613"/>
      <c r="MSY726" s="613"/>
      <c r="MSZ726" s="613"/>
      <c r="MTA726" s="613"/>
      <c r="MTB726" s="613"/>
      <c r="MTC726" s="613"/>
      <c r="MTD726" s="613"/>
      <c r="MTE726" s="613"/>
      <c r="MTF726" s="613"/>
      <c r="MTG726" s="613"/>
      <c r="MTH726" s="613"/>
      <c r="MTI726" s="613"/>
      <c r="MTJ726" s="613"/>
      <c r="MTK726" s="613"/>
      <c r="MTL726" s="613"/>
      <c r="MTM726" s="613"/>
      <c r="MTN726" s="613"/>
      <c r="MTO726" s="613"/>
      <c r="MTP726" s="613"/>
      <c r="MTQ726" s="613"/>
      <c r="MTR726" s="613"/>
      <c r="MTS726" s="613"/>
      <c r="MTT726" s="613"/>
      <c r="MTU726" s="613"/>
      <c r="MTV726" s="613"/>
      <c r="MTW726" s="613"/>
      <c r="MTX726" s="613"/>
      <c r="MTY726" s="613"/>
      <c r="MTZ726" s="613"/>
      <c r="MUA726" s="613"/>
      <c r="MUB726" s="613"/>
      <c r="MUC726" s="613"/>
      <c r="MUD726" s="613"/>
      <c r="MUE726" s="613"/>
      <c r="MUF726" s="613"/>
      <c r="MUG726" s="613"/>
      <c r="MUH726" s="613"/>
      <c r="MUI726" s="613"/>
      <c r="MUJ726" s="613"/>
      <c r="MUK726" s="613"/>
      <c r="MUL726" s="613"/>
      <c r="MUM726" s="613"/>
      <c r="MUN726" s="613"/>
      <c r="MUO726" s="613"/>
      <c r="MUP726" s="613"/>
      <c r="MUQ726" s="613"/>
      <c r="MUR726" s="613"/>
      <c r="MUS726" s="613"/>
      <c r="MUT726" s="613"/>
      <c r="MUU726" s="613"/>
      <c r="MUV726" s="613"/>
      <c r="MUW726" s="613"/>
      <c r="MUX726" s="613"/>
      <c r="MUY726" s="613"/>
      <c r="MUZ726" s="613"/>
      <c r="MVA726" s="613"/>
      <c r="MVB726" s="613"/>
      <c r="MVC726" s="613"/>
      <c r="MVD726" s="613"/>
      <c r="MVE726" s="613"/>
      <c r="MVF726" s="613"/>
      <c r="MVG726" s="613"/>
      <c r="MVH726" s="613"/>
      <c r="MVI726" s="613"/>
      <c r="MVJ726" s="613"/>
      <c r="MVK726" s="613"/>
      <c r="MVL726" s="613"/>
      <c r="MVM726" s="613"/>
      <c r="MVN726" s="613"/>
      <c r="MVO726" s="613"/>
      <c r="MVP726" s="613"/>
      <c r="MVQ726" s="613"/>
      <c r="MVR726" s="613"/>
      <c r="MVS726" s="613"/>
      <c r="MVT726" s="613"/>
      <c r="MVU726" s="613"/>
      <c r="MVV726" s="613"/>
      <c r="MVW726" s="613"/>
      <c r="MVX726" s="613"/>
      <c r="MVY726" s="613"/>
      <c r="MVZ726" s="613"/>
      <c r="MWA726" s="613"/>
      <c r="MWB726" s="613"/>
      <c r="MWC726" s="613"/>
      <c r="MWD726" s="613"/>
      <c r="MWE726" s="613"/>
      <c r="MWF726" s="613"/>
      <c r="MWG726" s="613"/>
      <c r="MWH726" s="613"/>
      <c r="MWI726" s="613"/>
      <c r="MWJ726" s="613"/>
      <c r="MWK726" s="613"/>
      <c r="MWL726" s="613"/>
      <c r="MWM726" s="613"/>
      <c r="MWN726" s="613"/>
      <c r="MWO726" s="613"/>
      <c r="MWP726" s="613"/>
      <c r="MWQ726" s="613"/>
      <c r="MWR726" s="613"/>
      <c r="MWS726" s="613"/>
      <c r="MWT726" s="613"/>
      <c r="MWU726" s="613"/>
      <c r="MWV726" s="613"/>
      <c r="MWW726" s="613"/>
      <c r="MWX726" s="613"/>
      <c r="MWY726" s="613"/>
      <c r="MWZ726" s="613"/>
      <c r="MXA726" s="613"/>
      <c r="MXB726" s="613"/>
      <c r="MXC726" s="613"/>
      <c r="MXD726" s="613"/>
      <c r="MXE726" s="613"/>
      <c r="MXF726" s="613"/>
      <c r="MXG726" s="613"/>
      <c r="MXH726" s="613"/>
      <c r="MXI726" s="613"/>
      <c r="MXJ726" s="613"/>
      <c r="MXK726" s="613"/>
      <c r="MXL726" s="613"/>
      <c r="MXM726" s="613"/>
      <c r="MXN726" s="613"/>
      <c r="MXO726" s="613"/>
      <c r="MXP726" s="613"/>
      <c r="MXQ726" s="613"/>
      <c r="MXR726" s="613"/>
      <c r="MXS726" s="613"/>
      <c r="MXT726" s="613"/>
      <c r="MXU726" s="613"/>
      <c r="MXV726" s="613"/>
      <c r="MXW726" s="613"/>
      <c r="MXX726" s="613"/>
      <c r="MXY726" s="613"/>
      <c r="MXZ726" s="613"/>
      <c r="MYA726" s="613"/>
      <c r="MYB726" s="613"/>
      <c r="MYC726" s="613"/>
      <c r="MYD726" s="613"/>
      <c r="MYE726" s="613"/>
      <c r="MYF726" s="613"/>
      <c r="MYG726" s="613"/>
      <c r="MYH726" s="613"/>
      <c r="MYI726" s="613"/>
      <c r="MYJ726" s="613"/>
      <c r="MYK726" s="613"/>
      <c r="MYL726" s="613"/>
      <c r="MYM726" s="613"/>
      <c r="MYN726" s="613"/>
      <c r="MYO726" s="613"/>
      <c r="MYP726" s="613"/>
      <c r="MYQ726" s="613"/>
      <c r="MYR726" s="613"/>
      <c r="MYS726" s="613"/>
      <c r="MYT726" s="613"/>
      <c r="MYU726" s="613"/>
      <c r="MYV726" s="613"/>
      <c r="MYW726" s="613"/>
      <c r="MYX726" s="613"/>
      <c r="MYY726" s="613"/>
      <c r="MYZ726" s="613"/>
      <c r="MZA726" s="613"/>
      <c r="MZB726" s="613"/>
      <c r="MZC726" s="613"/>
      <c r="MZD726" s="613"/>
      <c r="MZE726" s="613"/>
      <c r="MZF726" s="613"/>
      <c r="MZG726" s="613"/>
      <c r="MZH726" s="613"/>
      <c r="MZI726" s="613"/>
      <c r="MZJ726" s="613"/>
      <c r="MZK726" s="613"/>
      <c r="MZL726" s="613"/>
      <c r="MZM726" s="613"/>
      <c r="MZN726" s="613"/>
      <c r="MZO726" s="613"/>
      <c r="MZP726" s="613"/>
      <c r="MZQ726" s="613"/>
      <c r="MZR726" s="613"/>
      <c r="MZS726" s="613"/>
      <c r="MZT726" s="613"/>
      <c r="MZU726" s="613"/>
      <c r="MZV726" s="613"/>
      <c r="MZW726" s="613"/>
      <c r="MZX726" s="613"/>
      <c r="MZY726" s="613"/>
      <c r="MZZ726" s="613"/>
      <c r="NAA726" s="613"/>
      <c r="NAB726" s="613"/>
      <c r="NAC726" s="613"/>
      <c r="NAD726" s="613"/>
      <c r="NAE726" s="613"/>
      <c r="NAF726" s="613"/>
      <c r="NAG726" s="613"/>
      <c r="NAH726" s="613"/>
      <c r="NAI726" s="613"/>
      <c r="NAJ726" s="613"/>
      <c r="NAK726" s="613"/>
      <c r="NAL726" s="613"/>
      <c r="NAM726" s="613"/>
      <c r="NAN726" s="613"/>
      <c r="NAO726" s="613"/>
      <c r="NAP726" s="613"/>
      <c r="NAQ726" s="613"/>
      <c r="NAR726" s="613"/>
      <c r="NAS726" s="613"/>
      <c r="NAT726" s="613"/>
      <c r="NAU726" s="613"/>
      <c r="NAV726" s="613"/>
      <c r="NAW726" s="613"/>
      <c r="NAX726" s="613"/>
      <c r="NAY726" s="613"/>
      <c r="NAZ726" s="613"/>
      <c r="NBA726" s="613"/>
      <c r="NBB726" s="613"/>
      <c r="NBC726" s="613"/>
      <c r="NBD726" s="613"/>
      <c r="NBE726" s="613"/>
      <c r="NBF726" s="613"/>
      <c r="NBG726" s="613"/>
      <c r="NBH726" s="613"/>
      <c r="NBI726" s="613"/>
      <c r="NBJ726" s="613"/>
      <c r="NBK726" s="613"/>
      <c r="NBL726" s="613"/>
      <c r="NBM726" s="613"/>
      <c r="NBN726" s="613"/>
      <c r="NBO726" s="613"/>
      <c r="NBP726" s="613"/>
      <c r="NBQ726" s="613"/>
      <c r="NBR726" s="613"/>
      <c r="NBS726" s="613"/>
      <c r="NBT726" s="613"/>
      <c r="NBU726" s="613"/>
      <c r="NBV726" s="613"/>
      <c r="NBW726" s="613"/>
      <c r="NBX726" s="613"/>
      <c r="NBY726" s="613"/>
      <c r="NBZ726" s="613"/>
      <c r="NCA726" s="613"/>
      <c r="NCB726" s="613"/>
      <c r="NCC726" s="613"/>
      <c r="NCD726" s="613"/>
      <c r="NCE726" s="613"/>
      <c r="NCF726" s="613"/>
      <c r="NCG726" s="613"/>
      <c r="NCH726" s="613"/>
      <c r="NCI726" s="613"/>
      <c r="NCJ726" s="613"/>
      <c r="NCK726" s="613"/>
      <c r="NCL726" s="613"/>
      <c r="NCM726" s="613"/>
      <c r="NCN726" s="613"/>
      <c r="NCO726" s="613"/>
      <c r="NCP726" s="613"/>
      <c r="NCQ726" s="613"/>
      <c r="NCR726" s="613"/>
      <c r="NCS726" s="613"/>
      <c r="NCT726" s="613"/>
      <c r="NCU726" s="613"/>
      <c r="NCV726" s="613"/>
      <c r="NCW726" s="613"/>
      <c r="NCX726" s="613"/>
      <c r="NCY726" s="613"/>
      <c r="NCZ726" s="613"/>
      <c r="NDA726" s="613"/>
      <c r="NDB726" s="613"/>
      <c r="NDC726" s="613"/>
      <c r="NDD726" s="613"/>
      <c r="NDE726" s="613"/>
      <c r="NDF726" s="613"/>
      <c r="NDG726" s="613"/>
      <c r="NDH726" s="613"/>
      <c r="NDI726" s="613"/>
      <c r="NDJ726" s="613"/>
      <c r="NDK726" s="613"/>
      <c r="NDL726" s="613"/>
      <c r="NDM726" s="613"/>
      <c r="NDN726" s="613"/>
      <c r="NDO726" s="613"/>
      <c r="NDP726" s="613"/>
      <c r="NDQ726" s="613"/>
      <c r="NDR726" s="613"/>
      <c r="NDS726" s="613"/>
      <c r="NDT726" s="613"/>
      <c r="NDU726" s="613"/>
      <c r="NDV726" s="613"/>
      <c r="NDW726" s="613"/>
      <c r="NDX726" s="613"/>
      <c r="NDY726" s="613"/>
      <c r="NDZ726" s="613"/>
      <c r="NEA726" s="613"/>
      <c r="NEB726" s="613"/>
      <c r="NEC726" s="613"/>
      <c r="NED726" s="613"/>
      <c r="NEE726" s="613"/>
      <c r="NEF726" s="613"/>
      <c r="NEG726" s="613"/>
      <c r="NEH726" s="613"/>
      <c r="NEI726" s="613"/>
      <c r="NEJ726" s="613"/>
      <c r="NEK726" s="613"/>
      <c r="NEL726" s="613"/>
      <c r="NEM726" s="613"/>
      <c r="NEN726" s="613"/>
      <c r="NEO726" s="613"/>
      <c r="NEP726" s="613"/>
      <c r="NEQ726" s="613"/>
      <c r="NER726" s="613"/>
      <c r="NES726" s="613"/>
      <c r="NET726" s="613"/>
      <c r="NEU726" s="613"/>
      <c r="NEV726" s="613"/>
      <c r="NEW726" s="613"/>
      <c r="NEX726" s="613"/>
      <c r="NEY726" s="613"/>
      <c r="NEZ726" s="613"/>
      <c r="NFA726" s="613"/>
      <c r="NFB726" s="613"/>
      <c r="NFC726" s="613"/>
      <c r="NFD726" s="613"/>
      <c r="NFE726" s="613"/>
      <c r="NFF726" s="613"/>
      <c r="NFG726" s="613"/>
      <c r="NFH726" s="613"/>
      <c r="NFI726" s="613"/>
      <c r="NFJ726" s="613"/>
      <c r="NFK726" s="613"/>
      <c r="NFL726" s="613"/>
      <c r="NFM726" s="613"/>
      <c r="NFN726" s="613"/>
      <c r="NFO726" s="613"/>
      <c r="NFP726" s="613"/>
      <c r="NFQ726" s="613"/>
      <c r="NFR726" s="613"/>
      <c r="NFS726" s="613"/>
      <c r="NFT726" s="613"/>
      <c r="NFU726" s="613"/>
      <c r="NFV726" s="613"/>
      <c r="NFW726" s="613"/>
      <c r="NFX726" s="613"/>
      <c r="NFY726" s="613"/>
      <c r="NFZ726" s="613"/>
      <c r="NGA726" s="613"/>
      <c r="NGB726" s="613"/>
      <c r="NGC726" s="613"/>
      <c r="NGD726" s="613"/>
      <c r="NGE726" s="613"/>
      <c r="NGF726" s="613"/>
      <c r="NGG726" s="613"/>
      <c r="NGH726" s="613"/>
      <c r="NGI726" s="613"/>
      <c r="NGJ726" s="613"/>
      <c r="NGK726" s="613"/>
      <c r="NGL726" s="613"/>
      <c r="NGM726" s="613"/>
      <c r="NGN726" s="613"/>
      <c r="NGO726" s="613"/>
      <c r="NGP726" s="613"/>
      <c r="NGQ726" s="613"/>
      <c r="NGR726" s="613"/>
      <c r="NGS726" s="613"/>
      <c r="NGT726" s="613"/>
      <c r="NGU726" s="613"/>
      <c r="NGV726" s="613"/>
      <c r="NGW726" s="613"/>
      <c r="NGX726" s="613"/>
      <c r="NGY726" s="613"/>
      <c r="NGZ726" s="613"/>
      <c r="NHA726" s="613"/>
      <c r="NHB726" s="613"/>
      <c r="NHC726" s="613"/>
      <c r="NHD726" s="613"/>
      <c r="NHE726" s="613"/>
      <c r="NHF726" s="613"/>
      <c r="NHG726" s="613"/>
      <c r="NHH726" s="613"/>
      <c r="NHI726" s="613"/>
      <c r="NHJ726" s="613"/>
      <c r="NHK726" s="613"/>
      <c r="NHL726" s="613"/>
      <c r="NHM726" s="613"/>
      <c r="NHN726" s="613"/>
      <c r="NHO726" s="613"/>
      <c r="NHP726" s="613"/>
      <c r="NHQ726" s="613"/>
      <c r="NHR726" s="613"/>
      <c r="NHS726" s="613"/>
      <c r="NHT726" s="613"/>
      <c r="NHU726" s="613"/>
      <c r="NHV726" s="613"/>
      <c r="NHW726" s="613"/>
      <c r="NHX726" s="613"/>
      <c r="NHY726" s="613"/>
      <c r="NHZ726" s="613"/>
      <c r="NIA726" s="613"/>
      <c r="NIB726" s="613"/>
      <c r="NIC726" s="613"/>
      <c r="NID726" s="613"/>
      <c r="NIE726" s="613"/>
      <c r="NIF726" s="613"/>
      <c r="NIG726" s="613"/>
      <c r="NIH726" s="613"/>
      <c r="NII726" s="613"/>
      <c r="NIJ726" s="613"/>
      <c r="NIK726" s="613"/>
      <c r="NIL726" s="613"/>
      <c r="NIM726" s="613"/>
      <c r="NIN726" s="613"/>
      <c r="NIO726" s="613"/>
      <c r="NIP726" s="613"/>
      <c r="NIQ726" s="613"/>
      <c r="NIR726" s="613"/>
      <c r="NIS726" s="613"/>
      <c r="NIT726" s="613"/>
      <c r="NIU726" s="613"/>
      <c r="NIV726" s="613"/>
      <c r="NIW726" s="613"/>
      <c r="NIX726" s="613"/>
      <c r="NIY726" s="613"/>
      <c r="NIZ726" s="613"/>
      <c r="NJA726" s="613"/>
      <c r="NJB726" s="613"/>
      <c r="NJC726" s="613"/>
      <c r="NJD726" s="613"/>
      <c r="NJE726" s="613"/>
      <c r="NJF726" s="613"/>
      <c r="NJG726" s="613"/>
      <c r="NJH726" s="613"/>
      <c r="NJI726" s="613"/>
      <c r="NJJ726" s="613"/>
      <c r="NJK726" s="613"/>
      <c r="NJL726" s="613"/>
      <c r="NJM726" s="613"/>
      <c r="NJN726" s="613"/>
      <c r="NJO726" s="613"/>
      <c r="NJP726" s="613"/>
      <c r="NJQ726" s="613"/>
      <c r="NJR726" s="613"/>
      <c r="NJS726" s="613"/>
      <c r="NJT726" s="613"/>
      <c r="NJU726" s="613"/>
      <c r="NJV726" s="613"/>
      <c r="NJW726" s="613"/>
      <c r="NJX726" s="613"/>
      <c r="NJY726" s="613"/>
      <c r="NJZ726" s="613"/>
      <c r="NKA726" s="613"/>
      <c r="NKB726" s="613"/>
      <c r="NKC726" s="613"/>
      <c r="NKD726" s="613"/>
      <c r="NKE726" s="613"/>
      <c r="NKF726" s="613"/>
      <c r="NKG726" s="613"/>
      <c r="NKH726" s="613"/>
      <c r="NKI726" s="613"/>
      <c r="NKJ726" s="613"/>
      <c r="NKK726" s="613"/>
      <c r="NKL726" s="613"/>
      <c r="NKM726" s="613"/>
      <c r="NKN726" s="613"/>
      <c r="NKO726" s="613"/>
      <c r="NKP726" s="613"/>
      <c r="NKQ726" s="613"/>
      <c r="NKR726" s="613"/>
      <c r="NKS726" s="613"/>
      <c r="NKT726" s="613"/>
      <c r="NKU726" s="613"/>
      <c r="NKV726" s="613"/>
      <c r="NKW726" s="613"/>
      <c r="NKX726" s="613"/>
      <c r="NKY726" s="613"/>
      <c r="NKZ726" s="613"/>
      <c r="NLA726" s="613"/>
      <c r="NLB726" s="613"/>
      <c r="NLC726" s="613"/>
      <c r="NLD726" s="613"/>
      <c r="NLE726" s="613"/>
      <c r="NLF726" s="613"/>
      <c r="NLG726" s="613"/>
      <c r="NLH726" s="613"/>
      <c r="NLI726" s="613"/>
      <c r="NLJ726" s="613"/>
      <c r="NLK726" s="613"/>
      <c r="NLL726" s="613"/>
      <c r="NLM726" s="613"/>
      <c r="NLN726" s="613"/>
      <c r="NLO726" s="613"/>
      <c r="NLP726" s="613"/>
      <c r="NLQ726" s="613"/>
      <c r="NLR726" s="613"/>
      <c r="NLS726" s="613"/>
      <c r="NLT726" s="613"/>
      <c r="NLU726" s="613"/>
      <c r="NLV726" s="613"/>
      <c r="NLW726" s="613"/>
      <c r="NLX726" s="613"/>
      <c r="NLY726" s="613"/>
      <c r="NLZ726" s="613"/>
      <c r="NMA726" s="613"/>
      <c r="NMB726" s="613"/>
      <c r="NMC726" s="613"/>
      <c r="NMD726" s="613"/>
      <c r="NME726" s="613"/>
      <c r="NMF726" s="613"/>
      <c r="NMG726" s="613"/>
      <c r="NMH726" s="613"/>
      <c r="NMI726" s="613"/>
      <c r="NMJ726" s="613"/>
      <c r="NMK726" s="613"/>
      <c r="NML726" s="613"/>
      <c r="NMM726" s="613"/>
      <c r="NMN726" s="613"/>
      <c r="NMO726" s="613"/>
      <c r="NMP726" s="613"/>
      <c r="NMQ726" s="613"/>
      <c r="NMR726" s="613"/>
      <c r="NMS726" s="613"/>
      <c r="NMT726" s="613"/>
      <c r="NMU726" s="613"/>
      <c r="NMV726" s="613"/>
      <c r="NMW726" s="613"/>
      <c r="NMX726" s="613"/>
      <c r="NMY726" s="613"/>
      <c r="NMZ726" s="613"/>
      <c r="NNA726" s="613"/>
      <c r="NNB726" s="613"/>
      <c r="NNC726" s="613"/>
      <c r="NND726" s="613"/>
      <c r="NNE726" s="613"/>
      <c r="NNF726" s="613"/>
      <c r="NNG726" s="613"/>
      <c r="NNH726" s="613"/>
      <c r="NNI726" s="613"/>
      <c r="NNJ726" s="613"/>
      <c r="NNK726" s="613"/>
      <c r="NNL726" s="613"/>
      <c r="NNM726" s="613"/>
      <c r="NNN726" s="613"/>
      <c r="NNO726" s="613"/>
      <c r="NNP726" s="613"/>
      <c r="NNQ726" s="613"/>
      <c r="NNR726" s="613"/>
      <c r="NNS726" s="613"/>
      <c r="NNT726" s="613"/>
      <c r="NNU726" s="613"/>
      <c r="NNV726" s="613"/>
      <c r="NNW726" s="613"/>
      <c r="NNX726" s="613"/>
      <c r="NNY726" s="613"/>
      <c r="NNZ726" s="613"/>
      <c r="NOA726" s="613"/>
      <c r="NOB726" s="613"/>
      <c r="NOC726" s="613"/>
      <c r="NOD726" s="613"/>
      <c r="NOE726" s="613"/>
      <c r="NOF726" s="613"/>
      <c r="NOG726" s="613"/>
      <c r="NOH726" s="613"/>
      <c r="NOI726" s="613"/>
      <c r="NOJ726" s="613"/>
      <c r="NOK726" s="613"/>
      <c r="NOL726" s="613"/>
      <c r="NOM726" s="613"/>
      <c r="NON726" s="613"/>
      <c r="NOO726" s="613"/>
      <c r="NOP726" s="613"/>
      <c r="NOQ726" s="613"/>
      <c r="NOR726" s="613"/>
      <c r="NOS726" s="613"/>
      <c r="NOT726" s="613"/>
      <c r="NOU726" s="613"/>
      <c r="NOV726" s="613"/>
      <c r="NOW726" s="613"/>
      <c r="NOX726" s="613"/>
      <c r="NOY726" s="613"/>
      <c r="NOZ726" s="613"/>
      <c r="NPA726" s="613"/>
      <c r="NPB726" s="613"/>
      <c r="NPC726" s="613"/>
      <c r="NPD726" s="613"/>
      <c r="NPE726" s="613"/>
      <c r="NPF726" s="613"/>
      <c r="NPG726" s="613"/>
      <c r="NPH726" s="613"/>
      <c r="NPI726" s="613"/>
      <c r="NPJ726" s="613"/>
      <c r="NPK726" s="613"/>
      <c r="NPL726" s="613"/>
      <c r="NPM726" s="613"/>
      <c r="NPN726" s="613"/>
      <c r="NPO726" s="613"/>
      <c r="NPP726" s="613"/>
      <c r="NPQ726" s="613"/>
      <c r="NPR726" s="613"/>
      <c r="NPS726" s="613"/>
      <c r="NPT726" s="613"/>
      <c r="NPU726" s="613"/>
      <c r="NPV726" s="613"/>
      <c r="NPW726" s="613"/>
      <c r="NPX726" s="613"/>
      <c r="NPY726" s="613"/>
      <c r="NPZ726" s="613"/>
      <c r="NQA726" s="613"/>
      <c r="NQB726" s="613"/>
      <c r="NQC726" s="613"/>
      <c r="NQD726" s="613"/>
      <c r="NQE726" s="613"/>
      <c r="NQF726" s="613"/>
      <c r="NQG726" s="613"/>
      <c r="NQH726" s="613"/>
      <c r="NQI726" s="613"/>
      <c r="NQJ726" s="613"/>
      <c r="NQK726" s="613"/>
      <c r="NQL726" s="613"/>
      <c r="NQM726" s="613"/>
      <c r="NQN726" s="613"/>
      <c r="NQO726" s="613"/>
      <c r="NQP726" s="613"/>
      <c r="NQQ726" s="613"/>
      <c r="NQR726" s="613"/>
      <c r="NQS726" s="613"/>
      <c r="NQT726" s="613"/>
      <c r="NQU726" s="613"/>
      <c r="NQV726" s="613"/>
      <c r="NQW726" s="613"/>
      <c r="NQX726" s="613"/>
      <c r="NQY726" s="613"/>
      <c r="NQZ726" s="613"/>
      <c r="NRA726" s="613"/>
      <c r="NRB726" s="613"/>
      <c r="NRC726" s="613"/>
      <c r="NRD726" s="613"/>
      <c r="NRE726" s="613"/>
      <c r="NRF726" s="613"/>
      <c r="NRG726" s="613"/>
      <c r="NRH726" s="613"/>
      <c r="NRI726" s="613"/>
      <c r="NRJ726" s="613"/>
      <c r="NRK726" s="613"/>
      <c r="NRL726" s="613"/>
      <c r="NRM726" s="613"/>
      <c r="NRN726" s="613"/>
      <c r="NRO726" s="613"/>
      <c r="NRP726" s="613"/>
      <c r="NRQ726" s="613"/>
      <c r="NRR726" s="613"/>
      <c r="NRS726" s="613"/>
      <c r="NRT726" s="613"/>
      <c r="NRU726" s="613"/>
      <c r="NRV726" s="613"/>
      <c r="NRW726" s="613"/>
      <c r="NRX726" s="613"/>
      <c r="NRY726" s="613"/>
      <c r="NRZ726" s="613"/>
      <c r="NSA726" s="613"/>
      <c r="NSB726" s="613"/>
      <c r="NSC726" s="613"/>
      <c r="NSD726" s="613"/>
      <c r="NSE726" s="613"/>
      <c r="NSF726" s="613"/>
      <c r="NSG726" s="613"/>
      <c r="NSH726" s="613"/>
      <c r="NSI726" s="613"/>
      <c r="NSJ726" s="613"/>
      <c r="NSK726" s="613"/>
      <c r="NSL726" s="613"/>
      <c r="NSM726" s="613"/>
      <c r="NSN726" s="613"/>
      <c r="NSO726" s="613"/>
      <c r="NSP726" s="613"/>
      <c r="NSQ726" s="613"/>
      <c r="NSR726" s="613"/>
      <c r="NSS726" s="613"/>
      <c r="NST726" s="613"/>
      <c r="NSU726" s="613"/>
      <c r="NSV726" s="613"/>
      <c r="NSW726" s="613"/>
      <c r="NSX726" s="613"/>
      <c r="NSY726" s="613"/>
      <c r="NSZ726" s="613"/>
      <c r="NTA726" s="613"/>
      <c r="NTB726" s="613"/>
      <c r="NTC726" s="613"/>
      <c r="NTD726" s="613"/>
      <c r="NTE726" s="613"/>
      <c r="NTF726" s="613"/>
      <c r="NTG726" s="613"/>
      <c r="NTH726" s="613"/>
      <c r="NTI726" s="613"/>
      <c r="NTJ726" s="613"/>
      <c r="NTK726" s="613"/>
      <c r="NTL726" s="613"/>
      <c r="NTM726" s="613"/>
      <c r="NTN726" s="613"/>
      <c r="NTO726" s="613"/>
      <c r="NTP726" s="613"/>
      <c r="NTQ726" s="613"/>
      <c r="NTR726" s="613"/>
      <c r="NTS726" s="613"/>
      <c r="NTT726" s="613"/>
      <c r="NTU726" s="613"/>
      <c r="NTV726" s="613"/>
      <c r="NTW726" s="613"/>
      <c r="NTX726" s="613"/>
      <c r="NTY726" s="613"/>
      <c r="NTZ726" s="613"/>
      <c r="NUA726" s="613"/>
      <c r="NUB726" s="613"/>
      <c r="NUC726" s="613"/>
      <c r="NUD726" s="613"/>
      <c r="NUE726" s="613"/>
      <c r="NUF726" s="613"/>
      <c r="NUG726" s="613"/>
      <c r="NUH726" s="613"/>
      <c r="NUI726" s="613"/>
      <c r="NUJ726" s="613"/>
      <c r="NUK726" s="613"/>
      <c r="NUL726" s="613"/>
      <c r="NUM726" s="613"/>
      <c r="NUN726" s="613"/>
      <c r="NUO726" s="613"/>
      <c r="NUP726" s="613"/>
      <c r="NUQ726" s="613"/>
      <c r="NUR726" s="613"/>
      <c r="NUS726" s="613"/>
      <c r="NUT726" s="613"/>
      <c r="NUU726" s="613"/>
      <c r="NUV726" s="613"/>
      <c r="NUW726" s="613"/>
      <c r="NUX726" s="613"/>
      <c r="NUY726" s="613"/>
      <c r="NUZ726" s="613"/>
      <c r="NVA726" s="613"/>
      <c r="NVB726" s="613"/>
      <c r="NVC726" s="613"/>
      <c r="NVD726" s="613"/>
      <c r="NVE726" s="613"/>
      <c r="NVF726" s="613"/>
      <c r="NVG726" s="613"/>
      <c r="NVH726" s="613"/>
      <c r="NVI726" s="613"/>
      <c r="NVJ726" s="613"/>
      <c r="NVK726" s="613"/>
      <c r="NVL726" s="613"/>
      <c r="NVM726" s="613"/>
      <c r="NVN726" s="613"/>
      <c r="NVO726" s="613"/>
      <c r="NVP726" s="613"/>
      <c r="NVQ726" s="613"/>
      <c r="NVR726" s="613"/>
      <c r="NVS726" s="613"/>
      <c r="NVT726" s="613"/>
      <c r="NVU726" s="613"/>
      <c r="NVV726" s="613"/>
      <c r="NVW726" s="613"/>
      <c r="NVX726" s="613"/>
      <c r="NVY726" s="613"/>
      <c r="NVZ726" s="613"/>
      <c r="NWA726" s="613"/>
      <c r="NWB726" s="613"/>
      <c r="NWC726" s="613"/>
      <c r="NWD726" s="613"/>
      <c r="NWE726" s="613"/>
      <c r="NWF726" s="613"/>
      <c r="NWG726" s="613"/>
      <c r="NWH726" s="613"/>
      <c r="NWI726" s="613"/>
      <c r="NWJ726" s="613"/>
      <c r="NWK726" s="613"/>
      <c r="NWL726" s="613"/>
      <c r="NWM726" s="613"/>
      <c r="NWN726" s="613"/>
      <c r="NWO726" s="613"/>
      <c r="NWP726" s="613"/>
      <c r="NWQ726" s="613"/>
      <c r="NWR726" s="613"/>
      <c r="NWS726" s="613"/>
      <c r="NWT726" s="613"/>
      <c r="NWU726" s="613"/>
      <c r="NWV726" s="613"/>
      <c r="NWW726" s="613"/>
      <c r="NWX726" s="613"/>
      <c r="NWY726" s="613"/>
      <c r="NWZ726" s="613"/>
      <c r="NXA726" s="613"/>
      <c r="NXB726" s="613"/>
      <c r="NXC726" s="613"/>
      <c r="NXD726" s="613"/>
      <c r="NXE726" s="613"/>
      <c r="NXF726" s="613"/>
      <c r="NXG726" s="613"/>
      <c r="NXH726" s="613"/>
      <c r="NXI726" s="613"/>
      <c r="NXJ726" s="613"/>
      <c r="NXK726" s="613"/>
      <c r="NXL726" s="613"/>
      <c r="NXM726" s="613"/>
      <c r="NXN726" s="613"/>
      <c r="NXO726" s="613"/>
      <c r="NXP726" s="613"/>
      <c r="NXQ726" s="613"/>
      <c r="NXR726" s="613"/>
      <c r="NXS726" s="613"/>
      <c r="NXT726" s="613"/>
      <c r="NXU726" s="613"/>
      <c r="NXV726" s="613"/>
      <c r="NXW726" s="613"/>
      <c r="NXX726" s="613"/>
      <c r="NXY726" s="613"/>
      <c r="NXZ726" s="613"/>
      <c r="NYA726" s="613"/>
      <c r="NYB726" s="613"/>
      <c r="NYC726" s="613"/>
      <c r="NYD726" s="613"/>
      <c r="NYE726" s="613"/>
      <c r="NYF726" s="613"/>
      <c r="NYG726" s="613"/>
      <c r="NYH726" s="613"/>
      <c r="NYI726" s="613"/>
      <c r="NYJ726" s="613"/>
      <c r="NYK726" s="613"/>
      <c r="NYL726" s="613"/>
      <c r="NYM726" s="613"/>
      <c r="NYN726" s="613"/>
      <c r="NYO726" s="613"/>
      <c r="NYP726" s="613"/>
      <c r="NYQ726" s="613"/>
      <c r="NYR726" s="613"/>
      <c r="NYS726" s="613"/>
      <c r="NYT726" s="613"/>
      <c r="NYU726" s="613"/>
      <c r="NYV726" s="613"/>
      <c r="NYW726" s="613"/>
      <c r="NYX726" s="613"/>
      <c r="NYY726" s="613"/>
      <c r="NYZ726" s="613"/>
      <c r="NZA726" s="613"/>
      <c r="NZB726" s="613"/>
      <c r="NZC726" s="613"/>
      <c r="NZD726" s="613"/>
      <c r="NZE726" s="613"/>
      <c r="NZF726" s="613"/>
      <c r="NZG726" s="613"/>
      <c r="NZH726" s="613"/>
      <c r="NZI726" s="613"/>
      <c r="NZJ726" s="613"/>
      <c r="NZK726" s="613"/>
      <c r="NZL726" s="613"/>
      <c r="NZM726" s="613"/>
      <c r="NZN726" s="613"/>
      <c r="NZO726" s="613"/>
      <c r="NZP726" s="613"/>
      <c r="NZQ726" s="613"/>
      <c r="NZR726" s="613"/>
      <c r="NZS726" s="613"/>
      <c r="NZT726" s="613"/>
      <c r="NZU726" s="613"/>
      <c r="NZV726" s="613"/>
      <c r="NZW726" s="613"/>
      <c r="NZX726" s="613"/>
      <c r="NZY726" s="613"/>
      <c r="NZZ726" s="613"/>
      <c r="OAA726" s="613"/>
      <c r="OAB726" s="613"/>
      <c r="OAC726" s="613"/>
      <c r="OAD726" s="613"/>
      <c r="OAE726" s="613"/>
      <c r="OAF726" s="613"/>
      <c r="OAG726" s="613"/>
      <c r="OAH726" s="613"/>
      <c r="OAI726" s="613"/>
      <c r="OAJ726" s="613"/>
      <c r="OAK726" s="613"/>
      <c r="OAL726" s="613"/>
      <c r="OAM726" s="613"/>
      <c r="OAN726" s="613"/>
      <c r="OAO726" s="613"/>
      <c r="OAP726" s="613"/>
      <c r="OAQ726" s="613"/>
      <c r="OAR726" s="613"/>
      <c r="OAS726" s="613"/>
      <c r="OAT726" s="613"/>
      <c r="OAU726" s="613"/>
      <c r="OAV726" s="613"/>
      <c r="OAW726" s="613"/>
      <c r="OAX726" s="613"/>
      <c r="OAY726" s="613"/>
      <c r="OAZ726" s="613"/>
      <c r="OBA726" s="613"/>
      <c r="OBB726" s="613"/>
      <c r="OBC726" s="613"/>
      <c r="OBD726" s="613"/>
      <c r="OBE726" s="613"/>
      <c r="OBF726" s="613"/>
      <c r="OBG726" s="613"/>
      <c r="OBH726" s="613"/>
      <c r="OBI726" s="613"/>
      <c r="OBJ726" s="613"/>
      <c r="OBK726" s="613"/>
      <c r="OBL726" s="613"/>
      <c r="OBM726" s="613"/>
      <c r="OBN726" s="613"/>
      <c r="OBO726" s="613"/>
      <c r="OBP726" s="613"/>
      <c r="OBQ726" s="613"/>
      <c r="OBR726" s="613"/>
      <c r="OBS726" s="613"/>
      <c r="OBT726" s="613"/>
      <c r="OBU726" s="613"/>
      <c r="OBV726" s="613"/>
      <c r="OBW726" s="613"/>
      <c r="OBX726" s="613"/>
      <c r="OBY726" s="613"/>
      <c r="OBZ726" s="613"/>
      <c r="OCA726" s="613"/>
      <c r="OCB726" s="613"/>
      <c r="OCC726" s="613"/>
      <c r="OCD726" s="613"/>
      <c r="OCE726" s="613"/>
      <c r="OCF726" s="613"/>
      <c r="OCG726" s="613"/>
      <c r="OCH726" s="613"/>
      <c r="OCI726" s="613"/>
      <c r="OCJ726" s="613"/>
      <c r="OCK726" s="613"/>
      <c r="OCL726" s="613"/>
      <c r="OCM726" s="613"/>
      <c r="OCN726" s="613"/>
      <c r="OCO726" s="613"/>
      <c r="OCP726" s="613"/>
      <c r="OCQ726" s="613"/>
      <c r="OCR726" s="613"/>
      <c r="OCS726" s="613"/>
      <c r="OCT726" s="613"/>
      <c r="OCU726" s="613"/>
      <c r="OCV726" s="613"/>
      <c r="OCW726" s="613"/>
      <c r="OCX726" s="613"/>
      <c r="OCY726" s="613"/>
      <c r="OCZ726" s="613"/>
      <c r="ODA726" s="613"/>
      <c r="ODB726" s="613"/>
      <c r="ODC726" s="613"/>
      <c r="ODD726" s="613"/>
      <c r="ODE726" s="613"/>
      <c r="ODF726" s="613"/>
      <c r="ODG726" s="613"/>
      <c r="ODH726" s="613"/>
      <c r="ODI726" s="613"/>
      <c r="ODJ726" s="613"/>
      <c r="ODK726" s="613"/>
      <c r="ODL726" s="613"/>
      <c r="ODM726" s="613"/>
      <c r="ODN726" s="613"/>
      <c r="ODO726" s="613"/>
      <c r="ODP726" s="613"/>
      <c r="ODQ726" s="613"/>
      <c r="ODR726" s="613"/>
      <c r="ODS726" s="613"/>
      <c r="ODT726" s="613"/>
      <c r="ODU726" s="613"/>
      <c r="ODV726" s="613"/>
      <c r="ODW726" s="613"/>
      <c r="ODX726" s="613"/>
      <c r="ODY726" s="613"/>
      <c r="ODZ726" s="613"/>
      <c r="OEA726" s="613"/>
      <c r="OEB726" s="613"/>
      <c r="OEC726" s="613"/>
      <c r="OED726" s="613"/>
      <c r="OEE726" s="613"/>
      <c r="OEF726" s="613"/>
      <c r="OEG726" s="613"/>
      <c r="OEH726" s="613"/>
      <c r="OEI726" s="613"/>
      <c r="OEJ726" s="613"/>
      <c r="OEK726" s="613"/>
      <c r="OEL726" s="613"/>
      <c r="OEM726" s="613"/>
      <c r="OEN726" s="613"/>
      <c r="OEO726" s="613"/>
      <c r="OEP726" s="613"/>
      <c r="OEQ726" s="613"/>
      <c r="OER726" s="613"/>
      <c r="OES726" s="613"/>
      <c r="OET726" s="613"/>
      <c r="OEU726" s="613"/>
      <c r="OEV726" s="613"/>
      <c r="OEW726" s="613"/>
      <c r="OEX726" s="613"/>
      <c r="OEY726" s="613"/>
      <c r="OEZ726" s="613"/>
      <c r="OFA726" s="613"/>
      <c r="OFB726" s="613"/>
      <c r="OFC726" s="613"/>
      <c r="OFD726" s="613"/>
      <c r="OFE726" s="613"/>
      <c r="OFF726" s="613"/>
      <c r="OFG726" s="613"/>
      <c r="OFH726" s="613"/>
      <c r="OFI726" s="613"/>
      <c r="OFJ726" s="613"/>
      <c r="OFK726" s="613"/>
      <c r="OFL726" s="613"/>
      <c r="OFM726" s="613"/>
      <c r="OFN726" s="613"/>
      <c r="OFO726" s="613"/>
      <c r="OFP726" s="613"/>
      <c r="OFQ726" s="613"/>
      <c r="OFR726" s="613"/>
      <c r="OFS726" s="613"/>
      <c r="OFT726" s="613"/>
      <c r="OFU726" s="613"/>
      <c r="OFV726" s="613"/>
      <c r="OFW726" s="613"/>
      <c r="OFX726" s="613"/>
      <c r="OFY726" s="613"/>
      <c r="OFZ726" s="613"/>
      <c r="OGA726" s="613"/>
      <c r="OGB726" s="613"/>
      <c r="OGC726" s="613"/>
      <c r="OGD726" s="613"/>
      <c r="OGE726" s="613"/>
      <c r="OGF726" s="613"/>
      <c r="OGG726" s="613"/>
      <c r="OGH726" s="613"/>
      <c r="OGI726" s="613"/>
      <c r="OGJ726" s="613"/>
      <c r="OGK726" s="613"/>
      <c r="OGL726" s="613"/>
      <c r="OGM726" s="613"/>
      <c r="OGN726" s="613"/>
      <c r="OGO726" s="613"/>
      <c r="OGP726" s="613"/>
      <c r="OGQ726" s="613"/>
      <c r="OGR726" s="613"/>
      <c r="OGS726" s="613"/>
      <c r="OGT726" s="613"/>
      <c r="OGU726" s="613"/>
      <c r="OGV726" s="613"/>
      <c r="OGW726" s="613"/>
      <c r="OGX726" s="613"/>
      <c r="OGY726" s="613"/>
      <c r="OGZ726" s="613"/>
      <c r="OHA726" s="613"/>
      <c r="OHB726" s="613"/>
      <c r="OHC726" s="613"/>
      <c r="OHD726" s="613"/>
      <c r="OHE726" s="613"/>
      <c r="OHF726" s="613"/>
      <c r="OHG726" s="613"/>
      <c r="OHH726" s="613"/>
      <c r="OHI726" s="613"/>
      <c r="OHJ726" s="613"/>
      <c r="OHK726" s="613"/>
      <c r="OHL726" s="613"/>
      <c r="OHM726" s="613"/>
      <c r="OHN726" s="613"/>
      <c r="OHO726" s="613"/>
      <c r="OHP726" s="613"/>
      <c r="OHQ726" s="613"/>
      <c r="OHR726" s="613"/>
      <c r="OHS726" s="613"/>
      <c r="OHT726" s="613"/>
      <c r="OHU726" s="613"/>
      <c r="OHV726" s="613"/>
      <c r="OHW726" s="613"/>
      <c r="OHX726" s="613"/>
      <c r="OHY726" s="613"/>
      <c r="OHZ726" s="613"/>
      <c r="OIA726" s="613"/>
      <c r="OIB726" s="613"/>
      <c r="OIC726" s="613"/>
      <c r="OID726" s="613"/>
      <c r="OIE726" s="613"/>
      <c r="OIF726" s="613"/>
      <c r="OIG726" s="613"/>
      <c r="OIH726" s="613"/>
      <c r="OII726" s="613"/>
      <c r="OIJ726" s="613"/>
      <c r="OIK726" s="613"/>
      <c r="OIL726" s="613"/>
      <c r="OIM726" s="613"/>
      <c r="OIN726" s="613"/>
      <c r="OIO726" s="613"/>
      <c r="OIP726" s="613"/>
      <c r="OIQ726" s="613"/>
      <c r="OIR726" s="613"/>
      <c r="OIS726" s="613"/>
      <c r="OIT726" s="613"/>
      <c r="OIU726" s="613"/>
      <c r="OIV726" s="613"/>
      <c r="OIW726" s="613"/>
      <c r="OIX726" s="613"/>
      <c r="OIY726" s="613"/>
      <c r="OIZ726" s="613"/>
      <c r="OJA726" s="613"/>
      <c r="OJB726" s="613"/>
      <c r="OJC726" s="613"/>
      <c r="OJD726" s="613"/>
      <c r="OJE726" s="613"/>
      <c r="OJF726" s="613"/>
      <c r="OJG726" s="613"/>
      <c r="OJH726" s="613"/>
      <c r="OJI726" s="613"/>
      <c r="OJJ726" s="613"/>
      <c r="OJK726" s="613"/>
      <c r="OJL726" s="613"/>
      <c r="OJM726" s="613"/>
      <c r="OJN726" s="613"/>
      <c r="OJO726" s="613"/>
      <c r="OJP726" s="613"/>
      <c r="OJQ726" s="613"/>
      <c r="OJR726" s="613"/>
      <c r="OJS726" s="613"/>
      <c r="OJT726" s="613"/>
      <c r="OJU726" s="613"/>
      <c r="OJV726" s="613"/>
      <c r="OJW726" s="613"/>
      <c r="OJX726" s="613"/>
      <c r="OJY726" s="613"/>
      <c r="OJZ726" s="613"/>
      <c r="OKA726" s="613"/>
      <c r="OKB726" s="613"/>
      <c r="OKC726" s="613"/>
      <c r="OKD726" s="613"/>
      <c r="OKE726" s="613"/>
      <c r="OKF726" s="613"/>
      <c r="OKG726" s="613"/>
      <c r="OKH726" s="613"/>
      <c r="OKI726" s="613"/>
      <c r="OKJ726" s="613"/>
      <c r="OKK726" s="613"/>
      <c r="OKL726" s="613"/>
      <c r="OKM726" s="613"/>
      <c r="OKN726" s="613"/>
      <c r="OKO726" s="613"/>
      <c r="OKP726" s="613"/>
      <c r="OKQ726" s="613"/>
      <c r="OKR726" s="613"/>
      <c r="OKS726" s="613"/>
      <c r="OKT726" s="613"/>
      <c r="OKU726" s="613"/>
      <c r="OKV726" s="613"/>
      <c r="OKW726" s="613"/>
      <c r="OKX726" s="613"/>
      <c r="OKY726" s="613"/>
      <c r="OKZ726" s="613"/>
      <c r="OLA726" s="613"/>
      <c r="OLB726" s="613"/>
      <c r="OLC726" s="613"/>
      <c r="OLD726" s="613"/>
      <c r="OLE726" s="613"/>
      <c r="OLF726" s="613"/>
      <c r="OLG726" s="613"/>
      <c r="OLH726" s="613"/>
      <c r="OLI726" s="613"/>
      <c r="OLJ726" s="613"/>
      <c r="OLK726" s="613"/>
      <c r="OLL726" s="613"/>
      <c r="OLM726" s="613"/>
      <c r="OLN726" s="613"/>
      <c r="OLO726" s="613"/>
      <c r="OLP726" s="613"/>
      <c r="OLQ726" s="613"/>
      <c r="OLR726" s="613"/>
      <c r="OLS726" s="613"/>
      <c r="OLT726" s="613"/>
      <c r="OLU726" s="613"/>
      <c r="OLV726" s="613"/>
      <c r="OLW726" s="613"/>
      <c r="OLX726" s="613"/>
      <c r="OLY726" s="613"/>
      <c r="OLZ726" s="613"/>
      <c r="OMA726" s="613"/>
      <c r="OMB726" s="613"/>
      <c r="OMC726" s="613"/>
      <c r="OMD726" s="613"/>
      <c r="OME726" s="613"/>
      <c r="OMF726" s="613"/>
      <c r="OMG726" s="613"/>
      <c r="OMH726" s="613"/>
      <c r="OMI726" s="613"/>
      <c r="OMJ726" s="613"/>
      <c r="OMK726" s="613"/>
      <c r="OML726" s="613"/>
      <c r="OMM726" s="613"/>
      <c r="OMN726" s="613"/>
      <c r="OMO726" s="613"/>
      <c r="OMP726" s="613"/>
      <c r="OMQ726" s="613"/>
      <c r="OMR726" s="613"/>
      <c r="OMS726" s="613"/>
      <c r="OMT726" s="613"/>
      <c r="OMU726" s="613"/>
      <c r="OMV726" s="613"/>
      <c r="OMW726" s="613"/>
      <c r="OMX726" s="613"/>
      <c r="OMY726" s="613"/>
      <c r="OMZ726" s="613"/>
      <c r="ONA726" s="613"/>
      <c r="ONB726" s="613"/>
      <c r="ONC726" s="613"/>
      <c r="OND726" s="613"/>
      <c r="ONE726" s="613"/>
      <c r="ONF726" s="613"/>
      <c r="ONG726" s="613"/>
      <c r="ONH726" s="613"/>
      <c r="ONI726" s="613"/>
      <c r="ONJ726" s="613"/>
      <c r="ONK726" s="613"/>
      <c r="ONL726" s="613"/>
      <c r="ONM726" s="613"/>
      <c r="ONN726" s="613"/>
      <c r="ONO726" s="613"/>
      <c r="ONP726" s="613"/>
      <c r="ONQ726" s="613"/>
      <c r="ONR726" s="613"/>
      <c r="ONS726" s="613"/>
      <c r="ONT726" s="613"/>
      <c r="ONU726" s="613"/>
      <c r="ONV726" s="613"/>
      <c r="ONW726" s="613"/>
      <c r="ONX726" s="613"/>
      <c r="ONY726" s="613"/>
      <c r="ONZ726" s="613"/>
      <c r="OOA726" s="613"/>
      <c r="OOB726" s="613"/>
      <c r="OOC726" s="613"/>
      <c r="OOD726" s="613"/>
      <c r="OOE726" s="613"/>
      <c r="OOF726" s="613"/>
      <c r="OOG726" s="613"/>
      <c r="OOH726" s="613"/>
      <c r="OOI726" s="613"/>
      <c r="OOJ726" s="613"/>
      <c r="OOK726" s="613"/>
      <c r="OOL726" s="613"/>
      <c r="OOM726" s="613"/>
      <c r="OON726" s="613"/>
      <c r="OOO726" s="613"/>
      <c r="OOP726" s="613"/>
      <c r="OOQ726" s="613"/>
      <c r="OOR726" s="613"/>
      <c r="OOS726" s="613"/>
      <c r="OOT726" s="613"/>
      <c r="OOU726" s="613"/>
      <c r="OOV726" s="613"/>
      <c r="OOW726" s="613"/>
      <c r="OOX726" s="613"/>
      <c r="OOY726" s="613"/>
      <c r="OOZ726" s="613"/>
      <c r="OPA726" s="613"/>
      <c r="OPB726" s="613"/>
      <c r="OPC726" s="613"/>
      <c r="OPD726" s="613"/>
      <c r="OPE726" s="613"/>
      <c r="OPF726" s="613"/>
      <c r="OPG726" s="613"/>
      <c r="OPH726" s="613"/>
      <c r="OPI726" s="613"/>
      <c r="OPJ726" s="613"/>
      <c r="OPK726" s="613"/>
      <c r="OPL726" s="613"/>
      <c r="OPM726" s="613"/>
      <c r="OPN726" s="613"/>
      <c r="OPO726" s="613"/>
      <c r="OPP726" s="613"/>
      <c r="OPQ726" s="613"/>
      <c r="OPR726" s="613"/>
      <c r="OPS726" s="613"/>
      <c r="OPT726" s="613"/>
      <c r="OPU726" s="613"/>
      <c r="OPV726" s="613"/>
      <c r="OPW726" s="613"/>
      <c r="OPX726" s="613"/>
      <c r="OPY726" s="613"/>
      <c r="OPZ726" s="613"/>
      <c r="OQA726" s="613"/>
      <c r="OQB726" s="613"/>
      <c r="OQC726" s="613"/>
      <c r="OQD726" s="613"/>
      <c r="OQE726" s="613"/>
      <c r="OQF726" s="613"/>
      <c r="OQG726" s="613"/>
      <c r="OQH726" s="613"/>
      <c r="OQI726" s="613"/>
      <c r="OQJ726" s="613"/>
      <c r="OQK726" s="613"/>
      <c r="OQL726" s="613"/>
      <c r="OQM726" s="613"/>
      <c r="OQN726" s="613"/>
      <c r="OQO726" s="613"/>
      <c r="OQP726" s="613"/>
      <c r="OQQ726" s="613"/>
      <c r="OQR726" s="613"/>
      <c r="OQS726" s="613"/>
      <c r="OQT726" s="613"/>
      <c r="OQU726" s="613"/>
      <c r="OQV726" s="613"/>
      <c r="OQW726" s="613"/>
      <c r="OQX726" s="613"/>
      <c r="OQY726" s="613"/>
      <c r="OQZ726" s="613"/>
      <c r="ORA726" s="613"/>
      <c r="ORB726" s="613"/>
      <c r="ORC726" s="613"/>
      <c r="ORD726" s="613"/>
      <c r="ORE726" s="613"/>
      <c r="ORF726" s="613"/>
      <c r="ORG726" s="613"/>
      <c r="ORH726" s="613"/>
      <c r="ORI726" s="613"/>
      <c r="ORJ726" s="613"/>
      <c r="ORK726" s="613"/>
      <c r="ORL726" s="613"/>
      <c r="ORM726" s="613"/>
      <c r="ORN726" s="613"/>
      <c r="ORO726" s="613"/>
      <c r="ORP726" s="613"/>
      <c r="ORQ726" s="613"/>
      <c r="ORR726" s="613"/>
      <c r="ORS726" s="613"/>
      <c r="ORT726" s="613"/>
      <c r="ORU726" s="613"/>
      <c r="ORV726" s="613"/>
      <c r="ORW726" s="613"/>
      <c r="ORX726" s="613"/>
      <c r="ORY726" s="613"/>
      <c r="ORZ726" s="613"/>
      <c r="OSA726" s="613"/>
      <c r="OSB726" s="613"/>
      <c r="OSC726" s="613"/>
      <c r="OSD726" s="613"/>
      <c r="OSE726" s="613"/>
      <c r="OSF726" s="613"/>
      <c r="OSG726" s="613"/>
      <c r="OSH726" s="613"/>
      <c r="OSI726" s="613"/>
      <c r="OSJ726" s="613"/>
      <c r="OSK726" s="613"/>
      <c r="OSL726" s="613"/>
      <c r="OSM726" s="613"/>
      <c r="OSN726" s="613"/>
      <c r="OSO726" s="613"/>
      <c r="OSP726" s="613"/>
      <c r="OSQ726" s="613"/>
      <c r="OSR726" s="613"/>
      <c r="OSS726" s="613"/>
      <c r="OST726" s="613"/>
      <c r="OSU726" s="613"/>
      <c r="OSV726" s="613"/>
      <c r="OSW726" s="613"/>
      <c r="OSX726" s="613"/>
      <c r="OSY726" s="613"/>
      <c r="OSZ726" s="613"/>
      <c r="OTA726" s="613"/>
      <c r="OTB726" s="613"/>
      <c r="OTC726" s="613"/>
      <c r="OTD726" s="613"/>
      <c r="OTE726" s="613"/>
      <c r="OTF726" s="613"/>
      <c r="OTG726" s="613"/>
      <c r="OTH726" s="613"/>
      <c r="OTI726" s="613"/>
      <c r="OTJ726" s="613"/>
      <c r="OTK726" s="613"/>
      <c r="OTL726" s="613"/>
      <c r="OTM726" s="613"/>
      <c r="OTN726" s="613"/>
      <c r="OTO726" s="613"/>
      <c r="OTP726" s="613"/>
      <c r="OTQ726" s="613"/>
      <c r="OTR726" s="613"/>
      <c r="OTS726" s="613"/>
      <c r="OTT726" s="613"/>
      <c r="OTU726" s="613"/>
      <c r="OTV726" s="613"/>
      <c r="OTW726" s="613"/>
      <c r="OTX726" s="613"/>
      <c r="OTY726" s="613"/>
      <c r="OTZ726" s="613"/>
      <c r="OUA726" s="613"/>
      <c r="OUB726" s="613"/>
      <c r="OUC726" s="613"/>
      <c r="OUD726" s="613"/>
      <c r="OUE726" s="613"/>
      <c r="OUF726" s="613"/>
      <c r="OUG726" s="613"/>
      <c r="OUH726" s="613"/>
      <c r="OUI726" s="613"/>
      <c r="OUJ726" s="613"/>
      <c r="OUK726" s="613"/>
      <c r="OUL726" s="613"/>
      <c r="OUM726" s="613"/>
      <c r="OUN726" s="613"/>
      <c r="OUO726" s="613"/>
      <c r="OUP726" s="613"/>
      <c r="OUQ726" s="613"/>
      <c r="OUR726" s="613"/>
      <c r="OUS726" s="613"/>
      <c r="OUT726" s="613"/>
      <c r="OUU726" s="613"/>
      <c r="OUV726" s="613"/>
      <c r="OUW726" s="613"/>
      <c r="OUX726" s="613"/>
      <c r="OUY726" s="613"/>
      <c r="OUZ726" s="613"/>
      <c r="OVA726" s="613"/>
      <c r="OVB726" s="613"/>
      <c r="OVC726" s="613"/>
      <c r="OVD726" s="613"/>
      <c r="OVE726" s="613"/>
      <c r="OVF726" s="613"/>
      <c r="OVG726" s="613"/>
      <c r="OVH726" s="613"/>
      <c r="OVI726" s="613"/>
      <c r="OVJ726" s="613"/>
      <c r="OVK726" s="613"/>
      <c r="OVL726" s="613"/>
      <c r="OVM726" s="613"/>
      <c r="OVN726" s="613"/>
      <c r="OVO726" s="613"/>
      <c r="OVP726" s="613"/>
      <c r="OVQ726" s="613"/>
      <c r="OVR726" s="613"/>
      <c r="OVS726" s="613"/>
      <c r="OVT726" s="613"/>
      <c r="OVU726" s="613"/>
      <c r="OVV726" s="613"/>
      <c r="OVW726" s="613"/>
      <c r="OVX726" s="613"/>
      <c r="OVY726" s="613"/>
      <c r="OVZ726" s="613"/>
      <c r="OWA726" s="613"/>
      <c r="OWB726" s="613"/>
      <c r="OWC726" s="613"/>
      <c r="OWD726" s="613"/>
      <c r="OWE726" s="613"/>
      <c r="OWF726" s="613"/>
      <c r="OWG726" s="613"/>
      <c r="OWH726" s="613"/>
      <c r="OWI726" s="613"/>
      <c r="OWJ726" s="613"/>
      <c r="OWK726" s="613"/>
      <c r="OWL726" s="613"/>
      <c r="OWM726" s="613"/>
      <c r="OWN726" s="613"/>
      <c r="OWO726" s="613"/>
      <c r="OWP726" s="613"/>
      <c r="OWQ726" s="613"/>
      <c r="OWR726" s="613"/>
      <c r="OWS726" s="613"/>
      <c r="OWT726" s="613"/>
      <c r="OWU726" s="613"/>
      <c r="OWV726" s="613"/>
      <c r="OWW726" s="613"/>
      <c r="OWX726" s="613"/>
      <c r="OWY726" s="613"/>
      <c r="OWZ726" s="613"/>
      <c r="OXA726" s="613"/>
      <c r="OXB726" s="613"/>
      <c r="OXC726" s="613"/>
      <c r="OXD726" s="613"/>
      <c r="OXE726" s="613"/>
      <c r="OXF726" s="613"/>
      <c r="OXG726" s="613"/>
      <c r="OXH726" s="613"/>
      <c r="OXI726" s="613"/>
      <c r="OXJ726" s="613"/>
      <c r="OXK726" s="613"/>
      <c r="OXL726" s="613"/>
      <c r="OXM726" s="613"/>
      <c r="OXN726" s="613"/>
      <c r="OXO726" s="613"/>
      <c r="OXP726" s="613"/>
      <c r="OXQ726" s="613"/>
      <c r="OXR726" s="613"/>
      <c r="OXS726" s="613"/>
      <c r="OXT726" s="613"/>
      <c r="OXU726" s="613"/>
      <c r="OXV726" s="613"/>
      <c r="OXW726" s="613"/>
      <c r="OXX726" s="613"/>
      <c r="OXY726" s="613"/>
      <c r="OXZ726" s="613"/>
      <c r="OYA726" s="613"/>
      <c r="OYB726" s="613"/>
      <c r="OYC726" s="613"/>
      <c r="OYD726" s="613"/>
      <c r="OYE726" s="613"/>
      <c r="OYF726" s="613"/>
      <c r="OYG726" s="613"/>
      <c r="OYH726" s="613"/>
      <c r="OYI726" s="613"/>
      <c r="OYJ726" s="613"/>
      <c r="OYK726" s="613"/>
      <c r="OYL726" s="613"/>
      <c r="OYM726" s="613"/>
      <c r="OYN726" s="613"/>
      <c r="OYO726" s="613"/>
      <c r="OYP726" s="613"/>
      <c r="OYQ726" s="613"/>
      <c r="OYR726" s="613"/>
      <c r="OYS726" s="613"/>
      <c r="OYT726" s="613"/>
      <c r="OYU726" s="613"/>
      <c r="OYV726" s="613"/>
      <c r="OYW726" s="613"/>
      <c r="OYX726" s="613"/>
      <c r="OYY726" s="613"/>
      <c r="OYZ726" s="613"/>
      <c r="OZA726" s="613"/>
      <c r="OZB726" s="613"/>
      <c r="OZC726" s="613"/>
      <c r="OZD726" s="613"/>
      <c r="OZE726" s="613"/>
      <c r="OZF726" s="613"/>
      <c r="OZG726" s="613"/>
      <c r="OZH726" s="613"/>
      <c r="OZI726" s="613"/>
      <c r="OZJ726" s="613"/>
      <c r="OZK726" s="613"/>
      <c r="OZL726" s="613"/>
      <c r="OZM726" s="613"/>
      <c r="OZN726" s="613"/>
      <c r="OZO726" s="613"/>
      <c r="OZP726" s="613"/>
      <c r="OZQ726" s="613"/>
      <c r="OZR726" s="613"/>
      <c r="OZS726" s="613"/>
      <c r="OZT726" s="613"/>
      <c r="OZU726" s="613"/>
      <c r="OZV726" s="613"/>
      <c r="OZW726" s="613"/>
      <c r="OZX726" s="613"/>
      <c r="OZY726" s="613"/>
      <c r="OZZ726" s="613"/>
      <c r="PAA726" s="613"/>
      <c r="PAB726" s="613"/>
      <c r="PAC726" s="613"/>
      <c r="PAD726" s="613"/>
      <c r="PAE726" s="613"/>
      <c r="PAF726" s="613"/>
      <c r="PAG726" s="613"/>
      <c r="PAH726" s="613"/>
      <c r="PAI726" s="613"/>
      <c r="PAJ726" s="613"/>
      <c r="PAK726" s="613"/>
      <c r="PAL726" s="613"/>
      <c r="PAM726" s="613"/>
      <c r="PAN726" s="613"/>
      <c r="PAO726" s="613"/>
      <c r="PAP726" s="613"/>
      <c r="PAQ726" s="613"/>
      <c r="PAR726" s="613"/>
      <c r="PAS726" s="613"/>
      <c r="PAT726" s="613"/>
      <c r="PAU726" s="613"/>
      <c r="PAV726" s="613"/>
      <c r="PAW726" s="613"/>
      <c r="PAX726" s="613"/>
      <c r="PAY726" s="613"/>
      <c r="PAZ726" s="613"/>
      <c r="PBA726" s="613"/>
      <c r="PBB726" s="613"/>
      <c r="PBC726" s="613"/>
      <c r="PBD726" s="613"/>
      <c r="PBE726" s="613"/>
      <c r="PBF726" s="613"/>
      <c r="PBG726" s="613"/>
      <c r="PBH726" s="613"/>
      <c r="PBI726" s="613"/>
      <c r="PBJ726" s="613"/>
      <c r="PBK726" s="613"/>
      <c r="PBL726" s="613"/>
      <c r="PBM726" s="613"/>
      <c r="PBN726" s="613"/>
      <c r="PBO726" s="613"/>
      <c r="PBP726" s="613"/>
      <c r="PBQ726" s="613"/>
      <c r="PBR726" s="613"/>
      <c r="PBS726" s="613"/>
      <c r="PBT726" s="613"/>
      <c r="PBU726" s="613"/>
      <c r="PBV726" s="613"/>
      <c r="PBW726" s="613"/>
      <c r="PBX726" s="613"/>
      <c r="PBY726" s="613"/>
      <c r="PBZ726" s="613"/>
      <c r="PCA726" s="613"/>
      <c r="PCB726" s="613"/>
      <c r="PCC726" s="613"/>
      <c r="PCD726" s="613"/>
      <c r="PCE726" s="613"/>
      <c r="PCF726" s="613"/>
      <c r="PCG726" s="613"/>
      <c r="PCH726" s="613"/>
      <c r="PCI726" s="613"/>
      <c r="PCJ726" s="613"/>
      <c r="PCK726" s="613"/>
      <c r="PCL726" s="613"/>
      <c r="PCM726" s="613"/>
      <c r="PCN726" s="613"/>
      <c r="PCO726" s="613"/>
      <c r="PCP726" s="613"/>
      <c r="PCQ726" s="613"/>
      <c r="PCR726" s="613"/>
      <c r="PCS726" s="613"/>
      <c r="PCT726" s="613"/>
      <c r="PCU726" s="613"/>
      <c r="PCV726" s="613"/>
      <c r="PCW726" s="613"/>
      <c r="PCX726" s="613"/>
      <c r="PCY726" s="613"/>
      <c r="PCZ726" s="613"/>
      <c r="PDA726" s="613"/>
      <c r="PDB726" s="613"/>
      <c r="PDC726" s="613"/>
      <c r="PDD726" s="613"/>
      <c r="PDE726" s="613"/>
      <c r="PDF726" s="613"/>
      <c r="PDG726" s="613"/>
      <c r="PDH726" s="613"/>
      <c r="PDI726" s="613"/>
      <c r="PDJ726" s="613"/>
      <c r="PDK726" s="613"/>
      <c r="PDL726" s="613"/>
      <c r="PDM726" s="613"/>
      <c r="PDN726" s="613"/>
      <c r="PDO726" s="613"/>
      <c r="PDP726" s="613"/>
      <c r="PDQ726" s="613"/>
      <c r="PDR726" s="613"/>
      <c r="PDS726" s="613"/>
      <c r="PDT726" s="613"/>
      <c r="PDU726" s="613"/>
      <c r="PDV726" s="613"/>
      <c r="PDW726" s="613"/>
      <c r="PDX726" s="613"/>
      <c r="PDY726" s="613"/>
      <c r="PDZ726" s="613"/>
      <c r="PEA726" s="613"/>
      <c r="PEB726" s="613"/>
      <c r="PEC726" s="613"/>
      <c r="PED726" s="613"/>
      <c r="PEE726" s="613"/>
      <c r="PEF726" s="613"/>
      <c r="PEG726" s="613"/>
      <c r="PEH726" s="613"/>
      <c r="PEI726" s="613"/>
      <c r="PEJ726" s="613"/>
      <c r="PEK726" s="613"/>
      <c r="PEL726" s="613"/>
      <c r="PEM726" s="613"/>
      <c r="PEN726" s="613"/>
      <c r="PEO726" s="613"/>
      <c r="PEP726" s="613"/>
      <c r="PEQ726" s="613"/>
      <c r="PER726" s="613"/>
      <c r="PES726" s="613"/>
      <c r="PET726" s="613"/>
      <c r="PEU726" s="613"/>
      <c r="PEV726" s="613"/>
      <c r="PEW726" s="613"/>
      <c r="PEX726" s="613"/>
      <c r="PEY726" s="613"/>
      <c r="PEZ726" s="613"/>
      <c r="PFA726" s="613"/>
      <c r="PFB726" s="613"/>
      <c r="PFC726" s="613"/>
      <c r="PFD726" s="613"/>
      <c r="PFE726" s="613"/>
      <c r="PFF726" s="613"/>
      <c r="PFG726" s="613"/>
      <c r="PFH726" s="613"/>
      <c r="PFI726" s="613"/>
      <c r="PFJ726" s="613"/>
      <c r="PFK726" s="613"/>
      <c r="PFL726" s="613"/>
      <c r="PFM726" s="613"/>
      <c r="PFN726" s="613"/>
      <c r="PFO726" s="613"/>
      <c r="PFP726" s="613"/>
      <c r="PFQ726" s="613"/>
      <c r="PFR726" s="613"/>
      <c r="PFS726" s="613"/>
      <c r="PFT726" s="613"/>
      <c r="PFU726" s="613"/>
      <c r="PFV726" s="613"/>
      <c r="PFW726" s="613"/>
      <c r="PFX726" s="613"/>
      <c r="PFY726" s="613"/>
      <c r="PFZ726" s="613"/>
      <c r="PGA726" s="613"/>
      <c r="PGB726" s="613"/>
      <c r="PGC726" s="613"/>
      <c r="PGD726" s="613"/>
      <c r="PGE726" s="613"/>
      <c r="PGF726" s="613"/>
      <c r="PGG726" s="613"/>
      <c r="PGH726" s="613"/>
      <c r="PGI726" s="613"/>
      <c r="PGJ726" s="613"/>
      <c r="PGK726" s="613"/>
      <c r="PGL726" s="613"/>
      <c r="PGM726" s="613"/>
      <c r="PGN726" s="613"/>
      <c r="PGO726" s="613"/>
      <c r="PGP726" s="613"/>
      <c r="PGQ726" s="613"/>
      <c r="PGR726" s="613"/>
      <c r="PGS726" s="613"/>
      <c r="PGT726" s="613"/>
      <c r="PGU726" s="613"/>
      <c r="PGV726" s="613"/>
      <c r="PGW726" s="613"/>
      <c r="PGX726" s="613"/>
      <c r="PGY726" s="613"/>
      <c r="PGZ726" s="613"/>
      <c r="PHA726" s="613"/>
      <c r="PHB726" s="613"/>
      <c r="PHC726" s="613"/>
      <c r="PHD726" s="613"/>
      <c r="PHE726" s="613"/>
      <c r="PHF726" s="613"/>
      <c r="PHG726" s="613"/>
      <c r="PHH726" s="613"/>
      <c r="PHI726" s="613"/>
      <c r="PHJ726" s="613"/>
      <c r="PHK726" s="613"/>
      <c r="PHL726" s="613"/>
      <c r="PHM726" s="613"/>
      <c r="PHN726" s="613"/>
      <c r="PHO726" s="613"/>
      <c r="PHP726" s="613"/>
      <c r="PHQ726" s="613"/>
      <c r="PHR726" s="613"/>
      <c r="PHS726" s="613"/>
      <c r="PHT726" s="613"/>
      <c r="PHU726" s="613"/>
      <c r="PHV726" s="613"/>
      <c r="PHW726" s="613"/>
      <c r="PHX726" s="613"/>
      <c r="PHY726" s="613"/>
      <c r="PHZ726" s="613"/>
      <c r="PIA726" s="613"/>
      <c r="PIB726" s="613"/>
      <c r="PIC726" s="613"/>
      <c r="PID726" s="613"/>
      <c r="PIE726" s="613"/>
      <c r="PIF726" s="613"/>
      <c r="PIG726" s="613"/>
      <c r="PIH726" s="613"/>
      <c r="PII726" s="613"/>
      <c r="PIJ726" s="613"/>
      <c r="PIK726" s="613"/>
      <c r="PIL726" s="613"/>
      <c r="PIM726" s="613"/>
      <c r="PIN726" s="613"/>
      <c r="PIO726" s="613"/>
      <c r="PIP726" s="613"/>
      <c r="PIQ726" s="613"/>
      <c r="PIR726" s="613"/>
      <c r="PIS726" s="613"/>
      <c r="PIT726" s="613"/>
      <c r="PIU726" s="613"/>
      <c r="PIV726" s="613"/>
      <c r="PIW726" s="613"/>
      <c r="PIX726" s="613"/>
      <c r="PIY726" s="613"/>
      <c r="PIZ726" s="613"/>
      <c r="PJA726" s="613"/>
      <c r="PJB726" s="613"/>
      <c r="PJC726" s="613"/>
      <c r="PJD726" s="613"/>
      <c r="PJE726" s="613"/>
      <c r="PJF726" s="613"/>
      <c r="PJG726" s="613"/>
      <c r="PJH726" s="613"/>
      <c r="PJI726" s="613"/>
      <c r="PJJ726" s="613"/>
      <c r="PJK726" s="613"/>
      <c r="PJL726" s="613"/>
      <c r="PJM726" s="613"/>
      <c r="PJN726" s="613"/>
      <c r="PJO726" s="613"/>
      <c r="PJP726" s="613"/>
      <c r="PJQ726" s="613"/>
      <c r="PJR726" s="613"/>
      <c r="PJS726" s="613"/>
      <c r="PJT726" s="613"/>
      <c r="PJU726" s="613"/>
      <c r="PJV726" s="613"/>
      <c r="PJW726" s="613"/>
      <c r="PJX726" s="613"/>
      <c r="PJY726" s="613"/>
      <c r="PJZ726" s="613"/>
      <c r="PKA726" s="613"/>
      <c r="PKB726" s="613"/>
      <c r="PKC726" s="613"/>
      <c r="PKD726" s="613"/>
      <c r="PKE726" s="613"/>
      <c r="PKF726" s="613"/>
      <c r="PKG726" s="613"/>
      <c r="PKH726" s="613"/>
      <c r="PKI726" s="613"/>
      <c r="PKJ726" s="613"/>
      <c r="PKK726" s="613"/>
      <c r="PKL726" s="613"/>
      <c r="PKM726" s="613"/>
      <c r="PKN726" s="613"/>
      <c r="PKO726" s="613"/>
      <c r="PKP726" s="613"/>
      <c r="PKQ726" s="613"/>
      <c r="PKR726" s="613"/>
      <c r="PKS726" s="613"/>
      <c r="PKT726" s="613"/>
      <c r="PKU726" s="613"/>
      <c r="PKV726" s="613"/>
      <c r="PKW726" s="613"/>
      <c r="PKX726" s="613"/>
      <c r="PKY726" s="613"/>
      <c r="PKZ726" s="613"/>
      <c r="PLA726" s="613"/>
      <c r="PLB726" s="613"/>
      <c r="PLC726" s="613"/>
      <c r="PLD726" s="613"/>
      <c r="PLE726" s="613"/>
      <c r="PLF726" s="613"/>
      <c r="PLG726" s="613"/>
      <c r="PLH726" s="613"/>
      <c r="PLI726" s="613"/>
      <c r="PLJ726" s="613"/>
      <c r="PLK726" s="613"/>
      <c r="PLL726" s="613"/>
      <c r="PLM726" s="613"/>
      <c r="PLN726" s="613"/>
      <c r="PLO726" s="613"/>
      <c r="PLP726" s="613"/>
      <c r="PLQ726" s="613"/>
      <c r="PLR726" s="613"/>
      <c r="PLS726" s="613"/>
      <c r="PLT726" s="613"/>
      <c r="PLU726" s="613"/>
      <c r="PLV726" s="613"/>
      <c r="PLW726" s="613"/>
      <c r="PLX726" s="613"/>
      <c r="PLY726" s="613"/>
      <c r="PLZ726" s="613"/>
      <c r="PMA726" s="613"/>
      <c r="PMB726" s="613"/>
      <c r="PMC726" s="613"/>
      <c r="PMD726" s="613"/>
      <c r="PME726" s="613"/>
      <c r="PMF726" s="613"/>
      <c r="PMG726" s="613"/>
      <c r="PMH726" s="613"/>
      <c r="PMI726" s="613"/>
      <c r="PMJ726" s="613"/>
      <c r="PMK726" s="613"/>
      <c r="PML726" s="613"/>
      <c r="PMM726" s="613"/>
      <c r="PMN726" s="613"/>
      <c r="PMO726" s="613"/>
      <c r="PMP726" s="613"/>
      <c r="PMQ726" s="613"/>
      <c r="PMR726" s="613"/>
      <c r="PMS726" s="613"/>
      <c r="PMT726" s="613"/>
      <c r="PMU726" s="613"/>
      <c r="PMV726" s="613"/>
      <c r="PMW726" s="613"/>
      <c r="PMX726" s="613"/>
      <c r="PMY726" s="613"/>
      <c r="PMZ726" s="613"/>
      <c r="PNA726" s="613"/>
      <c r="PNB726" s="613"/>
      <c r="PNC726" s="613"/>
      <c r="PND726" s="613"/>
      <c r="PNE726" s="613"/>
      <c r="PNF726" s="613"/>
      <c r="PNG726" s="613"/>
      <c r="PNH726" s="613"/>
      <c r="PNI726" s="613"/>
      <c r="PNJ726" s="613"/>
      <c r="PNK726" s="613"/>
      <c r="PNL726" s="613"/>
      <c r="PNM726" s="613"/>
      <c r="PNN726" s="613"/>
      <c r="PNO726" s="613"/>
      <c r="PNP726" s="613"/>
      <c r="PNQ726" s="613"/>
      <c r="PNR726" s="613"/>
      <c r="PNS726" s="613"/>
      <c r="PNT726" s="613"/>
      <c r="PNU726" s="613"/>
      <c r="PNV726" s="613"/>
      <c r="PNW726" s="613"/>
      <c r="PNX726" s="613"/>
      <c r="PNY726" s="613"/>
      <c r="PNZ726" s="613"/>
      <c r="POA726" s="613"/>
      <c r="POB726" s="613"/>
      <c r="POC726" s="613"/>
      <c r="POD726" s="613"/>
      <c r="POE726" s="613"/>
      <c r="POF726" s="613"/>
      <c r="POG726" s="613"/>
      <c r="POH726" s="613"/>
      <c r="POI726" s="613"/>
      <c r="POJ726" s="613"/>
      <c r="POK726" s="613"/>
      <c r="POL726" s="613"/>
      <c r="POM726" s="613"/>
      <c r="PON726" s="613"/>
      <c r="POO726" s="613"/>
      <c r="POP726" s="613"/>
      <c r="POQ726" s="613"/>
      <c r="POR726" s="613"/>
      <c r="POS726" s="613"/>
      <c r="POT726" s="613"/>
      <c r="POU726" s="613"/>
      <c r="POV726" s="613"/>
      <c r="POW726" s="613"/>
      <c r="POX726" s="613"/>
      <c r="POY726" s="613"/>
      <c r="POZ726" s="613"/>
      <c r="PPA726" s="613"/>
      <c r="PPB726" s="613"/>
      <c r="PPC726" s="613"/>
      <c r="PPD726" s="613"/>
      <c r="PPE726" s="613"/>
      <c r="PPF726" s="613"/>
      <c r="PPG726" s="613"/>
      <c r="PPH726" s="613"/>
      <c r="PPI726" s="613"/>
      <c r="PPJ726" s="613"/>
      <c r="PPK726" s="613"/>
      <c r="PPL726" s="613"/>
      <c r="PPM726" s="613"/>
      <c r="PPN726" s="613"/>
      <c r="PPO726" s="613"/>
      <c r="PPP726" s="613"/>
      <c r="PPQ726" s="613"/>
      <c r="PPR726" s="613"/>
      <c r="PPS726" s="613"/>
      <c r="PPT726" s="613"/>
      <c r="PPU726" s="613"/>
      <c r="PPV726" s="613"/>
      <c r="PPW726" s="613"/>
      <c r="PPX726" s="613"/>
      <c r="PPY726" s="613"/>
      <c r="PPZ726" s="613"/>
      <c r="PQA726" s="613"/>
      <c r="PQB726" s="613"/>
      <c r="PQC726" s="613"/>
      <c r="PQD726" s="613"/>
      <c r="PQE726" s="613"/>
      <c r="PQF726" s="613"/>
      <c r="PQG726" s="613"/>
      <c r="PQH726" s="613"/>
      <c r="PQI726" s="613"/>
      <c r="PQJ726" s="613"/>
      <c r="PQK726" s="613"/>
      <c r="PQL726" s="613"/>
      <c r="PQM726" s="613"/>
      <c r="PQN726" s="613"/>
      <c r="PQO726" s="613"/>
      <c r="PQP726" s="613"/>
      <c r="PQQ726" s="613"/>
      <c r="PQR726" s="613"/>
      <c r="PQS726" s="613"/>
      <c r="PQT726" s="613"/>
      <c r="PQU726" s="613"/>
      <c r="PQV726" s="613"/>
      <c r="PQW726" s="613"/>
      <c r="PQX726" s="613"/>
      <c r="PQY726" s="613"/>
      <c r="PQZ726" s="613"/>
      <c r="PRA726" s="613"/>
      <c r="PRB726" s="613"/>
      <c r="PRC726" s="613"/>
      <c r="PRD726" s="613"/>
      <c r="PRE726" s="613"/>
      <c r="PRF726" s="613"/>
      <c r="PRG726" s="613"/>
      <c r="PRH726" s="613"/>
      <c r="PRI726" s="613"/>
      <c r="PRJ726" s="613"/>
      <c r="PRK726" s="613"/>
      <c r="PRL726" s="613"/>
      <c r="PRM726" s="613"/>
      <c r="PRN726" s="613"/>
      <c r="PRO726" s="613"/>
      <c r="PRP726" s="613"/>
      <c r="PRQ726" s="613"/>
      <c r="PRR726" s="613"/>
      <c r="PRS726" s="613"/>
      <c r="PRT726" s="613"/>
      <c r="PRU726" s="613"/>
      <c r="PRV726" s="613"/>
      <c r="PRW726" s="613"/>
      <c r="PRX726" s="613"/>
      <c r="PRY726" s="613"/>
      <c r="PRZ726" s="613"/>
      <c r="PSA726" s="613"/>
      <c r="PSB726" s="613"/>
      <c r="PSC726" s="613"/>
      <c r="PSD726" s="613"/>
      <c r="PSE726" s="613"/>
      <c r="PSF726" s="613"/>
      <c r="PSG726" s="613"/>
      <c r="PSH726" s="613"/>
      <c r="PSI726" s="613"/>
      <c r="PSJ726" s="613"/>
      <c r="PSK726" s="613"/>
      <c r="PSL726" s="613"/>
      <c r="PSM726" s="613"/>
      <c r="PSN726" s="613"/>
      <c r="PSO726" s="613"/>
      <c r="PSP726" s="613"/>
      <c r="PSQ726" s="613"/>
      <c r="PSR726" s="613"/>
      <c r="PSS726" s="613"/>
      <c r="PST726" s="613"/>
      <c r="PSU726" s="613"/>
      <c r="PSV726" s="613"/>
      <c r="PSW726" s="613"/>
      <c r="PSX726" s="613"/>
      <c r="PSY726" s="613"/>
      <c r="PSZ726" s="613"/>
      <c r="PTA726" s="613"/>
      <c r="PTB726" s="613"/>
      <c r="PTC726" s="613"/>
      <c r="PTD726" s="613"/>
      <c r="PTE726" s="613"/>
      <c r="PTF726" s="613"/>
      <c r="PTG726" s="613"/>
      <c r="PTH726" s="613"/>
      <c r="PTI726" s="613"/>
      <c r="PTJ726" s="613"/>
      <c r="PTK726" s="613"/>
      <c r="PTL726" s="613"/>
      <c r="PTM726" s="613"/>
      <c r="PTN726" s="613"/>
      <c r="PTO726" s="613"/>
      <c r="PTP726" s="613"/>
      <c r="PTQ726" s="613"/>
      <c r="PTR726" s="613"/>
      <c r="PTS726" s="613"/>
      <c r="PTT726" s="613"/>
      <c r="PTU726" s="613"/>
      <c r="PTV726" s="613"/>
      <c r="PTW726" s="613"/>
      <c r="PTX726" s="613"/>
      <c r="PTY726" s="613"/>
      <c r="PTZ726" s="613"/>
      <c r="PUA726" s="613"/>
      <c r="PUB726" s="613"/>
      <c r="PUC726" s="613"/>
      <c r="PUD726" s="613"/>
      <c r="PUE726" s="613"/>
      <c r="PUF726" s="613"/>
      <c r="PUG726" s="613"/>
      <c r="PUH726" s="613"/>
      <c r="PUI726" s="613"/>
      <c r="PUJ726" s="613"/>
      <c r="PUK726" s="613"/>
      <c r="PUL726" s="613"/>
      <c r="PUM726" s="613"/>
      <c r="PUN726" s="613"/>
      <c r="PUO726" s="613"/>
      <c r="PUP726" s="613"/>
      <c r="PUQ726" s="613"/>
      <c r="PUR726" s="613"/>
      <c r="PUS726" s="613"/>
      <c r="PUT726" s="613"/>
      <c r="PUU726" s="613"/>
      <c r="PUV726" s="613"/>
      <c r="PUW726" s="613"/>
      <c r="PUX726" s="613"/>
      <c r="PUY726" s="613"/>
      <c r="PUZ726" s="613"/>
      <c r="PVA726" s="613"/>
      <c r="PVB726" s="613"/>
      <c r="PVC726" s="613"/>
      <c r="PVD726" s="613"/>
      <c r="PVE726" s="613"/>
      <c r="PVF726" s="613"/>
      <c r="PVG726" s="613"/>
      <c r="PVH726" s="613"/>
      <c r="PVI726" s="613"/>
      <c r="PVJ726" s="613"/>
      <c r="PVK726" s="613"/>
      <c r="PVL726" s="613"/>
      <c r="PVM726" s="613"/>
      <c r="PVN726" s="613"/>
      <c r="PVO726" s="613"/>
      <c r="PVP726" s="613"/>
      <c r="PVQ726" s="613"/>
      <c r="PVR726" s="613"/>
      <c r="PVS726" s="613"/>
      <c r="PVT726" s="613"/>
      <c r="PVU726" s="613"/>
      <c r="PVV726" s="613"/>
      <c r="PVW726" s="613"/>
      <c r="PVX726" s="613"/>
      <c r="PVY726" s="613"/>
      <c r="PVZ726" s="613"/>
      <c r="PWA726" s="613"/>
      <c r="PWB726" s="613"/>
      <c r="PWC726" s="613"/>
      <c r="PWD726" s="613"/>
      <c r="PWE726" s="613"/>
      <c r="PWF726" s="613"/>
      <c r="PWG726" s="613"/>
      <c r="PWH726" s="613"/>
      <c r="PWI726" s="613"/>
      <c r="PWJ726" s="613"/>
      <c r="PWK726" s="613"/>
      <c r="PWL726" s="613"/>
      <c r="PWM726" s="613"/>
      <c r="PWN726" s="613"/>
      <c r="PWO726" s="613"/>
      <c r="PWP726" s="613"/>
      <c r="PWQ726" s="613"/>
      <c r="PWR726" s="613"/>
      <c r="PWS726" s="613"/>
      <c r="PWT726" s="613"/>
      <c r="PWU726" s="613"/>
      <c r="PWV726" s="613"/>
      <c r="PWW726" s="613"/>
      <c r="PWX726" s="613"/>
      <c r="PWY726" s="613"/>
      <c r="PWZ726" s="613"/>
      <c r="PXA726" s="613"/>
      <c r="PXB726" s="613"/>
      <c r="PXC726" s="613"/>
      <c r="PXD726" s="613"/>
      <c r="PXE726" s="613"/>
      <c r="PXF726" s="613"/>
      <c r="PXG726" s="613"/>
      <c r="PXH726" s="613"/>
      <c r="PXI726" s="613"/>
      <c r="PXJ726" s="613"/>
      <c r="PXK726" s="613"/>
      <c r="PXL726" s="613"/>
      <c r="PXM726" s="613"/>
      <c r="PXN726" s="613"/>
      <c r="PXO726" s="613"/>
      <c r="PXP726" s="613"/>
      <c r="PXQ726" s="613"/>
      <c r="PXR726" s="613"/>
      <c r="PXS726" s="613"/>
      <c r="PXT726" s="613"/>
      <c r="PXU726" s="613"/>
      <c r="PXV726" s="613"/>
      <c r="PXW726" s="613"/>
      <c r="PXX726" s="613"/>
      <c r="PXY726" s="613"/>
      <c r="PXZ726" s="613"/>
      <c r="PYA726" s="613"/>
      <c r="PYB726" s="613"/>
      <c r="PYC726" s="613"/>
      <c r="PYD726" s="613"/>
      <c r="PYE726" s="613"/>
      <c r="PYF726" s="613"/>
      <c r="PYG726" s="613"/>
      <c r="PYH726" s="613"/>
      <c r="PYI726" s="613"/>
      <c r="PYJ726" s="613"/>
      <c r="PYK726" s="613"/>
      <c r="PYL726" s="613"/>
      <c r="PYM726" s="613"/>
      <c r="PYN726" s="613"/>
      <c r="PYO726" s="613"/>
      <c r="PYP726" s="613"/>
      <c r="PYQ726" s="613"/>
      <c r="PYR726" s="613"/>
      <c r="PYS726" s="613"/>
      <c r="PYT726" s="613"/>
      <c r="PYU726" s="613"/>
      <c r="PYV726" s="613"/>
      <c r="PYW726" s="613"/>
      <c r="PYX726" s="613"/>
      <c r="PYY726" s="613"/>
      <c r="PYZ726" s="613"/>
      <c r="PZA726" s="613"/>
      <c r="PZB726" s="613"/>
      <c r="PZC726" s="613"/>
      <c r="PZD726" s="613"/>
      <c r="PZE726" s="613"/>
      <c r="PZF726" s="613"/>
      <c r="PZG726" s="613"/>
      <c r="PZH726" s="613"/>
      <c r="PZI726" s="613"/>
      <c r="PZJ726" s="613"/>
      <c r="PZK726" s="613"/>
      <c r="PZL726" s="613"/>
      <c r="PZM726" s="613"/>
      <c r="PZN726" s="613"/>
      <c r="PZO726" s="613"/>
      <c r="PZP726" s="613"/>
      <c r="PZQ726" s="613"/>
      <c r="PZR726" s="613"/>
      <c r="PZS726" s="613"/>
      <c r="PZT726" s="613"/>
      <c r="PZU726" s="613"/>
      <c r="PZV726" s="613"/>
      <c r="PZW726" s="613"/>
      <c r="PZX726" s="613"/>
      <c r="PZY726" s="613"/>
      <c r="PZZ726" s="613"/>
      <c r="QAA726" s="613"/>
      <c r="QAB726" s="613"/>
      <c r="QAC726" s="613"/>
      <c r="QAD726" s="613"/>
      <c r="QAE726" s="613"/>
      <c r="QAF726" s="613"/>
      <c r="QAG726" s="613"/>
      <c r="QAH726" s="613"/>
      <c r="QAI726" s="613"/>
      <c r="QAJ726" s="613"/>
      <c r="QAK726" s="613"/>
      <c r="QAL726" s="613"/>
      <c r="QAM726" s="613"/>
      <c r="QAN726" s="613"/>
      <c r="QAO726" s="613"/>
      <c r="QAP726" s="613"/>
      <c r="QAQ726" s="613"/>
      <c r="QAR726" s="613"/>
      <c r="QAS726" s="613"/>
      <c r="QAT726" s="613"/>
      <c r="QAU726" s="613"/>
      <c r="QAV726" s="613"/>
      <c r="QAW726" s="613"/>
      <c r="QAX726" s="613"/>
      <c r="QAY726" s="613"/>
      <c r="QAZ726" s="613"/>
      <c r="QBA726" s="613"/>
      <c r="QBB726" s="613"/>
      <c r="QBC726" s="613"/>
      <c r="QBD726" s="613"/>
      <c r="QBE726" s="613"/>
      <c r="QBF726" s="613"/>
      <c r="QBG726" s="613"/>
      <c r="QBH726" s="613"/>
      <c r="QBI726" s="613"/>
      <c r="QBJ726" s="613"/>
      <c r="QBK726" s="613"/>
      <c r="QBL726" s="613"/>
      <c r="QBM726" s="613"/>
      <c r="QBN726" s="613"/>
      <c r="QBO726" s="613"/>
      <c r="QBP726" s="613"/>
      <c r="QBQ726" s="613"/>
      <c r="QBR726" s="613"/>
      <c r="QBS726" s="613"/>
      <c r="QBT726" s="613"/>
      <c r="QBU726" s="613"/>
      <c r="QBV726" s="613"/>
      <c r="QBW726" s="613"/>
      <c r="QBX726" s="613"/>
      <c r="QBY726" s="613"/>
      <c r="QBZ726" s="613"/>
      <c r="QCA726" s="613"/>
      <c r="QCB726" s="613"/>
      <c r="QCC726" s="613"/>
      <c r="QCD726" s="613"/>
      <c r="QCE726" s="613"/>
      <c r="QCF726" s="613"/>
      <c r="QCG726" s="613"/>
      <c r="QCH726" s="613"/>
      <c r="QCI726" s="613"/>
      <c r="QCJ726" s="613"/>
      <c r="QCK726" s="613"/>
      <c r="QCL726" s="613"/>
      <c r="QCM726" s="613"/>
      <c r="QCN726" s="613"/>
      <c r="QCO726" s="613"/>
      <c r="QCP726" s="613"/>
      <c r="QCQ726" s="613"/>
      <c r="QCR726" s="613"/>
      <c r="QCS726" s="613"/>
      <c r="QCT726" s="613"/>
      <c r="QCU726" s="613"/>
      <c r="QCV726" s="613"/>
      <c r="QCW726" s="613"/>
      <c r="QCX726" s="613"/>
      <c r="QCY726" s="613"/>
      <c r="QCZ726" s="613"/>
      <c r="QDA726" s="613"/>
      <c r="QDB726" s="613"/>
      <c r="QDC726" s="613"/>
      <c r="QDD726" s="613"/>
      <c r="QDE726" s="613"/>
      <c r="QDF726" s="613"/>
      <c r="QDG726" s="613"/>
      <c r="QDH726" s="613"/>
      <c r="QDI726" s="613"/>
      <c r="QDJ726" s="613"/>
      <c r="QDK726" s="613"/>
      <c r="QDL726" s="613"/>
      <c r="QDM726" s="613"/>
      <c r="QDN726" s="613"/>
      <c r="QDO726" s="613"/>
      <c r="QDP726" s="613"/>
      <c r="QDQ726" s="613"/>
      <c r="QDR726" s="613"/>
      <c r="QDS726" s="613"/>
      <c r="QDT726" s="613"/>
      <c r="QDU726" s="613"/>
      <c r="QDV726" s="613"/>
      <c r="QDW726" s="613"/>
      <c r="QDX726" s="613"/>
      <c r="QDY726" s="613"/>
      <c r="QDZ726" s="613"/>
      <c r="QEA726" s="613"/>
      <c r="QEB726" s="613"/>
      <c r="QEC726" s="613"/>
      <c r="QED726" s="613"/>
      <c r="QEE726" s="613"/>
      <c r="QEF726" s="613"/>
      <c r="QEG726" s="613"/>
      <c r="QEH726" s="613"/>
      <c r="QEI726" s="613"/>
      <c r="QEJ726" s="613"/>
      <c r="QEK726" s="613"/>
      <c r="QEL726" s="613"/>
      <c r="QEM726" s="613"/>
      <c r="QEN726" s="613"/>
      <c r="QEO726" s="613"/>
      <c r="QEP726" s="613"/>
      <c r="QEQ726" s="613"/>
      <c r="QER726" s="613"/>
      <c r="QES726" s="613"/>
      <c r="QET726" s="613"/>
      <c r="QEU726" s="613"/>
      <c r="QEV726" s="613"/>
      <c r="QEW726" s="613"/>
      <c r="QEX726" s="613"/>
      <c r="QEY726" s="613"/>
      <c r="QEZ726" s="613"/>
      <c r="QFA726" s="613"/>
      <c r="QFB726" s="613"/>
      <c r="QFC726" s="613"/>
      <c r="QFD726" s="613"/>
      <c r="QFE726" s="613"/>
      <c r="QFF726" s="613"/>
      <c r="QFG726" s="613"/>
      <c r="QFH726" s="613"/>
      <c r="QFI726" s="613"/>
      <c r="QFJ726" s="613"/>
      <c r="QFK726" s="613"/>
      <c r="QFL726" s="613"/>
      <c r="QFM726" s="613"/>
      <c r="QFN726" s="613"/>
      <c r="QFO726" s="613"/>
      <c r="QFP726" s="613"/>
      <c r="QFQ726" s="613"/>
      <c r="QFR726" s="613"/>
      <c r="QFS726" s="613"/>
      <c r="QFT726" s="613"/>
      <c r="QFU726" s="613"/>
      <c r="QFV726" s="613"/>
      <c r="QFW726" s="613"/>
      <c r="QFX726" s="613"/>
      <c r="QFY726" s="613"/>
      <c r="QFZ726" s="613"/>
      <c r="QGA726" s="613"/>
      <c r="QGB726" s="613"/>
      <c r="QGC726" s="613"/>
      <c r="QGD726" s="613"/>
      <c r="QGE726" s="613"/>
      <c r="QGF726" s="613"/>
      <c r="QGG726" s="613"/>
      <c r="QGH726" s="613"/>
      <c r="QGI726" s="613"/>
      <c r="QGJ726" s="613"/>
      <c r="QGK726" s="613"/>
      <c r="QGL726" s="613"/>
      <c r="QGM726" s="613"/>
      <c r="QGN726" s="613"/>
      <c r="QGO726" s="613"/>
      <c r="QGP726" s="613"/>
      <c r="QGQ726" s="613"/>
      <c r="QGR726" s="613"/>
      <c r="QGS726" s="613"/>
      <c r="QGT726" s="613"/>
      <c r="QGU726" s="613"/>
      <c r="QGV726" s="613"/>
      <c r="QGW726" s="613"/>
      <c r="QGX726" s="613"/>
      <c r="QGY726" s="613"/>
      <c r="QGZ726" s="613"/>
      <c r="QHA726" s="613"/>
      <c r="QHB726" s="613"/>
      <c r="QHC726" s="613"/>
      <c r="QHD726" s="613"/>
      <c r="QHE726" s="613"/>
      <c r="QHF726" s="613"/>
      <c r="QHG726" s="613"/>
      <c r="QHH726" s="613"/>
      <c r="QHI726" s="613"/>
      <c r="QHJ726" s="613"/>
      <c r="QHK726" s="613"/>
      <c r="QHL726" s="613"/>
      <c r="QHM726" s="613"/>
      <c r="QHN726" s="613"/>
      <c r="QHO726" s="613"/>
      <c r="QHP726" s="613"/>
      <c r="QHQ726" s="613"/>
      <c r="QHR726" s="613"/>
      <c r="QHS726" s="613"/>
      <c r="QHT726" s="613"/>
      <c r="QHU726" s="613"/>
      <c r="QHV726" s="613"/>
      <c r="QHW726" s="613"/>
      <c r="QHX726" s="613"/>
      <c r="QHY726" s="613"/>
      <c r="QHZ726" s="613"/>
      <c r="QIA726" s="613"/>
      <c r="QIB726" s="613"/>
      <c r="QIC726" s="613"/>
      <c r="QID726" s="613"/>
      <c r="QIE726" s="613"/>
      <c r="QIF726" s="613"/>
      <c r="QIG726" s="613"/>
      <c r="QIH726" s="613"/>
      <c r="QII726" s="613"/>
      <c r="QIJ726" s="613"/>
      <c r="QIK726" s="613"/>
      <c r="QIL726" s="613"/>
      <c r="QIM726" s="613"/>
      <c r="QIN726" s="613"/>
      <c r="QIO726" s="613"/>
      <c r="QIP726" s="613"/>
      <c r="QIQ726" s="613"/>
      <c r="QIR726" s="613"/>
      <c r="QIS726" s="613"/>
      <c r="QIT726" s="613"/>
      <c r="QIU726" s="613"/>
      <c r="QIV726" s="613"/>
      <c r="QIW726" s="613"/>
      <c r="QIX726" s="613"/>
      <c r="QIY726" s="613"/>
      <c r="QIZ726" s="613"/>
      <c r="QJA726" s="613"/>
      <c r="QJB726" s="613"/>
      <c r="QJC726" s="613"/>
      <c r="QJD726" s="613"/>
      <c r="QJE726" s="613"/>
      <c r="QJF726" s="613"/>
      <c r="QJG726" s="613"/>
      <c r="QJH726" s="613"/>
      <c r="QJI726" s="613"/>
      <c r="QJJ726" s="613"/>
      <c r="QJK726" s="613"/>
      <c r="QJL726" s="613"/>
      <c r="QJM726" s="613"/>
      <c r="QJN726" s="613"/>
      <c r="QJO726" s="613"/>
      <c r="QJP726" s="613"/>
      <c r="QJQ726" s="613"/>
      <c r="QJR726" s="613"/>
      <c r="QJS726" s="613"/>
      <c r="QJT726" s="613"/>
      <c r="QJU726" s="613"/>
      <c r="QJV726" s="613"/>
      <c r="QJW726" s="613"/>
      <c r="QJX726" s="613"/>
      <c r="QJY726" s="613"/>
      <c r="QJZ726" s="613"/>
      <c r="QKA726" s="613"/>
      <c r="QKB726" s="613"/>
      <c r="QKC726" s="613"/>
      <c r="QKD726" s="613"/>
      <c r="QKE726" s="613"/>
      <c r="QKF726" s="613"/>
      <c r="QKG726" s="613"/>
      <c r="QKH726" s="613"/>
      <c r="QKI726" s="613"/>
      <c r="QKJ726" s="613"/>
      <c r="QKK726" s="613"/>
      <c r="QKL726" s="613"/>
      <c r="QKM726" s="613"/>
      <c r="QKN726" s="613"/>
      <c r="QKO726" s="613"/>
      <c r="QKP726" s="613"/>
      <c r="QKQ726" s="613"/>
      <c r="QKR726" s="613"/>
      <c r="QKS726" s="613"/>
      <c r="QKT726" s="613"/>
      <c r="QKU726" s="613"/>
      <c r="QKV726" s="613"/>
      <c r="QKW726" s="613"/>
      <c r="QKX726" s="613"/>
      <c r="QKY726" s="613"/>
      <c r="QKZ726" s="613"/>
      <c r="QLA726" s="613"/>
      <c r="QLB726" s="613"/>
      <c r="QLC726" s="613"/>
      <c r="QLD726" s="613"/>
      <c r="QLE726" s="613"/>
      <c r="QLF726" s="613"/>
      <c r="QLG726" s="613"/>
      <c r="QLH726" s="613"/>
      <c r="QLI726" s="613"/>
      <c r="QLJ726" s="613"/>
      <c r="QLK726" s="613"/>
      <c r="QLL726" s="613"/>
      <c r="QLM726" s="613"/>
      <c r="QLN726" s="613"/>
      <c r="QLO726" s="613"/>
      <c r="QLP726" s="613"/>
      <c r="QLQ726" s="613"/>
      <c r="QLR726" s="613"/>
      <c r="QLS726" s="613"/>
      <c r="QLT726" s="613"/>
      <c r="QLU726" s="613"/>
      <c r="QLV726" s="613"/>
      <c r="QLW726" s="613"/>
      <c r="QLX726" s="613"/>
      <c r="QLY726" s="613"/>
      <c r="QLZ726" s="613"/>
      <c r="QMA726" s="613"/>
      <c r="QMB726" s="613"/>
      <c r="QMC726" s="613"/>
      <c r="QMD726" s="613"/>
      <c r="QME726" s="613"/>
      <c r="QMF726" s="613"/>
      <c r="QMG726" s="613"/>
      <c r="QMH726" s="613"/>
      <c r="QMI726" s="613"/>
      <c r="QMJ726" s="613"/>
      <c r="QMK726" s="613"/>
      <c r="QML726" s="613"/>
      <c r="QMM726" s="613"/>
      <c r="QMN726" s="613"/>
      <c r="QMO726" s="613"/>
      <c r="QMP726" s="613"/>
      <c r="QMQ726" s="613"/>
      <c r="QMR726" s="613"/>
      <c r="QMS726" s="613"/>
      <c r="QMT726" s="613"/>
      <c r="QMU726" s="613"/>
      <c r="QMV726" s="613"/>
      <c r="QMW726" s="613"/>
      <c r="QMX726" s="613"/>
      <c r="QMY726" s="613"/>
      <c r="QMZ726" s="613"/>
      <c r="QNA726" s="613"/>
      <c r="QNB726" s="613"/>
      <c r="QNC726" s="613"/>
      <c r="QND726" s="613"/>
      <c r="QNE726" s="613"/>
      <c r="QNF726" s="613"/>
      <c r="QNG726" s="613"/>
      <c r="QNH726" s="613"/>
      <c r="QNI726" s="613"/>
      <c r="QNJ726" s="613"/>
      <c r="QNK726" s="613"/>
      <c r="QNL726" s="613"/>
      <c r="QNM726" s="613"/>
      <c r="QNN726" s="613"/>
      <c r="QNO726" s="613"/>
      <c r="QNP726" s="613"/>
      <c r="QNQ726" s="613"/>
      <c r="QNR726" s="613"/>
      <c r="QNS726" s="613"/>
      <c r="QNT726" s="613"/>
      <c r="QNU726" s="613"/>
      <c r="QNV726" s="613"/>
      <c r="QNW726" s="613"/>
      <c r="QNX726" s="613"/>
      <c r="QNY726" s="613"/>
      <c r="QNZ726" s="613"/>
      <c r="QOA726" s="613"/>
      <c r="QOB726" s="613"/>
      <c r="QOC726" s="613"/>
      <c r="QOD726" s="613"/>
      <c r="QOE726" s="613"/>
      <c r="QOF726" s="613"/>
      <c r="QOG726" s="613"/>
      <c r="QOH726" s="613"/>
      <c r="QOI726" s="613"/>
      <c r="QOJ726" s="613"/>
      <c r="QOK726" s="613"/>
      <c r="QOL726" s="613"/>
      <c r="QOM726" s="613"/>
      <c r="QON726" s="613"/>
      <c r="QOO726" s="613"/>
      <c r="QOP726" s="613"/>
      <c r="QOQ726" s="613"/>
      <c r="QOR726" s="613"/>
      <c r="QOS726" s="613"/>
      <c r="QOT726" s="613"/>
      <c r="QOU726" s="613"/>
      <c r="QOV726" s="613"/>
      <c r="QOW726" s="613"/>
      <c r="QOX726" s="613"/>
      <c r="QOY726" s="613"/>
      <c r="QOZ726" s="613"/>
      <c r="QPA726" s="613"/>
      <c r="QPB726" s="613"/>
      <c r="QPC726" s="613"/>
      <c r="QPD726" s="613"/>
      <c r="QPE726" s="613"/>
      <c r="QPF726" s="613"/>
      <c r="QPG726" s="613"/>
      <c r="QPH726" s="613"/>
      <c r="QPI726" s="613"/>
      <c r="QPJ726" s="613"/>
      <c r="QPK726" s="613"/>
      <c r="QPL726" s="613"/>
      <c r="QPM726" s="613"/>
      <c r="QPN726" s="613"/>
      <c r="QPO726" s="613"/>
      <c r="QPP726" s="613"/>
      <c r="QPQ726" s="613"/>
      <c r="QPR726" s="613"/>
      <c r="QPS726" s="613"/>
      <c r="QPT726" s="613"/>
      <c r="QPU726" s="613"/>
      <c r="QPV726" s="613"/>
      <c r="QPW726" s="613"/>
      <c r="QPX726" s="613"/>
      <c r="QPY726" s="613"/>
      <c r="QPZ726" s="613"/>
      <c r="QQA726" s="613"/>
      <c r="QQB726" s="613"/>
      <c r="QQC726" s="613"/>
      <c r="QQD726" s="613"/>
      <c r="QQE726" s="613"/>
      <c r="QQF726" s="613"/>
      <c r="QQG726" s="613"/>
      <c r="QQH726" s="613"/>
      <c r="QQI726" s="613"/>
      <c r="QQJ726" s="613"/>
      <c r="QQK726" s="613"/>
      <c r="QQL726" s="613"/>
      <c r="QQM726" s="613"/>
      <c r="QQN726" s="613"/>
      <c r="QQO726" s="613"/>
      <c r="QQP726" s="613"/>
      <c r="QQQ726" s="613"/>
      <c r="QQR726" s="613"/>
      <c r="QQS726" s="613"/>
      <c r="QQT726" s="613"/>
      <c r="QQU726" s="613"/>
      <c r="QQV726" s="613"/>
      <c r="QQW726" s="613"/>
      <c r="QQX726" s="613"/>
      <c r="QQY726" s="613"/>
      <c r="QQZ726" s="613"/>
      <c r="QRA726" s="613"/>
      <c r="QRB726" s="613"/>
      <c r="QRC726" s="613"/>
      <c r="QRD726" s="613"/>
      <c r="QRE726" s="613"/>
      <c r="QRF726" s="613"/>
      <c r="QRG726" s="613"/>
      <c r="QRH726" s="613"/>
      <c r="QRI726" s="613"/>
      <c r="QRJ726" s="613"/>
      <c r="QRK726" s="613"/>
      <c r="QRL726" s="613"/>
      <c r="QRM726" s="613"/>
      <c r="QRN726" s="613"/>
      <c r="QRO726" s="613"/>
      <c r="QRP726" s="613"/>
      <c r="QRQ726" s="613"/>
      <c r="QRR726" s="613"/>
      <c r="QRS726" s="613"/>
      <c r="QRT726" s="613"/>
      <c r="QRU726" s="613"/>
      <c r="QRV726" s="613"/>
      <c r="QRW726" s="613"/>
      <c r="QRX726" s="613"/>
      <c r="QRY726" s="613"/>
      <c r="QRZ726" s="613"/>
      <c r="QSA726" s="613"/>
      <c r="QSB726" s="613"/>
      <c r="QSC726" s="613"/>
      <c r="QSD726" s="613"/>
      <c r="QSE726" s="613"/>
      <c r="QSF726" s="613"/>
      <c r="QSG726" s="613"/>
      <c r="QSH726" s="613"/>
      <c r="QSI726" s="613"/>
      <c r="QSJ726" s="613"/>
      <c r="QSK726" s="613"/>
      <c r="QSL726" s="613"/>
      <c r="QSM726" s="613"/>
      <c r="QSN726" s="613"/>
      <c r="QSO726" s="613"/>
      <c r="QSP726" s="613"/>
      <c r="QSQ726" s="613"/>
      <c r="QSR726" s="613"/>
      <c r="QSS726" s="613"/>
      <c r="QST726" s="613"/>
      <c r="QSU726" s="613"/>
      <c r="QSV726" s="613"/>
      <c r="QSW726" s="613"/>
      <c r="QSX726" s="613"/>
      <c r="QSY726" s="613"/>
      <c r="QSZ726" s="613"/>
      <c r="QTA726" s="613"/>
      <c r="QTB726" s="613"/>
      <c r="QTC726" s="613"/>
      <c r="QTD726" s="613"/>
      <c r="QTE726" s="613"/>
      <c r="QTF726" s="613"/>
      <c r="QTG726" s="613"/>
      <c r="QTH726" s="613"/>
      <c r="QTI726" s="613"/>
      <c r="QTJ726" s="613"/>
      <c r="QTK726" s="613"/>
      <c r="QTL726" s="613"/>
      <c r="QTM726" s="613"/>
      <c r="QTN726" s="613"/>
      <c r="QTO726" s="613"/>
      <c r="QTP726" s="613"/>
      <c r="QTQ726" s="613"/>
      <c r="QTR726" s="613"/>
      <c r="QTS726" s="613"/>
      <c r="QTT726" s="613"/>
      <c r="QTU726" s="613"/>
      <c r="QTV726" s="613"/>
      <c r="QTW726" s="613"/>
      <c r="QTX726" s="613"/>
      <c r="QTY726" s="613"/>
      <c r="QTZ726" s="613"/>
      <c r="QUA726" s="613"/>
      <c r="QUB726" s="613"/>
      <c r="QUC726" s="613"/>
      <c r="QUD726" s="613"/>
      <c r="QUE726" s="613"/>
      <c r="QUF726" s="613"/>
      <c r="QUG726" s="613"/>
      <c r="QUH726" s="613"/>
      <c r="QUI726" s="613"/>
      <c r="QUJ726" s="613"/>
      <c r="QUK726" s="613"/>
      <c r="QUL726" s="613"/>
      <c r="QUM726" s="613"/>
      <c r="QUN726" s="613"/>
      <c r="QUO726" s="613"/>
      <c r="QUP726" s="613"/>
      <c r="QUQ726" s="613"/>
      <c r="QUR726" s="613"/>
      <c r="QUS726" s="613"/>
      <c r="QUT726" s="613"/>
      <c r="QUU726" s="613"/>
      <c r="QUV726" s="613"/>
      <c r="QUW726" s="613"/>
      <c r="QUX726" s="613"/>
      <c r="QUY726" s="613"/>
      <c r="QUZ726" s="613"/>
      <c r="QVA726" s="613"/>
      <c r="QVB726" s="613"/>
      <c r="QVC726" s="613"/>
      <c r="QVD726" s="613"/>
      <c r="QVE726" s="613"/>
      <c r="QVF726" s="613"/>
      <c r="QVG726" s="613"/>
      <c r="QVH726" s="613"/>
      <c r="QVI726" s="613"/>
      <c r="QVJ726" s="613"/>
      <c r="QVK726" s="613"/>
      <c r="QVL726" s="613"/>
      <c r="QVM726" s="613"/>
      <c r="QVN726" s="613"/>
      <c r="QVO726" s="613"/>
      <c r="QVP726" s="613"/>
      <c r="QVQ726" s="613"/>
      <c r="QVR726" s="613"/>
      <c r="QVS726" s="613"/>
      <c r="QVT726" s="613"/>
      <c r="QVU726" s="613"/>
      <c r="QVV726" s="613"/>
      <c r="QVW726" s="613"/>
      <c r="QVX726" s="613"/>
      <c r="QVY726" s="613"/>
      <c r="QVZ726" s="613"/>
      <c r="QWA726" s="613"/>
      <c r="QWB726" s="613"/>
      <c r="QWC726" s="613"/>
      <c r="QWD726" s="613"/>
      <c r="QWE726" s="613"/>
      <c r="QWF726" s="613"/>
      <c r="QWG726" s="613"/>
      <c r="QWH726" s="613"/>
      <c r="QWI726" s="613"/>
      <c r="QWJ726" s="613"/>
      <c r="QWK726" s="613"/>
      <c r="QWL726" s="613"/>
      <c r="QWM726" s="613"/>
      <c r="QWN726" s="613"/>
      <c r="QWO726" s="613"/>
      <c r="QWP726" s="613"/>
      <c r="QWQ726" s="613"/>
      <c r="QWR726" s="613"/>
      <c r="QWS726" s="613"/>
      <c r="QWT726" s="613"/>
      <c r="QWU726" s="613"/>
      <c r="QWV726" s="613"/>
      <c r="QWW726" s="613"/>
      <c r="QWX726" s="613"/>
      <c r="QWY726" s="613"/>
      <c r="QWZ726" s="613"/>
      <c r="QXA726" s="613"/>
      <c r="QXB726" s="613"/>
      <c r="QXC726" s="613"/>
      <c r="QXD726" s="613"/>
      <c r="QXE726" s="613"/>
      <c r="QXF726" s="613"/>
      <c r="QXG726" s="613"/>
      <c r="QXH726" s="613"/>
      <c r="QXI726" s="613"/>
      <c r="QXJ726" s="613"/>
      <c r="QXK726" s="613"/>
      <c r="QXL726" s="613"/>
      <c r="QXM726" s="613"/>
      <c r="QXN726" s="613"/>
      <c r="QXO726" s="613"/>
      <c r="QXP726" s="613"/>
      <c r="QXQ726" s="613"/>
      <c r="QXR726" s="613"/>
      <c r="QXS726" s="613"/>
      <c r="QXT726" s="613"/>
      <c r="QXU726" s="613"/>
      <c r="QXV726" s="613"/>
      <c r="QXW726" s="613"/>
      <c r="QXX726" s="613"/>
      <c r="QXY726" s="613"/>
      <c r="QXZ726" s="613"/>
      <c r="QYA726" s="613"/>
      <c r="QYB726" s="613"/>
      <c r="QYC726" s="613"/>
      <c r="QYD726" s="613"/>
      <c r="QYE726" s="613"/>
      <c r="QYF726" s="613"/>
      <c r="QYG726" s="613"/>
      <c r="QYH726" s="613"/>
      <c r="QYI726" s="613"/>
      <c r="QYJ726" s="613"/>
      <c r="QYK726" s="613"/>
      <c r="QYL726" s="613"/>
      <c r="QYM726" s="613"/>
      <c r="QYN726" s="613"/>
      <c r="QYO726" s="613"/>
      <c r="QYP726" s="613"/>
      <c r="QYQ726" s="613"/>
      <c r="QYR726" s="613"/>
      <c r="QYS726" s="613"/>
      <c r="QYT726" s="613"/>
      <c r="QYU726" s="613"/>
      <c r="QYV726" s="613"/>
      <c r="QYW726" s="613"/>
      <c r="QYX726" s="613"/>
      <c r="QYY726" s="613"/>
      <c r="QYZ726" s="613"/>
      <c r="QZA726" s="613"/>
      <c r="QZB726" s="613"/>
      <c r="QZC726" s="613"/>
      <c r="QZD726" s="613"/>
      <c r="QZE726" s="613"/>
      <c r="QZF726" s="613"/>
      <c r="QZG726" s="613"/>
      <c r="QZH726" s="613"/>
      <c r="QZI726" s="613"/>
      <c r="QZJ726" s="613"/>
      <c r="QZK726" s="613"/>
      <c r="QZL726" s="613"/>
      <c r="QZM726" s="613"/>
      <c r="QZN726" s="613"/>
      <c r="QZO726" s="613"/>
      <c r="QZP726" s="613"/>
      <c r="QZQ726" s="613"/>
      <c r="QZR726" s="613"/>
      <c r="QZS726" s="613"/>
      <c r="QZT726" s="613"/>
      <c r="QZU726" s="613"/>
      <c r="QZV726" s="613"/>
      <c r="QZW726" s="613"/>
      <c r="QZX726" s="613"/>
      <c r="QZY726" s="613"/>
      <c r="QZZ726" s="613"/>
      <c r="RAA726" s="613"/>
      <c r="RAB726" s="613"/>
      <c r="RAC726" s="613"/>
      <c r="RAD726" s="613"/>
      <c r="RAE726" s="613"/>
      <c r="RAF726" s="613"/>
      <c r="RAG726" s="613"/>
      <c r="RAH726" s="613"/>
      <c r="RAI726" s="613"/>
      <c r="RAJ726" s="613"/>
      <c r="RAK726" s="613"/>
      <c r="RAL726" s="613"/>
      <c r="RAM726" s="613"/>
      <c r="RAN726" s="613"/>
      <c r="RAO726" s="613"/>
      <c r="RAP726" s="613"/>
      <c r="RAQ726" s="613"/>
      <c r="RAR726" s="613"/>
      <c r="RAS726" s="613"/>
      <c r="RAT726" s="613"/>
      <c r="RAU726" s="613"/>
      <c r="RAV726" s="613"/>
      <c r="RAW726" s="613"/>
      <c r="RAX726" s="613"/>
      <c r="RAY726" s="613"/>
      <c r="RAZ726" s="613"/>
      <c r="RBA726" s="613"/>
      <c r="RBB726" s="613"/>
      <c r="RBC726" s="613"/>
      <c r="RBD726" s="613"/>
      <c r="RBE726" s="613"/>
      <c r="RBF726" s="613"/>
      <c r="RBG726" s="613"/>
      <c r="RBH726" s="613"/>
      <c r="RBI726" s="613"/>
      <c r="RBJ726" s="613"/>
      <c r="RBK726" s="613"/>
      <c r="RBL726" s="613"/>
      <c r="RBM726" s="613"/>
      <c r="RBN726" s="613"/>
      <c r="RBO726" s="613"/>
      <c r="RBP726" s="613"/>
      <c r="RBQ726" s="613"/>
      <c r="RBR726" s="613"/>
      <c r="RBS726" s="613"/>
      <c r="RBT726" s="613"/>
      <c r="RBU726" s="613"/>
      <c r="RBV726" s="613"/>
      <c r="RBW726" s="613"/>
      <c r="RBX726" s="613"/>
      <c r="RBY726" s="613"/>
      <c r="RBZ726" s="613"/>
      <c r="RCA726" s="613"/>
      <c r="RCB726" s="613"/>
      <c r="RCC726" s="613"/>
      <c r="RCD726" s="613"/>
      <c r="RCE726" s="613"/>
      <c r="RCF726" s="613"/>
      <c r="RCG726" s="613"/>
      <c r="RCH726" s="613"/>
      <c r="RCI726" s="613"/>
      <c r="RCJ726" s="613"/>
      <c r="RCK726" s="613"/>
      <c r="RCL726" s="613"/>
      <c r="RCM726" s="613"/>
      <c r="RCN726" s="613"/>
      <c r="RCO726" s="613"/>
      <c r="RCP726" s="613"/>
      <c r="RCQ726" s="613"/>
      <c r="RCR726" s="613"/>
      <c r="RCS726" s="613"/>
      <c r="RCT726" s="613"/>
      <c r="RCU726" s="613"/>
      <c r="RCV726" s="613"/>
      <c r="RCW726" s="613"/>
      <c r="RCX726" s="613"/>
      <c r="RCY726" s="613"/>
      <c r="RCZ726" s="613"/>
      <c r="RDA726" s="613"/>
      <c r="RDB726" s="613"/>
      <c r="RDC726" s="613"/>
      <c r="RDD726" s="613"/>
      <c r="RDE726" s="613"/>
      <c r="RDF726" s="613"/>
      <c r="RDG726" s="613"/>
      <c r="RDH726" s="613"/>
      <c r="RDI726" s="613"/>
      <c r="RDJ726" s="613"/>
      <c r="RDK726" s="613"/>
      <c r="RDL726" s="613"/>
      <c r="RDM726" s="613"/>
      <c r="RDN726" s="613"/>
      <c r="RDO726" s="613"/>
      <c r="RDP726" s="613"/>
      <c r="RDQ726" s="613"/>
      <c r="RDR726" s="613"/>
      <c r="RDS726" s="613"/>
      <c r="RDT726" s="613"/>
      <c r="RDU726" s="613"/>
      <c r="RDV726" s="613"/>
      <c r="RDW726" s="613"/>
      <c r="RDX726" s="613"/>
      <c r="RDY726" s="613"/>
      <c r="RDZ726" s="613"/>
      <c r="REA726" s="613"/>
      <c r="REB726" s="613"/>
      <c r="REC726" s="613"/>
      <c r="RED726" s="613"/>
      <c r="REE726" s="613"/>
      <c r="REF726" s="613"/>
      <c r="REG726" s="613"/>
      <c r="REH726" s="613"/>
      <c r="REI726" s="613"/>
      <c r="REJ726" s="613"/>
      <c r="REK726" s="613"/>
      <c r="REL726" s="613"/>
      <c r="REM726" s="613"/>
      <c r="REN726" s="613"/>
      <c r="REO726" s="613"/>
      <c r="REP726" s="613"/>
      <c r="REQ726" s="613"/>
      <c r="RER726" s="613"/>
      <c r="RES726" s="613"/>
      <c r="RET726" s="613"/>
      <c r="REU726" s="613"/>
      <c r="REV726" s="613"/>
      <c r="REW726" s="613"/>
      <c r="REX726" s="613"/>
      <c r="REY726" s="613"/>
      <c r="REZ726" s="613"/>
      <c r="RFA726" s="613"/>
      <c r="RFB726" s="613"/>
      <c r="RFC726" s="613"/>
      <c r="RFD726" s="613"/>
      <c r="RFE726" s="613"/>
      <c r="RFF726" s="613"/>
      <c r="RFG726" s="613"/>
      <c r="RFH726" s="613"/>
      <c r="RFI726" s="613"/>
      <c r="RFJ726" s="613"/>
      <c r="RFK726" s="613"/>
      <c r="RFL726" s="613"/>
      <c r="RFM726" s="613"/>
      <c r="RFN726" s="613"/>
      <c r="RFO726" s="613"/>
      <c r="RFP726" s="613"/>
      <c r="RFQ726" s="613"/>
      <c r="RFR726" s="613"/>
      <c r="RFS726" s="613"/>
      <c r="RFT726" s="613"/>
      <c r="RFU726" s="613"/>
      <c r="RFV726" s="613"/>
      <c r="RFW726" s="613"/>
      <c r="RFX726" s="613"/>
      <c r="RFY726" s="613"/>
      <c r="RFZ726" s="613"/>
      <c r="RGA726" s="613"/>
      <c r="RGB726" s="613"/>
      <c r="RGC726" s="613"/>
      <c r="RGD726" s="613"/>
      <c r="RGE726" s="613"/>
      <c r="RGF726" s="613"/>
      <c r="RGG726" s="613"/>
      <c r="RGH726" s="613"/>
      <c r="RGI726" s="613"/>
      <c r="RGJ726" s="613"/>
      <c r="RGK726" s="613"/>
      <c r="RGL726" s="613"/>
      <c r="RGM726" s="613"/>
      <c r="RGN726" s="613"/>
      <c r="RGO726" s="613"/>
      <c r="RGP726" s="613"/>
      <c r="RGQ726" s="613"/>
      <c r="RGR726" s="613"/>
      <c r="RGS726" s="613"/>
      <c r="RGT726" s="613"/>
      <c r="RGU726" s="613"/>
      <c r="RGV726" s="613"/>
      <c r="RGW726" s="613"/>
      <c r="RGX726" s="613"/>
      <c r="RGY726" s="613"/>
      <c r="RGZ726" s="613"/>
      <c r="RHA726" s="613"/>
      <c r="RHB726" s="613"/>
      <c r="RHC726" s="613"/>
      <c r="RHD726" s="613"/>
      <c r="RHE726" s="613"/>
      <c r="RHF726" s="613"/>
      <c r="RHG726" s="613"/>
      <c r="RHH726" s="613"/>
      <c r="RHI726" s="613"/>
      <c r="RHJ726" s="613"/>
      <c r="RHK726" s="613"/>
      <c r="RHL726" s="613"/>
      <c r="RHM726" s="613"/>
      <c r="RHN726" s="613"/>
      <c r="RHO726" s="613"/>
      <c r="RHP726" s="613"/>
      <c r="RHQ726" s="613"/>
      <c r="RHR726" s="613"/>
      <c r="RHS726" s="613"/>
      <c r="RHT726" s="613"/>
      <c r="RHU726" s="613"/>
      <c r="RHV726" s="613"/>
      <c r="RHW726" s="613"/>
      <c r="RHX726" s="613"/>
      <c r="RHY726" s="613"/>
      <c r="RHZ726" s="613"/>
      <c r="RIA726" s="613"/>
      <c r="RIB726" s="613"/>
      <c r="RIC726" s="613"/>
      <c r="RID726" s="613"/>
      <c r="RIE726" s="613"/>
      <c r="RIF726" s="613"/>
      <c r="RIG726" s="613"/>
      <c r="RIH726" s="613"/>
      <c r="RII726" s="613"/>
      <c r="RIJ726" s="613"/>
      <c r="RIK726" s="613"/>
      <c r="RIL726" s="613"/>
      <c r="RIM726" s="613"/>
      <c r="RIN726" s="613"/>
      <c r="RIO726" s="613"/>
      <c r="RIP726" s="613"/>
      <c r="RIQ726" s="613"/>
      <c r="RIR726" s="613"/>
      <c r="RIS726" s="613"/>
      <c r="RIT726" s="613"/>
      <c r="RIU726" s="613"/>
      <c r="RIV726" s="613"/>
      <c r="RIW726" s="613"/>
      <c r="RIX726" s="613"/>
      <c r="RIY726" s="613"/>
      <c r="RIZ726" s="613"/>
      <c r="RJA726" s="613"/>
      <c r="RJB726" s="613"/>
      <c r="RJC726" s="613"/>
      <c r="RJD726" s="613"/>
      <c r="RJE726" s="613"/>
      <c r="RJF726" s="613"/>
      <c r="RJG726" s="613"/>
      <c r="RJH726" s="613"/>
      <c r="RJI726" s="613"/>
      <c r="RJJ726" s="613"/>
      <c r="RJK726" s="613"/>
      <c r="RJL726" s="613"/>
      <c r="RJM726" s="613"/>
      <c r="RJN726" s="613"/>
      <c r="RJO726" s="613"/>
      <c r="RJP726" s="613"/>
      <c r="RJQ726" s="613"/>
      <c r="RJR726" s="613"/>
      <c r="RJS726" s="613"/>
      <c r="RJT726" s="613"/>
      <c r="RJU726" s="613"/>
      <c r="RJV726" s="613"/>
      <c r="RJW726" s="613"/>
      <c r="RJX726" s="613"/>
      <c r="RJY726" s="613"/>
      <c r="RJZ726" s="613"/>
      <c r="RKA726" s="613"/>
      <c r="RKB726" s="613"/>
      <c r="RKC726" s="613"/>
      <c r="RKD726" s="613"/>
      <c r="RKE726" s="613"/>
      <c r="RKF726" s="613"/>
      <c r="RKG726" s="613"/>
      <c r="RKH726" s="613"/>
      <c r="RKI726" s="613"/>
      <c r="RKJ726" s="613"/>
      <c r="RKK726" s="613"/>
      <c r="RKL726" s="613"/>
      <c r="RKM726" s="613"/>
      <c r="RKN726" s="613"/>
      <c r="RKO726" s="613"/>
      <c r="RKP726" s="613"/>
      <c r="RKQ726" s="613"/>
      <c r="RKR726" s="613"/>
      <c r="RKS726" s="613"/>
      <c r="RKT726" s="613"/>
      <c r="RKU726" s="613"/>
      <c r="RKV726" s="613"/>
      <c r="RKW726" s="613"/>
      <c r="RKX726" s="613"/>
      <c r="RKY726" s="613"/>
      <c r="RKZ726" s="613"/>
      <c r="RLA726" s="613"/>
      <c r="RLB726" s="613"/>
      <c r="RLC726" s="613"/>
      <c r="RLD726" s="613"/>
      <c r="RLE726" s="613"/>
      <c r="RLF726" s="613"/>
      <c r="RLG726" s="613"/>
      <c r="RLH726" s="613"/>
      <c r="RLI726" s="613"/>
      <c r="RLJ726" s="613"/>
      <c r="RLK726" s="613"/>
      <c r="RLL726" s="613"/>
      <c r="RLM726" s="613"/>
      <c r="RLN726" s="613"/>
      <c r="RLO726" s="613"/>
      <c r="RLP726" s="613"/>
      <c r="RLQ726" s="613"/>
      <c r="RLR726" s="613"/>
      <c r="RLS726" s="613"/>
      <c r="RLT726" s="613"/>
      <c r="RLU726" s="613"/>
      <c r="RLV726" s="613"/>
      <c r="RLW726" s="613"/>
      <c r="RLX726" s="613"/>
      <c r="RLY726" s="613"/>
      <c r="RLZ726" s="613"/>
      <c r="RMA726" s="613"/>
      <c r="RMB726" s="613"/>
      <c r="RMC726" s="613"/>
      <c r="RMD726" s="613"/>
      <c r="RME726" s="613"/>
      <c r="RMF726" s="613"/>
      <c r="RMG726" s="613"/>
      <c r="RMH726" s="613"/>
      <c r="RMI726" s="613"/>
      <c r="RMJ726" s="613"/>
      <c r="RMK726" s="613"/>
      <c r="RML726" s="613"/>
      <c r="RMM726" s="613"/>
      <c r="RMN726" s="613"/>
      <c r="RMO726" s="613"/>
      <c r="RMP726" s="613"/>
      <c r="RMQ726" s="613"/>
      <c r="RMR726" s="613"/>
      <c r="RMS726" s="613"/>
      <c r="RMT726" s="613"/>
      <c r="RMU726" s="613"/>
      <c r="RMV726" s="613"/>
      <c r="RMW726" s="613"/>
      <c r="RMX726" s="613"/>
      <c r="RMY726" s="613"/>
      <c r="RMZ726" s="613"/>
      <c r="RNA726" s="613"/>
      <c r="RNB726" s="613"/>
      <c r="RNC726" s="613"/>
      <c r="RND726" s="613"/>
      <c r="RNE726" s="613"/>
      <c r="RNF726" s="613"/>
      <c r="RNG726" s="613"/>
      <c r="RNH726" s="613"/>
      <c r="RNI726" s="613"/>
      <c r="RNJ726" s="613"/>
      <c r="RNK726" s="613"/>
      <c r="RNL726" s="613"/>
      <c r="RNM726" s="613"/>
      <c r="RNN726" s="613"/>
      <c r="RNO726" s="613"/>
      <c r="RNP726" s="613"/>
      <c r="RNQ726" s="613"/>
      <c r="RNR726" s="613"/>
      <c r="RNS726" s="613"/>
      <c r="RNT726" s="613"/>
      <c r="RNU726" s="613"/>
      <c r="RNV726" s="613"/>
      <c r="RNW726" s="613"/>
      <c r="RNX726" s="613"/>
      <c r="RNY726" s="613"/>
      <c r="RNZ726" s="613"/>
      <c r="ROA726" s="613"/>
      <c r="ROB726" s="613"/>
      <c r="ROC726" s="613"/>
      <c r="ROD726" s="613"/>
      <c r="ROE726" s="613"/>
      <c r="ROF726" s="613"/>
      <c r="ROG726" s="613"/>
      <c r="ROH726" s="613"/>
      <c r="ROI726" s="613"/>
      <c r="ROJ726" s="613"/>
      <c r="ROK726" s="613"/>
      <c r="ROL726" s="613"/>
      <c r="ROM726" s="613"/>
      <c r="RON726" s="613"/>
      <c r="ROO726" s="613"/>
      <c r="ROP726" s="613"/>
      <c r="ROQ726" s="613"/>
      <c r="ROR726" s="613"/>
      <c r="ROS726" s="613"/>
      <c r="ROT726" s="613"/>
      <c r="ROU726" s="613"/>
      <c r="ROV726" s="613"/>
      <c r="ROW726" s="613"/>
      <c r="ROX726" s="613"/>
      <c r="ROY726" s="613"/>
      <c r="ROZ726" s="613"/>
      <c r="RPA726" s="613"/>
      <c r="RPB726" s="613"/>
      <c r="RPC726" s="613"/>
      <c r="RPD726" s="613"/>
      <c r="RPE726" s="613"/>
      <c r="RPF726" s="613"/>
      <c r="RPG726" s="613"/>
      <c r="RPH726" s="613"/>
      <c r="RPI726" s="613"/>
      <c r="RPJ726" s="613"/>
      <c r="RPK726" s="613"/>
      <c r="RPL726" s="613"/>
      <c r="RPM726" s="613"/>
      <c r="RPN726" s="613"/>
      <c r="RPO726" s="613"/>
      <c r="RPP726" s="613"/>
      <c r="RPQ726" s="613"/>
      <c r="RPR726" s="613"/>
      <c r="RPS726" s="613"/>
      <c r="RPT726" s="613"/>
      <c r="RPU726" s="613"/>
      <c r="RPV726" s="613"/>
      <c r="RPW726" s="613"/>
      <c r="RPX726" s="613"/>
      <c r="RPY726" s="613"/>
      <c r="RPZ726" s="613"/>
      <c r="RQA726" s="613"/>
      <c r="RQB726" s="613"/>
      <c r="RQC726" s="613"/>
      <c r="RQD726" s="613"/>
      <c r="RQE726" s="613"/>
      <c r="RQF726" s="613"/>
      <c r="RQG726" s="613"/>
      <c r="RQH726" s="613"/>
      <c r="RQI726" s="613"/>
      <c r="RQJ726" s="613"/>
      <c r="RQK726" s="613"/>
      <c r="RQL726" s="613"/>
      <c r="RQM726" s="613"/>
      <c r="RQN726" s="613"/>
      <c r="RQO726" s="613"/>
      <c r="RQP726" s="613"/>
      <c r="RQQ726" s="613"/>
      <c r="RQR726" s="613"/>
      <c r="RQS726" s="613"/>
      <c r="RQT726" s="613"/>
      <c r="RQU726" s="613"/>
      <c r="RQV726" s="613"/>
      <c r="RQW726" s="613"/>
      <c r="RQX726" s="613"/>
      <c r="RQY726" s="613"/>
      <c r="RQZ726" s="613"/>
      <c r="RRA726" s="613"/>
      <c r="RRB726" s="613"/>
      <c r="RRC726" s="613"/>
      <c r="RRD726" s="613"/>
      <c r="RRE726" s="613"/>
      <c r="RRF726" s="613"/>
      <c r="RRG726" s="613"/>
      <c r="RRH726" s="613"/>
      <c r="RRI726" s="613"/>
      <c r="RRJ726" s="613"/>
      <c r="RRK726" s="613"/>
      <c r="RRL726" s="613"/>
      <c r="RRM726" s="613"/>
      <c r="RRN726" s="613"/>
      <c r="RRO726" s="613"/>
      <c r="RRP726" s="613"/>
      <c r="RRQ726" s="613"/>
      <c r="RRR726" s="613"/>
      <c r="RRS726" s="613"/>
      <c r="RRT726" s="613"/>
      <c r="RRU726" s="613"/>
      <c r="RRV726" s="613"/>
      <c r="RRW726" s="613"/>
      <c r="RRX726" s="613"/>
      <c r="RRY726" s="613"/>
      <c r="RRZ726" s="613"/>
      <c r="RSA726" s="613"/>
      <c r="RSB726" s="613"/>
      <c r="RSC726" s="613"/>
      <c r="RSD726" s="613"/>
      <c r="RSE726" s="613"/>
      <c r="RSF726" s="613"/>
      <c r="RSG726" s="613"/>
      <c r="RSH726" s="613"/>
      <c r="RSI726" s="613"/>
      <c r="RSJ726" s="613"/>
      <c r="RSK726" s="613"/>
      <c r="RSL726" s="613"/>
      <c r="RSM726" s="613"/>
      <c r="RSN726" s="613"/>
      <c r="RSO726" s="613"/>
      <c r="RSP726" s="613"/>
      <c r="RSQ726" s="613"/>
      <c r="RSR726" s="613"/>
      <c r="RSS726" s="613"/>
      <c r="RST726" s="613"/>
      <c r="RSU726" s="613"/>
      <c r="RSV726" s="613"/>
      <c r="RSW726" s="613"/>
      <c r="RSX726" s="613"/>
      <c r="RSY726" s="613"/>
      <c r="RSZ726" s="613"/>
      <c r="RTA726" s="613"/>
      <c r="RTB726" s="613"/>
      <c r="RTC726" s="613"/>
      <c r="RTD726" s="613"/>
      <c r="RTE726" s="613"/>
      <c r="RTF726" s="613"/>
      <c r="RTG726" s="613"/>
      <c r="RTH726" s="613"/>
      <c r="RTI726" s="613"/>
      <c r="RTJ726" s="613"/>
      <c r="RTK726" s="613"/>
      <c r="RTL726" s="613"/>
      <c r="RTM726" s="613"/>
      <c r="RTN726" s="613"/>
      <c r="RTO726" s="613"/>
      <c r="RTP726" s="613"/>
      <c r="RTQ726" s="613"/>
      <c r="RTR726" s="613"/>
      <c r="RTS726" s="613"/>
      <c r="RTT726" s="613"/>
      <c r="RTU726" s="613"/>
      <c r="RTV726" s="613"/>
      <c r="RTW726" s="613"/>
      <c r="RTX726" s="613"/>
      <c r="RTY726" s="613"/>
      <c r="RTZ726" s="613"/>
      <c r="RUA726" s="613"/>
      <c r="RUB726" s="613"/>
      <c r="RUC726" s="613"/>
      <c r="RUD726" s="613"/>
      <c r="RUE726" s="613"/>
      <c r="RUF726" s="613"/>
      <c r="RUG726" s="613"/>
      <c r="RUH726" s="613"/>
      <c r="RUI726" s="613"/>
      <c r="RUJ726" s="613"/>
      <c r="RUK726" s="613"/>
      <c r="RUL726" s="613"/>
      <c r="RUM726" s="613"/>
      <c r="RUN726" s="613"/>
      <c r="RUO726" s="613"/>
      <c r="RUP726" s="613"/>
      <c r="RUQ726" s="613"/>
      <c r="RUR726" s="613"/>
      <c r="RUS726" s="613"/>
      <c r="RUT726" s="613"/>
      <c r="RUU726" s="613"/>
      <c r="RUV726" s="613"/>
      <c r="RUW726" s="613"/>
      <c r="RUX726" s="613"/>
      <c r="RUY726" s="613"/>
      <c r="RUZ726" s="613"/>
      <c r="RVA726" s="613"/>
      <c r="RVB726" s="613"/>
      <c r="RVC726" s="613"/>
      <c r="RVD726" s="613"/>
      <c r="RVE726" s="613"/>
      <c r="RVF726" s="613"/>
      <c r="RVG726" s="613"/>
      <c r="RVH726" s="613"/>
      <c r="RVI726" s="613"/>
      <c r="RVJ726" s="613"/>
      <c r="RVK726" s="613"/>
      <c r="RVL726" s="613"/>
      <c r="RVM726" s="613"/>
      <c r="RVN726" s="613"/>
      <c r="RVO726" s="613"/>
      <c r="RVP726" s="613"/>
      <c r="RVQ726" s="613"/>
      <c r="RVR726" s="613"/>
      <c r="RVS726" s="613"/>
      <c r="RVT726" s="613"/>
      <c r="RVU726" s="613"/>
      <c r="RVV726" s="613"/>
      <c r="RVW726" s="613"/>
      <c r="RVX726" s="613"/>
      <c r="RVY726" s="613"/>
      <c r="RVZ726" s="613"/>
      <c r="RWA726" s="613"/>
      <c r="RWB726" s="613"/>
      <c r="RWC726" s="613"/>
      <c r="RWD726" s="613"/>
      <c r="RWE726" s="613"/>
      <c r="RWF726" s="613"/>
      <c r="RWG726" s="613"/>
      <c r="RWH726" s="613"/>
      <c r="RWI726" s="613"/>
      <c r="RWJ726" s="613"/>
      <c r="RWK726" s="613"/>
      <c r="RWL726" s="613"/>
      <c r="RWM726" s="613"/>
      <c r="RWN726" s="613"/>
      <c r="RWO726" s="613"/>
      <c r="RWP726" s="613"/>
      <c r="RWQ726" s="613"/>
      <c r="RWR726" s="613"/>
      <c r="RWS726" s="613"/>
      <c r="RWT726" s="613"/>
      <c r="RWU726" s="613"/>
      <c r="RWV726" s="613"/>
      <c r="RWW726" s="613"/>
      <c r="RWX726" s="613"/>
      <c r="RWY726" s="613"/>
      <c r="RWZ726" s="613"/>
      <c r="RXA726" s="613"/>
      <c r="RXB726" s="613"/>
      <c r="RXC726" s="613"/>
      <c r="RXD726" s="613"/>
      <c r="RXE726" s="613"/>
      <c r="RXF726" s="613"/>
      <c r="RXG726" s="613"/>
      <c r="RXH726" s="613"/>
      <c r="RXI726" s="613"/>
      <c r="RXJ726" s="613"/>
      <c r="RXK726" s="613"/>
      <c r="RXL726" s="613"/>
      <c r="RXM726" s="613"/>
      <c r="RXN726" s="613"/>
      <c r="RXO726" s="613"/>
      <c r="RXP726" s="613"/>
      <c r="RXQ726" s="613"/>
      <c r="RXR726" s="613"/>
      <c r="RXS726" s="613"/>
      <c r="RXT726" s="613"/>
      <c r="RXU726" s="613"/>
      <c r="RXV726" s="613"/>
      <c r="RXW726" s="613"/>
      <c r="RXX726" s="613"/>
      <c r="RXY726" s="613"/>
      <c r="RXZ726" s="613"/>
      <c r="RYA726" s="613"/>
      <c r="RYB726" s="613"/>
      <c r="RYC726" s="613"/>
      <c r="RYD726" s="613"/>
      <c r="RYE726" s="613"/>
      <c r="RYF726" s="613"/>
      <c r="RYG726" s="613"/>
      <c r="RYH726" s="613"/>
      <c r="RYI726" s="613"/>
      <c r="RYJ726" s="613"/>
      <c r="RYK726" s="613"/>
      <c r="RYL726" s="613"/>
      <c r="RYM726" s="613"/>
      <c r="RYN726" s="613"/>
      <c r="RYO726" s="613"/>
      <c r="RYP726" s="613"/>
      <c r="RYQ726" s="613"/>
      <c r="RYR726" s="613"/>
      <c r="RYS726" s="613"/>
      <c r="RYT726" s="613"/>
      <c r="RYU726" s="613"/>
      <c r="RYV726" s="613"/>
      <c r="RYW726" s="613"/>
      <c r="RYX726" s="613"/>
      <c r="RYY726" s="613"/>
      <c r="RYZ726" s="613"/>
      <c r="RZA726" s="613"/>
      <c r="RZB726" s="613"/>
      <c r="RZC726" s="613"/>
      <c r="RZD726" s="613"/>
      <c r="RZE726" s="613"/>
      <c r="RZF726" s="613"/>
      <c r="RZG726" s="613"/>
      <c r="RZH726" s="613"/>
      <c r="RZI726" s="613"/>
      <c r="RZJ726" s="613"/>
      <c r="RZK726" s="613"/>
      <c r="RZL726" s="613"/>
      <c r="RZM726" s="613"/>
      <c r="RZN726" s="613"/>
      <c r="RZO726" s="613"/>
      <c r="RZP726" s="613"/>
      <c r="RZQ726" s="613"/>
      <c r="RZR726" s="613"/>
      <c r="RZS726" s="613"/>
      <c r="RZT726" s="613"/>
      <c r="RZU726" s="613"/>
      <c r="RZV726" s="613"/>
      <c r="RZW726" s="613"/>
      <c r="RZX726" s="613"/>
      <c r="RZY726" s="613"/>
      <c r="RZZ726" s="613"/>
      <c r="SAA726" s="613"/>
      <c r="SAB726" s="613"/>
      <c r="SAC726" s="613"/>
      <c r="SAD726" s="613"/>
      <c r="SAE726" s="613"/>
      <c r="SAF726" s="613"/>
      <c r="SAG726" s="613"/>
      <c r="SAH726" s="613"/>
      <c r="SAI726" s="613"/>
      <c r="SAJ726" s="613"/>
      <c r="SAK726" s="613"/>
      <c r="SAL726" s="613"/>
      <c r="SAM726" s="613"/>
      <c r="SAN726" s="613"/>
      <c r="SAO726" s="613"/>
      <c r="SAP726" s="613"/>
      <c r="SAQ726" s="613"/>
      <c r="SAR726" s="613"/>
      <c r="SAS726" s="613"/>
      <c r="SAT726" s="613"/>
      <c r="SAU726" s="613"/>
      <c r="SAV726" s="613"/>
      <c r="SAW726" s="613"/>
      <c r="SAX726" s="613"/>
      <c r="SAY726" s="613"/>
      <c r="SAZ726" s="613"/>
      <c r="SBA726" s="613"/>
      <c r="SBB726" s="613"/>
      <c r="SBC726" s="613"/>
      <c r="SBD726" s="613"/>
      <c r="SBE726" s="613"/>
      <c r="SBF726" s="613"/>
      <c r="SBG726" s="613"/>
      <c r="SBH726" s="613"/>
      <c r="SBI726" s="613"/>
      <c r="SBJ726" s="613"/>
      <c r="SBK726" s="613"/>
      <c r="SBL726" s="613"/>
      <c r="SBM726" s="613"/>
      <c r="SBN726" s="613"/>
      <c r="SBO726" s="613"/>
      <c r="SBP726" s="613"/>
      <c r="SBQ726" s="613"/>
      <c r="SBR726" s="613"/>
      <c r="SBS726" s="613"/>
      <c r="SBT726" s="613"/>
      <c r="SBU726" s="613"/>
      <c r="SBV726" s="613"/>
      <c r="SBW726" s="613"/>
      <c r="SBX726" s="613"/>
      <c r="SBY726" s="613"/>
      <c r="SBZ726" s="613"/>
      <c r="SCA726" s="613"/>
      <c r="SCB726" s="613"/>
      <c r="SCC726" s="613"/>
      <c r="SCD726" s="613"/>
      <c r="SCE726" s="613"/>
      <c r="SCF726" s="613"/>
      <c r="SCG726" s="613"/>
      <c r="SCH726" s="613"/>
      <c r="SCI726" s="613"/>
      <c r="SCJ726" s="613"/>
      <c r="SCK726" s="613"/>
      <c r="SCL726" s="613"/>
      <c r="SCM726" s="613"/>
      <c r="SCN726" s="613"/>
      <c r="SCO726" s="613"/>
      <c r="SCP726" s="613"/>
      <c r="SCQ726" s="613"/>
      <c r="SCR726" s="613"/>
      <c r="SCS726" s="613"/>
      <c r="SCT726" s="613"/>
      <c r="SCU726" s="613"/>
      <c r="SCV726" s="613"/>
      <c r="SCW726" s="613"/>
      <c r="SCX726" s="613"/>
      <c r="SCY726" s="613"/>
      <c r="SCZ726" s="613"/>
      <c r="SDA726" s="613"/>
      <c r="SDB726" s="613"/>
      <c r="SDC726" s="613"/>
      <c r="SDD726" s="613"/>
      <c r="SDE726" s="613"/>
      <c r="SDF726" s="613"/>
      <c r="SDG726" s="613"/>
      <c r="SDH726" s="613"/>
      <c r="SDI726" s="613"/>
      <c r="SDJ726" s="613"/>
      <c r="SDK726" s="613"/>
      <c r="SDL726" s="613"/>
      <c r="SDM726" s="613"/>
      <c r="SDN726" s="613"/>
      <c r="SDO726" s="613"/>
      <c r="SDP726" s="613"/>
      <c r="SDQ726" s="613"/>
      <c r="SDR726" s="613"/>
      <c r="SDS726" s="613"/>
      <c r="SDT726" s="613"/>
      <c r="SDU726" s="613"/>
      <c r="SDV726" s="613"/>
      <c r="SDW726" s="613"/>
      <c r="SDX726" s="613"/>
      <c r="SDY726" s="613"/>
      <c r="SDZ726" s="613"/>
      <c r="SEA726" s="613"/>
      <c r="SEB726" s="613"/>
      <c r="SEC726" s="613"/>
      <c r="SED726" s="613"/>
      <c r="SEE726" s="613"/>
      <c r="SEF726" s="613"/>
      <c r="SEG726" s="613"/>
      <c r="SEH726" s="613"/>
      <c r="SEI726" s="613"/>
      <c r="SEJ726" s="613"/>
      <c r="SEK726" s="613"/>
      <c r="SEL726" s="613"/>
      <c r="SEM726" s="613"/>
      <c r="SEN726" s="613"/>
      <c r="SEO726" s="613"/>
      <c r="SEP726" s="613"/>
      <c r="SEQ726" s="613"/>
      <c r="SER726" s="613"/>
      <c r="SES726" s="613"/>
      <c r="SET726" s="613"/>
      <c r="SEU726" s="613"/>
      <c r="SEV726" s="613"/>
      <c r="SEW726" s="613"/>
      <c r="SEX726" s="613"/>
      <c r="SEY726" s="613"/>
      <c r="SEZ726" s="613"/>
      <c r="SFA726" s="613"/>
      <c r="SFB726" s="613"/>
      <c r="SFC726" s="613"/>
      <c r="SFD726" s="613"/>
      <c r="SFE726" s="613"/>
      <c r="SFF726" s="613"/>
      <c r="SFG726" s="613"/>
      <c r="SFH726" s="613"/>
      <c r="SFI726" s="613"/>
      <c r="SFJ726" s="613"/>
      <c r="SFK726" s="613"/>
      <c r="SFL726" s="613"/>
      <c r="SFM726" s="613"/>
      <c r="SFN726" s="613"/>
      <c r="SFO726" s="613"/>
      <c r="SFP726" s="613"/>
      <c r="SFQ726" s="613"/>
      <c r="SFR726" s="613"/>
      <c r="SFS726" s="613"/>
      <c r="SFT726" s="613"/>
      <c r="SFU726" s="613"/>
      <c r="SFV726" s="613"/>
      <c r="SFW726" s="613"/>
      <c r="SFX726" s="613"/>
      <c r="SFY726" s="613"/>
      <c r="SFZ726" s="613"/>
      <c r="SGA726" s="613"/>
      <c r="SGB726" s="613"/>
      <c r="SGC726" s="613"/>
      <c r="SGD726" s="613"/>
      <c r="SGE726" s="613"/>
      <c r="SGF726" s="613"/>
      <c r="SGG726" s="613"/>
      <c r="SGH726" s="613"/>
      <c r="SGI726" s="613"/>
      <c r="SGJ726" s="613"/>
      <c r="SGK726" s="613"/>
      <c r="SGL726" s="613"/>
      <c r="SGM726" s="613"/>
      <c r="SGN726" s="613"/>
      <c r="SGO726" s="613"/>
      <c r="SGP726" s="613"/>
      <c r="SGQ726" s="613"/>
      <c r="SGR726" s="613"/>
      <c r="SGS726" s="613"/>
      <c r="SGT726" s="613"/>
      <c r="SGU726" s="613"/>
      <c r="SGV726" s="613"/>
      <c r="SGW726" s="613"/>
      <c r="SGX726" s="613"/>
      <c r="SGY726" s="613"/>
      <c r="SGZ726" s="613"/>
      <c r="SHA726" s="613"/>
      <c r="SHB726" s="613"/>
      <c r="SHC726" s="613"/>
      <c r="SHD726" s="613"/>
      <c r="SHE726" s="613"/>
      <c r="SHF726" s="613"/>
      <c r="SHG726" s="613"/>
      <c r="SHH726" s="613"/>
      <c r="SHI726" s="613"/>
      <c r="SHJ726" s="613"/>
      <c r="SHK726" s="613"/>
      <c r="SHL726" s="613"/>
      <c r="SHM726" s="613"/>
      <c r="SHN726" s="613"/>
      <c r="SHO726" s="613"/>
      <c r="SHP726" s="613"/>
      <c r="SHQ726" s="613"/>
      <c r="SHR726" s="613"/>
      <c r="SHS726" s="613"/>
      <c r="SHT726" s="613"/>
      <c r="SHU726" s="613"/>
      <c r="SHV726" s="613"/>
      <c r="SHW726" s="613"/>
      <c r="SHX726" s="613"/>
      <c r="SHY726" s="613"/>
      <c r="SHZ726" s="613"/>
      <c r="SIA726" s="613"/>
      <c r="SIB726" s="613"/>
      <c r="SIC726" s="613"/>
      <c r="SID726" s="613"/>
      <c r="SIE726" s="613"/>
      <c r="SIF726" s="613"/>
      <c r="SIG726" s="613"/>
      <c r="SIH726" s="613"/>
      <c r="SII726" s="613"/>
      <c r="SIJ726" s="613"/>
      <c r="SIK726" s="613"/>
      <c r="SIL726" s="613"/>
      <c r="SIM726" s="613"/>
      <c r="SIN726" s="613"/>
      <c r="SIO726" s="613"/>
      <c r="SIP726" s="613"/>
      <c r="SIQ726" s="613"/>
      <c r="SIR726" s="613"/>
      <c r="SIS726" s="613"/>
      <c r="SIT726" s="613"/>
      <c r="SIU726" s="613"/>
      <c r="SIV726" s="613"/>
      <c r="SIW726" s="613"/>
      <c r="SIX726" s="613"/>
      <c r="SIY726" s="613"/>
      <c r="SIZ726" s="613"/>
      <c r="SJA726" s="613"/>
      <c r="SJB726" s="613"/>
      <c r="SJC726" s="613"/>
      <c r="SJD726" s="613"/>
      <c r="SJE726" s="613"/>
      <c r="SJF726" s="613"/>
      <c r="SJG726" s="613"/>
      <c r="SJH726" s="613"/>
      <c r="SJI726" s="613"/>
      <c r="SJJ726" s="613"/>
      <c r="SJK726" s="613"/>
      <c r="SJL726" s="613"/>
      <c r="SJM726" s="613"/>
      <c r="SJN726" s="613"/>
      <c r="SJO726" s="613"/>
      <c r="SJP726" s="613"/>
      <c r="SJQ726" s="613"/>
      <c r="SJR726" s="613"/>
      <c r="SJS726" s="613"/>
      <c r="SJT726" s="613"/>
      <c r="SJU726" s="613"/>
      <c r="SJV726" s="613"/>
      <c r="SJW726" s="613"/>
      <c r="SJX726" s="613"/>
      <c r="SJY726" s="613"/>
      <c r="SJZ726" s="613"/>
      <c r="SKA726" s="613"/>
      <c r="SKB726" s="613"/>
      <c r="SKC726" s="613"/>
      <c r="SKD726" s="613"/>
      <c r="SKE726" s="613"/>
      <c r="SKF726" s="613"/>
      <c r="SKG726" s="613"/>
      <c r="SKH726" s="613"/>
      <c r="SKI726" s="613"/>
      <c r="SKJ726" s="613"/>
      <c r="SKK726" s="613"/>
      <c r="SKL726" s="613"/>
      <c r="SKM726" s="613"/>
      <c r="SKN726" s="613"/>
      <c r="SKO726" s="613"/>
      <c r="SKP726" s="613"/>
      <c r="SKQ726" s="613"/>
      <c r="SKR726" s="613"/>
      <c r="SKS726" s="613"/>
      <c r="SKT726" s="613"/>
      <c r="SKU726" s="613"/>
      <c r="SKV726" s="613"/>
      <c r="SKW726" s="613"/>
      <c r="SKX726" s="613"/>
      <c r="SKY726" s="613"/>
      <c r="SKZ726" s="613"/>
      <c r="SLA726" s="613"/>
      <c r="SLB726" s="613"/>
      <c r="SLC726" s="613"/>
      <c r="SLD726" s="613"/>
      <c r="SLE726" s="613"/>
      <c r="SLF726" s="613"/>
      <c r="SLG726" s="613"/>
      <c r="SLH726" s="613"/>
      <c r="SLI726" s="613"/>
      <c r="SLJ726" s="613"/>
      <c r="SLK726" s="613"/>
      <c r="SLL726" s="613"/>
      <c r="SLM726" s="613"/>
      <c r="SLN726" s="613"/>
      <c r="SLO726" s="613"/>
      <c r="SLP726" s="613"/>
      <c r="SLQ726" s="613"/>
      <c r="SLR726" s="613"/>
      <c r="SLS726" s="613"/>
      <c r="SLT726" s="613"/>
      <c r="SLU726" s="613"/>
      <c r="SLV726" s="613"/>
      <c r="SLW726" s="613"/>
      <c r="SLX726" s="613"/>
      <c r="SLY726" s="613"/>
      <c r="SLZ726" s="613"/>
      <c r="SMA726" s="613"/>
      <c r="SMB726" s="613"/>
      <c r="SMC726" s="613"/>
      <c r="SMD726" s="613"/>
      <c r="SME726" s="613"/>
      <c r="SMF726" s="613"/>
      <c r="SMG726" s="613"/>
      <c r="SMH726" s="613"/>
      <c r="SMI726" s="613"/>
      <c r="SMJ726" s="613"/>
      <c r="SMK726" s="613"/>
      <c r="SML726" s="613"/>
      <c r="SMM726" s="613"/>
      <c r="SMN726" s="613"/>
      <c r="SMO726" s="613"/>
      <c r="SMP726" s="613"/>
      <c r="SMQ726" s="613"/>
      <c r="SMR726" s="613"/>
      <c r="SMS726" s="613"/>
      <c r="SMT726" s="613"/>
      <c r="SMU726" s="613"/>
      <c r="SMV726" s="613"/>
      <c r="SMW726" s="613"/>
      <c r="SMX726" s="613"/>
      <c r="SMY726" s="613"/>
      <c r="SMZ726" s="613"/>
      <c r="SNA726" s="613"/>
      <c r="SNB726" s="613"/>
      <c r="SNC726" s="613"/>
      <c r="SND726" s="613"/>
      <c r="SNE726" s="613"/>
      <c r="SNF726" s="613"/>
      <c r="SNG726" s="613"/>
      <c r="SNH726" s="613"/>
      <c r="SNI726" s="613"/>
      <c r="SNJ726" s="613"/>
      <c r="SNK726" s="613"/>
      <c r="SNL726" s="613"/>
      <c r="SNM726" s="613"/>
      <c r="SNN726" s="613"/>
      <c r="SNO726" s="613"/>
      <c r="SNP726" s="613"/>
      <c r="SNQ726" s="613"/>
      <c r="SNR726" s="613"/>
      <c r="SNS726" s="613"/>
      <c r="SNT726" s="613"/>
      <c r="SNU726" s="613"/>
      <c r="SNV726" s="613"/>
      <c r="SNW726" s="613"/>
      <c r="SNX726" s="613"/>
      <c r="SNY726" s="613"/>
      <c r="SNZ726" s="613"/>
      <c r="SOA726" s="613"/>
      <c r="SOB726" s="613"/>
      <c r="SOC726" s="613"/>
      <c r="SOD726" s="613"/>
      <c r="SOE726" s="613"/>
      <c r="SOF726" s="613"/>
      <c r="SOG726" s="613"/>
      <c r="SOH726" s="613"/>
      <c r="SOI726" s="613"/>
      <c r="SOJ726" s="613"/>
      <c r="SOK726" s="613"/>
      <c r="SOL726" s="613"/>
      <c r="SOM726" s="613"/>
      <c r="SON726" s="613"/>
      <c r="SOO726" s="613"/>
      <c r="SOP726" s="613"/>
      <c r="SOQ726" s="613"/>
      <c r="SOR726" s="613"/>
      <c r="SOS726" s="613"/>
      <c r="SOT726" s="613"/>
      <c r="SOU726" s="613"/>
      <c r="SOV726" s="613"/>
      <c r="SOW726" s="613"/>
      <c r="SOX726" s="613"/>
      <c r="SOY726" s="613"/>
      <c r="SOZ726" s="613"/>
      <c r="SPA726" s="613"/>
      <c r="SPB726" s="613"/>
      <c r="SPC726" s="613"/>
      <c r="SPD726" s="613"/>
      <c r="SPE726" s="613"/>
      <c r="SPF726" s="613"/>
      <c r="SPG726" s="613"/>
      <c r="SPH726" s="613"/>
      <c r="SPI726" s="613"/>
      <c r="SPJ726" s="613"/>
      <c r="SPK726" s="613"/>
      <c r="SPL726" s="613"/>
      <c r="SPM726" s="613"/>
      <c r="SPN726" s="613"/>
      <c r="SPO726" s="613"/>
      <c r="SPP726" s="613"/>
      <c r="SPQ726" s="613"/>
      <c r="SPR726" s="613"/>
      <c r="SPS726" s="613"/>
      <c r="SPT726" s="613"/>
      <c r="SPU726" s="613"/>
      <c r="SPV726" s="613"/>
      <c r="SPW726" s="613"/>
      <c r="SPX726" s="613"/>
      <c r="SPY726" s="613"/>
      <c r="SPZ726" s="613"/>
      <c r="SQA726" s="613"/>
      <c r="SQB726" s="613"/>
      <c r="SQC726" s="613"/>
      <c r="SQD726" s="613"/>
      <c r="SQE726" s="613"/>
      <c r="SQF726" s="613"/>
      <c r="SQG726" s="613"/>
      <c r="SQH726" s="613"/>
      <c r="SQI726" s="613"/>
      <c r="SQJ726" s="613"/>
      <c r="SQK726" s="613"/>
      <c r="SQL726" s="613"/>
      <c r="SQM726" s="613"/>
      <c r="SQN726" s="613"/>
      <c r="SQO726" s="613"/>
      <c r="SQP726" s="613"/>
      <c r="SQQ726" s="613"/>
      <c r="SQR726" s="613"/>
      <c r="SQS726" s="613"/>
      <c r="SQT726" s="613"/>
      <c r="SQU726" s="613"/>
      <c r="SQV726" s="613"/>
      <c r="SQW726" s="613"/>
      <c r="SQX726" s="613"/>
      <c r="SQY726" s="613"/>
      <c r="SQZ726" s="613"/>
      <c r="SRA726" s="613"/>
      <c r="SRB726" s="613"/>
      <c r="SRC726" s="613"/>
      <c r="SRD726" s="613"/>
      <c r="SRE726" s="613"/>
      <c r="SRF726" s="613"/>
      <c r="SRG726" s="613"/>
      <c r="SRH726" s="613"/>
      <c r="SRI726" s="613"/>
      <c r="SRJ726" s="613"/>
      <c r="SRK726" s="613"/>
      <c r="SRL726" s="613"/>
      <c r="SRM726" s="613"/>
      <c r="SRN726" s="613"/>
      <c r="SRO726" s="613"/>
      <c r="SRP726" s="613"/>
      <c r="SRQ726" s="613"/>
      <c r="SRR726" s="613"/>
      <c r="SRS726" s="613"/>
      <c r="SRT726" s="613"/>
      <c r="SRU726" s="613"/>
      <c r="SRV726" s="613"/>
      <c r="SRW726" s="613"/>
      <c r="SRX726" s="613"/>
      <c r="SRY726" s="613"/>
      <c r="SRZ726" s="613"/>
      <c r="SSA726" s="613"/>
      <c r="SSB726" s="613"/>
      <c r="SSC726" s="613"/>
      <c r="SSD726" s="613"/>
      <c r="SSE726" s="613"/>
      <c r="SSF726" s="613"/>
      <c r="SSG726" s="613"/>
      <c r="SSH726" s="613"/>
      <c r="SSI726" s="613"/>
      <c r="SSJ726" s="613"/>
      <c r="SSK726" s="613"/>
      <c r="SSL726" s="613"/>
      <c r="SSM726" s="613"/>
      <c r="SSN726" s="613"/>
      <c r="SSO726" s="613"/>
      <c r="SSP726" s="613"/>
      <c r="SSQ726" s="613"/>
      <c r="SSR726" s="613"/>
      <c r="SSS726" s="613"/>
      <c r="SST726" s="613"/>
      <c r="SSU726" s="613"/>
      <c r="SSV726" s="613"/>
      <c r="SSW726" s="613"/>
      <c r="SSX726" s="613"/>
      <c r="SSY726" s="613"/>
      <c r="SSZ726" s="613"/>
      <c r="STA726" s="613"/>
      <c r="STB726" s="613"/>
      <c r="STC726" s="613"/>
      <c r="STD726" s="613"/>
      <c r="STE726" s="613"/>
      <c r="STF726" s="613"/>
      <c r="STG726" s="613"/>
      <c r="STH726" s="613"/>
      <c r="STI726" s="613"/>
      <c r="STJ726" s="613"/>
      <c r="STK726" s="613"/>
      <c r="STL726" s="613"/>
      <c r="STM726" s="613"/>
      <c r="STN726" s="613"/>
      <c r="STO726" s="613"/>
      <c r="STP726" s="613"/>
      <c r="STQ726" s="613"/>
      <c r="STR726" s="613"/>
      <c r="STS726" s="613"/>
      <c r="STT726" s="613"/>
      <c r="STU726" s="613"/>
      <c r="STV726" s="613"/>
      <c r="STW726" s="613"/>
      <c r="STX726" s="613"/>
      <c r="STY726" s="613"/>
      <c r="STZ726" s="613"/>
      <c r="SUA726" s="613"/>
      <c r="SUB726" s="613"/>
      <c r="SUC726" s="613"/>
      <c r="SUD726" s="613"/>
      <c r="SUE726" s="613"/>
      <c r="SUF726" s="613"/>
      <c r="SUG726" s="613"/>
      <c r="SUH726" s="613"/>
      <c r="SUI726" s="613"/>
      <c r="SUJ726" s="613"/>
      <c r="SUK726" s="613"/>
      <c r="SUL726" s="613"/>
      <c r="SUM726" s="613"/>
      <c r="SUN726" s="613"/>
      <c r="SUO726" s="613"/>
      <c r="SUP726" s="613"/>
      <c r="SUQ726" s="613"/>
      <c r="SUR726" s="613"/>
      <c r="SUS726" s="613"/>
      <c r="SUT726" s="613"/>
      <c r="SUU726" s="613"/>
      <c r="SUV726" s="613"/>
      <c r="SUW726" s="613"/>
      <c r="SUX726" s="613"/>
      <c r="SUY726" s="613"/>
      <c r="SUZ726" s="613"/>
      <c r="SVA726" s="613"/>
      <c r="SVB726" s="613"/>
      <c r="SVC726" s="613"/>
      <c r="SVD726" s="613"/>
      <c r="SVE726" s="613"/>
      <c r="SVF726" s="613"/>
      <c r="SVG726" s="613"/>
      <c r="SVH726" s="613"/>
      <c r="SVI726" s="613"/>
      <c r="SVJ726" s="613"/>
      <c r="SVK726" s="613"/>
      <c r="SVL726" s="613"/>
      <c r="SVM726" s="613"/>
      <c r="SVN726" s="613"/>
      <c r="SVO726" s="613"/>
      <c r="SVP726" s="613"/>
      <c r="SVQ726" s="613"/>
      <c r="SVR726" s="613"/>
      <c r="SVS726" s="613"/>
      <c r="SVT726" s="613"/>
      <c r="SVU726" s="613"/>
      <c r="SVV726" s="613"/>
      <c r="SVW726" s="613"/>
      <c r="SVX726" s="613"/>
      <c r="SVY726" s="613"/>
      <c r="SVZ726" s="613"/>
      <c r="SWA726" s="613"/>
      <c r="SWB726" s="613"/>
      <c r="SWC726" s="613"/>
      <c r="SWD726" s="613"/>
      <c r="SWE726" s="613"/>
      <c r="SWF726" s="613"/>
      <c r="SWG726" s="613"/>
      <c r="SWH726" s="613"/>
      <c r="SWI726" s="613"/>
      <c r="SWJ726" s="613"/>
      <c r="SWK726" s="613"/>
      <c r="SWL726" s="613"/>
      <c r="SWM726" s="613"/>
      <c r="SWN726" s="613"/>
      <c r="SWO726" s="613"/>
      <c r="SWP726" s="613"/>
      <c r="SWQ726" s="613"/>
      <c r="SWR726" s="613"/>
      <c r="SWS726" s="613"/>
      <c r="SWT726" s="613"/>
      <c r="SWU726" s="613"/>
      <c r="SWV726" s="613"/>
      <c r="SWW726" s="613"/>
      <c r="SWX726" s="613"/>
      <c r="SWY726" s="613"/>
      <c r="SWZ726" s="613"/>
      <c r="SXA726" s="613"/>
      <c r="SXB726" s="613"/>
      <c r="SXC726" s="613"/>
      <c r="SXD726" s="613"/>
      <c r="SXE726" s="613"/>
      <c r="SXF726" s="613"/>
      <c r="SXG726" s="613"/>
      <c r="SXH726" s="613"/>
      <c r="SXI726" s="613"/>
      <c r="SXJ726" s="613"/>
      <c r="SXK726" s="613"/>
      <c r="SXL726" s="613"/>
      <c r="SXM726" s="613"/>
      <c r="SXN726" s="613"/>
      <c r="SXO726" s="613"/>
      <c r="SXP726" s="613"/>
      <c r="SXQ726" s="613"/>
      <c r="SXR726" s="613"/>
      <c r="SXS726" s="613"/>
      <c r="SXT726" s="613"/>
      <c r="SXU726" s="613"/>
      <c r="SXV726" s="613"/>
      <c r="SXW726" s="613"/>
      <c r="SXX726" s="613"/>
      <c r="SXY726" s="613"/>
      <c r="SXZ726" s="613"/>
      <c r="SYA726" s="613"/>
      <c r="SYB726" s="613"/>
      <c r="SYC726" s="613"/>
      <c r="SYD726" s="613"/>
      <c r="SYE726" s="613"/>
      <c r="SYF726" s="613"/>
      <c r="SYG726" s="613"/>
      <c r="SYH726" s="613"/>
      <c r="SYI726" s="613"/>
      <c r="SYJ726" s="613"/>
      <c r="SYK726" s="613"/>
      <c r="SYL726" s="613"/>
      <c r="SYM726" s="613"/>
      <c r="SYN726" s="613"/>
      <c r="SYO726" s="613"/>
      <c r="SYP726" s="613"/>
      <c r="SYQ726" s="613"/>
      <c r="SYR726" s="613"/>
      <c r="SYS726" s="613"/>
      <c r="SYT726" s="613"/>
      <c r="SYU726" s="613"/>
      <c r="SYV726" s="613"/>
      <c r="SYW726" s="613"/>
      <c r="SYX726" s="613"/>
      <c r="SYY726" s="613"/>
      <c r="SYZ726" s="613"/>
      <c r="SZA726" s="613"/>
      <c r="SZB726" s="613"/>
      <c r="SZC726" s="613"/>
      <c r="SZD726" s="613"/>
      <c r="SZE726" s="613"/>
      <c r="SZF726" s="613"/>
      <c r="SZG726" s="613"/>
      <c r="SZH726" s="613"/>
      <c r="SZI726" s="613"/>
      <c r="SZJ726" s="613"/>
      <c r="SZK726" s="613"/>
      <c r="SZL726" s="613"/>
      <c r="SZM726" s="613"/>
      <c r="SZN726" s="613"/>
      <c r="SZO726" s="613"/>
      <c r="SZP726" s="613"/>
      <c r="SZQ726" s="613"/>
      <c r="SZR726" s="613"/>
      <c r="SZS726" s="613"/>
      <c r="SZT726" s="613"/>
      <c r="SZU726" s="613"/>
      <c r="SZV726" s="613"/>
      <c r="SZW726" s="613"/>
      <c r="SZX726" s="613"/>
      <c r="SZY726" s="613"/>
      <c r="SZZ726" s="613"/>
      <c r="TAA726" s="613"/>
      <c r="TAB726" s="613"/>
      <c r="TAC726" s="613"/>
      <c r="TAD726" s="613"/>
      <c r="TAE726" s="613"/>
      <c r="TAF726" s="613"/>
      <c r="TAG726" s="613"/>
      <c r="TAH726" s="613"/>
      <c r="TAI726" s="613"/>
      <c r="TAJ726" s="613"/>
      <c r="TAK726" s="613"/>
      <c r="TAL726" s="613"/>
      <c r="TAM726" s="613"/>
      <c r="TAN726" s="613"/>
      <c r="TAO726" s="613"/>
      <c r="TAP726" s="613"/>
      <c r="TAQ726" s="613"/>
      <c r="TAR726" s="613"/>
      <c r="TAS726" s="613"/>
      <c r="TAT726" s="613"/>
      <c r="TAU726" s="613"/>
      <c r="TAV726" s="613"/>
      <c r="TAW726" s="613"/>
      <c r="TAX726" s="613"/>
      <c r="TAY726" s="613"/>
      <c r="TAZ726" s="613"/>
      <c r="TBA726" s="613"/>
      <c r="TBB726" s="613"/>
      <c r="TBC726" s="613"/>
      <c r="TBD726" s="613"/>
      <c r="TBE726" s="613"/>
      <c r="TBF726" s="613"/>
      <c r="TBG726" s="613"/>
      <c r="TBH726" s="613"/>
      <c r="TBI726" s="613"/>
      <c r="TBJ726" s="613"/>
      <c r="TBK726" s="613"/>
      <c r="TBL726" s="613"/>
      <c r="TBM726" s="613"/>
      <c r="TBN726" s="613"/>
      <c r="TBO726" s="613"/>
      <c r="TBP726" s="613"/>
      <c r="TBQ726" s="613"/>
      <c r="TBR726" s="613"/>
      <c r="TBS726" s="613"/>
      <c r="TBT726" s="613"/>
      <c r="TBU726" s="613"/>
      <c r="TBV726" s="613"/>
      <c r="TBW726" s="613"/>
      <c r="TBX726" s="613"/>
      <c r="TBY726" s="613"/>
      <c r="TBZ726" s="613"/>
      <c r="TCA726" s="613"/>
      <c r="TCB726" s="613"/>
      <c r="TCC726" s="613"/>
      <c r="TCD726" s="613"/>
      <c r="TCE726" s="613"/>
      <c r="TCF726" s="613"/>
      <c r="TCG726" s="613"/>
      <c r="TCH726" s="613"/>
      <c r="TCI726" s="613"/>
      <c r="TCJ726" s="613"/>
      <c r="TCK726" s="613"/>
      <c r="TCL726" s="613"/>
      <c r="TCM726" s="613"/>
      <c r="TCN726" s="613"/>
      <c r="TCO726" s="613"/>
      <c r="TCP726" s="613"/>
      <c r="TCQ726" s="613"/>
      <c r="TCR726" s="613"/>
      <c r="TCS726" s="613"/>
      <c r="TCT726" s="613"/>
      <c r="TCU726" s="613"/>
      <c r="TCV726" s="613"/>
      <c r="TCW726" s="613"/>
      <c r="TCX726" s="613"/>
      <c r="TCY726" s="613"/>
      <c r="TCZ726" s="613"/>
      <c r="TDA726" s="613"/>
      <c r="TDB726" s="613"/>
      <c r="TDC726" s="613"/>
      <c r="TDD726" s="613"/>
      <c r="TDE726" s="613"/>
      <c r="TDF726" s="613"/>
      <c r="TDG726" s="613"/>
      <c r="TDH726" s="613"/>
      <c r="TDI726" s="613"/>
      <c r="TDJ726" s="613"/>
      <c r="TDK726" s="613"/>
      <c r="TDL726" s="613"/>
      <c r="TDM726" s="613"/>
      <c r="TDN726" s="613"/>
      <c r="TDO726" s="613"/>
      <c r="TDP726" s="613"/>
      <c r="TDQ726" s="613"/>
      <c r="TDR726" s="613"/>
      <c r="TDS726" s="613"/>
      <c r="TDT726" s="613"/>
      <c r="TDU726" s="613"/>
      <c r="TDV726" s="613"/>
      <c r="TDW726" s="613"/>
      <c r="TDX726" s="613"/>
      <c r="TDY726" s="613"/>
      <c r="TDZ726" s="613"/>
      <c r="TEA726" s="613"/>
      <c r="TEB726" s="613"/>
      <c r="TEC726" s="613"/>
      <c r="TED726" s="613"/>
      <c r="TEE726" s="613"/>
      <c r="TEF726" s="613"/>
      <c r="TEG726" s="613"/>
      <c r="TEH726" s="613"/>
      <c r="TEI726" s="613"/>
      <c r="TEJ726" s="613"/>
      <c r="TEK726" s="613"/>
      <c r="TEL726" s="613"/>
      <c r="TEM726" s="613"/>
      <c r="TEN726" s="613"/>
      <c r="TEO726" s="613"/>
      <c r="TEP726" s="613"/>
      <c r="TEQ726" s="613"/>
      <c r="TER726" s="613"/>
      <c r="TES726" s="613"/>
      <c r="TET726" s="613"/>
      <c r="TEU726" s="613"/>
      <c r="TEV726" s="613"/>
      <c r="TEW726" s="613"/>
      <c r="TEX726" s="613"/>
      <c r="TEY726" s="613"/>
      <c r="TEZ726" s="613"/>
      <c r="TFA726" s="613"/>
      <c r="TFB726" s="613"/>
      <c r="TFC726" s="613"/>
      <c r="TFD726" s="613"/>
      <c r="TFE726" s="613"/>
      <c r="TFF726" s="613"/>
      <c r="TFG726" s="613"/>
      <c r="TFH726" s="613"/>
      <c r="TFI726" s="613"/>
      <c r="TFJ726" s="613"/>
      <c r="TFK726" s="613"/>
      <c r="TFL726" s="613"/>
      <c r="TFM726" s="613"/>
      <c r="TFN726" s="613"/>
      <c r="TFO726" s="613"/>
      <c r="TFP726" s="613"/>
      <c r="TFQ726" s="613"/>
      <c r="TFR726" s="613"/>
      <c r="TFS726" s="613"/>
      <c r="TFT726" s="613"/>
      <c r="TFU726" s="613"/>
      <c r="TFV726" s="613"/>
      <c r="TFW726" s="613"/>
      <c r="TFX726" s="613"/>
      <c r="TFY726" s="613"/>
      <c r="TFZ726" s="613"/>
      <c r="TGA726" s="613"/>
      <c r="TGB726" s="613"/>
      <c r="TGC726" s="613"/>
      <c r="TGD726" s="613"/>
      <c r="TGE726" s="613"/>
      <c r="TGF726" s="613"/>
      <c r="TGG726" s="613"/>
      <c r="TGH726" s="613"/>
      <c r="TGI726" s="613"/>
      <c r="TGJ726" s="613"/>
      <c r="TGK726" s="613"/>
      <c r="TGL726" s="613"/>
      <c r="TGM726" s="613"/>
      <c r="TGN726" s="613"/>
      <c r="TGO726" s="613"/>
      <c r="TGP726" s="613"/>
      <c r="TGQ726" s="613"/>
      <c r="TGR726" s="613"/>
      <c r="TGS726" s="613"/>
      <c r="TGT726" s="613"/>
      <c r="TGU726" s="613"/>
      <c r="TGV726" s="613"/>
      <c r="TGW726" s="613"/>
      <c r="TGX726" s="613"/>
      <c r="TGY726" s="613"/>
      <c r="TGZ726" s="613"/>
      <c r="THA726" s="613"/>
      <c r="THB726" s="613"/>
      <c r="THC726" s="613"/>
      <c r="THD726" s="613"/>
      <c r="THE726" s="613"/>
      <c r="THF726" s="613"/>
      <c r="THG726" s="613"/>
      <c r="THH726" s="613"/>
      <c r="THI726" s="613"/>
      <c r="THJ726" s="613"/>
      <c r="THK726" s="613"/>
      <c r="THL726" s="613"/>
      <c r="THM726" s="613"/>
      <c r="THN726" s="613"/>
      <c r="THO726" s="613"/>
      <c r="THP726" s="613"/>
      <c r="THQ726" s="613"/>
      <c r="THR726" s="613"/>
      <c r="THS726" s="613"/>
      <c r="THT726" s="613"/>
      <c r="THU726" s="613"/>
      <c r="THV726" s="613"/>
      <c r="THW726" s="613"/>
      <c r="THX726" s="613"/>
      <c r="THY726" s="613"/>
      <c r="THZ726" s="613"/>
      <c r="TIA726" s="613"/>
      <c r="TIB726" s="613"/>
      <c r="TIC726" s="613"/>
      <c r="TID726" s="613"/>
      <c r="TIE726" s="613"/>
      <c r="TIF726" s="613"/>
      <c r="TIG726" s="613"/>
      <c r="TIH726" s="613"/>
      <c r="TII726" s="613"/>
      <c r="TIJ726" s="613"/>
      <c r="TIK726" s="613"/>
      <c r="TIL726" s="613"/>
      <c r="TIM726" s="613"/>
      <c r="TIN726" s="613"/>
      <c r="TIO726" s="613"/>
      <c r="TIP726" s="613"/>
      <c r="TIQ726" s="613"/>
      <c r="TIR726" s="613"/>
      <c r="TIS726" s="613"/>
      <c r="TIT726" s="613"/>
      <c r="TIU726" s="613"/>
      <c r="TIV726" s="613"/>
      <c r="TIW726" s="613"/>
      <c r="TIX726" s="613"/>
      <c r="TIY726" s="613"/>
      <c r="TIZ726" s="613"/>
      <c r="TJA726" s="613"/>
      <c r="TJB726" s="613"/>
      <c r="TJC726" s="613"/>
      <c r="TJD726" s="613"/>
      <c r="TJE726" s="613"/>
      <c r="TJF726" s="613"/>
      <c r="TJG726" s="613"/>
      <c r="TJH726" s="613"/>
      <c r="TJI726" s="613"/>
      <c r="TJJ726" s="613"/>
      <c r="TJK726" s="613"/>
      <c r="TJL726" s="613"/>
      <c r="TJM726" s="613"/>
      <c r="TJN726" s="613"/>
      <c r="TJO726" s="613"/>
      <c r="TJP726" s="613"/>
      <c r="TJQ726" s="613"/>
      <c r="TJR726" s="613"/>
      <c r="TJS726" s="613"/>
      <c r="TJT726" s="613"/>
      <c r="TJU726" s="613"/>
      <c r="TJV726" s="613"/>
      <c r="TJW726" s="613"/>
      <c r="TJX726" s="613"/>
      <c r="TJY726" s="613"/>
      <c r="TJZ726" s="613"/>
      <c r="TKA726" s="613"/>
      <c r="TKB726" s="613"/>
      <c r="TKC726" s="613"/>
      <c r="TKD726" s="613"/>
      <c r="TKE726" s="613"/>
      <c r="TKF726" s="613"/>
      <c r="TKG726" s="613"/>
      <c r="TKH726" s="613"/>
      <c r="TKI726" s="613"/>
      <c r="TKJ726" s="613"/>
      <c r="TKK726" s="613"/>
      <c r="TKL726" s="613"/>
      <c r="TKM726" s="613"/>
      <c r="TKN726" s="613"/>
      <c r="TKO726" s="613"/>
      <c r="TKP726" s="613"/>
      <c r="TKQ726" s="613"/>
      <c r="TKR726" s="613"/>
      <c r="TKS726" s="613"/>
      <c r="TKT726" s="613"/>
      <c r="TKU726" s="613"/>
      <c r="TKV726" s="613"/>
      <c r="TKW726" s="613"/>
      <c r="TKX726" s="613"/>
      <c r="TKY726" s="613"/>
      <c r="TKZ726" s="613"/>
      <c r="TLA726" s="613"/>
      <c r="TLB726" s="613"/>
      <c r="TLC726" s="613"/>
      <c r="TLD726" s="613"/>
      <c r="TLE726" s="613"/>
      <c r="TLF726" s="613"/>
      <c r="TLG726" s="613"/>
      <c r="TLH726" s="613"/>
      <c r="TLI726" s="613"/>
      <c r="TLJ726" s="613"/>
      <c r="TLK726" s="613"/>
      <c r="TLL726" s="613"/>
      <c r="TLM726" s="613"/>
      <c r="TLN726" s="613"/>
      <c r="TLO726" s="613"/>
      <c r="TLP726" s="613"/>
      <c r="TLQ726" s="613"/>
      <c r="TLR726" s="613"/>
      <c r="TLS726" s="613"/>
      <c r="TLT726" s="613"/>
      <c r="TLU726" s="613"/>
      <c r="TLV726" s="613"/>
      <c r="TLW726" s="613"/>
      <c r="TLX726" s="613"/>
      <c r="TLY726" s="613"/>
      <c r="TLZ726" s="613"/>
      <c r="TMA726" s="613"/>
      <c r="TMB726" s="613"/>
      <c r="TMC726" s="613"/>
      <c r="TMD726" s="613"/>
      <c r="TME726" s="613"/>
      <c r="TMF726" s="613"/>
      <c r="TMG726" s="613"/>
      <c r="TMH726" s="613"/>
      <c r="TMI726" s="613"/>
      <c r="TMJ726" s="613"/>
      <c r="TMK726" s="613"/>
      <c r="TML726" s="613"/>
      <c r="TMM726" s="613"/>
      <c r="TMN726" s="613"/>
      <c r="TMO726" s="613"/>
      <c r="TMP726" s="613"/>
      <c r="TMQ726" s="613"/>
      <c r="TMR726" s="613"/>
      <c r="TMS726" s="613"/>
      <c r="TMT726" s="613"/>
      <c r="TMU726" s="613"/>
      <c r="TMV726" s="613"/>
      <c r="TMW726" s="613"/>
      <c r="TMX726" s="613"/>
      <c r="TMY726" s="613"/>
      <c r="TMZ726" s="613"/>
      <c r="TNA726" s="613"/>
      <c r="TNB726" s="613"/>
      <c r="TNC726" s="613"/>
      <c r="TND726" s="613"/>
      <c r="TNE726" s="613"/>
      <c r="TNF726" s="613"/>
      <c r="TNG726" s="613"/>
      <c r="TNH726" s="613"/>
      <c r="TNI726" s="613"/>
      <c r="TNJ726" s="613"/>
      <c r="TNK726" s="613"/>
      <c r="TNL726" s="613"/>
      <c r="TNM726" s="613"/>
      <c r="TNN726" s="613"/>
      <c r="TNO726" s="613"/>
      <c r="TNP726" s="613"/>
      <c r="TNQ726" s="613"/>
      <c r="TNR726" s="613"/>
      <c r="TNS726" s="613"/>
      <c r="TNT726" s="613"/>
      <c r="TNU726" s="613"/>
      <c r="TNV726" s="613"/>
      <c r="TNW726" s="613"/>
      <c r="TNX726" s="613"/>
      <c r="TNY726" s="613"/>
      <c r="TNZ726" s="613"/>
      <c r="TOA726" s="613"/>
      <c r="TOB726" s="613"/>
      <c r="TOC726" s="613"/>
      <c r="TOD726" s="613"/>
      <c r="TOE726" s="613"/>
      <c r="TOF726" s="613"/>
      <c r="TOG726" s="613"/>
      <c r="TOH726" s="613"/>
      <c r="TOI726" s="613"/>
      <c r="TOJ726" s="613"/>
      <c r="TOK726" s="613"/>
      <c r="TOL726" s="613"/>
      <c r="TOM726" s="613"/>
      <c r="TON726" s="613"/>
      <c r="TOO726" s="613"/>
      <c r="TOP726" s="613"/>
      <c r="TOQ726" s="613"/>
      <c r="TOR726" s="613"/>
      <c r="TOS726" s="613"/>
      <c r="TOT726" s="613"/>
      <c r="TOU726" s="613"/>
      <c r="TOV726" s="613"/>
      <c r="TOW726" s="613"/>
      <c r="TOX726" s="613"/>
      <c r="TOY726" s="613"/>
      <c r="TOZ726" s="613"/>
      <c r="TPA726" s="613"/>
      <c r="TPB726" s="613"/>
      <c r="TPC726" s="613"/>
      <c r="TPD726" s="613"/>
      <c r="TPE726" s="613"/>
      <c r="TPF726" s="613"/>
      <c r="TPG726" s="613"/>
      <c r="TPH726" s="613"/>
      <c r="TPI726" s="613"/>
      <c r="TPJ726" s="613"/>
      <c r="TPK726" s="613"/>
      <c r="TPL726" s="613"/>
      <c r="TPM726" s="613"/>
      <c r="TPN726" s="613"/>
      <c r="TPO726" s="613"/>
      <c r="TPP726" s="613"/>
      <c r="TPQ726" s="613"/>
      <c r="TPR726" s="613"/>
      <c r="TPS726" s="613"/>
      <c r="TPT726" s="613"/>
      <c r="TPU726" s="613"/>
      <c r="TPV726" s="613"/>
      <c r="TPW726" s="613"/>
      <c r="TPX726" s="613"/>
      <c r="TPY726" s="613"/>
      <c r="TPZ726" s="613"/>
      <c r="TQA726" s="613"/>
      <c r="TQB726" s="613"/>
      <c r="TQC726" s="613"/>
      <c r="TQD726" s="613"/>
      <c r="TQE726" s="613"/>
      <c r="TQF726" s="613"/>
      <c r="TQG726" s="613"/>
      <c r="TQH726" s="613"/>
      <c r="TQI726" s="613"/>
      <c r="TQJ726" s="613"/>
      <c r="TQK726" s="613"/>
      <c r="TQL726" s="613"/>
      <c r="TQM726" s="613"/>
      <c r="TQN726" s="613"/>
      <c r="TQO726" s="613"/>
      <c r="TQP726" s="613"/>
      <c r="TQQ726" s="613"/>
      <c r="TQR726" s="613"/>
      <c r="TQS726" s="613"/>
      <c r="TQT726" s="613"/>
      <c r="TQU726" s="613"/>
      <c r="TQV726" s="613"/>
      <c r="TQW726" s="613"/>
      <c r="TQX726" s="613"/>
      <c r="TQY726" s="613"/>
      <c r="TQZ726" s="613"/>
      <c r="TRA726" s="613"/>
      <c r="TRB726" s="613"/>
      <c r="TRC726" s="613"/>
      <c r="TRD726" s="613"/>
      <c r="TRE726" s="613"/>
      <c r="TRF726" s="613"/>
      <c r="TRG726" s="613"/>
      <c r="TRH726" s="613"/>
      <c r="TRI726" s="613"/>
      <c r="TRJ726" s="613"/>
      <c r="TRK726" s="613"/>
      <c r="TRL726" s="613"/>
      <c r="TRM726" s="613"/>
      <c r="TRN726" s="613"/>
      <c r="TRO726" s="613"/>
      <c r="TRP726" s="613"/>
      <c r="TRQ726" s="613"/>
      <c r="TRR726" s="613"/>
      <c r="TRS726" s="613"/>
      <c r="TRT726" s="613"/>
      <c r="TRU726" s="613"/>
      <c r="TRV726" s="613"/>
      <c r="TRW726" s="613"/>
      <c r="TRX726" s="613"/>
      <c r="TRY726" s="613"/>
      <c r="TRZ726" s="613"/>
      <c r="TSA726" s="613"/>
      <c r="TSB726" s="613"/>
      <c r="TSC726" s="613"/>
      <c r="TSD726" s="613"/>
      <c r="TSE726" s="613"/>
      <c r="TSF726" s="613"/>
      <c r="TSG726" s="613"/>
      <c r="TSH726" s="613"/>
      <c r="TSI726" s="613"/>
      <c r="TSJ726" s="613"/>
      <c r="TSK726" s="613"/>
      <c r="TSL726" s="613"/>
      <c r="TSM726" s="613"/>
      <c r="TSN726" s="613"/>
      <c r="TSO726" s="613"/>
      <c r="TSP726" s="613"/>
      <c r="TSQ726" s="613"/>
      <c r="TSR726" s="613"/>
      <c r="TSS726" s="613"/>
      <c r="TST726" s="613"/>
      <c r="TSU726" s="613"/>
      <c r="TSV726" s="613"/>
      <c r="TSW726" s="613"/>
      <c r="TSX726" s="613"/>
      <c r="TSY726" s="613"/>
      <c r="TSZ726" s="613"/>
      <c r="TTA726" s="613"/>
      <c r="TTB726" s="613"/>
      <c r="TTC726" s="613"/>
      <c r="TTD726" s="613"/>
      <c r="TTE726" s="613"/>
      <c r="TTF726" s="613"/>
      <c r="TTG726" s="613"/>
      <c r="TTH726" s="613"/>
      <c r="TTI726" s="613"/>
      <c r="TTJ726" s="613"/>
      <c r="TTK726" s="613"/>
      <c r="TTL726" s="613"/>
      <c r="TTM726" s="613"/>
      <c r="TTN726" s="613"/>
      <c r="TTO726" s="613"/>
      <c r="TTP726" s="613"/>
      <c r="TTQ726" s="613"/>
      <c r="TTR726" s="613"/>
      <c r="TTS726" s="613"/>
      <c r="TTT726" s="613"/>
      <c r="TTU726" s="613"/>
      <c r="TTV726" s="613"/>
      <c r="TTW726" s="613"/>
      <c r="TTX726" s="613"/>
      <c r="TTY726" s="613"/>
      <c r="TTZ726" s="613"/>
      <c r="TUA726" s="613"/>
      <c r="TUB726" s="613"/>
      <c r="TUC726" s="613"/>
      <c r="TUD726" s="613"/>
      <c r="TUE726" s="613"/>
      <c r="TUF726" s="613"/>
      <c r="TUG726" s="613"/>
      <c r="TUH726" s="613"/>
      <c r="TUI726" s="613"/>
      <c r="TUJ726" s="613"/>
      <c r="TUK726" s="613"/>
      <c r="TUL726" s="613"/>
      <c r="TUM726" s="613"/>
      <c r="TUN726" s="613"/>
      <c r="TUO726" s="613"/>
      <c r="TUP726" s="613"/>
      <c r="TUQ726" s="613"/>
      <c r="TUR726" s="613"/>
      <c r="TUS726" s="613"/>
      <c r="TUT726" s="613"/>
      <c r="TUU726" s="613"/>
      <c r="TUV726" s="613"/>
      <c r="TUW726" s="613"/>
      <c r="TUX726" s="613"/>
      <c r="TUY726" s="613"/>
      <c r="TUZ726" s="613"/>
      <c r="TVA726" s="613"/>
      <c r="TVB726" s="613"/>
      <c r="TVC726" s="613"/>
      <c r="TVD726" s="613"/>
      <c r="TVE726" s="613"/>
      <c r="TVF726" s="613"/>
      <c r="TVG726" s="613"/>
      <c r="TVH726" s="613"/>
      <c r="TVI726" s="613"/>
      <c r="TVJ726" s="613"/>
      <c r="TVK726" s="613"/>
      <c r="TVL726" s="613"/>
      <c r="TVM726" s="613"/>
      <c r="TVN726" s="613"/>
      <c r="TVO726" s="613"/>
      <c r="TVP726" s="613"/>
      <c r="TVQ726" s="613"/>
      <c r="TVR726" s="613"/>
      <c r="TVS726" s="613"/>
      <c r="TVT726" s="613"/>
      <c r="TVU726" s="613"/>
      <c r="TVV726" s="613"/>
      <c r="TVW726" s="613"/>
      <c r="TVX726" s="613"/>
      <c r="TVY726" s="613"/>
      <c r="TVZ726" s="613"/>
      <c r="TWA726" s="613"/>
      <c r="TWB726" s="613"/>
      <c r="TWC726" s="613"/>
      <c r="TWD726" s="613"/>
      <c r="TWE726" s="613"/>
      <c r="TWF726" s="613"/>
      <c r="TWG726" s="613"/>
      <c r="TWH726" s="613"/>
      <c r="TWI726" s="613"/>
      <c r="TWJ726" s="613"/>
      <c r="TWK726" s="613"/>
      <c r="TWL726" s="613"/>
      <c r="TWM726" s="613"/>
      <c r="TWN726" s="613"/>
      <c r="TWO726" s="613"/>
      <c r="TWP726" s="613"/>
      <c r="TWQ726" s="613"/>
      <c r="TWR726" s="613"/>
      <c r="TWS726" s="613"/>
      <c r="TWT726" s="613"/>
      <c r="TWU726" s="613"/>
      <c r="TWV726" s="613"/>
      <c r="TWW726" s="613"/>
      <c r="TWX726" s="613"/>
      <c r="TWY726" s="613"/>
      <c r="TWZ726" s="613"/>
      <c r="TXA726" s="613"/>
      <c r="TXB726" s="613"/>
      <c r="TXC726" s="613"/>
      <c r="TXD726" s="613"/>
      <c r="TXE726" s="613"/>
      <c r="TXF726" s="613"/>
      <c r="TXG726" s="613"/>
      <c r="TXH726" s="613"/>
      <c r="TXI726" s="613"/>
      <c r="TXJ726" s="613"/>
      <c r="TXK726" s="613"/>
      <c r="TXL726" s="613"/>
      <c r="TXM726" s="613"/>
      <c r="TXN726" s="613"/>
      <c r="TXO726" s="613"/>
      <c r="TXP726" s="613"/>
      <c r="TXQ726" s="613"/>
      <c r="TXR726" s="613"/>
      <c r="TXS726" s="613"/>
      <c r="TXT726" s="613"/>
      <c r="TXU726" s="613"/>
      <c r="TXV726" s="613"/>
      <c r="TXW726" s="613"/>
      <c r="TXX726" s="613"/>
      <c r="TXY726" s="613"/>
      <c r="TXZ726" s="613"/>
      <c r="TYA726" s="613"/>
      <c r="TYB726" s="613"/>
      <c r="TYC726" s="613"/>
      <c r="TYD726" s="613"/>
      <c r="TYE726" s="613"/>
      <c r="TYF726" s="613"/>
      <c r="TYG726" s="613"/>
      <c r="TYH726" s="613"/>
      <c r="TYI726" s="613"/>
      <c r="TYJ726" s="613"/>
      <c r="TYK726" s="613"/>
      <c r="TYL726" s="613"/>
      <c r="TYM726" s="613"/>
      <c r="TYN726" s="613"/>
      <c r="TYO726" s="613"/>
      <c r="TYP726" s="613"/>
      <c r="TYQ726" s="613"/>
      <c r="TYR726" s="613"/>
      <c r="TYS726" s="613"/>
      <c r="TYT726" s="613"/>
      <c r="TYU726" s="613"/>
      <c r="TYV726" s="613"/>
      <c r="TYW726" s="613"/>
      <c r="TYX726" s="613"/>
      <c r="TYY726" s="613"/>
      <c r="TYZ726" s="613"/>
      <c r="TZA726" s="613"/>
      <c r="TZB726" s="613"/>
      <c r="TZC726" s="613"/>
      <c r="TZD726" s="613"/>
      <c r="TZE726" s="613"/>
      <c r="TZF726" s="613"/>
      <c r="TZG726" s="613"/>
      <c r="TZH726" s="613"/>
      <c r="TZI726" s="613"/>
      <c r="TZJ726" s="613"/>
      <c r="TZK726" s="613"/>
      <c r="TZL726" s="613"/>
      <c r="TZM726" s="613"/>
      <c r="TZN726" s="613"/>
      <c r="TZO726" s="613"/>
      <c r="TZP726" s="613"/>
      <c r="TZQ726" s="613"/>
      <c r="TZR726" s="613"/>
      <c r="TZS726" s="613"/>
      <c r="TZT726" s="613"/>
      <c r="TZU726" s="613"/>
      <c r="TZV726" s="613"/>
      <c r="TZW726" s="613"/>
      <c r="TZX726" s="613"/>
      <c r="TZY726" s="613"/>
      <c r="TZZ726" s="613"/>
      <c r="UAA726" s="613"/>
      <c r="UAB726" s="613"/>
      <c r="UAC726" s="613"/>
      <c r="UAD726" s="613"/>
      <c r="UAE726" s="613"/>
      <c r="UAF726" s="613"/>
      <c r="UAG726" s="613"/>
      <c r="UAH726" s="613"/>
      <c r="UAI726" s="613"/>
      <c r="UAJ726" s="613"/>
      <c r="UAK726" s="613"/>
      <c r="UAL726" s="613"/>
      <c r="UAM726" s="613"/>
      <c r="UAN726" s="613"/>
      <c r="UAO726" s="613"/>
      <c r="UAP726" s="613"/>
      <c r="UAQ726" s="613"/>
      <c r="UAR726" s="613"/>
      <c r="UAS726" s="613"/>
      <c r="UAT726" s="613"/>
      <c r="UAU726" s="613"/>
      <c r="UAV726" s="613"/>
      <c r="UAW726" s="613"/>
      <c r="UAX726" s="613"/>
      <c r="UAY726" s="613"/>
      <c r="UAZ726" s="613"/>
      <c r="UBA726" s="613"/>
      <c r="UBB726" s="613"/>
      <c r="UBC726" s="613"/>
      <c r="UBD726" s="613"/>
      <c r="UBE726" s="613"/>
      <c r="UBF726" s="613"/>
      <c r="UBG726" s="613"/>
      <c r="UBH726" s="613"/>
      <c r="UBI726" s="613"/>
      <c r="UBJ726" s="613"/>
      <c r="UBK726" s="613"/>
      <c r="UBL726" s="613"/>
      <c r="UBM726" s="613"/>
      <c r="UBN726" s="613"/>
      <c r="UBO726" s="613"/>
      <c r="UBP726" s="613"/>
      <c r="UBQ726" s="613"/>
      <c r="UBR726" s="613"/>
      <c r="UBS726" s="613"/>
      <c r="UBT726" s="613"/>
      <c r="UBU726" s="613"/>
      <c r="UBV726" s="613"/>
      <c r="UBW726" s="613"/>
      <c r="UBX726" s="613"/>
      <c r="UBY726" s="613"/>
      <c r="UBZ726" s="613"/>
      <c r="UCA726" s="613"/>
      <c r="UCB726" s="613"/>
      <c r="UCC726" s="613"/>
      <c r="UCD726" s="613"/>
      <c r="UCE726" s="613"/>
      <c r="UCF726" s="613"/>
      <c r="UCG726" s="613"/>
      <c r="UCH726" s="613"/>
      <c r="UCI726" s="613"/>
      <c r="UCJ726" s="613"/>
      <c r="UCK726" s="613"/>
      <c r="UCL726" s="613"/>
      <c r="UCM726" s="613"/>
      <c r="UCN726" s="613"/>
      <c r="UCO726" s="613"/>
      <c r="UCP726" s="613"/>
      <c r="UCQ726" s="613"/>
      <c r="UCR726" s="613"/>
      <c r="UCS726" s="613"/>
      <c r="UCT726" s="613"/>
      <c r="UCU726" s="613"/>
      <c r="UCV726" s="613"/>
      <c r="UCW726" s="613"/>
      <c r="UCX726" s="613"/>
      <c r="UCY726" s="613"/>
      <c r="UCZ726" s="613"/>
      <c r="UDA726" s="613"/>
      <c r="UDB726" s="613"/>
      <c r="UDC726" s="613"/>
      <c r="UDD726" s="613"/>
      <c r="UDE726" s="613"/>
      <c r="UDF726" s="613"/>
      <c r="UDG726" s="613"/>
      <c r="UDH726" s="613"/>
      <c r="UDI726" s="613"/>
      <c r="UDJ726" s="613"/>
      <c r="UDK726" s="613"/>
      <c r="UDL726" s="613"/>
      <c r="UDM726" s="613"/>
      <c r="UDN726" s="613"/>
      <c r="UDO726" s="613"/>
      <c r="UDP726" s="613"/>
      <c r="UDQ726" s="613"/>
      <c r="UDR726" s="613"/>
      <c r="UDS726" s="613"/>
      <c r="UDT726" s="613"/>
      <c r="UDU726" s="613"/>
      <c r="UDV726" s="613"/>
      <c r="UDW726" s="613"/>
      <c r="UDX726" s="613"/>
      <c r="UDY726" s="613"/>
      <c r="UDZ726" s="613"/>
      <c r="UEA726" s="613"/>
      <c r="UEB726" s="613"/>
      <c r="UEC726" s="613"/>
      <c r="UED726" s="613"/>
      <c r="UEE726" s="613"/>
      <c r="UEF726" s="613"/>
      <c r="UEG726" s="613"/>
      <c r="UEH726" s="613"/>
      <c r="UEI726" s="613"/>
      <c r="UEJ726" s="613"/>
      <c r="UEK726" s="613"/>
      <c r="UEL726" s="613"/>
      <c r="UEM726" s="613"/>
      <c r="UEN726" s="613"/>
      <c r="UEO726" s="613"/>
      <c r="UEP726" s="613"/>
      <c r="UEQ726" s="613"/>
      <c r="UER726" s="613"/>
      <c r="UES726" s="613"/>
      <c r="UET726" s="613"/>
      <c r="UEU726" s="613"/>
      <c r="UEV726" s="613"/>
      <c r="UEW726" s="613"/>
      <c r="UEX726" s="613"/>
      <c r="UEY726" s="613"/>
      <c r="UEZ726" s="613"/>
      <c r="UFA726" s="613"/>
      <c r="UFB726" s="613"/>
      <c r="UFC726" s="613"/>
      <c r="UFD726" s="613"/>
      <c r="UFE726" s="613"/>
      <c r="UFF726" s="613"/>
      <c r="UFG726" s="613"/>
      <c r="UFH726" s="613"/>
      <c r="UFI726" s="613"/>
      <c r="UFJ726" s="613"/>
      <c r="UFK726" s="613"/>
      <c r="UFL726" s="613"/>
      <c r="UFM726" s="613"/>
      <c r="UFN726" s="613"/>
      <c r="UFO726" s="613"/>
      <c r="UFP726" s="613"/>
      <c r="UFQ726" s="613"/>
      <c r="UFR726" s="613"/>
      <c r="UFS726" s="613"/>
      <c r="UFT726" s="613"/>
      <c r="UFU726" s="613"/>
      <c r="UFV726" s="613"/>
      <c r="UFW726" s="613"/>
      <c r="UFX726" s="613"/>
      <c r="UFY726" s="613"/>
      <c r="UFZ726" s="613"/>
      <c r="UGA726" s="613"/>
      <c r="UGB726" s="613"/>
      <c r="UGC726" s="613"/>
      <c r="UGD726" s="613"/>
      <c r="UGE726" s="613"/>
      <c r="UGF726" s="613"/>
      <c r="UGG726" s="613"/>
      <c r="UGH726" s="613"/>
      <c r="UGI726" s="613"/>
      <c r="UGJ726" s="613"/>
      <c r="UGK726" s="613"/>
      <c r="UGL726" s="613"/>
      <c r="UGM726" s="613"/>
      <c r="UGN726" s="613"/>
      <c r="UGO726" s="613"/>
      <c r="UGP726" s="613"/>
      <c r="UGQ726" s="613"/>
      <c r="UGR726" s="613"/>
      <c r="UGS726" s="613"/>
      <c r="UGT726" s="613"/>
      <c r="UGU726" s="613"/>
      <c r="UGV726" s="613"/>
      <c r="UGW726" s="613"/>
      <c r="UGX726" s="613"/>
      <c r="UGY726" s="613"/>
      <c r="UGZ726" s="613"/>
      <c r="UHA726" s="613"/>
      <c r="UHB726" s="613"/>
      <c r="UHC726" s="613"/>
      <c r="UHD726" s="613"/>
      <c r="UHE726" s="613"/>
      <c r="UHF726" s="613"/>
      <c r="UHG726" s="613"/>
      <c r="UHH726" s="613"/>
      <c r="UHI726" s="613"/>
      <c r="UHJ726" s="613"/>
      <c r="UHK726" s="613"/>
      <c r="UHL726" s="613"/>
      <c r="UHM726" s="613"/>
      <c r="UHN726" s="613"/>
      <c r="UHO726" s="613"/>
      <c r="UHP726" s="613"/>
      <c r="UHQ726" s="613"/>
      <c r="UHR726" s="613"/>
      <c r="UHS726" s="613"/>
      <c r="UHT726" s="613"/>
      <c r="UHU726" s="613"/>
      <c r="UHV726" s="613"/>
      <c r="UHW726" s="613"/>
      <c r="UHX726" s="613"/>
      <c r="UHY726" s="613"/>
      <c r="UHZ726" s="613"/>
      <c r="UIA726" s="613"/>
      <c r="UIB726" s="613"/>
      <c r="UIC726" s="613"/>
      <c r="UID726" s="613"/>
      <c r="UIE726" s="613"/>
      <c r="UIF726" s="613"/>
      <c r="UIG726" s="613"/>
      <c r="UIH726" s="613"/>
      <c r="UII726" s="613"/>
      <c r="UIJ726" s="613"/>
      <c r="UIK726" s="613"/>
      <c r="UIL726" s="613"/>
      <c r="UIM726" s="613"/>
      <c r="UIN726" s="613"/>
      <c r="UIO726" s="613"/>
      <c r="UIP726" s="613"/>
      <c r="UIQ726" s="613"/>
      <c r="UIR726" s="613"/>
      <c r="UIS726" s="613"/>
      <c r="UIT726" s="613"/>
      <c r="UIU726" s="613"/>
      <c r="UIV726" s="613"/>
      <c r="UIW726" s="613"/>
      <c r="UIX726" s="613"/>
      <c r="UIY726" s="613"/>
      <c r="UIZ726" s="613"/>
      <c r="UJA726" s="613"/>
      <c r="UJB726" s="613"/>
      <c r="UJC726" s="613"/>
      <c r="UJD726" s="613"/>
      <c r="UJE726" s="613"/>
      <c r="UJF726" s="613"/>
      <c r="UJG726" s="613"/>
      <c r="UJH726" s="613"/>
      <c r="UJI726" s="613"/>
      <c r="UJJ726" s="613"/>
      <c r="UJK726" s="613"/>
      <c r="UJL726" s="613"/>
      <c r="UJM726" s="613"/>
      <c r="UJN726" s="613"/>
      <c r="UJO726" s="613"/>
      <c r="UJP726" s="613"/>
      <c r="UJQ726" s="613"/>
      <c r="UJR726" s="613"/>
      <c r="UJS726" s="613"/>
      <c r="UJT726" s="613"/>
      <c r="UJU726" s="613"/>
      <c r="UJV726" s="613"/>
      <c r="UJW726" s="613"/>
      <c r="UJX726" s="613"/>
      <c r="UJY726" s="613"/>
      <c r="UJZ726" s="613"/>
      <c r="UKA726" s="613"/>
      <c r="UKB726" s="613"/>
      <c r="UKC726" s="613"/>
      <c r="UKD726" s="613"/>
      <c r="UKE726" s="613"/>
      <c r="UKF726" s="613"/>
      <c r="UKG726" s="613"/>
      <c r="UKH726" s="613"/>
      <c r="UKI726" s="613"/>
      <c r="UKJ726" s="613"/>
      <c r="UKK726" s="613"/>
      <c r="UKL726" s="613"/>
      <c r="UKM726" s="613"/>
      <c r="UKN726" s="613"/>
      <c r="UKO726" s="613"/>
      <c r="UKP726" s="613"/>
      <c r="UKQ726" s="613"/>
      <c r="UKR726" s="613"/>
      <c r="UKS726" s="613"/>
      <c r="UKT726" s="613"/>
      <c r="UKU726" s="613"/>
      <c r="UKV726" s="613"/>
      <c r="UKW726" s="613"/>
      <c r="UKX726" s="613"/>
      <c r="UKY726" s="613"/>
      <c r="UKZ726" s="613"/>
      <c r="ULA726" s="613"/>
      <c r="ULB726" s="613"/>
      <c r="ULC726" s="613"/>
      <c r="ULD726" s="613"/>
      <c r="ULE726" s="613"/>
      <c r="ULF726" s="613"/>
      <c r="ULG726" s="613"/>
      <c r="ULH726" s="613"/>
      <c r="ULI726" s="613"/>
      <c r="ULJ726" s="613"/>
      <c r="ULK726" s="613"/>
      <c r="ULL726" s="613"/>
      <c r="ULM726" s="613"/>
      <c r="ULN726" s="613"/>
      <c r="ULO726" s="613"/>
      <c r="ULP726" s="613"/>
      <c r="ULQ726" s="613"/>
      <c r="ULR726" s="613"/>
      <c r="ULS726" s="613"/>
      <c r="ULT726" s="613"/>
      <c r="ULU726" s="613"/>
      <c r="ULV726" s="613"/>
      <c r="ULW726" s="613"/>
      <c r="ULX726" s="613"/>
      <c r="ULY726" s="613"/>
      <c r="ULZ726" s="613"/>
      <c r="UMA726" s="613"/>
      <c r="UMB726" s="613"/>
      <c r="UMC726" s="613"/>
      <c r="UMD726" s="613"/>
      <c r="UME726" s="613"/>
      <c r="UMF726" s="613"/>
      <c r="UMG726" s="613"/>
      <c r="UMH726" s="613"/>
      <c r="UMI726" s="613"/>
      <c r="UMJ726" s="613"/>
      <c r="UMK726" s="613"/>
      <c r="UML726" s="613"/>
      <c r="UMM726" s="613"/>
      <c r="UMN726" s="613"/>
      <c r="UMO726" s="613"/>
      <c r="UMP726" s="613"/>
      <c r="UMQ726" s="613"/>
      <c r="UMR726" s="613"/>
      <c r="UMS726" s="613"/>
      <c r="UMT726" s="613"/>
      <c r="UMU726" s="613"/>
      <c r="UMV726" s="613"/>
      <c r="UMW726" s="613"/>
      <c r="UMX726" s="613"/>
      <c r="UMY726" s="613"/>
      <c r="UMZ726" s="613"/>
      <c r="UNA726" s="613"/>
      <c r="UNB726" s="613"/>
      <c r="UNC726" s="613"/>
      <c r="UND726" s="613"/>
      <c r="UNE726" s="613"/>
      <c r="UNF726" s="613"/>
      <c r="UNG726" s="613"/>
      <c r="UNH726" s="613"/>
      <c r="UNI726" s="613"/>
      <c r="UNJ726" s="613"/>
      <c r="UNK726" s="613"/>
      <c r="UNL726" s="613"/>
      <c r="UNM726" s="613"/>
      <c r="UNN726" s="613"/>
      <c r="UNO726" s="613"/>
      <c r="UNP726" s="613"/>
      <c r="UNQ726" s="613"/>
      <c r="UNR726" s="613"/>
      <c r="UNS726" s="613"/>
      <c r="UNT726" s="613"/>
      <c r="UNU726" s="613"/>
      <c r="UNV726" s="613"/>
      <c r="UNW726" s="613"/>
      <c r="UNX726" s="613"/>
      <c r="UNY726" s="613"/>
      <c r="UNZ726" s="613"/>
      <c r="UOA726" s="613"/>
      <c r="UOB726" s="613"/>
      <c r="UOC726" s="613"/>
      <c r="UOD726" s="613"/>
      <c r="UOE726" s="613"/>
      <c r="UOF726" s="613"/>
      <c r="UOG726" s="613"/>
      <c r="UOH726" s="613"/>
      <c r="UOI726" s="613"/>
      <c r="UOJ726" s="613"/>
      <c r="UOK726" s="613"/>
      <c r="UOL726" s="613"/>
      <c r="UOM726" s="613"/>
      <c r="UON726" s="613"/>
      <c r="UOO726" s="613"/>
      <c r="UOP726" s="613"/>
      <c r="UOQ726" s="613"/>
      <c r="UOR726" s="613"/>
      <c r="UOS726" s="613"/>
      <c r="UOT726" s="613"/>
      <c r="UOU726" s="613"/>
      <c r="UOV726" s="613"/>
      <c r="UOW726" s="613"/>
      <c r="UOX726" s="613"/>
      <c r="UOY726" s="613"/>
      <c r="UOZ726" s="613"/>
      <c r="UPA726" s="613"/>
      <c r="UPB726" s="613"/>
      <c r="UPC726" s="613"/>
      <c r="UPD726" s="613"/>
      <c r="UPE726" s="613"/>
      <c r="UPF726" s="613"/>
      <c r="UPG726" s="613"/>
      <c r="UPH726" s="613"/>
      <c r="UPI726" s="613"/>
      <c r="UPJ726" s="613"/>
      <c r="UPK726" s="613"/>
      <c r="UPL726" s="613"/>
      <c r="UPM726" s="613"/>
      <c r="UPN726" s="613"/>
      <c r="UPO726" s="613"/>
      <c r="UPP726" s="613"/>
      <c r="UPQ726" s="613"/>
      <c r="UPR726" s="613"/>
      <c r="UPS726" s="613"/>
      <c r="UPT726" s="613"/>
      <c r="UPU726" s="613"/>
      <c r="UPV726" s="613"/>
      <c r="UPW726" s="613"/>
      <c r="UPX726" s="613"/>
      <c r="UPY726" s="613"/>
      <c r="UPZ726" s="613"/>
      <c r="UQA726" s="613"/>
      <c r="UQB726" s="613"/>
      <c r="UQC726" s="613"/>
      <c r="UQD726" s="613"/>
      <c r="UQE726" s="613"/>
      <c r="UQF726" s="613"/>
      <c r="UQG726" s="613"/>
      <c r="UQH726" s="613"/>
      <c r="UQI726" s="613"/>
      <c r="UQJ726" s="613"/>
      <c r="UQK726" s="613"/>
      <c r="UQL726" s="613"/>
      <c r="UQM726" s="613"/>
      <c r="UQN726" s="613"/>
      <c r="UQO726" s="613"/>
      <c r="UQP726" s="613"/>
      <c r="UQQ726" s="613"/>
      <c r="UQR726" s="613"/>
      <c r="UQS726" s="613"/>
      <c r="UQT726" s="613"/>
      <c r="UQU726" s="613"/>
      <c r="UQV726" s="613"/>
      <c r="UQW726" s="613"/>
      <c r="UQX726" s="613"/>
      <c r="UQY726" s="613"/>
      <c r="UQZ726" s="613"/>
      <c r="URA726" s="613"/>
      <c r="URB726" s="613"/>
      <c r="URC726" s="613"/>
      <c r="URD726" s="613"/>
      <c r="URE726" s="613"/>
      <c r="URF726" s="613"/>
      <c r="URG726" s="613"/>
      <c r="URH726" s="613"/>
      <c r="URI726" s="613"/>
      <c r="URJ726" s="613"/>
      <c r="URK726" s="613"/>
      <c r="URL726" s="613"/>
      <c r="URM726" s="613"/>
      <c r="URN726" s="613"/>
      <c r="URO726" s="613"/>
      <c r="URP726" s="613"/>
      <c r="URQ726" s="613"/>
      <c r="URR726" s="613"/>
      <c r="URS726" s="613"/>
      <c r="URT726" s="613"/>
      <c r="URU726" s="613"/>
      <c r="URV726" s="613"/>
      <c r="URW726" s="613"/>
      <c r="URX726" s="613"/>
      <c r="URY726" s="613"/>
      <c r="URZ726" s="613"/>
      <c r="USA726" s="613"/>
      <c r="USB726" s="613"/>
      <c r="USC726" s="613"/>
      <c r="USD726" s="613"/>
      <c r="USE726" s="613"/>
      <c r="USF726" s="613"/>
      <c r="USG726" s="613"/>
      <c r="USH726" s="613"/>
      <c r="USI726" s="613"/>
      <c r="USJ726" s="613"/>
      <c r="USK726" s="613"/>
      <c r="USL726" s="613"/>
      <c r="USM726" s="613"/>
      <c r="USN726" s="613"/>
      <c r="USO726" s="613"/>
      <c r="USP726" s="613"/>
      <c r="USQ726" s="613"/>
      <c r="USR726" s="613"/>
      <c r="USS726" s="613"/>
      <c r="UST726" s="613"/>
      <c r="USU726" s="613"/>
      <c r="USV726" s="613"/>
      <c r="USW726" s="613"/>
      <c r="USX726" s="613"/>
      <c r="USY726" s="613"/>
      <c r="USZ726" s="613"/>
      <c r="UTA726" s="613"/>
      <c r="UTB726" s="613"/>
      <c r="UTC726" s="613"/>
      <c r="UTD726" s="613"/>
      <c r="UTE726" s="613"/>
      <c r="UTF726" s="613"/>
      <c r="UTG726" s="613"/>
      <c r="UTH726" s="613"/>
      <c r="UTI726" s="613"/>
      <c r="UTJ726" s="613"/>
      <c r="UTK726" s="613"/>
      <c r="UTL726" s="613"/>
      <c r="UTM726" s="613"/>
      <c r="UTN726" s="613"/>
      <c r="UTO726" s="613"/>
      <c r="UTP726" s="613"/>
      <c r="UTQ726" s="613"/>
      <c r="UTR726" s="613"/>
      <c r="UTS726" s="613"/>
      <c r="UTT726" s="613"/>
      <c r="UTU726" s="613"/>
      <c r="UTV726" s="613"/>
      <c r="UTW726" s="613"/>
      <c r="UTX726" s="613"/>
      <c r="UTY726" s="613"/>
      <c r="UTZ726" s="613"/>
      <c r="UUA726" s="613"/>
      <c r="UUB726" s="613"/>
      <c r="UUC726" s="613"/>
      <c r="UUD726" s="613"/>
      <c r="UUE726" s="613"/>
      <c r="UUF726" s="613"/>
      <c r="UUG726" s="613"/>
      <c r="UUH726" s="613"/>
      <c r="UUI726" s="613"/>
      <c r="UUJ726" s="613"/>
      <c r="UUK726" s="613"/>
      <c r="UUL726" s="613"/>
      <c r="UUM726" s="613"/>
      <c r="UUN726" s="613"/>
      <c r="UUO726" s="613"/>
      <c r="UUP726" s="613"/>
      <c r="UUQ726" s="613"/>
      <c r="UUR726" s="613"/>
      <c r="UUS726" s="613"/>
      <c r="UUT726" s="613"/>
      <c r="UUU726" s="613"/>
      <c r="UUV726" s="613"/>
      <c r="UUW726" s="613"/>
      <c r="UUX726" s="613"/>
      <c r="UUY726" s="613"/>
      <c r="UUZ726" s="613"/>
      <c r="UVA726" s="613"/>
      <c r="UVB726" s="613"/>
      <c r="UVC726" s="613"/>
      <c r="UVD726" s="613"/>
      <c r="UVE726" s="613"/>
      <c r="UVF726" s="613"/>
      <c r="UVG726" s="613"/>
      <c r="UVH726" s="613"/>
      <c r="UVI726" s="613"/>
      <c r="UVJ726" s="613"/>
      <c r="UVK726" s="613"/>
      <c r="UVL726" s="613"/>
      <c r="UVM726" s="613"/>
      <c r="UVN726" s="613"/>
      <c r="UVO726" s="613"/>
      <c r="UVP726" s="613"/>
      <c r="UVQ726" s="613"/>
      <c r="UVR726" s="613"/>
      <c r="UVS726" s="613"/>
      <c r="UVT726" s="613"/>
      <c r="UVU726" s="613"/>
      <c r="UVV726" s="613"/>
      <c r="UVW726" s="613"/>
      <c r="UVX726" s="613"/>
      <c r="UVY726" s="613"/>
      <c r="UVZ726" s="613"/>
      <c r="UWA726" s="613"/>
      <c r="UWB726" s="613"/>
      <c r="UWC726" s="613"/>
      <c r="UWD726" s="613"/>
      <c r="UWE726" s="613"/>
      <c r="UWF726" s="613"/>
      <c r="UWG726" s="613"/>
      <c r="UWH726" s="613"/>
      <c r="UWI726" s="613"/>
      <c r="UWJ726" s="613"/>
      <c r="UWK726" s="613"/>
      <c r="UWL726" s="613"/>
      <c r="UWM726" s="613"/>
      <c r="UWN726" s="613"/>
      <c r="UWO726" s="613"/>
      <c r="UWP726" s="613"/>
      <c r="UWQ726" s="613"/>
      <c r="UWR726" s="613"/>
      <c r="UWS726" s="613"/>
      <c r="UWT726" s="613"/>
      <c r="UWU726" s="613"/>
      <c r="UWV726" s="613"/>
      <c r="UWW726" s="613"/>
      <c r="UWX726" s="613"/>
      <c r="UWY726" s="613"/>
      <c r="UWZ726" s="613"/>
      <c r="UXA726" s="613"/>
      <c r="UXB726" s="613"/>
      <c r="UXC726" s="613"/>
      <c r="UXD726" s="613"/>
      <c r="UXE726" s="613"/>
      <c r="UXF726" s="613"/>
      <c r="UXG726" s="613"/>
      <c r="UXH726" s="613"/>
      <c r="UXI726" s="613"/>
      <c r="UXJ726" s="613"/>
      <c r="UXK726" s="613"/>
      <c r="UXL726" s="613"/>
      <c r="UXM726" s="613"/>
      <c r="UXN726" s="613"/>
      <c r="UXO726" s="613"/>
      <c r="UXP726" s="613"/>
      <c r="UXQ726" s="613"/>
      <c r="UXR726" s="613"/>
      <c r="UXS726" s="613"/>
      <c r="UXT726" s="613"/>
      <c r="UXU726" s="613"/>
      <c r="UXV726" s="613"/>
      <c r="UXW726" s="613"/>
      <c r="UXX726" s="613"/>
      <c r="UXY726" s="613"/>
      <c r="UXZ726" s="613"/>
      <c r="UYA726" s="613"/>
      <c r="UYB726" s="613"/>
      <c r="UYC726" s="613"/>
      <c r="UYD726" s="613"/>
      <c r="UYE726" s="613"/>
      <c r="UYF726" s="613"/>
      <c r="UYG726" s="613"/>
      <c r="UYH726" s="613"/>
      <c r="UYI726" s="613"/>
      <c r="UYJ726" s="613"/>
      <c r="UYK726" s="613"/>
      <c r="UYL726" s="613"/>
      <c r="UYM726" s="613"/>
      <c r="UYN726" s="613"/>
      <c r="UYO726" s="613"/>
      <c r="UYP726" s="613"/>
      <c r="UYQ726" s="613"/>
      <c r="UYR726" s="613"/>
      <c r="UYS726" s="613"/>
      <c r="UYT726" s="613"/>
      <c r="UYU726" s="613"/>
      <c r="UYV726" s="613"/>
      <c r="UYW726" s="613"/>
      <c r="UYX726" s="613"/>
      <c r="UYY726" s="613"/>
      <c r="UYZ726" s="613"/>
      <c r="UZA726" s="613"/>
      <c r="UZB726" s="613"/>
      <c r="UZC726" s="613"/>
      <c r="UZD726" s="613"/>
      <c r="UZE726" s="613"/>
      <c r="UZF726" s="613"/>
      <c r="UZG726" s="613"/>
      <c r="UZH726" s="613"/>
      <c r="UZI726" s="613"/>
      <c r="UZJ726" s="613"/>
      <c r="UZK726" s="613"/>
      <c r="UZL726" s="613"/>
      <c r="UZM726" s="613"/>
      <c r="UZN726" s="613"/>
      <c r="UZO726" s="613"/>
      <c r="UZP726" s="613"/>
      <c r="UZQ726" s="613"/>
      <c r="UZR726" s="613"/>
      <c r="UZS726" s="613"/>
      <c r="UZT726" s="613"/>
      <c r="UZU726" s="613"/>
      <c r="UZV726" s="613"/>
      <c r="UZW726" s="613"/>
      <c r="UZX726" s="613"/>
      <c r="UZY726" s="613"/>
      <c r="UZZ726" s="613"/>
      <c r="VAA726" s="613"/>
      <c r="VAB726" s="613"/>
      <c r="VAC726" s="613"/>
      <c r="VAD726" s="613"/>
      <c r="VAE726" s="613"/>
      <c r="VAF726" s="613"/>
      <c r="VAG726" s="613"/>
      <c r="VAH726" s="613"/>
      <c r="VAI726" s="613"/>
      <c r="VAJ726" s="613"/>
      <c r="VAK726" s="613"/>
      <c r="VAL726" s="613"/>
      <c r="VAM726" s="613"/>
      <c r="VAN726" s="613"/>
      <c r="VAO726" s="613"/>
      <c r="VAP726" s="613"/>
      <c r="VAQ726" s="613"/>
      <c r="VAR726" s="613"/>
      <c r="VAS726" s="613"/>
      <c r="VAT726" s="613"/>
      <c r="VAU726" s="613"/>
      <c r="VAV726" s="613"/>
      <c r="VAW726" s="613"/>
      <c r="VAX726" s="613"/>
      <c r="VAY726" s="613"/>
      <c r="VAZ726" s="613"/>
      <c r="VBA726" s="613"/>
      <c r="VBB726" s="613"/>
      <c r="VBC726" s="613"/>
      <c r="VBD726" s="613"/>
      <c r="VBE726" s="613"/>
      <c r="VBF726" s="613"/>
      <c r="VBG726" s="613"/>
      <c r="VBH726" s="613"/>
      <c r="VBI726" s="613"/>
      <c r="VBJ726" s="613"/>
      <c r="VBK726" s="613"/>
      <c r="VBL726" s="613"/>
      <c r="VBM726" s="613"/>
      <c r="VBN726" s="613"/>
      <c r="VBO726" s="613"/>
      <c r="VBP726" s="613"/>
      <c r="VBQ726" s="613"/>
      <c r="VBR726" s="613"/>
      <c r="VBS726" s="613"/>
      <c r="VBT726" s="613"/>
      <c r="VBU726" s="613"/>
      <c r="VBV726" s="613"/>
      <c r="VBW726" s="613"/>
      <c r="VBX726" s="613"/>
      <c r="VBY726" s="613"/>
      <c r="VBZ726" s="613"/>
      <c r="VCA726" s="613"/>
      <c r="VCB726" s="613"/>
      <c r="VCC726" s="613"/>
      <c r="VCD726" s="613"/>
      <c r="VCE726" s="613"/>
      <c r="VCF726" s="613"/>
      <c r="VCG726" s="613"/>
      <c r="VCH726" s="613"/>
      <c r="VCI726" s="613"/>
      <c r="VCJ726" s="613"/>
      <c r="VCK726" s="613"/>
      <c r="VCL726" s="613"/>
      <c r="VCM726" s="613"/>
      <c r="VCN726" s="613"/>
      <c r="VCO726" s="613"/>
      <c r="VCP726" s="613"/>
      <c r="VCQ726" s="613"/>
      <c r="VCR726" s="613"/>
      <c r="VCS726" s="613"/>
      <c r="VCT726" s="613"/>
      <c r="VCU726" s="613"/>
      <c r="VCV726" s="613"/>
      <c r="VCW726" s="613"/>
      <c r="VCX726" s="613"/>
      <c r="VCY726" s="613"/>
      <c r="VCZ726" s="613"/>
      <c r="VDA726" s="613"/>
      <c r="VDB726" s="613"/>
      <c r="VDC726" s="613"/>
      <c r="VDD726" s="613"/>
      <c r="VDE726" s="613"/>
      <c r="VDF726" s="613"/>
      <c r="VDG726" s="613"/>
      <c r="VDH726" s="613"/>
      <c r="VDI726" s="613"/>
      <c r="VDJ726" s="613"/>
      <c r="VDK726" s="613"/>
      <c r="VDL726" s="613"/>
      <c r="VDM726" s="613"/>
      <c r="VDN726" s="613"/>
      <c r="VDO726" s="613"/>
      <c r="VDP726" s="613"/>
      <c r="VDQ726" s="613"/>
      <c r="VDR726" s="613"/>
      <c r="VDS726" s="613"/>
      <c r="VDT726" s="613"/>
      <c r="VDU726" s="613"/>
      <c r="VDV726" s="613"/>
      <c r="VDW726" s="613"/>
      <c r="VDX726" s="613"/>
      <c r="VDY726" s="613"/>
      <c r="VDZ726" s="613"/>
      <c r="VEA726" s="613"/>
      <c r="VEB726" s="613"/>
      <c r="VEC726" s="613"/>
      <c r="VED726" s="613"/>
      <c r="VEE726" s="613"/>
      <c r="VEF726" s="613"/>
      <c r="VEG726" s="613"/>
      <c r="VEH726" s="613"/>
      <c r="VEI726" s="613"/>
      <c r="VEJ726" s="613"/>
      <c r="VEK726" s="613"/>
      <c r="VEL726" s="613"/>
      <c r="VEM726" s="613"/>
      <c r="VEN726" s="613"/>
      <c r="VEO726" s="613"/>
      <c r="VEP726" s="613"/>
      <c r="VEQ726" s="613"/>
      <c r="VER726" s="613"/>
      <c r="VES726" s="613"/>
      <c r="VET726" s="613"/>
      <c r="VEU726" s="613"/>
      <c r="VEV726" s="613"/>
      <c r="VEW726" s="613"/>
      <c r="VEX726" s="613"/>
      <c r="VEY726" s="613"/>
      <c r="VEZ726" s="613"/>
      <c r="VFA726" s="613"/>
      <c r="VFB726" s="613"/>
      <c r="VFC726" s="613"/>
      <c r="VFD726" s="613"/>
      <c r="VFE726" s="613"/>
      <c r="VFF726" s="613"/>
      <c r="VFG726" s="613"/>
      <c r="VFH726" s="613"/>
      <c r="VFI726" s="613"/>
      <c r="VFJ726" s="613"/>
      <c r="VFK726" s="613"/>
      <c r="VFL726" s="613"/>
      <c r="VFM726" s="613"/>
      <c r="VFN726" s="613"/>
      <c r="VFO726" s="613"/>
      <c r="VFP726" s="613"/>
      <c r="VFQ726" s="613"/>
      <c r="VFR726" s="613"/>
      <c r="VFS726" s="613"/>
      <c r="VFT726" s="613"/>
      <c r="VFU726" s="613"/>
      <c r="VFV726" s="613"/>
      <c r="VFW726" s="613"/>
      <c r="VFX726" s="613"/>
      <c r="VFY726" s="613"/>
      <c r="VFZ726" s="613"/>
      <c r="VGA726" s="613"/>
      <c r="VGB726" s="613"/>
      <c r="VGC726" s="613"/>
      <c r="VGD726" s="613"/>
      <c r="VGE726" s="613"/>
      <c r="VGF726" s="613"/>
      <c r="VGG726" s="613"/>
      <c r="VGH726" s="613"/>
      <c r="VGI726" s="613"/>
      <c r="VGJ726" s="613"/>
      <c r="VGK726" s="613"/>
      <c r="VGL726" s="613"/>
      <c r="VGM726" s="613"/>
      <c r="VGN726" s="613"/>
      <c r="VGO726" s="613"/>
      <c r="VGP726" s="613"/>
      <c r="VGQ726" s="613"/>
      <c r="VGR726" s="613"/>
      <c r="VGS726" s="613"/>
      <c r="VGT726" s="613"/>
      <c r="VGU726" s="613"/>
      <c r="VGV726" s="613"/>
      <c r="VGW726" s="613"/>
      <c r="VGX726" s="613"/>
      <c r="VGY726" s="613"/>
      <c r="VGZ726" s="613"/>
      <c r="VHA726" s="613"/>
      <c r="VHB726" s="613"/>
      <c r="VHC726" s="613"/>
      <c r="VHD726" s="613"/>
      <c r="VHE726" s="613"/>
      <c r="VHF726" s="613"/>
      <c r="VHG726" s="613"/>
      <c r="VHH726" s="613"/>
      <c r="VHI726" s="613"/>
      <c r="VHJ726" s="613"/>
      <c r="VHK726" s="613"/>
      <c r="VHL726" s="613"/>
      <c r="VHM726" s="613"/>
      <c r="VHN726" s="613"/>
      <c r="VHO726" s="613"/>
      <c r="VHP726" s="613"/>
      <c r="VHQ726" s="613"/>
      <c r="VHR726" s="613"/>
      <c r="VHS726" s="613"/>
      <c r="VHT726" s="613"/>
      <c r="VHU726" s="613"/>
      <c r="VHV726" s="613"/>
      <c r="VHW726" s="613"/>
      <c r="VHX726" s="613"/>
      <c r="VHY726" s="613"/>
      <c r="VHZ726" s="613"/>
      <c r="VIA726" s="613"/>
      <c r="VIB726" s="613"/>
      <c r="VIC726" s="613"/>
      <c r="VID726" s="613"/>
      <c r="VIE726" s="613"/>
      <c r="VIF726" s="613"/>
      <c r="VIG726" s="613"/>
      <c r="VIH726" s="613"/>
      <c r="VII726" s="613"/>
      <c r="VIJ726" s="613"/>
      <c r="VIK726" s="613"/>
      <c r="VIL726" s="613"/>
      <c r="VIM726" s="613"/>
      <c r="VIN726" s="613"/>
      <c r="VIO726" s="613"/>
      <c r="VIP726" s="613"/>
      <c r="VIQ726" s="613"/>
      <c r="VIR726" s="613"/>
      <c r="VIS726" s="613"/>
      <c r="VIT726" s="613"/>
      <c r="VIU726" s="613"/>
      <c r="VIV726" s="613"/>
      <c r="VIW726" s="613"/>
      <c r="VIX726" s="613"/>
      <c r="VIY726" s="613"/>
      <c r="VIZ726" s="613"/>
      <c r="VJA726" s="613"/>
      <c r="VJB726" s="613"/>
      <c r="VJC726" s="613"/>
      <c r="VJD726" s="613"/>
      <c r="VJE726" s="613"/>
      <c r="VJF726" s="613"/>
      <c r="VJG726" s="613"/>
      <c r="VJH726" s="613"/>
      <c r="VJI726" s="613"/>
      <c r="VJJ726" s="613"/>
      <c r="VJK726" s="613"/>
      <c r="VJL726" s="613"/>
      <c r="VJM726" s="613"/>
      <c r="VJN726" s="613"/>
      <c r="VJO726" s="613"/>
      <c r="VJP726" s="613"/>
      <c r="VJQ726" s="613"/>
      <c r="VJR726" s="613"/>
      <c r="VJS726" s="613"/>
      <c r="VJT726" s="613"/>
      <c r="VJU726" s="613"/>
      <c r="VJV726" s="613"/>
      <c r="VJW726" s="613"/>
      <c r="VJX726" s="613"/>
      <c r="VJY726" s="613"/>
      <c r="VJZ726" s="613"/>
      <c r="VKA726" s="613"/>
      <c r="VKB726" s="613"/>
      <c r="VKC726" s="613"/>
      <c r="VKD726" s="613"/>
      <c r="VKE726" s="613"/>
      <c r="VKF726" s="613"/>
      <c r="VKG726" s="613"/>
      <c r="VKH726" s="613"/>
      <c r="VKI726" s="613"/>
      <c r="VKJ726" s="613"/>
      <c r="VKK726" s="613"/>
      <c r="VKL726" s="613"/>
      <c r="VKM726" s="613"/>
      <c r="VKN726" s="613"/>
      <c r="VKO726" s="613"/>
      <c r="VKP726" s="613"/>
      <c r="VKQ726" s="613"/>
      <c r="VKR726" s="613"/>
      <c r="VKS726" s="613"/>
      <c r="VKT726" s="613"/>
      <c r="VKU726" s="613"/>
      <c r="VKV726" s="613"/>
      <c r="VKW726" s="613"/>
      <c r="VKX726" s="613"/>
      <c r="VKY726" s="613"/>
      <c r="VKZ726" s="613"/>
      <c r="VLA726" s="613"/>
      <c r="VLB726" s="613"/>
      <c r="VLC726" s="613"/>
      <c r="VLD726" s="613"/>
      <c r="VLE726" s="613"/>
      <c r="VLF726" s="613"/>
      <c r="VLG726" s="613"/>
      <c r="VLH726" s="613"/>
      <c r="VLI726" s="613"/>
      <c r="VLJ726" s="613"/>
      <c r="VLK726" s="613"/>
      <c r="VLL726" s="613"/>
      <c r="VLM726" s="613"/>
      <c r="VLN726" s="613"/>
      <c r="VLO726" s="613"/>
      <c r="VLP726" s="613"/>
      <c r="VLQ726" s="613"/>
      <c r="VLR726" s="613"/>
      <c r="VLS726" s="613"/>
      <c r="VLT726" s="613"/>
      <c r="VLU726" s="613"/>
      <c r="VLV726" s="613"/>
      <c r="VLW726" s="613"/>
      <c r="VLX726" s="613"/>
      <c r="VLY726" s="613"/>
      <c r="VLZ726" s="613"/>
      <c r="VMA726" s="613"/>
      <c r="VMB726" s="613"/>
      <c r="VMC726" s="613"/>
      <c r="VMD726" s="613"/>
      <c r="VME726" s="613"/>
      <c r="VMF726" s="613"/>
      <c r="VMG726" s="613"/>
      <c r="VMH726" s="613"/>
      <c r="VMI726" s="613"/>
      <c r="VMJ726" s="613"/>
      <c r="VMK726" s="613"/>
      <c r="VML726" s="613"/>
      <c r="VMM726" s="613"/>
      <c r="VMN726" s="613"/>
      <c r="VMO726" s="613"/>
      <c r="VMP726" s="613"/>
      <c r="VMQ726" s="613"/>
      <c r="VMR726" s="613"/>
      <c r="VMS726" s="613"/>
      <c r="VMT726" s="613"/>
      <c r="VMU726" s="613"/>
      <c r="VMV726" s="613"/>
      <c r="VMW726" s="613"/>
      <c r="VMX726" s="613"/>
      <c r="VMY726" s="613"/>
      <c r="VMZ726" s="613"/>
      <c r="VNA726" s="613"/>
      <c r="VNB726" s="613"/>
      <c r="VNC726" s="613"/>
      <c r="VND726" s="613"/>
      <c r="VNE726" s="613"/>
      <c r="VNF726" s="613"/>
      <c r="VNG726" s="613"/>
      <c r="VNH726" s="613"/>
      <c r="VNI726" s="613"/>
      <c r="VNJ726" s="613"/>
      <c r="VNK726" s="613"/>
      <c r="VNL726" s="613"/>
      <c r="VNM726" s="613"/>
      <c r="VNN726" s="613"/>
      <c r="VNO726" s="613"/>
      <c r="VNP726" s="613"/>
      <c r="VNQ726" s="613"/>
      <c r="VNR726" s="613"/>
      <c r="VNS726" s="613"/>
      <c r="VNT726" s="613"/>
      <c r="VNU726" s="613"/>
      <c r="VNV726" s="613"/>
      <c r="VNW726" s="613"/>
      <c r="VNX726" s="613"/>
      <c r="VNY726" s="613"/>
      <c r="VNZ726" s="613"/>
      <c r="VOA726" s="613"/>
      <c r="VOB726" s="613"/>
      <c r="VOC726" s="613"/>
      <c r="VOD726" s="613"/>
      <c r="VOE726" s="613"/>
      <c r="VOF726" s="613"/>
      <c r="VOG726" s="613"/>
      <c r="VOH726" s="613"/>
      <c r="VOI726" s="613"/>
      <c r="VOJ726" s="613"/>
      <c r="VOK726" s="613"/>
      <c r="VOL726" s="613"/>
      <c r="VOM726" s="613"/>
      <c r="VON726" s="613"/>
      <c r="VOO726" s="613"/>
      <c r="VOP726" s="613"/>
      <c r="VOQ726" s="613"/>
      <c r="VOR726" s="613"/>
      <c r="VOS726" s="613"/>
      <c r="VOT726" s="613"/>
      <c r="VOU726" s="613"/>
      <c r="VOV726" s="613"/>
      <c r="VOW726" s="613"/>
      <c r="VOX726" s="613"/>
      <c r="VOY726" s="613"/>
      <c r="VOZ726" s="613"/>
      <c r="VPA726" s="613"/>
      <c r="VPB726" s="613"/>
      <c r="VPC726" s="613"/>
      <c r="VPD726" s="613"/>
      <c r="VPE726" s="613"/>
      <c r="VPF726" s="613"/>
      <c r="VPG726" s="613"/>
      <c r="VPH726" s="613"/>
      <c r="VPI726" s="613"/>
      <c r="VPJ726" s="613"/>
      <c r="VPK726" s="613"/>
      <c r="VPL726" s="613"/>
      <c r="VPM726" s="613"/>
      <c r="VPN726" s="613"/>
      <c r="VPO726" s="613"/>
      <c r="VPP726" s="613"/>
      <c r="VPQ726" s="613"/>
      <c r="VPR726" s="613"/>
      <c r="VPS726" s="613"/>
      <c r="VPT726" s="613"/>
      <c r="VPU726" s="613"/>
      <c r="VPV726" s="613"/>
      <c r="VPW726" s="613"/>
      <c r="VPX726" s="613"/>
      <c r="VPY726" s="613"/>
      <c r="VPZ726" s="613"/>
      <c r="VQA726" s="613"/>
      <c r="VQB726" s="613"/>
      <c r="VQC726" s="613"/>
      <c r="VQD726" s="613"/>
      <c r="VQE726" s="613"/>
      <c r="VQF726" s="613"/>
      <c r="VQG726" s="613"/>
      <c r="VQH726" s="613"/>
      <c r="VQI726" s="613"/>
      <c r="VQJ726" s="613"/>
      <c r="VQK726" s="613"/>
      <c r="VQL726" s="613"/>
      <c r="VQM726" s="613"/>
      <c r="VQN726" s="613"/>
      <c r="VQO726" s="613"/>
      <c r="VQP726" s="613"/>
      <c r="VQQ726" s="613"/>
      <c r="VQR726" s="613"/>
      <c r="VQS726" s="613"/>
      <c r="VQT726" s="613"/>
      <c r="VQU726" s="613"/>
      <c r="VQV726" s="613"/>
      <c r="VQW726" s="613"/>
      <c r="VQX726" s="613"/>
      <c r="VQY726" s="613"/>
      <c r="VQZ726" s="613"/>
      <c r="VRA726" s="613"/>
      <c r="VRB726" s="613"/>
      <c r="VRC726" s="613"/>
      <c r="VRD726" s="613"/>
      <c r="VRE726" s="613"/>
      <c r="VRF726" s="613"/>
      <c r="VRG726" s="613"/>
      <c r="VRH726" s="613"/>
      <c r="VRI726" s="613"/>
      <c r="VRJ726" s="613"/>
      <c r="VRK726" s="613"/>
      <c r="VRL726" s="613"/>
      <c r="VRM726" s="613"/>
      <c r="VRN726" s="613"/>
      <c r="VRO726" s="613"/>
      <c r="VRP726" s="613"/>
      <c r="VRQ726" s="613"/>
      <c r="VRR726" s="613"/>
      <c r="VRS726" s="613"/>
      <c r="VRT726" s="613"/>
      <c r="VRU726" s="613"/>
      <c r="VRV726" s="613"/>
      <c r="VRW726" s="613"/>
      <c r="VRX726" s="613"/>
      <c r="VRY726" s="613"/>
      <c r="VRZ726" s="613"/>
      <c r="VSA726" s="613"/>
      <c r="VSB726" s="613"/>
      <c r="VSC726" s="613"/>
      <c r="VSD726" s="613"/>
      <c r="VSE726" s="613"/>
      <c r="VSF726" s="613"/>
      <c r="VSG726" s="613"/>
      <c r="VSH726" s="613"/>
      <c r="VSI726" s="613"/>
      <c r="VSJ726" s="613"/>
      <c r="VSK726" s="613"/>
      <c r="VSL726" s="613"/>
      <c r="VSM726" s="613"/>
      <c r="VSN726" s="613"/>
      <c r="VSO726" s="613"/>
      <c r="VSP726" s="613"/>
      <c r="VSQ726" s="613"/>
      <c r="VSR726" s="613"/>
      <c r="VSS726" s="613"/>
      <c r="VST726" s="613"/>
      <c r="VSU726" s="613"/>
      <c r="VSV726" s="613"/>
      <c r="VSW726" s="613"/>
      <c r="VSX726" s="613"/>
      <c r="VSY726" s="613"/>
      <c r="VSZ726" s="613"/>
      <c r="VTA726" s="613"/>
      <c r="VTB726" s="613"/>
      <c r="VTC726" s="613"/>
      <c r="VTD726" s="613"/>
      <c r="VTE726" s="613"/>
      <c r="VTF726" s="613"/>
      <c r="VTG726" s="613"/>
      <c r="VTH726" s="613"/>
      <c r="VTI726" s="613"/>
      <c r="VTJ726" s="613"/>
      <c r="VTK726" s="613"/>
      <c r="VTL726" s="613"/>
      <c r="VTM726" s="613"/>
      <c r="VTN726" s="613"/>
      <c r="VTO726" s="613"/>
      <c r="VTP726" s="613"/>
      <c r="VTQ726" s="613"/>
      <c r="VTR726" s="613"/>
      <c r="VTS726" s="613"/>
      <c r="VTT726" s="613"/>
      <c r="VTU726" s="613"/>
      <c r="VTV726" s="613"/>
      <c r="VTW726" s="613"/>
      <c r="VTX726" s="613"/>
      <c r="VTY726" s="613"/>
      <c r="VTZ726" s="613"/>
      <c r="VUA726" s="613"/>
      <c r="VUB726" s="613"/>
      <c r="VUC726" s="613"/>
      <c r="VUD726" s="613"/>
      <c r="VUE726" s="613"/>
      <c r="VUF726" s="613"/>
      <c r="VUG726" s="613"/>
      <c r="VUH726" s="613"/>
      <c r="VUI726" s="613"/>
      <c r="VUJ726" s="613"/>
      <c r="VUK726" s="613"/>
      <c r="VUL726" s="613"/>
      <c r="VUM726" s="613"/>
      <c r="VUN726" s="613"/>
      <c r="VUO726" s="613"/>
      <c r="VUP726" s="613"/>
      <c r="VUQ726" s="613"/>
      <c r="VUR726" s="613"/>
      <c r="VUS726" s="613"/>
      <c r="VUT726" s="613"/>
      <c r="VUU726" s="613"/>
      <c r="VUV726" s="613"/>
      <c r="VUW726" s="613"/>
      <c r="VUX726" s="613"/>
      <c r="VUY726" s="613"/>
      <c r="VUZ726" s="613"/>
      <c r="VVA726" s="613"/>
      <c r="VVB726" s="613"/>
      <c r="VVC726" s="613"/>
      <c r="VVD726" s="613"/>
      <c r="VVE726" s="613"/>
      <c r="VVF726" s="613"/>
      <c r="VVG726" s="613"/>
      <c r="VVH726" s="613"/>
      <c r="VVI726" s="613"/>
      <c r="VVJ726" s="613"/>
      <c r="VVK726" s="613"/>
      <c r="VVL726" s="613"/>
      <c r="VVM726" s="613"/>
      <c r="VVN726" s="613"/>
      <c r="VVO726" s="613"/>
      <c r="VVP726" s="613"/>
      <c r="VVQ726" s="613"/>
      <c r="VVR726" s="613"/>
      <c r="VVS726" s="613"/>
      <c r="VVT726" s="613"/>
      <c r="VVU726" s="613"/>
      <c r="VVV726" s="613"/>
      <c r="VVW726" s="613"/>
      <c r="VVX726" s="613"/>
      <c r="VVY726" s="613"/>
      <c r="VVZ726" s="613"/>
      <c r="VWA726" s="613"/>
      <c r="VWB726" s="613"/>
      <c r="VWC726" s="613"/>
      <c r="VWD726" s="613"/>
      <c r="VWE726" s="613"/>
      <c r="VWF726" s="613"/>
      <c r="VWG726" s="613"/>
      <c r="VWH726" s="613"/>
      <c r="VWI726" s="613"/>
      <c r="VWJ726" s="613"/>
      <c r="VWK726" s="613"/>
      <c r="VWL726" s="613"/>
      <c r="VWM726" s="613"/>
      <c r="VWN726" s="613"/>
      <c r="VWO726" s="613"/>
      <c r="VWP726" s="613"/>
      <c r="VWQ726" s="613"/>
      <c r="VWR726" s="613"/>
      <c r="VWS726" s="613"/>
      <c r="VWT726" s="613"/>
      <c r="VWU726" s="613"/>
      <c r="VWV726" s="613"/>
      <c r="VWW726" s="613"/>
      <c r="VWX726" s="613"/>
      <c r="VWY726" s="613"/>
      <c r="VWZ726" s="613"/>
      <c r="VXA726" s="613"/>
      <c r="VXB726" s="613"/>
      <c r="VXC726" s="613"/>
      <c r="VXD726" s="613"/>
      <c r="VXE726" s="613"/>
      <c r="VXF726" s="613"/>
      <c r="VXG726" s="613"/>
      <c r="VXH726" s="613"/>
      <c r="VXI726" s="613"/>
      <c r="VXJ726" s="613"/>
      <c r="VXK726" s="613"/>
      <c r="VXL726" s="613"/>
      <c r="VXM726" s="613"/>
      <c r="VXN726" s="613"/>
      <c r="VXO726" s="613"/>
      <c r="VXP726" s="613"/>
      <c r="VXQ726" s="613"/>
      <c r="VXR726" s="613"/>
      <c r="VXS726" s="613"/>
      <c r="VXT726" s="613"/>
      <c r="VXU726" s="613"/>
      <c r="VXV726" s="613"/>
      <c r="VXW726" s="613"/>
      <c r="VXX726" s="613"/>
      <c r="VXY726" s="613"/>
      <c r="VXZ726" s="613"/>
      <c r="VYA726" s="613"/>
      <c r="VYB726" s="613"/>
      <c r="VYC726" s="613"/>
      <c r="VYD726" s="613"/>
      <c r="VYE726" s="613"/>
      <c r="VYF726" s="613"/>
      <c r="VYG726" s="613"/>
      <c r="VYH726" s="613"/>
      <c r="VYI726" s="613"/>
      <c r="VYJ726" s="613"/>
      <c r="VYK726" s="613"/>
      <c r="VYL726" s="613"/>
      <c r="VYM726" s="613"/>
      <c r="VYN726" s="613"/>
      <c r="VYO726" s="613"/>
      <c r="VYP726" s="613"/>
      <c r="VYQ726" s="613"/>
      <c r="VYR726" s="613"/>
      <c r="VYS726" s="613"/>
      <c r="VYT726" s="613"/>
      <c r="VYU726" s="613"/>
      <c r="VYV726" s="613"/>
      <c r="VYW726" s="613"/>
      <c r="VYX726" s="613"/>
      <c r="VYY726" s="613"/>
      <c r="VYZ726" s="613"/>
      <c r="VZA726" s="613"/>
      <c r="VZB726" s="613"/>
      <c r="VZC726" s="613"/>
      <c r="VZD726" s="613"/>
      <c r="VZE726" s="613"/>
      <c r="VZF726" s="613"/>
      <c r="VZG726" s="613"/>
      <c r="VZH726" s="613"/>
      <c r="VZI726" s="613"/>
      <c r="VZJ726" s="613"/>
      <c r="VZK726" s="613"/>
      <c r="VZL726" s="613"/>
      <c r="VZM726" s="613"/>
      <c r="VZN726" s="613"/>
      <c r="VZO726" s="613"/>
      <c r="VZP726" s="613"/>
      <c r="VZQ726" s="613"/>
      <c r="VZR726" s="613"/>
      <c r="VZS726" s="613"/>
      <c r="VZT726" s="613"/>
      <c r="VZU726" s="613"/>
      <c r="VZV726" s="613"/>
      <c r="VZW726" s="613"/>
      <c r="VZX726" s="613"/>
      <c r="VZY726" s="613"/>
      <c r="VZZ726" s="613"/>
      <c r="WAA726" s="613"/>
      <c r="WAB726" s="613"/>
      <c r="WAC726" s="613"/>
      <c r="WAD726" s="613"/>
      <c r="WAE726" s="613"/>
      <c r="WAF726" s="613"/>
      <c r="WAG726" s="613"/>
      <c r="WAH726" s="613"/>
      <c r="WAI726" s="613"/>
      <c r="WAJ726" s="613"/>
      <c r="WAK726" s="613"/>
      <c r="WAL726" s="613"/>
      <c r="WAM726" s="613"/>
      <c r="WAN726" s="613"/>
      <c r="WAO726" s="613"/>
      <c r="WAP726" s="613"/>
      <c r="WAQ726" s="613"/>
      <c r="WAR726" s="613"/>
      <c r="WAS726" s="613"/>
      <c r="WAT726" s="613"/>
      <c r="WAU726" s="613"/>
      <c r="WAV726" s="613"/>
      <c r="WAW726" s="613"/>
      <c r="WAX726" s="613"/>
      <c r="WAY726" s="613"/>
      <c r="WAZ726" s="613"/>
      <c r="WBA726" s="613"/>
      <c r="WBB726" s="613"/>
      <c r="WBC726" s="613"/>
      <c r="WBD726" s="613"/>
      <c r="WBE726" s="613"/>
      <c r="WBF726" s="613"/>
      <c r="WBG726" s="613"/>
      <c r="WBH726" s="613"/>
      <c r="WBI726" s="613"/>
      <c r="WBJ726" s="613"/>
      <c r="WBK726" s="613"/>
      <c r="WBL726" s="613"/>
      <c r="WBM726" s="613"/>
      <c r="WBN726" s="613"/>
      <c r="WBO726" s="613"/>
      <c r="WBP726" s="613"/>
      <c r="WBQ726" s="613"/>
      <c r="WBR726" s="613"/>
      <c r="WBS726" s="613"/>
      <c r="WBT726" s="613"/>
      <c r="WBU726" s="613"/>
      <c r="WBV726" s="613"/>
      <c r="WBW726" s="613"/>
      <c r="WBX726" s="613"/>
      <c r="WBY726" s="613"/>
      <c r="WBZ726" s="613"/>
      <c r="WCA726" s="613"/>
      <c r="WCB726" s="613"/>
      <c r="WCC726" s="613"/>
      <c r="WCD726" s="613"/>
      <c r="WCE726" s="613"/>
      <c r="WCF726" s="613"/>
      <c r="WCG726" s="613"/>
      <c r="WCH726" s="613"/>
      <c r="WCI726" s="613"/>
      <c r="WCJ726" s="613"/>
      <c r="WCK726" s="613"/>
      <c r="WCL726" s="613"/>
      <c r="WCM726" s="613"/>
      <c r="WCN726" s="613"/>
      <c r="WCO726" s="613"/>
      <c r="WCP726" s="613"/>
      <c r="WCQ726" s="613"/>
      <c r="WCR726" s="613"/>
      <c r="WCS726" s="613"/>
      <c r="WCT726" s="613"/>
      <c r="WCU726" s="613"/>
      <c r="WCV726" s="613"/>
      <c r="WCW726" s="613"/>
      <c r="WCX726" s="613"/>
      <c r="WCY726" s="613"/>
      <c r="WCZ726" s="613"/>
      <c r="WDA726" s="613"/>
      <c r="WDB726" s="613"/>
      <c r="WDC726" s="613"/>
      <c r="WDD726" s="613"/>
      <c r="WDE726" s="613"/>
      <c r="WDF726" s="613"/>
      <c r="WDG726" s="613"/>
      <c r="WDH726" s="613"/>
      <c r="WDI726" s="613"/>
      <c r="WDJ726" s="613"/>
      <c r="WDK726" s="613"/>
      <c r="WDL726" s="613"/>
      <c r="WDM726" s="613"/>
      <c r="WDN726" s="613"/>
      <c r="WDO726" s="613"/>
      <c r="WDP726" s="613"/>
      <c r="WDQ726" s="613"/>
      <c r="WDR726" s="613"/>
      <c r="WDS726" s="613"/>
      <c r="WDT726" s="613"/>
      <c r="WDU726" s="613"/>
      <c r="WDV726" s="613"/>
      <c r="WDW726" s="613"/>
      <c r="WDX726" s="613"/>
      <c r="WDY726" s="613"/>
      <c r="WDZ726" s="613"/>
      <c r="WEA726" s="613"/>
      <c r="WEB726" s="613"/>
      <c r="WEC726" s="613"/>
      <c r="WED726" s="613"/>
      <c r="WEE726" s="613"/>
      <c r="WEF726" s="613"/>
      <c r="WEG726" s="613"/>
      <c r="WEH726" s="613"/>
      <c r="WEI726" s="613"/>
      <c r="WEJ726" s="613"/>
      <c r="WEK726" s="613"/>
      <c r="WEL726" s="613"/>
      <c r="WEM726" s="613"/>
      <c r="WEN726" s="613"/>
      <c r="WEO726" s="613"/>
      <c r="WEP726" s="613"/>
      <c r="WEQ726" s="613"/>
      <c r="WER726" s="613"/>
      <c r="WES726" s="613"/>
      <c r="WET726" s="613"/>
      <c r="WEU726" s="613"/>
      <c r="WEV726" s="613"/>
      <c r="WEW726" s="613"/>
      <c r="WEX726" s="613"/>
      <c r="WEY726" s="613"/>
      <c r="WEZ726" s="613"/>
      <c r="WFA726" s="613"/>
      <c r="WFB726" s="613"/>
      <c r="WFC726" s="613"/>
      <c r="WFD726" s="613"/>
      <c r="WFE726" s="613"/>
      <c r="WFF726" s="613"/>
      <c r="WFG726" s="613"/>
      <c r="WFH726" s="613"/>
      <c r="WFI726" s="613"/>
      <c r="WFJ726" s="613"/>
      <c r="WFK726" s="613"/>
      <c r="WFL726" s="613"/>
      <c r="WFM726" s="613"/>
      <c r="WFN726" s="613"/>
      <c r="WFO726" s="613"/>
      <c r="WFP726" s="613"/>
      <c r="WFQ726" s="613"/>
      <c r="WFR726" s="613"/>
      <c r="WFS726" s="613"/>
      <c r="WFT726" s="613"/>
      <c r="WFU726" s="613"/>
      <c r="WFV726" s="613"/>
      <c r="WFW726" s="613"/>
      <c r="WFX726" s="613"/>
      <c r="WFY726" s="613"/>
      <c r="WFZ726" s="613"/>
      <c r="WGA726" s="613"/>
      <c r="WGB726" s="613"/>
      <c r="WGC726" s="613"/>
      <c r="WGD726" s="613"/>
      <c r="WGE726" s="613"/>
      <c r="WGF726" s="613"/>
      <c r="WGG726" s="613"/>
      <c r="WGH726" s="613"/>
      <c r="WGI726" s="613"/>
      <c r="WGJ726" s="613"/>
      <c r="WGK726" s="613"/>
      <c r="WGL726" s="613"/>
      <c r="WGM726" s="613"/>
      <c r="WGN726" s="613"/>
      <c r="WGO726" s="613"/>
      <c r="WGP726" s="613"/>
      <c r="WGQ726" s="613"/>
      <c r="WGR726" s="613"/>
      <c r="WGS726" s="613"/>
      <c r="WGT726" s="613"/>
      <c r="WGU726" s="613"/>
      <c r="WGV726" s="613"/>
      <c r="WGW726" s="613"/>
      <c r="WGX726" s="613"/>
      <c r="WGY726" s="613"/>
      <c r="WGZ726" s="613"/>
      <c r="WHA726" s="613"/>
      <c r="WHB726" s="613"/>
      <c r="WHC726" s="613"/>
      <c r="WHD726" s="613"/>
      <c r="WHE726" s="613"/>
      <c r="WHF726" s="613"/>
      <c r="WHG726" s="613"/>
      <c r="WHH726" s="613"/>
      <c r="WHI726" s="613"/>
      <c r="WHJ726" s="613"/>
      <c r="WHK726" s="613"/>
      <c r="WHL726" s="613"/>
      <c r="WHM726" s="613"/>
      <c r="WHN726" s="613"/>
      <c r="WHO726" s="613"/>
      <c r="WHP726" s="613"/>
      <c r="WHQ726" s="613"/>
      <c r="WHR726" s="613"/>
      <c r="WHS726" s="613"/>
      <c r="WHT726" s="613"/>
      <c r="WHU726" s="613"/>
      <c r="WHV726" s="613"/>
      <c r="WHW726" s="613"/>
      <c r="WHX726" s="613"/>
      <c r="WHY726" s="613"/>
      <c r="WHZ726" s="613"/>
      <c r="WIA726" s="613"/>
      <c r="WIB726" s="613"/>
      <c r="WIC726" s="613"/>
      <c r="WID726" s="613"/>
      <c r="WIE726" s="613"/>
      <c r="WIF726" s="613"/>
      <c r="WIG726" s="613"/>
      <c r="WIH726" s="613"/>
      <c r="WII726" s="613"/>
      <c r="WIJ726" s="613"/>
      <c r="WIK726" s="613"/>
      <c r="WIL726" s="613"/>
      <c r="WIM726" s="613"/>
      <c r="WIN726" s="613"/>
      <c r="WIO726" s="613"/>
      <c r="WIP726" s="613"/>
      <c r="WIQ726" s="613"/>
      <c r="WIR726" s="613"/>
      <c r="WIS726" s="613"/>
      <c r="WIT726" s="613"/>
      <c r="WIU726" s="613"/>
      <c r="WIV726" s="613"/>
      <c r="WIW726" s="613"/>
      <c r="WIX726" s="613"/>
      <c r="WIY726" s="613"/>
      <c r="WIZ726" s="613"/>
      <c r="WJA726" s="613"/>
      <c r="WJB726" s="613"/>
      <c r="WJC726" s="613"/>
      <c r="WJD726" s="613"/>
      <c r="WJE726" s="613"/>
      <c r="WJF726" s="613"/>
      <c r="WJG726" s="613"/>
      <c r="WJH726" s="613"/>
      <c r="WJI726" s="613"/>
      <c r="WJJ726" s="613"/>
      <c r="WJK726" s="613"/>
      <c r="WJL726" s="613"/>
      <c r="WJM726" s="613"/>
      <c r="WJN726" s="613"/>
      <c r="WJO726" s="613"/>
      <c r="WJP726" s="613"/>
      <c r="WJQ726" s="613"/>
      <c r="WJR726" s="613"/>
      <c r="WJS726" s="613"/>
      <c r="WJT726" s="613"/>
      <c r="WJU726" s="613"/>
      <c r="WJV726" s="613"/>
      <c r="WJW726" s="613"/>
      <c r="WJX726" s="613"/>
      <c r="WJY726" s="613"/>
      <c r="WJZ726" s="613"/>
      <c r="WKA726" s="613"/>
      <c r="WKB726" s="613"/>
      <c r="WKC726" s="613"/>
      <c r="WKD726" s="613"/>
      <c r="WKE726" s="613"/>
      <c r="WKF726" s="613"/>
      <c r="WKG726" s="613"/>
      <c r="WKH726" s="613"/>
      <c r="WKI726" s="613"/>
      <c r="WKJ726" s="613"/>
      <c r="WKK726" s="613"/>
      <c r="WKL726" s="613"/>
      <c r="WKM726" s="613"/>
      <c r="WKN726" s="613"/>
      <c r="WKO726" s="613"/>
      <c r="WKP726" s="613"/>
      <c r="WKQ726" s="613"/>
      <c r="WKR726" s="613"/>
      <c r="WKS726" s="613"/>
      <c r="WKT726" s="613"/>
      <c r="WKU726" s="613"/>
      <c r="WKV726" s="613"/>
      <c r="WKW726" s="613"/>
      <c r="WKX726" s="613"/>
      <c r="WKY726" s="613"/>
      <c r="WKZ726" s="613"/>
      <c r="WLA726" s="613"/>
      <c r="WLB726" s="613"/>
      <c r="WLC726" s="613"/>
      <c r="WLD726" s="613"/>
      <c r="WLE726" s="613"/>
      <c r="WLF726" s="613"/>
      <c r="WLG726" s="613"/>
      <c r="WLH726" s="613"/>
      <c r="WLI726" s="613"/>
      <c r="WLJ726" s="613"/>
      <c r="WLK726" s="613"/>
      <c r="WLL726" s="613"/>
      <c r="WLM726" s="613"/>
      <c r="WLN726" s="613"/>
      <c r="WLO726" s="613"/>
      <c r="WLP726" s="613"/>
      <c r="WLQ726" s="613"/>
      <c r="WLR726" s="613"/>
      <c r="WLS726" s="613"/>
      <c r="WLT726" s="613"/>
      <c r="WLU726" s="613"/>
      <c r="WLV726" s="613"/>
      <c r="WLW726" s="613"/>
      <c r="WLX726" s="613"/>
      <c r="WLY726" s="613"/>
      <c r="WLZ726" s="613"/>
      <c r="WMA726" s="613"/>
      <c r="WMB726" s="613"/>
      <c r="WMC726" s="613"/>
      <c r="WMD726" s="613"/>
      <c r="WME726" s="613"/>
      <c r="WMF726" s="613"/>
      <c r="WMG726" s="613"/>
      <c r="WMH726" s="613"/>
      <c r="WMI726" s="613"/>
      <c r="WMJ726" s="613"/>
      <c r="WMK726" s="613"/>
      <c r="WML726" s="613"/>
      <c r="WMM726" s="613"/>
      <c r="WMN726" s="613"/>
      <c r="WMO726" s="613"/>
      <c r="WMP726" s="613"/>
      <c r="WMQ726" s="613"/>
      <c r="WMR726" s="613"/>
      <c r="WMS726" s="613"/>
      <c r="WMT726" s="613"/>
      <c r="WMU726" s="613"/>
      <c r="WMV726" s="613"/>
      <c r="WMW726" s="613"/>
      <c r="WMX726" s="613"/>
      <c r="WMY726" s="613"/>
      <c r="WMZ726" s="613"/>
      <c r="WNA726" s="613"/>
      <c r="WNB726" s="613"/>
      <c r="WNC726" s="613"/>
      <c r="WND726" s="613"/>
      <c r="WNE726" s="613"/>
      <c r="WNF726" s="613"/>
      <c r="WNG726" s="613"/>
      <c r="WNH726" s="613"/>
      <c r="WNI726" s="613"/>
      <c r="WNJ726" s="613"/>
      <c r="WNK726" s="613"/>
      <c r="WNL726" s="613"/>
      <c r="WNM726" s="613"/>
      <c r="WNN726" s="613"/>
      <c r="WNO726" s="613"/>
      <c r="WNP726" s="613"/>
      <c r="WNQ726" s="613"/>
      <c r="WNR726" s="613"/>
      <c r="WNS726" s="613"/>
      <c r="WNT726" s="613"/>
      <c r="WNU726" s="613"/>
      <c r="WNV726" s="613"/>
      <c r="WNW726" s="613"/>
      <c r="WNX726" s="613"/>
      <c r="WNY726" s="613"/>
      <c r="WNZ726" s="613"/>
      <c r="WOA726" s="613"/>
      <c r="WOB726" s="613"/>
      <c r="WOC726" s="613"/>
      <c r="WOD726" s="613"/>
      <c r="WOE726" s="613"/>
      <c r="WOF726" s="613"/>
      <c r="WOG726" s="613"/>
      <c r="WOH726" s="613"/>
      <c r="WOI726" s="613"/>
      <c r="WOJ726" s="613"/>
      <c r="WOK726" s="613"/>
      <c r="WOL726" s="613"/>
      <c r="WOM726" s="613"/>
      <c r="WON726" s="613"/>
      <c r="WOO726" s="613"/>
      <c r="WOP726" s="613"/>
      <c r="WOQ726" s="613"/>
      <c r="WOR726" s="613"/>
      <c r="WOS726" s="613"/>
      <c r="WOT726" s="613"/>
      <c r="WOU726" s="613"/>
      <c r="WOV726" s="613"/>
      <c r="WOW726" s="613"/>
      <c r="WOX726" s="613"/>
      <c r="WOY726" s="613"/>
      <c r="WOZ726" s="613"/>
      <c r="WPA726" s="613"/>
      <c r="WPB726" s="613"/>
      <c r="WPC726" s="613"/>
      <c r="WPD726" s="613"/>
      <c r="WPE726" s="613"/>
      <c r="WPF726" s="613"/>
      <c r="WPG726" s="613"/>
      <c r="WPH726" s="613"/>
      <c r="WPI726" s="613"/>
      <c r="WPJ726" s="613"/>
      <c r="WPK726" s="613"/>
      <c r="WPL726" s="613"/>
      <c r="WPM726" s="613"/>
      <c r="WPN726" s="613"/>
      <c r="WPO726" s="613"/>
      <c r="WPP726" s="613"/>
      <c r="WPQ726" s="613"/>
      <c r="WPR726" s="613"/>
      <c r="WPS726" s="613"/>
      <c r="WPT726" s="613"/>
      <c r="WPU726" s="613"/>
      <c r="WPV726" s="613"/>
      <c r="WPW726" s="613"/>
      <c r="WPX726" s="613"/>
      <c r="WPY726" s="613"/>
      <c r="WPZ726" s="613"/>
      <c r="WQA726" s="613"/>
      <c r="WQB726" s="613"/>
      <c r="WQC726" s="613"/>
      <c r="WQD726" s="613"/>
      <c r="WQE726" s="613"/>
      <c r="WQF726" s="613"/>
      <c r="WQG726" s="613"/>
      <c r="WQH726" s="613"/>
      <c r="WQI726" s="613"/>
      <c r="WQJ726" s="613"/>
      <c r="WQK726" s="613"/>
      <c r="WQL726" s="613"/>
      <c r="WQM726" s="613"/>
      <c r="WQN726" s="613"/>
      <c r="WQO726" s="613"/>
      <c r="WQP726" s="613"/>
      <c r="WQQ726" s="613"/>
      <c r="WQR726" s="613"/>
      <c r="WQS726" s="613"/>
      <c r="WQT726" s="613"/>
      <c r="WQU726" s="613"/>
      <c r="WQV726" s="613"/>
      <c r="WQW726" s="613"/>
      <c r="WQX726" s="613"/>
      <c r="WQY726" s="613"/>
      <c r="WQZ726" s="613"/>
      <c r="WRA726" s="613"/>
      <c r="WRB726" s="613"/>
      <c r="WRC726" s="613"/>
      <c r="WRD726" s="613"/>
      <c r="WRE726" s="613"/>
      <c r="WRF726" s="613"/>
      <c r="WRG726" s="613"/>
      <c r="WRH726" s="613"/>
      <c r="WRI726" s="613"/>
      <c r="WRJ726" s="613"/>
      <c r="WRK726" s="613"/>
      <c r="WRL726" s="613"/>
      <c r="WRM726" s="613"/>
      <c r="WRN726" s="613"/>
      <c r="WRO726" s="613"/>
      <c r="WRP726" s="613"/>
      <c r="WRQ726" s="613"/>
      <c r="WRR726" s="613"/>
      <c r="WRS726" s="613"/>
      <c r="WRT726" s="613"/>
      <c r="WRU726" s="613"/>
      <c r="WRV726" s="613"/>
      <c r="WRW726" s="613"/>
      <c r="WRX726" s="613"/>
      <c r="WRY726" s="613"/>
      <c r="WRZ726" s="613"/>
      <c r="WSA726" s="613"/>
      <c r="WSB726" s="613"/>
      <c r="WSC726" s="613"/>
      <c r="WSD726" s="613"/>
      <c r="WSE726" s="613"/>
      <c r="WSF726" s="613"/>
      <c r="WSG726" s="613"/>
      <c r="WSH726" s="613"/>
      <c r="WSI726" s="613"/>
      <c r="WSJ726" s="613"/>
      <c r="WSK726" s="613"/>
      <c r="WSL726" s="613"/>
      <c r="WSM726" s="613"/>
      <c r="WSN726" s="613"/>
      <c r="WSO726" s="613"/>
      <c r="WSP726" s="613"/>
      <c r="WSQ726" s="613"/>
      <c r="WSR726" s="613"/>
      <c r="WSS726" s="613"/>
      <c r="WST726" s="613"/>
      <c r="WSU726" s="613"/>
      <c r="WSV726" s="613"/>
      <c r="WSW726" s="613"/>
      <c r="WSX726" s="613"/>
      <c r="WSY726" s="613"/>
      <c r="WSZ726" s="613"/>
      <c r="WTA726" s="613"/>
      <c r="WTB726" s="613"/>
      <c r="WTC726" s="613"/>
      <c r="WTD726" s="613"/>
      <c r="WTE726" s="613"/>
      <c r="WTF726" s="613"/>
      <c r="WTG726" s="613"/>
      <c r="WTH726" s="613"/>
      <c r="WTI726" s="613"/>
      <c r="WTJ726" s="613"/>
      <c r="WTK726" s="613"/>
      <c r="WTL726" s="613"/>
      <c r="WTM726" s="613"/>
      <c r="WTN726" s="613"/>
      <c r="WTO726" s="613"/>
      <c r="WTP726" s="613"/>
      <c r="WTQ726" s="613"/>
      <c r="WTR726" s="613"/>
      <c r="WTS726" s="613"/>
      <c r="WTT726" s="613"/>
      <c r="WTU726" s="613"/>
      <c r="WTV726" s="613"/>
      <c r="WTW726" s="613"/>
      <c r="WTX726" s="613"/>
      <c r="WTY726" s="613"/>
      <c r="WTZ726" s="613"/>
      <c r="WUA726" s="613"/>
      <c r="WUB726" s="613"/>
      <c r="WUC726" s="613"/>
      <c r="WUD726" s="613"/>
      <c r="WUE726" s="613"/>
      <c r="WUF726" s="613"/>
      <c r="WUG726" s="613"/>
      <c r="WUH726" s="613"/>
      <c r="WUI726" s="613"/>
      <c r="WUJ726" s="613"/>
      <c r="WUK726" s="613"/>
      <c r="WUL726" s="613"/>
      <c r="WUM726" s="613"/>
      <c r="WUN726" s="613"/>
      <c r="WUO726" s="613"/>
      <c r="WUP726" s="613"/>
      <c r="WUQ726" s="613"/>
      <c r="WUR726" s="613"/>
      <c r="WUS726" s="613"/>
      <c r="WUT726" s="613"/>
      <c r="WUU726" s="613"/>
      <c r="WUV726" s="613"/>
      <c r="WUW726" s="613"/>
      <c r="WUX726" s="613"/>
      <c r="WUY726" s="613"/>
      <c r="WUZ726" s="613"/>
      <c r="WVA726" s="613"/>
      <c r="WVB726" s="613"/>
      <c r="WVC726" s="613"/>
      <c r="WVD726" s="613"/>
      <c r="WVE726" s="613"/>
      <c r="WVF726" s="613"/>
      <c r="WVG726" s="613"/>
      <c r="WVH726" s="613"/>
      <c r="WVI726" s="613"/>
      <c r="WVJ726" s="613"/>
      <c r="WVK726" s="613"/>
      <c r="WVL726" s="613"/>
      <c r="WVM726" s="613"/>
      <c r="WVN726" s="613"/>
      <c r="WVO726" s="613"/>
      <c r="WVP726" s="613"/>
      <c r="WVQ726" s="613"/>
      <c r="WVR726" s="613"/>
      <c r="WVS726" s="613"/>
      <c r="WVT726" s="613"/>
      <c r="WVU726" s="613"/>
      <c r="WVV726" s="613"/>
      <c r="WVW726" s="613"/>
      <c r="WVX726" s="613"/>
      <c r="WVY726" s="613"/>
      <c r="WVZ726" s="613"/>
      <c r="WWA726" s="613"/>
      <c r="WWB726" s="613"/>
      <c r="WWC726" s="613"/>
      <c r="WWD726" s="613"/>
      <c r="WWE726" s="613"/>
      <c r="WWF726" s="613"/>
      <c r="WWG726" s="613"/>
      <c r="WWH726" s="613"/>
      <c r="WWI726" s="613"/>
      <c r="WWJ726" s="613"/>
      <c r="WWK726" s="613"/>
      <c r="WWL726" s="613"/>
      <c r="WWM726" s="613"/>
      <c r="WWN726" s="613"/>
      <c r="WWO726" s="613"/>
      <c r="WWP726" s="613"/>
      <c r="WWQ726" s="613"/>
      <c r="WWR726" s="613"/>
      <c r="WWS726" s="613"/>
      <c r="WWT726" s="613"/>
      <c r="WWU726" s="613"/>
      <c r="WWV726" s="613"/>
      <c r="WWW726" s="613"/>
      <c r="WWX726" s="613"/>
      <c r="WWY726" s="613"/>
      <c r="WWZ726" s="613"/>
      <c r="WXA726" s="613"/>
      <c r="WXB726" s="613"/>
      <c r="WXC726" s="613"/>
      <c r="WXD726" s="613"/>
      <c r="WXE726" s="613"/>
      <c r="WXF726" s="613"/>
      <c r="WXG726" s="613"/>
      <c r="WXH726" s="613"/>
      <c r="WXI726" s="613"/>
      <c r="WXJ726" s="613"/>
      <c r="WXK726" s="613"/>
      <c r="WXL726" s="613"/>
      <c r="WXM726" s="613"/>
      <c r="WXN726" s="613"/>
      <c r="WXO726" s="613"/>
      <c r="WXP726" s="613"/>
      <c r="WXQ726" s="613"/>
      <c r="WXR726" s="613"/>
      <c r="WXS726" s="613"/>
      <c r="WXT726" s="613"/>
      <c r="WXU726" s="613"/>
      <c r="WXV726" s="613"/>
      <c r="WXW726" s="613"/>
      <c r="WXX726" s="613"/>
      <c r="WXY726" s="613"/>
      <c r="WXZ726" s="613"/>
      <c r="WYA726" s="613"/>
      <c r="WYB726" s="613"/>
      <c r="WYC726" s="613"/>
      <c r="WYD726" s="613"/>
      <c r="WYE726" s="613"/>
      <c r="WYF726" s="613"/>
      <c r="WYG726" s="613"/>
      <c r="WYH726" s="613"/>
      <c r="WYI726" s="613"/>
      <c r="WYJ726" s="613"/>
      <c r="WYK726" s="613"/>
      <c r="WYL726" s="613"/>
      <c r="WYM726" s="613"/>
      <c r="WYN726" s="613"/>
      <c r="WYO726" s="613"/>
      <c r="WYP726" s="613"/>
      <c r="WYQ726" s="613"/>
      <c r="WYR726" s="613"/>
      <c r="WYS726" s="613"/>
      <c r="WYT726" s="613"/>
      <c r="WYU726" s="613"/>
      <c r="WYV726" s="613"/>
      <c r="WYW726" s="613"/>
      <c r="WYX726" s="613"/>
      <c r="WYY726" s="613"/>
      <c r="WYZ726" s="613"/>
      <c r="WZA726" s="613"/>
      <c r="WZB726" s="613"/>
      <c r="WZC726" s="613"/>
      <c r="WZD726" s="613"/>
      <c r="WZE726" s="613"/>
      <c r="WZF726" s="613"/>
      <c r="WZG726" s="613"/>
      <c r="WZH726" s="613"/>
      <c r="WZI726" s="613"/>
      <c r="WZJ726" s="613"/>
      <c r="WZK726" s="613"/>
      <c r="WZL726" s="613"/>
      <c r="WZM726" s="613"/>
      <c r="WZN726" s="613"/>
      <c r="WZO726" s="613"/>
      <c r="WZP726" s="613"/>
      <c r="WZQ726" s="613"/>
      <c r="WZR726" s="613"/>
      <c r="WZS726" s="613"/>
      <c r="WZT726" s="613"/>
      <c r="WZU726" s="613"/>
      <c r="WZV726" s="613"/>
      <c r="WZW726" s="613"/>
      <c r="WZX726" s="613"/>
      <c r="WZY726" s="613"/>
      <c r="WZZ726" s="613"/>
      <c r="XAA726" s="613"/>
      <c r="XAB726" s="613"/>
      <c r="XAC726" s="613"/>
      <c r="XAD726" s="613"/>
      <c r="XAE726" s="613"/>
      <c r="XAF726" s="613"/>
      <c r="XAG726" s="613"/>
      <c r="XAH726" s="613"/>
      <c r="XAI726" s="613"/>
      <c r="XAJ726" s="613"/>
      <c r="XAK726" s="613"/>
      <c r="XAL726" s="613"/>
      <c r="XAM726" s="613"/>
      <c r="XAN726" s="613"/>
      <c r="XAO726" s="613"/>
      <c r="XAP726" s="613"/>
      <c r="XAQ726" s="613"/>
      <c r="XAR726" s="613"/>
      <c r="XAS726" s="613"/>
      <c r="XAT726" s="613"/>
      <c r="XAU726" s="613"/>
      <c r="XAV726" s="613"/>
      <c r="XAW726" s="613"/>
      <c r="XAX726" s="613"/>
      <c r="XAY726" s="613"/>
      <c r="XAZ726" s="613"/>
      <c r="XBA726" s="613"/>
      <c r="XBB726" s="613"/>
      <c r="XBC726" s="613"/>
      <c r="XBD726" s="613"/>
      <c r="XBE726" s="613"/>
      <c r="XBF726" s="613"/>
      <c r="XBG726" s="613"/>
      <c r="XBH726" s="613"/>
      <c r="XBI726" s="613"/>
      <c r="XBJ726" s="613"/>
      <c r="XBK726" s="613"/>
      <c r="XBL726" s="613"/>
      <c r="XBM726" s="613"/>
      <c r="XBN726" s="613"/>
      <c r="XBO726" s="613"/>
      <c r="XBP726" s="613"/>
      <c r="XBQ726" s="613"/>
      <c r="XBR726" s="613"/>
      <c r="XBS726" s="613"/>
      <c r="XBT726" s="613"/>
      <c r="XBU726" s="613"/>
      <c r="XBV726" s="613"/>
      <c r="XBW726" s="613"/>
      <c r="XBX726" s="613"/>
      <c r="XBY726" s="613"/>
      <c r="XBZ726" s="613"/>
      <c r="XCA726" s="613"/>
      <c r="XCB726" s="613"/>
      <c r="XCC726" s="613"/>
      <c r="XCD726" s="613"/>
      <c r="XCE726" s="613"/>
      <c r="XCF726" s="613"/>
      <c r="XCG726" s="613"/>
      <c r="XCH726" s="613"/>
      <c r="XCI726" s="613"/>
      <c r="XCJ726" s="613"/>
      <c r="XCK726" s="613"/>
      <c r="XCL726" s="613"/>
      <c r="XCM726" s="613"/>
      <c r="XCN726" s="613"/>
      <c r="XCO726" s="613"/>
      <c r="XCP726" s="613"/>
      <c r="XCQ726" s="613"/>
    </row>
    <row r="727" spans="1:16319" s="613" customFormat="1" ht="56.25" customHeight="1" x14ac:dyDescent="0.2">
      <c r="A727" s="579" t="s">
        <v>3060</v>
      </c>
      <c r="B727" s="499"/>
      <c r="C727" s="494"/>
      <c r="D727" s="481">
        <v>290</v>
      </c>
      <c r="E727" s="481"/>
      <c r="F727" s="481" t="s">
        <v>2481</v>
      </c>
      <c r="G727" s="482" t="s">
        <v>53</v>
      </c>
      <c r="H727" s="481" t="s">
        <v>515</v>
      </c>
      <c r="I727" s="654" t="s">
        <v>548</v>
      </c>
      <c r="J727" s="654" t="s">
        <v>517</v>
      </c>
      <c r="K727" s="484" t="s">
        <v>517</v>
      </c>
      <c r="L727" s="620"/>
      <c r="M727" s="484" t="s">
        <v>333</v>
      </c>
      <c r="N727" s="329" t="s">
        <v>310</v>
      </c>
      <c r="O727" s="484" t="s">
        <v>2996</v>
      </c>
      <c r="P727" s="484" t="s">
        <v>81</v>
      </c>
      <c r="Q727" s="667" t="s">
        <v>334</v>
      </c>
      <c r="R727" s="484" t="s">
        <v>334</v>
      </c>
      <c r="S727" s="484" t="s">
        <v>225</v>
      </c>
      <c r="T727" s="484"/>
      <c r="U727" s="620" t="s">
        <v>63</v>
      </c>
      <c r="V727" s="620" t="s">
        <v>63</v>
      </c>
      <c r="W727" s="723">
        <v>102032.1792</v>
      </c>
      <c r="X727" s="723"/>
      <c r="Y727" s="654" t="s">
        <v>226</v>
      </c>
      <c r="Z727" s="654"/>
      <c r="AA727" s="723">
        <v>102032.1792</v>
      </c>
      <c r="AB727" s="652" t="s">
        <v>82</v>
      </c>
      <c r="AC727" s="652"/>
      <c r="AD727" s="496"/>
      <c r="AE727" s="496"/>
      <c r="AF727" s="496"/>
      <c r="AG727" s="496"/>
      <c r="AH727" s="496"/>
      <c r="AI727" s="487"/>
      <c r="AJ727" s="496"/>
      <c r="AK727" s="496"/>
      <c r="AL727" s="496"/>
      <c r="AM727" s="496"/>
      <c r="AN727" s="496"/>
      <c r="AO727" s="496"/>
      <c r="AP727" s="496"/>
      <c r="AQ727" s="496"/>
      <c r="AR727" s="496"/>
      <c r="AS727" s="496"/>
      <c r="AT727" s="487" t="s">
        <v>66</v>
      </c>
      <c r="AU727" s="496"/>
      <c r="AV727" s="496"/>
      <c r="AW727" s="496"/>
      <c r="AX727" s="487" t="s">
        <v>66</v>
      </c>
      <c r="AY727" s="496"/>
      <c r="AZ727" s="496"/>
      <c r="BA727" s="496"/>
      <c r="BB727" s="487" t="s">
        <v>66</v>
      </c>
      <c r="BC727" s="496"/>
      <c r="BD727" s="487" t="s">
        <v>66</v>
      </c>
      <c r="BE727" s="496"/>
      <c r="BF727" s="496"/>
      <c r="BG727" s="487" t="s">
        <v>66</v>
      </c>
      <c r="BH727" s="487" t="s">
        <v>66</v>
      </c>
      <c r="BI727" s="80">
        <v>1148</v>
      </c>
      <c r="BJ727" s="76">
        <v>88.878204878048777</v>
      </c>
      <c r="BK727" s="487" t="s">
        <v>1487</v>
      </c>
      <c r="BL727" s="487" t="s">
        <v>1487</v>
      </c>
      <c r="BM727" s="487" t="s">
        <v>1487</v>
      </c>
      <c r="BN727" s="487" t="s">
        <v>1487</v>
      </c>
      <c r="BO727" s="487" t="s">
        <v>1487</v>
      </c>
      <c r="BP727" s="487" t="s">
        <v>1487</v>
      </c>
      <c r="BQ727" s="487" t="s">
        <v>1487</v>
      </c>
      <c r="BR727" s="487" t="s">
        <v>1487</v>
      </c>
      <c r="BS727" s="487" t="s">
        <v>1487</v>
      </c>
      <c r="BT727" s="487" t="s">
        <v>1487</v>
      </c>
      <c r="BU727" s="487" t="s">
        <v>1487</v>
      </c>
      <c r="BV727" s="487" t="s">
        <v>1487</v>
      </c>
      <c r="BW727" s="487" t="s">
        <v>1487</v>
      </c>
      <c r="BX727" s="487" t="s">
        <v>1487</v>
      </c>
      <c r="BY727" s="487" t="s">
        <v>1487</v>
      </c>
      <c r="BZ727" s="487" t="s">
        <v>1487</v>
      </c>
      <c r="CA727" s="487">
        <v>22219.551219512196</v>
      </c>
      <c r="CB727" s="487" t="s">
        <v>1487</v>
      </c>
      <c r="CC727" s="487" t="s">
        <v>1487</v>
      </c>
      <c r="CD727" s="487" t="s">
        <v>1487</v>
      </c>
      <c r="CE727" s="487">
        <v>19286.570458536586</v>
      </c>
      <c r="CF727" s="487" t="s">
        <v>1487</v>
      </c>
      <c r="CG727" s="487" t="s">
        <v>1487</v>
      </c>
      <c r="CH727" s="487" t="s">
        <v>1487</v>
      </c>
      <c r="CI727" s="487">
        <v>2755.2243512195123</v>
      </c>
      <c r="CJ727" s="487" t="s">
        <v>1487</v>
      </c>
      <c r="CK727" s="487">
        <v>0</v>
      </c>
      <c r="CL727" s="487" t="s">
        <v>1487</v>
      </c>
      <c r="CM727" s="487" t="s">
        <v>1487</v>
      </c>
      <c r="CN727" s="487">
        <v>17775.640975609756</v>
      </c>
      <c r="CO727" s="487">
        <v>39995.192195121948</v>
      </c>
      <c r="CP727" s="487"/>
      <c r="CQ727" s="487"/>
      <c r="CR727" s="487"/>
      <c r="CS727" s="487"/>
      <c r="CT727" s="487"/>
      <c r="CU727" s="487"/>
      <c r="CV727" s="487"/>
      <c r="CW727" s="487"/>
      <c r="CX727" s="487"/>
      <c r="CY727" s="487"/>
      <c r="CZ727" s="487"/>
      <c r="DA727" s="487"/>
      <c r="DB727" s="487"/>
      <c r="DC727" s="487"/>
      <c r="DD727" s="487"/>
      <c r="DE727" s="487"/>
      <c r="DF727" s="487"/>
      <c r="DG727" s="487"/>
      <c r="DH727" s="487"/>
      <c r="DI727" s="487"/>
      <c r="DJ727" s="487"/>
      <c r="DK727" s="487"/>
      <c r="DL727" s="487"/>
      <c r="DM727" s="487"/>
      <c r="DN727" s="484"/>
      <c r="DO727" s="484"/>
      <c r="DP727" s="484"/>
      <c r="DQ727" s="494"/>
      <c r="DR727" s="494"/>
    </row>
    <row r="728" spans="1:16319" s="613" customFormat="1" ht="56.25" customHeight="1" x14ac:dyDescent="0.2">
      <c r="A728" s="579" t="s">
        <v>3061</v>
      </c>
      <c r="B728" s="77"/>
      <c r="C728" s="494"/>
      <c r="D728" s="481">
        <v>291</v>
      </c>
      <c r="E728" s="481"/>
      <c r="F728" s="481" t="s">
        <v>2481</v>
      </c>
      <c r="G728" s="482" t="s">
        <v>53</v>
      </c>
      <c r="H728" s="481" t="s">
        <v>515</v>
      </c>
      <c r="I728" s="654" t="s">
        <v>518</v>
      </c>
      <c r="J728" s="654" t="s">
        <v>520</v>
      </c>
      <c r="K728" s="484" t="s">
        <v>520</v>
      </c>
      <c r="L728" s="620"/>
      <c r="M728" s="484" t="s">
        <v>333</v>
      </c>
      <c r="N728" s="329" t="s">
        <v>310</v>
      </c>
      <c r="O728" s="484" t="s">
        <v>2996</v>
      </c>
      <c r="P728" s="484" t="s">
        <v>81</v>
      </c>
      <c r="Q728" s="667" t="s">
        <v>334</v>
      </c>
      <c r="R728" s="484" t="s">
        <v>334</v>
      </c>
      <c r="S728" s="484" t="s">
        <v>225</v>
      </c>
      <c r="T728" s="484"/>
      <c r="U728" s="620" t="s">
        <v>63</v>
      </c>
      <c r="V728" s="620" t="s">
        <v>63</v>
      </c>
      <c r="W728" s="723">
        <v>267834.47040000005</v>
      </c>
      <c r="X728" s="723"/>
      <c r="Y728" s="654" t="s">
        <v>226</v>
      </c>
      <c r="Z728" s="654"/>
      <c r="AA728" s="723">
        <v>267834.47040000005</v>
      </c>
      <c r="AB728" s="652" t="s">
        <v>82</v>
      </c>
      <c r="AC728" s="652"/>
      <c r="AD728" s="496"/>
      <c r="AE728" s="496"/>
      <c r="AF728" s="496"/>
      <c r="AG728" s="496"/>
      <c r="AH728" s="496"/>
      <c r="AI728" s="487"/>
      <c r="AJ728" s="496"/>
      <c r="AK728" s="496"/>
      <c r="AL728" s="496"/>
      <c r="AM728" s="496"/>
      <c r="AN728" s="496"/>
      <c r="AO728" s="496"/>
      <c r="AP728" s="496"/>
      <c r="AQ728" s="496"/>
      <c r="AR728" s="496"/>
      <c r="AS728" s="496"/>
      <c r="AT728" s="487" t="s">
        <v>66</v>
      </c>
      <c r="AU728" s="496"/>
      <c r="AV728" s="496"/>
      <c r="AW728" s="496"/>
      <c r="AX728" s="487" t="s">
        <v>66</v>
      </c>
      <c r="AY728" s="496"/>
      <c r="AZ728" s="496"/>
      <c r="BA728" s="496"/>
      <c r="BB728" s="487" t="s">
        <v>66</v>
      </c>
      <c r="BC728" s="496"/>
      <c r="BD728" s="487" t="s">
        <v>66</v>
      </c>
      <c r="BE728" s="496"/>
      <c r="BF728" s="496"/>
      <c r="BG728" s="487" t="s">
        <v>66</v>
      </c>
      <c r="BH728" s="487" t="s">
        <v>66</v>
      </c>
      <c r="BI728" s="80">
        <v>1148</v>
      </c>
      <c r="BJ728" s="76">
        <v>233.30528780487811</v>
      </c>
      <c r="BK728" s="487" t="s">
        <v>1487</v>
      </c>
      <c r="BL728" s="487" t="s">
        <v>1487</v>
      </c>
      <c r="BM728" s="487" t="s">
        <v>1487</v>
      </c>
      <c r="BN728" s="487" t="s">
        <v>1487</v>
      </c>
      <c r="BO728" s="487" t="s">
        <v>1487</v>
      </c>
      <c r="BP728" s="487" t="s">
        <v>1487</v>
      </c>
      <c r="BQ728" s="487" t="s">
        <v>1487</v>
      </c>
      <c r="BR728" s="487" t="s">
        <v>1487</v>
      </c>
      <c r="BS728" s="487" t="s">
        <v>1487</v>
      </c>
      <c r="BT728" s="487" t="s">
        <v>1487</v>
      </c>
      <c r="BU728" s="487" t="s">
        <v>1487</v>
      </c>
      <c r="BV728" s="487" t="s">
        <v>1487</v>
      </c>
      <c r="BW728" s="487" t="s">
        <v>1487</v>
      </c>
      <c r="BX728" s="487" t="s">
        <v>1487</v>
      </c>
      <c r="BY728" s="487" t="s">
        <v>1487</v>
      </c>
      <c r="BZ728" s="487" t="s">
        <v>1487</v>
      </c>
      <c r="CA728" s="487">
        <v>58326.321951219528</v>
      </c>
      <c r="CB728" s="487" t="s">
        <v>1487</v>
      </c>
      <c r="CC728" s="487" t="s">
        <v>1487</v>
      </c>
      <c r="CD728" s="487" t="s">
        <v>1487</v>
      </c>
      <c r="CE728" s="487">
        <v>50627.247453658551</v>
      </c>
      <c r="CF728" s="487" t="s">
        <v>1487</v>
      </c>
      <c r="CG728" s="487" t="s">
        <v>1487</v>
      </c>
      <c r="CH728" s="487" t="s">
        <v>1487</v>
      </c>
      <c r="CI728" s="487">
        <v>7232.463921951221</v>
      </c>
      <c r="CJ728" s="487" t="s">
        <v>1487</v>
      </c>
      <c r="CK728" s="487">
        <v>0</v>
      </c>
      <c r="CL728" s="487" t="s">
        <v>1487</v>
      </c>
      <c r="CM728" s="487" t="s">
        <v>1487</v>
      </c>
      <c r="CN728" s="487">
        <v>46661.05756097562</v>
      </c>
      <c r="CO728" s="487">
        <v>104987.37951219514</v>
      </c>
      <c r="CP728" s="487"/>
      <c r="CQ728" s="487"/>
      <c r="CR728" s="487"/>
      <c r="CS728" s="487"/>
      <c r="CT728" s="487"/>
      <c r="CU728" s="487"/>
      <c r="CV728" s="487"/>
      <c r="CW728" s="487"/>
      <c r="CX728" s="487"/>
      <c r="CY728" s="487"/>
      <c r="CZ728" s="487"/>
      <c r="DA728" s="487"/>
      <c r="DB728" s="487"/>
      <c r="DC728" s="487"/>
      <c r="DD728" s="487"/>
      <c r="DE728" s="487"/>
      <c r="DF728" s="487"/>
      <c r="DG728" s="487"/>
      <c r="DH728" s="487"/>
      <c r="DI728" s="487"/>
      <c r="DJ728" s="487"/>
      <c r="DK728" s="487"/>
      <c r="DL728" s="487"/>
      <c r="DM728" s="487"/>
      <c r="DN728" s="484"/>
      <c r="DO728" s="484"/>
      <c r="DP728" s="484"/>
      <c r="DQ728" s="494"/>
      <c r="DR728" s="494"/>
    </row>
    <row r="729" spans="1:16319" s="613" customFormat="1" ht="56.25" customHeight="1" x14ac:dyDescent="0.2">
      <c r="A729" s="579" t="s">
        <v>3062</v>
      </c>
      <c r="B729" s="499"/>
      <c r="C729" s="494"/>
      <c r="D729" s="481">
        <v>292</v>
      </c>
      <c r="E729" s="481"/>
      <c r="F729" s="481" t="s">
        <v>2481</v>
      </c>
      <c r="G729" s="482" t="s">
        <v>53</v>
      </c>
      <c r="H729" s="481" t="s">
        <v>515</v>
      </c>
      <c r="I729" s="654" t="s">
        <v>521</v>
      </c>
      <c r="J729" s="654" t="s">
        <v>522</v>
      </c>
      <c r="K729" s="484" t="s">
        <v>522</v>
      </c>
      <c r="L729" s="620"/>
      <c r="M729" s="484" t="s">
        <v>333</v>
      </c>
      <c r="N729" s="329" t="s">
        <v>310</v>
      </c>
      <c r="O729" s="484" t="s">
        <v>2996</v>
      </c>
      <c r="P729" s="484" t="s">
        <v>81</v>
      </c>
      <c r="Q729" s="667" t="s">
        <v>334</v>
      </c>
      <c r="R729" s="484" t="s">
        <v>334</v>
      </c>
      <c r="S729" s="484" t="s">
        <v>225</v>
      </c>
      <c r="T729" s="484"/>
      <c r="U729" s="620" t="s">
        <v>63</v>
      </c>
      <c r="V729" s="620" t="s">
        <v>63</v>
      </c>
      <c r="W729" s="723">
        <v>374117.99040000001</v>
      </c>
      <c r="X729" s="723"/>
      <c r="Y729" s="654" t="s">
        <v>226</v>
      </c>
      <c r="Z729" s="654"/>
      <c r="AA729" s="723">
        <v>374117.99040000001</v>
      </c>
      <c r="AB729" s="652" t="s">
        <v>82</v>
      </c>
      <c r="AC729" s="652"/>
      <c r="AD729" s="496"/>
      <c r="AE729" s="496"/>
      <c r="AF729" s="496"/>
      <c r="AG729" s="496"/>
      <c r="AH729" s="496"/>
      <c r="AI729" s="487"/>
      <c r="AJ729" s="496"/>
      <c r="AK729" s="496"/>
      <c r="AL729" s="496"/>
      <c r="AM729" s="496"/>
      <c r="AN729" s="496"/>
      <c r="AO729" s="496"/>
      <c r="AP729" s="496"/>
      <c r="AQ729" s="496"/>
      <c r="AR729" s="496"/>
      <c r="AS729" s="496"/>
      <c r="AT729" s="487" t="s">
        <v>66</v>
      </c>
      <c r="AU729" s="496"/>
      <c r="AV729" s="496"/>
      <c r="AW729" s="496"/>
      <c r="AX729" s="487" t="s">
        <v>66</v>
      </c>
      <c r="AY729" s="496"/>
      <c r="AZ729" s="496"/>
      <c r="BA729" s="496"/>
      <c r="BB729" s="487" t="s">
        <v>66</v>
      </c>
      <c r="BC729" s="496"/>
      <c r="BD729" s="487" t="s">
        <v>66</v>
      </c>
      <c r="BE729" s="496"/>
      <c r="BF729" s="496"/>
      <c r="BG729" s="487" t="s">
        <v>66</v>
      </c>
      <c r="BH729" s="487" t="s">
        <v>66</v>
      </c>
      <c r="BI729" s="80">
        <v>1148</v>
      </c>
      <c r="BJ729" s="76">
        <v>325.88675121951218</v>
      </c>
      <c r="BK729" s="487" t="s">
        <v>1487</v>
      </c>
      <c r="BL729" s="487" t="s">
        <v>1487</v>
      </c>
      <c r="BM729" s="487" t="s">
        <v>1487</v>
      </c>
      <c r="BN729" s="487" t="s">
        <v>1487</v>
      </c>
      <c r="BO729" s="487" t="s">
        <v>1487</v>
      </c>
      <c r="BP729" s="487" t="s">
        <v>1487</v>
      </c>
      <c r="BQ729" s="487" t="s">
        <v>1487</v>
      </c>
      <c r="BR729" s="487" t="s">
        <v>1487</v>
      </c>
      <c r="BS729" s="487" t="s">
        <v>1487</v>
      </c>
      <c r="BT729" s="487" t="s">
        <v>1487</v>
      </c>
      <c r="BU729" s="487" t="s">
        <v>1487</v>
      </c>
      <c r="BV729" s="487" t="s">
        <v>1487</v>
      </c>
      <c r="BW729" s="487" t="s">
        <v>1487</v>
      </c>
      <c r="BX729" s="487" t="s">
        <v>1487</v>
      </c>
      <c r="BY729" s="487" t="s">
        <v>1487</v>
      </c>
      <c r="BZ729" s="487" t="s">
        <v>1487</v>
      </c>
      <c r="CA729" s="487">
        <v>81471.687804878049</v>
      </c>
      <c r="CB729" s="487" t="s">
        <v>1487</v>
      </c>
      <c r="CC729" s="487" t="s">
        <v>1487</v>
      </c>
      <c r="CD729" s="487" t="s">
        <v>1487</v>
      </c>
      <c r="CE729" s="487">
        <v>70717.425014634136</v>
      </c>
      <c r="CF729" s="487" t="s">
        <v>1487</v>
      </c>
      <c r="CG729" s="487" t="s">
        <v>1487</v>
      </c>
      <c r="CH729" s="487" t="s">
        <v>1487</v>
      </c>
      <c r="CI729" s="487">
        <v>10102.489287804878</v>
      </c>
      <c r="CJ729" s="487" t="s">
        <v>1487</v>
      </c>
      <c r="CK729" s="487">
        <v>0</v>
      </c>
      <c r="CL729" s="487" t="s">
        <v>1487</v>
      </c>
      <c r="CM729" s="487" t="s">
        <v>1487</v>
      </c>
      <c r="CN729" s="487">
        <v>65177.350243902438</v>
      </c>
      <c r="CO729" s="487">
        <v>146649.03804878049</v>
      </c>
      <c r="CP729" s="487"/>
      <c r="CQ729" s="487"/>
      <c r="CR729" s="487"/>
      <c r="CS729" s="487"/>
      <c r="CT729" s="487"/>
      <c r="CU729" s="487"/>
      <c r="CV729" s="487"/>
      <c r="CW729" s="487"/>
      <c r="CX729" s="487"/>
      <c r="CY729" s="487"/>
      <c r="CZ729" s="487"/>
      <c r="DA729" s="487"/>
      <c r="DB729" s="487"/>
      <c r="DC729" s="487"/>
      <c r="DD729" s="487"/>
      <c r="DE729" s="487"/>
      <c r="DF729" s="487"/>
      <c r="DG729" s="487"/>
      <c r="DH729" s="487"/>
      <c r="DI729" s="487"/>
      <c r="DJ729" s="487"/>
      <c r="DK729" s="487"/>
      <c r="DL729" s="487"/>
      <c r="DM729" s="487"/>
      <c r="DN729" s="484"/>
      <c r="DO729" s="484"/>
      <c r="DP729" s="484"/>
      <c r="DQ729" s="494"/>
      <c r="DR729" s="494"/>
    </row>
    <row r="730" spans="1:16319" s="613" customFormat="1" ht="56.25" customHeight="1" x14ac:dyDescent="0.2">
      <c r="A730" s="579" t="s">
        <v>3063</v>
      </c>
      <c r="B730" s="499"/>
      <c r="C730" s="494"/>
      <c r="D730" s="481">
        <v>297</v>
      </c>
      <c r="E730" s="481"/>
      <c r="F730" s="481" t="s">
        <v>2481</v>
      </c>
      <c r="G730" s="482" t="s">
        <v>53</v>
      </c>
      <c r="H730" s="481" t="s">
        <v>515</v>
      </c>
      <c r="I730" s="654" t="s">
        <v>533</v>
      </c>
      <c r="J730" s="654" t="s">
        <v>534</v>
      </c>
      <c r="K730" s="484" t="s">
        <v>534</v>
      </c>
      <c r="L730" s="620"/>
      <c r="M730" s="484" t="s">
        <v>333</v>
      </c>
      <c r="N730" s="329" t="s">
        <v>310</v>
      </c>
      <c r="O730" s="484" t="s">
        <v>2996</v>
      </c>
      <c r="P730" s="484" t="s">
        <v>81</v>
      </c>
      <c r="Q730" s="667" t="s">
        <v>334</v>
      </c>
      <c r="R730" s="484" t="s">
        <v>334</v>
      </c>
      <c r="S730" s="484" t="s">
        <v>225</v>
      </c>
      <c r="T730" s="484"/>
      <c r="U730" s="620" t="s">
        <v>63</v>
      </c>
      <c r="V730" s="620" t="s">
        <v>63</v>
      </c>
      <c r="W730" s="723">
        <v>59784.480000000003</v>
      </c>
      <c r="X730" s="723"/>
      <c r="Y730" s="654" t="s">
        <v>226</v>
      </c>
      <c r="Z730" s="654"/>
      <c r="AA730" s="723">
        <v>59784.480000000003</v>
      </c>
      <c r="AB730" s="652" t="s">
        <v>82</v>
      </c>
      <c r="AC730" s="652"/>
      <c r="AD730" s="496"/>
      <c r="AE730" s="496"/>
      <c r="AF730" s="496"/>
      <c r="AG730" s="496"/>
      <c r="AH730" s="496"/>
      <c r="AI730" s="487"/>
      <c r="AJ730" s="496"/>
      <c r="AK730" s="496"/>
      <c r="AL730" s="496"/>
      <c r="AM730" s="496"/>
      <c r="AN730" s="496"/>
      <c r="AO730" s="496"/>
      <c r="AP730" s="496"/>
      <c r="AQ730" s="496"/>
      <c r="AR730" s="496"/>
      <c r="AS730" s="496"/>
      <c r="AT730" s="487" t="s">
        <v>66</v>
      </c>
      <c r="AU730" s="496"/>
      <c r="AV730" s="496"/>
      <c r="AW730" s="496"/>
      <c r="AX730" s="487" t="s">
        <v>66</v>
      </c>
      <c r="AY730" s="496"/>
      <c r="AZ730" s="496"/>
      <c r="BA730" s="496"/>
      <c r="BB730" s="487" t="s">
        <v>66</v>
      </c>
      <c r="BC730" s="496"/>
      <c r="BD730" s="487" t="s">
        <v>66</v>
      </c>
      <c r="BE730" s="496"/>
      <c r="BF730" s="496"/>
      <c r="BG730" s="487" t="s">
        <v>66</v>
      </c>
      <c r="BH730" s="487" t="s">
        <v>66</v>
      </c>
      <c r="BI730" s="80">
        <v>1148</v>
      </c>
      <c r="BJ730" s="76">
        <v>52.077073170731708</v>
      </c>
      <c r="BK730" s="487" t="s">
        <v>1487</v>
      </c>
      <c r="BL730" s="487" t="s">
        <v>1487</v>
      </c>
      <c r="BM730" s="487" t="s">
        <v>1487</v>
      </c>
      <c r="BN730" s="487" t="s">
        <v>1487</v>
      </c>
      <c r="BO730" s="487" t="s">
        <v>1487</v>
      </c>
      <c r="BP730" s="487" t="s">
        <v>1487</v>
      </c>
      <c r="BQ730" s="487" t="s">
        <v>1487</v>
      </c>
      <c r="BR730" s="487" t="s">
        <v>1487</v>
      </c>
      <c r="BS730" s="487" t="s">
        <v>1487</v>
      </c>
      <c r="BT730" s="487" t="s">
        <v>1487</v>
      </c>
      <c r="BU730" s="487" t="s">
        <v>1487</v>
      </c>
      <c r="BV730" s="487" t="s">
        <v>1487</v>
      </c>
      <c r="BW730" s="487" t="s">
        <v>1487</v>
      </c>
      <c r="BX730" s="487" t="s">
        <v>1487</v>
      </c>
      <c r="BY730" s="487" t="s">
        <v>1487</v>
      </c>
      <c r="BZ730" s="487" t="s">
        <v>1487</v>
      </c>
      <c r="CA730" s="487">
        <v>13019.268292682927</v>
      </c>
      <c r="CB730" s="487" t="s">
        <v>1487</v>
      </c>
      <c r="CC730" s="487" t="s">
        <v>1487</v>
      </c>
      <c r="CD730" s="487" t="s">
        <v>1487</v>
      </c>
      <c r="CE730" s="487">
        <v>11300.724878048781</v>
      </c>
      <c r="CF730" s="487" t="s">
        <v>1487</v>
      </c>
      <c r="CG730" s="487" t="s">
        <v>1487</v>
      </c>
      <c r="CH730" s="487" t="s">
        <v>1487</v>
      </c>
      <c r="CI730" s="487">
        <v>1614.389268292683</v>
      </c>
      <c r="CJ730" s="487" t="s">
        <v>1487</v>
      </c>
      <c r="CK730" s="487">
        <v>0</v>
      </c>
      <c r="CL730" s="487" t="s">
        <v>1487</v>
      </c>
      <c r="CM730" s="487" t="s">
        <v>1487</v>
      </c>
      <c r="CN730" s="487">
        <v>10415.414634146342</v>
      </c>
      <c r="CO730" s="487">
        <v>23434.682926829268</v>
      </c>
      <c r="CP730" s="487"/>
      <c r="CQ730" s="487"/>
      <c r="CR730" s="487"/>
      <c r="CS730" s="487"/>
      <c r="CT730" s="487"/>
      <c r="CU730" s="487"/>
      <c r="CV730" s="487"/>
      <c r="CW730" s="487"/>
      <c r="CX730" s="487"/>
      <c r="CY730" s="487"/>
      <c r="CZ730" s="487"/>
      <c r="DA730" s="487"/>
      <c r="DB730" s="487"/>
      <c r="DC730" s="487"/>
      <c r="DD730" s="487"/>
      <c r="DE730" s="487"/>
      <c r="DF730" s="487"/>
      <c r="DG730" s="487"/>
      <c r="DH730" s="487"/>
      <c r="DI730" s="487"/>
      <c r="DJ730" s="487"/>
      <c r="DK730" s="487"/>
      <c r="DL730" s="487"/>
      <c r="DM730" s="487"/>
      <c r="DN730" s="484"/>
      <c r="DO730" s="484"/>
      <c r="DP730" s="484"/>
      <c r="DQ730" s="494"/>
      <c r="DR730" s="494"/>
    </row>
    <row r="731" spans="1:16319" s="613" customFormat="1" ht="56.25" customHeight="1" x14ac:dyDescent="0.2">
      <c r="A731" s="494"/>
      <c r="B731" s="494"/>
      <c r="C731" s="668" t="s">
        <v>3064</v>
      </c>
      <c r="D731" s="481">
        <v>447</v>
      </c>
      <c r="E731" s="481"/>
      <c r="F731" s="481" t="s">
        <v>2481</v>
      </c>
      <c r="G731" s="482" t="s">
        <v>53</v>
      </c>
      <c r="H731" s="481" t="s">
        <v>515</v>
      </c>
      <c r="I731" s="654" t="s">
        <v>528</v>
      </c>
      <c r="J731" s="654" t="s">
        <v>529</v>
      </c>
      <c r="K731" s="654"/>
      <c r="L731" s="654"/>
      <c r="M731" s="654"/>
      <c r="N731" s="78" t="s">
        <v>3065</v>
      </c>
      <c r="O731" s="484" t="s">
        <v>58</v>
      </c>
      <c r="P731" s="327" t="s">
        <v>1366</v>
      </c>
      <c r="Q731" s="484" t="s">
        <v>2996</v>
      </c>
      <c r="R731" s="484" t="s">
        <v>8</v>
      </c>
      <c r="S731" s="667" t="s">
        <v>525</v>
      </c>
      <c r="T731" s="484" t="s">
        <v>525</v>
      </c>
      <c r="U731" s="484" t="s">
        <v>380</v>
      </c>
      <c r="V731" s="484"/>
      <c r="W731" s="620" t="s">
        <v>63</v>
      </c>
      <c r="X731" s="620" t="s">
        <v>63</v>
      </c>
      <c r="Y731" s="723">
        <v>0</v>
      </c>
      <c r="Z731" s="723"/>
      <c r="AA731" s="654" t="s">
        <v>64</v>
      </c>
      <c r="AB731" s="654"/>
      <c r="AC731" s="723">
        <v>0</v>
      </c>
      <c r="AD731" s="652" t="s">
        <v>82</v>
      </c>
      <c r="AE731" s="652"/>
      <c r="AF731" s="496"/>
      <c r="AG731" s="496"/>
      <c r="AH731" s="496"/>
      <c r="AI731" s="496"/>
      <c r="AJ731" s="496"/>
      <c r="AK731" s="487"/>
      <c r="AL731" s="487" t="s">
        <v>66</v>
      </c>
      <c r="AM731" s="496"/>
      <c r="AN731" s="496"/>
      <c r="AO731" s="496"/>
      <c r="AP731" s="496"/>
      <c r="AQ731" s="496"/>
      <c r="AR731" s="496"/>
      <c r="AS731" s="496"/>
      <c r="AT731" s="496"/>
      <c r="AU731" s="496"/>
      <c r="AV731" s="496"/>
      <c r="AW731" s="496"/>
      <c r="AX731" s="496"/>
      <c r="AY731" s="496"/>
      <c r="AZ731" s="496"/>
      <c r="BA731" s="496"/>
      <c r="BB731" s="496"/>
      <c r="BC731" s="496"/>
      <c r="BD731" s="496"/>
      <c r="BE731" s="496"/>
      <c r="BF731" s="496"/>
      <c r="BG731" s="496"/>
      <c r="BH731" s="496"/>
      <c r="BI731" s="496"/>
      <c r="BJ731" s="496"/>
      <c r="BK731" s="80">
        <f>SUMIF(AF731:BJ731,"YES",'DRAFT - HGC Schemes'!$AB$3:$BF$3)</f>
        <v>100</v>
      </c>
      <c r="BL731" s="76">
        <f t="shared" ref="BL731:BL757" si="232">AC731/BK731</f>
        <v>0</v>
      </c>
      <c r="BM731" s="76"/>
      <c r="BN731" s="487" t="str">
        <f>IF(AF731="yes",('DRAFT - HGC Schemes'!AB$3*$BL731),"")</f>
        <v/>
      </c>
      <c r="BO731" s="487" t="str">
        <f>IF(AG731="yes",('DRAFT - HGC Schemes'!AC$3*$BL731),"")</f>
        <v/>
      </c>
      <c r="BP731" s="487" t="str">
        <f>IF(AH731="yes",('DRAFT - HGC Schemes'!AD$3*$BL731),"")</f>
        <v/>
      </c>
      <c r="BQ731" s="487" t="str">
        <f>IF(AI731="yes",('DRAFT - HGC Schemes'!AE$3*$BL731),"")</f>
        <v/>
      </c>
      <c r="BR731" s="487" t="str">
        <f>IF(AJ731="yes",('DRAFT - HGC Schemes'!AF$3*$BL731),"")</f>
        <v/>
      </c>
      <c r="BS731" s="487" t="str">
        <f>IF(AK731="yes",('DRAFT - HGC Schemes'!AG$3*$BL731),"")</f>
        <v/>
      </c>
      <c r="BT731" s="487">
        <f>IF(AL731="yes",('DRAFT - HGC Schemes'!AH$3*$BL731),"")</f>
        <v>0</v>
      </c>
      <c r="BU731" s="487" t="str">
        <f>IF(AM731="yes",('DRAFT - HGC Schemes'!AI$3*$BL731),"")</f>
        <v/>
      </c>
      <c r="BV731" s="487" t="str">
        <f>IF(AN731="yes",('DRAFT - HGC Schemes'!AJ$3*$BL731),"")</f>
        <v/>
      </c>
      <c r="BW731" s="487" t="str">
        <f>IF(AO731="yes",('DRAFT - HGC Schemes'!AK$3*$BL731),"")</f>
        <v/>
      </c>
      <c r="BX731" s="487" t="str">
        <f>IF(AP731="yes",('DRAFT - HGC Schemes'!AL$3*$BL731),"")</f>
        <v/>
      </c>
      <c r="BY731" s="487" t="str">
        <f>IF(AQ731="yes",('DRAFT - HGC Schemes'!AM$3*$BL731),"")</f>
        <v/>
      </c>
      <c r="BZ731" s="487" t="str">
        <f>IF(AR731="yes",('DRAFT - HGC Schemes'!AN$3*$BL731),"")</f>
        <v/>
      </c>
      <c r="CA731" s="487" t="str">
        <f>IF(AS731="yes",('DRAFT - HGC Schemes'!AO$3*$BL731),"")</f>
        <v/>
      </c>
      <c r="CB731" s="487" t="str">
        <f>IF(AT731="yes",('DRAFT - HGC Schemes'!AP$3*$BL731),"")</f>
        <v/>
      </c>
      <c r="CC731" s="487" t="str">
        <f>IF(AU731="yes",('DRAFT - HGC Schemes'!AQ$3*$BL731),"")</f>
        <v/>
      </c>
      <c r="CD731" s="487" t="str">
        <f>IF(AV731="yes",('DRAFT - HGC Schemes'!AR$3*$BL731),"")</f>
        <v/>
      </c>
      <c r="CE731" s="487" t="str">
        <f>IF(AW731="yes",('DRAFT - HGC Schemes'!AS$3*$BL731),"")</f>
        <v/>
      </c>
      <c r="CF731" s="487" t="str">
        <f>IF(AX731="yes",('DRAFT - HGC Schemes'!AT$3*$BL731),"")</f>
        <v/>
      </c>
      <c r="CG731" s="487" t="str">
        <f>IF(AY731="yes",('DRAFT - HGC Schemes'!AU$3*$BL731),"")</f>
        <v/>
      </c>
      <c r="CH731" s="487" t="str">
        <f>IF(AZ731="yes",('DRAFT - HGC Schemes'!AV$3*$BL731),"")</f>
        <v/>
      </c>
      <c r="CI731" s="487" t="str">
        <f>IF(BA731="yes",('DRAFT - HGC Schemes'!AW$3*$BL731),"")</f>
        <v/>
      </c>
      <c r="CJ731" s="487" t="str">
        <f>IF(BB731="yes",('DRAFT - HGC Schemes'!AX$3*$BL731),"")</f>
        <v/>
      </c>
      <c r="CK731" s="487" t="str">
        <f>IF(BC731="yes",('DRAFT - HGC Schemes'!AY$3*$BL731),"")</f>
        <v/>
      </c>
      <c r="CL731" s="487" t="str">
        <f>IF(BD731="yes",('DRAFT - HGC Schemes'!AZ$3*$BL731),"")</f>
        <v/>
      </c>
      <c r="CM731" s="487" t="str">
        <f>IF(BE731="yes",('DRAFT - HGC Schemes'!BA$3*$BL731),"")</f>
        <v/>
      </c>
      <c r="CN731" s="487" t="str">
        <f>IF(BF731="yes",('DRAFT - HGC Schemes'!BB$3*$BL731),"")</f>
        <v/>
      </c>
      <c r="CO731" s="487" t="str">
        <f>IF(BG731="yes",('DRAFT - HGC Schemes'!BC$3*$BL731),"")</f>
        <v/>
      </c>
      <c r="CP731" s="487" t="str">
        <f>IF(BH731="yes",('DRAFT - HGC Schemes'!BD$3*$BL731),"")</f>
        <v/>
      </c>
      <c r="CQ731" s="487" t="str">
        <f>IF(BI731="yes",('DRAFT - HGC Schemes'!BE$3*$BL731),"")</f>
        <v/>
      </c>
      <c r="CR731" s="487" t="str">
        <f>IF(BJ731="yes",('DRAFT - HGC Schemes'!BF$3*$BL731),"")</f>
        <v/>
      </c>
      <c r="CS731" s="487"/>
      <c r="CT731" s="487"/>
      <c r="CU731" s="487"/>
      <c r="CV731" s="487"/>
      <c r="CW731" s="487"/>
      <c r="CX731" s="487"/>
      <c r="CY731" s="487"/>
      <c r="CZ731" s="487"/>
      <c r="DA731" s="487"/>
      <c r="DB731" s="487"/>
      <c r="DC731" s="487"/>
      <c r="DD731" s="487"/>
      <c r="DE731" s="487"/>
      <c r="DF731" s="487"/>
      <c r="DG731" s="487"/>
      <c r="DH731" s="487"/>
      <c r="DI731" s="487"/>
      <c r="DJ731" s="487"/>
      <c r="DK731" s="487"/>
      <c r="DL731" s="487"/>
      <c r="DM731" s="487"/>
      <c r="DN731" s="487"/>
      <c r="DO731" s="487"/>
      <c r="DP731" s="487"/>
      <c r="DQ731" s="487"/>
      <c r="DR731" s="487"/>
      <c r="DS731" s="484"/>
      <c r="DT731" s="484"/>
      <c r="DU731" s="484"/>
      <c r="DV731" s="494"/>
      <c r="DW731" s="494"/>
    </row>
    <row r="732" spans="1:16319" s="613" customFormat="1" ht="56.25" customHeight="1" x14ac:dyDescent="0.2">
      <c r="A732" s="494"/>
      <c r="B732" s="77"/>
      <c r="C732" s="668" t="s">
        <v>3064</v>
      </c>
      <c r="D732" s="481">
        <v>511</v>
      </c>
      <c r="E732" s="481"/>
      <c r="F732" s="481" t="s">
        <v>2481</v>
      </c>
      <c r="G732" s="482" t="s">
        <v>53</v>
      </c>
      <c r="H732" s="481" t="s">
        <v>515</v>
      </c>
      <c r="I732" s="654" t="s">
        <v>528</v>
      </c>
      <c r="J732" s="654" t="s">
        <v>529</v>
      </c>
      <c r="K732" s="654"/>
      <c r="L732" s="654"/>
      <c r="M732" s="654"/>
      <c r="N732" s="484" t="s">
        <v>529</v>
      </c>
      <c r="O732" s="484" t="s">
        <v>58</v>
      </c>
      <c r="P732" s="327" t="s">
        <v>3066</v>
      </c>
      <c r="Q732" s="484" t="s">
        <v>2996</v>
      </c>
      <c r="R732" s="484" t="s">
        <v>8</v>
      </c>
      <c r="S732" s="667" t="s">
        <v>525</v>
      </c>
      <c r="T732" s="484" t="s">
        <v>525</v>
      </c>
      <c r="U732" s="484" t="s">
        <v>392</v>
      </c>
      <c r="V732" s="484"/>
      <c r="W732" s="620" t="s">
        <v>63</v>
      </c>
      <c r="X732" s="620" t="s">
        <v>63</v>
      </c>
      <c r="Y732" s="723">
        <v>0</v>
      </c>
      <c r="Z732" s="723"/>
      <c r="AA732" s="654" t="s">
        <v>64</v>
      </c>
      <c r="AB732" s="654"/>
      <c r="AC732" s="723">
        <v>0</v>
      </c>
      <c r="AD732" s="652" t="s">
        <v>82</v>
      </c>
      <c r="AE732" s="652"/>
      <c r="AF732" s="496"/>
      <c r="AG732" s="496"/>
      <c r="AH732" s="496"/>
      <c r="AI732" s="496"/>
      <c r="AJ732" s="496"/>
      <c r="AK732" s="487"/>
      <c r="AL732" s="496"/>
      <c r="AM732" s="496"/>
      <c r="AN732" s="496"/>
      <c r="AO732" s="496"/>
      <c r="AP732" s="496"/>
      <c r="AQ732" s="496"/>
      <c r="AR732" s="496"/>
      <c r="AS732" s="496"/>
      <c r="AT732" s="496" t="s">
        <v>66</v>
      </c>
      <c r="AU732" s="496"/>
      <c r="AV732" s="496"/>
      <c r="AW732" s="496"/>
      <c r="AX732" s="496"/>
      <c r="AY732" s="496"/>
      <c r="AZ732" s="496"/>
      <c r="BA732" s="496"/>
      <c r="BB732" s="496"/>
      <c r="BC732" s="496"/>
      <c r="BD732" s="496"/>
      <c r="BE732" s="496"/>
      <c r="BF732" s="496"/>
      <c r="BG732" s="496"/>
      <c r="BH732" s="496"/>
      <c r="BI732" s="496"/>
      <c r="BJ732" s="496"/>
      <c r="BK732" s="80">
        <f>SUMIF(AF732:BJ732,"YES",'DRAFT - HGC Schemes'!$AB$3:$BF$3)</f>
        <v>90</v>
      </c>
      <c r="BL732" s="76">
        <f t="shared" si="232"/>
        <v>0</v>
      </c>
      <c r="BM732" s="76"/>
      <c r="BN732" s="487" t="str">
        <f>IF(AF732="yes",('DRAFT - HGC Schemes'!AB$3*$BL732),"")</f>
        <v/>
      </c>
      <c r="BO732" s="487" t="str">
        <f>IF(AG732="yes",('DRAFT - HGC Schemes'!AC$3*$BL732),"")</f>
        <v/>
      </c>
      <c r="BP732" s="487" t="str">
        <f>IF(AH732="yes",('DRAFT - HGC Schemes'!AD$3*$BL732),"")</f>
        <v/>
      </c>
      <c r="BQ732" s="487" t="str">
        <f>IF(AI732="yes",('DRAFT - HGC Schemes'!AE$3*$BL732),"")</f>
        <v/>
      </c>
      <c r="BR732" s="487" t="str">
        <f>IF(AJ732="yes",('DRAFT - HGC Schemes'!AF$3*$BL732),"")</f>
        <v/>
      </c>
      <c r="BS732" s="487" t="str">
        <f>IF(AK732="yes",('DRAFT - HGC Schemes'!AG$3*$BL732),"")</f>
        <v/>
      </c>
      <c r="BT732" s="487" t="str">
        <f>IF(AL732="yes",('DRAFT - HGC Schemes'!AH$3*$BL732),"")</f>
        <v/>
      </c>
      <c r="BU732" s="487" t="str">
        <f>IF(AM732="yes",('DRAFT - HGC Schemes'!AI$3*$BL732),"")</f>
        <v/>
      </c>
      <c r="BV732" s="487" t="str">
        <f>IF(AN732="yes",('DRAFT - HGC Schemes'!AJ$3*$BL732),"")</f>
        <v/>
      </c>
      <c r="BW732" s="487" t="str">
        <f>IF(AO732="yes",('DRAFT - HGC Schemes'!AK$3*$BL732),"")</f>
        <v/>
      </c>
      <c r="BX732" s="487" t="str">
        <f>IF(AP732="yes",('DRAFT - HGC Schemes'!AL$3*$BL732),"")</f>
        <v/>
      </c>
      <c r="BY732" s="487" t="str">
        <f>IF(AQ732="yes",('DRAFT - HGC Schemes'!AM$3*$BL732),"")</f>
        <v/>
      </c>
      <c r="BZ732" s="487" t="str">
        <f>IF(AR732="yes",('DRAFT - HGC Schemes'!AN$3*$BL732),"")</f>
        <v/>
      </c>
      <c r="CA732" s="487" t="str">
        <f>IF(AS732="yes",('DRAFT - HGC Schemes'!AO$3*$BL732),"")</f>
        <v/>
      </c>
      <c r="CB732" s="487">
        <f>IF(AT732="yes",('DRAFT - HGC Schemes'!AP$3*$BL732),"")</f>
        <v>0</v>
      </c>
      <c r="CC732" s="487" t="str">
        <f>IF(AU732="yes",('DRAFT - HGC Schemes'!AQ$3*$BL732),"")</f>
        <v/>
      </c>
      <c r="CD732" s="487" t="str">
        <f>IF(AV732="yes",('DRAFT - HGC Schemes'!AR$3*$BL732),"")</f>
        <v/>
      </c>
      <c r="CE732" s="487" t="str">
        <f>IF(AW732="yes",('DRAFT - HGC Schemes'!AS$3*$BL732),"")</f>
        <v/>
      </c>
      <c r="CF732" s="487" t="str">
        <f>IF(AX732="yes",('DRAFT - HGC Schemes'!AT$3*$BL732),"")</f>
        <v/>
      </c>
      <c r="CG732" s="487" t="str">
        <f>IF(AY732="yes",('DRAFT - HGC Schemes'!AU$3*$BL732),"")</f>
        <v/>
      </c>
      <c r="CH732" s="487" t="str">
        <f>IF(AZ732="yes",('DRAFT - HGC Schemes'!AV$3*$BL732),"")</f>
        <v/>
      </c>
      <c r="CI732" s="487" t="str">
        <f>IF(BA732="yes",('DRAFT - HGC Schemes'!AW$3*$BL732),"")</f>
        <v/>
      </c>
      <c r="CJ732" s="487" t="str">
        <f>IF(BB732="yes",('DRAFT - HGC Schemes'!AX$3*$BL732),"")</f>
        <v/>
      </c>
      <c r="CK732" s="487" t="str">
        <f>IF(BC732="yes",('DRAFT - HGC Schemes'!AY$3*$BL732),"")</f>
        <v/>
      </c>
      <c r="CL732" s="487" t="str">
        <f>IF(BD732="yes",('DRAFT - HGC Schemes'!AZ$3*$BL732),"")</f>
        <v/>
      </c>
      <c r="CM732" s="487" t="str">
        <f>IF(BE732="yes",('DRAFT - HGC Schemes'!BA$3*$BL732),"")</f>
        <v/>
      </c>
      <c r="CN732" s="487" t="str">
        <f>IF(BF732="yes",('DRAFT - HGC Schemes'!BB$3*$BL732),"")</f>
        <v/>
      </c>
      <c r="CO732" s="487" t="str">
        <f>IF(BG732="yes",('DRAFT - HGC Schemes'!BC$3*$BL732),"")</f>
        <v/>
      </c>
      <c r="CP732" s="487" t="str">
        <f>IF(BH732="yes",('DRAFT - HGC Schemes'!BD$3*$BL732),"")</f>
        <v/>
      </c>
      <c r="CQ732" s="487" t="str">
        <f>IF(BI732="yes",('DRAFT - HGC Schemes'!BE$3*$BL732),"")</f>
        <v/>
      </c>
      <c r="CR732" s="487" t="str">
        <f>IF(BJ732="yes",('DRAFT - HGC Schemes'!BF$3*$BL732),"")</f>
        <v/>
      </c>
      <c r="CS732" s="487"/>
      <c r="CT732" s="487"/>
      <c r="CU732" s="487"/>
      <c r="CV732" s="487"/>
      <c r="CW732" s="487"/>
      <c r="CX732" s="487"/>
      <c r="CY732" s="487"/>
      <c r="CZ732" s="487"/>
      <c r="DA732" s="487"/>
      <c r="DB732" s="487"/>
      <c r="DC732" s="487"/>
      <c r="DD732" s="487"/>
      <c r="DE732" s="487"/>
      <c r="DF732" s="487"/>
      <c r="DG732" s="487"/>
      <c r="DH732" s="487"/>
      <c r="DI732" s="487"/>
      <c r="DJ732" s="487"/>
      <c r="DK732" s="487"/>
      <c r="DL732" s="487"/>
      <c r="DM732" s="487"/>
      <c r="DN732" s="487"/>
      <c r="DO732" s="487"/>
      <c r="DP732" s="487"/>
      <c r="DQ732" s="487"/>
      <c r="DR732" s="487"/>
      <c r="DS732" s="484"/>
      <c r="DT732" s="484"/>
      <c r="DU732" s="484"/>
      <c r="DV732" s="494"/>
      <c r="DW732" s="494"/>
    </row>
    <row r="733" spans="1:16319" s="613" customFormat="1" ht="56.25" customHeight="1" x14ac:dyDescent="0.2">
      <c r="A733" s="494"/>
      <c r="B733" s="77"/>
      <c r="C733" s="668" t="s">
        <v>3064</v>
      </c>
      <c r="D733" s="481">
        <v>519</v>
      </c>
      <c r="E733" s="481"/>
      <c r="F733" s="481" t="s">
        <v>2481</v>
      </c>
      <c r="G733" s="482" t="s">
        <v>53</v>
      </c>
      <c r="H733" s="481" t="s">
        <v>515</v>
      </c>
      <c r="I733" s="654" t="s">
        <v>528</v>
      </c>
      <c r="J733" s="654" t="s">
        <v>529</v>
      </c>
      <c r="K733" s="654"/>
      <c r="L733" s="654"/>
      <c r="M733" s="654"/>
      <c r="N733" s="484" t="s">
        <v>529</v>
      </c>
      <c r="O733" s="484" t="s">
        <v>58</v>
      </c>
      <c r="P733" s="327" t="s">
        <v>1374</v>
      </c>
      <c r="Q733" s="484" t="s">
        <v>2996</v>
      </c>
      <c r="R733" s="484" t="s">
        <v>8</v>
      </c>
      <c r="S733" s="667" t="s">
        <v>525</v>
      </c>
      <c r="T733" s="484" t="s">
        <v>525</v>
      </c>
      <c r="U733" s="484" t="s">
        <v>377</v>
      </c>
      <c r="V733" s="484"/>
      <c r="W733" s="620" t="s">
        <v>63</v>
      </c>
      <c r="X733" s="620" t="s">
        <v>63</v>
      </c>
      <c r="Y733" s="723">
        <v>0</v>
      </c>
      <c r="Z733" s="723"/>
      <c r="AA733" s="654" t="s">
        <v>64</v>
      </c>
      <c r="AB733" s="654"/>
      <c r="AC733" s="723">
        <v>0</v>
      </c>
      <c r="AD733" s="652" t="s">
        <v>82</v>
      </c>
      <c r="AE733" s="652"/>
      <c r="AF733" s="496"/>
      <c r="AG733" s="496"/>
      <c r="AH733" s="496"/>
      <c r="AI733" s="496"/>
      <c r="AJ733" s="496"/>
      <c r="AK733" s="487"/>
      <c r="AL733" s="496"/>
      <c r="AM733" s="496"/>
      <c r="AN733" s="496"/>
      <c r="AO733" s="496"/>
      <c r="AP733" s="496"/>
      <c r="AQ733" s="496"/>
      <c r="AR733" s="496"/>
      <c r="AS733" s="496"/>
      <c r="AT733" s="496"/>
      <c r="AU733" s="487" t="s">
        <v>66</v>
      </c>
      <c r="AV733" s="496"/>
      <c r="AW733" s="496"/>
      <c r="AX733" s="496"/>
      <c r="AY733" s="496"/>
      <c r="AZ733" s="496"/>
      <c r="BA733" s="496"/>
      <c r="BB733" s="496"/>
      <c r="BC733" s="496"/>
      <c r="BD733" s="496"/>
      <c r="BE733" s="496"/>
      <c r="BF733" s="496"/>
      <c r="BG733" s="496"/>
      <c r="BH733" s="496"/>
      <c r="BI733" s="496"/>
      <c r="BJ733" s="496"/>
      <c r="BK733" s="80">
        <f>SUMIF(AF733:BJ733,"YES",'DRAFT - HGC Schemes'!$AB$3:$BF$3)</f>
        <v>80</v>
      </c>
      <c r="BL733" s="76">
        <f t="shared" si="232"/>
        <v>0</v>
      </c>
      <c r="BM733" s="76"/>
      <c r="BN733" s="487" t="str">
        <f>IF(AF733="yes",('DRAFT - HGC Schemes'!AB$3*$BL733),"")</f>
        <v/>
      </c>
      <c r="BO733" s="487" t="str">
        <f>IF(AG733="yes",('DRAFT - HGC Schemes'!AC$3*$BL733),"")</f>
        <v/>
      </c>
      <c r="BP733" s="487" t="str">
        <f>IF(AH733="yes",('DRAFT - HGC Schemes'!AD$3*$BL733),"")</f>
        <v/>
      </c>
      <c r="BQ733" s="487" t="str">
        <f>IF(AI733="yes",('DRAFT - HGC Schemes'!AE$3*$BL733),"")</f>
        <v/>
      </c>
      <c r="BR733" s="487" t="str">
        <f>IF(AJ733="yes",('DRAFT - HGC Schemes'!AF$3*$BL733),"")</f>
        <v/>
      </c>
      <c r="BS733" s="487" t="str">
        <f>IF(AK733="yes",('DRAFT - HGC Schemes'!AG$3*$BL733),"")</f>
        <v/>
      </c>
      <c r="BT733" s="487" t="str">
        <f>IF(AL733="yes",('DRAFT - HGC Schemes'!AH$3*$BL733),"")</f>
        <v/>
      </c>
      <c r="BU733" s="487" t="str">
        <f>IF(AM733="yes",('DRAFT - HGC Schemes'!AI$3*$BL733),"")</f>
        <v/>
      </c>
      <c r="BV733" s="487" t="str">
        <f>IF(AN733="yes",('DRAFT - HGC Schemes'!AJ$3*$BL733),"")</f>
        <v/>
      </c>
      <c r="BW733" s="487" t="str">
        <f>IF(AO733="yes",('DRAFT - HGC Schemes'!AK$3*$BL733),"")</f>
        <v/>
      </c>
      <c r="BX733" s="487" t="str">
        <f>IF(AP733="yes",('DRAFT - HGC Schemes'!AL$3*$BL733),"")</f>
        <v/>
      </c>
      <c r="BY733" s="487" t="str">
        <f>IF(AQ733="yes",('DRAFT - HGC Schemes'!AM$3*$BL733),"")</f>
        <v/>
      </c>
      <c r="BZ733" s="487" t="str">
        <f>IF(AR733="yes",('DRAFT - HGC Schemes'!AN$3*$BL733),"")</f>
        <v/>
      </c>
      <c r="CA733" s="487" t="str">
        <f>IF(AS733="yes",('DRAFT - HGC Schemes'!AO$3*$BL733),"")</f>
        <v/>
      </c>
      <c r="CB733" s="487" t="str">
        <f>IF(AT733="yes",('DRAFT - HGC Schemes'!AP$3*$BL733),"")</f>
        <v/>
      </c>
      <c r="CC733" s="487">
        <f>IF(AU733="yes",('DRAFT - HGC Schemes'!AQ$3*$BL733),"")</f>
        <v>0</v>
      </c>
      <c r="CD733" s="487" t="str">
        <f>IF(AV733="yes",('DRAFT - HGC Schemes'!AR$3*$BL733),"")</f>
        <v/>
      </c>
      <c r="CE733" s="487" t="str">
        <f>IF(AW733="yes",('DRAFT - HGC Schemes'!AS$3*$BL733),"")</f>
        <v/>
      </c>
      <c r="CF733" s="487" t="str">
        <f>IF(AX733="yes",('DRAFT - HGC Schemes'!AT$3*$BL733),"")</f>
        <v/>
      </c>
      <c r="CG733" s="487" t="str">
        <f>IF(AY733="yes",('DRAFT - HGC Schemes'!AU$3*$BL733),"")</f>
        <v/>
      </c>
      <c r="CH733" s="487" t="str">
        <f>IF(AZ733="yes",('DRAFT - HGC Schemes'!AV$3*$BL733),"")</f>
        <v/>
      </c>
      <c r="CI733" s="487" t="str">
        <f>IF(BA733="yes",('DRAFT - HGC Schemes'!AW$3*$BL733),"")</f>
        <v/>
      </c>
      <c r="CJ733" s="487" t="str">
        <f>IF(BB733="yes",('DRAFT - HGC Schemes'!AX$3*$BL733),"")</f>
        <v/>
      </c>
      <c r="CK733" s="487" t="str">
        <f>IF(BC733="yes",('DRAFT - HGC Schemes'!AY$3*$BL733),"")</f>
        <v/>
      </c>
      <c r="CL733" s="487" t="str">
        <f>IF(BD733="yes",('DRAFT - HGC Schemes'!AZ$3*$BL733),"")</f>
        <v/>
      </c>
      <c r="CM733" s="487" t="str">
        <f>IF(BE733="yes",('DRAFT - HGC Schemes'!BA$3*$BL733),"")</f>
        <v/>
      </c>
      <c r="CN733" s="487" t="str">
        <f>IF(BF733="yes",('DRAFT - HGC Schemes'!BB$3*$BL733),"")</f>
        <v/>
      </c>
      <c r="CO733" s="487" t="str">
        <f>IF(BG733="yes",('DRAFT - HGC Schemes'!BC$3*$BL733),"")</f>
        <v/>
      </c>
      <c r="CP733" s="487" t="str">
        <f>IF(BH733="yes",('DRAFT - HGC Schemes'!BD$3*$BL733),"")</f>
        <v/>
      </c>
      <c r="CQ733" s="487" t="str">
        <f>IF(BI733="yes",('DRAFT - HGC Schemes'!BE$3*$BL733),"")</f>
        <v/>
      </c>
      <c r="CR733" s="487" t="str">
        <f>IF(BJ733="yes",('DRAFT - HGC Schemes'!BF$3*$BL733),"")</f>
        <v/>
      </c>
      <c r="CS733" s="487"/>
      <c r="CT733" s="487"/>
      <c r="CU733" s="487"/>
      <c r="CV733" s="487"/>
      <c r="CW733" s="487"/>
      <c r="CX733" s="487"/>
      <c r="CY733" s="487"/>
      <c r="CZ733" s="487"/>
      <c r="DA733" s="487"/>
      <c r="DB733" s="487"/>
      <c r="DC733" s="487"/>
      <c r="DD733" s="487"/>
      <c r="DE733" s="487"/>
      <c r="DF733" s="487"/>
      <c r="DG733" s="487"/>
      <c r="DH733" s="487"/>
      <c r="DI733" s="487"/>
      <c r="DJ733" s="487"/>
      <c r="DK733" s="487"/>
      <c r="DL733" s="487"/>
      <c r="DM733" s="487"/>
      <c r="DN733" s="487"/>
      <c r="DO733" s="487"/>
      <c r="DP733" s="487"/>
      <c r="DQ733" s="487"/>
      <c r="DR733" s="487"/>
      <c r="DS733" s="484"/>
      <c r="DT733" s="484"/>
      <c r="DU733" s="484"/>
      <c r="DV733" s="494"/>
      <c r="DW733" s="494"/>
    </row>
    <row r="734" spans="1:16319" s="613" customFormat="1" ht="56.25" customHeight="1" x14ac:dyDescent="0.2">
      <c r="A734" s="77"/>
      <c r="B734" s="77"/>
      <c r="C734" s="668" t="s">
        <v>3064</v>
      </c>
      <c r="D734" s="481">
        <v>535</v>
      </c>
      <c r="E734" s="481"/>
      <c r="F734" s="481" t="s">
        <v>2481</v>
      </c>
      <c r="G734" s="482" t="s">
        <v>53</v>
      </c>
      <c r="H734" s="481" t="s">
        <v>515</v>
      </c>
      <c r="I734" s="654" t="s">
        <v>528</v>
      </c>
      <c r="J734" s="654" t="s">
        <v>529</v>
      </c>
      <c r="K734" s="654"/>
      <c r="L734" s="654"/>
      <c r="M734" s="654"/>
      <c r="N734" s="484" t="s">
        <v>529</v>
      </c>
      <c r="O734" s="484" t="s">
        <v>58</v>
      </c>
      <c r="P734" s="329" t="s">
        <v>310</v>
      </c>
      <c r="Q734" s="484" t="s">
        <v>2996</v>
      </c>
      <c r="R734" s="484" t="s">
        <v>8</v>
      </c>
      <c r="S734" s="667" t="s">
        <v>525</v>
      </c>
      <c r="T734" s="484" t="s">
        <v>525</v>
      </c>
      <c r="U734" s="484" t="s">
        <v>225</v>
      </c>
      <c r="V734" s="484"/>
      <c r="W734" s="620" t="s">
        <v>63</v>
      </c>
      <c r="X734" s="620" t="s">
        <v>63</v>
      </c>
      <c r="Y734" s="723">
        <v>0</v>
      </c>
      <c r="Z734" s="723"/>
      <c r="AA734" s="654" t="s">
        <v>226</v>
      </c>
      <c r="AB734" s="654"/>
      <c r="AC734" s="723">
        <v>0</v>
      </c>
      <c r="AD734" s="652" t="s">
        <v>82</v>
      </c>
      <c r="AE734" s="652"/>
      <c r="AF734" s="496"/>
      <c r="AG734" s="496"/>
      <c r="AH734" s="496"/>
      <c r="AI734" s="496"/>
      <c r="AJ734" s="496"/>
      <c r="AK734" s="487"/>
      <c r="AL734" s="496"/>
      <c r="AM734" s="496"/>
      <c r="AN734" s="496"/>
      <c r="AO734" s="496"/>
      <c r="AP734" s="496"/>
      <c r="AQ734" s="496"/>
      <c r="AR734" s="496"/>
      <c r="AS734" s="496"/>
      <c r="AT734" s="496"/>
      <c r="AU734" s="496"/>
      <c r="AV734" s="487" t="s">
        <v>66</v>
      </c>
      <c r="AW734" s="496"/>
      <c r="AX734" s="496"/>
      <c r="AY734" s="496"/>
      <c r="AZ734" s="496"/>
      <c r="BA734" s="496"/>
      <c r="BB734" s="496"/>
      <c r="BC734" s="496"/>
      <c r="BD734" s="496"/>
      <c r="BE734" s="496"/>
      <c r="BF734" s="496"/>
      <c r="BG734" s="496"/>
      <c r="BH734" s="496"/>
      <c r="BI734" s="496"/>
      <c r="BJ734" s="496"/>
      <c r="BK734" s="80">
        <f>SUMIF(AF734:BJ734,"YES",'DRAFT - HGC Schemes'!$AB$3:$BF$3)</f>
        <v>2380</v>
      </c>
      <c r="BL734" s="76">
        <f t="shared" si="232"/>
        <v>0</v>
      </c>
      <c r="BM734" s="76"/>
      <c r="BN734" s="487" t="str">
        <f>IF(AF734="yes",('DRAFT - HGC Schemes'!AB$3*$BL734),"")</f>
        <v/>
      </c>
      <c r="BO734" s="487" t="str">
        <f>IF(AG734="yes",('DRAFT - HGC Schemes'!AC$3*$BL734),"")</f>
        <v/>
      </c>
      <c r="BP734" s="487" t="str">
        <f>IF(AH734="yes",('DRAFT - HGC Schemes'!AD$3*$BL734),"")</f>
        <v/>
      </c>
      <c r="BQ734" s="487" t="str">
        <f>IF(AI734="yes",('DRAFT - HGC Schemes'!AE$3*$BL734),"")</f>
        <v/>
      </c>
      <c r="BR734" s="487" t="str">
        <f>IF(AJ734="yes",('DRAFT - HGC Schemes'!AF$3*$BL734),"")</f>
        <v/>
      </c>
      <c r="BS734" s="487" t="str">
        <f>IF(AK734="yes",('DRAFT - HGC Schemes'!AG$3*$BL734),"")</f>
        <v/>
      </c>
      <c r="BT734" s="487" t="str">
        <f>IF(AL734="yes",('DRAFT - HGC Schemes'!AH$3*$BL734),"")</f>
        <v/>
      </c>
      <c r="BU734" s="487" t="str">
        <f>IF(AM734="yes",('DRAFT - HGC Schemes'!AI$3*$BL734),"")</f>
        <v/>
      </c>
      <c r="BV734" s="487" t="str">
        <f>IF(AN734="yes",('DRAFT - HGC Schemes'!AJ$3*$BL734),"")</f>
        <v/>
      </c>
      <c r="BW734" s="487" t="str">
        <f>IF(AO734="yes",('DRAFT - HGC Schemes'!AK$3*$BL734),"")</f>
        <v/>
      </c>
      <c r="BX734" s="487" t="str">
        <f>IF(AP734="yes",('DRAFT - HGC Schemes'!AL$3*$BL734),"")</f>
        <v/>
      </c>
      <c r="BY734" s="487" t="str">
        <f>IF(AQ734="yes",('DRAFT - HGC Schemes'!AM$3*$BL734),"")</f>
        <v/>
      </c>
      <c r="BZ734" s="487" t="str">
        <f>IF(AR734="yes",('DRAFT - HGC Schemes'!AN$3*$BL734),"")</f>
        <v/>
      </c>
      <c r="CA734" s="487" t="str">
        <f>IF(AS734="yes",('DRAFT - HGC Schemes'!AO$3*$BL734),"")</f>
        <v/>
      </c>
      <c r="CB734" s="487" t="str">
        <f>IF(AT734="yes",('DRAFT - HGC Schemes'!AP$3*$BL734),"")</f>
        <v/>
      </c>
      <c r="CC734" s="487" t="str">
        <f>IF(AU734="yes",('DRAFT - HGC Schemes'!AQ$3*$BL734),"")</f>
        <v/>
      </c>
      <c r="CD734" s="487">
        <f>IF(AV734="yes",('DRAFT - HGC Schemes'!AR$3*$BL734),"")</f>
        <v>0</v>
      </c>
      <c r="CE734" s="487" t="str">
        <f>IF(AW734="yes",('DRAFT - HGC Schemes'!AS$3*$BL734),"")</f>
        <v/>
      </c>
      <c r="CF734" s="487" t="str">
        <f>IF(AX734="yes",('DRAFT - HGC Schemes'!AT$3*$BL734),"")</f>
        <v/>
      </c>
      <c r="CG734" s="487" t="str">
        <f>IF(AY734="yes",('DRAFT - HGC Schemes'!AU$3*$BL734),"")</f>
        <v/>
      </c>
      <c r="CH734" s="487" t="str">
        <f>IF(AZ734="yes",('DRAFT - HGC Schemes'!AV$3*$BL734),"")</f>
        <v/>
      </c>
      <c r="CI734" s="487" t="str">
        <f>IF(BA734="yes",('DRAFT - HGC Schemes'!AW$3*$BL734),"")</f>
        <v/>
      </c>
      <c r="CJ734" s="487" t="str">
        <f>IF(BB734="yes",('DRAFT - HGC Schemes'!AX$3*$BL734),"")</f>
        <v/>
      </c>
      <c r="CK734" s="487" t="str">
        <f>IF(BC734="yes",('DRAFT - HGC Schemes'!AY$3*$BL734),"")</f>
        <v/>
      </c>
      <c r="CL734" s="487" t="str">
        <f>IF(BD734="yes",('DRAFT - HGC Schemes'!AZ$3*$BL734),"")</f>
        <v/>
      </c>
      <c r="CM734" s="487" t="str">
        <f>IF(BE734="yes",('DRAFT - HGC Schemes'!BA$3*$BL734),"")</f>
        <v/>
      </c>
      <c r="CN734" s="487" t="str">
        <f>IF(BF734="yes",('DRAFT - HGC Schemes'!BB$3*$BL734),"")</f>
        <v/>
      </c>
      <c r="CO734" s="487" t="str">
        <f>IF(BG734="yes",('DRAFT - HGC Schemes'!BC$3*$BL734),"")</f>
        <v/>
      </c>
      <c r="CP734" s="487" t="str">
        <f>IF(BH734="yes",('DRAFT - HGC Schemes'!BD$3*$BL734),"")</f>
        <v/>
      </c>
      <c r="CQ734" s="487" t="str">
        <f>IF(BI734="yes",('DRAFT - HGC Schemes'!BE$3*$BL734),"")</f>
        <v/>
      </c>
      <c r="CR734" s="487" t="str">
        <f>IF(BJ734="yes",('DRAFT - HGC Schemes'!BF$3*$BL734),"")</f>
        <v/>
      </c>
      <c r="CS734" s="487"/>
      <c r="CT734" s="487"/>
      <c r="CU734" s="487"/>
      <c r="CV734" s="487"/>
      <c r="CW734" s="487"/>
      <c r="CX734" s="487"/>
      <c r="CY734" s="487"/>
      <c r="CZ734" s="487"/>
      <c r="DA734" s="487"/>
      <c r="DB734" s="487"/>
      <c r="DC734" s="487"/>
      <c r="DD734" s="487"/>
      <c r="DE734" s="487"/>
      <c r="DF734" s="487"/>
      <c r="DG734" s="487"/>
      <c r="DH734" s="487"/>
      <c r="DI734" s="487"/>
      <c r="DJ734" s="487"/>
      <c r="DK734" s="487"/>
      <c r="DL734" s="487"/>
      <c r="DM734" s="487"/>
      <c r="DN734" s="487"/>
      <c r="DO734" s="487"/>
      <c r="DP734" s="487"/>
      <c r="DQ734" s="487"/>
      <c r="DR734" s="487"/>
      <c r="DS734" s="484"/>
      <c r="DT734" s="484"/>
      <c r="DU734" s="484"/>
      <c r="DV734" s="494"/>
      <c r="DW734" s="494"/>
    </row>
    <row r="735" spans="1:16319" s="613" customFormat="1" ht="56.25" customHeight="1" x14ac:dyDescent="0.2">
      <c r="A735" s="494"/>
      <c r="B735" s="499"/>
      <c r="C735" s="494"/>
      <c r="D735" s="481">
        <v>416</v>
      </c>
      <c r="E735" s="481"/>
      <c r="F735" s="481" t="s">
        <v>2481</v>
      </c>
      <c r="G735" s="482" t="s">
        <v>53</v>
      </c>
      <c r="H735" s="481" t="s">
        <v>515</v>
      </c>
      <c r="I735" s="654" t="s">
        <v>530</v>
      </c>
      <c r="J735" s="654" t="s">
        <v>532</v>
      </c>
      <c r="K735" s="654"/>
      <c r="L735" s="654"/>
      <c r="M735" s="654"/>
      <c r="N735" s="484" t="s">
        <v>532</v>
      </c>
      <c r="O735" s="484" t="s">
        <v>58</v>
      </c>
      <c r="P735" s="328" t="s">
        <v>1362</v>
      </c>
      <c r="Q735" s="484" t="s">
        <v>2996</v>
      </c>
      <c r="R735" s="484" t="s">
        <v>8</v>
      </c>
      <c r="S735" s="667" t="s">
        <v>525</v>
      </c>
      <c r="T735" s="484" t="s">
        <v>525</v>
      </c>
      <c r="U735" s="484" t="s">
        <v>181</v>
      </c>
      <c r="V735" s="484"/>
      <c r="W735" s="620" t="s">
        <v>63</v>
      </c>
      <c r="X735" s="620" t="s">
        <v>63</v>
      </c>
      <c r="Y735" s="723">
        <v>0</v>
      </c>
      <c r="Z735" s="723"/>
      <c r="AA735" s="654" t="s">
        <v>64</v>
      </c>
      <c r="AB735" s="654"/>
      <c r="AC735" s="723">
        <v>0</v>
      </c>
      <c r="AD735" s="652" t="s">
        <v>82</v>
      </c>
      <c r="AE735" s="652"/>
      <c r="AF735" s="496"/>
      <c r="AG735" s="496"/>
      <c r="AH735" s="487" t="s">
        <v>66</v>
      </c>
      <c r="AI735" s="496"/>
      <c r="AJ735" s="496"/>
      <c r="AK735" s="487"/>
      <c r="AL735" s="496"/>
      <c r="AM735" s="496"/>
      <c r="AN735" s="496"/>
      <c r="AO735" s="496"/>
      <c r="AP735" s="496"/>
      <c r="AQ735" s="496"/>
      <c r="AR735" s="496"/>
      <c r="AS735" s="496"/>
      <c r="AT735" s="496"/>
      <c r="AU735" s="496"/>
      <c r="AV735" s="496"/>
      <c r="AW735" s="496"/>
      <c r="AX735" s="496"/>
      <c r="AY735" s="496"/>
      <c r="AZ735" s="496"/>
      <c r="BA735" s="496"/>
      <c r="BB735" s="496"/>
      <c r="BC735" s="496"/>
      <c r="BD735" s="496"/>
      <c r="BE735" s="496"/>
      <c r="BF735" s="496"/>
      <c r="BG735" s="496"/>
      <c r="BH735" s="496"/>
      <c r="BI735" s="496"/>
      <c r="BJ735" s="496"/>
      <c r="BK735" s="80">
        <f>SUMIF(AF735:BJ735,"YES",'DRAFT - HGC Schemes'!$AB$3:$BF$3)</f>
        <v>450</v>
      </c>
      <c r="BL735" s="76">
        <f t="shared" si="232"/>
        <v>0</v>
      </c>
      <c r="BM735" s="76"/>
      <c r="BN735" s="487" t="str">
        <f>IF(AF735="yes",('DRAFT - HGC Schemes'!AB$3*$BL735),"")</f>
        <v/>
      </c>
      <c r="BO735" s="487" t="str">
        <f>IF(AG735="yes",('DRAFT - HGC Schemes'!AC$3*$BL735),"")</f>
        <v/>
      </c>
      <c r="BP735" s="487">
        <f>IF(AH735="yes",('DRAFT - HGC Schemes'!AD$3*$BL735),"")</f>
        <v>0</v>
      </c>
      <c r="BQ735" s="487" t="str">
        <f>IF(AI735="yes",('DRAFT - HGC Schemes'!AE$3*$BL735),"")</f>
        <v/>
      </c>
      <c r="BR735" s="487" t="str">
        <f>IF(AJ735="yes",('DRAFT - HGC Schemes'!AF$3*$BL735),"")</f>
        <v/>
      </c>
      <c r="BS735" s="487" t="str">
        <f>IF(AK735="yes",('DRAFT - HGC Schemes'!AG$3*$BL735),"")</f>
        <v/>
      </c>
      <c r="BT735" s="487" t="str">
        <f>IF(AL735="yes",('DRAFT - HGC Schemes'!AH$3*$BL735),"")</f>
        <v/>
      </c>
      <c r="BU735" s="487" t="str">
        <f>IF(AM735="yes",('DRAFT - HGC Schemes'!AI$3*$BL735),"")</f>
        <v/>
      </c>
      <c r="BV735" s="487" t="str">
        <f>IF(AN735="yes",('DRAFT - HGC Schemes'!AJ$3*$BL735),"")</f>
        <v/>
      </c>
      <c r="BW735" s="487" t="str">
        <f>IF(AO735="yes",('DRAFT - HGC Schemes'!AK$3*$BL735),"")</f>
        <v/>
      </c>
      <c r="BX735" s="487" t="str">
        <f>IF(AP735="yes",('DRAFT - HGC Schemes'!AL$3*$BL735),"")</f>
        <v/>
      </c>
      <c r="BY735" s="487" t="str">
        <f>IF(AQ735="yes",('DRAFT - HGC Schemes'!AM$3*$BL735),"")</f>
        <v/>
      </c>
      <c r="BZ735" s="487" t="str">
        <f>IF(AR735="yes",('DRAFT - HGC Schemes'!AN$3*$BL735),"")</f>
        <v/>
      </c>
      <c r="CA735" s="487" t="str">
        <f>IF(AS735="yes",('DRAFT - HGC Schemes'!AO$3*$BL735),"")</f>
        <v/>
      </c>
      <c r="CB735" s="487" t="str">
        <f>IF(AT735="yes",('DRAFT - HGC Schemes'!AP$3*$BL735),"")</f>
        <v/>
      </c>
      <c r="CC735" s="487" t="str">
        <f>IF(AU735="yes",('DRAFT - HGC Schemes'!AQ$3*$BL735),"")</f>
        <v/>
      </c>
      <c r="CD735" s="487" t="str">
        <f>IF(AV735="yes",('DRAFT - HGC Schemes'!AR$3*$BL735),"")</f>
        <v/>
      </c>
      <c r="CE735" s="487" t="str">
        <f>IF(AW735="yes",('DRAFT - HGC Schemes'!AS$3*$BL735),"")</f>
        <v/>
      </c>
      <c r="CF735" s="487" t="str">
        <f>IF(AX735="yes",('DRAFT - HGC Schemes'!AT$3*$BL735),"")</f>
        <v/>
      </c>
      <c r="CG735" s="487" t="str">
        <f>IF(AY735="yes",('DRAFT - HGC Schemes'!AU$3*$BL735),"")</f>
        <v/>
      </c>
      <c r="CH735" s="487" t="str">
        <f>IF(AZ735="yes",('DRAFT - HGC Schemes'!AV$3*$BL735),"")</f>
        <v/>
      </c>
      <c r="CI735" s="487" t="str">
        <f>IF(BA735="yes",('DRAFT - HGC Schemes'!AW$3*$BL735),"")</f>
        <v/>
      </c>
      <c r="CJ735" s="487" t="str">
        <f>IF(BB735="yes",('DRAFT - HGC Schemes'!AX$3*$BL735),"")</f>
        <v/>
      </c>
      <c r="CK735" s="487" t="str">
        <f>IF(BC735="yes",('DRAFT - HGC Schemes'!AY$3*$BL735),"")</f>
        <v/>
      </c>
      <c r="CL735" s="487" t="str">
        <f>IF(BD735="yes",('DRAFT - HGC Schemes'!AZ$3*$BL735),"")</f>
        <v/>
      </c>
      <c r="CM735" s="487" t="str">
        <f>IF(BE735="yes",('DRAFT - HGC Schemes'!BA$3*$BL735),"")</f>
        <v/>
      </c>
      <c r="CN735" s="487" t="str">
        <f>IF(BF735="yes",('DRAFT - HGC Schemes'!BB$3*$BL735),"")</f>
        <v/>
      </c>
      <c r="CO735" s="487" t="str">
        <f>IF(BG735="yes",('DRAFT - HGC Schemes'!BC$3*$BL735),"")</f>
        <v/>
      </c>
      <c r="CP735" s="487" t="str">
        <f>IF(BH735="yes",('DRAFT - HGC Schemes'!BD$3*$BL735),"")</f>
        <v/>
      </c>
      <c r="CQ735" s="487" t="str">
        <f>IF(BI735="yes",('DRAFT - HGC Schemes'!BE$3*$BL735),"")</f>
        <v/>
      </c>
      <c r="CR735" s="487" t="str">
        <f>IF(BJ735="yes",('DRAFT - HGC Schemes'!BF$3*$BL735),"")</f>
        <v/>
      </c>
      <c r="CS735" s="487"/>
      <c r="CT735" s="487"/>
      <c r="CU735" s="487"/>
      <c r="CV735" s="487"/>
      <c r="CW735" s="487"/>
      <c r="CX735" s="487"/>
      <c r="CY735" s="487"/>
      <c r="CZ735" s="487"/>
      <c r="DA735" s="487"/>
      <c r="DB735" s="487"/>
      <c r="DC735" s="487"/>
      <c r="DD735" s="487"/>
      <c r="DE735" s="487"/>
      <c r="DF735" s="487"/>
      <c r="DG735" s="487"/>
      <c r="DH735" s="487"/>
      <c r="DI735" s="487"/>
      <c r="DJ735" s="487"/>
      <c r="DK735" s="487"/>
      <c r="DL735" s="487"/>
      <c r="DM735" s="487"/>
      <c r="DN735" s="487"/>
      <c r="DO735" s="487"/>
      <c r="DP735" s="487"/>
      <c r="DQ735" s="487"/>
      <c r="DR735" s="487"/>
      <c r="DS735" s="484"/>
      <c r="DT735" s="484"/>
      <c r="DU735" s="484"/>
      <c r="DV735" s="494"/>
      <c r="DW735" s="494"/>
    </row>
    <row r="736" spans="1:16319" s="613" customFormat="1" ht="56.25" customHeight="1" x14ac:dyDescent="0.2">
      <c r="A736" s="494"/>
      <c r="B736" s="494"/>
      <c r="C736" s="494"/>
      <c r="D736" s="481">
        <v>424</v>
      </c>
      <c r="E736" s="481"/>
      <c r="F736" s="481" t="s">
        <v>2481</v>
      </c>
      <c r="G736" s="482" t="s">
        <v>53</v>
      </c>
      <c r="H736" s="481" t="s">
        <v>515</v>
      </c>
      <c r="I736" s="654" t="s">
        <v>530</v>
      </c>
      <c r="J736" s="654" t="s">
        <v>532</v>
      </c>
      <c r="K736" s="654"/>
      <c r="L736" s="654"/>
      <c r="M736" s="654"/>
      <c r="N736" s="484" t="s">
        <v>532</v>
      </c>
      <c r="O736" s="484" t="s">
        <v>58</v>
      </c>
      <c r="P736" s="327" t="s">
        <v>1363</v>
      </c>
      <c r="Q736" s="484" t="s">
        <v>2996</v>
      </c>
      <c r="R736" s="484" t="s">
        <v>8</v>
      </c>
      <c r="S736" s="667" t="s">
        <v>525</v>
      </c>
      <c r="T736" s="484" t="s">
        <v>525</v>
      </c>
      <c r="U736" s="484" t="s">
        <v>559</v>
      </c>
      <c r="V736" s="484"/>
      <c r="W736" s="620" t="s">
        <v>63</v>
      </c>
      <c r="X736" s="620" t="s">
        <v>63</v>
      </c>
      <c r="Y736" s="723">
        <v>0</v>
      </c>
      <c r="Z736" s="723"/>
      <c r="AA736" s="654" t="s">
        <v>64</v>
      </c>
      <c r="AB736" s="654"/>
      <c r="AC736" s="723">
        <v>0</v>
      </c>
      <c r="AD736" s="652" t="s">
        <v>82</v>
      </c>
      <c r="AE736" s="652"/>
      <c r="AF736" s="496"/>
      <c r="AG736" s="496"/>
      <c r="AH736" s="496"/>
      <c r="AI736" s="487" t="s">
        <v>66</v>
      </c>
      <c r="AJ736" s="496"/>
      <c r="AK736" s="487"/>
      <c r="AL736" s="496"/>
      <c r="AM736" s="496"/>
      <c r="AN736" s="496"/>
      <c r="AO736" s="496"/>
      <c r="AP736" s="496"/>
      <c r="AQ736" s="496"/>
      <c r="AR736" s="496"/>
      <c r="AS736" s="496"/>
      <c r="AT736" s="496"/>
      <c r="AU736" s="496"/>
      <c r="AV736" s="496"/>
      <c r="AW736" s="496"/>
      <c r="AX736" s="496"/>
      <c r="AY736" s="496"/>
      <c r="AZ736" s="496"/>
      <c r="BA736" s="496"/>
      <c r="BB736" s="496"/>
      <c r="BC736" s="496"/>
      <c r="BD736" s="496"/>
      <c r="BE736" s="496"/>
      <c r="BF736" s="496"/>
      <c r="BG736" s="496"/>
      <c r="BH736" s="496"/>
      <c r="BI736" s="496"/>
      <c r="BJ736" s="496"/>
      <c r="BK736" s="80">
        <f>SUMIF(AF736:BJ736,"YES",'DRAFT - HGC Schemes'!$AB$3:$BF$3)</f>
        <v>350</v>
      </c>
      <c r="BL736" s="76">
        <f t="shared" si="232"/>
        <v>0</v>
      </c>
      <c r="BM736" s="76"/>
      <c r="BN736" s="487" t="str">
        <f>IF(AF736="yes",('DRAFT - HGC Schemes'!AB$3*$BL736),"")</f>
        <v/>
      </c>
      <c r="BO736" s="487" t="str">
        <f>IF(AG736="yes",('DRAFT - HGC Schemes'!AC$3*$BL736),"")</f>
        <v/>
      </c>
      <c r="BP736" s="487" t="str">
        <f>IF(AH736="yes",('DRAFT - HGC Schemes'!AD$3*$BL736),"")</f>
        <v/>
      </c>
      <c r="BQ736" s="487">
        <f>IF(AI736="yes",('DRAFT - HGC Schemes'!AE$3*$BL736),"")</f>
        <v>0</v>
      </c>
      <c r="BR736" s="487" t="str">
        <f>IF(AJ736="yes",('DRAFT - HGC Schemes'!AF$3*$BL736),"")</f>
        <v/>
      </c>
      <c r="BS736" s="487" t="str">
        <f>IF(AK736="yes",('DRAFT - HGC Schemes'!AG$3*$BL736),"")</f>
        <v/>
      </c>
      <c r="BT736" s="487" t="str">
        <f>IF(AL736="yes",('DRAFT - HGC Schemes'!AH$3*$BL736),"")</f>
        <v/>
      </c>
      <c r="BU736" s="487" t="str">
        <f>IF(AM736="yes",('DRAFT - HGC Schemes'!AI$3*$BL736),"")</f>
        <v/>
      </c>
      <c r="BV736" s="487" t="str">
        <f>IF(AN736="yes",('DRAFT - HGC Schemes'!AJ$3*$BL736),"")</f>
        <v/>
      </c>
      <c r="BW736" s="487" t="str">
        <f>IF(AO736="yes",('DRAFT - HGC Schemes'!AK$3*$BL736),"")</f>
        <v/>
      </c>
      <c r="BX736" s="487" t="str">
        <f>IF(AP736="yes",('DRAFT - HGC Schemes'!AL$3*$BL736),"")</f>
        <v/>
      </c>
      <c r="BY736" s="487" t="str">
        <f>IF(AQ736="yes",('DRAFT - HGC Schemes'!AM$3*$BL736),"")</f>
        <v/>
      </c>
      <c r="BZ736" s="487" t="str">
        <f>IF(AR736="yes",('DRAFT - HGC Schemes'!AN$3*$BL736),"")</f>
        <v/>
      </c>
      <c r="CA736" s="487" t="str">
        <f>IF(AS736="yes",('DRAFT - HGC Schemes'!AO$3*$BL736),"")</f>
        <v/>
      </c>
      <c r="CB736" s="487" t="str">
        <f>IF(AT736="yes",('DRAFT - HGC Schemes'!AP$3*$BL736),"")</f>
        <v/>
      </c>
      <c r="CC736" s="487" t="str">
        <f>IF(AU736="yes",('DRAFT - HGC Schemes'!AQ$3*$BL736),"")</f>
        <v/>
      </c>
      <c r="CD736" s="487" t="str">
        <f>IF(AV736="yes",('DRAFT - HGC Schemes'!AR$3*$BL736),"")</f>
        <v/>
      </c>
      <c r="CE736" s="487" t="str">
        <f>IF(AW736="yes",('DRAFT - HGC Schemes'!AS$3*$BL736),"")</f>
        <v/>
      </c>
      <c r="CF736" s="487" t="str">
        <f>IF(AX736="yes",('DRAFT - HGC Schemes'!AT$3*$BL736),"")</f>
        <v/>
      </c>
      <c r="CG736" s="487" t="str">
        <f>IF(AY736="yes",('DRAFT - HGC Schemes'!AU$3*$BL736),"")</f>
        <v/>
      </c>
      <c r="CH736" s="487" t="str">
        <f>IF(AZ736="yes",('DRAFT - HGC Schemes'!AV$3*$BL736),"")</f>
        <v/>
      </c>
      <c r="CI736" s="487" t="str">
        <f>IF(BA736="yes",('DRAFT - HGC Schemes'!AW$3*$BL736),"")</f>
        <v/>
      </c>
      <c r="CJ736" s="487" t="str">
        <f>IF(BB736="yes",('DRAFT - HGC Schemes'!AX$3*$BL736),"")</f>
        <v/>
      </c>
      <c r="CK736" s="487" t="str">
        <f>IF(BC736="yes",('DRAFT - HGC Schemes'!AY$3*$BL736),"")</f>
        <v/>
      </c>
      <c r="CL736" s="487" t="str">
        <f>IF(BD736="yes",('DRAFT - HGC Schemes'!AZ$3*$BL736),"")</f>
        <v/>
      </c>
      <c r="CM736" s="487" t="str">
        <f>IF(BE736="yes",('DRAFT - HGC Schemes'!BA$3*$BL736),"")</f>
        <v/>
      </c>
      <c r="CN736" s="487" t="str">
        <f>IF(BF736="yes",('DRAFT - HGC Schemes'!BB$3*$BL736),"")</f>
        <v/>
      </c>
      <c r="CO736" s="487" t="str">
        <f>IF(BG736="yes",('DRAFT - HGC Schemes'!BC$3*$BL736),"")</f>
        <v/>
      </c>
      <c r="CP736" s="487" t="str">
        <f>IF(BH736="yes",('DRAFT - HGC Schemes'!BD$3*$BL736),"")</f>
        <v/>
      </c>
      <c r="CQ736" s="487" t="str">
        <f>IF(BI736="yes",('DRAFT - HGC Schemes'!BE$3*$BL736),"")</f>
        <v/>
      </c>
      <c r="CR736" s="487" t="str">
        <f>IF(BJ736="yes",('DRAFT - HGC Schemes'!BF$3*$BL736),"")</f>
        <v/>
      </c>
      <c r="CS736" s="487"/>
      <c r="CT736" s="487"/>
      <c r="CU736" s="487"/>
      <c r="CV736" s="487"/>
      <c r="CW736" s="487"/>
      <c r="CX736" s="487"/>
      <c r="CY736" s="487"/>
      <c r="CZ736" s="487"/>
      <c r="DA736" s="487"/>
      <c r="DB736" s="487"/>
      <c r="DC736" s="487"/>
      <c r="DD736" s="487"/>
      <c r="DE736" s="487"/>
      <c r="DF736" s="487"/>
      <c r="DG736" s="487"/>
      <c r="DH736" s="487"/>
      <c r="DI736" s="487"/>
      <c r="DJ736" s="487"/>
      <c r="DK736" s="487"/>
      <c r="DL736" s="487"/>
      <c r="DM736" s="487"/>
      <c r="DN736" s="487"/>
      <c r="DO736" s="487"/>
      <c r="DP736" s="487"/>
      <c r="DQ736" s="487"/>
      <c r="DR736" s="487"/>
      <c r="DS736" s="484"/>
      <c r="DT736" s="484"/>
      <c r="DU736" s="484"/>
      <c r="DV736" s="494"/>
      <c r="DW736" s="494"/>
    </row>
    <row r="737" spans="1:127" s="613" customFormat="1" ht="56.25" customHeight="1" x14ac:dyDescent="0.2">
      <c r="A737" s="77"/>
      <c r="B737" s="499"/>
      <c r="C737" s="77"/>
      <c r="D737" s="481">
        <v>432</v>
      </c>
      <c r="E737" s="481"/>
      <c r="F737" s="481" t="s">
        <v>2481</v>
      </c>
      <c r="G737" s="482" t="s">
        <v>53</v>
      </c>
      <c r="H737" s="481" t="s">
        <v>515</v>
      </c>
      <c r="I737" s="654" t="s">
        <v>530</v>
      </c>
      <c r="J737" s="654" t="s">
        <v>532</v>
      </c>
      <c r="K737" s="654"/>
      <c r="L737" s="654"/>
      <c r="M737" s="654"/>
      <c r="N737" s="484" t="s">
        <v>532</v>
      </c>
      <c r="O737" s="484" t="s">
        <v>58</v>
      </c>
      <c r="P737" s="329" t="s">
        <v>1361</v>
      </c>
      <c r="Q737" s="484" t="s">
        <v>2996</v>
      </c>
      <c r="R737" s="484" t="s">
        <v>8</v>
      </c>
      <c r="S737" s="667" t="s">
        <v>525</v>
      </c>
      <c r="T737" s="484" t="s">
        <v>525</v>
      </c>
      <c r="U737" s="484" t="s">
        <v>377</v>
      </c>
      <c r="V737" s="484"/>
      <c r="W737" s="620" t="s">
        <v>63</v>
      </c>
      <c r="X737" s="620" t="s">
        <v>63</v>
      </c>
      <c r="Y737" s="723">
        <v>0</v>
      </c>
      <c r="Z737" s="723"/>
      <c r="AA737" s="654" t="s">
        <v>64</v>
      </c>
      <c r="AB737" s="654"/>
      <c r="AC737" s="723">
        <v>0</v>
      </c>
      <c r="AD737" s="652" t="s">
        <v>82</v>
      </c>
      <c r="AE737" s="652"/>
      <c r="AF737" s="496"/>
      <c r="AG737" s="487" t="s">
        <v>66</v>
      </c>
      <c r="AH737" s="496"/>
      <c r="AI737" s="496"/>
      <c r="AJ737" s="496"/>
      <c r="AK737" s="487"/>
      <c r="AL737" s="496"/>
      <c r="AM737" s="496"/>
      <c r="AN737" s="496"/>
      <c r="AO737" s="496"/>
      <c r="AP737" s="496"/>
      <c r="AQ737" s="496"/>
      <c r="AR737" s="496"/>
      <c r="AS737" s="496"/>
      <c r="AT737" s="496"/>
      <c r="AU737" s="496"/>
      <c r="AV737" s="496"/>
      <c r="AW737" s="496"/>
      <c r="AX737" s="496"/>
      <c r="AY737" s="496"/>
      <c r="AZ737" s="496"/>
      <c r="BA737" s="496"/>
      <c r="BB737" s="496"/>
      <c r="BC737" s="496"/>
      <c r="BD737" s="496"/>
      <c r="BE737" s="496"/>
      <c r="BF737" s="496"/>
      <c r="BG737" s="496"/>
      <c r="BH737" s="496"/>
      <c r="BI737" s="496"/>
      <c r="BJ737" s="496"/>
      <c r="BK737" s="80">
        <f>SUMIF(AF737:BJ737,"YES",'DRAFT - HGC Schemes'!$AB$3:$BF$3)</f>
        <v>200</v>
      </c>
      <c r="BL737" s="76">
        <f t="shared" si="232"/>
        <v>0</v>
      </c>
      <c r="BM737" s="76"/>
      <c r="BN737" s="487" t="str">
        <f>IF(AF737="yes",('DRAFT - HGC Schemes'!AB$3*$BL737),"")</f>
        <v/>
      </c>
      <c r="BO737" s="487">
        <f>IF(AG737="yes",('DRAFT - HGC Schemes'!AC$3*$BL737),"")</f>
        <v>0</v>
      </c>
      <c r="BP737" s="487" t="str">
        <f>IF(AH737="yes",('DRAFT - HGC Schemes'!AD$3*$BL737),"")</f>
        <v/>
      </c>
      <c r="BQ737" s="487" t="str">
        <f>IF(AI737="yes",('DRAFT - HGC Schemes'!AE$3*$BL737),"")</f>
        <v/>
      </c>
      <c r="BR737" s="487" t="str">
        <f>IF(AJ737="yes",('DRAFT - HGC Schemes'!AF$3*$BL737),"")</f>
        <v/>
      </c>
      <c r="BS737" s="487" t="str">
        <f>IF(AK737="yes",('DRAFT - HGC Schemes'!AG$3*$BL737),"")</f>
        <v/>
      </c>
      <c r="BT737" s="487" t="str">
        <f>IF(AL737="yes",('DRAFT - HGC Schemes'!AH$3*$BL737),"")</f>
        <v/>
      </c>
      <c r="BU737" s="487" t="str">
        <f>IF(AM737="yes",('DRAFT - HGC Schemes'!AI$3*$BL737),"")</f>
        <v/>
      </c>
      <c r="BV737" s="487" t="str">
        <f>IF(AN737="yes",('DRAFT - HGC Schemes'!AJ$3*$BL737),"")</f>
        <v/>
      </c>
      <c r="BW737" s="487" t="str">
        <f>IF(AO737="yes",('DRAFT - HGC Schemes'!AK$3*$BL737),"")</f>
        <v/>
      </c>
      <c r="BX737" s="487" t="str">
        <f>IF(AP737="yes",('DRAFT - HGC Schemes'!AL$3*$BL737),"")</f>
        <v/>
      </c>
      <c r="BY737" s="487" t="str">
        <f>IF(AQ737="yes",('DRAFT - HGC Schemes'!AM$3*$BL737),"")</f>
        <v/>
      </c>
      <c r="BZ737" s="487" t="str">
        <f>IF(AR737="yes",('DRAFT - HGC Schemes'!AN$3*$BL737),"")</f>
        <v/>
      </c>
      <c r="CA737" s="487" t="str">
        <f>IF(AS737="yes",('DRAFT - HGC Schemes'!AO$3*$BL737),"")</f>
        <v/>
      </c>
      <c r="CB737" s="487" t="str">
        <f>IF(AT737="yes",('DRAFT - HGC Schemes'!AP$3*$BL737),"")</f>
        <v/>
      </c>
      <c r="CC737" s="487" t="str">
        <f>IF(AU737="yes",('DRAFT - HGC Schemes'!AQ$3*$BL737),"")</f>
        <v/>
      </c>
      <c r="CD737" s="487" t="str">
        <f>IF(AV737="yes",('DRAFT - HGC Schemes'!AR$3*$BL737),"")</f>
        <v/>
      </c>
      <c r="CE737" s="487" t="str">
        <f>IF(AW737="yes",('DRAFT - HGC Schemes'!AS$3*$BL737),"")</f>
        <v/>
      </c>
      <c r="CF737" s="487" t="str">
        <f>IF(AX737="yes",('DRAFT - HGC Schemes'!AT$3*$BL737),"")</f>
        <v/>
      </c>
      <c r="CG737" s="487" t="str">
        <f>IF(AY737="yes",('DRAFT - HGC Schemes'!AU$3*$BL737),"")</f>
        <v/>
      </c>
      <c r="CH737" s="487" t="str">
        <f>IF(AZ737="yes",('DRAFT - HGC Schemes'!AV$3*$BL737),"")</f>
        <v/>
      </c>
      <c r="CI737" s="487" t="str">
        <f>IF(BA737="yes",('DRAFT - HGC Schemes'!AW$3*$BL737),"")</f>
        <v/>
      </c>
      <c r="CJ737" s="487" t="str">
        <f>IF(BB737="yes",('DRAFT - HGC Schemes'!AX$3*$BL737),"")</f>
        <v/>
      </c>
      <c r="CK737" s="487" t="str">
        <f>IF(BC737="yes",('DRAFT - HGC Schemes'!AY$3*$BL737),"")</f>
        <v/>
      </c>
      <c r="CL737" s="487" t="str">
        <f>IF(BD737="yes",('DRAFT - HGC Schemes'!AZ$3*$BL737),"")</f>
        <v/>
      </c>
      <c r="CM737" s="487" t="str">
        <f>IF(BE737="yes",('DRAFT - HGC Schemes'!BA$3*$BL737),"")</f>
        <v/>
      </c>
      <c r="CN737" s="487" t="str">
        <f>IF(BF737="yes",('DRAFT - HGC Schemes'!BB$3*$BL737),"")</f>
        <v/>
      </c>
      <c r="CO737" s="487" t="str">
        <f>IF(BG737="yes",('DRAFT - HGC Schemes'!BC$3*$BL737),"")</f>
        <v/>
      </c>
      <c r="CP737" s="487" t="str">
        <f>IF(BH737="yes",('DRAFT - HGC Schemes'!BD$3*$BL737),"")</f>
        <v/>
      </c>
      <c r="CQ737" s="487" t="str">
        <f>IF(BI737="yes",('DRAFT - HGC Schemes'!BE$3*$BL737),"")</f>
        <v/>
      </c>
      <c r="CR737" s="487" t="str">
        <f>IF(BJ737="yes",('DRAFT - HGC Schemes'!BF$3*$BL737),"")</f>
        <v/>
      </c>
      <c r="CS737" s="487"/>
      <c r="CT737" s="487"/>
      <c r="CU737" s="487"/>
      <c r="CV737" s="487"/>
      <c r="CW737" s="487"/>
      <c r="CX737" s="487"/>
      <c r="CY737" s="487"/>
      <c r="CZ737" s="487"/>
      <c r="DA737" s="487"/>
      <c r="DB737" s="487"/>
      <c r="DC737" s="487"/>
      <c r="DD737" s="487"/>
      <c r="DE737" s="487"/>
      <c r="DF737" s="487"/>
      <c r="DG737" s="487"/>
      <c r="DH737" s="487"/>
      <c r="DI737" s="487"/>
      <c r="DJ737" s="487"/>
      <c r="DK737" s="487"/>
      <c r="DL737" s="487"/>
      <c r="DM737" s="487"/>
      <c r="DN737" s="487"/>
      <c r="DO737" s="487"/>
      <c r="DP737" s="487"/>
      <c r="DQ737" s="487"/>
      <c r="DR737" s="487"/>
      <c r="DS737" s="484"/>
      <c r="DT737" s="484"/>
      <c r="DU737" s="484"/>
      <c r="DV737" s="494"/>
      <c r="DW737" s="494"/>
    </row>
    <row r="738" spans="1:127" s="613" customFormat="1" ht="56.25" customHeight="1" x14ac:dyDescent="0.2">
      <c r="A738" s="494"/>
      <c r="B738" s="494"/>
      <c r="C738" s="494"/>
      <c r="D738" s="481">
        <v>440</v>
      </c>
      <c r="E738" s="481"/>
      <c r="F738" s="481" t="s">
        <v>2481</v>
      </c>
      <c r="G738" s="482" t="s">
        <v>53</v>
      </c>
      <c r="H738" s="481" t="s">
        <v>515</v>
      </c>
      <c r="I738" s="654" t="s">
        <v>530</v>
      </c>
      <c r="J738" s="654" t="s">
        <v>532</v>
      </c>
      <c r="K738" s="654"/>
      <c r="L738" s="654"/>
      <c r="M738" s="654"/>
      <c r="N738" s="484" t="s">
        <v>532</v>
      </c>
      <c r="O738" s="484" t="s">
        <v>58</v>
      </c>
      <c r="P738" s="327" t="s">
        <v>1364</v>
      </c>
      <c r="Q738" s="484" t="s">
        <v>2996</v>
      </c>
      <c r="R738" s="484" t="s">
        <v>8</v>
      </c>
      <c r="S738" s="667" t="s">
        <v>525</v>
      </c>
      <c r="T738" s="484" t="s">
        <v>525</v>
      </c>
      <c r="U738" s="484" t="s">
        <v>71</v>
      </c>
      <c r="V738" s="484"/>
      <c r="W738" s="620" t="s">
        <v>63</v>
      </c>
      <c r="X738" s="620" t="s">
        <v>63</v>
      </c>
      <c r="Y738" s="723">
        <v>0</v>
      </c>
      <c r="Z738" s="723"/>
      <c r="AA738" s="654" t="s">
        <v>64</v>
      </c>
      <c r="AB738" s="654"/>
      <c r="AC738" s="723">
        <v>0</v>
      </c>
      <c r="AD738" s="652" t="s">
        <v>82</v>
      </c>
      <c r="AE738" s="652"/>
      <c r="AF738" s="496"/>
      <c r="AG738" s="496"/>
      <c r="AH738" s="496"/>
      <c r="AI738" s="496"/>
      <c r="AJ738" s="487" t="s">
        <v>66</v>
      </c>
      <c r="AK738" s="487"/>
      <c r="AL738" s="496"/>
      <c r="AM738" s="496"/>
      <c r="AN738" s="496"/>
      <c r="AO738" s="496"/>
      <c r="AP738" s="496"/>
      <c r="AQ738" s="496"/>
      <c r="AR738" s="496"/>
      <c r="AS738" s="496"/>
      <c r="AT738" s="496"/>
      <c r="AU738" s="496"/>
      <c r="AV738" s="496"/>
      <c r="AW738" s="496"/>
      <c r="AX738" s="496"/>
      <c r="AY738" s="496"/>
      <c r="AZ738" s="496"/>
      <c r="BA738" s="496"/>
      <c r="BB738" s="496"/>
      <c r="BC738" s="496"/>
      <c r="BD738" s="496"/>
      <c r="BE738" s="496"/>
      <c r="BF738" s="496"/>
      <c r="BG738" s="496"/>
      <c r="BH738" s="496"/>
      <c r="BI738" s="496"/>
      <c r="BJ738" s="496"/>
      <c r="BK738" s="80">
        <f>SUMIF(AF738:BJ738,"YES",'DRAFT - HGC Schemes'!$AB$3:$BF$3)</f>
        <v>500</v>
      </c>
      <c r="BL738" s="76">
        <f t="shared" si="232"/>
        <v>0</v>
      </c>
      <c r="BM738" s="76"/>
      <c r="BN738" s="487" t="str">
        <f>IF(AF738="yes",('DRAFT - HGC Schemes'!AB$3*$BL738),"")</f>
        <v/>
      </c>
      <c r="BO738" s="487" t="str">
        <f>IF(AG738="yes",('DRAFT - HGC Schemes'!AC$3*$BL738),"")</f>
        <v/>
      </c>
      <c r="BP738" s="487" t="str">
        <f>IF(AH738="yes",('DRAFT - HGC Schemes'!AD$3*$BL738),"")</f>
        <v/>
      </c>
      <c r="BQ738" s="487" t="str">
        <f>IF(AI738="yes",('DRAFT - HGC Schemes'!AE$3*$BL738),"")</f>
        <v/>
      </c>
      <c r="BR738" s="487">
        <f>IF(AJ738="yes",('DRAFT - HGC Schemes'!AF$3*$BL738),"")</f>
        <v>0</v>
      </c>
      <c r="BS738" s="487" t="str">
        <f>IF(AK738="yes",('DRAFT - HGC Schemes'!AG$3*$BL738),"")</f>
        <v/>
      </c>
      <c r="BT738" s="487" t="str">
        <f>IF(AL738="yes",('DRAFT - HGC Schemes'!AH$3*$BL738),"")</f>
        <v/>
      </c>
      <c r="BU738" s="487" t="str">
        <f>IF(AM738="yes",('DRAFT - HGC Schemes'!AI$3*$BL738),"")</f>
        <v/>
      </c>
      <c r="BV738" s="487" t="str">
        <f>IF(AN738="yes",('DRAFT - HGC Schemes'!AJ$3*$BL738),"")</f>
        <v/>
      </c>
      <c r="BW738" s="487" t="str">
        <f>IF(AO738="yes",('DRAFT - HGC Schemes'!AK$3*$BL738),"")</f>
        <v/>
      </c>
      <c r="BX738" s="487" t="str">
        <f>IF(AP738="yes",('DRAFT - HGC Schemes'!AL$3*$BL738),"")</f>
        <v/>
      </c>
      <c r="BY738" s="487" t="str">
        <f>IF(AQ738="yes",('DRAFT - HGC Schemes'!AM$3*$BL738),"")</f>
        <v/>
      </c>
      <c r="BZ738" s="487" t="str">
        <f>IF(AR738="yes",('DRAFT - HGC Schemes'!AN$3*$BL738),"")</f>
        <v/>
      </c>
      <c r="CA738" s="487" t="str">
        <f>IF(AS738="yes",('DRAFT - HGC Schemes'!AO$3*$BL738),"")</f>
        <v/>
      </c>
      <c r="CB738" s="487" t="str">
        <f>IF(AT738="yes",('DRAFT - HGC Schemes'!AP$3*$BL738),"")</f>
        <v/>
      </c>
      <c r="CC738" s="487" t="str">
        <f>IF(AU738="yes",('DRAFT - HGC Schemes'!AQ$3*$BL738),"")</f>
        <v/>
      </c>
      <c r="CD738" s="487" t="str">
        <f>IF(AV738="yes",('DRAFT - HGC Schemes'!AR$3*$BL738),"")</f>
        <v/>
      </c>
      <c r="CE738" s="487" t="str">
        <f>IF(AW738="yes",('DRAFT - HGC Schemes'!AS$3*$BL738),"")</f>
        <v/>
      </c>
      <c r="CF738" s="487" t="str">
        <f>IF(AX738="yes",('DRAFT - HGC Schemes'!AT$3*$BL738),"")</f>
        <v/>
      </c>
      <c r="CG738" s="487" t="str">
        <f>IF(AY738="yes",('DRAFT - HGC Schemes'!AU$3*$BL738),"")</f>
        <v/>
      </c>
      <c r="CH738" s="487" t="str">
        <f>IF(AZ738="yes",('DRAFT - HGC Schemes'!AV$3*$BL738),"")</f>
        <v/>
      </c>
      <c r="CI738" s="487" t="str">
        <f>IF(BA738="yes",('DRAFT - HGC Schemes'!AW$3*$BL738),"")</f>
        <v/>
      </c>
      <c r="CJ738" s="487" t="str">
        <f>IF(BB738="yes",('DRAFT - HGC Schemes'!AX$3*$BL738),"")</f>
        <v/>
      </c>
      <c r="CK738" s="487" t="str">
        <f>IF(BC738="yes",('DRAFT - HGC Schemes'!AY$3*$BL738),"")</f>
        <v/>
      </c>
      <c r="CL738" s="487" t="str">
        <f>IF(BD738="yes",('DRAFT - HGC Schemes'!AZ$3*$BL738),"")</f>
        <v/>
      </c>
      <c r="CM738" s="487" t="str">
        <f>IF(BE738="yes",('DRAFT - HGC Schemes'!BA$3*$BL738),"")</f>
        <v/>
      </c>
      <c r="CN738" s="487" t="str">
        <f>IF(BF738="yes",('DRAFT - HGC Schemes'!BB$3*$BL738),"")</f>
        <v/>
      </c>
      <c r="CO738" s="487" t="str">
        <f>IF(BG738="yes",('DRAFT - HGC Schemes'!BC$3*$BL738),"")</f>
        <v/>
      </c>
      <c r="CP738" s="487" t="str">
        <f>IF(BH738="yes",('DRAFT - HGC Schemes'!BD$3*$BL738),"")</f>
        <v/>
      </c>
      <c r="CQ738" s="487" t="str">
        <f>IF(BI738="yes",('DRAFT - HGC Schemes'!BE$3*$BL738),"")</f>
        <v/>
      </c>
      <c r="CR738" s="487" t="str">
        <f>IF(BJ738="yes",('DRAFT - HGC Schemes'!BF$3*$BL738),"")</f>
        <v/>
      </c>
      <c r="CS738" s="487"/>
      <c r="CT738" s="487"/>
      <c r="CU738" s="487"/>
      <c r="CV738" s="487"/>
      <c r="CW738" s="487"/>
      <c r="CX738" s="487"/>
      <c r="CY738" s="487"/>
      <c r="CZ738" s="487"/>
      <c r="DA738" s="487"/>
      <c r="DB738" s="487"/>
      <c r="DC738" s="487"/>
      <c r="DD738" s="487"/>
      <c r="DE738" s="487"/>
      <c r="DF738" s="487"/>
      <c r="DG738" s="487"/>
      <c r="DH738" s="487"/>
      <c r="DI738" s="487"/>
      <c r="DJ738" s="487"/>
      <c r="DK738" s="487"/>
      <c r="DL738" s="487"/>
      <c r="DM738" s="487"/>
      <c r="DN738" s="487"/>
      <c r="DO738" s="487"/>
      <c r="DP738" s="487"/>
      <c r="DQ738" s="487"/>
      <c r="DR738" s="487"/>
      <c r="DS738" s="484"/>
      <c r="DT738" s="484"/>
      <c r="DU738" s="484"/>
      <c r="DV738" s="494"/>
      <c r="DW738" s="494"/>
    </row>
    <row r="739" spans="1:127" s="613" customFormat="1" ht="56.25" customHeight="1" x14ac:dyDescent="0.2">
      <c r="A739" s="494"/>
      <c r="B739" s="494"/>
      <c r="C739" s="494"/>
      <c r="D739" s="481">
        <v>448</v>
      </c>
      <c r="E739" s="481"/>
      <c r="F739" s="481" t="s">
        <v>2481</v>
      </c>
      <c r="G739" s="482" t="s">
        <v>53</v>
      </c>
      <c r="H739" s="481" t="s">
        <v>515</v>
      </c>
      <c r="I739" s="654" t="s">
        <v>530</v>
      </c>
      <c r="J739" s="654" t="s">
        <v>532</v>
      </c>
      <c r="K739" s="654"/>
      <c r="L739" s="654"/>
      <c r="M739" s="654"/>
      <c r="N739" s="484" t="s">
        <v>532</v>
      </c>
      <c r="O739" s="484" t="s">
        <v>58</v>
      </c>
      <c r="P739" s="327" t="s">
        <v>1366</v>
      </c>
      <c r="Q739" s="484" t="s">
        <v>2996</v>
      </c>
      <c r="R739" s="484" t="s">
        <v>8</v>
      </c>
      <c r="S739" s="667" t="s">
        <v>525</v>
      </c>
      <c r="T739" s="484" t="s">
        <v>525</v>
      </c>
      <c r="U739" s="484" t="s">
        <v>380</v>
      </c>
      <c r="V739" s="484"/>
      <c r="W739" s="620" t="s">
        <v>63</v>
      </c>
      <c r="X739" s="620" t="s">
        <v>63</v>
      </c>
      <c r="Y739" s="723">
        <v>0</v>
      </c>
      <c r="Z739" s="723"/>
      <c r="AA739" s="654" t="s">
        <v>64</v>
      </c>
      <c r="AB739" s="654"/>
      <c r="AC739" s="723">
        <v>0</v>
      </c>
      <c r="AD739" s="652" t="s">
        <v>82</v>
      </c>
      <c r="AE739" s="652"/>
      <c r="AF739" s="496"/>
      <c r="AG739" s="496"/>
      <c r="AH739" s="496"/>
      <c r="AI739" s="496"/>
      <c r="AJ739" s="496"/>
      <c r="AK739" s="487"/>
      <c r="AL739" s="487" t="s">
        <v>66</v>
      </c>
      <c r="AM739" s="496"/>
      <c r="AN739" s="496"/>
      <c r="AO739" s="496"/>
      <c r="AP739" s="496"/>
      <c r="AQ739" s="496"/>
      <c r="AR739" s="496"/>
      <c r="AS739" s="496"/>
      <c r="AT739" s="496"/>
      <c r="AU739" s="496"/>
      <c r="AV739" s="496"/>
      <c r="AW739" s="496"/>
      <c r="AX739" s="496"/>
      <c r="AY739" s="496"/>
      <c r="AZ739" s="496"/>
      <c r="BA739" s="496"/>
      <c r="BB739" s="496"/>
      <c r="BC739" s="496"/>
      <c r="BD739" s="496"/>
      <c r="BE739" s="496"/>
      <c r="BF739" s="496"/>
      <c r="BG739" s="496"/>
      <c r="BH739" s="496"/>
      <c r="BI739" s="496"/>
      <c r="BJ739" s="496"/>
      <c r="BK739" s="80">
        <f>SUMIF(AF739:BJ739,"YES",'DRAFT - HGC Schemes'!$AB$3:$BF$3)</f>
        <v>100</v>
      </c>
      <c r="BL739" s="76">
        <f t="shared" si="232"/>
        <v>0</v>
      </c>
      <c r="BM739" s="76"/>
      <c r="BN739" s="487" t="str">
        <f>IF(AF739="yes",('DRAFT - HGC Schemes'!AB$3*$BL739),"")</f>
        <v/>
      </c>
      <c r="BO739" s="487" t="str">
        <f>IF(AG739="yes",('DRAFT - HGC Schemes'!AC$3*$BL739),"")</f>
        <v/>
      </c>
      <c r="BP739" s="487" t="str">
        <f>IF(AH739="yes",('DRAFT - HGC Schemes'!AD$3*$BL739),"")</f>
        <v/>
      </c>
      <c r="BQ739" s="487" t="str">
        <f>IF(AI739="yes",('DRAFT - HGC Schemes'!AE$3*$BL739),"")</f>
        <v/>
      </c>
      <c r="BR739" s="487" t="str">
        <f>IF(AJ739="yes",('DRAFT - HGC Schemes'!AF$3*$BL739),"")</f>
        <v/>
      </c>
      <c r="BS739" s="487" t="str">
        <f>IF(AK739="yes",('DRAFT - HGC Schemes'!AG$3*$BL739),"")</f>
        <v/>
      </c>
      <c r="BT739" s="487">
        <f>IF(AL739="yes",('DRAFT - HGC Schemes'!AH$3*$BL739),"")</f>
        <v>0</v>
      </c>
      <c r="BU739" s="487" t="str">
        <f>IF(AM739="yes",('DRAFT - HGC Schemes'!AI$3*$BL739),"")</f>
        <v/>
      </c>
      <c r="BV739" s="487" t="str">
        <f>IF(AN739="yes",('DRAFT - HGC Schemes'!AJ$3*$BL739),"")</f>
        <v/>
      </c>
      <c r="BW739" s="487" t="str">
        <f>IF(AO739="yes",('DRAFT - HGC Schemes'!AK$3*$BL739),"")</f>
        <v/>
      </c>
      <c r="BX739" s="487" t="str">
        <f>IF(AP739="yes",('DRAFT - HGC Schemes'!AL$3*$BL739),"")</f>
        <v/>
      </c>
      <c r="BY739" s="487" t="str">
        <f>IF(AQ739="yes",('DRAFT - HGC Schemes'!AM$3*$BL739),"")</f>
        <v/>
      </c>
      <c r="BZ739" s="487" t="str">
        <f>IF(AR739="yes",('DRAFT - HGC Schemes'!AN$3*$BL739),"")</f>
        <v/>
      </c>
      <c r="CA739" s="487" t="str">
        <f>IF(AS739="yes",('DRAFT - HGC Schemes'!AO$3*$BL739),"")</f>
        <v/>
      </c>
      <c r="CB739" s="487" t="str">
        <f>IF(AT739="yes",('DRAFT - HGC Schemes'!AP$3*$BL739),"")</f>
        <v/>
      </c>
      <c r="CC739" s="487" t="str">
        <f>IF(AU739="yes",('DRAFT - HGC Schemes'!AQ$3*$BL739),"")</f>
        <v/>
      </c>
      <c r="CD739" s="487" t="str">
        <f>IF(AV739="yes",('DRAFT - HGC Schemes'!AR$3*$BL739),"")</f>
        <v/>
      </c>
      <c r="CE739" s="487" t="str">
        <f>IF(AW739="yes",('DRAFT - HGC Schemes'!AS$3*$BL739),"")</f>
        <v/>
      </c>
      <c r="CF739" s="487" t="str">
        <f>IF(AX739="yes",('DRAFT - HGC Schemes'!AT$3*$BL739),"")</f>
        <v/>
      </c>
      <c r="CG739" s="487" t="str">
        <f>IF(AY739="yes",('DRAFT - HGC Schemes'!AU$3*$BL739),"")</f>
        <v/>
      </c>
      <c r="CH739" s="487" t="str">
        <f>IF(AZ739="yes",('DRAFT - HGC Schemes'!AV$3*$BL739),"")</f>
        <v/>
      </c>
      <c r="CI739" s="487" t="str">
        <f>IF(BA739="yes",('DRAFT - HGC Schemes'!AW$3*$BL739),"")</f>
        <v/>
      </c>
      <c r="CJ739" s="487" t="str">
        <f>IF(BB739="yes",('DRAFT - HGC Schemes'!AX$3*$BL739),"")</f>
        <v/>
      </c>
      <c r="CK739" s="487" t="str">
        <f>IF(BC739="yes",('DRAFT - HGC Schemes'!AY$3*$BL739),"")</f>
        <v/>
      </c>
      <c r="CL739" s="487" t="str">
        <f>IF(BD739="yes",('DRAFT - HGC Schemes'!AZ$3*$BL739),"")</f>
        <v/>
      </c>
      <c r="CM739" s="487" t="str">
        <f>IF(BE739="yes",('DRAFT - HGC Schemes'!BA$3*$BL739),"")</f>
        <v/>
      </c>
      <c r="CN739" s="487" t="str">
        <f>IF(BF739="yes",('DRAFT - HGC Schemes'!BB$3*$BL739),"")</f>
        <v/>
      </c>
      <c r="CO739" s="487" t="str">
        <f>IF(BG739="yes",('DRAFT - HGC Schemes'!BC$3*$BL739),"")</f>
        <v/>
      </c>
      <c r="CP739" s="487" t="str">
        <f>IF(BH739="yes",('DRAFT - HGC Schemes'!BD$3*$BL739),"")</f>
        <v/>
      </c>
      <c r="CQ739" s="487" t="str">
        <f>IF(BI739="yes",('DRAFT - HGC Schemes'!BE$3*$BL739),"")</f>
        <v/>
      </c>
      <c r="CR739" s="487" t="str">
        <f>IF(BJ739="yes",('DRAFT - HGC Schemes'!BF$3*$BL739),"")</f>
        <v/>
      </c>
      <c r="CS739" s="487"/>
      <c r="CT739" s="487"/>
      <c r="CU739" s="487"/>
      <c r="CV739" s="487"/>
      <c r="CW739" s="487"/>
      <c r="CX739" s="487"/>
      <c r="CY739" s="487"/>
      <c r="CZ739" s="487"/>
      <c r="DA739" s="487"/>
      <c r="DB739" s="487"/>
      <c r="DC739" s="487"/>
      <c r="DD739" s="487"/>
      <c r="DE739" s="487"/>
      <c r="DF739" s="487"/>
      <c r="DG739" s="487"/>
      <c r="DH739" s="487"/>
      <c r="DI739" s="487"/>
      <c r="DJ739" s="487"/>
      <c r="DK739" s="487"/>
      <c r="DL739" s="487"/>
      <c r="DM739" s="487"/>
      <c r="DN739" s="487"/>
      <c r="DO739" s="487"/>
      <c r="DP739" s="487"/>
      <c r="DQ739" s="487"/>
      <c r="DR739" s="487"/>
      <c r="DS739" s="484"/>
      <c r="DT739" s="484"/>
      <c r="DU739" s="484"/>
      <c r="DV739" s="494"/>
      <c r="DW739" s="494"/>
    </row>
    <row r="740" spans="1:127" s="613" customFormat="1" ht="56.25" customHeight="1" x14ac:dyDescent="0.2">
      <c r="A740" s="494"/>
      <c r="B740" s="494"/>
      <c r="C740" s="494"/>
      <c r="D740" s="481">
        <v>456</v>
      </c>
      <c r="E740" s="481"/>
      <c r="F740" s="481" t="s">
        <v>2481</v>
      </c>
      <c r="G740" s="482" t="s">
        <v>53</v>
      </c>
      <c r="H740" s="481" t="s">
        <v>515</v>
      </c>
      <c r="I740" s="654" t="s">
        <v>530</v>
      </c>
      <c r="J740" s="654" t="s">
        <v>532</v>
      </c>
      <c r="K740" s="654"/>
      <c r="L740" s="654"/>
      <c r="M740" s="654"/>
      <c r="N740" s="484" t="s">
        <v>532</v>
      </c>
      <c r="O740" s="484" t="s">
        <v>58</v>
      </c>
      <c r="P740" s="327" t="s">
        <v>1367</v>
      </c>
      <c r="Q740" s="484" t="s">
        <v>2996</v>
      </c>
      <c r="R740" s="484" t="s">
        <v>8</v>
      </c>
      <c r="S740" s="667" t="s">
        <v>525</v>
      </c>
      <c r="T740" s="484" t="s">
        <v>525</v>
      </c>
      <c r="U740" s="484" t="s">
        <v>382</v>
      </c>
      <c r="V740" s="484"/>
      <c r="W740" s="620" t="s">
        <v>63</v>
      </c>
      <c r="X740" s="620" t="s">
        <v>63</v>
      </c>
      <c r="Y740" s="723">
        <v>0</v>
      </c>
      <c r="Z740" s="723"/>
      <c r="AA740" s="654" t="s">
        <v>64</v>
      </c>
      <c r="AB740" s="654"/>
      <c r="AC740" s="723">
        <v>0</v>
      </c>
      <c r="AD740" s="652" t="s">
        <v>82</v>
      </c>
      <c r="AE740" s="652"/>
      <c r="AF740" s="496"/>
      <c r="AG740" s="496"/>
      <c r="AH740" s="496"/>
      <c r="AI740" s="496"/>
      <c r="AJ740" s="496"/>
      <c r="AK740" s="487"/>
      <c r="AL740" s="496"/>
      <c r="AM740" s="487" t="s">
        <v>66</v>
      </c>
      <c r="AN740" s="496"/>
      <c r="AO740" s="496"/>
      <c r="AP740" s="496"/>
      <c r="AQ740" s="496"/>
      <c r="AR740" s="496"/>
      <c r="AS740" s="496"/>
      <c r="AT740" s="496"/>
      <c r="AU740" s="496"/>
      <c r="AV740" s="496"/>
      <c r="AW740" s="496"/>
      <c r="AX740" s="496"/>
      <c r="AY740" s="496"/>
      <c r="AZ740" s="496"/>
      <c r="BA740" s="496"/>
      <c r="BB740" s="496"/>
      <c r="BC740" s="496"/>
      <c r="BD740" s="496"/>
      <c r="BE740" s="496"/>
      <c r="BF740" s="496"/>
      <c r="BG740" s="496"/>
      <c r="BH740" s="496"/>
      <c r="BI740" s="496"/>
      <c r="BJ740" s="496"/>
      <c r="BK740" s="80">
        <f>SUMIF(AF740:BJ740,"YES",'DRAFT - HGC Schemes'!$AB$3:$BF$3)</f>
        <v>390</v>
      </c>
      <c r="BL740" s="76">
        <f t="shared" si="232"/>
        <v>0</v>
      </c>
      <c r="BM740" s="76"/>
      <c r="BN740" s="487" t="str">
        <f>IF(AF740="yes",('DRAFT - HGC Schemes'!AB$3*$BL740),"")</f>
        <v/>
      </c>
      <c r="BO740" s="487" t="str">
        <f>IF(AG740="yes",('DRAFT - HGC Schemes'!AC$3*$BL740),"")</f>
        <v/>
      </c>
      <c r="BP740" s="487" t="str">
        <f>IF(AH740="yes",('DRAFT - HGC Schemes'!AD$3*$BL740),"")</f>
        <v/>
      </c>
      <c r="BQ740" s="487" t="str">
        <f>IF(AI740="yes",('DRAFT - HGC Schemes'!AE$3*$BL740),"")</f>
        <v/>
      </c>
      <c r="BR740" s="487" t="str">
        <f>IF(AJ740="yes",('DRAFT - HGC Schemes'!AF$3*$BL740),"")</f>
        <v/>
      </c>
      <c r="BS740" s="487" t="str">
        <f>IF(AK740="yes",('DRAFT - HGC Schemes'!AG$3*$BL740),"")</f>
        <v/>
      </c>
      <c r="BT740" s="487" t="str">
        <f>IF(AL740="yes",('DRAFT - HGC Schemes'!AH$3*$BL740),"")</f>
        <v/>
      </c>
      <c r="BU740" s="487">
        <f>IF(AM740="yes",('DRAFT - HGC Schemes'!AI$3*$BL740),"")</f>
        <v>0</v>
      </c>
      <c r="BV740" s="487" t="str">
        <f>IF(AN740="yes",('DRAFT - HGC Schemes'!AJ$3*$BL740),"")</f>
        <v/>
      </c>
      <c r="BW740" s="487" t="str">
        <f>IF(AO740="yes",('DRAFT - HGC Schemes'!AK$3*$BL740),"")</f>
        <v/>
      </c>
      <c r="BX740" s="487" t="str">
        <f>IF(AP740="yes",('DRAFT - HGC Schemes'!AL$3*$BL740),"")</f>
        <v/>
      </c>
      <c r="BY740" s="487" t="str">
        <f>IF(AQ740="yes",('DRAFT - HGC Schemes'!AM$3*$BL740),"")</f>
        <v/>
      </c>
      <c r="BZ740" s="487" t="str">
        <f>IF(AR740="yes",('DRAFT - HGC Schemes'!AN$3*$BL740),"")</f>
        <v/>
      </c>
      <c r="CA740" s="487" t="str">
        <f>IF(AS740="yes",('DRAFT - HGC Schemes'!AO$3*$BL740),"")</f>
        <v/>
      </c>
      <c r="CB740" s="487" t="str">
        <f>IF(AT740="yes",('DRAFT - HGC Schemes'!AP$3*$BL740),"")</f>
        <v/>
      </c>
      <c r="CC740" s="487" t="str">
        <f>IF(AU740="yes",('DRAFT - HGC Schemes'!AQ$3*$BL740),"")</f>
        <v/>
      </c>
      <c r="CD740" s="487" t="str">
        <f>IF(AV740="yes",('DRAFT - HGC Schemes'!AR$3*$BL740),"")</f>
        <v/>
      </c>
      <c r="CE740" s="487" t="str">
        <f>IF(AW740="yes",('DRAFT - HGC Schemes'!AS$3*$BL740),"")</f>
        <v/>
      </c>
      <c r="CF740" s="487" t="str">
        <f>IF(AX740="yes",('DRAFT - HGC Schemes'!AT$3*$BL740),"")</f>
        <v/>
      </c>
      <c r="CG740" s="487" t="str">
        <f>IF(AY740="yes",('DRAFT - HGC Schemes'!AU$3*$BL740),"")</f>
        <v/>
      </c>
      <c r="CH740" s="487" t="str">
        <f>IF(AZ740="yes",('DRAFT - HGC Schemes'!AV$3*$BL740),"")</f>
        <v/>
      </c>
      <c r="CI740" s="487" t="str">
        <f>IF(BA740="yes",('DRAFT - HGC Schemes'!AW$3*$BL740),"")</f>
        <v/>
      </c>
      <c r="CJ740" s="487" t="str">
        <f>IF(BB740="yes",('DRAFT - HGC Schemes'!AX$3*$BL740),"")</f>
        <v/>
      </c>
      <c r="CK740" s="487" t="str">
        <f>IF(BC740="yes",('DRAFT - HGC Schemes'!AY$3*$BL740),"")</f>
        <v/>
      </c>
      <c r="CL740" s="487" t="str">
        <f>IF(BD740="yes",('DRAFT - HGC Schemes'!AZ$3*$BL740),"")</f>
        <v/>
      </c>
      <c r="CM740" s="487" t="str">
        <f>IF(BE740="yes",('DRAFT - HGC Schemes'!BA$3*$BL740),"")</f>
        <v/>
      </c>
      <c r="CN740" s="487" t="str">
        <f>IF(BF740="yes",('DRAFT - HGC Schemes'!BB$3*$BL740),"")</f>
        <v/>
      </c>
      <c r="CO740" s="487" t="str">
        <f>IF(BG740="yes",('DRAFT - HGC Schemes'!BC$3*$BL740),"")</f>
        <v/>
      </c>
      <c r="CP740" s="487" t="str">
        <f>IF(BH740="yes",('DRAFT - HGC Schemes'!BD$3*$BL740),"")</f>
        <v/>
      </c>
      <c r="CQ740" s="487" t="str">
        <f>IF(BI740="yes",('DRAFT - HGC Schemes'!BE$3*$BL740),"")</f>
        <v/>
      </c>
      <c r="CR740" s="487" t="str">
        <f>IF(BJ740="yes",('DRAFT - HGC Schemes'!BF$3*$BL740),"")</f>
        <v/>
      </c>
      <c r="CS740" s="487"/>
      <c r="CT740" s="487"/>
      <c r="CU740" s="487"/>
      <c r="CV740" s="487"/>
      <c r="CW740" s="487"/>
      <c r="CX740" s="487"/>
      <c r="CY740" s="487"/>
      <c r="CZ740" s="487"/>
      <c r="DA740" s="487"/>
      <c r="DB740" s="487"/>
      <c r="DC740" s="487"/>
      <c r="DD740" s="487"/>
      <c r="DE740" s="487"/>
      <c r="DF740" s="487"/>
      <c r="DG740" s="487"/>
      <c r="DH740" s="487"/>
      <c r="DI740" s="487"/>
      <c r="DJ740" s="487"/>
      <c r="DK740" s="487"/>
      <c r="DL740" s="487"/>
      <c r="DM740" s="487"/>
      <c r="DN740" s="487"/>
      <c r="DO740" s="487"/>
      <c r="DP740" s="487"/>
      <c r="DQ740" s="487"/>
      <c r="DR740" s="487"/>
      <c r="DS740" s="484"/>
      <c r="DT740" s="484"/>
      <c r="DU740" s="484"/>
      <c r="DV740" s="494"/>
      <c r="DW740" s="494"/>
    </row>
    <row r="741" spans="1:127" s="613" customFormat="1" ht="56.25" customHeight="1" x14ac:dyDescent="0.2">
      <c r="A741" s="77"/>
      <c r="B741" s="499"/>
      <c r="C741" s="77"/>
      <c r="D741" s="481">
        <v>464</v>
      </c>
      <c r="E741" s="481"/>
      <c r="F741" s="481" t="s">
        <v>2481</v>
      </c>
      <c r="G741" s="482" t="s">
        <v>53</v>
      </c>
      <c r="H741" s="481" t="s">
        <v>515</v>
      </c>
      <c r="I741" s="654" t="s">
        <v>530</v>
      </c>
      <c r="J741" s="654" t="s">
        <v>532</v>
      </c>
      <c r="K741" s="654"/>
      <c r="L741" s="654"/>
      <c r="M741" s="654"/>
      <c r="N741" s="484" t="s">
        <v>532</v>
      </c>
      <c r="O741" s="484" t="s">
        <v>58</v>
      </c>
      <c r="P741" s="329" t="s">
        <v>1365</v>
      </c>
      <c r="Q741" s="484" t="s">
        <v>2996</v>
      </c>
      <c r="R741" s="484" t="s">
        <v>8</v>
      </c>
      <c r="S741" s="667" t="s">
        <v>525</v>
      </c>
      <c r="T741" s="484" t="s">
        <v>525</v>
      </c>
      <c r="U741" s="484" t="s">
        <v>187</v>
      </c>
      <c r="V741" s="484"/>
      <c r="W741" s="620" t="s">
        <v>63</v>
      </c>
      <c r="X741" s="620" t="s">
        <v>63</v>
      </c>
      <c r="Y741" s="723">
        <v>0</v>
      </c>
      <c r="Z741" s="723"/>
      <c r="AA741" s="654" t="s">
        <v>64</v>
      </c>
      <c r="AB741" s="654"/>
      <c r="AC741" s="723">
        <v>0</v>
      </c>
      <c r="AD741" s="652" t="s">
        <v>82</v>
      </c>
      <c r="AE741" s="652"/>
      <c r="AF741" s="496"/>
      <c r="AG741" s="496"/>
      <c r="AH741" s="496"/>
      <c r="AI741" s="496"/>
      <c r="AJ741" s="496"/>
      <c r="AK741" s="487" t="s">
        <v>66</v>
      </c>
      <c r="AL741" s="496"/>
      <c r="AM741" s="496"/>
      <c r="AN741" s="496"/>
      <c r="AO741" s="496"/>
      <c r="AP741" s="496"/>
      <c r="AQ741" s="496"/>
      <c r="AR741" s="496"/>
      <c r="AS741" s="496"/>
      <c r="AT741" s="496"/>
      <c r="AU741" s="496"/>
      <c r="AV741" s="496"/>
      <c r="AW741" s="496"/>
      <c r="AX741" s="496"/>
      <c r="AY741" s="496"/>
      <c r="AZ741" s="496"/>
      <c r="BA741" s="496"/>
      <c r="BB741" s="496"/>
      <c r="BC741" s="496"/>
      <c r="BD741" s="496"/>
      <c r="BE741" s="496"/>
      <c r="BF741" s="496"/>
      <c r="BG741" s="496"/>
      <c r="BH741" s="496"/>
      <c r="BI741" s="496"/>
      <c r="BJ741" s="496"/>
      <c r="BK741" s="80">
        <f>SUMIF(AF741:BJ741,"YES",'DRAFT - HGC Schemes'!$AB$3:$BF$3)</f>
        <v>480</v>
      </c>
      <c r="BL741" s="76">
        <f t="shared" si="232"/>
        <v>0</v>
      </c>
      <c r="BM741" s="76"/>
      <c r="BN741" s="487" t="str">
        <f>IF(AF741="yes",('DRAFT - HGC Schemes'!AB$3*$BL741),"")</f>
        <v/>
      </c>
      <c r="BO741" s="487" t="str">
        <f>IF(AG741="yes",('DRAFT - HGC Schemes'!AC$3*$BL741),"")</f>
        <v/>
      </c>
      <c r="BP741" s="487" t="str">
        <f>IF(AH741="yes",('DRAFT - HGC Schemes'!AD$3*$BL741),"")</f>
        <v/>
      </c>
      <c r="BQ741" s="487" t="str">
        <f>IF(AI741="yes",('DRAFT - HGC Schemes'!AE$3*$BL741),"")</f>
        <v/>
      </c>
      <c r="BR741" s="487" t="str">
        <f>IF(AJ741="yes",('DRAFT - HGC Schemes'!AF$3*$BL741),"")</f>
        <v/>
      </c>
      <c r="BS741" s="487">
        <f>IF(AK741="yes",('DRAFT - HGC Schemes'!AG$3*$BL741),"")</f>
        <v>0</v>
      </c>
      <c r="BT741" s="487" t="str">
        <f>IF(AL741="yes",('DRAFT - HGC Schemes'!AH$3*$BL741),"")</f>
        <v/>
      </c>
      <c r="BU741" s="487" t="str">
        <f>IF(AM741="yes",('DRAFT - HGC Schemes'!AI$3*$BL741),"")</f>
        <v/>
      </c>
      <c r="BV741" s="487" t="str">
        <f>IF(AN741="yes",('DRAFT - HGC Schemes'!AJ$3*$BL741),"")</f>
        <v/>
      </c>
      <c r="BW741" s="487" t="str">
        <f>IF(AO741="yes",('DRAFT - HGC Schemes'!AK$3*$BL741),"")</f>
        <v/>
      </c>
      <c r="BX741" s="487" t="str">
        <f>IF(AP741="yes",('DRAFT - HGC Schemes'!AL$3*$BL741),"")</f>
        <v/>
      </c>
      <c r="BY741" s="487" t="str">
        <f>IF(AQ741="yes",('DRAFT - HGC Schemes'!AM$3*$BL741),"")</f>
        <v/>
      </c>
      <c r="BZ741" s="487" t="str">
        <f>IF(AR741="yes",('DRAFT - HGC Schemes'!AN$3*$BL741),"")</f>
        <v/>
      </c>
      <c r="CA741" s="487" t="str">
        <f>IF(AS741="yes",('DRAFT - HGC Schemes'!AO$3*$BL741),"")</f>
        <v/>
      </c>
      <c r="CB741" s="487" t="str">
        <f>IF(AT741="yes",('DRAFT - HGC Schemes'!AP$3*$BL741),"")</f>
        <v/>
      </c>
      <c r="CC741" s="487" t="str">
        <f>IF(AU741="yes",('DRAFT - HGC Schemes'!AQ$3*$BL741),"")</f>
        <v/>
      </c>
      <c r="CD741" s="487" t="str">
        <f>IF(AV741="yes",('DRAFT - HGC Schemes'!AR$3*$BL741),"")</f>
        <v/>
      </c>
      <c r="CE741" s="487" t="str">
        <f>IF(AW741="yes",('DRAFT - HGC Schemes'!AS$3*$BL741),"")</f>
        <v/>
      </c>
      <c r="CF741" s="487" t="str">
        <f>IF(AX741="yes",('DRAFT - HGC Schemes'!AT$3*$BL741),"")</f>
        <v/>
      </c>
      <c r="CG741" s="487" t="str">
        <f>IF(AY741="yes",('DRAFT - HGC Schemes'!AU$3*$BL741),"")</f>
        <v/>
      </c>
      <c r="CH741" s="487" t="str">
        <f>IF(AZ741="yes",('DRAFT - HGC Schemes'!AV$3*$BL741),"")</f>
        <v/>
      </c>
      <c r="CI741" s="487" t="str">
        <f>IF(BA741="yes",('DRAFT - HGC Schemes'!AW$3*$BL741),"")</f>
        <v/>
      </c>
      <c r="CJ741" s="487" t="str">
        <f>IF(BB741="yes",('DRAFT - HGC Schemes'!AX$3*$BL741),"")</f>
        <v/>
      </c>
      <c r="CK741" s="487" t="str">
        <f>IF(BC741="yes",('DRAFT - HGC Schemes'!AY$3*$BL741),"")</f>
        <v/>
      </c>
      <c r="CL741" s="487" t="str">
        <f>IF(BD741="yes",('DRAFT - HGC Schemes'!AZ$3*$BL741),"")</f>
        <v/>
      </c>
      <c r="CM741" s="487" t="str">
        <f>IF(BE741="yes",('DRAFT - HGC Schemes'!BA$3*$BL741),"")</f>
        <v/>
      </c>
      <c r="CN741" s="487" t="str">
        <f>IF(BF741="yes",('DRAFT - HGC Schemes'!BB$3*$BL741),"")</f>
        <v/>
      </c>
      <c r="CO741" s="487" t="str">
        <f>IF(BG741="yes",('DRAFT - HGC Schemes'!BC$3*$BL741),"")</f>
        <v/>
      </c>
      <c r="CP741" s="487" t="str">
        <f>IF(BH741="yes",('DRAFT - HGC Schemes'!BD$3*$BL741),"")</f>
        <v/>
      </c>
      <c r="CQ741" s="487" t="str">
        <f>IF(BI741="yes",('DRAFT - HGC Schemes'!BE$3*$BL741),"")</f>
        <v/>
      </c>
      <c r="CR741" s="487" t="str">
        <f>IF(BJ741="yes",('DRAFT - HGC Schemes'!BF$3*$BL741),"")</f>
        <v/>
      </c>
      <c r="CS741" s="487"/>
      <c r="CT741" s="487"/>
      <c r="CU741" s="487"/>
      <c r="CV741" s="487"/>
      <c r="CW741" s="487"/>
      <c r="CX741" s="487"/>
      <c r="CY741" s="487"/>
      <c r="CZ741" s="487"/>
      <c r="DA741" s="487"/>
      <c r="DB741" s="487"/>
      <c r="DC741" s="487"/>
      <c r="DD741" s="487"/>
      <c r="DE741" s="487"/>
      <c r="DF741" s="487"/>
      <c r="DG741" s="487"/>
      <c r="DH741" s="487"/>
      <c r="DI741" s="487"/>
      <c r="DJ741" s="487"/>
      <c r="DK741" s="487"/>
      <c r="DL741" s="487"/>
      <c r="DM741" s="487"/>
      <c r="DN741" s="487"/>
      <c r="DO741" s="487"/>
      <c r="DP741" s="487"/>
      <c r="DQ741" s="487"/>
      <c r="DR741" s="487"/>
      <c r="DS741" s="484"/>
      <c r="DT741" s="484"/>
      <c r="DU741" s="484"/>
      <c r="DV741" s="494"/>
      <c r="DW741" s="494"/>
    </row>
    <row r="742" spans="1:127" s="613" customFormat="1" ht="56.25" customHeight="1" x14ac:dyDescent="0.2">
      <c r="A742" s="77"/>
      <c r="B742" s="499"/>
      <c r="C742" s="77"/>
      <c r="D742" s="481">
        <v>480</v>
      </c>
      <c r="E742" s="481"/>
      <c r="F742" s="481" t="s">
        <v>2481</v>
      </c>
      <c r="G742" s="482" t="s">
        <v>53</v>
      </c>
      <c r="H742" s="481" t="s">
        <v>515</v>
      </c>
      <c r="I742" s="654" t="s">
        <v>530</v>
      </c>
      <c r="J742" s="654" t="s">
        <v>532</v>
      </c>
      <c r="K742" s="654"/>
      <c r="L742" s="654"/>
      <c r="M742" s="654"/>
      <c r="N742" s="484" t="s">
        <v>532</v>
      </c>
      <c r="O742" s="484" t="s">
        <v>58</v>
      </c>
      <c r="P742" s="329" t="s">
        <v>1371</v>
      </c>
      <c r="Q742" s="484" t="s">
        <v>2996</v>
      </c>
      <c r="R742" s="484" t="s">
        <v>8</v>
      </c>
      <c r="S742" s="667" t="s">
        <v>525</v>
      </c>
      <c r="T742" s="484" t="s">
        <v>525</v>
      </c>
      <c r="U742" s="484" t="s">
        <v>570</v>
      </c>
      <c r="V742" s="484"/>
      <c r="W742" s="620" t="s">
        <v>63</v>
      </c>
      <c r="X742" s="620" t="s">
        <v>63</v>
      </c>
      <c r="Y742" s="723">
        <v>0</v>
      </c>
      <c r="Z742" s="723"/>
      <c r="AA742" s="654" t="s">
        <v>64</v>
      </c>
      <c r="AB742" s="654"/>
      <c r="AC742" s="723">
        <v>0</v>
      </c>
      <c r="AD742" s="652" t="s">
        <v>82</v>
      </c>
      <c r="AE742" s="652"/>
      <c r="AF742" s="496"/>
      <c r="AG742" s="496"/>
      <c r="AH742" s="496"/>
      <c r="AI742" s="496"/>
      <c r="AJ742" s="496"/>
      <c r="AK742" s="487"/>
      <c r="AL742" s="496"/>
      <c r="AM742" s="496"/>
      <c r="AN742" s="496"/>
      <c r="AO742" s="496"/>
      <c r="AP742" s="496"/>
      <c r="AQ742" s="496"/>
      <c r="AR742" s="487" t="s">
        <v>66</v>
      </c>
      <c r="AS742" s="496"/>
      <c r="AT742" s="496"/>
      <c r="AU742" s="496"/>
      <c r="AV742" s="496"/>
      <c r="AW742" s="496"/>
      <c r="AX742" s="496"/>
      <c r="AY742" s="496"/>
      <c r="AZ742" s="496"/>
      <c r="BA742" s="496"/>
      <c r="BB742" s="496"/>
      <c r="BC742" s="496"/>
      <c r="BD742" s="496"/>
      <c r="BE742" s="496"/>
      <c r="BF742" s="496"/>
      <c r="BG742" s="496"/>
      <c r="BH742" s="496"/>
      <c r="BI742" s="496"/>
      <c r="BJ742" s="496"/>
      <c r="BK742" s="80">
        <f>SUMIF(AF742:BJ742,"YES",'DRAFT - HGC Schemes'!$AB$3:$BF$3)</f>
        <v>234</v>
      </c>
      <c r="BL742" s="76">
        <f t="shared" si="232"/>
        <v>0</v>
      </c>
      <c r="BM742" s="76"/>
      <c r="BN742" s="487" t="str">
        <f>IF(AF742="yes",('DRAFT - HGC Schemes'!AB$3*$BL742),"")</f>
        <v/>
      </c>
      <c r="BO742" s="487" t="str">
        <f>IF(AG742="yes",('DRAFT - HGC Schemes'!AC$3*$BL742),"")</f>
        <v/>
      </c>
      <c r="BP742" s="487" t="str">
        <f>IF(AH742="yes",('DRAFT - HGC Schemes'!AD$3*$BL742),"")</f>
        <v/>
      </c>
      <c r="BQ742" s="487" t="str">
        <f>IF(AI742="yes",('DRAFT - HGC Schemes'!AE$3*$BL742),"")</f>
        <v/>
      </c>
      <c r="BR742" s="487" t="str">
        <f>IF(AJ742="yes",('DRAFT - HGC Schemes'!AF$3*$BL742),"")</f>
        <v/>
      </c>
      <c r="BS742" s="487" t="str">
        <f>IF(AK742="yes",('DRAFT - HGC Schemes'!AG$3*$BL742),"")</f>
        <v/>
      </c>
      <c r="BT742" s="487" t="str">
        <f>IF(AL742="yes",('DRAFT - HGC Schemes'!AH$3*$BL742),"")</f>
        <v/>
      </c>
      <c r="BU742" s="487" t="str">
        <f>IF(AM742="yes",('DRAFT - HGC Schemes'!AI$3*$BL742),"")</f>
        <v/>
      </c>
      <c r="BV742" s="487" t="str">
        <f>IF(AN742="yes",('DRAFT - HGC Schemes'!AJ$3*$BL742),"")</f>
        <v/>
      </c>
      <c r="BW742" s="487" t="str">
        <f>IF(AO742="yes",('DRAFT - HGC Schemes'!AK$3*$BL742),"")</f>
        <v/>
      </c>
      <c r="BX742" s="487" t="str">
        <f>IF(AP742="yes",('DRAFT - HGC Schemes'!AL$3*$BL742),"")</f>
        <v/>
      </c>
      <c r="BY742" s="487" t="str">
        <f>IF(AQ742="yes",('DRAFT - HGC Schemes'!AM$3*$BL742),"")</f>
        <v/>
      </c>
      <c r="BZ742" s="487">
        <f>IF(AR742="yes",('DRAFT - HGC Schemes'!AN$3*$BL742),"")</f>
        <v>0</v>
      </c>
      <c r="CA742" s="487" t="str">
        <f>IF(AS742="yes",('DRAFT - HGC Schemes'!AO$3*$BL742),"")</f>
        <v/>
      </c>
      <c r="CB742" s="487" t="str">
        <f>IF(AT742="yes",('DRAFT - HGC Schemes'!AP$3*$BL742),"")</f>
        <v/>
      </c>
      <c r="CC742" s="487" t="str">
        <f>IF(AU742="yes",('DRAFT - HGC Schemes'!AQ$3*$BL742),"")</f>
        <v/>
      </c>
      <c r="CD742" s="487" t="str">
        <f>IF(AV742="yes",('DRAFT - HGC Schemes'!AR$3*$BL742),"")</f>
        <v/>
      </c>
      <c r="CE742" s="487" t="str">
        <f>IF(AW742="yes",('DRAFT - HGC Schemes'!AS$3*$BL742),"")</f>
        <v/>
      </c>
      <c r="CF742" s="487" t="str">
        <f>IF(AX742="yes",('DRAFT - HGC Schemes'!AT$3*$BL742),"")</f>
        <v/>
      </c>
      <c r="CG742" s="487" t="str">
        <f>IF(AY742="yes",('DRAFT - HGC Schemes'!AU$3*$BL742),"")</f>
        <v/>
      </c>
      <c r="CH742" s="487" t="str">
        <f>IF(AZ742="yes",('DRAFT - HGC Schemes'!AV$3*$BL742),"")</f>
        <v/>
      </c>
      <c r="CI742" s="487" t="str">
        <f>IF(BA742="yes",('DRAFT - HGC Schemes'!AW$3*$BL742),"")</f>
        <v/>
      </c>
      <c r="CJ742" s="487" t="str">
        <f>IF(BB742="yes",('DRAFT - HGC Schemes'!AX$3*$BL742),"")</f>
        <v/>
      </c>
      <c r="CK742" s="487" t="str">
        <f>IF(BC742="yes",('DRAFT - HGC Schemes'!AY$3*$BL742),"")</f>
        <v/>
      </c>
      <c r="CL742" s="487" t="str">
        <f>IF(BD742="yes",('DRAFT - HGC Schemes'!AZ$3*$BL742),"")</f>
        <v/>
      </c>
      <c r="CM742" s="487" t="str">
        <f>IF(BE742="yes",('DRAFT - HGC Schemes'!BA$3*$BL742),"")</f>
        <v/>
      </c>
      <c r="CN742" s="487" t="str">
        <f>IF(BF742="yes",('DRAFT - HGC Schemes'!BB$3*$BL742),"")</f>
        <v/>
      </c>
      <c r="CO742" s="487" t="str">
        <f>IF(BG742="yes",('DRAFT - HGC Schemes'!BC$3*$BL742),"")</f>
        <v/>
      </c>
      <c r="CP742" s="487" t="str">
        <f>IF(BH742="yes",('DRAFT - HGC Schemes'!BD$3*$BL742),"")</f>
        <v/>
      </c>
      <c r="CQ742" s="487" t="str">
        <f>IF(BI742="yes",('DRAFT - HGC Schemes'!BE$3*$BL742),"")</f>
        <v/>
      </c>
      <c r="CR742" s="487" t="str">
        <f>IF(BJ742="yes",('DRAFT - HGC Schemes'!BF$3*$BL742),"")</f>
        <v/>
      </c>
      <c r="CS742" s="487"/>
      <c r="CT742" s="487"/>
      <c r="CU742" s="487"/>
      <c r="CV742" s="487"/>
      <c r="CW742" s="487"/>
      <c r="CX742" s="487"/>
      <c r="CY742" s="487"/>
      <c r="CZ742" s="487"/>
      <c r="DA742" s="487"/>
      <c r="DB742" s="487"/>
      <c r="DC742" s="487"/>
      <c r="DD742" s="487"/>
      <c r="DE742" s="487"/>
      <c r="DF742" s="487"/>
      <c r="DG742" s="487"/>
      <c r="DH742" s="487"/>
      <c r="DI742" s="487"/>
      <c r="DJ742" s="487"/>
      <c r="DK742" s="487"/>
      <c r="DL742" s="487"/>
      <c r="DM742" s="487"/>
      <c r="DN742" s="487"/>
      <c r="DO742" s="487"/>
      <c r="DP742" s="487"/>
      <c r="DQ742" s="487"/>
      <c r="DR742" s="487"/>
      <c r="DS742" s="484"/>
      <c r="DT742" s="484"/>
      <c r="DU742" s="484"/>
      <c r="DV742" s="494"/>
      <c r="DW742" s="494"/>
    </row>
    <row r="743" spans="1:127" s="613" customFormat="1" ht="56.25" customHeight="1" x14ac:dyDescent="0.2">
      <c r="A743" s="494"/>
      <c r="B743" s="494"/>
      <c r="C743" s="494"/>
      <c r="D743" s="481">
        <v>504</v>
      </c>
      <c r="E743" s="481"/>
      <c r="F743" s="481" t="s">
        <v>2481</v>
      </c>
      <c r="G743" s="482" t="s">
        <v>53</v>
      </c>
      <c r="H743" s="481" t="s">
        <v>515</v>
      </c>
      <c r="I743" s="654" t="s">
        <v>530</v>
      </c>
      <c r="J743" s="654" t="s">
        <v>532</v>
      </c>
      <c r="K743" s="654"/>
      <c r="L743" s="654"/>
      <c r="M743" s="654"/>
      <c r="N743" s="484" t="s">
        <v>532</v>
      </c>
      <c r="O743" s="484" t="s">
        <v>58</v>
      </c>
      <c r="P743" s="327" t="s">
        <v>2609</v>
      </c>
      <c r="Q743" s="484" t="s">
        <v>2996</v>
      </c>
      <c r="R743" s="484" t="s">
        <v>8</v>
      </c>
      <c r="S743" s="667" t="s">
        <v>525</v>
      </c>
      <c r="T743" s="484" t="s">
        <v>525</v>
      </c>
      <c r="U743" s="484" t="s">
        <v>187</v>
      </c>
      <c r="V743" s="484"/>
      <c r="W743" s="620" t="s">
        <v>63</v>
      </c>
      <c r="X743" s="620" t="s">
        <v>63</v>
      </c>
      <c r="Y743" s="723">
        <v>0</v>
      </c>
      <c r="Z743" s="723"/>
      <c r="AA743" s="654" t="s">
        <v>64</v>
      </c>
      <c r="AB743" s="654"/>
      <c r="AC743" s="723">
        <v>0</v>
      </c>
      <c r="AD743" s="652" t="s">
        <v>82</v>
      </c>
      <c r="AE743" s="652"/>
      <c r="AF743" s="496"/>
      <c r="AG743" s="496"/>
      <c r="AH743" s="496"/>
      <c r="AI743" s="496"/>
      <c r="AJ743" s="496"/>
      <c r="AK743" s="487"/>
      <c r="AL743" s="496"/>
      <c r="AM743" s="496"/>
      <c r="AN743" s="496"/>
      <c r="AO743" s="496"/>
      <c r="AP743" s="496"/>
      <c r="AQ743" s="496"/>
      <c r="AR743" s="496"/>
      <c r="AS743" s="487" t="s">
        <v>66</v>
      </c>
      <c r="AT743" s="496"/>
      <c r="AU743" s="496"/>
      <c r="AV743" s="496"/>
      <c r="AW743" s="496"/>
      <c r="AX743" s="496"/>
      <c r="AY743" s="496"/>
      <c r="AZ743" s="496"/>
      <c r="BA743" s="496"/>
      <c r="BB743" s="496"/>
      <c r="BC743" s="496"/>
      <c r="BD743" s="496"/>
      <c r="BE743" s="496"/>
      <c r="BF743" s="496"/>
      <c r="BG743" s="496"/>
      <c r="BH743" s="496"/>
      <c r="BI743" s="496"/>
      <c r="BJ743" s="496"/>
      <c r="BK743" s="80">
        <f>SUMIF(AF743:BJ743,"YES",'DRAFT - HGC Schemes'!$AB$3:$BF$3)</f>
        <v>350</v>
      </c>
      <c r="BL743" s="76">
        <f t="shared" si="232"/>
        <v>0</v>
      </c>
      <c r="BM743" s="76"/>
      <c r="BN743" s="487" t="str">
        <f>IF(AF743="yes",('DRAFT - HGC Schemes'!AB$3*$BL743),"")</f>
        <v/>
      </c>
      <c r="BO743" s="487" t="str">
        <f>IF(AG743="yes",('DRAFT - HGC Schemes'!AC$3*$BL743),"")</f>
        <v/>
      </c>
      <c r="BP743" s="487" t="str">
        <f>IF(AH743="yes",('DRAFT - HGC Schemes'!AD$3*$BL743),"")</f>
        <v/>
      </c>
      <c r="BQ743" s="487" t="str">
        <f>IF(AI743="yes",('DRAFT - HGC Schemes'!AE$3*$BL743),"")</f>
        <v/>
      </c>
      <c r="BR743" s="487" t="str">
        <f>IF(AJ743="yes",('DRAFT - HGC Schemes'!AF$3*$BL743),"")</f>
        <v/>
      </c>
      <c r="BS743" s="487" t="str">
        <f>IF(AK743="yes",('DRAFT - HGC Schemes'!AG$3*$BL743),"")</f>
        <v/>
      </c>
      <c r="BT743" s="487" t="str">
        <f>IF(AL743="yes",('DRAFT - HGC Schemes'!AH$3*$BL743),"")</f>
        <v/>
      </c>
      <c r="BU743" s="487" t="str">
        <f>IF(AM743="yes",('DRAFT - HGC Schemes'!AI$3*$BL743),"")</f>
        <v/>
      </c>
      <c r="BV743" s="487" t="str">
        <f>IF(AN743="yes",('DRAFT - HGC Schemes'!AJ$3*$BL743),"")</f>
        <v/>
      </c>
      <c r="BW743" s="487" t="str">
        <f>IF(AO743="yes",('DRAFT - HGC Schemes'!AK$3*$BL743),"")</f>
        <v/>
      </c>
      <c r="BX743" s="487" t="str">
        <f>IF(AP743="yes",('DRAFT - HGC Schemes'!AL$3*$BL743),"")</f>
        <v/>
      </c>
      <c r="BY743" s="487" t="str">
        <f>IF(AQ743="yes",('DRAFT - HGC Schemes'!AM$3*$BL743),"")</f>
        <v/>
      </c>
      <c r="BZ743" s="487" t="str">
        <f>IF(AR743="yes",('DRAFT - HGC Schemes'!AN$3*$BL743),"")</f>
        <v/>
      </c>
      <c r="CA743" s="487">
        <f>IF(AS743="yes",('DRAFT - HGC Schemes'!AO$3*$BL743),"")</f>
        <v>0</v>
      </c>
      <c r="CB743" s="487" t="str">
        <f>IF(AT743="yes",('DRAFT - HGC Schemes'!AP$3*$BL743),"")</f>
        <v/>
      </c>
      <c r="CC743" s="487" t="str">
        <f>IF(AU743="yes",('DRAFT - HGC Schemes'!AQ$3*$BL743),"")</f>
        <v/>
      </c>
      <c r="CD743" s="487" t="str">
        <f>IF(AV743="yes",('DRAFT - HGC Schemes'!AR$3*$BL743),"")</f>
        <v/>
      </c>
      <c r="CE743" s="487" t="str">
        <f>IF(AW743="yes",('DRAFT - HGC Schemes'!AS$3*$BL743),"")</f>
        <v/>
      </c>
      <c r="CF743" s="487" t="str">
        <f>IF(AX743="yes",('DRAFT - HGC Schemes'!AT$3*$BL743),"")</f>
        <v/>
      </c>
      <c r="CG743" s="487" t="str">
        <f>IF(AY743="yes",('DRAFT - HGC Schemes'!AU$3*$BL743),"")</f>
        <v/>
      </c>
      <c r="CH743" s="487" t="str">
        <f>IF(AZ743="yes",('DRAFT - HGC Schemes'!AV$3*$BL743),"")</f>
        <v/>
      </c>
      <c r="CI743" s="487" t="str">
        <f>IF(BA743="yes",('DRAFT - HGC Schemes'!AW$3*$BL743),"")</f>
        <v/>
      </c>
      <c r="CJ743" s="487" t="str">
        <f>IF(BB743="yes",('DRAFT - HGC Schemes'!AX$3*$BL743),"")</f>
        <v/>
      </c>
      <c r="CK743" s="487" t="str">
        <f>IF(BC743="yes",('DRAFT - HGC Schemes'!AY$3*$BL743),"")</f>
        <v/>
      </c>
      <c r="CL743" s="487" t="str">
        <f>IF(BD743="yes",('DRAFT - HGC Schemes'!AZ$3*$BL743),"")</f>
        <v/>
      </c>
      <c r="CM743" s="487" t="str">
        <f>IF(BE743="yes",('DRAFT - HGC Schemes'!BA$3*$BL743),"")</f>
        <v/>
      </c>
      <c r="CN743" s="487" t="str">
        <f>IF(BF743="yes",('DRAFT - HGC Schemes'!BB$3*$BL743),"")</f>
        <v/>
      </c>
      <c r="CO743" s="487" t="str">
        <f>IF(BG743="yes",('DRAFT - HGC Schemes'!BC$3*$BL743),"")</f>
        <v/>
      </c>
      <c r="CP743" s="487" t="str">
        <f>IF(BH743="yes",('DRAFT - HGC Schemes'!BD$3*$BL743),"")</f>
        <v/>
      </c>
      <c r="CQ743" s="487" t="str">
        <f>IF(BI743="yes",('DRAFT - HGC Schemes'!BE$3*$BL743),"")</f>
        <v/>
      </c>
      <c r="CR743" s="487" t="str">
        <f>IF(BJ743="yes",('DRAFT - HGC Schemes'!BF$3*$BL743),"")</f>
        <v/>
      </c>
      <c r="CS743" s="487"/>
      <c r="CT743" s="487"/>
      <c r="CU743" s="487"/>
      <c r="CV743" s="487"/>
      <c r="CW743" s="487"/>
      <c r="CX743" s="487"/>
      <c r="CY743" s="487"/>
      <c r="CZ743" s="487"/>
      <c r="DA743" s="487"/>
      <c r="DB743" s="487"/>
      <c r="DC743" s="487"/>
      <c r="DD743" s="487"/>
      <c r="DE743" s="487"/>
      <c r="DF743" s="487"/>
      <c r="DG743" s="487"/>
      <c r="DH743" s="487"/>
      <c r="DI743" s="487"/>
      <c r="DJ743" s="487"/>
      <c r="DK743" s="487"/>
      <c r="DL743" s="487"/>
      <c r="DM743" s="487"/>
      <c r="DN743" s="487"/>
      <c r="DO743" s="487"/>
      <c r="DP743" s="487"/>
      <c r="DQ743" s="487"/>
      <c r="DR743" s="487"/>
      <c r="DS743" s="484"/>
      <c r="DT743" s="484"/>
      <c r="DU743" s="484"/>
      <c r="DV743" s="494"/>
      <c r="DW743" s="494"/>
    </row>
    <row r="744" spans="1:127" s="613" customFormat="1" ht="56.25" customHeight="1" x14ac:dyDescent="0.2">
      <c r="A744" s="494"/>
      <c r="B744" s="494"/>
      <c r="C744" s="494"/>
      <c r="D744" s="481">
        <v>512</v>
      </c>
      <c r="E744" s="481"/>
      <c r="F744" s="481" t="s">
        <v>2481</v>
      </c>
      <c r="G744" s="482" t="s">
        <v>53</v>
      </c>
      <c r="H744" s="481" t="s">
        <v>515</v>
      </c>
      <c r="I744" s="654" t="s">
        <v>530</v>
      </c>
      <c r="J744" s="654" t="s">
        <v>532</v>
      </c>
      <c r="K744" s="654"/>
      <c r="L744" s="654"/>
      <c r="M744" s="654"/>
      <c r="N744" s="484" t="s">
        <v>532</v>
      </c>
      <c r="O744" s="484" t="s">
        <v>58</v>
      </c>
      <c r="P744" s="327" t="s">
        <v>3066</v>
      </c>
      <c r="Q744" s="484" t="s">
        <v>2996</v>
      </c>
      <c r="R744" s="484" t="s">
        <v>8</v>
      </c>
      <c r="S744" s="667" t="s">
        <v>525</v>
      </c>
      <c r="T744" s="484" t="s">
        <v>525</v>
      </c>
      <c r="U744" s="484" t="s">
        <v>392</v>
      </c>
      <c r="V744" s="484"/>
      <c r="W744" s="620" t="s">
        <v>63</v>
      </c>
      <c r="X744" s="620" t="s">
        <v>63</v>
      </c>
      <c r="Y744" s="723">
        <v>0</v>
      </c>
      <c r="Z744" s="723"/>
      <c r="AA744" s="654" t="s">
        <v>64</v>
      </c>
      <c r="AB744" s="654"/>
      <c r="AC744" s="723">
        <v>0</v>
      </c>
      <c r="AD744" s="652" t="s">
        <v>82</v>
      </c>
      <c r="AE744" s="652"/>
      <c r="AF744" s="496"/>
      <c r="AG744" s="496"/>
      <c r="AH744" s="496"/>
      <c r="AI744" s="496"/>
      <c r="AJ744" s="496"/>
      <c r="AK744" s="487"/>
      <c r="AL744" s="496"/>
      <c r="AM744" s="496"/>
      <c r="AN744" s="496"/>
      <c r="AO744" s="496"/>
      <c r="AP744" s="496"/>
      <c r="AQ744" s="496"/>
      <c r="AR744" s="496"/>
      <c r="AS744" s="496"/>
      <c r="AT744" s="496" t="s">
        <v>66</v>
      </c>
      <c r="AU744" s="496"/>
      <c r="AV744" s="496"/>
      <c r="AW744" s="496"/>
      <c r="AX744" s="496"/>
      <c r="AY744" s="496"/>
      <c r="AZ744" s="496"/>
      <c r="BA744" s="496"/>
      <c r="BB744" s="496"/>
      <c r="BC744" s="496"/>
      <c r="BD744" s="496"/>
      <c r="BE744" s="496"/>
      <c r="BF744" s="496"/>
      <c r="BG744" s="496"/>
      <c r="BH744" s="496"/>
      <c r="BI744" s="496"/>
      <c r="BJ744" s="496"/>
      <c r="BK744" s="80">
        <f>SUMIF(AF744:BJ744,"YES",'DRAFT - HGC Schemes'!$AB$3:$BF$3)</f>
        <v>90</v>
      </c>
      <c r="BL744" s="76">
        <f t="shared" si="232"/>
        <v>0</v>
      </c>
      <c r="BM744" s="76"/>
      <c r="BN744" s="487" t="str">
        <f>IF(AF744="yes",('DRAFT - HGC Schemes'!AB$3*$BL744),"")</f>
        <v/>
      </c>
      <c r="BO744" s="487" t="str">
        <f>IF(AG744="yes",('DRAFT - HGC Schemes'!AC$3*$BL744),"")</f>
        <v/>
      </c>
      <c r="BP744" s="487" t="str">
        <f>IF(AH744="yes",('DRAFT - HGC Schemes'!AD$3*$BL744),"")</f>
        <v/>
      </c>
      <c r="BQ744" s="487" t="str">
        <f>IF(AI744="yes",('DRAFT - HGC Schemes'!AE$3*$BL744),"")</f>
        <v/>
      </c>
      <c r="BR744" s="487" t="str">
        <f>IF(AJ744="yes",('DRAFT - HGC Schemes'!AF$3*$BL744),"")</f>
        <v/>
      </c>
      <c r="BS744" s="487" t="str">
        <f>IF(AK744="yes",('DRAFT - HGC Schemes'!AG$3*$BL744),"")</f>
        <v/>
      </c>
      <c r="BT744" s="487" t="str">
        <f>IF(AL744="yes",('DRAFT - HGC Schemes'!AH$3*$BL744),"")</f>
        <v/>
      </c>
      <c r="BU744" s="487" t="str">
        <f>IF(AM744="yes",('DRAFT - HGC Schemes'!AI$3*$BL744),"")</f>
        <v/>
      </c>
      <c r="BV744" s="487" t="str">
        <f>IF(AN744="yes",('DRAFT - HGC Schemes'!AJ$3*$BL744),"")</f>
        <v/>
      </c>
      <c r="BW744" s="487" t="str">
        <f>IF(AO744="yes",('DRAFT - HGC Schemes'!AK$3*$BL744),"")</f>
        <v/>
      </c>
      <c r="BX744" s="487" t="str">
        <f>IF(AP744="yes",('DRAFT - HGC Schemes'!AL$3*$BL744),"")</f>
        <v/>
      </c>
      <c r="BY744" s="487" t="str">
        <f>IF(AQ744="yes",('DRAFT - HGC Schemes'!AM$3*$BL744),"")</f>
        <v/>
      </c>
      <c r="BZ744" s="487" t="str">
        <f>IF(AR744="yes",('DRAFT - HGC Schemes'!AN$3*$BL744),"")</f>
        <v/>
      </c>
      <c r="CA744" s="487" t="str">
        <f>IF(AS744="yes",('DRAFT - HGC Schemes'!AO$3*$BL744),"")</f>
        <v/>
      </c>
      <c r="CB744" s="487">
        <f>IF(AT744="yes",('DRAFT - HGC Schemes'!AP$3*$BL744),"")</f>
        <v>0</v>
      </c>
      <c r="CC744" s="487" t="str">
        <f>IF(AU744="yes",('DRAFT - HGC Schemes'!AQ$3*$BL744),"")</f>
        <v/>
      </c>
      <c r="CD744" s="487" t="str">
        <f>IF(AV744="yes",('DRAFT - HGC Schemes'!AR$3*$BL744),"")</f>
        <v/>
      </c>
      <c r="CE744" s="487" t="str">
        <f>IF(AW744="yes",('DRAFT - HGC Schemes'!AS$3*$BL744),"")</f>
        <v/>
      </c>
      <c r="CF744" s="487" t="str">
        <f>IF(AX744="yes",('DRAFT - HGC Schemes'!AT$3*$BL744),"")</f>
        <v/>
      </c>
      <c r="CG744" s="487" t="str">
        <f>IF(AY744="yes",('DRAFT - HGC Schemes'!AU$3*$BL744),"")</f>
        <v/>
      </c>
      <c r="CH744" s="487" t="str">
        <f>IF(AZ744="yes",('DRAFT - HGC Schemes'!AV$3*$BL744),"")</f>
        <v/>
      </c>
      <c r="CI744" s="487" t="str">
        <f>IF(BA744="yes",('DRAFT - HGC Schemes'!AW$3*$BL744),"")</f>
        <v/>
      </c>
      <c r="CJ744" s="487" t="str">
        <f>IF(BB744="yes",('DRAFT - HGC Schemes'!AX$3*$BL744),"")</f>
        <v/>
      </c>
      <c r="CK744" s="487" t="str">
        <f>IF(BC744="yes",('DRAFT - HGC Schemes'!AY$3*$BL744),"")</f>
        <v/>
      </c>
      <c r="CL744" s="487" t="str">
        <f>IF(BD744="yes",('DRAFT - HGC Schemes'!AZ$3*$BL744),"")</f>
        <v/>
      </c>
      <c r="CM744" s="487" t="str">
        <f>IF(BE744="yes",('DRAFT - HGC Schemes'!BA$3*$BL744),"")</f>
        <v/>
      </c>
      <c r="CN744" s="487" t="str">
        <f>IF(BF744="yes",('DRAFT - HGC Schemes'!BB$3*$BL744),"")</f>
        <v/>
      </c>
      <c r="CO744" s="487" t="str">
        <f>IF(BG744="yes",('DRAFT - HGC Schemes'!BC$3*$BL744),"")</f>
        <v/>
      </c>
      <c r="CP744" s="487" t="str">
        <f>IF(BH744="yes",('DRAFT - HGC Schemes'!BD$3*$BL744),"")</f>
        <v/>
      </c>
      <c r="CQ744" s="487" t="str">
        <f>IF(BI744="yes",('DRAFT - HGC Schemes'!BE$3*$BL744),"")</f>
        <v/>
      </c>
      <c r="CR744" s="487" t="str">
        <f>IF(BJ744="yes",('DRAFT - HGC Schemes'!BF$3*$BL744),"")</f>
        <v/>
      </c>
      <c r="CS744" s="487"/>
      <c r="CT744" s="487"/>
      <c r="CU744" s="487"/>
      <c r="CV744" s="487"/>
      <c r="CW744" s="487"/>
      <c r="CX744" s="487"/>
      <c r="CY744" s="487"/>
      <c r="CZ744" s="487"/>
      <c r="DA744" s="487"/>
      <c r="DB744" s="487"/>
      <c r="DC744" s="487"/>
      <c r="DD744" s="487"/>
      <c r="DE744" s="487"/>
      <c r="DF744" s="487"/>
      <c r="DG744" s="487"/>
      <c r="DH744" s="487"/>
      <c r="DI744" s="487"/>
      <c r="DJ744" s="487"/>
      <c r="DK744" s="487"/>
      <c r="DL744" s="487"/>
      <c r="DM744" s="487"/>
      <c r="DN744" s="487"/>
      <c r="DO744" s="487"/>
      <c r="DP744" s="487"/>
      <c r="DQ744" s="487"/>
      <c r="DR744" s="487"/>
      <c r="DS744" s="484"/>
      <c r="DT744" s="484"/>
      <c r="DU744" s="484"/>
      <c r="DV744" s="494"/>
      <c r="DW744" s="494"/>
    </row>
    <row r="745" spans="1:127" s="613" customFormat="1" ht="42.75" x14ac:dyDescent="0.2">
      <c r="A745" s="494"/>
      <c r="B745" s="494"/>
      <c r="C745" s="494"/>
      <c r="D745" s="481">
        <v>520</v>
      </c>
      <c r="E745" s="481"/>
      <c r="F745" s="481" t="s">
        <v>2481</v>
      </c>
      <c r="G745" s="482" t="s">
        <v>53</v>
      </c>
      <c r="H745" s="481" t="s">
        <v>515</v>
      </c>
      <c r="I745" s="654" t="s">
        <v>530</v>
      </c>
      <c r="J745" s="654" t="s">
        <v>532</v>
      </c>
      <c r="K745" s="654"/>
      <c r="L745" s="654"/>
      <c r="M745" s="654"/>
      <c r="N745" s="484" t="s">
        <v>532</v>
      </c>
      <c r="O745" s="484" t="s">
        <v>58</v>
      </c>
      <c r="P745" s="327" t="s">
        <v>1374</v>
      </c>
      <c r="Q745" s="484" t="s">
        <v>2996</v>
      </c>
      <c r="R745" s="484" t="s">
        <v>8</v>
      </c>
      <c r="S745" s="667" t="s">
        <v>525</v>
      </c>
      <c r="T745" s="484" t="s">
        <v>525</v>
      </c>
      <c r="U745" s="484" t="s">
        <v>377</v>
      </c>
      <c r="V745" s="484"/>
      <c r="W745" s="620" t="s">
        <v>63</v>
      </c>
      <c r="X745" s="620" t="s">
        <v>63</v>
      </c>
      <c r="Y745" s="723">
        <v>0</v>
      </c>
      <c r="Z745" s="723"/>
      <c r="AA745" s="654" t="s">
        <v>64</v>
      </c>
      <c r="AB745" s="654"/>
      <c r="AC745" s="723">
        <v>0</v>
      </c>
      <c r="AD745" s="652" t="s">
        <v>82</v>
      </c>
      <c r="AE745" s="652"/>
      <c r="AF745" s="496"/>
      <c r="AG745" s="496"/>
      <c r="AH745" s="496"/>
      <c r="AI745" s="496"/>
      <c r="AJ745" s="496"/>
      <c r="AK745" s="487"/>
      <c r="AL745" s="496"/>
      <c r="AM745" s="496"/>
      <c r="AN745" s="496"/>
      <c r="AO745" s="496"/>
      <c r="AP745" s="496"/>
      <c r="AQ745" s="496"/>
      <c r="AR745" s="496"/>
      <c r="AS745" s="496"/>
      <c r="AT745" s="496"/>
      <c r="AU745" s="487" t="s">
        <v>66</v>
      </c>
      <c r="AV745" s="496"/>
      <c r="AW745" s="496"/>
      <c r="AX745" s="496"/>
      <c r="AY745" s="496"/>
      <c r="AZ745" s="496"/>
      <c r="BA745" s="496"/>
      <c r="BB745" s="496"/>
      <c r="BC745" s="496"/>
      <c r="BD745" s="496"/>
      <c r="BE745" s="496"/>
      <c r="BF745" s="496"/>
      <c r="BG745" s="496"/>
      <c r="BH745" s="496"/>
      <c r="BI745" s="496"/>
      <c r="BJ745" s="496"/>
      <c r="BK745" s="80">
        <f>SUMIF(AF745:BJ745,"YES",'DRAFT - HGC Schemes'!$AB$3:$BF$3)</f>
        <v>80</v>
      </c>
      <c r="BL745" s="76">
        <f t="shared" si="232"/>
        <v>0</v>
      </c>
      <c r="BM745" s="76"/>
      <c r="BN745" s="487" t="str">
        <f>IF(AF745="yes",('DRAFT - HGC Schemes'!AB$3*$BL745),"")</f>
        <v/>
      </c>
      <c r="BO745" s="487" t="str">
        <f>IF(AG745="yes",('DRAFT - HGC Schemes'!AC$3*$BL745),"")</f>
        <v/>
      </c>
      <c r="BP745" s="487" t="str">
        <f>IF(AH745="yes",('DRAFT - HGC Schemes'!AD$3*$BL745),"")</f>
        <v/>
      </c>
      <c r="BQ745" s="487" t="str">
        <f>IF(AI745="yes",('DRAFT - HGC Schemes'!AE$3*$BL745),"")</f>
        <v/>
      </c>
      <c r="BR745" s="487" t="str">
        <f>IF(AJ745="yes",('DRAFT - HGC Schemes'!AF$3*$BL745),"")</f>
        <v/>
      </c>
      <c r="BS745" s="487" t="str">
        <f>IF(AK745="yes",('DRAFT - HGC Schemes'!AG$3*$BL745),"")</f>
        <v/>
      </c>
      <c r="BT745" s="487" t="str">
        <f>IF(AL745="yes",('DRAFT - HGC Schemes'!AH$3*$BL745),"")</f>
        <v/>
      </c>
      <c r="BU745" s="487" t="str">
        <f>IF(AM745="yes",('DRAFT - HGC Schemes'!AI$3*$BL745),"")</f>
        <v/>
      </c>
      <c r="BV745" s="487" t="str">
        <f>IF(AN745="yes",('DRAFT - HGC Schemes'!AJ$3*$BL745),"")</f>
        <v/>
      </c>
      <c r="BW745" s="487" t="str">
        <f>IF(AO745="yes",('DRAFT - HGC Schemes'!AK$3*$BL745),"")</f>
        <v/>
      </c>
      <c r="BX745" s="487" t="str">
        <f>IF(AP745="yes",('DRAFT - HGC Schemes'!AL$3*$BL745),"")</f>
        <v/>
      </c>
      <c r="BY745" s="487" t="str">
        <f>IF(AQ745="yes",('DRAFT - HGC Schemes'!AM$3*$BL745),"")</f>
        <v/>
      </c>
      <c r="BZ745" s="487" t="str">
        <f>IF(AR745="yes",('DRAFT - HGC Schemes'!AN$3*$BL745),"")</f>
        <v/>
      </c>
      <c r="CA745" s="487" t="str">
        <f>IF(AS745="yes",('DRAFT - HGC Schemes'!AO$3*$BL745),"")</f>
        <v/>
      </c>
      <c r="CB745" s="487" t="str">
        <f>IF(AT745="yes",('DRAFT - HGC Schemes'!AP$3*$BL745),"")</f>
        <v/>
      </c>
      <c r="CC745" s="487">
        <f>IF(AU745="yes",('DRAFT - HGC Schemes'!AQ$3*$BL745),"")</f>
        <v>0</v>
      </c>
      <c r="CD745" s="487" t="str">
        <f>IF(AV745="yes",('DRAFT - HGC Schemes'!AR$3*$BL745),"")</f>
        <v/>
      </c>
      <c r="CE745" s="487" t="str">
        <f>IF(AW745="yes",('DRAFT - HGC Schemes'!AS$3*$BL745),"")</f>
        <v/>
      </c>
      <c r="CF745" s="487" t="str">
        <f>IF(AX745="yes",('DRAFT - HGC Schemes'!AT$3*$BL745),"")</f>
        <v/>
      </c>
      <c r="CG745" s="487" t="str">
        <f>IF(AY745="yes",('DRAFT - HGC Schemes'!AU$3*$BL745),"")</f>
        <v/>
      </c>
      <c r="CH745" s="487" t="str">
        <f>IF(AZ745="yes",('DRAFT - HGC Schemes'!AV$3*$BL745),"")</f>
        <v/>
      </c>
      <c r="CI745" s="487" t="str">
        <f>IF(BA745="yes",('DRAFT - HGC Schemes'!AW$3*$BL745),"")</f>
        <v/>
      </c>
      <c r="CJ745" s="487" t="str">
        <f>IF(BB745="yes",('DRAFT - HGC Schemes'!AX$3*$BL745),"")</f>
        <v/>
      </c>
      <c r="CK745" s="487" t="str">
        <f>IF(BC745="yes",('DRAFT - HGC Schemes'!AY$3*$BL745),"")</f>
        <v/>
      </c>
      <c r="CL745" s="487" t="str">
        <f>IF(BD745="yes",('DRAFT - HGC Schemes'!AZ$3*$BL745),"")</f>
        <v/>
      </c>
      <c r="CM745" s="487" t="str">
        <f>IF(BE745="yes",('DRAFT - HGC Schemes'!BA$3*$BL745),"")</f>
        <v/>
      </c>
      <c r="CN745" s="487" t="str">
        <f>IF(BF745="yes",('DRAFT - HGC Schemes'!BB$3*$BL745),"")</f>
        <v/>
      </c>
      <c r="CO745" s="487" t="str">
        <f>IF(BG745="yes",('DRAFT - HGC Schemes'!BC$3*$BL745),"")</f>
        <v/>
      </c>
      <c r="CP745" s="487" t="str">
        <f>IF(BH745="yes",('DRAFT - HGC Schemes'!BD$3*$BL745),"")</f>
        <v/>
      </c>
      <c r="CQ745" s="487" t="str">
        <f>IF(BI745="yes",('DRAFT - HGC Schemes'!BE$3*$BL745),"")</f>
        <v/>
      </c>
      <c r="CR745" s="487" t="str">
        <f>IF(BJ745="yes",('DRAFT - HGC Schemes'!BF$3*$BL745),"")</f>
        <v/>
      </c>
      <c r="CS745" s="487"/>
      <c r="CT745" s="487"/>
      <c r="CU745" s="487"/>
      <c r="CV745" s="487"/>
      <c r="CW745" s="487"/>
      <c r="CX745" s="487"/>
      <c r="CY745" s="487"/>
      <c r="CZ745" s="487"/>
      <c r="DA745" s="487"/>
      <c r="DB745" s="487"/>
      <c r="DC745" s="487"/>
      <c r="DD745" s="487"/>
      <c r="DE745" s="487"/>
      <c r="DF745" s="487"/>
      <c r="DG745" s="487"/>
      <c r="DH745" s="487"/>
      <c r="DI745" s="487"/>
      <c r="DJ745" s="487"/>
      <c r="DK745" s="487"/>
      <c r="DL745" s="487"/>
      <c r="DM745" s="487"/>
      <c r="DN745" s="487"/>
      <c r="DO745" s="487"/>
      <c r="DP745" s="487"/>
      <c r="DQ745" s="487"/>
      <c r="DR745" s="487"/>
      <c r="DS745" s="484"/>
      <c r="DT745" s="484"/>
      <c r="DU745" s="484"/>
      <c r="DV745" s="494"/>
      <c r="DW745" s="494"/>
    </row>
    <row r="746" spans="1:127" s="613" customFormat="1" ht="57" x14ac:dyDescent="0.2">
      <c r="A746" s="494"/>
      <c r="B746" s="77"/>
      <c r="C746" s="494"/>
      <c r="D746" s="481">
        <v>528</v>
      </c>
      <c r="E746" s="481"/>
      <c r="F746" s="481" t="s">
        <v>2481</v>
      </c>
      <c r="G746" s="482" t="s">
        <v>53</v>
      </c>
      <c r="H746" s="481" t="s">
        <v>515</v>
      </c>
      <c r="I746" s="654" t="s">
        <v>530</v>
      </c>
      <c r="J746" s="654" t="s">
        <v>532</v>
      </c>
      <c r="K746" s="654"/>
      <c r="L746" s="654"/>
      <c r="M746" s="654"/>
      <c r="N746" s="484" t="s">
        <v>532</v>
      </c>
      <c r="O746" s="484" t="s">
        <v>58</v>
      </c>
      <c r="P746" s="327" t="s">
        <v>3058</v>
      </c>
      <c r="Q746" s="484" t="s">
        <v>2996</v>
      </c>
      <c r="R746" s="484" t="s">
        <v>8</v>
      </c>
      <c r="S746" s="667" t="s">
        <v>525</v>
      </c>
      <c r="T746" s="484" t="s">
        <v>525</v>
      </c>
      <c r="U746" s="484" t="s">
        <v>395</v>
      </c>
      <c r="V746" s="484"/>
      <c r="W746" s="620" t="s">
        <v>63</v>
      </c>
      <c r="X746" s="620" t="s">
        <v>63</v>
      </c>
      <c r="Y746" s="723">
        <v>0</v>
      </c>
      <c r="Z746" s="723"/>
      <c r="AA746" s="654" t="s">
        <v>64</v>
      </c>
      <c r="AB746" s="654"/>
      <c r="AC746" s="723">
        <v>0</v>
      </c>
      <c r="AD746" s="652" t="s">
        <v>82</v>
      </c>
      <c r="AE746" s="652"/>
      <c r="AF746" s="496"/>
      <c r="AG746" s="496"/>
      <c r="AH746" s="496"/>
      <c r="AI746" s="496"/>
      <c r="AJ746" s="496"/>
      <c r="AK746" s="487"/>
      <c r="AL746" s="496"/>
      <c r="AM746" s="496"/>
      <c r="AN746" s="496"/>
      <c r="AO746" s="496"/>
      <c r="AP746" s="496"/>
      <c r="AQ746" s="487" t="s">
        <v>66</v>
      </c>
      <c r="AR746" s="496"/>
      <c r="AS746" s="496"/>
      <c r="AT746" s="496"/>
      <c r="AU746" s="496"/>
      <c r="AV746" s="496"/>
      <c r="AW746" s="496"/>
      <c r="AX746" s="496"/>
      <c r="AY746" s="496"/>
      <c r="AZ746" s="496"/>
      <c r="BA746" s="496"/>
      <c r="BB746" s="496"/>
      <c r="BC746" s="496"/>
      <c r="BD746" s="496"/>
      <c r="BE746" s="496"/>
      <c r="BF746" s="496"/>
      <c r="BG746" s="496"/>
      <c r="BH746" s="496"/>
      <c r="BI746" s="496"/>
      <c r="BJ746" s="496"/>
      <c r="BK746" s="80">
        <f>SUMIF(AF746:BJ746,"YES",'DRAFT - HGC Schemes'!$AB$3:$BF$3)</f>
        <v>200</v>
      </c>
      <c r="BL746" s="76">
        <f t="shared" si="232"/>
        <v>0</v>
      </c>
      <c r="BM746" s="76"/>
      <c r="BN746" s="487" t="str">
        <f>IF(AF746="yes",('DRAFT - HGC Schemes'!AB$3*$BL746),"")</f>
        <v/>
      </c>
      <c r="BO746" s="487" t="str">
        <f>IF(AG746="yes",('DRAFT - HGC Schemes'!AC$3*$BL746),"")</f>
        <v/>
      </c>
      <c r="BP746" s="487" t="str">
        <f>IF(AH746="yes",('DRAFT - HGC Schemes'!AD$3*$BL746),"")</f>
        <v/>
      </c>
      <c r="BQ746" s="487" t="str">
        <f>IF(AI746="yes",('DRAFT - HGC Schemes'!AE$3*$BL746),"")</f>
        <v/>
      </c>
      <c r="BR746" s="487" t="str">
        <f>IF(AJ746="yes",('DRAFT - HGC Schemes'!AF$3*$BL746),"")</f>
        <v/>
      </c>
      <c r="BS746" s="487" t="str">
        <f>IF(AK746="yes",('DRAFT - HGC Schemes'!AG$3*$BL746),"")</f>
        <v/>
      </c>
      <c r="BT746" s="487" t="str">
        <f>IF(AL746="yes",('DRAFT - HGC Schemes'!AH$3*$BL746),"")</f>
        <v/>
      </c>
      <c r="BU746" s="487" t="str">
        <f>IF(AM746="yes",('DRAFT - HGC Schemes'!AI$3*$BL746),"")</f>
        <v/>
      </c>
      <c r="BV746" s="487" t="str">
        <f>IF(AN746="yes",('DRAFT - HGC Schemes'!AJ$3*$BL746),"")</f>
        <v/>
      </c>
      <c r="BW746" s="487" t="str">
        <f>IF(AO746="yes",('DRAFT - HGC Schemes'!AK$3*$BL746),"")</f>
        <v/>
      </c>
      <c r="BX746" s="487" t="str">
        <f>IF(AP746="yes",('DRAFT - HGC Schemes'!AL$3*$BL746),"")</f>
        <v/>
      </c>
      <c r="BY746" s="487">
        <f>IF(AQ746="yes",('DRAFT - HGC Schemes'!AM$3*$BL746),"")</f>
        <v>0</v>
      </c>
      <c r="BZ746" s="487" t="str">
        <f>IF(AR746="yes",('DRAFT - HGC Schemes'!AN$3*$BL746),"")</f>
        <v/>
      </c>
      <c r="CA746" s="487" t="str">
        <f>IF(AS746="yes",('DRAFT - HGC Schemes'!AO$3*$BL746),"")</f>
        <v/>
      </c>
      <c r="CB746" s="487" t="str">
        <f>IF(AT746="yes",('DRAFT - HGC Schemes'!AP$3*$BL746),"")</f>
        <v/>
      </c>
      <c r="CC746" s="487" t="str">
        <f>IF(AU746="yes",('DRAFT - HGC Schemes'!AQ$3*$BL746),"")</f>
        <v/>
      </c>
      <c r="CD746" s="487" t="str">
        <f>IF(AV746="yes",('DRAFT - HGC Schemes'!AR$3*$BL746),"")</f>
        <v/>
      </c>
      <c r="CE746" s="487" t="str">
        <f>IF(AW746="yes",('DRAFT - HGC Schemes'!AS$3*$BL746),"")</f>
        <v/>
      </c>
      <c r="CF746" s="487" t="str">
        <f>IF(AX746="yes",('DRAFT - HGC Schemes'!AT$3*$BL746),"")</f>
        <v/>
      </c>
      <c r="CG746" s="487" t="str">
        <f>IF(AY746="yes",('DRAFT - HGC Schemes'!AU$3*$BL746),"")</f>
        <v/>
      </c>
      <c r="CH746" s="487" t="str">
        <f>IF(AZ746="yes",('DRAFT - HGC Schemes'!AV$3*$BL746),"")</f>
        <v/>
      </c>
      <c r="CI746" s="487" t="str">
        <f>IF(BA746="yes",('DRAFT - HGC Schemes'!AW$3*$BL746),"")</f>
        <v/>
      </c>
      <c r="CJ746" s="487" t="str">
        <f>IF(BB746="yes",('DRAFT - HGC Schemes'!AX$3*$BL746),"")</f>
        <v/>
      </c>
      <c r="CK746" s="487" t="str">
        <f>IF(BC746="yes",('DRAFT - HGC Schemes'!AY$3*$BL746),"")</f>
        <v/>
      </c>
      <c r="CL746" s="487" t="str">
        <f>IF(BD746="yes",('DRAFT - HGC Schemes'!AZ$3*$BL746),"")</f>
        <v/>
      </c>
      <c r="CM746" s="487" t="str">
        <f>IF(BE746="yes",('DRAFT - HGC Schemes'!BA$3*$BL746),"")</f>
        <v/>
      </c>
      <c r="CN746" s="487" t="str">
        <f>IF(BF746="yes",('DRAFT - HGC Schemes'!BB$3*$BL746),"")</f>
        <v/>
      </c>
      <c r="CO746" s="487" t="str">
        <f>IF(BG746="yes",('DRAFT - HGC Schemes'!BC$3*$BL746),"")</f>
        <v/>
      </c>
      <c r="CP746" s="487" t="str">
        <f>IF(BH746="yes",('DRAFT - HGC Schemes'!BD$3*$BL746),"")</f>
        <v/>
      </c>
      <c r="CQ746" s="487" t="str">
        <f>IF(BI746="yes",('DRAFT - HGC Schemes'!BE$3*$BL746),"")</f>
        <v/>
      </c>
      <c r="CR746" s="487" t="str">
        <f>IF(BJ746="yes",('DRAFT - HGC Schemes'!BF$3*$BL746),"")</f>
        <v/>
      </c>
      <c r="CS746" s="487"/>
      <c r="CT746" s="487"/>
      <c r="CU746" s="487"/>
      <c r="CV746" s="487"/>
      <c r="CW746" s="487"/>
      <c r="CX746" s="487"/>
      <c r="CY746" s="487"/>
      <c r="CZ746" s="487"/>
      <c r="DA746" s="487"/>
      <c r="DB746" s="487"/>
      <c r="DC746" s="487"/>
      <c r="DD746" s="487"/>
      <c r="DE746" s="487"/>
      <c r="DF746" s="487"/>
      <c r="DG746" s="487"/>
      <c r="DH746" s="487"/>
      <c r="DI746" s="487"/>
      <c r="DJ746" s="487"/>
      <c r="DK746" s="487"/>
      <c r="DL746" s="487"/>
      <c r="DM746" s="487"/>
      <c r="DN746" s="487"/>
      <c r="DO746" s="487"/>
      <c r="DP746" s="487"/>
      <c r="DQ746" s="487"/>
      <c r="DR746" s="487"/>
      <c r="DS746" s="484"/>
      <c r="DT746" s="484"/>
      <c r="DU746" s="484"/>
      <c r="DV746" s="494"/>
      <c r="DW746" s="494"/>
    </row>
    <row r="747" spans="1:127" s="613" customFormat="1" ht="15" x14ac:dyDescent="0.2">
      <c r="A747" s="77"/>
      <c r="B747" s="499"/>
      <c r="C747" s="494"/>
      <c r="D747" s="481">
        <v>536</v>
      </c>
      <c r="E747" s="481"/>
      <c r="F747" s="481" t="s">
        <v>2481</v>
      </c>
      <c r="G747" s="482" t="s">
        <v>53</v>
      </c>
      <c r="H747" s="481" t="s">
        <v>515</v>
      </c>
      <c r="I747" s="654" t="s">
        <v>530</v>
      </c>
      <c r="J747" s="654" t="s">
        <v>532</v>
      </c>
      <c r="K747" s="654"/>
      <c r="L747" s="654"/>
      <c r="M747" s="654"/>
      <c r="N747" s="484" t="s">
        <v>532</v>
      </c>
      <c r="O747" s="484" t="s">
        <v>58</v>
      </c>
      <c r="P747" s="329" t="s">
        <v>310</v>
      </c>
      <c r="Q747" s="484" t="s">
        <v>2996</v>
      </c>
      <c r="R747" s="484" t="s">
        <v>8</v>
      </c>
      <c r="S747" s="667" t="s">
        <v>525</v>
      </c>
      <c r="T747" s="484" t="s">
        <v>525</v>
      </c>
      <c r="U747" s="484" t="s">
        <v>225</v>
      </c>
      <c r="V747" s="484"/>
      <c r="W747" s="620" t="s">
        <v>63</v>
      </c>
      <c r="X747" s="620" t="s">
        <v>63</v>
      </c>
      <c r="Y747" s="723">
        <v>0</v>
      </c>
      <c r="Z747" s="723"/>
      <c r="AA747" s="654" t="s">
        <v>226</v>
      </c>
      <c r="AB747" s="654"/>
      <c r="AC747" s="723">
        <v>0</v>
      </c>
      <c r="AD747" s="652" t="s">
        <v>82</v>
      </c>
      <c r="AE747" s="652"/>
      <c r="AF747" s="496"/>
      <c r="AG747" s="496"/>
      <c r="AH747" s="496"/>
      <c r="AI747" s="496"/>
      <c r="AJ747" s="496"/>
      <c r="AK747" s="487"/>
      <c r="AL747" s="496"/>
      <c r="AM747" s="496"/>
      <c r="AN747" s="496"/>
      <c r="AO747" s="496"/>
      <c r="AP747" s="496"/>
      <c r="AQ747" s="496"/>
      <c r="AR747" s="496"/>
      <c r="AS747" s="496"/>
      <c r="AT747" s="496"/>
      <c r="AU747" s="496"/>
      <c r="AV747" s="487" t="s">
        <v>66</v>
      </c>
      <c r="AW747" s="496"/>
      <c r="AX747" s="496"/>
      <c r="AY747" s="496"/>
      <c r="AZ747" s="496"/>
      <c r="BA747" s="496"/>
      <c r="BB747" s="496"/>
      <c r="BC747" s="496"/>
      <c r="BD747" s="496"/>
      <c r="BE747" s="496"/>
      <c r="BF747" s="496"/>
      <c r="BG747" s="496"/>
      <c r="BH747" s="496"/>
      <c r="BI747" s="496"/>
      <c r="BJ747" s="496"/>
      <c r="BK747" s="80">
        <f>SUMIF(AF747:BJ747,"YES",'DRAFT - HGC Schemes'!$AB$3:$BF$3)</f>
        <v>2380</v>
      </c>
      <c r="BL747" s="76">
        <f t="shared" si="232"/>
        <v>0</v>
      </c>
      <c r="BM747" s="76"/>
      <c r="BN747" s="487" t="str">
        <f>IF(AF747="yes",('DRAFT - HGC Schemes'!AB$3*$BL747),"")</f>
        <v/>
      </c>
      <c r="BO747" s="487" t="str">
        <f>IF(AG747="yes",('DRAFT - HGC Schemes'!AC$3*$BL747),"")</f>
        <v/>
      </c>
      <c r="BP747" s="487" t="str">
        <f>IF(AH747="yes",('DRAFT - HGC Schemes'!AD$3*$BL747),"")</f>
        <v/>
      </c>
      <c r="BQ747" s="487" t="str">
        <f>IF(AI747="yes",('DRAFT - HGC Schemes'!AE$3*$BL747),"")</f>
        <v/>
      </c>
      <c r="BR747" s="487" t="str">
        <f>IF(AJ747="yes",('DRAFT - HGC Schemes'!AF$3*$BL747),"")</f>
        <v/>
      </c>
      <c r="BS747" s="487" t="str">
        <f>IF(AK747="yes",('DRAFT - HGC Schemes'!AG$3*$BL747),"")</f>
        <v/>
      </c>
      <c r="BT747" s="487" t="str">
        <f>IF(AL747="yes",('DRAFT - HGC Schemes'!AH$3*$BL747),"")</f>
        <v/>
      </c>
      <c r="BU747" s="487" t="str">
        <f>IF(AM747="yes",('DRAFT - HGC Schemes'!AI$3*$BL747),"")</f>
        <v/>
      </c>
      <c r="BV747" s="487" t="str">
        <f>IF(AN747="yes",('DRAFT - HGC Schemes'!AJ$3*$BL747),"")</f>
        <v/>
      </c>
      <c r="BW747" s="487" t="str">
        <f>IF(AO747="yes",('DRAFT - HGC Schemes'!AK$3*$BL747),"")</f>
        <v/>
      </c>
      <c r="BX747" s="487" t="str">
        <f>IF(AP747="yes",('DRAFT - HGC Schemes'!AL$3*$BL747),"")</f>
        <v/>
      </c>
      <c r="BY747" s="487" t="str">
        <f>IF(AQ747="yes",('DRAFT - HGC Schemes'!AM$3*$BL747),"")</f>
        <v/>
      </c>
      <c r="BZ747" s="487" t="str">
        <f>IF(AR747="yes",('DRAFT - HGC Schemes'!AN$3*$BL747),"")</f>
        <v/>
      </c>
      <c r="CA747" s="487" t="str">
        <f>IF(AS747="yes",('DRAFT - HGC Schemes'!AO$3*$BL747),"")</f>
        <v/>
      </c>
      <c r="CB747" s="487" t="str">
        <f>IF(AT747="yes",('DRAFT - HGC Schemes'!AP$3*$BL747),"")</f>
        <v/>
      </c>
      <c r="CC747" s="487" t="str">
        <f>IF(AU747="yes",('DRAFT - HGC Schemes'!AQ$3*$BL747),"")</f>
        <v/>
      </c>
      <c r="CD747" s="487">
        <f>IF(AV747="yes",('DRAFT - HGC Schemes'!AR$3*$BL747),"")</f>
        <v>0</v>
      </c>
      <c r="CE747" s="487" t="str">
        <f>IF(AW747="yes",('DRAFT - HGC Schemes'!AS$3*$BL747),"")</f>
        <v/>
      </c>
      <c r="CF747" s="487" t="str">
        <f>IF(AX747="yes",('DRAFT - HGC Schemes'!AT$3*$BL747),"")</f>
        <v/>
      </c>
      <c r="CG747" s="487" t="str">
        <f>IF(AY747="yes",('DRAFT - HGC Schemes'!AU$3*$BL747),"")</f>
        <v/>
      </c>
      <c r="CH747" s="487" t="str">
        <f>IF(AZ747="yes",('DRAFT - HGC Schemes'!AV$3*$BL747),"")</f>
        <v/>
      </c>
      <c r="CI747" s="487" t="str">
        <f>IF(BA747="yes",('DRAFT - HGC Schemes'!AW$3*$BL747),"")</f>
        <v/>
      </c>
      <c r="CJ747" s="487" t="str">
        <f>IF(BB747="yes",('DRAFT - HGC Schemes'!AX$3*$BL747),"")</f>
        <v/>
      </c>
      <c r="CK747" s="487" t="str">
        <f>IF(BC747="yes",('DRAFT - HGC Schemes'!AY$3*$BL747),"")</f>
        <v/>
      </c>
      <c r="CL747" s="487" t="str">
        <f>IF(BD747="yes",('DRAFT - HGC Schemes'!AZ$3*$BL747),"")</f>
        <v/>
      </c>
      <c r="CM747" s="487" t="str">
        <f>IF(BE747="yes",('DRAFT - HGC Schemes'!BA$3*$BL747),"")</f>
        <v/>
      </c>
      <c r="CN747" s="487" t="str">
        <f>IF(BF747="yes",('DRAFT - HGC Schemes'!BB$3*$BL747),"")</f>
        <v/>
      </c>
      <c r="CO747" s="487" t="str">
        <f>IF(BG747="yes",('DRAFT - HGC Schemes'!BC$3*$BL747),"")</f>
        <v/>
      </c>
      <c r="CP747" s="487" t="str">
        <f>IF(BH747="yes",('DRAFT - HGC Schemes'!BD$3*$BL747),"")</f>
        <v/>
      </c>
      <c r="CQ747" s="487" t="str">
        <f>IF(BI747="yes",('DRAFT - HGC Schemes'!BE$3*$BL747),"")</f>
        <v/>
      </c>
      <c r="CR747" s="487" t="str">
        <f>IF(BJ747="yes",('DRAFT - HGC Schemes'!BF$3*$BL747),"")</f>
        <v/>
      </c>
      <c r="CS747" s="487"/>
      <c r="CT747" s="487"/>
      <c r="CU747" s="487"/>
      <c r="CV747" s="487"/>
      <c r="CW747" s="487"/>
      <c r="CX747" s="487"/>
      <c r="CY747" s="487"/>
      <c r="CZ747" s="487"/>
      <c r="DA747" s="487"/>
      <c r="DB747" s="487"/>
      <c r="DC747" s="487"/>
      <c r="DD747" s="487"/>
      <c r="DE747" s="487"/>
      <c r="DF747" s="487"/>
      <c r="DG747" s="487"/>
      <c r="DH747" s="487"/>
      <c r="DI747" s="487"/>
      <c r="DJ747" s="487"/>
      <c r="DK747" s="487"/>
      <c r="DL747" s="487"/>
      <c r="DM747" s="487"/>
      <c r="DN747" s="487"/>
      <c r="DO747" s="487"/>
      <c r="DP747" s="487"/>
      <c r="DQ747" s="487"/>
      <c r="DR747" s="487"/>
      <c r="DS747" s="484"/>
      <c r="DT747" s="484"/>
      <c r="DU747" s="484"/>
      <c r="DV747" s="494"/>
      <c r="DW747" s="494"/>
    </row>
    <row r="748" spans="1:127" s="613" customFormat="1" ht="56.25" customHeight="1" x14ac:dyDescent="0.2">
      <c r="A748" s="494"/>
      <c r="B748" s="499"/>
      <c r="C748" s="494"/>
      <c r="D748" s="481">
        <v>584</v>
      </c>
      <c r="E748" s="481"/>
      <c r="F748" s="481" t="s">
        <v>2481</v>
      </c>
      <c r="G748" s="482" t="s">
        <v>53</v>
      </c>
      <c r="H748" s="481" t="s">
        <v>515</v>
      </c>
      <c r="I748" s="654" t="s">
        <v>623</v>
      </c>
      <c r="J748" s="654" t="s">
        <v>624</v>
      </c>
      <c r="K748" s="654"/>
      <c r="L748" s="654"/>
      <c r="M748" s="654"/>
      <c r="N748" s="484" t="s">
        <v>641</v>
      </c>
      <c r="O748" s="484" t="s">
        <v>58</v>
      </c>
      <c r="P748" s="327" t="s">
        <v>1360</v>
      </c>
      <c r="Q748" s="484" t="s">
        <v>3027</v>
      </c>
      <c r="R748" s="484" t="s">
        <v>81</v>
      </c>
      <c r="S748" s="667" t="s">
        <v>626</v>
      </c>
      <c r="T748" s="484" t="s">
        <v>626</v>
      </c>
      <c r="U748" s="484" t="s">
        <v>62</v>
      </c>
      <c r="V748" s="484"/>
      <c r="W748" s="620" t="s">
        <v>63</v>
      </c>
      <c r="X748" s="620" t="s">
        <v>63</v>
      </c>
      <c r="Y748" s="723">
        <v>1370820</v>
      </c>
      <c r="Z748" s="723"/>
      <c r="AA748" s="654" t="s">
        <v>585</v>
      </c>
      <c r="AB748" s="654"/>
      <c r="AC748" s="723">
        <f t="shared" ref="AC748:AC755" si="233">Y748</f>
        <v>1370820</v>
      </c>
      <c r="AD748" s="649" t="s">
        <v>65</v>
      </c>
      <c r="AE748" s="649"/>
      <c r="AF748" s="487" t="s">
        <v>66</v>
      </c>
      <c r="AG748" s="496"/>
      <c r="AH748" s="496"/>
      <c r="AI748" s="496"/>
      <c r="AJ748" s="496"/>
      <c r="AK748" s="496"/>
      <c r="AL748" s="496"/>
      <c r="AM748" s="496"/>
      <c r="AN748" s="496"/>
      <c r="AO748" s="496"/>
      <c r="AP748" s="496"/>
      <c r="AQ748" s="496"/>
      <c r="AR748" s="496"/>
      <c r="AS748" s="496"/>
      <c r="AT748" s="496"/>
      <c r="AU748" s="496"/>
      <c r="AV748" s="496"/>
      <c r="AW748" s="496"/>
      <c r="AX748" s="496"/>
      <c r="AY748" s="496"/>
      <c r="AZ748" s="496"/>
      <c r="BA748" s="496"/>
      <c r="BB748" s="496"/>
      <c r="BC748" s="496"/>
      <c r="BD748" s="496"/>
      <c r="BE748" s="496"/>
      <c r="BF748" s="496"/>
      <c r="BG748" s="496"/>
      <c r="BH748" s="496"/>
      <c r="BI748" s="496"/>
      <c r="BJ748" s="496"/>
      <c r="BK748" s="80">
        <f>SUMIF(AF748:BJ748,"YES",'DRAFT - HGC Schemes'!$AB$3:$BF$3)</f>
        <v>5000</v>
      </c>
      <c r="BL748" s="76">
        <f t="shared" si="232"/>
        <v>274.16399999999999</v>
      </c>
      <c r="BM748" s="76"/>
      <c r="BN748" s="487">
        <f>IF(AF748="yes",('DRAFT - HGC Schemes'!AB$3*$BL748),"")</f>
        <v>1370820</v>
      </c>
      <c r="BO748" s="487" t="str">
        <f>IF(AG748="yes",('DRAFT - HGC Schemes'!AC$3*$BL748),"")</f>
        <v/>
      </c>
      <c r="BP748" s="487" t="str">
        <f>IF(AH748="yes",('DRAFT - HGC Schemes'!AD$3*$BL748),"")</f>
        <v/>
      </c>
      <c r="BQ748" s="487" t="str">
        <f>IF(AI748="yes",('DRAFT - HGC Schemes'!AE$3*$BL748),"")</f>
        <v/>
      </c>
      <c r="BR748" s="487" t="str">
        <f>IF(AJ748="yes",('DRAFT - HGC Schemes'!AF$3*$BL748),"")</f>
        <v/>
      </c>
      <c r="BS748" s="487" t="str">
        <f>IF(AK748="yes",('DRAFT - HGC Schemes'!AG$3*$BL748),"")</f>
        <v/>
      </c>
      <c r="BT748" s="487" t="str">
        <f>IF(AL748="yes",('DRAFT - HGC Schemes'!AH$3*$BL748),"")</f>
        <v/>
      </c>
      <c r="BU748" s="487" t="str">
        <f>IF(AM748="yes",('DRAFT - HGC Schemes'!AI$3*$BL748),"")</f>
        <v/>
      </c>
      <c r="BV748" s="487" t="str">
        <f>IF(AN748="yes",('DRAFT - HGC Schemes'!AJ$3*$BL748),"")</f>
        <v/>
      </c>
      <c r="BW748" s="487" t="str">
        <f>IF(AO748="yes",('DRAFT - HGC Schemes'!AK$3*$BL748),"")</f>
        <v/>
      </c>
      <c r="BX748" s="487" t="str">
        <f>IF(AP748="yes",('DRAFT - HGC Schemes'!AL$3*$BL748),"")</f>
        <v/>
      </c>
      <c r="BY748" s="487" t="str">
        <f>IF(AQ748="yes",('DRAFT - HGC Schemes'!AM$3*$BL748),"")</f>
        <v/>
      </c>
      <c r="BZ748" s="487" t="str">
        <f>IF(AR748="yes",('DRAFT - HGC Schemes'!AN$3*$BL748),"")</f>
        <v/>
      </c>
      <c r="CA748" s="487" t="str">
        <f>IF(AS748="yes",('DRAFT - HGC Schemes'!AO$3*$BL748),"")</f>
        <v/>
      </c>
      <c r="CB748" s="487" t="str">
        <f>IF(AT748="yes",('DRAFT - HGC Schemes'!AP$3*$BL748),"")</f>
        <v/>
      </c>
      <c r="CC748" s="487" t="str">
        <f>IF(AU748="yes",('DRAFT - HGC Schemes'!AQ$3*$BL748),"")</f>
        <v/>
      </c>
      <c r="CD748" s="487" t="str">
        <f>IF(AV748="yes",('DRAFT - HGC Schemes'!AR$3*$BL748),"")</f>
        <v/>
      </c>
      <c r="CE748" s="487" t="str">
        <f>IF(AW748="yes",('DRAFT - HGC Schemes'!AS$3*$BL748),"")</f>
        <v/>
      </c>
      <c r="CF748" s="487" t="str">
        <f>IF(AX748="yes",('DRAFT - HGC Schemes'!AT$3*$BL748),"")</f>
        <v/>
      </c>
      <c r="CG748" s="487" t="str">
        <f>IF(AY748="yes",('DRAFT - HGC Schemes'!AU$3*$BL748),"")</f>
        <v/>
      </c>
      <c r="CH748" s="487" t="str">
        <f>IF(AZ748="yes",('DRAFT - HGC Schemes'!AV$3*$BL748),"")</f>
        <v/>
      </c>
      <c r="CI748" s="487" t="str">
        <f>IF(BA748="yes",('DRAFT - HGC Schemes'!AW$3*$BL748),"")</f>
        <v/>
      </c>
      <c r="CJ748" s="487" t="str">
        <f>IF(BB748="yes",('DRAFT - HGC Schemes'!AX$3*$BL748),"")</f>
        <v/>
      </c>
      <c r="CK748" s="487" t="str">
        <f>IF(BC748="yes",('DRAFT - HGC Schemes'!AY$3*$BL748),"")</f>
        <v/>
      </c>
      <c r="CL748" s="487" t="str">
        <f>IF(BD748="yes",('DRAFT - HGC Schemes'!AZ$3*$BL748),"")</f>
        <v/>
      </c>
      <c r="CM748" s="487" t="str">
        <f>IF(BE748="yes",('DRAFT - HGC Schemes'!BA$3*$BL748),"")</f>
        <v/>
      </c>
      <c r="CN748" s="487" t="str">
        <f>IF(BF748="yes",('DRAFT - HGC Schemes'!BB$3*$BL748),"")</f>
        <v/>
      </c>
      <c r="CO748" s="487" t="str">
        <f>IF(BG748="yes",('DRAFT - HGC Schemes'!BC$3*$BL748),"")</f>
        <v/>
      </c>
      <c r="CP748" s="487" t="str">
        <f>IF(BH748="yes",('DRAFT - HGC Schemes'!BD$3*$BL748),"")</f>
        <v/>
      </c>
      <c r="CQ748" s="487" t="str">
        <f>IF(BI748="yes",('DRAFT - HGC Schemes'!BE$3*$BL748),"")</f>
        <v/>
      </c>
      <c r="CR748" s="487" t="str">
        <f>IF(BJ748="yes",('DRAFT - HGC Schemes'!BF$3*$BL748),"")</f>
        <v/>
      </c>
      <c r="CS748" s="487"/>
      <c r="CT748" s="487"/>
      <c r="CU748" s="487"/>
      <c r="CV748" s="487"/>
      <c r="CW748" s="487"/>
      <c r="CX748" s="487"/>
      <c r="CY748" s="487"/>
      <c r="CZ748" s="487"/>
      <c r="DA748" s="487"/>
      <c r="DB748" s="487"/>
      <c r="DC748" s="487"/>
      <c r="DD748" s="487"/>
      <c r="DE748" s="487"/>
      <c r="DF748" s="487"/>
      <c r="DG748" s="487"/>
      <c r="DH748" s="487"/>
      <c r="DI748" s="487"/>
      <c r="DJ748" s="487"/>
      <c r="DK748" s="487"/>
      <c r="DL748" s="487"/>
      <c r="DM748" s="487"/>
      <c r="DN748" s="487"/>
      <c r="DO748" s="487"/>
      <c r="DP748" s="487"/>
      <c r="DQ748" s="487"/>
      <c r="DR748" s="487"/>
      <c r="DS748" s="484"/>
      <c r="DT748" s="484"/>
      <c r="DU748" s="484"/>
      <c r="DV748" s="494"/>
      <c r="DW748" s="494"/>
    </row>
    <row r="749" spans="1:127" s="613" customFormat="1" ht="56.25" customHeight="1" x14ac:dyDescent="0.2">
      <c r="A749" s="494"/>
      <c r="B749" s="499"/>
      <c r="C749" s="494"/>
      <c r="D749" s="481">
        <v>585</v>
      </c>
      <c r="E749" s="481"/>
      <c r="F749" s="481" t="s">
        <v>2481</v>
      </c>
      <c r="G749" s="482" t="s">
        <v>53</v>
      </c>
      <c r="H749" s="481" t="s">
        <v>515</v>
      </c>
      <c r="I749" s="654" t="s">
        <v>623</v>
      </c>
      <c r="J749" s="654" t="s">
        <v>624</v>
      </c>
      <c r="K749" s="654"/>
      <c r="L749" s="654"/>
      <c r="M749" s="654"/>
      <c r="N749" s="484" t="s">
        <v>642</v>
      </c>
      <c r="O749" s="484" t="s">
        <v>58</v>
      </c>
      <c r="P749" s="328" t="s">
        <v>1362</v>
      </c>
      <c r="Q749" s="484" t="s">
        <v>2996</v>
      </c>
      <c r="R749" s="484" t="s">
        <v>81</v>
      </c>
      <c r="S749" s="667" t="s">
        <v>626</v>
      </c>
      <c r="T749" s="484" t="s">
        <v>626</v>
      </c>
      <c r="U749" s="484" t="s">
        <v>181</v>
      </c>
      <c r="V749" s="484"/>
      <c r="W749" s="620" t="s">
        <v>63</v>
      </c>
      <c r="X749" s="620" t="s">
        <v>63</v>
      </c>
      <c r="Y749" s="723">
        <v>411246</v>
      </c>
      <c r="Z749" s="723"/>
      <c r="AA749" s="654" t="s">
        <v>585</v>
      </c>
      <c r="AB749" s="654"/>
      <c r="AC749" s="723">
        <f t="shared" si="233"/>
        <v>411246</v>
      </c>
      <c r="AD749" s="649" t="s">
        <v>65</v>
      </c>
      <c r="AE749" s="649"/>
      <c r="AF749" s="496"/>
      <c r="AG749" s="496"/>
      <c r="AH749" s="487" t="s">
        <v>66</v>
      </c>
      <c r="AI749" s="496"/>
      <c r="AJ749" s="496"/>
      <c r="AK749" s="496"/>
      <c r="AL749" s="496"/>
      <c r="AM749" s="496"/>
      <c r="AN749" s="496"/>
      <c r="AO749" s="496"/>
      <c r="AP749" s="496"/>
      <c r="AQ749" s="496"/>
      <c r="AR749" s="496"/>
      <c r="AS749" s="496"/>
      <c r="AT749" s="496"/>
      <c r="AU749" s="496"/>
      <c r="AV749" s="496"/>
      <c r="AW749" s="496"/>
      <c r="AX749" s="496"/>
      <c r="AY749" s="496"/>
      <c r="AZ749" s="496"/>
      <c r="BA749" s="496"/>
      <c r="BB749" s="496"/>
      <c r="BC749" s="496"/>
      <c r="BD749" s="496"/>
      <c r="BE749" s="496"/>
      <c r="BF749" s="496"/>
      <c r="BG749" s="496"/>
      <c r="BH749" s="496"/>
      <c r="BI749" s="496"/>
      <c r="BJ749" s="496"/>
      <c r="BK749" s="80">
        <f>SUMIF(AF749:BJ749,"YES",'DRAFT - HGC Schemes'!$AB$3:$BF$3)</f>
        <v>450</v>
      </c>
      <c r="BL749" s="76">
        <f t="shared" si="232"/>
        <v>913.88</v>
      </c>
      <c r="BM749" s="76"/>
      <c r="BN749" s="487" t="str">
        <f>IF(AF749="yes",('DRAFT - HGC Schemes'!AB$3*$BL749),"")</f>
        <v/>
      </c>
      <c r="BO749" s="487" t="str">
        <f>IF(AG749="yes",('DRAFT - HGC Schemes'!AC$3*$BL749),"")</f>
        <v/>
      </c>
      <c r="BP749" s="487">
        <f>IF(AH749="yes",('DRAFT - HGC Schemes'!AD$3*$BL749),"")</f>
        <v>411246</v>
      </c>
      <c r="BQ749" s="487" t="str">
        <f>IF(AI749="yes",('DRAFT - HGC Schemes'!AE$3*$BL749),"")</f>
        <v/>
      </c>
      <c r="BR749" s="487" t="str">
        <f>IF(AJ749="yes",('DRAFT - HGC Schemes'!AF$3*$BL749),"")</f>
        <v/>
      </c>
      <c r="BS749" s="487" t="str">
        <f>IF(AK749="yes",('DRAFT - HGC Schemes'!AG$3*$BL749),"")</f>
        <v/>
      </c>
      <c r="BT749" s="487" t="str">
        <f>IF(AL749="yes",('DRAFT - HGC Schemes'!AH$3*$BL749),"")</f>
        <v/>
      </c>
      <c r="BU749" s="487" t="str">
        <f>IF(AM749="yes",('DRAFT - HGC Schemes'!AI$3*$BL749),"")</f>
        <v/>
      </c>
      <c r="BV749" s="487" t="str">
        <f>IF(AN749="yes",('DRAFT - HGC Schemes'!AJ$3*$BL749),"")</f>
        <v/>
      </c>
      <c r="BW749" s="487" t="str">
        <f>IF(AO749="yes",('DRAFT - HGC Schemes'!AK$3*$BL749),"")</f>
        <v/>
      </c>
      <c r="BX749" s="487" t="str">
        <f>IF(AP749="yes",('DRAFT - HGC Schemes'!AL$3*$BL749),"")</f>
        <v/>
      </c>
      <c r="BY749" s="487" t="str">
        <f>IF(AQ749="yes",('DRAFT - HGC Schemes'!AM$3*$BL749),"")</f>
        <v/>
      </c>
      <c r="BZ749" s="487" t="str">
        <f>IF(AR749="yes",('DRAFT - HGC Schemes'!AN$3*$BL749),"")</f>
        <v/>
      </c>
      <c r="CA749" s="487" t="str">
        <f>IF(AS749="yes",('DRAFT - HGC Schemes'!AO$3*$BL749),"")</f>
        <v/>
      </c>
      <c r="CB749" s="487" t="str">
        <f>IF(AT749="yes",('DRAFT - HGC Schemes'!AP$3*$BL749),"")</f>
        <v/>
      </c>
      <c r="CC749" s="487" t="str">
        <f>IF(AU749="yes",('DRAFT - HGC Schemes'!AQ$3*$BL749),"")</f>
        <v/>
      </c>
      <c r="CD749" s="487" t="str">
        <f>IF(AV749="yes",('DRAFT - HGC Schemes'!AR$3*$BL749),"")</f>
        <v/>
      </c>
      <c r="CE749" s="487" t="str">
        <f>IF(AW749="yes",('DRAFT - HGC Schemes'!AS$3*$BL749),"")</f>
        <v/>
      </c>
      <c r="CF749" s="487" t="str">
        <f>IF(AX749="yes",('DRAFT - HGC Schemes'!AT$3*$BL749),"")</f>
        <v/>
      </c>
      <c r="CG749" s="487" t="str">
        <f>IF(AY749="yes",('DRAFT - HGC Schemes'!AU$3*$BL749),"")</f>
        <v/>
      </c>
      <c r="CH749" s="487" t="str">
        <f>IF(AZ749="yes",('DRAFT - HGC Schemes'!AV$3*$BL749),"")</f>
        <v/>
      </c>
      <c r="CI749" s="487" t="str">
        <f>IF(BA749="yes",('DRAFT - HGC Schemes'!AW$3*$BL749),"")</f>
        <v/>
      </c>
      <c r="CJ749" s="487" t="str">
        <f>IF(BB749="yes",('DRAFT - HGC Schemes'!AX$3*$BL749),"")</f>
        <v/>
      </c>
      <c r="CK749" s="487" t="str">
        <f>IF(BC749="yes",('DRAFT - HGC Schemes'!AY$3*$BL749),"")</f>
        <v/>
      </c>
      <c r="CL749" s="487" t="str">
        <f>IF(BD749="yes",('DRAFT - HGC Schemes'!AZ$3*$BL749),"")</f>
        <v/>
      </c>
      <c r="CM749" s="487" t="str">
        <f>IF(BE749="yes",('DRAFT - HGC Schemes'!BA$3*$BL749),"")</f>
        <v/>
      </c>
      <c r="CN749" s="487" t="str">
        <f>IF(BF749="yes",('DRAFT - HGC Schemes'!BB$3*$BL749),"")</f>
        <v/>
      </c>
      <c r="CO749" s="487" t="str">
        <f>IF(BG749="yes",('DRAFT - HGC Schemes'!BC$3*$BL749),"")</f>
        <v/>
      </c>
      <c r="CP749" s="487" t="str">
        <f>IF(BH749="yes",('DRAFT - HGC Schemes'!BD$3*$BL749),"")</f>
        <v/>
      </c>
      <c r="CQ749" s="487" t="str">
        <f>IF(BI749="yes",('DRAFT - HGC Schemes'!BE$3*$BL749),"")</f>
        <v/>
      </c>
      <c r="CR749" s="487" t="str">
        <f>IF(BJ749="yes",('DRAFT - HGC Schemes'!BF$3*$BL749),"")</f>
        <v/>
      </c>
      <c r="CS749" s="487"/>
      <c r="CT749" s="487"/>
      <c r="CU749" s="487"/>
      <c r="CV749" s="487"/>
      <c r="CW749" s="487"/>
      <c r="CX749" s="487"/>
      <c r="CY749" s="487"/>
      <c r="CZ749" s="487"/>
      <c r="DA749" s="487"/>
      <c r="DB749" s="487"/>
      <c r="DC749" s="487"/>
      <c r="DD749" s="487"/>
      <c r="DE749" s="487"/>
      <c r="DF749" s="487"/>
      <c r="DG749" s="487"/>
      <c r="DH749" s="487"/>
      <c r="DI749" s="487"/>
      <c r="DJ749" s="487"/>
      <c r="DK749" s="487"/>
      <c r="DL749" s="487"/>
      <c r="DM749" s="487"/>
      <c r="DN749" s="487"/>
      <c r="DO749" s="487"/>
      <c r="DP749" s="487"/>
      <c r="DQ749" s="487"/>
      <c r="DR749" s="487"/>
      <c r="DS749" s="484"/>
      <c r="DT749" s="484"/>
      <c r="DU749" s="484"/>
      <c r="DV749" s="494"/>
      <c r="DW749" s="494"/>
    </row>
    <row r="750" spans="1:127" s="613" customFormat="1" ht="56.25" customHeight="1" x14ac:dyDescent="0.2">
      <c r="A750" s="494"/>
      <c r="B750" s="499"/>
      <c r="C750" s="494"/>
      <c r="D750" s="481">
        <v>586</v>
      </c>
      <c r="E750" s="481"/>
      <c r="F750" s="481" t="s">
        <v>2481</v>
      </c>
      <c r="G750" s="482" t="s">
        <v>53</v>
      </c>
      <c r="H750" s="481" t="s">
        <v>515</v>
      </c>
      <c r="I750" s="654" t="s">
        <v>623</v>
      </c>
      <c r="J750" s="654" t="s">
        <v>624</v>
      </c>
      <c r="K750" s="654"/>
      <c r="L750" s="654"/>
      <c r="M750" s="654"/>
      <c r="N750" s="484" t="s">
        <v>643</v>
      </c>
      <c r="O750" s="484" t="s">
        <v>58</v>
      </c>
      <c r="P750" s="327" t="s">
        <v>1363</v>
      </c>
      <c r="Q750" s="484" t="s">
        <v>2996</v>
      </c>
      <c r="R750" s="484" t="s">
        <v>81</v>
      </c>
      <c r="S750" s="667" t="s">
        <v>626</v>
      </c>
      <c r="T750" s="484" t="s">
        <v>626</v>
      </c>
      <c r="U750" s="484" t="s">
        <v>559</v>
      </c>
      <c r="V750" s="484"/>
      <c r="W750" s="620" t="s">
        <v>63</v>
      </c>
      <c r="X750" s="620" t="s">
        <v>63</v>
      </c>
      <c r="Y750" s="723">
        <v>319858</v>
      </c>
      <c r="Z750" s="723"/>
      <c r="AA750" s="654" t="s">
        <v>585</v>
      </c>
      <c r="AB750" s="654"/>
      <c r="AC750" s="723">
        <f t="shared" si="233"/>
        <v>319858</v>
      </c>
      <c r="AD750" s="649" t="s">
        <v>65</v>
      </c>
      <c r="AE750" s="649"/>
      <c r="AF750" s="496"/>
      <c r="AG750" s="496"/>
      <c r="AH750" s="496"/>
      <c r="AI750" s="487" t="s">
        <v>66</v>
      </c>
      <c r="AJ750" s="496"/>
      <c r="AK750" s="496"/>
      <c r="AL750" s="496"/>
      <c r="AM750" s="496"/>
      <c r="AN750" s="496"/>
      <c r="AO750" s="496"/>
      <c r="AP750" s="496"/>
      <c r="AQ750" s="496"/>
      <c r="AR750" s="496"/>
      <c r="AS750" s="496"/>
      <c r="AT750" s="496"/>
      <c r="AU750" s="496"/>
      <c r="AV750" s="496"/>
      <c r="AW750" s="496"/>
      <c r="AX750" s="496"/>
      <c r="AY750" s="496"/>
      <c r="AZ750" s="496"/>
      <c r="BA750" s="496"/>
      <c r="BB750" s="496"/>
      <c r="BC750" s="496"/>
      <c r="BD750" s="496"/>
      <c r="BE750" s="496"/>
      <c r="BF750" s="496"/>
      <c r="BG750" s="496"/>
      <c r="BH750" s="496"/>
      <c r="BI750" s="496"/>
      <c r="BJ750" s="496"/>
      <c r="BK750" s="80">
        <f>SUMIF(AF750:BJ750,"YES",'DRAFT - HGC Schemes'!$AB$3:$BF$3)</f>
        <v>350</v>
      </c>
      <c r="BL750" s="76">
        <f t="shared" si="232"/>
        <v>913.88</v>
      </c>
      <c r="BM750" s="76"/>
      <c r="BN750" s="487" t="str">
        <f>IF(AF750="yes",('DRAFT - HGC Schemes'!AB$3*$BL750),"")</f>
        <v/>
      </c>
      <c r="BO750" s="487" t="str">
        <f>IF(AG750="yes",('DRAFT - HGC Schemes'!AC$3*$BL750),"")</f>
        <v/>
      </c>
      <c r="BP750" s="487" t="str">
        <f>IF(AH750="yes",('DRAFT - HGC Schemes'!AD$3*$BL750),"")</f>
        <v/>
      </c>
      <c r="BQ750" s="487">
        <f>IF(AI750="yes",('DRAFT - HGC Schemes'!AE$3*$BL750),"")</f>
        <v>319858</v>
      </c>
      <c r="BR750" s="487" t="str">
        <f>IF(AJ750="yes",('DRAFT - HGC Schemes'!AF$3*$BL750),"")</f>
        <v/>
      </c>
      <c r="BS750" s="487" t="str">
        <f>IF(AK750="yes",('DRAFT - HGC Schemes'!AG$3*$BL750),"")</f>
        <v/>
      </c>
      <c r="BT750" s="487" t="str">
        <f>IF(AL750="yes",('DRAFT - HGC Schemes'!AH$3*$BL750),"")</f>
        <v/>
      </c>
      <c r="BU750" s="487" t="str">
        <f>IF(AM750="yes",('DRAFT - HGC Schemes'!AI$3*$BL750),"")</f>
        <v/>
      </c>
      <c r="BV750" s="487" t="str">
        <f>IF(AN750="yes",('DRAFT - HGC Schemes'!AJ$3*$BL750),"")</f>
        <v/>
      </c>
      <c r="BW750" s="487" t="str">
        <f>IF(AO750="yes",('DRAFT - HGC Schemes'!AK$3*$BL750),"")</f>
        <v/>
      </c>
      <c r="BX750" s="487" t="str">
        <f>IF(AP750="yes",('DRAFT - HGC Schemes'!AL$3*$BL750),"")</f>
        <v/>
      </c>
      <c r="BY750" s="487" t="str">
        <f>IF(AQ750="yes",('DRAFT - HGC Schemes'!AM$3*$BL750),"")</f>
        <v/>
      </c>
      <c r="BZ750" s="487" t="str">
        <f>IF(AR750="yes",('DRAFT - HGC Schemes'!AN$3*$BL750),"")</f>
        <v/>
      </c>
      <c r="CA750" s="487" t="str">
        <f>IF(AS750="yes",('DRAFT - HGC Schemes'!AO$3*$BL750),"")</f>
        <v/>
      </c>
      <c r="CB750" s="487" t="str">
        <f>IF(AT750="yes",('DRAFT - HGC Schemes'!AP$3*$BL750),"")</f>
        <v/>
      </c>
      <c r="CC750" s="487" t="str">
        <f>IF(AU750="yes",('DRAFT - HGC Schemes'!AQ$3*$BL750),"")</f>
        <v/>
      </c>
      <c r="CD750" s="487" t="str">
        <f>IF(AV750="yes",('DRAFT - HGC Schemes'!AR$3*$BL750),"")</f>
        <v/>
      </c>
      <c r="CE750" s="487" t="str">
        <f>IF(AW750="yes",('DRAFT - HGC Schemes'!AS$3*$BL750),"")</f>
        <v/>
      </c>
      <c r="CF750" s="487" t="str">
        <f>IF(AX750="yes",('DRAFT - HGC Schemes'!AT$3*$BL750),"")</f>
        <v/>
      </c>
      <c r="CG750" s="487" t="str">
        <f>IF(AY750="yes",('DRAFT - HGC Schemes'!AU$3*$BL750),"")</f>
        <v/>
      </c>
      <c r="CH750" s="487" t="str">
        <f>IF(AZ750="yes",('DRAFT - HGC Schemes'!AV$3*$BL750),"")</f>
        <v/>
      </c>
      <c r="CI750" s="487" t="str">
        <f>IF(BA750="yes",('DRAFT - HGC Schemes'!AW$3*$BL750),"")</f>
        <v/>
      </c>
      <c r="CJ750" s="487" t="str">
        <f>IF(BB750="yes",('DRAFT - HGC Schemes'!AX$3*$BL750),"")</f>
        <v/>
      </c>
      <c r="CK750" s="487" t="str">
        <f>IF(BC750="yes",('DRAFT - HGC Schemes'!AY$3*$BL750),"")</f>
        <v/>
      </c>
      <c r="CL750" s="487" t="str">
        <f>IF(BD750="yes",('DRAFT - HGC Schemes'!AZ$3*$BL750),"")</f>
        <v/>
      </c>
      <c r="CM750" s="487" t="str">
        <f>IF(BE750="yes",('DRAFT - HGC Schemes'!BA$3*$BL750),"")</f>
        <v/>
      </c>
      <c r="CN750" s="487" t="str">
        <f>IF(BF750="yes",('DRAFT - HGC Schemes'!BB$3*$BL750),"")</f>
        <v/>
      </c>
      <c r="CO750" s="487" t="str">
        <f>IF(BG750="yes",('DRAFT - HGC Schemes'!BC$3*$BL750),"")</f>
        <v/>
      </c>
      <c r="CP750" s="487" t="str">
        <f>IF(BH750="yes",('DRAFT - HGC Schemes'!BD$3*$BL750),"")</f>
        <v/>
      </c>
      <c r="CQ750" s="487" t="str">
        <f>IF(BI750="yes",('DRAFT - HGC Schemes'!BE$3*$BL750),"")</f>
        <v/>
      </c>
      <c r="CR750" s="487" t="str">
        <f>IF(BJ750="yes",('DRAFT - HGC Schemes'!BF$3*$BL750),"")</f>
        <v/>
      </c>
      <c r="CS750" s="487"/>
      <c r="CT750" s="487"/>
      <c r="CU750" s="487"/>
      <c r="CV750" s="487"/>
      <c r="CW750" s="487"/>
      <c r="CX750" s="487"/>
      <c r="CY750" s="487"/>
      <c r="CZ750" s="487"/>
      <c r="DA750" s="487"/>
      <c r="DB750" s="487"/>
      <c r="DC750" s="487"/>
      <c r="DD750" s="487"/>
      <c r="DE750" s="487"/>
      <c r="DF750" s="487"/>
      <c r="DG750" s="487"/>
      <c r="DH750" s="487"/>
      <c r="DI750" s="487"/>
      <c r="DJ750" s="487"/>
      <c r="DK750" s="487"/>
      <c r="DL750" s="487"/>
      <c r="DM750" s="487"/>
      <c r="DN750" s="487"/>
      <c r="DO750" s="487"/>
      <c r="DP750" s="487"/>
      <c r="DQ750" s="487"/>
      <c r="DR750" s="487"/>
      <c r="DS750" s="484"/>
      <c r="DT750" s="484"/>
      <c r="DU750" s="484"/>
      <c r="DV750" s="494"/>
      <c r="DW750" s="494"/>
    </row>
    <row r="751" spans="1:127" s="613" customFormat="1" ht="56.25" customHeight="1" x14ac:dyDescent="0.2">
      <c r="A751" s="77"/>
      <c r="B751" s="499"/>
      <c r="C751" s="77"/>
      <c r="D751" s="481">
        <v>587</v>
      </c>
      <c r="E751" s="481"/>
      <c r="F751" s="481" t="s">
        <v>2481</v>
      </c>
      <c r="G751" s="482" t="s">
        <v>53</v>
      </c>
      <c r="H751" s="481" t="s">
        <v>515</v>
      </c>
      <c r="I751" s="654" t="s">
        <v>623</v>
      </c>
      <c r="J751" s="654" t="s">
        <v>624</v>
      </c>
      <c r="K751" s="654"/>
      <c r="L751" s="654"/>
      <c r="M751" s="654"/>
      <c r="N751" s="484" t="s">
        <v>644</v>
      </c>
      <c r="O751" s="484" t="s">
        <v>58</v>
      </c>
      <c r="P751" s="329" t="s">
        <v>1361</v>
      </c>
      <c r="Q751" s="484" t="s">
        <v>2996</v>
      </c>
      <c r="R751" s="484" t="s">
        <v>81</v>
      </c>
      <c r="S751" s="667" t="s">
        <v>626</v>
      </c>
      <c r="T751" s="484" t="s">
        <v>626</v>
      </c>
      <c r="U751" s="484" t="s">
        <v>377</v>
      </c>
      <c r="V751" s="484"/>
      <c r="W751" s="620" t="s">
        <v>63</v>
      </c>
      <c r="X751" s="620" t="s">
        <v>63</v>
      </c>
      <c r="Y751" s="723">
        <v>182776</v>
      </c>
      <c r="Z751" s="723"/>
      <c r="AA751" s="654" t="s">
        <v>585</v>
      </c>
      <c r="AB751" s="654"/>
      <c r="AC751" s="723">
        <f t="shared" si="233"/>
        <v>182776</v>
      </c>
      <c r="AD751" s="649" t="s">
        <v>65</v>
      </c>
      <c r="AE751" s="649"/>
      <c r="AF751" s="496"/>
      <c r="AG751" s="487" t="s">
        <v>66</v>
      </c>
      <c r="AH751" s="496"/>
      <c r="AI751" s="496"/>
      <c r="AJ751" s="496"/>
      <c r="AK751" s="496"/>
      <c r="AL751" s="496"/>
      <c r="AM751" s="496"/>
      <c r="AN751" s="496"/>
      <c r="AO751" s="496"/>
      <c r="AP751" s="496"/>
      <c r="AQ751" s="496"/>
      <c r="AR751" s="496"/>
      <c r="AS751" s="496"/>
      <c r="AT751" s="496"/>
      <c r="AU751" s="496"/>
      <c r="AV751" s="496"/>
      <c r="AW751" s="496"/>
      <c r="AX751" s="496"/>
      <c r="AY751" s="496"/>
      <c r="AZ751" s="496"/>
      <c r="BA751" s="496"/>
      <c r="BB751" s="496"/>
      <c r="BC751" s="496"/>
      <c r="BD751" s="496"/>
      <c r="BE751" s="496"/>
      <c r="BF751" s="496"/>
      <c r="BG751" s="496"/>
      <c r="BH751" s="496"/>
      <c r="BI751" s="496"/>
      <c r="BJ751" s="496"/>
      <c r="BK751" s="80">
        <f>SUMIF(AF751:BJ751,"YES",'DRAFT - HGC Schemes'!$AB$3:$BF$3)</f>
        <v>200</v>
      </c>
      <c r="BL751" s="76">
        <f t="shared" si="232"/>
        <v>913.88</v>
      </c>
      <c r="BM751" s="76"/>
      <c r="BN751" s="487" t="str">
        <f>IF(AF751="yes",('DRAFT - HGC Schemes'!AB$3*$BL751),"")</f>
        <v/>
      </c>
      <c r="BO751" s="487">
        <f>IF(AG751="yes",('DRAFT - HGC Schemes'!AC$3*$BL751),"")</f>
        <v>182776</v>
      </c>
      <c r="BP751" s="487" t="str">
        <f>IF(AH751="yes",('DRAFT - HGC Schemes'!AD$3*$BL751),"")</f>
        <v/>
      </c>
      <c r="BQ751" s="487" t="str">
        <f>IF(AI751="yes",('DRAFT - HGC Schemes'!AE$3*$BL751),"")</f>
        <v/>
      </c>
      <c r="BR751" s="487" t="str">
        <f>IF(AJ751="yes",('DRAFT - HGC Schemes'!AF$3*$BL751),"")</f>
        <v/>
      </c>
      <c r="BS751" s="487" t="str">
        <f>IF(AK751="yes",('DRAFT - HGC Schemes'!AG$3*$BL751),"")</f>
        <v/>
      </c>
      <c r="BT751" s="487" t="str">
        <f>IF(AL751="yes",('DRAFT - HGC Schemes'!AH$3*$BL751),"")</f>
        <v/>
      </c>
      <c r="BU751" s="487" t="str">
        <f>IF(AM751="yes",('DRAFT - HGC Schemes'!AI$3*$BL751),"")</f>
        <v/>
      </c>
      <c r="BV751" s="487" t="str">
        <f>IF(AN751="yes",('DRAFT - HGC Schemes'!AJ$3*$BL751),"")</f>
        <v/>
      </c>
      <c r="BW751" s="487" t="str">
        <f>IF(AO751="yes",('DRAFT - HGC Schemes'!AK$3*$BL751),"")</f>
        <v/>
      </c>
      <c r="BX751" s="487" t="str">
        <f>IF(AP751="yes",('DRAFT - HGC Schemes'!AL$3*$BL751),"")</f>
        <v/>
      </c>
      <c r="BY751" s="487" t="str">
        <f>IF(AQ751="yes",('DRAFT - HGC Schemes'!AM$3*$BL751),"")</f>
        <v/>
      </c>
      <c r="BZ751" s="487" t="str">
        <f>IF(AR751="yes",('DRAFT - HGC Schemes'!AN$3*$BL751),"")</f>
        <v/>
      </c>
      <c r="CA751" s="487" t="str">
        <f>IF(AS751="yes",('DRAFT - HGC Schemes'!AO$3*$BL751),"")</f>
        <v/>
      </c>
      <c r="CB751" s="487" t="str">
        <f>IF(AT751="yes",('DRAFT - HGC Schemes'!AP$3*$BL751),"")</f>
        <v/>
      </c>
      <c r="CC751" s="487" t="str">
        <f>IF(AU751="yes",('DRAFT - HGC Schemes'!AQ$3*$BL751),"")</f>
        <v/>
      </c>
      <c r="CD751" s="487" t="str">
        <f>IF(AV751="yes",('DRAFT - HGC Schemes'!AR$3*$BL751),"")</f>
        <v/>
      </c>
      <c r="CE751" s="487" t="str">
        <f>IF(AW751="yes",('DRAFT - HGC Schemes'!AS$3*$BL751),"")</f>
        <v/>
      </c>
      <c r="CF751" s="487" t="str">
        <f>IF(AX751="yes",('DRAFT - HGC Schemes'!AT$3*$BL751),"")</f>
        <v/>
      </c>
      <c r="CG751" s="487" t="str">
        <f>IF(AY751="yes",('DRAFT - HGC Schemes'!AU$3*$BL751),"")</f>
        <v/>
      </c>
      <c r="CH751" s="487" t="str">
        <f>IF(AZ751="yes",('DRAFT - HGC Schemes'!AV$3*$BL751),"")</f>
        <v/>
      </c>
      <c r="CI751" s="487" t="str">
        <f>IF(BA751="yes",('DRAFT - HGC Schemes'!AW$3*$BL751),"")</f>
        <v/>
      </c>
      <c r="CJ751" s="487" t="str">
        <f>IF(BB751="yes",('DRAFT - HGC Schemes'!AX$3*$BL751),"")</f>
        <v/>
      </c>
      <c r="CK751" s="487" t="str">
        <f>IF(BC751="yes",('DRAFT - HGC Schemes'!AY$3*$BL751),"")</f>
        <v/>
      </c>
      <c r="CL751" s="487" t="str">
        <f>IF(BD751="yes",('DRAFT - HGC Schemes'!AZ$3*$BL751),"")</f>
        <v/>
      </c>
      <c r="CM751" s="487" t="str">
        <f>IF(BE751="yes",('DRAFT - HGC Schemes'!BA$3*$BL751),"")</f>
        <v/>
      </c>
      <c r="CN751" s="487" t="str">
        <f>IF(BF751="yes",('DRAFT - HGC Schemes'!BB$3*$BL751),"")</f>
        <v/>
      </c>
      <c r="CO751" s="487" t="str">
        <f>IF(BG751="yes",('DRAFT - HGC Schemes'!BC$3*$BL751),"")</f>
        <v/>
      </c>
      <c r="CP751" s="487" t="str">
        <f>IF(BH751="yes",('DRAFT - HGC Schemes'!BD$3*$BL751),"")</f>
        <v/>
      </c>
      <c r="CQ751" s="487" t="str">
        <f>IF(BI751="yes",('DRAFT - HGC Schemes'!BE$3*$BL751),"")</f>
        <v/>
      </c>
      <c r="CR751" s="487" t="str">
        <f>IF(BJ751="yes",('DRAFT - HGC Schemes'!BF$3*$BL751),"")</f>
        <v/>
      </c>
      <c r="CS751" s="487"/>
      <c r="CT751" s="487"/>
      <c r="CU751" s="487"/>
      <c r="CV751" s="487"/>
      <c r="CW751" s="487"/>
      <c r="CX751" s="487"/>
      <c r="CY751" s="487"/>
      <c r="CZ751" s="487"/>
      <c r="DA751" s="487"/>
      <c r="DB751" s="487"/>
      <c r="DC751" s="487"/>
      <c r="DD751" s="487"/>
      <c r="DE751" s="487"/>
      <c r="DF751" s="487"/>
      <c r="DG751" s="487"/>
      <c r="DH751" s="487"/>
      <c r="DI751" s="487"/>
      <c r="DJ751" s="487"/>
      <c r="DK751" s="487"/>
      <c r="DL751" s="487"/>
      <c r="DM751" s="487"/>
      <c r="DN751" s="487"/>
      <c r="DO751" s="487"/>
      <c r="DP751" s="487"/>
      <c r="DQ751" s="487"/>
      <c r="DR751" s="487"/>
      <c r="DS751" s="484"/>
      <c r="DT751" s="484"/>
      <c r="DU751" s="484"/>
      <c r="DV751" s="494"/>
      <c r="DW751" s="494"/>
    </row>
    <row r="752" spans="1:127" s="613" customFormat="1" ht="56.25" customHeight="1" x14ac:dyDescent="0.2">
      <c r="A752" s="494"/>
      <c r="B752" s="499"/>
      <c r="C752" s="494"/>
      <c r="D752" s="481">
        <v>588</v>
      </c>
      <c r="E752" s="481"/>
      <c r="F752" s="481" t="s">
        <v>2481</v>
      </c>
      <c r="G752" s="482" t="s">
        <v>53</v>
      </c>
      <c r="H752" s="481" t="s">
        <v>515</v>
      </c>
      <c r="I752" s="654" t="s">
        <v>623</v>
      </c>
      <c r="J752" s="654" t="s">
        <v>624</v>
      </c>
      <c r="K752" s="654"/>
      <c r="L752" s="654"/>
      <c r="M752" s="654"/>
      <c r="N752" s="484" t="s">
        <v>645</v>
      </c>
      <c r="O752" s="484" t="s">
        <v>58</v>
      </c>
      <c r="P752" s="327" t="s">
        <v>1364</v>
      </c>
      <c r="Q752" s="484" t="s">
        <v>2996</v>
      </c>
      <c r="R752" s="484" t="s">
        <v>81</v>
      </c>
      <c r="S752" s="667" t="s">
        <v>626</v>
      </c>
      <c r="T752" s="484" t="s">
        <v>626</v>
      </c>
      <c r="U752" s="484" t="s">
        <v>71</v>
      </c>
      <c r="V752" s="484"/>
      <c r="W752" s="620" t="s">
        <v>63</v>
      </c>
      <c r="X752" s="620" t="s">
        <v>63</v>
      </c>
      <c r="Y752" s="723">
        <v>274164</v>
      </c>
      <c r="Z752" s="723"/>
      <c r="AA752" s="654" t="s">
        <v>585</v>
      </c>
      <c r="AB752" s="654"/>
      <c r="AC752" s="723">
        <f t="shared" si="233"/>
        <v>274164</v>
      </c>
      <c r="AD752" s="649" t="s">
        <v>65</v>
      </c>
      <c r="AE752" s="649"/>
      <c r="AF752" s="496"/>
      <c r="AG752" s="496"/>
      <c r="AH752" s="496"/>
      <c r="AI752" s="496"/>
      <c r="AJ752" s="487" t="s">
        <v>66</v>
      </c>
      <c r="AK752" s="496"/>
      <c r="AL752" s="496"/>
      <c r="AM752" s="496"/>
      <c r="AN752" s="496"/>
      <c r="AO752" s="496"/>
      <c r="AP752" s="496"/>
      <c r="AQ752" s="496"/>
      <c r="AR752" s="496"/>
      <c r="AS752" s="496"/>
      <c r="AT752" s="496"/>
      <c r="AU752" s="496"/>
      <c r="AV752" s="496"/>
      <c r="AW752" s="496"/>
      <c r="AX752" s="496"/>
      <c r="AY752" s="496"/>
      <c r="AZ752" s="496"/>
      <c r="BA752" s="496"/>
      <c r="BB752" s="496"/>
      <c r="BC752" s="496"/>
      <c r="BD752" s="496"/>
      <c r="BE752" s="496"/>
      <c r="BF752" s="496"/>
      <c r="BG752" s="496"/>
      <c r="BH752" s="496"/>
      <c r="BI752" s="496"/>
      <c r="BJ752" s="496"/>
      <c r="BK752" s="80">
        <f>SUMIF(AF752:BJ752,"YES",'DRAFT - HGC Schemes'!$AB$3:$BF$3)</f>
        <v>500</v>
      </c>
      <c r="BL752" s="76">
        <f t="shared" si="232"/>
        <v>548.32799999999997</v>
      </c>
      <c r="BM752" s="76"/>
      <c r="BN752" s="487" t="str">
        <f>IF(AF752="yes",('DRAFT - HGC Schemes'!AB$3*$BL752),"")</f>
        <v/>
      </c>
      <c r="BO752" s="487" t="str">
        <f>IF(AG752="yes",('DRAFT - HGC Schemes'!AC$3*$BL752),"")</f>
        <v/>
      </c>
      <c r="BP752" s="487" t="str">
        <f>IF(AH752="yes",('DRAFT - HGC Schemes'!AD$3*$BL752),"")</f>
        <v/>
      </c>
      <c r="BQ752" s="487" t="str">
        <f>IF(AI752="yes",('DRAFT - HGC Schemes'!AE$3*$BL752),"")</f>
        <v/>
      </c>
      <c r="BR752" s="487">
        <f>IF(AJ752="yes",('DRAFT - HGC Schemes'!AF$3*$BL752),"")</f>
        <v>274164</v>
      </c>
      <c r="BS752" s="487" t="str">
        <f>IF(AK752="yes",('DRAFT - HGC Schemes'!AG$3*$BL752),"")</f>
        <v/>
      </c>
      <c r="BT752" s="487" t="str">
        <f>IF(AL752="yes",('DRAFT - HGC Schemes'!AH$3*$BL752),"")</f>
        <v/>
      </c>
      <c r="BU752" s="487" t="str">
        <f>IF(AM752="yes",('DRAFT - HGC Schemes'!AI$3*$BL752),"")</f>
        <v/>
      </c>
      <c r="BV752" s="487" t="str">
        <f>IF(AN752="yes",('DRAFT - HGC Schemes'!AJ$3*$BL752),"")</f>
        <v/>
      </c>
      <c r="BW752" s="487" t="str">
        <f>IF(AO752="yes",('DRAFT - HGC Schemes'!AK$3*$BL752),"")</f>
        <v/>
      </c>
      <c r="BX752" s="487" t="str">
        <f>IF(AP752="yes",('DRAFT - HGC Schemes'!AL$3*$BL752),"")</f>
        <v/>
      </c>
      <c r="BY752" s="487" t="str">
        <f>IF(AQ752="yes",('DRAFT - HGC Schemes'!AM$3*$BL752),"")</f>
        <v/>
      </c>
      <c r="BZ752" s="487" t="str">
        <f>IF(AR752="yes",('DRAFT - HGC Schemes'!AN$3*$BL752),"")</f>
        <v/>
      </c>
      <c r="CA752" s="487" t="str">
        <f>IF(AS752="yes",('DRAFT - HGC Schemes'!AO$3*$BL752),"")</f>
        <v/>
      </c>
      <c r="CB752" s="487" t="str">
        <f>IF(AT752="yes",('DRAFT - HGC Schemes'!AP$3*$BL752),"")</f>
        <v/>
      </c>
      <c r="CC752" s="487" t="str">
        <f>IF(AU752="yes",('DRAFT - HGC Schemes'!AQ$3*$BL752),"")</f>
        <v/>
      </c>
      <c r="CD752" s="487" t="str">
        <f>IF(AV752="yes",('DRAFT - HGC Schemes'!AR$3*$BL752),"")</f>
        <v/>
      </c>
      <c r="CE752" s="487" t="str">
        <f>IF(AW752="yes",('DRAFT - HGC Schemes'!AS$3*$BL752),"")</f>
        <v/>
      </c>
      <c r="CF752" s="487" t="str">
        <f>IF(AX752="yes",('DRAFT - HGC Schemes'!AT$3*$BL752),"")</f>
        <v/>
      </c>
      <c r="CG752" s="487" t="str">
        <f>IF(AY752="yes",('DRAFT - HGC Schemes'!AU$3*$BL752),"")</f>
        <v/>
      </c>
      <c r="CH752" s="487" t="str">
        <f>IF(AZ752="yes",('DRAFT - HGC Schemes'!AV$3*$BL752),"")</f>
        <v/>
      </c>
      <c r="CI752" s="487" t="str">
        <f>IF(BA752="yes",('DRAFT - HGC Schemes'!AW$3*$BL752),"")</f>
        <v/>
      </c>
      <c r="CJ752" s="487" t="str">
        <f>IF(BB752="yes",('DRAFT - HGC Schemes'!AX$3*$BL752),"")</f>
        <v/>
      </c>
      <c r="CK752" s="487" t="str">
        <f>IF(BC752="yes",('DRAFT - HGC Schemes'!AY$3*$BL752),"")</f>
        <v/>
      </c>
      <c r="CL752" s="487" t="str">
        <f>IF(BD752="yes",('DRAFT - HGC Schemes'!AZ$3*$BL752),"")</f>
        <v/>
      </c>
      <c r="CM752" s="487" t="str">
        <f>IF(BE752="yes",('DRAFT - HGC Schemes'!BA$3*$BL752),"")</f>
        <v/>
      </c>
      <c r="CN752" s="487" t="str">
        <f>IF(BF752="yes",('DRAFT - HGC Schemes'!BB$3*$BL752),"")</f>
        <v/>
      </c>
      <c r="CO752" s="487" t="str">
        <f>IF(BG752="yes",('DRAFT - HGC Schemes'!BC$3*$BL752),"")</f>
        <v/>
      </c>
      <c r="CP752" s="487" t="str">
        <f>IF(BH752="yes",('DRAFT - HGC Schemes'!BD$3*$BL752),"")</f>
        <v/>
      </c>
      <c r="CQ752" s="487" t="str">
        <f>IF(BI752="yes",('DRAFT - HGC Schemes'!BE$3*$BL752),"")</f>
        <v/>
      </c>
      <c r="CR752" s="487" t="str">
        <f>IF(BJ752="yes",('DRAFT - HGC Schemes'!BF$3*$BL752),"")</f>
        <v/>
      </c>
      <c r="CS752" s="487"/>
      <c r="CT752" s="487"/>
      <c r="CU752" s="487"/>
      <c r="CV752" s="487"/>
      <c r="CW752" s="487"/>
      <c r="CX752" s="487"/>
      <c r="CY752" s="487"/>
      <c r="CZ752" s="487"/>
      <c r="DA752" s="487"/>
      <c r="DB752" s="487"/>
      <c r="DC752" s="487"/>
      <c r="DD752" s="487"/>
      <c r="DE752" s="487"/>
      <c r="DF752" s="487"/>
      <c r="DG752" s="487"/>
      <c r="DH752" s="487"/>
      <c r="DI752" s="487"/>
      <c r="DJ752" s="487"/>
      <c r="DK752" s="487"/>
      <c r="DL752" s="487"/>
      <c r="DM752" s="487"/>
      <c r="DN752" s="487"/>
      <c r="DO752" s="487"/>
      <c r="DP752" s="487"/>
      <c r="DQ752" s="487"/>
      <c r="DR752" s="487"/>
      <c r="DS752" s="484"/>
      <c r="DT752" s="484"/>
      <c r="DU752" s="484"/>
      <c r="DV752" s="494"/>
      <c r="DW752" s="494"/>
    </row>
    <row r="753" spans="1:127" s="613" customFormat="1" ht="56.25" customHeight="1" x14ac:dyDescent="0.2">
      <c r="A753" s="494"/>
      <c r="B753" s="499"/>
      <c r="C753" s="494"/>
      <c r="D753" s="481">
        <v>589</v>
      </c>
      <c r="E753" s="481"/>
      <c r="F753" s="481" t="s">
        <v>2481</v>
      </c>
      <c r="G753" s="482" t="s">
        <v>53</v>
      </c>
      <c r="H753" s="481" t="s">
        <v>515</v>
      </c>
      <c r="I753" s="654" t="s">
        <v>623</v>
      </c>
      <c r="J753" s="654" t="s">
        <v>624</v>
      </c>
      <c r="K753" s="654"/>
      <c r="L753" s="654"/>
      <c r="M753" s="654"/>
      <c r="N753" s="484" t="s">
        <v>633</v>
      </c>
      <c r="O753" s="484" t="s">
        <v>58</v>
      </c>
      <c r="P753" s="327" t="s">
        <v>1366</v>
      </c>
      <c r="Q753" s="484" t="s">
        <v>2996</v>
      </c>
      <c r="R753" s="484" t="s">
        <v>81</v>
      </c>
      <c r="S753" s="667" t="s">
        <v>626</v>
      </c>
      <c r="T753" s="484" t="s">
        <v>626</v>
      </c>
      <c r="U753" s="484" t="s">
        <v>380</v>
      </c>
      <c r="V753" s="484"/>
      <c r="W753" s="620" t="s">
        <v>63</v>
      </c>
      <c r="X753" s="620" t="s">
        <v>63</v>
      </c>
      <c r="Y753" s="723">
        <v>91388</v>
      </c>
      <c r="Z753" s="723"/>
      <c r="AA753" s="654" t="s">
        <v>585</v>
      </c>
      <c r="AB753" s="654"/>
      <c r="AC753" s="723">
        <f t="shared" si="233"/>
        <v>91388</v>
      </c>
      <c r="AD753" s="649" t="s">
        <v>65</v>
      </c>
      <c r="AE753" s="649"/>
      <c r="AF753" s="496"/>
      <c r="AG753" s="496"/>
      <c r="AH753" s="496"/>
      <c r="AI753" s="496"/>
      <c r="AJ753" s="496"/>
      <c r="AK753" s="496"/>
      <c r="AL753" s="487" t="s">
        <v>66</v>
      </c>
      <c r="AM753" s="496"/>
      <c r="AN753" s="496"/>
      <c r="AO753" s="496"/>
      <c r="AP753" s="496"/>
      <c r="AQ753" s="496"/>
      <c r="AR753" s="496"/>
      <c r="AS753" s="496"/>
      <c r="AT753" s="496"/>
      <c r="AU753" s="496"/>
      <c r="AV753" s="496"/>
      <c r="AW753" s="496"/>
      <c r="AX753" s="496"/>
      <c r="AY753" s="496"/>
      <c r="AZ753" s="496"/>
      <c r="BA753" s="496"/>
      <c r="BB753" s="496"/>
      <c r="BC753" s="496"/>
      <c r="BD753" s="496"/>
      <c r="BE753" s="496"/>
      <c r="BF753" s="496"/>
      <c r="BG753" s="496"/>
      <c r="BH753" s="496"/>
      <c r="BI753" s="496"/>
      <c r="BJ753" s="496"/>
      <c r="BK753" s="80">
        <f>SUMIF(AF753:BJ753,"YES",'DRAFT - HGC Schemes'!$AB$3:$BF$3)</f>
        <v>100</v>
      </c>
      <c r="BL753" s="76">
        <f t="shared" si="232"/>
        <v>913.88</v>
      </c>
      <c r="BM753" s="76"/>
      <c r="BN753" s="487" t="str">
        <f>IF(AF753="yes",('DRAFT - HGC Schemes'!AB$3*$BL753),"")</f>
        <v/>
      </c>
      <c r="BO753" s="487" t="str">
        <f>IF(AG753="yes",('DRAFT - HGC Schemes'!AC$3*$BL753),"")</f>
        <v/>
      </c>
      <c r="BP753" s="487" t="str">
        <f>IF(AH753="yes",('DRAFT - HGC Schemes'!AD$3*$BL753),"")</f>
        <v/>
      </c>
      <c r="BQ753" s="487" t="str">
        <f>IF(AI753="yes",('DRAFT - HGC Schemes'!AE$3*$BL753),"")</f>
        <v/>
      </c>
      <c r="BR753" s="487" t="str">
        <f>IF(AJ753="yes",('DRAFT - HGC Schemes'!AF$3*$BL753),"")</f>
        <v/>
      </c>
      <c r="BS753" s="487" t="str">
        <f>IF(AK753="yes",('DRAFT - HGC Schemes'!AG$3*$BL753),"")</f>
        <v/>
      </c>
      <c r="BT753" s="487">
        <f>IF(AL753="yes",('DRAFT - HGC Schemes'!AH$3*$BL753),"")</f>
        <v>91388</v>
      </c>
      <c r="BU753" s="487" t="str">
        <f>IF(AM753="yes",('DRAFT - HGC Schemes'!AI$3*$BL753),"")</f>
        <v/>
      </c>
      <c r="BV753" s="487" t="str">
        <f>IF(AN753="yes",('DRAFT - HGC Schemes'!AJ$3*$BL753),"")</f>
        <v/>
      </c>
      <c r="BW753" s="487" t="str">
        <f>IF(AO753="yes",('DRAFT - HGC Schemes'!AK$3*$BL753),"")</f>
        <v/>
      </c>
      <c r="BX753" s="487" t="str">
        <f>IF(AP753="yes",('DRAFT - HGC Schemes'!AL$3*$BL753),"")</f>
        <v/>
      </c>
      <c r="BY753" s="487" t="str">
        <f>IF(AQ753="yes",('DRAFT - HGC Schemes'!AM$3*$BL753),"")</f>
        <v/>
      </c>
      <c r="BZ753" s="487" t="str">
        <f>IF(AR753="yes",('DRAFT - HGC Schemes'!AN$3*$BL753),"")</f>
        <v/>
      </c>
      <c r="CA753" s="487" t="str">
        <f>IF(AS753="yes",('DRAFT - HGC Schemes'!AO$3*$BL753),"")</f>
        <v/>
      </c>
      <c r="CB753" s="487" t="str">
        <f>IF(AT753="yes",('DRAFT - HGC Schemes'!AP$3*$BL753),"")</f>
        <v/>
      </c>
      <c r="CC753" s="487" t="str">
        <f>IF(AU753="yes",('DRAFT - HGC Schemes'!AQ$3*$BL753),"")</f>
        <v/>
      </c>
      <c r="CD753" s="487" t="str">
        <f>IF(AV753="yes",('DRAFT - HGC Schemes'!AR$3*$BL753),"")</f>
        <v/>
      </c>
      <c r="CE753" s="487" t="str">
        <f>IF(AW753="yes",('DRAFT - HGC Schemes'!AS$3*$BL753),"")</f>
        <v/>
      </c>
      <c r="CF753" s="487" t="str">
        <f>IF(AX753="yes",('DRAFT - HGC Schemes'!AT$3*$BL753),"")</f>
        <v/>
      </c>
      <c r="CG753" s="487" t="str">
        <f>IF(AY753="yes",('DRAFT - HGC Schemes'!AU$3*$BL753),"")</f>
        <v/>
      </c>
      <c r="CH753" s="487" t="str">
        <f>IF(AZ753="yes",('DRAFT - HGC Schemes'!AV$3*$BL753),"")</f>
        <v/>
      </c>
      <c r="CI753" s="487" t="str">
        <f>IF(BA753="yes",('DRAFT - HGC Schemes'!AW$3*$BL753),"")</f>
        <v/>
      </c>
      <c r="CJ753" s="487" t="str">
        <f>IF(BB753="yes",('DRAFT - HGC Schemes'!AX$3*$BL753),"")</f>
        <v/>
      </c>
      <c r="CK753" s="487" t="str">
        <f>IF(BC753="yes",('DRAFT - HGC Schemes'!AY$3*$BL753),"")</f>
        <v/>
      </c>
      <c r="CL753" s="487" t="str">
        <f>IF(BD753="yes",('DRAFT - HGC Schemes'!AZ$3*$BL753),"")</f>
        <v/>
      </c>
      <c r="CM753" s="487" t="str">
        <f>IF(BE753="yes",('DRAFT - HGC Schemes'!BA$3*$BL753),"")</f>
        <v/>
      </c>
      <c r="CN753" s="487" t="str">
        <f>IF(BF753="yes",('DRAFT - HGC Schemes'!BB$3*$BL753),"")</f>
        <v/>
      </c>
      <c r="CO753" s="487" t="str">
        <f>IF(BG753="yes",('DRAFT - HGC Schemes'!BC$3*$BL753),"")</f>
        <v/>
      </c>
      <c r="CP753" s="487" t="str">
        <f>IF(BH753="yes",('DRAFT - HGC Schemes'!BD$3*$BL753),"")</f>
        <v/>
      </c>
      <c r="CQ753" s="487" t="str">
        <f>IF(BI753="yes",('DRAFT - HGC Schemes'!BE$3*$BL753),"")</f>
        <v/>
      </c>
      <c r="CR753" s="487" t="str">
        <f>IF(BJ753="yes",('DRAFT - HGC Schemes'!BF$3*$BL753),"")</f>
        <v/>
      </c>
      <c r="CS753" s="487"/>
      <c r="CT753" s="487"/>
      <c r="CU753" s="487"/>
      <c r="CV753" s="487"/>
      <c r="CW753" s="487"/>
      <c r="CX753" s="487"/>
      <c r="CY753" s="487"/>
      <c r="CZ753" s="487"/>
      <c r="DA753" s="487"/>
      <c r="DB753" s="487"/>
      <c r="DC753" s="487"/>
      <c r="DD753" s="487"/>
      <c r="DE753" s="487"/>
      <c r="DF753" s="487"/>
      <c r="DG753" s="487"/>
      <c r="DH753" s="487"/>
      <c r="DI753" s="487"/>
      <c r="DJ753" s="487"/>
      <c r="DK753" s="487"/>
      <c r="DL753" s="487"/>
      <c r="DM753" s="487"/>
      <c r="DN753" s="487"/>
      <c r="DO753" s="487"/>
      <c r="DP753" s="487"/>
      <c r="DQ753" s="487"/>
      <c r="DR753" s="487"/>
      <c r="DS753" s="484"/>
      <c r="DT753" s="484"/>
      <c r="DU753" s="484"/>
      <c r="DV753" s="494"/>
      <c r="DW753" s="494"/>
    </row>
    <row r="754" spans="1:127" s="613" customFormat="1" ht="56.25" customHeight="1" x14ac:dyDescent="0.2">
      <c r="A754" s="494"/>
      <c r="B754" s="499"/>
      <c r="C754" s="494"/>
      <c r="D754" s="481">
        <v>590</v>
      </c>
      <c r="E754" s="481"/>
      <c r="F754" s="481" t="s">
        <v>2481</v>
      </c>
      <c r="G754" s="482" t="s">
        <v>53</v>
      </c>
      <c r="H754" s="481" t="s">
        <v>515</v>
      </c>
      <c r="I754" s="654" t="s">
        <v>623</v>
      </c>
      <c r="J754" s="654" t="s">
        <v>624</v>
      </c>
      <c r="K754" s="654"/>
      <c r="L754" s="654"/>
      <c r="M754" s="654"/>
      <c r="N754" s="484" t="s">
        <v>646</v>
      </c>
      <c r="O754" s="484" t="s">
        <v>58</v>
      </c>
      <c r="P754" s="327" t="s">
        <v>1367</v>
      </c>
      <c r="Q754" s="484" t="s">
        <v>2996</v>
      </c>
      <c r="R754" s="484" t="s">
        <v>81</v>
      </c>
      <c r="S754" s="667" t="s">
        <v>626</v>
      </c>
      <c r="T754" s="484" t="s">
        <v>626</v>
      </c>
      <c r="U754" s="484" t="s">
        <v>382</v>
      </c>
      <c r="V754" s="484"/>
      <c r="W754" s="620" t="s">
        <v>63</v>
      </c>
      <c r="X754" s="620" t="s">
        <v>63</v>
      </c>
      <c r="Y754" s="723">
        <v>356413</v>
      </c>
      <c r="Z754" s="723"/>
      <c r="AA754" s="654" t="s">
        <v>585</v>
      </c>
      <c r="AB754" s="654"/>
      <c r="AC754" s="723">
        <f t="shared" si="233"/>
        <v>356413</v>
      </c>
      <c r="AD754" s="649" t="s">
        <v>65</v>
      </c>
      <c r="AE754" s="649"/>
      <c r="AF754" s="496"/>
      <c r="AG754" s="496"/>
      <c r="AH754" s="496"/>
      <c r="AI754" s="496"/>
      <c r="AJ754" s="496"/>
      <c r="AK754" s="496"/>
      <c r="AL754" s="496"/>
      <c r="AM754" s="487" t="s">
        <v>66</v>
      </c>
      <c r="AN754" s="496"/>
      <c r="AO754" s="496"/>
      <c r="AP754" s="496"/>
      <c r="AQ754" s="496"/>
      <c r="AR754" s="496"/>
      <c r="AS754" s="496"/>
      <c r="AT754" s="496"/>
      <c r="AU754" s="496"/>
      <c r="AV754" s="496"/>
      <c r="AW754" s="496"/>
      <c r="AX754" s="496"/>
      <c r="AY754" s="496"/>
      <c r="AZ754" s="496"/>
      <c r="BA754" s="496"/>
      <c r="BB754" s="496"/>
      <c r="BC754" s="496"/>
      <c r="BD754" s="496"/>
      <c r="BE754" s="496"/>
      <c r="BF754" s="496"/>
      <c r="BG754" s="496"/>
      <c r="BH754" s="496"/>
      <c r="BI754" s="496"/>
      <c r="BJ754" s="496"/>
      <c r="BK754" s="80">
        <f>SUMIF(AF754:BJ754,"YES",'DRAFT - HGC Schemes'!$AB$3:$BF$3)</f>
        <v>390</v>
      </c>
      <c r="BL754" s="76">
        <f t="shared" si="232"/>
        <v>913.87948717948723</v>
      </c>
      <c r="BM754" s="76"/>
      <c r="BN754" s="487" t="str">
        <f>IF(AF754="yes",('DRAFT - HGC Schemes'!AB$3*$BL754),"")</f>
        <v/>
      </c>
      <c r="BO754" s="487" t="str">
        <f>IF(AG754="yes",('DRAFT - HGC Schemes'!AC$3*$BL754),"")</f>
        <v/>
      </c>
      <c r="BP754" s="487" t="str">
        <f>IF(AH754="yes",('DRAFT - HGC Schemes'!AD$3*$BL754),"")</f>
        <v/>
      </c>
      <c r="BQ754" s="487" t="str">
        <f>IF(AI754="yes",('DRAFT - HGC Schemes'!AE$3*$BL754),"")</f>
        <v/>
      </c>
      <c r="BR754" s="487" t="str">
        <f>IF(AJ754="yes",('DRAFT - HGC Schemes'!AF$3*$BL754),"")</f>
        <v/>
      </c>
      <c r="BS754" s="487" t="str">
        <f>IF(AK754="yes",('DRAFT - HGC Schemes'!AG$3*$BL754),"")</f>
        <v/>
      </c>
      <c r="BT754" s="487" t="str">
        <f>IF(AL754="yes",('DRAFT - HGC Schemes'!AH$3*$BL754),"")</f>
        <v/>
      </c>
      <c r="BU754" s="487">
        <f>IF(AM754="yes",('DRAFT - HGC Schemes'!AI$3*$BL754),"")</f>
        <v>356413</v>
      </c>
      <c r="BV754" s="487" t="str">
        <f>IF(AN754="yes",('DRAFT - HGC Schemes'!AJ$3*$BL754),"")</f>
        <v/>
      </c>
      <c r="BW754" s="487" t="str">
        <f>IF(AO754="yes",('DRAFT - HGC Schemes'!AK$3*$BL754),"")</f>
        <v/>
      </c>
      <c r="BX754" s="487" t="str">
        <f>IF(AP754="yes",('DRAFT - HGC Schemes'!AL$3*$BL754),"")</f>
        <v/>
      </c>
      <c r="BY754" s="487" t="str">
        <f>IF(AQ754="yes",('DRAFT - HGC Schemes'!AM$3*$BL754),"")</f>
        <v/>
      </c>
      <c r="BZ754" s="487" t="str">
        <f>IF(AR754="yes",('DRAFT - HGC Schemes'!AN$3*$BL754),"")</f>
        <v/>
      </c>
      <c r="CA754" s="487" t="str">
        <f>IF(AS754="yes",('DRAFT - HGC Schemes'!AO$3*$BL754),"")</f>
        <v/>
      </c>
      <c r="CB754" s="487" t="str">
        <f>IF(AT754="yes",('DRAFT - HGC Schemes'!AP$3*$BL754),"")</f>
        <v/>
      </c>
      <c r="CC754" s="487" t="str">
        <f>IF(AU754="yes",('DRAFT - HGC Schemes'!AQ$3*$BL754),"")</f>
        <v/>
      </c>
      <c r="CD754" s="487" t="str">
        <f>IF(AV754="yes",('DRAFT - HGC Schemes'!AR$3*$BL754),"")</f>
        <v/>
      </c>
      <c r="CE754" s="487" t="str">
        <f>IF(AW754="yes",('DRAFT - HGC Schemes'!AS$3*$BL754),"")</f>
        <v/>
      </c>
      <c r="CF754" s="487" t="str">
        <f>IF(AX754="yes",('DRAFT - HGC Schemes'!AT$3*$BL754),"")</f>
        <v/>
      </c>
      <c r="CG754" s="487" t="str">
        <f>IF(AY754="yes",('DRAFT - HGC Schemes'!AU$3*$BL754),"")</f>
        <v/>
      </c>
      <c r="CH754" s="487" t="str">
        <f>IF(AZ754="yes",('DRAFT - HGC Schemes'!AV$3*$BL754),"")</f>
        <v/>
      </c>
      <c r="CI754" s="487" t="str">
        <f>IF(BA754="yes",('DRAFT - HGC Schemes'!AW$3*$BL754),"")</f>
        <v/>
      </c>
      <c r="CJ754" s="487" t="str">
        <f>IF(BB754="yes",('DRAFT - HGC Schemes'!AX$3*$BL754),"")</f>
        <v/>
      </c>
      <c r="CK754" s="487" t="str">
        <f>IF(BC754="yes",('DRAFT - HGC Schemes'!AY$3*$BL754),"")</f>
        <v/>
      </c>
      <c r="CL754" s="487" t="str">
        <f>IF(BD754="yes",('DRAFT - HGC Schemes'!AZ$3*$BL754),"")</f>
        <v/>
      </c>
      <c r="CM754" s="487" t="str">
        <f>IF(BE754="yes",('DRAFT - HGC Schemes'!BA$3*$BL754),"")</f>
        <v/>
      </c>
      <c r="CN754" s="487" t="str">
        <f>IF(BF754="yes",('DRAFT - HGC Schemes'!BB$3*$BL754),"")</f>
        <v/>
      </c>
      <c r="CO754" s="487" t="str">
        <f>IF(BG754="yes",('DRAFT - HGC Schemes'!BC$3*$BL754),"")</f>
        <v/>
      </c>
      <c r="CP754" s="487" t="str">
        <f>IF(BH754="yes",('DRAFT - HGC Schemes'!BD$3*$BL754),"")</f>
        <v/>
      </c>
      <c r="CQ754" s="487" t="str">
        <f>IF(BI754="yes",('DRAFT - HGC Schemes'!BE$3*$BL754),"")</f>
        <v/>
      </c>
      <c r="CR754" s="487" t="str">
        <f>IF(BJ754="yes",('DRAFT - HGC Schemes'!BF$3*$BL754),"")</f>
        <v/>
      </c>
      <c r="CS754" s="487"/>
      <c r="CT754" s="487"/>
      <c r="CU754" s="487"/>
      <c r="CV754" s="487"/>
      <c r="CW754" s="487"/>
      <c r="CX754" s="487"/>
      <c r="CY754" s="487"/>
      <c r="CZ754" s="487"/>
      <c r="DA754" s="487"/>
      <c r="DB754" s="487"/>
      <c r="DC754" s="487"/>
      <c r="DD754" s="487"/>
      <c r="DE754" s="487"/>
      <c r="DF754" s="487"/>
      <c r="DG754" s="487"/>
      <c r="DH754" s="487"/>
      <c r="DI754" s="487"/>
      <c r="DJ754" s="487"/>
      <c r="DK754" s="487"/>
      <c r="DL754" s="487"/>
      <c r="DM754" s="487"/>
      <c r="DN754" s="487"/>
      <c r="DO754" s="487"/>
      <c r="DP754" s="487"/>
      <c r="DQ754" s="487"/>
      <c r="DR754" s="487"/>
      <c r="DS754" s="484"/>
      <c r="DT754" s="484"/>
      <c r="DU754" s="484"/>
      <c r="DV754" s="494"/>
      <c r="DW754" s="494"/>
    </row>
    <row r="755" spans="1:127" s="613" customFormat="1" ht="56.25" customHeight="1" x14ac:dyDescent="0.2">
      <c r="A755" s="77"/>
      <c r="B755" s="499"/>
      <c r="C755" s="77"/>
      <c r="D755" s="481">
        <v>591</v>
      </c>
      <c r="E755" s="481"/>
      <c r="F755" s="481" t="s">
        <v>2481</v>
      </c>
      <c r="G755" s="482" t="s">
        <v>53</v>
      </c>
      <c r="H755" s="481" t="s">
        <v>515</v>
      </c>
      <c r="I755" s="654" t="s">
        <v>623</v>
      </c>
      <c r="J755" s="654" t="s">
        <v>624</v>
      </c>
      <c r="K755" s="654"/>
      <c r="L755" s="654"/>
      <c r="M755" s="654"/>
      <c r="N755" s="484" t="s">
        <v>647</v>
      </c>
      <c r="O755" s="484" t="s">
        <v>58</v>
      </c>
      <c r="P755" s="329" t="s">
        <v>1365</v>
      </c>
      <c r="Q755" s="484" t="s">
        <v>2996</v>
      </c>
      <c r="R755" s="484" t="s">
        <v>81</v>
      </c>
      <c r="S755" s="667" t="s">
        <v>626</v>
      </c>
      <c r="T755" s="484" t="s">
        <v>626</v>
      </c>
      <c r="U755" s="484" t="s">
        <v>187</v>
      </c>
      <c r="V755" s="484"/>
      <c r="W755" s="620" t="s">
        <v>63</v>
      </c>
      <c r="X755" s="620" t="s">
        <v>63</v>
      </c>
      <c r="Y755" s="723">
        <v>438662</v>
      </c>
      <c r="Z755" s="723"/>
      <c r="AA755" s="654" t="s">
        <v>585</v>
      </c>
      <c r="AB755" s="654"/>
      <c r="AC755" s="723">
        <f t="shared" si="233"/>
        <v>438662</v>
      </c>
      <c r="AD755" s="649" t="s">
        <v>65</v>
      </c>
      <c r="AE755" s="649"/>
      <c r="AF755" s="496"/>
      <c r="AG755" s="496"/>
      <c r="AH755" s="496"/>
      <c r="AI755" s="496"/>
      <c r="AJ755" s="496"/>
      <c r="AK755" s="487" t="s">
        <v>66</v>
      </c>
      <c r="AL755" s="496"/>
      <c r="AM755" s="496"/>
      <c r="AN755" s="496"/>
      <c r="AO755" s="496"/>
      <c r="AP755" s="496"/>
      <c r="AQ755" s="496"/>
      <c r="AR755" s="496"/>
      <c r="AS755" s="496"/>
      <c r="AT755" s="496"/>
      <c r="AU755" s="496"/>
      <c r="AV755" s="496"/>
      <c r="AW755" s="496"/>
      <c r="AX755" s="496"/>
      <c r="AY755" s="496"/>
      <c r="AZ755" s="496"/>
      <c r="BA755" s="496"/>
      <c r="BB755" s="496"/>
      <c r="BC755" s="496"/>
      <c r="BD755" s="496"/>
      <c r="BE755" s="496"/>
      <c r="BF755" s="496"/>
      <c r="BG755" s="496"/>
      <c r="BH755" s="496"/>
      <c r="BI755" s="496"/>
      <c r="BJ755" s="496"/>
      <c r="BK755" s="80">
        <f>SUMIF(AF755:BJ755,"YES",'DRAFT - HGC Schemes'!$AB$3:$BF$3)</f>
        <v>480</v>
      </c>
      <c r="BL755" s="76">
        <f t="shared" si="232"/>
        <v>913.87916666666672</v>
      </c>
      <c r="BM755" s="76"/>
      <c r="BN755" s="487" t="str">
        <f>IF(AF755="yes",('DRAFT - HGC Schemes'!AB$3*$BL755),"")</f>
        <v/>
      </c>
      <c r="BO755" s="487" t="str">
        <f>IF(AG755="yes",('DRAFT - HGC Schemes'!AC$3*$BL755),"")</f>
        <v/>
      </c>
      <c r="BP755" s="487" t="str">
        <f>IF(AH755="yes",('DRAFT - HGC Schemes'!AD$3*$BL755),"")</f>
        <v/>
      </c>
      <c r="BQ755" s="487" t="str">
        <f>IF(AI755="yes",('DRAFT - HGC Schemes'!AE$3*$BL755),"")</f>
        <v/>
      </c>
      <c r="BR755" s="487" t="str">
        <f>IF(AJ755="yes",('DRAFT - HGC Schemes'!AF$3*$BL755),"")</f>
        <v/>
      </c>
      <c r="BS755" s="487">
        <f>IF(AK755="yes",('DRAFT - HGC Schemes'!AG$3*$BL755),"")</f>
        <v>438662</v>
      </c>
      <c r="BT755" s="487" t="str">
        <f>IF(AL755="yes",('DRAFT - HGC Schemes'!AH$3*$BL755),"")</f>
        <v/>
      </c>
      <c r="BU755" s="487" t="str">
        <f>IF(AM755="yes",('DRAFT - HGC Schemes'!AI$3*$BL755),"")</f>
        <v/>
      </c>
      <c r="BV755" s="487" t="str">
        <f>IF(AN755="yes",('DRAFT - HGC Schemes'!AJ$3*$BL755),"")</f>
        <v/>
      </c>
      <c r="BW755" s="487" t="str">
        <f>IF(AO755="yes",('DRAFT - HGC Schemes'!AK$3*$BL755),"")</f>
        <v/>
      </c>
      <c r="BX755" s="487" t="str">
        <f>IF(AP755="yes",('DRAFT - HGC Schemes'!AL$3*$BL755),"")</f>
        <v/>
      </c>
      <c r="BY755" s="487" t="str">
        <f>IF(AQ755="yes",('DRAFT - HGC Schemes'!AM$3*$BL755),"")</f>
        <v/>
      </c>
      <c r="BZ755" s="487" t="str">
        <f>IF(AR755="yes",('DRAFT - HGC Schemes'!AN$3*$BL755),"")</f>
        <v/>
      </c>
      <c r="CA755" s="487" t="str">
        <f>IF(AS755="yes",('DRAFT - HGC Schemes'!AO$3*$BL755),"")</f>
        <v/>
      </c>
      <c r="CB755" s="487" t="str">
        <f>IF(AT755="yes",('DRAFT - HGC Schemes'!AP$3*$BL755),"")</f>
        <v/>
      </c>
      <c r="CC755" s="487" t="str">
        <f>IF(AU755="yes",('DRAFT - HGC Schemes'!AQ$3*$BL755),"")</f>
        <v/>
      </c>
      <c r="CD755" s="487" t="str">
        <f>IF(AV755="yes",('DRAFT - HGC Schemes'!AR$3*$BL755),"")</f>
        <v/>
      </c>
      <c r="CE755" s="487" t="str">
        <f>IF(AW755="yes",('DRAFT - HGC Schemes'!AS$3*$BL755),"")</f>
        <v/>
      </c>
      <c r="CF755" s="487" t="str">
        <f>IF(AX755="yes",('DRAFT - HGC Schemes'!AT$3*$BL755),"")</f>
        <v/>
      </c>
      <c r="CG755" s="487" t="str">
        <f>IF(AY755="yes",('DRAFT - HGC Schemes'!AU$3*$BL755),"")</f>
        <v/>
      </c>
      <c r="CH755" s="487" t="str">
        <f>IF(AZ755="yes",('DRAFT - HGC Schemes'!AV$3*$BL755),"")</f>
        <v/>
      </c>
      <c r="CI755" s="487" t="str">
        <f>IF(BA755="yes",('DRAFT - HGC Schemes'!AW$3*$BL755),"")</f>
        <v/>
      </c>
      <c r="CJ755" s="487" t="str">
        <f>IF(BB755="yes",('DRAFT - HGC Schemes'!AX$3*$BL755),"")</f>
        <v/>
      </c>
      <c r="CK755" s="487" t="str">
        <f>IF(BC755="yes",('DRAFT - HGC Schemes'!AY$3*$BL755),"")</f>
        <v/>
      </c>
      <c r="CL755" s="487" t="str">
        <f>IF(BD755="yes",('DRAFT - HGC Schemes'!AZ$3*$BL755),"")</f>
        <v/>
      </c>
      <c r="CM755" s="487" t="str">
        <f>IF(BE755="yes",('DRAFT - HGC Schemes'!BA$3*$BL755),"")</f>
        <v/>
      </c>
      <c r="CN755" s="487" t="str">
        <f>IF(BF755="yes",('DRAFT - HGC Schemes'!BB$3*$BL755),"")</f>
        <v/>
      </c>
      <c r="CO755" s="487" t="str">
        <f>IF(BG755="yes",('DRAFT - HGC Schemes'!BC$3*$BL755),"")</f>
        <v/>
      </c>
      <c r="CP755" s="487" t="str">
        <f>IF(BH755="yes",('DRAFT - HGC Schemes'!BD$3*$BL755),"")</f>
        <v/>
      </c>
      <c r="CQ755" s="487" t="str">
        <f>IF(BI755="yes",('DRAFT - HGC Schemes'!BE$3*$BL755),"")</f>
        <v/>
      </c>
      <c r="CR755" s="487" t="str">
        <f>IF(BJ755="yes",('DRAFT - HGC Schemes'!BF$3*$BL755),"")</f>
        <v/>
      </c>
      <c r="CS755" s="487"/>
      <c r="CT755" s="487"/>
      <c r="CU755" s="487"/>
      <c r="CV755" s="487"/>
      <c r="CW755" s="487"/>
      <c r="CX755" s="487"/>
      <c r="CY755" s="487"/>
      <c r="CZ755" s="487"/>
      <c r="DA755" s="487"/>
      <c r="DB755" s="487"/>
      <c r="DC755" s="487"/>
      <c r="DD755" s="487"/>
      <c r="DE755" s="487"/>
      <c r="DF755" s="487"/>
      <c r="DG755" s="487"/>
      <c r="DH755" s="487"/>
      <c r="DI755" s="487"/>
      <c r="DJ755" s="487"/>
      <c r="DK755" s="487"/>
      <c r="DL755" s="487"/>
      <c r="DM755" s="487"/>
      <c r="DN755" s="487"/>
      <c r="DO755" s="487"/>
      <c r="DP755" s="487"/>
      <c r="DQ755" s="487"/>
      <c r="DR755" s="487"/>
      <c r="DS755" s="484"/>
      <c r="DT755" s="484"/>
      <c r="DU755" s="484"/>
      <c r="DV755" s="494"/>
      <c r="DW755" s="494"/>
    </row>
    <row r="756" spans="1:127" s="613" customFormat="1" ht="56.25" customHeight="1" x14ac:dyDescent="0.2">
      <c r="A756" s="499"/>
      <c r="B756" s="499"/>
      <c r="C756" s="499"/>
      <c r="D756" s="481">
        <v>594</v>
      </c>
      <c r="E756" s="481"/>
      <c r="F756" s="481" t="s">
        <v>2481</v>
      </c>
      <c r="G756" s="482" t="s">
        <v>53</v>
      </c>
      <c r="H756" s="481" t="s">
        <v>1331</v>
      </c>
      <c r="I756" s="657" t="s">
        <v>623</v>
      </c>
      <c r="J756" s="657" t="s">
        <v>624</v>
      </c>
      <c r="K756" s="657"/>
      <c r="L756" s="657"/>
      <c r="M756" s="657"/>
      <c r="N756" s="495" t="s">
        <v>648</v>
      </c>
      <c r="O756" s="78" t="s">
        <v>58</v>
      </c>
      <c r="P756" s="156" t="s">
        <v>1369</v>
      </c>
      <c r="Q756" s="78" t="s">
        <v>2996</v>
      </c>
      <c r="R756" s="78" t="s">
        <v>60</v>
      </c>
      <c r="S756" s="717" t="s">
        <v>334</v>
      </c>
      <c r="T756" s="78" t="s">
        <v>334</v>
      </c>
      <c r="U756" s="78" t="s">
        <v>225</v>
      </c>
      <c r="V756" s="78"/>
      <c r="W756" s="716" t="s">
        <v>63</v>
      </c>
      <c r="X756" s="716" t="s">
        <v>63</v>
      </c>
      <c r="Y756" s="89">
        <v>45940</v>
      </c>
      <c r="Z756" s="89"/>
      <c r="AA756" s="78" t="s">
        <v>226</v>
      </c>
      <c r="AB756" s="78"/>
      <c r="AC756" s="89">
        <v>45940</v>
      </c>
      <c r="AD756" s="736" t="s">
        <v>82</v>
      </c>
      <c r="AE756" s="736"/>
      <c r="AF756" s="737"/>
      <c r="AG756" s="737"/>
      <c r="AH756" s="737"/>
      <c r="AI756" s="737"/>
      <c r="AJ756" s="737"/>
      <c r="AK756" s="151"/>
      <c r="AL756" s="737"/>
      <c r="AM756" s="737"/>
      <c r="AN756" s="737"/>
      <c r="AO756" s="737" t="s">
        <v>66</v>
      </c>
      <c r="AP756" s="737"/>
      <c r="AQ756" s="737"/>
      <c r="AR756" s="737"/>
      <c r="AS756" s="737"/>
      <c r="AT756" s="737"/>
      <c r="AU756" s="737"/>
      <c r="AV756" s="737"/>
      <c r="AW756" s="737"/>
      <c r="AX756" s="737"/>
      <c r="AY756" s="737"/>
      <c r="AZ756" s="737"/>
      <c r="BA756" s="737"/>
      <c r="BB756" s="737"/>
      <c r="BC756" s="737"/>
      <c r="BD756" s="737"/>
      <c r="BE756" s="737"/>
      <c r="BF756" s="737"/>
      <c r="BG756" s="737"/>
      <c r="BH756" s="737"/>
      <c r="BI756" s="737"/>
      <c r="BJ756" s="737"/>
      <c r="BK756" s="80">
        <f>SUMIF(AF756:BJ756,"YES",'DRAFT - HGC Schemes'!$AB$3:$BF$3)</f>
        <v>500</v>
      </c>
      <c r="BL756" s="76">
        <f t="shared" si="232"/>
        <v>91.88</v>
      </c>
      <c r="BM756" s="76"/>
      <c r="BN756" s="487" t="str">
        <f>IF(AF756="yes",('DRAFT - HGC Schemes'!AB$3*$BL756),"")</f>
        <v/>
      </c>
      <c r="BO756" s="487" t="str">
        <f>IF(AG756="yes",('DRAFT - HGC Schemes'!AC$3*$BL756),"")</f>
        <v/>
      </c>
      <c r="BP756" s="487" t="str">
        <f>IF(AH756="yes",('DRAFT - HGC Schemes'!AD$3*$BL756),"")</f>
        <v/>
      </c>
      <c r="BQ756" s="487" t="str">
        <f>IF(AI756="yes",('DRAFT - HGC Schemes'!AE$3*$BL756),"")</f>
        <v/>
      </c>
      <c r="BR756" s="487" t="str">
        <f>IF(AJ756="yes",('DRAFT - HGC Schemes'!AF$3*$BL756),"")</f>
        <v/>
      </c>
      <c r="BS756" s="487" t="str">
        <f>IF(AK756="yes",('DRAFT - HGC Schemes'!AG$3*$BL756),"")</f>
        <v/>
      </c>
      <c r="BT756" s="487" t="str">
        <f>IF(AL756="yes",('DRAFT - HGC Schemes'!AH$3*$BL756),"")</f>
        <v/>
      </c>
      <c r="BU756" s="487" t="str">
        <f>IF(AM756="yes",('DRAFT - HGC Schemes'!AI$3*$BL756),"")</f>
        <v/>
      </c>
      <c r="BV756" s="487" t="str">
        <f>IF(AN756="yes",('DRAFT - HGC Schemes'!AJ$3*$BL756),"")</f>
        <v/>
      </c>
      <c r="BW756" s="487">
        <f>IF(AO756="yes",('DRAFT - HGC Schemes'!AK$3*$BL756),"")</f>
        <v>45940</v>
      </c>
      <c r="BX756" s="487" t="str">
        <f>IF(AP756="yes",('DRAFT - HGC Schemes'!AL$3*$BL756),"")</f>
        <v/>
      </c>
      <c r="BY756" s="487" t="str">
        <f>IF(AQ756="yes",('DRAFT - HGC Schemes'!AM$3*$BL756),"")</f>
        <v/>
      </c>
      <c r="BZ756" s="487" t="str">
        <f>IF(AR756="yes",('DRAFT - HGC Schemes'!AN$3*$BL756),"")</f>
        <v/>
      </c>
      <c r="CA756" s="487" t="str">
        <f>IF(AS756="yes",('DRAFT - HGC Schemes'!AO$3*$BL756),"")</f>
        <v/>
      </c>
      <c r="CB756" s="487" t="str">
        <f>IF(AT756="yes",('DRAFT - HGC Schemes'!AP$3*$BL756),"")</f>
        <v/>
      </c>
      <c r="CC756" s="487" t="str">
        <f>IF(AU756="yes",('DRAFT - HGC Schemes'!AQ$3*$BL756),"")</f>
        <v/>
      </c>
      <c r="CD756" s="487" t="str">
        <f>IF(AV756="yes",('DRAFT - HGC Schemes'!AR$3*$BL756),"")</f>
        <v/>
      </c>
      <c r="CE756" s="487" t="str">
        <f>IF(AW756="yes",('DRAFT - HGC Schemes'!AS$3*$BL756),"")</f>
        <v/>
      </c>
      <c r="CF756" s="487" t="str">
        <f>IF(AX756="yes",('DRAFT - HGC Schemes'!AT$3*$BL756),"")</f>
        <v/>
      </c>
      <c r="CG756" s="487" t="str">
        <f>IF(AY756="yes",('DRAFT - HGC Schemes'!AU$3*$BL756),"")</f>
        <v/>
      </c>
      <c r="CH756" s="487" t="str">
        <f>IF(AZ756="yes",('DRAFT - HGC Schemes'!AV$3*$BL756),"")</f>
        <v/>
      </c>
      <c r="CI756" s="487" t="str">
        <f>IF(BA756="yes",('DRAFT - HGC Schemes'!AW$3*$BL756),"")</f>
        <v/>
      </c>
      <c r="CJ756" s="487" t="str">
        <f>IF(BB756="yes",('DRAFT - HGC Schemes'!AX$3*$BL756),"")</f>
        <v/>
      </c>
      <c r="CK756" s="487" t="str">
        <f>IF(BC756="yes",('DRAFT - HGC Schemes'!AY$3*$BL756),"")</f>
        <v/>
      </c>
      <c r="CL756" s="487" t="str">
        <f>IF(BD756="yes",('DRAFT - HGC Schemes'!AZ$3*$BL756),"")</f>
        <v/>
      </c>
      <c r="CM756" s="487" t="str">
        <f>IF(BE756="yes",('DRAFT - HGC Schemes'!BA$3*$BL756),"")</f>
        <v/>
      </c>
      <c r="CN756" s="487" t="str">
        <f>IF(BF756="yes",('DRAFT - HGC Schemes'!BB$3*$BL756),"")</f>
        <v/>
      </c>
      <c r="CO756" s="487" t="str">
        <f>IF(BG756="yes",('DRAFT - HGC Schemes'!BC$3*$BL756),"")</f>
        <v/>
      </c>
      <c r="CP756" s="487" t="str">
        <f>IF(BH756="yes",('DRAFT - HGC Schemes'!BD$3*$BL756),"")</f>
        <v/>
      </c>
      <c r="CQ756" s="487" t="str">
        <f>IF(BI756="yes",('DRAFT - HGC Schemes'!BE$3*$BL756),"")</f>
        <v/>
      </c>
      <c r="CR756" s="487" t="str">
        <f>IF(BJ756="yes",('DRAFT - HGC Schemes'!BF$3*$BL756),"")</f>
        <v/>
      </c>
      <c r="CS756" s="151"/>
      <c r="CT756" s="151"/>
      <c r="CU756" s="151"/>
      <c r="CV756" s="151"/>
      <c r="CW756" s="151"/>
      <c r="CX756" s="151"/>
      <c r="CY756" s="151"/>
      <c r="CZ756" s="151"/>
      <c r="DA756" s="151"/>
      <c r="DB756" s="151"/>
      <c r="DC756" s="151"/>
      <c r="DD756" s="151"/>
      <c r="DE756" s="151"/>
      <c r="DF756" s="151"/>
      <c r="DG756" s="151"/>
      <c r="DH756" s="151"/>
      <c r="DI756" s="151"/>
      <c r="DJ756" s="151"/>
      <c r="DK756" s="151"/>
      <c r="DL756" s="151"/>
      <c r="DM756" s="151"/>
      <c r="DN756" s="151"/>
      <c r="DO756" s="151"/>
      <c r="DP756" s="151"/>
      <c r="DQ756" s="151"/>
      <c r="DR756" s="151"/>
      <c r="DS756" s="78"/>
      <c r="DT756" s="78"/>
      <c r="DU756" s="78"/>
      <c r="DV756" s="499"/>
      <c r="DW756" s="499"/>
    </row>
    <row r="757" spans="1:127" s="613" customFormat="1" ht="56.25" customHeight="1" x14ac:dyDescent="0.2">
      <c r="A757" s="494"/>
      <c r="B757" s="499"/>
      <c r="C757" s="494"/>
      <c r="D757" s="481">
        <v>598</v>
      </c>
      <c r="E757" s="481"/>
      <c r="F757" s="481" t="s">
        <v>2481</v>
      </c>
      <c r="G757" s="482" t="s">
        <v>53</v>
      </c>
      <c r="H757" s="481" t="s">
        <v>1331</v>
      </c>
      <c r="I757" s="654" t="s">
        <v>623</v>
      </c>
      <c r="J757" s="654" t="s">
        <v>624</v>
      </c>
      <c r="K757" s="654"/>
      <c r="L757" s="654"/>
      <c r="M757" s="654"/>
      <c r="N757" s="495" t="s">
        <v>653</v>
      </c>
      <c r="O757" s="484" t="s">
        <v>58</v>
      </c>
      <c r="P757" s="327" t="s">
        <v>1374</v>
      </c>
      <c r="Q757" s="484" t="s">
        <v>2996</v>
      </c>
      <c r="R757" s="484" t="s">
        <v>81</v>
      </c>
      <c r="S757" s="667" t="s">
        <v>334</v>
      </c>
      <c r="T757" s="484" t="s">
        <v>334</v>
      </c>
      <c r="U757" s="484" t="s">
        <v>225</v>
      </c>
      <c r="V757" s="484"/>
      <c r="W757" s="620" t="s">
        <v>63</v>
      </c>
      <c r="X757" s="620" t="s">
        <v>63</v>
      </c>
      <c r="Y757" s="723">
        <v>73110</v>
      </c>
      <c r="Z757" s="723"/>
      <c r="AA757" s="654" t="s">
        <v>226</v>
      </c>
      <c r="AB757" s="654"/>
      <c r="AC757" s="723">
        <f>Y757</f>
        <v>73110</v>
      </c>
      <c r="AD757" s="652" t="s">
        <v>82</v>
      </c>
      <c r="AE757" s="652"/>
      <c r="AF757" s="496"/>
      <c r="AG757" s="496"/>
      <c r="AH757" s="496"/>
      <c r="AI757" s="496"/>
      <c r="AJ757" s="496"/>
      <c r="AK757" s="487"/>
      <c r="AL757" s="496"/>
      <c r="AM757" s="496"/>
      <c r="AN757" s="496"/>
      <c r="AO757" s="496"/>
      <c r="AP757" s="496"/>
      <c r="AQ757" s="496"/>
      <c r="AR757" s="496"/>
      <c r="AS757" s="496"/>
      <c r="AT757" s="496"/>
      <c r="AU757" s="496" t="s">
        <v>66</v>
      </c>
      <c r="AV757" s="496"/>
      <c r="AW757" s="496"/>
      <c r="AX757" s="496"/>
      <c r="AY757" s="496"/>
      <c r="AZ757" s="496"/>
      <c r="BA757" s="496"/>
      <c r="BB757" s="496"/>
      <c r="BC757" s="496"/>
      <c r="BD757" s="496"/>
      <c r="BE757" s="496"/>
      <c r="BF757" s="496"/>
      <c r="BG757" s="496"/>
      <c r="BH757" s="496"/>
      <c r="BI757" s="496"/>
      <c r="BJ757" s="496"/>
      <c r="BK757" s="80">
        <f>SUMIF(AF757:BJ757,"YES",'DRAFT - HGC Schemes'!$AB$3:$BF$3)</f>
        <v>80</v>
      </c>
      <c r="BL757" s="76">
        <f t="shared" si="232"/>
        <v>913.875</v>
      </c>
      <c r="BM757" s="76"/>
      <c r="BN757" s="487" t="str">
        <f>IF(AF757="yes",('DRAFT - HGC Schemes'!AB$3*$BL757),"")</f>
        <v/>
      </c>
      <c r="BO757" s="487" t="str">
        <f>IF(AG757="yes",('DRAFT - HGC Schemes'!AC$3*$BL757),"")</f>
        <v/>
      </c>
      <c r="BP757" s="487" t="str">
        <f>IF(AH757="yes",('DRAFT - HGC Schemes'!AD$3*$BL757),"")</f>
        <v/>
      </c>
      <c r="BQ757" s="487" t="str">
        <f>IF(AI757="yes",('DRAFT - HGC Schemes'!AE$3*$BL757),"")</f>
        <v/>
      </c>
      <c r="BR757" s="487" t="str">
        <f>IF(AJ757="yes",('DRAFT - HGC Schemes'!AF$3*$BL757),"")</f>
        <v/>
      </c>
      <c r="BS757" s="487" t="str">
        <f>IF(AK757="yes",('DRAFT - HGC Schemes'!AG$3*$BL757),"")</f>
        <v/>
      </c>
      <c r="BT757" s="487" t="str">
        <f>IF(AL757="yes",('DRAFT - HGC Schemes'!AH$3*$BL757),"")</f>
        <v/>
      </c>
      <c r="BU757" s="487" t="str">
        <f>IF(AM757="yes",('DRAFT - HGC Schemes'!AI$3*$BL757),"")</f>
        <v/>
      </c>
      <c r="BV757" s="487" t="str">
        <f>IF(AN757="yes",('DRAFT - HGC Schemes'!AJ$3*$BL757),"")</f>
        <v/>
      </c>
      <c r="BW757" s="487" t="str">
        <f>IF(AO757="yes",('DRAFT - HGC Schemes'!AK$3*$BL757),"")</f>
        <v/>
      </c>
      <c r="BX757" s="487" t="str">
        <f>IF(AP757="yes",('DRAFT - HGC Schemes'!AL$3*$BL757),"")</f>
        <v/>
      </c>
      <c r="BY757" s="487" t="str">
        <f>IF(AQ757="yes",('DRAFT - HGC Schemes'!AM$3*$BL757),"")</f>
        <v/>
      </c>
      <c r="BZ757" s="487" t="str">
        <f>IF(AR757="yes",('DRAFT - HGC Schemes'!AN$3*$BL757),"")</f>
        <v/>
      </c>
      <c r="CA757" s="487" t="str">
        <f>IF(AS757="yes",('DRAFT - HGC Schemes'!AO$3*$BL757),"")</f>
        <v/>
      </c>
      <c r="CB757" s="487" t="str">
        <f>IF(AT757="yes",('DRAFT - HGC Schemes'!AP$3*$BL757),"")</f>
        <v/>
      </c>
      <c r="CC757" s="487">
        <f>IF(AU757="yes",('DRAFT - HGC Schemes'!AQ$3*$BL757),"")</f>
        <v>73110</v>
      </c>
      <c r="CD757" s="487" t="str">
        <f>IF(AV757="yes",('DRAFT - HGC Schemes'!AR$3*$BL757),"")</f>
        <v/>
      </c>
      <c r="CE757" s="487" t="str">
        <f>IF(AW757="yes",('DRAFT - HGC Schemes'!AS$3*$BL757),"")</f>
        <v/>
      </c>
      <c r="CF757" s="487" t="str">
        <f>IF(AX757="yes",('DRAFT - HGC Schemes'!AT$3*$BL757),"")</f>
        <v/>
      </c>
      <c r="CG757" s="487" t="str">
        <f>IF(AY757="yes",('DRAFT - HGC Schemes'!AU$3*$BL757),"")</f>
        <v/>
      </c>
      <c r="CH757" s="487" t="str">
        <f>IF(AZ757="yes",('DRAFT - HGC Schemes'!AV$3*$BL757),"")</f>
        <v/>
      </c>
      <c r="CI757" s="487" t="str">
        <f>IF(BA757="yes",('DRAFT - HGC Schemes'!AW$3*$BL757),"")</f>
        <v/>
      </c>
      <c r="CJ757" s="487" t="str">
        <f>IF(BB757="yes",('DRAFT - HGC Schemes'!AX$3*$BL757),"")</f>
        <v/>
      </c>
      <c r="CK757" s="487" t="str">
        <f>IF(BC757="yes",('DRAFT - HGC Schemes'!AY$3*$BL757),"")</f>
        <v/>
      </c>
      <c r="CL757" s="487" t="str">
        <f>IF(BD757="yes",('DRAFT - HGC Schemes'!AZ$3*$BL757),"")</f>
        <v/>
      </c>
      <c r="CM757" s="487" t="str">
        <f>IF(BE757="yes",('DRAFT - HGC Schemes'!BA$3*$BL757),"")</f>
        <v/>
      </c>
      <c r="CN757" s="487" t="str">
        <f>IF(BF757="yes",('DRAFT - HGC Schemes'!BB$3*$BL757),"")</f>
        <v/>
      </c>
      <c r="CO757" s="487" t="str">
        <f>IF(BG757="yes",('DRAFT - HGC Schemes'!BC$3*$BL757),"")</f>
        <v/>
      </c>
      <c r="CP757" s="487" t="str">
        <f>IF(BH757="yes",('DRAFT - HGC Schemes'!BD$3*$BL757),"")</f>
        <v/>
      </c>
      <c r="CQ757" s="487" t="str">
        <f>IF(BI757="yes",('DRAFT - HGC Schemes'!BE$3*$BL757),"")</f>
        <v/>
      </c>
      <c r="CR757" s="487" t="str">
        <f>IF(BJ757="yes",('DRAFT - HGC Schemes'!BF$3*$BL757),"")</f>
        <v/>
      </c>
      <c r="CS757" s="487"/>
      <c r="CT757" s="487"/>
      <c r="CU757" s="487"/>
      <c r="CV757" s="487"/>
      <c r="CW757" s="487"/>
      <c r="CX757" s="487"/>
      <c r="CY757" s="487"/>
      <c r="CZ757" s="487"/>
      <c r="DA757" s="487"/>
      <c r="DB757" s="487"/>
      <c r="DC757" s="487"/>
      <c r="DD757" s="487"/>
      <c r="DE757" s="487"/>
      <c r="DF757" s="487"/>
      <c r="DG757" s="487"/>
      <c r="DH757" s="487"/>
      <c r="DI757" s="487"/>
      <c r="DJ757" s="487"/>
      <c r="DK757" s="487"/>
      <c r="DL757" s="487"/>
      <c r="DM757" s="487"/>
      <c r="DN757" s="487"/>
      <c r="DO757" s="487"/>
      <c r="DP757" s="487"/>
      <c r="DQ757" s="487"/>
      <c r="DR757" s="487"/>
      <c r="DS757" s="484"/>
      <c r="DT757" s="484"/>
      <c r="DU757" s="484"/>
      <c r="DV757" s="494"/>
      <c r="DW757" s="494"/>
    </row>
    <row r="758" spans="1:127" s="613" customFormat="1" ht="28.35" customHeight="1" x14ac:dyDescent="0.2">
      <c r="A758" s="77"/>
      <c r="B758" s="77"/>
      <c r="C758" s="720">
        <v>18</v>
      </c>
      <c r="D758" s="720"/>
      <c r="E758" s="720" t="s">
        <v>2182</v>
      </c>
      <c r="F758" s="720" t="s">
        <v>1385</v>
      </c>
      <c r="G758" s="720" t="s">
        <v>54</v>
      </c>
      <c r="H758" s="742" t="s">
        <v>1330</v>
      </c>
      <c r="I758" s="657" t="s">
        <v>3067</v>
      </c>
      <c r="J758" s="657"/>
      <c r="K758" s="657"/>
      <c r="L758" s="657"/>
      <c r="M758" s="78" t="s">
        <v>3068</v>
      </c>
      <c r="N758" s="654" t="s">
        <v>215</v>
      </c>
      <c r="O758" s="742" t="s">
        <v>63</v>
      </c>
      <c r="P758" s="657" t="s">
        <v>2996</v>
      </c>
      <c r="Q758" s="657" t="s">
        <v>191</v>
      </c>
      <c r="R758" s="742" t="s">
        <v>61</v>
      </c>
      <c r="S758" s="657" t="s">
        <v>61</v>
      </c>
      <c r="T758" s="657" t="s">
        <v>225</v>
      </c>
      <c r="U758" s="742"/>
      <c r="V758" s="718" t="s">
        <v>63</v>
      </c>
      <c r="W758" s="718" t="s">
        <v>63</v>
      </c>
      <c r="X758" s="748"/>
      <c r="Y758" s="748"/>
      <c r="Z758" s="657" t="s">
        <v>64</v>
      </c>
      <c r="AA758" s="748"/>
      <c r="AB758" s="745">
        <f t="shared" ref="AB758:AB765" si="234">X758</f>
        <v>0</v>
      </c>
      <c r="AC758" s="651" t="s">
        <v>65</v>
      </c>
      <c r="AD758" s="721"/>
      <c r="AE758" s="885"/>
      <c r="AF758" s="721"/>
      <c r="AG758" s="721"/>
      <c r="AH758" s="721"/>
      <c r="AI758" s="721"/>
      <c r="AJ758" s="721"/>
      <c r="AK758" s="721"/>
      <c r="AL758" s="721"/>
      <c r="AM758" s="721"/>
      <c r="AN758" s="721"/>
      <c r="AO758" s="721"/>
      <c r="AP758" s="721"/>
      <c r="AQ758" s="721"/>
      <c r="AR758" s="721"/>
      <c r="AS758" s="721"/>
      <c r="AT758" s="721"/>
      <c r="AU758" s="721"/>
      <c r="AV758" s="721"/>
      <c r="AW758" s="721"/>
      <c r="AX758" s="721"/>
      <c r="AY758" s="721"/>
      <c r="AZ758" s="721"/>
      <c r="BA758" s="721"/>
      <c r="BB758" s="721"/>
      <c r="BC758" s="721"/>
      <c r="BD758" s="721"/>
      <c r="BE758" s="721"/>
      <c r="BF758" s="721"/>
      <c r="BG758" s="721"/>
      <c r="BH758" s="721"/>
      <c r="BI758" s="721"/>
      <c r="BJ758" s="721"/>
      <c r="BK758" s="721"/>
      <c r="BL758" s="721"/>
      <c r="BM758" s="721"/>
      <c r="BN758" s="721"/>
      <c r="BO758" s="721"/>
      <c r="BP758" s="721"/>
      <c r="BQ758" s="721"/>
      <c r="BR758" s="721" t="s">
        <v>66</v>
      </c>
      <c r="BS758" s="721" t="s">
        <v>66</v>
      </c>
      <c r="BT758" s="721" t="s">
        <v>66</v>
      </c>
      <c r="BU758" s="721"/>
      <c r="BV758" s="884">
        <f>SUM('DRAFT - HGC Schemes'!BO3:BQ3)</f>
        <v>5500</v>
      </c>
      <c r="BW758" s="661">
        <f t="shared" ref="BW758:BW767" si="235">AB758/BV758</f>
        <v>0</v>
      </c>
      <c r="BX758" s="661"/>
      <c r="BY758" s="746" t="str">
        <f>IF(AE758="yes",('DRAFT - HGC Schemes'!AB$3*$BW758),"")</f>
        <v/>
      </c>
      <c r="BZ758" s="746" t="str">
        <f>IF(AF758="yes",('DRAFT - HGC Schemes'!AC$3*$BW758),"")</f>
        <v/>
      </c>
      <c r="CA758" s="746" t="str">
        <f>IF(AG758="yes",('DRAFT - HGC Schemes'!AD$3*$BW758),"")</f>
        <v/>
      </c>
      <c r="CB758" s="746" t="str">
        <f>IF(AH758="yes",('DRAFT - HGC Schemes'!AE$3*$BW758),"")</f>
        <v/>
      </c>
      <c r="CC758" s="746" t="str">
        <f>IF(AI758="yes",('DRAFT - HGC Schemes'!AF$3*$BW758),"")</f>
        <v/>
      </c>
      <c r="CD758" s="746" t="str">
        <f>IF(AJ758="yes",('DRAFT - HGC Schemes'!AG$3*$BW758),"")</f>
        <v/>
      </c>
      <c r="CE758" s="746" t="str">
        <f>IF(AK758="yes",('DRAFT - HGC Schemes'!AH$3*$BW758),"")</f>
        <v/>
      </c>
      <c r="CF758" s="746" t="str">
        <f>IF(AL758="yes",('DRAFT - HGC Schemes'!AI$3*$BW758),"")</f>
        <v/>
      </c>
      <c r="CG758" s="746" t="str">
        <f>IF(AM758="yes",('DRAFT - HGC Schemes'!AJ$3*$BW758),"")</f>
        <v/>
      </c>
      <c r="CH758" s="746" t="str">
        <f>IF(AN758="yes",('DRAFT - HGC Schemes'!AK$3*$BW758),"")</f>
        <v/>
      </c>
      <c r="CI758" s="746" t="str">
        <f>IF(AO758="yes",('DRAFT - HGC Schemes'!AL$3*$BW758),"")</f>
        <v/>
      </c>
      <c r="CJ758" s="746" t="str">
        <f>IF(AP758="yes",('DRAFT - HGC Schemes'!AM$3*$BW758),"")</f>
        <v/>
      </c>
      <c r="CK758" s="746" t="str">
        <f>IF(AQ758="yes",('DRAFT - HGC Schemes'!AN$3*$BW758),"")</f>
        <v/>
      </c>
      <c r="CL758" s="746" t="str">
        <f>IF(AR758="yes",('DRAFT - HGC Schemes'!AO$3*$BW758),"")</f>
        <v/>
      </c>
      <c r="CM758" s="746" t="str">
        <f>IF(AS758="yes",('DRAFT - HGC Schemes'!AP$3*$BW758),"")</f>
        <v/>
      </c>
      <c r="CN758" s="746" t="str">
        <f>IF(AT758="yes",('DRAFT - HGC Schemes'!AQ$3*$BW758),"")</f>
        <v/>
      </c>
      <c r="CO758" s="746" t="str">
        <f>IF(AU758="yes",('DRAFT - HGC Schemes'!AR$3*$BW758),"")</f>
        <v/>
      </c>
      <c r="CP758" s="746" t="str">
        <f>IF(AV758="yes",('DRAFT - HGC Schemes'!AS$3*$BW758),"")</f>
        <v/>
      </c>
      <c r="CQ758" s="746" t="str">
        <f>IF(AW758="yes",('DRAFT - HGC Schemes'!AT$3*$BW758),"")</f>
        <v/>
      </c>
      <c r="CR758" s="746" t="str">
        <f>IF(AX758="yes",('DRAFT - HGC Schemes'!AU$3*$BW758),"")</f>
        <v/>
      </c>
      <c r="CS758" s="746" t="str">
        <f>IF(AY758="yes",('DRAFT - HGC Schemes'!AV$3*$BW758),"")</f>
        <v/>
      </c>
      <c r="CT758" s="746" t="str">
        <f>IF(AZ758="yes",('DRAFT - HGC Schemes'!AW$3*$BW758),"")</f>
        <v/>
      </c>
      <c r="CU758" s="746" t="str">
        <f>IF(BA758="yes",('DRAFT - HGC Schemes'!AX$3*$BW758),"")</f>
        <v/>
      </c>
      <c r="CV758" s="746" t="str">
        <f>IF(BB758="yes",('DRAFT - HGC Schemes'!AY$3*$BW758),"")</f>
        <v/>
      </c>
      <c r="CW758" s="746" t="str">
        <f>IF(BC758="yes",('DRAFT - HGC Schemes'!AZ$3*$BW758),"")</f>
        <v/>
      </c>
      <c r="CX758" s="746" t="str">
        <f>IF(BD758="yes",('DRAFT - HGC Schemes'!BA$3*$BW758),"")</f>
        <v/>
      </c>
      <c r="CY758" s="746" t="str">
        <f>IF(BE758="yes",('DRAFT - HGC Schemes'!BB$3*$BW758),"")</f>
        <v/>
      </c>
      <c r="CZ758" s="746" t="str">
        <f>IF(BF758="yes",('DRAFT - HGC Schemes'!BC$3*$BW758),"")</f>
        <v/>
      </c>
      <c r="DA758" s="746" t="str">
        <f>IF(BG758="yes",('DRAFT - HGC Schemes'!BD$3*$BW758),"")</f>
        <v/>
      </c>
      <c r="DB758" s="746" t="str">
        <f>IF(BH758="yes",('DRAFT - HGC Schemes'!BE$3*$BW758),"")</f>
        <v/>
      </c>
      <c r="DC758" s="746" t="str">
        <f>IF(BI758="yes",('DRAFT - HGC Schemes'!BF$3*$BW758),"")</f>
        <v/>
      </c>
      <c r="DD758" s="746" t="str">
        <f>IF(BJ758="yes",('DRAFT - HGC Schemes'!BG$3*$BW758),"")</f>
        <v/>
      </c>
      <c r="DE758" s="746" t="str">
        <f>IF(BK758="yes",('DRAFT - HGC Schemes'!BH$3*$BW758),"")</f>
        <v/>
      </c>
      <c r="DF758" s="746" t="str">
        <f>IF(BL758="yes",('DRAFT - HGC Schemes'!BI$3*$BW758),"")</f>
        <v/>
      </c>
      <c r="DG758" s="746" t="str">
        <f>IF(BM758="yes",('DRAFT - HGC Schemes'!BJ$3*$BW758),"")</f>
        <v/>
      </c>
      <c r="DH758" s="746" t="str">
        <f>IF(BN758="yes",('DRAFT - HGC Schemes'!BK$3*$BW758),"")</f>
        <v/>
      </c>
      <c r="DI758" s="746" t="str">
        <f>IF(BO758="yes",('DRAFT - HGC Schemes'!BL$3*$BW758),"")</f>
        <v/>
      </c>
      <c r="DJ758" s="746" t="str">
        <f>IF(BP758="yes",('DRAFT - HGC Schemes'!BM$3*$BW758),"")</f>
        <v/>
      </c>
      <c r="DK758" s="746" t="str">
        <f>IF(BQ758="yes",('DRAFT - HGC Schemes'!BN$3*$BW758),"")</f>
        <v/>
      </c>
      <c r="DL758" s="746">
        <f>IF(BR758="yes",('DRAFT - HGC Schemes'!BO$3*$BW758),"")</f>
        <v>0</v>
      </c>
      <c r="DM758" s="746">
        <f>IF(BS758="yes",('DRAFT - HGC Schemes'!BP$3*$BW758),"")</f>
        <v>0</v>
      </c>
      <c r="DN758" s="746">
        <f>IF(BT758="yes",('DRAFT - HGC Schemes'!BQ$3*$BW758),"")</f>
        <v>0</v>
      </c>
      <c r="DO758" s="746" t="str">
        <f>IF(BU758="yes",('DRAFT - HGC Schemes'!BR$3*$BW758),"")</f>
        <v/>
      </c>
      <c r="DP758" s="719"/>
      <c r="DQ758" s="719"/>
      <c r="DR758" s="657" t="s">
        <v>3069</v>
      </c>
      <c r="DS758" s="721"/>
      <c r="DT758" s="887" t="s">
        <v>3070</v>
      </c>
      <c r="DU758" s="657"/>
      <c r="DV758" s="657"/>
      <c r="DW758" s="905"/>
    </row>
    <row r="759" spans="1:127" s="857" customFormat="1" ht="327.75" x14ac:dyDescent="0.2">
      <c r="A759" s="77" t="s">
        <v>3071</v>
      </c>
      <c r="B759" s="494"/>
      <c r="C759" s="511">
        <v>83</v>
      </c>
      <c r="D759" s="511"/>
      <c r="E759" s="511" t="s">
        <v>2182</v>
      </c>
      <c r="F759" s="511" t="s">
        <v>1385</v>
      </c>
      <c r="G759" s="511" t="s">
        <v>238</v>
      </c>
      <c r="H759" s="515" t="s">
        <v>1353</v>
      </c>
      <c r="I759" s="515" t="s">
        <v>2304</v>
      </c>
      <c r="J759" s="515"/>
      <c r="K759" s="515"/>
      <c r="L759" s="515"/>
      <c r="M759" s="513" t="s">
        <v>2305</v>
      </c>
      <c r="N759" s="657" t="s">
        <v>215</v>
      </c>
      <c r="O759" s="515" t="s">
        <v>63</v>
      </c>
      <c r="P759" s="654" t="s">
        <v>2996</v>
      </c>
      <c r="Q759" s="515" t="s">
        <v>81</v>
      </c>
      <c r="R759" s="515" t="s">
        <v>267</v>
      </c>
      <c r="S759" s="654" t="s">
        <v>267</v>
      </c>
      <c r="T759" s="515" t="s">
        <v>2284</v>
      </c>
      <c r="U759" s="515"/>
      <c r="V759" s="718" t="s">
        <v>63</v>
      </c>
      <c r="W759" s="718" t="s">
        <v>63</v>
      </c>
      <c r="X759" s="525" t="s">
        <v>2285</v>
      </c>
      <c r="Y759" s="525"/>
      <c r="Z759" s="516" t="s">
        <v>267</v>
      </c>
      <c r="AA759" s="612">
        <v>0</v>
      </c>
      <c r="AB759" s="745" t="str">
        <f t="shared" si="234"/>
        <v xml:space="preserve">To be covered by Affinity Water </v>
      </c>
      <c r="AC759" s="646" t="s">
        <v>245</v>
      </c>
      <c r="AD759" s="516"/>
      <c r="AE759" s="516"/>
      <c r="AF759" s="516"/>
      <c r="AG759" s="516"/>
      <c r="AH759" s="516"/>
      <c r="AI759" s="516"/>
      <c r="AJ759" s="516"/>
      <c r="AK759" s="516"/>
      <c r="AL759" s="516"/>
      <c r="AM759" s="516"/>
      <c r="AN759" s="516"/>
      <c r="AO759" s="516"/>
      <c r="AP759" s="516"/>
      <c r="AQ759" s="516"/>
      <c r="AR759" s="516"/>
      <c r="AS759" s="516"/>
      <c r="AT759" s="516"/>
      <c r="AU759" s="516"/>
      <c r="AV759" s="516"/>
      <c r="AW759" s="516"/>
      <c r="AX759" s="516"/>
      <c r="AY759" s="516"/>
      <c r="AZ759" s="516"/>
      <c r="BA759" s="516"/>
      <c r="BB759" s="516"/>
      <c r="BC759" s="516"/>
      <c r="BD759" s="516"/>
      <c r="BE759" s="516"/>
      <c r="BF759" s="516"/>
      <c r="BG759" s="516"/>
      <c r="BH759" s="516"/>
      <c r="BI759" s="516"/>
      <c r="BJ759" s="516"/>
      <c r="BK759" s="516"/>
      <c r="BL759" s="516"/>
      <c r="BM759" s="516"/>
      <c r="BN759" s="516"/>
      <c r="BO759" s="516"/>
      <c r="BP759" s="516"/>
      <c r="BQ759" s="516"/>
      <c r="BR759" s="516"/>
      <c r="BS759" s="516"/>
      <c r="BT759" s="516"/>
      <c r="BU759" s="516"/>
      <c r="BV759" s="884">
        <f>SUMIF(AE759:BU759,"YES",'DRAFT - HGC Schemes'!$AB$3:$BR$3)</f>
        <v>0</v>
      </c>
      <c r="BW759" s="661" t="e">
        <f t="shared" si="235"/>
        <v>#VALUE!</v>
      </c>
      <c r="BX759" s="661"/>
      <c r="BY759" s="746" t="str">
        <f>IF(AE759="yes",('DRAFT - HGC Schemes'!AB$3*$BW759),"")</f>
        <v/>
      </c>
      <c r="BZ759" s="746" t="str">
        <f>IF(AF759="yes",('DRAFT - HGC Schemes'!AC$3*$BW759),"")</f>
        <v/>
      </c>
      <c r="CA759" s="746" t="str">
        <f>IF(AG759="yes",('DRAFT - HGC Schemes'!AD$3*$BW759),"")</f>
        <v/>
      </c>
      <c r="CB759" s="746" t="str">
        <f>IF(AH759="yes",('DRAFT - HGC Schemes'!AE$3*$BW759),"")</f>
        <v/>
      </c>
      <c r="CC759" s="746" t="str">
        <f>IF(AI759="yes",('DRAFT - HGC Schemes'!AF$3*$BW759),"")</f>
        <v/>
      </c>
      <c r="CD759" s="746" t="str">
        <f>IF(AJ759="yes",('DRAFT - HGC Schemes'!AG$3*$BW759),"")</f>
        <v/>
      </c>
      <c r="CE759" s="746" t="str">
        <f>IF(AK759="yes",('DRAFT - HGC Schemes'!AH$3*$BW759),"")</f>
        <v/>
      </c>
      <c r="CF759" s="746" t="str">
        <f>IF(AL759="yes",('DRAFT - HGC Schemes'!AI$3*$BW759),"")</f>
        <v/>
      </c>
      <c r="CG759" s="746" t="str">
        <f>IF(AM759="yes",('DRAFT - HGC Schemes'!AJ$3*$BW759),"")</f>
        <v/>
      </c>
      <c r="CH759" s="746" t="str">
        <f>IF(AN759="yes",('DRAFT - HGC Schemes'!AK$3*$BW759),"")</f>
        <v/>
      </c>
      <c r="CI759" s="746" t="str">
        <f>IF(AO759="yes",('DRAFT - HGC Schemes'!AL$3*$BW759),"")</f>
        <v/>
      </c>
      <c r="CJ759" s="746" t="str">
        <f>IF(AP759="yes",('DRAFT - HGC Schemes'!AM$3*$BW759),"")</f>
        <v/>
      </c>
      <c r="CK759" s="746" t="str">
        <f>IF(AQ759="yes",('DRAFT - HGC Schemes'!AN$3*$BW759),"")</f>
        <v/>
      </c>
      <c r="CL759" s="746" t="str">
        <f>IF(AR759="yes",('DRAFT - HGC Schemes'!AO$3*$BW759),"")</f>
        <v/>
      </c>
      <c r="CM759" s="746" t="str">
        <f>IF(AS759="yes",('DRAFT - HGC Schemes'!AP$3*$BW759),"")</f>
        <v/>
      </c>
      <c r="CN759" s="746" t="str">
        <f>IF(AT759="yes",('DRAFT - HGC Schemes'!AQ$3*$BW759),"")</f>
        <v/>
      </c>
      <c r="CO759" s="746" t="str">
        <f>IF(AU759="yes",('DRAFT - HGC Schemes'!AR$3*$BW759),"")</f>
        <v/>
      </c>
      <c r="CP759" s="746" t="str">
        <f>IF(AV759="yes",('DRAFT - HGC Schemes'!AS$3*$BW759),"")</f>
        <v/>
      </c>
      <c r="CQ759" s="746" t="str">
        <f>IF(AW759="yes",('DRAFT - HGC Schemes'!AT$3*$BW759),"")</f>
        <v/>
      </c>
      <c r="CR759" s="746" t="str">
        <f>IF(AX759="yes",('DRAFT - HGC Schemes'!AU$3*$BW759),"")</f>
        <v/>
      </c>
      <c r="CS759" s="746" t="str">
        <f>IF(AY759="yes",('DRAFT - HGC Schemes'!AV$3*$BW759),"")</f>
        <v/>
      </c>
      <c r="CT759" s="746" t="str">
        <f>IF(AZ759="yes",('DRAFT - HGC Schemes'!AW$3*$BW759),"")</f>
        <v/>
      </c>
      <c r="CU759" s="746" t="str">
        <f>IF(BA759="yes",('DRAFT - HGC Schemes'!AX$3*$BW759),"")</f>
        <v/>
      </c>
      <c r="CV759" s="746" t="str">
        <f>IF(BB759="yes",('DRAFT - HGC Schemes'!AY$3*$BW759),"")</f>
        <v/>
      </c>
      <c r="CW759" s="746" t="str">
        <f>IF(BC759="yes",('DRAFT - HGC Schemes'!AZ$3*$BW759),"")</f>
        <v/>
      </c>
      <c r="CX759" s="746" t="str">
        <f>IF(BD759="yes",('DRAFT - HGC Schemes'!BA$3*$BW759),"")</f>
        <v/>
      </c>
      <c r="CY759" s="746" t="str">
        <f>IF(BE759="yes",('DRAFT - HGC Schemes'!BB$3*$BW759),"")</f>
        <v/>
      </c>
      <c r="CZ759" s="746" t="str">
        <f>IF(BF759="yes",('DRAFT - HGC Schemes'!BC$3*$BW759),"")</f>
        <v/>
      </c>
      <c r="DA759" s="746" t="str">
        <f>IF(BG759="yes",('DRAFT - HGC Schemes'!BD$3*$BW759),"")</f>
        <v/>
      </c>
      <c r="DB759" s="746" t="str">
        <f>IF(BH759="yes",('DRAFT - HGC Schemes'!BE$3*$BW759),"")</f>
        <v/>
      </c>
      <c r="DC759" s="746" t="str">
        <f>IF(BI759="yes",('DRAFT - HGC Schemes'!BF$3*$BW759),"")</f>
        <v/>
      </c>
      <c r="DD759" s="516"/>
      <c r="DE759" s="516"/>
      <c r="DF759" s="516"/>
      <c r="DG759" s="516"/>
      <c r="DH759" s="516"/>
      <c r="DI759" s="516"/>
      <c r="DJ759" s="516"/>
      <c r="DK759" s="516"/>
      <c r="DL759" s="516"/>
      <c r="DM759" s="516"/>
      <c r="DN759" s="516"/>
      <c r="DO759" s="516"/>
      <c r="DP759" s="516"/>
      <c r="DQ759" s="516"/>
      <c r="DR759" s="515" t="s">
        <v>3072</v>
      </c>
      <c r="DS759" s="513" t="s">
        <v>2286</v>
      </c>
      <c r="DT759" s="617" t="s">
        <v>3073</v>
      </c>
      <c r="DU759" s="654"/>
      <c r="DV759" s="654"/>
    </row>
    <row r="760" spans="1:127" s="857" customFormat="1" ht="327.75" x14ac:dyDescent="0.2">
      <c r="A760" s="77" t="s">
        <v>3071</v>
      </c>
      <c r="B760" s="494"/>
      <c r="C760" s="511">
        <v>84</v>
      </c>
      <c r="D760" s="511"/>
      <c r="E760" s="511" t="s">
        <v>2182</v>
      </c>
      <c r="F760" s="511" t="s">
        <v>1385</v>
      </c>
      <c r="G760" s="511" t="s">
        <v>238</v>
      </c>
      <c r="H760" s="515" t="s">
        <v>1353</v>
      </c>
      <c r="I760" s="515" t="s">
        <v>2307</v>
      </c>
      <c r="J760" s="515"/>
      <c r="K760" s="515"/>
      <c r="L760" s="515"/>
      <c r="M760" s="513" t="s">
        <v>2308</v>
      </c>
      <c r="N760" s="657" t="s">
        <v>215</v>
      </c>
      <c r="O760" s="515" t="s">
        <v>63</v>
      </c>
      <c r="P760" s="654" t="s">
        <v>2996</v>
      </c>
      <c r="Q760" s="515" t="s">
        <v>81</v>
      </c>
      <c r="R760" s="515" t="s">
        <v>267</v>
      </c>
      <c r="S760" s="654" t="s">
        <v>267</v>
      </c>
      <c r="T760" s="515" t="s">
        <v>2309</v>
      </c>
      <c r="U760" s="515"/>
      <c r="V760" s="718" t="s">
        <v>63</v>
      </c>
      <c r="W760" s="718" t="s">
        <v>63</v>
      </c>
      <c r="X760" s="525" t="s">
        <v>2285</v>
      </c>
      <c r="Y760" s="525"/>
      <c r="Z760" s="516" t="s">
        <v>267</v>
      </c>
      <c r="AA760" s="612">
        <v>0</v>
      </c>
      <c r="AB760" s="745" t="str">
        <f t="shared" si="234"/>
        <v xml:space="preserve">To be covered by Affinity Water </v>
      </c>
      <c r="AC760" s="646" t="s">
        <v>245</v>
      </c>
      <c r="AD760" s="516"/>
      <c r="AE760" s="516"/>
      <c r="AF760" s="516"/>
      <c r="AG760" s="516"/>
      <c r="AH760" s="516"/>
      <c r="AI760" s="516"/>
      <c r="AJ760" s="516"/>
      <c r="AK760" s="516"/>
      <c r="AL760" s="516"/>
      <c r="AM760" s="516"/>
      <c r="AN760" s="516"/>
      <c r="AO760" s="516"/>
      <c r="AP760" s="516"/>
      <c r="AQ760" s="516"/>
      <c r="AR760" s="516"/>
      <c r="AS760" s="516"/>
      <c r="AT760" s="516"/>
      <c r="AU760" s="516"/>
      <c r="AV760" s="516"/>
      <c r="AW760" s="516"/>
      <c r="AX760" s="516"/>
      <c r="AY760" s="516"/>
      <c r="AZ760" s="516"/>
      <c r="BA760" s="516"/>
      <c r="BB760" s="516"/>
      <c r="BC760" s="516"/>
      <c r="BD760" s="516"/>
      <c r="BE760" s="516"/>
      <c r="BF760" s="516"/>
      <c r="BG760" s="516"/>
      <c r="BH760" s="516"/>
      <c r="BI760" s="516"/>
      <c r="BJ760" s="516"/>
      <c r="BK760" s="516"/>
      <c r="BL760" s="516"/>
      <c r="BM760" s="516"/>
      <c r="BN760" s="516"/>
      <c r="BO760" s="516"/>
      <c r="BP760" s="516"/>
      <c r="BQ760" s="516"/>
      <c r="BR760" s="516"/>
      <c r="BS760" s="516"/>
      <c r="BT760" s="516"/>
      <c r="BU760" s="516"/>
      <c r="BV760" s="884">
        <f>SUMIF(AE760:BU760,"YES",'DRAFT - HGC Schemes'!$AB$3:$BR$3)</f>
        <v>0</v>
      </c>
      <c r="BW760" s="661" t="e">
        <f t="shared" si="235"/>
        <v>#VALUE!</v>
      </c>
      <c r="BX760" s="661"/>
      <c r="BY760" s="746" t="str">
        <f>IF(AE760="yes",('DRAFT - HGC Schemes'!AB$3*$BW760),"")</f>
        <v/>
      </c>
      <c r="BZ760" s="746" t="str">
        <f>IF(AF760="yes",('DRAFT - HGC Schemes'!AC$3*$BW760),"")</f>
        <v/>
      </c>
      <c r="CA760" s="746" t="str">
        <f>IF(AG760="yes",('DRAFT - HGC Schemes'!AD$3*$BW760),"")</f>
        <v/>
      </c>
      <c r="CB760" s="746" t="str">
        <f>IF(AH760="yes",('DRAFT - HGC Schemes'!AE$3*$BW760),"")</f>
        <v/>
      </c>
      <c r="CC760" s="746" t="str">
        <f>IF(AI760="yes",('DRAFT - HGC Schemes'!AF$3*$BW760),"")</f>
        <v/>
      </c>
      <c r="CD760" s="746" t="str">
        <f>IF(AJ760="yes",('DRAFT - HGC Schemes'!AG$3*$BW760),"")</f>
        <v/>
      </c>
      <c r="CE760" s="746" t="str">
        <f>IF(AK760="yes",('DRAFT - HGC Schemes'!AH$3*$BW760),"")</f>
        <v/>
      </c>
      <c r="CF760" s="746" t="str">
        <f>IF(AL760="yes",('DRAFT - HGC Schemes'!AI$3*$BW760),"")</f>
        <v/>
      </c>
      <c r="CG760" s="746" t="str">
        <f>IF(AM760="yes",('DRAFT - HGC Schemes'!AJ$3*$BW760),"")</f>
        <v/>
      </c>
      <c r="CH760" s="746" t="str">
        <f>IF(AN760="yes",('DRAFT - HGC Schemes'!AK$3*$BW760),"")</f>
        <v/>
      </c>
      <c r="CI760" s="746" t="str">
        <f>IF(AO760="yes",('DRAFT - HGC Schemes'!AL$3*$BW760),"")</f>
        <v/>
      </c>
      <c r="CJ760" s="746" t="str">
        <f>IF(AP760="yes",('DRAFT - HGC Schemes'!AM$3*$BW760),"")</f>
        <v/>
      </c>
      <c r="CK760" s="746" t="str">
        <f>IF(AQ760="yes",('DRAFT - HGC Schemes'!AN$3*$BW760),"")</f>
        <v/>
      </c>
      <c r="CL760" s="746" t="str">
        <f>IF(AR760="yes",('DRAFT - HGC Schemes'!AO$3*$BW760),"")</f>
        <v/>
      </c>
      <c r="CM760" s="746" t="str">
        <f>IF(AS760="yes",('DRAFT - HGC Schemes'!AP$3*$BW760),"")</f>
        <v/>
      </c>
      <c r="CN760" s="746" t="str">
        <f>IF(AT760="yes",('DRAFT - HGC Schemes'!AQ$3*$BW760),"")</f>
        <v/>
      </c>
      <c r="CO760" s="746" t="str">
        <f>IF(AU760="yes",('DRAFT - HGC Schemes'!AR$3*$BW760),"")</f>
        <v/>
      </c>
      <c r="CP760" s="746" t="str">
        <f>IF(AV760="yes",('DRAFT - HGC Schemes'!AS$3*$BW760),"")</f>
        <v/>
      </c>
      <c r="CQ760" s="746" t="str">
        <f>IF(AW760="yes",('DRAFT - HGC Schemes'!AT$3*$BW760),"")</f>
        <v/>
      </c>
      <c r="CR760" s="746" t="str">
        <f>IF(AX760="yes",('DRAFT - HGC Schemes'!AU$3*$BW760),"")</f>
        <v/>
      </c>
      <c r="CS760" s="746" t="str">
        <f>IF(AY760="yes",('DRAFT - HGC Schemes'!AV$3*$BW760),"")</f>
        <v/>
      </c>
      <c r="CT760" s="746" t="str">
        <f>IF(AZ760="yes",('DRAFT - HGC Schemes'!AW$3*$BW760),"")</f>
        <v/>
      </c>
      <c r="CU760" s="746" t="str">
        <f>IF(BA760="yes",('DRAFT - HGC Schemes'!AX$3*$BW760),"")</f>
        <v/>
      </c>
      <c r="CV760" s="746" t="str">
        <f>IF(BB760="yes",('DRAFT - HGC Schemes'!AY$3*$BW760),"")</f>
        <v/>
      </c>
      <c r="CW760" s="746" t="str">
        <f>IF(BC760="yes",('DRAFT - HGC Schemes'!AZ$3*$BW760),"")</f>
        <v/>
      </c>
      <c r="CX760" s="746" t="str">
        <f>IF(BD760="yes",('DRAFT - HGC Schemes'!BA$3*$BW760),"")</f>
        <v/>
      </c>
      <c r="CY760" s="746" t="str">
        <f>IF(BE760="yes",('DRAFT - HGC Schemes'!BB$3*$BW760),"")</f>
        <v/>
      </c>
      <c r="CZ760" s="746" t="str">
        <f>IF(BF760="yes",('DRAFT - HGC Schemes'!BC$3*$BW760),"")</f>
        <v/>
      </c>
      <c r="DA760" s="746" t="str">
        <f>IF(BG760="yes",('DRAFT - HGC Schemes'!BD$3*$BW760),"")</f>
        <v/>
      </c>
      <c r="DB760" s="746" t="str">
        <f>IF(BH760="yes",('DRAFT - HGC Schemes'!BE$3*$BW760),"")</f>
        <v/>
      </c>
      <c r="DC760" s="746" t="str">
        <f>IF(BI760="yes",('DRAFT - HGC Schemes'!BF$3*$BW760),"")</f>
        <v/>
      </c>
      <c r="DD760" s="516"/>
      <c r="DE760" s="516"/>
      <c r="DF760" s="516"/>
      <c r="DG760" s="516"/>
      <c r="DH760" s="516"/>
      <c r="DI760" s="516"/>
      <c r="DJ760" s="516"/>
      <c r="DK760" s="516"/>
      <c r="DL760" s="516"/>
      <c r="DM760" s="516"/>
      <c r="DN760" s="516"/>
      <c r="DO760" s="516"/>
      <c r="DP760" s="516"/>
      <c r="DQ760" s="516"/>
      <c r="DR760" s="515" t="s">
        <v>3072</v>
      </c>
      <c r="DS760" s="513" t="s">
        <v>2286</v>
      </c>
      <c r="DT760" s="617" t="s">
        <v>3073</v>
      </c>
      <c r="DU760" s="654"/>
      <c r="DV760" s="654"/>
    </row>
    <row r="761" spans="1:127" s="857" customFormat="1" ht="126" customHeight="1" x14ac:dyDescent="0.2">
      <c r="A761" s="77" t="s">
        <v>3071</v>
      </c>
      <c r="B761" s="494"/>
      <c r="C761" s="511">
        <v>85</v>
      </c>
      <c r="D761" s="511"/>
      <c r="E761" s="511" t="s">
        <v>2182</v>
      </c>
      <c r="F761" s="511" t="s">
        <v>1385</v>
      </c>
      <c r="G761" s="511" t="s">
        <v>238</v>
      </c>
      <c r="H761" s="515" t="s">
        <v>1353</v>
      </c>
      <c r="I761" s="515" t="s">
        <v>2310</v>
      </c>
      <c r="J761" s="515"/>
      <c r="K761" s="515"/>
      <c r="L761" s="515"/>
      <c r="M761" s="513" t="s">
        <v>2311</v>
      </c>
      <c r="N761" s="657" t="s">
        <v>215</v>
      </c>
      <c r="O761" s="515" t="s">
        <v>63</v>
      </c>
      <c r="P761" s="654" t="s">
        <v>2996</v>
      </c>
      <c r="Q761" s="515" t="s">
        <v>81</v>
      </c>
      <c r="R761" s="515" t="s">
        <v>267</v>
      </c>
      <c r="S761" s="654" t="s">
        <v>267</v>
      </c>
      <c r="T761" s="515" t="s">
        <v>2309</v>
      </c>
      <c r="U761" s="515"/>
      <c r="V761" s="718" t="s">
        <v>63</v>
      </c>
      <c r="W761" s="718" t="s">
        <v>63</v>
      </c>
      <c r="X761" s="525" t="s">
        <v>2285</v>
      </c>
      <c r="Y761" s="525"/>
      <c r="Z761" s="516" t="s">
        <v>267</v>
      </c>
      <c r="AA761" s="612">
        <v>0</v>
      </c>
      <c r="AB761" s="745" t="str">
        <f t="shared" si="234"/>
        <v xml:space="preserve">To be covered by Affinity Water </v>
      </c>
      <c r="AC761" s="646" t="s">
        <v>245</v>
      </c>
      <c r="AD761" s="516"/>
      <c r="AE761" s="516"/>
      <c r="AF761" s="516"/>
      <c r="AG761" s="516"/>
      <c r="AH761" s="516"/>
      <c r="AI761" s="516"/>
      <c r="AJ761" s="516"/>
      <c r="AK761" s="516"/>
      <c r="AL761" s="516"/>
      <c r="AM761" s="516"/>
      <c r="AN761" s="516"/>
      <c r="AO761" s="516"/>
      <c r="AP761" s="516"/>
      <c r="AQ761" s="516"/>
      <c r="AR761" s="516"/>
      <c r="AS761" s="516"/>
      <c r="AT761" s="516"/>
      <c r="AU761" s="516"/>
      <c r="AV761" s="516"/>
      <c r="AW761" s="516"/>
      <c r="AX761" s="516"/>
      <c r="AY761" s="516"/>
      <c r="AZ761" s="516"/>
      <c r="BA761" s="516"/>
      <c r="BB761" s="516"/>
      <c r="BC761" s="516"/>
      <c r="BD761" s="516"/>
      <c r="BE761" s="516"/>
      <c r="BF761" s="516"/>
      <c r="BG761" s="516"/>
      <c r="BH761" s="516"/>
      <c r="BI761" s="516"/>
      <c r="BJ761" s="516"/>
      <c r="BK761" s="516"/>
      <c r="BL761" s="516"/>
      <c r="BM761" s="516"/>
      <c r="BN761" s="516"/>
      <c r="BO761" s="516"/>
      <c r="BP761" s="516"/>
      <c r="BQ761" s="516"/>
      <c r="BR761" s="516"/>
      <c r="BS761" s="516"/>
      <c r="BT761" s="516"/>
      <c r="BU761" s="516"/>
      <c r="BV761" s="884">
        <f>SUMIF(AE761:BU761,"YES",'DRAFT - HGC Schemes'!$AB$3:$BR$3)</f>
        <v>0</v>
      </c>
      <c r="BW761" s="661" t="e">
        <f t="shared" si="235"/>
        <v>#VALUE!</v>
      </c>
      <c r="BX761" s="661"/>
      <c r="BY761" s="746" t="str">
        <f>IF(AE761="yes",('DRAFT - HGC Schemes'!AB$3*$BW761),"")</f>
        <v/>
      </c>
      <c r="BZ761" s="746" t="str">
        <f>IF(AF761="yes",('DRAFT - HGC Schemes'!AC$3*$BW761),"")</f>
        <v/>
      </c>
      <c r="CA761" s="746" t="str">
        <f>IF(AG761="yes",('DRAFT - HGC Schemes'!AD$3*$BW761),"")</f>
        <v/>
      </c>
      <c r="CB761" s="746" t="str">
        <f>IF(AH761="yes",('DRAFT - HGC Schemes'!AE$3*$BW761),"")</f>
        <v/>
      </c>
      <c r="CC761" s="746" t="str">
        <f>IF(AI761="yes",('DRAFT - HGC Schemes'!AF$3*$BW761),"")</f>
        <v/>
      </c>
      <c r="CD761" s="746" t="str">
        <f>IF(AJ761="yes",('DRAFT - HGC Schemes'!AG$3*$BW761),"")</f>
        <v/>
      </c>
      <c r="CE761" s="746" t="str">
        <f>IF(AK761="yes",('DRAFT - HGC Schemes'!AH$3*$BW761),"")</f>
        <v/>
      </c>
      <c r="CF761" s="746" t="str">
        <f>IF(AL761="yes",('DRAFT - HGC Schemes'!AI$3*$BW761),"")</f>
        <v/>
      </c>
      <c r="CG761" s="746" t="str">
        <f>IF(AM761="yes",('DRAFT - HGC Schemes'!AJ$3*$BW761),"")</f>
        <v/>
      </c>
      <c r="CH761" s="746" t="str">
        <f>IF(AN761="yes",('DRAFT - HGC Schemes'!AK$3*$BW761),"")</f>
        <v/>
      </c>
      <c r="CI761" s="746" t="str">
        <f>IF(AO761="yes",('DRAFT - HGC Schemes'!AL$3*$BW761),"")</f>
        <v/>
      </c>
      <c r="CJ761" s="746" t="str">
        <f>IF(AP761="yes",('DRAFT - HGC Schemes'!AM$3*$BW761),"")</f>
        <v/>
      </c>
      <c r="CK761" s="746" t="str">
        <f>IF(AQ761="yes",('DRAFT - HGC Schemes'!AN$3*$BW761),"")</f>
        <v/>
      </c>
      <c r="CL761" s="746" t="str">
        <f>IF(AR761="yes",('DRAFT - HGC Schemes'!AO$3*$BW761),"")</f>
        <v/>
      </c>
      <c r="CM761" s="746" t="str">
        <f>IF(AS761="yes",('DRAFT - HGC Schemes'!AP$3*$BW761),"")</f>
        <v/>
      </c>
      <c r="CN761" s="746" t="str">
        <f>IF(AT761="yes",('DRAFT - HGC Schemes'!AQ$3*$BW761),"")</f>
        <v/>
      </c>
      <c r="CO761" s="746" t="str">
        <f>IF(AU761="yes",('DRAFT - HGC Schemes'!AR$3*$BW761),"")</f>
        <v/>
      </c>
      <c r="CP761" s="746" t="str">
        <f>IF(AV761="yes",('DRAFT - HGC Schemes'!AS$3*$BW761),"")</f>
        <v/>
      </c>
      <c r="CQ761" s="746" t="str">
        <f>IF(AW761="yes",('DRAFT - HGC Schemes'!AT$3*$BW761),"")</f>
        <v/>
      </c>
      <c r="CR761" s="746" t="str">
        <f>IF(AX761="yes",('DRAFT - HGC Schemes'!AU$3*$BW761),"")</f>
        <v/>
      </c>
      <c r="CS761" s="746" t="str">
        <f>IF(AY761="yes",('DRAFT - HGC Schemes'!AV$3*$BW761),"")</f>
        <v/>
      </c>
      <c r="CT761" s="746" t="str">
        <f>IF(AZ761="yes",('DRAFT - HGC Schemes'!AW$3*$BW761),"")</f>
        <v/>
      </c>
      <c r="CU761" s="746" t="str">
        <f>IF(BA761="yes",('DRAFT - HGC Schemes'!AX$3*$BW761),"")</f>
        <v/>
      </c>
      <c r="CV761" s="746" t="str">
        <f>IF(BB761="yes",('DRAFT - HGC Schemes'!AY$3*$BW761),"")</f>
        <v/>
      </c>
      <c r="CW761" s="746" t="str">
        <f>IF(BC761="yes",('DRAFT - HGC Schemes'!AZ$3*$BW761),"")</f>
        <v/>
      </c>
      <c r="CX761" s="746" t="str">
        <f>IF(BD761="yes",('DRAFT - HGC Schemes'!BA$3*$BW761),"")</f>
        <v/>
      </c>
      <c r="CY761" s="746" t="str">
        <f>IF(BE761="yes",('DRAFT - HGC Schemes'!BB$3*$BW761),"")</f>
        <v/>
      </c>
      <c r="CZ761" s="746" t="str">
        <f>IF(BF761="yes",('DRAFT - HGC Schemes'!BC$3*$BW761),"")</f>
        <v/>
      </c>
      <c r="DA761" s="746" t="str">
        <f>IF(BG761="yes",('DRAFT - HGC Schemes'!BD$3*$BW761),"")</f>
        <v/>
      </c>
      <c r="DB761" s="746" t="str">
        <f>IF(BH761="yes",('DRAFT - HGC Schemes'!BE$3*$BW761),"")</f>
        <v/>
      </c>
      <c r="DC761" s="746" t="str">
        <f>IF(BI761="yes",('DRAFT - HGC Schemes'!BF$3*$BW761),"")</f>
        <v/>
      </c>
      <c r="DD761" s="516"/>
      <c r="DE761" s="516"/>
      <c r="DF761" s="516"/>
      <c r="DG761" s="516"/>
      <c r="DH761" s="516"/>
      <c r="DI761" s="516"/>
      <c r="DJ761" s="516"/>
      <c r="DK761" s="516"/>
      <c r="DL761" s="516"/>
      <c r="DM761" s="516"/>
      <c r="DN761" s="516"/>
      <c r="DO761" s="516"/>
      <c r="DP761" s="516"/>
      <c r="DQ761" s="516"/>
      <c r="DR761" s="515" t="s">
        <v>3072</v>
      </c>
      <c r="DS761" s="513" t="s">
        <v>2286</v>
      </c>
      <c r="DT761" s="617" t="s">
        <v>3073</v>
      </c>
      <c r="DU761" s="654"/>
      <c r="DV761" s="654"/>
    </row>
    <row r="762" spans="1:127" s="857" customFormat="1" ht="56.1" customHeight="1" x14ac:dyDescent="0.2">
      <c r="A762" s="494"/>
      <c r="B762" s="494"/>
      <c r="C762" s="511">
        <v>87</v>
      </c>
      <c r="D762" s="511"/>
      <c r="E762" s="511" t="s">
        <v>2182</v>
      </c>
      <c r="F762" s="511" t="s">
        <v>1385</v>
      </c>
      <c r="G762" s="511" t="s">
        <v>238</v>
      </c>
      <c r="H762" s="515" t="s">
        <v>268</v>
      </c>
      <c r="I762" s="515" t="s">
        <v>3074</v>
      </c>
      <c r="J762" s="515"/>
      <c r="K762" s="515"/>
      <c r="L762" s="515"/>
      <c r="M762" s="513" t="s">
        <v>3075</v>
      </c>
      <c r="N762" s="657" t="s">
        <v>215</v>
      </c>
      <c r="O762" s="515" t="s">
        <v>63</v>
      </c>
      <c r="P762" s="654" t="s">
        <v>2996</v>
      </c>
      <c r="Q762" s="515" t="s">
        <v>81</v>
      </c>
      <c r="R762" s="515" t="s">
        <v>272</v>
      </c>
      <c r="S762" s="654" t="s">
        <v>272</v>
      </c>
      <c r="T762" s="515" t="s">
        <v>2251</v>
      </c>
      <c r="U762" s="515"/>
      <c r="V762" s="718" t="s">
        <v>63</v>
      </c>
      <c r="W762" s="718" t="s">
        <v>63</v>
      </c>
      <c r="X762" s="525" t="s">
        <v>2323</v>
      </c>
      <c r="Y762" s="525"/>
      <c r="Z762" s="516" t="s">
        <v>272</v>
      </c>
      <c r="AA762" s="861">
        <v>0</v>
      </c>
      <c r="AB762" s="745" t="str">
        <f t="shared" si="234"/>
        <v xml:space="preserve">To be covered by Thames Water </v>
      </c>
      <c r="AC762" s="646" t="s">
        <v>245</v>
      </c>
      <c r="AD762" s="516"/>
      <c r="AE762" s="516"/>
      <c r="AF762" s="516"/>
      <c r="AG762" s="516"/>
      <c r="AH762" s="516"/>
      <c r="AI762" s="516"/>
      <c r="AJ762" s="516"/>
      <c r="AK762" s="516"/>
      <c r="AL762" s="516"/>
      <c r="AM762" s="516"/>
      <c r="AN762" s="516"/>
      <c r="AO762" s="516"/>
      <c r="AP762" s="516"/>
      <c r="AQ762" s="516"/>
      <c r="AR762" s="516"/>
      <c r="AS762" s="516"/>
      <c r="AT762" s="516"/>
      <c r="AU762" s="516"/>
      <c r="AV762" s="516"/>
      <c r="AW762" s="516"/>
      <c r="AX762" s="516"/>
      <c r="AY762" s="516"/>
      <c r="AZ762" s="516"/>
      <c r="BA762" s="516"/>
      <c r="BB762" s="516"/>
      <c r="BC762" s="516"/>
      <c r="BD762" s="516"/>
      <c r="BE762" s="516"/>
      <c r="BF762" s="516"/>
      <c r="BG762" s="516"/>
      <c r="BH762" s="516"/>
      <c r="BI762" s="516"/>
      <c r="BJ762" s="516"/>
      <c r="BK762" s="516"/>
      <c r="BL762" s="516"/>
      <c r="BM762" s="516"/>
      <c r="BN762" s="516"/>
      <c r="BO762" s="516"/>
      <c r="BP762" s="516"/>
      <c r="BQ762" s="516"/>
      <c r="BR762" s="516"/>
      <c r="BS762" s="516"/>
      <c r="BT762" s="516"/>
      <c r="BU762" s="516"/>
      <c r="BV762" s="884">
        <f>SUMIF(AE762:BU762,"YES",'DRAFT - HGC Schemes'!$AB$3:$BR$3)</f>
        <v>0</v>
      </c>
      <c r="BW762" s="661" t="e">
        <f t="shared" si="235"/>
        <v>#VALUE!</v>
      </c>
      <c r="BX762" s="661"/>
      <c r="BY762" s="746" t="str">
        <f>IF(AE762="yes",('DRAFT - HGC Schemes'!AB$3*$BW762),"")</f>
        <v/>
      </c>
      <c r="BZ762" s="746" t="str">
        <f>IF(AF762="yes",('DRAFT - HGC Schemes'!AC$3*$BW762),"")</f>
        <v/>
      </c>
      <c r="CA762" s="746" t="str">
        <f>IF(AG762="yes",('DRAFT - HGC Schemes'!AD$3*$BW762),"")</f>
        <v/>
      </c>
      <c r="CB762" s="746" t="str">
        <f>IF(AH762="yes",('DRAFT - HGC Schemes'!AE$3*$BW762),"")</f>
        <v/>
      </c>
      <c r="CC762" s="746" t="str">
        <f>IF(AI762="yes",('DRAFT - HGC Schemes'!AF$3*$BW762),"")</f>
        <v/>
      </c>
      <c r="CD762" s="746" t="str">
        <f>IF(AJ762="yes",('DRAFT - HGC Schemes'!AG$3*$BW762),"")</f>
        <v/>
      </c>
      <c r="CE762" s="746" t="str">
        <f>IF(AK762="yes",('DRAFT - HGC Schemes'!AH$3*$BW762),"")</f>
        <v/>
      </c>
      <c r="CF762" s="746" t="str">
        <f>IF(AL762="yes",('DRAFT - HGC Schemes'!AI$3*$BW762),"")</f>
        <v/>
      </c>
      <c r="CG762" s="746" t="str">
        <f>IF(AM762="yes",('DRAFT - HGC Schemes'!AJ$3*$BW762),"")</f>
        <v/>
      </c>
      <c r="CH762" s="746" t="str">
        <f>IF(AN762="yes",('DRAFT - HGC Schemes'!AK$3*$BW762),"")</f>
        <v/>
      </c>
      <c r="CI762" s="746" t="str">
        <f>IF(AO762="yes",('DRAFT - HGC Schemes'!AL$3*$BW762),"")</f>
        <v/>
      </c>
      <c r="CJ762" s="746" t="str">
        <f>IF(AP762="yes",('DRAFT - HGC Schemes'!AM$3*$BW762),"")</f>
        <v/>
      </c>
      <c r="CK762" s="746" t="str">
        <f>IF(AQ762="yes",('DRAFT - HGC Schemes'!AN$3*$BW762),"")</f>
        <v/>
      </c>
      <c r="CL762" s="746" t="str">
        <f>IF(AR762="yes",('DRAFT - HGC Schemes'!AO$3*$BW762),"")</f>
        <v/>
      </c>
      <c r="CM762" s="746" t="str">
        <f>IF(AS762="yes",('DRAFT - HGC Schemes'!AP$3*$BW762),"")</f>
        <v/>
      </c>
      <c r="CN762" s="746" t="str">
        <f>IF(AT762="yes",('DRAFT - HGC Schemes'!AQ$3*$BW762),"")</f>
        <v/>
      </c>
      <c r="CO762" s="746" t="str">
        <f>IF(AU762="yes",('DRAFT - HGC Schemes'!AR$3*$BW762),"")</f>
        <v/>
      </c>
      <c r="CP762" s="746" t="str">
        <f>IF(AV762="yes",('DRAFT - HGC Schemes'!AS$3*$BW762),"")</f>
        <v/>
      </c>
      <c r="CQ762" s="746" t="str">
        <f>IF(AW762="yes",('DRAFT - HGC Schemes'!AT$3*$BW762),"")</f>
        <v/>
      </c>
      <c r="CR762" s="746" t="str">
        <f>IF(AX762="yes",('DRAFT - HGC Schemes'!AU$3*$BW762),"")</f>
        <v/>
      </c>
      <c r="CS762" s="746" t="str">
        <f>IF(AY762="yes",('DRAFT - HGC Schemes'!AV$3*$BW762),"")</f>
        <v/>
      </c>
      <c r="CT762" s="746" t="str">
        <f>IF(AZ762="yes",('DRAFT - HGC Schemes'!AW$3*$BW762),"")</f>
        <v/>
      </c>
      <c r="CU762" s="746" t="str">
        <f>IF(BA762="yes",('DRAFT - HGC Schemes'!AX$3*$BW762),"")</f>
        <v/>
      </c>
      <c r="CV762" s="746" t="str">
        <f>IF(BB762="yes",('DRAFT - HGC Schemes'!AY$3*$BW762),"")</f>
        <v/>
      </c>
      <c r="CW762" s="746" t="str">
        <f>IF(BC762="yes",('DRAFT - HGC Schemes'!AZ$3*$BW762),"")</f>
        <v/>
      </c>
      <c r="CX762" s="746" t="str">
        <f>IF(BD762="yes",('DRAFT - HGC Schemes'!BA$3*$BW762),"")</f>
        <v/>
      </c>
      <c r="CY762" s="746" t="str">
        <f>IF(BE762="yes",('DRAFT - HGC Schemes'!BB$3*$BW762),"")</f>
        <v/>
      </c>
      <c r="CZ762" s="746" t="str">
        <f>IF(BF762="yes",('DRAFT - HGC Schemes'!BC$3*$BW762),"")</f>
        <v/>
      </c>
      <c r="DA762" s="746" t="str">
        <f>IF(BG762="yes",('DRAFT - HGC Schemes'!BD$3*$BW762),"")</f>
        <v/>
      </c>
      <c r="DB762" s="746" t="str">
        <f>IF(BH762="yes",('DRAFT - HGC Schemes'!BE$3*$BW762),"")</f>
        <v/>
      </c>
      <c r="DC762" s="746" t="str">
        <f>IF(BI762="yes",('DRAFT - HGC Schemes'!BF$3*$BW762),"")</f>
        <v/>
      </c>
      <c r="DD762" s="516"/>
      <c r="DE762" s="516"/>
      <c r="DF762" s="516"/>
      <c r="DG762" s="516"/>
      <c r="DH762" s="516"/>
      <c r="DI762" s="516"/>
      <c r="DJ762" s="516"/>
      <c r="DK762" s="516"/>
      <c r="DL762" s="516"/>
      <c r="DM762" s="516"/>
      <c r="DN762" s="516"/>
      <c r="DO762" s="516"/>
      <c r="DP762" s="516"/>
      <c r="DQ762" s="516"/>
      <c r="DR762" s="513" t="s">
        <v>3076</v>
      </c>
      <c r="DS762" s="513" t="s">
        <v>2286</v>
      </c>
      <c r="DT762" s="513" t="s">
        <v>3077</v>
      </c>
      <c r="DU762" s="654"/>
      <c r="DV762" s="654"/>
    </row>
    <row r="763" spans="1:127" s="857" customFormat="1" ht="56.1" customHeight="1" x14ac:dyDescent="0.2">
      <c r="A763" s="494"/>
      <c r="B763" s="494"/>
      <c r="C763" s="511">
        <v>88</v>
      </c>
      <c r="D763" s="511"/>
      <c r="E763" s="511" t="s">
        <v>2182</v>
      </c>
      <c r="F763" s="511" t="s">
        <v>1385</v>
      </c>
      <c r="G763" s="511" t="s">
        <v>238</v>
      </c>
      <c r="H763" s="515" t="s">
        <v>268</v>
      </c>
      <c r="I763" s="515" t="s">
        <v>3078</v>
      </c>
      <c r="J763" s="515"/>
      <c r="K763" s="515"/>
      <c r="L763" s="515"/>
      <c r="M763" s="513" t="s">
        <v>2326</v>
      </c>
      <c r="N763" s="657" t="s">
        <v>215</v>
      </c>
      <c r="O763" s="515" t="s">
        <v>63</v>
      </c>
      <c r="P763" s="654" t="s">
        <v>2996</v>
      </c>
      <c r="Q763" s="515" t="s">
        <v>81</v>
      </c>
      <c r="R763" s="515" t="s">
        <v>272</v>
      </c>
      <c r="S763" s="654" t="s">
        <v>272</v>
      </c>
      <c r="T763" s="515" t="s">
        <v>2251</v>
      </c>
      <c r="U763" s="515"/>
      <c r="V763" s="718" t="s">
        <v>63</v>
      </c>
      <c r="W763" s="718" t="s">
        <v>63</v>
      </c>
      <c r="X763" s="525" t="s">
        <v>2323</v>
      </c>
      <c r="Y763" s="525"/>
      <c r="Z763" s="516" t="s">
        <v>272</v>
      </c>
      <c r="AA763" s="861">
        <v>0</v>
      </c>
      <c r="AB763" s="745" t="str">
        <f t="shared" si="234"/>
        <v xml:space="preserve">To be covered by Thames Water </v>
      </c>
      <c r="AC763" s="646" t="s">
        <v>245</v>
      </c>
      <c r="AD763" s="516"/>
      <c r="AE763" s="516"/>
      <c r="AF763" s="516"/>
      <c r="AG763" s="516"/>
      <c r="AH763" s="516"/>
      <c r="AI763" s="516"/>
      <c r="AJ763" s="516"/>
      <c r="AK763" s="516"/>
      <c r="AL763" s="516"/>
      <c r="AM763" s="516"/>
      <c r="AN763" s="516"/>
      <c r="AO763" s="516"/>
      <c r="AP763" s="516"/>
      <c r="AQ763" s="516"/>
      <c r="AR763" s="516"/>
      <c r="AS763" s="516"/>
      <c r="AT763" s="516"/>
      <c r="AU763" s="516"/>
      <c r="AV763" s="516"/>
      <c r="AW763" s="516"/>
      <c r="AX763" s="516"/>
      <c r="AY763" s="516"/>
      <c r="AZ763" s="516"/>
      <c r="BA763" s="516"/>
      <c r="BB763" s="516"/>
      <c r="BC763" s="516"/>
      <c r="BD763" s="516"/>
      <c r="BE763" s="516"/>
      <c r="BF763" s="516"/>
      <c r="BG763" s="516"/>
      <c r="BH763" s="516"/>
      <c r="BI763" s="516"/>
      <c r="BJ763" s="516"/>
      <c r="BK763" s="516"/>
      <c r="BL763" s="516"/>
      <c r="BM763" s="516"/>
      <c r="BN763" s="516"/>
      <c r="BO763" s="516"/>
      <c r="BP763" s="516"/>
      <c r="BQ763" s="516"/>
      <c r="BR763" s="516"/>
      <c r="BS763" s="516"/>
      <c r="BT763" s="516"/>
      <c r="BU763" s="516"/>
      <c r="BV763" s="884">
        <f>SUMIF(AE763:BU763,"YES",'DRAFT - HGC Schemes'!$AB$3:$BR$3)</f>
        <v>0</v>
      </c>
      <c r="BW763" s="661" t="e">
        <f t="shared" si="235"/>
        <v>#VALUE!</v>
      </c>
      <c r="BX763" s="661"/>
      <c r="BY763" s="746" t="str">
        <f>IF(AE763="yes",('DRAFT - HGC Schemes'!AB$3*$BW763),"")</f>
        <v/>
      </c>
      <c r="BZ763" s="746" t="str">
        <f>IF(AF763="yes",('DRAFT - HGC Schemes'!AC$3*$BW763),"")</f>
        <v/>
      </c>
      <c r="CA763" s="746" t="str">
        <f>IF(AG763="yes",('DRAFT - HGC Schemes'!AD$3*$BW763),"")</f>
        <v/>
      </c>
      <c r="CB763" s="746" t="str">
        <f>IF(AH763="yes",('DRAFT - HGC Schemes'!AE$3*$BW763),"")</f>
        <v/>
      </c>
      <c r="CC763" s="746" t="str">
        <f>IF(AI763="yes",('DRAFT - HGC Schemes'!AF$3*$BW763),"")</f>
        <v/>
      </c>
      <c r="CD763" s="746" t="str">
        <f>IF(AJ763="yes",('DRAFT - HGC Schemes'!AG$3*$BW763),"")</f>
        <v/>
      </c>
      <c r="CE763" s="746" t="str">
        <f>IF(AK763="yes",('DRAFT - HGC Schemes'!AH$3*$BW763),"")</f>
        <v/>
      </c>
      <c r="CF763" s="746" t="str">
        <f>IF(AL763="yes",('DRAFT - HGC Schemes'!AI$3*$BW763),"")</f>
        <v/>
      </c>
      <c r="CG763" s="746" t="str">
        <f>IF(AM763="yes",('DRAFT - HGC Schemes'!AJ$3*$BW763),"")</f>
        <v/>
      </c>
      <c r="CH763" s="746" t="str">
        <f>IF(AN763="yes",('DRAFT - HGC Schemes'!AK$3*$BW763),"")</f>
        <v/>
      </c>
      <c r="CI763" s="746" t="str">
        <f>IF(AO763="yes",('DRAFT - HGC Schemes'!AL$3*$BW763),"")</f>
        <v/>
      </c>
      <c r="CJ763" s="746" t="str">
        <f>IF(AP763="yes",('DRAFT - HGC Schemes'!AM$3*$BW763),"")</f>
        <v/>
      </c>
      <c r="CK763" s="746" t="str">
        <f>IF(AQ763="yes",('DRAFT - HGC Schemes'!AN$3*$BW763),"")</f>
        <v/>
      </c>
      <c r="CL763" s="746" t="str">
        <f>IF(AR763="yes",('DRAFT - HGC Schemes'!AO$3*$BW763),"")</f>
        <v/>
      </c>
      <c r="CM763" s="746" t="str">
        <f>IF(AS763="yes",('DRAFT - HGC Schemes'!AP$3*$BW763),"")</f>
        <v/>
      </c>
      <c r="CN763" s="746" t="str">
        <f>IF(AT763="yes",('DRAFT - HGC Schemes'!AQ$3*$BW763),"")</f>
        <v/>
      </c>
      <c r="CO763" s="746" t="str">
        <f>IF(AU763="yes",('DRAFT - HGC Schemes'!AR$3*$BW763),"")</f>
        <v/>
      </c>
      <c r="CP763" s="746" t="str">
        <f>IF(AV763="yes",('DRAFT - HGC Schemes'!AS$3*$BW763),"")</f>
        <v/>
      </c>
      <c r="CQ763" s="746" t="str">
        <f>IF(AW763="yes",('DRAFT - HGC Schemes'!AT$3*$BW763),"")</f>
        <v/>
      </c>
      <c r="CR763" s="746" t="str">
        <f>IF(AX763="yes",('DRAFT - HGC Schemes'!AU$3*$BW763),"")</f>
        <v/>
      </c>
      <c r="CS763" s="746" t="str">
        <f>IF(AY763="yes",('DRAFT - HGC Schemes'!AV$3*$BW763),"")</f>
        <v/>
      </c>
      <c r="CT763" s="746" t="str">
        <f>IF(AZ763="yes",('DRAFT - HGC Schemes'!AW$3*$BW763),"")</f>
        <v/>
      </c>
      <c r="CU763" s="746" t="str">
        <f>IF(BA763="yes",('DRAFT - HGC Schemes'!AX$3*$BW763),"")</f>
        <v/>
      </c>
      <c r="CV763" s="746" t="str">
        <f>IF(BB763="yes",('DRAFT - HGC Schemes'!AY$3*$BW763),"")</f>
        <v/>
      </c>
      <c r="CW763" s="746" t="str">
        <f>IF(BC763="yes",('DRAFT - HGC Schemes'!AZ$3*$BW763),"")</f>
        <v/>
      </c>
      <c r="CX763" s="746" t="str">
        <f>IF(BD763="yes",('DRAFT - HGC Schemes'!BA$3*$BW763),"")</f>
        <v/>
      </c>
      <c r="CY763" s="746" t="str">
        <f>IF(BE763="yes",('DRAFT - HGC Schemes'!BB$3*$BW763),"")</f>
        <v/>
      </c>
      <c r="CZ763" s="746" t="str">
        <f>IF(BF763="yes",('DRAFT - HGC Schemes'!BC$3*$BW763),"")</f>
        <v/>
      </c>
      <c r="DA763" s="746" t="str">
        <f>IF(BG763="yes",('DRAFT - HGC Schemes'!BD$3*$BW763),"")</f>
        <v/>
      </c>
      <c r="DB763" s="746" t="str">
        <f>IF(BH763="yes",('DRAFT - HGC Schemes'!BE$3*$BW763),"")</f>
        <v/>
      </c>
      <c r="DC763" s="746" t="str">
        <f>IF(BI763="yes",('DRAFT - HGC Schemes'!BF$3*$BW763),"")</f>
        <v/>
      </c>
      <c r="DD763" s="516"/>
      <c r="DE763" s="516"/>
      <c r="DF763" s="516"/>
      <c r="DG763" s="516"/>
      <c r="DH763" s="516"/>
      <c r="DI763" s="516"/>
      <c r="DJ763" s="516"/>
      <c r="DK763" s="516"/>
      <c r="DL763" s="516"/>
      <c r="DM763" s="516"/>
      <c r="DN763" s="516"/>
      <c r="DO763" s="516"/>
      <c r="DP763" s="516"/>
      <c r="DQ763" s="516"/>
      <c r="DR763" s="513" t="s">
        <v>3076</v>
      </c>
      <c r="DS763" s="513" t="s">
        <v>2286</v>
      </c>
      <c r="DT763" s="513" t="s">
        <v>3077</v>
      </c>
      <c r="DU763" s="654"/>
      <c r="DV763" s="654"/>
    </row>
    <row r="764" spans="1:127" s="857" customFormat="1" ht="56.1" customHeight="1" x14ac:dyDescent="0.2">
      <c r="A764" s="494"/>
      <c r="B764" s="494"/>
      <c r="C764" s="511">
        <v>89</v>
      </c>
      <c r="D764" s="511"/>
      <c r="E764" s="511" t="s">
        <v>2182</v>
      </c>
      <c r="F764" s="511" t="s">
        <v>1385</v>
      </c>
      <c r="G764" s="511" t="s">
        <v>238</v>
      </c>
      <c r="H764" s="515" t="s">
        <v>268</v>
      </c>
      <c r="I764" s="515" t="s">
        <v>3079</v>
      </c>
      <c r="J764" s="515"/>
      <c r="K764" s="515"/>
      <c r="L764" s="515"/>
      <c r="M764" s="513" t="s">
        <v>3080</v>
      </c>
      <c r="N764" s="657" t="s">
        <v>215</v>
      </c>
      <c r="O764" s="515" t="s">
        <v>63</v>
      </c>
      <c r="P764" s="654" t="s">
        <v>2996</v>
      </c>
      <c r="Q764" s="515" t="s">
        <v>81</v>
      </c>
      <c r="R764" s="515" t="s">
        <v>272</v>
      </c>
      <c r="S764" s="654" t="s">
        <v>272</v>
      </c>
      <c r="T764" s="515" t="s">
        <v>2258</v>
      </c>
      <c r="U764" s="515"/>
      <c r="V764" s="718" t="s">
        <v>63</v>
      </c>
      <c r="W764" s="718" t="s">
        <v>63</v>
      </c>
      <c r="X764" s="525" t="s">
        <v>2323</v>
      </c>
      <c r="Y764" s="525"/>
      <c r="Z764" s="516" t="s">
        <v>272</v>
      </c>
      <c r="AA764" s="861">
        <v>0</v>
      </c>
      <c r="AB764" s="745" t="str">
        <f t="shared" si="234"/>
        <v xml:space="preserve">To be covered by Thames Water </v>
      </c>
      <c r="AC764" s="646" t="s">
        <v>245</v>
      </c>
      <c r="AD764" s="516"/>
      <c r="AE764" s="516"/>
      <c r="AF764" s="516"/>
      <c r="AG764" s="516"/>
      <c r="AH764" s="516"/>
      <c r="AI764" s="516"/>
      <c r="AJ764" s="516"/>
      <c r="AK764" s="516"/>
      <c r="AL764" s="516"/>
      <c r="AM764" s="516"/>
      <c r="AN764" s="516"/>
      <c r="AO764" s="516"/>
      <c r="AP764" s="516"/>
      <c r="AQ764" s="516"/>
      <c r="AR764" s="516"/>
      <c r="AS764" s="516"/>
      <c r="AT764" s="516"/>
      <c r="AU764" s="516"/>
      <c r="AV764" s="516"/>
      <c r="AW764" s="516"/>
      <c r="AX764" s="516"/>
      <c r="AY764" s="516"/>
      <c r="AZ764" s="516"/>
      <c r="BA764" s="516"/>
      <c r="BB764" s="516"/>
      <c r="BC764" s="516"/>
      <c r="BD764" s="516"/>
      <c r="BE764" s="516"/>
      <c r="BF764" s="516"/>
      <c r="BG764" s="516"/>
      <c r="BH764" s="516"/>
      <c r="BI764" s="516"/>
      <c r="BJ764" s="516"/>
      <c r="BK764" s="516"/>
      <c r="BL764" s="516"/>
      <c r="BM764" s="516"/>
      <c r="BN764" s="516"/>
      <c r="BO764" s="516"/>
      <c r="BP764" s="516"/>
      <c r="BQ764" s="516"/>
      <c r="BR764" s="516"/>
      <c r="BS764" s="516"/>
      <c r="BT764" s="516"/>
      <c r="BU764" s="516"/>
      <c r="BV764" s="884">
        <f>SUMIF(AE764:BU764,"YES",'DRAFT - HGC Schemes'!$AB$3:$BR$3)</f>
        <v>0</v>
      </c>
      <c r="BW764" s="661" t="e">
        <f t="shared" si="235"/>
        <v>#VALUE!</v>
      </c>
      <c r="BX764" s="661"/>
      <c r="BY764" s="746" t="str">
        <f>IF(AE764="yes",('DRAFT - HGC Schemes'!AB$3*$BW764),"")</f>
        <v/>
      </c>
      <c r="BZ764" s="746" t="str">
        <f>IF(AF764="yes",('DRAFT - HGC Schemes'!AC$3*$BW764),"")</f>
        <v/>
      </c>
      <c r="CA764" s="746" t="str">
        <f>IF(AG764="yes",('DRAFT - HGC Schemes'!AD$3*$BW764),"")</f>
        <v/>
      </c>
      <c r="CB764" s="746" t="str">
        <f>IF(AH764="yes",('DRAFT - HGC Schemes'!AE$3*$BW764),"")</f>
        <v/>
      </c>
      <c r="CC764" s="746" t="str">
        <f>IF(AI764="yes",('DRAFT - HGC Schemes'!AF$3*$BW764),"")</f>
        <v/>
      </c>
      <c r="CD764" s="746" t="str">
        <f>IF(AJ764="yes",('DRAFT - HGC Schemes'!AG$3*$BW764),"")</f>
        <v/>
      </c>
      <c r="CE764" s="746" t="str">
        <f>IF(AK764="yes",('DRAFT - HGC Schemes'!AH$3*$BW764),"")</f>
        <v/>
      </c>
      <c r="CF764" s="746" t="str">
        <f>IF(AL764="yes",('DRAFT - HGC Schemes'!AI$3*$BW764),"")</f>
        <v/>
      </c>
      <c r="CG764" s="746" t="str">
        <f>IF(AM764="yes",('DRAFT - HGC Schemes'!AJ$3*$BW764),"")</f>
        <v/>
      </c>
      <c r="CH764" s="746" t="str">
        <f>IF(AN764="yes",('DRAFT - HGC Schemes'!AK$3*$BW764),"")</f>
        <v/>
      </c>
      <c r="CI764" s="746" t="str">
        <f>IF(AO764="yes",('DRAFT - HGC Schemes'!AL$3*$BW764),"")</f>
        <v/>
      </c>
      <c r="CJ764" s="746" t="str">
        <f>IF(AP764="yes",('DRAFT - HGC Schemes'!AM$3*$BW764),"")</f>
        <v/>
      </c>
      <c r="CK764" s="746" t="str">
        <f>IF(AQ764="yes",('DRAFT - HGC Schemes'!AN$3*$BW764),"")</f>
        <v/>
      </c>
      <c r="CL764" s="746" t="str">
        <f>IF(AR764="yes",('DRAFT - HGC Schemes'!AO$3*$BW764),"")</f>
        <v/>
      </c>
      <c r="CM764" s="746" t="str">
        <f>IF(AS764="yes",('DRAFT - HGC Schemes'!AP$3*$BW764),"")</f>
        <v/>
      </c>
      <c r="CN764" s="746" t="str">
        <f>IF(AT764="yes",('DRAFT - HGC Schemes'!AQ$3*$BW764),"")</f>
        <v/>
      </c>
      <c r="CO764" s="746" t="str">
        <f>IF(AU764="yes",('DRAFT - HGC Schemes'!AR$3*$BW764),"")</f>
        <v/>
      </c>
      <c r="CP764" s="746" t="str">
        <f>IF(AV764="yes",('DRAFT - HGC Schemes'!AS$3*$BW764),"")</f>
        <v/>
      </c>
      <c r="CQ764" s="746" t="str">
        <f>IF(AW764="yes",('DRAFT - HGC Schemes'!AT$3*$BW764),"")</f>
        <v/>
      </c>
      <c r="CR764" s="746" t="str">
        <f>IF(AX764="yes",('DRAFT - HGC Schemes'!AU$3*$BW764),"")</f>
        <v/>
      </c>
      <c r="CS764" s="746" t="str">
        <f>IF(AY764="yes",('DRAFT - HGC Schemes'!AV$3*$BW764),"")</f>
        <v/>
      </c>
      <c r="CT764" s="746" t="str">
        <f>IF(AZ764="yes",('DRAFT - HGC Schemes'!AW$3*$BW764),"")</f>
        <v/>
      </c>
      <c r="CU764" s="746" t="str">
        <f>IF(BA764="yes",('DRAFT - HGC Schemes'!AX$3*$BW764),"")</f>
        <v/>
      </c>
      <c r="CV764" s="746" t="str">
        <f>IF(BB764="yes",('DRAFT - HGC Schemes'!AY$3*$BW764),"")</f>
        <v/>
      </c>
      <c r="CW764" s="746" t="str">
        <f>IF(BC764="yes",('DRAFT - HGC Schemes'!AZ$3*$BW764),"")</f>
        <v/>
      </c>
      <c r="CX764" s="746" t="str">
        <f>IF(BD764="yes",('DRAFT - HGC Schemes'!BA$3*$BW764),"")</f>
        <v/>
      </c>
      <c r="CY764" s="746" t="str">
        <f>IF(BE764="yes",('DRAFT - HGC Schemes'!BB$3*$BW764),"")</f>
        <v/>
      </c>
      <c r="CZ764" s="746" t="str">
        <f>IF(BF764="yes",('DRAFT - HGC Schemes'!BC$3*$BW764),"")</f>
        <v/>
      </c>
      <c r="DA764" s="746" t="str">
        <f>IF(BG764="yes",('DRAFT - HGC Schemes'!BD$3*$BW764),"")</f>
        <v/>
      </c>
      <c r="DB764" s="746" t="str">
        <f>IF(BH764="yes",('DRAFT - HGC Schemes'!BE$3*$BW764),"")</f>
        <v/>
      </c>
      <c r="DC764" s="746" t="str">
        <f>IF(BI764="yes",('DRAFT - HGC Schemes'!BF$3*$BW764),"")</f>
        <v/>
      </c>
      <c r="DD764" s="516"/>
      <c r="DE764" s="516"/>
      <c r="DF764" s="516"/>
      <c r="DG764" s="516"/>
      <c r="DH764" s="516"/>
      <c r="DI764" s="516"/>
      <c r="DJ764" s="516"/>
      <c r="DK764" s="516"/>
      <c r="DL764" s="516"/>
      <c r="DM764" s="516"/>
      <c r="DN764" s="516"/>
      <c r="DO764" s="516"/>
      <c r="DP764" s="516"/>
      <c r="DQ764" s="516"/>
      <c r="DR764" s="513" t="s">
        <v>3076</v>
      </c>
      <c r="DS764" s="513" t="s">
        <v>2286</v>
      </c>
      <c r="DT764" s="513" t="s">
        <v>3077</v>
      </c>
      <c r="DU764" s="654"/>
      <c r="DV764" s="654"/>
    </row>
    <row r="765" spans="1:127" s="857" customFormat="1" ht="84" customHeight="1" x14ac:dyDescent="0.2">
      <c r="A765" s="77" t="s">
        <v>3081</v>
      </c>
      <c r="B765" s="77"/>
      <c r="C765" s="481">
        <v>35</v>
      </c>
      <c r="D765" s="481"/>
      <c r="E765" s="481" t="s">
        <v>2481</v>
      </c>
      <c r="F765" s="481" t="s">
        <v>53</v>
      </c>
      <c r="G765" s="481" t="s">
        <v>1341</v>
      </c>
      <c r="H765" s="654" t="s">
        <v>154</v>
      </c>
      <c r="I765" s="654" t="s">
        <v>3082</v>
      </c>
      <c r="J765" s="654"/>
      <c r="K765" s="654"/>
      <c r="L765" s="654"/>
      <c r="M765" s="495" t="s">
        <v>3083</v>
      </c>
      <c r="N765" s="654" t="s">
        <v>58</v>
      </c>
      <c r="O765" s="654" t="s">
        <v>2609</v>
      </c>
      <c r="P765" s="654" t="s">
        <v>2996</v>
      </c>
      <c r="Q765" s="654" t="s">
        <v>81</v>
      </c>
      <c r="R765" s="654" t="s">
        <v>3084</v>
      </c>
      <c r="S765" s="654" t="s">
        <v>3084</v>
      </c>
      <c r="T765" s="654" t="s">
        <v>187</v>
      </c>
      <c r="U765" s="654"/>
      <c r="V765" s="675" t="s">
        <v>63</v>
      </c>
      <c r="W765" s="675" t="s">
        <v>63</v>
      </c>
      <c r="X765" s="723" t="s">
        <v>191</v>
      </c>
      <c r="Y765" s="723"/>
      <c r="Z765" s="654" t="s">
        <v>64</v>
      </c>
      <c r="AA765" s="654"/>
      <c r="AB765" s="745" t="str">
        <f t="shared" si="234"/>
        <v>TBC</v>
      </c>
      <c r="AC765" s="649" t="s">
        <v>65</v>
      </c>
      <c r="AD765" s="654"/>
      <c r="AE765" s="883"/>
      <c r="AF765" s="883"/>
      <c r="AG765" s="883"/>
      <c r="AH765" s="883"/>
      <c r="AI765" s="883"/>
      <c r="AJ765" s="883"/>
      <c r="AK765" s="883"/>
      <c r="AL765" s="883"/>
      <c r="AM765" s="883"/>
      <c r="AN765" s="883"/>
      <c r="AO765" s="883"/>
      <c r="AP765" s="883"/>
      <c r="AQ765" s="883"/>
      <c r="AR765" s="883" t="s">
        <v>66</v>
      </c>
      <c r="AS765" s="883"/>
      <c r="AT765" s="883"/>
      <c r="AU765" s="883"/>
      <c r="AV765" s="883"/>
      <c r="AW765" s="883"/>
      <c r="AX765" s="883"/>
      <c r="AY765" s="883"/>
      <c r="AZ765" s="883"/>
      <c r="BA765" s="883"/>
      <c r="BB765" s="883"/>
      <c r="BC765" s="883"/>
      <c r="BD765" s="883"/>
      <c r="BE765" s="883"/>
      <c r="BF765" s="883"/>
      <c r="BG765" s="883"/>
      <c r="BH765" s="883"/>
      <c r="BI765" s="883"/>
      <c r="BJ765" s="746"/>
      <c r="BK765" s="746"/>
      <c r="BL765" s="746"/>
      <c r="BM765" s="746"/>
      <c r="BN765" s="746"/>
      <c r="BO765" s="746"/>
      <c r="BP765" s="746"/>
      <c r="BQ765" s="746"/>
      <c r="BR765" s="746"/>
      <c r="BS765" s="746"/>
      <c r="BT765" s="746"/>
      <c r="BU765" s="746"/>
      <c r="BV765" s="884">
        <f>SUMIF(AE765:BU765,"YES",'DRAFT - HGC Schemes'!$AB$3:$BR$3)</f>
        <v>350</v>
      </c>
      <c r="BW765" s="661" t="e">
        <f t="shared" si="235"/>
        <v>#VALUE!</v>
      </c>
      <c r="BX765" s="661"/>
      <c r="BY765" s="746" t="str">
        <f>IF(AE765="yes",('DRAFT - HGC Schemes'!AB$3*$BW765),"")</f>
        <v/>
      </c>
      <c r="BZ765" s="746" t="str">
        <f>IF(AF765="yes",('DRAFT - HGC Schemes'!AC$3*$BW765),"")</f>
        <v/>
      </c>
      <c r="CA765" s="746" t="str">
        <f>IF(AG765="yes",('DRAFT - HGC Schemes'!AD$3*$BW765),"")</f>
        <v/>
      </c>
      <c r="CB765" s="746" t="str">
        <f>IF(AH765="yes",('DRAFT - HGC Schemes'!AE$3*$BW765),"")</f>
        <v/>
      </c>
      <c r="CC765" s="746" t="str">
        <f>IF(AI765="yes",('DRAFT - HGC Schemes'!AF$3*$BW765),"")</f>
        <v/>
      </c>
      <c r="CD765" s="746" t="str">
        <f>IF(AJ765="yes",('DRAFT - HGC Schemes'!AG$3*$BW765),"")</f>
        <v/>
      </c>
      <c r="CE765" s="746" t="str">
        <f>IF(AK765="yes",('DRAFT - HGC Schemes'!AH$3*$BW765),"")</f>
        <v/>
      </c>
      <c r="CF765" s="746" t="str">
        <f>IF(AL765="yes",('DRAFT - HGC Schemes'!AI$3*$BW765),"")</f>
        <v/>
      </c>
      <c r="CG765" s="746" t="str">
        <f>IF(AM765="yes",('DRAFT - HGC Schemes'!AJ$3*$BW765),"")</f>
        <v/>
      </c>
      <c r="CH765" s="746" t="str">
        <f>IF(AN765="yes",('DRAFT - HGC Schemes'!AK$3*$BW765),"")</f>
        <v/>
      </c>
      <c r="CI765" s="746" t="str">
        <f>IF(AO765="yes",('DRAFT - HGC Schemes'!AL$3*$BW765),"")</f>
        <v/>
      </c>
      <c r="CJ765" s="746" t="str">
        <f>IF(AP765="yes",('DRAFT - HGC Schemes'!AM$3*$BW765),"")</f>
        <v/>
      </c>
      <c r="CK765" s="746" t="str">
        <f>IF(AQ765="yes",('DRAFT - HGC Schemes'!AN$3*$BW765),"")</f>
        <v/>
      </c>
      <c r="CL765" s="746">
        <f>1672*'DRAFT - HGC Schemes'!CI3</f>
        <v>585200</v>
      </c>
      <c r="CM765" s="746" t="str">
        <f>IF(AS765="yes",('DRAFT - HGC Schemes'!AP$3*$BW765),"")</f>
        <v/>
      </c>
      <c r="CN765" s="746" t="str">
        <f>IF(AT765="yes",('DRAFT - HGC Schemes'!AQ$3*$BW765),"")</f>
        <v/>
      </c>
      <c r="CO765" s="746" t="str">
        <f>IF(AU765="yes",('DRAFT - HGC Schemes'!AR$3*$BW765),"")</f>
        <v/>
      </c>
      <c r="CP765" s="746" t="str">
        <f>IF(AV765="yes",('DRAFT - HGC Schemes'!AS$3*$BW765),"")</f>
        <v/>
      </c>
      <c r="CQ765" s="746" t="str">
        <f>IF(AW765="yes",('DRAFT - HGC Schemes'!AT$3*$BW765),"")</f>
        <v/>
      </c>
      <c r="CR765" s="746" t="str">
        <f>IF(AX765="yes",('DRAFT - HGC Schemes'!AU$3*$BW765),"")</f>
        <v/>
      </c>
      <c r="CS765" s="746" t="str">
        <f>IF(AY765="yes",('DRAFT - HGC Schemes'!AV$3*$BW765),"")</f>
        <v/>
      </c>
      <c r="CT765" s="746" t="str">
        <f>IF(AZ765="yes",('DRAFT - HGC Schemes'!AW$3*$BW765),"")</f>
        <v/>
      </c>
      <c r="CU765" s="746" t="str">
        <f>IF(BA765="yes",('DRAFT - HGC Schemes'!AX$3*$BW765),"")</f>
        <v/>
      </c>
      <c r="CV765" s="746" t="str">
        <f>IF(BB765="yes",('DRAFT - HGC Schemes'!AY$3*$BW765),"")</f>
        <v/>
      </c>
      <c r="CW765" s="746" t="str">
        <f>IF(BC765="yes",('DRAFT - HGC Schemes'!AZ$3*$BW765),"")</f>
        <v/>
      </c>
      <c r="CX765" s="746" t="str">
        <f>IF(BD765="yes",('DRAFT - HGC Schemes'!BA$3*$BW765),"")</f>
        <v/>
      </c>
      <c r="CY765" s="746" t="str">
        <f>IF(BE765="yes",('DRAFT - HGC Schemes'!BB$3*$BW765),"")</f>
        <v/>
      </c>
      <c r="CZ765" s="746" t="str">
        <f>IF(BF765="yes",('DRAFT - HGC Schemes'!BC$3*$BW765),"")</f>
        <v/>
      </c>
      <c r="DA765" s="746" t="str">
        <f>IF(BG765="yes",('DRAFT - HGC Schemes'!BD$3*$BW765),"")</f>
        <v/>
      </c>
      <c r="DB765" s="746" t="str">
        <f>IF(BH765="yes",('DRAFT - HGC Schemes'!BE$3*$BW765),"")</f>
        <v/>
      </c>
      <c r="DC765" s="746" t="str">
        <f>IF(BI765="yes",('DRAFT - HGC Schemes'!BF$3*$BW765),"")</f>
        <v/>
      </c>
      <c r="DD765" s="746"/>
      <c r="DE765" s="746"/>
      <c r="DF765" s="746"/>
      <c r="DG765" s="746"/>
      <c r="DH765" s="746"/>
      <c r="DI765" s="746"/>
      <c r="DJ765" s="746"/>
      <c r="DK765" s="746"/>
      <c r="DL765" s="746"/>
      <c r="DM765" s="746"/>
      <c r="DN765" s="746"/>
      <c r="DO765" s="746"/>
      <c r="DP765" s="746"/>
      <c r="DQ765" s="746"/>
      <c r="DR765" s="934" t="s">
        <v>3085</v>
      </c>
      <c r="DS765" s="936"/>
      <c r="DT765" s="936" t="s">
        <v>3086</v>
      </c>
      <c r="DU765" s="664"/>
      <c r="DV765" s="664"/>
    </row>
    <row r="766" spans="1:127" s="857" customFormat="1" ht="140.1" customHeight="1" x14ac:dyDescent="0.2">
      <c r="A766" s="494" t="s">
        <v>3087</v>
      </c>
      <c r="B766" s="494"/>
      <c r="C766" s="511">
        <v>30</v>
      </c>
      <c r="D766" s="511"/>
      <c r="E766" s="511" t="s">
        <v>2182</v>
      </c>
      <c r="F766" s="511" t="s">
        <v>1385</v>
      </c>
      <c r="G766" s="511" t="s">
        <v>1341</v>
      </c>
      <c r="H766" s="515" t="s">
        <v>154</v>
      </c>
      <c r="I766" s="515" t="s">
        <v>3088</v>
      </c>
      <c r="J766" s="515"/>
      <c r="K766" s="515"/>
      <c r="L766" s="515"/>
      <c r="M766" s="711" t="s">
        <v>3089</v>
      </c>
      <c r="N766" s="654" t="s">
        <v>58</v>
      </c>
      <c r="O766" s="515" t="s">
        <v>1376</v>
      </c>
      <c r="P766" s="663" t="s">
        <v>2993</v>
      </c>
      <c r="Q766" s="742" t="s">
        <v>60</v>
      </c>
      <c r="R766" s="654" t="s">
        <v>3084</v>
      </c>
      <c r="S766" s="654" t="s">
        <v>3084</v>
      </c>
      <c r="T766" s="515" t="s">
        <v>169</v>
      </c>
      <c r="U766" s="515"/>
      <c r="V766" s="675" t="s">
        <v>63</v>
      </c>
      <c r="W766" s="675" t="s">
        <v>63</v>
      </c>
      <c r="X766" s="724">
        <v>9190000</v>
      </c>
      <c r="Y766" s="523"/>
      <c r="Z766" s="516" t="s">
        <v>64</v>
      </c>
      <c r="AA766" s="516"/>
      <c r="AB766" s="937">
        <f>X766-'DRAFT - HGC Schemes'!X401-'Internal - Non-HGC Schemes'!AB767</f>
        <v>4597809</v>
      </c>
      <c r="AC766" s="651" t="s">
        <v>65</v>
      </c>
      <c r="AD766" s="516"/>
      <c r="AE766" s="516"/>
      <c r="AF766" s="516"/>
      <c r="AG766" s="516"/>
      <c r="AH766" s="516"/>
      <c r="AI766" s="516"/>
      <c r="AJ766" s="516"/>
      <c r="AK766" s="516"/>
      <c r="AL766" s="516"/>
      <c r="AM766" s="516"/>
      <c r="AN766" s="516"/>
      <c r="AO766" s="516"/>
      <c r="AP766" s="516"/>
      <c r="AQ766" s="516"/>
      <c r="AR766" s="516"/>
      <c r="AS766" s="516"/>
      <c r="AT766" s="516"/>
      <c r="AU766" s="516"/>
      <c r="AV766" s="516"/>
      <c r="AW766" s="516"/>
      <c r="AX766" s="516"/>
      <c r="AY766" s="516"/>
      <c r="AZ766" s="516"/>
      <c r="BA766" s="516"/>
      <c r="BB766" s="516"/>
      <c r="BC766" s="516"/>
      <c r="BD766" s="516"/>
      <c r="BE766" s="516"/>
      <c r="BF766" s="516"/>
      <c r="BG766" s="516"/>
      <c r="BH766" s="516"/>
      <c r="BI766" s="516"/>
      <c r="BJ766" s="516"/>
      <c r="BK766" s="516"/>
      <c r="BL766" s="516"/>
      <c r="BM766" s="516"/>
      <c r="BN766" s="516"/>
      <c r="BO766" s="516"/>
      <c r="BP766" s="516"/>
      <c r="BQ766" s="516"/>
      <c r="BR766" s="516"/>
      <c r="BS766" s="516" t="s">
        <v>66</v>
      </c>
      <c r="BT766" s="516"/>
      <c r="BU766" s="516"/>
      <c r="BV766" s="884">
        <f>SUMIF(AE766:BU766,"YES",'DRAFT - HGC Schemes'!$AB$3:$BR$3)</f>
        <v>1600</v>
      </c>
      <c r="BW766" s="661">
        <f t="shared" si="235"/>
        <v>2873.6306249999998</v>
      </c>
      <c r="BX766" s="661"/>
      <c r="BY766" s="746" t="str">
        <f>IF(AE766="yes",('DRAFT - HGC Schemes'!AB$3*$BW766),"")</f>
        <v/>
      </c>
      <c r="BZ766" s="746" t="str">
        <f>IF(AF766="yes",('DRAFT - HGC Schemes'!AC$3*$BW766),"")</f>
        <v/>
      </c>
      <c r="CA766" s="746" t="str">
        <f>IF(AG766="yes",('DRAFT - HGC Schemes'!AD$3*$BW766),"")</f>
        <v/>
      </c>
      <c r="CB766" s="746" t="str">
        <f>IF(AH766="yes",('DRAFT - HGC Schemes'!AE$3*$BW766),"")</f>
        <v/>
      </c>
      <c r="CC766" s="746" t="str">
        <f>IF(AI766="yes",('DRAFT - HGC Schemes'!AF$3*$BW766),"")</f>
        <v/>
      </c>
      <c r="CD766" s="746" t="str">
        <f>IF(AJ766="yes",('DRAFT - HGC Schemes'!AG$3*$BW766),"")</f>
        <v/>
      </c>
      <c r="CE766" s="746" t="str">
        <f>IF(AK766="yes",('DRAFT - HGC Schemes'!AH$3*$BW766),"")</f>
        <v/>
      </c>
      <c r="CF766" s="746" t="str">
        <f>IF(AL766="yes",('DRAFT - HGC Schemes'!AI$3*$BW766),"")</f>
        <v/>
      </c>
      <c r="CG766" s="746" t="str">
        <f>IF(AM766="yes",('DRAFT - HGC Schemes'!AJ$3*$BW766),"")</f>
        <v/>
      </c>
      <c r="CH766" s="746" t="str">
        <f>IF(AN766="yes",('DRAFT - HGC Schemes'!AK$3*$BW766),"")</f>
        <v/>
      </c>
      <c r="CI766" s="746" t="str">
        <f>IF(AO766="yes",('DRAFT - HGC Schemes'!AL$3*$BW766),"")</f>
        <v/>
      </c>
      <c r="CJ766" s="746" t="str">
        <f>IF(AP766="yes",('DRAFT - HGC Schemes'!AM$3*$BW766),"")</f>
        <v/>
      </c>
      <c r="CK766" s="746" t="str">
        <f>IF(AQ766="yes",('DRAFT - HGC Schemes'!AN$3*$BW766),"")</f>
        <v/>
      </c>
      <c r="CL766" s="746" t="str">
        <f>IF(AR766="yes",('DRAFT - HGC Schemes'!AO$3*$BW766),"")</f>
        <v/>
      </c>
      <c r="CM766" s="746" t="str">
        <f>IF(AS766="yes",('DRAFT - HGC Schemes'!AP$3*$BW766),"")</f>
        <v/>
      </c>
      <c r="CN766" s="746" t="str">
        <f>IF(AT766="yes",('DRAFT - HGC Schemes'!AQ$3*$BW766),"")</f>
        <v/>
      </c>
      <c r="CO766" s="746" t="str">
        <f>IF(AU766="yes",('DRAFT - HGC Schemes'!AR$3*$BW766),"")</f>
        <v/>
      </c>
      <c r="CP766" s="746" t="str">
        <f>IF(AV766="yes",('DRAFT - HGC Schemes'!AS$3*$BW766),"")</f>
        <v/>
      </c>
      <c r="CQ766" s="746" t="str">
        <f>IF(AW766="yes",('DRAFT - HGC Schemes'!AT$3*$BW766),"")</f>
        <v/>
      </c>
      <c r="CR766" s="746" t="str">
        <f>IF(AX766="yes",('DRAFT - HGC Schemes'!AU$3*$BW766),"")</f>
        <v/>
      </c>
      <c r="CS766" s="746" t="str">
        <f>IF(AY766="yes",('DRAFT - HGC Schemes'!AV$3*$BW766),"")</f>
        <v/>
      </c>
      <c r="CT766" s="746" t="str">
        <f>IF(AZ766="yes",('DRAFT - HGC Schemes'!AW$3*$BW766),"")</f>
        <v/>
      </c>
      <c r="CU766" s="746" t="str">
        <f>IF(BA766="yes",('DRAFT - HGC Schemes'!AX$3*$BW766),"")</f>
        <v/>
      </c>
      <c r="CV766" s="746" t="str">
        <f>IF(BB766="yes",('DRAFT - HGC Schemes'!AY$3*$BW766),"")</f>
        <v/>
      </c>
      <c r="CW766" s="746" t="str">
        <f>IF(BC766="yes",('DRAFT - HGC Schemes'!AZ$3*$BW766),"")</f>
        <v/>
      </c>
      <c r="CX766" s="746" t="str">
        <f>IF(BD766="yes",('DRAFT - HGC Schemes'!BA$3*$BW766),"")</f>
        <v/>
      </c>
      <c r="CY766" s="746" t="str">
        <f>IF(BE766="yes",('DRAFT - HGC Schemes'!BB$3*$BW766),"")</f>
        <v/>
      </c>
      <c r="CZ766" s="746" t="str">
        <f>IF(BF766="yes",('DRAFT - HGC Schemes'!BC$3*$BW766),"")</f>
        <v/>
      </c>
      <c r="DA766" s="746" t="str">
        <f>IF(BG766="yes",('DRAFT - HGC Schemes'!BD$3*$BW766),"")</f>
        <v/>
      </c>
      <c r="DB766" s="746" t="str">
        <f>IF(BH766="yes",('DRAFT - HGC Schemes'!BE$3*$BW766),"")</f>
        <v/>
      </c>
      <c r="DC766" s="746" t="str">
        <f>IF(BI766="yes",('DRAFT - HGC Schemes'!BF$3*$BW766),"")</f>
        <v/>
      </c>
      <c r="DD766" s="516"/>
      <c r="DE766" s="516"/>
      <c r="DF766" s="516"/>
      <c r="DG766" s="516"/>
      <c r="DH766" s="516"/>
      <c r="DI766" s="516"/>
      <c r="DJ766" s="516"/>
      <c r="DK766" s="516"/>
      <c r="DL766" s="516"/>
      <c r="DM766" s="894"/>
      <c r="DN766" s="516"/>
      <c r="DO766" s="516"/>
      <c r="DP766" s="516"/>
      <c r="DQ766" s="516"/>
      <c r="DR766" s="935"/>
      <c r="DS766" s="935" t="s">
        <v>3090</v>
      </c>
      <c r="DT766" s="936" t="s">
        <v>3091</v>
      </c>
      <c r="DU766" s="654"/>
      <c r="DV766" s="654"/>
    </row>
    <row r="767" spans="1:127" s="857" customFormat="1" ht="126" customHeight="1" x14ac:dyDescent="0.2">
      <c r="A767" s="494"/>
      <c r="B767" s="494"/>
      <c r="C767" s="511">
        <v>31</v>
      </c>
      <c r="D767" s="511"/>
      <c r="E767" s="511" t="s">
        <v>2182</v>
      </c>
      <c r="F767" s="511" t="s">
        <v>1385</v>
      </c>
      <c r="G767" s="511" t="s">
        <v>1341</v>
      </c>
      <c r="H767" s="515" t="s">
        <v>154</v>
      </c>
      <c r="I767" s="515" t="s">
        <v>3092</v>
      </c>
      <c r="J767" s="515"/>
      <c r="K767" s="515"/>
      <c r="L767" s="515"/>
      <c r="M767" s="711" t="s">
        <v>3093</v>
      </c>
      <c r="N767" s="654" t="s">
        <v>58</v>
      </c>
      <c r="O767" s="515" t="s">
        <v>1377</v>
      </c>
      <c r="P767" s="654" t="s">
        <v>3027</v>
      </c>
      <c r="Q767" s="742" t="s">
        <v>81</v>
      </c>
      <c r="R767" s="654" t="s">
        <v>3084</v>
      </c>
      <c r="S767" s="654" t="s">
        <v>3084</v>
      </c>
      <c r="T767" s="515" t="s">
        <v>169</v>
      </c>
      <c r="U767" s="515"/>
      <c r="V767" s="675" t="s">
        <v>63</v>
      </c>
      <c r="W767" s="675" t="s">
        <v>63</v>
      </c>
      <c r="X767" s="724" t="s">
        <v>63</v>
      </c>
      <c r="Y767" s="523"/>
      <c r="Z767" s="657" t="s">
        <v>64</v>
      </c>
      <c r="AA767" s="516"/>
      <c r="AB767" s="745">
        <v>4010000</v>
      </c>
      <c r="AC767" s="651" t="s">
        <v>65</v>
      </c>
      <c r="AD767" s="654"/>
      <c r="AE767" s="516"/>
      <c r="AF767" s="516"/>
      <c r="AG767" s="516"/>
      <c r="AH767" s="516"/>
      <c r="AI767" s="516"/>
      <c r="AJ767" s="516"/>
      <c r="AK767" s="516"/>
      <c r="AL767" s="516"/>
      <c r="AM767" s="516"/>
      <c r="AN767" s="516"/>
      <c r="AO767" s="516"/>
      <c r="AP767" s="516"/>
      <c r="AQ767" s="516"/>
      <c r="AR767" s="516"/>
      <c r="AS767" s="516"/>
      <c r="AT767" s="516"/>
      <c r="AU767" s="516"/>
      <c r="AV767" s="516"/>
      <c r="AW767" s="516"/>
      <c r="AX767" s="516"/>
      <c r="AY767" s="516"/>
      <c r="AZ767" s="516"/>
      <c r="BA767" s="516"/>
      <c r="BB767" s="516"/>
      <c r="BC767" s="516"/>
      <c r="BD767" s="516"/>
      <c r="BE767" s="516"/>
      <c r="BF767" s="516"/>
      <c r="BG767" s="516"/>
      <c r="BH767" s="516"/>
      <c r="BI767" s="516"/>
      <c r="BJ767" s="516"/>
      <c r="BK767" s="516"/>
      <c r="BL767" s="516"/>
      <c r="BM767" s="516"/>
      <c r="BN767" s="516"/>
      <c r="BO767" s="516"/>
      <c r="BP767" s="516"/>
      <c r="BQ767" s="516"/>
      <c r="BR767" s="516"/>
      <c r="BS767" s="516"/>
      <c r="BT767" s="516" t="s">
        <v>66</v>
      </c>
      <c r="BU767" s="516"/>
      <c r="BV767" s="884">
        <f>SUMIF(AE767:BU767,"YES",'DRAFT - HGC Schemes'!$AB$3:$BR$3)</f>
        <v>2400</v>
      </c>
      <c r="BW767" s="661">
        <f t="shared" si="235"/>
        <v>1670.8333333333333</v>
      </c>
      <c r="BX767" s="661"/>
      <c r="BY767" s="746" t="str">
        <f>IF(AE767="yes",('DRAFT - HGC Schemes'!AB$3*$BW767),"")</f>
        <v/>
      </c>
      <c r="BZ767" s="746" t="str">
        <f>IF(AF767="yes",('DRAFT - HGC Schemes'!AC$3*$BW767),"")</f>
        <v/>
      </c>
      <c r="CA767" s="746" t="str">
        <f>IF(AG767="yes",('DRAFT - HGC Schemes'!AD$3*$BW767),"")</f>
        <v/>
      </c>
      <c r="CB767" s="746" t="str">
        <f>IF(AH767="yes",('DRAFT - HGC Schemes'!AE$3*$BW767),"")</f>
        <v/>
      </c>
      <c r="CC767" s="746" t="str">
        <f>IF(AI767="yes",('DRAFT - HGC Schemes'!AF$3*$BW767),"")</f>
        <v/>
      </c>
      <c r="CD767" s="746" t="str">
        <f>IF(AJ767="yes",('DRAFT - HGC Schemes'!AG$3*$BW767),"")</f>
        <v/>
      </c>
      <c r="CE767" s="746" t="str">
        <f>IF(AK767="yes",('DRAFT - HGC Schemes'!AH$3*$BW767),"")</f>
        <v/>
      </c>
      <c r="CF767" s="746" t="str">
        <f>IF(AL767="yes",('DRAFT - HGC Schemes'!AI$3*$BW767),"")</f>
        <v/>
      </c>
      <c r="CG767" s="746" t="str">
        <f>IF(AM767="yes",('DRAFT - HGC Schemes'!AJ$3*$BW767),"")</f>
        <v/>
      </c>
      <c r="CH767" s="746" t="str">
        <f>IF(AN767="yes",('DRAFT - HGC Schemes'!AK$3*$BW767),"")</f>
        <v/>
      </c>
      <c r="CI767" s="746" t="str">
        <f>IF(AO767="yes",('DRAFT - HGC Schemes'!AL$3*$BW767),"")</f>
        <v/>
      </c>
      <c r="CJ767" s="746" t="str">
        <f>IF(AP767="yes",('DRAFT - HGC Schemes'!AM$3*$BW767),"")</f>
        <v/>
      </c>
      <c r="CK767" s="746" t="str">
        <f>IF(AQ767="yes",('DRAFT - HGC Schemes'!AN$3*$BW767),"")</f>
        <v/>
      </c>
      <c r="CL767" s="746" t="str">
        <f>IF(AR767="yes",('DRAFT - HGC Schemes'!AO$3*$BW767),"")</f>
        <v/>
      </c>
      <c r="CM767" s="746" t="str">
        <f>IF(AS767="yes",('DRAFT - HGC Schemes'!AP$3*$BW767),"")</f>
        <v/>
      </c>
      <c r="CN767" s="746" t="str">
        <f>IF(AT767="yes",('DRAFT - HGC Schemes'!AQ$3*$BW767),"")</f>
        <v/>
      </c>
      <c r="CO767" s="746" t="str">
        <f>IF(AU767="yes",('DRAFT - HGC Schemes'!AR$3*$BW767),"")</f>
        <v/>
      </c>
      <c r="CP767" s="746" t="str">
        <f>IF(AV767="yes",('DRAFT - HGC Schemes'!AS$3*$BW767),"")</f>
        <v/>
      </c>
      <c r="CQ767" s="746" t="str">
        <f>IF(AW767="yes",('DRAFT - HGC Schemes'!AT$3*$BW767),"")</f>
        <v/>
      </c>
      <c r="CR767" s="746" t="str">
        <f>IF(AX767="yes",('DRAFT - HGC Schemes'!AU$3*$BW767),"")</f>
        <v/>
      </c>
      <c r="CS767" s="746" t="str">
        <f>IF(AY767="yes",('DRAFT - HGC Schemes'!AV$3*$BW767),"")</f>
        <v/>
      </c>
      <c r="CT767" s="746" t="str">
        <f>IF(AZ767="yes",('DRAFT - HGC Schemes'!AW$3*$BW767),"")</f>
        <v/>
      </c>
      <c r="CU767" s="746" t="str">
        <f>IF(BA767="yes",('DRAFT - HGC Schemes'!AX$3*$BW767),"")</f>
        <v/>
      </c>
      <c r="CV767" s="746" t="str">
        <f>IF(BB767="yes",('DRAFT - HGC Schemes'!AY$3*$BW767),"")</f>
        <v/>
      </c>
      <c r="CW767" s="746" t="str">
        <f>IF(BC767="yes",('DRAFT - HGC Schemes'!AZ$3*$BW767),"")</f>
        <v/>
      </c>
      <c r="CX767" s="746" t="str">
        <f>IF(BD767="yes",('DRAFT - HGC Schemes'!BA$3*$BW767),"")</f>
        <v/>
      </c>
      <c r="CY767" s="746" t="str">
        <f>IF(BE767="yes",('DRAFT - HGC Schemes'!BB$3*$BW767),"")</f>
        <v/>
      </c>
      <c r="CZ767" s="746" t="str">
        <f>IF(BF767="yes",('DRAFT - HGC Schemes'!BC$3*$BW767),"")</f>
        <v/>
      </c>
      <c r="DA767" s="746" t="str">
        <f>IF(BG767="yes",('DRAFT - HGC Schemes'!BD$3*$BW767),"")</f>
        <v/>
      </c>
      <c r="DB767" s="746" t="str">
        <f>IF(BH767="yes",('DRAFT - HGC Schemes'!BE$3*$BW767),"")</f>
        <v/>
      </c>
      <c r="DC767" s="746" t="str">
        <f>IF(BI767="yes",('DRAFT - HGC Schemes'!BF$3*$BW767),"")</f>
        <v/>
      </c>
      <c r="DD767" s="516"/>
      <c r="DE767" s="516"/>
      <c r="DF767" s="516"/>
      <c r="DG767" s="516"/>
      <c r="DH767" s="516"/>
      <c r="DI767" s="516"/>
      <c r="DJ767" s="516"/>
      <c r="DK767" s="516"/>
      <c r="DL767" s="516"/>
      <c r="DM767" s="516"/>
      <c r="DN767" s="894"/>
      <c r="DO767" s="516"/>
      <c r="DP767" s="516"/>
      <c r="DQ767" s="516"/>
      <c r="DR767" s="935"/>
      <c r="DS767" s="935" t="s">
        <v>3094</v>
      </c>
      <c r="DT767" s="936" t="s">
        <v>3091</v>
      </c>
      <c r="DU767" s="654"/>
      <c r="DV767" s="654"/>
    </row>
    <row r="768" spans="1:127" s="613" customFormat="1" ht="107.1" customHeight="1" x14ac:dyDescent="0.2">
      <c r="A768" s="494"/>
      <c r="B768" s="494"/>
      <c r="C768" s="511">
        <v>61</v>
      </c>
      <c r="D768" s="511"/>
      <c r="E768" s="511" t="s">
        <v>2182</v>
      </c>
      <c r="F768" s="511" t="s">
        <v>1385</v>
      </c>
      <c r="G768" s="511" t="s">
        <v>1331</v>
      </c>
      <c r="H768" s="515" t="s">
        <v>2254</v>
      </c>
      <c r="I768" s="515" t="s">
        <v>2255</v>
      </c>
      <c r="J768" s="515"/>
      <c r="K768" s="515"/>
      <c r="L768" s="515"/>
      <c r="M768" s="513" t="s">
        <v>2256</v>
      </c>
      <c r="N768" s="515" t="s">
        <v>2249</v>
      </c>
      <c r="O768" s="515" t="s">
        <v>63</v>
      </c>
      <c r="P768" s="654" t="s">
        <v>2996</v>
      </c>
      <c r="Q768" s="515" t="s">
        <v>81</v>
      </c>
      <c r="R768" s="515" t="s">
        <v>869</v>
      </c>
      <c r="S768" s="654" t="s">
        <v>869</v>
      </c>
      <c r="T768" s="516" t="s">
        <v>2258</v>
      </c>
      <c r="U768" s="516"/>
      <c r="V768" s="718" t="s">
        <v>63</v>
      </c>
      <c r="W768" s="718" t="s">
        <v>63</v>
      </c>
      <c r="X768" s="516" t="s">
        <v>63</v>
      </c>
      <c r="Y768" s="516"/>
      <c r="Z768" s="516" t="s">
        <v>64</v>
      </c>
      <c r="AA768" s="516"/>
      <c r="AB768" s="745"/>
      <c r="AC768" s="653" t="s">
        <v>82</v>
      </c>
      <c r="AD768" s="516"/>
      <c r="AE768" s="516"/>
      <c r="AF768" s="516"/>
      <c r="AG768" s="516"/>
      <c r="AH768" s="516"/>
      <c r="AI768" s="516"/>
      <c r="AJ768" s="516"/>
      <c r="AK768" s="516"/>
      <c r="AL768" s="516"/>
      <c r="AM768" s="516"/>
      <c r="AN768" s="516"/>
      <c r="AO768" s="516"/>
      <c r="AP768" s="516"/>
      <c r="AQ768" s="516"/>
      <c r="AR768" s="516"/>
      <c r="AS768" s="516"/>
      <c r="AT768" s="516"/>
      <c r="AU768" s="516"/>
      <c r="AV768" s="516"/>
      <c r="AW768" s="516"/>
      <c r="AX768" s="516"/>
      <c r="AY768" s="516"/>
      <c r="AZ768" s="516"/>
      <c r="BA768" s="516"/>
      <c r="BB768" s="516"/>
      <c r="BC768" s="516"/>
      <c r="BD768" s="516"/>
      <c r="BE768" s="516"/>
      <c r="BF768" s="516"/>
      <c r="BG768" s="516"/>
      <c r="BH768" s="516"/>
      <c r="BI768" s="516"/>
      <c r="BJ768" s="516" t="s">
        <v>66</v>
      </c>
      <c r="BK768" s="516" t="s">
        <v>66</v>
      </c>
      <c r="BL768" s="516" t="s">
        <v>66</v>
      </c>
      <c r="BM768" s="516" t="s">
        <v>66</v>
      </c>
      <c r="BN768" s="516" t="s">
        <v>66</v>
      </c>
      <c r="BO768" s="516" t="s">
        <v>66</v>
      </c>
      <c r="BP768" s="516" t="s">
        <v>66</v>
      </c>
      <c r="BQ768" s="516" t="s">
        <v>66</v>
      </c>
      <c r="BR768" s="516" t="s">
        <v>66</v>
      </c>
      <c r="BS768" s="516" t="s">
        <v>66</v>
      </c>
      <c r="BT768" s="516" t="s">
        <v>66</v>
      </c>
      <c r="BU768" s="516"/>
      <c r="BV768" s="884">
        <f>SUMIF(AE768:BI768,"YES",'DRAFT - HGC Schemes'!$AB$3:$BF$3)</f>
        <v>0</v>
      </c>
      <c r="BW768" s="661" t="e">
        <f t="shared" ref="BW768:BW773" si="236">AB768/BV768</f>
        <v>#DIV/0!</v>
      </c>
      <c r="BX768" s="661"/>
      <c r="BY768" s="746" t="str">
        <f>IF(AE768="yes",('DRAFT - HGC Schemes'!AB$3*$BW768),"")</f>
        <v/>
      </c>
      <c r="BZ768" s="746" t="str">
        <f>IF(AF768="yes",('DRAFT - HGC Schemes'!AC$3*$BW768),"")</f>
        <v/>
      </c>
      <c r="CA768" s="746" t="str">
        <f>IF(AG768="yes",('DRAFT - HGC Schemes'!AD$3*$BW768),"")</f>
        <v/>
      </c>
      <c r="CB768" s="746" t="str">
        <f>IF(AH768="yes",('DRAFT - HGC Schemes'!AE$3*$BW768),"")</f>
        <v/>
      </c>
      <c r="CC768" s="746" t="str">
        <f>IF(AI768="yes",('DRAFT - HGC Schemes'!AF$3*$BW768),"")</f>
        <v/>
      </c>
      <c r="CD768" s="746" t="str">
        <f>IF(AJ768="yes",('DRAFT - HGC Schemes'!AG$3*$BW768),"")</f>
        <v/>
      </c>
      <c r="CE768" s="746" t="str">
        <f>IF(AK768="yes",('DRAFT - HGC Schemes'!AH$3*$BW768),"")</f>
        <v/>
      </c>
      <c r="CF768" s="746" t="str">
        <f>IF(AL768="yes",('DRAFT - HGC Schemes'!AI$3*$BW768),"")</f>
        <v/>
      </c>
      <c r="CG768" s="746" t="str">
        <f>IF(AM768="yes",('DRAFT - HGC Schemes'!AJ$3*$BW768),"")</f>
        <v/>
      </c>
      <c r="CH768" s="746" t="str">
        <f>IF(AN768="yes",('DRAFT - HGC Schemes'!AK$3*$BW768),"")</f>
        <v/>
      </c>
      <c r="CI768" s="746" t="str">
        <f>IF(AO768="yes",('DRAFT - HGC Schemes'!AL$3*$BW768),"")</f>
        <v/>
      </c>
      <c r="CJ768" s="746" t="str">
        <f>IF(AP768="yes",('DRAFT - HGC Schemes'!AM$3*$BW768),"")</f>
        <v/>
      </c>
      <c r="CK768" s="746" t="str">
        <f>IF(AQ768="yes",('DRAFT - HGC Schemes'!AN$3*$BW768),"")</f>
        <v/>
      </c>
      <c r="CL768" s="746" t="str">
        <f>IF(AR768="yes",('DRAFT - HGC Schemes'!AO$3*$BW768),"")</f>
        <v/>
      </c>
      <c r="CM768" s="746" t="str">
        <f>IF(AS768="yes",('DRAFT - HGC Schemes'!AP$3*$BW768),"")</f>
        <v/>
      </c>
      <c r="CN768" s="746" t="str">
        <f>IF(AT768="yes",('DRAFT - HGC Schemes'!AQ$3*$BW768),"")</f>
        <v/>
      </c>
      <c r="CO768" s="746" t="str">
        <f>IF(AU768="yes",('DRAFT - HGC Schemes'!AR$3*$BW768),"")</f>
        <v/>
      </c>
      <c r="CP768" s="746" t="str">
        <f>IF(AV768="yes",('DRAFT - HGC Schemes'!AS$3*$BW768),"")</f>
        <v/>
      </c>
      <c r="CQ768" s="746" t="str">
        <f>IF(AW768="yes",('DRAFT - HGC Schemes'!AT$3*$BW768),"")</f>
        <v/>
      </c>
      <c r="CR768" s="746" t="str">
        <f>IF(AX768="yes",('DRAFT - HGC Schemes'!AU$3*$BW768),"")</f>
        <v/>
      </c>
      <c r="CS768" s="746" t="str">
        <f>IF(AY768="yes",('DRAFT - HGC Schemes'!AV$3*$BW768),"")</f>
        <v/>
      </c>
      <c r="CT768" s="746" t="str">
        <f>IF(AZ768="yes",('DRAFT - HGC Schemes'!AW$3*$BW768),"")</f>
        <v/>
      </c>
      <c r="CU768" s="746" t="str">
        <f>IF(BA768="yes",('DRAFT - HGC Schemes'!AX$3*$BW768),"")</f>
        <v/>
      </c>
      <c r="CV768" s="746" t="str">
        <f>IF(BB768="yes",('DRAFT - HGC Schemes'!AY$3*$BW768),"")</f>
        <v/>
      </c>
      <c r="CW768" s="746" t="str">
        <f>IF(BC768="yes",('DRAFT - HGC Schemes'!AZ$3*$BW768),"")</f>
        <v/>
      </c>
      <c r="CX768" s="746" t="str">
        <f>IF(BD768="yes",('DRAFT - HGC Schemes'!BA$3*$BW768),"")</f>
        <v/>
      </c>
      <c r="CY768" s="746" t="str">
        <f>IF(BE768="yes",('DRAFT - HGC Schemes'!BB$3*$BW768),"")</f>
        <v/>
      </c>
      <c r="CZ768" s="746" t="str">
        <f>IF(BF768="yes",('DRAFT - HGC Schemes'!BC$3*$BW768),"")</f>
        <v/>
      </c>
      <c r="DA768" s="746" t="str">
        <f>IF(BG768="yes",('DRAFT - HGC Schemes'!BD$3*$BW768),"")</f>
        <v/>
      </c>
      <c r="DB768" s="746" t="str">
        <f>IF(BH768="yes",('DRAFT - HGC Schemes'!BE$3*$BW768),"")</f>
        <v/>
      </c>
      <c r="DC768" s="746" t="str">
        <f>IF(BI768="yes",('DRAFT - HGC Schemes'!BF$3*$BW768),"")</f>
        <v/>
      </c>
      <c r="DD768" s="516"/>
      <c r="DE768" s="516"/>
      <c r="DF768" s="516"/>
      <c r="DG768" s="516"/>
      <c r="DH768" s="516"/>
      <c r="DI768" s="516"/>
      <c r="DJ768" s="516"/>
      <c r="DK768" s="516"/>
      <c r="DL768" s="516"/>
      <c r="DM768" s="516"/>
      <c r="DN768" s="516"/>
      <c r="DO768" s="516"/>
      <c r="DP768" s="516"/>
      <c r="DQ768" s="516"/>
      <c r="DR768" s="515"/>
      <c r="DS768" s="515"/>
      <c r="DT768" s="515" t="s">
        <v>2259</v>
      </c>
      <c r="DU768" s="654"/>
      <c r="DV768" s="654"/>
    </row>
    <row r="769" spans="1:136" s="857" customFormat="1" ht="107.1" customHeight="1" x14ac:dyDescent="0.2">
      <c r="A769" s="668" t="s">
        <v>3095</v>
      </c>
      <c r="B769" s="668"/>
      <c r="C769" s="481">
        <v>534</v>
      </c>
      <c r="D769" s="481"/>
      <c r="E769" s="481" t="s">
        <v>2481</v>
      </c>
      <c r="F769" s="481" t="s">
        <v>53</v>
      </c>
      <c r="G769" s="481" t="s">
        <v>515</v>
      </c>
      <c r="H769" s="654" t="s">
        <v>1334</v>
      </c>
      <c r="I769" s="654" t="s">
        <v>527</v>
      </c>
      <c r="J769" s="654"/>
      <c r="K769" s="654"/>
      <c r="L769" s="654"/>
      <c r="M769" s="484" t="s">
        <v>527</v>
      </c>
      <c r="N769" s="654" t="s">
        <v>58</v>
      </c>
      <c r="O769" s="654" t="s">
        <v>310</v>
      </c>
      <c r="P769" s="654" t="s">
        <v>2996</v>
      </c>
      <c r="Q769" s="654" t="s">
        <v>8</v>
      </c>
      <c r="R769" s="654" t="s">
        <v>525</v>
      </c>
      <c r="S769" s="657" t="s">
        <v>61</v>
      </c>
      <c r="T769" s="654" t="s">
        <v>225</v>
      </c>
      <c r="U769" s="654"/>
      <c r="V769" s="675" t="s">
        <v>63</v>
      </c>
      <c r="W769" s="675" t="s">
        <v>63</v>
      </c>
      <c r="X769" s="723">
        <v>0</v>
      </c>
      <c r="Y769" s="723"/>
      <c r="Z769" s="654" t="s">
        <v>64</v>
      </c>
      <c r="AA769" s="654"/>
      <c r="AB769" s="745"/>
      <c r="AC769" s="652" t="s">
        <v>82</v>
      </c>
      <c r="AD769" s="661"/>
      <c r="AE769" s="893"/>
      <c r="AF769" s="893"/>
      <c r="AG769" s="893"/>
      <c r="AH769" s="893"/>
      <c r="AI769" s="893"/>
      <c r="AJ769" s="746"/>
      <c r="AK769" s="893"/>
      <c r="AL769" s="893"/>
      <c r="AM769" s="893"/>
      <c r="AN769" s="893"/>
      <c r="AO769" s="893"/>
      <c r="AP769" s="893"/>
      <c r="AQ769" s="893"/>
      <c r="AR769" s="893"/>
      <c r="AS769" s="893"/>
      <c r="AT769" s="893"/>
      <c r="AU769" s="746" t="s">
        <v>66</v>
      </c>
      <c r="AV769" s="893"/>
      <c r="AW769" s="893"/>
      <c r="AX769" s="893"/>
      <c r="AY769" s="893"/>
      <c r="AZ769" s="893"/>
      <c r="BA769" s="893"/>
      <c r="BB769" s="893"/>
      <c r="BC769" s="893"/>
      <c r="BD769" s="893"/>
      <c r="BE769" s="893"/>
      <c r="BF769" s="893"/>
      <c r="BG769" s="893"/>
      <c r="BH769" s="893"/>
      <c r="BI769" s="893"/>
      <c r="BJ769" s="746"/>
      <c r="BK769" s="746"/>
      <c r="BL769" s="746"/>
      <c r="BM769" s="746"/>
      <c r="BN769" s="746"/>
      <c r="BO769" s="746"/>
      <c r="BP769" s="746"/>
      <c r="BQ769" s="746"/>
      <c r="BR769" s="746"/>
      <c r="BS769" s="746"/>
      <c r="BT769" s="746"/>
      <c r="BU769" s="746"/>
      <c r="BV769" s="884">
        <f>SUMIF(AE769:BI769,"YES",'DRAFT - HGC Schemes'!$AB$3:$BF$3)</f>
        <v>2380</v>
      </c>
      <c r="BW769" s="661">
        <f t="shared" si="236"/>
        <v>0</v>
      </c>
      <c r="BX769" s="661"/>
      <c r="BY769" s="746" t="str">
        <f>IF(AE769="yes",('DRAFT - HGC Schemes'!AB$3*$BW769),"")</f>
        <v/>
      </c>
      <c r="BZ769" s="746" t="str">
        <f>IF(AF769="yes",('DRAFT - HGC Schemes'!AC$3*$BW769),"")</f>
        <v/>
      </c>
      <c r="CA769" s="746" t="str">
        <f>IF(AG769="yes",('DRAFT - HGC Schemes'!AD$3*$BW769),"")</f>
        <v/>
      </c>
      <c r="CB769" s="746" t="str">
        <f>IF(AH769="yes",('DRAFT - HGC Schemes'!AE$3*$BW769),"")</f>
        <v/>
      </c>
      <c r="CC769" s="746" t="str">
        <f>IF(AI769="yes",('DRAFT - HGC Schemes'!AF$3*$BW769),"")</f>
        <v/>
      </c>
      <c r="CD769" s="746" t="str">
        <f>IF(AJ769="yes",('DRAFT - HGC Schemes'!AG$3*$BW769),"")</f>
        <v/>
      </c>
      <c r="CE769" s="746" t="str">
        <f>IF(AK769="yes",('DRAFT - HGC Schemes'!AH$3*$BW769),"")</f>
        <v/>
      </c>
      <c r="CF769" s="746" t="str">
        <f>IF(AL769="yes",('DRAFT - HGC Schemes'!AI$3*$BW769),"")</f>
        <v/>
      </c>
      <c r="CG769" s="746" t="str">
        <f>IF(AM769="yes",('DRAFT - HGC Schemes'!AJ$3*$BW769),"")</f>
        <v/>
      </c>
      <c r="CH769" s="746" t="str">
        <f>IF(AN769="yes",('DRAFT - HGC Schemes'!AK$3*$BW769),"")</f>
        <v/>
      </c>
      <c r="CI769" s="746" t="str">
        <f>IF(AO769="yes",('DRAFT - HGC Schemes'!AL$3*$BW769),"")</f>
        <v/>
      </c>
      <c r="CJ769" s="746" t="str">
        <f>IF(AP769="yes",('DRAFT - HGC Schemes'!AM$3*$BW769),"")</f>
        <v/>
      </c>
      <c r="CK769" s="746" t="str">
        <f>IF(AQ769="yes",('DRAFT - HGC Schemes'!AN$3*$BW769),"")</f>
        <v/>
      </c>
      <c r="CL769" s="746" t="str">
        <f>IF(AR769="yes",('DRAFT - HGC Schemes'!AO$3*$BW769),"")</f>
        <v/>
      </c>
      <c r="CM769" s="746" t="str">
        <f>IF(AS769="yes",('DRAFT - HGC Schemes'!AP$3*$BW769),"")</f>
        <v/>
      </c>
      <c r="CN769" s="746" t="str">
        <f>IF(AT769="yes",('DRAFT - HGC Schemes'!AQ$3*$BW769),"")</f>
        <v/>
      </c>
      <c r="CO769" s="746">
        <f>IF(AU769="yes",('DRAFT - HGC Schemes'!AR$3*$BW769),"")</f>
        <v>0</v>
      </c>
      <c r="CP769" s="746" t="str">
        <f>IF(AV769="yes",('DRAFT - HGC Schemes'!AS$3*$BW769),"")</f>
        <v/>
      </c>
      <c r="CQ769" s="746" t="str">
        <f>IF(AW769="yes",('DRAFT - HGC Schemes'!AT$3*$BW769),"")</f>
        <v/>
      </c>
      <c r="CR769" s="746" t="str">
        <f>IF(AX769="yes",('DRAFT - HGC Schemes'!AU$3*$BW769),"")</f>
        <v/>
      </c>
      <c r="CS769" s="746" t="str">
        <f>IF(AY769="yes",('DRAFT - HGC Schemes'!AV$3*$BW769),"")</f>
        <v/>
      </c>
      <c r="CT769" s="746" t="str">
        <f>IF(AZ769="yes",('DRAFT - HGC Schemes'!AW$3*$BW769),"")</f>
        <v/>
      </c>
      <c r="CU769" s="746" t="str">
        <f>IF(BA769="yes",('DRAFT - HGC Schemes'!AX$3*$BW769),"")</f>
        <v/>
      </c>
      <c r="CV769" s="746" t="str">
        <f>IF(BB769="yes",('DRAFT - HGC Schemes'!AY$3*$BW769),"")</f>
        <v/>
      </c>
      <c r="CW769" s="746" t="str">
        <f>IF(BC769="yes",('DRAFT - HGC Schemes'!AZ$3*$BW769),"")</f>
        <v/>
      </c>
      <c r="CX769" s="746" t="str">
        <f>IF(BD769="yes",('DRAFT - HGC Schemes'!BA$3*$BW769),"")</f>
        <v/>
      </c>
      <c r="CY769" s="746" t="str">
        <f>IF(BE769="yes",('DRAFT - HGC Schemes'!BB$3*$BW769),"")</f>
        <v/>
      </c>
      <c r="CZ769" s="746" t="str">
        <f>IF(BF769="yes",('DRAFT - HGC Schemes'!BC$3*$BW769),"")</f>
        <v/>
      </c>
      <c r="DA769" s="746" t="str">
        <f>IF(BG769="yes",('DRAFT - HGC Schemes'!BD$3*$BW769),"")</f>
        <v/>
      </c>
      <c r="DB769" s="746" t="str">
        <f>IF(BH769="yes",('DRAFT - HGC Schemes'!BE$3*$BW769),"")</f>
        <v/>
      </c>
      <c r="DC769" s="746" t="str">
        <f>IF(BI769="yes",('DRAFT - HGC Schemes'!BF$3*$BW769),"")</f>
        <v/>
      </c>
      <c r="DD769" s="746"/>
      <c r="DE769" s="746"/>
      <c r="DF769" s="746"/>
      <c r="DG769" s="746"/>
      <c r="DH769" s="746"/>
      <c r="DI769" s="746"/>
      <c r="DJ769" s="746"/>
      <c r="DK769" s="746"/>
      <c r="DL769" s="746"/>
      <c r="DM769" s="746"/>
      <c r="DN769" s="746"/>
      <c r="DO769" s="746"/>
      <c r="DP769" s="746"/>
      <c r="DQ769" s="746"/>
      <c r="DR769" s="654" t="s">
        <v>3096</v>
      </c>
      <c r="DS769" s="654" t="s">
        <v>3097</v>
      </c>
      <c r="DT769" s="654" t="s">
        <v>3098</v>
      </c>
      <c r="DU769" s="654"/>
      <c r="DV769" s="654"/>
    </row>
    <row r="770" spans="1:136" s="857" customFormat="1" ht="107.1" customHeight="1" x14ac:dyDescent="0.2">
      <c r="A770" s="464" t="s">
        <v>3099</v>
      </c>
      <c r="B770" s="668"/>
      <c r="C770" s="481">
        <v>423</v>
      </c>
      <c r="D770" s="481"/>
      <c r="E770" s="481" t="s">
        <v>2481</v>
      </c>
      <c r="F770" s="481" t="s">
        <v>53</v>
      </c>
      <c r="G770" s="481" t="s">
        <v>515</v>
      </c>
      <c r="H770" s="654" t="s">
        <v>1335</v>
      </c>
      <c r="I770" s="78" t="s">
        <v>560</v>
      </c>
      <c r="J770" s="654"/>
      <c r="K770" s="654"/>
      <c r="L770" s="654"/>
      <c r="M770" s="78" t="s">
        <v>3100</v>
      </c>
      <c r="N770" s="654" t="s">
        <v>58</v>
      </c>
      <c r="O770" s="654" t="s">
        <v>1363</v>
      </c>
      <c r="P770" s="654" t="s">
        <v>2996</v>
      </c>
      <c r="Q770" s="654" t="s">
        <v>388</v>
      </c>
      <c r="R770" s="654" t="s">
        <v>525</v>
      </c>
      <c r="S770" s="657" t="s">
        <v>61</v>
      </c>
      <c r="T770" s="654" t="s">
        <v>559</v>
      </c>
      <c r="U770" s="654"/>
      <c r="V770" s="675" t="s">
        <v>63</v>
      </c>
      <c r="W770" s="675" t="s">
        <v>63</v>
      </c>
      <c r="X770" s="723">
        <v>49678.461538461539</v>
      </c>
      <c r="Y770" s="723"/>
      <c r="Z770" s="654" t="s">
        <v>64</v>
      </c>
      <c r="AA770" s="654"/>
      <c r="AB770" s="745">
        <f>X770</f>
        <v>49678.461538461539</v>
      </c>
      <c r="AC770" s="652" t="s">
        <v>82</v>
      </c>
      <c r="AD770" s="661"/>
      <c r="AE770" s="893"/>
      <c r="AF770" s="893"/>
      <c r="AG770" s="893"/>
      <c r="AH770" s="746" t="s">
        <v>66</v>
      </c>
      <c r="AI770" s="893"/>
      <c r="AJ770" s="746"/>
      <c r="AK770" s="893"/>
      <c r="AL770" s="893"/>
      <c r="AM770" s="893"/>
      <c r="AN770" s="893"/>
      <c r="AO770" s="893"/>
      <c r="AP770" s="893"/>
      <c r="AQ770" s="893"/>
      <c r="AR770" s="893"/>
      <c r="AS770" s="893"/>
      <c r="AT770" s="893"/>
      <c r="AU770" s="893"/>
      <c r="AV770" s="893"/>
      <c r="AW770" s="893"/>
      <c r="AX770" s="893"/>
      <c r="AY770" s="893"/>
      <c r="AZ770" s="893"/>
      <c r="BA770" s="893"/>
      <c r="BB770" s="893"/>
      <c r="BC770" s="893"/>
      <c r="BD770" s="893"/>
      <c r="BE770" s="893"/>
      <c r="BF770" s="893"/>
      <c r="BG770" s="893"/>
      <c r="BH770" s="893"/>
      <c r="BI770" s="893"/>
      <c r="BJ770" s="746"/>
      <c r="BK770" s="746"/>
      <c r="BL770" s="746"/>
      <c r="BM770" s="746"/>
      <c r="BN770" s="746"/>
      <c r="BO770" s="746"/>
      <c r="BP770" s="746"/>
      <c r="BQ770" s="746"/>
      <c r="BR770" s="746"/>
      <c r="BS770" s="746"/>
      <c r="BT770" s="746"/>
      <c r="BU770" s="746"/>
      <c r="BV770" s="884">
        <f>SUMIF(AE770:BI770,"YES",'DRAFT - HGC Schemes'!$AB$3:$BF$3)</f>
        <v>350</v>
      </c>
      <c r="BW770" s="661">
        <f t="shared" si="236"/>
        <v>141.93846153846155</v>
      </c>
      <c r="BX770" s="661"/>
      <c r="BY770" s="746" t="str">
        <f>IF(AE770="yes",('DRAFT - HGC Schemes'!AB$3*$BW770),"")</f>
        <v/>
      </c>
      <c r="BZ770" s="746" t="str">
        <f>IF(AF770="yes",('DRAFT - HGC Schemes'!AC$3*$BW770),"")</f>
        <v/>
      </c>
      <c r="CA770" s="746" t="str">
        <f>IF(AG770="yes",('DRAFT - HGC Schemes'!AD$3*$BW770),"")</f>
        <v/>
      </c>
      <c r="CB770" s="746">
        <f>IF(AH770="yes",('DRAFT - HGC Schemes'!AE$3*$BW770),"")</f>
        <v>49678.461538461546</v>
      </c>
      <c r="CC770" s="746" t="str">
        <f>IF(AI770="yes",('DRAFT - HGC Schemes'!AF$3*$BW770),"")</f>
        <v/>
      </c>
      <c r="CD770" s="746" t="str">
        <f>IF(AJ770="yes",('DRAFT - HGC Schemes'!AG$3*$BW770),"")</f>
        <v/>
      </c>
      <c r="CE770" s="746" t="str">
        <f>IF(AK770="yes",('DRAFT - HGC Schemes'!AH$3*$BW770),"")</f>
        <v/>
      </c>
      <c r="CF770" s="746" t="str">
        <f>IF(AL770="yes",('DRAFT - HGC Schemes'!AI$3*$BW770),"")</f>
        <v/>
      </c>
      <c r="CG770" s="746" t="str">
        <f>IF(AM770="yes",('DRAFT - HGC Schemes'!AJ$3*$BW770),"")</f>
        <v/>
      </c>
      <c r="CH770" s="746" t="str">
        <f>IF(AN770="yes",('DRAFT - HGC Schemes'!AK$3*$BW770),"")</f>
        <v/>
      </c>
      <c r="CI770" s="746" t="str">
        <f>IF(AO770="yes",('DRAFT - HGC Schemes'!AL$3*$BW770),"")</f>
        <v/>
      </c>
      <c r="CJ770" s="746" t="str">
        <f>IF(AP770="yes",('DRAFT - HGC Schemes'!AM$3*$BW770),"")</f>
        <v/>
      </c>
      <c r="CK770" s="746" t="str">
        <f>IF(AQ770="yes",('DRAFT - HGC Schemes'!AN$3*$BW770),"")</f>
        <v/>
      </c>
      <c r="CL770" s="746" t="str">
        <f>IF(AR770="yes",('DRAFT - HGC Schemes'!AO$3*$BW770),"")</f>
        <v/>
      </c>
      <c r="CM770" s="746" t="str">
        <f>IF(AS770="yes",('DRAFT - HGC Schemes'!AP$3*$BW770),"")</f>
        <v/>
      </c>
      <c r="CN770" s="746" t="str">
        <f>IF(AT770="yes",('DRAFT - HGC Schemes'!AQ$3*$BW770),"")</f>
        <v/>
      </c>
      <c r="CO770" s="746" t="str">
        <f>IF(AU770="yes",('DRAFT - HGC Schemes'!AR$3*$BW770),"")</f>
        <v/>
      </c>
      <c r="CP770" s="746" t="str">
        <f>IF(AV770="yes",('DRAFT - HGC Schemes'!AS$3*$BW770),"")</f>
        <v/>
      </c>
      <c r="CQ770" s="746" t="str">
        <f>IF(AW770="yes",('DRAFT - HGC Schemes'!AT$3*$BW770),"")</f>
        <v/>
      </c>
      <c r="CR770" s="746" t="str">
        <f>IF(AX770="yes",('DRAFT - HGC Schemes'!AU$3*$BW770),"")</f>
        <v/>
      </c>
      <c r="CS770" s="746" t="str">
        <f>IF(AY770="yes",('DRAFT - HGC Schemes'!AV$3*$BW770),"")</f>
        <v/>
      </c>
      <c r="CT770" s="746" t="str">
        <f>IF(AZ770="yes",('DRAFT - HGC Schemes'!AW$3*$BW770),"")</f>
        <v/>
      </c>
      <c r="CU770" s="746" t="str">
        <f>IF(BA770="yes",('DRAFT - HGC Schemes'!AX$3*$BW770),"")</f>
        <v/>
      </c>
      <c r="CV770" s="746" t="str">
        <f>IF(BB770="yes",('DRAFT - HGC Schemes'!AY$3*$BW770),"")</f>
        <v/>
      </c>
      <c r="CW770" s="746" t="str">
        <f>IF(BC770="yes",('DRAFT - HGC Schemes'!AZ$3*$BW770),"")</f>
        <v/>
      </c>
      <c r="CX770" s="746" t="str">
        <f>IF(BD770="yes",('DRAFT - HGC Schemes'!BA$3*$BW770),"")</f>
        <v/>
      </c>
      <c r="CY770" s="746" t="str">
        <f>IF(BE770="yes",('DRAFT - HGC Schemes'!BB$3*$BW770),"")</f>
        <v/>
      </c>
      <c r="CZ770" s="746" t="str">
        <f>IF(BF770="yes",('DRAFT - HGC Schemes'!BC$3*$BW770),"")</f>
        <v/>
      </c>
      <c r="DA770" s="746" t="str">
        <f>IF(BG770="yes",('DRAFT - HGC Schemes'!BD$3*$BW770),"")</f>
        <v/>
      </c>
      <c r="DB770" s="746" t="str">
        <f>IF(BH770="yes",('DRAFT - HGC Schemes'!BE$3*$BW770),"")</f>
        <v/>
      </c>
      <c r="DC770" s="746" t="str">
        <f>IF(BI770="yes",('DRAFT - HGC Schemes'!BF$3*$BW770),"")</f>
        <v/>
      </c>
      <c r="DD770" s="746"/>
      <c r="DE770" s="746"/>
      <c r="DF770" s="746"/>
      <c r="DG770" s="746"/>
      <c r="DH770" s="746"/>
      <c r="DI770" s="746"/>
      <c r="DJ770" s="746"/>
      <c r="DK770" s="746"/>
      <c r="DL770" s="746"/>
      <c r="DM770" s="746"/>
      <c r="DN770" s="746"/>
      <c r="DO770" s="746"/>
      <c r="DP770" s="746"/>
      <c r="DQ770" s="746"/>
      <c r="DR770" s="654" t="s">
        <v>3101</v>
      </c>
      <c r="DS770" s="654" t="s">
        <v>3102</v>
      </c>
      <c r="DT770" s="654" t="s">
        <v>3098</v>
      </c>
      <c r="DU770" s="654"/>
      <c r="DV770" s="654"/>
    </row>
    <row r="771" spans="1:136" s="857" customFormat="1" ht="107.1" customHeight="1" x14ac:dyDescent="0.2">
      <c r="A771" s="464" t="s">
        <v>3099</v>
      </c>
      <c r="B771" s="668"/>
      <c r="C771" s="481">
        <v>431</v>
      </c>
      <c r="D771" s="481"/>
      <c r="E771" s="481" t="s">
        <v>2481</v>
      </c>
      <c r="F771" s="481" t="s">
        <v>53</v>
      </c>
      <c r="G771" s="481" t="s">
        <v>515</v>
      </c>
      <c r="H771" s="654" t="s">
        <v>1335</v>
      </c>
      <c r="I771" s="78" t="s">
        <v>560</v>
      </c>
      <c r="J771" s="654"/>
      <c r="K771" s="654"/>
      <c r="L771" s="654"/>
      <c r="M771" s="78" t="s">
        <v>561</v>
      </c>
      <c r="N771" s="654" t="s">
        <v>58</v>
      </c>
      <c r="O771" s="654" t="s">
        <v>1361</v>
      </c>
      <c r="P771" s="654" t="s">
        <v>2996</v>
      </c>
      <c r="Q771" s="654" t="s">
        <v>551</v>
      </c>
      <c r="R771" s="654" t="s">
        <v>525</v>
      </c>
      <c r="S771" s="657" t="s">
        <v>61</v>
      </c>
      <c r="T771" s="654" t="s">
        <v>377</v>
      </c>
      <c r="U771" s="654"/>
      <c r="V771" s="675" t="s">
        <v>63</v>
      </c>
      <c r="W771" s="675" t="s">
        <v>63</v>
      </c>
      <c r="X771" s="723">
        <v>28387.692307692309</v>
      </c>
      <c r="Y771" s="723"/>
      <c r="Z771" s="654" t="s">
        <v>64</v>
      </c>
      <c r="AA771" s="654"/>
      <c r="AB771" s="745">
        <f>X771</f>
        <v>28387.692307692309</v>
      </c>
      <c r="AC771" s="652" t="s">
        <v>82</v>
      </c>
      <c r="AD771" s="661"/>
      <c r="AE771" s="893"/>
      <c r="AF771" s="746" t="s">
        <v>66</v>
      </c>
      <c r="AG771" s="893"/>
      <c r="AH771" s="893"/>
      <c r="AI771" s="893"/>
      <c r="AJ771" s="746"/>
      <c r="AK771" s="893"/>
      <c r="AL771" s="893"/>
      <c r="AM771" s="893"/>
      <c r="AN771" s="893"/>
      <c r="AO771" s="893"/>
      <c r="AP771" s="893"/>
      <c r="AQ771" s="893"/>
      <c r="AR771" s="893"/>
      <c r="AS771" s="893"/>
      <c r="AT771" s="893"/>
      <c r="AU771" s="893"/>
      <c r="AV771" s="893"/>
      <c r="AW771" s="893"/>
      <c r="AX771" s="893"/>
      <c r="AY771" s="893"/>
      <c r="AZ771" s="893"/>
      <c r="BA771" s="893"/>
      <c r="BB771" s="893"/>
      <c r="BC771" s="893"/>
      <c r="BD771" s="893"/>
      <c r="BE771" s="893"/>
      <c r="BF771" s="893"/>
      <c r="BG771" s="893"/>
      <c r="BH771" s="893"/>
      <c r="BI771" s="893"/>
      <c r="BJ771" s="746"/>
      <c r="BK771" s="746"/>
      <c r="BL771" s="746"/>
      <c r="BM771" s="746"/>
      <c r="BN771" s="746"/>
      <c r="BO771" s="746"/>
      <c r="BP771" s="746"/>
      <c r="BQ771" s="746"/>
      <c r="BR771" s="746"/>
      <c r="BS771" s="746"/>
      <c r="BT771" s="746"/>
      <c r="BU771" s="746"/>
      <c r="BV771" s="884">
        <f>SUMIF(AE771:BI771,"YES",'DRAFT - HGC Schemes'!$AB$3:$BF$3)</f>
        <v>200</v>
      </c>
      <c r="BW771" s="661">
        <f t="shared" si="236"/>
        <v>141.93846153846155</v>
      </c>
      <c r="BX771" s="661"/>
      <c r="BY771" s="746" t="str">
        <f>IF(AE771="yes",('DRAFT - HGC Schemes'!AB$3*$BW771),"")</f>
        <v/>
      </c>
      <c r="BZ771" s="746">
        <f>IF(AF771="yes",('DRAFT - HGC Schemes'!AC$3*$BW771),"")</f>
        <v>28387.692307692312</v>
      </c>
      <c r="CA771" s="746" t="str">
        <f>IF(AG771="yes",('DRAFT - HGC Schemes'!AD$3*$BW771),"")</f>
        <v/>
      </c>
      <c r="CB771" s="746" t="str">
        <f>IF(AH771="yes",('DRAFT - HGC Schemes'!AE$3*$BW771),"")</f>
        <v/>
      </c>
      <c r="CC771" s="746" t="str">
        <f>IF(AI771="yes",('DRAFT - HGC Schemes'!AF$3*$BW771),"")</f>
        <v/>
      </c>
      <c r="CD771" s="746" t="str">
        <f>IF(AJ771="yes",('DRAFT - HGC Schemes'!AG$3*$BW771),"")</f>
        <v/>
      </c>
      <c r="CE771" s="746" t="str">
        <f>IF(AK771="yes",('DRAFT - HGC Schemes'!AH$3*$BW771),"")</f>
        <v/>
      </c>
      <c r="CF771" s="746" t="str">
        <f>IF(AL771="yes",('DRAFT - HGC Schemes'!AI$3*$BW771),"")</f>
        <v/>
      </c>
      <c r="CG771" s="746" t="str">
        <f>IF(AM771="yes",('DRAFT - HGC Schemes'!AJ$3*$BW771),"")</f>
        <v/>
      </c>
      <c r="CH771" s="746" t="str">
        <f>IF(AN771="yes",('DRAFT - HGC Schemes'!AK$3*$BW771),"")</f>
        <v/>
      </c>
      <c r="CI771" s="746" t="str">
        <f>IF(AO771="yes",('DRAFT - HGC Schemes'!AL$3*$BW771),"")</f>
        <v/>
      </c>
      <c r="CJ771" s="746" t="str">
        <f>IF(AP771="yes",('DRAFT - HGC Schemes'!AM$3*$BW771),"")</f>
        <v/>
      </c>
      <c r="CK771" s="746" t="str">
        <f>IF(AQ771="yes",('DRAFT - HGC Schemes'!AN$3*$BW771),"")</f>
        <v/>
      </c>
      <c r="CL771" s="746" t="str">
        <f>IF(AR771="yes",('DRAFT - HGC Schemes'!AO$3*$BW771),"")</f>
        <v/>
      </c>
      <c r="CM771" s="746" t="str">
        <f>IF(AS771="yes",('DRAFT - HGC Schemes'!AP$3*$BW771),"")</f>
        <v/>
      </c>
      <c r="CN771" s="746" t="str">
        <f>IF(AT771="yes",('DRAFT - HGC Schemes'!AQ$3*$BW771),"")</f>
        <v/>
      </c>
      <c r="CO771" s="746" t="str">
        <f>IF(AU771="yes",('DRAFT - HGC Schemes'!AR$3*$BW771),"")</f>
        <v/>
      </c>
      <c r="CP771" s="746" t="str">
        <f>IF(AV771="yes",('DRAFT - HGC Schemes'!AS$3*$BW771),"")</f>
        <v/>
      </c>
      <c r="CQ771" s="746" t="str">
        <f>IF(AW771="yes",('DRAFT - HGC Schemes'!AT$3*$BW771),"")</f>
        <v/>
      </c>
      <c r="CR771" s="746" t="str">
        <f>IF(AX771="yes",('DRAFT - HGC Schemes'!AU$3*$BW771),"")</f>
        <v/>
      </c>
      <c r="CS771" s="746" t="str">
        <f>IF(AY771="yes",('DRAFT - HGC Schemes'!AV$3*$BW771),"")</f>
        <v/>
      </c>
      <c r="CT771" s="746" t="str">
        <f>IF(AZ771="yes",('DRAFT - HGC Schemes'!AW$3*$BW771),"")</f>
        <v/>
      </c>
      <c r="CU771" s="746" t="str">
        <f>IF(BA771="yes",('DRAFT - HGC Schemes'!AX$3*$BW771),"")</f>
        <v/>
      </c>
      <c r="CV771" s="746" t="str">
        <f>IF(BB771="yes",('DRAFT - HGC Schemes'!AY$3*$BW771),"")</f>
        <v/>
      </c>
      <c r="CW771" s="746" t="str">
        <f>IF(BC771="yes",('DRAFT - HGC Schemes'!AZ$3*$BW771),"")</f>
        <v/>
      </c>
      <c r="CX771" s="746" t="str">
        <f>IF(BD771="yes",('DRAFT - HGC Schemes'!BA$3*$BW771),"")</f>
        <v/>
      </c>
      <c r="CY771" s="746" t="str">
        <f>IF(BE771="yes",('DRAFT - HGC Schemes'!BB$3*$BW771),"")</f>
        <v/>
      </c>
      <c r="CZ771" s="746" t="str">
        <f>IF(BF771="yes",('DRAFT - HGC Schemes'!BC$3*$BW771),"")</f>
        <v/>
      </c>
      <c r="DA771" s="746" t="str">
        <f>IF(BG771="yes",('DRAFT - HGC Schemes'!BD$3*$BW771),"")</f>
        <v/>
      </c>
      <c r="DB771" s="746" t="str">
        <f>IF(BH771="yes",('DRAFT - HGC Schemes'!BE$3*$BW771),"")</f>
        <v/>
      </c>
      <c r="DC771" s="746" t="str">
        <f>IF(BI771="yes",('DRAFT - HGC Schemes'!BF$3*$BW771),"")</f>
        <v/>
      </c>
      <c r="DD771" s="746"/>
      <c r="DE771" s="746"/>
      <c r="DF771" s="746"/>
      <c r="DG771" s="746"/>
      <c r="DH771" s="746"/>
      <c r="DI771" s="746"/>
      <c r="DJ771" s="746"/>
      <c r="DK771" s="746"/>
      <c r="DL771" s="746"/>
      <c r="DM771" s="746"/>
      <c r="DN771" s="746"/>
      <c r="DO771" s="746"/>
      <c r="DP771" s="746"/>
      <c r="DQ771" s="746"/>
      <c r="DR771" s="654" t="s">
        <v>3101</v>
      </c>
      <c r="DS771" s="654" t="s">
        <v>3102</v>
      </c>
      <c r="DT771" s="654" t="s">
        <v>3098</v>
      </c>
      <c r="DU771" s="654"/>
      <c r="DV771" s="654"/>
    </row>
    <row r="772" spans="1:136" s="857" customFormat="1" ht="107.1" customHeight="1" x14ac:dyDescent="0.2">
      <c r="A772" s="464" t="s">
        <v>3099</v>
      </c>
      <c r="B772" s="668"/>
      <c r="C772" s="481">
        <v>439</v>
      </c>
      <c r="D772" s="481"/>
      <c r="E772" s="481" t="s">
        <v>2481</v>
      </c>
      <c r="F772" s="481" t="s">
        <v>53</v>
      </c>
      <c r="G772" s="481" t="s">
        <v>515</v>
      </c>
      <c r="H772" s="654" t="s">
        <v>1335</v>
      </c>
      <c r="I772" s="78" t="s">
        <v>560</v>
      </c>
      <c r="J772" s="654"/>
      <c r="K772" s="654"/>
      <c r="L772" s="654"/>
      <c r="M772" s="78" t="s">
        <v>561</v>
      </c>
      <c r="N772" s="654" t="s">
        <v>58</v>
      </c>
      <c r="O772" s="654" t="s">
        <v>1364</v>
      </c>
      <c r="P772" s="654" t="s">
        <v>2996</v>
      </c>
      <c r="Q772" s="654" t="s">
        <v>551</v>
      </c>
      <c r="R772" s="654" t="s">
        <v>525</v>
      </c>
      <c r="S772" s="657" t="s">
        <v>61</v>
      </c>
      <c r="T772" s="654" t="s">
        <v>71</v>
      </c>
      <c r="U772" s="654"/>
      <c r="V772" s="675" t="s">
        <v>63</v>
      </c>
      <c r="W772" s="675" t="s">
        <v>63</v>
      </c>
      <c r="X772" s="723">
        <v>42581.538461538461</v>
      </c>
      <c r="Y772" s="723"/>
      <c r="Z772" s="654" t="s">
        <v>64</v>
      </c>
      <c r="AA772" s="654"/>
      <c r="AB772" s="745">
        <f>X772</f>
        <v>42581.538461538461</v>
      </c>
      <c r="AC772" s="652" t="s">
        <v>82</v>
      </c>
      <c r="AD772" s="661"/>
      <c r="AE772" s="893"/>
      <c r="AF772" s="893"/>
      <c r="AG772" s="893"/>
      <c r="AH772" s="893"/>
      <c r="AI772" s="746" t="s">
        <v>66</v>
      </c>
      <c r="AJ772" s="746"/>
      <c r="AK772" s="893"/>
      <c r="AL772" s="893"/>
      <c r="AM772" s="893"/>
      <c r="AN772" s="893"/>
      <c r="AO772" s="893"/>
      <c r="AP772" s="893"/>
      <c r="AQ772" s="893"/>
      <c r="AR772" s="893"/>
      <c r="AS772" s="893"/>
      <c r="AT772" s="893"/>
      <c r="AU772" s="893"/>
      <c r="AV772" s="893"/>
      <c r="AW772" s="893"/>
      <c r="AX772" s="893"/>
      <c r="AY772" s="893"/>
      <c r="AZ772" s="893"/>
      <c r="BA772" s="893"/>
      <c r="BB772" s="893"/>
      <c r="BC772" s="893"/>
      <c r="BD772" s="893"/>
      <c r="BE772" s="893"/>
      <c r="BF772" s="893"/>
      <c r="BG772" s="893"/>
      <c r="BH772" s="893"/>
      <c r="BI772" s="893"/>
      <c r="BJ772" s="746"/>
      <c r="BK772" s="746"/>
      <c r="BL772" s="746"/>
      <c r="BM772" s="746"/>
      <c r="BN772" s="746"/>
      <c r="BO772" s="746"/>
      <c r="BP772" s="746"/>
      <c r="BQ772" s="746"/>
      <c r="BR772" s="746"/>
      <c r="BS772" s="746"/>
      <c r="BT772" s="746"/>
      <c r="BU772" s="746"/>
      <c r="BV772" s="884">
        <f>SUMIF(AE772:BI772,"YES",'DRAFT - HGC Schemes'!$AB$3:$BF$3)</f>
        <v>500</v>
      </c>
      <c r="BW772" s="661">
        <f t="shared" si="236"/>
        <v>85.163076923076929</v>
      </c>
      <c r="BX772" s="661"/>
      <c r="BY772" s="746" t="str">
        <f>IF(AE772="yes",('DRAFT - HGC Schemes'!AB$3*$BW772),"")</f>
        <v/>
      </c>
      <c r="BZ772" s="746" t="str">
        <f>IF(AF772="yes",('DRAFT - HGC Schemes'!AC$3*$BW772),"")</f>
        <v/>
      </c>
      <c r="CA772" s="746" t="str">
        <f>IF(AG772="yes",('DRAFT - HGC Schemes'!AD$3*$BW772),"")</f>
        <v/>
      </c>
      <c r="CB772" s="746" t="str">
        <f>IF(AH772="yes",('DRAFT - HGC Schemes'!AE$3*$BW772),"")</f>
        <v/>
      </c>
      <c r="CC772" s="746">
        <f>IF(AI772="yes",('DRAFT - HGC Schemes'!AF$3*$BW772),"")</f>
        <v>42581.538461538461</v>
      </c>
      <c r="CD772" s="746" t="str">
        <f>IF(AJ772="yes",('DRAFT - HGC Schemes'!AG$3*$BW772),"")</f>
        <v/>
      </c>
      <c r="CE772" s="746" t="str">
        <f>IF(AK772="yes",('DRAFT - HGC Schemes'!AH$3*$BW772),"")</f>
        <v/>
      </c>
      <c r="CF772" s="746" t="str">
        <f>IF(AL772="yes",('DRAFT - HGC Schemes'!AI$3*$BW772),"")</f>
        <v/>
      </c>
      <c r="CG772" s="746" t="str">
        <f>IF(AM772="yes",('DRAFT - HGC Schemes'!AJ$3*$BW772),"")</f>
        <v/>
      </c>
      <c r="CH772" s="746" t="str">
        <f>IF(AN772="yes",('DRAFT - HGC Schemes'!AK$3*$BW772),"")</f>
        <v/>
      </c>
      <c r="CI772" s="746" t="str">
        <f>IF(AO772="yes",('DRAFT - HGC Schemes'!AL$3*$BW772),"")</f>
        <v/>
      </c>
      <c r="CJ772" s="746" t="str">
        <f>IF(AP772="yes",('DRAFT - HGC Schemes'!AM$3*$BW772),"")</f>
        <v/>
      </c>
      <c r="CK772" s="746" t="str">
        <f>IF(AQ772="yes",('DRAFT - HGC Schemes'!AN$3*$BW772),"")</f>
        <v/>
      </c>
      <c r="CL772" s="746" t="str">
        <f>IF(AR772="yes",('DRAFT - HGC Schemes'!AO$3*$BW772),"")</f>
        <v/>
      </c>
      <c r="CM772" s="746" t="str">
        <f>IF(AS772="yes",('DRAFT - HGC Schemes'!AP$3*$BW772),"")</f>
        <v/>
      </c>
      <c r="CN772" s="746" t="str">
        <f>IF(AT772="yes",('DRAFT - HGC Schemes'!AQ$3*$BW772),"")</f>
        <v/>
      </c>
      <c r="CO772" s="746" t="str">
        <f>IF(AU772="yes",('DRAFT - HGC Schemes'!AR$3*$BW772),"")</f>
        <v/>
      </c>
      <c r="CP772" s="746" t="str">
        <f>IF(AV772="yes",('DRAFT - HGC Schemes'!AS$3*$BW772),"")</f>
        <v/>
      </c>
      <c r="CQ772" s="746" t="str">
        <f>IF(AW772="yes",('DRAFT - HGC Schemes'!AT$3*$BW772),"")</f>
        <v/>
      </c>
      <c r="CR772" s="746" t="str">
        <f>IF(AX772="yes",('DRAFT - HGC Schemes'!AU$3*$BW772),"")</f>
        <v/>
      </c>
      <c r="CS772" s="746" t="str">
        <f>IF(AY772="yes",('DRAFT - HGC Schemes'!AV$3*$BW772),"")</f>
        <v/>
      </c>
      <c r="CT772" s="746" t="str">
        <f>IF(AZ772="yes",('DRAFT - HGC Schemes'!AW$3*$BW772),"")</f>
        <v/>
      </c>
      <c r="CU772" s="746" t="str">
        <f>IF(BA772="yes",('DRAFT - HGC Schemes'!AX$3*$BW772),"")</f>
        <v/>
      </c>
      <c r="CV772" s="746" t="str">
        <f>IF(BB772="yes",('DRAFT - HGC Schemes'!AY$3*$BW772),"")</f>
        <v/>
      </c>
      <c r="CW772" s="746" t="str">
        <f>IF(BC772="yes",('DRAFT - HGC Schemes'!AZ$3*$BW772),"")</f>
        <v/>
      </c>
      <c r="CX772" s="746" t="str">
        <f>IF(BD772="yes",('DRAFT - HGC Schemes'!BA$3*$BW772),"")</f>
        <v/>
      </c>
      <c r="CY772" s="746" t="str">
        <f>IF(BE772="yes",('DRAFT - HGC Schemes'!BB$3*$BW772),"")</f>
        <v/>
      </c>
      <c r="CZ772" s="746" t="str">
        <f>IF(BF772="yes",('DRAFT - HGC Schemes'!BC$3*$BW772),"")</f>
        <v/>
      </c>
      <c r="DA772" s="746" t="str">
        <f>IF(BG772="yes",('DRAFT - HGC Schemes'!BD$3*$BW772),"")</f>
        <v/>
      </c>
      <c r="DB772" s="746" t="str">
        <f>IF(BH772="yes",('DRAFT - HGC Schemes'!BE$3*$BW772),"")</f>
        <v/>
      </c>
      <c r="DC772" s="746" t="str">
        <f>IF(BI772="yes",('DRAFT - HGC Schemes'!BF$3*$BW772),"")</f>
        <v/>
      </c>
      <c r="DD772" s="746"/>
      <c r="DE772" s="746"/>
      <c r="DF772" s="746"/>
      <c r="DG772" s="746"/>
      <c r="DH772" s="746"/>
      <c r="DI772" s="746"/>
      <c r="DJ772" s="746"/>
      <c r="DK772" s="746"/>
      <c r="DL772" s="746"/>
      <c r="DM772" s="746"/>
      <c r="DN772" s="746"/>
      <c r="DO772" s="746"/>
      <c r="DP772" s="746"/>
      <c r="DQ772" s="746"/>
      <c r="DR772" s="654" t="s">
        <v>3101</v>
      </c>
      <c r="DS772" s="654" t="s">
        <v>3102</v>
      </c>
      <c r="DT772" s="654" t="s">
        <v>3098</v>
      </c>
      <c r="DU772" s="654"/>
      <c r="DV772" s="654"/>
    </row>
    <row r="773" spans="1:136" s="857" customFormat="1" ht="107.1" customHeight="1" x14ac:dyDescent="0.2">
      <c r="A773" s="464" t="s">
        <v>3099</v>
      </c>
      <c r="B773" s="668"/>
      <c r="C773" s="481">
        <v>463</v>
      </c>
      <c r="D773" s="481"/>
      <c r="E773" s="481" t="s">
        <v>2481</v>
      </c>
      <c r="F773" s="481" t="s">
        <v>53</v>
      </c>
      <c r="G773" s="481" t="s">
        <v>515</v>
      </c>
      <c r="H773" s="654" t="s">
        <v>1335</v>
      </c>
      <c r="I773" s="78" t="s">
        <v>568</v>
      </c>
      <c r="J773" s="654"/>
      <c r="K773" s="654"/>
      <c r="L773" s="654"/>
      <c r="M773" s="78" t="s">
        <v>568</v>
      </c>
      <c r="N773" s="654" t="s">
        <v>58</v>
      </c>
      <c r="O773" s="654" t="s">
        <v>1365</v>
      </c>
      <c r="P773" s="654" t="s">
        <v>2996</v>
      </c>
      <c r="Q773" s="654" t="s">
        <v>551</v>
      </c>
      <c r="R773" s="654" t="s">
        <v>525</v>
      </c>
      <c r="S773" s="657" t="s">
        <v>61</v>
      </c>
      <c r="T773" s="654" t="s">
        <v>187</v>
      </c>
      <c r="U773" s="654"/>
      <c r="V773" s="675" t="s">
        <v>63</v>
      </c>
      <c r="W773" s="675" t="s">
        <v>63</v>
      </c>
      <c r="X773" s="723">
        <v>101804.13793103448</v>
      </c>
      <c r="Y773" s="723"/>
      <c r="Z773" s="654" t="s">
        <v>64</v>
      </c>
      <c r="AA773" s="654"/>
      <c r="AB773" s="745">
        <f>X773</f>
        <v>101804.13793103448</v>
      </c>
      <c r="AC773" s="652" t="s">
        <v>82</v>
      </c>
      <c r="AD773" s="661"/>
      <c r="AE773" s="893"/>
      <c r="AF773" s="893"/>
      <c r="AG773" s="893"/>
      <c r="AH773" s="893"/>
      <c r="AI773" s="893"/>
      <c r="AJ773" s="746" t="s">
        <v>66</v>
      </c>
      <c r="AK773" s="893"/>
      <c r="AL773" s="893"/>
      <c r="AM773" s="893"/>
      <c r="AN773" s="893"/>
      <c r="AO773" s="893"/>
      <c r="AP773" s="893"/>
      <c r="AQ773" s="893"/>
      <c r="AR773" s="893"/>
      <c r="AS773" s="893"/>
      <c r="AT773" s="893"/>
      <c r="AU773" s="893"/>
      <c r="AV773" s="893"/>
      <c r="AW773" s="893"/>
      <c r="AX773" s="893"/>
      <c r="AY773" s="893"/>
      <c r="AZ773" s="893"/>
      <c r="BA773" s="893"/>
      <c r="BB773" s="893"/>
      <c r="BC773" s="893"/>
      <c r="BD773" s="893"/>
      <c r="BE773" s="893"/>
      <c r="BF773" s="893"/>
      <c r="BG773" s="893"/>
      <c r="BH773" s="893"/>
      <c r="BI773" s="893"/>
      <c r="BJ773" s="746"/>
      <c r="BK773" s="746"/>
      <c r="BL773" s="746"/>
      <c r="BM773" s="746"/>
      <c r="BN773" s="746"/>
      <c r="BO773" s="746"/>
      <c r="BP773" s="746"/>
      <c r="BQ773" s="746"/>
      <c r="BR773" s="746"/>
      <c r="BS773" s="746"/>
      <c r="BT773" s="746"/>
      <c r="BU773" s="746"/>
      <c r="BV773" s="884">
        <f>SUMIF(AE773:BI773,"YES",'DRAFT - HGC Schemes'!$AB$3:$BF$3)</f>
        <v>480</v>
      </c>
      <c r="BW773" s="661">
        <f t="shared" si="236"/>
        <v>212.09195402298849</v>
      </c>
      <c r="BX773" s="661"/>
      <c r="BY773" s="746" t="str">
        <f>IF(AE773="yes",('DRAFT - HGC Schemes'!AB$3*$BW773),"")</f>
        <v/>
      </c>
      <c r="BZ773" s="746" t="str">
        <f>IF(AF773="yes",('DRAFT - HGC Schemes'!AC$3*$BW773),"")</f>
        <v/>
      </c>
      <c r="CA773" s="746" t="str">
        <f>IF(AG773="yes",('DRAFT - HGC Schemes'!AD$3*$BW773),"")</f>
        <v/>
      </c>
      <c r="CB773" s="746" t="str">
        <f>IF(AH773="yes",('DRAFT - HGC Schemes'!AE$3*$BW773),"")</f>
        <v/>
      </c>
      <c r="CC773" s="746" t="str">
        <f>IF(AI773="yes",('DRAFT - HGC Schemes'!AF$3*$BW773),"")</f>
        <v/>
      </c>
      <c r="CD773" s="746">
        <f>IF(AJ773="yes",('DRAFT - HGC Schemes'!AG$3*$BW773),"")</f>
        <v>101804.13793103448</v>
      </c>
      <c r="CE773" s="746" t="str">
        <f>IF(AK773="yes",('DRAFT - HGC Schemes'!AH$3*$BW773),"")</f>
        <v/>
      </c>
      <c r="CF773" s="746" t="str">
        <f>IF(AL773="yes",('DRAFT - HGC Schemes'!AI$3*$BW773),"")</f>
        <v/>
      </c>
      <c r="CG773" s="746" t="str">
        <f>IF(AM773="yes",('DRAFT - HGC Schemes'!AJ$3*$BW773),"")</f>
        <v/>
      </c>
      <c r="CH773" s="746" t="str">
        <f>IF(AN773="yes",('DRAFT - HGC Schemes'!AK$3*$BW773),"")</f>
        <v/>
      </c>
      <c r="CI773" s="746" t="str">
        <f>IF(AO773="yes",('DRAFT - HGC Schemes'!AL$3*$BW773),"")</f>
        <v/>
      </c>
      <c r="CJ773" s="746" t="str">
        <f>IF(AP773="yes",('DRAFT - HGC Schemes'!AM$3*$BW773),"")</f>
        <v/>
      </c>
      <c r="CK773" s="746" t="str">
        <f>IF(AQ773="yes",('DRAFT - HGC Schemes'!AN$3*$BW773),"")</f>
        <v/>
      </c>
      <c r="CL773" s="746" t="str">
        <f>IF(AR773="yes",('DRAFT - HGC Schemes'!AO$3*$BW773),"")</f>
        <v/>
      </c>
      <c r="CM773" s="746" t="str">
        <f>IF(AS773="yes",('DRAFT - HGC Schemes'!AP$3*$BW773),"")</f>
        <v/>
      </c>
      <c r="CN773" s="746" t="str">
        <f>IF(AT773="yes",('DRAFT - HGC Schemes'!AQ$3*$BW773),"")</f>
        <v/>
      </c>
      <c r="CO773" s="746" t="str">
        <f>IF(AU773="yes",('DRAFT - HGC Schemes'!AR$3*$BW773),"")</f>
        <v/>
      </c>
      <c r="CP773" s="746" t="str">
        <f>IF(AV773="yes",('DRAFT - HGC Schemes'!AS$3*$BW773),"")</f>
        <v/>
      </c>
      <c r="CQ773" s="746" t="str">
        <f>IF(AW773="yes",('DRAFT - HGC Schemes'!AT$3*$BW773),"")</f>
        <v/>
      </c>
      <c r="CR773" s="746" t="str">
        <f>IF(AX773="yes",('DRAFT - HGC Schemes'!AU$3*$BW773),"")</f>
        <v/>
      </c>
      <c r="CS773" s="746" t="str">
        <f>IF(AY773="yes",('DRAFT - HGC Schemes'!AV$3*$BW773),"")</f>
        <v/>
      </c>
      <c r="CT773" s="746" t="str">
        <f>IF(AZ773="yes",('DRAFT - HGC Schemes'!AW$3*$BW773),"")</f>
        <v/>
      </c>
      <c r="CU773" s="746" t="str">
        <f>IF(BA773="yes",('DRAFT - HGC Schemes'!AX$3*$BW773),"")</f>
        <v/>
      </c>
      <c r="CV773" s="746" t="str">
        <f>IF(BB773="yes",('DRAFT - HGC Schemes'!AY$3*$BW773),"")</f>
        <v/>
      </c>
      <c r="CW773" s="746" t="str">
        <f>IF(BC773="yes",('DRAFT - HGC Schemes'!AZ$3*$BW773),"")</f>
        <v/>
      </c>
      <c r="CX773" s="746" t="str">
        <f>IF(BD773="yes",('DRAFT - HGC Schemes'!BA$3*$BW773),"")</f>
        <v/>
      </c>
      <c r="CY773" s="746" t="str">
        <f>IF(BE773="yes",('DRAFT - HGC Schemes'!BB$3*$BW773),"")</f>
        <v/>
      </c>
      <c r="CZ773" s="746" t="str">
        <f>IF(BF773="yes",('DRAFT - HGC Schemes'!BC$3*$BW773),"")</f>
        <v/>
      </c>
      <c r="DA773" s="746" t="str">
        <f>IF(BG773="yes",('DRAFT - HGC Schemes'!BD$3*$BW773),"")</f>
        <v/>
      </c>
      <c r="DB773" s="746" t="str">
        <f>IF(BH773="yes",('DRAFT - HGC Schemes'!BE$3*$BW773),"")</f>
        <v/>
      </c>
      <c r="DC773" s="746" t="str">
        <f>IF(BI773="yes",('DRAFT - HGC Schemes'!BF$3*$BW773),"")</f>
        <v/>
      </c>
      <c r="DD773" s="746"/>
      <c r="DE773" s="746"/>
      <c r="DF773" s="746"/>
      <c r="DG773" s="746"/>
      <c r="DH773" s="746"/>
      <c r="DI773" s="746"/>
      <c r="DJ773" s="746"/>
      <c r="DK773" s="746"/>
      <c r="DL773" s="746"/>
      <c r="DM773" s="746"/>
      <c r="DN773" s="746"/>
      <c r="DO773" s="746"/>
      <c r="DP773" s="746"/>
      <c r="DQ773" s="746"/>
      <c r="DR773" s="654" t="s">
        <v>3101</v>
      </c>
      <c r="DS773" s="654" t="s">
        <v>3102</v>
      </c>
      <c r="DT773" s="654" t="s">
        <v>3098</v>
      </c>
      <c r="DU773" s="654"/>
      <c r="DV773" s="654"/>
    </row>
    <row r="774" spans="1:136" s="613" customFormat="1" ht="107.1" customHeight="1" x14ac:dyDescent="0.2">
      <c r="A774" s="494"/>
      <c r="B774" s="494"/>
      <c r="C774" s="494"/>
      <c r="D774" s="511">
        <v>70</v>
      </c>
      <c r="E774" s="511"/>
      <c r="F774" s="511" t="s">
        <v>2182</v>
      </c>
      <c r="G774" s="511" t="s">
        <v>1385</v>
      </c>
      <c r="H774" s="511" t="s">
        <v>1331</v>
      </c>
      <c r="I774" s="515" t="s">
        <v>191</v>
      </c>
      <c r="J774" s="515" t="s">
        <v>3103</v>
      </c>
      <c r="K774" s="515"/>
      <c r="L774" s="515"/>
      <c r="M774" s="515"/>
      <c r="N774" s="513" t="s">
        <v>2269</v>
      </c>
      <c r="O774" s="515" t="s">
        <v>3104</v>
      </c>
      <c r="P774" s="515" t="s">
        <v>1375</v>
      </c>
      <c r="Q774" s="654" t="s">
        <v>3027</v>
      </c>
      <c r="R774" s="515" t="s">
        <v>60</v>
      </c>
      <c r="S774" s="515" t="s">
        <v>869</v>
      </c>
      <c r="T774" s="654" t="s">
        <v>869</v>
      </c>
      <c r="U774" s="515" t="s">
        <v>3105</v>
      </c>
      <c r="V774" s="515"/>
      <c r="W774" s="718" t="s">
        <v>63</v>
      </c>
      <c r="X774" s="718" t="s">
        <v>63</v>
      </c>
      <c r="Y774" s="525">
        <v>1471279.32</v>
      </c>
      <c r="Z774" s="525"/>
      <c r="AA774" s="516" t="s">
        <v>64</v>
      </c>
      <c r="AB774" s="516"/>
      <c r="AC774" s="745">
        <f>IF(ISTEXT(Y774),Y774,Y774-Z774)</f>
        <v>1471279.32</v>
      </c>
      <c r="AD774" s="723" t="s">
        <v>3106</v>
      </c>
      <c r="AE774" s="653" t="s">
        <v>82</v>
      </c>
      <c r="AF774" s="516"/>
      <c r="AG774" s="516"/>
      <c r="AH774" s="516"/>
      <c r="AI774" s="516"/>
      <c r="AJ774" s="516"/>
      <c r="AK774" s="516"/>
      <c r="AL774" s="516"/>
      <c r="AM774" s="516"/>
      <c r="AN774" s="516"/>
      <c r="AO774" s="516"/>
      <c r="AP774" s="516"/>
      <c r="AQ774" s="516"/>
      <c r="AR774" s="516"/>
      <c r="AS774" s="516"/>
      <c r="AT774" s="516"/>
      <c r="AU774" s="516"/>
      <c r="AV774" s="516"/>
      <c r="AW774" s="516"/>
      <c r="AX774" s="516"/>
      <c r="AY774" s="516"/>
      <c r="AZ774" s="516"/>
      <c r="BA774" s="516"/>
      <c r="BB774" s="516"/>
      <c r="BC774" s="516"/>
      <c r="BD774" s="516"/>
      <c r="BE774" s="516"/>
      <c r="BF774" s="516"/>
      <c r="BG774" s="516"/>
      <c r="BH774" s="516"/>
      <c r="BI774" s="516"/>
      <c r="BJ774" s="516"/>
      <c r="BK774" s="516"/>
      <c r="BL774" s="516"/>
      <c r="BM774" s="516"/>
      <c r="BN774" s="516"/>
      <c r="BO774" s="516"/>
      <c r="BP774" s="516"/>
      <c r="BQ774" s="516"/>
      <c r="BR774" s="516"/>
      <c r="BS774" s="516"/>
      <c r="BT774" s="516" t="s">
        <v>66</v>
      </c>
      <c r="BU774" s="516"/>
      <c r="BV774" s="516"/>
      <c r="BW774" s="516"/>
      <c r="BX774" s="884">
        <f>SUMIF(AG774:BW774,"YES",'DRAFT - HGC Schemes'!$AB$3:$BR$3)</f>
        <v>1500</v>
      </c>
      <c r="BY774" s="661">
        <f>AC774/BX774</f>
        <v>980.85288000000003</v>
      </c>
      <c r="BZ774" s="661"/>
      <c r="CA774" s="746" t="str">
        <f>IF(AG774="yes",('DRAFT - HGC Schemes'!AB$3*$BY774),"")</f>
        <v/>
      </c>
      <c r="CB774" s="746" t="str">
        <f>IF(AH774="yes",('DRAFT - HGC Schemes'!AC$3*$BY774),"")</f>
        <v/>
      </c>
      <c r="CC774" s="746" t="str">
        <f>IF(AI774="yes",('DRAFT - HGC Schemes'!AD$3*$BY774),"")</f>
        <v/>
      </c>
      <c r="CD774" s="746" t="str">
        <f>IF(AJ774="yes",('DRAFT - HGC Schemes'!AE$3*$BY774),"")</f>
        <v/>
      </c>
      <c r="CE774" s="746" t="str">
        <f>IF(AK774="yes",('DRAFT - HGC Schemes'!AF$3*$BY774),"")</f>
        <v/>
      </c>
      <c r="CF774" s="746" t="str">
        <f>IF(AL774="yes",('DRAFT - HGC Schemes'!AG$3*$BY774),"")</f>
        <v/>
      </c>
      <c r="CG774" s="746" t="str">
        <f>IF(AM774="yes",('DRAFT - HGC Schemes'!AH$3*$BY774),"")</f>
        <v/>
      </c>
      <c r="CH774" s="746" t="str">
        <f>IF(AN774="yes",('DRAFT - HGC Schemes'!AI$3*$BY774),"")</f>
        <v/>
      </c>
      <c r="CI774" s="746" t="str">
        <f>IF(AO774="yes",('DRAFT - HGC Schemes'!AJ$3*$BY774),"")</f>
        <v/>
      </c>
      <c r="CJ774" s="746" t="str">
        <f>IF(AP774="yes",('DRAFT - HGC Schemes'!AK$3*$BY774),"")</f>
        <v/>
      </c>
      <c r="CK774" s="746" t="str">
        <f>IF(AQ774="yes",('DRAFT - HGC Schemes'!AL$3*$BY774),"")</f>
        <v/>
      </c>
      <c r="CL774" s="746" t="str">
        <f>IF(AR774="yes",('DRAFT - HGC Schemes'!AM$3*$BY774),"")</f>
        <v/>
      </c>
      <c r="CM774" s="746" t="str">
        <f>IF(AS774="yes",('DRAFT - HGC Schemes'!AN$3*$BY774),"")</f>
        <v/>
      </c>
      <c r="CN774" s="746" t="str">
        <f>IF(AT774="yes",('DRAFT - HGC Schemes'!AO$3*$BY774),"")</f>
        <v/>
      </c>
      <c r="CO774" s="746" t="str">
        <f>IF(AU774="yes",('DRAFT - HGC Schemes'!AP$3*$BY774),"")</f>
        <v/>
      </c>
      <c r="CP774" s="746" t="str">
        <f>IF(AV774="yes",('DRAFT - HGC Schemes'!AQ$3*$BY774),"")</f>
        <v/>
      </c>
      <c r="CQ774" s="746" t="str">
        <f>IF(AW774="yes",('DRAFT - HGC Schemes'!AR$3*$BY774),"")</f>
        <v/>
      </c>
      <c r="CR774" s="746" t="str">
        <f>IF(AX774="yes",('DRAFT - HGC Schemes'!AS$3*$BY774),"")</f>
        <v/>
      </c>
      <c r="CS774" s="746" t="str">
        <f>IF(AY774="yes",('DRAFT - HGC Schemes'!AT$3*$BY774),"")</f>
        <v/>
      </c>
      <c r="CT774" s="746" t="str">
        <f>IF(AZ774="yes",('DRAFT - HGC Schemes'!AU$3*$BY774),"")</f>
        <v/>
      </c>
      <c r="CU774" s="746" t="str">
        <f>IF(BA774="yes",('DRAFT - HGC Schemes'!AV$3*$BY774),"")</f>
        <v/>
      </c>
      <c r="CV774" s="746" t="str">
        <f>IF(BB774="yes",('DRAFT - HGC Schemes'!AW$3*$BY774),"")</f>
        <v/>
      </c>
      <c r="CW774" s="746" t="str">
        <f>IF(BC774="yes",('DRAFT - HGC Schemes'!AX$3*$BY774),"")</f>
        <v/>
      </c>
      <c r="CX774" s="746" t="str">
        <f>IF(BD774="yes",('DRAFT - HGC Schemes'!AY$3*$BY774),"")</f>
        <v/>
      </c>
      <c r="CY774" s="746" t="str">
        <f>IF(BE774="yes",('DRAFT - HGC Schemes'!AZ$3*$BY774),"")</f>
        <v/>
      </c>
      <c r="CZ774" s="746" t="str">
        <f>IF(BF774="yes",('DRAFT - HGC Schemes'!BA$3*$BY774),"")</f>
        <v/>
      </c>
      <c r="DA774" s="746" t="str">
        <f>IF(BG774="yes",('DRAFT - HGC Schemes'!BB$3*$BY774),"")</f>
        <v/>
      </c>
      <c r="DB774" s="746" t="str">
        <f>IF(BH774="yes",('DRAFT - HGC Schemes'!BC$3*$BY774),"")</f>
        <v/>
      </c>
      <c r="DC774" s="746" t="str">
        <f>IF(BI774="yes",('DRAFT - HGC Schemes'!BD$3*$BY774),"")</f>
        <v/>
      </c>
      <c r="DD774" s="746" t="str">
        <f>IF(BJ774="yes",('DRAFT - HGC Schemes'!BE$3*$BY774),"")</f>
        <v/>
      </c>
      <c r="DE774" s="746" t="str">
        <f>IF(BK774="yes",('DRAFT - HGC Schemes'!BF$3*$BY774),"")</f>
        <v/>
      </c>
      <c r="DF774" s="524"/>
      <c r="DG774" s="524"/>
      <c r="DH774" s="524"/>
      <c r="DI774" s="524"/>
      <c r="DJ774" s="524"/>
      <c r="DK774" s="524"/>
      <c r="DL774" s="524"/>
      <c r="DM774" s="524"/>
      <c r="DN774" s="524"/>
      <c r="DO774" s="524"/>
      <c r="DP774" s="524"/>
      <c r="DQ774" s="524"/>
      <c r="DR774" s="524"/>
      <c r="DS774" s="524"/>
      <c r="DT774" s="522" t="s">
        <v>2270</v>
      </c>
      <c r="DU774" s="522"/>
      <c r="DV774" s="522"/>
      <c r="DW774" s="654"/>
      <c r="DX774" s="654"/>
    </row>
    <row r="775" spans="1:136" s="613" customFormat="1" ht="107.1" customHeight="1" x14ac:dyDescent="0.2">
      <c r="A775" s="494"/>
      <c r="B775" s="494"/>
      <c r="C775" s="494"/>
      <c r="D775" s="511">
        <v>71</v>
      </c>
      <c r="E775" s="511"/>
      <c r="F775" s="511" t="s">
        <v>2182</v>
      </c>
      <c r="G775" s="511" t="s">
        <v>1385</v>
      </c>
      <c r="H775" s="511" t="s">
        <v>1331</v>
      </c>
      <c r="I775" s="515" t="s">
        <v>191</v>
      </c>
      <c r="J775" s="515" t="s">
        <v>3107</v>
      </c>
      <c r="K775" s="515"/>
      <c r="L775" s="515"/>
      <c r="M775" s="515"/>
      <c r="N775" s="513" t="s">
        <v>2272</v>
      </c>
      <c r="O775" s="515" t="s">
        <v>3104</v>
      </c>
      <c r="P775" s="515" t="s">
        <v>1376</v>
      </c>
      <c r="Q775" s="663" t="s">
        <v>2993</v>
      </c>
      <c r="R775" s="515" t="s">
        <v>60</v>
      </c>
      <c r="S775" s="515" t="s">
        <v>869</v>
      </c>
      <c r="T775" s="654" t="s">
        <v>869</v>
      </c>
      <c r="U775" s="515" t="s">
        <v>3108</v>
      </c>
      <c r="V775" s="515"/>
      <c r="W775" s="718" t="s">
        <v>63</v>
      </c>
      <c r="X775" s="718" t="s">
        <v>63</v>
      </c>
      <c r="Y775" s="525">
        <v>1569364.608</v>
      </c>
      <c r="Z775" s="525"/>
      <c r="AA775" s="516" t="s">
        <v>64</v>
      </c>
      <c r="AB775" s="516"/>
      <c r="AC775" s="745">
        <f>IF(ISTEXT(Y775),Y775,Y775-Z775)</f>
        <v>1569364.608</v>
      </c>
      <c r="AD775" s="723" t="s">
        <v>3106</v>
      </c>
      <c r="AE775" s="653" t="s">
        <v>82</v>
      </c>
      <c r="AF775" s="516"/>
      <c r="AG775" s="516"/>
      <c r="AH775" s="516"/>
      <c r="AI775" s="516"/>
      <c r="AJ775" s="516"/>
      <c r="AK775" s="516"/>
      <c r="AL775" s="516"/>
      <c r="AM775" s="516"/>
      <c r="AN775" s="516"/>
      <c r="AO775" s="516"/>
      <c r="AP775" s="516"/>
      <c r="AQ775" s="516"/>
      <c r="AR775" s="516"/>
      <c r="AS775" s="516"/>
      <c r="AT775" s="516"/>
      <c r="AU775" s="516"/>
      <c r="AV775" s="516"/>
      <c r="AW775" s="516"/>
      <c r="AX775" s="516"/>
      <c r="AY775" s="516"/>
      <c r="AZ775" s="516"/>
      <c r="BA775" s="516"/>
      <c r="BB775" s="516"/>
      <c r="BC775" s="516"/>
      <c r="BD775" s="516"/>
      <c r="BE775" s="516"/>
      <c r="BF775" s="516"/>
      <c r="BG775" s="516"/>
      <c r="BH775" s="516"/>
      <c r="BI775" s="516"/>
      <c r="BJ775" s="516"/>
      <c r="BK775" s="516"/>
      <c r="BL775" s="516"/>
      <c r="BM775" s="516"/>
      <c r="BN775" s="516"/>
      <c r="BO775" s="516"/>
      <c r="BP775" s="516"/>
      <c r="BQ775" s="516"/>
      <c r="BR775" s="516"/>
      <c r="BS775" s="516"/>
      <c r="BT775" s="516"/>
      <c r="BU775" s="516" t="s">
        <v>66</v>
      </c>
      <c r="BV775" s="516"/>
      <c r="BW775" s="516"/>
      <c r="BX775" s="884">
        <f>SUMIF(AG775:BW775,"YES",'DRAFT - HGC Schemes'!$AB$3:$BR$3)</f>
        <v>1600</v>
      </c>
      <c r="BY775" s="661">
        <f>AC775/BX775</f>
        <v>980.85288000000003</v>
      </c>
      <c r="BZ775" s="661"/>
      <c r="CA775" s="746" t="str">
        <f>IF(AG775="yes",('DRAFT - HGC Schemes'!AB$3*$BY775),"")</f>
        <v/>
      </c>
      <c r="CB775" s="746" t="str">
        <f>IF(AH775="yes",('DRAFT - HGC Schemes'!AC$3*$BY775),"")</f>
        <v/>
      </c>
      <c r="CC775" s="746" t="str">
        <f>IF(AI775="yes",('DRAFT - HGC Schemes'!AD$3*$BY775),"")</f>
        <v/>
      </c>
      <c r="CD775" s="746" t="str">
        <f>IF(AJ775="yes",('DRAFT - HGC Schemes'!AE$3*$BY775),"")</f>
        <v/>
      </c>
      <c r="CE775" s="746" t="str">
        <f>IF(AK775="yes",('DRAFT - HGC Schemes'!AF$3*$BY775),"")</f>
        <v/>
      </c>
      <c r="CF775" s="746" t="str">
        <f>IF(AL775="yes",('DRAFT - HGC Schemes'!AG$3*$BY775),"")</f>
        <v/>
      </c>
      <c r="CG775" s="746" t="str">
        <f>IF(AM775="yes",('DRAFT - HGC Schemes'!AH$3*$BY775),"")</f>
        <v/>
      </c>
      <c r="CH775" s="746" t="str">
        <f>IF(AN775="yes",('DRAFT - HGC Schemes'!AI$3*$BY775),"")</f>
        <v/>
      </c>
      <c r="CI775" s="746" t="str">
        <f>IF(AO775="yes",('DRAFT - HGC Schemes'!AJ$3*$BY775),"")</f>
        <v/>
      </c>
      <c r="CJ775" s="746" t="str">
        <f>IF(AP775="yes",('DRAFT - HGC Schemes'!AK$3*$BY775),"")</f>
        <v/>
      </c>
      <c r="CK775" s="746" t="str">
        <f>IF(AQ775="yes",('DRAFT - HGC Schemes'!AL$3*$BY775),"")</f>
        <v/>
      </c>
      <c r="CL775" s="746" t="str">
        <f>IF(AR775="yes",('DRAFT - HGC Schemes'!AM$3*$BY775),"")</f>
        <v/>
      </c>
      <c r="CM775" s="746" t="str">
        <f>IF(AS775="yes",('DRAFT - HGC Schemes'!AN$3*$BY775),"")</f>
        <v/>
      </c>
      <c r="CN775" s="746" t="str">
        <f>IF(AT775="yes",('DRAFT - HGC Schemes'!AO$3*$BY775),"")</f>
        <v/>
      </c>
      <c r="CO775" s="746" t="str">
        <f>IF(AU775="yes",('DRAFT - HGC Schemes'!AP$3*$BY775),"")</f>
        <v/>
      </c>
      <c r="CP775" s="746" t="str">
        <f>IF(AV775="yes",('DRAFT - HGC Schemes'!AQ$3*$BY775),"")</f>
        <v/>
      </c>
      <c r="CQ775" s="746" t="str">
        <f>IF(AW775="yes",('DRAFT - HGC Schemes'!AR$3*$BY775),"")</f>
        <v/>
      </c>
      <c r="CR775" s="746" t="str">
        <f>IF(AX775="yes",('DRAFT - HGC Schemes'!AS$3*$BY775),"")</f>
        <v/>
      </c>
      <c r="CS775" s="746" t="str">
        <f>IF(AY775="yes",('DRAFT - HGC Schemes'!AT$3*$BY775),"")</f>
        <v/>
      </c>
      <c r="CT775" s="746" t="str">
        <f>IF(AZ775="yes",('DRAFT - HGC Schemes'!AU$3*$BY775),"")</f>
        <v/>
      </c>
      <c r="CU775" s="746" t="str">
        <f>IF(BA775="yes",('DRAFT - HGC Schemes'!AV$3*$BY775),"")</f>
        <v/>
      </c>
      <c r="CV775" s="746" t="str">
        <f>IF(BB775="yes",('DRAFT - HGC Schemes'!AW$3*$BY775),"")</f>
        <v/>
      </c>
      <c r="CW775" s="746" t="str">
        <f>IF(BC775="yes",('DRAFT - HGC Schemes'!AX$3*$BY775),"")</f>
        <v/>
      </c>
      <c r="CX775" s="746" t="str">
        <f>IF(BD775="yes",('DRAFT - HGC Schemes'!AY$3*$BY775),"")</f>
        <v/>
      </c>
      <c r="CY775" s="746" t="str">
        <f>IF(BE775="yes",('DRAFT - HGC Schemes'!AZ$3*$BY775),"")</f>
        <v/>
      </c>
      <c r="CZ775" s="746" t="str">
        <f>IF(BF775="yes",('DRAFT - HGC Schemes'!BA$3*$BY775),"")</f>
        <v/>
      </c>
      <c r="DA775" s="746" t="str">
        <f>IF(BG775="yes",('DRAFT - HGC Schemes'!BB$3*$BY775),"")</f>
        <v/>
      </c>
      <c r="DB775" s="746" t="str">
        <f>IF(BH775="yes",('DRAFT - HGC Schemes'!BC$3*$BY775),"")</f>
        <v/>
      </c>
      <c r="DC775" s="746" t="str">
        <f>IF(BI775="yes",('DRAFT - HGC Schemes'!BD$3*$BY775),"")</f>
        <v/>
      </c>
      <c r="DD775" s="746" t="str">
        <f>IF(BJ775="yes",('DRAFT - HGC Schemes'!BE$3*$BY775),"")</f>
        <v/>
      </c>
      <c r="DE775" s="746" t="str">
        <f>IF(BK775="yes",('DRAFT - HGC Schemes'!BF$3*$BY775),"")</f>
        <v/>
      </c>
      <c r="DF775" s="524"/>
      <c r="DG775" s="524"/>
      <c r="DH775" s="524"/>
      <c r="DI775" s="524"/>
      <c r="DJ775" s="524"/>
      <c r="DK775" s="524"/>
      <c r="DL775" s="524"/>
      <c r="DM775" s="524"/>
      <c r="DN775" s="524"/>
      <c r="DO775" s="524"/>
      <c r="DP775" s="524"/>
      <c r="DQ775" s="524"/>
      <c r="DR775" s="524"/>
      <c r="DS775" s="524"/>
      <c r="DT775" s="522" t="s">
        <v>2270</v>
      </c>
      <c r="DU775" s="522"/>
      <c r="DV775" s="522"/>
      <c r="DW775" s="654"/>
      <c r="DX775" s="654"/>
    </row>
    <row r="776" spans="1:136" s="613" customFormat="1" ht="107.1" customHeight="1" x14ac:dyDescent="0.2">
      <c r="A776" s="494"/>
      <c r="B776" s="494"/>
      <c r="C776" s="494"/>
      <c r="D776" s="511">
        <v>72</v>
      </c>
      <c r="E776" s="511"/>
      <c r="F776" s="511" t="s">
        <v>2182</v>
      </c>
      <c r="G776" s="511" t="s">
        <v>1385</v>
      </c>
      <c r="H776" s="511" t="s">
        <v>1331</v>
      </c>
      <c r="I776" s="515" t="s">
        <v>191</v>
      </c>
      <c r="J776" s="515" t="s">
        <v>3109</v>
      </c>
      <c r="K776" s="515"/>
      <c r="L776" s="515"/>
      <c r="M776" s="515"/>
      <c r="N776" s="513" t="s">
        <v>2274</v>
      </c>
      <c r="O776" s="515" t="s">
        <v>3104</v>
      </c>
      <c r="P776" s="515" t="s">
        <v>1377</v>
      </c>
      <c r="Q776" s="663" t="s">
        <v>2993</v>
      </c>
      <c r="R776" s="515" t="s">
        <v>60</v>
      </c>
      <c r="S776" s="515" t="s">
        <v>869</v>
      </c>
      <c r="T776" s="654" t="s">
        <v>869</v>
      </c>
      <c r="U776" s="515" t="s">
        <v>3108</v>
      </c>
      <c r="V776" s="515"/>
      <c r="W776" s="718" t="s">
        <v>63</v>
      </c>
      <c r="X776" s="718" t="s">
        <v>63</v>
      </c>
      <c r="Y776" s="525">
        <v>2354046.912</v>
      </c>
      <c r="Z776" s="525"/>
      <c r="AA776" s="516" t="s">
        <v>64</v>
      </c>
      <c r="AB776" s="516"/>
      <c r="AC776" s="745">
        <f>IF(ISTEXT(Y776),Y776,Y776-Z776)</f>
        <v>2354046.912</v>
      </c>
      <c r="AD776" s="723" t="s">
        <v>3106</v>
      </c>
      <c r="AE776" s="653" t="s">
        <v>82</v>
      </c>
      <c r="AF776" s="516"/>
      <c r="AG776" s="516"/>
      <c r="AH776" s="516"/>
      <c r="AI776" s="516"/>
      <c r="AJ776" s="516"/>
      <c r="AK776" s="516"/>
      <c r="AL776" s="516"/>
      <c r="AM776" s="516"/>
      <c r="AN776" s="516"/>
      <c r="AO776" s="516"/>
      <c r="AP776" s="516"/>
      <c r="AQ776" s="516"/>
      <c r="AR776" s="516"/>
      <c r="AS776" s="516"/>
      <c r="AT776" s="516"/>
      <c r="AU776" s="516"/>
      <c r="AV776" s="516"/>
      <c r="AW776" s="516"/>
      <c r="AX776" s="516"/>
      <c r="AY776" s="516"/>
      <c r="AZ776" s="516"/>
      <c r="BA776" s="516"/>
      <c r="BB776" s="516"/>
      <c r="BC776" s="516"/>
      <c r="BD776" s="516"/>
      <c r="BE776" s="516"/>
      <c r="BF776" s="516"/>
      <c r="BG776" s="516"/>
      <c r="BH776" s="516"/>
      <c r="BI776" s="516"/>
      <c r="BJ776" s="516"/>
      <c r="BK776" s="516"/>
      <c r="BL776" s="516"/>
      <c r="BM776" s="516"/>
      <c r="BN776" s="516"/>
      <c r="BO776" s="516"/>
      <c r="BP776" s="516"/>
      <c r="BQ776" s="516"/>
      <c r="BR776" s="516"/>
      <c r="BS776" s="516"/>
      <c r="BT776" s="516"/>
      <c r="BU776" s="516"/>
      <c r="BV776" s="516" t="s">
        <v>66</v>
      </c>
      <c r="BW776" s="516"/>
      <c r="BX776" s="884">
        <f>SUMIF(AG776:BW776,"YES",'DRAFT - HGC Schemes'!$AB$3:$BR$3)</f>
        <v>2400</v>
      </c>
      <c r="BY776" s="661">
        <f>AC776/BX776</f>
        <v>980.85288000000003</v>
      </c>
      <c r="BZ776" s="661"/>
      <c r="CA776" s="746" t="str">
        <f>IF(AG776="yes",('DRAFT - HGC Schemes'!AB$3*$BY776),"")</f>
        <v/>
      </c>
      <c r="CB776" s="746" t="str">
        <f>IF(AH776="yes",('DRAFT - HGC Schemes'!AC$3*$BY776),"")</f>
        <v/>
      </c>
      <c r="CC776" s="746" t="str">
        <f>IF(AI776="yes",('DRAFT - HGC Schemes'!AD$3*$BY776),"")</f>
        <v/>
      </c>
      <c r="CD776" s="746" t="str">
        <f>IF(AJ776="yes",('DRAFT - HGC Schemes'!AE$3*$BY776),"")</f>
        <v/>
      </c>
      <c r="CE776" s="746" t="str">
        <f>IF(AK776="yes",('DRAFT - HGC Schemes'!AF$3*$BY776),"")</f>
        <v/>
      </c>
      <c r="CF776" s="746" t="str">
        <f>IF(AL776="yes",('DRAFT - HGC Schemes'!AG$3*$BY776),"")</f>
        <v/>
      </c>
      <c r="CG776" s="746" t="str">
        <f>IF(AM776="yes",('DRAFT - HGC Schemes'!AH$3*$BY776),"")</f>
        <v/>
      </c>
      <c r="CH776" s="746" t="str">
        <f>IF(AN776="yes",('DRAFT - HGC Schemes'!AI$3*$BY776),"")</f>
        <v/>
      </c>
      <c r="CI776" s="746" t="str">
        <f>IF(AO776="yes",('DRAFT - HGC Schemes'!AJ$3*$BY776),"")</f>
        <v/>
      </c>
      <c r="CJ776" s="746" t="str">
        <f>IF(AP776="yes",('DRAFT - HGC Schemes'!AK$3*$BY776),"")</f>
        <v/>
      </c>
      <c r="CK776" s="746" t="str">
        <f>IF(AQ776="yes",('DRAFT - HGC Schemes'!AL$3*$BY776),"")</f>
        <v/>
      </c>
      <c r="CL776" s="746" t="str">
        <f>IF(AR776="yes",('DRAFT - HGC Schemes'!AM$3*$BY776),"")</f>
        <v/>
      </c>
      <c r="CM776" s="746" t="str">
        <f>IF(AS776="yes",('DRAFT - HGC Schemes'!AN$3*$BY776),"")</f>
        <v/>
      </c>
      <c r="CN776" s="746" t="str">
        <f>IF(AT776="yes",('DRAFT - HGC Schemes'!AO$3*$BY776),"")</f>
        <v/>
      </c>
      <c r="CO776" s="746" t="str">
        <f>IF(AU776="yes",('DRAFT - HGC Schemes'!AP$3*$BY776),"")</f>
        <v/>
      </c>
      <c r="CP776" s="746" t="str">
        <f>IF(AV776="yes",('DRAFT - HGC Schemes'!AQ$3*$BY776),"")</f>
        <v/>
      </c>
      <c r="CQ776" s="746" t="str">
        <f>IF(AW776="yes",('DRAFT - HGC Schemes'!AR$3*$BY776),"")</f>
        <v/>
      </c>
      <c r="CR776" s="746" t="str">
        <f>IF(AX776="yes",('DRAFT - HGC Schemes'!AS$3*$BY776),"")</f>
        <v/>
      </c>
      <c r="CS776" s="746" t="str">
        <f>IF(AY776="yes",('DRAFT - HGC Schemes'!AT$3*$BY776),"")</f>
        <v/>
      </c>
      <c r="CT776" s="746" t="str">
        <f>IF(AZ776="yes",('DRAFT - HGC Schemes'!AU$3*$BY776),"")</f>
        <v/>
      </c>
      <c r="CU776" s="746" t="str">
        <f>IF(BA776="yes",('DRAFT - HGC Schemes'!AV$3*$BY776),"")</f>
        <v/>
      </c>
      <c r="CV776" s="746" t="str">
        <f>IF(BB776="yes",('DRAFT - HGC Schemes'!AW$3*$BY776),"")</f>
        <v/>
      </c>
      <c r="CW776" s="746" t="str">
        <f>IF(BC776="yes",('DRAFT - HGC Schemes'!AX$3*$BY776),"")</f>
        <v/>
      </c>
      <c r="CX776" s="746" t="str">
        <f>IF(BD776="yes",('DRAFT - HGC Schemes'!AY$3*$BY776),"")</f>
        <v/>
      </c>
      <c r="CY776" s="746" t="str">
        <f>IF(BE776="yes",('DRAFT - HGC Schemes'!AZ$3*$BY776),"")</f>
        <v/>
      </c>
      <c r="CZ776" s="746" t="str">
        <f>IF(BF776="yes",('DRAFT - HGC Schemes'!BA$3*$BY776),"")</f>
        <v/>
      </c>
      <c r="DA776" s="746" t="str">
        <f>IF(BG776="yes",('DRAFT - HGC Schemes'!BB$3*$BY776),"")</f>
        <v/>
      </c>
      <c r="DB776" s="746" t="str">
        <f>IF(BH776="yes",('DRAFT - HGC Schemes'!BC$3*$BY776),"")</f>
        <v/>
      </c>
      <c r="DC776" s="746" t="str">
        <f>IF(BI776="yes",('DRAFT - HGC Schemes'!BD$3*$BY776),"")</f>
        <v/>
      </c>
      <c r="DD776" s="746" t="str">
        <f>IF(BJ776="yes",('DRAFT - HGC Schemes'!BE$3*$BY776),"")</f>
        <v/>
      </c>
      <c r="DE776" s="746" t="str">
        <f>IF(BK776="yes",('DRAFT - HGC Schemes'!BF$3*$BY776),"")</f>
        <v/>
      </c>
      <c r="DF776" s="524"/>
      <c r="DG776" s="524"/>
      <c r="DH776" s="524"/>
      <c r="DI776" s="524"/>
      <c r="DJ776" s="524"/>
      <c r="DK776" s="524"/>
      <c r="DL776" s="524"/>
      <c r="DM776" s="524"/>
      <c r="DN776" s="524"/>
      <c r="DO776" s="524"/>
      <c r="DP776" s="524"/>
      <c r="DQ776" s="524"/>
      <c r="DR776" s="524"/>
      <c r="DS776" s="524"/>
      <c r="DT776" s="522" t="s">
        <v>2270</v>
      </c>
      <c r="DU776" s="522"/>
      <c r="DV776" s="522"/>
      <c r="DW776" s="654"/>
      <c r="DX776" s="654"/>
    </row>
    <row r="777" spans="1:136" s="613" customFormat="1" ht="107.1" customHeight="1" x14ac:dyDescent="0.2">
      <c r="A777" s="494"/>
      <c r="B777" s="494"/>
      <c r="C777" s="494" t="s">
        <v>3110</v>
      </c>
      <c r="D777" s="511">
        <v>59</v>
      </c>
      <c r="E777" s="511"/>
      <c r="F777" s="511" t="s">
        <v>2182</v>
      </c>
      <c r="G777" s="511" t="s">
        <v>1385</v>
      </c>
      <c r="H777" s="511" t="s">
        <v>1331</v>
      </c>
      <c r="I777" s="515" t="s">
        <v>1339</v>
      </c>
      <c r="J777" s="515" t="s">
        <v>2247</v>
      </c>
      <c r="K777" s="515"/>
      <c r="L777" s="515"/>
      <c r="M777" s="515"/>
      <c r="N777" s="513" t="s">
        <v>3111</v>
      </c>
      <c r="O777" s="515" t="s">
        <v>2249</v>
      </c>
      <c r="P777" s="515" t="s">
        <v>63</v>
      </c>
      <c r="Q777" s="654" t="s">
        <v>2996</v>
      </c>
      <c r="R777" s="515" t="s">
        <v>81</v>
      </c>
      <c r="S777" s="515" t="s">
        <v>3112</v>
      </c>
      <c r="T777" s="654" t="s">
        <v>3112</v>
      </c>
      <c r="U777" s="515" t="s">
        <v>2251</v>
      </c>
      <c r="V777" s="515"/>
      <c r="W777" s="718" t="s">
        <v>63</v>
      </c>
      <c r="X777" s="718" t="s">
        <v>63</v>
      </c>
      <c r="Y777" s="516" t="s">
        <v>63</v>
      </c>
      <c r="Z777" s="516"/>
      <c r="AA777" s="516" t="s">
        <v>718</v>
      </c>
      <c r="AB777" s="516"/>
      <c r="AC777" s="745" t="str">
        <f>IF(ISTEXT(Y777),Y777,Y777-Z777)</f>
        <v>N/A</v>
      </c>
      <c r="AD777" s="723" t="s">
        <v>3106</v>
      </c>
      <c r="AE777" s="653" t="s">
        <v>82</v>
      </c>
      <c r="AF777" s="516"/>
      <c r="AG777" s="516"/>
      <c r="AH777" s="516"/>
      <c r="AI777" s="516"/>
      <c r="AJ777" s="516"/>
      <c r="AK777" s="516"/>
      <c r="AL777" s="516"/>
      <c r="AM777" s="516"/>
      <c r="AN777" s="516"/>
      <c r="AO777" s="516"/>
      <c r="AP777" s="516"/>
      <c r="AQ777" s="516"/>
      <c r="AR777" s="516"/>
      <c r="AS777" s="516"/>
      <c r="AT777" s="516"/>
      <c r="AU777" s="516"/>
      <c r="AV777" s="516"/>
      <c r="AW777" s="516"/>
      <c r="AX777" s="516"/>
      <c r="AY777" s="516"/>
      <c r="AZ777" s="516"/>
      <c r="BA777" s="516"/>
      <c r="BB777" s="516"/>
      <c r="BC777" s="516"/>
      <c r="BD777" s="516"/>
      <c r="BE777" s="516"/>
      <c r="BF777" s="516"/>
      <c r="BG777" s="516"/>
      <c r="BH777" s="516"/>
      <c r="BI777" s="516"/>
      <c r="BJ777" s="516"/>
      <c r="BK777" s="516"/>
      <c r="BL777" s="516" t="s">
        <v>66</v>
      </c>
      <c r="BM777" s="516" t="s">
        <v>66</v>
      </c>
      <c r="BN777" s="516" t="s">
        <v>66</v>
      </c>
      <c r="BO777" s="516" t="s">
        <v>66</v>
      </c>
      <c r="BP777" s="516" t="s">
        <v>66</v>
      </c>
      <c r="BQ777" s="516" t="s">
        <v>66</v>
      </c>
      <c r="BR777" s="516" t="s">
        <v>66</v>
      </c>
      <c r="BS777" s="516" t="s">
        <v>66</v>
      </c>
      <c r="BT777" s="516" t="s">
        <v>66</v>
      </c>
      <c r="BU777" s="516" t="s">
        <v>66</v>
      </c>
      <c r="BV777" s="516" t="s">
        <v>66</v>
      </c>
      <c r="BW777" s="516"/>
      <c r="BX777" s="884">
        <f>SUMIF(AG777:BW777,"YES",'DRAFT - HGC Schemes'!$AB$3:$BR$3)</f>
        <v>9727</v>
      </c>
      <c r="BY777" s="661" t="e">
        <f>AC777/BX777</f>
        <v>#VALUE!</v>
      </c>
      <c r="BZ777" s="661"/>
      <c r="CA777" s="746" t="str">
        <f>IF(AG777="yes",('DRAFT - HGC Schemes'!AB$3*$BY777),"")</f>
        <v/>
      </c>
      <c r="CB777" s="746" t="str">
        <f>IF(AH777="yes",('DRAFT - HGC Schemes'!AC$3*$BY777),"")</f>
        <v/>
      </c>
      <c r="CC777" s="746" t="str">
        <f>IF(AI777="yes",('DRAFT - HGC Schemes'!AD$3*$BY777),"")</f>
        <v/>
      </c>
      <c r="CD777" s="746" t="str">
        <f>IF(AJ777="yes",('DRAFT - HGC Schemes'!AE$3*$BY777),"")</f>
        <v/>
      </c>
      <c r="CE777" s="746" t="str">
        <f>IF(AK777="yes",('DRAFT - HGC Schemes'!AF$3*$BY777),"")</f>
        <v/>
      </c>
      <c r="CF777" s="746" t="str">
        <f>IF(AL777="yes",('DRAFT - HGC Schemes'!AG$3*$BY777),"")</f>
        <v/>
      </c>
      <c r="CG777" s="746" t="str">
        <f>IF(AM777="yes",('DRAFT - HGC Schemes'!AH$3*$BY777),"")</f>
        <v/>
      </c>
      <c r="CH777" s="746" t="str">
        <f>IF(AN777="yes",('DRAFT - HGC Schemes'!AI$3*$BY777),"")</f>
        <v/>
      </c>
      <c r="CI777" s="746" t="str">
        <f>IF(AO777="yes",('DRAFT - HGC Schemes'!AJ$3*$BY777),"")</f>
        <v/>
      </c>
      <c r="CJ777" s="746" t="str">
        <f>IF(AP777="yes",('DRAFT - HGC Schemes'!AK$3*$BY777),"")</f>
        <v/>
      </c>
      <c r="CK777" s="746" t="str">
        <f>IF(AQ777="yes",('DRAFT - HGC Schemes'!AL$3*$BY777),"")</f>
        <v/>
      </c>
      <c r="CL777" s="746" t="str">
        <f>IF(AR777="yes",('DRAFT - HGC Schemes'!AM$3*$BY777),"")</f>
        <v/>
      </c>
      <c r="CM777" s="746" t="str">
        <f>IF(AS777="yes",('DRAFT - HGC Schemes'!AN$3*$BY777),"")</f>
        <v/>
      </c>
      <c r="CN777" s="746" t="str">
        <f>IF(AT777="yes",('DRAFT - HGC Schemes'!AO$3*$BY777),"")</f>
        <v/>
      </c>
      <c r="CO777" s="746" t="str">
        <f>IF(AU777="yes",('DRAFT - HGC Schemes'!AP$3*$BY777),"")</f>
        <v/>
      </c>
      <c r="CP777" s="746" t="str">
        <f>IF(AV777="yes",('DRAFT - HGC Schemes'!AQ$3*$BY777),"")</f>
        <v/>
      </c>
      <c r="CQ777" s="746" t="str">
        <f>IF(AW777="yes",('DRAFT - HGC Schemes'!AR$3*$BY777),"")</f>
        <v/>
      </c>
      <c r="CR777" s="746" t="str">
        <f>IF(AX777="yes",('DRAFT - HGC Schemes'!AS$3*$BY777),"")</f>
        <v/>
      </c>
      <c r="CS777" s="746" t="str">
        <f>IF(AY777="yes",('DRAFT - HGC Schemes'!AT$3*$BY777),"")</f>
        <v/>
      </c>
      <c r="CT777" s="746" t="str">
        <f>IF(AZ777="yes",('DRAFT - HGC Schemes'!AU$3*$BY777),"")</f>
        <v/>
      </c>
      <c r="CU777" s="746" t="str">
        <f>IF(BA777="yes",('DRAFT - HGC Schemes'!AV$3*$BY777),"")</f>
        <v/>
      </c>
      <c r="CV777" s="746" t="str">
        <f>IF(BB777="yes",('DRAFT - HGC Schemes'!AW$3*$BY777),"")</f>
        <v/>
      </c>
      <c r="CW777" s="746" t="str">
        <f>IF(BC777="yes",('DRAFT - HGC Schemes'!AX$3*$BY777),"")</f>
        <v/>
      </c>
      <c r="CX777" s="746" t="str">
        <f>IF(BD777="yes",('DRAFT - HGC Schemes'!AY$3*$BY777),"")</f>
        <v/>
      </c>
      <c r="CY777" s="746" t="str">
        <f>IF(BE777="yes",('DRAFT - HGC Schemes'!AZ$3*$BY777),"")</f>
        <v/>
      </c>
      <c r="CZ777" s="746" t="str">
        <f>IF(BF777="yes",('DRAFT - HGC Schemes'!BA$3*$BY777),"")</f>
        <v/>
      </c>
      <c r="DA777" s="746" t="str">
        <f>IF(BG777="yes",('DRAFT - HGC Schemes'!BB$3*$BY777),"")</f>
        <v/>
      </c>
      <c r="DB777" s="746" t="str">
        <f>IF(BH777="yes",('DRAFT - HGC Schemes'!BC$3*$BY777),"")</f>
        <v/>
      </c>
      <c r="DC777" s="746" t="str">
        <f>IF(BI777="yes",('DRAFT - HGC Schemes'!BD$3*$BY777),"")</f>
        <v/>
      </c>
      <c r="DD777" s="746" t="str">
        <f>IF(BJ777="yes",('DRAFT - HGC Schemes'!BE$3*$BY777),"")</f>
        <v/>
      </c>
      <c r="DE777" s="746" t="str">
        <f>IF(BK777="yes",('DRAFT - HGC Schemes'!BF$3*$BY777),"")</f>
        <v/>
      </c>
      <c r="DF777" s="516"/>
      <c r="DG777" s="516"/>
      <c r="DH777" s="516"/>
      <c r="DI777" s="516"/>
      <c r="DJ777" s="516"/>
      <c r="DK777" s="516"/>
      <c r="DL777" s="516"/>
      <c r="DM777" s="516"/>
      <c r="DN777" s="516"/>
      <c r="DO777" s="516"/>
      <c r="DP777" s="516"/>
      <c r="DQ777" s="516"/>
      <c r="DR777" s="516"/>
      <c r="DS777" s="516"/>
      <c r="DT777" s="513"/>
      <c r="DU777" s="513"/>
      <c r="DV777" s="513" t="s">
        <v>3113</v>
      </c>
      <c r="DW777" s="654"/>
      <c r="DX777" s="654"/>
    </row>
    <row r="778" spans="1:136" s="857" customFormat="1" ht="107.1" customHeight="1" x14ac:dyDescent="0.2">
      <c r="A778" s="77"/>
      <c r="B778" s="77"/>
      <c r="C778" s="77"/>
      <c r="D778" s="77"/>
      <c r="E778" s="77"/>
      <c r="F778" s="77"/>
      <c r="G778" s="481">
        <v>33</v>
      </c>
      <c r="H778" s="481"/>
      <c r="I778" s="481" t="s">
        <v>2481</v>
      </c>
      <c r="J778" s="481" t="s">
        <v>53</v>
      </c>
      <c r="K778" s="481" t="s">
        <v>1341</v>
      </c>
      <c r="L778" s="654" t="s">
        <v>154</v>
      </c>
      <c r="M778" s="543" t="s">
        <v>3114</v>
      </c>
      <c r="N778" s="543"/>
      <c r="O778" s="543"/>
      <c r="P778" s="543"/>
      <c r="Q778" s="495" t="s">
        <v>3115</v>
      </c>
      <c r="R778" s="654" t="s">
        <v>58</v>
      </c>
      <c r="S778" s="657" t="s">
        <v>1368</v>
      </c>
      <c r="T778" s="654" t="s">
        <v>2996</v>
      </c>
      <c r="U778" s="654" t="s">
        <v>60</v>
      </c>
      <c r="V778" s="654" t="s">
        <v>3084</v>
      </c>
      <c r="W778" s="654" t="s">
        <v>3084</v>
      </c>
      <c r="X778" s="654" t="s">
        <v>208</v>
      </c>
      <c r="Y778" s="654"/>
      <c r="Z778" s="675" t="s">
        <v>63</v>
      </c>
      <c r="AA778" s="675" t="s">
        <v>63</v>
      </c>
      <c r="AB778" s="723">
        <f>SUM(CG778:DW778)</f>
        <v>90897612.274288237</v>
      </c>
      <c r="AC778" s="723"/>
      <c r="AD778" s="657" t="s">
        <v>64</v>
      </c>
      <c r="AE778" s="654"/>
      <c r="AF778" s="745">
        <f t="shared" ref="AF778:AF797" si="237">IF(ISTEXT(AB778),AB778,AB778-AC778)</f>
        <v>90897612.274288237</v>
      </c>
      <c r="AG778" s="723" t="s">
        <v>3106</v>
      </c>
      <c r="AH778" s="723"/>
      <c r="AI778" s="649" t="s">
        <v>65</v>
      </c>
      <c r="AJ778" s="649"/>
      <c r="AK778" s="649"/>
      <c r="AL778" s="654"/>
      <c r="AM778" s="883"/>
      <c r="AN778" s="883"/>
      <c r="AO778" s="883"/>
      <c r="AP778" s="883"/>
      <c r="AQ778" s="883"/>
      <c r="AR778" s="883"/>
      <c r="AS778" s="883"/>
      <c r="AT778" s="883"/>
      <c r="AU778" s="883" t="s">
        <v>66</v>
      </c>
      <c r="AV778" s="883"/>
      <c r="AW778" s="883"/>
      <c r="AX778" s="883"/>
      <c r="AY778" s="883"/>
      <c r="AZ778" s="883"/>
      <c r="BA778" s="883"/>
      <c r="BB778" s="883"/>
      <c r="BC778" s="883"/>
      <c r="BD778" s="883"/>
      <c r="BE778" s="883"/>
      <c r="BF778" s="883"/>
      <c r="BG778" s="883"/>
      <c r="BH778" s="883"/>
      <c r="BI778" s="883"/>
      <c r="BJ778" s="883"/>
      <c r="BK778" s="883"/>
      <c r="BL778" s="883"/>
      <c r="BM778" s="883"/>
      <c r="BN778" s="883"/>
      <c r="BO778" s="883"/>
      <c r="BP778" s="883"/>
      <c r="BQ778" s="883"/>
      <c r="BR778" s="746"/>
      <c r="BS778" s="746"/>
      <c r="BT778" s="746"/>
      <c r="BU778" s="746"/>
      <c r="BV778" s="746"/>
      <c r="BW778" s="746"/>
      <c r="BX778" s="746"/>
      <c r="BY778" s="746"/>
      <c r="BZ778" s="746"/>
      <c r="CA778" s="746"/>
      <c r="CB778" s="746"/>
      <c r="CC778" s="746"/>
      <c r="CD778" s="884">
        <f>SUMIF(AM778:CC778,"YES",'DRAFT - HGC Schemes'!$AB$3:$BR$3)</f>
        <v>500</v>
      </c>
      <c r="CE778" s="661">
        <f t="shared" ref="CE778:CE802" si="238">AF778/CD778</f>
        <v>181795.22454857649</v>
      </c>
      <c r="CF778" s="661"/>
      <c r="CG778" s="746" t="str">
        <f>IF(AM778="yes",('DRAFT - HGC Schemes'!AB$3*$CE778),"")</f>
        <v/>
      </c>
      <c r="CH778" s="746" t="str">
        <f>IF(AN778="yes",('DRAFT - HGC Schemes'!AC$3*$CE778),"")</f>
        <v/>
      </c>
      <c r="CI778" s="746" t="str">
        <f>IF(AO778="yes",('DRAFT - HGC Schemes'!AD$3*$CE778),"")</f>
        <v/>
      </c>
      <c r="CJ778" s="746" t="str">
        <f>IF(AP778="yes",('DRAFT - HGC Schemes'!AE$3*$CE778),"")</f>
        <v/>
      </c>
      <c r="CK778" s="746" t="str">
        <f>IF(AQ778="yes",('DRAFT - HGC Schemes'!AF$3*$CE778),"")</f>
        <v/>
      </c>
      <c r="CL778" s="746" t="str">
        <f>IF(AR778="yes",('DRAFT - HGC Schemes'!AG$3*$CE778),"")</f>
        <v/>
      </c>
      <c r="CM778" s="746" t="str">
        <f>IF(AS778="yes",('DRAFT - HGC Schemes'!AH$3*$CE778),"")</f>
        <v/>
      </c>
      <c r="CN778" s="746" t="str">
        <f>IF(AT778="yes",('DRAFT - HGC Schemes'!AI$3*$CE778),"")</f>
        <v/>
      </c>
      <c r="CO778" s="746">
        <f>1672*'DRAFT - HGC Schemes'!CD11</f>
        <v>90897612.274288237</v>
      </c>
      <c r="CP778" s="746" t="str">
        <f>IF(AV778="yes",('DRAFT - HGC Schemes'!AK$3*$CE778),"")</f>
        <v/>
      </c>
      <c r="CQ778" s="746" t="str">
        <f>IF(AW778="yes",('DRAFT - HGC Schemes'!AL$3*$CE778),"")</f>
        <v/>
      </c>
      <c r="CR778" s="746" t="str">
        <f>IF(AX778="yes",('DRAFT - HGC Schemes'!AM$3*$CE778),"")</f>
        <v/>
      </c>
      <c r="CS778" s="746" t="str">
        <f>IF(AY778="yes",('DRAFT - HGC Schemes'!AN$3*$CE778),"")</f>
        <v/>
      </c>
      <c r="CT778" s="746" t="str">
        <f>IF(AZ778="yes",('DRAFT - HGC Schemes'!AO$3*$CE778),"")</f>
        <v/>
      </c>
      <c r="CU778" s="746" t="str">
        <f>IF(BA778="yes",('DRAFT - HGC Schemes'!AP$3*$CE778),"")</f>
        <v/>
      </c>
      <c r="CV778" s="746" t="str">
        <f>IF(BB778="yes",('DRAFT - HGC Schemes'!AQ$3*$CE778),"")</f>
        <v/>
      </c>
      <c r="CW778" s="746" t="str">
        <f>IF(BC778="yes",('DRAFT - HGC Schemes'!AR$3*$CE778),"")</f>
        <v/>
      </c>
      <c r="CX778" s="746" t="str">
        <f>IF(BD778="yes",('DRAFT - HGC Schemes'!AS$3*$CE778),"")</f>
        <v/>
      </c>
      <c r="CY778" s="746" t="str">
        <f>IF(BE778="yes",('DRAFT - HGC Schemes'!AT$3*$CE778),"")</f>
        <v/>
      </c>
      <c r="CZ778" s="746" t="str">
        <f>IF(BF778="yes",('DRAFT - HGC Schemes'!AU$3*$CE778),"")</f>
        <v/>
      </c>
      <c r="DA778" s="746" t="str">
        <f>IF(BG778="yes",('DRAFT - HGC Schemes'!AV$3*$CE778),"")</f>
        <v/>
      </c>
      <c r="DB778" s="746" t="str">
        <f>IF(BH778="yes",('DRAFT - HGC Schemes'!AW$3*$CE778),"")</f>
        <v/>
      </c>
      <c r="DC778" s="746" t="str">
        <f>IF(BI778="yes",('DRAFT - HGC Schemes'!AX$3*$CE778),"")</f>
        <v/>
      </c>
      <c r="DD778" s="746" t="str">
        <f>IF(BJ778="yes",('DRAFT - HGC Schemes'!AY$3*$CE778),"")</f>
        <v/>
      </c>
      <c r="DE778" s="746" t="str">
        <f>IF(BK778="yes",('DRAFT - HGC Schemes'!AZ$3*$CE778),"")</f>
        <v/>
      </c>
      <c r="DF778" s="746" t="str">
        <f>IF(BL778="yes",('DRAFT - HGC Schemes'!BA$3*$CE778),"")</f>
        <v/>
      </c>
      <c r="DG778" s="746" t="str">
        <f>IF(BM778="yes",('DRAFT - HGC Schemes'!BB$3*$CE778),"")</f>
        <v/>
      </c>
      <c r="DH778" s="746" t="str">
        <f>IF(BN778="yes",('DRAFT - HGC Schemes'!BC$3*$CE778),"")</f>
        <v/>
      </c>
      <c r="DI778" s="746" t="str">
        <f>IF(BO778="yes",('DRAFT - HGC Schemes'!BD$3*$CE778),"")</f>
        <v/>
      </c>
      <c r="DJ778" s="746" t="str">
        <f>IF(BP778="yes",('DRAFT - HGC Schemes'!BE$3*$CE778),"")</f>
        <v/>
      </c>
      <c r="DK778" s="746" t="str">
        <f>IF(BQ778="yes",('DRAFT - HGC Schemes'!BF$3*$CE778),"")</f>
        <v/>
      </c>
      <c r="DL778" s="746"/>
      <c r="DM778" s="746"/>
      <c r="DN778" s="746"/>
      <c r="DO778" s="746"/>
      <c r="DP778" s="746"/>
      <c r="DQ778" s="746"/>
      <c r="DR778" s="746"/>
      <c r="DS778" s="746"/>
      <c r="DT778" s="746"/>
      <c r="DU778" s="746"/>
      <c r="DV778" s="746"/>
      <c r="DW778" s="746"/>
      <c r="DX778" s="746"/>
      <c r="DY778" s="746"/>
      <c r="DZ778" s="495" t="s">
        <v>3116</v>
      </c>
      <c r="EA778" s="933"/>
      <c r="EB778" s="714" t="s">
        <v>3117</v>
      </c>
      <c r="EC778" s="714"/>
      <c r="ED778" s="664"/>
      <c r="EE778" s="664"/>
    </row>
    <row r="779" spans="1:136" s="857" customFormat="1" ht="230.25" customHeight="1" x14ac:dyDescent="0.25">
      <c r="A779" s="934"/>
      <c r="B779" s="538"/>
      <c r="C779" s="660"/>
      <c r="D779" s="660"/>
      <c r="E779" s="660"/>
      <c r="F779" s="660"/>
      <c r="G779" s="550" t="s">
        <v>3118</v>
      </c>
      <c r="H779" s="543"/>
      <c r="I779" s="671" t="s">
        <v>2445</v>
      </c>
      <c r="J779" s="543"/>
      <c r="K779" s="671" t="s">
        <v>1346</v>
      </c>
      <c r="L779" s="543"/>
      <c r="M779" s="640" t="s">
        <v>3119</v>
      </c>
      <c r="N779" s="543"/>
      <c r="O779" s="543"/>
      <c r="P779" s="543"/>
      <c r="Q779" s="495" t="s">
        <v>3120</v>
      </c>
      <c r="R779" s="543" t="s">
        <v>3104</v>
      </c>
      <c r="S779" s="543"/>
      <c r="T779" s="543" t="s">
        <v>2986</v>
      </c>
      <c r="U779" s="543"/>
      <c r="V779" s="543"/>
      <c r="W779" s="657"/>
      <c r="X779" s="543"/>
      <c r="Y779" s="543"/>
      <c r="Z779" s="718" t="s">
        <v>63</v>
      </c>
      <c r="AA779" s="718" t="s">
        <v>63</v>
      </c>
      <c r="AB779" s="543"/>
      <c r="AC779" s="543"/>
      <c r="AD779" s="657" t="s">
        <v>64</v>
      </c>
      <c r="AE779" s="543"/>
      <c r="AF779" s="745">
        <f t="shared" si="237"/>
        <v>0</v>
      </c>
      <c r="AG779" s="745" t="s">
        <v>2565</v>
      </c>
      <c r="AH779" s="745"/>
      <c r="AI779" s="543"/>
      <c r="AJ779" s="543"/>
      <c r="AK779" s="543"/>
      <c r="AL779" s="543"/>
      <c r="AM779" s="543"/>
      <c r="AN779" s="543"/>
      <c r="AO779" s="543"/>
      <c r="AP779" s="543"/>
      <c r="AQ779" s="543"/>
      <c r="AR779" s="543"/>
      <c r="AS779" s="543"/>
      <c r="AT779" s="543"/>
      <c r="AU779" s="543"/>
      <c r="AV779" s="543"/>
      <c r="AW779" s="543"/>
      <c r="AX779" s="543"/>
      <c r="AY779" s="543"/>
      <c r="AZ779" s="543"/>
      <c r="BA779" s="543"/>
      <c r="BB779" s="543"/>
      <c r="BC779" s="543"/>
      <c r="BD779" s="543"/>
      <c r="BE779" s="543"/>
      <c r="BF779" s="543"/>
      <c r="BG779" s="543"/>
      <c r="BH779" s="543"/>
      <c r="BI779" s="543"/>
      <c r="BJ779" s="543"/>
      <c r="BK779" s="543"/>
      <c r="BL779" s="543"/>
      <c r="BM779" s="543"/>
      <c r="BN779" s="543"/>
      <c r="BO779" s="543"/>
      <c r="BP779" s="543"/>
      <c r="BQ779" s="543"/>
      <c r="BR779" s="543"/>
      <c r="BS779" s="543"/>
      <c r="BT779" s="543"/>
      <c r="BU779" s="543"/>
      <c r="BV779" s="543"/>
      <c r="BW779" s="543"/>
      <c r="BX779" s="543"/>
      <c r="BY779" s="543"/>
      <c r="BZ779" s="543"/>
      <c r="CA779" s="543"/>
      <c r="CB779" s="543"/>
      <c r="CC779" s="543"/>
      <c r="CD779" s="884">
        <f>SUMIF(AM779:CC779,"YES",'DRAFT - HGC Schemes'!$AB$3:$BR$3)</f>
        <v>0</v>
      </c>
      <c r="CE779" s="661" t="e">
        <f t="shared" si="238"/>
        <v>#DIV/0!</v>
      </c>
      <c r="CF779" s="661"/>
      <c r="CG779" s="746" t="str">
        <f>IF(AM779="yes",('DRAFT - HGC Schemes'!AB$3*$CE779),"")</f>
        <v/>
      </c>
      <c r="CH779" s="746" t="str">
        <f>IF(AN779="yes",('DRAFT - HGC Schemes'!AC$3*$CE779),"")</f>
        <v/>
      </c>
      <c r="CI779" s="746" t="str">
        <f>IF(AO779="yes",('DRAFT - HGC Schemes'!AD$3*$CE779),"")</f>
        <v/>
      </c>
      <c r="CJ779" s="746" t="str">
        <f>IF(AP779="yes",('DRAFT - HGC Schemes'!AE$3*$CE779),"")</f>
        <v/>
      </c>
      <c r="CK779" s="746" t="str">
        <f>IF(AQ779="yes",('DRAFT - HGC Schemes'!AF$3*$CE779),"")</f>
        <v/>
      </c>
      <c r="CL779" s="746" t="str">
        <f>IF(AR779="yes",('DRAFT - HGC Schemes'!AG$3*$CE779),"")</f>
        <v/>
      </c>
      <c r="CM779" s="746" t="str">
        <f>IF(AS779="yes",('DRAFT - HGC Schemes'!AH$3*$CE779),"")</f>
        <v/>
      </c>
      <c r="CN779" s="746" t="str">
        <f>IF(AT779="yes",('DRAFT - HGC Schemes'!AI$3*$CE779),"")</f>
        <v/>
      </c>
      <c r="CO779" s="746" t="str">
        <f>IF(AU779="yes",('DRAFT - HGC Schemes'!AJ$3*$CE779),"")</f>
        <v/>
      </c>
      <c r="CP779" s="746" t="str">
        <f>IF(AV779="yes",('DRAFT - HGC Schemes'!AK$3*$CE779),"")</f>
        <v/>
      </c>
      <c r="CQ779" s="746" t="str">
        <f>IF(AW779="yes",('DRAFT - HGC Schemes'!AL$3*$CE779),"")</f>
        <v/>
      </c>
      <c r="CR779" s="746" t="str">
        <f>IF(AX779="yes",('DRAFT - HGC Schemes'!AM$3*$CE779),"")</f>
        <v/>
      </c>
      <c r="CS779" s="746" t="str">
        <f>IF(AY779="yes",('DRAFT - HGC Schemes'!AN$3*$CE779),"")</f>
        <v/>
      </c>
      <c r="CT779" s="746" t="str">
        <f>IF(AZ779="yes",('DRAFT - HGC Schemes'!AO$3*$CE779),"")</f>
        <v/>
      </c>
      <c r="CU779" s="746" t="str">
        <f>IF(BA779="yes",('DRAFT - HGC Schemes'!AP$3*$CE779),"")</f>
        <v/>
      </c>
      <c r="CV779" s="746" t="str">
        <f>IF(BB779="yes",('DRAFT - HGC Schemes'!AQ$3*$CE779),"")</f>
        <v/>
      </c>
      <c r="CW779" s="746" t="str">
        <f>IF(BC779="yes",('DRAFT - HGC Schemes'!AR$3*$CE779),"")</f>
        <v/>
      </c>
      <c r="CX779" s="746" t="str">
        <f>IF(BD779="yes",('DRAFT - HGC Schemes'!AS$3*$CE779),"")</f>
        <v/>
      </c>
      <c r="CY779" s="746" t="str">
        <f>IF(BE779="yes",('DRAFT - HGC Schemes'!AT$3*$CE779),"")</f>
        <v/>
      </c>
      <c r="CZ779" s="746" t="str">
        <f>IF(BF779="yes",('DRAFT - HGC Schemes'!AU$3*$CE779),"")</f>
        <v/>
      </c>
      <c r="DA779" s="746" t="str">
        <f>IF(BG779="yes",('DRAFT - HGC Schemes'!AV$3*$CE779),"")</f>
        <v/>
      </c>
      <c r="DB779" s="746" t="str">
        <f>IF(BH779="yes",('DRAFT - HGC Schemes'!AW$3*$CE779),"")</f>
        <v/>
      </c>
      <c r="DC779" s="746" t="str">
        <f>IF(BI779="yes",('DRAFT - HGC Schemes'!AX$3*$CE779),"")</f>
        <v/>
      </c>
      <c r="DD779" s="746" t="str">
        <f>IF(BJ779="yes",('DRAFT - HGC Schemes'!AY$3*$CE779),"")</f>
        <v/>
      </c>
      <c r="DE779" s="746" t="str">
        <f>IF(BK779="yes",('DRAFT - HGC Schemes'!AZ$3*$CE779),"")</f>
        <v/>
      </c>
      <c r="DF779" s="746" t="str">
        <f>IF(BL779="yes",('DRAFT - HGC Schemes'!BA$3*$CE779),"")</f>
        <v/>
      </c>
      <c r="DG779" s="746" t="str">
        <f>IF(BM779="yes",('DRAFT - HGC Schemes'!BB$3*$CE779),"")</f>
        <v/>
      </c>
      <c r="DH779" s="746" t="str">
        <f>IF(BN779="yes",('DRAFT - HGC Schemes'!BC$3*$CE779),"")</f>
        <v/>
      </c>
      <c r="DI779" s="746" t="str">
        <f>IF(BO779="yes",('DRAFT - HGC Schemes'!BD$3*$CE779),"")</f>
        <v/>
      </c>
      <c r="DJ779" s="746" t="str">
        <f>IF(BP779="yes",('DRAFT - HGC Schemes'!BE$3*$CE779),"")</f>
        <v/>
      </c>
      <c r="DK779" s="746" t="str">
        <f>IF(BQ779="yes",('DRAFT - HGC Schemes'!BF$3*$CE779),"")</f>
        <v/>
      </c>
      <c r="DL779" s="543"/>
      <c r="DM779" s="543"/>
      <c r="DN779" s="543"/>
      <c r="DO779" s="543"/>
      <c r="DP779" s="543"/>
      <c r="DQ779" s="543"/>
      <c r="DR779" s="543"/>
      <c r="DS779" s="543"/>
      <c r="DT779" s="543"/>
      <c r="DU779" s="543"/>
      <c r="DV779" s="543"/>
      <c r="DW779" s="543"/>
      <c r="DX779" s="543"/>
      <c r="DY779" s="543"/>
      <c r="DZ779" s="654"/>
      <c r="EA779" s="543" t="s">
        <v>2449</v>
      </c>
      <c r="EB779" s="654"/>
      <c r="EC779" s="654"/>
      <c r="ED779" s="545">
        <v>1</v>
      </c>
      <c r="EE779" s="545">
        <v>0</v>
      </c>
      <c r="EF779" s="354"/>
    </row>
    <row r="780" spans="1:136" s="857" customFormat="1" ht="107.1" customHeight="1" x14ac:dyDescent="0.25">
      <c r="A780" s="934"/>
      <c r="B780" s="538"/>
      <c r="C780" s="660"/>
      <c r="D780" s="660"/>
      <c r="E780" s="660"/>
      <c r="F780" s="660"/>
      <c r="G780" s="550" t="s">
        <v>3121</v>
      </c>
      <c r="H780" s="543"/>
      <c r="I780" s="671" t="s">
        <v>2445</v>
      </c>
      <c r="J780" s="543"/>
      <c r="K780" s="671" t="s">
        <v>1346</v>
      </c>
      <c r="L780" s="543"/>
      <c r="M780" s="640" t="s">
        <v>3122</v>
      </c>
      <c r="N780" s="543"/>
      <c r="O780" s="543"/>
      <c r="P780" s="543"/>
      <c r="Q780" s="495" t="s">
        <v>3123</v>
      </c>
      <c r="R780" s="543" t="s">
        <v>3104</v>
      </c>
      <c r="S780" s="543"/>
      <c r="T780" s="543" t="s">
        <v>2986</v>
      </c>
      <c r="U780" s="543"/>
      <c r="V780" s="543"/>
      <c r="W780" s="657"/>
      <c r="X780" s="543"/>
      <c r="Y780" s="543"/>
      <c r="Z780" s="718" t="s">
        <v>63</v>
      </c>
      <c r="AA780" s="718" t="s">
        <v>63</v>
      </c>
      <c r="AB780" s="543"/>
      <c r="AC780" s="543"/>
      <c r="AD780" s="657" t="s">
        <v>64</v>
      </c>
      <c r="AE780" s="543"/>
      <c r="AF780" s="745">
        <f t="shared" si="237"/>
        <v>0</v>
      </c>
      <c r="AG780" s="745" t="s">
        <v>2565</v>
      </c>
      <c r="AH780" s="745"/>
      <c r="AI780" s="543"/>
      <c r="AJ780" s="543"/>
      <c r="AK780" s="543"/>
      <c r="AL780" s="543"/>
      <c r="AM780" s="543"/>
      <c r="AN780" s="543"/>
      <c r="AO780" s="543"/>
      <c r="AP780" s="543"/>
      <c r="AQ780" s="543"/>
      <c r="AR780" s="543"/>
      <c r="AS780" s="543"/>
      <c r="AT780" s="543"/>
      <c r="AU780" s="543"/>
      <c r="AV780" s="543"/>
      <c r="AW780" s="543"/>
      <c r="AX780" s="543"/>
      <c r="AY780" s="543"/>
      <c r="AZ780" s="543"/>
      <c r="BA780" s="543"/>
      <c r="BB780" s="543"/>
      <c r="BC780" s="543"/>
      <c r="BD780" s="543"/>
      <c r="BE780" s="543"/>
      <c r="BF780" s="543"/>
      <c r="BG780" s="543"/>
      <c r="BH780" s="543"/>
      <c r="BI780" s="543"/>
      <c r="BJ780" s="543"/>
      <c r="BK780" s="543"/>
      <c r="BL780" s="543"/>
      <c r="BM780" s="543"/>
      <c r="BN780" s="543"/>
      <c r="BO780" s="543"/>
      <c r="BP780" s="543"/>
      <c r="BQ780" s="543"/>
      <c r="BR780" s="543"/>
      <c r="BS780" s="543"/>
      <c r="BT780" s="543"/>
      <c r="BU780" s="543"/>
      <c r="BV780" s="543"/>
      <c r="BW780" s="543"/>
      <c r="BX780" s="543"/>
      <c r="BY780" s="543"/>
      <c r="BZ780" s="543"/>
      <c r="CA780" s="543"/>
      <c r="CB780" s="543"/>
      <c r="CC780" s="543"/>
      <c r="CD780" s="884">
        <f>SUMIF(AM780:CC780,"YES",'DRAFT - HGC Schemes'!$AB$3:$BR$3)</f>
        <v>0</v>
      </c>
      <c r="CE780" s="661" t="e">
        <f t="shared" si="238"/>
        <v>#DIV/0!</v>
      </c>
      <c r="CF780" s="661"/>
      <c r="CG780" s="746" t="str">
        <f>IF(AM780="yes",('DRAFT - HGC Schemes'!AB$3*$CE780),"")</f>
        <v/>
      </c>
      <c r="CH780" s="746" t="str">
        <f>IF(AN780="yes",('DRAFT - HGC Schemes'!AC$3*$CE780),"")</f>
        <v/>
      </c>
      <c r="CI780" s="746" t="str">
        <f>IF(AO780="yes",('DRAFT - HGC Schemes'!AD$3*$CE780),"")</f>
        <v/>
      </c>
      <c r="CJ780" s="746" t="str">
        <f>IF(AP780="yes",('DRAFT - HGC Schemes'!AE$3*$CE780),"")</f>
        <v/>
      </c>
      <c r="CK780" s="746" t="str">
        <f>IF(AQ780="yes",('DRAFT - HGC Schemes'!AF$3*$CE780),"")</f>
        <v/>
      </c>
      <c r="CL780" s="746" t="str">
        <f>IF(AR780="yes",('DRAFT - HGC Schemes'!AG$3*$CE780),"")</f>
        <v/>
      </c>
      <c r="CM780" s="746" t="str">
        <f>IF(AS780="yes",('DRAFT - HGC Schemes'!AH$3*$CE780),"")</f>
        <v/>
      </c>
      <c r="CN780" s="746" t="str">
        <f>IF(AT780="yes",('DRAFT - HGC Schemes'!AI$3*$CE780),"")</f>
        <v/>
      </c>
      <c r="CO780" s="746" t="str">
        <f>IF(AU780="yes",('DRAFT - HGC Schemes'!AJ$3*$CE780),"")</f>
        <v/>
      </c>
      <c r="CP780" s="746" t="str">
        <f>IF(AV780="yes",('DRAFT - HGC Schemes'!AK$3*$CE780),"")</f>
        <v/>
      </c>
      <c r="CQ780" s="746" t="str">
        <f>IF(AW780="yes",('DRAFT - HGC Schemes'!AL$3*$CE780),"")</f>
        <v/>
      </c>
      <c r="CR780" s="746" t="str">
        <f>IF(AX780="yes",('DRAFT - HGC Schemes'!AM$3*$CE780),"")</f>
        <v/>
      </c>
      <c r="CS780" s="746" t="str">
        <f>IF(AY780="yes",('DRAFT - HGC Schemes'!AN$3*$CE780),"")</f>
        <v/>
      </c>
      <c r="CT780" s="746" t="str">
        <f>IF(AZ780="yes",('DRAFT - HGC Schemes'!AO$3*$CE780),"")</f>
        <v/>
      </c>
      <c r="CU780" s="746" t="str">
        <f>IF(BA780="yes",('DRAFT - HGC Schemes'!AP$3*$CE780),"")</f>
        <v/>
      </c>
      <c r="CV780" s="746" t="str">
        <f>IF(BB780="yes",('DRAFT - HGC Schemes'!AQ$3*$CE780),"")</f>
        <v/>
      </c>
      <c r="CW780" s="746" t="str">
        <f>IF(BC780="yes",('DRAFT - HGC Schemes'!AR$3*$CE780),"")</f>
        <v/>
      </c>
      <c r="CX780" s="746" t="str">
        <f>IF(BD780="yes",('DRAFT - HGC Schemes'!AS$3*$CE780),"")</f>
        <v/>
      </c>
      <c r="CY780" s="746" t="str">
        <f>IF(BE780="yes",('DRAFT - HGC Schemes'!AT$3*$CE780),"")</f>
        <v/>
      </c>
      <c r="CZ780" s="746" t="str">
        <f>IF(BF780="yes",('DRAFT - HGC Schemes'!AU$3*$CE780),"")</f>
        <v/>
      </c>
      <c r="DA780" s="746" t="str">
        <f>IF(BG780="yes",('DRAFT - HGC Schemes'!AV$3*$CE780),"")</f>
        <v/>
      </c>
      <c r="DB780" s="746" t="str">
        <f>IF(BH780="yes",('DRAFT - HGC Schemes'!AW$3*$CE780),"")</f>
        <v/>
      </c>
      <c r="DC780" s="746" t="str">
        <f>IF(BI780="yes",('DRAFT - HGC Schemes'!AX$3*$CE780),"")</f>
        <v/>
      </c>
      <c r="DD780" s="746" t="str">
        <f>IF(BJ780="yes",('DRAFT - HGC Schemes'!AY$3*$CE780),"")</f>
        <v/>
      </c>
      <c r="DE780" s="746" t="str">
        <f>IF(BK780="yes",('DRAFT - HGC Schemes'!AZ$3*$CE780),"")</f>
        <v/>
      </c>
      <c r="DF780" s="746" t="str">
        <f>IF(BL780="yes",('DRAFT - HGC Schemes'!BA$3*$CE780),"")</f>
        <v/>
      </c>
      <c r="DG780" s="746" t="str">
        <f>IF(BM780="yes",('DRAFT - HGC Schemes'!BB$3*$CE780),"")</f>
        <v/>
      </c>
      <c r="DH780" s="746" t="str">
        <f>IF(BN780="yes",('DRAFT - HGC Schemes'!BC$3*$CE780),"")</f>
        <v/>
      </c>
      <c r="DI780" s="746" t="str">
        <f>IF(BO780="yes",('DRAFT - HGC Schemes'!BD$3*$CE780),"")</f>
        <v/>
      </c>
      <c r="DJ780" s="746" t="str">
        <f>IF(BP780="yes",('DRAFT - HGC Schemes'!BE$3*$CE780),"")</f>
        <v/>
      </c>
      <c r="DK780" s="746" t="str">
        <f>IF(BQ780="yes",('DRAFT - HGC Schemes'!BF$3*$CE780),"")</f>
        <v/>
      </c>
      <c r="DL780" s="543"/>
      <c r="DM780" s="543"/>
      <c r="DN780" s="543"/>
      <c r="DO780" s="543"/>
      <c r="DP780" s="543"/>
      <c r="DQ780" s="543"/>
      <c r="DR780" s="543"/>
      <c r="DS780" s="543"/>
      <c r="DT780" s="543"/>
      <c r="DU780" s="543"/>
      <c r="DV780" s="543"/>
      <c r="DW780" s="543"/>
      <c r="DX780" s="543"/>
      <c r="DY780" s="543"/>
      <c r="DZ780" s="654"/>
      <c r="EA780" s="543" t="s">
        <v>2449</v>
      </c>
      <c r="EB780" s="654"/>
      <c r="EC780" s="654"/>
      <c r="ED780" s="639">
        <v>0.46200000000000002</v>
      </c>
      <c r="EE780" s="639">
        <v>0.53800000000000003</v>
      </c>
      <c r="EF780" s="354"/>
    </row>
    <row r="781" spans="1:136" s="857" customFormat="1" ht="56.1" customHeight="1" x14ac:dyDescent="0.25">
      <c r="A781" s="934"/>
      <c r="B781" s="538"/>
      <c r="C781" s="660" t="s">
        <v>3124</v>
      </c>
      <c r="D781" s="660"/>
      <c r="E781" s="660"/>
      <c r="F781" s="660"/>
      <c r="G781" s="550" t="s">
        <v>3125</v>
      </c>
      <c r="H781" s="543"/>
      <c r="I781" s="671" t="s">
        <v>2445</v>
      </c>
      <c r="J781" s="543"/>
      <c r="K781" s="671" t="s">
        <v>1346</v>
      </c>
      <c r="L781" s="543"/>
      <c r="M781" s="640" t="s">
        <v>3126</v>
      </c>
      <c r="N781" s="543"/>
      <c r="O781" s="543"/>
      <c r="P781" s="543"/>
      <c r="Q781" s="495" t="s">
        <v>3127</v>
      </c>
      <c r="R781" s="543" t="s">
        <v>3104</v>
      </c>
      <c r="S781" s="543"/>
      <c r="T781" s="543" t="s">
        <v>2986</v>
      </c>
      <c r="U781" s="543"/>
      <c r="V781" s="543"/>
      <c r="W781" s="657"/>
      <c r="X781" s="543"/>
      <c r="Y781" s="543"/>
      <c r="Z781" s="718" t="s">
        <v>63</v>
      </c>
      <c r="AA781" s="718" t="s">
        <v>63</v>
      </c>
      <c r="AB781" s="543"/>
      <c r="AC781" s="543"/>
      <c r="AD781" s="657" t="s">
        <v>64</v>
      </c>
      <c r="AE781" s="543"/>
      <c r="AF781" s="745">
        <f t="shared" si="237"/>
        <v>0</v>
      </c>
      <c r="AG781" s="745" t="s">
        <v>2565</v>
      </c>
      <c r="AH781" s="745"/>
      <c r="AI781" s="543"/>
      <c r="AJ781" s="543"/>
      <c r="AK781" s="543"/>
      <c r="AL781" s="543"/>
      <c r="AM781" s="543"/>
      <c r="AN781" s="543"/>
      <c r="AO781" s="543"/>
      <c r="AP781" s="543"/>
      <c r="AQ781" s="543"/>
      <c r="AR781" s="543"/>
      <c r="AS781" s="543"/>
      <c r="AT781" s="543"/>
      <c r="AU781" s="543"/>
      <c r="AV781" s="543"/>
      <c r="AW781" s="543"/>
      <c r="AX781" s="543"/>
      <c r="AY781" s="543"/>
      <c r="AZ781" s="543"/>
      <c r="BA781" s="543"/>
      <c r="BB781" s="543"/>
      <c r="BC781" s="543"/>
      <c r="BD781" s="543"/>
      <c r="BE781" s="543"/>
      <c r="BF781" s="543"/>
      <c r="BG781" s="543"/>
      <c r="BH781" s="543"/>
      <c r="BI781" s="543"/>
      <c r="BJ781" s="543"/>
      <c r="BK781" s="543"/>
      <c r="BL781" s="543"/>
      <c r="BM781" s="543"/>
      <c r="BN781" s="543"/>
      <c r="BO781" s="543"/>
      <c r="BP781" s="543"/>
      <c r="BQ781" s="543"/>
      <c r="BR781" s="543"/>
      <c r="BS781" s="543"/>
      <c r="BT781" s="543"/>
      <c r="BU781" s="543"/>
      <c r="BV781" s="543"/>
      <c r="BW781" s="543"/>
      <c r="BX781" s="543"/>
      <c r="BY781" s="543"/>
      <c r="BZ781" s="543"/>
      <c r="CA781" s="543"/>
      <c r="CB781" s="543"/>
      <c r="CC781" s="543"/>
      <c r="CD781" s="884">
        <f>SUMIF(AM781:CC781,"YES",'DRAFT - HGC Schemes'!$AB$3:$BR$3)</f>
        <v>0</v>
      </c>
      <c r="CE781" s="661" t="e">
        <f t="shared" si="238"/>
        <v>#DIV/0!</v>
      </c>
      <c r="CF781" s="661"/>
      <c r="CG781" s="746" t="str">
        <f>IF(AM781="yes",('DRAFT - HGC Schemes'!AB$3*$CE781),"")</f>
        <v/>
      </c>
      <c r="CH781" s="746" t="str">
        <f>IF(AN781="yes",('DRAFT - HGC Schemes'!AC$3*$CE781),"")</f>
        <v/>
      </c>
      <c r="CI781" s="746" t="str">
        <f>IF(AO781="yes",('DRAFT - HGC Schemes'!AD$3*$CE781),"")</f>
        <v/>
      </c>
      <c r="CJ781" s="746" t="str">
        <f>IF(AP781="yes",('DRAFT - HGC Schemes'!AE$3*$CE781),"")</f>
        <v/>
      </c>
      <c r="CK781" s="746" t="str">
        <f>IF(AQ781="yes",('DRAFT - HGC Schemes'!AF$3*$CE781),"")</f>
        <v/>
      </c>
      <c r="CL781" s="746" t="str">
        <f>IF(AR781="yes",('DRAFT - HGC Schemes'!AG$3*$CE781),"")</f>
        <v/>
      </c>
      <c r="CM781" s="746" t="str">
        <f>IF(AS781="yes",('DRAFT - HGC Schemes'!AH$3*$CE781),"")</f>
        <v/>
      </c>
      <c r="CN781" s="746" t="str">
        <f>IF(AT781="yes",('DRAFT - HGC Schemes'!AI$3*$CE781),"")</f>
        <v/>
      </c>
      <c r="CO781" s="746" t="str">
        <f>IF(AU781="yes",('DRAFT - HGC Schemes'!AJ$3*$CE781),"")</f>
        <v/>
      </c>
      <c r="CP781" s="746" t="str">
        <f>IF(AV781="yes",('DRAFT - HGC Schemes'!AK$3*$CE781),"")</f>
        <v/>
      </c>
      <c r="CQ781" s="746" t="str">
        <f>IF(AW781="yes",('DRAFT - HGC Schemes'!AL$3*$CE781),"")</f>
        <v/>
      </c>
      <c r="CR781" s="746" t="str">
        <f>IF(AX781="yes",('DRAFT - HGC Schemes'!AM$3*$CE781),"")</f>
        <v/>
      </c>
      <c r="CS781" s="746" t="str">
        <f>IF(AY781="yes",('DRAFT - HGC Schemes'!AN$3*$CE781),"")</f>
        <v/>
      </c>
      <c r="CT781" s="746" t="str">
        <f>IF(AZ781="yes",('DRAFT - HGC Schemes'!AO$3*$CE781),"")</f>
        <v/>
      </c>
      <c r="CU781" s="746" t="str">
        <f>IF(BA781="yes",('DRAFT - HGC Schemes'!AP$3*$CE781),"")</f>
        <v/>
      </c>
      <c r="CV781" s="746" t="str">
        <f>IF(BB781="yes",('DRAFT - HGC Schemes'!AQ$3*$CE781),"")</f>
        <v/>
      </c>
      <c r="CW781" s="746" t="str">
        <f>IF(BC781="yes",('DRAFT - HGC Schemes'!AR$3*$CE781),"")</f>
        <v/>
      </c>
      <c r="CX781" s="746" t="str">
        <f>IF(BD781="yes",('DRAFT - HGC Schemes'!AS$3*$CE781),"")</f>
        <v/>
      </c>
      <c r="CY781" s="746" t="str">
        <f>IF(BE781="yes",('DRAFT - HGC Schemes'!AT$3*$CE781),"")</f>
        <v/>
      </c>
      <c r="CZ781" s="746" t="str">
        <f>IF(BF781="yes",('DRAFT - HGC Schemes'!AU$3*$CE781),"")</f>
        <v/>
      </c>
      <c r="DA781" s="746" t="str">
        <f>IF(BG781="yes",('DRAFT - HGC Schemes'!AV$3*$CE781),"")</f>
        <v/>
      </c>
      <c r="DB781" s="746" t="str">
        <f>IF(BH781="yes",('DRAFT - HGC Schemes'!AW$3*$CE781),"")</f>
        <v/>
      </c>
      <c r="DC781" s="746" t="str">
        <f>IF(BI781="yes",('DRAFT - HGC Schemes'!AX$3*$CE781),"")</f>
        <v/>
      </c>
      <c r="DD781" s="746" t="str">
        <f>IF(BJ781="yes",('DRAFT - HGC Schemes'!AY$3*$CE781),"")</f>
        <v/>
      </c>
      <c r="DE781" s="746" t="str">
        <f>IF(BK781="yes",('DRAFT - HGC Schemes'!AZ$3*$CE781),"")</f>
        <v/>
      </c>
      <c r="DF781" s="746" t="str">
        <f>IF(BL781="yes",('DRAFT - HGC Schemes'!BA$3*$CE781),"")</f>
        <v/>
      </c>
      <c r="DG781" s="746" t="str">
        <f>IF(BM781="yes",('DRAFT - HGC Schemes'!BB$3*$CE781),"")</f>
        <v/>
      </c>
      <c r="DH781" s="746" t="str">
        <f>IF(BN781="yes",('DRAFT - HGC Schemes'!BC$3*$CE781),"")</f>
        <v/>
      </c>
      <c r="DI781" s="746" t="str">
        <f>IF(BO781="yes",('DRAFT - HGC Schemes'!BD$3*$CE781),"")</f>
        <v/>
      </c>
      <c r="DJ781" s="746" t="str">
        <f>IF(BP781="yes",('DRAFT - HGC Schemes'!BE$3*$CE781),"")</f>
        <v/>
      </c>
      <c r="DK781" s="746" t="str">
        <f>IF(BQ781="yes",('DRAFT - HGC Schemes'!BF$3*$CE781),"")</f>
        <v/>
      </c>
      <c r="DL781" s="543"/>
      <c r="DM781" s="543"/>
      <c r="DN781" s="543"/>
      <c r="DO781" s="543"/>
      <c r="DP781" s="543"/>
      <c r="DQ781" s="543"/>
      <c r="DR781" s="543"/>
      <c r="DS781" s="543"/>
      <c r="DT781" s="543"/>
      <c r="DU781" s="543"/>
      <c r="DV781" s="543"/>
      <c r="DW781" s="543"/>
      <c r="DX781" s="543"/>
      <c r="DY781" s="543"/>
      <c r="DZ781" s="654"/>
      <c r="EA781" s="543" t="s">
        <v>2449</v>
      </c>
      <c r="EB781" s="654"/>
      <c r="EC781" s="654"/>
      <c r="ED781" s="545">
        <v>0.5</v>
      </c>
      <c r="EE781" s="545">
        <v>0.5</v>
      </c>
      <c r="EF781" s="354"/>
    </row>
    <row r="782" spans="1:136" s="857" customFormat="1" ht="139.9" customHeight="1" x14ac:dyDescent="0.25">
      <c r="A782" s="934"/>
      <c r="B782" s="538"/>
      <c r="C782" s="660" t="s">
        <v>3128</v>
      </c>
      <c r="D782" s="660"/>
      <c r="E782" s="660"/>
      <c r="F782" s="660"/>
      <c r="G782" s="550" t="s">
        <v>3129</v>
      </c>
      <c r="H782" s="543"/>
      <c r="I782" s="671" t="s">
        <v>2445</v>
      </c>
      <c r="J782" s="543"/>
      <c r="K782" s="671" t="s">
        <v>1346</v>
      </c>
      <c r="L782" s="543"/>
      <c r="M782" s="640" t="s">
        <v>3130</v>
      </c>
      <c r="N782" s="543"/>
      <c r="O782" s="543"/>
      <c r="P782" s="543"/>
      <c r="Q782" s="495" t="s">
        <v>3131</v>
      </c>
      <c r="R782" s="543" t="s">
        <v>3104</v>
      </c>
      <c r="S782" s="543"/>
      <c r="T782" s="543" t="s">
        <v>2986</v>
      </c>
      <c r="U782" s="543"/>
      <c r="V782" s="543"/>
      <c r="W782" s="657"/>
      <c r="X782" s="543"/>
      <c r="Y782" s="543"/>
      <c r="Z782" s="718" t="s">
        <v>63</v>
      </c>
      <c r="AA782" s="718" t="s">
        <v>63</v>
      </c>
      <c r="AB782" s="543"/>
      <c r="AC782" s="543"/>
      <c r="AD782" s="657" t="s">
        <v>64</v>
      </c>
      <c r="AE782" s="543"/>
      <c r="AF782" s="745">
        <f t="shared" si="237"/>
        <v>0</v>
      </c>
      <c r="AG782" s="745" t="s">
        <v>2565</v>
      </c>
      <c r="AH782" s="745"/>
      <c r="AI782" s="543"/>
      <c r="AJ782" s="543"/>
      <c r="AK782" s="543"/>
      <c r="AL782" s="543"/>
      <c r="AM782" s="543"/>
      <c r="AN782" s="543"/>
      <c r="AO782" s="543"/>
      <c r="AP782" s="543"/>
      <c r="AQ782" s="543"/>
      <c r="AR782" s="543"/>
      <c r="AS782" s="543"/>
      <c r="AT782" s="543"/>
      <c r="AU782" s="543"/>
      <c r="AV782" s="543"/>
      <c r="AW782" s="543"/>
      <c r="AX782" s="543"/>
      <c r="AY782" s="543"/>
      <c r="AZ782" s="543"/>
      <c r="BA782" s="543"/>
      <c r="BB782" s="543"/>
      <c r="BC782" s="543"/>
      <c r="BD782" s="543"/>
      <c r="BE782" s="543"/>
      <c r="BF782" s="543"/>
      <c r="BG782" s="543"/>
      <c r="BH782" s="543"/>
      <c r="BI782" s="543"/>
      <c r="BJ782" s="543"/>
      <c r="BK782" s="543"/>
      <c r="BL782" s="543"/>
      <c r="BM782" s="543"/>
      <c r="BN782" s="543"/>
      <c r="BO782" s="543"/>
      <c r="BP782" s="543"/>
      <c r="BQ782" s="543"/>
      <c r="BR782" s="543"/>
      <c r="BS782" s="543"/>
      <c r="BT782" s="543"/>
      <c r="BU782" s="543"/>
      <c r="BV782" s="543"/>
      <c r="BW782" s="543"/>
      <c r="BX782" s="543"/>
      <c r="BY782" s="543"/>
      <c r="BZ782" s="543"/>
      <c r="CA782" s="543"/>
      <c r="CB782" s="543"/>
      <c r="CC782" s="543"/>
      <c r="CD782" s="884">
        <f>SUMIF(AM782:CC782,"YES",'DRAFT - HGC Schemes'!$AB$3:$BR$3)</f>
        <v>0</v>
      </c>
      <c r="CE782" s="661" t="e">
        <f t="shared" si="238"/>
        <v>#DIV/0!</v>
      </c>
      <c r="CF782" s="661"/>
      <c r="CG782" s="746" t="str">
        <f>IF(AM782="yes",('DRAFT - HGC Schemes'!AB$3*$CE782),"")</f>
        <v/>
      </c>
      <c r="CH782" s="746" t="str">
        <f>IF(AN782="yes",('DRAFT - HGC Schemes'!AC$3*$CE782),"")</f>
        <v/>
      </c>
      <c r="CI782" s="746" t="str">
        <f>IF(AO782="yes",('DRAFT - HGC Schemes'!AD$3*$CE782),"")</f>
        <v/>
      </c>
      <c r="CJ782" s="746" t="str">
        <f>IF(AP782="yes",('DRAFT - HGC Schemes'!AE$3*$CE782),"")</f>
        <v/>
      </c>
      <c r="CK782" s="746" t="str">
        <f>IF(AQ782="yes",('DRAFT - HGC Schemes'!AF$3*$CE782),"")</f>
        <v/>
      </c>
      <c r="CL782" s="746" t="str">
        <f>IF(AR782="yes",('DRAFT - HGC Schemes'!AG$3*$CE782),"")</f>
        <v/>
      </c>
      <c r="CM782" s="746" t="str">
        <f>IF(AS782="yes",('DRAFT - HGC Schemes'!AH$3*$CE782),"")</f>
        <v/>
      </c>
      <c r="CN782" s="746" t="str">
        <f>IF(AT782="yes",('DRAFT - HGC Schemes'!AI$3*$CE782),"")</f>
        <v/>
      </c>
      <c r="CO782" s="746" t="str">
        <f>IF(AU782="yes",('DRAFT - HGC Schemes'!AJ$3*$CE782),"")</f>
        <v/>
      </c>
      <c r="CP782" s="746" t="str">
        <f>IF(AV782="yes",('DRAFT - HGC Schemes'!AK$3*$CE782),"")</f>
        <v/>
      </c>
      <c r="CQ782" s="746" t="str">
        <f>IF(AW782="yes",('DRAFT - HGC Schemes'!AL$3*$CE782),"")</f>
        <v/>
      </c>
      <c r="CR782" s="746" t="str">
        <f>IF(AX782="yes",('DRAFT - HGC Schemes'!AM$3*$CE782),"")</f>
        <v/>
      </c>
      <c r="CS782" s="746" t="str">
        <f>IF(AY782="yes",('DRAFT - HGC Schemes'!AN$3*$CE782),"")</f>
        <v/>
      </c>
      <c r="CT782" s="746" t="str">
        <f>IF(AZ782="yes",('DRAFT - HGC Schemes'!AO$3*$CE782),"")</f>
        <v/>
      </c>
      <c r="CU782" s="746" t="str">
        <f>IF(BA782="yes",('DRAFT - HGC Schemes'!AP$3*$CE782),"")</f>
        <v/>
      </c>
      <c r="CV782" s="746" t="str">
        <f>IF(BB782="yes",('DRAFT - HGC Schemes'!AQ$3*$CE782),"")</f>
        <v/>
      </c>
      <c r="CW782" s="746" t="str">
        <f>IF(BC782="yes",('DRAFT - HGC Schemes'!AR$3*$CE782),"")</f>
        <v/>
      </c>
      <c r="CX782" s="746" t="str">
        <f>IF(BD782="yes",('DRAFT - HGC Schemes'!AS$3*$CE782),"")</f>
        <v/>
      </c>
      <c r="CY782" s="746" t="str">
        <f>IF(BE782="yes",('DRAFT - HGC Schemes'!AT$3*$CE782),"")</f>
        <v/>
      </c>
      <c r="CZ782" s="746" t="str">
        <f>IF(BF782="yes",('DRAFT - HGC Schemes'!AU$3*$CE782),"")</f>
        <v/>
      </c>
      <c r="DA782" s="746" t="str">
        <f>IF(BG782="yes",('DRAFT - HGC Schemes'!AV$3*$CE782),"")</f>
        <v/>
      </c>
      <c r="DB782" s="746" t="str">
        <f>IF(BH782="yes",('DRAFT - HGC Schemes'!AW$3*$CE782),"")</f>
        <v/>
      </c>
      <c r="DC782" s="746" t="str">
        <f>IF(BI782="yes",('DRAFT - HGC Schemes'!AX$3*$CE782),"")</f>
        <v/>
      </c>
      <c r="DD782" s="746" t="str">
        <f>IF(BJ782="yes",('DRAFT - HGC Schemes'!AY$3*$CE782),"")</f>
        <v/>
      </c>
      <c r="DE782" s="746" t="str">
        <f>IF(BK782="yes",('DRAFT - HGC Schemes'!AZ$3*$CE782),"")</f>
        <v/>
      </c>
      <c r="DF782" s="746" t="str">
        <f>IF(BL782="yes",('DRAFT - HGC Schemes'!BA$3*$CE782),"")</f>
        <v/>
      </c>
      <c r="DG782" s="746" t="str">
        <f>IF(BM782="yes",('DRAFT - HGC Schemes'!BB$3*$CE782),"")</f>
        <v/>
      </c>
      <c r="DH782" s="746" t="str">
        <f>IF(BN782="yes",('DRAFT - HGC Schemes'!BC$3*$CE782),"")</f>
        <v/>
      </c>
      <c r="DI782" s="746" t="str">
        <f>IF(BO782="yes",('DRAFT - HGC Schemes'!BD$3*$CE782),"")</f>
        <v/>
      </c>
      <c r="DJ782" s="746" t="str">
        <f>IF(BP782="yes",('DRAFT - HGC Schemes'!BE$3*$CE782),"")</f>
        <v/>
      </c>
      <c r="DK782" s="746" t="str">
        <f>IF(BQ782="yes",('DRAFT - HGC Schemes'!BF$3*$CE782),"")</f>
        <v/>
      </c>
      <c r="DL782" s="543"/>
      <c r="DM782" s="543"/>
      <c r="DN782" s="543"/>
      <c r="DO782" s="543"/>
      <c r="DP782" s="543"/>
      <c r="DQ782" s="543"/>
      <c r="DR782" s="543"/>
      <c r="DS782" s="543"/>
      <c r="DT782" s="543"/>
      <c r="DU782" s="543"/>
      <c r="DV782" s="543"/>
      <c r="DW782" s="543"/>
      <c r="DX782" s="543"/>
      <c r="DY782" s="543"/>
      <c r="DZ782" s="654"/>
      <c r="EA782" s="543" t="s">
        <v>2449</v>
      </c>
      <c r="EB782" s="654"/>
      <c r="EC782" s="654"/>
      <c r="ED782" s="639">
        <v>0.46200000000000002</v>
      </c>
      <c r="EE782" s="639">
        <v>0.53800000000000003</v>
      </c>
      <c r="EF782" s="354"/>
    </row>
    <row r="783" spans="1:136" s="857" customFormat="1" ht="139.9" customHeight="1" x14ac:dyDescent="0.25">
      <c r="A783" s="934"/>
      <c r="B783" s="538"/>
      <c r="C783" s="660" t="s">
        <v>3132</v>
      </c>
      <c r="D783" s="660"/>
      <c r="E783" s="660"/>
      <c r="F783" s="660"/>
      <c r="G783" s="550" t="s">
        <v>3133</v>
      </c>
      <c r="H783" s="543"/>
      <c r="I783" s="671" t="s">
        <v>2445</v>
      </c>
      <c r="J783" s="543"/>
      <c r="K783" s="671" t="s">
        <v>1346</v>
      </c>
      <c r="L783" s="543" t="s">
        <v>1331</v>
      </c>
      <c r="M783" s="640" t="s">
        <v>3134</v>
      </c>
      <c r="N783" s="543"/>
      <c r="O783" s="543"/>
      <c r="P783" s="543"/>
      <c r="Q783" s="495" t="s">
        <v>3135</v>
      </c>
      <c r="R783" s="543" t="s">
        <v>3104</v>
      </c>
      <c r="S783" s="543"/>
      <c r="T783" s="543" t="s">
        <v>2986</v>
      </c>
      <c r="U783" s="543"/>
      <c r="V783" s="543"/>
      <c r="W783" s="657"/>
      <c r="X783" s="543"/>
      <c r="Y783" s="543"/>
      <c r="Z783" s="718" t="s">
        <v>63</v>
      </c>
      <c r="AA783" s="718" t="s">
        <v>63</v>
      </c>
      <c r="AB783" s="543"/>
      <c r="AC783" s="543"/>
      <c r="AD783" s="657" t="s">
        <v>64</v>
      </c>
      <c r="AE783" s="543"/>
      <c r="AF783" s="745">
        <f t="shared" si="237"/>
        <v>0</v>
      </c>
      <c r="AG783" s="745" t="s">
        <v>2565</v>
      </c>
      <c r="AH783" s="745"/>
      <c r="AI783" s="543"/>
      <c r="AJ783" s="543"/>
      <c r="AK783" s="543"/>
      <c r="AL783" s="543"/>
      <c r="AM783" s="543"/>
      <c r="AN783" s="543"/>
      <c r="AO783" s="543"/>
      <c r="AP783" s="543"/>
      <c r="AQ783" s="543"/>
      <c r="AR783" s="543"/>
      <c r="AS783" s="543"/>
      <c r="AT783" s="543"/>
      <c r="AU783" s="543"/>
      <c r="AV783" s="543"/>
      <c r="AW783" s="543"/>
      <c r="AX783" s="543"/>
      <c r="AY783" s="543"/>
      <c r="AZ783" s="543"/>
      <c r="BA783" s="543"/>
      <c r="BB783" s="543"/>
      <c r="BC783" s="543"/>
      <c r="BD783" s="543"/>
      <c r="BE783" s="543"/>
      <c r="BF783" s="543"/>
      <c r="BG783" s="543"/>
      <c r="BH783" s="543"/>
      <c r="BI783" s="543"/>
      <c r="BJ783" s="543"/>
      <c r="BK783" s="543"/>
      <c r="BL783" s="543"/>
      <c r="BM783" s="543"/>
      <c r="BN783" s="543"/>
      <c r="BO783" s="543"/>
      <c r="BP783" s="543"/>
      <c r="BQ783" s="543"/>
      <c r="BR783" s="543"/>
      <c r="BS783" s="543"/>
      <c r="BT783" s="543"/>
      <c r="BU783" s="543"/>
      <c r="BV783" s="543"/>
      <c r="BW783" s="543"/>
      <c r="BX783" s="543"/>
      <c r="BY783" s="543"/>
      <c r="BZ783" s="543"/>
      <c r="CA783" s="543"/>
      <c r="CB783" s="543"/>
      <c r="CC783" s="543"/>
      <c r="CD783" s="884">
        <f>SUMIF(AM783:CC783,"YES",'DRAFT - HGC Schemes'!$AB$3:$BR$3)</f>
        <v>0</v>
      </c>
      <c r="CE783" s="661" t="e">
        <f t="shared" si="238"/>
        <v>#DIV/0!</v>
      </c>
      <c r="CF783" s="661"/>
      <c r="CG783" s="746" t="str">
        <f>IF(AM783="yes",('DRAFT - HGC Schemes'!AB$3*$CE783),"")</f>
        <v/>
      </c>
      <c r="CH783" s="746" t="str">
        <f>IF(AN783="yes",('DRAFT - HGC Schemes'!AC$3*$CE783),"")</f>
        <v/>
      </c>
      <c r="CI783" s="746" t="str">
        <f>IF(AO783="yes",('DRAFT - HGC Schemes'!AD$3*$CE783),"")</f>
        <v/>
      </c>
      <c r="CJ783" s="746" t="str">
        <f>IF(AP783="yes",('DRAFT - HGC Schemes'!AE$3*$CE783),"")</f>
        <v/>
      </c>
      <c r="CK783" s="746" t="str">
        <f>IF(AQ783="yes",('DRAFT - HGC Schemes'!AF$3*$CE783),"")</f>
        <v/>
      </c>
      <c r="CL783" s="746" t="str">
        <f>IF(AR783="yes",('DRAFT - HGC Schemes'!AG$3*$CE783),"")</f>
        <v/>
      </c>
      <c r="CM783" s="746" t="str">
        <f>IF(AS783="yes",('DRAFT - HGC Schemes'!AH$3*$CE783),"")</f>
        <v/>
      </c>
      <c r="CN783" s="746" t="str">
        <f>IF(AT783="yes",('DRAFT - HGC Schemes'!AI$3*$CE783),"")</f>
        <v/>
      </c>
      <c r="CO783" s="746" t="str">
        <f>IF(AU783="yes",('DRAFT - HGC Schemes'!AJ$3*$CE783),"")</f>
        <v/>
      </c>
      <c r="CP783" s="746" t="str">
        <f>IF(AV783="yes",('DRAFT - HGC Schemes'!AK$3*$CE783),"")</f>
        <v/>
      </c>
      <c r="CQ783" s="746" t="str">
        <f>IF(AW783="yes",('DRAFT - HGC Schemes'!AL$3*$CE783),"")</f>
        <v/>
      </c>
      <c r="CR783" s="746" t="str">
        <f>IF(AX783="yes",('DRAFT - HGC Schemes'!AM$3*$CE783),"")</f>
        <v/>
      </c>
      <c r="CS783" s="746" t="str">
        <f>IF(AY783="yes",('DRAFT - HGC Schemes'!AN$3*$CE783),"")</f>
        <v/>
      </c>
      <c r="CT783" s="746" t="str">
        <f>IF(AZ783="yes",('DRAFT - HGC Schemes'!AO$3*$CE783),"")</f>
        <v/>
      </c>
      <c r="CU783" s="746" t="str">
        <f>IF(BA783="yes",('DRAFT - HGC Schemes'!AP$3*$CE783),"")</f>
        <v/>
      </c>
      <c r="CV783" s="746" t="str">
        <f>IF(BB783="yes",('DRAFT - HGC Schemes'!AQ$3*$CE783),"")</f>
        <v/>
      </c>
      <c r="CW783" s="746" t="str">
        <f>IF(BC783="yes",('DRAFT - HGC Schemes'!AR$3*$CE783),"")</f>
        <v/>
      </c>
      <c r="CX783" s="746" t="str">
        <f>IF(BD783="yes",('DRAFT - HGC Schemes'!AS$3*$CE783),"")</f>
        <v/>
      </c>
      <c r="CY783" s="746" t="str">
        <f>IF(BE783="yes",('DRAFT - HGC Schemes'!AT$3*$CE783),"")</f>
        <v/>
      </c>
      <c r="CZ783" s="746" t="str">
        <f>IF(BF783="yes",('DRAFT - HGC Schemes'!AU$3*$CE783),"")</f>
        <v/>
      </c>
      <c r="DA783" s="746" t="str">
        <f>IF(BG783="yes",('DRAFT - HGC Schemes'!AV$3*$CE783),"")</f>
        <v/>
      </c>
      <c r="DB783" s="746" t="str">
        <f>IF(BH783="yes",('DRAFT - HGC Schemes'!AW$3*$CE783),"")</f>
        <v/>
      </c>
      <c r="DC783" s="746" t="str">
        <f>IF(BI783="yes",('DRAFT - HGC Schemes'!AX$3*$CE783),"")</f>
        <v/>
      </c>
      <c r="DD783" s="746" t="str">
        <f>IF(BJ783="yes",('DRAFT - HGC Schemes'!AY$3*$CE783),"")</f>
        <v/>
      </c>
      <c r="DE783" s="746" t="str">
        <f>IF(BK783="yes",('DRAFT - HGC Schemes'!AZ$3*$CE783),"")</f>
        <v/>
      </c>
      <c r="DF783" s="746" t="str">
        <f>IF(BL783="yes",('DRAFT - HGC Schemes'!BA$3*$CE783),"")</f>
        <v/>
      </c>
      <c r="DG783" s="746" t="str">
        <f>IF(BM783="yes",('DRAFT - HGC Schemes'!BB$3*$CE783),"")</f>
        <v/>
      </c>
      <c r="DH783" s="746" t="str">
        <f>IF(BN783="yes",('DRAFT - HGC Schemes'!BC$3*$CE783),"")</f>
        <v/>
      </c>
      <c r="DI783" s="746" t="str">
        <f>IF(BO783="yes",('DRAFT - HGC Schemes'!BD$3*$CE783),"")</f>
        <v/>
      </c>
      <c r="DJ783" s="746" t="str">
        <f>IF(BP783="yes",('DRAFT - HGC Schemes'!BE$3*$CE783),"")</f>
        <v/>
      </c>
      <c r="DK783" s="746" t="str">
        <f>IF(BQ783="yes",('DRAFT - HGC Schemes'!BF$3*$CE783),"")</f>
        <v/>
      </c>
      <c r="DL783" s="543"/>
      <c r="DM783" s="543"/>
      <c r="DN783" s="543"/>
      <c r="DO783" s="543"/>
      <c r="DP783" s="543"/>
      <c r="DQ783" s="543"/>
      <c r="DR783" s="543"/>
      <c r="DS783" s="543"/>
      <c r="DT783" s="543"/>
      <c r="DU783" s="543"/>
      <c r="DV783" s="543"/>
      <c r="DW783" s="543"/>
      <c r="DX783" s="543"/>
      <c r="DY783" s="543"/>
      <c r="DZ783" s="654"/>
      <c r="EA783" s="543" t="s">
        <v>2449</v>
      </c>
      <c r="EB783" s="654"/>
      <c r="EC783" s="654"/>
      <c r="ED783" s="545"/>
      <c r="EE783" s="545"/>
    </row>
    <row r="784" spans="1:136" s="857" customFormat="1" ht="139.9" customHeight="1" x14ac:dyDescent="0.25">
      <c r="A784" s="934"/>
      <c r="B784" s="538"/>
      <c r="C784" s="660"/>
      <c r="D784" s="660"/>
      <c r="E784" s="660"/>
      <c r="F784" s="660"/>
      <c r="G784" s="550" t="s">
        <v>3136</v>
      </c>
      <c r="H784" s="543"/>
      <c r="I784" s="671" t="s">
        <v>2445</v>
      </c>
      <c r="J784" s="543"/>
      <c r="K784" s="671" t="s">
        <v>1346</v>
      </c>
      <c r="L784" s="543"/>
      <c r="M784" s="640" t="s">
        <v>3137</v>
      </c>
      <c r="N784" s="543"/>
      <c r="O784" s="543"/>
      <c r="P784" s="543"/>
      <c r="Q784" s="495" t="s">
        <v>3138</v>
      </c>
      <c r="R784" s="543" t="s">
        <v>3104</v>
      </c>
      <c r="S784" s="543"/>
      <c r="T784" s="543" t="s">
        <v>2986</v>
      </c>
      <c r="U784" s="543"/>
      <c r="V784" s="543"/>
      <c r="W784" s="657"/>
      <c r="X784" s="543"/>
      <c r="Y784" s="543"/>
      <c r="Z784" s="718" t="s">
        <v>63</v>
      </c>
      <c r="AA784" s="718" t="s">
        <v>63</v>
      </c>
      <c r="AB784" s="543"/>
      <c r="AC784" s="543"/>
      <c r="AD784" s="657" t="s">
        <v>64</v>
      </c>
      <c r="AE784" s="543"/>
      <c r="AF784" s="745">
        <f t="shared" si="237"/>
        <v>0</v>
      </c>
      <c r="AG784" s="745" t="s">
        <v>2565</v>
      </c>
      <c r="AH784" s="745"/>
      <c r="AI784" s="543"/>
      <c r="AJ784" s="543"/>
      <c r="AK784" s="543"/>
      <c r="AL784" s="543"/>
      <c r="AM784" s="543"/>
      <c r="AN784" s="543"/>
      <c r="AO784" s="543"/>
      <c r="AP784" s="543"/>
      <c r="AQ784" s="543"/>
      <c r="AR784" s="543"/>
      <c r="AS784" s="543"/>
      <c r="AT784" s="543"/>
      <c r="AU784" s="543"/>
      <c r="AV784" s="543"/>
      <c r="AW784" s="543"/>
      <c r="AX784" s="543"/>
      <c r="AY784" s="543"/>
      <c r="AZ784" s="543"/>
      <c r="BA784" s="543"/>
      <c r="BB784" s="543"/>
      <c r="BC784" s="543"/>
      <c r="BD784" s="543"/>
      <c r="BE784" s="543"/>
      <c r="BF784" s="543"/>
      <c r="BG784" s="543"/>
      <c r="BH784" s="543"/>
      <c r="BI784" s="543"/>
      <c r="BJ784" s="543"/>
      <c r="BK784" s="543"/>
      <c r="BL784" s="543"/>
      <c r="BM784" s="543"/>
      <c r="BN784" s="543"/>
      <c r="BO784" s="543"/>
      <c r="BP784" s="543"/>
      <c r="BQ784" s="543"/>
      <c r="BR784" s="543"/>
      <c r="BS784" s="543"/>
      <c r="BT784" s="543"/>
      <c r="BU784" s="543"/>
      <c r="BV784" s="543"/>
      <c r="BW784" s="543"/>
      <c r="BX784" s="543"/>
      <c r="BY784" s="543"/>
      <c r="BZ784" s="543"/>
      <c r="CA784" s="543"/>
      <c r="CB784" s="543"/>
      <c r="CC784" s="543"/>
      <c r="CD784" s="884">
        <f>SUMIF(AM784:CC784,"YES",'DRAFT - HGC Schemes'!$AB$3:$BR$3)</f>
        <v>0</v>
      </c>
      <c r="CE784" s="661" t="e">
        <f t="shared" si="238"/>
        <v>#DIV/0!</v>
      </c>
      <c r="CF784" s="661"/>
      <c r="CG784" s="746" t="str">
        <f>IF(AM784="yes",('DRAFT - HGC Schemes'!AB$3*$CE784),"")</f>
        <v/>
      </c>
      <c r="CH784" s="746" t="str">
        <f>IF(AN784="yes",('DRAFT - HGC Schemes'!AC$3*$CE784),"")</f>
        <v/>
      </c>
      <c r="CI784" s="746" t="str">
        <f>IF(AO784="yes",('DRAFT - HGC Schemes'!AD$3*$CE784),"")</f>
        <v/>
      </c>
      <c r="CJ784" s="746" t="str">
        <f>IF(AP784="yes",('DRAFT - HGC Schemes'!AE$3*$CE784),"")</f>
        <v/>
      </c>
      <c r="CK784" s="746" t="str">
        <f>IF(AQ784="yes",('DRAFT - HGC Schemes'!AF$3*$CE784),"")</f>
        <v/>
      </c>
      <c r="CL784" s="746" t="str">
        <f>IF(AR784="yes",('DRAFT - HGC Schemes'!AG$3*$CE784),"")</f>
        <v/>
      </c>
      <c r="CM784" s="746" t="str">
        <f>IF(AS784="yes",('DRAFT - HGC Schemes'!AH$3*$CE784),"")</f>
        <v/>
      </c>
      <c r="CN784" s="746" t="str">
        <f>IF(AT784="yes",('DRAFT - HGC Schemes'!AI$3*$CE784),"")</f>
        <v/>
      </c>
      <c r="CO784" s="746" t="str">
        <f>IF(AU784="yes",('DRAFT - HGC Schemes'!AJ$3*$CE784),"")</f>
        <v/>
      </c>
      <c r="CP784" s="746" t="str">
        <f>IF(AV784="yes",('DRAFT - HGC Schemes'!AK$3*$CE784),"")</f>
        <v/>
      </c>
      <c r="CQ784" s="746" t="str">
        <f>IF(AW784="yes",('DRAFT - HGC Schemes'!AL$3*$CE784),"")</f>
        <v/>
      </c>
      <c r="CR784" s="746" t="str">
        <f>IF(AX784="yes",('DRAFT - HGC Schemes'!AM$3*$CE784),"")</f>
        <v/>
      </c>
      <c r="CS784" s="746" t="str">
        <f>IF(AY784="yes",('DRAFT - HGC Schemes'!AN$3*$CE784),"")</f>
        <v/>
      </c>
      <c r="CT784" s="746" t="str">
        <f>IF(AZ784="yes",('DRAFT - HGC Schemes'!AO$3*$CE784),"")</f>
        <v/>
      </c>
      <c r="CU784" s="746" t="str">
        <f>IF(BA784="yes",('DRAFT - HGC Schemes'!AP$3*$CE784),"")</f>
        <v/>
      </c>
      <c r="CV784" s="746" t="str">
        <f>IF(BB784="yes",('DRAFT - HGC Schemes'!AQ$3*$CE784),"")</f>
        <v/>
      </c>
      <c r="CW784" s="746" t="str">
        <f>IF(BC784="yes",('DRAFT - HGC Schemes'!AR$3*$CE784),"")</f>
        <v/>
      </c>
      <c r="CX784" s="746" t="str">
        <f>IF(BD784="yes",('DRAFT - HGC Schemes'!AS$3*$CE784),"")</f>
        <v/>
      </c>
      <c r="CY784" s="746" t="str">
        <f>IF(BE784="yes",('DRAFT - HGC Schemes'!AT$3*$CE784),"")</f>
        <v/>
      </c>
      <c r="CZ784" s="746" t="str">
        <f>IF(BF784="yes",('DRAFT - HGC Schemes'!AU$3*$CE784),"")</f>
        <v/>
      </c>
      <c r="DA784" s="746" t="str">
        <f>IF(BG784="yes",('DRAFT - HGC Schemes'!AV$3*$CE784),"")</f>
        <v/>
      </c>
      <c r="DB784" s="746" t="str">
        <f>IF(BH784="yes",('DRAFT - HGC Schemes'!AW$3*$CE784),"")</f>
        <v/>
      </c>
      <c r="DC784" s="746" t="str">
        <f>IF(BI784="yes",('DRAFT - HGC Schemes'!AX$3*$CE784),"")</f>
        <v/>
      </c>
      <c r="DD784" s="746" t="str">
        <f>IF(BJ784="yes",('DRAFT - HGC Schemes'!AY$3*$CE784),"")</f>
        <v/>
      </c>
      <c r="DE784" s="746" t="str">
        <f>IF(BK784="yes",('DRAFT - HGC Schemes'!AZ$3*$CE784),"")</f>
        <v/>
      </c>
      <c r="DF784" s="746" t="str">
        <f>IF(BL784="yes",('DRAFT - HGC Schemes'!BA$3*$CE784),"")</f>
        <v/>
      </c>
      <c r="DG784" s="746" t="str">
        <f>IF(BM784="yes",('DRAFT - HGC Schemes'!BB$3*$CE784),"")</f>
        <v/>
      </c>
      <c r="DH784" s="746" t="str">
        <f>IF(BN784="yes",('DRAFT - HGC Schemes'!BC$3*$CE784),"")</f>
        <v/>
      </c>
      <c r="DI784" s="746" t="str">
        <f>IF(BO784="yes",('DRAFT - HGC Schemes'!BD$3*$CE784),"")</f>
        <v/>
      </c>
      <c r="DJ784" s="746" t="str">
        <f>IF(BP784="yes",('DRAFT - HGC Schemes'!BE$3*$CE784),"")</f>
        <v/>
      </c>
      <c r="DK784" s="746" t="str">
        <f>IF(BQ784="yes",('DRAFT - HGC Schemes'!BF$3*$CE784),"")</f>
        <v/>
      </c>
      <c r="DL784" s="543"/>
      <c r="DM784" s="543"/>
      <c r="DN784" s="543"/>
      <c r="DO784" s="543"/>
      <c r="DP784" s="543"/>
      <c r="DQ784" s="543"/>
      <c r="DR784" s="543"/>
      <c r="DS784" s="543"/>
      <c r="DT784" s="543"/>
      <c r="DU784" s="543"/>
      <c r="DV784" s="543"/>
      <c r="DW784" s="543"/>
      <c r="DX784" s="543"/>
      <c r="DY784" s="543"/>
      <c r="DZ784" s="654"/>
      <c r="EA784" s="543" t="s">
        <v>2449</v>
      </c>
      <c r="EB784" s="654"/>
      <c r="EC784" s="654"/>
      <c r="ED784" s="545">
        <v>0.5</v>
      </c>
      <c r="EE784" s="545">
        <v>0.5</v>
      </c>
      <c r="EF784" s="354"/>
    </row>
    <row r="785" spans="1:136" s="857" customFormat="1" ht="139.9" customHeight="1" x14ac:dyDescent="0.25">
      <c r="A785" s="934"/>
      <c r="B785" s="538"/>
      <c r="C785" s="660" t="s">
        <v>3139</v>
      </c>
      <c r="D785" s="660"/>
      <c r="E785" s="660"/>
      <c r="F785" s="660"/>
      <c r="G785" s="550" t="s">
        <v>3140</v>
      </c>
      <c r="H785" s="543"/>
      <c r="I785" s="671" t="s">
        <v>2445</v>
      </c>
      <c r="J785" s="543"/>
      <c r="K785" s="671" t="s">
        <v>1346</v>
      </c>
      <c r="L785" s="543"/>
      <c r="M785" s="640" t="s">
        <v>3141</v>
      </c>
      <c r="N785" s="543"/>
      <c r="O785" s="543"/>
      <c r="P785" s="543"/>
      <c r="Q785" s="495" t="s">
        <v>3142</v>
      </c>
      <c r="R785" s="543" t="s">
        <v>3104</v>
      </c>
      <c r="S785" s="543"/>
      <c r="T785" s="543" t="s">
        <v>2986</v>
      </c>
      <c r="U785" s="543"/>
      <c r="V785" s="543"/>
      <c r="W785" s="657"/>
      <c r="X785" s="543"/>
      <c r="Y785" s="543"/>
      <c r="Z785" s="718" t="s">
        <v>63</v>
      </c>
      <c r="AA785" s="718" t="s">
        <v>63</v>
      </c>
      <c r="AB785" s="543"/>
      <c r="AC785" s="543"/>
      <c r="AD785" s="657" t="s">
        <v>64</v>
      </c>
      <c r="AE785" s="543"/>
      <c r="AF785" s="745">
        <f t="shared" si="237"/>
        <v>0</v>
      </c>
      <c r="AG785" s="745" t="s">
        <v>2565</v>
      </c>
      <c r="AH785" s="745"/>
      <c r="AI785" s="543"/>
      <c r="AJ785" s="543"/>
      <c r="AK785" s="543"/>
      <c r="AL785" s="543"/>
      <c r="AM785" s="543"/>
      <c r="AN785" s="543"/>
      <c r="AO785" s="543"/>
      <c r="AP785" s="543"/>
      <c r="AQ785" s="543"/>
      <c r="AR785" s="543"/>
      <c r="AS785" s="543"/>
      <c r="AT785" s="543"/>
      <c r="AU785" s="543"/>
      <c r="AV785" s="543"/>
      <c r="AW785" s="543"/>
      <c r="AX785" s="543"/>
      <c r="AY785" s="543"/>
      <c r="AZ785" s="543"/>
      <c r="BA785" s="543"/>
      <c r="BB785" s="543"/>
      <c r="BC785" s="543"/>
      <c r="BD785" s="543"/>
      <c r="BE785" s="543"/>
      <c r="BF785" s="543"/>
      <c r="BG785" s="543"/>
      <c r="BH785" s="543"/>
      <c r="BI785" s="543"/>
      <c r="BJ785" s="543"/>
      <c r="BK785" s="543"/>
      <c r="BL785" s="543"/>
      <c r="BM785" s="543"/>
      <c r="BN785" s="543"/>
      <c r="BO785" s="543"/>
      <c r="BP785" s="543"/>
      <c r="BQ785" s="543"/>
      <c r="BR785" s="543"/>
      <c r="BS785" s="543"/>
      <c r="BT785" s="543"/>
      <c r="BU785" s="543"/>
      <c r="BV785" s="543"/>
      <c r="BW785" s="543"/>
      <c r="BX785" s="543"/>
      <c r="BY785" s="543"/>
      <c r="BZ785" s="543"/>
      <c r="CA785" s="543"/>
      <c r="CB785" s="543"/>
      <c r="CC785" s="543"/>
      <c r="CD785" s="884">
        <f>SUMIF(AM785:CC785,"YES",'DRAFT - HGC Schemes'!$AB$3:$BR$3)</f>
        <v>0</v>
      </c>
      <c r="CE785" s="661" t="e">
        <f t="shared" si="238"/>
        <v>#DIV/0!</v>
      </c>
      <c r="CF785" s="661"/>
      <c r="CG785" s="746" t="str">
        <f>IF(AM785="yes",('DRAFT - HGC Schemes'!AB$3*$CE785),"")</f>
        <v/>
      </c>
      <c r="CH785" s="746" t="str">
        <f>IF(AN785="yes",('DRAFT - HGC Schemes'!AC$3*$CE785),"")</f>
        <v/>
      </c>
      <c r="CI785" s="746" t="str">
        <f>IF(AO785="yes",('DRAFT - HGC Schemes'!AD$3*$CE785),"")</f>
        <v/>
      </c>
      <c r="CJ785" s="746" t="str">
        <f>IF(AP785="yes",('DRAFT - HGC Schemes'!AE$3*$CE785),"")</f>
        <v/>
      </c>
      <c r="CK785" s="746" t="str">
        <f>IF(AQ785="yes",('DRAFT - HGC Schemes'!AF$3*$CE785),"")</f>
        <v/>
      </c>
      <c r="CL785" s="746" t="str">
        <f>IF(AR785="yes",('DRAFT - HGC Schemes'!AG$3*$CE785),"")</f>
        <v/>
      </c>
      <c r="CM785" s="746" t="str">
        <f>IF(AS785="yes",('DRAFT - HGC Schemes'!AH$3*$CE785),"")</f>
        <v/>
      </c>
      <c r="CN785" s="746" t="str">
        <f>IF(AT785="yes",('DRAFT - HGC Schemes'!AI$3*$CE785),"")</f>
        <v/>
      </c>
      <c r="CO785" s="746" t="str">
        <f>IF(AU785="yes",('DRAFT - HGC Schemes'!AJ$3*$CE785),"")</f>
        <v/>
      </c>
      <c r="CP785" s="746" t="str">
        <f>IF(AV785="yes",('DRAFT - HGC Schemes'!AK$3*$CE785),"")</f>
        <v/>
      </c>
      <c r="CQ785" s="746" t="str">
        <f>IF(AW785="yes",('DRAFT - HGC Schemes'!AL$3*$CE785),"")</f>
        <v/>
      </c>
      <c r="CR785" s="746" t="str">
        <f>IF(AX785="yes",('DRAFT - HGC Schemes'!AM$3*$CE785),"")</f>
        <v/>
      </c>
      <c r="CS785" s="746" t="str">
        <f>IF(AY785="yes",('DRAFT - HGC Schemes'!AN$3*$CE785),"")</f>
        <v/>
      </c>
      <c r="CT785" s="746" t="str">
        <f>IF(AZ785="yes",('DRAFT - HGC Schemes'!AO$3*$CE785),"")</f>
        <v/>
      </c>
      <c r="CU785" s="746" t="str">
        <f>IF(BA785="yes",('DRAFT - HGC Schemes'!AP$3*$CE785),"")</f>
        <v/>
      </c>
      <c r="CV785" s="746" t="str">
        <f>IF(BB785="yes",('DRAFT - HGC Schemes'!AQ$3*$CE785),"")</f>
        <v/>
      </c>
      <c r="CW785" s="746" t="str">
        <f>IF(BC785="yes",('DRAFT - HGC Schemes'!AR$3*$CE785),"")</f>
        <v/>
      </c>
      <c r="CX785" s="746" t="str">
        <f>IF(BD785="yes",('DRAFT - HGC Schemes'!AS$3*$CE785),"")</f>
        <v/>
      </c>
      <c r="CY785" s="746" t="str">
        <f>IF(BE785="yes",('DRAFT - HGC Schemes'!AT$3*$CE785),"")</f>
        <v/>
      </c>
      <c r="CZ785" s="746" t="str">
        <f>IF(BF785="yes",('DRAFT - HGC Schemes'!AU$3*$CE785),"")</f>
        <v/>
      </c>
      <c r="DA785" s="746" t="str">
        <f>IF(BG785="yes",('DRAFT - HGC Schemes'!AV$3*$CE785),"")</f>
        <v/>
      </c>
      <c r="DB785" s="746" t="str">
        <f>IF(BH785="yes",('DRAFT - HGC Schemes'!AW$3*$CE785),"")</f>
        <v/>
      </c>
      <c r="DC785" s="746" t="str">
        <f>IF(BI785="yes",('DRAFT - HGC Schemes'!AX$3*$CE785),"")</f>
        <v/>
      </c>
      <c r="DD785" s="746" t="str">
        <f>IF(BJ785="yes",('DRAFT - HGC Schemes'!AY$3*$CE785),"")</f>
        <v/>
      </c>
      <c r="DE785" s="746" t="str">
        <f>IF(BK785="yes",('DRAFT - HGC Schemes'!AZ$3*$CE785),"")</f>
        <v/>
      </c>
      <c r="DF785" s="746" t="str">
        <f>IF(BL785="yes",('DRAFT - HGC Schemes'!BA$3*$CE785),"")</f>
        <v/>
      </c>
      <c r="DG785" s="746" t="str">
        <f>IF(BM785="yes",('DRAFT - HGC Schemes'!BB$3*$CE785),"")</f>
        <v/>
      </c>
      <c r="DH785" s="746" t="str">
        <f>IF(BN785="yes",('DRAFT - HGC Schemes'!BC$3*$CE785),"")</f>
        <v/>
      </c>
      <c r="DI785" s="746" t="str">
        <f>IF(BO785="yes",('DRAFT - HGC Schemes'!BD$3*$CE785),"")</f>
        <v/>
      </c>
      <c r="DJ785" s="746" t="str">
        <f>IF(BP785="yes",('DRAFT - HGC Schemes'!BE$3*$CE785),"")</f>
        <v/>
      </c>
      <c r="DK785" s="746" t="str">
        <f>IF(BQ785="yes",('DRAFT - HGC Schemes'!BF$3*$CE785),"")</f>
        <v/>
      </c>
      <c r="DL785" s="543"/>
      <c r="DM785" s="543"/>
      <c r="DN785" s="543"/>
      <c r="DO785" s="543"/>
      <c r="DP785" s="543"/>
      <c r="DQ785" s="543"/>
      <c r="DR785" s="543"/>
      <c r="DS785" s="543"/>
      <c r="DT785" s="543"/>
      <c r="DU785" s="543"/>
      <c r="DV785" s="543"/>
      <c r="DW785" s="543"/>
      <c r="DX785" s="543"/>
      <c r="DY785" s="543"/>
      <c r="DZ785" s="654"/>
      <c r="EA785" s="543" t="s">
        <v>2449</v>
      </c>
      <c r="EB785" s="654"/>
      <c r="EC785" s="654"/>
      <c r="ED785" s="639">
        <v>0.46200000000000002</v>
      </c>
      <c r="EE785" s="639">
        <v>0.53800000000000003</v>
      </c>
      <c r="EF785" s="354"/>
    </row>
    <row r="786" spans="1:136" s="857" customFormat="1" ht="139.9" customHeight="1" x14ac:dyDescent="0.25">
      <c r="A786" s="934"/>
      <c r="B786" s="538"/>
      <c r="C786" s="660"/>
      <c r="D786" s="660"/>
      <c r="E786" s="660"/>
      <c r="F786" s="660"/>
      <c r="G786" s="550" t="s">
        <v>3143</v>
      </c>
      <c r="H786" s="543"/>
      <c r="I786" s="671" t="s">
        <v>2445</v>
      </c>
      <c r="J786" s="543"/>
      <c r="K786" s="671" t="s">
        <v>1346</v>
      </c>
      <c r="L786" s="543"/>
      <c r="M786" s="640" t="s">
        <v>3144</v>
      </c>
      <c r="N786" s="543"/>
      <c r="O786" s="543"/>
      <c r="P786" s="543"/>
      <c r="Q786" s="495" t="s">
        <v>3145</v>
      </c>
      <c r="R786" s="543" t="s">
        <v>3104</v>
      </c>
      <c r="S786" s="543"/>
      <c r="T786" s="543" t="s">
        <v>2986</v>
      </c>
      <c r="U786" s="543"/>
      <c r="V786" s="543"/>
      <c r="W786" s="657"/>
      <c r="X786" s="543"/>
      <c r="Y786" s="543"/>
      <c r="Z786" s="718" t="s">
        <v>63</v>
      </c>
      <c r="AA786" s="718" t="s">
        <v>63</v>
      </c>
      <c r="AB786" s="543"/>
      <c r="AC786" s="543"/>
      <c r="AD786" s="657" t="s">
        <v>64</v>
      </c>
      <c r="AE786" s="543"/>
      <c r="AF786" s="745">
        <f t="shared" si="237"/>
        <v>0</v>
      </c>
      <c r="AG786" s="745" t="s">
        <v>2565</v>
      </c>
      <c r="AH786" s="745"/>
      <c r="AI786" s="543"/>
      <c r="AJ786" s="543"/>
      <c r="AK786" s="543"/>
      <c r="AL786" s="543"/>
      <c r="AM786" s="543"/>
      <c r="AN786" s="543"/>
      <c r="AO786" s="543"/>
      <c r="AP786" s="543"/>
      <c r="AQ786" s="543"/>
      <c r="AR786" s="543"/>
      <c r="AS786" s="543"/>
      <c r="AT786" s="543"/>
      <c r="AU786" s="543"/>
      <c r="AV786" s="543"/>
      <c r="AW786" s="543"/>
      <c r="AX786" s="543"/>
      <c r="AY786" s="543"/>
      <c r="AZ786" s="543"/>
      <c r="BA786" s="543"/>
      <c r="BB786" s="543"/>
      <c r="BC786" s="543"/>
      <c r="BD786" s="543"/>
      <c r="BE786" s="543"/>
      <c r="BF786" s="543"/>
      <c r="BG786" s="543"/>
      <c r="BH786" s="543"/>
      <c r="BI786" s="543"/>
      <c r="BJ786" s="543"/>
      <c r="BK786" s="543"/>
      <c r="BL786" s="543"/>
      <c r="BM786" s="543"/>
      <c r="BN786" s="543"/>
      <c r="BO786" s="543"/>
      <c r="BP786" s="543"/>
      <c r="BQ786" s="543"/>
      <c r="BR786" s="543"/>
      <c r="BS786" s="543"/>
      <c r="BT786" s="543"/>
      <c r="BU786" s="543"/>
      <c r="BV786" s="543"/>
      <c r="BW786" s="543"/>
      <c r="BX786" s="543"/>
      <c r="BY786" s="543"/>
      <c r="BZ786" s="543"/>
      <c r="CA786" s="543"/>
      <c r="CB786" s="543"/>
      <c r="CC786" s="543"/>
      <c r="CD786" s="884">
        <f>SUMIF(AM786:CC786,"YES",'DRAFT - HGC Schemes'!$AB$3:$BR$3)</f>
        <v>0</v>
      </c>
      <c r="CE786" s="661" t="e">
        <f t="shared" si="238"/>
        <v>#DIV/0!</v>
      </c>
      <c r="CF786" s="661"/>
      <c r="CG786" s="746" t="str">
        <f>IF(AM786="yes",('DRAFT - HGC Schemes'!AB$3*$CE786),"")</f>
        <v/>
      </c>
      <c r="CH786" s="746" t="str">
        <f>IF(AN786="yes",('DRAFT - HGC Schemes'!AC$3*$CE786),"")</f>
        <v/>
      </c>
      <c r="CI786" s="746" t="str">
        <f>IF(AO786="yes",('DRAFT - HGC Schemes'!AD$3*$CE786),"")</f>
        <v/>
      </c>
      <c r="CJ786" s="746" t="str">
        <f>IF(AP786="yes",('DRAFT - HGC Schemes'!AE$3*$CE786),"")</f>
        <v/>
      </c>
      <c r="CK786" s="746" t="str">
        <f>IF(AQ786="yes",('DRAFT - HGC Schemes'!AF$3*$CE786),"")</f>
        <v/>
      </c>
      <c r="CL786" s="746" t="str">
        <f>IF(AR786="yes",('DRAFT - HGC Schemes'!AG$3*$CE786),"")</f>
        <v/>
      </c>
      <c r="CM786" s="746" t="str">
        <f>IF(AS786="yes",('DRAFT - HGC Schemes'!AH$3*$CE786),"")</f>
        <v/>
      </c>
      <c r="CN786" s="746" t="str">
        <f>IF(AT786="yes",('DRAFT - HGC Schemes'!AI$3*$CE786),"")</f>
        <v/>
      </c>
      <c r="CO786" s="746" t="str">
        <f>IF(AU786="yes",('DRAFT - HGC Schemes'!AJ$3*$CE786),"")</f>
        <v/>
      </c>
      <c r="CP786" s="746" t="str">
        <f>IF(AV786="yes",('DRAFT - HGC Schemes'!AK$3*$CE786),"")</f>
        <v/>
      </c>
      <c r="CQ786" s="746" t="str">
        <f>IF(AW786="yes",('DRAFT - HGC Schemes'!AL$3*$CE786),"")</f>
        <v/>
      </c>
      <c r="CR786" s="746" t="str">
        <f>IF(AX786="yes",('DRAFT - HGC Schemes'!AM$3*$CE786),"")</f>
        <v/>
      </c>
      <c r="CS786" s="746" t="str">
        <f>IF(AY786="yes",('DRAFT - HGC Schemes'!AN$3*$CE786),"")</f>
        <v/>
      </c>
      <c r="CT786" s="746" t="str">
        <f>IF(AZ786="yes",('DRAFT - HGC Schemes'!AO$3*$CE786),"")</f>
        <v/>
      </c>
      <c r="CU786" s="746" t="str">
        <f>IF(BA786="yes",('DRAFT - HGC Schemes'!AP$3*$CE786),"")</f>
        <v/>
      </c>
      <c r="CV786" s="746" t="str">
        <f>IF(BB786="yes",('DRAFT - HGC Schemes'!AQ$3*$CE786),"")</f>
        <v/>
      </c>
      <c r="CW786" s="746" t="str">
        <f>IF(BC786="yes",('DRAFT - HGC Schemes'!AR$3*$CE786),"")</f>
        <v/>
      </c>
      <c r="CX786" s="746" t="str">
        <f>IF(BD786="yes",('DRAFT - HGC Schemes'!AS$3*$CE786),"")</f>
        <v/>
      </c>
      <c r="CY786" s="746" t="str">
        <f>IF(BE786="yes",('DRAFT - HGC Schemes'!AT$3*$CE786),"")</f>
        <v/>
      </c>
      <c r="CZ786" s="746" t="str">
        <f>IF(BF786="yes",('DRAFT - HGC Schemes'!AU$3*$CE786),"")</f>
        <v/>
      </c>
      <c r="DA786" s="746" t="str">
        <f>IF(BG786="yes",('DRAFT - HGC Schemes'!AV$3*$CE786),"")</f>
        <v/>
      </c>
      <c r="DB786" s="746" t="str">
        <f>IF(BH786="yes",('DRAFT - HGC Schemes'!AW$3*$CE786),"")</f>
        <v/>
      </c>
      <c r="DC786" s="746" t="str">
        <f>IF(BI786="yes",('DRAFT - HGC Schemes'!AX$3*$CE786),"")</f>
        <v/>
      </c>
      <c r="DD786" s="746" t="str">
        <f>IF(BJ786="yes",('DRAFT - HGC Schemes'!AY$3*$CE786),"")</f>
        <v/>
      </c>
      <c r="DE786" s="746" t="str">
        <f>IF(BK786="yes",('DRAFT - HGC Schemes'!AZ$3*$CE786),"")</f>
        <v/>
      </c>
      <c r="DF786" s="746" t="str">
        <f>IF(BL786="yes",('DRAFT - HGC Schemes'!BA$3*$CE786),"")</f>
        <v/>
      </c>
      <c r="DG786" s="746" t="str">
        <f>IF(BM786="yes",('DRAFT - HGC Schemes'!BB$3*$CE786),"")</f>
        <v/>
      </c>
      <c r="DH786" s="746" t="str">
        <f>IF(BN786="yes",('DRAFT - HGC Schemes'!BC$3*$CE786),"")</f>
        <v/>
      </c>
      <c r="DI786" s="746" t="str">
        <f>IF(BO786="yes",('DRAFT - HGC Schemes'!BD$3*$CE786),"")</f>
        <v/>
      </c>
      <c r="DJ786" s="746" t="str">
        <f>IF(BP786="yes",('DRAFT - HGC Schemes'!BE$3*$CE786),"")</f>
        <v/>
      </c>
      <c r="DK786" s="746" t="str">
        <f>IF(BQ786="yes",('DRAFT - HGC Schemes'!BF$3*$CE786),"")</f>
        <v/>
      </c>
      <c r="DL786" s="543"/>
      <c r="DM786" s="543"/>
      <c r="DN786" s="543"/>
      <c r="DO786" s="543"/>
      <c r="DP786" s="543"/>
      <c r="DQ786" s="543"/>
      <c r="DR786" s="543"/>
      <c r="DS786" s="543"/>
      <c r="DT786" s="543"/>
      <c r="DU786" s="543"/>
      <c r="DV786" s="543"/>
      <c r="DW786" s="543"/>
      <c r="DX786" s="543"/>
      <c r="DY786" s="543"/>
      <c r="DZ786" s="654"/>
      <c r="EA786" s="543" t="s">
        <v>2449</v>
      </c>
      <c r="EB786" s="654"/>
      <c r="EC786" s="654"/>
      <c r="ED786" s="639">
        <v>0.46200000000000002</v>
      </c>
      <c r="EE786" s="639">
        <v>0.53800000000000003</v>
      </c>
      <c r="EF786" s="354"/>
    </row>
    <row r="787" spans="1:136" s="857" customFormat="1" ht="139.9" customHeight="1" x14ac:dyDescent="0.25">
      <c r="A787" s="934"/>
      <c r="B787" s="538"/>
      <c r="C787" s="660" t="s">
        <v>3146</v>
      </c>
      <c r="D787" s="660"/>
      <c r="E787" s="660"/>
      <c r="F787" s="660"/>
      <c r="G787" s="550" t="s">
        <v>3147</v>
      </c>
      <c r="H787" s="543"/>
      <c r="I787" s="671" t="s">
        <v>2445</v>
      </c>
      <c r="J787" s="543"/>
      <c r="K787" s="671" t="s">
        <v>1346</v>
      </c>
      <c r="L787" s="543" t="s">
        <v>3148</v>
      </c>
      <c r="M787" s="640" t="s">
        <v>3149</v>
      </c>
      <c r="N787" s="543"/>
      <c r="O787" s="543"/>
      <c r="P787" s="543"/>
      <c r="Q787" s="495" t="s">
        <v>3150</v>
      </c>
      <c r="R787" s="543" t="s">
        <v>3104</v>
      </c>
      <c r="S787" s="543"/>
      <c r="T787" s="543" t="s">
        <v>2986</v>
      </c>
      <c r="U787" s="543"/>
      <c r="V787" s="543"/>
      <c r="W787" s="657"/>
      <c r="X787" s="543"/>
      <c r="Y787" s="543"/>
      <c r="Z787" s="718" t="s">
        <v>63</v>
      </c>
      <c r="AA787" s="718" t="s">
        <v>63</v>
      </c>
      <c r="AB787" s="543"/>
      <c r="AC787" s="543"/>
      <c r="AD787" s="657" t="s">
        <v>64</v>
      </c>
      <c r="AE787" s="543"/>
      <c r="AF787" s="745">
        <f t="shared" si="237"/>
        <v>0</v>
      </c>
      <c r="AG787" s="745" t="s">
        <v>2565</v>
      </c>
      <c r="AH787" s="745"/>
      <c r="AI787" s="543"/>
      <c r="AJ787" s="543"/>
      <c r="AK787" s="543"/>
      <c r="AL787" s="543"/>
      <c r="AM787" s="543"/>
      <c r="AN787" s="543"/>
      <c r="AO787" s="543"/>
      <c r="AP787" s="543"/>
      <c r="AQ787" s="543"/>
      <c r="AR787" s="543"/>
      <c r="AS787" s="543"/>
      <c r="AT787" s="543"/>
      <c r="AU787" s="543"/>
      <c r="AV787" s="543"/>
      <c r="AW787" s="543"/>
      <c r="AX787" s="543"/>
      <c r="AY787" s="543"/>
      <c r="AZ787" s="543"/>
      <c r="BA787" s="543"/>
      <c r="BB787" s="543"/>
      <c r="BC787" s="543"/>
      <c r="BD787" s="543"/>
      <c r="BE787" s="543"/>
      <c r="BF787" s="543"/>
      <c r="BG787" s="543"/>
      <c r="BH787" s="543"/>
      <c r="BI787" s="543"/>
      <c r="BJ787" s="543"/>
      <c r="BK787" s="543"/>
      <c r="BL787" s="543"/>
      <c r="BM787" s="543"/>
      <c r="BN787" s="543"/>
      <c r="BO787" s="543"/>
      <c r="BP787" s="543"/>
      <c r="BQ787" s="543"/>
      <c r="BR787" s="543"/>
      <c r="BS787" s="543"/>
      <c r="BT787" s="543"/>
      <c r="BU787" s="543"/>
      <c r="BV787" s="543"/>
      <c r="BW787" s="543"/>
      <c r="BX787" s="543"/>
      <c r="BY787" s="543"/>
      <c r="BZ787" s="543"/>
      <c r="CA787" s="543"/>
      <c r="CB787" s="543"/>
      <c r="CC787" s="543"/>
      <c r="CD787" s="884">
        <f>SUMIF(AM787:CC787,"YES",'DRAFT - HGC Schemes'!$AB$3:$BR$3)</f>
        <v>0</v>
      </c>
      <c r="CE787" s="661" t="e">
        <f t="shared" si="238"/>
        <v>#DIV/0!</v>
      </c>
      <c r="CF787" s="661"/>
      <c r="CG787" s="746" t="str">
        <f>IF(AM787="yes",('DRAFT - HGC Schemes'!AB$3*$CE787),"")</f>
        <v/>
      </c>
      <c r="CH787" s="746" t="str">
        <f>IF(AN787="yes",('DRAFT - HGC Schemes'!AC$3*$CE787),"")</f>
        <v/>
      </c>
      <c r="CI787" s="746" t="str">
        <f>IF(AO787="yes",('DRAFT - HGC Schemes'!AD$3*$CE787),"")</f>
        <v/>
      </c>
      <c r="CJ787" s="746" t="str">
        <f>IF(AP787="yes",('DRAFT - HGC Schemes'!AE$3*$CE787),"")</f>
        <v/>
      </c>
      <c r="CK787" s="746" t="str">
        <f>IF(AQ787="yes",('DRAFT - HGC Schemes'!AF$3*$CE787),"")</f>
        <v/>
      </c>
      <c r="CL787" s="746" t="str">
        <f>IF(AR787="yes",('DRAFT - HGC Schemes'!AG$3*$CE787),"")</f>
        <v/>
      </c>
      <c r="CM787" s="746" t="str">
        <f>IF(AS787="yes",('DRAFT - HGC Schemes'!AH$3*$CE787),"")</f>
        <v/>
      </c>
      <c r="CN787" s="746" t="str">
        <f>IF(AT787="yes",('DRAFT - HGC Schemes'!AI$3*$CE787),"")</f>
        <v/>
      </c>
      <c r="CO787" s="746" t="str">
        <f>IF(AU787="yes",('DRAFT - HGC Schemes'!AJ$3*$CE787),"")</f>
        <v/>
      </c>
      <c r="CP787" s="746" t="str">
        <f>IF(AV787="yes",('DRAFT - HGC Schemes'!AK$3*$CE787),"")</f>
        <v/>
      </c>
      <c r="CQ787" s="746" t="str">
        <f>IF(AW787="yes",('DRAFT - HGC Schemes'!AL$3*$CE787),"")</f>
        <v/>
      </c>
      <c r="CR787" s="746" t="str">
        <f>IF(AX787="yes",('DRAFT - HGC Schemes'!AM$3*$CE787),"")</f>
        <v/>
      </c>
      <c r="CS787" s="746" t="str">
        <f>IF(AY787="yes",('DRAFT - HGC Schemes'!AN$3*$CE787),"")</f>
        <v/>
      </c>
      <c r="CT787" s="746" t="str">
        <f>IF(AZ787="yes",('DRAFT - HGC Schemes'!AO$3*$CE787),"")</f>
        <v/>
      </c>
      <c r="CU787" s="746" t="str">
        <f>IF(BA787="yes",('DRAFT - HGC Schemes'!AP$3*$CE787),"")</f>
        <v/>
      </c>
      <c r="CV787" s="746" t="str">
        <f>IF(BB787="yes",('DRAFT - HGC Schemes'!AQ$3*$CE787),"")</f>
        <v/>
      </c>
      <c r="CW787" s="746" t="str">
        <f>IF(BC787="yes",('DRAFT - HGC Schemes'!AR$3*$CE787),"")</f>
        <v/>
      </c>
      <c r="CX787" s="746" t="str">
        <f>IF(BD787="yes",('DRAFT - HGC Schemes'!AS$3*$CE787),"")</f>
        <v/>
      </c>
      <c r="CY787" s="746" t="str">
        <f>IF(BE787="yes",('DRAFT - HGC Schemes'!AT$3*$CE787),"")</f>
        <v/>
      </c>
      <c r="CZ787" s="746" t="str">
        <f>IF(BF787="yes",('DRAFT - HGC Schemes'!AU$3*$CE787),"")</f>
        <v/>
      </c>
      <c r="DA787" s="746" t="str">
        <f>IF(BG787="yes",('DRAFT - HGC Schemes'!AV$3*$CE787),"")</f>
        <v/>
      </c>
      <c r="DB787" s="746" t="str">
        <f>IF(BH787="yes",('DRAFT - HGC Schemes'!AW$3*$CE787),"")</f>
        <v/>
      </c>
      <c r="DC787" s="746" t="str">
        <f>IF(BI787="yes",('DRAFT - HGC Schemes'!AX$3*$CE787),"")</f>
        <v/>
      </c>
      <c r="DD787" s="746" t="str">
        <f>IF(BJ787="yes",('DRAFT - HGC Schemes'!AY$3*$CE787),"")</f>
        <v/>
      </c>
      <c r="DE787" s="746" t="str">
        <f>IF(BK787="yes",('DRAFT - HGC Schemes'!AZ$3*$CE787),"")</f>
        <v/>
      </c>
      <c r="DF787" s="746" t="str">
        <f>IF(BL787="yes",('DRAFT - HGC Schemes'!BA$3*$CE787),"")</f>
        <v/>
      </c>
      <c r="DG787" s="746" t="str">
        <f>IF(BM787="yes",('DRAFT - HGC Schemes'!BB$3*$CE787),"")</f>
        <v/>
      </c>
      <c r="DH787" s="746" t="str">
        <f>IF(BN787="yes",('DRAFT - HGC Schemes'!BC$3*$CE787),"")</f>
        <v/>
      </c>
      <c r="DI787" s="746" t="str">
        <f>IF(BO787="yes",('DRAFT - HGC Schemes'!BD$3*$CE787),"")</f>
        <v/>
      </c>
      <c r="DJ787" s="746" t="str">
        <f>IF(BP787="yes",('DRAFT - HGC Schemes'!BE$3*$CE787),"")</f>
        <v/>
      </c>
      <c r="DK787" s="746" t="str">
        <f>IF(BQ787="yes",('DRAFT - HGC Schemes'!BF$3*$CE787),"")</f>
        <v/>
      </c>
      <c r="DL787" s="543"/>
      <c r="DM787" s="543"/>
      <c r="DN787" s="543"/>
      <c r="DO787" s="543"/>
      <c r="DP787" s="543"/>
      <c r="DQ787" s="543"/>
      <c r="DR787" s="543"/>
      <c r="DS787" s="543"/>
      <c r="DT787" s="543"/>
      <c r="DU787" s="543"/>
      <c r="DV787" s="543"/>
      <c r="DW787" s="543"/>
      <c r="DX787" s="543"/>
      <c r="DY787" s="543"/>
      <c r="DZ787" s="654"/>
      <c r="EA787" s="543" t="s">
        <v>2449</v>
      </c>
      <c r="EB787" s="654"/>
      <c r="EC787" s="654"/>
      <c r="ED787" s="545">
        <v>1</v>
      </c>
      <c r="EE787" s="545">
        <v>0</v>
      </c>
    </row>
    <row r="788" spans="1:136" s="857" customFormat="1" ht="139.9" customHeight="1" x14ac:dyDescent="0.25">
      <c r="A788" s="934"/>
      <c r="B788" s="538"/>
      <c r="C788" s="660"/>
      <c r="D788" s="660"/>
      <c r="E788" s="660"/>
      <c r="F788" s="660"/>
      <c r="G788" s="550" t="s">
        <v>3151</v>
      </c>
      <c r="H788" s="543"/>
      <c r="I788" s="671" t="s">
        <v>2445</v>
      </c>
      <c r="J788" s="543"/>
      <c r="K788" s="671" t="s">
        <v>1346</v>
      </c>
      <c r="L788" s="543" t="s">
        <v>1348</v>
      </c>
      <c r="M788" s="640" t="s">
        <v>3152</v>
      </c>
      <c r="N788" s="543"/>
      <c r="O788" s="543"/>
      <c r="P788" s="543"/>
      <c r="Q788" s="495" t="s">
        <v>3153</v>
      </c>
      <c r="R788" s="543" t="s">
        <v>3104</v>
      </c>
      <c r="S788" s="641"/>
      <c r="T788" s="543" t="s">
        <v>2986</v>
      </c>
      <c r="U788" s="543"/>
      <c r="V788" s="543"/>
      <c r="W788" s="657"/>
      <c r="X788" s="543"/>
      <c r="Y788" s="543"/>
      <c r="Z788" s="718" t="s">
        <v>63</v>
      </c>
      <c r="AA788" s="718" t="s">
        <v>63</v>
      </c>
      <c r="AB788" s="543"/>
      <c r="AC788" s="543"/>
      <c r="AD788" s="657" t="s">
        <v>64</v>
      </c>
      <c r="AE788" s="543"/>
      <c r="AF788" s="745">
        <f t="shared" si="237"/>
        <v>0</v>
      </c>
      <c r="AG788" s="745" t="s">
        <v>2565</v>
      </c>
      <c r="AH788" s="745"/>
      <c r="AI788" s="543"/>
      <c r="AJ788" s="543"/>
      <c r="AK788" s="543"/>
      <c r="AL788" s="543"/>
      <c r="AM788" s="543"/>
      <c r="AN788" s="543"/>
      <c r="AO788" s="543"/>
      <c r="AP788" s="543"/>
      <c r="AQ788" s="543"/>
      <c r="AR788" s="543"/>
      <c r="AS788" s="543"/>
      <c r="AT788" s="543"/>
      <c r="AU788" s="543"/>
      <c r="AV788" s="543"/>
      <c r="AW788" s="543"/>
      <c r="AX788" s="543"/>
      <c r="AY788" s="543"/>
      <c r="AZ788" s="543"/>
      <c r="BA788" s="543"/>
      <c r="BB788" s="543"/>
      <c r="BC788" s="543"/>
      <c r="BD788" s="543"/>
      <c r="BE788" s="543"/>
      <c r="BF788" s="543"/>
      <c r="BG788" s="543"/>
      <c r="BH788" s="543"/>
      <c r="BI788" s="543"/>
      <c r="BJ788" s="543"/>
      <c r="BK788" s="543"/>
      <c r="BL788" s="543"/>
      <c r="BM788" s="543"/>
      <c r="BN788" s="543"/>
      <c r="BO788" s="543"/>
      <c r="BP788" s="543"/>
      <c r="BQ788" s="543"/>
      <c r="BR788" s="543"/>
      <c r="BS788" s="543"/>
      <c r="BT788" s="543"/>
      <c r="BU788" s="543"/>
      <c r="BV788" s="543"/>
      <c r="BW788" s="543"/>
      <c r="BX788" s="543"/>
      <c r="BY788" s="543"/>
      <c r="BZ788" s="543"/>
      <c r="CA788" s="543"/>
      <c r="CB788" s="543"/>
      <c r="CC788" s="543"/>
      <c r="CD788" s="884">
        <f>SUMIF(AM788:CC788,"YES",'DRAFT - HGC Schemes'!$AB$3:$BR$3)</f>
        <v>0</v>
      </c>
      <c r="CE788" s="661" t="e">
        <f t="shared" si="238"/>
        <v>#DIV/0!</v>
      </c>
      <c r="CF788" s="661"/>
      <c r="CG788" s="746" t="str">
        <f>IF(AM788="yes",('DRAFT - HGC Schemes'!AB$3*$CE788),"")</f>
        <v/>
      </c>
      <c r="CH788" s="746" t="str">
        <f>IF(AN788="yes",('DRAFT - HGC Schemes'!AC$3*$CE788),"")</f>
        <v/>
      </c>
      <c r="CI788" s="746" t="str">
        <f>IF(AO788="yes",('DRAFT - HGC Schemes'!AD$3*$CE788),"")</f>
        <v/>
      </c>
      <c r="CJ788" s="746" t="str">
        <f>IF(AP788="yes",('DRAFT - HGC Schemes'!AE$3*$CE788),"")</f>
        <v/>
      </c>
      <c r="CK788" s="746" t="str">
        <f>IF(AQ788="yes",('DRAFT - HGC Schemes'!AF$3*$CE788),"")</f>
        <v/>
      </c>
      <c r="CL788" s="746" t="str">
        <f>IF(AR788="yes",('DRAFT - HGC Schemes'!AG$3*$CE788),"")</f>
        <v/>
      </c>
      <c r="CM788" s="746" t="str">
        <f>IF(AS788="yes",('DRAFT - HGC Schemes'!AH$3*$CE788),"")</f>
        <v/>
      </c>
      <c r="CN788" s="746" t="str">
        <f>IF(AT788="yes",('DRAFT - HGC Schemes'!AI$3*$CE788),"")</f>
        <v/>
      </c>
      <c r="CO788" s="746" t="str">
        <f>IF(AU788="yes",('DRAFT - HGC Schemes'!AJ$3*$CE788),"")</f>
        <v/>
      </c>
      <c r="CP788" s="746" t="str">
        <f>IF(AV788="yes",('DRAFT - HGC Schemes'!AK$3*$CE788),"")</f>
        <v/>
      </c>
      <c r="CQ788" s="746" t="str">
        <f>IF(AW788="yes",('DRAFT - HGC Schemes'!AL$3*$CE788),"")</f>
        <v/>
      </c>
      <c r="CR788" s="746" t="str">
        <f>IF(AX788="yes",('DRAFT - HGC Schemes'!AM$3*$CE788),"")</f>
        <v/>
      </c>
      <c r="CS788" s="746" t="str">
        <f>IF(AY788="yes",('DRAFT - HGC Schemes'!AN$3*$CE788),"")</f>
        <v/>
      </c>
      <c r="CT788" s="746" t="str">
        <f>IF(AZ788="yes",('DRAFT - HGC Schemes'!AO$3*$CE788),"")</f>
        <v/>
      </c>
      <c r="CU788" s="746" t="str">
        <f>IF(BA788="yes",('DRAFT - HGC Schemes'!AP$3*$CE788),"")</f>
        <v/>
      </c>
      <c r="CV788" s="746" t="str">
        <f>IF(BB788="yes",('DRAFT - HGC Schemes'!AQ$3*$CE788),"")</f>
        <v/>
      </c>
      <c r="CW788" s="746" t="str">
        <f>IF(BC788="yes",('DRAFT - HGC Schemes'!AR$3*$CE788),"")</f>
        <v/>
      </c>
      <c r="CX788" s="746" t="str">
        <f>IF(BD788="yes",('DRAFT - HGC Schemes'!AS$3*$CE788),"")</f>
        <v/>
      </c>
      <c r="CY788" s="746" t="str">
        <f>IF(BE788="yes",('DRAFT - HGC Schemes'!AT$3*$CE788),"")</f>
        <v/>
      </c>
      <c r="CZ788" s="746" t="str">
        <f>IF(BF788="yes",('DRAFT - HGC Schemes'!AU$3*$CE788),"")</f>
        <v/>
      </c>
      <c r="DA788" s="746" t="str">
        <f>IF(BG788="yes",('DRAFT - HGC Schemes'!AV$3*$CE788),"")</f>
        <v/>
      </c>
      <c r="DB788" s="746" t="str">
        <f>IF(BH788="yes",('DRAFT - HGC Schemes'!AW$3*$CE788),"")</f>
        <v/>
      </c>
      <c r="DC788" s="746" t="str">
        <f>IF(BI788="yes",('DRAFT - HGC Schemes'!AX$3*$CE788),"")</f>
        <v/>
      </c>
      <c r="DD788" s="746" t="str">
        <f>IF(BJ788="yes",('DRAFT - HGC Schemes'!AY$3*$CE788),"")</f>
        <v/>
      </c>
      <c r="DE788" s="746" t="str">
        <f>IF(BK788="yes",('DRAFT - HGC Schemes'!AZ$3*$CE788),"")</f>
        <v/>
      </c>
      <c r="DF788" s="746" t="str">
        <f>IF(BL788="yes",('DRAFT - HGC Schemes'!BA$3*$CE788),"")</f>
        <v/>
      </c>
      <c r="DG788" s="746" t="str">
        <f>IF(BM788="yes",('DRAFT - HGC Schemes'!BB$3*$CE788),"")</f>
        <v/>
      </c>
      <c r="DH788" s="746" t="str">
        <f>IF(BN788="yes",('DRAFT - HGC Schemes'!BC$3*$CE788),"")</f>
        <v/>
      </c>
      <c r="DI788" s="746" t="str">
        <f>IF(BO788="yes",('DRAFT - HGC Schemes'!BD$3*$CE788),"")</f>
        <v/>
      </c>
      <c r="DJ788" s="746" t="str">
        <f>IF(BP788="yes",('DRAFT - HGC Schemes'!BE$3*$CE788),"")</f>
        <v/>
      </c>
      <c r="DK788" s="746" t="str">
        <f>IF(BQ788="yes",('DRAFT - HGC Schemes'!BF$3*$CE788),"")</f>
        <v/>
      </c>
      <c r="DL788" s="543"/>
      <c r="DM788" s="543"/>
      <c r="DN788" s="543"/>
      <c r="DO788" s="543"/>
      <c r="DP788" s="543"/>
      <c r="DQ788" s="543"/>
      <c r="DR788" s="543"/>
      <c r="DS788" s="543"/>
      <c r="DT788" s="543"/>
      <c r="DU788" s="543"/>
      <c r="DV788" s="543"/>
      <c r="DW788" s="543"/>
      <c r="DX788" s="543"/>
      <c r="DY788" s="543"/>
      <c r="DZ788" s="654"/>
      <c r="EA788" s="543" t="s">
        <v>2449</v>
      </c>
      <c r="EB788" s="654"/>
      <c r="EC788" s="654"/>
      <c r="ED788" s="545">
        <v>0</v>
      </c>
      <c r="EE788" s="545">
        <v>1</v>
      </c>
    </row>
    <row r="789" spans="1:136" s="857" customFormat="1" ht="139.9" customHeight="1" x14ac:dyDescent="0.25">
      <c r="A789" s="934"/>
      <c r="B789" s="538"/>
      <c r="C789" s="660"/>
      <c r="D789" s="660"/>
      <c r="E789" s="660"/>
      <c r="F789" s="660"/>
      <c r="G789" s="550" t="s">
        <v>3154</v>
      </c>
      <c r="H789" s="543"/>
      <c r="I789" s="671" t="s">
        <v>2445</v>
      </c>
      <c r="J789" s="543"/>
      <c r="K789" s="671" t="s">
        <v>1346</v>
      </c>
      <c r="L789" s="906"/>
      <c r="M789" s="640" t="s">
        <v>3155</v>
      </c>
      <c r="N789" s="543"/>
      <c r="O789" s="543"/>
      <c r="P789" s="543"/>
      <c r="Q789" s="495" t="s">
        <v>3156</v>
      </c>
      <c r="R789" s="543" t="s">
        <v>3104</v>
      </c>
      <c r="S789" s="543"/>
      <c r="T789" s="543" t="s">
        <v>2986</v>
      </c>
      <c r="U789" s="543"/>
      <c r="V789" s="543"/>
      <c r="W789" s="657"/>
      <c r="X789" s="543"/>
      <c r="Y789" s="543"/>
      <c r="Z789" s="718" t="s">
        <v>63</v>
      </c>
      <c r="AA789" s="718" t="s">
        <v>63</v>
      </c>
      <c r="AB789" s="543"/>
      <c r="AC789" s="543"/>
      <c r="AD789" s="657" t="s">
        <v>64</v>
      </c>
      <c r="AE789" s="543"/>
      <c r="AF789" s="745">
        <f t="shared" si="237"/>
        <v>0</v>
      </c>
      <c r="AG789" s="745" t="s">
        <v>2565</v>
      </c>
      <c r="AH789" s="745"/>
      <c r="AI789" s="543"/>
      <c r="AJ789" s="543"/>
      <c r="AK789" s="543"/>
      <c r="AL789" s="543"/>
      <c r="AM789" s="543"/>
      <c r="AN789" s="543"/>
      <c r="AO789" s="543"/>
      <c r="AP789" s="543"/>
      <c r="AQ789" s="543"/>
      <c r="AR789" s="543"/>
      <c r="AS789" s="543"/>
      <c r="AT789" s="543"/>
      <c r="AU789" s="543"/>
      <c r="AV789" s="543"/>
      <c r="AW789" s="543"/>
      <c r="AX789" s="543"/>
      <c r="AY789" s="543"/>
      <c r="AZ789" s="543"/>
      <c r="BA789" s="543"/>
      <c r="BB789" s="543"/>
      <c r="BC789" s="543"/>
      <c r="BD789" s="543"/>
      <c r="BE789" s="543"/>
      <c r="BF789" s="543"/>
      <c r="BG789" s="543"/>
      <c r="BH789" s="543"/>
      <c r="BI789" s="543"/>
      <c r="BJ789" s="543"/>
      <c r="BK789" s="543"/>
      <c r="BL789" s="543"/>
      <c r="BM789" s="543"/>
      <c r="BN789" s="543"/>
      <c r="BO789" s="543"/>
      <c r="BP789" s="543"/>
      <c r="BQ789" s="543"/>
      <c r="BR789" s="543"/>
      <c r="BS789" s="543"/>
      <c r="BT789" s="543"/>
      <c r="BU789" s="543"/>
      <c r="BV789" s="543"/>
      <c r="BW789" s="543"/>
      <c r="BX789" s="543"/>
      <c r="BY789" s="543"/>
      <c r="BZ789" s="543"/>
      <c r="CA789" s="543"/>
      <c r="CB789" s="543"/>
      <c r="CC789" s="543"/>
      <c r="CD789" s="884">
        <f>SUMIF(AM789:CC789,"YES",'DRAFT - HGC Schemes'!$AB$3:$BR$3)</f>
        <v>0</v>
      </c>
      <c r="CE789" s="661" t="e">
        <f t="shared" si="238"/>
        <v>#DIV/0!</v>
      </c>
      <c r="CF789" s="661"/>
      <c r="CG789" s="746" t="str">
        <f>IF(AM789="yes",('DRAFT - HGC Schemes'!AB$3*$CE789),"")</f>
        <v/>
      </c>
      <c r="CH789" s="746" t="str">
        <f>IF(AN789="yes",('DRAFT - HGC Schemes'!AC$3*$CE789),"")</f>
        <v/>
      </c>
      <c r="CI789" s="746" t="str">
        <f>IF(AO789="yes",('DRAFT - HGC Schemes'!AD$3*$CE789),"")</f>
        <v/>
      </c>
      <c r="CJ789" s="746" t="str">
        <f>IF(AP789="yes",('DRAFT - HGC Schemes'!AE$3*$CE789),"")</f>
        <v/>
      </c>
      <c r="CK789" s="746" t="str">
        <f>IF(AQ789="yes",('DRAFT - HGC Schemes'!AF$3*$CE789),"")</f>
        <v/>
      </c>
      <c r="CL789" s="746" t="str">
        <f>IF(AR789="yes",('DRAFT - HGC Schemes'!AG$3*$CE789),"")</f>
        <v/>
      </c>
      <c r="CM789" s="746" t="str">
        <f>IF(AS789="yes",('DRAFT - HGC Schemes'!AH$3*$CE789),"")</f>
        <v/>
      </c>
      <c r="CN789" s="746" t="str">
        <f>IF(AT789="yes",('DRAFT - HGC Schemes'!AI$3*$CE789),"")</f>
        <v/>
      </c>
      <c r="CO789" s="746" t="str">
        <f>IF(AU789="yes",('DRAFT - HGC Schemes'!AJ$3*$CE789),"")</f>
        <v/>
      </c>
      <c r="CP789" s="746" t="str">
        <f>IF(AV789="yes",('DRAFT - HGC Schemes'!AK$3*$CE789),"")</f>
        <v/>
      </c>
      <c r="CQ789" s="746" t="str">
        <f>IF(AW789="yes",('DRAFT - HGC Schemes'!AL$3*$CE789),"")</f>
        <v/>
      </c>
      <c r="CR789" s="746" t="str">
        <f>IF(AX789="yes",('DRAFT - HGC Schemes'!AM$3*$CE789),"")</f>
        <v/>
      </c>
      <c r="CS789" s="746" t="str">
        <f>IF(AY789="yes",('DRAFT - HGC Schemes'!AN$3*$CE789),"")</f>
        <v/>
      </c>
      <c r="CT789" s="746" t="str">
        <f>IF(AZ789="yes",('DRAFT - HGC Schemes'!AO$3*$CE789),"")</f>
        <v/>
      </c>
      <c r="CU789" s="746" t="str">
        <f>IF(BA789="yes",('DRAFT - HGC Schemes'!AP$3*$CE789),"")</f>
        <v/>
      </c>
      <c r="CV789" s="746" t="str">
        <f>IF(BB789="yes",('DRAFT - HGC Schemes'!AQ$3*$CE789),"")</f>
        <v/>
      </c>
      <c r="CW789" s="746" t="str">
        <f>IF(BC789="yes",('DRAFT - HGC Schemes'!AR$3*$CE789),"")</f>
        <v/>
      </c>
      <c r="CX789" s="746" t="str">
        <f>IF(BD789="yes",('DRAFT - HGC Schemes'!AS$3*$CE789),"")</f>
        <v/>
      </c>
      <c r="CY789" s="746" t="str">
        <f>IF(BE789="yes",('DRAFT - HGC Schemes'!AT$3*$CE789),"")</f>
        <v/>
      </c>
      <c r="CZ789" s="746" t="str">
        <f>IF(BF789="yes",('DRAFT - HGC Schemes'!AU$3*$CE789),"")</f>
        <v/>
      </c>
      <c r="DA789" s="746" t="str">
        <f>IF(BG789="yes",('DRAFT - HGC Schemes'!AV$3*$CE789),"")</f>
        <v/>
      </c>
      <c r="DB789" s="746" t="str">
        <f>IF(BH789="yes",('DRAFT - HGC Schemes'!AW$3*$CE789),"")</f>
        <v/>
      </c>
      <c r="DC789" s="746" t="str">
        <f>IF(BI789="yes",('DRAFT - HGC Schemes'!AX$3*$CE789),"")</f>
        <v/>
      </c>
      <c r="DD789" s="746" t="str">
        <f>IF(BJ789="yes",('DRAFT - HGC Schemes'!AY$3*$CE789),"")</f>
        <v/>
      </c>
      <c r="DE789" s="746" t="str">
        <f>IF(BK789="yes",('DRAFT - HGC Schemes'!AZ$3*$CE789),"")</f>
        <v/>
      </c>
      <c r="DF789" s="746" t="str">
        <f>IF(BL789="yes",('DRAFT - HGC Schemes'!BA$3*$CE789),"")</f>
        <v/>
      </c>
      <c r="DG789" s="746" t="str">
        <f>IF(BM789="yes",('DRAFT - HGC Schemes'!BB$3*$CE789),"")</f>
        <v/>
      </c>
      <c r="DH789" s="746" t="str">
        <f>IF(BN789="yes",('DRAFT - HGC Schemes'!BC$3*$CE789),"")</f>
        <v/>
      </c>
      <c r="DI789" s="746" t="str">
        <f>IF(BO789="yes",('DRAFT - HGC Schemes'!BD$3*$CE789),"")</f>
        <v/>
      </c>
      <c r="DJ789" s="746" t="str">
        <f>IF(BP789="yes",('DRAFT - HGC Schemes'!BE$3*$CE789),"")</f>
        <v/>
      </c>
      <c r="DK789" s="746" t="str">
        <f>IF(BQ789="yes",('DRAFT - HGC Schemes'!BF$3*$CE789),"")</f>
        <v/>
      </c>
      <c r="DL789" s="543"/>
      <c r="DM789" s="543"/>
      <c r="DN789" s="543"/>
      <c r="DO789" s="543"/>
      <c r="DP789" s="543"/>
      <c r="DQ789" s="543"/>
      <c r="DR789" s="543"/>
      <c r="DS789" s="543"/>
      <c r="DT789" s="543"/>
      <c r="DU789" s="543"/>
      <c r="DV789" s="543"/>
      <c r="DW789" s="543"/>
      <c r="DX789" s="543"/>
      <c r="DY789" s="543"/>
      <c r="DZ789" s="654"/>
      <c r="EA789" s="543" t="s">
        <v>2449</v>
      </c>
      <c r="EB789" s="654"/>
      <c r="EC789" s="654"/>
      <c r="ED789" s="545">
        <v>1</v>
      </c>
      <c r="EE789" s="545">
        <v>0</v>
      </c>
      <c r="EF789" s="354"/>
    </row>
    <row r="790" spans="1:136" s="857" customFormat="1" ht="139.9" customHeight="1" x14ac:dyDescent="0.25">
      <c r="A790" s="934"/>
      <c r="B790" s="538"/>
      <c r="C790" s="660"/>
      <c r="D790" s="660"/>
      <c r="E790" s="660"/>
      <c r="F790" s="660"/>
      <c r="G790" s="550" t="s">
        <v>3157</v>
      </c>
      <c r="H790" s="543"/>
      <c r="I790" s="671" t="s">
        <v>2445</v>
      </c>
      <c r="J790" s="543"/>
      <c r="K790" s="671" t="s">
        <v>1346</v>
      </c>
      <c r="L790" s="543" t="s">
        <v>1348</v>
      </c>
      <c r="M790" s="640" t="s">
        <v>3158</v>
      </c>
      <c r="N790" s="543"/>
      <c r="O790" s="543"/>
      <c r="P790" s="543"/>
      <c r="Q790" s="495" t="s">
        <v>3159</v>
      </c>
      <c r="R790" s="543" t="s">
        <v>3104</v>
      </c>
      <c r="S790" s="543"/>
      <c r="T790" s="543" t="s">
        <v>2986</v>
      </c>
      <c r="U790" s="543"/>
      <c r="V790" s="543"/>
      <c r="W790" s="657"/>
      <c r="X790" s="543"/>
      <c r="Y790" s="543"/>
      <c r="Z790" s="718" t="s">
        <v>63</v>
      </c>
      <c r="AA790" s="718" t="s">
        <v>63</v>
      </c>
      <c r="AB790" s="543"/>
      <c r="AC790" s="543"/>
      <c r="AD790" s="657" t="s">
        <v>64</v>
      </c>
      <c r="AE790" s="543"/>
      <c r="AF790" s="745">
        <f t="shared" si="237"/>
        <v>0</v>
      </c>
      <c r="AG790" s="745" t="s">
        <v>2565</v>
      </c>
      <c r="AH790" s="745"/>
      <c r="AI790" s="543"/>
      <c r="AJ790" s="543"/>
      <c r="AK790" s="543"/>
      <c r="AL790" s="543"/>
      <c r="AM790" s="543"/>
      <c r="AN790" s="543"/>
      <c r="AO790" s="543"/>
      <c r="AP790" s="543"/>
      <c r="AQ790" s="543"/>
      <c r="AR790" s="543"/>
      <c r="AS790" s="543"/>
      <c r="AT790" s="543"/>
      <c r="AU790" s="543"/>
      <c r="AV790" s="543"/>
      <c r="AW790" s="543"/>
      <c r="AX790" s="543"/>
      <c r="AY790" s="543"/>
      <c r="AZ790" s="543"/>
      <c r="BA790" s="543"/>
      <c r="BB790" s="543"/>
      <c r="BC790" s="543"/>
      <c r="BD790" s="543"/>
      <c r="BE790" s="543"/>
      <c r="BF790" s="543"/>
      <c r="BG790" s="543"/>
      <c r="BH790" s="543"/>
      <c r="BI790" s="543"/>
      <c r="BJ790" s="543"/>
      <c r="BK790" s="543"/>
      <c r="BL790" s="543"/>
      <c r="BM790" s="543"/>
      <c r="BN790" s="543"/>
      <c r="BO790" s="543"/>
      <c r="BP790" s="543"/>
      <c r="BQ790" s="543"/>
      <c r="BR790" s="543"/>
      <c r="BS790" s="543"/>
      <c r="BT790" s="543"/>
      <c r="BU790" s="543"/>
      <c r="BV790" s="543"/>
      <c r="BW790" s="543"/>
      <c r="BX790" s="543"/>
      <c r="BY790" s="543"/>
      <c r="BZ790" s="543"/>
      <c r="CA790" s="543"/>
      <c r="CB790" s="543"/>
      <c r="CC790" s="543"/>
      <c r="CD790" s="884">
        <f>SUMIF(AM790:CC790,"YES",'DRAFT - HGC Schemes'!$AB$3:$BR$3)</f>
        <v>0</v>
      </c>
      <c r="CE790" s="661" t="e">
        <f t="shared" si="238"/>
        <v>#DIV/0!</v>
      </c>
      <c r="CF790" s="661"/>
      <c r="CG790" s="746" t="str">
        <f>IF(AM790="yes",('DRAFT - HGC Schemes'!AB$3*$CE790),"")</f>
        <v/>
      </c>
      <c r="CH790" s="746" t="str">
        <f>IF(AN790="yes",('DRAFT - HGC Schemes'!AC$3*$CE790),"")</f>
        <v/>
      </c>
      <c r="CI790" s="746" t="str">
        <f>IF(AO790="yes",('DRAFT - HGC Schemes'!AD$3*$CE790),"")</f>
        <v/>
      </c>
      <c r="CJ790" s="746" t="str">
        <f>IF(AP790="yes",('DRAFT - HGC Schemes'!AE$3*$CE790),"")</f>
        <v/>
      </c>
      <c r="CK790" s="746" t="str">
        <f>IF(AQ790="yes",('DRAFT - HGC Schemes'!AF$3*$CE790),"")</f>
        <v/>
      </c>
      <c r="CL790" s="746" t="str">
        <f>IF(AR790="yes",('DRAFT - HGC Schemes'!AG$3*$CE790),"")</f>
        <v/>
      </c>
      <c r="CM790" s="746" t="str">
        <f>IF(AS790="yes",('DRAFT - HGC Schemes'!AH$3*$CE790),"")</f>
        <v/>
      </c>
      <c r="CN790" s="746" t="str">
        <f>IF(AT790="yes",('DRAFT - HGC Schemes'!AI$3*$CE790),"")</f>
        <v/>
      </c>
      <c r="CO790" s="746" t="str">
        <f>IF(AU790="yes",('DRAFT - HGC Schemes'!AJ$3*$CE790),"")</f>
        <v/>
      </c>
      <c r="CP790" s="746" t="str">
        <f>IF(AV790="yes",('DRAFT - HGC Schemes'!AK$3*$CE790),"")</f>
        <v/>
      </c>
      <c r="CQ790" s="746" t="str">
        <f>IF(AW790="yes",('DRAFT - HGC Schemes'!AL$3*$CE790),"")</f>
        <v/>
      </c>
      <c r="CR790" s="746" t="str">
        <f>IF(AX790="yes",('DRAFT - HGC Schemes'!AM$3*$CE790),"")</f>
        <v/>
      </c>
      <c r="CS790" s="746" t="str">
        <f>IF(AY790="yes",('DRAFT - HGC Schemes'!AN$3*$CE790),"")</f>
        <v/>
      </c>
      <c r="CT790" s="746" t="str">
        <f>IF(AZ790="yes",('DRAFT - HGC Schemes'!AO$3*$CE790),"")</f>
        <v/>
      </c>
      <c r="CU790" s="746" t="str">
        <f>IF(BA790="yes",('DRAFT - HGC Schemes'!AP$3*$CE790),"")</f>
        <v/>
      </c>
      <c r="CV790" s="746" t="str">
        <f>IF(BB790="yes",('DRAFT - HGC Schemes'!AQ$3*$CE790),"")</f>
        <v/>
      </c>
      <c r="CW790" s="746" t="str">
        <f>IF(BC790="yes",('DRAFT - HGC Schemes'!AR$3*$CE790),"")</f>
        <v/>
      </c>
      <c r="CX790" s="746" t="str">
        <f>IF(BD790="yes",('DRAFT - HGC Schemes'!AS$3*$CE790),"")</f>
        <v/>
      </c>
      <c r="CY790" s="746" t="str">
        <f>IF(BE790="yes",('DRAFT - HGC Schemes'!AT$3*$CE790),"")</f>
        <v/>
      </c>
      <c r="CZ790" s="746" t="str">
        <f>IF(BF790="yes",('DRAFT - HGC Schemes'!AU$3*$CE790),"")</f>
        <v/>
      </c>
      <c r="DA790" s="746" t="str">
        <f>IF(BG790="yes",('DRAFT - HGC Schemes'!AV$3*$CE790),"")</f>
        <v/>
      </c>
      <c r="DB790" s="746" t="str">
        <f>IF(BH790="yes",('DRAFT - HGC Schemes'!AW$3*$CE790),"")</f>
        <v/>
      </c>
      <c r="DC790" s="746" t="str">
        <f>IF(BI790="yes",('DRAFT - HGC Schemes'!AX$3*$CE790),"")</f>
        <v/>
      </c>
      <c r="DD790" s="746" t="str">
        <f>IF(BJ790="yes",('DRAFT - HGC Schemes'!AY$3*$CE790),"")</f>
        <v/>
      </c>
      <c r="DE790" s="746" t="str">
        <f>IF(BK790="yes",('DRAFT - HGC Schemes'!AZ$3*$CE790),"")</f>
        <v/>
      </c>
      <c r="DF790" s="746" t="str">
        <f>IF(BL790="yes",('DRAFT - HGC Schemes'!BA$3*$CE790),"")</f>
        <v/>
      </c>
      <c r="DG790" s="746" t="str">
        <f>IF(BM790="yes",('DRAFT - HGC Schemes'!BB$3*$CE790),"")</f>
        <v/>
      </c>
      <c r="DH790" s="746" t="str">
        <f>IF(BN790="yes",('DRAFT - HGC Schemes'!BC$3*$CE790),"")</f>
        <v/>
      </c>
      <c r="DI790" s="746" t="str">
        <f>IF(BO790="yes",('DRAFT - HGC Schemes'!BD$3*$CE790),"")</f>
        <v/>
      </c>
      <c r="DJ790" s="746" t="str">
        <f>IF(BP790="yes",('DRAFT - HGC Schemes'!BE$3*$CE790),"")</f>
        <v/>
      </c>
      <c r="DK790" s="746" t="str">
        <f>IF(BQ790="yes",('DRAFT - HGC Schemes'!BF$3*$CE790),"")</f>
        <v/>
      </c>
      <c r="DL790" s="543"/>
      <c r="DM790" s="543"/>
      <c r="DN790" s="543"/>
      <c r="DO790" s="543"/>
      <c r="DP790" s="543"/>
      <c r="DQ790" s="543"/>
      <c r="DR790" s="543"/>
      <c r="DS790" s="543"/>
      <c r="DT790" s="543"/>
      <c r="DU790" s="543"/>
      <c r="DV790" s="543"/>
      <c r="DW790" s="543"/>
      <c r="DX790" s="543"/>
      <c r="DY790" s="543"/>
      <c r="DZ790" s="654"/>
      <c r="EA790" s="543" t="s">
        <v>2449</v>
      </c>
      <c r="EB790" s="654"/>
      <c r="EC790" s="654"/>
      <c r="ED790" s="545">
        <v>1</v>
      </c>
      <c r="EE790" s="545">
        <v>0</v>
      </c>
    </row>
    <row r="791" spans="1:136" s="354" customFormat="1" ht="139.9" customHeight="1" x14ac:dyDescent="0.25">
      <c r="A791" s="934"/>
      <c r="B791" s="538"/>
      <c r="C791" s="660"/>
      <c r="D791" s="660"/>
      <c r="E791" s="660"/>
      <c r="F791" s="660"/>
      <c r="G791" s="550" t="s">
        <v>3160</v>
      </c>
      <c r="H791" s="543"/>
      <c r="I791" s="671" t="s">
        <v>2445</v>
      </c>
      <c r="J791" s="543"/>
      <c r="K791" s="671" t="s">
        <v>1346</v>
      </c>
      <c r="L791" s="543"/>
      <c r="M791" s="640" t="s">
        <v>3161</v>
      </c>
      <c r="N791" s="543"/>
      <c r="O791" s="543"/>
      <c r="P791" s="543"/>
      <c r="Q791" s="495" t="s">
        <v>3162</v>
      </c>
      <c r="R791" s="543" t="s">
        <v>3104</v>
      </c>
      <c r="S791" s="543"/>
      <c r="T791" s="543" t="s">
        <v>2986</v>
      </c>
      <c r="U791" s="543"/>
      <c r="V791" s="543"/>
      <c r="W791" s="657"/>
      <c r="X791" s="543"/>
      <c r="Y791" s="543"/>
      <c r="Z791" s="718" t="s">
        <v>63</v>
      </c>
      <c r="AA791" s="718" t="s">
        <v>63</v>
      </c>
      <c r="AB791" s="543"/>
      <c r="AC791" s="543"/>
      <c r="AD791" s="657" t="s">
        <v>64</v>
      </c>
      <c r="AE791" s="543"/>
      <c r="AF791" s="745">
        <f t="shared" si="237"/>
        <v>0</v>
      </c>
      <c r="AG791" s="745" t="s">
        <v>2565</v>
      </c>
      <c r="AH791" s="745"/>
      <c r="AI791" s="543"/>
      <c r="AJ791" s="543"/>
      <c r="AK791" s="543"/>
      <c r="AL791" s="543"/>
      <c r="AM791" s="543"/>
      <c r="AN791" s="543"/>
      <c r="AO791" s="543"/>
      <c r="AP791" s="543"/>
      <c r="AQ791" s="543"/>
      <c r="AR791" s="543"/>
      <c r="AS791" s="543"/>
      <c r="AT791" s="543"/>
      <c r="AU791" s="543"/>
      <c r="AV791" s="543"/>
      <c r="AW791" s="543"/>
      <c r="AX791" s="543"/>
      <c r="AY791" s="543"/>
      <c r="AZ791" s="543"/>
      <c r="BA791" s="543"/>
      <c r="BB791" s="543"/>
      <c r="BC791" s="543"/>
      <c r="BD791" s="543"/>
      <c r="BE791" s="543"/>
      <c r="BF791" s="543"/>
      <c r="BG791" s="543"/>
      <c r="BH791" s="543"/>
      <c r="BI791" s="543"/>
      <c r="BJ791" s="543"/>
      <c r="BK791" s="543"/>
      <c r="BL791" s="543"/>
      <c r="BM791" s="543"/>
      <c r="BN791" s="543"/>
      <c r="BO791" s="543"/>
      <c r="BP791" s="543"/>
      <c r="BQ791" s="543"/>
      <c r="BR791" s="543"/>
      <c r="BS791" s="543"/>
      <c r="BT791" s="543"/>
      <c r="BU791" s="543"/>
      <c r="BV791" s="543"/>
      <c r="BW791" s="543"/>
      <c r="BX791" s="543"/>
      <c r="BY791" s="543"/>
      <c r="BZ791" s="543"/>
      <c r="CA791" s="543"/>
      <c r="CB791" s="543"/>
      <c r="CC791" s="543"/>
      <c r="CD791" s="884">
        <f>SUMIF(AM791:CC791,"YES",'DRAFT - HGC Schemes'!$AB$3:$BR$3)</f>
        <v>0</v>
      </c>
      <c r="CE791" s="661" t="e">
        <f t="shared" si="238"/>
        <v>#DIV/0!</v>
      </c>
      <c r="CF791" s="661"/>
      <c r="CG791" s="746" t="str">
        <f>IF(AM791="yes",('DRAFT - HGC Schemes'!AB$3*$CE791),"")</f>
        <v/>
      </c>
      <c r="CH791" s="746" t="str">
        <f>IF(AN791="yes",('DRAFT - HGC Schemes'!AC$3*$CE791),"")</f>
        <v/>
      </c>
      <c r="CI791" s="746" t="str">
        <f>IF(AO791="yes",('DRAFT - HGC Schemes'!AD$3*$CE791),"")</f>
        <v/>
      </c>
      <c r="CJ791" s="746" t="str">
        <f>IF(AP791="yes",('DRAFT - HGC Schemes'!AE$3*$CE791),"")</f>
        <v/>
      </c>
      <c r="CK791" s="746" t="str">
        <f>IF(AQ791="yes",('DRAFT - HGC Schemes'!AF$3*$CE791),"")</f>
        <v/>
      </c>
      <c r="CL791" s="746" t="str">
        <f>IF(AR791="yes",('DRAFT - HGC Schemes'!AG$3*$CE791),"")</f>
        <v/>
      </c>
      <c r="CM791" s="746" t="str">
        <f>IF(AS791="yes",('DRAFT - HGC Schemes'!AH$3*$CE791),"")</f>
        <v/>
      </c>
      <c r="CN791" s="746" t="str">
        <f>IF(AT791="yes",('DRAFT - HGC Schemes'!AI$3*$CE791),"")</f>
        <v/>
      </c>
      <c r="CO791" s="746" t="str">
        <f>IF(AU791="yes",('DRAFT - HGC Schemes'!AJ$3*$CE791),"")</f>
        <v/>
      </c>
      <c r="CP791" s="746" t="str">
        <f>IF(AV791="yes",('DRAFT - HGC Schemes'!AK$3*$CE791),"")</f>
        <v/>
      </c>
      <c r="CQ791" s="746" t="str">
        <f>IF(AW791="yes",('DRAFT - HGC Schemes'!AL$3*$CE791),"")</f>
        <v/>
      </c>
      <c r="CR791" s="746" t="str">
        <f>IF(AX791="yes",('DRAFT - HGC Schemes'!AM$3*$CE791),"")</f>
        <v/>
      </c>
      <c r="CS791" s="746" t="str">
        <f>IF(AY791="yes",('DRAFT - HGC Schemes'!AN$3*$CE791),"")</f>
        <v/>
      </c>
      <c r="CT791" s="746" t="str">
        <f>IF(AZ791="yes",('DRAFT - HGC Schemes'!AO$3*$CE791),"")</f>
        <v/>
      </c>
      <c r="CU791" s="746" t="str">
        <f>IF(BA791="yes",('DRAFT - HGC Schemes'!AP$3*$CE791),"")</f>
        <v/>
      </c>
      <c r="CV791" s="746" t="str">
        <f>IF(BB791="yes",('DRAFT - HGC Schemes'!AQ$3*$CE791),"")</f>
        <v/>
      </c>
      <c r="CW791" s="746" t="str">
        <f>IF(BC791="yes",('DRAFT - HGC Schemes'!AR$3*$CE791),"")</f>
        <v/>
      </c>
      <c r="CX791" s="746" t="str">
        <f>IF(BD791="yes",('DRAFT - HGC Schemes'!AS$3*$CE791),"")</f>
        <v/>
      </c>
      <c r="CY791" s="746" t="str">
        <f>IF(BE791="yes",('DRAFT - HGC Schemes'!AT$3*$CE791),"")</f>
        <v/>
      </c>
      <c r="CZ791" s="746" t="str">
        <f>IF(BF791="yes",('DRAFT - HGC Schemes'!AU$3*$CE791),"")</f>
        <v/>
      </c>
      <c r="DA791" s="746" t="str">
        <f>IF(BG791="yes",('DRAFT - HGC Schemes'!AV$3*$CE791),"")</f>
        <v/>
      </c>
      <c r="DB791" s="746" t="str">
        <f>IF(BH791="yes",('DRAFT - HGC Schemes'!AW$3*$CE791),"")</f>
        <v/>
      </c>
      <c r="DC791" s="746" t="str">
        <f>IF(BI791="yes",('DRAFT - HGC Schemes'!AX$3*$CE791),"")</f>
        <v/>
      </c>
      <c r="DD791" s="746" t="str">
        <f>IF(BJ791="yes",('DRAFT - HGC Schemes'!AY$3*$CE791),"")</f>
        <v/>
      </c>
      <c r="DE791" s="746" t="str">
        <f>IF(BK791="yes",('DRAFT - HGC Schemes'!AZ$3*$CE791),"")</f>
        <v/>
      </c>
      <c r="DF791" s="746" t="str">
        <f>IF(BL791="yes",('DRAFT - HGC Schemes'!BA$3*$CE791),"")</f>
        <v/>
      </c>
      <c r="DG791" s="746" t="str">
        <f>IF(BM791="yes",('DRAFT - HGC Schemes'!BB$3*$CE791),"")</f>
        <v/>
      </c>
      <c r="DH791" s="746" t="str">
        <f>IF(BN791="yes",('DRAFT - HGC Schemes'!BC$3*$CE791),"")</f>
        <v/>
      </c>
      <c r="DI791" s="746" t="str">
        <f>IF(BO791="yes",('DRAFT - HGC Schemes'!BD$3*$CE791),"")</f>
        <v/>
      </c>
      <c r="DJ791" s="746" t="str">
        <f>IF(BP791="yes",('DRAFT - HGC Schemes'!BE$3*$CE791),"")</f>
        <v/>
      </c>
      <c r="DK791" s="746" t="str">
        <f>IF(BQ791="yes",('DRAFT - HGC Schemes'!BF$3*$CE791),"")</f>
        <v/>
      </c>
      <c r="DL791" s="543"/>
      <c r="DM791" s="543"/>
      <c r="DN791" s="543"/>
      <c r="DO791" s="543"/>
      <c r="DP791" s="543"/>
      <c r="DQ791" s="543"/>
      <c r="DR791" s="543"/>
      <c r="DS791" s="543"/>
      <c r="DT791" s="543"/>
      <c r="DU791" s="543"/>
      <c r="DV791" s="543"/>
      <c r="DW791" s="543"/>
      <c r="DX791" s="543"/>
      <c r="DY791" s="543"/>
      <c r="DZ791" s="654"/>
      <c r="EA791" s="543" t="s">
        <v>2449</v>
      </c>
      <c r="EB791" s="654"/>
      <c r="EC791" s="654"/>
      <c r="ED791" s="545">
        <v>0.81</v>
      </c>
      <c r="EE791" s="545">
        <v>0.19</v>
      </c>
    </row>
    <row r="792" spans="1:136" s="354" customFormat="1" ht="139.9" customHeight="1" x14ac:dyDescent="0.25">
      <c r="A792" s="944" t="s">
        <v>3163</v>
      </c>
      <c r="B792" s="538"/>
      <c r="C792" s="660"/>
      <c r="D792" s="660"/>
      <c r="E792" s="660"/>
      <c r="F792" s="660"/>
      <c r="G792" s="550" t="s">
        <v>3164</v>
      </c>
      <c r="H792" s="543"/>
      <c r="I792" s="671" t="s">
        <v>2445</v>
      </c>
      <c r="J792" s="543"/>
      <c r="K792" s="671" t="s">
        <v>1346</v>
      </c>
      <c r="L792" s="543" t="s">
        <v>1331</v>
      </c>
      <c r="M792" s="640" t="s">
        <v>3165</v>
      </c>
      <c r="N792" s="543"/>
      <c r="O792" s="543"/>
      <c r="P792" s="543"/>
      <c r="Q792" s="495" t="s">
        <v>3166</v>
      </c>
      <c r="R792" s="543" t="s">
        <v>3104</v>
      </c>
      <c r="S792" s="543" t="s">
        <v>3167</v>
      </c>
      <c r="T792" s="543" t="s">
        <v>2986</v>
      </c>
      <c r="U792" s="543" t="s">
        <v>8</v>
      </c>
      <c r="V792" s="543" t="s">
        <v>3168</v>
      </c>
      <c r="W792" s="543" t="s">
        <v>3169</v>
      </c>
      <c r="X792" s="543" t="s">
        <v>3170</v>
      </c>
      <c r="Y792" s="543"/>
      <c r="Z792" s="931">
        <v>3000000</v>
      </c>
      <c r="AA792" s="931">
        <v>4500000</v>
      </c>
      <c r="AB792" s="642">
        <f>(Z792+AA792)/2</f>
        <v>3750000</v>
      </c>
      <c r="AC792" s="543"/>
      <c r="AD792" s="657" t="s">
        <v>64</v>
      </c>
      <c r="AE792" s="543"/>
      <c r="AF792" s="745">
        <f t="shared" si="237"/>
        <v>3750000</v>
      </c>
      <c r="AG792" s="745" t="s">
        <v>2565</v>
      </c>
      <c r="AH792" s="745"/>
      <c r="AI792" s="543"/>
      <c r="AJ792" s="543"/>
      <c r="AK792" s="543"/>
      <c r="AL792" s="543"/>
      <c r="AM792" s="543" t="s">
        <v>66</v>
      </c>
      <c r="AN792" s="543" t="s">
        <v>66</v>
      </c>
      <c r="AO792" s="543" t="s">
        <v>66</v>
      </c>
      <c r="AP792" s="543" t="s">
        <v>66</v>
      </c>
      <c r="AQ792" s="543" t="s">
        <v>66</v>
      </c>
      <c r="AR792" s="543" t="s">
        <v>66</v>
      </c>
      <c r="AS792" s="543" t="s">
        <v>66</v>
      </c>
      <c r="AT792" s="543" t="s">
        <v>66</v>
      </c>
      <c r="AU792" s="543" t="s">
        <v>66</v>
      </c>
      <c r="AV792" s="543" t="s">
        <v>66</v>
      </c>
      <c r="AW792" s="543" t="s">
        <v>66</v>
      </c>
      <c r="AX792" s="543" t="s">
        <v>66</v>
      </c>
      <c r="AY792" s="543" t="s">
        <v>66</v>
      </c>
      <c r="AZ792" s="543" t="s">
        <v>66</v>
      </c>
      <c r="BA792" s="543" t="s">
        <v>66</v>
      </c>
      <c r="BB792" s="543" t="s">
        <v>66</v>
      </c>
      <c r="BC792" s="543" t="s">
        <v>66</v>
      </c>
      <c r="BD792" s="543"/>
      <c r="BE792" s="543"/>
      <c r="BF792" s="543"/>
      <c r="BG792" s="543"/>
      <c r="BH792" s="543"/>
      <c r="BI792" s="543"/>
      <c r="BJ792" s="543"/>
      <c r="BK792" s="543"/>
      <c r="BL792" s="543"/>
      <c r="BM792" s="543"/>
      <c r="BN792" s="543"/>
      <c r="BO792" s="543"/>
      <c r="BP792" s="543"/>
      <c r="BQ792" s="543"/>
      <c r="BR792" s="543"/>
      <c r="BS792" s="543"/>
      <c r="BT792" s="543"/>
      <c r="BU792" s="543"/>
      <c r="BV792" s="543"/>
      <c r="BW792" s="543"/>
      <c r="BX792" s="543"/>
      <c r="BY792" s="543"/>
      <c r="BZ792" s="543" t="s">
        <v>66</v>
      </c>
      <c r="CA792" s="543" t="s">
        <v>66</v>
      </c>
      <c r="CB792" s="543" t="s">
        <v>66</v>
      </c>
      <c r="CC792" s="543"/>
      <c r="CD792" s="884">
        <f>SUMIF(AM792:CC792,"YES",'DRAFT - HGC Schemes'!$AB$3:$BR$3)</f>
        <v>18054</v>
      </c>
      <c r="CE792" s="661">
        <f t="shared" si="238"/>
        <v>207.71020272515787</v>
      </c>
      <c r="CF792" s="661"/>
      <c r="CG792" s="898">
        <f>IF(AM792="yes",('DRAFT - HGC Schemes'!AB$3*$CE792),"")</f>
        <v>1038551.0136257893</v>
      </c>
      <c r="CH792" s="898">
        <f>IF(AN792="yes",('DRAFT - HGC Schemes'!AC$3*$CE792),"")</f>
        <v>41542.040545031574</v>
      </c>
      <c r="CI792" s="898">
        <f>IF(AO792="yes",('DRAFT - HGC Schemes'!AD$3*$CE792),"")</f>
        <v>93469.591226321048</v>
      </c>
      <c r="CJ792" s="898">
        <f>IF(AP792="yes",('DRAFT - HGC Schemes'!AE$3*$CE792),"")</f>
        <v>72698.570953805262</v>
      </c>
      <c r="CK792" s="898">
        <f>IF(AQ792="yes",('DRAFT - HGC Schemes'!AF$3*$CE792),"")</f>
        <v>103855.10136257893</v>
      </c>
      <c r="CL792" s="898">
        <f>IF(AR792="yes",('DRAFT - HGC Schemes'!AG$3*$CE792),"")</f>
        <v>99700.897308075771</v>
      </c>
      <c r="CM792" s="898">
        <f>IF(AS792="yes",('DRAFT - HGC Schemes'!AH$3*$CE792),"")</f>
        <v>20771.020272515787</v>
      </c>
      <c r="CN792" s="898">
        <f>IF(AT792="yes",('DRAFT - HGC Schemes'!AI$3*$CE792),"")</f>
        <v>81006.979062811573</v>
      </c>
      <c r="CO792" s="898">
        <f>IF(AU792="yes",('DRAFT - HGC Schemes'!AJ$3*$CE792),"")</f>
        <v>103855.10136257893</v>
      </c>
      <c r="CP792" s="898">
        <f>IF(AV792="yes",('DRAFT - HGC Schemes'!AK$3*$CE792),"")</f>
        <v>103855.10136257893</v>
      </c>
      <c r="CQ792" s="898">
        <f>IF(AW792="yes",('DRAFT - HGC Schemes'!AL$3*$CE792),"")</f>
        <v>155782.65204386841</v>
      </c>
      <c r="CR792" s="898">
        <f>IF(AX792="yes",('DRAFT - HGC Schemes'!AM$3*$CE792),"")</f>
        <v>41542.040545031574</v>
      </c>
      <c r="CS792" s="898">
        <f>IF(AY792="yes",('DRAFT - HGC Schemes'!AN$3*$CE792),"")</f>
        <v>48604.187437686938</v>
      </c>
      <c r="CT792" s="898">
        <f>IF(AZ792="yes",('DRAFT - HGC Schemes'!AO$3*$CE792),"")</f>
        <v>72698.570953805262</v>
      </c>
      <c r="CU792" s="898">
        <f>IF(BA792="yes",('DRAFT - HGC Schemes'!AP$3*$CE792),"")</f>
        <v>18693.918245264209</v>
      </c>
      <c r="CV792" s="898">
        <f>IF(BB792="yes",('DRAFT - HGC Schemes'!AQ$3*$CE792),"")</f>
        <v>16616.816218012631</v>
      </c>
      <c r="CW792" s="898">
        <f>IF(BC792="yes",('DRAFT - HGC Schemes'!AR$3*$CE792),"")</f>
        <v>494350.28248587571</v>
      </c>
      <c r="CX792" s="898" t="str">
        <f>IF(BD792="yes",('DRAFT - HGC Schemes'!AS$3*$CE792),"")</f>
        <v/>
      </c>
      <c r="CY792" s="898" t="str">
        <f>IF(BE792="yes",('DRAFT - HGC Schemes'!AT$3*$CE792),"")</f>
        <v/>
      </c>
      <c r="CZ792" s="898" t="str">
        <f>IF(BF792="yes",('DRAFT - HGC Schemes'!AU$3*$CE792),"")</f>
        <v/>
      </c>
      <c r="DA792" s="898" t="str">
        <f>IF(BG792="yes",('DRAFT - HGC Schemes'!AV$3*$CE792),"")</f>
        <v/>
      </c>
      <c r="DB792" s="898" t="str">
        <f>IF(BH792="yes",('DRAFT - HGC Schemes'!AW$3*$CE792),"")</f>
        <v/>
      </c>
      <c r="DC792" s="898" t="str">
        <f>IF(BI792="yes",('DRAFT - HGC Schemes'!AX$3*$CE792),"")</f>
        <v/>
      </c>
      <c r="DD792" s="898" t="str">
        <f>IF(BJ792="yes",('DRAFT - HGC Schemes'!AY$3*$CE792),"")</f>
        <v/>
      </c>
      <c r="DE792" s="898" t="str">
        <f>IF(BK792="yes",('DRAFT - HGC Schemes'!AZ$3*$CE792),"")</f>
        <v/>
      </c>
      <c r="DF792" s="898" t="str">
        <f>IF(BL792="yes",('DRAFT - HGC Schemes'!BA$3*$CE792),"")</f>
        <v/>
      </c>
      <c r="DG792" s="898" t="str">
        <f>IF(BM792="yes",('DRAFT - HGC Schemes'!BB$3*$CE792),"")</f>
        <v/>
      </c>
      <c r="DH792" s="898" t="str">
        <f>IF(BN792="yes",('DRAFT - HGC Schemes'!BC$3*$CE792),"")</f>
        <v/>
      </c>
      <c r="DI792" s="898" t="str">
        <f>IF(BO792="yes",('DRAFT - HGC Schemes'!BD$3*$CE792),"")</f>
        <v/>
      </c>
      <c r="DJ792" s="898" t="str">
        <f>IF(BP792="yes",('DRAFT - HGC Schemes'!BE$3*$CE792),"")</f>
        <v/>
      </c>
      <c r="DK792" s="898" t="str">
        <f>IF(BQ792="yes",('DRAFT - HGC Schemes'!BF$3*$CE792),"")</f>
        <v/>
      </c>
      <c r="DL792" s="642"/>
      <c r="DM792" s="642"/>
      <c r="DN792" s="642"/>
      <c r="DO792" s="642"/>
      <c r="DP792" s="642"/>
      <c r="DQ792" s="642"/>
      <c r="DR792" s="642"/>
      <c r="DS792" s="642"/>
      <c r="DT792" s="898">
        <f>IF(BZ792="yes",('DRAFT - HGC Schemes'!BO$3*$CE792),"")</f>
        <v>311565.30408773682</v>
      </c>
      <c r="DU792" s="898">
        <f>IF(CA792="yes",('DRAFT - HGC Schemes'!BP$3*$CE792),"")</f>
        <v>332336.32436025259</v>
      </c>
      <c r="DV792" s="898">
        <f>IF(CB792="yes",('DRAFT - HGC Schemes'!BQ$3*$CE792),"")</f>
        <v>498504.48654037889</v>
      </c>
      <c r="DW792" s="642"/>
      <c r="DX792" s="543"/>
      <c r="DY792" s="543"/>
      <c r="DZ792" s="654"/>
      <c r="EA792" s="543" t="s">
        <v>2449</v>
      </c>
      <c r="EB792" s="654"/>
      <c r="EC792" s="654"/>
      <c r="ED792" s="545">
        <v>0.81</v>
      </c>
      <c r="EE792" s="545">
        <v>0.19</v>
      </c>
      <c r="EF792" s="857"/>
    </row>
    <row r="793" spans="1:136" s="354" customFormat="1" ht="139.9" customHeight="1" x14ac:dyDescent="0.25">
      <c r="A793" s="934"/>
      <c r="B793" s="538"/>
      <c r="C793" s="660"/>
      <c r="D793" s="660"/>
      <c r="E793" s="660"/>
      <c r="F793" s="660"/>
      <c r="G793" s="550" t="s">
        <v>3171</v>
      </c>
      <c r="H793" s="543"/>
      <c r="I793" s="671" t="s">
        <v>2445</v>
      </c>
      <c r="J793" s="543"/>
      <c r="K793" s="671" t="s">
        <v>1346</v>
      </c>
      <c r="L793" s="543" t="s">
        <v>1339</v>
      </c>
      <c r="M793" s="640" t="s">
        <v>3172</v>
      </c>
      <c r="N793" s="543"/>
      <c r="O793" s="543"/>
      <c r="P793" s="543"/>
      <c r="Q793" s="495" t="s">
        <v>3173</v>
      </c>
      <c r="R793" s="543" t="s">
        <v>3104</v>
      </c>
      <c r="S793" s="543"/>
      <c r="T793" s="543" t="s">
        <v>2986</v>
      </c>
      <c r="U793" s="543"/>
      <c r="V793" s="543"/>
      <c r="W793" s="657"/>
      <c r="X793" s="543"/>
      <c r="Y793" s="543"/>
      <c r="Z793" s="718" t="s">
        <v>63</v>
      </c>
      <c r="AA793" s="718" t="s">
        <v>63</v>
      </c>
      <c r="AB793" s="543"/>
      <c r="AC793" s="543"/>
      <c r="AD793" s="657" t="s">
        <v>64</v>
      </c>
      <c r="AE793" s="543"/>
      <c r="AF793" s="745">
        <f t="shared" si="237"/>
        <v>0</v>
      </c>
      <c r="AG793" s="745" t="s">
        <v>2565</v>
      </c>
      <c r="AH793" s="745"/>
      <c r="AI793" s="543"/>
      <c r="AJ793" s="543"/>
      <c r="AK793" s="543"/>
      <c r="AL793" s="543"/>
      <c r="AM793" s="543"/>
      <c r="AN793" s="543"/>
      <c r="AO793" s="543"/>
      <c r="AP793" s="543"/>
      <c r="AQ793" s="543"/>
      <c r="AR793" s="543"/>
      <c r="AS793" s="543"/>
      <c r="AT793" s="543"/>
      <c r="AU793" s="543"/>
      <c r="AV793" s="543"/>
      <c r="AW793" s="543"/>
      <c r="AX793" s="543"/>
      <c r="AY793" s="543"/>
      <c r="AZ793" s="543"/>
      <c r="BA793" s="543"/>
      <c r="BB793" s="543"/>
      <c r="BC793" s="543"/>
      <c r="BD793" s="543"/>
      <c r="BE793" s="543"/>
      <c r="BF793" s="543"/>
      <c r="BG793" s="543"/>
      <c r="BH793" s="543"/>
      <c r="BI793" s="543"/>
      <c r="BJ793" s="543"/>
      <c r="BK793" s="543"/>
      <c r="BL793" s="543"/>
      <c r="BM793" s="543"/>
      <c r="BN793" s="543"/>
      <c r="BO793" s="543"/>
      <c r="BP793" s="543"/>
      <c r="BQ793" s="543"/>
      <c r="BR793" s="543"/>
      <c r="BS793" s="543"/>
      <c r="BT793" s="543"/>
      <c r="BU793" s="543"/>
      <c r="BV793" s="543"/>
      <c r="BW793" s="543"/>
      <c r="BX793" s="543"/>
      <c r="BY793" s="543"/>
      <c r="BZ793" s="543"/>
      <c r="CA793" s="543"/>
      <c r="CB793" s="543"/>
      <c r="CC793" s="543"/>
      <c r="CD793" s="884">
        <f>SUMIF(AM793:CC793,"YES",'DRAFT - HGC Schemes'!$AB$3:$BR$3)</f>
        <v>0</v>
      </c>
      <c r="CE793" s="661" t="e">
        <f t="shared" si="238"/>
        <v>#DIV/0!</v>
      </c>
      <c r="CF793" s="661"/>
      <c r="CG793" s="746" t="str">
        <f>IF(AM793="yes",('DRAFT - HGC Schemes'!AB$3*$CE793),"")</f>
        <v/>
      </c>
      <c r="CH793" s="746" t="str">
        <f>IF(AN793="yes",('DRAFT - HGC Schemes'!AC$3*$CE793),"")</f>
        <v/>
      </c>
      <c r="CI793" s="746" t="str">
        <f>IF(AO793="yes",('DRAFT - HGC Schemes'!AD$3*$CE793),"")</f>
        <v/>
      </c>
      <c r="CJ793" s="746" t="str">
        <f>IF(AP793="yes",('DRAFT - HGC Schemes'!AE$3*$CE793),"")</f>
        <v/>
      </c>
      <c r="CK793" s="746" t="str">
        <f>IF(AQ793="yes",('DRAFT - HGC Schemes'!AF$3*$CE793),"")</f>
        <v/>
      </c>
      <c r="CL793" s="746" t="str">
        <f>IF(AR793="yes",('DRAFT - HGC Schemes'!AG$3*$CE793),"")</f>
        <v/>
      </c>
      <c r="CM793" s="746" t="str">
        <f>IF(AS793="yes",('DRAFT - HGC Schemes'!AH$3*$CE793),"")</f>
        <v/>
      </c>
      <c r="CN793" s="746" t="str">
        <f>IF(AT793="yes",('DRAFT - HGC Schemes'!AI$3*$CE793),"")</f>
        <v/>
      </c>
      <c r="CO793" s="746" t="str">
        <f>IF(AU793="yes",('DRAFT - HGC Schemes'!AJ$3*$CE793),"")</f>
        <v/>
      </c>
      <c r="CP793" s="746" t="str">
        <f>IF(AV793="yes",('DRAFT - HGC Schemes'!AK$3*$CE793),"")</f>
        <v/>
      </c>
      <c r="CQ793" s="746" t="str">
        <f>IF(AW793="yes",('DRAFT - HGC Schemes'!AL$3*$CE793),"")</f>
        <v/>
      </c>
      <c r="CR793" s="746" t="str">
        <f>IF(AX793="yes",('DRAFT - HGC Schemes'!AM$3*$CE793),"")</f>
        <v/>
      </c>
      <c r="CS793" s="746" t="str">
        <f>IF(AY793="yes",('DRAFT - HGC Schemes'!AN$3*$CE793),"")</f>
        <v/>
      </c>
      <c r="CT793" s="746" t="str">
        <f>IF(AZ793="yes",('DRAFT - HGC Schemes'!AO$3*$CE793),"")</f>
        <v/>
      </c>
      <c r="CU793" s="746" t="str">
        <f>IF(BA793="yes",('DRAFT - HGC Schemes'!AP$3*$CE793),"")</f>
        <v/>
      </c>
      <c r="CV793" s="746" t="str">
        <f>IF(BB793="yes",('DRAFT - HGC Schemes'!AQ$3*$CE793),"")</f>
        <v/>
      </c>
      <c r="CW793" s="746" t="str">
        <f>IF(BC793="yes",('DRAFT - HGC Schemes'!AR$3*$CE793),"")</f>
        <v/>
      </c>
      <c r="CX793" s="746" t="str">
        <f>IF(BD793="yes",('DRAFT - HGC Schemes'!AS$3*$CE793),"")</f>
        <v/>
      </c>
      <c r="CY793" s="746" t="str">
        <f>IF(BE793="yes",('DRAFT - HGC Schemes'!AT$3*$CE793),"")</f>
        <v/>
      </c>
      <c r="CZ793" s="746" t="str">
        <f>IF(BF793="yes",('DRAFT - HGC Schemes'!AU$3*$CE793),"")</f>
        <v/>
      </c>
      <c r="DA793" s="746" t="str">
        <f>IF(BG793="yes",('DRAFT - HGC Schemes'!AV$3*$CE793),"")</f>
        <v/>
      </c>
      <c r="DB793" s="746" t="str">
        <f>IF(BH793="yes",('DRAFT - HGC Schemes'!AW$3*$CE793),"")</f>
        <v/>
      </c>
      <c r="DC793" s="746" t="str">
        <f>IF(BI793="yes",('DRAFT - HGC Schemes'!AX$3*$CE793),"")</f>
        <v/>
      </c>
      <c r="DD793" s="746" t="str">
        <f>IF(BJ793="yes",('DRAFT - HGC Schemes'!AY$3*$CE793),"")</f>
        <v/>
      </c>
      <c r="DE793" s="746" t="str">
        <f>IF(BK793="yes",('DRAFT - HGC Schemes'!AZ$3*$CE793),"")</f>
        <v/>
      </c>
      <c r="DF793" s="746" t="str">
        <f>IF(BL793="yes",('DRAFT - HGC Schemes'!BA$3*$CE793),"")</f>
        <v/>
      </c>
      <c r="DG793" s="746" t="str">
        <f>IF(BM793="yes",('DRAFT - HGC Schemes'!BB$3*$CE793),"")</f>
        <v/>
      </c>
      <c r="DH793" s="746" t="str">
        <f>IF(BN793="yes",('DRAFT - HGC Schemes'!BC$3*$CE793),"")</f>
        <v/>
      </c>
      <c r="DI793" s="746" t="str">
        <f>IF(BO793="yes",('DRAFT - HGC Schemes'!BD$3*$CE793),"")</f>
        <v/>
      </c>
      <c r="DJ793" s="746" t="str">
        <f>IF(BP793="yes",('DRAFT - HGC Schemes'!BE$3*$CE793),"")</f>
        <v/>
      </c>
      <c r="DK793" s="746" t="str">
        <f>IF(BQ793="yes",('DRAFT - HGC Schemes'!BF$3*$CE793),"")</f>
        <v/>
      </c>
      <c r="DL793" s="543"/>
      <c r="DM793" s="543"/>
      <c r="DN793" s="543"/>
      <c r="DO793" s="543"/>
      <c r="DP793" s="543"/>
      <c r="DQ793" s="543"/>
      <c r="DR793" s="543"/>
      <c r="DS793" s="543"/>
      <c r="DT793" s="543"/>
      <c r="DU793" s="543"/>
      <c r="DV793" s="543"/>
      <c r="DW793" s="543"/>
      <c r="DX793" s="543"/>
      <c r="DY793" s="543"/>
      <c r="DZ793" s="654"/>
      <c r="EA793" s="543" t="s">
        <v>2449</v>
      </c>
      <c r="EB793" s="654"/>
      <c r="EC793" s="654"/>
      <c r="ED793" s="639">
        <v>0.46200000000000002</v>
      </c>
      <c r="EE793" s="639">
        <v>0.53800000000000003</v>
      </c>
      <c r="EF793" s="733"/>
    </row>
    <row r="794" spans="1:136" s="354" customFormat="1" ht="139.9" customHeight="1" x14ac:dyDescent="0.25">
      <c r="A794" s="934"/>
      <c r="B794" s="538"/>
      <c r="C794" s="660"/>
      <c r="D794" s="660"/>
      <c r="E794" s="660"/>
      <c r="F794" s="660"/>
      <c r="G794" s="550" t="s">
        <v>3174</v>
      </c>
      <c r="H794" s="543"/>
      <c r="I794" s="671" t="s">
        <v>2445</v>
      </c>
      <c r="J794" s="543"/>
      <c r="K794" s="671" t="s">
        <v>1346</v>
      </c>
      <c r="L794" s="543" t="s">
        <v>1339</v>
      </c>
      <c r="M794" s="640" t="s">
        <v>3175</v>
      </c>
      <c r="N794" s="543"/>
      <c r="O794" s="543"/>
      <c r="P794" s="543"/>
      <c r="Q794" s="495" t="s">
        <v>3176</v>
      </c>
      <c r="R794" s="543" t="s">
        <v>3104</v>
      </c>
      <c r="S794" s="543"/>
      <c r="T794" s="543" t="s">
        <v>2986</v>
      </c>
      <c r="U794" s="543"/>
      <c r="V794" s="543"/>
      <c r="W794" s="657"/>
      <c r="X794" s="543"/>
      <c r="Y794" s="543"/>
      <c r="Z794" s="718" t="s">
        <v>63</v>
      </c>
      <c r="AA794" s="718" t="s">
        <v>63</v>
      </c>
      <c r="AB794" s="543"/>
      <c r="AC794" s="543"/>
      <c r="AD794" s="657" t="s">
        <v>64</v>
      </c>
      <c r="AE794" s="543"/>
      <c r="AF794" s="745">
        <f t="shared" si="237"/>
        <v>0</v>
      </c>
      <c r="AG794" s="745" t="s">
        <v>2565</v>
      </c>
      <c r="AH794" s="745"/>
      <c r="AI794" s="543"/>
      <c r="AJ794" s="543"/>
      <c r="AK794" s="543"/>
      <c r="AL794" s="543"/>
      <c r="AM794" s="543"/>
      <c r="AN794" s="543"/>
      <c r="AO794" s="543"/>
      <c r="AP794" s="543"/>
      <c r="AQ794" s="543"/>
      <c r="AR794" s="543"/>
      <c r="AS794" s="543"/>
      <c r="AT794" s="543"/>
      <c r="AU794" s="543"/>
      <c r="AV794" s="543"/>
      <c r="AW794" s="543"/>
      <c r="AX794" s="543"/>
      <c r="AY794" s="543"/>
      <c r="AZ794" s="543"/>
      <c r="BA794" s="543"/>
      <c r="BB794" s="543"/>
      <c r="BC794" s="543"/>
      <c r="BD794" s="543"/>
      <c r="BE794" s="543"/>
      <c r="BF794" s="543"/>
      <c r="BG794" s="543"/>
      <c r="BH794" s="543"/>
      <c r="BI794" s="543"/>
      <c r="BJ794" s="543"/>
      <c r="BK794" s="543"/>
      <c r="BL794" s="543"/>
      <c r="BM794" s="543"/>
      <c r="BN794" s="543"/>
      <c r="BO794" s="543"/>
      <c r="BP794" s="543"/>
      <c r="BQ794" s="543"/>
      <c r="BR794" s="543"/>
      <c r="BS794" s="543"/>
      <c r="BT794" s="543"/>
      <c r="BU794" s="543"/>
      <c r="BV794" s="543"/>
      <c r="BW794" s="543"/>
      <c r="BX794" s="543"/>
      <c r="BY794" s="543"/>
      <c r="BZ794" s="543"/>
      <c r="CA794" s="543"/>
      <c r="CB794" s="543"/>
      <c r="CC794" s="543"/>
      <c r="CD794" s="884">
        <f>SUMIF(AM794:CC794,"YES",'DRAFT - HGC Schemes'!$AB$3:$BR$3)</f>
        <v>0</v>
      </c>
      <c r="CE794" s="661" t="e">
        <f t="shared" si="238"/>
        <v>#DIV/0!</v>
      </c>
      <c r="CF794" s="661"/>
      <c r="CG794" s="746" t="str">
        <f>IF(AM794="yes",('DRAFT - HGC Schemes'!AB$3*$CE794),"")</f>
        <v/>
      </c>
      <c r="CH794" s="746" t="str">
        <f>IF(AN794="yes",('DRAFT - HGC Schemes'!AC$3*$CE794),"")</f>
        <v/>
      </c>
      <c r="CI794" s="746" t="str">
        <f>IF(AO794="yes",('DRAFT - HGC Schemes'!AD$3*$CE794),"")</f>
        <v/>
      </c>
      <c r="CJ794" s="746" t="str">
        <f>IF(AP794="yes",('DRAFT - HGC Schemes'!AE$3*$CE794),"")</f>
        <v/>
      </c>
      <c r="CK794" s="746" t="str">
        <f>IF(AQ794="yes",('DRAFT - HGC Schemes'!AF$3*$CE794),"")</f>
        <v/>
      </c>
      <c r="CL794" s="746" t="str">
        <f>IF(AR794="yes",('DRAFT - HGC Schemes'!AG$3*$CE794),"")</f>
        <v/>
      </c>
      <c r="CM794" s="746" t="str">
        <f>IF(AS794="yes",('DRAFT - HGC Schemes'!AH$3*$CE794),"")</f>
        <v/>
      </c>
      <c r="CN794" s="746" t="str">
        <f>IF(AT794="yes",('DRAFT - HGC Schemes'!AI$3*$CE794),"")</f>
        <v/>
      </c>
      <c r="CO794" s="746" t="str">
        <f>IF(AU794="yes",('DRAFT - HGC Schemes'!AJ$3*$CE794),"")</f>
        <v/>
      </c>
      <c r="CP794" s="746" t="str">
        <f>IF(AV794="yes",('DRAFT - HGC Schemes'!AK$3*$CE794),"")</f>
        <v/>
      </c>
      <c r="CQ794" s="746" t="str">
        <f>IF(AW794="yes",('DRAFT - HGC Schemes'!AL$3*$CE794),"")</f>
        <v/>
      </c>
      <c r="CR794" s="746" t="str">
        <f>IF(AX794="yes",('DRAFT - HGC Schemes'!AM$3*$CE794),"")</f>
        <v/>
      </c>
      <c r="CS794" s="746" t="str">
        <f>IF(AY794="yes",('DRAFT - HGC Schemes'!AN$3*$CE794),"")</f>
        <v/>
      </c>
      <c r="CT794" s="746" t="str">
        <f>IF(AZ794="yes",('DRAFT - HGC Schemes'!AO$3*$CE794),"")</f>
        <v/>
      </c>
      <c r="CU794" s="746" t="str">
        <f>IF(BA794="yes",('DRAFT - HGC Schemes'!AP$3*$CE794),"")</f>
        <v/>
      </c>
      <c r="CV794" s="746" t="str">
        <f>IF(BB794="yes",('DRAFT - HGC Schemes'!AQ$3*$CE794),"")</f>
        <v/>
      </c>
      <c r="CW794" s="746" t="str">
        <f>IF(BC794="yes",('DRAFT - HGC Schemes'!AR$3*$CE794),"")</f>
        <v/>
      </c>
      <c r="CX794" s="746" t="str">
        <f>IF(BD794="yes",('DRAFT - HGC Schemes'!AS$3*$CE794),"")</f>
        <v/>
      </c>
      <c r="CY794" s="746" t="str">
        <f>IF(BE794="yes",('DRAFT - HGC Schemes'!AT$3*$CE794),"")</f>
        <v/>
      </c>
      <c r="CZ794" s="746" t="str">
        <f>IF(BF794="yes",('DRAFT - HGC Schemes'!AU$3*$CE794),"")</f>
        <v/>
      </c>
      <c r="DA794" s="746" t="str">
        <f>IF(BG794="yes",('DRAFT - HGC Schemes'!AV$3*$CE794),"")</f>
        <v/>
      </c>
      <c r="DB794" s="746" t="str">
        <f>IF(BH794="yes",('DRAFT - HGC Schemes'!AW$3*$CE794),"")</f>
        <v/>
      </c>
      <c r="DC794" s="746" t="str">
        <f>IF(BI794="yes",('DRAFT - HGC Schemes'!AX$3*$CE794),"")</f>
        <v/>
      </c>
      <c r="DD794" s="746" t="str">
        <f>IF(BJ794="yes",('DRAFT - HGC Schemes'!AY$3*$CE794),"")</f>
        <v/>
      </c>
      <c r="DE794" s="746" t="str">
        <f>IF(BK794="yes",('DRAFT - HGC Schemes'!AZ$3*$CE794),"")</f>
        <v/>
      </c>
      <c r="DF794" s="746" t="str">
        <f>IF(BL794="yes",('DRAFT - HGC Schemes'!BA$3*$CE794),"")</f>
        <v/>
      </c>
      <c r="DG794" s="746" t="str">
        <f>IF(BM794="yes",('DRAFT - HGC Schemes'!BB$3*$CE794),"")</f>
        <v/>
      </c>
      <c r="DH794" s="746" t="str">
        <f>IF(BN794="yes",('DRAFT - HGC Schemes'!BC$3*$CE794),"")</f>
        <v/>
      </c>
      <c r="DI794" s="746" t="str">
        <f>IF(BO794="yes",('DRAFT - HGC Schemes'!BD$3*$CE794),"")</f>
        <v/>
      </c>
      <c r="DJ794" s="746" t="str">
        <f>IF(BP794="yes",('DRAFT - HGC Schemes'!BE$3*$CE794),"")</f>
        <v/>
      </c>
      <c r="DK794" s="746" t="str">
        <f>IF(BQ794="yes",('DRAFT - HGC Schemes'!BF$3*$CE794),"")</f>
        <v/>
      </c>
      <c r="DL794" s="543"/>
      <c r="DM794" s="543"/>
      <c r="DN794" s="543"/>
      <c r="DO794" s="543"/>
      <c r="DP794" s="543"/>
      <c r="DQ794" s="543"/>
      <c r="DR794" s="543"/>
      <c r="DS794" s="543"/>
      <c r="DT794" s="543"/>
      <c r="DU794" s="543"/>
      <c r="DV794" s="543"/>
      <c r="DW794" s="543"/>
      <c r="DX794" s="543"/>
      <c r="DY794" s="543"/>
      <c r="DZ794" s="654"/>
      <c r="EA794" s="543" t="s">
        <v>2449</v>
      </c>
      <c r="EB794" s="654"/>
      <c r="EC794" s="654"/>
      <c r="ED794" s="639">
        <v>0.46200000000000002</v>
      </c>
      <c r="EE794" s="639">
        <v>0.53800000000000003</v>
      </c>
      <c r="EF794" s="733"/>
    </row>
    <row r="795" spans="1:136" s="354" customFormat="1" ht="139.9" customHeight="1" x14ac:dyDescent="0.25">
      <c r="A795" s="934"/>
      <c r="B795" s="538"/>
      <c r="C795" s="660" t="s">
        <v>3177</v>
      </c>
      <c r="D795" s="660"/>
      <c r="E795" s="660"/>
      <c r="F795" s="660"/>
      <c r="G795" s="550" t="s">
        <v>3178</v>
      </c>
      <c r="H795" s="543"/>
      <c r="I795" s="671" t="s">
        <v>2445</v>
      </c>
      <c r="J795" s="543"/>
      <c r="K795" s="671" t="s">
        <v>1346</v>
      </c>
      <c r="L795" s="543"/>
      <c r="M795" s="640" t="s">
        <v>3179</v>
      </c>
      <c r="N795" s="543"/>
      <c r="O795" s="543"/>
      <c r="P795" s="543"/>
      <c r="Q795" s="495" t="s">
        <v>3180</v>
      </c>
      <c r="R795" s="543" t="s">
        <v>3104</v>
      </c>
      <c r="S795" s="543"/>
      <c r="T795" s="543" t="s">
        <v>2986</v>
      </c>
      <c r="U795" s="543"/>
      <c r="V795" s="543"/>
      <c r="W795" s="657"/>
      <c r="X795" s="543"/>
      <c r="Y795" s="543"/>
      <c r="Z795" s="718" t="s">
        <v>63</v>
      </c>
      <c r="AA795" s="718" t="s">
        <v>63</v>
      </c>
      <c r="AB795" s="543"/>
      <c r="AC795" s="543"/>
      <c r="AD795" s="657" t="s">
        <v>64</v>
      </c>
      <c r="AE795" s="543"/>
      <c r="AF795" s="745">
        <f t="shared" si="237"/>
        <v>0</v>
      </c>
      <c r="AG795" s="745" t="s">
        <v>2565</v>
      </c>
      <c r="AH795" s="745"/>
      <c r="AI795" s="543"/>
      <c r="AJ795" s="543"/>
      <c r="AK795" s="543"/>
      <c r="AL795" s="543"/>
      <c r="AM795" s="543"/>
      <c r="AN795" s="543"/>
      <c r="AO795" s="543"/>
      <c r="AP795" s="543"/>
      <c r="AQ795" s="543"/>
      <c r="AR795" s="543"/>
      <c r="AS795" s="543"/>
      <c r="AT795" s="543"/>
      <c r="AU795" s="543"/>
      <c r="AV795" s="543"/>
      <c r="AW795" s="543"/>
      <c r="AX795" s="543"/>
      <c r="AY795" s="543"/>
      <c r="AZ795" s="543"/>
      <c r="BA795" s="543"/>
      <c r="BB795" s="543"/>
      <c r="BC795" s="543"/>
      <c r="BD795" s="543"/>
      <c r="BE795" s="543"/>
      <c r="BF795" s="543"/>
      <c r="BG795" s="543"/>
      <c r="BH795" s="543"/>
      <c r="BI795" s="543"/>
      <c r="BJ795" s="543"/>
      <c r="BK795" s="543"/>
      <c r="BL795" s="543"/>
      <c r="BM795" s="543"/>
      <c r="BN795" s="543"/>
      <c r="BO795" s="543"/>
      <c r="BP795" s="543"/>
      <c r="BQ795" s="543"/>
      <c r="BR795" s="543"/>
      <c r="BS795" s="543"/>
      <c r="BT795" s="543"/>
      <c r="BU795" s="543"/>
      <c r="BV795" s="543"/>
      <c r="BW795" s="543"/>
      <c r="BX795" s="543"/>
      <c r="BY795" s="543"/>
      <c r="BZ795" s="543"/>
      <c r="CA795" s="543"/>
      <c r="CB795" s="543"/>
      <c r="CC795" s="543"/>
      <c r="CD795" s="884">
        <f>SUMIF(AM795:CC795,"YES",'DRAFT - HGC Schemes'!$AB$3:$BR$3)</f>
        <v>0</v>
      </c>
      <c r="CE795" s="661" t="e">
        <f t="shared" si="238"/>
        <v>#DIV/0!</v>
      </c>
      <c r="CF795" s="661"/>
      <c r="CG795" s="746" t="str">
        <f>IF(AM795="yes",('DRAFT - HGC Schemes'!AB$3*$CE795),"")</f>
        <v/>
      </c>
      <c r="CH795" s="746" t="str">
        <f>IF(AN795="yes",('DRAFT - HGC Schemes'!AC$3*$CE795),"")</f>
        <v/>
      </c>
      <c r="CI795" s="746" t="str">
        <f>IF(AO795="yes",('DRAFT - HGC Schemes'!AD$3*$CE795),"")</f>
        <v/>
      </c>
      <c r="CJ795" s="746" t="str">
        <f>IF(AP795="yes",('DRAFT - HGC Schemes'!AE$3*$CE795),"")</f>
        <v/>
      </c>
      <c r="CK795" s="746" t="str">
        <f>IF(AQ795="yes",('DRAFT - HGC Schemes'!AF$3*$CE795),"")</f>
        <v/>
      </c>
      <c r="CL795" s="746" t="str">
        <f>IF(AR795="yes",('DRAFT - HGC Schemes'!AG$3*$CE795),"")</f>
        <v/>
      </c>
      <c r="CM795" s="746" t="str">
        <f>IF(AS795="yes",('DRAFT - HGC Schemes'!AH$3*$CE795),"")</f>
        <v/>
      </c>
      <c r="CN795" s="746" t="str">
        <f>IF(AT795="yes",('DRAFT - HGC Schemes'!AI$3*$CE795),"")</f>
        <v/>
      </c>
      <c r="CO795" s="746" t="str">
        <f>IF(AU795="yes",('DRAFT - HGC Schemes'!AJ$3*$CE795),"")</f>
        <v/>
      </c>
      <c r="CP795" s="746" t="str">
        <f>IF(AV795="yes",('DRAFT - HGC Schemes'!AK$3*$CE795),"")</f>
        <v/>
      </c>
      <c r="CQ795" s="746" t="str">
        <f>IF(AW795="yes",('DRAFT - HGC Schemes'!AL$3*$CE795),"")</f>
        <v/>
      </c>
      <c r="CR795" s="746" t="str">
        <f>IF(AX795="yes",('DRAFT - HGC Schemes'!AM$3*$CE795),"")</f>
        <v/>
      </c>
      <c r="CS795" s="746" t="str">
        <f>IF(AY795="yes",('DRAFT - HGC Schemes'!AN$3*$CE795),"")</f>
        <v/>
      </c>
      <c r="CT795" s="746" t="str">
        <f>IF(AZ795="yes",('DRAFT - HGC Schemes'!AO$3*$CE795),"")</f>
        <v/>
      </c>
      <c r="CU795" s="746" t="str">
        <f>IF(BA795="yes",('DRAFT - HGC Schemes'!AP$3*$CE795),"")</f>
        <v/>
      </c>
      <c r="CV795" s="746" t="str">
        <f>IF(BB795="yes",('DRAFT - HGC Schemes'!AQ$3*$CE795),"")</f>
        <v/>
      </c>
      <c r="CW795" s="746" t="str">
        <f>IF(BC795="yes",('DRAFT - HGC Schemes'!AR$3*$CE795),"")</f>
        <v/>
      </c>
      <c r="CX795" s="746" t="str">
        <f>IF(BD795="yes",('DRAFT - HGC Schemes'!AS$3*$CE795),"")</f>
        <v/>
      </c>
      <c r="CY795" s="746" t="str">
        <f>IF(BE795="yes",('DRAFT - HGC Schemes'!AT$3*$CE795),"")</f>
        <v/>
      </c>
      <c r="CZ795" s="746" t="str">
        <f>IF(BF795="yes",('DRAFT - HGC Schemes'!AU$3*$CE795),"")</f>
        <v/>
      </c>
      <c r="DA795" s="746" t="str">
        <f>IF(BG795="yes",('DRAFT - HGC Schemes'!AV$3*$CE795),"")</f>
        <v/>
      </c>
      <c r="DB795" s="746" t="str">
        <f>IF(BH795="yes",('DRAFT - HGC Schemes'!AW$3*$CE795),"")</f>
        <v/>
      </c>
      <c r="DC795" s="746" t="str">
        <f>IF(BI795="yes",('DRAFT - HGC Schemes'!AX$3*$CE795),"")</f>
        <v/>
      </c>
      <c r="DD795" s="746" t="str">
        <f>IF(BJ795="yes",('DRAFT - HGC Schemes'!AY$3*$CE795),"")</f>
        <v/>
      </c>
      <c r="DE795" s="746" t="str">
        <f>IF(BK795="yes",('DRAFT - HGC Schemes'!AZ$3*$CE795),"")</f>
        <v/>
      </c>
      <c r="DF795" s="746" t="str">
        <f>IF(BL795="yes",('DRAFT - HGC Schemes'!BA$3*$CE795),"")</f>
        <v/>
      </c>
      <c r="DG795" s="746" t="str">
        <f>IF(BM795="yes",('DRAFT - HGC Schemes'!BB$3*$CE795),"")</f>
        <v/>
      </c>
      <c r="DH795" s="746" t="str">
        <f>IF(BN795="yes",('DRAFT - HGC Schemes'!BC$3*$CE795),"")</f>
        <v/>
      </c>
      <c r="DI795" s="746" t="str">
        <f>IF(BO795="yes",('DRAFT - HGC Schemes'!BD$3*$CE795),"")</f>
        <v/>
      </c>
      <c r="DJ795" s="746" t="str">
        <f>IF(BP795="yes",('DRAFT - HGC Schemes'!BE$3*$CE795),"")</f>
        <v/>
      </c>
      <c r="DK795" s="746" t="str">
        <f>IF(BQ795="yes",('DRAFT - HGC Schemes'!BF$3*$CE795),"")</f>
        <v/>
      </c>
      <c r="DL795" s="543"/>
      <c r="DM795" s="543"/>
      <c r="DN795" s="543"/>
      <c r="DO795" s="543"/>
      <c r="DP795" s="543"/>
      <c r="DQ795" s="543"/>
      <c r="DR795" s="543"/>
      <c r="DS795" s="543"/>
      <c r="DT795" s="543"/>
      <c r="DU795" s="543"/>
      <c r="DV795" s="543"/>
      <c r="DW795" s="543"/>
      <c r="DX795" s="543"/>
      <c r="DY795" s="543"/>
      <c r="DZ795" s="654"/>
      <c r="EA795" s="543" t="s">
        <v>2449</v>
      </c>
      <c r="EB795" s="654"/>
      <c r="EC795" s="654"/>
      <c r="ED795" s="545">
        <v>0.5</v>
      </c>
      <c r="EE795" s="545">
        <v>0.5</v>
      </c>
    </row>
    <row r="796" spans="1:136" s="354" customFormat="1" ht="139.9" customHeight="1" x14ac:dyDescent="0.25">
      <c r="A796" s="934"/>
      <c r="B796" s="538"/>
      <c r="C796" s="660"/>
      <c r="D796" s="660"/>
      <c r="E796" s="660"/>
      <c r="F796" s="660"/>
      <c r="G796" s="550" t="s">
        <v>3181</v>
      </c>
      <c r="H796" s="543"/>
      <c r="I796" s="671" t="s">
        <v>2445</v>
      </c>
      <c r="J796" s="543"/>
      <c r="K796" s="671" t="s">
        <v>1346</v>
      </c>
      <c r="L796" s="543"/>
      <c r="M796" s="640" t="s">
        <v>3182</v>
      </c>
      <c r="N796" s="543"/>
      <c r="O796" s="543"/>
      <c r="P796" s="543"/>
      <c r="Q796" s="495" t="s">
        <v>3183</v>
      </c>
      <c r="R796" s="543" t="s">
        <v>3104</v>
      </c>
      <c r="S796" s="543"/>
      <c r="T796" s="543" t="s">
        <v>2986</v>
      </c>
      <c r="U796" s="543"/>
      <c r="V796" s="543"/>
      <c r="W796" s="657"/>
      <c r="X796" s="543"/>
      <c r="Y796" s="543"/>
      <c r="Z796" s="718" t="s">
        <v>63</v>
      </c>
      <c r="AA796" s="718" t="s">
        <v>63</v>
      </c>
      <c r="AB796" s="543"/>
      <c r="AC796" s="543"/>
      <c r="AD796" s="657" t="s">
        <v>64</v>
      </c>
      <c r="AE796" s="543"/>
      <c r="AF796" s="745">
        <f t="shared" si="237"/>
        <v>0</v>
      </c>
      <c r="AG796" s="745" t="s">
        <v>2565</v>
      </c>
      <c r="AH796" s="745"/>
      <c r="AI796" s="543"/>
      <c r="AJ796" s="543"/>
      <c r="AK796" s="543"/>
      <c r="AL796" s="543"/>
      <c r="AM796" s="543"/>
      <c r="AN796" s="543"/>
      <c r="AO796" s="543"/>
      <c r="AP796" s="543"/>
      <c r="AQ796" s="543"/>
      <c r="AR796" s="543"/>
      <c r="AS796" s="543"/>
      <c r="AT796" s="543"/>
      <c r="AU796" s="543"/>
      <c r="AV796" s="543"/>
      <c r="AW796" s="543"/>
      <c r="AX796" s="543"/>
      <c r="AY796" s="543"/>
      <c r="AZ796" s="543"/>
      <c r="BA796" s="543"/>
      <c r="BB796" s="543"/>
      <c r="BC796" s="543"/>
      <c r="BD796" s="543"/>
      <c r="BE796" s="543"/>
      <c r="BF796" s="543"/>
      <c r="BG796" s="543"/>
      <c r="BH796" s="543"/>
      <c r="BI796" s="543"/>
      <c r="BJ796" s="543"/>
      <c r="BK796" s="543"/>
      <c r="BL796" s="543"/>
      <c r="BM796" s="543"/>
      <c r="BN796" s="543"/>
      <c r="BO796" s="543"/>
      <c r="BP796" s="543"/>
      <c r="BQ796" s="543"/>
      <c r="BR796" s="543"/>
      <c r="BS796" s="543"/>
      <c r="BT796" s="543"/>
      <c r="BU796" s="543"/>
      <c r="BV796" s="543"/>
      <c r="BW796" s="543"/>
      <c r="BX796" s="543"/>
      <c r="BY796" s="543"/>
      <c r="BZ796" s="543"/>
      <c r="CA796" s="543"/>
      <c r="CB796" s="543"/>
      <c r="CC796" s="543"/>
      <c r="CD796" s="884">
        <f>SUMIF(AM796:CC796,"YES",'DRAFT - HGC Schemes'!$AB$3:$BR$3)</f>
        <v>0</v>
      </c>
      <c r="CE796" s="661" t="e">
        <f t="shared" si="238"/>
        <v>#DIV/0!</v>
      </c>
      <c r="CF796" s="661"/>
      <c r="CG796" s="746" t="str">
        <f>IF(AM796="yes",('DRAFT - HGC Schemes'!AB$3*$CE796),"")</f>
        <v/>
      </c>
      <c r="CH796" s="746" t="str">
        <f>IF(AN796="yes",('DRAFT - HGC Schemes'!AC$3*$CE796),"")</f>
        <v/>
      </c>
      <c r="CI796" s="746" t="str">
        <f>IF(AO796="yes",('DRAFT - HGC Schemes'!AD$3*$CE796),"")</f>
        <v/>
      </c>
      <c r="CJ796" s="746" t="str">
        <f>IF(AP796="yes",('DRAFT - HGC Schemes'!AE$3*$CE796),"")</f>
        <v/>
      </c>
      <c r="CK796" s="746" t="str">
        <f>IF(AQ796="yes",('DRAFT - HGC Schemes'!AF$3*$CE796),"")</f>
        <v/>
      </c>
      <c r="CL796" s="746" t="str">
        <f>IF(AR796="yes",('DRAFT - HGC Schemes'!AG$3*$CE796),"")</f>
        <v/>
      </c>
      <c r="CM796" s="746" t="str">
        <f>IF(AS796="yes",('DRAFT - HGC Schemes'!AH$3*$CE796),"")</f>
        <v/>
      </c>
      <c r="CN796" s="746" t="str">
        <f>IF(AT796="yes",('DRAFT - HGC Schemes'!AI$3*$CE796),"")</f>
        <v/>
      </c>
      <c r="CO796" s="746" t="str">
        <f>IF(AU796="yes",('DRAFT - HGC Schemes'!AJ$3*$CE796),"")</f>
        <v/>
      </c>
      <c r="CP796" s="746" t="str">
        <f>IF(AV796="yes",('DRAFT - HGC Schemes'!AK$3*$CE796),"")</f>
        <v/>
      </c>
      <c r="CQ796" s="746" t="str">
        <f>IF(AW796="yes",('DRAFT - HGC Schemes'!AL$3*$CE796),"")</f>
        <v/>
      </c>
      <c r="CR796" s="746" t="str">
        <f>IF(AX796="yes",('DRAFT - HGC Schemes'!AM$3*$CE796),"")</f>
        <v/>
      </c>
      <c r="CS796" s="746" t="str">
        <f>IF(AY796="yes",('DRAFT - HGC Schemes'!AN$3*$CE796),"")</f>
        <v/>
      </c>
      <c r="CT796" s="746" t="str">
        <f>IF(AZ796="yes",('DRAFT - HGC Schemes'!AO$3*$CE796),"")</f>
        <v/>
      </c>
      <c r="CU796" s="746" t="str">
        <f>IF(BA796="yes",('DRAFT - HGC Schemes'!AP$3*$CE796),"")</f>
        <v/>
      </c>
      <c r="CV796" s="746" t="str">
        <f>IF(BB796="yes",('DRAFT - HGC Schemes'!AQ$3*$CE796),"")</f>
        <v/>
      </c>
      <c r="CW796" s="746" t="str">
        <f>IF(BC796="yes",('DRAFT - HGC Schemes'!AR$3*$CE796),"")</f>
        <v/>
      </c>
      <c r="CX796" s="746" t="str">
        <f>IF(BD796="yes",('DRAFT - HGC Schemes'!AS$3*$CE796),"")</f>
        <v/>
      </c>
      <c r="CY796" s="746" t="str">
        <f>IF(BE796="yes",('DRAFT - HGC Schemes'!AT$3*$CE796),"")</f>
        <v/>
      </c>
      <c r="CZ796" s="746" t="str">
        <f>IF(BF796="yes",('DRAFT - HGC Schemes'!AU$3*$CE796),"")</f>
        <v/>
      </c>
      <c r="DA796" s="746" t="str">
        <f>IF(BG796="yes",('DRAFT - HGC Schemes'!AV$3*$CE796),"")</f>
        <v/>
      </c>
      <c r="DB796" s="746" t="str">
        <f>IF(BH796="yes",('DRAFT - HGC Schemes'!AW$3*$CE796),"")</f>
        <v/>
      </c>
      <c r="DC796" s="746" t="str">
        <f>IF(BI796="yes",('DRAFT - HGC Schemes'!AX$3*$CE796),"")</f>
        <v/>
      </c>
      <c r="DD796" s="746" t="str">
        <f>IF(BJ796="yes",('DRAFT - HGC Schemes'!AY$3*$CE796),"")</f>
        <v/>
      </c>
      <c r="DE796" s="746" t="str">
        <f>IF(BK796="yes",('DRAFT - HGC Schemes'!AZ$3*$CE796),"")</f>
        <v/>
      </c>
      <c r="DF796" s="746" t="str">
        <f>IF(BL796="yes",('DRAFT - HGC Schemes'!BA$3*$CE796),"")</f>
        <v/>
      </c>
      <c r="DG796" s="746" t="str">
        <f>IF(BM796="yes",('DRAFT - HGC Schemes'!BB$3*$CE796),"")</f>
        <v/>
      </c>
      <c r="DH796" s="746" t="str">
        <f>IF(BN796="yes",('DRAFT - HGC Schemes'!BC$3*$CE796),"")</f>
        <v/>
      </c>
      <c r="DI796" s="746" t="str">
        <f>IF(BO796="yes",('DRAFT - HGC Schemes'!BD$3*$CE796),"")</f>
        <v/>
      </c>
      <c r="DJ796" s="746" t="str">
        <f>IF(BP796="yes",('DRAFT - HGC Schemes'!BE$3*$CE796),"")</f>
        <v/>
      </c>
      <c r="DK796" s="746" t="str">
        <f>IF(BQ796="yes",('DRAFT - HGC Schemes'!BF$3*$CE796),"")</f>
        <v/>
      </c>
      <c r="DL796" s="543"/>
      <c r="DM796" s="543"/>
      <c r="DN796" s="543"/>
      <c r="DO796" s="543"/>
      <c r="DP796" s="543"/>
      <c r="DQ796" s="543"/>
      <c r="DR796" s="543"/>
      <c r="DS796" s="543"/>
      <c r="DT796" s="543"/>
      <c r="DU796" s="543"/>
      <c r="DV796" s="543"/>
      <c r="DW796" s="543"/>
      <c r="DX796" s="543"/>
      <c r="DY796" s="543"/>
      <c r="DZ796" s="654"/>
      <c r="EA796" s="543" t="s">
        <v>2449</v>
      </c>
      <c r="EB796" s="654"/>
      <c r="EC796" s="654"/>
      <c r="ED796" s="639">
        <v>0.46200000000000002</v>
      </c>
      <c r="EE796" s="639">
        <v>0.53800000000000003</v>
      </c>
      <c r="EF796" s="34"/>
    </row>
    <row r="797" spans="1:136" s="354" customFormat="1" ht="139.9" customHeight="1" x14ac:dyDescent="0.25">
      <c r="A797" s="934"/>
      <c r="B797" s="538"/>
      <c r="C797" s="660"/>
      <c r="D797" s="660"/>
      <c r="E797" s="660"/>
      <c r="F797" s="660"/>
      <c r="G797" s="550" t="s">
        <v>3184</v>
      </c>
      <c r="H797" s="543"/>
      <c r="I797" s="671" t="s">
        <v>2445</v>
      </c>
      <c r="J797" s="543"/>
      <c r="K797" s="671" t="s">
        <v>1346</v>
      </c>
      <c r="L797" s="543"/>
      <c r="M797" s="640" t="s">
        <v>3185</v>
      </c>
      <c r="N797" s="543"/>
      <c r="O797" s="543"/>
      <c r="P797" s="543"/>
      <c r="Q797" s="495" t="s">
        <v>3186</v>
      </c>
      <c r="R797" s="543" t="s">
        <v>3104</v>
      </c>
      <c r="S797" s="543"/>
      <c r="T797" s="543" t="s">
        <v>2986</v>
      </c>
      <c r="U797" s="543"/>
      <c r="V797" s="543"/>
      <c r="W797" s="657"/>
      <c r="X797" s="543"/>
      <c r="Y797" s="543"/>
      <c r="Z797" s="718" t="s">
        <v>63</v>
      </c>
      <c r="AA797" s="718" t="s">
        <v>63</v>
      </c>
      <c r="AB797" s="543"/>
      <c r="AC797" s="543"/>
      <c r="AD797" s="657" t="s">
        <v>64</v>
      </c>
      <c r="AE797" s="543"/>
      <c r="AF797" s="745">
        <f t="shared" si="237"/>
        <v>0</v>
      </c>
      <c r="AG797" s="745" t="s">
        <v>2565</v>
      </c>
      <c r="AH797" s="745"/>
      <c r="AI797" s="543"/>
      <c r="AJ797" s="543"/>
      <c r="AK797" s="543"/>
      <c r="AL797" s="543"/>
      <c r="AM797" s="543"/>
      <c r="AN797" s="543"/>
      <c r="AO797" s="543"/>
      <c r="AP797" s="543"/>
      <c r="AQ797" s="543"/>
      <c r="AR797" s="543"/>
      <c r="AS797" s="543"/>
      <c r="AT797" s="543"/>
      <c r="AU797" s="543"/>
      <c r="AV797" s="543"/>
      <c r="AW797" s="543"/>
      <c r="AX797" s="543"/>
      <c r="AY797" s="543"/>
      <c r="AZ797" s="543"/>
      <c r="BA797" s="543"/>
      <c r="BB797" s="543"/>
      <c r="BC797" s="543"/>
      <c r="BD797" s="543"/>
      <c r="BE797" s="543"/>
      <c r="BF797" s="543"/>
      <c r="BG797" s="543"/>
      <c r="BH797" s="543"/>
      <c r="BI797" s="543"/>
      <c r="BJ797" s="543"/>
      <c r="BK797" s="543"/>
      <c r="BL797" s="543"/>
      <c r="BM797" s="543"/>
      <c r="BN797" s="543"/>
      <c r="BO797" s="543"/>
      <c r="BP797" s="543"/>
      <c r="BQ797" s="543"/>
      <c r="BR797" s="543"/>
      <c r="BS797" s="543"/>
      <c r="BT797" s="543"/>
      <c r="BU797" s="543"/>
      <c r="BV797" s="543"/>
      <c r="BW797" s="543"/>
      <c r="BX797" s="543"/>
      <c r="BY797" s="543"/>
      <c r="BZ797" s="543"/>
      <c r="CA797" s="543"/>
      <c r="CB797" s="543"/>
      <c r="CC797" s="543"/>
      <c r="CD797" s="884">
        <f>SUMIF(AM797:CC797,"YES",'DRAFT - HGC Schemes'!$AB$3:$BR$3)</f>
        <v>0</v>
      </c>
      <c r="CE797" s="661" t="e">
        <f t="shared" si="238"/>
        <v>#DIV/0!</v>
      </c>
      <c r="CF797" s="661"/>
      <c r="CG797" s="746" t="str">
        <f>IF(AM797="yes",('DRAFT - HGC Schemes'!AB$3*$CE797),"")</f>
        <v/>
      </c>
      <c r="CH797" s="746" t="str">
        <f>IF(AN797="yes",('DRAFT - HGC Schemes'!AC$3*$CE797),"")</f>
        <v/>
      </c>
      <c r="CI797" s="746" t="str">
        <f>IF(AO797="yes",('DRAFT - HGC Schemes'!AD$3*$CE797),"")</f>
        <v/>
      </c>
      <c r="CJ797" s="746" t="str">
        <f>IF(AP797="yes",('DRAFT - HGC Schemes'!AE$3*$CE797),"")</f>
        <v/>
      </c>
      <c r="CK797" s="746" t="str">
        <f>IF(AQ797="yes",('DRAFT - HGC Schemes'!AF$3*$CE797),"")</f>
        <v/>
      </c>
      <c r="CL797" s="746" t="str">
        <f>IF(AR797="yes",('DRAFT - HGC Schemes'!AG$3*$CE797),"")</f>
        <v/>
      </c>
      <c r="CM797" s="746" t="str">
        <f>IF(AS797="yes",('DRAFT - HGC Schemes'!AH$3*$CE797),"")</f>
        <v/>
      </c>
      <c r="CN797" s="746" t="str">
        <f>IF(AT797="yes",('DRAFT - HGC Schemes'!AI$3*$CE797),"")</f>
        <v/>
      </c>
      <c r="CO797" s="746" t="str">
        <f>IF(AU797="yes",('DRAFT - HGC Schemes'!AJ$3*$CE797),"")</f>
        <v/>
      </c>
      <c r="CP797" s="746" t="str">
        <f>IF(AV797="yes",('DRAFT - HGC Schemes'!AK$3*$CE797),"")</f>
        <v/>
      </c>
      <c r="CQ797" s="746" t="str">
        <f>IF(AW797="yes",('DRAFT - HGC Schemes'!AL$3*$CE797),"")</f>
        <v/>
      </c>
      <c r="CR797" s="746" t="str">
        <f>IF(AX797="yes",('DRAFT - HGC Schemes'!AM$3*$CE797),"")</f>
        <v/>
      </c>
      <c r="CS797" s="746" t="str">
        <f>IF(AY797="yes",('DRAFT - HGC Schemes'!AN$3*$CE797),"")</f>
        <v/>
      </c>
      <c r="CT797" s="746" t="str">
        <f>IF(AZ797="yes",('DRAFT - HGC Schemes'!AO$3*$CE797),"")</f>
        <v/>
      </c>
      <c r="CU797" s="746" t="str">
        <f>IF(BA797="yes",('DRAFT - HGC Schemes'!AP$3*$CE797),"")</f>
        <v/>
      </c>
      <c r="CV797" s="746" t="str">
        <f>IF(BB797="yes",('DRAFT - HGC Schemes'!AQ$3*$CE797),"")</f>
        <v/>
      </c>
      <c r="CW797" s="746" t="str">
        <f>IF(BC797="yes",('DRAFT - HGC Schemes'!AR$3*$CE797),"")</f>
        <v/>
      </c>
      <c r="CX797" s="746" t="str">
        <f>IF(BD797="yes",('DRAFT - HGC Schemes'!AS$3*$CE797),"")</f>
        <v/>
      </c>
      <c r="CY797" s="746" t="str">
        <f>IF(BE797="yes",('DRAFT - HGC Schemes'!AT$3*$CE797),"")</f>
        <v/>
      </c>
      <c r="CZ797" s="746" t="str">
        <f>IF(BF797="yes",('DRAFT - HGC Schemes'!AU$3*$CE797),"")</f>
        <v/>
      </c>
      <c r="DA797" s="746" t="str">
        <f>IF(BG797="yes",('DRAFT - HGC Schemes'!AV$3*$CE797),"")</f>
        <v/>
      </c>
      <c r="DB797" s="746" t="str">
        <f>IF(BH797="yes",('DRAFT - HGC Schemes'!AW$3*$CE797),"")</f>
        <v/>
      </c>
      <c r="DC797" s="746" t="str">
        <f>IF(BI797="yes",('DRAFT - HGC Schemes'!AX$3*$CE797),"")</f>
        <v/>
      </c>
      <c r="DD797" s="746" t="str">
        <f>IF(BJ797="yes",('DRAFT - HGC Schemes'!AY$3*$CE797),"")</f>
        <v/>
      </c>
      <c r="DE797" s="746" t="str">
        <f>IF(BK797="yes",('DRAFT - HGC Schemes'!AZ$3*$CE797),"")</f>
        <v/>
      </c>
      <c r="DF797" s="746" t="str">
        <f>IF(BL797="yes",('DRAFT - HGC Schemes'!BA$3*$CE797),"")</f>
        <v/>
      </c>
      <c r="DG797" s="746" t="str">
        <f>IF(BM797="yes",('DRAFT - HGC Schemes'!BB$3*$CE797),"")</f>
        <v/>
      </c>
      <c r="DH797" s="746" t="str">
        <f>IF(BN797="yes",('DRAFT - HGC Schemes'!BC$3*$CE797),"")</f>
        <v/>
      </c>
      <c r="DI797" s="746" t="str">
        <f>IF(BO797="yes",('DRAFT - HGC Schemes'!BD$3*$CE797),"")</f>
        <v/>
      </c>
      <c r="DJ797" s="746" t="str">
        <f>IF(BP797="yes",('DRAFT - HGC Schemes'!BE$3*$CE797),"")</f>
        <v/>
      </c>
      <c r="DK797" s="746" t="str">
        <f>IF(BQ797="yes",('DRAFT - HGC Schemes'!BF$3*$CE797),"")</f>
        <v/>
      </c>
      <c r="DL797" s="543"/>
      <c r="DM797" s="543"/>
      <c r="DN797" s="543"/>
      <c r="DO797" s="543"/>
      <c r="DP797" s="543"/>
      <c r="DQ797" s="543"/>
      <c r="DR797" s="543"/>
      <c r="DS797" s="543"/>
      <c r="DT797" s="543"/>
      <c r="DU797" s="543"/>
      <c r="DV797" s="543"/>
      <c r="DW797" s="543"/>
      <c r="DX797" s="543"/>
      <c r="DY797" s="543"/>
      <c r="DZ797" s="654"/>
      <c r="EA797" s="543" t="s">
        <v>2449</v>
      </c>
      <c r="EB797" s="654"/>
      <c r="EC797" s="654"/>
      <c r="ED797" s="545">
        <v>0.5</v>
      </c>
      <c r="EE797" s="545">
        <v>0.5</v>
      </c>
    </row>
    <row r="798" spans="1:136" s="354" customFormat="1" ht="139.9" customHeight="1" x14ac:dyDescent="0.25">
      <c r="A798" s="934" t="s">
        <v>3187</v>
      </c>
      <c r="B798" s="538"/>
      <c r="C798" s="660"/>
      <c r="D798" s="660"/>
      <c r="E798" s="660"/>
      <c r="F798" s="660"/>
      <c r="G798" s="550" t="s">
        <v>3188</v>
      </c>
      <c r="H798" s="543"/>
      <c r="I798" s="671" t="s">
        <v>2445</v>
      </c>
      <c r="J798" s="543"/>
      <c r="K798" s="671" t="s">
        <v>1346</v>
      </c>
      <c r="L798" s="543"/>
      <c r="M798" s="640" t="s">
        <v>3189</v>
      </c>
      <c r="N798" s="543"/>
      <c r="O798" s="543"/>
      <c r="P798" s="543"/>
      <c r="Q798" s="495" t="s">
        <v>3190</v>
      </c>
      <c r="R798" s="543" t="s">
        <v>3104</v>
      </c>
      <c r="S798" s="543"/>
      <c r="T798" s="543" t="s">
        <v>2986</v>
      </c>
      <c r="U798" s="543"/>
      <c r="V798" s="543"/>
      <c r="W798" s="657"/>
      <c r="X798" s="543"/>
      <c r="Y798" s="543"/>
      <c r="Z798" s="638">
        <v>13260000</v>
      </c>
      <c r="AA798" s="931">
        <v>19890000</v>
      </c>
      <c r="AB798" s="723">
        <f>(Z798+AA798)/2</f>
        <v>16575000</v>
      </c>
      <c r="AC798" s="543"/>
      <c r="AD798" s="657" t="s">
        <v>64</v>
      </c>
      <c r="AE798" s="543"/>
      <c r="AF798" s="745">
        <f>AB798</f>
        <v>16575000</v>
      </c>
      <c r="AG798" s="745" t="s">
        <v>2565</v>
      </c>
      <c r="AH798" s="745"/>
      <c r="AI798" s="543"/>
      <c r="AJ798" s="543"/>
      <c r="AK798" s="543"/>
      <c r="AL798" s="543"/>
      <c r="AM798" s="543"/>
      <c r="AN798" s="543"/>
      <c r="AO798" s="543"/>
      <c r="AP798" s="543"/>
      <c r="AQ798" s="543"/>
      <c r="AR798" s="543"/>
      <c r="AS798" s="543"/>
      <c r="AT798" s="543"/>
      <c r="AU798" s="543"/>
      <c r="AV798" s="543"/>
      <c r="AW798" s="543"/>
      <c r="AX798" s="543"/>
      <c r="AY798" s="543"/>
      <c r="AZ798" s="543"/>
      <c r="BA798" s="543"/>
      <c r="BB798" s="543"/>
      <c r="BC798" s="543"/>
      <c r="BD798" s="543"/>
      <c r="BE798" s="543"/>
      <c r="BF798" s="543"/>
      <c r="BG798" s="543"/>
      <c r="BH798" s="543"/>
      <c r="BI798" s="543"/>
      <c r="BJ798" s="543"/>
      <c r="BK798" s="543"/>
      <c r="BL798" s="543"/>
      <c r="BM798" s="543"/>
      <c r="BN798" s="543"/>
      <c r="BO798" s="543"/>
      <c r="BP798" s="543"/>
      <c r="BQ798" s="543"/>
      <c r="BR798" s="543"/>
      <c r="BS798" s="543"/>
      <c r="BT798" s="543"/>
      <c r="BU798" s="543"/>
      <c r="BV798" s="543"/>
      <c r="BW798" s="543"/>
      <c r="BX798" s="543"/>
      <c r="BY798" s="543"/>
      <c r="BZ798" s="543"/>
      <c r="CA798" s="543"/>
      <c r="CB798" s="543"/>
      <c r="CC798" s="543"/>
      <c r="CD798" s="884">
        <f>SUMIF(AM798:CC798,"YES",'DRAFT - HGC Schemes'!$AB$3:$BR$3)</f>
        <v>0</v>
      </c>
      <c r="CE798" s="661" t="e">
        <f t="shared" si="238"/>
        <v>#DIV/0!</v>
      </c>
      <c r="CF798" s="661"/>
      <c r="CG798" s="746" t="str">
        <f>IF(AM798="yes",('DRAFT - HGC Schemes'!AB$3*$CE798),"")</f>
        <v/>
      </c>
      <c r="CH798" s="746" t="str">
        <f>IF(AN798="yes",('DRAFT - HGC Schemes'!AC$3*$CE798),"")</f>
        <v/>
      </c>
      <c r="CI798" s="746" t="str">
        <f>IF(AO798="yes",('DRAFT - HGC Schemes'!AD$3*$CE798),"")</f>
        <v/>
      </c>
      <c r="CJ798" s="746" t="str">
        <f>IF(AP798="yes",('DRAFT - HGC Schemes'!AE$3*$CE798),"")</f>
        <v/>
      </c>
      <c r="CK798" s="746" t="str">
        <f>IF(AQ798="yes",('DRAFT - HGC Schemes'!AF$3*$CE798),"")</f>
        <v/>
      </c>
      <c r="CL798" s="746" t="str">
        <f>IF(AR798="yes",('DRAFT - HGC Schemes'!AG$3*$CE798),"")</f>
        <v/>
      </c>
      <c r="CM798" s="746" t="str">
        <f>IF(AS798="yes",('DRAFT - HGC Schemes'!AH$3*$CE798),"")</f>
        <v/>
      </c>
      <c r="CN798" s="746" t="str">
        <f>IF(AT798="yes",('DRAFT - HGC Schemes'!AI$3*$CE798),"")</f>
        <v/>
      </c>
      <c r="CO798" s="746" t="str">
        <f>IF(AU798="yes",('DRAFT - HGC Schemes'!AJ$3*$CE798),"")</f>
        <v/>
      </c>
      <c r="CP798" s="746" t="str">
        <f>IF(AV798="yes",('DRAFT - HGC Schemes'!AK$3*$CE798),"")</f>
        <v/>
      </c>
      <c r="CQ798" s="746" t="str">
        <f>IF(AW798="yes",('DRAFT - HGC Schemes'!AL$3*$CE798),"")</f>
        <v/>
      </c>
      <c r="CR798" s="746" t="str">
        <f>IF(AX798="yes",('DRAFT - HGC Schemes'!AM$3*$CE798),"")</f>
        <v/>
      </c>
      <c r="CS798" s="746" t="str">
        <f>IF(AY798="yes",('DRAFT - HGC Schemes'!AN$3*$CE798),"")</f>
        <v/>
      </c>
      <c r="CT798" s="746" t="str">
        <f>IF(AZ798="yes",('DRAFT - HGC Schemes'!AO$3*$CE798),"")</f>
        <v/>
      </c>
      <c r="CU798" s="746" t="str">
        <f>IF(BA798="yes",('DRAFT - HGC Schemes'!AP$3*$CE798),"")</f>
        <v/>
      </c>
      <c r="CV798" s="746" t="str">
        <f>IF(BB798="yes",('DRAFT - HGC Schemes'!AQ$3*$CE798),"")</f>
        <v/>
      </c>
      <c r="CW798" s="746" t="str">
        <f>IF(BC798="yes",('DRAFT - HGC Schemes'!AR$3*$CE798),"")</f>
        <v/>
      </c>
      <c r="CX798" s="746" t="str">
        <f>IF(BD798="yes",('DRAFT - HGC Schemes'!AS$3*$CE798),"")</f>
        <v/>
      </c>
      <c r="CY798" s="746" t="str">
        <f>IF(BE798="yes",('DRAFT - HGC Schemes'!AT$3*$CE798),"")</f>
        <v/>
      </c>
      <c r="CZ798" s="746" t="str">
        <f>IF(BF798="yes",('DRAFT - HGC Schemes'!AU$3*$CE798),"")</f>
        <v/>
      </c>
      <c r="DA798" s="746" t="str">
        <f>IF(BG798="yes",('DRAFT - HGC Schemes'!AV$3*$CE798),"")</f>
        <v/>
      </c>
      <c r="DB798" s="746" t="str">
        <f>IF(BH798="yes",('DRAFT - HGC Schemes'!AW$3*$CE798),"")</f>
        <v/>
      </c>
      <c r="DC798" s="746" t="str">
        <f>IF(BI798="yes",('DRAFT - HGC Schemes'!AX$3*$CE798),"")</f>
        <v/>
      </c>
      <c r="DD798" s="746" t="str">
        <f>IF(BJ798="yes",('DRAFT - HGC Schemes'!AY$3*$CE798),"")</f>
        <v/>
      </c>
      <c r="DE798" s="746" t="str">
        <f>IF(BK798="yes",('DRAFT - HGC Schemes'!AZ$3*$CE798),"")</f>
        <v/>
      </c>
      <c r="DF798" s="746" t="str">
        <f>IF(BL798="yes",('DRAFT - HGC Schemes'!BA$3*$CE798),"")</f>
        <v/>
      </c>
      <c r="DG798" s="746" t="str">
        <f>IF(BM798="yes",('DRAFT - HGC Schemes'!BB$3*$CE798),"")</f>
        <v/>
      </c>
      <c r="DH798" s="746" t="str">
        <f>IF(BN798="yes",('DRAFT - HGC Schemes'!BC$3*$CE798),"")</f>
        <v/>
      </c>
      <c r="DI798" s="746" t="str">
        <f>IF(BO798="yes",('DRAFT - HGC Schemes'!BD$3*$CE798),"")</f>
        <v/>
      </c>
      <c r="DJ798" s="746" t="str">
        <f>IF(BP798="yes",('DRAFT - HGC Schemes'!BE$3*$CE798),"")</f>
        <v/>
      </c>
      <c r="DK798" s="746" t="str">
        <f>IF(BQ798="yes",('DRAFT - HGC Schemes'!BF$3*$CE798),"")</f>
        <v/>
      </c>
      <c r="DL798" s="543"/>
      <c r="DM798" s="543"/>
      <c r="DN798" s="543"/>
      <c r="DO798" s="543"/>
      <c r="DP798" s="543"/>
      <c r="DQ798" s="543"/>
      <c r="DR798" s="543"/>
      <c r="DS798" s="543"/>
      <c r="DT798" s="543"/>
      <c r="DU798" s="543"/>
      <c r="DV798" s="543"/>
      <c r="DW798" s="543"/>
      <c r="DX798" s="543"/>
      <c r="DY798" s="543"/>
      <c r="DZ798" s="654"/>
      <c r="EA798" s="543" t="s">
        <v>2449</v>
      </c>
      <c r="EB798" s="654"/>
      <c r="EC798" s="654"/>
      <c r="ED798" s="545">
        <v>0.5</v>
      </c>
      <c r="EE798" s="545">
        <v>0.5</v>
      </c>
    </row>
    <row r="799" spans="1:136" s="354" customFormat="1" ht="139.9" customHeight="1" x14ac:dyDescent="0.25">
      <c r="A799" s="934"/>
      <c r="B799" s="538"/>
      <c r="C799" s="660"/>
      <c r="D799" s="660"/>
      <c r="E799" s="660"/>
      <c r="F799" s="660"/>
      <c r="G799" s="550" t="s">
        <v>3191</v>
      </c>
      <c r="H799" s="543"/>
      <c r="I799" s="671" t="s">
        <v>2445</v>
      </c>
      <c r="J799" s="543"/>
      <c r="K799" s="671" t="s">
        <v>1346</v>
      </c>
      <c r="L799" s="543"/>
      <c r="M799" s="640" t="s">
        <v>3192</v>
      </c>
      <c r="N799" s="543"/>
      <c r="O799" s="543"/>
      <c r="P799" s="543"/>
      <c r="Q799" s="495" t="s">
        <v>3193</v>
      </c>
      <c r="R799" s="543" t="s">
        <v>3104</v>
      </c>
      <c r="S799" s="543"/>
      <c r="T799" s="543" t="s">
        <v>2986</v>
      </c>
      <c r="U799" s="543"/>
      <c r="V799" s="543"/>
      <c r="W799" s="657"/>
      <c r="X799" s="543"/>
      <c r="Y799" s="543"/>
      <c r="Z799" s="718" t="s">
        <v>63</v>
      </c>
      <c r="AA799" s="718" t="s">
        <v>63</v>
      </c>
      <c r="AB799" s="543"/>
      <c r="AC799" s="543"/>
      <c r="AD799" s="657" t="s">
        <v>64</v>
      </c>
      <c r="AE799" s="543"/>
      <c r="AF799" s="745">
        <f>IF(ISTEXT(AB799),AB799,AB799-AC799)</f>
        <v>0</v>
      </c>
      <c r="AG799" s="745" t="s">
        <v>2565</v>
      </c>
      <c r="AH799" s="745"/>
      <c r="AI799" s="543"/>
      <c r="AJ799" s="543"/>
      <c r="AK799" s="543"/>
      <c r="AL799" s="543"/>
      <c r="AM799" s="543"/>
      <c r="AN799" s="543"/>
      <c r="AO799" s="543"/>
      <c r="AP799" s="543"/>
      <c r="AQ799" s="543"/>
      <c r="AR799" s="543"/>
      <c r="AS799" s="543"/>
      <c r="AT799" s="543"/>
      <c r="AU799" s="543"/>
      <c r="AV799" s="543"/>
      <c r="AW799" s="543"/>
      <c r="AX799" s="543"/>
      <c r="AY799" s="543"/>
      <c r="AZ799" s="543"/>
      <c r="BA799" s="543"/>
      <c r="BB799" s="543"/>
      <c r="BC799" s="543"/>
      <c r="BD799" s="543"/>
      <c r="BE799" s="543"/>
      <c r="BF799" s="543"/>
      <c r="BG799" s="543"/>
      <c r="BH799" s="543"/>
      <c r="BI799" s="543"/>
      <c r="BJ799" s="543"/>
      <c r="BK799" s="543"/>
      <c r="BL799" s="543"/>
      <c r="BM799" s="543"/>
      <c r="BN799" s="543"/>
      <c r="BO799" s="543"/>
      <c r="BP799" s="543"/>
      <c r="BQ799" s="543"/>
      <c r="BR799" s="543"/>
      <c r="BS799" s="543"/>
      <c r="BT799" s="543"/>
      <c r="BU799" s="543"/>
      <c r="BV799" s="543"/>
      <c r="BW799" s="543"/>
      <c r="BX799" s="543"/>
      <c r="BY799" s="543"/>
      <c r="BZ799" s="543"/>
      <c r="CA799" s="543"/>
      <c r="CB799" s="543"/>
      <c r="CC799" s="543"/>
      <c r="CD799" s="884">
        <f>SUMIF(AM799:CC799,"YES",'DRAFT - HGC Schemes'!$AB$3:$BR$3)</f>
        <v>0</v>
      </c>
      <c r="CE799" s="661" t="e">
        <f t="shared" si="238"/>
        <v>#DIV/0!</v>
      </c>
      <c r="CF799" s="661"/>
      <c r="CG799" s="746" t="str">
        <f>IF(AM799="yes",('DRAFT - HGC Schemes'!AB$3*$CE799),"")</f>
        <v/>
      </c>
      <c r="CH799" s="746" t="str">
        <f>IF(AN799="yes",('DRAFT - HGC Schemes'!AC$3*$CE799),"")</f>
        <v/>
      </c>
      <c r="CI799" s="746" t="str">
        <f>IF(AO799="yes",('DRAFT - HGC Schemes'!AD$3*$CE799),"")</f>
        <v/>
      </c>
      <c r="CJ799" s="746" t="str">
        <f>IF(AP799="yes",('DRAFT - HGC Schemes'!AE$3*$CE799),"")</f>
        <v/>
      </c>
      <c r="CK799" s="746" t="str">
        <f>IF(AQ799="yes",('DRAFT - HGC Schemes'!AF$3*$CE799),"")</f>
        <v/>
      </c>
      <c r="CL799" s="746" t="str">
        <f>IF(AR799="yes",('DRAFT - HGC Schemes'!AG$3*$CE799),"")</f>
        <v/>
      </c>
      <c r="CM799" s="746" t="str">
        <f>IF(AS799="yes",('DRAFT - HGC Schemes'!AH$3*$CE799),"")</f>
        <v/>
      </c>
      <c r="CN799" s="746" t="str">
        <f>IF(AT799="yes",('DRAFT - HGC Schemes'!AI$3*$CE799),"")</f>
        <v/>
      </c>
      <c r="CO799" s="746" t="str">
        <f>IF(AU799="yes",('DRAFT - HGC Schemes'!AJ$3*$CE799),"")</f>
        <v/>
      </c>
      <c r="CP799" s="746" t="str">
        <f>IF(AV799="yes",('DRAFT - HGC Schemes'!AK$3*$CE799),"")</f>
        <v/>
      </c>
      <c r="CQ799" s="746" t="str">
        <f>IF(AW799="yes",('DRAFT - HGC Schemes'!AL$3*$CE799),"")</f>
        <v/>
      </c>
      <c r="CR799" s="746" t="str">
        <f>IF(AX799="yes",('DRAFT - HGC Schemes'!AM$3*$CE799),"")</f>
        <v/>
      </c>
      <c r="CS799" s="746" t="str">
        <f>IF(AY799="yes",('DRAFT - HGC Schemes'!AN$3*$CE799),"")</f>
        <v/>
      </c>
      <c r="CT799" s="746" t="str">
        <f>IF(AZ799="yes",('DRAFT - HGC Schemes'!AO$3*$CE799),"")</f>
        <v/>
      </c>
      <c r="CU799" s="746" t="str">
        <f>IF(BA799="yes",('DRAFT - HGC Schemes'!AP$3*$CE799),"")</f>
        <v/>
      </c>
      <c r="CV799" s="746" t="str">
        <f>IF(BB799="yes",('DRAFT - HGC Schemes'!AQ$3*$CE799),"")</f>
        <v/>
      </c>
      <c r="CW799" s="746" t="str">
        <f>IF(BC799="yes",('DRAFT - HGC Schemes'!AR$3*$CE799),"")</f>
        <v/>
      </c>
      <c r="CX799" s="746" t="str">
        <f>IF(BD799="yes",('DRAFT - HGC Schemes'!AS$3*$CE799),"")</f>
        <v/>
      </c>
      <c r="CY799" s="746" t="str">
        <f>IF(BE799="yes",('DRAFT - HGC Schemes'!AT$3*$CE799),"")</f>
        <v/>
      </c>
      <c r="CZ799" s="746" t="str">
        <f>IF(BF799="yes",('DRAFT - HGC Schemes'!AU$3*$CE799),"")</f>
        <v/>
      </c>
      <c r="DA799" s="746" t="str">
        <f>IF(BG799="yes",('DRAFT - HGC Schemes'!AV$3*$CE799),"")</f>
        <v/>
      </c>
      <c r="DB799" s="746" t="str">
        <f>IF(BH799="yes",('DRAFT - HGC Schemes'!AW$3*$CE799),"")</f>
        <v/>
      </c>
      <c r="DC799" s="746" t="str">
        <f>IF(BI799="yes",('DRAFT - HGC Schemes'!AX$3*$CE799),"")</f>
        <v/>
      </c>
      <c r="DD799" s="746" t="str">
        <f>IF(BJ799="yes",('DRAFT - HGC Schemes'!AY$3*$CE799),"")</f>
        <v/>
      </c>
      <c r="DE799" s="746" t="str">
        <f>IF(BK799="yes",('DRAFT - HGC Schemes'!AZ$3*$CE799),"")</f>
        <v/>
      </c>
      <c r="DF799" s="746" t="str">
        <f>IF(BL799="yes",('DRAFT - HGC Schemes'!BA$3*$CE799),"")</f>
        <v/>
      </c>
      <c r="DG799" s="746" t="str">
        <f>IF(BM799="yes",('DRAFT - HGC Schemes'!BB$3*$CE799),"")</f>
        <v/>
      </c>
      <c r="DH799" s="746" t="str">
        <f>IF(BN799="yes",('DRAFT - HGC Schemes'!BC$3*$CE799),"")</f>
        <v/>
      </c>
      <c r="DI799" s="746" t="str">
        <f>IF(BO799="yes",('DRAFT - HGC Schemes'!BD$3*$CE799),"")</f>
        <v/>
      </c>
      <c r="DJ799" s="746" t="str">
        <f>IF(BP799="yes",('DRAFT - HGC Schemes'!BE$3*$CE799),"")</f>
        <v/>
      </c>
      <c r="DK799" s="746" t="str">
        <f>IF(BQ799="yes",('DRAFT - HGC Schemes'!BF$3*$CE799),"")</f>
        <v/>
      </c>
      <c r="DL799" s="543"/>
      <c r="DM799" s="543"/>
      <c r="DN799" s="543"/>
      <c r="DO799" s="543"/>
      <c r="DP799" s="543"/>
      <c r="DQ799" s="543"/>
      <c r="DR799" s="543"/>
      <c r="DS799" s="543"/>
      <c r="DT799" s="543"/>
      <c r="DU799" s="543"/>
      <c r="DV799" s="543"/>
      <c r="DW799" s="543"/>
      <c r="DX799" s="543"/>
      <c r="DY799" s="543"/>
      <c r="DZ799" s="654"/>
      <c r="EA799" s="543" t="s">
        <v>2449</v>
      </c>
      <c r="EB799" s="654"/>
      <c r="EC799" s="654"/>
      <c r="ED799" s="639">
        <v>0.46200000000000002</v>
      </c>
      <c r="EE799" s="639">
        <v>0.53800000000000003</v>
      </c>
    </row>
    <row r="800" spans="1:136" s="354" customFormat="1" ht="139.9" customHeight="1" x14ac:dyDescent="0.25">
      <c r="A800" s="934"/>
      <c r="B800" s="538"/>
      <c r="C800" s="660"/>
      <c r="D800" s="660"/>
      <c r="E800" s="660"/>
      <c r="F800" s="660"/>
      <c r="G800" s="550" t="s">
        <v>3194</v>
      </c>
      <c r="H800" s="543"/>
      <c r="I800" s="671" t="s">
        <v>2445</v>
      </c>
      <c r="J800" s="543"/>
      <c r="K800" s="671" t="s">
        <v>1346</v>
      </c>
      <c r="L800" s="543"/>
      <c r="M800" s="640" t="s">
        <v>3195</v>
      </c>
      <c r="N800" s="543"/>
      <c r="O800" s="543"/>
      <c r="P800" s="543"/>
      <c r="Q800" s="495" t="s">
        <v>3196</v>
      </c>
      <c r="R800" s="543" t="s">
        <v>3104</v>
      </c>
      <c r="S800" s="543"/>
      <c r="T800" s="543" t="s">
        <v>2986</v>
      </c>
      <c r="U800" s="543"/>
      <c r="V800" s="543"/>
      <c r="W800" s="657"/>
      <c r="X800" s="543"/>
      <c r="Y800" s="543"/>
      <c r="Z800" s="718" t="s">
        <v>63</v>
      </c>
      <c r="AA800" s="718" t="s">
        <v>63</v>
      </c>
      <c r="AB800" s="543"/>
      <c r="AC800" s="543"/>
      <c r="AD800" s="657" t="s">
        <v>64</v>
      </c>
      <c r="AE800" s="543"/>
      <c r="AF800" s="745">
        <f>IF(ISTEXT(AB800),AB800,AB800-AC800)</f>
        <v>0</v>
      </c>
      <c r="AG800" s="745" t="s">
        <v>2565</v>
      </c>
      <c r="AH800" s="745"/>
      <c r="AI800" s="543"/>
      <c r="AJ800" s="543"/>
      <c r="AK800" s="543"/>
      <c r="AL800" s="543"/>
      <c r="AM800" s="543"/>
      <c r="AN800" s="543"/>
      <c r="AO800" s="543"/>
      <c r="AP800" s="543"/>
      <c r="AQ800" s="543"/>
      <c r="AR800" s="543"/>
      <c r="AS800" s="543"/>
      <c r="AT800" s="543"/>
      <c r="AU800" s="543"/>
      <c r="AV800" s="543"/>
      <c r="AW800" s="543"/>
      <c r="AX800" s="543"/>
      <c r="AY800" s="543"/>
      <c r="AZ800" s="543"/>
      <c r="BA800" s="543"/>
      <c r="BB800" s="543"/>
      <c r="BC800" s="543"/>
      <c r="BD800" s="543"/>
      <c r="BE800" s="543"/>
      <c r="BF800" s="543"/>
      <c r="BG800" s="543"/>
      <c r="BH800" s="543"/>
      <c r="BI800" s="543"/>
      <c r="BJ800" s="543"/>
      <c r="BK800" s="543"/>
      <c r="BL800" s="543"/>
      <c r="BM800" s="543"/>
      <c r="BN800" s="543"/>
      <c r="BO800" s="543"/>
      <c r="BP800" s="543"/>
      <c r="BQ800" s="543"/>
      <c r="BR800" s="543"/>
      <c r="BS800" s="543"/>
      <c r="BT800" s="543"/>
      <c r="BU800" s="543"/>
      <c r="BV800" s="543"/>
      <c r="BW800" s="543"/>
      <c r="BX800" s="543"/>
      <c r="BY800" s="543"/>
      <c r="BZ800" s="543"/>
      <c r="CA800" s="543"/>
      <c r="CB800" s="543"/>
      <c r="CC800" s="543"/>
      <c r="CD800" s="884">
        <f>SUMIF(AM800:CC800,"YES",'DRAFT - HGC Schemes'!$AB$3:$BR$3)</f>
        <v>0</v>
      </c>
      <c r="CE800" s="661" t="e">
        <f t="shared" si="238"/>
        <v>#DIV/0!</v>
      </c>
      <c r="CF800" s="661"/>
      <c r="CG800" s="746" t="str">
        <f>IF(AM800="yes",('DRAFT - HGC Schemes'!AB$3*$CE800),"")</f>
        <v/>
      </c>
      <c r="CH800" s="746" t="str">
        <f>IF(AN800="yes",('DRAFT - HGC Schemes'!AC$3*$CE800),"")</f>
        <v/>
      </c>
      <c r="CI800" s="746" t="str">
        <f>IF(AO800="yes",('DRAFT - HGC Schemes'!AD$3*$CE800),"")</f>
        <v/>
      </c>
      <c r="CJ800" s="746" t="str">
        <f>IF(AP800="yes",('DRAFT - HGC Schemes'!AE$3*$CE800),"")</f>
        <v/>
      </c>
      <c r="CK800" s="746" t="str">
        <f>IF(AQ800="yes",('DRAFT - HGC Schemes'!AF$3*$CE800),"")</f>
        <v/>
      </c>
      <c r="CL800" s="746" t="str">
        <f>IF(AR800="yes",('DRAFT - HGC Schemes'!AG$3*$CE800),"")</f>
        <v/>
      </c>
      <c r="CM800" s="746" t="str">
        <f>IF(AS800="yes",('DRAFT - HGC Schemes'!AH$3*$CE800),"")</f>
        <v/>
      </c>
      <c r="CN800" s="746" t="str">
        <f>IF(AT800="yes",('DRAFT - HGC Schemes'!AI$3*$CE800),"")</f>
        <v/>
      </c>
      <c r="CO800" s="746" t="str">
        <f>IF(AU800="yes",('DRAFT - HGC Schemes'!AJ$3*$CE800),"")</f>
        <v/>
      </c>
      <c r="CP800" s="746" t="str">
        <f>IF(AV800="yes",('DRAFT - HGC Schemes'!AK$3*$CE800),"")</f>
        <v/>
      </c>
      <c r="CQ800" s="746" t="str">
        <f>IF(AW800="yes",('DRAFT - HGC Schemes'!AL$3*$CE800),"")</f>
        <v/>
      </c>
      <c r="CR800" s="746" t="str">
        <f>IF(AX800="yes",('DRAFT - HGC Schemes'!AM$3*$CE800),"")</f>
        <v/>
      </c>
      <c r="CS800" s="746" t="str">
        <f>IF(AY800="yes",('DRAFT - HGC Schemes'!AN$3*$CE800),"")</f>
        <v/>
      </c>
      <c r="CT800" s="746" t="str">
        <f>IF(AZ800="yes",('DRAFT - HGC Schemes'!AO$3*$CE800),"")</f>
        <v/>
      </c>
      <c r="CU800" s="746" t="str">
        <f>IF(BA800="yes",('DRAFT - HGC Schemes'!AP$3*$CE800),"")</f>
        <v/>
      </c>
      <c r="CV800" s="746" t="str">
        <f>IF(BB800="yes",('DRAFT - HGC Schemes'!AQ$3*$CE800),"")</f>
        <v/>
      </c>
      <c r="CW800" s="746" t="str">
        <f>IF(BC800="yes",('DRAFT - HGC Schemes'!AR$3*$CE800),"")</f>
        <v/>
      </c>
      <c r="CX800" s="746" t="str">
        <f>IF(BD800="yes",('DRAFT - HGC Schemes'!AS$3*$CE800),"")</f>
        <v/>
      </c>
      <c r="CY800" s="746" t="str">
        <f>IF(BE800="yes",('DRAFT - HGC Schemes'!AT$3*$CE800),"")</f>
        <v/>
      </c>
      <c r="CZ800" s="746" t="str">
        <f>IF(BF800="yes",('DRAFT - HGC Schemes'!AU$3*$CE800),"")</f>
        <v/>
      </c>
      <c r="DA800" s="746" t="str">
        <f>IF(BG800="yes",('DRAFT - HGC Schemes'!AV$3*$CE800),"")</f>
        <v/>
      </c>
      <c r="DB800" s="746" t="str">
        <f>IF(BH800="yes",('DRAFT - HGC Schemes'!AW$3*$CE800),"")</f>
        <v/>
      </c>
      <c r="DC800" s="746" t="str">
        <f>IF(BI800="yes",('DRAFT - HGC Schemes'!AX$3*$CE800),"")</f>
        <v/>
      </c>
      <c r="DD800" s="746" t="str">
        <f>IF(BJ800="yes",('DRAFT - HGC Schemes'!AY$3*$CE800),"")</f>
        <v/>
      </c>
      <c r="DE800" s="746" t="str">
        <f>IF(BK800="yes",('DRAFT - HGC Schemes'!AZ$3*$CE800),"")</f>
        <v/>
      </c>
      <c r="DF800" s="746" t="str">
        <f>IF(BL800="yes",('DRAFT - HGC Schemes'!BA$3*$CE800),"")</f>
        <v/>
      </c>
      <c r="DG800" s="746" t="str">
        <f>IF(BM800="yes",('DRAFT - HGC Schemes'!BB$3*$CE800),"")</f>
        <v/>
      </c>
      <c r="DH800" s="746" t="str">
        <f>IF(BN800="yes",('DRAFT - HGC Schemes'!BC$3*$CE800),"")</f>
        <v/>
      </c>
      <c r="DI800" s="746" t="str">
        <f>IF(BO800="yes",('DRAFT - HGC Schemes'!BD$3*$CE800),"")</f>
        <v/>
      </c>
      <c r="DJ800" s="746" t="str">
        <f>IF(BP800="yes",('DRAFT - HGC Schemes'!BE$3*$CE800),"")</f>
        <v/>
      </c>
      <c r="DK800" s="746" t="str">
        <f>IF(BQ800="yes",('DRAFT - HGC Schemes'!BF$3*$CE800),"")</f>
        <v/>
      </c>
      <c r="DL800" s="543"/>
      <c r="DM800" s="543"/>
      <c r="DN800" s="543"/>
      <c r="DO800" s="543"/>
      <c r="DP800" s="543"/>
      <c r="DQ800" s="543"/>
      <c r="DR800" s="543"/>
      <c r="DS800" s="543"/>
      <c r="DT800" s="543"/>
      <c r="DU800" s="543"/>
      <c r="DV800" s="543"/>
      <c r="DW800" s="543"/>
      <c r="DX800" s="543"/>
      <c r="DY800" s="543"/>
      <c r="DZ800" s="654"/>
      <c r="EA800" s="543" t="s">
        <v>2449</v>
      </c>
      <c r="EB800" s="654"/>
      <c r="EC800" s="654"/>
      <c r="ED800" s="545">
        <v>0.5</v>
      </c>
      <c r="EE800" s="545">
        <v>0.5</v>
      </c>
      <c r="EF800" s="34"/>
    </row>
    <row r="801" spans="1:136" s="354" customFormat="1" ht="139.9" customHeight="1" x14ac:dyDescent="0.25">
      <c r="A801" s="934"/>
      <c r="B801" s="538"/>
      <c r="C801" s="660"/>
      <c r="D801" s="660"/>
      <c r="E801" s="660"/>
      <c r="F801" s="660"/>
      <c r="G801" s="550" t="s">
        <v>3197</v>
      </c>
      <c r="H801" s="543"/>
      <c r="I801" s="671" t="s">
        <v>2445</v>
      </c>
      <c r="J801" s="543"/>
      <c r="K801" s="671" t="s">
        <v>1346</v>
      </c>
      <c r="L801" s="906"/>
      <c r="M801" s="640" t="s">
        <v>3198</v>
      </c>
      <c r="N801" s="543"/>
      <c r="O801" s="543"/>
      <c r="P801" s="543"/>
      <c r="Q801" s="495" t="s">
        <v>3199</v>
      </c>
      <c r="R801" s="543" t="s">
        <v>3104</v>
      </c>
      <c r="S801" s="543"/>
      <c r="T801" s="543" t="s">
        <v>2986</v>
      </c>
      <c r="U801" s="543"/>
      <c r="V801" s="543"/>
      <c r="W801" s="657"/>
      <c r="X801" s="543"/>
      <c r="Y801" s="543"/>
      <c r="Z801" s="718" t="s">
        <v>63</v>
      </c>
      <c r="AA801" s="718" t="s">
        <v>63</v>
      </c>
      <c r="AB801" s="543"/>
      <c r="AC801" s="543"/>
      <c r="AD801" s="657" t="s">
        <v>64</v>
      </c>
      <c r="AE801" s="543"/>
      <c r="AF801" s="745">
        <f>IF(ISTEXT(AB801),AB801,AB801-AC801)</f>
        <v>0</v>
      </c>
      <c r="AG801" s="745" t="s">
        <v>2565</v>
      </c>
      <c r="AH801" s="745"/>
      <c r="AI801" s="543"/>
      <c r="AJ801" s="543"/>
      <c r="AK801" s="543"/>
      <c r="AL801" s="543"/>
      <c r="AM801" s="543"/>
      <c r="AN801" s="543"/>
      <c r="AO801" s="543"/>
      <c r="AP801" s="543"/>
      <c r="AQ801" s="543"/>
      <c r="AR801" s="543"/>
      <c r="AS801" s="543"/>
      <c r="AT801" s="543"/>
      <c r="AU801" s="543"/>
      <c r="AV801" s="543"/>
      <c r="AW801" s="543"/>
      <c r="AX801" s="543"/>
      <c r="AY801" s="543"/>
      <c r="AZ801" s="543"/>
      <c r="BA801" s="543"/>
      <c r="BB801" s="543"/>
      <c r="BC801" s="543"/>
      <c r="BD801" s="543"/>
      <c r="BE801" s="543"/>
      <c r="BF801" s="543"/>
      <c r="BG801" s="543"/>
      <c r="BH801" s="543"/>
      <c r="BI801" s="543"/>
      <c r="BJ801" s="543"/>
      <c r="BK801" s="543"/>
      <c r="BL801" s="543"/>
      <c r="BM801" s="543"/>
      <c r="BN801" s="543"/>
      <c r="BO801" s="543"/>
      <c r="BP801" s="543"/>
      <c r="BQ801" s="543"/>
      <c r="BR801" s="543"/>
      <c r="BS801" s="543"/>
      <c r="BT801" s="543"/>
      <c r="BU801" s="543"/>
      <c r="BV801" s="543"/>
      <c r="BW801" s="543"/>
      <c r="BX801" s="543"/>
      <c r="BY801" s="543"/>
      <c r="BZ801" s="543"/>
      <c r="CA801" s="543"/>
      <c r="CB801" s="543"/>
      <c r="CC801" s="543"/>
      <c r="CD801" s="884">
        <f>SUMIF(AM801:CC801,"YES",'DRAFT - HGC Schemes'!$AB$3:$BR$3)</f>
        <v>0</v>
      </c>
      <c r="CE801" s="661" t="e">
        <f t="shared" si="238"/>
        <v>#DIV/0!</v>
      </c>
      <c r="CF801" s="661"/>
      <c r="CG801" s="746" t="str">
        <f>IF(AM801="yes",('DRAFT - HGC Schemes'!AB$3*$CE801),"")</f>
        <v/>
      </c>
      <c r="CH801" s="746" t="str">
        <f>IF(AN801="yes",('DRAFT - HGC Schemes'!AC$3*$CE801),"")</f>
        <v/>
      </c>
      <c r="CI801" s="746" t="str">
        <f>IF(AO801="yes",('DRAFT - HGC Schemes'!AD$3*$CE801),"")</f>
        <v/>
      </c>
      <c r="CJ801" s="746" t="str">
        <f>IF(AP801="yes",('DRAFT - HGC Schemes'!AE$3*$CE801),"")</f>
        <v/>
      </c>
      <c r="CK801" s="746" t="str">
        <f>IF(AQ801="yes",('DRAFT - HGC Schemes'!AF$3*$CE801),"")</f>
        <v/>
      </c>
      <c r="CL801" s="746" t="str">
        <f>IF(AR801="yes",('DRAFT - HGC Schemes'!AG$3*$CE801),"")</f>
        <v/>
      </c>
      <c r="CM801" s="746" t="str">
        <f>IF(AS801="yes",('DRAFT - HGC Schemes'!AH$3*$CE801),"")</f>
        <v/>
      </c>
      <c r="CN801" s="746" t="str">
        <f>IF(AT801="yes",('DRAFT - HGC Schemes'!AI$3*$CE801),"")</f>
        <v/>
      </c>
      <c r="CO801" s="746" t="str">
        <f>IF(AU801="yes",('DRAFT - HGC Schemes'!AJ$3*$CE801),"")</f>
        <v/>
      </c>
      <c r="CP801" s="746" t="str">
        <f>IF(AV801="yes",('DRAFT - HGC Schemes'!AK$3*$CE801),"")</f>
        <v/>
      </c>
      <c r="CQ801" s="746" t="str">
        <f>IF(AW801="yes",('DRAFT - HGC Schemes'!AL$3*$CE801),"")</f>
        <v/>
      </c>
      <c r="CR801" s="746" t="str">
        <f>IF(AX801="yes",('DRAFT - HGC Schemes'!AM$3*$CE801),"")</f>
        <v/>
      </c>
      <c r="CS801" s="746" t="str">
        <f>IF(AY801="yes",('DRAFT - HGC Schemes'!AN$3*$CE801),"")</f>
        <v/>
      </c>
      <c r="CT801" s="746" t="str">
        <f>IF(AZ801="yes",('DRAFT - HGC Schemes'!AO$3*$CE801),"")</f>
        <v/>
      </c>
      <c r="CU801" s="746" t="str">
        <f>IF(BA801="yes",('DRAFT - HGC Schemes'!AP$3*$CE801),"")</f>
        <v/>
      </c>
      <c r="CV801" s="746" t="str">
        <f>IF(BB801="yes",('DRAFT - HGC Schemes'!AQ$3*$CE801),"")</f>
        <v/>
      </c>
      <c r="CW801" s="746" t="str">
        <f>IF(BC801="yes",('DRAFT - HGC Schemes'!AR$3*$CE801),"")</f>
        <v/>
      </c>
      <c r="CX801" s="746" t="str">
        <f>IF(BD801="yes",('DRAFT - HGC Schemes'!AS$3*$CE801),"")</f>
        <v/>
      </c>
      <c r="CY801" s="746" t="str">
        <f>IF(BE801="yes",('DRAFT - HGC Schemes'!AT$3*$CE801),"")</f>
        <v/>
      </c>
      <c r="CZ801" s="746" t="str">
        <f>IF(BF801="yes",('DRAFT - HGC Schemes'!AU$3*$CE801),"")</f>
        <v/>
      </c>
      <c r="DA801" s="746" t="str">
        <f>IF(BG801="yes",('DRAFT - HGC Schemes'!AV$3*$CE801),"")</f>
        <v/>
      </c>
      <c r="DB801" s="746" t="str">
        <f>IF(BH801="yes",('DRAFT - HGC Schemes'!AW$3*$CE801),"")</f>
        <v/>
      </c>
      <c r="DC801" s="746" t="str">
        <f>IF(BI801="yes",('DRAFT - HGC Schemes'!AX$3*$CE801),"")</f>
        <v/>
      </c>
      <c r="DD801" s="746" t="str">
        <f>IF(BJ801="yes",('DRAFT - HGC Schemes'!AY$3*$CE801),"")</f>
        <v/>
      </c>
      <c r="DE801" s="746" t="str">
        <f>IF(BK801="yes",('DRAFT - HGC Schemes'!AZ$3*$CE801),"")</f>
        <v/>
      </c>
      <c r="DF801" s="746" t="str">
        <f>IF(BL801="yes",('DRAFT - HGC Schemes'!BA$3*$CE801),"")</f>
        <v/>
      </c>
      <c r="DG801" s="746" t="str">
        <f>IF(BM801="yes",('DRAFT - HGC Schemes'!BB$3*$CE801),"")</f>
        <v/>
      </c>
      <c r="DH801" s="746" t="str">
        <f>IF(BN801="yes",('DRAFT - HGC Schemes'!BC$3*$CE801),"")</f>
        <v/>
      </c>
      <c r="DI801" s="746" t="str">
        <f>IF(BO801="yes",('DRAFT - HGC Schemes'!BD$3*$CE801),"")</f>
        <v/>
      </c>
      <c r="DJ801" s="746" t="str">
        <f>IF(BP801="yes",('DRAFT - HGC Schemes'!BE$3*$CE801),"")</f>
        <v/>
      </c>
      <c r="DK801" s="746" t="str">
        <f>IF(BQ801="yes",('DRAFT - HGC Schemes'!BF$3*$CE801),"")</f>
        <v/>
      </c>
      <c r="DL801" s="543"/>
      <c r="DM801" s="543"/>
      <c r="DN801" s="543"/>
      <c r="DO801" s="543"/>
      <c r="DP801" s="543"/>
      <c r="DQ801" s="543"/>
      <c r="DR801" s="543"/>
      <c r="DS801" s="543"/>
      <c r="DT801" s="543"/>
      <c r="DU801" s="543"/>
      <c r="DV801" s="543"/>
      <c r="DW801" s="543"/>
      <c r="DX801" s="543"/>
      <c r="DY801" s="543"/>
      <c r="DZ801" s="654"/>
      <c r="EA801" s="543" t="s">
        <v>2449</v>
      </c>
      <c r="EB801" s="654"/>
      <c r="EC801" s="654"/>
      <c r="ED801" s="545">
        <v>1</v>
      </c>
      <c r="EE801" s="545">
        <v>0</v>
      </c>
    </row>
    <row r="802" spans="1:136" s="354" customFormat="1" ht="139.9" customHeight="1" x14ac:dyDescent="0.25">
      <c r="A802" s="934"/>
      <c r="B802" s="538"/>
      <c r="C802" s="660" t="s">
        <v>3200</v>
      </c>
      <c r="D802" s="660"/>
      <c r="E802" s="660"/>
      <c r="F802" s="660"/>
      <c r="G802" s="550" t="s">
        <v>3201</v>
      </c>
      <c r="H802" s="543"/>
      <c r="I802" s="671" t="s">
        <v>2445</v>
      </c>
      <c r="J802" s="543"/>
      <c r="K802" s="671" t="s">
        <v>1346</v>
      </c>
      <c r="L802" s="543" t="s">
        <v>1349</v>
      </c>
      <c r="M802" s="640" t="s">
        <v>3202</v>
      </c>
      <c r="N802" s="543"/>
      <c r="O802" s="543"/>
      <c r="P802" s="543"/>
      <c r="Q802" s="495" t="s">
        <v>3203</v>
      </c>
      <c r="R802" s="543" t="s">
        <v>3104</v>
      </c>
      <c r="S802" s="543"/>
      <c r="T802" s="543" t="s">
        <v>2986</v>
      </c>
      <c r="U802" s="543"/>
      <c r="V802" s="543"/>
      <c r="W802" s="657"/>
      <c r="X802" s="543"/>
      <c r="Y802" s="543"/>
      <c r="Z802" s="718" t="s">
        <v>63</v>
      </c>
      <c r="AA802" s="718" t="s">
        <v>63</v>
      </c>
      <c r="AB802" s="543"/>
      <c r="AC802" s="642"/>
      <c r="AD802" s="657" t="s">
        <v>64</v>
      </c>
      <c r="AE802" s="543"/>
      <c r="AF802" s="745">
        <f>IF(ISTEXT(AB802),AB802,AB802-AC802)</f>
        <v>0</v>
      </c>
      <c r="AG802" s="745" t="s">
        <v>2565</v>
      </c>
      <c r="AH802" s="745"/>
      <c r="AI802" s="543"/>
      <c r="AJ802" s="543"/>
      <c r="AK802" s="543"/>
      <c r="AL802" s="543"/>
      <c r="AM802" s="543"/>
      <c r="AN802" s="543"/>
      <c r="AO802" s="543"/>
      <c r="AP802" s="543"/>
      <c r="AQ802" s="543"/>
      <c r="AR802" s="543"/>
      <c r="AS802" s="543"/>
      <c r="AT802" s="543"/>
      <c r="AU802" s="543"/>
      <c r="AV802" s="543"/>
      <c r="AW802" s="543"/>
      <c r="AX802" s="543"/>
      <c r="AY802" s="543"/>
      <c r="AZ802" s="543"/>
      <c r="BA802" s="543"/>
      <c r="BB802" s="543"/>
      <c r="BC802" s="543"/>
      <c r="BD802" s="543"/>
      <c r="BE802" s="543"/>
      <c r="BF802" s="543"/>
      <c r="BG802" s="543"/>
      <c r="BH802" s="543"/>
      <c r="BI802" s="543"/>
      <c r="BJ802" s="543"/>
      <c r="BK802" s="543"/>
      <c r="BL802" s="543"/>
      <c r="BM802" s="543"/>
      <c r="BN802" s="543"/>
      <c r="BO802" s="543"/>
      <c r="BP802" s="543"/>
      <c r="BQ802" s="543"/>
      <c r="BR802" s="543"/>
      <c r="BS802" s="543"/>
      <c r="BT802" s="543"/>
      <c r="BU802" s="543"/>
      <c r="BV802" s="543"/>
      <c r="BW802" s="543"/>
      <c r="BX802" s="543"/>
      <c r="BY802" s="543"/>
      <c r="BZ802" s="543"/>
      <c r="CA802" s="543"/>
      <c r="CB802" s="543"/>
      <c r="CC802" s="543"/>
      <c r="CD802" s="884">
        <f>SUMIF(AM802:CC802,"YES",'DRAFT - HGC Schemes'!$AB$3:$BR$3)</f>
        <v>0</v>
      </c>
      <c r="CE802" s="661" t="e">
        <f t="shared" si="238"/>
        <v>#DIV/0!</v>
      </c>
      <c r="CF802" s="661"/>
      <c r="CG802" s="746" t="str">
        <f>IF(AM802="yes",('DRAFT - HGC Schemes'!AB$3*$CE802),"")</f>
        <v/>
      </c>
      <c r="CH802" s="746" t="str">
        <f>IF(AN802="yes",('DRAFT - HGC Schemes'!AC$3*$CE802),"")</f>
        <v/>
      </c>
      <c r="CI802" s="746" t="str">
        <f>IF(AO802="yes",('DRAFT - HGC Schemes'!AD$3*$CE802),"")</f>
        <v/>
      </c>
      <c r="CJ802" s="746" t="str">
        <f>IF(AP802="yes",('DRAFT - HGC Schemes'!AE$3*$CE802),"")</f>
        <v/>
      </c>
      <c r="CK802" s="746" t="str">
        <f>IF(AQ802="yes",('DRAFT - HGC Schemes'!AF$3*$CE802),"")</f>
        <v/>
      </c>
      <c r="CL802" s="746" t="str">
        <f>IF(AR802="yes",('DRAFT - HGC Schemes'!AG$3*$CE802),"")</f>
        <v/>
      </c>
      <c r="CM802" s="746" t="str">
        <f>IF(AS802="yes",('DRAFT - HGC Schemes'!AH$3*$CE802),"")</f>
        <v/>
      </c>
      <c r="CN802" s="746" t="str">
        <f>IF(AT802="yes",('DRAFT - HGC Schemes'!AI$3*$CE802),"")</f>
        <v/>
      </c>
      <c r="CO802" s="746" t="str">
        <f>IF(AU802="yes",('DRAFT - HGC Schemes'!AJ$3*$CE802),"")</f>
        <v/>
      </c>
      <c r="CP802" s="746" t="str">
        <f>IF(AV802="yes",('DRAFT - HGC Schemes'!AK$3*$CE802),"")</f>
        <v/>
      </c>
      <c r="CQ802" s="746" t="str">
        <f>IF(AW802="yes",('DRAFT - HGC Schemes'!AL$3*$CE802),"")</f>
        <v/>
      </c>
      <c r="CR802" s="746" t="str">
        <f>IF(AX802="yes",('DRAFT - HGC Schemes'!AM$3*$CE802),"")</f>
        <v/>
      </c>
      <c r="CS802" s="746" t="str">
        <f>IF(AY802="yes",('DRAFT - HGC Schemes'!AN$3*$CE802),"")</f>
        <v/>
      </c>
      <c r="CT802" s="746" t="str">
        <f>IF(AZ802="yes",('DRAFT - HGC Schemes'!AO$3*$CE802),"")</f>
        <v/>
      </c>
      <c r="CU802" s="746" t="str">
        <f>IF(BA802="yes",('DRAFT - HGC Schemes'!AP$3*$CE802),"")</f>
        <v/>
      </c>
      <c r="CV802" s="746" t="str">
        <f>IF(BB802="yes",('DRAFT - HGC Schemes'!AQ$3*$CE802),"")</f>
        <v/>
      </c>
      <c r="CW802" s="746" t="str">
        <f>IF(BC802="yes",('DRAFT - HGC Schemes'!AR$3*$CE802),"")</f>
        <v/>
      </c>
      <c r="CX802" s="746" t="str">
        <f>IF(BD802="yes",('DRAFT - HGC Schemes'!AS$3*$CE802),"")</f>
        <v/>
      </c>
      <c r="CY802" s="746" t="str">
        <f>IF(BE802="yes",('DRAFT - HGC Schemes'!AT$3*$CE802),"")</f>
        <v/>
      </c>
      <c r="CZ802" s="746" t="str">
        <f>IF(BF802="yes",('DRAFT - HGC Schemes'!AU$3*$CE802),"")</f>
        <v/>
      </c>
      <c r="DA802" s="746" t="str">
        <f>IF(BG802="yes",('DRAFT - HGC Schemes'!AV$3*$CE802),"")</f>
        <v/>
      </c>
      <c r="DB802" s="746" t="str">
        <f>IF(BH802="yes",('DRAFT - HGC Schemes'!AW$3*$CE802),"")</f>
        <v/>
      </c>
      <c r="DC802" s="746" t="str">
        <f>IF(BI802="yes",('DRAFT - HGC Schemes'!AX$3*$CE802),"")</f>
        <v/>
      </c>
      <c r="DD802" s="746" t="str">
        <f>IF(BJ802="yes",('DRAFT - HGC Schemes'!AY$3*$CE802),"")</f>
        <v/>
      </c>
      <c r="DE802" s="746" t="str">
        <f>IF(BK802="yes",('DRAFT - HGC Schemes'!AZ$3*$CE802),"")</f>
        <v/>
      </c>
      <c r="DF802" s="746" t="str">
        <f>IF(BL802="yes",('DRAFT - HGC Schemes'!BA$3*$CE802),"")</f>
        <v/>
      </c>
      <c r="DG802" s="746" t="str">
        <f>IF(BM802="yes",('DRAFT - HGC Schemes'!BB$3*$CE802),"")</f>
        <v/>
      </c>
      <c r="DH802" s="746" t="str">
        <f>IF(BN802="yes",('DRAFT - HGC Schemes'!BC$3*$CE802),"")</f>
        <v/>
      </c>
      <c r="DI802" s="746" t="str">
        <f>IF(BO802="yes",('DRAFT - HGC Schemes'!BD$3*$CE802),"")</f>
        <v/>
      </c>
      <c r="DJ802" s="746" t="str">
        <f>IF(BP802="yes",('DRAFT - HGC Schemes'!BE$3*$CE802),"")</f>
        <v/>
      </c>
      <c r="DK802" s="746" t="str">
        <f>IF(BQ802="yes",('DRAFT - HGC Schemes'!BF$3*$CE802),"")</f>
        <v/>
      </c>
      <c r="DL802" s="543"/>
      <c r="DM802" s="543"/>
      <c r="DN802" s="543"/>
      <c r="DO802" s="543"/>
      <c r="DP802" s="543"/>
      <c r="DQ802" s="543"/>
      <c r="DR802" s="543"/>
      <c r="DS802" s="543"/>
      <c r="DT802" s="543"/>
      <c r="DU802" s="543"/>
      <c r="DV802" s="543"/>
      <c r="DW802" s="543"/>
      <c r="DX802" s="543"/>
      <c r="DY802" s="543"/>
      <c r="DZ802" s="654"/>
      <c r="EA802" s="543" t="s">
        <v>2449</v>
      </c>
      <c r="EB802" s="654"/>
      <c r="EC802" s="654"/>
      <c r="ED802" s="545"/>
      <c r="EE802" s="545"/>
      <c r="EF802" s="34"/>
    </row>
    <row r="803" spans="1:136" s="857" customFormat="1" ht="107.1" customHeight="1" x14ac:dyDescent="0.2">
      <c r="A803" s="232" t="s">
        <v>3204</v>
      </c>
      <c r="B803" s="77"/>
      <c r="C803" s="77"/>
      <c r="D803" s="77"/>
      <c r="E803" s="77"/>
      <c r="F803" s="77"/>
      <c r="G803" s="511" t="s">
        <v>3205</v>
      </c>
      <c r="H803" s="511" t="s">
        <v>3206</v>
      </c>
      <c r="I803" s="511" t="s">
        <v>3207</v>
      </c>
      <c r="J803" s="511" t="s">
        <v>1385</v>
      </c>
      <c r="K803" s="481" t="s">
        <v>54</v>
      </c>
      <c r="L803" s="654" t="s">
        <v>1329</v>
      </c>
      <c r="M803" s="654" t="s">
        <v>149</v>
      </c>
      <c r="N803" s="654"/>
      <c r="O803" s="654"/>
      <c r="P803" s="654"/>
      <c r="Q803" s="484" t="s">
        <v>150</v>
      </c>
      <c r="R803" s="657" t="s">
        <v>3104</v>
      </c>
      <c r="S803" s="657" t="s">
        <v>3208</v>
      </c>
      <c r="T803" s="654" t="s">
        <v>2996</v>
      </c>
      <c r="U803" s="654" t="s">
        <v>81</v>
      </c>
      <c r="V803" s="654" t="s">
        <v>3051</v>
      </c>
      <c r="W803" s="654" t="s">
        <v>61</v>
      </c>
      <c r="X803" s="654" t="s">
        <v>3209</v>
      </c>
      <c r="Y803" s="515"/>
      <c r="Z803" s="718" t="s">
        <v>63</v>
      </c>
      <c r="AA803" s="718" t="s">
        <v>63</v>
      </c>
      <c r="AB803" s="743"/>
      <c r="AC803" s="516"/>
      <c r="AD803" s="654" t="s">
        <v>64</v>
      </c>
      <c r="AE803" s="516"/>
      <c r="AF803" s="745">
        <f>IF(ISTEXT(AB803),AB803,AB803-AC803)</f>
        <v>0</v>
      </c>
      <c r="AG803" s="723" t="s">
        <v>3106</v>
      </c>
      <c r="AH803" s="723"/>
      <c r="AI803" s="649" t="s">
        <v>65</v>
      </c>
      <c r="AJ803" s="649"/>
      <c r="AK803" s="649"/>
      <c r="AL803" s="516"/>
      <c r="AM803" s="516"/>
      <c r="AN803" s="516"/>
      <c r="AO803" s="516"/>
      <c r="AP803" s="516"/>
      <c r="AQ803" s="516"/>
      <c r="AR803" s="516"/>
      <c r="AS803" s="516"/>
      <c r="AT803" s="516"/>
      <c r="AU803" s="516"/>
      <c r="AV803" s="516"/>
      <c r="AW803" s="516"/>
      <c r="AX803" s="516"/>
      <c r="AY803" s="516"/>
      <c r="AZ803" s="516"/>
      <c r="BA803" s="516"/>
      <c r="BB803" s="516"/>
      <c r="BC803" s="516"/>
      <c r="BD803" s="516"/>
      <c r="BE803" s="516"/>
      <c r="BF803" s="516"/>
      <c r="BG803" s="516"/>
      <c r="BH803" s="516"/>
      <c r="BI803" s="516"/>
      <c r="BJ803" s="516"/>
      <c r="BK803" s="516"/>
      <c r="BL803" s="516"/>
      <c r="BM803" s="516"/>
      <c r="BN803" s="516"/>
      <c r="BO803" s="516"/>
      <c r="BP803" s="516"/>
      <c r="BQ803" s="516"/>
      <c r="BR803" s="516"/>
      <c r="BS803" s="516"/>
      <c r="BT803" s="516"/>
      <c r="BU803" s="516"/>
      <c r="BV803" s="516"/>
      <c r="BW803" s="516"/>
      <c r="BX803" s="516"/>
      <c r="BY803" s="516"/>
      <c r="BZ803" s="516" t="s">
        <v>66</v>
      </c>
      <c r="CA803" s="516" t="s">
        <v>66</v>
      </c>
      <c r="CB803" s="516" t="s">
        <v>66</v>
      </c>
      <c r="CC803" s="516"/>
      <c r="CD803" s="884">
        <f>SUMIF(AM803:CC803,"YES",'DRAFT - HGC Schemes'!$AB$3:$BR$3)</f>
        <v>5500</v>
      </c>
      <c r="CE803" s="661">
        <f>AF803/CD803</f>
        <v>0</v>
      </c>
      <c r="CF803" s="661"/>
      <c r="CG803" s="746" t="str">
        <f>IF(AM803="yes",('DRAFT - HGC Schemes'!AB$3*$CE803),"")</f>
        <v/>
      </c>
      <c r="CH803" s="746" t="str">
        <f>IF(AN803="yes",('DRAFT - HGC Schemes'!AC$3*$CE803),"")</f>
        <v/>
      </c>
      <c r="CI803" s="746" t="str">
        <f>IF(AO803="yes",('DRAFT - HGC Schemes'!AD$3*$CE803),"")</f>
        <v/>
      </c>
      <c r="CJ803" s="746" t="str">
        <f>IF(AP803="yes",('DRAFT - HGC Schemes'!AE$3*$CE803),"")</f>
        <v/>
      </c>
      <c r="CK803" s="746" t="str">
        <f>IF(AQ803="yes",('DRAFT - HGC Schemes'!AF$3*$CE803),"")</f>
        <v/>
      </c>
      <c r="CL803" s="746" t="str">
        <f>IF(AR803="yes",('DRAFT - HGC Schemes'!AG$3*$CE803),"")</f>
        <v/>
      </c>
      <c r="CM803" s="746" t="str">
        <f>IF(AS803="yes",('DRAFT - HGC Schemes'!AH$3*$CE803),"")</f>
        <v/>
      </c>
      <c r="CN803" s="746" t="str">
        <f>IF(AT803="yes",('DRAFT - HGC Schemes'!AI$3*$CE803),"")</f>
        <v/>
      </c>
      <c r="CO803" s="746" t="str">
        <f>IF(AU803="yes",('DRAFT - HGC Schemes'!AJ$3*$CE803),"")</f>
        <v/>
      </c>
      <c r="CP803" s="746" t="str">
        <f>IF(AV803="yes",('DRAFT - HGC Schemes'!AK$3*$CE803),"")</f>
        <v/>
      </c>
      <c r="CQ803" s="746" t="str">
        <f>IF(AW803="yes",('DRAFT - HGC Schemes'!AL$3*$CE803),"")</f>
        <v/>
      </c>
      <c r="CR803" s="746" t="str">
        <f>IF(AX803="yes",('DRAFT - HGC Schemes'!AM$3*$CE803),"")</f>
        <v/>
      </c>
      <c r="CS803" s="746" t="str">
        <f>IF(AY803="yes",('DRAFT - HGC Schemes'!AN$3*$CE803),"")</f>
        <v/>
      </c>
      <c r="CT803" s="746" t="str">
        <f>IF(AZ803="yes",('DRAFT - HGC Schemes'!AO$3*$CE803),"")</f>
        <v/>
      </c>
      <c r="CU803" s="746" t="str">
        <f>IF(BA803="yes",('DRAFT - HGC Schemes'!AP$3*$CE803),"")</f>
        <v/>
      </c>
      <c r="CV803" s="746" t="str">
        <f>IF(BB803="yes",('DRAFT - HGC Schemes'!AQ$3*$CE803),"")</f>
        <v/>
      </c>
      <c r="CW803" s="746" t="str">
        <f>IF(BC803="yes",('DRAFT - HGC Schemes'!AR$3*$CE803),"")</f>
        <v/>
      </c>
      <c r="CX803" s="746" t="str">
        <f>IF(BD803="yes",('DRAFT - HGC Schemes'!AS$3*$CE803),"")</f>
        <v/>
      </c>
      <c r="CY803" s="746" t="str">
        <f>IF(BE803="yes",('DRAFT - HGC Schemes'!AT$3*$CE803),"")</f>
        <v/>
      </c>
      <c r="CZ803" s="746" t="str">
        <f>IF(BF803="yes",('DRAFT - HGC Schemes'!AU$3*$CE803),"")</f>
        <v/>
      </c>
      <c r="DA803" s="746" t="str">
        <f>IF(BG803="yes",('DRAFT - HGC Schemes'!AV$3*$CE803),"")</f>
        <v/>
      </c>
      <c r="DB803" s="746" t="str">
        <f>IF(BH803="yes",('DRAFT - HGC Schemes'!AW$3*$CE803),"")</f>
        <v/>
      </c>
      <c r="DC803" s="746" t="str">
        <f>IF(BI803="yes",('DRAFT - HGC Schemes'!AX$3*$CE803),"")</f>
        <v/>
      </c>
      <c r="DD803" s="746" t="str">
        <f>IF(BJ803="yes",('DRAFT - HGC Schemes'!AY$3*$CE803),"")</f>
        <v/>
      </c>
      <c r="DE803" s="746" t="str">
        <f>IF(BK803="yes",('DRAFT - HGC Schemes'!AZ$3*$CE803),"")</f>
        <v/>
      </c>
      <c r="DF803" s="746" t="str">
        <f>IF(BL803="yes",('DRAFT - HGC Schemes'!BA$3*$CE803),"")</f>
        <v/>
      </c>
      <c r="DG803" s="746" t="str">
        <f>IF(BM803="yes",('DRAFT - HGC Schemes'!BB$3*$CE803),"")</f>
        <v/>
      </c>
      <c r="DH803" s="746" t="str">
        <f>IF(BN803="yes",('DRAFT - HGC Schemes'!BC$3*$CE803),"")</f>
        <v/>
      </c>
      <c r="DI803" s="746" t="str">
        <f>IF(BO803="yes",('DRAFT - HGC Schemes'!BD$3*$CE803),"")</f>
        <v/>
      </c>
      <c r="DJ803" s="746" t="str">
        <f>IF(BP803="yes",('DRAFT - HGC Schemes'!BE$3*$CE803),"")</f>
        <v/>
      </c>
      <c r="DK803" s="746" t="str">
        <f>IF(BQ803="yes",('DRAFT - HGC Schemes'!BF$3*$CE803),"")</f>
        <v/>
      </c>
      <c r="DL803" s="516"/>
      <c r="DM803" s="516"/>
      <c r="DN803" s="516"/>
      <c r="DO803" s="516"/>
      <c r="DP803" s="516"/>
      <c r="DQ803" s="516"/>
      <c r="DR803" s="516"/>
      <c r="DS803" s="516"/>
      <c r="DT803" s="516"/>
      <c r="DU803" s="516"/>
      <c r="DV803" s="516"/>
      <c r="DW803" s="516"/>
      <c r="DX803" s="516"/>
      <c r="DY803" s="516"/>
      <c r="DZ803" s="484"/>
      <c r="EA803" s="484"/>
      <c r="EB803" s="933" t="s">
        <v>3210</v>
      </c>
      <c r="EC803" s="933"/>
    </row>
    <row r="804" spans="1:136" s="613" customFormat="1" ht="144" customHeight="1" x14ac:dyDescent="0.2">
      <c r="A804" s="1167"/>
      <c r="B804" s="1168">
        <v>533</v>
      </c>
      <c r="C804" s="1169" t="s">
        <v>3211</v>
      </c>
      <c r="D804" s="1170" t="s">
        <v>3212</v>
      </c>
      <c r="E804" s="1170" t="s">
        <v>53</v>
      </c>
      <c r="F804" s="1170" t="s">
        <v>655</v>
      </c>
      <c r="G804" s="1171" t="s">
        <v>932</v>
      </c>
      <c r="H804" s="718" t="s">
        <v>3213</v>
      </c>
      <c r="I804" s="1171"/>
      <c r="J804" s="718" t="s">
        <v>3214</v>
      </c>
      <c r="K804" s="1172" t="s">
        <v>3104</v>
      </c>
      <c r="L804" s="1173" t="s">
        <v>3215</v>
      </c>
      <c r="M804" s="626" t="s">
        <v>2996</v>
      </c>
      <c r="N804" s="1171" t="s">
        <v>81</v>
      </c>
      <c r="O804" s="675" t="s">
        <v>3216</v>
      </c>
      <c r="P804" s="718" t="s">
        <v>3217</v>
      </c>
      <c r="Q804" s="675" t="s">
        <v>3218</v>
      </c>
      <c r="R804" s="718"/>
      <c r="S804" s="718"/>
      <c r="T804" s="1174">
        <v>2039682</v>
      </c>
      <c r="U804" s="1175"/>
      <c r="V804" s="718" t="s">
        <v>3219</v>
      </c>
      <c r="W804" s="638">
        <f>T804-X804</f>
        <v>0</v>
      </c>
      <c r="X804" s="931">
        <f>T804</f>
        <v>2039682</v>
      </c>
      <c r="Y804" s="931"/>
      <c r="Z804" s="1166"/>
      <c r="AA804" s="931"/>
      <c r="AB804" s="989" t="s">
        <v>3220</v>
      </c>
      <c r="AC804" s="718"/>
      <c r="AD804" s="718"/>
      <c r="AE804" s="718"/>
      <c r="AF804" s="718"/>
      <c r="AG804" s="718"/>
      <c r="AH804" s="718"/>
      <c r="AI804" s="718"/>
      <c r="AJ804" s="718"/>
      <c r="AK804" s="718"/>
      <c r="AL804" s="718"/>
      <c r="AM804" s="718"/>
      <c r="AN804" s="718"/>
      <c r="AO804" s="718"/>
      <c r="AP804" s="718"/>
      <c r="AQ804" s="718"/>
      <c r="AR804" s="718"/>
      <c r="AS804" s="718"/>
      <c r="AT804" s="718"/>
      <c r="AU804" s="718"/>
      <c r="AV804" s="718"/>
      <c r="AW804" s="718"/>
      <c r="AX804" s="718"/>
      <c r="AY804" s="718"/>
      <c r="AZ804" s="718"/>
      <c r="BA804" s="718"/>
      <c r="BB804" s="718"/>
      <c r="BC804" s="718"/>
      <c r="BD804" s="718"/>
      <c r="BE804" s="718"/>
      <c r="BF804" s="718"/>
      <c r="BG804" s="718"/>
      <c r="BH804" s="1176"/>
      <c r="BI804" s="1176"/>
      <c r="BJ804" s="1176"/>
      <c r="BK804" s="1176"/>
      <c r="BL804" s="1176"/>
      <c r="BM804" s="1176"/>
      <c r="BN804" s="1176"/>
      <c r="BO804" s="1176"/>
      <c r="BP804" s="1177"/>
      <c r="BQ804" s="1177"/>
      <c r="BR804" s="1177"/>
      <c r="BS804" s="1177"/>
      <c r="BT804" s="1178">
        <f>SUMIF(AC804:BS804,"YES",'DRAFT - HGC Schemes'!$AB$3:$BR$3)</f>
        <v>0</v>
      </c>
      <c r="BU804" s="989"/>
      <c r="BV804" s="661"/>
      <c r="BW804" s="1179" t="str">
        <f>IF(AC804="yes",('DRAFT - HGC Schemes'!AB$3*$BU804),"")</f>
        <v/>
      </c>
      <c r="BX804" s="1179" t="str">
        <f>IF(AD804="yes",('DRAFT - HGC Schemes'!AC$3*$BU804),"")</f>
        <v/>
      </c>
      <c r="BY804" s="1179" t="str">
        <f>IF(AE804="yes",('DRAFT - HGC Schemes'!AD$3*$BU804),"")</f>
        <v/>
      </c>
      <c r="BZ804" s="1179" t="str">
        <f>IF(AF804="yes",('DRAFT - HGC Schemes'!AE$3*$BU804),"")</f>
        <v/>
      </c>
      <c r="CA804" s="1179" t="str">
        <f>IF(AG804="yes",('DRAFT - HGC Schemes'!AF$3*$BU804),"")</f>
        <v/>
      </c>
      <c r="CB804" s="1179" t="str">
        <f>IF(AH804="yes",('DRAFT - HGC Schemes'!AG$3*$BU804),"")</f>
        <v/>
      </c>
      <c r="CC804" s="1179" t="str">
        <f>IF(AI804="yes",('DRAFT - HGC Schemes'!AH$3*$BU804),"")</f>
        <v/>
      </c>
      <c r="CD804" s="1179" t="str">
        <f>IF(AJ804="yes",('DRAFT - HGC Schemes'!AI$3*$BU804),"")</f>
        <v/>
      </c>
      <c r="CE804" s="1179" t="str">
        <f>IF(AK804="yes",('DRAFT - HGC Schemes'!AJ$3*$BU804),"")</f>
        <v/>
      </c>
      <c r="CF804" s="1179" t="str">
        <f>IF(AL804="yes",('DRAFT - HGC Schemes'!AK$3*$BU804),"")</f>
        <v/>
      </c>
      <c r="CG804" s="1179" t="str">
        <f>IF(AM804="yes",('DRAFT - HGC Schemes'!AL$3*$BU804),"")</f>
        <v/>
      </c>
      <c r="CH804" s="1179" t="str">
        <f>IF(AN804="yes",('DRAFT - HGC Schemes'!AM$3*$BU804),"")</f>
        <v/>
      </c>
      <c r="CI804" s="1179" t="str">
        <f>IF(AO804="yes",('DRAFT - HGC Schemes'!AN$3*$BU804),"")</f>
        <v/>
      </c>
      <c r="CJ804" s="1179" t="str">
        <f>IF(AP804="yes",('DRAFT - HGC Schemes'!AO$3*$BU804),"")</f>
        <v/>
      </c>
      <c r="CK804" s="1179" t="str">
        <f>IF(AQ804="yes",('DRAFT - HGC Schemes'!AP$3*$BU804),"")</f>
        <v/>
      </c>
      <c r="CL804" s="1179" t="str">
        <f>IF(AR804="yes",('DRAFT - HGC Schemes'!AQ$3*$BU804),"")</f>
        <v/>
      </c>
      <c r="CM804" s="1179" t="str">
        <f>IF(AS804="yes",('DRAFT - HGC Schemes'!AR$3*$BU804),"")</f>
        <v/>
      </c>
      <c r="CN804" s="1179"/>
      <c r="CO804" s="1179"/>
      <c r="CP804" s="1179"/>
      <c r="CQ804" s="1179"/>
      <c r="CR804" s="1179"/>
      <c r="CS804" s="1179"/>
      <c r="CT804" s="1179"/>
      <c r="CU804" s="1179"/>
      <c r="CV804" s="1179"/>
      <c r="CW804" s="1179"/>
      <c r="CX804" s="1179"/>
      <c r="CY804" s="1179"/>
      <c r="CZ804" s="1179"/>
      <c r="DA804" s="1179"/>
      <c r="DB804" s="1179"/>
      <c r="DC804" s="1179"/>
      <c r="DD804" s="1179"/>
      <c r="DE804" s="1179"/>
      <c r="DF804" s="1179"/>
      <c r="DG804" s="1179"/>
      <c r="DH804" s="1179"/>
      <c r="DI804" s="1179"/>
      <c r="DJ804" s="1179" t="str">
        <f>IF(BP804="yes",('DRAFT - HGC Schemes'!BO$3*$BU804),"")</f>
        <v/>
      </c>
      <c r="DK804" s="1179" t="str">
        <f>IF(BQ804="yes",('DRAFT - HGC Schemes'!BP$3*$BU804),"")</f>
        <v/>
      </c>
      <c r="DL804" s="1179" t="str">
        <f>IF(BR804="yes",('DRAFT - HGC Schemes'!BQ$3*$BU804),"")</f>
        <v/>
      </c>
      <c r="DM804" s="1179" t="str">
        <f>IF(BS804="yes",('DRAFT - HGC Schemes'!BR$3*$BU804),"")</f>
        <v/>
      </c>
      <c r="DN804" s="989"/>
      <c r="DO804" s="1179"/>
      <c r="DP804" s="627"/>
      <c r="DQ804" s="1179"/>
      <c r="DR804" s="716"/>
      <c r="DS804" s="716" t="s">
        <v>3221</v>
      </c>
      <c r="DT804" s="1180" t="s">
        <v>3222</v>
      </c>
      <c r="DU804" s="1180"/>
      <c r="DV804" s="632"/>
    </row>
    <row r="805" spans="1:136" ht="56.1" customHeight="1" x14ac:dyDescent="0.2">
      <c r="C805" s="119"/>
      <c r="D805" s="119"/>
    </row>
    <row r="806" spans="1:136" ht="56.1" customHeight="1" x14ac:dyDescent="0.2">
      <c r="C806" s="119"/>
      <c r="D806" s="119"/>
    </row>
    <row r="807" spans="1:136" ht="56.1" customHeight="1" x14ac:dyDescent="0.2">
      <c r="C807" s="119"/>
      <c r="D807" s="119"/>
    </row>
    <row r="808" spans="1:136" ht="56.1" customHeight="1" x14ac:dyDescent="0.2">
      <c r="C808" s="119"/>
      <c r="D808" s="119"/>
    </row>
    <row r="809" spans="1:136" ht="56.1" customHeight="1" x14ac:dyDescent="0.2">
      <c r="C809" s="119"/>
      <c r="D809" s="119"/>
    </row>
    <row r="810" spans="1:136" ht="56.1" customHeight="1" x14ac:dyDescent="0.2">
      <c r="C810" s="119"/>
      <c r="D810" s="119"/>
    </row>
    <row r="811" spans="1:136" ht="56.1" customHeight="1" x14ac:dyDescent="0.2">
      <c r="C811" s="119"/>
      <c r="D811" s="119"/>
    </row>
    <row r="812" spans="1:136" ht="56.1" customHeight="1" x14ac:dyDescent="0.2">
      <c r="C812" s="119"/>
      <c r="D812" s="119"/>
    </row>
    <row r="813" spans="1:136" ht="56.1" customHeight="1" x14ac:dyDescent="0.2">
      <c r="C813" s="119"/>
      <c r="D813" s="119"/>
    </row>
    <row r="814" spans="1:136" ht="56.1" customHeight="1" x14ac:dyDescent="0.2">
      <c r="C814" s="119"/>
      <c r="D814" s="119"/>
    </row>
    <row r="815" spans="1:136" ht="56.1" customHeight="1" x14ac:dyDescent="0.2">
      <c r="C815" s="119"/>
      <c r="D815" s="119"/>
    </row>
    <row r="816" spans="1:136" ht="56.1" customHeight="1" x14ac:dyDescent="0.2">
      <c r="C816" s="119"/>
      <c r="D816" s="119"/>
    </row>
    <row r="817" spans="3:4" ht="56.1" customHeight="1" x14ac:dyDescent="0.2">
      <c r="C817" s="119"/>
      <c r="D817" s="119"/>
    </row>
    <row r="818" spans="3:4" ht="56.1" customHeight="1" x14ac:dyDescent="0.2">
      <c r="C818" s="119"/>
      <c r="D818" s="119"/>
    </row>
    <row r="819" spans="3:4" ht="56.1" customHeight="1" x14ac:dyDescent="0.2">
      <c r="C819" s="119"/>
      <c r="D819" s="119"/>
    </row>
    <row r="820" spans="3:4" ht="56.1" customHeight="1" x14ac:dyDescent="0.2">
      <c r="C820" s="119"/>
      <c r="D820" s="119"/>
    </row>
    <row r="821" spans="3:4" ht="56.1" customHeight="1" x14ac:dyDescent="0.2">
      <c r="C821" s="119"/>
      <c r="D821" s="119"/>
    </row>
    <row r="822" spans="3:4" ht="56.1" customHeight="1" x14ac:dyDescent="0.2">
      <c r="C822" s="119"/>
      <c r="D822" s="119"/>
    </row>
    <row r="823" spans="3:4" ht="56.1" customHeight="1" x14ac:dyDescent="0.2">
      <c r="C823" s="119"/>
      <c r="D823" s="119"/>
    </row>
    <row r="824" spans="3:4" ht="56.1" customHeight="1" x14ac:dyDescent="0.2">
      <c r="C824" s="119"/>
      <c r="D824" s="119"/>
    </row>
    <row r="825" spans="3:4" ht="56.1" customHeight="1" x14ac:dyDescent="0.2">
      <c r="C825" s="119"/>
      <c r="D825" s="119"/>
    </row>
    <row r="826" spans="3:4" ht="56.1" customHeight="1" x14ac:dyDescent="0.2">
      <c r="C826" s="119"/>
      <c r="D826" s="119"/>
    </row>
    <row r="827" spans="3:4" ht="56.1" customHeight="1" x14ac:dyDescent="0.2">
      <c r="C827" s="119"/>
      <c r="D827" s="119"/>
    </row>
    <row r="828" spans="3:4" ht="56.1" customHeight="1" x14ac:dyDescent="0.2">
      <c r="C828" s="119"/>
      <c r="D828" s="119"/>
    </row>
    <row r="829" spans="3:4" ht="56.1" customHeight="1" x14ac:dyDescent="0.2">
      <c r="C829" s="119"/>
      <c r="D829" s="119"/>
    </row>
    <row r="830" spans="3:4" ht="56.1" customHeight="1" x14ac:dyDescent="0.2">
      <c r="C830" s="119"/>
      <c r="D830" s="119"/>
    </row>
    <row r="831" spans="3:4" ht="56.1" customHeight="1" x14ac:dyDescent="0.2">
      <c r="C831" s="119"/>
      <c r="D831" s="119"/>
    </row>
    <row r="832" spans="3:4" ht="56.1" customHeight="1" x14ac:dyDescent="0.2">
      <c r="C832" s="119"/>
      <c r="D832" s="119"/>
    </row>
    <row r="833" spans="3:4" ht="56.1" customHeight="1" x14ac:dyDescent="0.2">
      <c r="C833" s="119"/>
      <c r="D833" s="119"/>
    </row>
    <row r="834" spans="3:4" ht="56.1" customHeight="1" x14ac:dyDescent="0.2">
      <c r="C834" s="119"/>
      <c r="D834" s="119"/>
    </row>
    <row r="835" spans="3:4" ht="56.1" customHeight="1" x14ac:dyDescent="0.2">
      <c r="C835" s="119"/>
      <c r="D835" s="119"/>
    </row>
  </sheetData>
  <autoFilter ref="C1:DF803" xr:uid="{94D504E6-FF23-42EF-A4AB-971259469FAD}">
    <sortState xmlns:xlrd2="http://schemas.microsoft.com/office/spreadsheetml/2017/richdata2" ref="C254:DF373">
      <sortCondition descending="1" ref="L1:L730"/>
    </sortState>
  </autoFilter>
  <conditionalFormatting sqref="U1:U2">
    <cfRule type="colorScale" priority="1344">
      <colorScale>
        <cfvo type="min"/>
        <cfvo type="percentile" val="50"/>
        <cfvo type="max"/>
        <color rgb="FFF8696B"/>
        <color rgb="FFFFEB84"/>
        <color rgb="FF63BE7B"/>
      </colorScale>
    </cfRule>
  </conditionalFormatting>
  <conditionalFormatting sqref="U1:U21 U24:U316">
    <cfRule type="containsText" priority="1334" operator="containsText" text="Important">
      <formula>NOT(ISERROR(SEARCH("Important",U1)))</formula>
    </cfRule>
  </conditionalFormatting>
  <conditionalFormatting sqref="U1:U21">
    <cfRule type="containsText" dxfId="577" priority="1333" operator="containsText" text="Important">
      <formula>NOT(ISERROR(SEARCH("Important",U1)))</formula>
    </cfRule>
    <cfRule type="containsText" dxfId="576" priority="1335" operator="containsText" text="Desirable">
      <formula>NOT(ISERROR(SEARCH("Desirable",U1)))</formula>
    </cfRule>
    <cfRule type="containsText" dxfId="575" priority="1336" operator="containsText" text="Critical">
      <formula>NOT(ISERROR(SEARCH("Critical",U1)))</formula>
    </cfRule>
    <cfRule type="containsText" dxfId="574" priority="1337" operator="containsText" text="Essential">
      <formula>NOT(ISERROR(SEARCH("Essential",U1)))</formula>
    </cfRule>
  </conditionalFormatting>
  <conditionalFormatting sqref="U1:U240">
    <cfRule type="containsText" dxfId="573" priority="1322" operator="containsText" text="Essential">
      <formula>NOT(ISERROR(SEARCH("Essential",U1)))</formula>
    </cfRule>
    <cfRule type="containsText" dxfId="572" priority="1319" operator="containsText" text="Important">
      <formula>NOT(ISERROR(SEARCH("Important",U1)))</formula>
    </cfRule>
  </conditionalFormatting>
  <conditionalFormatting sqref="U1:U531 U805:U1048576">
    <cfRule type="containsText" priority="1149" operator="containsText" text="Critical - Delivery">
      <formula>NOT(ISERROR(SEARCH("Critical - Delivery",U1)))</formula>
    </cfRule>
    <cfRule type="containsText" dxfId="571" priority="1150" operator="containsText" text="Critical - Local Plan">
      <formula>NOT(ISERROR(SEARCH("Critical - Local Plan",U1)))</formula>
    </cfRule>
  </conditionalFormatting>
  <conditionalFormatting sqref="U3:U12">
    <cfRule type="colorScale" priority="4021">
      <colorScale>
        <cfvo type="min"/>
        <cfvo type="percentile" val="50"/>
        <cfvo type="max"/>
        <color rgb="FFF8696B"/>
        <color rgb="FFFFEB84"/>
        <color rgb="FF63BE7B"/>
      </colorScale>
    </cfRule>
  </conditionalFormatting>
  <conditionalFormatting sqref="U13">
    <cfRule type="colorScale" priority="4087">
      <colorScale>
        <cfvo type="min"/>
        <cfvo type="percentile" val="50"/>
        <cfvo type="max"/>
        <color rgb="FFF8696B"/>
        <color rgb="FFFFEB84"/>
        <color rgb="FF63BE7B"/>
      </colorScale>
    </cfRule>
  </conditionalFormatting>
  <conditionalFormatting sqref="U14:U16">
    <cfRule type="colorScale" priority="3662">
      <colorScale>
        <cfvo type="min"/>
        <cfvo type="percentile" val="50"/>
        <cfvo type="max"/>
        <color rgb="FFF8696B"/>
        <color rgb="FFFFEB84"/>
        <color rgb="FF63BE7B"/>
      </colorScale>
    </cfRule>
  </conditionalFormatting>
  <conditionalFormatting sqref="U17">
    <cfRule type="colorScale" priority="1341">
      <colorScale>
        <cfvo type="min"/>
        <cfvo type="percentile" val="50"/>
        <cfvo type="max"/>
        <color rgb="FFF8696B"/>
        <color rgb="FFFFEB84"/>
        <color rgb="FF63BE7B"/>
      </colorScale>
    </cfRule>
  </conditionalFormatting>
  <conditionalFormatting sqref="U18:U21">
    <cfRule type="colorScale" priority="4068">
      <colorScale>
        <cfvo type="min"/>
        <cfvo type="percentile" val="50"/>
        <cfvo type="max"/>
        <color rgb="FFF8696B"/>
        <color rgb="FFFFEB84"/>
        <color rgb="FF63BE7B"/>
      </colorScale>
    </cfRule>
  </conditionalFormatting>
  <conditionalFormatting sqref="U22:U23">
    <cfRule type="containsText" dxfId="570" priority="4045" operator="containsText" text="Critical - Local Plan">
      <formula>NOT(ISERROR(SEARCH("Critical - Local Plan",U22)))</formula>
    </cfRule>
    <cfRule type="containsText" dxfId="569" priority="4046" operator="containsText" text="Desirable">
      <formula>NOT(ISERROR(SEARCH("Desirable",U22)))</formula>
    </cfRule>
    <cfRule type="containsText" dxfId="568" priority="4047" operator="containsText" text="Critical - Delivery">
      <formula>NOT(ISERROR(SEARCH("Critical - Delivery",U22)))</formula>
    </cfRule>
    <cfRule type="containsText" dxfId="567" priority="4048" operator="containsText" text="Essential">
      <formula>NOT(ISERROR(SEARCH("Essential",U22)))</formula>
    </cfRule>
    <cfRule type="colorScale" priority="4049">
      <colorScale>
        <cfvo type="min"/>
        <cfvo type="percentile" val="50"/>
        <cfvo type="max"/>
        <color rgb="FFF8696B"/>
        <color rgb="FFFFEB84"/>
        <color rgb="FF63BE7B"/>
      </colorScale>
    </cfRule>
  </conditionalFormatting>
  <conditionalFormatting sqref="U24:U32">
    <cfRule type="colorScale" priority="4044">
      <colorScale>
        <cfvo type="min"/>
        <cfvo type="percentile" val="50"/>
        <cfvo type="max"/>
        <color rgb="FFF8696B"/>
        <color rgb="FFFFEB84"/>
        <color rgb="FF63BE7B"/>
      </colorScale>
    </cfRule>
  </conditionalFormatting>
  <conditionalFormatting sqref="U24:U214 U222:U240">
    <cfRule type="containsText" dxfId="566" priority="1331" operator="containsText" text="Critical">
      <formula>NOT(ISERROR(SEARCH("Critical",U24)))</formula>
    </cfRule>
    <cfRule type="containsText" dxfId="565" priority="1330" operator="containsText" text="Desirable">
      <formula>NOT(ISERROR(SEARCH("Desirable",U24)))</formula>
    </cfRule>
    <cfRule type="containsText" dxfId="564" priority="1329" operator="containsText" text="Important">
      <formula>NOT(ISERROR(SEARCH("Important",U24)))</formula>
    </cfRule>
    <cfRule type="containsText" dxfId="563" priority="1332" operator="containsText" text="Essential">
      <formula>NOT(ISERROR(SEARCH("Essential",U24)))</formula>
    </cfRule>
  </conditionalFormatting>
  <conditionalFormatting sqref="U25:U214">
    <cfRule type="colorScale" priority="3902">
      <colorScale>
        <cfvo type="min"/>
        <cfvo type="percentile" val="50"/>
        <cfvo type="max"/>
        <color rgb="FFF8696B"/>
        <color rgb="FFFFEB84"/>
        <color rgb="FF63BE7B"/>
      </colorScale>
    </cfRule>
  </conditionalFormatting>
  <conditionalFormatting sqref="U215:U221">
    <cfRule type="containsText" dxfId="562" priority="1317" operator="containsText" text="Important">
      <formula>NOT(ISERROR(SEARCH("Important",U215)))</formula>
    </cfRule>
    <cfRule type="colorScale" priority="1323">
      <colorScale>
        <cfvo type="min"/>
        <cfvo type="percentile" val="50"/>
        <cfvo type="max"/>
        <color rgb="FFF8696B"/>
        <color rgb="FFFFEB84"/>
        <color rgb="FF63BE7B"/>
      </colorScale>
    </cfRule>
    <cfRule type="containsText" dxfId="561" priority="1318" operator="containsText" text="Essential">
      <formula>NOT(ISERROR(SEARCH("Essential",U215)))</formula>
    </cfRule>
    <cfRule type="containsText" dxfId="560" priority="1320" operator="containsText" text="Desirable">
      <formula>NOT(ISERROR(SEARCH("Desirable",U215)))</formula>
    </cfRule>
    <cfRule type="containsText" dxfId="559" priority="1321" operator="containsText" text="Critical">
      <formula>NOT(ISERROR(SEARCH("Critical",U215)))</formula>
    </cfRule>
  </conditionalFormatting>
  <conditionalFormatting sqref="U222:U227">
    <cfRule type="colorScale" priority="3738">
      <colorScale>
        <cfvo type="min"/>
        <cfvo type="percentile" val="50"/>
        <cfvo type="max"/>
        <color rgb="FFF8696B"/>
        <color rgb="FFFFEB84"/>
        <color rgb="FF63BE7B"/>
      </colorScale>
    </cfRule>
  </conditionalFormatting>
  <conditionalFormatting sqref="U228:U240">
    <cfRule type="colorScale" priority="3719">
      <colorScale>
        <cfvo type="min"/>
        <cfvo type="percentile" val="50"/>
        <cfvo type="max"/>
        <color rgb="FFF8696B"/>
        <color rgb="FFFFEB84"/>
        <color rgb="FF63BE7B"/>
      </colorScale>
    </cfRule>
  </conditionalFormatting>
  <conditionalFormatting sqref="U241:U316">
    <cfRule type="containsText" dxfId="558" priority="4029" operator="containsText" text="Critical">
      <formula>NOT(ISERROR(SEARCH("Critical",U241)))</formula>
    </cfRule>
    <cfRule type="containsText" dxfId="557" priority="4028" operator="containsText" text="Desirable">
      <formula>NOT(ISERROR(SEARCH("Desirable",U241)))</formula>
    </cfRule>
    <cfRule type="colorScale" priority="4026">
      <colorScale>
        <cfvo type="min"/>
        <cfvo type="percentile" val="50"/>
        <cfvo type="max"/>
        <color rgb="FFF8696B"/>
        <color rgb="FFFFEB84"/>
        <color rgb="FF63BE7B"/>
      </colorScale>
    </cfRule>
    <cfRule type="containsText" dxfId="556" priority="4027" operator="containsText" text="Important">
      <formula>NOT(ISERROR(SEARCH("Important",U241)))</formula>
    </cfRule>
    <cfRule type="containsText" dxfId="555" priority="4030" operator="containsText" text="Essential">
      <formula>NOT(ISERROR(SEARCH("Essential",U241)))</formula>
    </cfRule>
  </conditionalFormatting>
  <conditionalFormatting sqref="U241:U531 U805:U1048576">
    <cfRule type="containsText" dxfId="554" priority="1157" operator="containsText" text="Essential">
      <formula>NOT(ISERROR(SEARCH("Essential",U241)))</formula>
    </cfRule>
    <cfRule type="containsText" dxfId="553" priority="1156" operator="containsText" text="Important">
      <formula>NOT(ISERROR(SEARCH("Important",U241)))</formula>
    </cfRule>
  </conditionalFormatting>
  <conditionalFormatting sqref="U318:U384">
    <cfRule type="containsText" dxfId="552" priority="1155" operator="containsText" text="Essential">
      <formula>NOT(ISERROR(SEARCH("Essential",U318)))</formula>
    </cfRule>
    <cfRule type="containsText" dxfId="551" priority="1154" operator="containsText" text="Critical">
      <formula>NOT(ISERROR(SEARCH("Critical",U318)))</formula>
    </cfRule>
    <cfRule type="containsText" dxfId="550" priority="1153" operator="containsText" text="Desirable">
      <formula>NOT(ISERROR(SEARCH("Desirable",U318)))</formula>
    </cfRule>
    <cfRule type="containsText" dxfId="549" priority="1152" operator="containsText" text="Important">
      <formula>NOT(ISERROR(SEARCH("Important",U318)))</formula>
    </cfRule>
    <cfRule type="containsText" priority="1158" operator="containsText" text="Important">
      <formula>NOT(ISERROR(SEARCH("Important",U318)))</formula>
    </cfRule>
    <cfRule type="colorScale" priority="1151">
      <colorScale>
        <cfvo type="min"/>
        <cfvo type="percentile" val="50"/>
        <cfvo type="max"/>
        <color rgb="FFF8696B"/>
        <color rgb="FFFFEB84"/>
        <color rgb="FF63BE7B"/>
      </colorScale>
    </cfRule>
  </conditionalFormatting>
  <conditionalFormatting sqref="W554:X554">
    <cfRule type="containsText" dxfId="548" priority="1116" operator="containsText" text="Essential">
      <formula>NOT(ISERROR(SEARCH("Essential",W554)))</formula>
    </cfRule>
    <cfRule type="containsText" dxfId="547" priority="1115" operator="containsText" text="Important">
      <formula>NOT(ISERROR(SEARCH("Important",W554)))</formula>
    </cfRule>
    <cfRule type="containsText" dxfId="546" priority="1114" operator="containsText" text="Critical - Local Plan">
      <formula>NOT(ISERROR(SEARCH("Critical - Local Plan",W554)))</formula>
    </cfRule>
    <cfRule type="containsText" priority="1113" operator="containsText" text="Critical - Delivery">
      <formula>NOT(ISERROR(SEARCH("Critical - Delivery",W554)))</formula>
    </cfRule>
  </conditionalFormatting>
  <conditionalFormatting sqref="Y605:Z605">
    <cfRule type="containsText" dxfId="545" priority="697" operator="containsText" text="Critical - Local Plan">
      <formula>NOT(ISERROR(SEARCH("Critical - Local Plan",Y605)))</formula>
    </cfRule>
    <cfRule type="containsText" dxfId="544" priority="698" operator="containsText" text="Important">
      <formula>NOT(ISERROR(SEARCH("Important",Y605)))</formula>
    </cfRule>
    <cfRule type="containsText" dxfId="543" priority="699" operator="containsText" text="Essential">
      <formula>NOT(ISERROR(SEARCH("Essential",Y605)))</formula>
    </cfRule>
    <cfRule type="containsText" priority="696" operator="containsText" text="Critical - Delivery">
      <formula>NOT(ISERROR(SEARCH("Critical - Delivery",Y605)))</formula>
    </cfRule>
  </conditionalFormatting>
  <conditionalFormatting sqref="Y611:Z611">
    <cfRule type="containsText" dxfId="542" priority="644" operator="containsText" text="Important">
      <formula>NOT(ISERROR(SEARCH("Important",Y611)))</formula>
    </cfRule>
    <cfRule type="containsText" dxfId="541" priority="645" operator="containsText" text="Essential">
      <formula>NOT(ISERROR(SEARCH("Essential",Y611)))</formula>
    </cfRule>
    <cfRule type="containsText" priority="642" operator="containsText" text="Critical - Delivery">
      <formula>NOT(ISERROR(SEARCH("Critical - Delivery",Y611)))</formula>
    </cfRule>
    <cfRule type="containsText" dxfId="540" priority="643" operator="containsText" text="Critical - Local Plan">
      <formula>NOT(ISERROR(SEARCH("Critical - Local Plan",Y611)))</formula>
    </cfRule>
  </conditionalFormatting>
  <conditionalFormatting sqref="Y641:Z641">
    <cfRule type="containsText" dxfId="539" priority="509" operator="containsText" text="Essential">
      <formula>NOT(ISERROR(SEARCH("Essential",Y641)))</formula>
    </cfRule>
    <cfRule type="containsText" dxfId="538" priority="508" operator="containsText" text="Important">
      <formula>NOT(ISERROR(SEARCH("Important",Y641)))</formula>
    </cfRule>
    <cfRule type="containsText" dxfId="537" priority="507" operator="containsText" text="Critical - Local Plan">
      <formula>NOT(ISERROR(SEARCH("Critical - Local Plan",Y641)))</formula>
    </cfRule>
    <cfRule type="containsText" priority="506" operator="containsText" text="Critical - Delivery">
      <formula>NOT(ISERROR(SEARCH("Critical - Delivery",Y641)))</formula>
    </cfRule>
  </conditionalFormatting>
  <conditionalFormatting sqref="Z546:Z553">
    <cfRule type="containsText" dxfId="536" priority="1123" operator="containsText" text="Critical">
      <formula>NOT(ISERROR(SEARCH("Critical",Z546)))</formula>
    </cfRule>
    <cfRule type="containsText" dxfId="535" priority="1122" operator="containsText" text="Desirable">
      <formula>NOT(ISERROR(SEARCH("Desirable",Z546)))</formula>
    </cfRule>
    <cfRule type="containsText" dxfId="534" priority="1121" operator="containsText" text="Important">
      <formula>NOT(ISERROR(SEARCH("Important",Z546)))</formula>
    </cfRule>
    <cfRule type="containsText" dxfId="533" priority="1119" operator="containsText" text="Important">
      <formula>NOT(ISERROR(SEARCH("Important",Z546)))</formula>
    </cfRule>
    <cfRule type="containsText" dxfId="532" priority="1118" operator="containsText" text="Critical - Local Plan">
      <formula>NOT(ISERROR(SEARCH("Critical - Local Plan",Z546)))</formula>
    </cfRule>
    <cfRule type="containsText" priority="1117" operator="containsText" text="Critical - Delivery">
      <formula>NOT(ISERROR(SEARCH("Critical - Delivery",Z546)))</formula>
    </cfRule>
    <cfRule type="containsText" dxfId="531" priority="1120" operator="containsText" text="Essential">
      <formula>NOT(ISERROR(SEARCH("Essential",Z546)))</formula>
    </cfRule>
    <cfRule type="containsText" priority="1125" operator="containsText" text="Important">
      <formula>NOT(ISERROR(SEARCH("Important",Z546)))</formula>
    </cfRule>
    <cfRule type="colorScale" priority="1126">
      <colorScale>
        <cfvo type="min"/>
        <cfvo type="percentile" val="50"/>
        <cfvo type="max"/>
        <color rgb="FFF8696B"/>
        <color rgb="FFFFEB84"/>
        <color rgb="FF63BE7B"/>
      </colorScale>
    </cfRule>
    <cfRule type="containsText" dxfId="530" priority="1124" operator="containsText" text="Essential">
      <formula>NOT(ISERROR(SEARCH("Essential",Z546)))</formula>
    </cfRule>
  </conditionalFormatting>
  <conditionalFormatting sqref="Z555:Z560">
    <cfRule type="containsText" dxfId="529" priority="1099" operator="containsText" text="Essential">
      <formula>NOT(ISERROR(SEARCH("Essential",Z555)))</formula>
    </cfRule>
    <cfRule type="containsText" dxfId="528" priority="1096" operator="containsText" text="Important">
      <formula>NOT(ISERROR(SEARCH("Important",Z555)))</formula>
    </cfRule>
  </conditionalFormatting>
  <conditionalFormatting sqref="Z555:Z561">
    <cfRule type="containsText" dxfId="527" priority="1082" operator="containsText" text="Critical - Local Plan">
      <formula>NOT(ISERROR(SEARCH("Critical - Local Plan",Z555)))</formula>
    </cfRule>
    <cfRule type="containsText" priority="1081" operator="containsText" text="Critical - Delivery">
      <formula>NOT(ISERROR(SEARCH("Critical - Delivery",Z555)))</formula>
    </cfRule>
  </conditionalFormatting>
  <conditionalFormatting sqref="Z559:Z560">
    <cfRule type="containsText" dxfId="526" priority="1098" operator="containsText" text="Critical">
      <formula>NOT(ISERROR(SEARCH("Critical",Z559)))</formula>
    </cfRule>
    <cfRule type="containsText" dxfId="525" priority="1097" operator="containsText" text="Desirable">
      <formula>NOT(ISERROR(SEARCH("Desirable",Z559)))</formula>
    </cfRule>
    <cfRule type="colorScale" priority="1095">
      <colorScale>
        <cfvo type="min"/>
        <cfvo type="percentile" val="50"/>
        <cfvo type="max"/>
        <color rgb="FFF8696B"/>
        <color rgb="FFFFEB84"/>
        <color rgb="FF63BE7B"/>
      </colorScale>
    </cfRule>
  </conditionalFormatting>
  <conditionalFormatting sqref="Z559:Z561">
    <cfRule type="containsText" dxfId="524" priority="1086" operator="containsText" text="Important">
      <formula>NOT(ISERROR(SEARCH("Important",Z559)))</formula>
    </cfRule>
    <cfRule type="containsText" priority="1090" operator="containsText" text="Important">
      <formula>NOT(ISERROR(SEARCH("Important",Z559)))</formula>
    </cfRule>
    <cfRule type="containsText" dxfId="523" priority="1089" operator="containsText" text="Essential">
      <formula>NOT(ISERROR(SEARCH("Essential",Z559)))</formula>
    </cfRule>
  </conditionalFormatting>
  <conditionalFormatting sqref="Z561">
    <cfRule type="containsText" dxfId="522" priority="1083" operator="containsText" text="Important">
      <formula>NOT(ISERROR(SEARCH("Important",Z561)))</formula>
    </cfRule>
    <cfRule type="containsText" dxfId="521" priority="1087" operator="containsText" text="Desirable">
      <formula>NOT(ISERROR(SEARCH("Desirable",Z561)))</formula>
    </cfRule>
    <cfRule type="colorScale" priority="1085">
      <colorScale>
        <cfvo type="min"/>
        <cfvo type="percentile" val="50"/>
        <cfvo type="max"/>
        <color rgb="FFF8696B"/>
        <color rgb="FFFFEB84"/>
        <color rgb="FF63BE7B"/>
      </colorScale>
    </cfRule>
    <cfRule type="containsText" dxfId="520" priority="1084" operator="containsText" text="Essential">
      <formula>NOT(ISERROR(SEARCH("Essential",Z561)))</formula>
    </cfRule>
    <cfRule type="containsText" dxfId="519" priority="1088" operator="containsText" text="Critical">
      <formula>NOT(ISERROR(SEARCH("Critical",Z561)))</formula>
    </cfRule>
  </conditionalFormatting>
  <conditionalFormatting sqref="Z762">
    <cfRule type="containsText" dxfId="518" priority="266" operator="containsText" text="Essential">
      <formula>NOT(ISERROR(SEARCH("Essential",Z762)))</formula>
    </cfRule>
    <cfRule type="containsText" dxfId="517" priority="265" operator="containsText" text="Important">
      <formula>NOT(ISERROR(SEARCH("Important",Z762)))</formula>
    </cfRule>
    <cfRule type="containsText" priority="263" operator="containsText" text="Critical - Delivery">
      <formula>NOT(ISERROR(SEARCH("Critical - Delivery",Z762)))</formula>
    </cfRule>
    <cfRule type="containsText" dxfId="516" priority="264" operator="containsText" text="Critical - Local Plan">
      <formula>NOT(ISERROR(SEARCH("Critical - Local Plan",Z762)))</formula>
    </cfRule>
  </conditionalFormatting>
  <conditionalFormatting sqref="Z562:AA563">
    <cfRule type="containsText" priority="1073" operator="containsText" text="Critical - Delivery">
      <formula>NOT(ISERROR(SEARCH("Critical - Delivery",Z562)))</formula>
    </cfRule>
    <cfRule type="containsText" dxfId="515" priority="1075" operator="containsText" text="Important">
      <formula>NOT(ISERROR(SEARCH("Important",Z562)))</formula>
    </cfRule>
    <cfRule type="containsText" dxfId="514" priority="1074" operator="containsText" text="Critical - Local Plan">
      <formula>NOT(ISERROR(SEARCH("Critical - Local Plan",Z562)))</formula>
    </cfRule>
    <cfRule type="containsText" dxfId="513" priority="1076" operator="containsText" text="Essential">
      <formula>NOT(ISERROR(SEARCH("Essential",Z562)))</formula>
    </cfRule>
  </conditionalFormatting>
  <conditionalFormatting sqref="Z610:AA610">
    <cfRule type="containsText" dxfId="512" priority="648" operator="containsText" text="Critical - Local Plan">
      <formula>NOT(ISERROR(SEARCH("Critical - Local Plan",Z610)))</formula>
    </cfRule>
    <cfRule type="containsText" dxfId="511" priority="649" operator="containsText" text="Important">
      <formula>NOT(ISERROR(SEARCH("Important",Z610)))</formula>
    </cfRule>
    <cfRule type="containsText" dxfId="510" priority="650" operator="containsText" text="Essential">
      <formula>NOT(ISERROR(SEARCH("Essential",Z610)))</formula>
    </cfRule>
    <cfRule type="containsText" dxfId="509" priority="652" operator="containsText" text="Critical">
      <formula>NOT(ISERROR(SEARCH("Critical",Z610)))</formula>
    </cfRule>
    <cfRule type="containsText" dxfId="508" priority="653" operator="containsText" text="Essential">
      <formula>NOT(ISERROR(SEARCH("Essential",Z610)))</formula>
    </cfRule>
    <cfRule type="colorScale" priority="654">
      <colorScale>
        <cfvo type="min"/>
        <cfvo type="percentile" val="50"/>
        <cfvo type="max"/>
        <color rgb="FFF8696B"/>
        <color rgb="FFFFEB84"/>
        <color rgb="FF63BE7B"/>
      </colorScale>
    </cfRule>
    <cfRule type="containsText" priority="646" operator="containsText" text="Important">
      <formula>NOT(ISERROR(SEARCH("Important",Z610)))</formula>
    </cfRule>
    <cfRule type="containsText" dxfId="507" priority="651" operator="containsText" text="Desirable">
      <formula>NOT(ISERROR(SEARCH("Desirable",Z610)))</formula>
    </cfRule>
    <cfRule type="containsText" priority="647" operator="containsText" text="Critical - Delivery">
      <formula>NOT(ISERROR(SEARCH("Critical - Delivery",Z610)))</formula>
    </cfRule>
  </conditionalFormatting>
  <conditionalFormatting sqref="AA564:AA565">
    <cfRule type="containsText" priority="1069" operator="containsText" text="Critical - Delivery">
      <formula>NOT(ISERROR(SEARCH("Critical - Delivery",AA564)))</formula>
    </cfRule>
    <cfRule type="containsText" dxfId="506" priority="1071" operator="containsText" text="Important">
      <formula>NOT(ISERROR(SEARCH("Important",AA564)))</formula>
    </cfRule>
    <cfRule type="containsText" dxfId="505" priority="1072" operator="containsText" text="Essential">
      <formula>NOT(ISERROR(SEARCH("Essential",AA564)))</formula>
    </cfRule>
    <cfRule type="containsText" dxfId="504" priority="1070" operator="containsText" text="Critical - Local Plan">
      <formula>NOT(ISERROR(SEARCH("Critical - Local Plan",AA564)))</formula>
    </cfRule>
  </conditionalFormatting>
  <conditionalFormatting sqref="AA568">
    <cfRule type="containsText" priority="1032" operator="containsText" text="Critical - Delivery">
      <formula>NOT(ISERROR(SEARCH("Critical - Delivery",AA568)))</formula>
    </cfRule>
    <cfRule type="containsText" dxfId="503" priority="1033" operator="containsText" text="Critical - Local Plan">
      <formula>NOT(ISERROR(SEARCH("Critical - Local Plan",AA568)))</formula>
    </cfRule>
    <cfRule type="containsText" dxfId="502" priority="1034" operator="containsText" text="Important">
      <formula>NOT(ISERROR(SEARCH("Important",AA568)))</formula>
    </cfRule>
    <cfRule type="containsText" dxfId="501" priority="1035" operator="containsText" text="Essential">
      <formula>NOT(ISERROR(SEARCH("Essential",AA568)))</formula>
    </cfRule>
  </conditionalFormatting>
  <conditionalFormatting sqref="AA570">
    <cfRule type="containsText" priority="1028" operator="containsText" text="Critical - Delivery">
      <formula>NOT(ISERROR(SEARCH("Critical - Delivery",AA570)))</formula>
    </cfRule>
    <cfRule type="containsText" dxfId="500" priority="1029" operator="containsText" text="Critical - Local Plan">
      <formula>NOT(ISERROR(SEARCH("Critical - Local Plan",AA570)))</formula>
    </cfRule>
    <cfRule type="containsText" dxfId="499" priority="1031" operator="containsText" text="Essential">
      <formula>NOT(ISERROR(SEARCH("Essential",AA570)))</formula>
    </cfRule>
    <cfRule type="containsText" dxfId="498" priority="1030" operator="containsText" text="Important">
      <formula>NOT(ISERROR(SEARCH("Important",AA570)))</formula>
    </cfRule>
  </conditionalFormatting>
  <conditionalFormatting sqref="AA572:AA573">
    <cfRule type="containsText" dxfId="497" priority="1008" operator="containsText" text="Essential">
      <formula>NOT(ISERROR(SEARCH("Essential",AA572)))</formula>
    </cfRule>
    <cfRule type="containsText" priority="1005" operator="containsText" text="Critical - Delivery">
      <formula>NOT(ISERROR(SEARCH("Critical - Delivery",AA572)))</formula>
    </cfRule>
    <cfRule type="containsText" dxfId="496" priority="1006" operator="containsText" text="Critical - Local Plan">
      <formula>NOT(ISERROR(SEARCH("Critical - Local Plan",AA572)))</formula>
    </cfRule>
    <cfRule type="containsText" dxfId="495" priority="1007" operator="containsText" text="Important">
      <formula>NOT(ISERROR(SEARCH("Important",AA572)))</formula>
    </cfRule>
  </conditionalFormatting>
  <conditionalFormatting sqref="AA765:AA767">
    <cfRule type="containsText" dxfId="494" priority="243" operator="containsText" text="Essential">
      <formula>NOT(ISERROR(SEARCH("Essential",AA765)))</formula>
    </cfRule>
    <cfRule type="containsText" dxfId="493" priority="242" operator="containsText" text="Important">
      <formula>NOT(ISERROR(SEARCH("Important",AA765)))</formula>
    </cfRule>
    <cfRule type="containsText" priority="240" operator="containsText" text="Critical - Delivery">
      <formula>NOT(ISERROR(SEARCH("Critical - Delivery",AA765)))</formula>
    </cfRule>
    <cfRule type="containsText" dxfId="492" priority="241" operator="containsText" text="Critical - Local Plan">
      <formula>NOT(ISERROR(SEARCH("Critical - Local Plan",AA765)))</formula>
    </cfRule>
  </conditionalFormatting>
  <conditionalFormatting sqref="AB532:AB542">
    <cfRule type="colorScale" priority="1148">
      <colorScale>
        <cfvo type="min"/>
        <cfvo type="percentile" val="50"/>
        <cfvo type="max"/>
        <color rgb="FFF8696B"/>
        <color rgb="FFFFEB84"/>
        <color rgb="FF63BE7B"/>
      </colorScale>
    </cfRule>
  </conditionalFormatting>
  <conditionalFormatting sqref="AB532:AB544 AB612:AC617">
    <cfRule type="containsText" dxfId="491" priority="1141" operator="containsText" text="Important">
      <formula>NOT(ISERROR(SEARCH("Important",AB532)))</formula>
    </cfRule>
    <cfRule type="containsText" dxfId="490" priority="1145" operator="containsText" text="Critical">
      <formula>NOT(ISERROR(SEARCH("Critical",AB532)))</formula>
    </cfRule>
    <cfRule type="containsText" dxfId="489" priority="1144" operator="containsText" text="Desirable">
      <formula>NOT(ISERROR(SEARCH("Desirable",AB532)))</formula>
    </cfRule>
    <cfRule type="containsText" dxfId="488" priority="1140" operator="containsText" text="Critical - Local Plan">
      <formula>NOT(ISERROR(SEARCH("Critical - Local Plan",AB532)))</formula>
    </cfRule>
    <cfRule type="containsText" dxfId="487" priority="1142" operator="containsText" text="Essential">
      <formula>NOT(ISERROR(SEARCH("Essential",AB532)))</formula>
    </cfRule>
  </conditionalFormatting>
  <conditionalFormatting sqref="AB532:AB544 AB612:AC631">
    <cfRule type="containsText" dxfId="486" priority="1146" operator="containsText" text="Essential">
      <formula>NOT(ISERROR(SEARCH("Essential",AB532)))</formula>
    </cfRule>
    <cfRule type="containsText" dxfId="485" priority="1143" operator="containsText" text="Important">
      <formula>NOT(ISERROR(SEARCH("Important",AB532)))</formula>
    </cfRule>
  </conditionalFormatting>
  <conditionalFormatting sqref="AB532:AB545 AB612:AC640">
    <cfRule type="containsText" priority="1127" operator="containsText" text="Critical - Delivery">
      <formula>NOT(ISERROR(SEARCH("Critical - Delivery",AB532)))</formula>
    </cfRule>
    <cfRule type="containsText" priority="1135" operator="containsText" text="Important">
      <formula>NOT(ISERROR(SEARCH("Important",AB532)))</formula>
    </cfRule>
  </conditionalFormatting>
  <conditionalFormatting sqref="AB543">
    <cfRule type="colorScale" priority="1138">
      <colorScale>
        <cfvo type="min"/>
        <cfvo type="percentile" val="50"/>
        <cfvo type="max"/>
        <color rgb="FFF8696B"/>
        <color rgb="FFFFEB84"/>
        <color rgb="FF63BE7B"/>
      </colorScale>
    </cfRule>
  </conditionalFormatting>
  <conditionalFormatting sqref="AB544">
    <cfRule type="colorScale" priority="1137">
      <colorScale>
        <cfvo type="min"/>
        <cfvo type="percentile" val="50"/>
        <cfvo type="max"/>
        <color rgb="FFF8696B"/>
        <color rgb="FFFFEB84"/>
        <color rgb="FF63BE7B"/>
      </colorScale>
    </cfRule>
  </conditionalFormatting>
  <conditionalFormatting sqref="AB545">
    <cfRule type="containsText" dxfId="484" priority="1130" operator="containsText" text="Essential">
      <formula>NOT(ISERROR(SEARCH("Essential",AB545)))</formula>
    </cfRule>
    <cfRule type="containsText" dxfId="483" priority="1128" operator="containsText" text="Critical - Local Plan">
      <formula>NOT(ISERROR(SEARCH("Critical - Local Plan",AB545)))</formula>
    </cfRule>
    <cfRule type="containsText" dxfId="482" priority="1129" operator="containsText" text="Important">
      <formula>NOT(ISERROR(SEARCH("Important",AB545)))</formula>
    </cfRule>
    <cfRule type="containsText" dxfId="481" priority="1131" operator="containsText" text="Important">
      <formula>NOT(ISERROR(SEARCH("Important",AB545)))</formula>
    </cfRule>
    <cfRule type="containsText" dxfId="480" priority="1132" operator="containsText" text="Desirable">
      <formula>NOT(ISERROR(SEARCH("Desirable",AB545)))</formula>
    </cfRule>
    <cfRule type="containsText" dxfId="479" priority="1133" operator="containsText" text="Critical">
      <formula>NOT(ISERROR(SEARCH("Critical",AB545)))</formula>
    </cfRule>
    <cfRule type="containsText" dxfId="478" priority="1134" operator="containsText" text="Essential">
      <formula>NOT(ISERROR(SEARCH("Essential",AB545)))</formula>
    </cfRule>
    <cfRule type="colorScale" priority="1136">
      <colorScale>
        <cfvo type="min"/>
        <cfvo type="percentile" val="50"/>
        <cfvo type="max"/>
        <color rgb="FFF8696B"/>
        <color rgb="FFFFEB84"/>
        <color rgb="FF63BE7B"/>
      </colorScale>
    </cfRule>
  </conditionalFormatting>
  <conditionalFormatting sqref="AB804">
    <cfRule type="containsText" dxfId="477" priority="3" operator="containsText" text="Essential">
      <formula>NOT(ISERROR(SEARCH("Essential",AB804)))</formula>
    </cfRule>
    <cfRule type="containsText" dxfId="476" priority="4" operator="containsText" text="Critical - Local Plan">
      <formula>NOT(ISERROR(SEARCH("Critical - Local Plan",AB804)))</formula>
    </cfRule>
    <cfRule type="containsText" dxfId="475" priority="2" operator="containsText" text="Important">
      <formula>NOT(ISERROR(SEARCH("Important",AB804)))</formula>
    </cfRule>
    <cfRule type="containsText" priority="1" operator="containsText" text="Critical - Delivery">
      <formula>NOT(ISERROR(SEARCH("Critical - Delivery",AB804)))</formula>
    </cfRule>
  </conditionalFormatting>
  <conditionalFormatting sqref="AB577:AC577">
    <cfRule type="containsText" dxfId="474" priority="990" operator="containsText" text="Critical">
      <formula>NOT(ISERROR(SEARCH("Critical",AB577)))</formula>
    </cfRule>
    <cfRule type="containsText" dxfId="473" priority="989" operator="containsText" text="Desirable">
      <formula>NOT(ISERROR(SEARCH("Desirable",AB577)))</formula>
    </cfRule>
    <cfRule type="containsText" dxfId="472" priority="991" operator="containsText" text="Essential">
      <formula>NOT(ISERROR(SEARCH("Essential",AB577)))</formula>
    </cfRule>
    <cfRule type="containsText" dxfId="471" priority="988" operator="containsText" text="Important">
      <formula>NOT(ISERROR(SEARCH("Important",AB577)))</formula>
    </cfRule>
    <cfRule type="colorScale" priority="992">
      <colorScale>
        <cfvo type="min"/>
        <cfvo type="percentile" val="50"/>
        <cfvo type="max"/>
        <color rgb="FFF8696B"/>
        <color rgb="FFFFEB84"/>
        <color rgb="FF63BE7B"/>
      </colorScale>
    </cfRule>
  </conditionalFormatting>
  <conditionalFormatting sqref="AB577:AC578">
    <cfRule type="containsText" dxfId="470" priority="978" operator="containsText" text="Important">
      <formula>NOT(ISERROR(SEARCH("Important",AB577)))</formula>
    </cfRule>
    <cfRule type="containsText" dxfId="469" priority="981" operator="containsText" text="Essential">
      <formula>NOT(ISERROR(SEARCH("Essential",AB577)))</formula>
    </cfRule>
  </conditionalFormatting>
  <conditionalFormatting sqref="AB577:AC604">
    <cfRule type="containsText" priority="701" operator="containsText" text="Critical - Delivery">
      <formula>NOT(ISERROR(SEARCH("Critical - Delivery",AB577)))</formula>
    </cfRule>
    <cfRule type="containsText" dxfId="468" priority="702" operator="containsText" text="Critical - Local Plan">
      <formula>NOT(ISERROR(SEARCH("Critical - Local Plan",AB577)))</formula>
    </cfRule>
    <cfRule type="containsText" priority="700" operator="containsText" text="Important">
      <formula>NOT(ISERROR(SEARCH("Important",AB577)))</formula>
    </cfRule>
  </conditionalFormatting>
  <conditionalFormatting sqref="AB578:AC578">
    <cfRule type="colorScale" priority="982">
      <colorScale>
        <cfvo type="min"/>
        <cfvo type="percentile" val="50"/>
        <cfvo type="max"/>
        <color rgb="FFF8696B"/>
        <color rgb="FFFFEB84"/>
        <color rgb="FF63BE7B"/>
      </colorScale>
    </cfRule>
    <cfRule type="containsText" dxfId="467" priority="979" operator="containsText" text="Desirable">
      <formula>NOT(ISERROR(SEARCH("Desirable",AB578)))</formula>
    </cfRule>
    <cfRule type="containsText" dxfId="466" priority="980" operator="containsText" text="Critical">
      <formula>NOT(ISERROR(SEARCH("Critical",AB578)))</formula>
    </cfRule>
  </conditionalFormatting>
  <conditionalFormatting sqref="AB578:AC579">
    <cfRule type="containsText" dxfId="465" priority="968" operator="containsText" text="Important">
      <formula>NOT(ISERROR(SEARCH("Important",AB578)))</formula>
    </cfRule>
    <cfRule type="containsText" dxfId="464" priority="971" operator="containsText" text="Essential">
      <formula>NOT(ISERROR(SEARCH("Essential",AB578)))</formula>
    </cfRule>
  </conditionalFormatting>
  <conditionalFormatting sqref="AB579:AC579">
    <cfRule type="containsText" dxfId="463" priority="969" operator="containsText" text="Desirable">
      <formula>NOT(ISERROR(SEARCH("Desirable",AB579)))</formula>
    </cfRule>
    <cfRule type="containsText" dxfId="462" priority="970" operator="containsText" text="Critical">
      <formula>NOT(ISERROR(SEARCH("Critical",AB579)))</formula>
    </cfRule>
    <cfRule type="colorScale" priority="972">
      <colorScale>
        <cfvo type="min"/>
        <cfvo type="percentile" val="50"/>
        <cfvo type="max"/>
        <color rgb="FFF8696B"/>
        <color rgb="FFFFEB84"/>
        <color rgb="FF63BE7B"/>
      </colorScale>
    </cfRule>
  </conditionalFormatting>
  <conditionalFormatting sqref="AB579:AC580">
    <cfRule type="containsText" dxfId="461" priority="958" operator="containsText" text="Important">
      <formula>NOT(ISERROR(SEARCH("Important",AB579)))</formula>
    </cfRule>
    <cfRule type="containsText" dxfId="460" priority="961" operator="containsText" text="Essential">
      <formula>NOT(ISERROR(SEARCH("Essential",AB579)))</formula>
    </cfRule>
  </conditionalFormatting>
  <conditionalFormatting sqref="AB580:AC580">
    <cfRule type="containsText" dxfId="459" priority="960" operator="containsText" text="Critical">
      <formula>NOT(ISERROR(SEARCH("Critical",AB580)))</formula>
    </cfRule>
    <cfRule type="colorScale" priority="962">
      <colorScale>
        <cfvo type="min"/>
        <cfvo type="percentile" val="50"/>
        <cfvo type="max"/>
        <color rgb="FFF8696B"/>
        <color rgb="FFFFEB84"/>
        <color rgb="FF63BE7B"/>
      </colorScale>
    </cfRule>
    <cfRule type="containsText" dxfId="458" priority="959" operator="containsText" text="Desirable">
      <formula>NOT(ISERROR(SEARCH("Desirable",AB580)))</formula>
    </cfRule>
  </conditionalFormatting>
  <conditionalFormatting sqref="AB580:AC581">
    <cfRule type="containsText" dxfId="457" priority="948" operator="containsText" text="Important">
      <formula>NOT(ISERROR(SEARCH("Important",AB580)))</formula>
    </cfRule>
    <cfRule type="containsText" dxfId="456" priority="951" operator="containsText" text="Essential">
      <formula>NOT(ISERROR(SEARCH("Essential",AB580)))</formula>
    </cfRule>
  </conditionalFormatting>
  <conditionalFormatting sqref="AB581:AC581">
    <cfRule type="containsText" dxfId="455" priority="949" operator="containsText" text="Desirable">
      <formula>NOT(ISERROR(SEARCH("Desirable",AB581)))</formula>
    </cfRule>
    <cfRule type="colorScale" priority="952">
      <colorScale>
        <cfvo type="min"/>
        <cfvo type="percentile" val="50"/>
        <cfvo type="max"/>
        <color rgb="FFF8696B"/>
        <color rgb="FFFFEB84"/>
        <color rgb="FF63BE7B"/>
      </colorScale>
    </cfRule>
    <cfRule type="containsText" dxfId="454" priority="950" operator="containsText" text="Critical">
      <formula>NOT(ISERROR(SEARCH("Critical",AB581)))</formula>
    </cfRule>
  </conditionalFormatting>
  <conditionalFormatting sqref="AB581:AC582">
    <cfRule type="containsText" dxfId="453" priority="941" operator="containsText" text="Essential">
      <formula>NOT(ISERROR(SEARCH("Essential",AB581)))</formula>
    </cfRule>
    <cfRule type="containsText" dxfId="452" priority="938" operator="containsText" text="Important">
      <formula>NOT(ISERROR(SEARCH("Important",AB581)))</formula>
    </cfRule>
  </conditionalFormatting>
  <conditionalFormatting sqref="AB582:AC582">
    <cfRule type="colorScale" priority="942">
      <colorScale>
        <cfvo type="min"/>
        <cfvo type="percentile" val="50"/>
        <cfvo type="max"/>
        <color rgb="FFF8696B"/>
        <color rgb="FFFFEB84"/>
        <color rgb="FF63BE7B"/>
      </colorScale>
    </cfRule>
    <cfRule type="containsText" dxfId="451" priority="940" operator="containsText" text="Critical">
      <formula>NOT(ISERROR(SEARCH("Critical",AB582)))</formula>
    </cfRule>
    <cfRule type="containsText" dxfId="450" priority="939" operator="containsText" text="Desirable">
      <formula>NOT(ISERROR(SEARCH("Desirable",AB582)))</formula>
    </cfRule>
  </conditionalFormatting>
  <conditionalFormatting sqref="AB582:AC583">
    <cfRule type="containsText" dxfId="449" priority="931" operator="containsText" text="Essential">
      <formula>NOT(ISERROR(SEARCH("Essential",AB582)))</formula>
    </cfRule>
    <cfRule type="containsText" dxfId="448" priority="928" operator="containsText" text="Important">
      <formula>NOT(ISERROR(SEARCH("Important",AB582)))</formula>
    </cfRule>
  </conditionalFormatting>
  <conditionalFormatting sqref="AB583:AC583">
    <cfRule type="colorScale" priority="932">
      <colorScale>
        <cfvo type="min"/>
        <cfvo type="percentile" val="50"/>
        <cfvo type="max"/>
        <color rgb="FFF8696B"/>
        <color rgb="FFFFEB84"/>
        <color rgb="FF63BE7B"/>
      </colorScale>
    </cfRule>
    <cfRule type="containsText" dxfId="447" priority="930" operator="containsText" text="Critical">
      <formula>NOT(ISERROR(SEARCH("Critical",AB583)))</formula>
    </cfRule>
    <cfRule type="containsText" dxfId="446" priority="929" operator="containsText" text="Desirable">
      <formula>NOT(ISERROR(SEARCH("Desirable",AB583)))</formula>
    </cfRule>
  </conditionalFormatting>
  <conditionalFormatting sqref="AB583:AC584">
    <cfRule type="containsText" dxfId="445" priority="918" operator="containsText" text="Important">
      <formula>NOT(ISERROR(SEARCH("Important",AB583)))</formula>
    </cfRule>
    <cfRule type="containsText" dxfId="444" priority="921" operator="containsText" text="Essential">
      <formula>NOT(ISERROR(SEARCH("Essential",AB583)))</formula>
    </cfRule>
  </conditionalFormatting>
  <conditionalFormatting sqref="AB584:AC584">
    <cfRule type="colorScale" priority="922">
      <colorScale>
        <cfvo type="min"/>
        <cfvo type="percentile" val="50"/>
        <cfvo type="max"/>
        <color rgb="FFF8696B"/>
        <color rgb="FFFFEB84"/>
        <color rgb="FF63BE7B"/>
      </colorScale>
    </cfRule>
    <cfRule type="containsText" dxfId="443" priority="920" operator="containsText" text="Critical">
      <formula>NOT(ISERROR(SEARCH("Critical",AB584)))</formula>
    </cfRule>
    <cfRule type="containsText" dxfId="442" priority="919" operator="containsText" text="Desirable">
      <formula>NOT(ISERROR(SEARCH("Desirable",AB584)))</formula>
    </cfRule>
  </conditionalFormatting>
  <conditionalFormatting sqref="AB584:AC585">
    <cfRule type="containsText" dxfId="441" priority="911" operator="containsText" text="Essential">
      <formula>NOT(ISERROR(SEARCH("Essential",AB584)))</formula>
    </cfRule>
    <cfRule type="containsText" dxfId="440" priority="908" operator="containsText" text="Important">
      <formula>NOT(ISERROR(SEARCH("Important",AB584)))</formula>
    </cfRule>
  </conditionalFormatting>
  <conditionalFormatting sqref="AB585:AC585">
    <cfRule type="colorScale" priority="912">
      <colorScale>
        <cfvo type="min"/>
        <cfvo type="percentile" val="50"/>
        <cfvo type="max"/>
        <color rgb="FFF8696B"/>
        <color rgb="FFFFEB84"/>
        <color rgb="FF63BE7B"/>
      </colorScale>
    </cfRule>
    <cfRule type="containsText" dxfId="439" priority="910" operator="containsText" text="Critical">
      <formula>NOT(ISERROR(SEARCH("Critical",AB585)))</formula>
    </cfRule>
    <cfRule type="containsText" dxfId="438" priority="909" operator="containsText" text="Desirable">
      <formula>NOT(ISERROR(SEARCH("Desirable",AB585)))</formula>
    </cfRule>
  </conditionalFormatting>
  <conditionalFormatting sqref="AB585:AC586">
    <cfRule type="containsText" dxfId="437" priority="898" operator="containsText" text="Important">
      <formula>NOT(ISERROR(SEARCH("Important",AB585)))</formula>
    </cfRule>
    <cfRule type="containsText" dxfId="436" priority="901" operator="containsText" text="Essential">
      <formula>NOT(ISERROR(SEARCH("Essential",AB585)))</formula>
    </cfRule>
  </conditionalFormatting>
  <conditionalFormatting sqref="AB586:AC586">
    <cfRule type="colorScale" priority="902">
      <colorScale>
        <cfvo type="min"/>
        <cfvo type="percentile" val="50"/>
        <cfvo type="max"/>
        <color rgb="FFF8696B"/>
        <color rgb="FFFFEB84"/>
        <color rgb="FF63BE7B"/>
      </colorScale>
    </cfRule>
    <cfRule type="containsText" dxfId="435" priority="900" operator="containsText" text="Critical">
      <formula>NOT(ISERROR(SEARCH("Critical",AB586)))</formula>
    </cfRule>
    <cfRule type="containsText" dxfId="434" priority="899" operator="containsText" text="Desirable">
      <formula>NOT(ISERROR(SEARCH("Desirable",AB586)))</formula>
    </cfRule>
  </conditionalFormatting>
  <conditionalFormatting sqref="AB586:AC587">
    <cfRule type="containsText" dxfId="433" priority="891" operator="containsText" text="Essential">
      <formula>NOT(ISERROR(SEARCH("Essential",AB586)))</formula>
    </cfRule>
    <cfRule type="containsText" dxfId="432" priority="888" operator="containsText" text="Important">
      <formula>NOT(ISERROR(SEARCH("Important",AB586)))</formula>
    </cfRule>
  </conditionalFormatting>
  <conditionalFormatting sqref="AB587:AC587">
    <cfRule type="colorScale" priority="892">
      <colorScale>
        <cfvo type="min"/>
        <cfvo type="percentile" val="50"/>
        <cfvo type="max"/>
        <color rgb="FFF8696B"/>
        <color rgb="FFFFEB84"/>
        <color rgb="FF63BE7B"/>
      </colorScale>
    </cfRule>
    <cfRule type="containsText" dxfId="431" priority="890" operator="containsText" text="Critical">
      <formula>NOT(ISERROR(SEARCH("Critical",AB587)))</formula>
    </cfRule>
    <cfRule type="containsText" dxfId="430" priority="889" operator="containsText" text="Desirable">
      <formula>NOT(ISERROR(SEARCH("Desirable",AB587)))</formula>
    </cfRule>
  </conditionalFormatting>
  <conditionalFormatting sqref="AB587:AC588">
    <cfRule type="containsText" dxfId="429" priority="881" operator="containsText" text="Essential">
      <formula>NOT(ISERROR(SEARCH("Essential",AB587)))</formula>
    </cfRule>
    <cfRule type="containsText" dxfId="428" priority="878" operator="containsText" text="Important">
      <formula>NOT(ISERROR(SEARCH("Important",AB587)))</formula>
    </cfRule>
  </conditionalFormatting>
  <conditionalFormatting sqref="AB588:AC588">
    <cfRule type="colorScale" priority="882">
      <colorScale>
        <cfvo type="min"/>
        <cfvo type="percentile" val="50"/>
        <cfvo type="max"/>
        <color rgb="FFF8696B"/>
        <color rgb="FFFFEB84"/>
        <color rgb="FF63BE7B"/>
      </colorScale>
    </cfRule>
    <cfRule type="containsText" dxfId="427" priority="880" operator="containsText" text="Critical">
      <formula>NOT(ISERROR(SEARCH("Critical",AB588)))</formula>
    </cfRule>
    <cfRule type="containsText" dxfId="426" priority="879" operator="containsText" text="Desirable">
      <formula>NOT(ISERROR(SEARCH("Desirable",AB588)))</formula>
    </cfRule>
  </conditionalFormatting>
  <conditionalFormatting sqref="AB588:AC589">
    <cfRule type="containsText" dxfId="425" priority="871" operator="containsText" text="Essential">
      <formula>NOT(ISERROR(SEARCH("Essential",AB588)))</formula>
    </cfRule>
    <cfRule type="containsText" dxfId="424" priority="868" operator="containsText" text="Important">
      <formula>NOT(ISERROR(SEARCH("Important",AB588)))</formula>
    </cfRule>
  </conditionalFormatting>
  <conditionalFormatting sqref="AB589:AC589">
    <cfRule type="colorScale" priority="872">
      <colorScale>
        <cfvo type="min"/>
        <cfvo type="percentile" val="50"/>
        <cfvo type="max"/>
        <color rgb="FFF8696B"/>
        <color rgb="FFFFEB84"/>
        <color rgb="FF63BE7B"/>
      </colorScale>
    </cfRule>
    <cfRule type="containsText" dxfId="423" priority="870" operator="containsText" text="Critical">
      <formula>NOT(ISERROR(SEARCH("Critical",AB589)))</formula>
    </cfRule>
    <cfRule type="containsText" dxfId="422" priority="869" operator="containsText" text="Desirable">
      <formula>NOT(ISERROR(SEARCH("Desirable",AB589)))</formula>
    </cfRule>
  </conditionalFormatting>
  <conditionalFormatting sqref="AB589:AC590">
    <cfRule type="containsText" dxfId="421" priority="861" operator="containsText" text="Essential">
      <formula>NOT(ISERROR(SEARCH("Essential",AB589)))</formula>
    </cfRule>
    <cfRule type="containsText" dxfId="420" priority="858" operator="containsText" text="Important">
      <formula>NOT(ISERROR(SEARCH("Important",AB589)))</formula>
    </cfRule>
  </conditionalFormatting>
  <conditionalFormatting sqref="AB590:AC590">
    <cfRule type="colorScale" priority="862">
      <colorScale>
        <cfvo type="min"/>
        <cfvo type="percentile" val="50"/>
        <cfvo type="max"/>
        <color rgb="FFF8696B"/>
        <color rgb="FFFFEB84"/>
        <color rgb="FF63BE7B"/>
      </colorScale>
    </cfRule>
    <cfRule type="containsText" dxfId="419" priority="860" operator="containsText" text="Critical">
      <formula>NOT(ISERROR(SEARCH("Critical",AB590)))</formula>
    </cfRule>
    <cfRule type="containsText" dxfId="418" priority="859" operator="containsText" text="Desirable">
      <formula>NOT(ISERROR(SEARCH("Desirable",AB590)))</formula>
    </cfRule>
  </conditionalFormatting>
  <conditionalFormatting sqref="AB590:AC591">
    <cfRule type="containsText" dxfId="417" priority="848" operator="containsText" text="Important">
      <formula>NOT(ISERROR(SEARCH("Important",AB590)))</formula>
    </cfRule>
    <cfRule type="containsText" dxfId="416" priority="851" operator="containsText" text="Essential">
      <formula>NOT(ISERROR(SEARCH("Essential",AB590)))</formula>
    </cfRule>
  </conditionalFormatting>
  <conditionalFormatting sqref="AB591:AC591">
    <cfRule type="containsText" dxfId="415" priority="849" operator="containsText" text="Desirable">
      <formula>NOT(ISERROR(SEARCH("Desirable",AB591)))</formula>
    </cfRule>
    <cfRule type="colorScale" priority="852">
      <colorScale>
        <cfvo type="min"/>
        <cfvo type="percentile" val="50"/>
        <cfvo type="max"/>
        <color rgb="FFF8696B"/>
        <color rgb="FFFFEB84"/>
        <color rgb="FF63BE7B"/>
      </colorScale>
    </cfRule>
    <cfRule type="containsText" dxfId="414" priority="850" operator="containsText" text="Critical">
      <formula>NOT(ISERROR(SEARCH("Critical",AB591)))</formula>
    </cfRule>
  </conditionalFormatting>
  <conditionalFormatting sqref="AB591:AC592">
    <cfRule type="containsText" dxfId="413" priority="840" operator="containsText" text="Essential">
      <formula>NOT(ISERROR(SEARCH("Essential",AB591)))</formula>
    </cfRule>
    <cfRule type="containsText" dxfId="412" priority="837" operator="containsText" text="Important">
      <formula>NOT(ISERROR(SEARCH("Important",AB591)))</formula>
    </cfRule>
  </conditionalFormatting>
  <conditionalFormatting sqref="AB592:AC592">
    <cfRule type="colorScale" priority="842">
      <colorScale>
        <cfvo type="min"/>
        <cfvo type="percentile" val="50"/>
        <cfvo type="max"/>
        <color rgb="FFF8696B"/>
        <color rgb="FFFFEB84"/>
        <color rgb="FF63BE7B"/>
      </colorScale>
    </cfRule>
    <cfRule type="colorScale" priority="841">
      <colorScale>
        <cfvo type="min"/>
        <cfvo type="percentile" val="50"/>
        <cfvo type="max"/>
        <color rgb="FFF8696B"/>
        <color rgb="FFFFEB84"/>
        <color rgb="FF63BE7B"/>
      </colorScale>
    </cfRule>
    <cfRule type="containsText" dxfId="411" priority="839" operator="containsText" text="Critical">
      <formula>NOT(ISERROR(SEARCH("Critical",AB592)))</formula>
    </cfRule>
    <cfRule type="containsText" dxfId="410" priority="838" operator="containsText" text="Desirable">
      <formula>NOT(ISERROR(SEARCH("Desirable",AB592)))</formula>
    </cfRule>
  </conditionalFormatting>
  <conditionalFormatting sqref="AB592:AC593">
    <cfRule type="containsText" dxfId="409" priority="829" operator="containsText" text="Essential">
      <formula>NOT(ISERROR(SEARCH("Essential",AB592)))</formula>
    </cfRule>
    <cfRule type="containsText" dxfId="408" priority="826" operator="containsText" text="Important">
      <formula>NOT(ISERROR(SEARCH("Important",AB592)))</formula>
    </cfRule>
  </conditionalFormatting>
  <conditionalFormatting sqref="AB593:AC593">
    <cfRule type="colorScale" priority="831">
      <colorScale>
        <cfvo type="min"/>
        <cfvo type="percentile" val="50"/>
        <cfvo type="max"/>
        <color rgb="FFF8696B"/>
        <color rgb="FFFFEB84"/>
        <color rgb="FF63BE7B"/>
      </colorScale>
    </cfRule>
    <cfRule type="containsText" dxfId="407" priority="827" operator="containsText" text="Desirable">
      <formula>NOT(ISERROR(SEARCH("Desirable",AB593)))</formula>
    </cfRule>
    <cfRule type="containsText" dxfId="406" priority="828" operator="containsText" text="Critical">
      <formula>NOT(ISERROR(SEARCH("Critical",AB593)))</formula>
    </cfRule>
    <cfRule type="colorScale" priority="830">
      <colorScale>
        <cfvo type="min"/>
        <cfvo type="percentile" val="50"/>
        <cfvo type="max"/>
        <color rgb="FFF8696B"/>
        <color rgb="FFFFEB84"/>
        <color rgb="FF63BE7B"/>
      </colorScale>
    </cfRule>
  </conditionalFormatting>
  <conditionalFormatting sqref="AB593:AC594">
    <cfRule type="containsText" dxfId="405" priority="818" operator="containsText" text="Essential">
      <formula>NOT(ISERROR(SEARCH("Essential",AB593)))</formula>
    </cfRule>
    <cfRule type="containsText" dxfId="404" priority="815" operator="containsText" text="Important">
      <formula>NOT(ISERROR(SEARCH("Important",AB593)))</formula>
    </cfRule>
  </conditionalFormatting>
  <conditionalFormatting sqref="AB594:AC594">
    <cfRule type="containsText" dxfId="403" priority="817" operator="containsText" text="Critical">
      <formula>NOT(ISERROR(SEARCH("Critical",AB594)))</formula>
    </cfRule>
    <cfRule type="colorScale" priority="820">
      <colorScale>
        <cfvo type="min"/>
        <cfvo type="percentile" val="50"/>
        <cfvo type="max"/>
        <color rgb="FFF8696B"/>
        <color rgb="FFFFEB84"/>
        <color rgb="FF63BE7B"/>
      </colorScale>
    </cfRule>
    <cfRule type="colorScale" priority="819">
      <colorScale>
        <cfvo type="min"/>
        <cfvo type="percentile" val="50"/>
        <cfvo type="max"/>
        <color rgb="FFF8696B"/>
        <color rgb="FFFFEB84"/>
        <color rgb="FF63BE7B"/>
      </colorScale>
    </cfRule>
    <cfRule type="containsText" dxfId="402" priority="816" operator="containsText" text="Desirable">
      <formula>NOT(ISERROR(SEARCH("Desirable",AB594)))</formula>
    </cfRule>
  </conditionalFormatting>
  <conditionalFormatting sqref="AB594:AC595">
    <cfRule type="containsText" dxfId="401" priority="807" operator="containsText" text="Essential">
      <formula>NOT(ISERROR(SEARCH("Essential",AB594)))</formula>
    </cfRule>
    <cfRule type="containsText" dxfId="400" priority="804" operator="containsText" text="Important">
      <formula>NOT(ISERROR(SEARCH("Important",AB594)))</formula>
    </cfRule>
  </conditionalFormatting>
  <conditionalFormatting sqref="AB595:AC595">
    <cfRule type="colorScale" priority="809">
      <colorScale>
        <cfvo type="min"/>
        <cfvo type="percentile" val="50"/>
        <cfvo type="max"/>
        <color rgb="FFF8696B"/>
        <color rgb="FFFFEB84"/>
        <color rgb="FF63BE7B"/>
      </colorScale>
    </cfRule>
    <cfRule type="colorScale" priority="808">
      <colorScale>
        <cfvo type="min"/>
        <cfvo type="percentile" val="50"/>
        <cfvo type="max"/>
        <color rgb="FFF8696B"/>
        <color rgb="FFFFEB84"/>
        <color rgb="FF63BE7B"/>
      </colorScale>
    </cfRule>
    <cfRule type="containsText" dxfId="399" priority="806" operator="containsText" text="Critical">
      <formula>NOT(ISERROR(SEARCH("Critical",AB595)))</formula>
    </cfRule>
    <cfRule type="containsText" dxfId="398" priority="805" operator="containsText" text="Desirable">
      <formula>NOT(ISERROR(SEARCH("Desirable",AB595)))</formula>
    </cfRule>
  </conditionalFormatting>
  <conditionalFormatting sqref="AB595:AC596">
    <cfRule type="containsText" dxfId="397" priority="796" operator="containsText" text="Essential">
      <formula>NOT(ISERROR(SEARCH("Essential",AB595)))</formula>
    </cfRule>
    <cfRule type="containsText" dxfId="396" priority="793" operator="containsText" text="Important">
      <formula>NOT(ISERROR(SEARCH("Important",AB595)))</formula>
    </cfRule>
  </conditionalFormatting>
  <conditionalFormatting sqref="AB596:AC596">
    <cfRule type="colorScale" priority="797">
      <colorScale>
        <cfvo type="min"/>
        <cfvo type="percentile" val="50"/>
        <cfvo type="max"/>
        <color rgb="FFF8696B"/>
        <color rgb="FFFFEB84"/>
        <color rgb="FF63BE7B"/>
      </colorScale>
    </cfRule>
    <cfRule type="containsText" dxfId="395" priority="795" operator="containsText" text="Critical">
      <formula>NOT(ISERROR(SEARCH("Critical",AB596)))</formula>
    </cfRule>
    <cfRule type="containsText" dxfId="394" priority="794" operator="containsText" text="Desirable">
      <formula>NOT(ISERROR(SEARCH("Desirable",AB596)))</formula>
    </cfRule>
    <cfRule type="colorScale" priority="798">
      <colorScale>
        <cfvo type="min"/>
        <cfvo type="percentile" val="50"/>
        <cfvo type="max"/>
        <color rgb="FFF8696B"/>
        <color rgb="FFFFEB84"/>
        <color rgb="FF63BE7B"/>
      </colorScale>
    </cfRule>
  </conditionalFormatting>
  <conditionalFormatting sqref="AB596:AC597">
    <cfRule type="containsText" dxfId="393" priority="785" operator="containsText" text="Essential">
      <formula>NOT(ISERROR(SEARCH("Essential",AB596)))</formula>
    </cfRule>
    <cfRule type="containsText" dxfId="392" priority="782" operator="containsText" text="Important">
      <formula>NOT(ISERROR(SEARCH("Important",AB596)))</formula>
    </cfRule>
  </conditionalFormatting>
  <conditionalFormatting sqref="AB597:AC597">
    <cfRule type="colorScale" priority="787">
      <colorScale>
        <cfvo type="min"/>
        <cfvo type="percentile" val="50"/>
        <cfvo type="max"/>
        <color rgb="FFF8696B"/>
        <color rgb="FFFFEB84"/>
        <color rgb="FF63BE7B"/>
      </colorScale>
    </cfRule>
    <cfRule type="colorScale" priority="786">
      <colorScale>
        <cfvo type="min"/>
        <cfvo type="percentile" val="50"/>
        <cfvo type="max"/>
        <color rgb="FFF8696B"/>
        <color rgb="FFFFEB84"/>
        <color rgb="FF63BE7B"/>
      </colorScale>
    </cfRule>
    <cfRule type="containsText" dxfId="391" priority="784" operator="containsText" text="Critical">
      <formula>NOT(ISERROR(SEARCH("Critical",AB597)))</formula>
    </cfRule>
    <cfRule type="containsText" dxfId="390" priority="783" operator="containsText" text="Desirable">
      <formula>NOT(ISERROR(SEARCH("Desirable",AB597)))</formula>
    </cfRule>
  </conditionalFormatting>
  <conditionalFormatting sqref="AB597:AC598">
    <cfRule type="containsText" dxfId="389" priority="774" operator="containsText" text="Essential">
      <formula>NOT(ISERROR(SEARCH("Essential",AB597)))</formula>
    </cfRule>
    <cfRule type="containsText" dxfId="388" priority="771" operator="containsText" text="Important">
      <formula>NOT(ISERROR(SEARCH("Important",AB597)))</formula>
    </cfRule>
  </conditionalFormatting>
  <conditionalFormatting sqref="AB598:AC598">
    <cfRule type="colorScale" priority="776">
      <colorScale>
        <cfvo type="min"/>
        <cfvo type="percentile" val="50"/>
        <cfvo type="max"/>
        <color rgb="FFF8696B"/>
        <color rgb="FFFFEB84"/>
        <color rgb="FF63BE7B"/>
      </colorScale>
    </cfRule>
    <cfRule type="colorScale" priority="775">
      <colorScale>
        <cfvo type="min"/>
        <cfvo type="percentile" val="50"/>
        <cfvo type="max"/>
        <color rgb="FFF8696B"/>
        <color rgb="FFFFEB84"/>
        <color rgb="FF63BE7B"/>
      </colorScale>
    </cfRule>
    <cfRule type="containsText" dxfId="387" priority="773" operator="containsText" text="Critical">
      <formula>NOT(ISERROR(SEARCH("Critical",AB598)))</formula>
    </cfRule>
    <cfRule type="containsText" dxfId="386" priority="772" operator="containsText" text="Desirable">
      <formula>NOT(ISERROR(SEARCH("Desirable",AB598)))</formula>
    </cfRule>
  </conditionalFormatting>
  <conditionalFormatting sqref="AB598:AC599">
    <cfRule type="containsText" dxfId="385" priority="763" operator="containsText" text="Essential">
      <formula>NOT(ISERROR(SEARCH("Essential",AB598)))</formula>
    </cfRule>
    <cfRule type="containsText" dxfId="384" priority="760" operator="containsText" text="Important">
      <formula>NOT(ISERROR(SEARCH("Important",AB598)))</formula>
    </cfRule>
  </conditionalFormatting>
  <conditionalFormatting sqref="AB599:AC599">
    <cfRule type="colorScale" priority="765">
      <colorScale>
        <cfvo type="min"/>
        <cfvo type="percentile" val="50"/>
        <cfvo type="max"/>
        <color rgb="FFF8696B"/>
        <color rgb="FFFFEB84"/>
        <color rgb="FF63BE7B"/>
      </colorScale>
    </cfRule>
    <cfRule type="colorScale" priority="764">
      <colorScale>
        <cfvo type="min"/>
        <cfvo type="percentile" val="50"/>
        <cfvo type="max"/>
        <color rgb="FFF8696B"/>
        <color rgb="FFFFEB84"/>
        <color rgb="FF63BE7B"/>
      </colorScale>
    </cfRule>
    <cfRule type="containsText" dxfId="383" priority="762" operator="containsText" text="Critical">
      <formula>NOT(ISERROR(SEARCH("Critical",AB599)))</formula>
    </cfRule>
    <cfRule type="containsText" dxfId="382" priority="761" operator="containsText" text="Desirable">
      <formula>NOT(ISERROR(SEARCH("Desirable",AB599)))</formula>
    </cfRule>
  </conditionalFormatting>
  <conditionalFormatting sqref="AB599:AC600">
    <cfRule type="containsText" dxfId="381" priority="752" operator="containsText" text="Essential">
      <formula>NOT(ISERROR(SEARCH("Essential",AB599)))</formula>
    </cfRule>
    <cfRule type="containsText" dxfId="380" priority="749" operator="containsText" text="Important">
      <formula>NOT(ISERROR(SEARCH("Important",AB599)))</formula>
    </cfRule>
  </conditionalFormatting>
  <conditionalFormatting sqref="AB600:AC600">
    <cfRule type="colorScale" priority="753">
      <colorScale>
        <cfvo type="min"/>
        <cfvo type="percentile" val="50"/>
        <cfvo type="max"/>
        <color rgb="FFF8696B"/>
        <color rgb="FFFFEB84"/>
        <color rgb="FF63BE7B"/>
      </colorScale>
    </cfRule>
    <cfRule type="containsText" dxfId="379" priority="751" operator="containsText" text="Critical">
      <formula>NOT(ISERROR(SEARCH("Critical",AB600)))</formula>
    </cfRule>
    <cfRule type="containsText" dxfId="378" priority="750" operator="containsText" text="Desirable">
      <formula>NOT(ISERROR(SEARCH("Desirable",AB600)))</formula>
    </cfRule>
    <cfRule type="colorScale" priority="754">
      <colorScale>
        <cfvo type="min"/>
        <cfvo type="percentile" val="50"/>
        <cfvo type="max"/>
        <color rgb="FFF8696B"/>
        <color rgb="FFFFEB84"/>
        <color rgb="FF63BE7B"/>
      </colorScale>
    </cfRule>
  </conditionalFormatting>
  <conditionalFormatting sqref="AB600:AC601">
    <cfRule type="containsText" dxfId="377" priority="741" operator="containsText" text="Essential">
      <formula>NOT(ISERROR(SEARCH("Essential",AB600)))</formula>
    </cfRule>
    <cfRule type="containsText" dxfId="376" priority="738" operator="containsText" text="Important">
      <formula>NOT(ISERROR(SEARCH("Important",AB600)))</formula>
    </cfRule>
  </conditionalFormatting>
  <conditionalFormatting sqref="AB601:AC601">
    <cfRule type="colorScale" priority="743">
      <colorScale>
        <cfvo type="min"/>
        <cfvo type="percentile" val="50"/>
        <cfvo type="max"/>
        <color rgb="FFF8696B"/>
        <color rgb="FFFFEB84"/>
        <color rgb="FF63BE7B"/>
      </colorScale>
    </cfRule>
    <cfRule type="colorScale" priority="742">
      <colorScale>
        <cfvo type="min"/>
        <cfvo type="percentile" val="50"/>
        <cfvo type="max"/>
        <color rgb="FFF8696B"/>
        <color rgb="FFFFEB84"/>
        <color rgb="FF63BE7B"/>
      </colorScale>
    </cfRule>
    <cfRule type="containsText" dxfId="375" priority="740" operator="containsText" text="Critical">
      <formula>NOT(ISERROR(SEARCH("Critical",AB601)))</formula>
    </cfRule>
    <cfRule type="containsText" dxfId="374" priority="739" operator="containsText" text="Desirable">
      <formula>NOT(ISERROR(SEARCH("Desirable",AB601)))</formula>
    </cfRule>
  </conditionalFormatting>
  <conditionalFormatting sqref="AB601:AC602">
    <cfRule type="containsText" dxfId="373" priority="727" operator="containsText" text="Important">
      <formula>NOT(ISERROR(SEARCH("Important",AB601)))</formula>
    </cfRule>
    <cfRule type="containsText" dxfId="372" priority="730" operator="containsText" text="Essential">
      <formula>NOT(ISERROR(SEARCH("Essential",AB601)))</formula>
    </cfRule>
  </conditionalFormatting>
  <conditionalFormatting sqref="AB602:AC602">
    <cfRule type="containsText" dxfId="371" priority="729" operator="containsText" text="Critical">
      <formula>NOT(ISERROR(SEARCH("Critical",AB602)))</formula>
    </cfRule>
    <cfRule type="containsText" dxfId="370" priority="728" operator="containsText" text="Desirable">
      <formula>NOT(ISERROR(SEARCH("Desirable",AB602)))</formula>
    </cfRule>
    <cfRule type="colorScale" priority="732">
      <colorScale>
        <cfvo type="min"/>
        <cfvo type="percentile" val="50"/>
        <cfvo type="max"/>
        <color rgb="FFF8696B"/>
        <color rgb="FFFFEB84"/>
        <color rgb="FF63BE7B"/>
      </colorScale>
    </cfRule>
    <cfRule type="colorScale" priority="731">
      <colorScale>
        <cfvo type="min"/>
        <cfvo type="percentile" val="50"/>
        <cfvo type="max"/>
        <color rgb="FFF8696B"/>
        <color rgb="FFFFEB84"/>
        <color rgb="FF63BE7B"/>
      </colorScale>
    </cfRule>
  </conditionalFormatting>
  <conditionalFormatting sqref="AB602:AC603">
    <cfRule type="containsText" dxfId="369" priority="719" operator="containsText" text="Essential">
      <formula>NOT(ISERROR(SEARCH("Essential",AB602)))</formula>
    </cfRule>
    <cfRule type="containsText" dxfId="368" priority="716" operator="containsText" text="Important">
      <formula>NOT(ISERROR(SEARCH("Important",AB602)))</formula>
    </cfRule>
  </conditionalFormatting>
  <conditionalFormatting sqref="AB603:AC603">
    <cfRule type="colorScale" priority="721">
      <colorScale>
        <cfvo type="min"/>
        <cfvo type="percentile" val="50"/>
        <cfvo type="max"/>
        <color rgb="FFF8696B"/>
        <color rgb="FFFFEB84"/>
        <color rgb="FF63BE7B"/>
      </colorScale>
    </cfRule>
    <cfRule type="colorScale" priority="720">
      <colorScale>
        <cfvo type="min"/>
        <cfvo type="percentile" val="50"/>
        <cfvo type="max"/>
        <color rgb="FFF8696B"/>
        <color rgb="FFFFEB84"/>
        <color rgb="FF63BE7B"/>
      </colorScale>
    </cfRule>
    <cfRule type="containsText" dxfId="367" priority="718" operator="containsText" text="Critical">
      <formula>NOT(ISERROR(SEARCH("Critical",AB603)))</formula>
    </cfRule>
    <cfRule type="containsText" dxfId="366" priority="717" operator="containsText" text="Desirable">
      <formula>NOT(ISERROR(SEARCH("Desirable",AB603)))</formula>
    </cfRule>
  </conditionalFormatting>
  <conditionalFormatting sqref="AB603:AC604">
    <cfRule type="containsText" dxfId="365" priority="705" operator="containsText" text="Important">
      <formula>NOT(ISERROR(SEARCH("Important",AB603)))</formula>
    </cfRule>
    <cfRule type="containsText" dxfId="364" priority="708" operator="containsText" text="Essential">
      <formula>NOT(ISERROR(SEARCH("Essential",AB603)))</formula>
    </cfRule>
  </conditionalFormatting>
  <conditionalFormatting sqref="AB604:AC604">
    <cfRule type="colorScale" priority="710">
      <colorScale>
        <cfvo type="min"/>
        <cfvo type="percentile" val="50"/>
        <cfvo type="max"/>
        <color rgb="FFF8696B"/>
        <color rgb="FFFFEB84"/>
        <color rgb="FF63BE7B"/>
      </colorScale>
    </cfRule>
    <cfRule type="containsText" dxfId="363" priority="703" operator="containsText" text="Important">
      <formula>NOT(ISERROR(SEARCH("Important",AB604)))</formula>
    </cfRule>
    <cfRule type="containsText" dxfId="362" priority="706" operator="containsText" text="Desirable">
      <formula>NOT(ISERROR(SEARCH("Desirable",AB604)))</formula>
    </cfRule>
    <cfRule type="colorScale" priority="709">
      <colorScale>
        <cfvo type="min"/>
        <cfvo type="percentile" val="50"/>
        <cfvo type="max"/>
        <color rgb="FFF8696B"/>
        <color rgb="FFFFEB84"/>
        <color rgb="FF63BE7B"/>
      </colorScale>
    </cfRule>
    <cfRule type="containsText" dxfId="361" priority="707" operator="containsText" text="Critical">
      <formula>NOT(ISERROR(SEARCH("Critical",AB604)))</formula>
    </cfRule>
    <cfRule type="containsText" dxfId="360" priority="704" operator="containsText" text="Essential">
      <formula>NOT(ISERROR(SEARCH("Essential",AB604)))</formula>
    </cfRule>
  </conditionalFormatting>
  <conditionalFormatting sqref="AB606:AC606">
    <cfRule type="containsText" dxfId="359" priority="693" operator="containsText" text="Critical">
      <formula>NOT(ISERROR(SEARCH("Critical",AB606)))</formula>
    </cfRule>
    <cfRule type="containsText" dxfId="358" priority="691" operator="containsText" text="Important">
      <formula>NOT(ISERROR(SEARCH("Important",AB606)))</formula>
    </cfRule>
    <cfRule type="containsText" dxfId="357" priority="692" operator="containsText" text="Desirable">
      <formula>NOT(ISERROR(SEARCH("Desirable",AB606)))</formula>
    </cfRule>
    <cfRule type="colorScale" priority="695">
      <colorScale>
        <cfvo type="min"/>
        <cfvo type="percentile" val="50"/>
        <cfvo type="max"/>
        <color rgb="FFF8696B"/>
        <color rgb="FFFFEB84"/>
        <color rgb="FF63BE7B"/>
      </colorScale>
    </cfRule>
    <cfRule type="containsText" dxfId="356" priority="694" operator="containsText" text="Essential">
      <formula>NOT(ISERROR(SEARCH("Essential",AB606)))</formula>
    </cfRule>
  </conditionalFormatting>
  <conditionalFormatting sqref="AB606:AC607">
    <cfRule type="containsText" dxfId="355" priority="683" operator="containsText" text="Essential">
      <formula>NOT(ISERROR(SEARCH("Essential",AB606)))</formula>
    </cfRule>
    <cfRule type="containsText" dxfId="354" priority="680" operator="containsText" text="Important">
      <formula>NOT(ISERROR(SEARCH("Important",AB606)))</formula>
    </cfRule>
  </conditionalFormatting>
  <conditionalFormatting sqref="AB606:AC609">
    <cfRule type="containsText" dxfId="353" priority="657" operator="containsText" text="Critical - Local Plan">
      <formula>NOT(ISERROR(SEARCH("Critical - Local Plan",AB606)))</formula>
    </cfRule>
    <cfRule type="containsText" priority="656" operator="containsText" text="Critical - Delivery">
      <formula>NOT(ISERROR(SEARCH("Critical - Delivery",AB606)))</formula>
    </cfRule>
    <cfRule type="containsText" priority="655" operator="containsText" text="Important">
      <formula>NOT(ISERROR(SEARCH("Important",AB606)))</formula>
    </cfRule>
  </conditionalFormatting>
  <conditionalFormatting sqref="AB607:AC607">
    <cfRule type="colorScale" priority="685">
      <colorScale>
        <cfvo type="min"/>
        <cfvo type="percentile" val="50"/>
        <cfvo type="max"/>
        <color rgb="FFF8696B"/>
        <color rgb="FFFFEB84"/>
        <color rgb="FF63BE7B"/>
      </colorScale>
    </cfRule>
    <cfRule type="containsText" dxfId="352" priority="681" operator="containsText" text="Desirable">
      <formula>NOT(ISERROR(SEARCH("Desirable",AB607)))</formula>
    </cfRule>
    <cfRule type="containsText" dxfId="351" priority="682" operator="containsText" text="Critical">
      <formula>NOT(ISERROR(SEARCH("Critical",AB607)))</formula>
    </cfRule>
    <cfRule type="colorScale" priority="684">
      <colorScale>
        <cfvo type="min"/>
        <cfvo type="percentile" val="50"/>
        <cfvo type="max"/>
        <color rgb="FFF8696B"/>
        <color rgb="FFFFEB84"/>
        <color rgb="FF63BE7B"/>
      </colorScale>
    </cfRule>
  </conditionalFormatting>
  <conditionalFormatting sqref="AB607:AC608">
    <cfRule type="containsText" dxfId="350" priority="670" operator="containsText" text="Important">
      <formula>NOT(ISERROR(SEARCH("Important",AB607)))</formula>
    </cfRule>
    <cfRule type="containsText" dxfId="349" priority="673" operator="containsText" text="Essential">
      <formula>NOT(ISERROR(SEARCH("Essential",AB607)))</formula>
    </cfRule>
  </conditionalFormatting>
  <conditionalFormatting sqref="AB608:AC608">
    <cfRule type="containsText" dxfId="348" priority="671" operator="containsText" text="Desirable">
      <formula>NOT(ISERROR(SEARCH("Desirable",AB608)))</formula>
    </cfRule>
    <cfRule type="containsText" dxfId="347" priority="672" operator="containsText" text="Critical">
      <formula>NOT(ISERROR(SEARCH("Critical",AB608)))</formula>
    </cfRule>
    <cfRule type="colorScale" priority="674">
      <colorScale>
        <cfvo type="min"/>
        <cfvo type="percentile" val="50"/>
        <cfvo type="max"/>
        <color rgb="FFF8696B"/>
        <color rgb="FFFFEB84"/>
        <color rgb="FF63BE7B"/>
      </colorScale>
    </cfRule>
  </conditionalFormatting>
  <conditionalFormatting sqref="AB608:AC609">
    <cfRule type="containsText" dxfId="346" priority="663" operator="containsText" text="Essential">
      <formula>NOT(ISERROR(SEARCH("Essential",AB608)))</formula>
    </cfRule>
    <cfRule type="containsText" dxfId="345" priority="660" operator="containsText" text="Important">
      <formula>NOT(ISERROR(SEARCH("Important",AB608)))</formula>
    </cfRule>
  </conditionalFormatting>
  <conditionalFormatting sqref="AB609:AC609">
    <cfRule type="containsText" dxfId="344" priority="659" operator="containsText" text="Essential">
      <formula>NOT(ISERROR(SEARCH("Essential",AB609)))</formula>
    </cfRule>
    <cfRule type="containsText" dxfId="343" priority="658" operator="containsText" text="Important">
      <formula>NOT(ISERROR(SEARCH("Important",AB609)))</formula>
    </cfRule>
    <cfRule type="colorScale" priority="664">
      <colorScale>
        <cfvo type="min"/>
        <cfvo type="percentile" val="50"/>
        <cfvo type="max"/>
        <color rgb="FFF8696B"/>
        <color rgb="FFFFEB84"/>
        <color rgb="FF63BE7B"/>
      </colorScale>
    </cfRule>
    <cfRule type="containsText" dxfId="342" priority="661" operator="containsText" text="Desirable">
      <formula>NOT(ISERROR(SEARCH("Desirable",AB609)))</formula>
    </cfRule>
    <cfRule type="containsText" dxfId="341" priority="662" operator="containsText" text="Critical">
      <formula>NOT(ISERROR(SEARCH("Critical",AB609)))</formula>
    </cfRule>
  </conditionalFormatting>
  <conditionalFormatting sqref="AB612:AC614">
    <cfRule type="colorScale" priority="630">
      <colorScale>
        <cfvo type="min"/>
        <cfvo type="percentile" val="50"/>
        <cfvo type="max"/>
        <color rgb="FFF8696B"/>
        <color rgb="FFFFEB84"/>
        <color rgb="FF63BE7B"/>
      </colorScale>
    </cfRule>
  </conditionalFormatting>
  <conditionalFormatting sqref="AB614:AC617">
    <cfRule type="colorScale" priority="5306">
      <colorScale>
        <cfvo type="min"/>
        <cfvo type="percentile" val="50"/>
        <cfvo type="max"/>
        <color rgb="FFF8696B"/>
        <color rgb="FFFFEB84"/>
        <color rgb="FF63BE7B"/>
      </colorScale>
    </cfRule>
  </conditionalFormatting>
  <conditionalFormatting sqref="AB618:AC629">
    <cfRule type="colorScale" priority="5287">
      <colorScale>
        <cfvo type="min"/>
        <cfvo type="percentile" val="50"/>
        <cfvo type="max"/>
        <color rgb="FFF8696B"/>
        <color rgb="FFFFEB84"/>
        <color rgb="FF63BE7B"/>
      </colorScale>
    </cfRule>
    <cfRule type="containsText" dxfId="340" priority="5286" operator="containsText" text="Essential">
      <formula>NOT(ISERROR(SEARCH("Essential",AB618)))</formula>
    </cfRule>
    <cfRule type="containsText" dxfId="339" priority="5285" operator="containsText" text="Critical">
      <formula>NOT(ISERROR(SEARCH("Critical",AB618)))</formula>
    </cfRule>
    <cfRule type="containsText" dxfId="338" priority="5283" operator="containsText" text="Important">
      <formula>NOT(ISERROR(SEARCH("Important",AB618)))</formula>
    </cfRule>
    <cfRule type="containsText" dxfId="337" priority="5284" operator="containsText" text="Desirable">
      <formula>NOT(ISERROR(SEARCH("Desirable",AB618)))</formula>
    </cfRule>
  </conditionalFormatting>
  <conditionalFormatting sqref="AB618:AC640">
    <cfRule type="containsText" dxfId="336" priority="511" operator="containsText" text="Critical - Local Plan">
      <formula>NOT(ISERROR(SEARCH("Critical - Local Plan",AB618)))</formula>
    </cfRule>
  </conditionalFormatting>
  <conditionalFormatting sqref="AB630:AC631">
    <cfRule type="colorScale" priority="605">
      <colorScale>
        <cfvo type="min"/>
        <cfvo type="percentile" val="50"/>
        <cfvo type="max"/>
        <color rgb="FFF8696B"/>
        <color rgb="FFFFEB84"/>
        <color rgb="FF63BE7B"/>
      </colorScale>
    </cfRule>
    <cfRule type="containsText" dxfId="335" priority="607" operator="containsText" text="Desirable">
      <formula>NOT(ISERROR(SEARCH("Desirable",AB630)))</formula>
    </cfRule>
    <cfRule type="containsText" dxfId="334" priority="608" operator="containsText" text="Critical">
      <formula>NOT(ISERROR(SEARCH("Critical",AB630)))</formula>
    </cfRule>
  </conditionalFormatting>
  <conditionalFormatting sqref="AB630:AC632">
    <cfRule type="containsText" dxfId="333" priority="599" operator="containsText" text="Essential">
      <formula>NOT(ISERROR(SEARCH("Essential",AB630)))</formula>
    </cfRule>
    <cfRule type="containsText" dxfId="332" priority="596" operator="containsText" text="Important">
      <formula>NOT(ISERROR(SEARCH("Important",AB630)))</formula>
    </cfRule>
  </conditionalFormatting>
  <conditionalFormatting sqref="AB632:AC632">
    <cfRule type="containsText" dxfId="331" priority="597" operator="containsText" text="Desirable">
      <formula>NOT(ISERROR(SEARCH("Desirable",AB632)))</formula>
    </cfRule>
    <cfRule type="containsText" dxfId="330" priority="598" operator="containsText" text="Critical">
      <formula>NOT(ISERROR(SEARCH("Critical",AB632)))</formula>
    </cfRule>
    <cfRule type="colorScale" priority="595">
      <colorScale>
        <cfvo type="min"/>
        <cfvo type="percentile" val="50"/>
        <cfvo type="max"/>
        <color rgb="FFF8696B"/>
        <color rgb="FFFFEB84"/>
        <color rgb="FF63BE7B"/>
      </colorScale>
    </cfRule>
  </conditionalFormatting>
  <conditionalFormatting sqref="AB632:AC633">
    <cfRule type="containsText" dxfId="329" priority="589" operator="containsText" text="Essential">
      <formula>NOT(ISERROR(SEARCH("Essential",AB632)))</formula>
    </cfRule>
    <cfRule type="containsText" dxfId="328" priority="586" operator="containsText" text="Important">
      <formula>NOT(ISERROR(SEARCH("Important",AB632)))</formula>
    </cfRule>
  </conditionalFormatting>
  <conditionalFormatting sqref="AB633:AC633">
    <cfRule type="colorScale" priority="585">
      <colorScale>
        <cfvo type="min"/>
        <cfvo type="percentile" val="50"/>
        <cfvo type="max"/>
        <color rgb="FFF8696B"/>
        <color rgb="FFFFEB84"/>
        <color rgb="FF63BE7B"/>
      </colorScale>
    </cfRule>
    <cfRule type="containsText" dxfId="327" priority="587" operator="containsText" text="Desirable">
      <formula>NOT(ISERROR(SEARCH("Desirable",AB633)))</formula>
    </cfRule>
    <cfRule type="containsText" dxfId="326" priority="588" operator="containsText" text="Critical">
      <formula>NOT(ISERROR(SEARCH("Critical",AB633)))</formula>
    </cfRule>
  </conditionalFormatting>
  <conditionalFormatting sqref="AB633:AC634">
    <cfRule type="containsText" dxfId="325" priority="576" operator="containsText" text="Important">
      <formula>NOT(ISERROR(SEARCH("Important",AB633)))</formula>
    </cfRule>
    <cfRule type="containsText" dxfId="324" priority="579" operator="containsText" text="Essential">
      <formula>NOT(ISERROR(SEARCH("Essential",AB633)))</formula>
    </cfRule>
  </conditionalFormatting>
  <conditionalFormatting sqref="AB634:AC634">
    <cfRule type="containsText" dxfId="323" priority="577" operator="containsText" text="Desirable">
      <formula>NOT(ISERROR(SEARCH("Desirable",AB634)))</formula>
    </cfRule>
    <cfRule type="containsText" dxfId="322" priority="578" operator="containsText" text="Critical">
      <formula>NOT(ISERROR(SEARCH("Critical",AB634)))</formula>
    </cfRule>
    <cfRule type="colorScale" priority="575">
      <colorScale>
        <cfvo type="min"/>
        <cfvo type="percentile" val="50"/>
        <cfvo type="max"/>
        <color rgb="FFF8696B"/>
        <color rgb="FFFFEB84"/>
        <color rgb="FF63BE7B"/>
      </colorScale>
    </cfRule>
  </conditionalFormatting>
  <conditionalFormatting sqref="AB634:AC635">
    <cfRule type="containsText" dxfId="321" priority="566" operator="containsText" text="Important">
      <formula>NOT(ISERROR(SEARCH("Important",AB634)))</formula>
    </cfRule>
    <cfRule type="containsText" dxfId="320" priority="569" operator="containsText" text="Essential">
      <formula>NOT(ISERROR(SEARCH("Essential",AB634)))</formula>
    </cfRule>
  </conditionalFormatting>
  <conditionalFormatting sqref="AB635:AC635">
    <cfRule type="colorScale" priority="565">
      <colorScale>
        <cfvo type="min"/>
        <cfvo type="percentile" val="50"/>
        <cfvo type="max"/>
        <color rgb="FFF8696B"/>
        <color rgb="FFFFEB84"/>
        <color rgb="FF63BE7B"/>
      </colorScale>
    </cfRule>
    <cfRule type="containsText" dxfId="319" priority="567" operator="containsText" text="Desirable">
      <formula>NOT(ISERROR(SEARCH("Desirable",AB635)))</formula>
    </cfRule>
    <cfRule type="containsText" dxfId="318" priority="568" operator="containsText" text="Critical">
      <formula>NOT(ISERROR(SEARCH("Critical",AB635)))</formula>
    </cfRule>
  </conditionalFormatting>
  <conditionalFormatting sqref="AB635:AC636">
    <cfRule type="containsText" dxfId="317" priority="559" operator="containsText" text="Essential">
      <formula>NOT(ISERROR(SEARCH("Essential",AB635)))</formula>
    </cfRule>
    <cfRule type="containsText" dxfId="316" priority="556" operator="containsText" text="Important">
      <formula>NOT(ISERROR(SEARCH("Important",AB635)))</formula>
    </cfRule>
  </conditionalFormatting>
  <conditionalFormatting sqref="AB636:AC636">
    <cfRule type="colorScale" priority="555">
      <colorScale>
        <cfvo type="min"/>
        <cfvo type="percentile" val="50"/>
        <cfvo type="max"/>
        <color rgb="FFF8696B"/>
        <color rgb="FFFFEB84"/>
        <color rgb="FF63BE7B"/>
      </colorScale>
    </cfRule>
    <cfRule type="containsText" dxfId="315" priority="558" operator="containsText" text="Critical">
      <formula>NOT(ISERROR(SEARCH("Critical",AB636)))</formula>
    </cfRule>
    <cfRule type="containsText" dxfId="314" priority="557" operator="containsText" text="Desirable">
      <formula>NOT(ISERROR(SEARCH("Desirable",AB636)))</formula>
    </cfRule>
  </conditionalFormatting>
  <conditionalFormatting sqref="AB636:AC637">
    <cfRule type="containsText" dxfId="313" priority="549" operator="containsText" text="Essential">
      <formula>NOT(ISERROR(SEARCH("Essential",AB636)))</formula>
    </cfRule>
    <cfRule type="containsText" dxfId="312" priority="546" operator="containsText" text="Important">
      <formula>NOT(ISERROR(SEARCH("Important",AB636)))</formula>
    </cfRule>
  </conditionalFormatting>
  <conditionalFormatting sqref="AB637:AC637">
    <cfRule type="containsText" dxfId="311" priority="548" operator="containsText" text="Critical">
      <formula>NOT(ISERROR(SEARCH("Critical",AB637)))</formula>
    </cfRule>
    <cfRule type="containsText" dxfId="310" priority="547" operator="containsText" text="Desirable">
      <formula>NOT(ISERROR(SEARCH("Desirable",AB637)))</formula>
    </cfRule>
    <cfRule type="colorScale" priority="545">
      <colorScale>
        <cfvo type="min"/>
        <cfvo type="percentile" val="50"/>
        <cfvo type="max"/>
        <color rgb="FFF8696B"/>
        <color rgb="FFFFEB84"/>
        <color rgb="FF63BE7B"/>
      </colorScale>
    </cfRule>
  </conditionalFormatting>
  <conditionalFormatting sqref="AB637:AC638">
    <cfRule type="containsText" dxfId="309" priority="539" operator="containsText" text="Essential">
      <formula>NOT(ISERROR(SEARCH("Essential",AB637)))</formula>
    </cfRule>
    <cfRule type="containsText" dxfId="308" priority="536" operator="containsText" text="Important">
      <formula>NOT(ISERROR(SEARCH("Important",AB637)))</formula>
    </cfRule>
  </conditionalFormatting>
  <conditionalFormatting sqref="AB638:AC638">
    <cfRule type="containsText" dxfId="307" priority="538" operator="containsText" text="Critical">
      <formula>NOT(ISERROR(SEARCH("Critical",AB638)))</formula>
    </cfRule>
    <cfRule type="containsText" dxfId="306" priority="537" operator="containsText" text="Desirable">
      <formula>NOT(ISERROR(SEARCH("Desirable",AB638)))</formula>
    </cfRule>
    <cfRule type="colorScale" priority="535">
      <colorScale>
        <cfvo type="min"/>
        <cfvo type="percentile" val="50"/>
        <cfvo type="max"/>
        <color rgb="FFF8696B"/>
        <color rgb="FFFFEB84"/>
        <color rgb="FF63BE7B"/>
      </colorScale>
    </cfRule>
  </conditionalFormatting>
  <conditionalFormatting sqref="AB638:AC639">
    <cfRule type="containsText" dxfId="305" priority="529" operator="containsText" text="Essential">
      <formula>NOT(ISERROR(SEARCH("Essential",AB638)))</formula>
    </cfRule>
    <cfRule type="containsText" dxfId="304" priority="526" operator="containsText" text="Important">
      <formula>NOT(ISERROR(SEARCH("Important",AB638)))</formula>
    </cfRule>
  </conditionalFormatting>
  <conditionalFormatting sqref="AB639:AC639">
    <cfRule type="colorScale" priority="525">
      <colorScale>
        <cfvo type="min"/>
        <cfvo type="percentile" val="50"/>
        <cfvo type="max"/>
        <color rgb="FFF8696B"/>
        <color rgb="FFFFEB84"/>
        <color rgb="FF63BE7B"/>
      </colorScale>
    </cfRule>
    <cfRule type="containsText" dxfId="303" priority="528" operator="containsText" text="Critical">
      <formula>NOT(ISERROR(SEARCH("Critical",AB639)))</formula>
    </cfRule>
    <cfRule type="containsText" dxfId="302" priority="527" operator="containsText" text="Desirable">
      <formula>NOT(ISERROR(SEARCH("Desirable",AB639)))</formula>
    </cfRule>
  </conditionalFormatting>
  <conditionalFormatting sqref="AB639:AC640">
    <cfRule type="containsText" dxfId="301" priority="519" operator="containsText" text="Essential">
      <formula>NOT(ISERROR(SEARCH("Essential",AB639)))</formula>
    </cfRule>
    <cfRule type="containsText" dxfId="300" priority="516" operator="containsText" text="Important">
      <formula>NOT(ISERROR(SEARCH("Important",AB639)))</formula>
    </cfRule>
  </conditionalFormatting>
  <conditionalFormatting sqref="AB640:AC640">
    <cfRule type="containsText" dxfId="299" priority="518" operator="containsText" text="Critical">
      <formula>NOT(ISERROR(SEARCH("Critical",AB640)))</formula>
    </cfRule>
    <cfRule type="containsText" dxfId="298" priority="517" operator="containsText" text="Desirable">
      <formula>NOT(ISERROR(SEARCH("Desirable",AB640)))</formula>
    </cfRule>
    <cfRule type="colorScale" priority="515">
      <colorScale>
        <cfvo type="min"/>
        <cfvo type="percentile" val="50"/>
        <cfvo type="max"/>
        <color rgb="FFF8696B"/>
        <color rgb="FFFFEB84"/>
        <color rgb="FF63BE7B"/>
      </colorScale>
    </cfRule>
    <cfRule type="containsText" dxfId="297" priority="513" operator="containsText" text="Essential">
      <formula>NOT(ISERROR(SEARCH("Essential",AB640)))</formula>
    </cfRule>
    <cfRule type="containsText" dxfId="296" priority="512" operator="containsText" text="Important">
      <formula>NOT(ISERROR(SEARCH("Important",AB640)))</formula>
    </cfRule>
  </conditionalFormatting>
  <conditionalFormatting sqref="AB642:AC712">
    <cfRule type="containsText" dxfId="295" priority="500" operator="containsText" text="Essential">
      <formula>NOT(ISERROR(SEARCH("Essential",AB642)))</formula>
    </cfRule>
    <cfRule type="containsText" dxfId="294" priority="497" operator="containsText" text="Important">
      <formula>NOT(ISERROR(SEARCH("Important",AB642)))</formula>
    </cfRule>
  </conditionalFormatting>
  <conditionalFormatting sqref="AB642:AC715">
    <cfRule type="containsText" dxfId="293" priority="494" operator="containsText" text="Critical - Local Plan">
      <formula>NOT(ISERROR(SEARCH("Critical - Local Plan",AB642)))</formula>
    </cfRule>
  </conditionalFormatting>
  <conditionalFormatting sqref="AB642:AC725">
    <cfRule type="containsText" priority="430" operator="containsText" text="Critical - Delivery">
      <formula>NOT(ISERROR(SEARCH("Critical - Delivery",AB642)))</formula>
    </cfRule>
  </conditionalFormatting>
  <conditionalFormatting sqref="AB643:AC712">
    <cfRule type="colorScale" priority="501">
      <colorScale>
        <cfvo type="min"/>
        <cfvo type="percentile" val="50"/>
        <cfvo type="max"/>
        <color rgb="FFF8696B"/>
        <color rgb="FFFFEB84"/>
        <color rgb="FF63BE7B"/>
      </colorScale>
    </cfRule>
    <cfRule type="containsText" dxfId="292" priority="499" operator="containsText" text="Critical">
      <formula>NOT(ISERROR(SEARCH("Critical",AB643)))</formula>
    </cfRule>
    <cfRule type="containsText" dxfId="291" priority="498" operator="containsText" text="Desirable">
      <formula>NOT(ISERROR(SEARCH("Desirable",AB643)))</formula>
    </cfRule>
  </conditionalFormatting>
  <conditionalFormatting sqref="AB643:AC715">
    <cfRule type="containsText" dxfId="290" priority="496" operator="containsText" text="Essential">
      <formula>NOT(ISERROR(SEARCH("Essential",AB643)))</formula>
    </cfRule>
    <cfRule type="containsText" dxfId="289" priority="495" operator="containsText" text="Important">
      <formula>NOT(ISERROR(SEARCH("Important",AB643)))</formula>
    </cfRule>
  </conditionalFormatting>
  <conditionalFormatting sqref="AB643:AC725">
    <cfRule type="containsText" priority="429" operator="containsText" text="Important">
      <formula>NOT(ISERROR(SEARCH("Important",AB643)))</formula>
    </cfRule>
  </conditionalFormatting>
  <conditionalFormatting sqref="AB713:AC713">
    <cfRule type="colorScale" priority="491">
      <colorScale>
        <cfvo type="min"/>
        <cfvo type="percentile" val="50"/>
        <cfvo type="max"/>
        <color rgb="FFF8696B"/>
        <color rgb="FFFFEB84"/>
        <color rgb="FF63BE7B"/>
      </colorScale>
    </cfRule>
  </conditionalFormatting>
  <conditionalFormatting sqref="AB713:AC715">
    <cfRule type="containsText" dxfId="288" priority="488" operator="containsText" text="Essential">
      <formula>NOT(ISERROR(SEARCH("Essential",AB713)))</formula>
    </cfRule>
  </conditionalFormatting>
  <conditionalFormatting sqref="AB713:AC716">
    <cfRule type="containsText" dxfId="287" priority="486" operator="containsText" text="Desirable">
      <formula>NOT(ISERROR(SEARCH("Desirable",AB713)))</formula>
    </cfRule>
    <cfRule type="containsText" dxfId="286" priority="487" operator="containsText" text="Critical">
      <formula>NOT(ISERROR(SEARCH("Critical",AB713)))</formula>
    </cfRule>
  </conditionalFormatting>
  <conditionalFormatting sqref="AB713:AC721">
    <cfRule type="containsText" dxfId="285" priority="483" operator="containsText" text="Important">
      <formula>NOT(ISERROR(SEARCH("Important",AB713)))</formula>
    </cfRule>
  </conditionalFormatting>
  <conditionalFormatting sqref="AB714:AC714">
    <cfRule type="colorScale" priority="490">
      <colorScale>
        <cfvo type="min"/>
        <cfvo type="percentile" val="50"/>
        <cfvo type="max"/>
        <color rgb="FFF8696B"/>
        <color rgb="FFFFEB84"/>
        <color rgb="FF63BE7B"/>
      </colorScale>
    </cfRule>
  </conditionalFormatting>
  <conditionalFormatting sqref="AB715:AC715">
    <cfRule type="colorScale" priority="489">
      <colorScale>
        <cfvo type="min"/>
        <cfvo type="percentile" val="50"/>
        <cfvo type="max"/>
        <color rgb="FFF8696B"/>
        <color rgb="FFFFEB84"/>
        <color rgb="FF63BE7B"/>
      </colorScale>
    </cfRule>
  </conditionalFormatting>
  <conditionalFormatting sqref="AB716:AC716">
    <cfRule type="containsText" dxfId="284" priority="481" operator="containsText" text="Important">
      <formula>NOT(ISERROR(SEARCH("Important",AB716)))</formula>
    </cfRule>
    <cfRule type="containsText" dxfId="283" priority="482" operator="containsText" text="Essential">
      <formula>NOT(ISERROR(SEARCH("Essential",AB716)))</formula>
    </cfRule>
    <cfRule type="colorScale" priority="485">
      <colorScale>
        <cfvo type="min"/>
        <cfvo type="percentile" val="50"/>
        <cfvo type="max"/>
        <color rgb="FFF8696B"/>
        <color rgb="FFFFEB84"/>
        <color rgb="FF63BE7B"/>
      </colorScale>
    </cfRule>
  </conditionalFormatting>
  <conditionalFormatting sqref="AB716:AC721">
    <cfRule type="containsText" dxfId="282" priority="484" operator="containsText" text="Essential">
      <formula>NOT(ISERROR(SEARCH("Essential",AB716)))</formula>
    </cfRule>
    <cfRule type="containsText" dxfId="281" priority="480" operator="containsText" text="Critical - Local Plan">
      <formula>NOT(ISERROR(SEARCH("Critical - Local Plan",AB716)))</formula>
    </cfRule>
  </conditionalFormatting>
  <conditionalFormatting sqref="AB717:AC717">
    <cfRule type="colorScale" priority="479">
      <colorScale>
        <cfvo type="min"/>
        <cfvo type="percentile" val="50"/>
        <cfvo type="max"/>
        <color rgb="FFF8696B"/>
        <color rgb="FFFFEB84"/>
        <color rgb="FF63BE7B"/>
      </colorScale>
    </cfRule>
  </conditionalFormatting>
  <conditionalFormatting sqref="AB717:AC722">
    <cfRule type="containsText" dxfId="280" priority="464" operator="containsText" text="Important">
      <formula>NOT(ISERROR(SEARCH("Important",AB717)))</formula>
    </cfRule>
    <cfRule type="containsText" dxfId="279" priority="465" operator="containsText" text="Desirable">
      <formula>NOT(ISERROR(SEARCH("Desirable",AB717)))</formula>
    </cfRule>
    <cfRule type="containsText" dxfId="278" priority="466" operator="containsText" text="Critical">
      <formula>NOT(ISERROR(SEARCH("Critical",AB717)))</formula>
    </cfRule>
    <cfRule type="containsText" dxfId="277" priority="467" operator="containsText" text="Essential">
      <formula>NOT(ISERROR(SEARCH("Essential",AB717)))</formula>
    </cfRule>
  </conditionalFormatting>
  <conditionalFormatting sqref="AB718:AC718">
    <cfRule type="colorScale" priority="478">
      <colorScale>
        <cfvo type="min"/>
        <cfvo type="percentile" val="50"/>
        <cfvo type="max"/>
        <color rgb="FFF8696B"/>
        <color rgb="FFFFEB84"/>
        <color rgb="FF63BE7B"/>
      </colorScale>
    </cfRule>
  </conditionalFormatting>
  <conditionalFormatting sqref="AB719:AC719">
    <cfRule type="colorScale" priority="477">
      <colorScale>
        <cfvo type="min"/>
        <cfvo type="percentile" val="50"/>
        <cfvo type="max"/>
        <color rgb="FFF8696B"/>
        <color rgb="FFFFEB84"/>
        <color rgb="FF63BE7B"/>
      </colorScale>
    </cfRule>
  </conditionalFormatting>
  <conditionalFormatting sqref="AB720:AC720">
    <cfRule type="colorScale" priority="476">
      <colorScale>
        <cfvo type="min"/>
        <cfvo type="percentile" val="50"/>
        <cfvo type="max"/>
        <color rgb="FFF8696B"/>
        <color rgb="FFFFEB84"/>
        <color rgb="FF63BE7B"/>
      </colorScale>
    </cfRule>
  </conditionalFormatting>
  <conditionalFormatting sqref="AB721:AC721">
    <cfRule type="colorScale" priority="475">
      <colorScale>
        <cfvo type="min"/>
        <cfvo type="percentile" val="50"/>
        <cfvo type="max"/>
        <color rgb="FFF8696B"/>
        <color rgb="FFFFEB84"/>
        <color rgb="FF63BE7B"/>
      </colorScale>
    </cfRule>
  </conditionalFormatting>
  <conditionalFormatting sqref="AB722:AC722">
    <cfRule type="colorScale" priority="468">
      <colorScale>
        <cfvo type="min"/>
        <cfvo type="percentile" val="50"/>
        <cfvo type="max"/>
        <color rgb="FFF8696B"/>
        <color rgb="FFFFEB84"/>
        <color rgb="FF63BE7B"/>
      </colorScale>
    </cfRule>
  </conditionalFormatting>
  <conditionalFormatting sqref="AB722:AC723">
    <cfRule type="containsText" dxfId="276" priority="457" operator="containsText" text="Essential">
      <formula>NOT(ISERROR(SEARCH("Essential",AB722)))</formula>
    </cfRule>
    <cfRule type="containsText" dxfId="275" priority="454" operator="containsText" text="Important">
      <formula>NOT(ISERROR(SEARCH("Important",AB722)))</formula>
    </cfRule>
  </conditionalFormatting>
  <conditionalFormatting sqref="AB722:AC725">
    <cfRule type="containsText" dxfId="274" priority="431" operator="containsText" text="Critical - Local Plan">
      <formula>NOT(ISERROR(SEARCH("Critical - Local Plan",AB722)))</formula>
    </cfRule>
  </conditionalFormatting>
  <conditionalFormatting sqref="AB723:AC723">
    <cfRule type="containsText" dxfId="273" priority="456" operator="containsText" text="Critical">
      <formula>NOT(ISERROR(SEARCH("Critical",AB723)))</formula>
    </cfRule>
    <cfRule type="colorScale" priority="458">
      <colorScale>
        <cfvo type="min"/>
        <cfvo type="percentile" val="50"/>
        <cfvo type="max"/>
        <color rgb="FFF8696B"/>
        <color rgb="FFFFEB84"/>
        <color rgb="FF63BE7B"/>
      </colorScale>
    </cfRule>
    <cfRule type="containsText" dxfId="272" priority="455" operator="containsText" text="Desirable">
      <formula>NOT(ISERROR(SEARCH("Desirable",AB723)))</formula>
    </cfRule>
  </conditionalFormatting>
  <conditionalFormatting sqref="AB723:AC724">
    <cfRule type="containsText" dxfId="271" priority="447" operator="containsText" text="Essential">
      <formula>NOT(ISERROR(SEARCH("Essential",AB723)))</formula>
    </cfRule>
    <cfRule type="containsText" dxfId="270" priority="444" operator="containsText" text="Important">
      <formula>NOT(ISERROR(SEARCH("Important",AB723)))</formula>
    </cfRule>
  </conditionalFormatting>
  <conditionalFormatting sqref="AB724:AC724">
    <cfRule type="containsText" dxfId="269" priority="446" operator="containsText" text="Critical">
      <formula>NOT(ISERROR(SEARCH("Critical",AB724)))</formula>
    </cfRule>
    <cfRule type="colorScale" priority="448">
      <colorScale>
        <cfvo type="min"/>
        <cfvo type="percentile" val="50"/>
        <cfvo type="max"/>
        <color rgb="FFF8696B"/>
        <color rgb="FFFFEB84"/>
        <color rgb="FF63BE7B"/>
      </colorScale>
    </cfRule>
    <cfRule type="containsText" dxfId="268" priority="445" operator="containsText" text="Desirable">
      <formula>NOT(ISERROR(SEARCH("Desirable",AB724)))</formula>
    </cfRule>
  </conditionalFormatting>
  <conditionalFormatting sqref="AB724:AC725">
    <cfRule type="containsText" dxfId="267" priority="437" operator="containsText" text="Essential">
      <formula>NOT(ISERROR(SEARCH("Essential",AB724)))</formula>
    </cfRule>
    <cfRule type="containsText" dxfId="266" priority="434" operator="containsText" text="Important">
      <formula>NOT(ISERROR(SEARCH("Important",AB724)))</formula>
    </cfRule>
  </conditionalFormatting>
  <conditionalFormatting sqref="AB725:AC725">
    <cfRule type="colorScale" priority="438">
      <colorScale>
        <cfvo type="min"/>
        <cfvo type="percentile" val="50"/>
        <cfvo type="max"/>
        <color rgb="FFF8696B"/>
        <color rgb="FFFFEB84"/>
        <color rgb="FF63BE7B"/>
      </colorScale>
    </cfRule>
    <cfRule type="containsText" dxfId="265" priority="432" operator="containsText" text="Important">
      <formula>NOT(ISERROR(SEARCH("Important",AB725)))</formula>
    </cfRule>
    <cfRule type="containsText" dxfId="264" priority="436" operator="containsText" text="Critical">
      <formula>NOT(ISERROR(SEARCH("Critical",AB725)))</formula>
    </cfRule>
    <cfRule type="containsText" dxfId="263" priority="435" operator="containsText" text="Desirable">
      <formula>NOT(ISERROR(SEARCH("Desirable",AB725)))</formula>
    </cfRule>
    <cfRule type="containsText" dxfId="262" priority="433" operator="containsText" text="Essential">
      <formula>NOT(ISERROR(SEARCH("Essential",AB725)))</formula>
    </cfRule>
  </conditionalFormatting>
  <conditionalFormatting sqref="AB727:AC727">
    <cfRule type="colorScale" priority="428">
      <colorScale>
        <cfvo type="min"/>
        <cfvo type="percentile" val="50"/>
        <cfvo type="max"/>
        <color rgb="FFF8696B"/>
        <color rgb="FFFFEB84"/>
        <color rgb="FF63BE7B"/>
      </colorScale>
    </cfRule>
    <cfRule type="containsText" dxfId="261" priority="424" operator="containsText" text="Important">
      <formula>NOT(ISERROR(SEARCH("Important",AB727)))</formula>
    </cfRule>
    <cfRule type="containsText" dxfId="260" priority="425" operator="containsText" text="Desirable">
      <formula>NOT(ISERROR(SEARCH("Desirable",AB727)))</formula>
    </cfRule>
    <cfRule type="containsText" dxfId="259" priority="426" operator="containsText" text="Critical">
      <formula>NOT(ISERROR(SEARCH("Critical",AB727)))</formula>
    </cfRule>
    <cfRule type="containsText" dxfId="258" priority="427" operator="containsText" text="Essential">
      <formula>NOT(ISERROR(SEARCH("Essential",AB727)))</formula>
    </cfRule>
  </conditionalFormatting>
  <conditionalFormatting sqref="AB727:AC728">
    <cfRule type="containsText" dxfId="257" priority="414" operator="containsText" text="Important">
      <formula>NOT(ISERROR(SEARCH("Important",AB727)))</formula>
    </cfRule>
    <cfRule type="containsText" dxfId="256" priority="417" operator="containsText" text="Essential">
      <formula>NOT(ISERROR(SEARCH("Essential",AB727)))</formula>
    </cfRule>
  </conditionalFormatting>
  <conditionalFormatting sqref="AB727:AC730">
    <cfRule type="containsText" priority="389" operator="containsText" text="Important">
      <formula>NOT(ISERROR(SEARCH("Important",AB727)))</formula>
    </cfRule>
    <cfRule type="containsText" dxfId="255" priority="391" operator="containsText" text="Critical - Local Plan">
      <formula>NOT(ISERROR(SEARCH("Critical - Local Plan",AB727)))</formula>
    </cfRule>
    <cfRule type="containsText" priority="390" operator="containsText" text="Critical - Delivery">
      <formula>NOT(ISERROR(SEARCH("Critical - Delivery",AB727)))</formula>
    </cfRule>
  </conditionalFormatting>
  <conditionalFormatting sqref="AB728:AC728">
    <cfRule type="colorScale" priority="418">
      <colorScale>
        <cfvo type="min"/>
        <cfvo type="percentile" val="50"/>
        <cfvo type="max"/>
        <color rgb="FFF8696B"/>
        <color rgb="FFFFEB84"/>
        <color rgb="FF63BE7B"/>
      </colorScale>
    </cfRule>
    <cfRule type="containsText" dxfId="254" priority="415" operator="containsText" text="Desirable">
      <formula>NOT(ISERROR(SEARCH("Desirable",AB728)))</formula>
    </cfRule>
    <cfRule type="containsText" dxfId="253" priority="416" operator="containsText" text="Critical">
      <formula>NOT(ISERROR(SEARCH("Critical",AB728)))</formula>
    </cfRule>
  </conditionalFormatting>
  <conditionalFormatting sqref="AB728:AC729">
    <cfRule type="containsText" dxfId="252" priority="407" operator="containsText" text="Essential">
      <formula>NOT(ISERROR(SEARCH("Essential",AB728)))</formula>
    </cfRule>
    <cfRule type="containsText" dxfId="251" priority="404" operator="containsText" text="Important">
      <formula>NOT(ISERROR(SEARCH("Important",AB728)))</formula>
    </cfRule>
  </conditionalFormatting>
  <conditionalFormatting sqref="AB729:AC729">
    <cfRule type="colorScale" priority="408">
      <colorScale>
        <cfvo type="min"/>
        <cfvo type="percentile" val="50"/>
        <cfvo type="max"/>
        <color rgb="FFF8696B"/>
        <color rgb="FFFFEB84"/>
        <color rgb="FF63BE7B"/>
      </colorScale>
    </cfRule>
    <cfRule type="containsText" dxfId="250" priority="406" operator="containsText" text="Critical">
      <formula>NOT(ISERROR(SEARCH("Critical",AB729)))</formula>
    </cfRule>
    <cfRule type="containsText" dxfId="249" priority="405" operator="containsText" text="Desirable">
      <formula>NOT(ISERROR(SEARCH("Desirable",AB729)))</formula>
    </cfRule>
  </conditionalFormatting>
  <conditionalFormatting sqref="AB729:AC730">
    <cfRule type="containsText" dxfId="248" priority="394" operator="containsText" text="Important">
      <formula>NOT(ISERROR(SEARCH("Important",AB729)))</formula>
    </cfRule>
    <cfRule type="containsText" dxfId="247" priority="397" operator="containsText" text="Essential">
      <formula>NOT(ISERROR(SEARCH("Essential",AB729)))</formula>
    </cfRule>
  </conditionalFormatting>
  <conditionalFormatting sqref="AB730:AC730">
    <cfRule type="containsText" dxfId="246" priority="392" operator="containsText" text="Important">
      <formula>NOT(ISERROR(SEARCH("Important",AB730)))</formula>
    </cfRule>
    <cfRule type="containsText" dxfId="245" priority="393" operator="containsText" text="Essential">
      <formula>NOT(ISERROR(SEARCH("Essential",AB730)))</formula>
    </cfRule>
    <cfRule type="colorScale" priority="398">
      <colorScale>
        <cfvo type="min"/>
        <cfvo type="percentile" val="50"/>
        <cfvo type="max"/>
        <color rgb="FFF8696B"/>
        <color rgb="FFFFEB84"/>
        <color rgb="FF63BE7B"/>
      </colorScale>
    </cfRule>
    <cfRule type="containsText" dxfId="244" priority="396" operator="containsText" text="Critical">
      <formula>NOT(ISERROR(SEARCH("Critical",AB730)))</formula>
    </cfRule>
    <cfRule type="containsText" dxfId="243" priority="395" operator="containsText" text="Desirable">
      <formula>NOT(ISERROR(SEARCH("Desirable",AB730)))</formula>
    </cfRule>
  </conditionalFormatting>
  <conditionalFormatting sqref="AC566">
    <cfRule type="containsText" dxfId="242" priority="1061" operator="containsText" text="Critical">
      <formula>NOT(ISERROR(SEARCH("Critical",AC566)))</formula>
    </cfRule>
    <cfRule type="containsText" dxfId="241" priority="1062" operator="containsText" text="Essential">
      <formula>NOT(ISERROR(SEARCH("Essential",AC566)))</formula>
    </cfRule>
    <cfRule type="containsText" dxfId="240" priority="1060" operator="containsText" text="Desirable">
      <formula>NOT(ISERROR(SEARCH("Desirable",AC566)))</formula>
    </cfRule>
    <cfRule type="containsText" dxfId="239" priority="1059" operator="containsText" text="Important">
      <formula>NOT(ISERROR(SEARCH("Important",AC566)))</formula>
    </cfRule>
    <cfRule type="colorScale" priority="1058">
      <colorScale>
        <cfvo type="min"/>
        <cfvo type="percentile" val="50"/>
        <cfvo type="max"/>
        <color rgb="FFF8696B"/>
        <color rgb="FFFFEB84"/>
        <color rgb="FF63BE7B"/>
      </colorScale>
    </cfRule>
  </conditionalFormatting>
  <conditionalFormatting sqref="AC567">
    <cfRule type="colorScale" priority="1045">
      <colorScale>
        <cfvo type="min"/>
        <cfvo type="percentile" val="50"/>
        <cfvo type="max"/>
        <color rgb="FFF8696B"/>
        <color rgb="FFFFEB84"/>
        <color rgb="FF63BE7B"/>
      </colorScale>
    </cfRule>
    <cfRule type="containsText" dxfId="238" priority="1042" operator="containsText" text="Critical">
      <formula>NOT(ISERROR(SEARCH("Critical",AC567)))</formula>
    </cfRule>
    <cfRule type="containsText" dxfId="237" priority="1038" operator="containsText" text="Important">
      <formula>NOT(ISERROR(SEARCH("Important",AC567)))</formula>
    </cfRule>
    <cfRule type="containsText" dxfId="236" priority="1039" operator="containsText" text="Essential">
      <formula>NOT(ISERROR(SEARCH("Essential",AC567)))</formula>
    </cfRule>
    <cfRule type="containsText" dxfId="235" priority="1041" operator="containsText" text="Desirable">
      <formula>NOT(ISERROR(SEARCH("Desirable",AC567)))</formula>
    </cfRule>
  </conditionalFormatting>
  <conditionalFormatting sqref="AC571">
    <cfRule type="colorScale" priority="1017">
      <colorScale>
        <cfvo type="min"/>
        <cfvo type="percentile" val="50"/>
        <cfvo type="max"/>
        <color rgb="FFF8696B"/>
        <color rgb="FFFFEB84"/>
        <color rgb="FF63BE7B"/>
      </colorScale>
    </cfRule>
    <cfRule type="containsText" dxfId="234" priority="1021" operator="containsText" text="Essential">
      <formula>NOT(ISERROR(SEARCH("Essential",AC571)))</formula>
    </cfRule>
    <cfRule type="containsText" dxfId="233" priority="1020" operator="containsText" text="Critical">
      <formula>NOT(ISERROR(SEARCH("Critical",AC571)))</formula>
    </cfRule>
    <cfRule type="containsText" dxfId="232" priority="1019" operator="containsText" text="Desirable">
      <formula>NOT(ISERROR(SEARCH("Desirable",AC571)))</formula>
    </cfRule>
    <cfRule type="containsText" dxfId="231" priority="1018" operator="containsText" text="Important">
      <formula>NOT(ISERROR(SEARCH("Important",AC571)))</formula>
    </cfRule>
  </conditionalFormatting>
  <conditionalFormatting sqref="AC768">
    <cfRule type="containsText" dxfId="230" priority="231" operator="containsText" text="Critical">
      <formula>NOT(ISERROR(SEARCH("Critical",AC768)))</formula>
    </cfRule>
    <cfRule type="containsText" dxfId="229" priority="230" operator="containsText" text="Desirable">
      <formula>NOT(ISERROR(SEARCH("Desirable",AC768)))</formula>
    </cfRule>
    <cfRule type="containsText" dxfId="228" priority="232" operator="containsText" text="Essential">
      <formula>NOT(ISERROR(SEARCH("Essential",AC768)))</formula>
    </cfRule>
    <cfRule type="containsText" dxfId="227" priority="236" operator="containsText" text="Critical - Local Plan">
      <formula>NOT(ISERROR(SEARCH("Critical - Local Plan",AC768)))</formula>
    </cfRule>
    <cfRule type="containsText" dxfId="226" priority="237" operator="containsText" text="Important">
      <formula>NOT(ISERROR(SEARCH("Important",AC768)))</formula>
    </cfRule>
    <cfRule type="containsText" dxfId="225" priority="238" operator="containsText" text="Essential">
      <formula>NOT(ISERROR(SEARCH("Essential",AC768)))</formula>
    </cfRule>
    <cfRule type="colorScale" priority="239">
      <colorScale>
        <cfvo type="min"/>
        <cfvo type="percentile" val="50"/>
        <cfvo type="max"/>
        <color rgb="FFF8696B"/>
        <color rgb="FFFFEB84"/>
        <color rgb="FF63BE7B"/>
      </colorScale>
    </cfRule>
  </conditionalFormatting>
  <conditionalFormatting sqref="AC759:AD759">
    <cfRule type="containsText" dxfId="224" priority="295" operator="containsText" text="Desirable">
      <formula>NOT(ISERROR(SEARCH("Desirable",AC759)))</formula>
    </cfRule>
    <cfRule type="colorScale" priority="293">
      <colorScale>
        <cfvo type="min"/>
        <cfvo type="percentile" val="50"/>
        <cfvo type="max"/>
        <color rgb="FFF8696B"/>
        <color rgb="FFFFEB84"/>
        <color rgb="FF63BE7B"/>
      </colorScale>
    </cfRule>
    <cfRule type="containsText" dxfId="223" priority="294" operator="containsText" text="Important">
      <formula>NOT(ISERROR(SEARCH("Important",AC759)))</formula>
    </cfRule>
    <cfRule type="containsText" dxfId="222" priority="296" operator="containsText" text="Critical">
      <formula>NOT(ISERROR(SEARCH("Critical",AC759)))</formula>
    </cfRule>
    <cfRule type="containsText" dxfId="221" priority="297" operator="containsText" text="Essential">
      <formula>NOT(ISERROR(SEARCH("Essential",AC759)))</formula>
    </cfRule>
  </conditionalFormatting>
  <conditionalFormatting sqref="AC759:AD760">
    <cfRule type="containsText" dxfId="220" priority="284" operator="containsText" text="Important">
      <formula>NOT(ISERROR(SEARCH("Important",AC759)))</formula>
    </cfRule>
    <cfRule type="containsText" dxfId="219" priority="287" operator="containsText" text="Essential">
      <formula>NOT(ISERROR(SEARCH("Essential",AC759)))</formula>
    </cfRule>
  </conditionalFormatting>
  <conditionalFormatting sqref="AC759:AD761">
    <cfRule type="containsText" priority="272" operator="containsText" text="Important">
      <formula>NOT(ISERROR(SEARCH("Important",AC759)))</formula>
    </cfRule>
  </conditionalFormatting>
  <conditionalFormatting sqref="AC759:AD762">
    <cfRule type="containsText" dxfId="218" priority="260" operator="containsText" text="Critical - Local Plan">
      <formula>NOT(ISERROR(SEARCH("Critical - Local Plan",AC759)))</formula>
    </cfRule>
    <cfRule type="containsText" priority="267" operator="containsText" text="Critical - Delivery">
      <formula>NOT(ISERROR(SEARCH("Critical - Delivery",AC759)))</formula>
    </cfRule>
  </conditionalFormatting>
  <conditionalFormatting sqref="AC760:AD760">
    <cfRule type="containsText" dxfId="217" priority="286" operator="containsText" text="Critical">
      <formula>NOT(ISERROR(SEARCH("Critical",AC760)))</formula>
    </cfRule>
    <cfRule type="colorScale" priority="283">
      <colorScale>
        <cfvo type="min"/>
        <cfvo type="percentile" val="50"/>
        <cfvo type="max"/>
        <color rgb="FFF8696B"/>
        <color rgb="FFFFEB84"/>
        <color rgb="FF63BE7B"/>
      </colorScale>
    </cfRule>
    <cfRule type="containsText" dxfId="216" priority="285" operator="containsText" text="Desirable">
      <formula>NOT(ISERROR(SEARCH("Desirable",AC760)))</formula>
    </cfRule>
  </conditionalFormatting>
  <conditionalFormatting sqref="AC760:AD761">
    <cfRule type="containsText" dxfId="215" priority="277" operator="containsText" text="Essential">
      <formula>NOT(ISERROR(SEARCH("Essential",AC760)))</formula>
    </cfRule>
    <cfRule type="containsText" dxfId="214" priority="274" operator="containsText" text="Important">
      <formula>NOT(ISERROR(SEARCH("Important",AC760)))</formula>
    </cfRule>
  </conditionalFormatting>
  <conditionalFormatting sqref="AC761:AD761">
    <cfRule type="containsText" dxfId="213" priority="276" operator="containsText" text="Critical">
      <formula>NOT(ISERROR(SEARCH("Critical",AC761)))</formula>
    </cfRule>
    <cfRule type="colorScale" priority="273">
      <colorScale>
        <cfvo type="min"/>
        <cfvo type="percentile" val="50"/>
        <cfvo type="max"/>
        <color rgb="FFF8696B"/>
        <color rgb="FFFFEB84"/>
        <color rgb="FF63BE7B"/>
      </colorScale>
    </cfRule>
    <cfRule type="containsText" dxfId="212" priority="275" operator="containsText" text="Desirable">
      <formula>NOT(ISERROR(SEARCH("Desirable",AC761)))</formula>
    </cfRule>
  </conditionalFormatting>
  <conditionalFormatting sqref="AC761:AD762">
    <cfRule type="containsText" dxfId="211" priority="262" operator="containsText" text="Essential">
      <formula>NOT(ISERROR(SEARCH("Essential",AC761)))</formula>
    </cfRule>
    <cfRule type="containsText" dxfId="210" priority="261" operator="containsText" text="Important">
      <formula>NOT(ISERROR(SEARCH("Important",AC761)))</formula>
    </cfRule>
  </conditionalFormatting>
  <conditionalFormatting sqref="AC764:AD764">
    <cfRule type="containsText" dxfId="209" priority="254" operator="containsText" text="Essential">
      <formula>NOT(ISERROR(SEARCH("Essential",AC764)))</formula>
    </cfRule>
    <cfRule type="containsText" dxfId="208" priority="253" operator="containsText" text="Important">
      <formula>NOT(ISERROR(SEARCH("Important",AC764)))</formula>
    </cfRule>
    <cfRule type="containsText" dxfId="207" priority="252" operator="containsText" text="Critical - Local Plan">
      <formula>NOT(ISERROR(SEARCH("Critical - Local Plan",AC764)))</formula>
    </cfRule>
    <cfRule type="containsText" priority="255" operator="containsText" text="Critical - Delivery">
      <formula>NOT(ISERROR(SEARCH("Critical - Delivery",AC764)))</formula>
    </cfRule>
  </conditionalFormatting>
  <conditionalFormatting sqref="AC768:AD769">
    <cfRule type="containsText" dxfId="206" priority="214" operator="containsText" text="Important">
      <formula>NOT(ISERROR(SEARCH("Important",AC768)))</formula>
    </cfRule>
  </conditionalFormatting>
  <conditionalFormatting sqref="AC768:AD773">
    <cfRule type="containsText" priority="196" operator="containsText" text="Important">
      <formula>NOT(ISERROR(SEARCH("Important",AC768)))</formula>
    </cfRule>
    <cfRule type="containsText" priority="192" operator="containsText" text="Critical - Delivery">
      <formula>NOT(ISERROR(SEARCH("Critical - Delivery",AC768)))</formula>
    </cfRule>
  </conditionalFormatting>
  <conditionalFormatting sqref="AC769:AD769">
    <cfRule type="colorScale" priority="217">
      <colorScale>
        <cfvo type="min"/>
        <cfvo type="percentile" val="50"/>
        <cfvo type="max"/>
        <color rgb="FFF8696B"/>
        <color rgb="FFFFEB84"/>
        <color rgb="FF63BE7B"/>
      </colorScale>
    </cfRule>
    <cfRule type="containsText" dxfId="205" priority="218" operator="containsText" text="Desirable">
      <formula>NOT(ISERROR(SEARCH("Desirable",AC769)))</formula>
    </cfRule>
    <cfRule type="containsText" dxfId="204" priority="219" operator="containsText" text="Critical">
      <formula>NOT(ISERROR(SEARCH("Critical",AC769)))</formula>
    </cfRule>
    <cfRule type="containsText" dxfId="203" priority="215" operator="containsText" text="Essential">
      <formula>NOT(ISERROR(SEARCH("Essential",AC769)))</formula>
    </cfRule>
    <cfRule type="containsText" dxfId="202" priority="213" operator="containsText" text="Critical - Local Plan">
      <formula>NOT(ISERROR(SEARCH("Critical - Local Plan",AC769)))</formula>
    </cfRule>
  </conditionalFormatting>
  <conditionalFormatting sqref="AC769:AD772">
    <cfRule type="containsText" dxfId="201" priority="205" operator="containsText" text="Essential">
      <formula>NOT(ISERROR(SEARCH("Essential",AC769)))</formula>
    </cfRule>
    <cfRule type="containsText" dxfId="200" priority="204" operator="containsText" text="Important">
      <formula>NOT(ISERROR(SEARCH("Important",AC769)))</formula>
    </cfRule>
  </conditionalFormatting>
  <conditionalFormatting sqref="AC770:AD772">
    <cfRule type="containsText" dxfId="199" priority="203" operator="containsText" text="Critical - Local Plan">
      <formula>NOT(ISERROR(SEARCH("Critical - Local Plan",AC770)))</formula>
    </cfRule>
    <cfRule type="containsText" dxfId="198" priority="209" operator="containsText" text="Critical">
      <formula>NOT(ISERROR(SEARCH("Critical",AC770)))</formula>
    </cfRule>
    <cfRule type="containsText" dxfId="197" priority="208" operator="containsText" text="Desirable">
      <formula>NOT(ISERROR(SEARCH("Desirable",AC770)))</formula>
    </cfRule>
    <cfRule type="colorScale" priority="207">
      <colorScale>
        <cfvo type="min"/>
        <cfvo type="percentile" val="50"/>
        <cfvo type="max"/>
        <color rgb="FFF8696B"/>
        <color rgb="FFFFEB84"/>
        <color rgb="FF63BE7B"/>
      </colorScale>
    </cfRule>
  </conditionalFormatting>
  <conditionalFormatting sqref="AC770:AD773">
    <cfRule type="containsText" dxfId="196" priority="195" operator="containsText" text="Essential">
      <formula>NOT(ISERROR(SEARCH("Essential",AC770)))</formula>
    </cfRule>
    <cfRule type="containsText" dxfId="195" priority="194" operator="containsText" text="Important">
      <formula>NOT(ISERROR(SEARCH("Important",AC770)))</formula>
    </cfRule>
  </conditionalFormatting>
  <conditionalFormatting sqref="AC773:AD773">
    <cfRule type="containsText" dxfId="194" priority="199" operator="containsText" text="Critical">
      <formula>NOT(ISERROR(SEARCH("Critical",AC773)))</formula>
    </cfRule>
    <cfRule type="colorScale" priority="197">
      <colorScale>
        <cfvo type="min"/>
        <cfvo type="percentile" val="50"/>
        <cfvo type="max"/>
        <color rgb="FFF8696B"/>
        <color rgb="FFFFEB84"/>
        <color rgb="FF63BE7B"/>
      </colorScale>
    </cfRule>
    <cfRule type="containsText" dxfId="193" priority="198" operator="containsText" text="Desirable">
      <formula>NOT(ISERROR(SEARCH("Desirable",AC773)))</formula>
    </cfRule>
    <cfRule type="containsText" dxfId="192" priority="190" operator="containsText" text="Important">
      <formula>NOT(ISERROR(SEARCH("Important",AC773)))</formula>
    </cfRule>
    <cfRule type="containsText" dxfId="191" priority="191" operator="containsText" text="Essential">
      <formula>NOT(ISERROR(SEARCH("Essential",AC773)))</formula>
    </cfRule>
    <cfRule type="containsText" dxfId="190" priority="193" operator="containsText" text="Critical - Local Plan">
      <formula>NOT(ISERROR(SEARCH("Critical - Local Plan",AC773)))</formula>
    </cfRule>
  </conditionalFormatting>
  <conditionalFormatting sqref="AC566:AE567">
    <cfRule type="containsText" priority="1036" operator="containsText" text="Critical - Delivery">
      <formula>NOT(ISERROR(SEARCH("Critical - Delivery",AC566)))</formula>
    </cfRule>
    <cfRule type="containsText" dxfId="189" priority="1037" operator="containsText" text="Critical - Local Plan">
      <formula>NOT(ISERROR(SEARCH("Critical - Local Plan",AC566)))</formula>
    </cfRule>
    <cfRule type="containsText" dxfId="188" priority="1040" operator="containsText" text="Important">
      <formula>NOT(ISERROR(SEARCH("Important",AC566)))</formula>
    </cfRule>
    <cfRule type="containsText" dxfId="187" priority="1043" operator="containsText" text="Essential">
      <formula>NOT(ISERROR(SEARCH("Essential",AC566)))</formula>
    </cfRule>
    <cfRule type="containsText" priority="1044" operator="containsText" text="Important">
      <formula>NOT(ISERROR(SEARCH("Important",AC566)))</formula>
    </cfRule>
  </conditionalFormatting>
  <conditionalFormatting sqref="AC571:AE571">
    <cfRule type="containsText" dxfId="186" priority="1014" operator="containsText" text="Critical - Local Plan">
      <formula>NOT(ISERROR(SEARCH("Critical - Local Plan",AC571)))</formula>
    </cfRule>
    <cfRule type="containsText" dxfId="185" priority="1015" operator="containsText" text="Important">
      <formula>NOT(ISERROR(SEARCH("Important",AC571)))</formula>
    </cfRule>
    <cfRule type="containsText" priority="1013" operator="containsText" text="Critical - Delivery">
      <formula>NOT(ISERROR(SEARCH("Critical - Delivery",AC571)))</formula>
    </cfRule>
    <cfRule type="containsText" dxfId="184" priority="1016" operator="containsText" text="Essential">
      <formula>NOT(ISERROR(SEARCH("Essential",AC571)))</formula>
    </cfRule>
    <cfRule type="containsText" priority="1022" operator="containsText" text="Important">
      <formula>NOT(ISERROR(SEARCH("Important",AC571)))</formula>
    </cfRule>
  </conditionalFormatting>
  <conditionalFormatting sqref="AC574:AE576">
    <cfRule type="containsText" priority="996" operator="containsText" text="Critical - Delivery">
      <formula>NOT(ISERROR(SEARCH("Critical - Delivery",AC574)))</formula>
    </cfRule>
    <cfRule type="containsText" dxfId="183" priority="995" operator="containsText" text="Essential">
      <formula>NOT(ISERROR(SEARCH("Essential",AC574)))</formula>
    </cfRule>
    <cfRule type="containsText" dxfId="182" priority="994" operator="containsText" text="Important">
      <formula>NOT(ISERROR(SEARCH("Important",AC574)))</formula>
    </cfRule>
    <cfRule type="containsText" dxfId="181" priority="993" operator="containsText" text="Critical - Local Plan">
      <formula>NOT(ISERROR(SEARCH("Critical - Local Plan",AC574)))</formula>
    </cfRule>
  </conditionalFormatting>
  <conditionalFormatting sqref="AD734">
    <cfRule type="containsText" dxfId="180" priority="355" operator="containsText" text="Important">
      <formula>NOT(ISERROR(SEARCH("Important",AD734)))</formula>
    </cfRule>
    <cfRule type="containsText" dxfId="179" priority="354" operator="containsText" text="Critical - Local Plan">
      <formula>NOT(ISERROR(SEARCH("Critical - Local Plan",AD734)))</formula>
    </cfRule>
    <cfRule type="containsText" priority="353" operator="containsText" text="Critical - Delivery">
      <formula>NOT(ISERROR(SEARCH("Critical - Delivery",AD734)))</formula>
    </cfRule>
    <cfRule type="containsText" priority="352" operator="containsText" text="Important">
      <formula>NOT(ISERROR(SEARCH("Important",AD734)))</formula>
    </cfRule>
    <cfRule type="containsText" dxfId="178" priority="358" operator="containsText" text="Desirable">
      <formula>NOT(ISERROR(SEARCH("Desirable",AD734)))</formula>
    </cfRule>
    <cfRule type="colorScale" priority="361">
      <colorScale>
        <cfvo type="min"/>
        <cfvo type="percentile" val="50"/>
        <cfvo type="max"/>
        <color rgb="FFF8696B"/>
        <color rgb="FFFFEB84"/>
        <color rgb="FF63BE7B"/>
      </colorScale>
    </cfRule>
    <cfRule type="containsText" dxfId="177" priority="360" operator="containsText" text="Essential">
      <formula>NOT(ISERROR(SEARCH("Essential",AD734)))</formula>
    </cfRule>
    <cfRule type="containsText" dxfId="176" priority="359" operator="containsText" text="Critical">
      <formula>NOT(ISERROR(SEARCH("Critical",AD734)))</formula>
    </cfRule>
    <cfRule type="containsText" dxfId="175" priority="357" operator="containsText" text="Important">
      <formula>NOT(ISERROR(SEARCH("Important",AD734)))</formula>
    </cfRule>
    <cfRule type="containsText" dxfId="174" priority="356" operator="containsText" text="Essential">
      <formula>NOT(ISERROR(SEARCH("Essential",AD734)))</formula>
    </cfRule>
  </conditionalFormatting>
  <conditionalFormatting sqref="AD758">
    <cfRule type="containsText" dxfId="173" priority="299" operator="containsText" text="Critical - Local Plan">
      <formula>NOT(ISERROR(SEARCH("Critical - Local Plan",AD758)))</formula>
    </cfRule>
    <cfRule type="containsText" dxfId="172" priority="301" operator="containsText" text="Essential">
      <formula>NOT(ISERROR(SEARCH("Essential",AD758)))</formula>
    </cfRule>
    <cfRule type="containsText" priority="298" operator="containsText" text="Critical - Delivery">
      <formula>NOT(ISERROR(SEARCH("Critical - Delivery",AD758)))</formula>
    </cfRule>
    <cfRule type="containsText" dxfId="171" priority="300" operator="containsText" text="Important">
      <formula>NOT(ISERROR(SEARCH("Important",AD758)))</formula>
    </cfRule>
  </conditionalFormatting>
  <conditionalFormatting sqref="AD763">
    <cfRule type="containsText" dxfId="170" priority="256" operator="containsText" text="Critical - Local Plan">
      <formula>NOT(ISERROR(SEARCH("Critical - Local Plan",AD763)))</formula>
    </cfRule>
    <cfRule type="containsText" priority="259" operator="containsText" text="Critical - Delivery">
      <formula>NOT(ISERROR(SEARCH("Critical - Delivery",AD763)))</formula>
    </cfRule>
    <cfRule type="containsText" dxfId="169" priority="258" operator="containsText" text="Essential">
      <formula>NOT(ISERROR(SEARCH("Essential",AD763)))</formula>
    </cfRule>
    <cfRule type="containsText" dxfId="168" priority="257" operator="containsText" text="Important">
      <formula>NOT(ISERROR(SEARCH("Important",AD763)))</formula>
    </cfRule>
  </conditionalFormatting>
  <conditionalFormatting sqref="AD768">
    <cfRule type="containsText" dxfId="167" priority="235" operator="containsText" text="Critical">
      <formula>NOT(ISERROR(SEARCH("Critical",AD768)))</formula>
    </cfRule>
    <cfRule type="containsText" dxfId="166" priority="234" operator="containsText" text="Desirable">
      <formula>NOT(ISERROR(SEARCH("Desirable",AD768)))</formula>
    </cfRule>
    <cfRule type="colorScale" priority="233">
      <colorScale>
        <cfvo type="min"/>
        <cfvo type="percentile" val="50"/>
        <cfvo type="max"/>
        <color rgb="FFF8696B"/>
        <color rgb="FFFFEB84"/>
        <color rgb="FF63BE7B"/>
      </colorScale>
    </cfRule>
    <cfRule type="containsText" dxfId="165" priority="228" operator="containsText" text="Essential">
      <formula>NOT(ISERROR(SEARCH("Essential",AD768)))</formula>
    </cfRule>
    <cfRule type="containsText" dxfId="164" priority="226" operator="containsText" text="Critical - Local Plan">
      <formula>NOT(ISERROR(SEARCH("Critical - Local Plan",AD768)))</formula>
    </cfRule>
    <cfRule type="containsText" dxfId="163" priority="227" operator="containsText" text="Important">
      <formula>NOT(ISERROR(SEARCH("Important",AD768)))</formula>
    </cfRule>
    <cfRule type="containsText" dxfId="162" priority="223" operator="containsText" text="Essential">
      <formula>NOT(ISERROR(SEARCH("Essential",AD768)))</formula>
    </cfRule>
  </conditionalFormatting>
  <conditionalFormatting sqref="AD788">
    <cfRule type="containsText" dxfId="161" priority="117" operator="containsText" text="Essential">
      <formula>NOT(ISERROR(SEARCH("Essential",AD788)))</formula>
    </cfRule>
    <cfRule type="containsText" dxfId="160" priority="116" operator="containsText" text="Important">
      <formula>NOT(ISERROR(SEARCH("Important",AD788)))</formula>
    </cfRule>
    <cfRule type="containsText" dxfId="159" priority="115" operator="containsText" text="Critical - Local Plan">
      <formula>NOT(ISERROR(SEARCH("Critical - Local Plan",AD788)))</formula>
    </cfRule>
    <cfRule type="containsText" priority="114" operator="containsText" text="Critical - Delivery">
      <formula>NOT(ISERROR(SEARCH("Critical - Delivery",AD788)))</formula>
    </cfRule>
  </conditionalFormatting>
  <conditionalFormatting sqref="AD566:AE566">
    <cfRule type="colorScale" priority="1064">
      <colorScale>
        <cfvo type="min"/>
        <cfvo type="percentile" val="50"/>
        <cfvo type="max"/>
        <color rgb="FFF8696B"/>
        <color rgb="FFFFEB84"/>
        <color rgb="FF63BE7B"/>
      </colorScale>
    </cfRule>
    <cfRule type="containsText" dxfId="158" priority="1065" operator="containsText" text="Important">
      <formula>NOT(ISERROR(SEARCH("Important",AD566)))</formula>
    </cfRule>
    <cfRule type="containsText" dxfId="157" priority="1066" operator="containsText" text="Desirable">
      <formula>NOT(ISERROR(SEARCH("Desirable",AD566)))</formula>
    </cfRule>
    <cfRule type="containsText" dxfId="156" priority="1067" operator="containsText" text="Critical">
      <formula>NOT(ISERROR(SEARCH("Critical",AD566)))</formula>
    </cfRule>
    <cfRule type="containsText" dxfId="155" priority="1068" operator="containsText" text="Essential">
      <formula>NOT(ISERROR(SEARCH("Essential",AD566)))</formula>
    </cfRule>
  </conditionalFormatting>
  <conditionalFormatting sqref="AD567:AE567">
    <cfRule type="colorScale" priority="1053">
      <colorScale>
        <cfvo type="min"/>
        <cfvo type="percentile" val="50"/>
        <cfvo type="max"/>
        <color rgb="FFF8696B"/>
        <color rgb="FFFFEB84"/>
        <color rgb="FF63BE7B"/>
      </colorScale>
    </cfRule>
    <cfRule type="containsText" dxfId="154" priority="1052" operator="containsText" text="Essential">
      <formula>NOT(ISERROR(SEARCH("Essential",AD567)))</formula>
    </cfRule>
    <cfRule type="containsText" dxfId="153" priority="1051" operator="containsText" text="Critical">
      <formula>NOT(ISERROR(SEARCH("Critical",AD567)))</formula>
    </cfRule>
    <cfRule type="containsText" dxfId="152" priority="1050" operator="containsText" text="Desirable">
      <formula>NOT(ISERROR(SEARCH("Desirable",AD567)))</formula>
    </cfRule>
    <cfRule type="containsText" dxfId="151" priority="1049" operator="containsText" text="Important">
      <formula>NOT(ISERROR(SEARCH("Important",AD567)))</formula>
    </cfRule>
  </conditionalFormatting>
  <conditionalFormatting sqref="AD571:AE571">
    <cfRule type="containsText" dxfId="150" priority="1027" operator="containsText" text="Essential">
      <formula>NOT(ISERROR(SEARCH("Essential",AD571)))</formula>
    </cfRule>
    <cfRule type="containsText" dxfId="149" priority="1026" operator="containsText" text="Critical">
      <formula>NOT(ISERROR(SEARCH("Critical",AD571)))</formula>
    </cfRule>
    <cfRule type="containsText" dxfId="148" priority="1025" operator="containsText" text="Desirable">
      <formula>NOT(ISERROR(SEARCH("Desirable",AD571)))</formula>
    </cfRule>
    <cfRule type="containsText" dxfId="147" priority="1024" operator="containsText" text="Important">
      <formula>NOT(ISERROR(SEARCH("Important",AD571)))</formula>
    </cfRule>
    <cfRule type="colorScale" priority="1023">
      <colorScale>
        <cfvo type="min"/>
        <cfvo type="percentile" val="50"/>
        <cfvo type="max"/>
        <color rgb="FFF8696B"/>
        <color rgb="FFFFEB84"/>
        <color rgb="FF63BE7B"/>
      </colorScale>
    </cfRule>
  </conditionalFormatting>
  <conditionalFormatting sqref="AD731:AE731">
    <cfRule type="colorScale" priority="388">
      <colorScale>
        <cfvo type="min"/>
        <cfvo type="percentile" val="50"/>
        <cfvo type="max"/>
        <color rgb="FFF8696B"/>
        <color rgb="FFFFEB84"/>
        <color rgb="FF63BE7B"/>
      </colorScale>
    </cfRule>
    <cfRule type="containsText" dxfId="146" priority="387" operator="containsText" text="Essential">
      <formula>NOT(ISERROR(SEARCH("Essential",AD731)))</formula>
    </cfRule>
    <cfRule type="containsText" dxfId="145" priority="385" operator="containsText" text="Desirable">
      <formula>NOT(ISERROR(SEARCH("Desirable",AD731)))</formula>
    </cfRule>
    <cfRule type="containsText" dxfId="144" priority="386" operator="containsText" text="Critical">
      <formula>NOT(ISERROR(SEARCH("Critical",AD731)))</formula>
    </cfRule>
  </conditionalFormatting>
  <conditionalFormatting sqref="AD731:AE732">
    <cfRule type="containsText" dxfId="143" priority="378" operator="containsText" text="Essential">
      <formula>NOT(ISERROR(SEARCH("Essential",AD731)))</formula>
    </cfRule>
  </conditionalFormatting>
  <conditionalFormatting sqref="AD731:AE733">
    <cfRule type="containsText" priority="363" operator="containsText" text="Critical - Delivery">
      <formula>NOT(ISERROR(SEARCH("Critical - Delivery",AD731)))</formula>
    </cfRule>
    <cfRule type="containsText" dxfId="142" priority="365" operator="containsText" text="Important">
      <formula>NOT(ISERROR(SEARCH("Important",AD731)))</formula>
    </cfRule>
    <cfRule type="containsText" dxfId="141" priority="364" operator="containsText" text="Critical - Local Plan">
      <formula>NOT(ISERROR(SEARCH("Critical - Local Plan",AD731)))</formula>
    </cfRule>
    <cfRule type="containsText" priority="362" operator="containsText" text="Important">
      <formula>NOT(ISERROR(SEARCH("Important",AD731)))</formula>
    </cfRule>
  </conditionalFormatting>
  <conditionalFormatting sqref="AD732:AE732">
    <cfRule type="containsText" dxfId="140" priority="376" operator="containsText" text="Desirable">
      <formula>NOT(ISERROR(SEARCH("Desirable",AD732)))</formula>
    </cfRule>
    <cfRule type="colorScale" priority="379">
      <colorScale>
        <cfvo type="min"/>
        <cfvo type="percentile" val="50"/>
        <cfvo type="max"/>
        <color rgb="FFF8696B"/>
        <color rgb="FFFFEB84"/>
        <color rgb="FF63BE7B"/>
      </colorScale>
    </cfRule>
    <cfRule type="containsText" dxfId="139" priority="377" operator="containsText" text="Critical">
      <formula>NOT(ISERROR(SEARCH("Critical",AD732)))</formula>
    </cfRule>
  </conditionalFormatting>
  <conditionalFormatting sqref="AD732:AE733">
    <cfRule type="containsText" dxfId="138" priority="369" operator="containsText" text="Essential">
      <formula>NOT(ISERROR(SEARCH("Essential",AD732)))</formula>
    </cfRule>
  </conditionalFormatting>
  <conditionalFormatting sqref="AD733:AE733">
    <cfRule type="colorScale" priority="370">
      <colorScale>
        <cfvo type="min"/>
        <cfvo type="percentile" val="50"/>
        <cfvo type="max"/>
        <color rgb="FFF8696B"/>
        <color rgb="FFFFEB84"/>
        <color rgb="FF63BE7B"/>
      </colorScale>
    </cfRule>
    <cfRule type="containsText" dxfId="137" priority="366" operator="containsText" text="Essential">
      <formula>NOT(ISERROR(SEARCH("Essential",AD733)))</formula>
    </cfRule>
    <cfRule type="containsText" dxfId="136" priority="367" operator="containsText" text="Desirable">
      <formula>NOT(ISERROR(SEARCH("Desirable",AD733)))</formula>
    </cfRule>
    <cfRule type="containsText" dxfId="135" priority="368" operator="containsText" text="Critical">
      <formula>NOT(ISERROR(SEARCH("Critical",AD733)))</formula>
    </cfRule>
  </conditionalFormatting>
  <conditionalFormatting sqref="AD735:AE741">
    <cfRule type="colorScale" priority="344">
      <colorScale>
        <cfvo type="min"/>
        <cfvo type="percentile" val="50"/>
        <cfvo type="max"/>
        <color rgb="FFF8696B"/>
        <color rgb="FFFFEB84"/>
        <color rgb="FF63BE7B"/>
      </colorScale>
    </cfRule>
    <cfRule type="containsText" dxfId="134" priority="345" operator="containsText" text="Critical - Local Plan">
      <formula>NOT(ISERROR(SEARCH("Critical - Local Plan",AD735)))</formula>
    </cfRule>
    <cfRule type="containsText" dxfId="133" priority="346" operator="containsText" text="Important">
      <formula>NOT(ISERROR(SEARCH("Important",AD735)))</formula>
    </cfRule>
    <cfRule type="containsText" dxfId="132" priority="347" operator="containsText" text="Essential">
      <formula>NOT(ISERROR(SEARCH("Essential",AD735)))</formula>
    </cfRule>
    <cfRule type="containsText" dxfId="131" priority="348" operator="containsText" text="Important">
      <formula>NOT(ISERROR(SEARCH("Important",AD735)))</formula>
    </cfRule>
    <cfRule type="containsText" dxfId="130" priority="351" operator="containsText" text="Essential">
      <formula>NOT(ISERROR(SEARCH("Essential",AD735)))</formula>
    </cfRule>
    <cfRule type="containsText" dxfId="129" priority="349" operator="containsText" text="Desirable">
      <formula>NOT(ISERROR(SEARCH("Desirable",AD735)))</formula>
    </cfRule>
    <cfRule type="containsText" dxfId="128" priority="350" operator="containsText" text="Critical">
      <formula>NOT(ISERROR(SEARCH("Critical",AD735)))</formula>
    </cfRule>
  </conditionalFormatting>
  <conditionalFormatting sqref="AD735:AE747">
    <cfRule type="containsText" priority="324" operator="containsText" text="Important">
      <formula>NOT(ISERROR(SEARCH("Important",AD735)))</formula>
    </cfRule>
    <cfRule type="containsText" priority="330" operator="containsText" text="Critical - Delivery">
      <formula>NOT(ISERROR(SEARCH("Critical - Delivery",AD735)))</formula>
    </cfRule>
  </conditionalFormatting>
  <conditionalFormatting sqref="AD742:AE742">
    <cfRule type="colorScale" priority="341">
      <colorScale>
        <cfvo type="min"/>
        <cfvo type="percentile" val="50"/>
        <cfvo type="max"/>
        <color rgb="FFF8696B"/>
        <color rgb="FFFFEB84"/>
        <color rgb="FF63BE7B"/>
      </colorScale>
    </cfRule>
    <cfRule type="containsText" dxfId="127" priority="340" operator="containsText" text="Essential">
      <formula>NOT(ISERROR(SEARCH("Essential",AD742)))</formula>
    </cfRule>
    <cfRule type="containsText" dxfId="126" priority="339" operator="containsText" text="Important">
      <formula>NOT(ISERROR(SEARCH("Important",AD742)))</formula>
    </cfRule>
  </conditionalFormatting>
  <conditionalFormatting sqref="AD742:AE747">
    <cfRule type="containsText" dxfId="125" priority="331" operator="containsText" text="Critical - Local Plan">
      <formula>NOT(ISERROR(SEARCH("Critical - Local Plan",AD742)))</formula>
    </cfRule>
    <cfRule type="containsText" dxfId="124" priority="328" operator="containsText" text="Critical">
      <formula>NOT(ISERROR(SEARCH("Critical",AD742)))</formula>
    </cfRule>
    <cfRule type="containsText" dxfId="123" priority="329" operator="containsText" text="Essential">
      <formula>NOT(ISERROR(SEARCH("Essential",AD742)))</formula>
    </cfRule>
    <cfRule type="containsText" dxfId="122" priority="326" operator="containsText" text="Important">
      <formula>NOT(ISERROR(SEARCH("Important",AD742)))</formula>
    </cfRule>
    <cfRule type="containsText" dxfId="121" priority="327" operator="containsText" text="Desirable">
      <formula>NOT(ISERROR(SEARCH("Desirable",AD742)))</formula>
    </cfRule>
  </conditionalFormatting>
  <conditionalFormatting sqref="AD743:AE747">
    <cfRule type="containsText" dxfId="120" priority="322" operator="containsText" text="Important">
      <formula>NOT(ISERROR(SEARCH("Important",AD743)))</formula>
    </cfRule>
    <cfRule type="colorScale" priority="325">
      <colorScale>
        <cfvo type="min"/>
        <cfvo type="percentile" val="50"/>
        <cfvo type="max"/>
        <color rgb="FFF8696B"/>
        <color rgb="FFFFEB84"/>
        <color rgb="FF63BE7B"/>
      </colorScale>
    </cfRule>
    <cfRule type="containsText" dxfId="119" priority="323" operator="containsText" text="Essential">
      <formula>NOT(ISERROR(SEARCH("Essential",AD743)))</formula>
    </cfRule>
  </conditionalFormatting>
  <conditionalFormatting sqref="AD750:AE753">
    <cfRule type="containsText" dxfId="118" priority="321" operator="containsText" text="Essential">
      <formula>NOT(ISERROR(SEARCH("Essential",AD750)))</formula>
    </cfRule>
    <cfRule type="containsText" dxfId="117" priority="313" operator="containsText" text="Critical - Local Plan">
      <formula>NOT(ISERROR(SEARCH("Critical - Local Plan",AD750)))</formula>
    </cfRule>
    <cfRule type="containsText" priority="312" operator="containsText" text="Critical - Delivery">
      <formula>NOT(ISERROR(SEARCH("Critical - Delivery",AD750)))</formula>
    </cfRule>
    <cfRule type="containsText" dxfId="116" priority="314" operator="containsText" text="Important">
      <formula>NOT(ISERROR(SEARCH("Important",AD750)))</formula>
    </cfRule>
    <cfRule type="containsText" dxfId="115" priority="320" operator="containsText" text="Critical">
      <formula>NOT(ISERROR(SEARCH("Critical",AD750)))</formula>
    </cfRule>
    <cfRule type="containsText" dxfId="114" priority="319" operator="containsText" text="Desirable">
      <formula>NOT(ISERROR(SEARCH("Desirable",AD750)))</formula>
    </cfRule>
    <cfRule type="containsText" dxfId="113" priority="318" operator="containsText" text="Important">
      <formula>NOT(ISERROR(SEARCH("Important",AD750)))</formula>
    </cfRule>
    <cfRule type="colorScale" priority="317">
      <colorScale>
        <cfvo type="min"/>
        <cfvo type="percentile" val="50"/>
        <cfvo type="max"/>
        <color rgb="FFF8696B"/>
        <color rgb="FFFFEB84"/>
        <color rgb="FF63BE7B"/>
      </colorScale>
    </cfRule>
    <cfRule type="containsText" priority="316" operator="containsText" text="Important">
      <formula>NOT(ISERROR(SEARCH("Important",AD750)))</formula>
    </cfRule>
    <cfRule type="containsText" dxfId="112" priority="315" operator="containsText" text="Essential">
      <formula>NOT(ISERROR(SEARCH("Essential",AD750)))</formula>
    </cfRule>
  </conditionalFormatting>
  <conditionalFormatting sqref="AD757:AE757">
    <cfRule type="containsText" dxfId="111" priority="303" operator="containsText" text="Critical - Local Plan">
      <formula>NOT(ISERROR(SEARCH("Critical - Local Plan",AD757)))</formula>
    </cfRule>
    <cfRule type="containsText" priority="304" operator="containsText" text="Important">
      <formula>NOT(ISERROR(SEARCH("Important",AD757)))</formula>
    </cfRule>
    <cfRule type="containsText" dxfId="110" priority="305" operator="containsText" text="Important">
      <formula>NOT(ISERROR(SEARCH("Important",AD757)))</formula>
    </cfRule>
    <cfRule type="containsText" dxfId="109" priority="306" operator="containsText" text="Essential">
      <formula>NOT(ISERROR(SEARCH("Essential",AD757)))</formula>
    </cfRule>
    <cfRule type="colorScale" priority="307">
      <colorScale>
        <cfvo type="min"/>
        <cfvo type="percentile" val="50"/>
        <cfvo type="max"/>
        <color rgb="FFF8696B"/>
        <color rgb="FFFFEB84"/>
        <color rgb="FF63BE7B"/>
      </colorScale>
    </cfRule>
    <cfRule type="containsText" dxfId="108" priority="308" operator="containsText" text="Important">
      <formula>NOT(ISERROR(SEARCH("Important",AD757)))</formula>
    </cfRule>
    <cfRule type="containsText" dxfId="107" priority="310" operator="containsText" text="Critical">
      <formula>NOT(ISERROR(SEARCH("Critical",AD757)))</formula>
    </cfRule>
    <cfRule type="containsText" dxfId="106" priority="311" operator="containsText" text="Essential">
      <formula>NOT(ISERROR(SEARCH("Essential",AD757)))</formula>
    </cfRule>
    <cfRule type="containsText" dxfId="105" priority="309" operator="containsText" text="Desirable">
      <formula>NOT(ISERROR(SEARCH("Desirable",AD757)))</formula>
    </cfRule>
    <cfRule type="containsText" priority="302" operator="containsText" text="Critical - Delivery">
      <formula>NOT(ISERROR(SEARCH("Critical - Delivery",AD757)))</formula>
    </cfRule>
  </conditionalFormatting>
  <conditionalFormatting sqref="AE774:AE776">
    <cfRule type="containsText" dxfId="104" priority="188" operator="containsText" text="Essential">
      <formula>NOT(ISERROR(SEARCH("Essential",AE774)))</formula>
    </cfRule>
    <cfRule type="colorScale" priority="189">
      <colorScale>
        <cfvo type="min"/>
        <cfvo type="percentile" val="50"/>
        <cfvo type="max"/>
        <color rgb="FFF8696B"/>
        <color rgb="FFFFEB84"/>
        <color rgb="FF63BE7B"/>
      </colorScale>
    </cfRule>
  </conditionalFormatting>
  <conditionalFormatting sqref="AE778">
    <cfRule type="containsText" dxfId="103" priority="164" operator="containsText" text="Critical - Local Plan">
      <formula>NOT(ISERROR(SEARCH("Critical - Local Plan",AE778)))</formula>
    </cfRule>
    <cfRule type="containsText" priority="163" operator="containsText" text="Critical - Delivery">
      <formula>NOT(ISERROR(SEARCH("Critical - Delivery",AE778)))</formula>
    </cfRule>
    <cfRule type="containsText" dxfId="102" priority="166" operator="containsText" text="Essential">
      <formula>NOT(ISERROR(SEARCH("Essential",AE778)))</formula>
    </cfRule>
    <cfRule type="containsText" dxfId="101" priority="165" operator="containsText" text="Important">
      <formula>NOT(ISERROR(SEARCH("Important",AE778)))</formula>
    </cfRule>
  </conditionalFormatting>
  <conditionalFormatting sqref="AE774:AF776">
    <cfRule type="containsText" priority="171" operator="containsText" text="Important">
      <formula>NOT(ISERROR(SEARCH("Important",AE774)))</formula>
    </cfRule>
    <cfRule type="containsText" dxfId="100" priority="182" operator="containsText" text="Critical">
      <formula>NOT(ISERROR(SEARCH("Critical",AE774)))</formula>
    </cfRule>
    <cfRule type="containsText" dxfId="99" priority="181" operator="containsText" text="Desirable">
      <formula>NOT(ISERROR(SEARCH("Desirable",AE774)))</formula>
    </cfRule>
    <cfRule type="containsText" dxfId="98" priority="178" operator="containsText" text="Essential">
      <formula>NOT(ISERROR(SEARCH("Essential",AE774)))</formula>
    </cfRule>
    <cfRule type="containsText" dxfId="97" priority="177" operator="containsText" text="Important">
      <formula>NOT(ISERROR(SEARCH("Important",AE774)))</formula>
    </cfRule>
    <cfRule type="containsText" dxfId="96" priority="176" operator="containsText" text="Critical - Local Plan">
      <formula>NOT(ISERROR(SEARCH("Critical - Local Plan",AE774)))</formula>
    </cfRule>
  </conditionalFormatting>
  <conditionalFormatting sqref="AE774:AF777">
    <cfRule type="containsText" priority="167" operator="containsText" text="Critical - Delivery">
      <formula>NOT(ISERROR(SEARCH("Critical - Delivery",AE774)))</formula>
    </cfRule>
  </conditionalFormatting>
  <conditionalFormatting sqref="AE777:AF777">
    <cfRule type="containsText" dxfId="95" priority="170" operator="containsText" text="Essential">
      <formula>NOT(ISERROR(SEARCH("Essential",AE777)))</formula>
    </cfRule>
    <cfRule type="containsText" dxfId="94" priority="169" operator="containsText" text="Important">
      <formula>NOT(ISERROR(SEARCH("Important",AE777)))</formula>
    </cfRule>
    <cfRule type="containsText" dxfId="93" priority="168" operator="containsText" text="Critical - Local Plan">
      <formula>NOT(ISERROR(SEARCH("Critical - Local Plan",AE777)))</formula>
    </cfRule>
  </conditionalFormatting>
  <conditionalFormatting sqref="AF774:AF776">
    <cfRule type="containsText" dxfId="92" priority="173" operator="containsText" text="Important">
      <formula>NOT(ISERROR(SEARCH("Important",AF774)))</formula>
    </cfRule>
    <cfRule type="colorScale" priority="180">
      <colorScale>
        <cfvo type="min"/>
        <cfvo type="percentile" val="50"/>
        <cfvo type="max"/>
        <color rgb="FFF8696B"/>
        <color rgb="FFFFEB84"/>
        <color rgb="FF63BE7B"/>
      </colorScale>
    </cfRule>
    <cfRule type="containsText" dxfId="91" priority="174" operator="containsText" text="Essential">
      <formula>NOT(ISERROR(SEARCH("Essential",AF774)))</formula>
    </cfRule>
  </conditionalFormatting>
  <conditionalFormatting sqref="AI791:AK791">
    <cfRule type="containsText" dxfId="90" priority="104" operator="containsText" text="Important">
      <formula>NOT(ISERROR(SEARCH("Important",AI791)))</formula>
    </cfRule>
    <cfRule type="colorScale" priority="106">
      <colorScale>
        <cfvo type="min"/>
        <cfvo type="percentile" val="50"/>
        <cfvo type="max"/>
        <color rgb="FFF8696B"/>
        <color rgb="FFFFEB84"/>
        <color rgb="FF63BE7B"/>
      </colorScale>
    </cfRule>
    <cfRule type="containsText" dxfId="89" priority="105" operator="containsText" text="Essential">
      <formula>NOT(ISERROR(SEARCH("Essential",AI791)))</formula>
    </cfRule>
  </conditionalFormatting>
  <conditionalFormatting sqref="AI791:AK795">
    <cfRule type="containsText" dxfId="88" priority="83" operator="containsText" text="Desirable">
      <formula>NOT(ISERROR(SEARCH("Desirable",AI791)))</formula>
    </cfRule>
    <cfRule type="containsText" dxfId="87" priority="84" operator="containsText" text="Critical">
      <formula>NOT(ISERROR(SEARCH("Critical",AI791)))</formula>
    </cfRule>
  </conditionalFormatting>
  <conditionalFormatting sqref="AI791:AK796">
    <cfRule type="containsText" priority="28" operator="containsText" text="Important">
      <formula>NOT(ISERROR(SEARCH("Important",AI791)))</formula>
    </cfRule>
    <cfRule type="containsText" priority="27" operator="containsText" text="Critical - Delivery">
      <formula>NOT(ISERROR(SEARCH("Critical - Delivery",AI791)))</formula>
    </cfRule>
  </conditionalFormatting>
  <conditionalFormatting sqref="AI792:AK795">
    <cfRule type="colorScale" priority="86">
      <colorScale>
        <cfvo type="min"/>
        <cfvo type="percentile" val="50"/>
        <cfvo type="max"/>
        <color rgb="FFF8696B"/>
        <color rgb="FFFFEB84"/>
        <color rgb="FF63BE7B"/>
      </colorScale>
    </cfRule>
    <cfRule type="containsText" dxfId="86" priority="81" operator="containsText" text="Essential">
      <formula>NOT(ISERROR(SEARCH("Essential",AI792)))</formula>
    </cfRule>
    <cfRule type="containsText" dxfId="85" priority="82" operator="containsText" text="Important">
      <formula>NOT(ISERROR(SEARCH("Important",AI792)))</formula>
    </cfRule>
    <cfRule type="containsText" dxfId="84" priority="85" operator="containsText" text="Essential">
      <formula>NOT(ISERROR(SEARCH("Essential",AI792)))</formula>
    </cfRule>
  </conditionalFormatting>
  <conditionalFormatting sqref="AI796:AK796">
    <cfRule type="containsText" dxfId="83" priority="55" operator="containsText" text="Essential">
      <formula>NOT(ISERROR(SEARCH("Essential",AI796)))</formula>
    </cfRule>
    <cfRule type="containsText" dxfId="82" priority="39" operator="containsText" text="Critical - Local Plan">
      <formula>NOT(ISERROR(SEARCH("Critical - Local Plan",AI796)))</formula>
    </cfRule>
    <cfRule type="containsText" dxfId="81" priority="54" operator="containsText" text="Critical">
      <formula>NOT(ISERROR(SEARCH("Critical",AI796)))</formula>
    </cfRule>
    <cfRule type="containsText" dxfId="80" priority="53" operator="containsText" text="Desirable">
      <formula>NOT(ISERROR(SEARCH("Desirable",AI796)))</formula>
    </cfRule>
    <cfRule type="containsText" dxfId="79" priority="52" operator="containsText" text="Important">
      <formula>NOT(ISERROR(SEARCH("Important",AI796)))</formula>
    </cfRule>
    <cfRule type="colorScale" priority="51">
      <colorScale>
        <cfvo type="min"/>
        <cfvo type="percentile" val="50"/>
        <cfvo type="max"/>
        <color rgb="FFF8696B"/>
        <color rgb="FFFFEB84"/>
        <color rgb="FF63BE7B"/>
      </colorScale>
    </cfRule>
    <cfRule type="containsText" dxfId="78" priority="50" operator="containsText" text="Essential">
      <formula>NOT(ISERROR(SEARCH("Essential",AI796)))</formula>
    </cfRule>
    <cfRule type="containsText" dxfId="77" priority="48" operator="containsText" text="Important">
      <formula>NOT(ISERROR(SEARCH("Important",AI796)))</formula>
    </cfRule>
  </conditionalFormatting>
  <conditionalFormatting sqref="AI798:AK798">
    <cfRule type="containsText" priority="65" operator="containsText" text="Important">
      <formula>NOT(ISERROR(SEARCH("Important",AI798)))</formula>
    </cfRule>
    <cfRule type="containsText" dxfId="76" priority="56" operator="containsText" text="Important">
      <formula>NOT(ISERROR(SEARCH("Important",AI798)))</formula>
    </cfRule>
    <cfRule type="containsText" dxfId="75" priority="58" operator="containsText" text="Important">
      <formula>NOT(ISERROR(SEARCH("Important",AI798)))</formula>
    </cfRule>
    <cfRule type="containsText" dxfId="74" priority="57" operator="containsText" text="Essential">
      <formula>NOT(ISERROR(SEARCH("Essential",AI798)))</formula>
    </cfRule>
    <cfRule type="containsText" dxfId="73" priority="59" operator="containsText" text="Essential">
      <formula>NOT(ISERROR(SEARCH("Essential",AI798)))</formula>
    </cfRule>
    <cfRule type="colorScale" priority="60">
      <colorScale>
        <cfvo type="min"/>
        <cfvo type="percentile" val="50"/>
        <cfvo type="max"/>
        <color rgb="FFF8696B"/>
        <color rgb="FFFFEB84"/>
        <color rgb="FF63BE7B"/>
      </colorScale>
    </cfRule>
    <cfRule type="containsText" dxfId="72" priority="61" operator="containsText" text="Desirable">
      <formula>NOT(ISERROR(SEARCH("Desirable",AI798)))</formula>
    </cfRule>
    <cfRule type="containsText" dxfId="71" priority="62" operator="containsText" text="Critical">
      <formula>NOT(ISERROR(SEARCH("Critical",AI798)))</formula>
    </cfRule>
    <cfRule type="containsText" priority="63" operator="containsText" text="Critical - Delivery">
      <formula>NOT(ISERROR(SEARCH("Critical - Delivery",AI798)))</formula>
    </cfRule>
    <cfRule type="containsText" dxfId="70" priority="64" operator="containsText" text="Critical - Local Plan">
      <formula>NOT(ISERROR(SEARCH("Critical - Local Plan",AI798)))</formula>
    </cfRule>
  </conditionalFormatting>
  <conditionalFormatting sqref="AI799:AK799">
    <cfRule type="colorScale" priority="66">
      <colorScale>
        <cfvo type="min"/>
        <cfvo type="percentile" val="50"/>
        <cfvo type="max"/>
        <color rgb="FFF8696B"/>
        <color rgb="FFFFEB84"/>
        <color rgb="FF63BE7B"/>
      </colorScale>
    </cfRule>
  </conditionalFormatting>
  <conditionalFormatting sqref="AI800:AK802">
    <cfRule type="colorScale" priority="25">
      <colorScale>
        <cfvo type="min"/>
        <cfvo type="percentile" val="50"/>
        <cfvo type="max"/>
        <color rgb="FFF8696B"/>
        <color rgb="FFFFEB84"/>
        <color rgb="FF63BE7B"/>
      </colorScale>
    </cfRule>
  </conditionalFormatting>
  <conditionalFormatting sqref="AI779:AL779">
    <cfRule type="containsText" dxfId="69" priority="162" operator="containsText" text="Desirable">
      <formula>NOT(ISERROR(SEARCH("Desirable",AI779)))</formula>
    </cfRule>
    <cfRule type="containsText" dxfId="68" priority="161" operator="containsText" text="Critical">
      <formula>NOT(ISERROR(SEARCH("Critical",AI779)))</formula>
    </cfRule>
    <cfRule type="colorScale" priority="160">
      <colorScale>
        <cfvo type="min"/>
        <cfvo type="percentile" val="50"/>
        <cfvo type="max"/>
        <color rgb="FFF8696B"/>
        <color rgb="FFFFEB84"/>
        <color rgb="FF63BE7B"/>
      </colorScale>
    </cfRule>
    <cfRule type="containsText" dxfId="67" priority="158" operator="containsText" text="Essential">
      <formula>NOT(ISERROR(SEARCH("Essential",AI779)))</formula>
    </cfRule>
    <cfRule type="containsText" dxfId="66" priority="157" operator="containsText" text="Important">
      <formula>NOT(ISERROR(SEARCH("Important",AI779)))</formula>
    </cfRule>
  </conditionalFormatting>
  <conditionalFormatting sqref="AI779:AL780">
    <cfRule type="containsText" priority="149" operator="containsText" text="Critical - Delivery">
      <formula>NOT(ISERROR(SEARCH("Critical - Delivery",AI779)))</formula>
    </cfRule>
    <cfRule type="containsText" dxfId="65" priority="147" operator="containsText" text="Important">
      <formula>NOT(ISERROR(SEARCH("Important",AI779)))</formula>
    </cfRule>
    <cfRule type="containsText" dxfId="64" priority="144" operator="containsText" text="Critical - Local Plan">
      <formula>NOT(ISERROR(SEARCH("Critical - Local Plan",AI779)))</formula>
    </cfRule>
    <cfRule type="containsText" dxfId="63" priority="148" operator="containsText" text="Essential">
      <formula>NOT(ISERROR(SEARCH("Essential",AI779)))</formula>
    </cfRule>
    <cfRule type="containsText" priority="143" operator="containsText" text="Important">
      <formula>NOT(ISERROR(SEARCH("Important",AI779)))</formula>
    </cfRule>
  </conditionalFormatting>
  <conditionalFormatting sqref="AI780:AL780">
    <cfRule type="colorScale" priority="150">
      <colorScale>
        <cfvo type="min"/>
        <cfvo type="percentile" val="50"/>
        <cfvo type="max"/>
        <color rgb="FFF8696B"/>
        <color rgb="FFFFEB84"/>
        <color rgb="FF63BE7B"/>
      </colorScale>
    </cfRule>
    <cfRule type="containsText" dxfId="62" priority="146" operator="containsText" text="Essential">
      <formula>NOT(ISERROR(SEARCH("Essential",AI780)))</formula>
    </cfRule>
    <cfRule type="containsText" dxfId="61" priority="145" operator="containsText" text="Important">
      <formula>NOT(ISERROR(SEARCH("Important",AI780)))</formula>
    </cfRule>
    <cfRule type="containsText" dxfId="60" priority="151" operator="containsText" text="Critical">
      <formula>NOT(ISERROR(SEARCH("Critical",AI780)))</formula>
    </cfRule>
    <cfRule type="containsText" dxfId="59" priority="152" operator="containsText" text="Desirable">
      <formula>NOT(ISERROR(SEARCH("Desirable",AI780)))</formula>
    </cfRule>
  </conditionalFormatting>
  <conditionalFormatting sqref="AI782:AL790">
    <cfRule type="containsText" dxfId="58" priority="109" operator="containsText" text="Essential">
      <formula>NOT(ISERROR(SEARCH("Essential",AI782)))</formula>
    </cfRule>
    <cfRule type="containsText" dxfId="57" priority="108" operator="containsText" text="Important">
      <formula>NOT(ISERROR(SEARCH("Important",AI782)))</formula>
    </cfRule>
    <cfRule type="containsText" priority="110" operator="containsText" text="Critical - Delivery">
      <formula>NOT(ISERROR(SEARCH("Critical - Delivery",AI782)))</formula>
    </cfRule>
  </conditionalFormatting>
  <conditionalFormatting sqref="AI782:AL791">
    <cfRule type="containsText" dxfId="56" priority="95" operator="containsText" text="Critical - Local Plan">
      <formula>NOT(ISERROR(SEARCH("Critical - Local Plan",AI782)))</formula>
    </cfRule>
  </conditionalFormatting>
  <conditionalFormatting sqref="AI791:AL791">
    <cfRule type="containsText" dxfId="55" priority="97" operator="containsText" text="Essential">
      <formula>NOT(ISERROR(SEARCH("Essential",AI791)))</formula>
    </cfRule>
  </conditionalFormatting>
  <conditionalFormatting sqref="AI791:AL795">
    <cfRule type="containsText" dxfId="54" priority="73" operator="containsText" text="Important">
      <formula>NOT(ISERROR(SEARCH("Important",AI791)))</formula>
    </cfRule>
  </conditionalFormatting>
  <conditionalFormatting sqref="AI792:AL795">
    <cfRule type="containsText" dxfId="53" priority="72" operator="containsText" text="Critical - Local Plan">
      <formula>NOT(ISERROR(SEARCH("Critical - Local Plan",AI792)))</formula>
    </cfRule>
  </conditionalFormatting>
  <conditionalFormatting sqref="AI799:AL799">
    <cfRule type="containsText" dxfId="52" priority="46" operator="containsText" text="Critical">
      <formula>NOT(ISERROR(SEARCH("Critical",AI799)))</formula>
    </cfRule>
    <cfRule type="containsText" dxfId="51" priority="45" operator="containsText" text="Desirable">
      <formula>NOT(ISERROR(SEARCH("Desirable",AI799)))</formula>
    </cfRule>
    <cfRule type="containsText" dxfId="50" priority="44" operator="containsText" text="Important">
      <formula>NOT(ISERROR(SEARCH("Important",AI799)))</formula>
    </cfRule>
    <cfRule type="containsText" dxfId="49" priority="42" operator="containsText" text="Essential">
      <formula>NOT(ISERROR(SEARCH("Essential",AI799)))</formula>
    </cfRule>
    <cfRule type="containsText" dxfId="48" priority="41" operator="containsText" text="Important">
      <formula>NOT(ISERROR(SEARCH("Important",AI799)))</formula>
    </cfRule>
    <cfRule type="containsText" dxfId="47" priority="40" operator="containsText" text="Critical - Local Plan">
      <formula>NOT(ISERROR(SEARCH("Critical - Local Plan",AI799)))</formula>
    </cfRule>
    <cfRule type="containsText" dxfId="46" priority="47" operator="containsText" text="Essential">
      <formula>NOT(ISERROR(SEARCH("Essential",AI799)))</formula>
    </cfRule>
  </conditionalFormatting>
  <conditionalFormatting sqref="AI799:AL803">
    <cfRule type="containsText" priority="5" operator="containsText" text="Important">
      <formula>NOT(ISERROR(SEARCH("Important",AI799)))</formula>
    </cfRule>
    <cfRule type="containsText" priority="11" operator="containsText" text="Critical - Delivery">
      <formula>NOT(ISERROR(SEARCH("Critical - Delivery",AI799)))</formula>
    </cfRule>
  </conditionalFormatting>
  <conditionalFormatting sqref="AI800:AL802">
    <cfRule type="containsText" dxfId="45" priority="16" operator="containsText" text="Critical - Local Plan">
      <formula>NOT(ISERROR(SEARCH("Critical - Local Plan",AI800)))</formula>
    </cfRule>
    <cfRule type="containsText" dxfId="44" priority="17" operator="containsText" text="Important">
      <formula>NOT(ISERROR(SEARCH("Important",AI800)))</formula>
    </cfRule>
    <cfRule type="containsText" dxfId="43" priority="22" operator="containsText" text="Critical">
      <formula>NOT(ISERROR(SEARCH("Critical",AI800)))</formula>
    </cfRule>
    <cfRule type="containsText" dxfId="42" priority="21" operator="containsText" text="Desirable">
      <formula>NOT(ISERROR(SEARCH("Desirable",AI800)))</formula>
    </cfRule>
    <cfRule type="containsText" dxfId="41" priority="18" operator="containsText" text="Essential">
      <formula>NOT(ISERROR(SEARCH("Essential",AI800)))</formula>
    </cfRule>
    <cfRule type="containsText" dxfId="40" priority="20" operator="containsText" text="Important">
      <formula>NOT(ISERROR(SEARCH("Important",AI800)))</formula>
    </cfRule>
    <cfRule type="containsText" dxfId="39" priority="23" operator="containsText" text="Essential">
      <formula>NOT(ISERROR(SEARCH("Essential",AI800)))</formula>
    </cfRule>
  </conditionalFormatting>
  <conditionalFormatting sqref="AI803:AL803">
    <cfRule type="containsText" dxfId="38" priority="6" operator="containsText" text="Critical - Local Plan">
      <formula>NOT(ISERROR(SEARCH("Critical - Local Plan",AI803)))</formula>
    </cfRule>
    <cfRule type="containsText" dxfId="37" priority="10" operator="containsText" text="Essential">
      <formula>NOT(ISERROR(SEARCH("Essential",AI803)))</formula>
    </cfRule>
    <cfRule type="containsText" dxfId="36" priority="9" operator="containsText" text="Important">
      <formula>NOT(ISERROR(SEARCH("Important",AI803)))</formula>
    </cfRule>
    <cfRule type="containsText" dxfId="35" priority="8" operator="containsText" text="Essential">
      <formula>NOT(ISERROR(SEARCH("Essential",AI803)))</formula>
    </cfRule>
    <cfRule type="containsText" dxfId="34" priority="7" operator="containsText" text="Important">
      <formula>NOT(ISERROR(SEARCH("Important",AI803)))</formula>
    </cfRule>
    <cfRule type="containsText" dxfId="33" priority="14" operator="containsText" text="Desirable">
      <formula>NOT(ISERROR(SEARCH("Desirable",AI803)))</formula>
    </cfRule>
    <cfRule type="colorScale" priority="12">
      <colorScale>
        <cfvo type="min"/>
        <cfvo type="percentile" val="50"/>
        <cfvo type="max"/>
        <color rgb="FFF8696B"/>
        <color rgb="FFFFEB84"/>
        <color rgb="FF63BE7B"/>
      </colorScale>
    </cfRule>
    <cfRule type="containsText" dxfId="32" priority="13" operator="containsText" text="Critical">
      <formula>NOT(ISERROR(SEARCH("Critical",AI803)))</formula>
    </cfRule>
  </conditionalFormatting>
  <conditionalFormatting sqref="AL791">
    <cfRule type="containsText" dxfId="31" priority="100" operator="containsText" text="Desirable">
      <formula>NOT(ISERROR(SEARCH("Desirable",AL791)))</formula>
    </cfRule>
    <cfRule type="containsText" dxfId="30" priority="101" operator="containsText" text="Critical">
      <formula>NOT(ISERROR(SEARCH("Critical",AL791)))</formula>
    </cfRule>
    <cfRule type="containsText" dxfId="29" priority="96" operator="containsText" text="Important">
      <formula>NOT(ISERROR(SEARCH("Important",AL791)))</formula>
    </cfRule>
    <cfRule type="colorScale" priority="99">
      <colorScale>
        <cfvo type="min"/>
        <cfvo type="percentile" val="50"/>
        <cfvo type="max"/>
        <color rgb="FFF8696B"/>
        <color rgb="FFFFEB84"/>
        <color rgb="FF63BE7B"/>
      </colorScale>
    </cfRule>
  </conditionalFormatting>
  <conditionalFormatting sqref="AL791:AL795">
    <cfRule type="containsText" dxfId="28" priority="74" operator="containsText" text="Essential">
      <formula>NOT(ISERROR(SEARCH("Essential",AL791)))</formula>
    </cfRule>
  </conditionalFormatting>
  <conditionalFormatting sqref="AL791:AL798">
    <cfRule type="containsText" priority="31" operator="containsText" text="Critical - Delivery">
      <formula>NOT(ISERROR(SEARCH("Critical - Delivery",AL791)))</formula>
    </cfRule>
    <cfRule type="containsText" priority="35" operator="containsText" text="Important">
      <formula>NOT(ISERROR(SEARCH("Important",AL791)))</formula>
    </cfRule>
  </conditionalFormatting>
  <conditionalFormatting sqref="AL792:AL795">
    <cfRule type="containsText" dxfId="27" priority="77" operator="containsText" text="Desirable">
      <formula>NOT(ISERROR(SEARCH("Desirable",AL792)))</formula>
    </cfRule>
    <cfRule type="containsText" dxfId="26" priority="78" operator="containsText" text="Critical">
      <formula>NOT(ISERROR(SEARCH("Critical",AL792)))</formula>
    </cfRule>
    <cfRule type="colorScale" priority="76">
      <colorScale>
        <cfvo type="min"/>
        <cfvo type="percentile" val="50"/>
        <cfvo type="max"/>
        <color rgb="FFF8696B"/>
        <color rgb="FFFFEB84"/>
        <color rgb="FF63BE7B"/>
      </colorScale>
    </cfRule>
  </conditionalFormatting>
  <conditionalFormatting sqref="AL792:AL798">
    <cfRule type="containsText" dxfId="25" priority="34" operator="containsText" text="Essential">
      <formula>NOT(ISERROR(SEARCH("Essential",AL792)))</formula>
    </cfRule>
    <cfRule type="containsText" dxfId="24" priority="33" operator="containsText" text="Important">
      <formula>NOT(ISERROR(SEARCH("Important",AL792)))</formula>
    </cfRule>
  </conditionalFormatting>
  <conditionalFormatting sqref="AL796:AL798">
    <cfRule type="containsText" dxfId="23" priority="29" operator="containsText" text="Important">
      <formula>NOT(ISERROR(SEARCH("Important",AL796)))</formula>
    </cfRule>
    <cfRule type="containsText" dxfId="22" priority="32" operator="containsText" text="Critical - Local Plan">
      <formula>NOT(ISERROR(SEARCH("Critical - Local Plan",AL796)))</formula>
    </cfRule>
    <cfRule type="containsText" dxfId="21" priority="38" operator="containsText" text="Critical">
      <formula>NOT(ISERROR(SEARCH("Critical",AL796)))</formula>
    </cfRule>
    <cfRule type="containsText" dxfId="20" priority="37" operator="containsText" text="Desirable">
      <formula>NOT(ISERROR(SEARCH("Desirable",AL796)))</formula>
    </cfRule>
    <cfRule type="colorScale" priority="36">
      <colorScale>
        <cfvo type="min"/>
        <cfvo type="percentile" val="50"/>
        <cfvo type="max"/>
        <color rgb="FFF8696B"/>
        <color rgb="FFFFEB84"/>
        <color rgb="FF63BE7B"/>
      </colorScale>
    </cfRule>
    <cfRule type="containsText" dxfId="19" priority="30" operator="containsText" text="Essential">
      <formula>NOT(ISERROR(SEARCH("Essential",AL796)))</formula>
    </cfRule>
  </conditionalFormatting>
  <conditionalFormatting sqref="AL799">
    <cfRule type="colorScale" priority="26">
      <colorScale>
        <cfvo type="min"/>
        <cfvo type="percentile" val="50"/>
        <cfvo type="max"/>
        <color rgb="FFF8696B"/>
        <color rgb="FFFFEB84"/>
        <color rgb="FF63BE7B"/>
      </colorScale>
    </cfRule>
  </conditionalFormatting>
  <conditionalFormatting sqref="AL800:AL802">
    <cfRule type="colorScale" priority="15">
      <colorScale>
        <cfvo type="min"/>
        <cfvo type="percentile" val="50"/>
        <cfvo type="max"/>
        <color rgb="FFF8696B"/>
        <color rgb="FFFFEB84"/>
        <color rgb="FF63BE7B"/>
      </colorScale>
    </cfRule>
  </conditionalFormatting>
  <pageMargins left="0.7" right="0.7" top="0.75" bottom="0.75" header="0.3" footer="0.3"/>
  <pageSetup paperSize="9" orientation="portrait" horizontalDpi="300" verticalDpi="300"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F431B5-8DFC-4D19-97EF-0862F27BEE81}">
  <dimension ref="A1:H24"/>
  <sheetViews>
    <sheetView topLeftCell="A8" workbookViewId="0">
      <selection activeCell="A18" sqref="A18"/>
    </sheetView>
  </sheetViews>
  <sheetFormatPr defaultRowHeight="14.25" x14ac:dyDescent="0.2"/>
  <cols>
    <col min="1" max="1" width="80.625" style="1317" customWidth="1"/>
    <col min="2" max="2" width="60" style="1311" customWidth="1"/>
  </cols>
  <sheetData>
    <row r="1" spans="1:8" ht="49.5" x14ac:dyDescent="0.2">
      <c r="A1" s="1312" t="s">
        <v>1304</v>
      </c>
      <c r="B1" s="1309"/>
      <c r="C1" s="1227"/>
      <c r="D1" s="1227"/>
      <c r="E1" s="1227"/>
      <c r="F1" s="1227"/>
      <c r="G1" s="1227"/>
      <c r="H1" s="1227"/>
    </row>
    <row r="2" spans="1:8" ht="58.9" customHeight="1" x14ac:dyDescent="0.2">
      <c r="A2" s="1313" t="s">
        <v>1305</v>
      </c>
      <c r="B2" s="1310" t="s">
        <v>1306</v>
      </c>
    </row>
    <row r="3" spans="1:8" ht="100.15" customHeight="1" x14ac:dyDescent="0.2">
      <c r="A3" s="1314" t="s">
        <v>1307</v>
      </c>
      <c r="B3" s="1310"/>
    </row>
    <row r="4" spans="1:8" ht="58.9" customHeight="1" x14ac:dyDescent="0.2">
      <c r="A4" s="1315" t="s">
        <v>1308</v>
      </c>
      <c r="B4" s="1310"/>
    </row>
    <row r="5" spans="1:8" ht="51" x14ac:dyDescent="0.2">
      <c r="A5" s="1316" t="s">
        <v>4869</v>
      </c>
      <c r="B5" s="1310"/>
    </row>
    <row r="6" spans="1:8" ht="38.25" x14ac:dyDescent="0.2">
      <c r="A6" s="1316" t="s">
        <v>1309</v>
      </c>
      <c r="B6" s="1310"/>
    </row>
    <row r="7" spans="1:8" ht="25.5" x14ac:dyDescent="0.2">
      <c r="A7" s="1316" t="s">
        <v>1310</v>
      </c>
      <c r="B7" s="1310" t="s">
        <v>1306</v>
      </c>
    </row>
    <row r="8" spans="1:8" ht="38.25" x14ac:dyDescent="0.2">
      <c r="A8" s="1316" t="s">
        <v>1311</v>
      </c>
      <c r="B8" s="1310"/>
    </row>
    <row r="9" spans="1:8" ht="38.25" x14ac:dyDescent="0.2">
      <c r="A9" s="1316" t="s">
        <v>1312</v>
      </c>
      <c r="B9" s="1310"/>
    </row>
    <row r="10" spans="1:8" ht="25.5" x14ac:dyDescent="0.2">
      <c r="A10" s="1316" t="s">
        <v>1313</v>
      </c>
      <c r="B10" s="1310"/>
    </row>
    <row r="11" spans="1:8" ht="38.25" x14ac:dyDescent="0.2">
      <c r="A11" s="1316" t="s">
        <v>1314</v>
      </c>
      <c r="B11" s="1310"/>
    </row>
    <row r="12" spans="1:8" ht="25.5" x14ac:dyDescent="0.2">
      <c r="A12" s="1316" t="s">
        <v>1315</v>
      </c>
      <c r="B12" s="1310"/>
    </row>
    <row r="13" spans="1:8" ht="25.5" x14ac:dyDescent="0.2">
      <c r="A13" s="1316" t="s">
        <v>1316</v>
      </c>
      <c r="B13" s="1310"/>
    </row>
    <row r="14" spans="1:8" ht="25.5" x14ac:dyDescent="0.2">
      <c r="A14" s="1316" t="s">
        <v>1317</v>
      </c>
      <c r="B14" s="1310"/>
    </row>
    <row r="15" spans="1:8" ht="38.25" x14ac:dyDescent="0.2">
      <c r="A15" s="1316" t="s">
        <v>1318</v>
      </c>
      <c r="B15" s="1310"/>
    </row>
    <row r="16" spans="1:8" x14ac:dyDescent="0.2">
      <c r="A16" s="1316" t="s">
        <v>1319</v>
      </c>
      <c r="B16" s="1310"/>
    </row>
    <row r="17" spans="1:2" ht="25.5" x14ac:dyDescent="0.2">
      <c r="A17" s="1316" t="s">
        <v>1320</v>
      </c>
      <c r="B17" s="1310" t="s">
        <v>1306</v>
      </c>
    </row>
    <row r="18" spans="1:2" ht="29.45" customHeight="1" x14ac:dyDescent="0.2">
      <c r="A18" s="1317" t="s">
        <v>4870</v>
      </c>
    </row>
    <row r="19" spans="1:2" ht="124.15" customHeight="1" x14ac:dyDescent="0.2">
      <c r="A19" s="1318" t="s">
        <v>1321</v>
      </c>
      <c r="B19" s="1310" t="s">
        <v>1306</v>
      </c>
    </row>
    <row r="20" spans="1:2" x14ac:dyDescent="0.2">
      <c r="B20" s="1310"/>
    </row>
    <row r="21" spans="1:2" x14ac:dyDescent="0.2">
      <c r="B21" s="1310"/>
    </row>
    <row r="22" spans="1:2" x14ac:dyDescent="0.2">
      <c r="B22" s="1310"/>
    </row>
    <row r="23" spans="1:2" x14ac:dyDescent="0.2">
      <c r="B23" s="1310"/>
    </row>
    <row r="24" spans="1:2" x14ac:dyDescent="0.2">
      <c r="B24" s="1310"/>
    </row>
  </sheetData>
  <sheetProtection sheet="1" objects="1" scenarios="1"/>
  <hyperlinks>
    <hyperlink ref="A19" r:id="rId1" tooltip="https://www.hertfordshire.gov.uk/about-the-council/freedom-of-information-and-council-data/open-data-statistics-about-hertfordshire/who-we-are-and-what-we-do/property/planning-obligations-guidance.aspx#localandstrategicplan" display="https://url.uk.m.mimecastprotect.com/s/9G-BCOJKxupqx31IEf7tG_RKh?domain=hertfordshire.gov.uk" xr:uid="{0243269B-A94E-47DF-B7B2-CF632CC81DD4}"/>
  </hyperlinks>
  <pageMargins left="0.7" right="0.7" top="0.75" bottom="0.75" header="0.3" footer="0.3"/>
  <pageSetup paperSize="9" orientation="portrait" horizontalDpi="300" verticalDpi="0" r:id="rId2"/>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646A08F-1570-444D-ABEE-176670498E69}">
  <dimension ref="J8:J138"/>
  <sheetViews>
    <sheetView topLeftCell="A115" workbookViewId="0">
      <selection activeCell="S139" sqref="S139"/>
    </sheetView>
  </sheetViews>
  <sheetFormatPr defaultRowHeight="14.25" x14ac:dyDescent="0.2"/>
  <sheetData>
    <row r="8" spans="10:10" x14ac:dyDescent="0.2">
      <c r="J8">
        <v>121</v>
      </c>
    </row>
    <row r="9" spans="10:10" x14ac:dyDescent="0.2">
      <c r="J9">
        <v>122</v>
      </c>
    </row>
    <row r="10" spans="10:10" x14ac:dyDescent="0.2">
      <c r="J10">
        <v>123</v>
      </c>
    </row>
    <row r="11" spans="10:10" x14ac:dyDescent="0.2">
      <c r="J11">
        <v>124</v>
      </c>
    </row>
    <row r="12" spans="10:10" x14ac:dyDescent="0.2">
      <c r="J12">
        <v>125</v>
      </c>
    </row>
    <row r="13" spans="10:10" x14ac:dyDescent="0.2">
      <c r="J13">
        <v>126</v>
      </c>
    </row>
    <row r="14" spans="10:10" x14ac:dyDescent="0.2">
      <c r="J14">
        <v>127</v>
      </c>
    </row>
    <row r="15" spans="10:10" x14ac:dyDescent="0.2">
      <c r="J15">
        <v>128</v>
      </c>
    </row>
    <row r="16" spans="10:10" x14ac:dyDescent="0.2">
      <c r="J16">
        <v>129</v>
      </c>
    </row>
    <row r="17" spans="10:10" x14ac:dyDescent="0.2">
      <c r="J17">
        <v>130</v>
      </c>
    </row>
    <row r="18" spans="10:10" x14ac:dyDescent="0.2">
      <c r="J18">
        <v>131</v>
      </c>
    </row>
    <row r="19" spans="10:10" x14ac:dyDescent="0.2">
      <c r="J19">
        <v>132</v>
      </c>
    </row>
    <row r="20" spans="10:10" x14ac:dyDescent="0.2">
      <c r="J20">
        <v>133</v>
      </c>
    </row>
    <row r="21" spans="10:10" x14ac:dyDescent="0.2">
      <c r="J21">
        <v>134</v>
      </c>
    </row>
    <row r="22" spans="10:10" x14ac:dyDescent="0.2">
      <c r="J22">
        <v>135</v>
      </c>
    </row>
    <row r="23" spans="10:10" x14ac:dyDescent="0.2">
      <c r="J23">
        <v>136</v>
      </c>
    </row>
    <row r="24" spans="10:10" x14ac:dyDescent="0.2">
      <c r="J24">
        <v>137</v>
      </c>
    </row>
    <row r="25" spans="10:10" x14ac:dyDescent="0.2">
      <c r="J25">
        <v>138</v>
      </c>
    </row>
    <row r="26" spans="10:10" x14ac:dyDescent="0.2">
      <c r="J26">
        <v>139</v>
      </c>
    </row>
    <row r="27" spans="10:10" x14ac:dyDescent="0.2">
      <c r="J27">
        <v>140</v>
      </c>
    </row>
    <row r="28" spans="10:10" x14ac:dyDescent="0.2">
      <c r="J28">
        <v>141</v>
      </c>
    </row>
    <row r="29" spans="10:10" x14ac:dyDescent="0.2">
      <c r="J29">
        <v>142</v>
      </c>
    </row>
    <row r="30" spans="10:10" x14ac:dyDescent="0.2">
      <c r="J30">
        <v>143</v>
      </c>
    </row>
    <row r="31" spans="10:10" x14ac:dyDescent="0.2">
      <c r="J31">
        <v>144</v>
      </c>
    </row>
    <row r="32" spans="10:10" x14ac:dyDescent="0.2">
      <c r="J32">
        <v>145</v>
      </c>
    </row>
    <row r="33" spans="10:10" x14ac:dyDescent="0.2">
      <c r="J33">
        <v>146</v>
      </c>
    </row>
    <row r="34" spans="10:10" x14ac:dyDescent="0.2">
      <c r="J34">
        <v>147</v>
      </c>
    </row>
    <row r="35" spans="10:10" x14ac:dyDescent="0.2">
      <c r="J35">
        <v>148</v>
      </c>
    </row>
    <row r="36" spans="10:10" x14ac:dyDescent="0.2">
      <c r="J36">
        <v>149</v>
      </c>
    </row>
    <row r="37" spans="10:10" x14ac:dyDescent="0.2">
      <c r="J37">
        <v>150</v>
      </c>
    </row>
    <row r="38" spans="10:10" x14ac:dyDescent="0.2">
      <c r="J38">
        <v>151</v>
      </c>
    </row>
    <row r="39" spans="10:10" x14ac:dyDescent="0.2">
      <c r="J39">
        <v>152</v>
      </c>
    </row>
    <row r="40" spans="10:10" x14ac:dyDescent="0.2">
      <c r="J40">
        <v>153</v>
      </c>
    </row>
    <row r="41" spans="10:10" x14ac:dyDescent="0.2">
      <c r="J41">
        <v>154</v>
      </c>
    </row>
    <row r="42" spans="10:10" x14ac:dyDescent="0.2">
      <c r="J42">
        <v>155</v>
      </c>
    </row>
    <row r="43" spans="10:10" x14ac:dyDescent="0.2">
      <c r="J43">
        <v>156</v>
      </c>
    </row>
    <row r="44" spans="10:10" x14ac:dyDescent="0.2">
      <c r="J44">
        <v>157</v>
      </c>
    </row>
    <row r="45" spans="10:10" x14ac:dyDescent="0.2">
      <c r="J45">
        <v>158</v>
      </c>
    </row>
    <row r="46" spans="10:10" x14ac:dyDescent="0.2">
      <c r="J46">
        <v>159</v>
      </c>
    </row>
    <row r="47" spans="10:10" x14ac:dyDescent="0.2">
      <c r="J47">
        <v>160</v>
      </c>
    </row>
    <row r="48" spans="10:10" x14ac:dyDescent="0.2">
      <c r="J48">
        <v>161</v>
      </c>
    </row>
    <row r="49" spans="10:10" x14ac:dyDescent="0.2">
      <c r="J49">
        <v>162</v>
      </c>
    </row>
    <row r="50" spans="10:10" x14ac:dyDescent="0.2">
      <c r="J50">
        <v>163</v>
      </c>
    </row>
    <row r="51" spans="10:10" x14ac:dyDescent="0.2">
      <c r="J51">
        <v>164</v>
      </c>
    </row>
    <row r="52" spans="10:10" x14ac:dyDescent="0.2">
      <c r="J52">
        <v>165</v>
      </c>
    </row>
    <row r="53" spans="10:10" x14ac:dyDescent="0.2">
      <c r="J53">
        <v>166</v>
      </c>
    </row>
    <row r="54" spans="10:10" x14ac:dyDescent="0.2">
      <c r="J54">
        <v>167</v>
      </c>
    </row>
    <row r="55" spans="10:10" x14ac:dyDescent="0.2">
      <c r="J55">
        <v>168</v>
      </c>
    </row>
    <row r="56" spans="10:10" x14ac:dyDescent="0.2">
      <c r="J56">
        <v>169</v>
      </c>
    </row>
    <row r="57" spans="10:10" x14ac:dyDescent="0.2">
      <c r="J57">
        <v>170</v>
      </c>
    </row>
    <row r="58" spans="10:10" x14ac:dyDescent="0.2">
      <c r="J58">
        <v>171</v>
      </c>
    </row>
    <row r="59" spans="10:10" x14ac:dyDescent="0.2">
      <c r="J59">
        <v>172</v>
      </c>
    </row>
    <row r="60" spans="10:10" x14ac:dyDescent="0.2">
      <c r="J60">
        <v>173</v>
      </c>
    </row>
    <row r="61" spans="10:10" x14ac:dyDescent="0.2">
      <c r="J61">
        <v>174</v>
      </c>
    </row>
    <row r="62" spans="10:10" x14ac:dyDescent="0.2">
      <c r="J62">
        <v>175</v>
      </c>
    </row>
    <row r="63" spans="10:10" x14ac:dyDescent="0.2">
      <c r="J63">
        <v>176</v>
      </c>
    </row>
    <row r="64" spans="10:10" x14ac:dyDescent="0.2">
      <c r="J64">
        <v>177</v>
      </c>
    </row>
    <row r="65" spans="10:10" x14ac:dyDescent="0.2">
      <c r="J65">
        <v>178</v>
      </c>
    </row>
    <row r="66" spans="10:10" x14ac:dyDescent="0.2">
      <c r="J66">
        <v>179</v>
      </c>
    </row>
    <row r="67" spans="10:10" x14ac:dyDescent="0.2">
      <c r="J67">
        <v>180</v>
      </c>
    </row>
    <row r="68" spans="10:10" x14ac:dyDescent="0.2">
      <c r="J68">
        <v>181</v>
      </c>
    </row>
    <row r="69" spans="10:10" x14ac:dyDescent="0.2">
      <c r="J69">
        <v>182</v>
      </c>
    </row>
    <row r="70" spans="10:10" x14ac:dyDescent="0.2">
      <c r="J70">
        <v>183</v>
      </c>
    </row>
    <row r="71" spans="10:10" x14ac:dyDescent="0.2">
      <c r="J71">
        <v>184</v>
      </c>
    </row>
    <row r="72" spans="10:10" x14ac:dyDescent="0.2">
      <c r="J72">
        <v>185</v>
      </c>
    </row>
    <row r="73" spans="10:10" x14ac:dyDescent="0.2">
      <c r="J73">
        <v>186</v>
      </c>
    </row>
    <row r="74" spans="10:10" x14ac:dyDescent="0.2">
      <c r="J74">
        <v>187</v>
      </c>
    </row>
    <row r="75" spans="10:10" x14ac:dyDescent="0.2">
      <c r="J75">
        <v>188</v>
      </c>
    </row>
    <row r="76" spans="10:10" x14ac:dyDescent="0.2">
      <c r="J76">
        <v>189</v>
      </c>
    </row>
    <row r="77" spans="10:10" x14ac:dyDescent="0.2">
      <c r="J77">
        <v>190</v>
      </c>
    </row>
    <row r="78" spans="10:10" x14ac:dyDescent="0.2">
      <c r="J78">
        <v>191</v>
      </c>
    </row>
    <row r="79" spans="10:10" x14ac:dyDescent="0.2">
      <c r="J79">
        <v>192</v>
      </c>
    </row>
    <row r="80" spans="10:10" x14ac:dyDescent="0.2">
      <c r="J80">
        <v>193</v>
      </c>
    </row>
    <row r="81" spans="10:10" x14ac:dyDescent="0.2">
      <c r="J81">
        <v>194</v>
      </c>
    </row>
    <row r="82" spans="10:10" x14ac:dyDescent="0.2">
      <c r="J82">
        <v>195</v>
      </c>
    </row>
    <row r="83" spans="10:10" x14ac:dyDescent="0.2">
      <c r="J83">
        <v>196</v>
      </c>
    </row>
    <row r="84" spans="10:10" x14ac:dyDescent="0.2">
      <c r="J84">
        <v>197</v>
      </c>
    </row>
    <row r="85" spans="10:10" x14ac:dyDescent="0.2">
      <c r="J85">
        <v>198</v>
      </c>
    </row>
    <row r="86" spans="10:10" x14ac:dyDescent="0.2">
      <c r="J86">
        <v>199</v>
      </c>
    </row>
    <row r="87" spans="10:10" x14ac:dyDescent="0.2">
      <c r="J87">
        <v>200</v>
      </c>
    </row>
    <row r="88" spans="10:10" x14ac:dyDescent="0.2">
      <c r="J88">
        <v>201</v>
      </c>
    </row>
    <row r="89" spans="10:10" x14ac:dyDescent="0.2">
      <c r="J89">
        <v>202</v>
      </c>
    </row>
    <row r="90" spans="10:10" x14ac:dyDescent="0.2">
      <c r="J90">
        <v>203</v>
      </c>
    </row>
    <row r="91" spans="10:10" x14ac:dyDescent="0.2">
      <c r="J91">
        <v>204</v>
      </c>
    </row>
    <row r="92" spans="10:10" x14ac:dyDescent="0.2">
      <c r="J92">
        <v>205</v>
      </c>
    </row>
    <row r="93" spans="10:10" x14ac:dyDescent="0.2">
      <c r="J93">
        <v>206</v>
      </c>
    </row>
    <row r="94" spans="10:10" x14ac:dyDescent="0.2">
      <c r="J94">
        <v>207</v>
      </c>
    </row>
    <row r="95" spans="10:10" x14ac:dyDescent="0.2">
      <c r="J95">
        <v>208</v>
      </c>
    </row>
    <row r="96" spans="10:10" x14ac:dyDescent="0.2">
      <c r="J96">
        <v>209</v>
      </c>
    </row>
    <row r="97" spans="10:10" x14ac:dyDescent="0.2">
      <c r="J97">
        <v>210</v>
      </c>
    </row>
    <row r="98" spans="10:10" x14ac:dyDescent="0.2">
      <c r="J98">
        <v>211</v>
      </c>
    </row>
    <row r="99" spans="10:10" x14ac:dyDescent="0.2">
      <c r="J99">
        <v>212</v>
      </c>
    </row>
    <row r="100" spans="10:10" x14ac:dyDescent="0.2">
      <c r="J100">
        <v>213</v>
      </c>
    </row>
    <row r="101" spans="10:10" x14ac:dyDescent="0.2">
      <c r="J101">
        <v>214</v>
      </c>
    </row>
    <row r="102" spans="10:10" x14ac:dyDescent="0.2">
      <c r="J102">
        <v>215</v>
      </c>
    </row>
    <row r="103" spans="10:10" x14ac:dyDescent="0.2">
      <c r="J103">
        <v>216</v>
      </c>
    </row>
    <row r="104" spans="10:10" x14ac:dyDescent="0.2">
      <c r="J104">
        <v>217</v>
      </c>
    </row>
    <row r="105" spans="10:10" x14ac:dyDescent="0.2">
      <c r="J105">
        <v>218</v>
      </c>
    </row>
    <row r="106" spans="10:10" x14ac:dyDescent="0.2">
      <c r="J106">
        <v>219</v>
      </c>
    </row>
    <row r="107" spans="10:10" x14ac:dyDescent="0.2">
      <c r="J107">
        <v>220</v>
      </c>
    </row>
    <row r="108" spans="10:10" x14ac:dyDescent="0.2">
      <c r="J108">
        <v>221</v>
      </c>
    </row>
    <row r="109" spans="10:10" x14ac:dyDescent="0.2">
      <c r="J109">
        <v>222</v>
      </c>
    </row>
    <row r="110" spans="10:10" x14ac:dyDescent="0.2">
      <c r="J110">
        <v>223</v>
      </c>
    </row>
    <row r="111" spans="10:10" x14ac:dyDescent="0.2">
      <c r="J111">
        <v>224</v>
      </c>
    </row>
    <row r="112" spans="10:10" x14ac:dyDescent="0.2">
      <c r="J112">
        <v>225</v>
      </c>
    </row>
    <row r="113" spans="10:10" x14ac:dyDescent="0.2">
      <c r="J113">
        <v>226</v>
      </c>
    </row>
    <row r="114" spans="10:10" x14ac:dyDescent="0.2">
      <c r="J114">
        <v>227</v>
      </c>
    </row>
    <row r="115" spans="10:10" x14ac:dyDescent="0.2">
      <c r="J115">
        <v>228</v>
      </c>
    </row>
    <row r="116" spans="10:10" x14ac:dyDescent="0.2">
      <c r="J116">
        <v>229</v>
      </c>
    </row>
    <row r="117" spans="10:10" x14ac:dyDescent="0.2">
      <c r="J117">
        <v>230</v>
      </c>
    </row>
    <row r="118" spans="10:10" x14ac:dyDescent="0.2">
      <c r="J118">
        <v>231</v>
      </c>
    </row>
    <row r="119" spans="10:10" x14ac:dyDescent="0.2">
      <c r="J119">
        <v>232</v>
      </c>
    </row>
    <row r="120" spans="10:10" x14ac:dyDescent="0.2">
      <c r="J120">
        <v>233</v>
      </c>
    </row>
    <row r="121" spans="10:10" x14ac:dyDescent="0.2">
      <c r="J121">
        <v>234</v>
      </c>
    </row>
    <row r="122" spans="10:10" x14ac:dyDescent="0.2">
      <c r="J122">
        <v>235</v>
      </c>
    </row>
    <row r="123" spans="10:10" x14ac:dyDescent="0.2">
      <c r="J123">
        <v>236</v>
      </c>
    </row>
    <row r="124" spans="10:10" x14ac:dyDescent="0.2">
      <c r="J124">
        <v>237</v>
      </c>
    </row>
    <row r="125" spans="10:10" x14ac:dyDescent="0.2">
      <c r="J125">
        <v>238</v>
      </c>
    </row>
    <row r="126" spans="10:10" x14ac:dyDescent="0.2">
      <c r="J126">
        <v>239</v>
      </c>
    </row>
    <row r="127" spans="10:10" x14ac:dyDescent="0.2">
      <c r="J127">
        <v>240</v>
      </c>
    </row>
    <row r="128" spans="10:10" x14ac:dyDescent="0.2">
      <c r="J128">
        <v>241</v>
      </c>
    </row>
    <row r="129" spans="10:10" x14ac:dyDescent="0.2">
      <c r="J129">
        <v>242</v>
      </c>
    </row>
    <row r="130" spans="10:10" x14ac:dyDescent="0.2">
      <c r="J130">
        <v>243</v>
      </c>
    </row>
    <row r="131" spans="10:10" x14ac:dyDescent="0.2">
      <c r="J131">
        <v>244</v>
      </c>
    </row>
    <row r="132" spans="10:10" x14ac:dyDescent="0.2">
      <c r="J132">
        <v>245</v>
      </c>
    </row>
    <row r="133" spans="10:10" x14ac:dyDescent="0.2">
      <c r="J133">
        <v>246</v>
      </c>
    </row>
    <row r="134" spans="10:10" x14ac:dyDescent="0.2">
      <c r="J134">
        <v>247</v>
      </c>
    </row>
    <row r="135" spans="10:10" x14ac:dyDescent="0.2">
      <c r="J135">
        <v>248</v>
      </c>
    </row>
    <row r="136" spans="10:10" x14ac:dyDescent="0.2">
      <c r="J136">
        <v>249</v>
      </c>
    </row>
    <row r="137" spans="10:10" x14ac:dyDescent="0.2">
      <c r="J137">
        <v>250</v>
      </c>
    </row>
    <row r="138" spans="10:10" x14ac:dyDescent="0.2">
      <c r="J138">
        <v>251</v>
      </c>
    </row>
  </sheetData>
  <pageMargins left="0.7" right="0.7" top="0.75" bottom="0.75" header="0.3" footer="0.3"/>
</worksheet>
</file>

<file path=xl/worksheets/sheet2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03832B0-3F3C-4DBF-9AF7-191549D1BFF2}">
  <sheetPr filterMode="1"/>
  <dimension ref="A1:AZ252"/>
  <sheetViews>
    <sheetView zoomScaleNormal="100" workbookViewId="0">
      <selection activeCell="G4" sqref="G4:G235"/>
    </sheetView>
  </sheetViews>
  <sheetFormatPr defaultColWidth="28.625" defaultRowHeight="15" x14ac:dyDescent="0.25"/>
  <cols>
    <col min="1" max="6" width="15.625" style="777" customWidth="1"/>
    <col min="7" max="7" width="6.625" style="778" customWidth="1"/>
    <col min="8" max="9" width="19.625" style="778" customWidth="1"/>
    <col min="10" max="10" width="32.625" style="778" bestFit="1" customWidth="1"/>
    <col min="11" max="11" width="27.125" style="778" customWidth="1"/>
    <col min="12" max="12" width="28.625" style="778" customWidth="1"/>
    <col min="13" max="15" width="25.625" style="778" customWidth="1"/>
    <col min="16" max="16" width="30" style="778" customWidth="1"/>
    <col min="17" max="18" width="25.625" style="778" customWidth="1"/>
    <col min="19" max="20" width="27.625" style="778" customWidth="1"/>
    <col min="21" max="22" width="28.125" style="778" customWidth="1"/>
    <col min="23" max="32" width="14.125" style="778" hidden="1" customWidth="1"/>
    <col min="33" max="43" width="13.625" style="778" customWidth="1"/>
    <col min="44" max="44" width="27.625" style="778" customWidth="1"/>
    <col min="45" max="45" width="28" style="778" customWidth="1"/>
    <col min="46" max="46" width="14.625" style="778" customWidth="1"/>
    <col min="47" max="47" width="14.625" style="783" customWidth="1"/>
    <col min="48" max="48" width="16.625" style="778" bestFit="1" customWidth="1"/>
    <col min="49" max="49" width="15.625" style="778" customWidth="1"/>
    <col min="50" max="50" width="18.625" style="778" customWidth="1"/>
    <col min="51" max="51" width="33.125" style="777" customWidth="1"/>
    <col min="52" max="52" width="19" style="784" customWidth="1"/>
    <col min="53" max="16384" width="28.625" style="777"/>
  </cols>
  <sheetData>
    <row r="1" spans="1:52" x14ac:dyDescent="0.25">
      <c r="W1" s="779" t="s">
        <v>3223</v>
      </c>
      <c r="X1" s="780" t="s">
        <v>3223</v>
      </c>
      <c r="Y1" s="780" t="s">
        <v>3223</v>
      </c>
      <c r="Z1" s="780" t="s">
        <v>3223</v>
      </c>
      <c r="AA1" s="780" t="s">
        <v>3223</v>
      </c>
      <c r="AB1" s="780" t="s">
        <v>3223</v>
      </c>
      <c r="AC1" s="780" t="s">
        <v>3223</v>
      </c>
      <c r="AD1" s="780" t="s">
        <v>3223</v>
      </c>
      <c r="AE1" s="780" t="s">
        <v>3223</v>
      </c>
      <c r="AF1" s="781" t="s">
        <v>3223</v>
      </c>
      <c r="AG1" s="782" t="s">
        <v>3223</v>
      </c>
      <c r="AH1" s="780" t="s">
        <v>3223</v>
      </c>
      <c r="AI1" s="780" t="s">
        <v>3223</v>
      </c>
      <c r="AJ1" s="780" t="s">
        <v>3223</v>
      </c>
      <c r="AK1" s="780" t="s">
        <v>3223</v>
      </c>
      <c r="AL1" s="780" t="s">
        <v>3223</v>
      </c>
      <c r="AM1" s="780" t="s">
        <v>3223</v>
      </c>
      <c r="AN1" s="780" t="s">
        <v>3223</v>
      </c>
      <c r="AO1" s="780" t="s">
        <v>3223</v>
      </c>
      <c r="AP1" s="781" t="s">
        <v>3223</v>
      </c>
      <c r="AQ1" s="848"/>
    </row>
    <row r="2" spans="1:52" ht="32.25" x14ac:dyDescent="0.4">
      <c r="A2" s="785"/>
      <c r="B2" s="785"/>
      <c r="C2" s="785"/>
      <c r="D2" s="785"/>
      <c r="E2" s="785"/>
      <c r="F2" s="785"/>
      <c r="G2" s="786" t="s">
        <v>1416</v>
      </c>
      <c r="H2" s="786" t="s">
        <v>1425</v>
      </c>
      <c r="I2" s="786" t="s">
        <v>1417</v>
      </c>
      <c r="J2" s="786" t="s">
        <v>1418</v>
      </c>
      <c r="K2" s="786" t="s">
        <v>1420</v>
      </c>
      <c r="L2" s="786" t="s">
        <v>1421</v>
      </c>
      <c r="M2" s="786" t="s">
        <v>1422</v>
      </c>
      <c r="N2" s="786" t="s">
        <v>1423</v>
      </c>
      <c r="O2" s="787" t="s">
        <v>1424</v>
      </c>
      <c r="P2" s="786" t="s">
        <v>1426</v>
      </c>
      <c r="Q2" s="786" t="s">
        <v>1427</v>
      </c>
      <c r="R2" s="786" t="s">
        <v>1428</v>
      </c>
      <c r="S2" s="786" t="s">
        <v>1429</v>
      </c>
      <c r="T2" s="786" t="s">
        <v>1430</v>
      </c>
      <c r="U2" s="786" t="s">
        <v>1432</v>
      </c>
      <c r="V2" s="786" t="s">
        <v>3224</v>
      </c>
      <c r="W2" s="788" t="s">
        <v>3225</v>
      </c>
      <c r="X2" s="788" t="s">
        <v>3225</v>
      </c>
      <c r="Y2" s="788" t="s">
        <v>3225</v>
      </c>
      <c r="Z2" s="788" t="s">
        <v>3225</v>
      </c>
      <c r="AA2" s="788" t="s">
        <v>3225</v>
      </c>
      <c r="AB2" s="788" t="s">
        <v>3225</v>
      </c>
      <c r="AC2" s="788" t="s">
        <v>3225</v>
      </c>
      <c r="AD2" s="788" t="s">
        <v>3225</v>
      </c>
      <c r="AE2" s="788" t="s">
        <v>3225</v>
      </c>
      <c r="AF2" s="788" t="s">
        <v>3225</v>
      </c>
      <c r="AG2" s="788" t="s">
        <v>3226</v>
      </c>
      <c r="AH2" s="788" t="s">
        <v>3226</v>
      </c>
      <c r="AI2" s="788" t="s">
        <v>3226</v>
      </c>
      <c r="AJ2" s="788" t="s">
        <v>3226</v>
      </c>
      <c r="AK2" s="788" t="s">
        <v>3226</v>
      </c>
      <c r="AL2" s="788" t="s">
        <v>3226</v>
      </c>
      <c r="AM2" s="788" t="s">
        <v>3226</v>
      </c>
      <c r="AN2" s="788" t="s">
        <v>3226</v>
      </c>
      <c r="AO2" s="788" t="s">
        <v>3226</v>
      </c>
      <c r="AP2" s="788" t="s">
        <v>3226</v>
      </c>
      <c r="AQ2" s="788"/>
      <c r="AR2" s="786" t="s">
        <v>1437</v>
      </c>
      <c r="AS2" s="786" t="s">
        <v>1438</v>
      </c>
      <c r="AT2" s="786" t="s">
        <v>1439</v>
      </c>
      <c r="AU2" s="789" t="s">
        <v>1440</v>
      </c>
      <c r="AV2" s="786" t="s">
        <v>1440</v>
      </c>
      <c r="AW2" s="786" t="s">
        <v>1440</v>
      </c>
      <c r="AX2" s="786" t="s">
        <v>1440</v>
      </c>
      <c r="AY2" s="786" t="s">
        <v>1441</v>
      </c>
      <c r="AZ2" s="790"/>
    </row>
    <row r="3" spans="1:52" ht="102.75" x14ac:dyDescent="0.25">
      <c r="A3" s="791" t="s">
        <v>1443</v>
      </c>
      <c r="B3" s="791" t="s">
        <v>1444</v>
      </c>
      <c r="C3" s="791" t="s">
        <v>1445</v>
      </c>
      <c r="D3" s="791" t="s">
        <v>1446</v>
      </c>
      <c r="E3" s="791" t="s">
        <v>1447</v>
      </c>
      <c r="F3" s="791" t="s">
        <v>3227</v>
      </c>
      <c r="G3" s="792" t="s">
        <v>191</v>
      </c>
      <c r="H3" s="792" t="s">
        <v>1451</v>
      </c>
      <c r="I3" s="792" t="s">
        <v>1448</v>
      </c>
      <c r="J3" s="792" t="s">
        <v>1449</v>
      </c>
      <c r="K3" s="792" t="s">
        <v>1420</v>
      </c>
      <c r="L3" s="792" t="s">
        <v>1421</v>
      </c>
      <c r="M3" s="792" t="s">
        <v>1451</v>
      </c>
      <c r="N3" s="792" t="s">
        <v>1451</v>
      </c>
      <c r="O3" s="793" t="s">
        <v>1452</v>
      </c>
      <c r="P3" s="792" t="s">
        <v>1453</v>
      </c>
      <c r="Q3" s="792" t="s">
        <v>1451</v>
      </c>
      <c r="R3" s="792" t="s">
        <v>1451</v>
      </c>
      <c r="S3" s="792" t="s">
        <v>1454</v>
      </c>
      <c r="T3" s="792" t="s">
        <v>1455</v>
      </c>
      <c r="U3" s="792" t="s">
        <v>1457</v>
      </c>
      <c r="V3" s="792" t="s">
        <v>1458</v>
      </c>
      <c r="W3" s="787" t="s">
        <v>3228</v>
      </c>
      <c r="X3" s="787" t="s">
        <v>3229</v>
      </c>
      <c r="Y3" s="787" t="s">
        <v>3230</v>
      </c>
      <c r="Z3" s="787" t="s">
        <v>3231</v>
      </c>
      <c r="AA3" s="787" t="s">
        <v>3232</v>
      </c>
      <c r="AB3" s="787" t="s">
        <v>3233</v>
      </c>
      <c r="AC3" s="787" t="s">
        <v>3234</v>
      </c>
      <c r="AD3" s="787" t="s">
        <v>3235</v>
      </c>
      <c r="AE3" s="787" t="s">
        <v>3236</v>
      </c>
      <c r="AF3" s="787" t="s">
        <v>846</v>
      </c>
      <c r="AG3" s="794" t="s">
        <v>3228</v>
      </c>
      <c r="AH3" s="794" t="s">
        <v>3229</v>
      </c>
      <c r="AI3" s="794" t="s">
        <v>3230</v>
      </c>
      <c r="AJ3" s="794" t="s">
        <v>3231</v>
      </c>
      <c r="AK3" s="794" t="s">
        <v>3232</v>
      </c>
      <c r="AL3" s="794" t="s">
        <v>3233</v>
      </c>
      <c r="AM3" s="794" t="s">
        <v>3234</v>
      </c>
      <c r="AN3" s="794" t="s">
        <v>3235</v>
      </c>
      <c r="AO3" s="794" t="s">
        <v>3236</v>
      </c>
      <c r="AP3" s="794" t="s">
        <v>846</v>
      </c>
      <c r="AQ3" s="850" t="s">
        <v>3237</v>
      </c>
      <c r="AR3" s="792" t="s">
        <v>1479</v>
      </c>
      <c r="AS3" s="792" t="s">
        <v>1480</v>
      </c>
      <c r="AT3" s="792" t="s">
        <v>1481</v>
      </c>
      <c r="AU3" s="795" t="s">
        <v>1482</v>
      </c>
      <c r="AV3" s="792" t="s">
        <v>1482</v>
      </c>
      <c r="AW3" s="796"/>
      <c r="AX3" s="796"/>
      <c r="AY3" s="792" t="s">
        <v>1483</v>
      </c>
      <c r="AZ3" s="790" t="s">
        <v>1484</v>
      </c>
    </row>
    <row r="4" spans="1:52" ht="75" hidden="1" x14ac:dyDescent="0.25">
      <c r="A4" s="785"/>
      <c r="B4" s="785"/>
      <c r="C4" s="785"/>
      <c r="D4" s="785"/>
      <c r="E4" s="785" t="s">
        <v>66</v>
      </c>
      <c r="F4" s="785"/>
      <c r="G4" s="797" t="s">
        <v>1517</v>
      </c>
      <c r="H4" s="797" t="s">
        <v>870</v>
      </c>
      <c r="I4" s="798" t="s">
        <v>1518</v>
      </c>
      <c r="J4" s="797" t="s">
        <v>1519</v>
      </c>
      <c r="K4" s="797" t="s">
        <v>1521</v>
      </c>
      <c r="L4" s="797" t="s">
        <v>1521</v>
      </c>
      <c r="M4" s="797" t="s">
        <v>1522</v>
      </c>
      <c r="N4" s="797" t="s">
        <v>1523</v>
      </c>
      <c r="O4" s="797">
        <v>3</v>
      </c>
      <c r="P4" s="797" t="s">
        <v>1490</v>
      </c>
      <c r="Q4" s="797" t="s">
        <v>1491</v>
      </c>
      <c r="R4" s="797" t="s">
        <v>1492</v>
      </c>
      <c r="S4" s="797" t="s">
        <v>1524</v>
      </c>
      <c r="T4" s="797"/>
      <c r="U4" s="799" t="s">
        <v>1515</v>
      </c>
      <c r="V4" s="797" t="s">
        <v>3238</v>
      </c>
      <c r="W4" s="807" t="s">
        <v>1498</v>
      </c>
      <c r="X4" s="807" t="s">
        <v>1498</v>
      </c>
      <c r="Y4" s="807" t="s">
        <v>1498</v>
      </c>
      <c r="Z4" s="807" t="s">
        <v>1498</v>
      </c>
      <c r="AA4" s="807" t="s">
        <v>1498</v>
      </c>
      <c r="AB4" s="807" t="s">
        <v>1498</v>
      </c>
      <c r="AC4" s="807" t="s">
        <v>1498</v>
      </c>
      <c r="AD4" s="807" t="s">
        <v>1498</v>
      </c>
      <c r="AE4" s="807" t="s">
        <v>1498</v>
      </c>
      <c r="AF4" s="807" t="s">
        <v>1498</v>
      </c>
      <c r="AG4" s="807" t="s">
        <v>1498</v>
      </c>
      <c r="AH4" s="807" t="s">
        <v>1498</v>
      </c>
      <c r="AI4" s="807" t="s">
        <v>1498</v>
      </c>
      <c r="AJ4" s="807" t="s">
        <v>1498</v>
      </c>
      <c r="AK4" s="807" t="s">
        <v>1498</v>
      </c>
      <c r="AL4" s="807" t="s">
        <v>1498</v>
      </c>
      <c r="AM4" s="807" t="s">
        <v>1498</v>
      </c>
      <c r="AN4" s="807" t="s">
        <v>1498</v>
      </c>
      <c r="AO4" s="807" t="s">
        <v>1498</v>
      </c>
      <c r="AP4" s="807" t="s">
        <v>1498</v>
      </c>
      <c r="AQ4" s="1300">
        <f t="shared" ref="AQ4:AQ67" si="0">SUM(AG4:AP4)</f>
        <v>0</v>
      </c>
      <c r="AR4" s="797"/>
      <c r="AS4" s="797" t="s">
        <v>868</v>
      </c>
      <c r="AT4" s="797" t="s">
        <v>53</v>
      </c>
      <c r="AU4" s="801">
        <v>2429027</v>
      </c>
      <c r="AV4" s="836">
        <f>ROUND((VLOOKUP(G4,'[6]Cost Summary'!A:H,8,)),0.1)</f>
        <v>2429027</v>
      </c>
      <c r="AW4" s="837"/>
      <c r="AX4" s="837"/>
      <c r="AY4" s="838" t="s">
        <v>1527</v>
      </c>
      <c r="AZ4" s="805" t="s">
        <v>1528</v>
      </c>
    </row>
    <row r="5" spans="1:52" ht="120" hidden="1" x14ac:dyDescent="0.25">
      <c r="A5" s="785"/>
      <c r="B5" s="785"/>
      <c r="C5" s="785"/>
      <c r="D5" s="785"/>
      <c r="E5" s="785" t="s">
        <v>66</v>
      </c>
      <c r="F5" s="785"/>
      <c r="G5" s="797" t="s">
        <v>2093</v>
      </c>
      <c r="H5" s="797" t="s">
        <v>830</v>
      </c>
      <c r="I5" s="798" t="s">
        <v>2094</v>
      </c>
      <c r="J5" s="797" t="s">
        <v>2095</v>
      </c>
      <c r="K5" s="797">
        <v>51.743028180225799</v>
      </c>
      <c r="L5" s="797">
        <v>-0.49072964743419101</v>
      </c>
      <c r="M5" s="797" t="s">
        <v>1522</v>
      </c>
      <c r="N5" s="797" t="s">
        <v>1523</v>
      </c>
      <c r="O5" s="797">
        <v>2</v>
      </c>
      <c r="P5" s="797" t="s">
        <v>1616</v>
      </c>
      <c r="Q5" s="797" t="s">
        <v>1491</v>
      </c>
      <c r="R5" s="797" t="s">
        <v>1492</v>
      </c>
      <c r="S5" s="797" t="s">
        <v>1493</v>
      </c>
      <c r="T5" s="797"/>
      <c r="U5" s="799" t="s">
        <v>1515</v>
      </c>
      <c r="V5" s="799" t="s">
        <v>948</v>
      </c>
      <c r="W5" s="807" t="s">
        <v>1498</v>
      </c>
      <c r="X5" s="807" t="s">
        <v>1498</v>
      </c>
      <c r="Y5" s="807" t="s">
        <v>1498</v>
      </c>
      <c r="Z5" s="807" t="s">
        <v>1498</v>
      </c>
      <c r="AA5" s="807" t="s">
        <v>1498</v>
      </c>
      <c r="AB5" s="807" t="s">
        <v>1498</v>
      </c>
      <c r="AC5" s="807" t="s">
        <v>1498</v>
      </c>
      <c r="AD5" s="807" t="s">
        <v>1498</v>
      </c>
      <c r="AE5" s="807" t="s">
        <v>1498</v>
      </c>
      <c r="AF5" s="807" t="s">
        <v>1498</v>
      </c>
      <c r="AG5" s="807" t="s">
        <v>1498</v>
      </c>
      <c r="AH5" s="807" t="s">
        <v>1498</v>
      </c>
      <c r="AI5" s="807" t="s">
        <v>1498</v>
      </c>
      <c r="AJ5" s="807" t="s">
        <v>1498</v>
      </c>
      <c r="AK5" s="807" t="s">
        <v>1498</v>
      </c>
      <c r="AL5" s="807" t="s">
        <v>1498</v>
      </c>
      <c r="AM5" s="807" t="s">
        <v>1498</v>
      </c>
      <c r="AN5" s="807" t="s">
        <v>1498</v>
      </c>
      <c r="AO5" s="807" t="s">
        <v>1498</v>
      </c>
      <c r="AP5" s="807" t="s">
        <v>1498</v>
      </c>
      <c r="AQ5" s="1300">
        <f t="shared" si="0"/>
        <v>0</v>
      </c>
      <c r="AR5" s="797"/>
      <c r="AS5" s="797" t="s">
        <v>868</v>
      </c>
      <c r="AT5" s="797" t="s">
        <v>53</v>
      </c>
      <c r="AU5" s="801">
        <v>370629.19</v>
      </c>
      <c r="AV5" s="836">
        <v>370629.19</v>
      </c>
      <c r="AW5" s="837"/>
      <c r="AX5" s="837"/>
      <c r="AY5" s="838" t="s">
        <v>2096</v>
      </c>
      <c r="AZ5" s="790" t="s">
        <v>3239</v>
      </c>
    </row>
    <row r="6" spans="1:52" ht="90" hidden="1" x14ac:dyDescent="0.25">
      <c r="A6" s="785"/>
      <c r="B6" s="785"/>
      <c r="C6" s="785"/>
      <c r="D6" s="785"/>
      <c r="E6" s="785" t="s">
        <v>66</v>
      </c>
      <c r="F6" s="785"/>
      <c r="G6" s="797" t="s">
        <v>1529</v>
      </c>
      <c r="H6" s="797" t="s">
        <v>900</v>
      </c>
      <c r="I6" s="798" t="s">
        <v>1530</v>
      </c>
      <c r="J6" s="797" t="s">
        <v>1531</v>
      </c>
      <c r="K6" s="797">
        <v>51.789486522322598</v>
      </c>
      <c r="L6" s="797">
        <v>-0.408878107281546</v>
      </c>
      <c r="M6" s="797" t="s">
        <v>1522</v>
      </c>
      <c r="N6" s="797" t="s">
        <v>1523</v>
      </c>
      <c r="O6" s="797">
        <v>2</v>
      </c>
      <c r="P6" s="797" t="s">
        <v>1490</v>
      </c>
      <c r="Q6" s="797" t="s">
        <v>1491</v>
      </c>
      <c r="R6" s="797" t="s">
        <v>1492</v>
      </c>
      <c r="S6" s="797" t="s">
        <v>1493</v>
      </c>
      <c r="T6" s="797"/>
      <c r="U6" s="797" t="s">
        <v>1515</v>
      </c>
      <c r="V6" s="797" t="s">
        <v>3240</v>
      </c>
      <c r="W6" s="807" t="s">
        <v>1498</v>
      </c>
      <c r="X6" s="807" t="s">
        <v>1498</v>
      </c>
      <c r="Y6" s="807" t="s">
        <v>1498</v>
      </c>
      <c r="Z6" s="807" t="s">
        <v>1498</v>
      </c>
      <c r="AA6" s="807" t="s">
        <v>1498</v>
      </c>
      <c r="AB6" s="807" t="s">
        <v>1498</v>
      </c>
      <c r="AC6" s="807" t="s">
        <v>1498</v>
      </c>
      <c r="AD6" s="807" t="s">
        <v>1498</v>
      </c>
      <c r="AE6" s="807" t="s">
        <v>1498</v>
      </c>
      <c r="AF6" s="807" t="s">
        <v>1498</v>
      </c>
      <c r="AG6" s="807" t="s">
        <v>1498</v>
      </c>
      <c r="AH6" s="807" t="s">
        <v>1498</v>
      </c>
      <c r="AI6" s="807" t="s">
        <v>1498</v>
      </c>
      <c r="AJ6" s="807" t="s">
        <v>1498</v>
      </c>
      <c r="AK6" s="807" t="s">
        <v>1498</v>
      </c>
      <c r="AL6" s="807" t="s">
        <v>1498</v>
      </c>
      <c r="AM6" s="807" t="s">
        <v>1498</v>
      </c>
      <c r="AN6" s="807" t="s">
        <v>1498</v>
      </c>
      <c r="AO6" s="807" t="s">
        <v>1498</v>
      </c>
      <c r="AP6" s="807" t="s">
        <v>1498</v>
      </c>
      <c r="AQ6" s="1300">
        <f t="shared" si="0"/>
        <v>0</v>
      </c>
      <c r="AR6" s="797"/>
      <c r="AS6" s="797" t="s">
        <v>904</v>
      </c>
      <c r="AT6" s="797" t="s">
        <v>869</v>
      </c>
      <c r="AU6" s="801">
        <v>1708604</v>
      </c>
      <c r="AV6" s="836">
        <f>ROUND((VLOOKUP(G6,'[6]Cost Summary'!A:H,8,)),0.1)</f>
        <v>1708604</v>
      </c>
      <c r="AW6" s="837"/>
      <c r="AX6" s="837"/>
      <c r="AY6" s="838" t="s">
        <v>1527</v>
      </c>
      <c r="AZ6" s="790" t="s">
        <v>3239</v>
      </c>
    </row>
    <row r="7" spans="1:52" ht="75" hidden="1" x14ac:dyDescent="0.25">
      <c r="A7" s="785"/>
      <c r="B7" s="785"/>
      <c r="C7" s="785"/>
      <c r="D7" s="785"/>
      <c r="E7" s="785" t="s">
        <v>66</v>
      </c>
      <c r="F7" s="785"/>
      <c r="G7" s="797" t="s">
        <v>2100</v>
      </c>
      <c r="H7" s="797" t="s">
        <v>870</v>
      </c>
      <c r="I7" s="798" t="s">
        <v>2101</v>
      </c>
      <c r="J7" s="797" t="s">
        <v>2102</v>
      </c>
      <c r="K7" s="797">
        <v>51.790641730601102</v>
      </c>
      <c r="L7" s="797">
        <v>-0.40811346676299198</v>
      </c>
      <c r="M7" s="797" t="s">
        <v>1560</v>
      </c>
      <c r="N7" s="797" t="s">
        <v>1523</v>
      </c>
      <c r="O7" s="797">
        <v>2</v>
      </c>
      <c r="P7" s="797" t="s">
        <v>1490</v>
      </c>
      <c r="Q7" s="797" t="s">
        <v>1491</v>
      </c>
      <c r="R7" s="797" t="s">
        <v>1492</v>
      </c>
      <c r="S7" s="797" t="s">
        <v>1493</v>
      </c>
      <c r="T7" s="797"/>
      <c r="U7" s="797" t="s">
        <v>1515</v>
      </c>
      <c r="V7" s="797" t="s">
        <v>3240</v>
      </c>
      <c r="W7" s="807" t="s">
        <v>1498</v>
      </c>
      <c r="X7" s="807" t="s">
        <v>1498</v>
      </c>
      <c r="Y7" s="807" t="s">
        <v>1498</v>
      </c>
      <c r="Z7" s="807" t="s">
        <v>1498</v>
      </c>
      <c r="AA7" s="807" t="s">
        <v>1498</v>
      </c>
      <c r="AB7" s="807" t="s">
        <v>1498</v>
      </c>
      <c r="AC7" s="807" t="s">
        <v>1498</v>
      </c>
      <c r="AD7" s="807" t="s">
        <v>1498</v>
      </c>
      <c r="AE7" s="807" t="s">
        <v>1498</v>
      </c>
      <c r="AF7" s="807" t="s">
        <v>1498</v>
      </c>
      <c r="AG7" s="807" t="s">
        <v>1498</v>
      </c>
      <c r="AH7" s="807" t="s">
        <v>1498</v>
      </c>
      <c r="AI7" s="807" t="s">
        <v>1498</v>
      </c>
      <c r="AJ7" s="807" t="s">
        <v>1498</v>
      </c>
      <c r="AK7" s="807" t="s">
        <v>1498</v>
      </c>
      <c r="AL7" s="807" t="s">
        <v>1498</v>
      </c>
      <c r="AM7" s="807" t="s">
        <v>1498</v>
      </c>
      <c r="AN7" s="807" t="s">
        <v>1498</v>
      </c>
      <c r="AO7" s="807" t="s">
        <v>1498</v>
      </c>
      <c r="AP7" s="807" t="s">
        <v>1498</v>
      </c>
      <c r="AQ7" s="1300">
        <f t="shared" si="0"/>
        <v>0</v>
      </c>
      <c r="AR7" s="797"/>
      <c r="AS7" s="797" t="s">
        <v>904</v>
      </c>
      <c r="AT7" s="797" t="s">
        <v>869</v>
      </c>
      <c r="AU7" s="801">
        <v>370629.19</v>
      </c>
      <c r="AV7" s="836">
        <v>370629.19</v>
      </c>
      <c r="AW7" s="837"/>
      <c r="AX7" s="837"/>
      <c r="AY7" s="838" t="s">
        <v>1527</v>
      </c>
      <c r="AZ7" s="790" t="s">
        <v>3239</v>
      </c>
    </row>
    <row r="8" spans="1:52" ht="90" hidden="1" x14ac:dyDescent="0.25">
      <c r="A8" s="785"/>
      <c r="B8" s="785"/>
      <c r="C8" s="785"/>
      <c r="D8" s="785"/>
      <c r="E8" s="785" t="s">
        <v>66</v>
      </c>
      <c r="F8" s="785"/>
      <c r="G8" s="797" t="s">
        <v>2103</v>
      </c>
      <c r="H8" s="797" t="s">
        <v>870</v>
      </c>
      <c r="I8" s="798" t="s">
        <v>2104</v>
      </c>
      <c r="J8" s="797" t="s">
        <v>2105</v>
      </c>
      <c r="K8" s="797" t="s">
        <v>1521</v>
      </c>
      <c r="L8" s="797" t="s">
        <v>1521</v>
      </c>
      <c r="M8" s="797" t="s">
        <v>1522</v>
      </c>
      <c r="N8" s="797" t="s">
        <v>1523</v>
      </c>
      <c r="O8" s="797">
        <v>2</v>
      </c>
      <c r="P8" s="797" t="s">
        <v>1490</v>
      </c>
      <c r="Q8" s="797" t="s">
        <v>1491</v>
      </c>
      <c r="R8" s="797" t="s">
        <v>1492</v>
      </c>
      <c r="S8" s="797" t="s">
        <v>1493</v>
      </c>
      <c r="T8" s="797"/>
      <c r="U8" s="797" t="s">
        <v>1515</v>
      </c>
      <c r="V8" s="797" t="s">
        <v>3241</v>
      </c>
      <c r="W8" s="807" t="s">
        <v>1498</v>
      </c>
      <c r="X8" s="807" t="s">
        <v>1498</v>
      </c>
      <c r="Y8" s="807" t="s">
        <v>1498</v>
      </c>
      <c r="Z8" s="807" t="s">
        <v>1498</v>
      </c>
      <c r="AA8" s="807" t="s">
        <v>1498</v>
      </c>
      <c r="AB8" s="807" t="s">
        <v>1498</v>
      </c>
      <c r="AC8" s="807" t="s">
        <v>1498</v>
      </c>
      <c r="AD8" s="807" t="s">
        <v>1498</v>
      </c>
      <c r="AE8" s="807" t="s">
        <v>1498</v>
      </c>
      <c r="AF8" s="807" t="s">
        <v>1498</v>
      </c>
      <c r="AG8" s="807" t="s">
        <v>1498</v>
      </c>
      <c r="AH8" s="807" t="s">
        <v>1498</v>
      </c>
      <c r="AI8" s="807" t="s">
        <v>1498</v>
      </c>
      <c r="AJ8" s="807" t="s">
        <v>1498</v>
      </c>
      <c r="AK8" s="807" t="s">
        <v>1498</v>
      </c>
      <c r="AL8" s="807" t="s">
        <v>1498</v>
      </c>
      <c r="AM8" s="807" t="s">
        <v>1498</v>
      </c>
      <c r="AN8" s="807" t="s">
        <v>1498</v>
      </c>
      <c r="AO8" s="807" t="s">
        <v>1498</v>
      </c>
      <c r="AP8" s="807" t="s">
        <v>1498</v>
      </c>
      <c r="AQ8" s="1300">
        <f t="shared" si="0"/>
        <v>0</v>
      </c>
      <c r="AR8" s="797"/>
      <c r="AS8" s="797" t="s">
        <v>868</v>
      </c>
      <c r="AT8" s="797" t="s">
        <v>2106</v>
      </c>
      <c r="AU8" s="801">
        <v>10500000</v>
      </c>
      <c r="AV8" s="836">
        <f>ROUND((VLOOKUP(G8,'[6]Cost Summary'!A:H,8,)),0.1)</f>
        <v>10500000</v>
      </c>
      <c r="AW8" s="837"/>
      <c r="AX8" s="837"/>
      <c r="AY8" s="838" t="s">
        <v>1527</v>
      </c>
      <c r="AZ8" s="790" t="s">
        <v>3239</v>
      </c>
    </row>
    <row r="9" spans="1:52" ht="75" hidden="1" x14ac:dyDescent="0.25">
      <c r="A9" s="785"/>
      <c r="B9" s="785"/>
      <c r="C9" s="785"/>
      <c r="D9" s="785"/>
      <c r="E9" s="785" t="s">
        <v>66</v>
      </c>
      <c r="F9" s="785"/>
      <c r="G9" s="797" t="s">
        <v>2107</v>
      </c>
      <c r="H9" s="797" t="s">
        <v>870</v>
      </c>
      <c r="I9" s="798" t="s">
        <v>2108</v>
      </c>
      <c r="J9" s="797" t="s">
        <v>2109</v>
      </c>
      <c r="K9" s="797" t="s">
        <v>1521</v>
      </c>
      <c r="L9" s="797" t="s">
        <v>1521</v>
      </c>
      <c r="M9" s="797" t="s">
        <v>1522</v>
      </c>
      <c r="N9" s="797" t="s">
        <v>1523</v>
      </c>
      <c r="O9" s="797">
        <v>2</v>
      </c>
      <c r="P9" s="797" t="s">
        <v>1490</v>
      </c>
      <c r="Q9" s="797" t="s">
        <v>1491</v>
      </c>
      <c r="R9" s="797" t="s">
        <v>1492</v>
      </c>
      <c r="S9" s="797" t="s">
        <v>1493</v>
      </c>
      <c r="T9" s="797"/>
      <c r="U9" s="797" t="s">
        <v>1515</v>
      </c>
      <c r="V9" s="797" t="s">
        <v>3242</v>
      </c>
      <c r="W9" s="807" t="s">
        <v>1498</v>
      </c>
      <c r="X9" s="807" t="s">
        <v>1498</v>
      </c>
      <c r="Y9" s="807" t="s">
        <v>1498</v>
      </c>
      <c r="Z9" s="807" t="s">
        <v>1498</v>
      </c>
      <c r="AA9" s="807" t="s">
        <v>1498</v>
      </c>
      <c r="AB9" s="807" t="s">
        <v>1498</v>
      </c>
      <c r="AC9" s="807" t="s">
        <v>1498</v>
      </c>
      <c r="AD9" s="807" t="s">
        <v>1498</v>
      </c>
      <c r="AE9" s="807" t="s">
        <v>1498</v>
      </c>
      <c r="AF9" s="807" t="s">
        <v>1498</v>
      </c>
      <c r="AG9" s="807" t="s">
        <v>1498</v>
      </c>
      <c r="AH9" s="807" t="s">
        <v>1498</v>
      </c>
      <c r="AI9" s="807" t="s">
        <v>1498</v>
      </c>
      <c r="AJ9" s="807" t="s">
        <v>1498</v>
      </c>
      <c r="AK9" s="807" t="s">
        <v>1498</v>
      </c>
      <c r="AL9" s="807" t="s">
        <v>1498</v>
      </c>
      <c r="AM9" s="807" t="s">
        <v>1498</v>
      </c>
      <c r="AN9" s="807" t="s">
        <v>1498</v>
      </c>
      <c r="AO9" s="807" t="s">
        <v>1498</v>
      </c>
      <c r="AP9" s="807" t="s">
        <v>1498</v>
      </c>
      <c r="AQ9" s="1300">
        <f t="shared" si="0"/>
        <v>0</v>
      </c>
      <c r="AR9" s="797"/>
      <c r="AS9" s="797" t="s">
        <v>834</v>
      </c>
      <c r="AT9" s="797" t="s">
        <v>2106</v>
      </c>
      <c r="AU9" s="801">
        <v>5250000</v>
      </c>
      <c r="AV9" s="836">
        <f>ROUND((VLOOKUP(G9,'[6]Cost Summary'!A:H,8,)),0.1)</f>
        <v>5250000</v>
      </c>
      <c r="AW9" s="837"/>
      <c r="AX9" s="837"/>
      <c r="AY9" s="838" t="s">
        <v>1527</v>
      </c>
      <c r="AZ9" s="790" t="s">
        <v>3239</v>
      </c>
    </row>
    <row r="10" spans="1:52" ht="105" hidden="1" x14ac:dyDescent="0.25">
      <c r="A10" s="785"/>
      <c r="B10" s="785"/>
      <c r="C10" s="785"/>
      <c r="D10" s="785"/>
      <c r="E10" s="785" t="s">
        <v>66</v>
      </c>
      <c r="F10" s="785"/>
      <c r="G10" s="797" t="s">
        <v>1664</v>
      </c>
      <c r="H10" s="797" t="s">
        <v>870</v>
      </c>
      <c r="I10" s="798" t="s">
        <v>1665</v>
      </c>
      <c r="J10" s="797" t="s">
        <v>1666</v>
      </c>
      <c r="K10" s="797">
        <v>51.743551370660697</v>
      </c>
      <c r="L10" s="797">
        <v>-0.41583057901873899</v>
      </c>
      <c r="M10" s="797" t="s">
        <v>1522</v>
      </c>
      <c r="N10" s="797" t="s">
        <v>1523</v>
      </c>
      <c r="O10" s="797">
        <v>2</v>
      </c>
      <c r="P10" s="797" t="s">
        <v>1616</v>
      </c>
      <c r="Q10" s="797" t="s">
        <v>1491</v>
      </c>
      <c r="R10" s="797" t="s">
        <v>1492</v>
      </c>
      <c r="S10" s="797" t="s">
        <v>1493</v>
      </c>
      <c r="T10" s="797"/>
      <c r="U10" s="797" t="s">
        <v>1515</v>
      </c>
      <c r="V10" s="797" t="s">
        <v>846</v>
      </c>
      <c r="W10" s="807" t="s">
        <v>1498</v>
      </c>
      <c r="X10" s="807" t="s">
        <v>1498</v>
      </c>
      <c r="Y10" s="807" t="s">
        <v>1498</v>
      </c>
      <c r="Z10" s="807" t="s">
        <v>1498</v>
      </c>
      <c r="AA10" s="807" t="s">
        <v>1498</v>
      </c>
      <c r="AB10" s="807" t="s">
        <v>1498</v>
      </c>
      <c r="AC10" s="807" t="s">
        <v>1498</v>
      </c>
      <c r="AD10" s="807" t="s">
        <v>1498</v>
      </c>
      <c r="AE10" s="807" t="s">
        <v>1498</v>
      </c>
      <c r="AF10" s="807" t="s">
        <v>1498</v>
      </c>
      <c r="AG10" s="807" t="s">
        <v>1498</v>
      </c>
      <c r="AH10" s="807" t="s">
        <v>1498</v>
      </c>
      <c r="AI10" s="807" t="s">
        <v>1498</v>
      </c>
      <c r="AJ10" s="807" t="s">
        <v>1498</v>
      </c>
      <c r="AK10" s="807" t="s">
        <v>1498</v>
      </c>
      <c r="AL10" s="807" t="s">
        <v>1498</v>
      </c>
      <c r="AM10" s="807" t="s">
        <v>1498</v>
      </c>
      <c r="AN10" s="807" t="s">
        <v>1498</v>
      </c>
      <c r="AO10" s="807" t="s">
        <v>1498</v>
      </c>
      <c r="AP10" s="807" t="s">
        <v>1498</v>
      </c>
      <c r="AQ10" s="1300">
        <f t="shared" si="0"/>
        <v>0</v>
      </c>
      <c r="AR10" s="797"/>
      <c r="AS10" s="797" t="s">
        <v>868</v>
      </c>
      <c r="AT10" s="797" t="s">
        <v>53</v>
      </c>
      <c r="AU10" s="801">
        <v>126563</v>
      </c>
      <c r="AV10" s="836">
        <f>ROUND((VLOOKUP(G10,'[6]Cost Summary'!A:H,8,)),0.1)</f>
        <v>126563</v>
      </c>
      <c r="AW10" s="837"/>
      <c r="AX10" s="837"/>
      <c r="AY10" s="838" t="s">
        <v>1527</v>
      </c>
      <c r="AZ10" s="790" t="s">
        <v>3239</v>
      </c>
    </row>
    <row r="11" spans="1:52" ht="75" hidden="1" x14ac:dyDescent="0.25">
      <c r="A11" s="785"/>
      <c r="B11" s="785"/>
      <c r="C11" s="785"/>
      <c r="D11" s="785"/>
      <c r="E11" s="785" t="s">
        <v>66</v>
      </c>
      <c r="F11" s="785"/>
      <c r="G11" s="797" t="s">
        <v>2111</v>
      </c>
      <c r="H11" s="797" t="s">
        <v>870</v>
      </c>
      <c r="I11" s="798" t="s">
        <v>2112</v>
      </c>
      <c r="J11" s="797" t="s">
        <v>2113</v>
      </c>
      <c r="K11" s="797" t="s">
        <v>1521</v>
      </c>
      <c r="L11" s="797" t="s">
        <v>1521</v>
      </c>
      <c r="M11" s="797" t="s">
        <v>1522</v>
      </c>
      <c r="N11" s="797" t="s">
        <v>1523</v>
      </c>
      <c r="O11" s="797">
        <v>2</v>
      </c>
      <c r="P11" s="797" t="s">
        <v>1490</v>
      </c>
      <c r="Q11" s="797" t="s">
        <v>1491</v>
      </c>
      <c r="R11" s="797" t="s">
        <v>1492</v>
      </c>
      <c r="S11" s="797" t="s">
        <v>1493</v>
      </c>
      <c r="T11" s="797"/>
      <c r="U11" s="797" t="s">
        <v>1515</v>
      </c>
      <c r="V11" s="797" t="s">
        <v>3243</v>
      </c>
      <c r="W11" s="807" t="s">
        <v>1498</v>
      </c>
      <c r="X11" s="807" t="s">
        <v>1498</v>
      </c>
      <c r="Y11" s="807" t="s">
        <v>1498</v>
      </c>
      <c r="Z11" s="807" t="s">
        <v>1498</v>
      </c>
      <c r="AA11" s="807" t="s">
        <v>1498</v>
      </c>
      <c r="AB11" s="807" t="s">
        <v>1498</v>
      </c>
      <c r="AC11" s="807" t="s">
        <v>1498</v>
      </c>
      <c r="AD11" s="807" t="s">
        <v>1498</v>
      </c>
      <c r="AE11" s="807" t="s">
        <v>1498</v>
      </c>
      <c r="AF11" s="807" t="s">
        <v>1498</v>
      </c>
      <c r="AG11" s="807" t="s">
        <v>1498</v>
      </c>
      <c r="AH11" s="807" t="s">
        <v>1498</v>
      </c>
      <c r="AI11" s="807" t="s">
        <v>1498</v>
      </c>
      <c r="AJ11" s="807" t="s">
        <v>1498</v>
      </c>
      <c r="AK11" s="807" t="s">
        <v>1498</v>
      </c>
      <c r="AL11" s="807" t="s">
        <v>1498</v>
      </c>
      <c r="AM11" s="807" t="s">
        <v>1498</v>
      </c>
      <c r="AN11" s="807" t="s">
        <v>1498</v>
      </c>
      <c r="AO11" s="807" t="s">
        <v>1498</v>
      </c>
      <c r="AP11" s="807" t="s">
        <v>1498</v>
      </c>
      <c r="AQ11" s="1300">
        <f t="shared" si="0"/>
        <v>0</v>
      </c>
      <c r="AR11" s="797"/>
      <c r="AS11" s="797" t="s">
        <v>868</v>
      </c>
      <c r="AT11" s="797" t="s">
        <v>53</v>
      </c>
      <c r="AU11" s="801">
        <v>875000</v>
      </c>
      <c r="AV11" s="836">
        <f>ROUND((VLOOKUP(G11,'[6]Cost Summary'!A:H,8,)),0.1)</f>
        <v>875000</v>
      </c>
      <c r="AW11" s="837"/>
      <c r="AX11" s="837"/>
      <c r="AY11" s="838" t="s">
        <v>1527</v>
      </c>
      <c r="AZ11" s="790" t="s">
        <v>3239</v>
      </c>
    </row>
    <row r="12" spans="1:52" ht="240" hidden="1" x14ac:dyDescent="0.25">
      <c r="A12" s="785"/>
      <c r="B12" s="785"/>
      <c r="C12" s="785"/>
      <c r="D12" s="785"/>
      <c r="E12" s="785" t="s">
        <v>66</v>
      </c>
      <c r="F12" s="785"/>
      <c r="G12" s="797" t="s">
        <v>1668</v>
      </c>
      <c r="H12" s="797" t="s">
        <v>932</v>
      </c>
      <c r="I12" s="798" t="s">
        <v>1669</v>
      </c>
      <c r="J12" s="797" t="s">
        <v>1670</v>
      </c>
      <c r="K12" s="797">
        <v>51.773087432948998</v>
      </c>
      <c r="L12" s="797">
        <v>-0.46517518143189002</v>
      </c>
      <c r="M12" s="797" t="s">
        <v>1560</v>
      </c>
      <c r="N12" s="797" t="s">
        <v>1489</v>
      </c>
      <c r="O12" s="797">
        <v>1</v>
      </c>
      <c r="P12" s="797" t="s">
        <v>1490</v>
      </c>
      <c r="Q12" s="797" t="s">
        <v>1491</v>
      </c>
      <c r="R12" s="797" t="s">
        <v>1492</v>
      </c>
      <c r="S12" s="797" t="s">
        <v>1493</v>
      </c>
      <c r="T12" s="797"/>
      <c r="U12" s="797" t="s">
        <v>1515</v>
      </c>
      <c r="V12" s="797" t="s">
        <v>127</v>
      </c>
      <c r="W12" s="807" t="s">
        <v>1498</v>
      </c>
      <c r="X12" s="807" t="s">
        <v>1498</v>
      </c>
      <c r="Y12" s="807" t="s">
        <v>1498</v>
      </c>
      <c r="Z12" s="807" t="s">
        <v>1498</v>
      </c>
      <c r="AA12" s="807" t="s">
        <v>1498</v>
      </c>
      <c r="AB12" s="807" t="s">
        <v>1498</v>
      </c>
      <c r="AC12" s="807" t="s">
        <v>1498</v>
      </c>
      <c r="AD12" s="807" t="s">
        <v>1498</v>
      </c>
      <c r="AE12" s="807" t="s">
        <v>1498</v>
      </c>
      <c r="AF12" s="807" t="s">
        <v>1498</v>
      </c>
      <c r="AG12" s="807" t="s">
        <v>1498</v>
      </c>
      <c r="AH12" s="807" t="s">
        <v>1498</v>
      </c>
      <c r="AI12" s="807" t="s">
        <v>1498</v>
      </c>
      <c r="AJ12" s="807" t="s">
        <v>1498</v>
      </c>
      <c r="AK12" s="807" t="s">
        <v>1498</v>
      </c>
      <c r="AL12" s="807" t="s">
        <v>1498</v>
      </c>
      <c r="AM12" s="807" t="s">
        <v>1498</v>
      </c>
      <c r="AN12" s="807" t="s">
        <v>1498</v>
      </c>
      <c r="AO12" s="807" t="s">
        <v>1498</v>
      </c>
      <c r="AP12" s="807" t="s">
        <v>1498</v>
      </c>
      <c r="AQ12" s="1300">
        <f t="shared" si="0"/>
        <v>0</v>
      </c>
      <c r="AR12" s="797"/>
      <c r="AS12" s="797" t="s">
        <v>722</v>
      </c>
      <c r="AT12" s="797" t="s">
        <v>53</v>
      </c>
      <c r="AU12" s="801">
        <v>134473</v>
      </c>
      <c r="AV12" s="836">
        <f>ROUND((VLOOKUP(G12,'[6]Cost Summary'!A:H,8,)),0.1)</f>
        <v>134473</v>
      </c>
      <c r="AW12" s="837"/>
      <c r="AX12" s="837"/>
      <c r="AY12" s="838" t="s">
        <v>1527</v>
      </c>
      <c r="AZ12" s="790" t="s">
        <v>3239</v>
      </c>
    </row>
    <row r="13" spans="1:52" ht="180" hidden="1" x14ac:dyDescent="0.25">
      <c r="A13" s="785"/>
      <c r="B13" s="785"/>
      <c r="C13" s="785"/>
      <c r="D13" s="785"/>
      <c r="E13" s="785" t="s">
        <v>66</v>
      </c>
      <c r="F13" s="785"/>
      <c r="G13" s="797" t="s">
        <v>2115</v>
      </c>
      <c r="H13" s="797" t="s">
        <v>900</v>
      </c>
      <c r="I13" s="798" t="s">
        <v>2116</v>
      </c>
      <c r="J13" s="797" t="s">
        <v>2117</v>
      </c>
      <c r="K13" s="797">
        <v>51.822959942178599</v>
      </c>
      <c r="L13" s="797">
        <v>-0.42516708375141699</v>
      </c>
      <c r="M13" s="797" t="s">
        <v>1560</v>
      </c>
      <c r="N13" s="797" t="s">
        <v>1523</v>
      </c>
      <c r="O13" s="797">
        <v>2</v>
      </c>
      <c r="P13" s="797" t="s">
        <v>1490</v>
      </c>
      <c r="Q13" s="797" t="s">
        <v>1491</v>
      </c>
      <c r="R13" s="797" t="s">
        <v>1492</v>
      </c>
      <c r="S13" s="797" t="s">
        <v>1493</v>
      </c>
      <c r="T13" s="797"/>
      <c r="U13" s="797" t="s">
        <v>1515</v>
      </c>
      <c r="V13" s="797" t="s">
        <v>3240</v>
      </c>
      <c r="W13" s="807" t="s">
        <v>1498</v>
      </c>
      <c r="X13" s="807" t="s">
        <v>1498</v>
      </c>
      <c r="Y13" s="807" t="s">
        <v>1498</v>
      </c>
      <c r="Z13" s="807" t="s">
        <v>1498</v>
      </c>
      <c r="AA13" s="807" t="s">
        <v>1498</v>
      </c>
      <c r="AB13" s="807" t="s">
        <v>1498</v>
      </c>
      <c r="AC13" s="807" t="s">
        <v>1498</v>
      </c>
      <c r="AD13" s="807" t="s">
        <v>1498</v>
      </c>
      <c r="AE13" s="807" t="s">
        <v>1498</v>
      </c>
      <c r="AF13" s="807" t="s">
        <v>1498</v>
      </c>
      <c r="AG13" s="807" t="s">
        <v>1498</v>
      </c>
      <c r="AH13" s="807" t="s">
        <v>1498</v>
      </c>
      <c r="AI13" s="807" t="s">
        <v>1498</v>
      </c>
      <c r="AJ13" s="807" t="s">
        <v>1498</v>
      </c>
      <c r="AK13" s="807" t="s">
        <v>1498</v>
      </c>
      <c r="AL13" s="807" t="s">
        <v>1498</v>
      </c>
      <c r="AM13" s="807" t="s">
        <v>1498</v>
      </c>
      <c r="AN13" s="807" t="s">
        <v>1498</v>
      </c>
      <c r="AO13" s="807" t="s">
        <v>1498</v>
      </c>
      <c r="AP13" s="807" t="s">
        <v>1498</v>
      </c>
      <c r="AQ13" s="1300">
        <f t="shared" si="0"/>
        <v>0</v>
      </c>
      <c r="AR13" s="797"/>
      <c r="AS13" s="797" t="s">
        <v>904</v>
      </c>
      <c r="AT13" s="797" t="s">
        <v>53</v>
      </c>
      <c r="AU13" s="801">
        <v>1582041</v>
      </c>
      <c r="AV13" s="836">
        <f>ROUND((VLOOKUP(G13,'[6]Cost Summary'!A:H,8,)),0.1)</f>
        <v>1582041</v>
      </c>
      <c r="AW13" s="837"/>
      <c r="AX13" s="837"/>
      <c r="AY13" s="840" t="s">
        <v>2118</v>
      </c>
      <c r="AZ13" s="790" t="s">
        <v>3239</v>
      </c>
    </row>
    <row r="14" spans="1:52" ht="135" hidden="1" x14ac:dyDescent="0.25">
      <c r="A14" s="785"/>
      <c r="B14" s="785"/>
      <c r="C14" s="785"/>
      <c r="D14" s="785"/>
      <c r="E14" s="785" t="s">
        <v>66</v>
      </c>
      <c r="F14" s="785"/>
      <c r="G14" s="797" t="s">
        <v>1566</v>
      </c>
      <c r="H14" s="797" t="s">
        <v>870</v>
      </c>
      <c r="I14" s="798" t="s">
        <v>1567</v>
      </c>
      <c r="J14" s="797" t="s">
        <v>1568</v>
      </c>
      <c r="K14" s="797">
        <v>51.765387937027597</v>
      </c>
      <c r="L14" s="797">
        <v>-0.47929404834780998</v>
      </c>
      <c r="M14" s="797" t="s">
        <v>1522</v>
      </c>
      <c r="N14" s="797" t="s">
        <v>1523</v>
      </c>
      <c r="O14" s="797">
        <v>2</v>
      </c>
      <c r="P14" s="797" t="s">
        <v>1490</v>
      </c>
      <c r="Q14" s="797" t="s">
        <v>1491</v>
      </c>
      <c r="R14" s="797" t="s">
        <v>1492</v>
      </c>
      <c r="S14" s="797" t="s">
        <v>1493</v>
      </c>
      <c r="T14" s="797"/>
      <c r="U14" s="799" t="s">
        <v>1515</v>
      </c>
      <c r="V14" s="797" t="s">
        <v>1172</v>
      </c>
      <c r="W14" s="807" t="s">
        <v>1498</v>
      </c>
      <c r="X14" s="807" t="s">
        <v>1498</v>
      </c>
      <c r="Y14" s="807" t="s">
        <v>1498</v>
      </c>
      <c r="Z14" s="807" t="s">
        <v>1498</v>
      </c>
      <c r="AA14" s="807" t="s">
        <v>1498</v>
      </c>
      <c r="AB14" s="807" t="s">
        <v>1498</v>
      </c>
      <c r="AC14" s="807" t="s">
        <v>1498</v>
      </c>
      <c r="AD14" s="807" t="s">
        <v>1498</v>
      </c>
      <c r="AE14" s="807" t="s">
        <v>1498</v>
      </c>
      <c r="AF14" s="807" t="s">
        <v>1498</v>
      </c>
      <c r="AG14" s="807" t="s">
        <v>1498</v>
      </c>
      <c r="AH14" s="807" t="s">
        <v>1498</v>
      </c>
      <c r="AI14" s="807" t="s">
        <v>1498</v>
      </c>
      <c r="AJ14" s="807" t="s">
        <v>1498</v>
      </c>
      <c r="AK14" s="807" t="s">
        <v>1498</v>
      </c>
      <c r="AL14" s="807" t="s">
        <v>1498</v>
      </c>
      <c r="AM14" s="807" t="s">
        <v>1498</v>
      </c>
      <c r="AN14" s="807" t="s">
        <v>1498</v>
      </c>
      <c r="AO14" s="807" t="s">
        <v>1498</v>
      </c>
      <c r="AP14" s="807" t="s">
        <v>1498</v>
      </c>
      <c r="AQ14" s="1300">
        <f t="shared" si="0"/>
        <v>0</v>
      </c>
      <c r="AR14" s="797"/>
      <c r="AS14" s="797" t="s">
        <v>868</v>
      </c>
      <c r="AT14" s="797" t="s">
        <v>53</v>
      </c>
      <c r="AU14" s="801">
        <v>901923</v>
      </c>
      <c r="AV14" s="836">
        <f>ROUND((VLOOKUP(G14,'[6]Cost Summary'!A:H,8,)),0.1)</f>
        <v>901923</v>
      </c>
      <c r="AW14" s="837"/>
      <c r="AX14" s="837"/>
      <c r="AY14" s="838" t="s">
        <v>1527</v>
      </c>
      <c r="AZ14" s="805" t="s">
        <v>1528</v>
      </c>
    </row>
    <row r="15" spans="1:52" ht="60" hidden="1" x14ac:dyDescent="0.25">
      <c r="A15" s="785"/>
      <c r="B15" s="785"/>
      <c r="C15" s="785"/>
      <c r="D15" s="785"/>
      <c r="E15" s="785" t="s">
        <v>66</v>
      </c>
      <c r="F15" s="785"/>
      <c r="G15" s="797" t="s">
        <v>1570</v>
      </c>
      <c r="H15" s="797" t="s">
        <v>870</v>
      </c>
      <c r="I15" s="798" t="s">
        <v>1571</v>
      </c>
      <c r="J15" s="797" t="s">
        <v>1572</v>
      </c>
      <c r="K15" s="797" t="s">
        <v>1521</v>
      </c>
      <c r="L15" s="797" t="s">
        <v>1521</v>
      </c>
      <c r="M15" s="797" t="s">
        <v>1522</v>
      </c>
      <c r="N15" s="797" t="s">
        <v>1523</v>
      </c>
      <c r="O15" s="797">
        <v>3</v>
      </c>
      <c r="P15" s="797" t="s">
        <v>1490</v>
      </c>
      <c r="Q15" s="797" t="s">
        <v>1491</v>
      </c>
      <c r="R15" s="797" t="s">
        <v>1492</v>
      </c>
      <c r="S15" s="797" t="s">
        <v>1524</v>
      </c>
      <c r="T15" s="797"/>
      <c r="U15" s="799" t="s">
        <v>1515</v>
      </c>
      <c r="V15" s="797" t="s">
        <v>3244</v>
      </c>
      <c r="W15" s="807" t="s">
        <v>1498</v>
      </c>
      <c r="X15" s="807" t="s">
        <v>1498</v>
      </c>
      <c r="Y15" s="807" t="s">
        <v>1498</v>
      </c>
      <c r="Z15" s="807" t="s">
        <v>1498</v>
      </c>
      <c r="AA15" s="807" t="s">
        <v>1498</v>
      </c>
      <c r="AB15" s="807" t="s">
        <v>1498</v>
      </c>
      <c r="AC15" s="807" t="s">
        <v>1498</v>
      </c>
      <c r="AD15" s="807" t="s">
        <v>1498</v>
      </c>
      <c r="AE15" s="807" t="s">
        <v>1498</v>
      </c>
      <c r="AF15" s="807" t="s">
        <v>1498</v>
      </c>
      <c r="AG15" s="807" t="s">
        <v>1498</v>
      </c>
      <c r="AH15" s="807" t="s">
        <v>1498</v>
      </c>
      <c r="AI15" s="807" t="s">
        <v>1498</v>
      </c>
      <c r="AJ15" s="807" t="s">
        <v>1498</v>
      </c>
      <c r="AK15" s="807" t="s">
        <v>1498</v>
      </c>
      <c r="AL15" s="807" t="s">
        <v>1498</v>
      </c>
      <c r="AM15" s="807" t="s">
        <v>1498</v>
      </c>
      <c r="AN15" s="807" t="s">
        <v>1498</v>
      </c>
      <c r="AO15" s="807" t="s">
        <v>1498</v>
      </c>
      <c r="AP15" s="807" t="s">
        <v>1498</v>
      </c>
      <c r="AQ15" s="1300">
        <f t="shared" si="0"/>
        <v>0</v>
      </c>
      <c r="AR15" s="797"/>
      <c r="AS15" s="797" t="s">
        <v>1573</v>
      </c>
      <c r="AT15" s="797" t="s">
        <v>53</v>
      </c>
      <c r="AU15" s="801">
        <v>1244205</v>
      </c>
      <c r="AV15" s="836">
        <f>ROUND((VLOOKUP(G15,'[6]Cost Summary'!A:H,8,)),0.1)</f>
        <v>1244205</v>
      </c>
      <c r="AW15" s="837"/>
      <c r="AX15" s="837"/>
      <c r="AY15" s="838" t="s">
        <v>1527</v>
      </c>
      <c r="AZ15" s="805" t="s">
        <v>3239</v>
      </c>
    </row>
    <row r="16" spans="1:52" ht="75" hidden="1" x14ac:dyDescent="0.25">
      <c r="A16" s="785"/>
      <c r="B16" s="785"/>
      <c r="C16" s="785"/>
      <c r="D16" s="785"/>
      <c r="E16" s="785" t="s">
        <v>66</v>
      </c>
      <c r="F16" s="785"/>
      <c r="G16" s="797" t="s">
        <v>1556</v>
      </c>
      <c r="H16" s="797" t="s">
        <v>870</v>
      </c>
      <c r="I16" s="798" t="s">
        <v>1557</v>
      </c>
      <c r="J16" s="797" t="s">
        <v>1558</v>
      </c>
      <c r="K16" s="797">
        <v>51.784147919409399</v>
      </c>
      <c r="L16" s="797">
        <v>-0.45310197043822198</v>
      </c>
      <c r="M16" s="797" t="s">
        <v>1560</v>
      </c>
      <c r="N16" s="797" t="s">
        <v>1523</v>
      </c>
      <c r="O16" s="797">
        <v>3</v>
      </c>
      <c r="P16" s="797" t="s">
        <v>1490</v>
      </c>
      <c r="Q16" s="797" t="s">
        <v>1491</v>
      </c>
      <c r="R16" s="797" t="s">
        <v>1492</v>
      </c>
      <c r="S16" s="797" t="s">
        <v>1561</v>
      </c>
      <c r="T16" s="797"/>
      <c r="U16" s="797" t="s">
        <v>3245</v>
      </c>
      <c r="V16" s="797" t="s">
        <v>59</v>
      </c>
      <c r="W16" s="807" t="s">
        <v>1498</v>
      </c>
      <c r="X16" s="807" t="s">
        <v>1498</v>
      </c>
      <c r="Y16" s="807" t="s">
        <v>1498</v>
      </c>
      <c r="Z16" s="807" t="s">
        <v>1498</v>
      </c>
      <c r="AA16" s="807" t="s">
        <v>1498</v>
      </c>
      <c r="AB16" s="807" t="s">
        <v>1498</v>
      </c>
      <c r="AC16" s="807" t="s">
        <v>1498</v>
      </c>
      <c r="AD16" s="807" t="s">
        <v>1498</v>
      </c>
      <c r="AE16" s="807" t="s">
        <v>1498</v>
      </c>
      <c r="AF16" s="807" t="s">
        <v>1498</v>
      </c>
      <c r="AG16" s="807" t="s">
        <v>1498</v>
      </c>
      <c r="AH16" s="807" t="s">
        <v>1498</v>
      </c>
      <c r="AI16" s="807" t="s">
        <v>1498</v>
      </c>
      <c r="AJ16" s="807" t="s">
        <v>1498</v>
      </c>
      <c r="AK16" s="807" t="s">
        <v>1498</v>
      </c>
      <c r="AL16" s="807" t="s">
        <v>1498</v>
      </c>
      <c r="AM16" s="807" t="s">
        <v>1498</v>
      </c>
      <c r="AN16" s="807" t="s">
        <v>1498</v>
      </c>
      <c r="AO16" s="807" t="s">
        <v>1498</v>
      </c>
      <c r="AP16" s="807" t="s">
        <v>1498</v>
      </c>
      <c r="AQ16" s="1300">
        <f t="shared" si="0"/>
        <v>0</v>
      </c>
      <c r="AR16" s="797"/>
      <c r="AS16" s="797" t="s">
        <v>1565</v>
      </c>
      <c r="AT16" s="797" t="s">
        <v>53</v>
      </c>
      <c r="AU16" s="801">
        <v>109695</v>
      </c>
      <c r="AV16" s="836">
        <f>ROUND((VLOOKUP(G16,'[6]Cost Summary'!A:H,8,)),0.1)</f>
        <v>109695</v>
      </c>
      <c r="AW16" s="837"/>
      <c r="AX16" s="837"/>
      <c r="AY16" s="838" t="s">
        <v>1527</v>
      </c>
      <c r="AZ16" s="805" t="s">
        <v>3239</v>
      </c>
    </row>
    <row r="17" spans="1:52" ht="45" hidden="1" x14ac:dyDescent="0.25">
      <c r="A17" s="785"/>
      <c r="B17" s="785"/>
      <c r="C17" s="785"/>
      <c r="D17" s="785"/>
      <c r="E17" s="785" t="s">
        <v>66</v>
      </c>
      <c r="F17" s="785"/>
      <c r="G17" s="797" t="s">
        <v>1650</v>
      </c>
      <c r="H17" s="797" t="s">
        <v>870</v>
      </c>
      <c r="I17" s="798" t="s">
        <v>1651</v>
      </c>
      <c r="J17" s="797" t="s">
        <v>1652</v>
      </c>
      <c r="K17" s="797">
        <v>51.772489681769898</v>
      </c>
      <c r="L17" s="797">
        <v>-0.47009970057594203</v>
      </c>
      <c r="M17" s="797" t="s">
        <v>1560</v>
      </c>
      <c r="N17" s="797" t="s">
        <v>1523</v>
      </c>
      <c r="O17" s="797">
        <v>3</v>
      </c>
      <c r="P17" s="797" t="s">
        <v>1490</v>
      </c>
      <c r="Q17" s="797" t="s">
        <v>1491</v>
      </c>
      <c r="R17" s="797" t="s">
        <v>1492</v>
      </c>
      <c r="S17" s="797" t="s">
        <v>1561</v>
      </c>
      <c r="T17" s="797"/>
      <c r="U17" s="797"/>
      <c r="V17" s="797" t="s">
        <v>1172</v>
      </c>
      <c r="W17" s="807" t="s">
        <v>1498</v>
      </c>
      <c r="X17" s="807" t="s">
        <v>1498</v>
      </c>
      <c r="Y17" s="807" t="s">
        <v>1498</v>
      </c>
      <c r="Z17" s="807" t="s">
        <v>1498</v>
      </c>
      <c r="AA17" s="807" t="s">
        <v>1498</v>
      </c>
      <c r="AB17" s="807" t="s">
        <v>1498</v>
      </c>
      <c r="AC17" s="807" t="s">
        <v>1498</v>
      </c>
      <c r="AD17" s="807" t="s">
        <v>1498</v>
      </c>
      <c r="AE17" s="807" t="s">
        <v>1498</v>
      </c>
      <c r="AF17" s="807" t="s">
        <v>1498</v>
      </c>
      <c r="AG17" s="807" t="s">
        <v>1498</v>
      </c>
      <c r="AH17" s="807" t="s">
        <v>1498</v>
      </c>
      <c r="AI17" s="807" t="s">
        <v>1498</v>
      </c>
      <c r="AJ17" s="807" t="s">
        <v>1498</v>
      </c>
      <c r="AK17" s="807" t="s">
        <v>1498</v>
      </c>
      <c r="AL17" s="807" t="s">
        <v>1498</v>
      </c>
      <c r="AM17" s="807" t="s">
        <v>1498</v>
      </c>
      <c r="AN17" s="807" t="s">
        <v>1498</v>
      </c>
      <c r="AO17" s="807" t="s">
        <v>1498</v>
      </c>
      <c r="AP17" s="807" t="s">
        <v>1498</v>
      </c>
      <c r="AQ17" s="1300">
        <f t="shared" si="0"/>
        <v>0</v>
      </c>
      <c r="AR17" s="797"/>
      <c r="AS17" s="797" t="s">
        <v>1565</v>
      </c>
      <c r="AT17" s="797" t="s">
        <v>53</v>
      </c>
      <c r="AU17" s="801">
        <v>109695</v>
      </c>
      <c r="AV17" s="836">
        <f>ROUND((VLOOKUP(G17,'[6]Cost Summary'!A:H,8,)),0.1)</f>
        <v>109695</v>
      </c>
      <c r="AW17" s="837"/>
      <c r="AX17" s="837"/>
      <c r="AY17" s="838" t="s">
        <v>1527</v>
      </c>
      <c r="AZ17" s="805" t="s">
        <v>3239</v>
      </c>
    </row>
    <row r="18" spans="1:52" ht="90" hidden="1" x14ac:dyDescent="0.25">
      <c r="A18" s="785"/>
      <c r="B18" s="785"/>
      <c r="C18" s="785"/>
      <c r="D18" s="785"/>
      <c r="E18" s="785" t="s">
        <v>66</v>
      </c>
      <c r="F18" s="785"/>
      <c r="G18" s="799" t="s">
        <v>1574</v>
      </c>
      <c r="H18" s="799" t="s">
        <v>870</v>
      </c>
      <c r="I18" s="808" t="s">
        <v>1575</v>
      </c>
      <c r="J18" s="799" t="s">
        <v>1576</v>
      </c>
      <c r="K18" s="797">
        <v>51.750126150782599</v>
      </c>
      <c r="L18" s="797">
        <v>-0.45572802317021999</v>
      </c>
      <c r="M18" s="799" t="s">
        <v>1522</v>
      </c>
      <c r="N18" s="799" t="s">
        <v>1523</v>
      </c>
      <c r="O18" s="799">
        <v>3</v>
      </c>
      <c r="P18" s="799" t="s">
        <v>1578</v>
      </c>
      <c r="Q18" s="799" t="s">
        <v>1491</v>
      </c>
      <c r="R18" s="799" t="s">
        <v>1492</v>
      </c>
      <c r="S18" s="799" t="s">
        <v>1493</v>
      </c>
      <c r="T18" s="825"/>
      <c r="U18" s="825"/>
      <c r="V18" s="799" t="s">
        <v>948</v>
      </c>
      <c r="W18" s="839" t="s">
        <v>1498</v>
      </c>
      <c r="X18" s="839" t="s">
        <v>1498</v>
      </c>
      <c r="Y18" s="839" t="s">
        <v>1498</v>
      </c>
      <c r="Z18" s="839" t="s">
        <v>1498</v>
      </c>
      <c r="AA18" s="839" t="s">
        <v>1498</v>
      </c>
      <c r="AB18" s="839" t="s">
        <v>1498</v>
      </c>
      <c r="AC18" s="839" t="s">
        <v>1498</v>
      </c>
      <c r="AD18" s="839" t="s">
        <v>1498</v>
      </c>
      <c r="AE18" s="839" t="s">
        <v>1498</v>
      </c>
      <c r="AF18" s="839" t="s">
        <v>1498</v>
      </c>
      <c r="AG18" s="839" t="s">
        <v>1498</v>
      </c>
      <c r="AH18" s="839" t="s">
        <v>1498</v>
      </c>
      <c r="AI18" s="839" t="s">
        <v>1498</v>
      </c>
      <c r="AJ18" s="839" t="s">
        <v>1498</v>
      </c>
      <c r="AK18" s="839" t="s">
        <v>1498</v>
      </c>
      <c r="AL18" s="839" t="s">
        <v>1498</v>
      </c>
      <c r="AM18" s="839" t="s">
        <v>1498</v>
      </c>
      <c r="AN18" s="839" t="s">
        <v>1498</v>
      </c>
      <c r="AO18" s="839" t="s">
        <v>1498</v>
      </c>
      <c r="AP18" s="839" t="s">
        <v>1498</v>
      </c>
      <c r="AQ18" s="1300">
        <f t="shared" si="0"/>
        <v>0</v>
      </c>
      <c r="AR18" s="799"/>
      <c r="AS18" s="799" t="s">
        <v>904</v>
      </c>
      <c r="AT18" s="799" t="s">
        <v>53</v>
      </c>
      <c r="AU18" s="809">
        <v>1309074</v>
      </c>
      <c r="AV18" s="836">
        <f>ROUND((VLOOKUP(G18,'[6]Cost Summary'!A:H,8,)),0.1)</f>
        <v>1309074</v>
      </c>
      <c r="AW18" s="837"/>
      <c r="AX18" s="837"/>
      <c r="AY18" s="838" t="s">
        <v>1527</v>
      </c>
      <c r="AZ18" s="790" t="s">
        <v>3239</v>
      </c>
    </row>
    <row r="19" spans="1:52" ht="75" hidden="1" x14ac:dyDescent="0.25">
      <c r="A19" s="785"/>
      <c r="B19" s="785"/>
      <c r="C19" s="785"/>
      <c r="D19" s="785"/>
      <c r="E19" s="785" t="s">
        <v>66</v>
      </c>
      <c r="F19" s="785"/>
      <c r="G19" s="797" t="s">
        <v>1624</v>
      </c>
      <c r="H19" s="797" t="s">
        <v>870</v>
      </c>
      <c r="I19" s="798" t="s">
        <v>1625</v>
      </c>
      <c r="J19" s="797" t="s">
        <v>1626</v>
      </c>
      <c r="K19" s="797">
        <v>51.7496245860467</v>
      </c>
      <c r="L19" s="797">
        <v>-0.45118354852086501</v>
      </c>
      <c r="M19" s="797" t="s">
        <v>1522</v>
      </c>
      <c r="N19" s="797" t="s">
        <v>1523</v>
      </c>
      <c r="O19" s="797">
        <v>3</v>
      </c>
      <c r="P19" s="797" t="s">
        <v>1578</v>
      </c>
      <c r="Q19" s="797" t="s">
        <v>1491</v>
      </c>
      <c r="R19" s="797" t="s">
        <v>1492</v>
      </c>
      <c r="S19" s="797" t="s">
        <v>1493</v>
      </c>
      <c r="T19" s="797"/>
      <c r="U19" s="797"/>
      <c r="V19" s="799" t="s">
        <v>948</v>
      </c>
      <c r="W19" s="807" t="s">
        <v>1498</v>
      </c>
      <c r="X19" s="807" t="s">
        <v>1498</v>
      </c>
      <c r="Y19" s="807" t="s">
        <v>1498</v>
      </c>
      <c r="Z19" s="807" t="s">
        <v>1498</v>
      </c>
      <c r="AA19" s="807" t="s">
        <v>1498</v>
      </c>
      <c r="AB19" s="807" t="s">
        <v>1498</v>
      </c>
      <c r="AC19" s="807" t="s">
        <v>1498</v>
      </c>
      <c r="AD19" s="807" t="s">
        <v>1498</v>
      </c>
      <c r="AE19" s="807" t="s">
        <v>1498</v>
      </c>
      <c r="AF19" s="807" t="s">
        <v>1498</v>
      </c>
      <c r="AG19" s="807" t="s">
        <v>1498</v>
      </c>
      <c r="AH19" s="807" t="s">
        <v>1498</v>
      </c>
      <c r="AI19" s="807" t="s">
        <v>1498</v>
      </c>
      <c r="AJ19" s="807" t="s">
        <v>1498</v>
      </c>
      <c r="AK19" s="807" t="s">
        <v>1498</v>
      </c>
      <c r="AL19" s="807" t="s">
        <v>1498</v>
      </c>
      <c r="AM19" s="807" t="s">
        <v>1498</v>
      </c>
      <c r="AN19" s="807" t="s">
        <v>1498</v>
      </c>
      <c r="AO19" s="807" t="s">
        <v>1498</v>
      </c>
      <c r="AP19" s="807" t="s">
        <v>1498</v>
      </c>
      <c r="AQ19" s="1300">
        <f t="shared" si="0"/>
        <v>0</v>
      </c>
      <c r="AR19" s="797"/>
      <c r="AS19" s="797" t="s">
        <v>904</v>
      </c>
      <c r="AT19" s="797" t="s">
        <v>53</v>
      </c>
      <c r="AU19" s="801">
        <v>9492614679</v>
      </c>
      <c r="AV19" s="836">
        <f>ROUND((VLOOKUP(G19,'[6]Cost Summary'!A:H,8,)),0.1)</f>
        <v>9492614679</v>
      </c>
      <c r="AW19" s="837"/>
      <c r="AX19" s="837"/>
      <c r="AY19" s="838" t="s">
        <v>1527</v>
      </c>
      <c r="AZ19" s="790" t="s">
        <v>3239</v>
      </c>
    </row>
    <row r="20" spans="1:52" ht="90" hidden="1" x14ac:dyDescent="0.25">
      <c r="A20" s="785"/>
      <c r="B20" s="785"/>
      <c r="C20" s="785"/>
      <c r="D20" s="785"/>
      <c r="E20" s="785" t="s">
        <v>66</v>
      </c>
      <c r="F20" s="785"/>
      <c r="G20" s="797" t="s">
        <v>2086</v>
      </c>
      <c r="H20" s="797" t="s">
        <v>870</v>
      </c>
      <c r="I20" s="798" t="s">
        <v>2087</v>
      </c>
      <c r="J20" s="797" t="s">
        <v>2088</v>
      </c>
      <c r="K20" s="797">
        <v>51.741713448895702</v>
      </c>
      <c r="L20" s="797">
        <v>-0.389423705179479</v>
      </c>
      <c r="M20" s="797" t="s">
        <v>1522</v>
      </c>
      <c r="N20" s="797" t="s">
        <v>1523</v>
      </c>
      <c r="O20" s="797">
        <v>3</v>
      </c>
      <c r="P20" s="797" t="s">
        <v>1578</v>
      </c>
      <c r="Q20" s="797" t="s">
        <v>1491</v>
      </c>
      <c r="R20" s="797" t="s">
        <v>1492</v>
      </c>
      <c r="S20" s="797" t="s">
        <v>2089</v>
      </c>
      <c r="T20" s="797"/>
      <c r="U20" s="797"/>
      <c r="V20" s="799" t="s">
        <v>948</v>
      </c>
      <c r="W20" s="807" t="s">
        <v>1498</v>
      </c>
      <c r="X20" s="807" t="s">
        <v>1498</v>
      </c>
      <c r="Y20" s="807" t="s">
        <v>1498</v>
      </c>
      <c r="Z20" s="807" t="s">
        <v>1498</v>
      </c>
      <c r="AA20" s="807" t="s">
        <v>1498</v>
      </c>
      <c r="AB20" s="807" t="s">
        <v>1498</v>
      </c>
      <c r="AC20" s="807" t="s">
        <v>1498</v>
      </c>
      <c r="AD20" s="807" t="s">
        <v>1498</v>
      </c>
      <c r="AE20" s="807" t="s">
        <v>1498</v>
      </c>
      <c r="AF20" s="807" t="s">
        <v>1498</v>
      </c>
      <c r="AG20" s="807" t="s">
        <v>1498</v>
      </c>
      <c r="AH20" s="807" t="s">
        <v>1498</v>
      </c>
      <c r="AI20" s="807" t="s">
        <v>1498</v>
      </c>
      <c r="AJ20" s="807" t="s">
        <v>1498</v>
      </c>
      <c r="AK20" s="807" t="s">
        <v>1498</v>
      </c>
      <c r="AL20" s="807" t="s">
        <v>1498</v>
      </c>
      <c r="AM20" s="807" t="s">
        <v>1498</v>
      </c>
      <c r="AN20" s="807" t="s">
        <v>1498</v>
      </c>
      <c r="AO20" s="807" t="s">
        <v>1498</v>
      </c>
      <c r="AP20" s="807" t="s">
        <v>1498</v>
      </c>
      <c r="AQ20" s="1300">
        <f t="shared" si="0"/>
        <v>0</v>
      </c>
      <c r="AR20" s="797"/>
      <c r="AS20" s="797" t="s">
        <v>904</v>
      </c>
      <c r="AT20" s="797" t="s">
        <v>869</v>
      </c>
      <c r="AU20" s="801">
        <v>2809962</v>
      </c>
      <c r="AV20" s="836">
        <f>ROUND((VLOOKUP(G20,'[6]Cost Summary'!A:H,8,)),0.1)</f>
        <v>2809962</v>
      </c>
      <c r="AW20" s="837"/>
      <c r="AX20" s="837"/>
      <c r="AY20" s="838" t="s">
        <v>1527</v>
      </c>
      <c r="AZ20" s="790" t="s">
        <v>3239</v>
      </c>
    </row>
    <row r="21" spans="1:52" ht="120" hidden="1" x14ac:dyDescent="0.25">
      <c r="A21" s="785"/>
      <c r="B21" s="785"/>
      <c r="C21" s="785"/>
      <c r="D21" s="785"/>
      <c r="E21" s="785" t="s">
        <v>66</v>
      </c>
      <c r="F21" s="785"/>
      <c r="G21" s="797" t="s">
        <v>1655</v>
      </c>
      <c r="H21" s="797" t="s">
        <v>932</v>
      </c>
      <c r="I21" s="798" t="s">
        <v>1656</v>
      </c>
      <c r="J21" s="797" t="s">
        <v>1657</v>
      </c>
      <c r="K21" s="797">
        <v>51.776728566992503</v>
      </c>
      <c r="L21" s="797">
        <v>-0.43172940377076502</v>
      </c>
      <c r="M21" s="797" t="s">
        <v>1522</v>
      </c>
      <c r="N21" s="797" t="s">
        <v>1489</v>
      </c>
      <c r="O21" s="797">
        <v>2</v>
      </c>
      <c r="P21" s="797" t="s">
        <v>1490</v>
      </c>
      <c r="Q21" s="797" t="s">
        <v>1491</v>
      </c>
      <c r="R21" s="797" t="s">
        <v>1492</v>
      </c>
      <c r="S21" s="797" t="s">
        <v>1493</v>
      </c>
      <c r="T21" s="797">
        <v>14</v>
      </c>
      <c r="U21" s="799" t="s">
        <v>1515</v>
      </c>
      <c r="V21" s="797" t="s">
        <v>3242</v>
      </c>
      <c r="W21" s="807" t="s">
        <v>1498</v>
      </c>
      <c r="X21" s="807" t="s">
        <v>1498</v>
      </c>
      <c r="Y21" s="807" t="s">
        <v>1498</v>
      </c>
      <c r="Z21" s="807" t="s">
        <v>1498</v>
      </c>
      <c r="AA21" s="807" t="s">
        <v>1498</v>
      </c>
      <c r="AB21" s="807" t="s">
        <v>1498</v>
      </c>
      <c r="AC21" s="807" t="s">
        <v>1498</v>
      </c>
      <c r="AD21" s="807" t="s">
        <v>1498</v>
      </c>
      <c r="AE21" s="807" t="s">
        <v>1498</v>
      </c>
      <c r="AF21" s="807" t="s">
        <v>1498</v>
      </c>
      <c r="AG21" s="807" t="s">
        <v>1498</v>
      </c>
      <c r="AH21" s="807" t="s">
        <v>1498</v>
      </c>
      <c r="AI21" s="807" t="s">
        <v>1498</v>
      </c>
      <c r="AJ21" s="807" t="s">
        <v>1498</v>
      </c>
      <c r="AK21" s="807" t="s">
        <v>1498</v>
      </c>
      <c r="AL21" s="807" t="s">
        <v>1498</v>
      </c>
      <c r="AM21" s="807" t="s">
        <v>1498</v>
      </c>
      <c r="AN21" s="807" t="s">
        <v>1498</v>
      </c>
      <c r="AO21" s="807" t="s">
        <v>1498</v>
      </c>
      <c r="AP21" s="807" t="s">
        <v>1498</v>
      </c>
      <c r="AQ21" s="1300">
        <f t="shared" si="0"/>
        <v>0</v>
      </c>
      <c r="AR21" s="797"/>
      <c r="AS21" s="797" t="s">
        <v>834</v>
      </c>
      <c r="AT21" s="797" t="s">
        <v>53</v>
      </c>
      <c r="AU21" s="801">
        <v>622119</v>
      </c>
      <c r="AV21" s="836">
        <f>ROUND((VLOOKUP(G21,'[6]Cost Summary'!A:H,8,)),0.1)</f>
        <v>622119</v>
      </c>
      <c r="AW21" s="837"/>
      <c r="AX21" s="837"/>
      <c r="AY21" s="838" t="s">
        <v>1527</v>
      </c>
      <c r="AZ21" s="790" t="s">
        <v>3239</v>
      </c>
    </row>
    <row r="22" spans="1:52" ht="45" hidden="1" x14ac:dyDescent="0.25">
      <c r="A22" s="785"/>
      <c r="B22" s="785" t="s">
        <v>66</v>
      </c>
      <c r="C22" s="785"/>
      <c r="D22" s="785"/>
      <c r="E22" s="785"/>
      <c r="F22" s="785"/>
      <c r="G22" s="797" t="s">
        <v>1486</v>
      </c>
      <c r="H22" s="797" t="s">
        <v>830</v>
      </c>
      <c r="I22" s="798" t="s">
        <v>831</v>
      </c>
      <c r="J22" s="797" t="s">
        <v>832</v>
      </c>
      <c r="K22" s="797">
        <v>51.767179280000001</v>
      </c>
      <c r="L22" s="797">
        <v>-0.45673127299999999</v>
      </c>
      <c r="M22" s="797" t="s">
        <v>1488</v>
      </c>
      <c r="N22" s="797" t="s">
        <v>1489</v>
      </c>
      <c r="O22" s="797">
        <v>2</v>
      </c>
      <c r="P22" s="797" t="s">
        <v>1490</v>
      </c>
      <c r="Q22" s="797" t="s">
        <v>1491</v>
      </c>
      <c r="R22" s="797" t="s">
        <v>1492</v>
      </c>
      <c r="S22" s="797" t="s">
        <v>1493</v>
      </c>
      <c r="T22" s="797" t="s">
        <v>1494</v>
      </c>
      <c r="U22" s="799" t="s">
        <v>1495</v>
      </c>
      <c r="V22" s="799" t="s">
        <v>3246</v>
      </c>
      <c r="W22" s="800">
        <v>2</v>
      </c>
      <c r="X22" s="800">
        <v>1</v>
      </c>
      <c r="Y22" s="800">
        <v>0</v>
      </c>
      <c r="Z22" s="800">
        <v>2</v>
      </c>
      <c r="AA22" s="800">
        <v>0</v>
      </c>
      <c r="AB22" s="800">
        <v>0</v>
      </c>
      <c r="AC22" s="800">
        <v>0</v>
      </c>
      <c r="AD22" s="800">
        <v>0</v>
      </c>
      <c r="AE22" s="800">
        <v>22</v>
      </c>
      <c r="AF22" s="800">
        <v>6</v>
      </c>
      <c r="AG22" s="841">
        <f t="shared" ref="AG22:AP22" si="1">W22/(SUM($W22:$AF22))</f>
        <v>6.0606060606060608E-2</v>
      </c>
      <c r="AH22" s="841">
        <f t="shared" si="1"/>
        <v>3.0303030303030304E-2</v>
      </c>
      <c r="AI22" s="841">
        <f t="shared" si="1"/>
        <v>0</v>
      </c>
      <c r="AJ22" s="841">
        <f t="shared" si="1"/>
        <v>6.0606060606060608E-2</v>
      </c>
      <c r="AK22" s="841">
        <f t="shared" si="1"/>
        <v>0</v>
      </c>
      <c r="AL22" s="841">
        <f t="shared" si="1"/>
        <v>0</v>
      </c>
      <c r="AM22" s="841">
        <f t="shared" si="1"/>
        <v>0</v>
      </c>
      <c r="AN22" s="841">
        <f t="shared" si="1"/>
        <v>0</v>
      </c>
      <c r="AO22" s="841">
        <f t="shared" si="1"/>
        <v>0.66666666666666663</v>
      </c>
      <c r="AP22" s="841">
        <f t="shared" si="1"/>
        <v>0.18181818181818182</v>
      </c>
      <c r="AQ22" s="1300">
        <f t="shared" si="0"/>
        <v>1</v>
      </c>
      <c r="AR22" s="797" t="s">
        <v>1499</v>
      </c>
      <c r="AS22" s="797" t="s">
        <v>834</v>
      </c>
      <c r="AT22" s="797" t="s">
        <v>53</v>
      </c>
      <c r="AU22" s="801">
        <v>370629.19</v>
      </c>
      <c r="AV22" s="802">
        <v>370629.19</v>
      </c>
      <c r="AW22" s="803">
        <v>0</v>
      </c>
      <c r="AX22" s="803" t="s">
        <v>1500</v>
      </c>
      <c r="AY22" s="804" t="s">
        <v>1501</v>
      </c>
      <c r="AZ22" s="805">
        <v>370629.19</v>
      </c>
    </row>
    <row r="23" spans="1:52" ht="60" x14ac:dyDescent="0.25">
      <c r="A23" s="785" t="s">
        <v>66</v>
      </c>
      <c r="B23" s="785"/>
      <c r="C23" s="785"/>
      <c r="D23" s="785"/>
      <c r="E23" s="785"/>
      <c r="F23" s="785"/>
      <c r="G23" s="797" t="s">
        <v>1540</v>
      </c>
      <c r="H23" s="797" t="s">
        <v>830</v>
      </c>
      <c r="I23" s="798" t="s">
        <v>854</v>
      </c>
      <c r="J23" s="797" t="s">
        <v>855</v>
      </c>
      <c r="K23" s="797">
        <v>51.756870999999997</v>
      </c>
      <c r="L23" s="797">
        <v>-0.49613299999999999</v>
      </c>
      <c r="M23" s="797" t="s">
        <v>1488</v>
      </c>
      <c r="N23" s="797" t="s">
        <v>1489</v>
      </c>
      <c r="O23" s="797">
        <v>2</v>
      </c>
      <c r="P23" s="797" t="s">
        <v>1490</v>
      </c>
      <c r="Q23" s="797" t="s">
        <v>1491</v>
      </c>
      <c r="R23" s="797" t="s">
        <v>1492</v>
      </c>
      <c r="S23" s="797" t="s">
        <v>1493</v>
      </c>
      <c r="T23" s="797" t="s">
        <v>1504</v>
      </c>
      <c r="U23" s="797" t="s">
        <v>1542</v>
      </c>
      <c r="V23" s="799" t="s">
        <v>27</v>
      </c>
      <c r="W23" s="807" t="s">
        <v>1498</v>
      </c>
      <c r="X23" s="807" t="s">
        <v>1498</v>
      </c>
      <c r="Y23" s="807" t="s">
        <v>1498</v>
      </c>
      <c r="Z23" s="807" t="s">
        <v>1498</v>
      </c>
      <c r="AA23" s="807" t="s">
        <v>1498</v>
      </c>
      <c r="AB23" s="807" t="s">
        <v>1498</v>
      </c>
      <c r="AC23" s="807" t="s">
        <v>1498</v>
      </c>
      <c r="AD23" s="807" t="s">
        <v>1498</v>
      </c>
      <c r="AE23" s="807" t="s">
        <v>1498</v>
      </c>
      <c r="AF23" s="807" t="s">
        <v>1498</v>
      </c>
      <c r="AG23" s="807" t="s">
        <v>1498</v>
      </c>
      <c r="AH23" s="807" t="s">
        <v>1498</v>
      </c>
      <c r="AI23" s="807" t="s">
        <v>1498</v>
      </c>
      <c r="AJ23" s="807" t="s">
        <v>1498</v>
      </c>
      <c r="AK23" s="807" t="s">
        <v>1498</v>
      </c>
      <c r="AL23" s="807" t="s">
        <v>1498</v>
      </c>
      <c r="AM23" s="807" t="s">
        <v>1498</v>
      </c>
      <c r="AN23" s="807" t="s">
        <v>1498</v>
      </c>
      <c r="AO23" s="807" t="s">
        <v>1498</v>
      </c>
      <c r="AP23" s="807" t="s">
        <v>1498</v>
      </c>
      <c r="AQ23" s="1300">
        <f t="shared" si="0"/>
        <v>0</v>
      </c>
      <c r="AR23" s="797" t="s">
        <v>1543</v>
      </c>
      <c r="AS23" s="797" t="s">
        <v>834</v>
      </c>
      <c r="AT23" s="797" t="s">
        <v>53</v>
      </c>
      <c r="AU23" s="801">
        <v>370629.19</v>
      </c>
      <c r="AV23" s="802">
        <v>370629.19</v>
      </c>
      <c r="AW23" s="803">
        <v>0</v>
      </c>
      <c r="AX23" s="803" t="s">
        <v>1500</v>
      </c>
      <c r="AY23" s="804" t="s">
        <v>1501</v>
      </c>
      <c r="AZ23" s="805">
        <v>370629.19</v>
      </c>
    </row>
    <row r="24" spans="1:52" ht="45" hidden="1" x14ac:dyDescent="0.25">
      <c r="A24" s="785" t="s">
        <v>66</v>
      </c>
      <c r="B24" s="785" t="s">
        <v>66</v>
      </c>
      <c r="C24" s="785"/>
      <c r="D24" s="785"/>
      <c r="E24" s="785"/>
      <c r="F24" s="785"/>
      <c r="G24" s="797" t="s">
        <v>1544</v>
      </c>
      <c r="H24" s="797" t="s">
        <v>830</v>
      </c>
      <c r="I24" s="798" t="s">
        <v>856</v>
      </c>
      <c r="J24" s="797" t="s">
        <v>857</v>
      </c>
      <c r="K24" s="797">
        <v>51.763736000000002</v>
      </c>
      <c r="L24" s="797">
        <v>-0.49191400000000002</v>
      </c>
      <c r="M24" s="797" t="s">
        <v>1488</v>
      </c>
      <c r="N24" s="797" t="s">
        <v>1489</v>
      </c>
      <c r="O24" s="797">
        <v>2</v>
      </c>
      <c r="P24" s="797" t="s">
        <v>1490</v>
      </c>
      <c r="Q24" s="797" t="s">
        <v>1491</v>
      </c>
      <c r="R24" s="797" t="s">
        <v>1492</v>
      </c>
      <c r="S24" s="797" t="s">
        <v>1493</v>
      </c>
      <c r="T24" s="797" t="s">
        <v>1504</v>
      </c>
      <c r="U24" s="797" t="s">
        <v>1546</v>
      </c>
      <c r="V24" s="799" t="s">
        <v>27</v>
      </c>
      <c r="W24" s="807" t="s">
        <v>1498</v>
      </c>
      <c r="X24" s="807" t="s">
        <v>1498</v>
      </c>
      <c r="Y24" s="807" t="s">
        <v>1498</v>
      </c>
      <c r="Z24" s="807" t="s">
        <v>1498</v>
      </c>
      <c r="AA24" s="807" t="s">
        <v>1498</v>
      </c>
      <c r="AB24" s="807" t="s">
        <v>1498</v>
      </c>
      <c r="AC24" s="807" t="s">
        <v>1498</v>
      </c>
      <c r="AD24" s="807" t="s">
        <v>1498</v>
      </c>
      <c r="AE24" s="807" t="s">
        <v>1498</v>
      </c>
      <c r="AF24" s="807" t="s">
        <v>1498</v>
      </c>
      <c r="AG24" s="842" t="s">
        <v>1498</v>
      </c>
      <c r="AH24" s="842" t="s">
        <v>1498</v>
      </c>
      <c r="AI24" s="842" t="s">
        <v>1498</v>
      </c>
      <c r="AJ24" s="842" t="s">
        <v>1498</v>
      </c>
      <c r="AK24" s="842" t="s">
        <v>1498</v>
      </c>
      <c r="AL24" s="842" t="s">
        <v>1498</v>
      </c>
      <c r="AM24" s="842" t="s">
        <v>1498</v>
      </c>
      <c r="AN24" s="842" t="s">
        <v>1498</v>
      </c>
      <c r="AO24" s="842" t="s">
        <v>1498</v>
      </c>
      <c r="AP24" s="842" t="s">
        <v>1498</v>
      </c>
      <c r="AQ24" s="842">
        <f t="shared" si="0"/>
        <v>0</v>
      </c>
      <c r="AR24" s="797" t="s">
        <v>1547</v>
      </c>
      <c r="AS24" s="797" t="s">
        <v>834</v>
      </c>
      <c r="AT24" s="797" t="s">
        <v>53</v>
      </c>
      <c r="AU24" s="801">
        <v>370629.19</v>
      </c>
      <c r="AV24" s="802">
        <v>370629.19</v>
      </c>
      <c r="AW24" s="803">
        <v>0</v>
      </c>
      <c r="AX24" s="803" t="s">
        <v>1500</v>
      </c>
      <c r="AY24" s="804" t="s">
        <v>1501</v>
      </c>
      <c r="AZ24" s="805">
        <v>370629.19</v>
      </c>
    </row>
    <row r="25" spans="1:52" ht="45" hidden="1" x14ac:dyDescent="0.25">
      <c r="A25" s="785" t="s">
        <v>66</v>
      </c>
      <c r="B25" s="785"/>
      <c r="C25" s="785"/>
      <c r="D25" s="785"/>
      <c r="E25" s="785"/>
      <c r="F25" s="785"/>
      <c r="G25" s="797" t="s">
        <v>1548</v>
      </c>
      <c r="H25" s="797" t="s">
        <v>830</v>
      </c>
      <c r="I25" s="798" t="s">
        <v>859</v>
      </c>
      <c r="J25" s="797" t="s">
        <v>860</v>
      </c>
      <c r="K25" s="797">
        <v>51.751010260000001</v>
      </c>
      <c r="L25" s="797">
        <v>-0.50209890400000001</v>
      </c>
      <c r="M25" s="797" t="s">
        <v>1488</v>
      </c>
      <c r="N25" s="797" t="s">
        <v>1489</v>
      </c>
      <c r="O25" s="797">
        <v>2</v>
      </c>
      <c r="P25" s="797" t="s">
        <v>1490</v>
      </c>
      <c r="Q25" s="797" t="s">
        <v>1491</v>
      </c>
      <c r="R25" s="797" t="s">
        <v>1492</v>
      </c>
      <c r="S25" s="797" t="s">
        <v>1493</v>
      </c>
      <c r="T25" s="797" t="s">
        <v>1504</v>
      </c>
      <c r="U25" s="797" t="s">
        <v>1542</v>
      </c>
      <c r="V25" s="799" t="s">
        <v>861</v>
      </c>
      <c r="W25" s="807" t="s">
        <v>1498</v>
      </c>
      <c r="X25" s="807" t="s">
        <v>1498</v>
      </c>
      <c r="Y25" s="807" t="s">
        <v>1498</v>
      </c>
      <c r="Z25" s="807" t="s">
        <v>1498</v>
      </c>
      <c r="AA25" s="807" t="s">
        <v>1498</v>
      </c>
      <c r="AB25" s="807" t="s">
        <v>1498</v>
      </c>
      <c r="AC25" s="807" t="s">
        <v>1498</v>
      </c>
      <c r="AD25" s="807" t="s">
        <v>1498</v>
      </c>
      <c r="AE25" s="807" t="s">
        <v>1498</v>
      </c>
      <c r="AF25" s="807" t="s">
        <v>1498</v>
      </c>
      <c r="AG25" s="807" t="s">
        <v>1498</v>
      </c>
      <c r="AH25" s="807" t="s">
        <v>1498</v>
      </c>
      <c r="AI25" s="807" t="s">
        <v>1498</v>
      </c>
      <c r="AJ25" s="807" t="s">
        <v>1498</v>
      </c>
      <c r="AK25" s="807" t="s">
        <v>1498</v>
      </c>
      <c r="AL25" s="807" t="s">
        <v>1498</v>
      </c>
      <c r="AM25" s="807" t="s">
        <v>1498</v>
      </c>
      <c r="AN25" s="807" t="s">
        <v>1498</v>
      </c>
      <c r="AO25" s="807" t="s">
        <v>1498</v>
      </c>
      <c r="AP25" s="807" t="s">
        <v>1498</v>
      </c>
      <c r="AQ25" s="1300">
        <f t="shared" si="0"/>
        <v>0</v>
      </c>
      <c r="AR25" s="797" t="s">
        <v>1550</v>
      </c>
      <c r="AS25" s="797" t="s">
        <v>834</v>
      </c>
      <c r="AT25" s="797" t="s">
        <v>53</v>
      </c>
      <c r="AU25" s="801">
        <v>370629.19</v>
      </c>
      <c r="AV25" s="802">
        <v>370629.19</v>
      </c>
      <c r="AW25" s="803">
        <v>0</v>
      </c>
      <c r="AX25" s="803" t="s">
        <v>1500</v>
      </c>
      <c r="AY25" s="804" t="s">
        <v>1501</v>
      </c>
      <c r="AZ25" s="805">
        <v>370629.19</v>
      </c>
    </row>
    <row r="26" spans="1:52" ht="75" hidden="1" x14ac:dyDescent="0.25">
      <c r="A26" s="785"/>
      <c r="B26" s="785" t="s">
        <v>66</v>
      </c>
      <c r="C26" s="785"/>
      <c r="D26" s="785"/>
      <c r="E26" s="785"/>
      <c r="F26" s="785"/>
      <c r="G26" s="797" t="s">
        <v>1551</v>
      </c>
      <c r="H26" s="797" t="s">
        <v>830</v>
      </c>
      <c r="I26" s="798" t="s">
        <v>862</v>
      </c>
      <c r="J26" s="797" t="s">
        <v>863</v>
      </c>
      <c r="K26" s="797">
        <v>51.75977185</v>
      </c>
      <c r="L26" s="797">
        <v>-0.44028828599999997</v>
      </c>
      <c r="M26" s="797" t="s">
        <v>1488</v>
      </c>
      <c r="N26" s="797" t="s">
        <v>1489</v>
      </c>
      <c r="O26" s="797">
        <v>2</v>
      </c>
      <c r="P26" s="797" t="s">
        <v>1490</v>
      </c>
      <c r="Q26" s="797" t="s">
        <v>1491</v>
      </c>
      <c r="R26" s="797" t="s">
        <v>1492</v>
      </c>
      <c r="S26" s="797" t="s">
        <v>1493</v>
      </c>
      <c r="T26" s="797" t="s">
        <v>1553</v>
      </c>
      <c r="U26" s="799" t="s">
        <v>1495</v>
      </c>
      <c r="V26" s="799" t="s">
        <v>3247</v>
      </c>
      <c r="W26" s="806">
        <v>2</v>
      </c>
      <c r="X26" s="806">
        <v>2</v>
      </c>
      <c r="Y26" s="806">
        <v>2</v>
      </c>
      <c r="Z26" s="806">
        <v>2</v>
      </c>
      <c r="AA26" s="806">
        <v>1</v>
      </c>
      <c r="AB26" s="806">
        <v>2</v>
      </c>
      <c r="AC26" s="806">
        <v>2</v>
      </c>
      <c r="AD26" s="806">
        <v>5</v>
      </c>
      <c r="AE26" s="806">
        <v>7</v>
      </c>
      <c r="AF26" s="806">
        <v>2</v>
      </c>
      <c r="AG26" s="841">
        <f t="shared" ref="AG26:AP26" si="2">W26/(SUM($W26:$AF26))</f>
        <v>7.407407407407407E-2</v>
      </c>
      <c r="AH26" s="841">
        <f t="shared" si="2"/>
        <v>7.407407407407407E-2</v>
      </c>
      <c r="AI26" s="841">
        <f t="shared" si="2"/>
        <v>7.407407407407407E-2</v>
      </c>
      <c r="AJ26" s="841">
        <f t="shared" si="2"/>
        <v>7.407407407407407E-2</v>
      </c>
      <c r="AK26" s="841">
        <f t="shared" si="2"/>
        <v>3.7037037037037035E-2</v>
      </c>
      <c r="AL26" s="841">
        <f t="shared" si="2"/>
        <v>7.407407407407407E-2</v>
      </c>
      <c r="AM26" s="841">
        <f t="shared" si="2"/>
        <v>7.407407407407407E-2</v>
      </c>
      <c r="AN26" s="841">
        <f t="shared" si="2"/>
        <v>0.18518518518518517</v>
      </c>
      <c r="AO26" s="841">
        <f t="shared" si="2"/>
        <v>0.25925925925925924</v>
      </c>
      <c r="AP26" s="841">
        <f t="shared" si="2"/>
        <v>7.407407407407407E-2</v>
      </c>
      <c r="AQ26" s="1300">
        <f t="shared" si="0"/>
        <v>0.99999999999999989</v>
      </c>
      <c r="AR26" s="797" t="s">
        <v>1554</v>
      </c>
      <c r="AS26" s="797" t="s">
        <v>834</v>
      </c>
      <c r="AT26" s="797" t="s">
        <v>53</v>
      </c>
      <c r="AU26" s="801">
        <v>370629.19</v>
      </c>
      <c r="AV26" s="802">
        <v>370629.19</v>
      </c>
      <c r="AW26" s="803">
        <v>2</v>
      </c>
      <c r="AX26" s="803" t="s">
        <v>1555</v>
      </c>
      <c r="AY26" s="804" t="s">
        <v>1501</v>
      </c>
      <c r="AZ26" s="805">
        <v>370629.19</v>
      </c>
    </row>
    <row r="27" spans="1:52" ht="315" hidden="1" x14ac:dyDescent="0.25">
      <c r="A27" s="785"/>
      <c r="B27" s="785"/>
      <c r="C27" s="785"/>
      <c r="D27" s="785"/>
      <c r="E27" s="785"/>
      <c r="F27" s="785"/>
      <c r="G27" s="797" t="s">
        <v>1585</v>
      </c>
      <c r="H27" s="797" t="s">
        <v>830</v>
      </c>
      <c r="I27" s="798" t="s">
        <v>865</v>
      </c>
      <c r="J27" s="797" t="s">
        <v>866</v>
      </c>
      <c r="K27" s="797">
        <v>51.75757685</v>
      </c>
      <c r="L27" s="797">
        <v>-0.42302620099999999</v>
      </c>
      <c r="M27" s="797" t="s">
        <v>1522</v>
      </c>
      <c r="N27" s="797" t="s">
        <v>1523</v>
      </c>
      <c r="O27" s="797">
        <v>2</v>
      </c>
      <c r="P27" s="797" t="s">
        <v>1490</v>
      </c>
      <c r="Q27" s="797" t="s">
        <v>1491</v>
      </c>
      <c r="R27" s="797" t="s">
        <v>1492</v>
      </c>
      <c r="S27" s="797" t="s">
        <v>1561</v>
      </c>
      <c r="T27" s="797" t="s">
        <v>1504</v>
      </c>
      <c r="U27" s="797" t="s">
        <v>1546</v>
      </c>
      <c r="V27" s="797" t="s">
        <v>867</v>
      </c>
      <c r="W27" s="807" t="s">
        <v>1498</v>
      </c>
      <c r="X27" s="807" t="s">
        <v>1498</v>
      </c>
      <c r="Y27" s="807" t="s">
        <v>1498</v>
      </c>
      <c r="Z27" s="807" t="s">
        <v>1498</v>
      </c>
      <c r="AA27" s="807" t="s">
        <v>1498</v>
      </c>
      <c r="AB27" s="807" t="s">
        <v>1498</v>
      </c>
      <c r="AC27" s="807" t="s">
        <v>1498</v>
      </c>
      <c r="AD27" s="807" t="s">
        <v>1498</v>
      </c>
      <c r="AE27" s="807" t="s">
        <v>1498</v>
      </c>
      <c r="AF27" s="807" t="s">
        <v>1498</v>
      </c>
      <c r="AG27" s="807" t="s">
        <v>1498</v>
      </c>
      <c r="AH27" s="807" t="s">
        <v>1498</v>
      </c>
      <c r="AI27" s="807" t="s">
        <v>1498</v>
      </c>
      <c r="AJ27" s="807" t="s">
        <v>1498</v>
      </c>
      <c r="AK27" s="807" t="s">
        <v>1498</v>
      </c>
      <c r="AL27" s="807" t="s">
        <v>1498</v>
      </c>
      <c r="AM27" s="807" t="s">
        <v>1498</v>
      </c>
      <c r="AN27" s="807" t="s">
        <v>1498</v>
      </c>
      <c r="AO27" s="807" t="s">
        <v>1498</v>
      </c>
      <c r="AP27" s="807" t="s">
        <v>1498</v>
      </c>
      <c r="AQ27" s="1300">
        <f t="shared" si="0"/>
        <v>0</v>
      </c>
      <c r="AR27" s="797" t="s">
        <v>1554</v>
      </c>
      <c r="AS27" s="797" t="s">
        <v>868</v>
      </c>
      <c r="AT27" s="797" t="s">
        <v>1587</v>
      </c>
      <c r="AU27" s="801">
        <v>877751.88</v>
      </c>
      <c r="AV27" s="802">
        <v>877751.88</v>
      </c>
      <c r="AW27" s="803">
        <v>1</v>
      </c>
      <c r="AX27" s="803">
        <v>8</v>
      </c>
      <c r="AY27" s="804" t="s">
        <v>1501</v>
      </c>
      <c r="AZ27" s="805">
        <v>877751.88</v>
      </c>
    </row>
    <row r="28" spans="1:52" ht="75" hidden="1" x14ac:dyDescent="0.25">
      <c r="A28" s="785"/>
      <c r="B28" s="785" t="s">
        <v>66</v>
      </c>
      <c r="C28" s="785"/>
      <c r="D28" s="785"/>
      <c r="E28" s="785"/>
      <c r="F28" s="785"/>
      <c r="G28" s="797" t="s">
        <v>1628</v>
      </c>
      <c r="H28" s="797" t="s">
        <v>870</v>
      </c>
      <c r="I28" s="798" t="s">
        <v>871</v>
      </c>
      <c r="J28" s="797" t="s">
        <v>872</v>
      </c>
      <c r="K28" s="797">
        <v>51.746630199999998</v>
      </c>
      <c r="L28" s="797">
        <v>-0.47295741499999999</v>
      </c>
      <c r="M28" s="797" t="s">
        <v>1522</v>
      </c>
      <c r="N28" s="797" t="s">
        <v>1523</v>
      </c>
      <c r="O28" s="797">
        <v>3</v>
      </c>
      <c r="P28" s="797" t="s">
        <v>1616</v>
      </c>
      <c r="Q28" s="797" t="s">
        <v>1630</v>
      </c>
      <c r="R28" s="797" t="s">
        <v>1492</v>
      </c>
      <c r="S28" s="797" t="s">
        <v>1493</v>
      </c>
      <c r="T28" s="797" t="s">
        <v>1504</v>
      </c>
      <c r="U28" s="799" t="s">
        <v>1495</v>
      </c>
      <c r="V28" s="799" t="s">
        <v>3248</v>
      </c>
      <c r="W28" s="806">
        <f>45+1+3+9+21+11</f>
        <v>90</v>
      </c>
      <c r="X28" s="806">
        <f>2+28+10+19+7</f>
        <v>66</v>
      </c>
      <c r="Y28" s="806">
        <f>24+3+26+13+65</f>
        <v>131</v>
      </c>
      <c r="Z28" s="806">
        <f>39+1+21+10+6</f>
        <v>77</v>
      </c>
      <c r="AA28" s="806">
        <f>20+18+22+9+1+52</f>
        <v>122</v>
      </c>
      <c r="AB28" s="806">
        <f>15+2+14+17+18+4</f>
        <v>70</v>
      </c>
      <c r="AC28" s="806">
        <f>13+16+21+65+15+12</f>
        <v>142</v>
      </c>
      <c r="AD28" s="806">
        <f>52+6+34+42+61+10</f>
        <v>205</v>
      </c>
      <c r="AE28" s="806">
        <f>127+4+14+28+72+10</f>
        <v>255</v>
      </c>
      <c r="AF28" s="806">
        <v>4</v>
      </c>
      <c r="AG28" s="841">
        <f t="shared" ref="AG28:AP31" si="3">W28/(SUM($W28:$AF28))</f>
        <v>7.7452667814113599E-2</v>
      </c>
      <c r="AH28" s="841">
        <f t="shared" si="3"/>
        <v>5.6798623063683308E-2</v>
      </c>
      <c r="AI28" s="841">
        <f t="shared" si="3"/>
        <v>0.11273666092943202</v>
      </c>
      <c r="AJ28" s="841">
        <f t="shared" si="3"/>
        <v>6.6265060240963861E-2</v>
      </c>
      <c r="AK28" s="841">
        <f t="shared" si="3"/>
        <v>0.10499139414802065</v>
      </c>
      <c r="AL28" s="841">
        <f t="shared" si="3"/>
        <v>6.0240963855421686E-2</v>
      </c>
      <c r="AM28" s="841">
        <f t="shared" si="3"/>
        <v>0.12220309810671257</v>
      </c>
      <c r="AN28" s="841">
        <f t="shared" si="3"/>
        <v>0.17641996557659209</v>
      </c>
      <c r="AO28" s="841">
        <f t="shared" si="3"/>
        <v>0.21944922547332185</v>
      </c>
      <c r="AP28" s="841">
        <f t="shared" si="3"/>
        <v>3.4423407917383822E-3</v>
      </c>
      <c r="AQ28" s="1300">
        <f t="shared" si="0"/>
        <v>1</v>
      </c>
      <c r="AR28" s="797" t="s">
        <v>1631</v>
      </c>
      <c r="AS28" s="812" t="s">
        <v>868</v>
      </c>
      <c r="AT28" s="797" t="s">
        <v>53</v>
      </c>
      <c r="AU28" s="801">
        <v>61693</v>
      </c>
      <c r="AV28" s="813">
        <f>ROUND((VLOOKUP(G28,'[6]Cost Summary'!A:H,8,)),0.1)</f>
        <v>61693</v>
      </c>
      <c r="AW28" s="797">
        <v>3</v>
      </c>
      <c r="AX28" s="797" t="s">
        <v>1632</v>
      </c>
      <c r="AY28" s="814" t="s">
        <v>1584</v>
      </c>
      <c r="AZ28" s="805">
        <v>40080.25</v>
      </c>
    </row>
    <row r="29" spans="1:52" ht="135" hidden="1" x14ac:dyDescent="0.25">
      <c r="A29" s="785"/>
      <c r="B29" s="785" t="s">
        <v>66</v>
      </c>
      <c r="C29" s="785"/>
      <c r="D29" s="785"/>
      <c r="E29" s="785"/>
      <c r="F29" s="785"/>
      <c r="G29" s="797" t="s">
        <v>1633</v>
      </c>
      <c r="H29" s="797" t="s">
        <v>870</v>
      </c>
      <c r="I29" s="798" t="s">
        <v>873</v>
      </c>
      <c r="J29" s="797" t="s">
        <v>874</v>
      </c>
      <c r="K29" s="797">
        <v>51.746660210000002</v>
      </c>
      <c r="L29" s="797">
        <v>-0.47162341299999999</v>
      </c>
      <c r="M29" s="797" t="s">
        <v>1522</v>
      </c>
      <c r="N29" s="797" t="s">
        <v>1523</v>
      </c>
      <c r="O29" s="797">
        <v>2</v>
      </c>
      <c r="P29" s="797" t="s">
        <v>1616</v>
      </c>
      <c r="Q29" s="797" t="s">
        <v>1630</v>
      </c>
      <c r="R29" s="797" t="s">
        <v>1492</v>
      </c>
      <c r="S29" s="797" t="s">
        <v>1493</v>
      </c>
      <c r="T29" s="797" t="s">
        <v>1504</v>
      </c>
      <c r="U29" s="799" t="s">
        <v>1495</v>
      </c>
      <c r="V29" s="799" t="s">
        <v>3249</v>
      </c>
      <c r="W29" s="806">
        <v>3</v>
      </c>
      <c r="X29" s="806">
        <v>0</v>
      </c>
      <c r="Y29" s="806">
        <v>26</v>
      </c>
      <c r="Z29" s="806">
        <v>21</v>
      </c>
      <c r="AA29" s="806">
        <v>22</v>
      </c>
      <c r="AB29" s="806">
        <v>14</v>
      </c>
      <c r="AC29" s="806">
        <v>21</v>
      </c>
      <c r="AD29" s="806">
        <v>34</v>
      </c>
      <c r="AE29" s="806">
        <v>14</v>
      </c>
      <c r="AF29" s="806">
        <v>4</v>
      </c>
      <c r="AG29" s="841">
        <f t="shared" si="3"/>
        <v>1.8867924528301886E-2</v>
      </c>
      <c r="AH29" s="841">
        <f t="shared" si="3"/>
        <v>0</v>
      </c>
      <c r="AI29" s="841">
        <f t="shared" si="3"/>
        <v>0.16352201257861634</v>
      </c>
      <c r="AJ29" s="841">
        <f t="shared" si="3"/>
        <v>0.13207547169811321</v>
      </c>
      <c r="AK29" s="841">
        <f t="shared" si="3"/>
        <v>0.13836477987421383</v>
      </c>
      <c r="AL29" s="841">
        <f t="shared" si="3"/>
        <v>8.8050314465408799E-2</v>
      </c>
      <c r="AM29" s="841">
        <f t="shared" si="3"/>
        <v>0.13207547169811321</v>
      </c>
      <c r="AN29" s="841">
        <f t="shared" si="3"/>
        <v>0.21383647798742139</v>
      </c>
      <c r="AO29" s="841">
        <f t="shared" si="3"/>
        <v>8.8050314465408799E-2</v>
      </c>
      <c r="AP29" s="841">
        <f t="shared" si="3"/>
        <v>2.5157232704402517E-2</v>
      </c>
      <c r="AQ29" s="1300">
        <f t="shared" si="0"/>
        <v>1</v>
      </c>
      <c r="AR29" s="797" t="s">
        <v>1635</v>
      </c>
      <c r="AS29" s="797" t="s">
        <v>868</v>
      </c>
      <c r="AT29" s="797" t="s">
        <v>53</v>
      </c>
      <c r="AU29" s="801">
        <v>68246</v>
      </c>
      <c r="AV29" s="813">
        <f>ROUND((VLOOKUP(G29,'[6]Cost Summary'!A:H,8,)),0.1)</f>
        <v>68246</v>
      </c>
      <c r="AW29" s="797">
        <v>3</v>
      </c>
      <c r="AX29" s="797" t="s">
        <v>1632</v>
      </c>
      <c r="AY29" s="814" t="s">
        <v>1584</v>
      </c>
      <c r="AZ29" s="805">
        <v>44337.53</v>
      </c>
    </row>
    <row r="30" spans="1:52" ht="180" hidden="1" x14ac:dyDescent="0.25">
      <c r="A30" s="785"/>
      <c r="B30" s="785" t="s">
        <v>66</v>
      </c>
      <c r="C30" s="785"/>
      <c r="D30" s="785"/>
      <c r="E30" s="785"/>
      <c r="F30" s="785"/>
      <c r="G30" s="797" t="s">
        <v>1636</v>
      </c>
      <c r="H30" s="797" t="s">
        <v>870</v>
      </c>
      <c r="I30" s="798" t="s">
        <v>875</v>
      </c>
      <c r="J30" s="797" t="s">
        <v>876</v>
      </c>
      <c r="K30" s="797">
        <v>51.744121939999999</v>
      </c>
      <c r="L30" s="797">
        <v>-0.48009569299999999</v>
      </c>
      <c r="M30" s="797" t="s">
        <v>1522</v>
      </c>
      <c r="N30" s="797" t="s">
        <v>1523</v>
      </c>
      <c r="O30" s="797">
        <v>2</v>
      </c>
      <c r="P30" s="797" t="s">
        <v>1616</v>
      </c>
      <c r="Q30" s="797" t="s">
        <v>1491</v>
      </c>
      <c r="R30" s="797" t="s">
        <v>1492</v>
      </c>
      <c r="S30" s="797" t="s">
        <v>1493</v>
      </c>
      <c r="T30" s="797" t="s">
        <v>1504</v>
      </c>
      <c r="U30" s="799" t="s">
        <v>1495</v>
      </c>
      <c r="V30" s="799" t="s">
        <v>3250</v>
      </c>
      <c r="W30" s="806">
        <v>9</v>
      </c>
      <c r="X30" s="806">
        <v>7</v>
      </c>
      <c r="Y30" s="806">
        <v>33</v>
      </c>
      <c r="Z30" s="806">
        <v>0</v>
      </c>
      <c r="AA30" s="806">
        <v>52</v>
      </c>
      <c r="AB30" s="806">
        <v>0</v>
      </c>
      <c r="AC30" s="806">
        <v>6</v>
      </c>
      <c r="AD30" s="806">
        <v>0</v>
      </c>
      <c r="AE30" s="806">
        <v>10</v>
      </c>
      <c r="AF30" s="806">
        <v>0</v>
      </c>
      <c r="AG30" s="841">
        <f t="shared" si="3"/>
        <v>7.6923076923076927E-2</v>
      </c>
      <c r="AH30" s="841">
        <f t="shared" si="3"/>
        <v>5.9829059829059832E-2</v>
      </c>
      <c r="AI30" s="841">
        <f t="shared" si="3"/>
        <v>0.28205128205128205</v>
      </c>
      <c r="AJ30" s="841">
        <f t="shared" si="3"/>
        <v>0</v>
      </c>
      <c r="AK30" s="841">
        <f t="shared" si="3"/>
        <v>0.44444444444444442</v>
      </c>
      <c r="AL30" s="841">
        <f t="shared" si="3"/>
        <v>0</v>
      </c>
      <c r="AM30" s="841">
        <f t="shared" si="3"/>
        <v>5.128205128205128E-2</v>
      </c>
      <c r="AN30" s="841">
        <f t="shared" si="3"/>
        <v>0</v>
      </c>
      <c r="AO30" s="841">
        <f t="shared" si="3"/>
        <v>8.5470085470085472E-2</v>
      </c>
      <c r="AP30" s="841">
        <f t="shared" si="3"/>
        <v>0</v>
      </c>
      <c r="AQ30" s="1300">
        <f t="shared" si="0"/>
        <v>1</v>
      </c>
      <c r="AR30" s="797" t="s">
        <v>1638</v>
      </c>
      <c r="AS30" s="797" t="s">
        <v>834</v>
      </c>
      <c r="AT30" s="797" t="s">
        <v>53</v>
      </c>
      <c r="AU30" s="801">
        <v>109695</v>
      </c>
      <c r="AV30" s="813">
        <f>ROUND((VLOOKUP(G30,'[6]Cost Summary'!A:H,8,)),0.1)</f>
        <v>109695</v>
      </c>
      <c r="AW30" s="797">
        <v>1</v>
      </c>
      <c r="AX30" s="797">
        <v>9</v>
      </c>
      <c r="AY30" s="814" t="s">
        <v>1584</v>
      </c>
      <c r="AZ30" s="805">
        <v>71266.22</v>
      </c>
    </row>
    <row r="31" spans="1:52" ht="75" hidden="1" x14ac:dyDescent="0.25">
      <c r="A31" s="785"/>
      <c r="B31" s="785" t="s">
        <v>66</v>
      </c>
      <c r="C31" s="785"/>
      <c r="D31" s="785"/>
      <c r="E31" s="785"/>
      <c r="F31" s="785"/>
      <c r="G31" s="797" t="s">
        <v>1502</v>
      </c>
      <c r="H31" s="797" t="s">
        <v>830</v>
      </c>
      <c r="I31" s="798" t="s">
        <v>835</v>
      </c>
      <c r="J31" s="797" t="s">
        <v>836</v>
      </c>
      <c r="K31" s="797">
        <v>51.759415990000001</v>
      </c>
      <c r="L31" s="797">
        <v>-0.46255637900000002</v>
      </c>
      <c r="M31" s="797" t="s">
        <v>1488</v>
      </c>
      <c r="N31" s="797" t="s">
        <v>1489</v>
      </c>
      <c r="O31" s="797">
        <v>2</v>
      </c>
      <c r="P31" s="797" t="s">
        <v>1490</v>
      </c>
      <c r="Q31" s="797" t="s">
        <v>1491</v>
      </c>
      <c r="R31" s="797" t="s">
        <v>1492</v>
      </c>
      <c r="S31" s="797" t="s">
        <v>1493</v>
      </c>
      <c r="T31" s="797" t="s">
        <v>1504</v>
      </c>
      <c r="U31" s="799" t="s">
        <v>1495</v>
      </c>
      <c r="V31" s="799" t="s">
        <v>3248</v>
      </c>
      <c r="W31" s="806">
        <v>22</v>
      </c>
      <c r="X31" s="806">
        <v>7</v>
      </c>
      <c r="Y31" s="806">
        <v>1</v>
      </c>
      <c r="Z31" s="806">
        <v>2</v>
      </c>
      <c r="AA31" s="806">
        <v>3</v>
      </c>
      <c r="AB31" s="806">
        <v>2</v>
      </c>
      <c r="AC31" s="806">
        <v>5</v>
      </c>
      <c r="AD31" s="806">
        <v>7</v>
      </c>
      <c r="AE31" s="806">
        <v>3</v>
      </c>
      <c r="AF31" s="806">
        <v>0</v>
      </c>
      <c r="AG31" s="841">
        <f t="shared" si="3"/>
        <v>0.42307692307692307</v>
      </c>
      <c r="AH31" s="841">
        <f t="shared" si="3"/>
        <v>0.13461538461538461</v>
      </c>
      <c r="AI31" s="841">
        <f t="shared" si="3"/>
        <v>1.9230769230769232E-2</v>
      </c>
      <c r="AJ31" s="841">
        <f t="shared" si="3"/>
        <v>3.8461538461538464E-2</v>
      </c>
      <c r="AK31" s="841">
        <f t="shared" si="3"/>
        <v>5.7692307692307696E-2</v>
      </c>
      <c r="AL31" s="841">
        <f t="shared" si="3"/>
        <v>3.8461538461538464E-2</v>
      </c>
      <c r="AM31" s="841">
        <f t="shared" si="3"/>
        <v>9.6153846153846159E-2</v>
      </c>
      <c r="AN31" s="841">
        <f t="shared" si="3"/>
        <v>0.13461538461538461</v>
      </c>
      <c r="AO31" s="841">
        <f t="shared" si="3"/>
        <v>5.7692307692307696E-2</v>
      </c>
      <c r="AP31" s="841">
        <f t="shared" si="3"/>
        <v>0</v>
      </c>
      <c r="AQ31" s="1300">
        <f t="shared" si="0"/>
        <v>1</v>
      </c>
      <c r="AR31" s="797" t="s">
        <v>1499</v>
      </c>
      <c r="AS31" s="797" t="s">
        <v>834</v>
      </c>
      <c r="AT31" s="797" t="s">
        <v>53</v>
      </c>
      <c r="AU31" s="801">
        <v>370629.19</v>
      </c>
      <c r="AV31" s="802">
        <v>370629.19</v>
      </c>
      <c r="AW31" s="803">
        <v>1</v>
      </c>
      <c r="AX31" s="803">
        <v>4</v>
      </c>
      <c r="AY31" s="804" t="s">
        <v>1501</v>
      </c>
      <c r="AZ31" s="805">
        <v>370629.19</v>
      </c>
    </row>
    <row r="32" spans="1:52" ht="180" hidden="1" x14ac:dyDescent="0.25">
      <c r="A32" s="785"/>
      <c r="B32" s="785" t="s">
        <v>66</v>
      </c>
      <c r="C32" s="785"/>
      <c r="D32" s="785"/>
      <c r="E32" s="785"/>
      <c r="F32" s="785"/>
      <c r="G32" s="797" t="s">
        <v>1579</v>
      </c>
      <c r="H32" s="797" t="s">
        <v>870</v>
      </c>
      <c r="I32" s="798" t="s">
        <v>877</v>
      </c>
      <c r="J32" s="797" t="s">
        <v>878</v>
      </c>
      <c r="K32" s="797" t="s">
        <v>1580</v>
      </c>
      <c r="L32" s="797" t="s">
        <v>1580</v>
      </c>
      <c r="M32" s="797" t="s">
        <v>1581</v>
      </c>
      <c r="N32" s="797" t="s">
        <v>1523</v>
      </c>
      <c r="O32" s="797">
        <v>2</v>
      </c>
      <c r="P32" s="797" t="s">
        <v>1490</v>
      </c>
      <c r="Q32" s="797" t="s">
        <v>1491</v>
      </c>
      <c r="R32" s="797" t="s">
        <v>1492</v>
      </c>
      <c r="S32" s="797" t="s">
        <v>1493</v>
      </c>
      <c r="T32" s="797" t="s">
        <v>1580</v>
      </c>
      <c r="U32" s="815" t="s">
        <v>1580</v>
      </c>
      <c r="V32" s="816" t="s">
        <v>3251</v>
      </c>
      <c r="W32" s="817"/>
      <c r="X32" s="817"/>
      <c r="Y32" s="817"/>
      <c r="Z32" s="817"/>
      <c r="AA32" s="817"/>
      <c r="AB32" s="817"/>
      <c r="AC32" s="817"/>
      <c r="AD32" s="817"/>
      <c r="AE32" s="817"/>
      <c r="AF32" s="817"/>
      <c r="AG32" s="846"/>
      <c r="AH32" s="846"/>
      <c r="AI32" s="846"/>
      <c r="AJ32" s="846"/>
      <c r="AK32" s="846"/>
      <c r="AL32" s="846"/>
      <c r="AM32" s="846"/>
      <c r="AN32" s="846"/>
      <c r="AO32" s="846"/>
      <c r="AP32" s="846"/>
      <c r="AQ32" s="1300">
        <f t="shared" si="0"/>
        <v>0</v>
      </c>
      <c r="AR32" s="797" t="s">
        <v>1580</v>
      </c>
      <c r="AS32" s="797" t="s">
        <v>879</v>
      </c>
      <c r="AT32" s="797" t="s">
        <v>53</v>
      </c>
      <c r="AU32" s="801">
        <v>109695</v>
      </c>
      <c r="AV32" s="813">
        <f>ROUND((VLOOKUP(G32,'[6]Cost Summary'!A:H,8,)),0.1)</f>
        <v>109695</v>
      </c>
      <c r="AW32" s="797">
        <v>0</v>
      </c>
      <c r="AX32" s="797" t="s">
        <v>1500</v>
      </c>
      <c r="AY32" s="814" t="s">
        <v>1584</v>
      </c>
      <c r="AZ32" s="805">
        <v>285064.87</v>
      </c>
    </row>
    <row r="33" spans="1:52" ht="135" hidden="1" x14ac:dyDescent="0.25">
      <c r="A33" s="785" t="s">
        <v>66</v>
      </c>
      <c r="B33" s="785"/>
      <c r="C33" s="785"/>
      <c r="D33" s="785"/>
      <c r="E33" s="785"/>
      <c r="F33" s="785"/>
      <c r="G33" s="797" t="s">
        <v>1588</v>
      </c>
      <c r="H33" s="797" t="s">
        <v>830</v>
      </c>
      <c r="I33" s="798" t="s">
        <v>880</v>
      </c>
      <c r="J33" s="797" t="s">
        <v>1589</v>
      </c>
      <c r="K33" s="797">
        <v>51.781202479999997</v>
      </c>
      <c r="L33" s="797">
        <v>-0.470383834</v>
      </c>
      <c r="M33" s="797" t="s">
        <v>1590</v>
      </c>
      <c r="N33" s="797" t="s">
        <v>1489</v>
      </c>
      <c r="O33" s="797">
        <v>2</v>
      </c>
      <c r="P33" s="797" t="s">
        <v>1490</v>
      </c>
      <c r="Q33" s="797" t="s">
        <v>1491</v>
      </c>
      <c r="R33" s="797" t="s">
        <v>1492</v>
      </c>
      <c r="S33" s="797" t="s">
        <v>1561</v>
      </c>
      <c r="T33" s="797" t="s">
        <v>1591</v>
      </c>
      <c r="U33" s="797" t="s">
        <v>1546</v>
      </c>
      <c r="V33" s="799" t="s">
        <v>59</v>
      </c>
      <c r="W33" s="807" t="s">
        <v>1498</v>
      </c>
      <c r="X33" s="807" t="s">
        <v>1498</v>
      </c>
      <c r="Y33" s="807" t="s">
        <v>1498</v>
      </c>
      <c r="Z33" s="807" t="s">
        <v>1498</v>
      </c>
      <c r="AA33" s="807" t="s">
        <v>1498</v>
      </c>
      <c r="AB33" s="807" t="s">
        <v>1498</v>
      </c>
      <c r="AC33" s="807" t="s">
        <v>1498</v>
      </c>
      <c r="AD33" s="807" t="s">
        <v>1498</v>
      </c>
      <c r="AE33" s="807" t="s">
        <v>1498</v>
      </c>
      <c r="AF33" s="807" t="s">
        <v>1498</v>
      </c>
      <c r="AG33" s="807" t="s">
        <v>1498</v>
      </c>
      <c r="AH33" s="807" t="s">
        <v>1498</v>
      </c>
      <c r="AI33" s="807" t="s">
        <v>1498</v>
      </c>
      <c r="AJ33" s="807" t="s">
        <v>1498</v>
      </c>
      <c r="AK33" s="807" t="s">
        <v>1498</v>
      </c>
      <c r="AL33" s="807" t="s">
        <v>1498</v>
      </c>
      <c r="AM33" s="807" t="s">
        <v>1498</v>
      </c>
      <c r="AN33" s="807" t="s">
        <v>1498</v>
      </c>
      <c r="AO33" s="807" t="s">
        <v>1498</v>
      </c>
      <c r="AP33" s="807" t="s">
        <v>1498</v>
      </c>
      <c r="AQ33" s="1300">
        <f t="shared" si="0"/>
        <v>0</v>
      </c>
      <c r="AR33" s="797" t="s">
        <v>1593</v>
      </c>
      <c r="AS33" s="797" t="s">
        <v>834</v>
      </c>
      <c r="AT33" s="797" t="s">
        <v>53</v>
      </c>
      <c r="AU33" s="801">
        <v>370629.19</v>
      </c>
      <c r="AV33" s="802">
        <v>370629.19</v>
      </c>
      <c r="AW33" s="803">
        <v>0</v>
      </c>
      <c r="AX33" s="803" t="s">
        <v>1500</v>
      </c>
      <c r="AY33" s="804" t="s">
        <v>1501</v>
      </c>
      <c r="AZ33" s="805">
        <v>370629.19</v>
      </c>
    </row>
    <row r="34" spans="1:52" ht="135" hidden="1" x14ac:dyDescent="0.25">
      <c r="A34" s="785" t="s">
        <v>66</v>
      </c>
      <c r="B34" s="785" t="s">
        <v>66</v>
      </c>
      <c r="C34" s="785"/>
      <c r="D34" s="785"/>
      <c r="E34" s="785"/>
      <c r="F34" s="785"/>
      <c r="G34" s="797" t="s">
        <v>1594</v>
      </c>
      <c r="H34" s="797" t="s">
        <v>830</v>
      </c>
      <c r="I34" s="798" t="s">
        <v>882</v>
      </c>
      <c r="J34" s="797" t="s">
        <v>1595</v>
      </c>
      <c r="K34" s="797">
        <v>51.784384809999999</v>
      </c>
      <c r="L34" s="797">
        <v>-0.45212253299999999</v>
      </c>
      <c r="M34" s="797" t="s">
        <v>1590</v>
      </c>
      <c r="N34" s="797" t="s">
        <v>1489</v>
      </c>
      <c r="O34" s="797">
        <v>2</v>
      </c>
      <c r="P34" s="797" t="s">
        <v>1490</v>
      </c>
      <c r="Q34" s="797" t="s">
        <v>1491</v>
      </c>
      <c r="R34" s="797" t="s">
        <v>1492</v>
      </c>
      <c r="S34" s="797" t="s">
        <v>1561</v>
      </c>
      <c r="T34" s="797" t="s">
        <v>1591</v>
      </c>
      <c r="U34" s="797" t="s">
        <v>1546</v>
      </c>
      <c r="V34" s="799" t="s">
        <v>1172</v>
      </c>
      <c r="W34" s="807" t="s">
        <v>1498</v>
      </c>
      <c r="X34" s="807" t="s">
        <v>1498</v>
      </c>
      <c r="Y34" s="807" t="s">
        <v>1498</v>
      </c>
      <c r="Z34" s="807" t="s">
        <v>1498</v>
      </c>
      <c r="AA34" s="807" t="s">
        <v>1498</v>
      </c>
      <c r="AB34" s="807" t="s">
        <v>1498</v>
      </c>
      <c r="AC34" s="807" t="s">
        <v>1498</v>
      </c>
      <c r="AD34" s="807" t="s">
        <v>1498</v>
      </c>
      <c r="AE34" s="807" t="s">
        <v>1498</v>
      </c>
      <c r="AF34" s="807" t="s">
        <v>1498</v>
      </c>
      <c r="AG34" s="842" t="s">
        <v>1498</v>
      </c>
      <c r="AH34" s="842" t="s">
        <v>1498</v>
      </c>
      <c r="AI34" s="842" t="s">
        <v>1498</v>
      </c>
      <c r="AJ34" s="842" t="s">
        <v>1498</v>
      </c>
      <c r="AK34" s="842" t="s">
        <v>1498</v>
      </c>
      <c r="AL34" s="842" t="s">
        <v>1498</v>
      </c>
      <c r="AM34" s="842" t="s">
        <v>1498</v>
      </c>
      <c r="AN34" s="842" t="s">
        <v>1498</v>
      </c>
      <c r="AO34" s="842" t="s">
        <v>1498</v>
      </c>
      <c r="AP34" s="842" t="s">
        <v>1498</v>
      </c>
      <c r="AQ34" s="842">
        <f t="shared" si="0"/>
        <v>0</v>
      </c>
      <c r="AR34" s="797" t="s">
        <v>1593</v>
      </c>
      <c r="AS34" s="797" t="s">
        <v>834</v>
      </c>
      <c r="AT34" s="797" t="s">
        <v>53</v>
      </c>
      <c r="AU34" s="801">
        <v>370629.19</v>
      </c>
      <c r="AV34" s="802">
        <v>370629.19</v>
      </c>
      <c r="AW34" s="803">
        <v>0</v>
      </c>
      <c r="AX34" s="803" t="s">
        <v>1500</v>
      </c>
      <c r="AY34" s="804" t="s">
        <v>1501</v>
      </c>
      <c r="AZ34" s="805">
        <v>370629.19</v>
      </c>
    </row>
    <row r="35" spans="1:52" ht="165" hidden="1" x14ac:dyDescent="0.25">
      <c r="A35" s="785" t="s">
        <v>66</v>
      </c>
      <c r="B35" s="785"/>
      <c r="C35" s="785"/>
      <c r="D35" s="785"/>
      <c r="E35" s="785"/>
      <c r="F35" s="785"/>
      <c r="G35" s="797" t="s">
        <v>1596</v>
      </c>
      <c r="H35" s="797" t="s">
        <v>830</v>
      </c>
      <c r="I35" s="798" t="s">
        <v>884</v>
      </c>
      <c r="J35" s="797" t="s">
        <v>1597</v>
      </c>
      <c r="K35" s="797">
        <v>51.782594779999997</v>
      </c>
      <c r="L35" s="797">
        <v>-0.42968170700000002</v>
      </c>
      <c r="M35" s="797" t="s">
        <v>1590</v>
      </c>
      <c r="N35" s="797" t="s">
        <v>1489</v>
      </c>
      <c r="O35" s="797">
        <v>2</v>
      </c>
      <c r="P35" s="797" t="s">
        <v>1490</v>
      </c>
      <c r="Q35" s="797" t="s">
        <v>1491</v>
      </c>
      <c r="R35" s="797" t="s">
        <v>1492</v>
      </c>
      <c r="S35" s="797" t="s">
        <v>1561</v>
      </c>
      <c r="T35" s="797" t="s">
        <v>1591</v>
      </c>
      <c r="U35" s="797" t="s">
        <v>1546</v>
      </c>
      <c r="V35" s="799" t="s">
        <v>59</v>
      </c>
      <c r="W35" s="807" t="s">
        <v>1498</v>
      </c>
      <c r="X35" s="807" t="s">
        <v>1498</v>
      </c>
      <c r="Y35" s="807" t="s">
        <v>1498</v>
      </c>
      <c r="Z35" s="807" t="s">
        <v>1498</v>
      </c>
      <c r="AA35" s="807" t="s">
        <v>1498</v>
      </c>
      <c r="AB35" s="807" t="s">
        <v>1498</v>
      </c>
      <c r="AC35" s="807" t="s">
        <v>1498</v>
      </c>
      <c r="AD35" s="807" t="s">
        <v>1498</v>
      </c>
      <c r="AE35" s="807" t="s">
        <v>1498</v>
      </c>
      <c r="AF35" s="807" t="s">
        <v>1498</v>
      </c>
      <c r="AG35" s="807" t="s">
        <v>1498</v>
      </c>
      <c r="AH35" s="807" t="s">
        <v>1498</v>
      </c>
      <c r="AI35" s="807" t="s">
        <v>1498</v>
      </c>
      <c r="AJ35" s="807" t="s">
        <v>1498</v>
      </c>
      <c r="AK35" s="807" t="s">
        <v>1498</v>
      </c>
      <c r="AL35" s="807" t="s">
        <v>1498</v>
      </c>
      <c r="AM35" s="807" t="s">
        <v>1498</v>
      </c>
      <c r="AN35" s="807" t="s">
        <v>1498</v>
      </c>
      <c r="AO35" s="807" t="s">
        <v>1498</v>
      </c>
      <c r="AP35" s="807" t="s">
        <v>1498</v>
      </c>
      <c r="AQ35" s="1300">
        <f t="shared" si="0"/>
        <v>0</v>
      </c>
      <c r="AR35" s="797" t="s">
        <v>1593</v>
      </c>
      <c r="AS35" s="797" t="s">
        <v>834</v>
      </c>
      <c r="AT35" s="797" t="s">
        <v>869</v>
      </c>
      <c r="AU35" s="801">
        <v>370629.19</v>
      </c>
      <c r="AV35" s="802">
        <v>370629.19</v>
      </c>
      <c r="AW35" s="803">
        <v>0</v>
      </c>
      <c r="AX35" s="803" t="s">
        <v>1500</v>
      </c>
      <c r="AY35" s="804" t="s">
        <v>1501</v>
      </c>
      <c r="AZ35" s="805">
        <v>370629.19</v>
      </c>
    </row>
    <row r="36" spans="1:52" ht="165" hidden="1" x14ac:dyDescent="0.25">
      <c r="A36" s="785"/>
      <c r="B36" s="785"/>
      <c r="C36" s="785"/>
      <c r="D36" s="785"/>
      <c r="E36" s="785"/>
      <c r="F36" s="785"/>
      <c r="G36" s="797" t="s">
        <v>1598</v>
      </c>
      <c r="H36" s="797" t="s">
        <v>830</v>
      </c>
      <c r="I36" s="798" t="s">
        <v>886</v>
      </c>
      <c r="J36" s="797" t="s">
        <v>887</v>
      </c>
      <c r="K36" s="797">
        <v>51.775067720000003</v>
      </c>
      <c r="L36" s="797">
        <v>-0.42077476699999999</v>
      </c>
      <c r="M36" s="797" t="s">
        <v>1590</v>
      </c>
      <c r="N36" s="797" t="s">
        <v>1489</v>
      </c>
      <c r="O36" s="797">
        <v>2</v>
      </c>
      <c r="P36" s="797" t="s">
        <v>1490</v>
      </c>
      <c r="Q36" s="797" t="s">
        <v>1491</v>
      </c>
      <c r="R36" s="797" t="s">
        <v>1492</v>
      </c>
      <c r="S36" s="797" t="s">
        <v>1561</v>
      </c>
      <c r="T36" s="797" t="s">
        <v>1599</v>
      </c>
      <c r="U36" s="797" t="s">
        <v>1546</v>
      </c>
      <c r="V36" s="797" t="s">
        <v>846</v>
      </c>
      <c r="W36" s="807" t="s">
        <v>1498</v>
      </c>
      <c r="X36" s="807" t="s">
        <v>1498</v>
      </c>
      <c r="Y36" s="807" t="s">
        <v>1498</v>
      </c>
      <c r="Z36" s="807" t="s">
        <v>1498</v>
      </c>
      <c r="AA36" s="807" t="s">
        <v>1498</v>
      </c>
      <c r="AB36" s="807" t="s">
        <v>1498</v>
      </c>
      <c r="AC36" s="807" t="s">
        <v>1498</v>
      </c>
      <c r="AD36" s="807" t="s">
        <v>1498</v>
      </c>
      <c r="AE36" s="807" t="s">
        <v>1498</v>
      </c>
      <c r="AF36" s="807" t="s">
        <v>1498</v>
      </c>
      <c r="AG36" s="807" t="s">
        <v>1498</v>
      </c>
      <c r="AH36" s="807" t="s">
        <v>1498</v>
      </c>
      <c r="AI36" s="807" t="s">
        <v>1498</v>
      </c>
      <c r="AJ36" s="807" t="s">
        <v>1498</v>
      </c>
      <c r="AK36" s="807" t="s">
        <v>1498</v>
      </c>
      <c r="AL36" s="807" t="s">
        <v>1498</v>
      </c>
      <c r="AM36" s="807" t="s">
        <v>1498</v>
      </c>
      <c r="AN36" s="807" t="s">
        <v>1498</v>
      </c>
      <c r="AO36" s="807" t="s">
        <v>1498</v>
      </c>
      <c r="AP36" s="807" t="s">
        <v>1498</v>
      </c>
      <c r="AQ36" s="1300">
        <f t="shared" si="0"/>
        <v>0</v>
      </c>
      <c r="AR36" s="797" t="s">
        <v>1601</v>
      </c>
      <c r="AS36" s="797" t="s">
        <v>834</v>
      </c>
      <c r="AT36" s="797" t="s">
        <v>869</v>
      </c>
      <c r="AU36" s="801">
        <v>370629.19</v>
      </c>
      <c r="AV36" s="802">
        <v>370629.19</v>
      </c>
      <c r="AW36" s="803">
        <v>0</v>
      </c>
      <c r="AX36" s="803" t="s">
        <v>1500</v>
      </c>
      <c r="AY36" s="804" t="s">
        <v>1501</v>
      </c>
      <c r="AZ36" s="805">
        <v>370629.19</v>
      </c>
    </row>
    <row r="37" spans="1:52" ht="165" hidden="1" x14ac:dyDescent="0.25">
      <c r="A37" s="785"/>
      <c r="B37" s="785"/>
      <c r="C37" s="785"/>
      <c r="D37" s="785"/>
      <c r="E37" s="785"/>
      <c r="F37" s="785"/>
      <c r="G37" s="797" t="s">
        <v>1602</v>
      </c>
      <c r="H37" s="797" t="s">
        <v>830</v>
      </c>
      <c r="I37" s="798" t="s">
        <v>886</v>
      </c>
      <c r="J37" s="797" t="s">
        <v>888</v>
      </c>
      <c r="K37" s="797">
        <v>51.745435000000001</v>
      </c>
      <c r="L37" s="797">
        <v>-0.41129072300000002</v>
      </c>
      <c r="M37" s="797" t="s">
        <v>1590</v>
      </c>
      <c r="N37" s="797" t="s">
        <v>1489</v>
      </c>
      <c r="O37" s="797">
        <v>2</v>
      </c>
      <c r="P37" s="797" t="s">
        <v>1490</v>
      </c>
      <c r="Q37" s="797" t="s">
        <v>1491</v>
      </c>
      <c r="R37" s="797" t="s">
        <v>1492</v>
      </c>
      <c r="S37" s="797" t="s">
        <v>1561</v>
      </c>
      <c r="T37" s="797" t="s">
        <v>1599</v>
      </c>
      <c r="U37" s="797" t="s">
        <v>1546</v>
      </c>
      <c r="V37" s="797" t="s">
        <v>846</v>
      </c>
      <c r="W37" s="807" t="s">
        <v>1498</v>
      </c>
      <c r="X37" s="807" t="s">
        <v>1498</v>
      </c>
      <c r="Y37" s="807" t="s">
        <v>1498</v>
      </c>
      <c r="Z37" s="807" t="s">
        <v>1498</v>
      </c>
      <c r="AA37" s="807" t="s">
        <v>1498</v>
      </c>
      <c r="AB37" s="807" t="s">
        <v>1498</v>
      </c>
      <c r="AC37" s="807" t="s">
        <v>1498</v>
      </c>
      <c r="AD37" s="807" t="s">
        <v>1498</v>
      </c>
      <c r="AE37" s="807" t="s">
        <v>1498</v>
      </c>
      <c r="AF37" s="807" t="s">
        <v>1498</v>
      </c>
      <c r="AG37" s="807" t="s">
        <v>1498</v>
      </c>
      <c r="AH37" s="807" t="s">
        <v>1498</v>
      </c>
      <c r="AI37" s="807" t="s">
        <v>1498</v>
      </c>
      <c r="AJ37" s="807" t="s">
        <v>1498</v>
      </c>
      <c r="AK37" s="807" t="s">
        <v>1498</v>
      </c>
      <c r="AL37" s="807" t="s">
        <v>1498</v>
      </c>
      <c r="AM37" s="807" t="s">
        <v>1498</v>
      </c>
      <c r="AN37" s="807" t="s">
        <v>1498</v>
      </c>
      <c r="AO37" s="807" t="s">
        <v>1498</v>
      </c>
      <c r="AP37" s="807" t="s">
        <v>1498</v>
      </c>
      <c r="AQ37" s="1300">
        <f t="shared" si="0"/>
        <v>0</v>
      </c>
      <c r="AR37" s="797" t="s">
        <v>1554</v>
      </c>
      <c r="AS37" s="797" t="s">
        <v>834</v>
      </c>
      <c r="AT37" s="797" t="s">
        <v>869</v>
      </c>
      <c r="AU37" s="801">
        <v>370629.19</v>
      </c>
      <c r="AV37" s="802">
        <v>370629.19</v>
      </c>
      <c r="AW37" s="803">
        <v>0</v>
      </c>
      <c r="AX37" s="803" t="s">
        <v>1500</v>
      </c>
      <c r="AY37" s="804" t="s">
        <v>1501</v>
      </c>
      <c r="AZ37" s="805">
        <v>370629.19</v>
      </c>
    </row>
    <row r="38" spans="1:52" ht="120" hidden="1" x14ac:dyDescent="0.25">
      <c r="A38" s="785"/>
      <c r="B38" s="785"/>
      <c r="C38" s="785"/>
      <c r="D38" s="785"/>
      <c r="E38" s="785"/>
      <c r="F38" s="785"/>
      <c r="G38" s="797" t="s">
        <v>1604</v>
      </c>
      <c r="H38" s="797" t="s">
        <v>830</v>
      </c>
      <c r="I38" s="798" t="s">
        <v>889</v>
      </c>
      <c r="J38" s="797" t="s">
        <v>1605</v>
      </c>
      <c r="K38" s="797">
        <v>51.76924546</v>
      </c>
      <c r="L38" s="797">
        <v>-0.46950562899999998</v>
      </c>
      <c r="M38" s="797" t="s">
        <v>1590</v>
      </c>
      <c r="N38" s="797" t="s">
        <v>1489</v>
      </c>
      <c r="O38" s="797">
        <v>2</v>
      </c>
      <c r="P38" s="797" t="s">
        <v>1490</v>
      </c>
      <c r="Q38" s="797" t="s">
        <v>1491</v>
      </c>
      <c r="R38" s="797" t="s">
        <v>1492</v>
      </c>
      <c r="S38" s="797" t="s">
        <v>1561</v>
      </c>
      <c r="T38" s="797" t="s">
        <v>1606</v>
      </c>
      <c r="U38" s="797" t="s">
        <v>1546</v>
      </c>
      <c r="V38" s="797" t="s">
        <v>127</v>
      </c>
      <c r="W38" s="807" t="s">
        <v>1498</v>
      </c>
      <c r="X38" s="807" t="s">
        <v>1498</v>
      </c>
      <c r="Y38" s="807" t="s">
        <v>1498</v>
      </c>
      <c r="Z38" s="807" t="s">
        <v>1498</v>
      </c>
      <c r="AA38" s="807" t="s">
        <v>1498</v>
      </c>
      <c r="AB38" s="807" t="s">
        <v>1498</v>
      </c>
      <c r="AC38" s="807" t="s">
        <v>1498</v>
      </c>
      <c r="AD38" s="807" t="s">
        <v>1498</v>
      </c>
      <c r="AE38" s="807" t="s">
        <v>1498</v>
      </c>
      <c r="AF38" s="807" t="s">
        <v>1498</v>
      </c>
      <c r="AG38" s="807" t="s">
        <v>1498</v>
      </c>
      <c r="AH38" s="807" t="s">
        <v>1498</v>
      </c>
      <c r="AI38" s="807" t="s">
        <v>1498</v>
      </c>
      <c r="AJ38" s="807" t="s">
        <v>1498</v>
      </c>
      <c r="AK38" s="807" t="s">
        <v>1498</v>
      </c>
      <c r="AL38" s="807" t="s">
        <v>1498</v>
      </c>
      <c r="AM38" s="807" t="s">
        <v>1498</v>
      </c>
      <c r="AN38" s="807" t="s">
        <v>1498</v>
      </c>
      <c r="AO38" s="807" t="s">
        <v>1498</v>
      </c>
      <c r="AP38" s="807" t="s">
        <v>1498</v>
      </c>
      <c r="AQ38" s="1300">
        <f t="shared" si="0"/>
        <v>0</v>
      </c>
      <c r="AR38" s="797" t="s">
        <v>1607</v>
      </c>
      <c r="AS38" s="797" t="s">
        <v>834</v>
      </c>
      <c r="AT38" s="797" t="s">
        <v>53</v>
      </c>
      <c r="AU38" s="801">
        <v>370629.19</v>
      </c>
      <c r="AV38" s="802">
        <v>370629.19</v>
      </c>
      <c r="AW38" s="803">
        <v>0</v>
      </c>
      <c r="AX38" s="803" t="s">
        <v>1500</v>
      </c>
      <c r="AY38" s="804" t="s">
        <v>1501</v>
      </c>
      <c r="AZ38" s="805">
        <v>370629.19</v>
      </c>
    </row>
    <row r="39" spans="1:52" ht="120" hidden="1" x14ac:dyDescent="0.25">
      <c r="A39" s="785"/>
      <c r="B39" s="785"/>
      <c r="C39" s="785"/>
      <c r="D39" s="785"/>
      <c r="E39" s="785"/>
      <c r="F39" s="785"/>
      <c r="G39" s="797" t="s">
        <v>1608</v>
      </c>
      <c r="H39" s="797" t="s">
        <v>830</v>
      </c>
      <c r="I39" s="798" t="s">
        <v>891</v>
      </c>
      <c r="J39" s="797" t="s">
        <v>1609</v>
      </c>
      <c r="K39" s="797">
        <v>51.766119609999997</v>
      </c>
      <c r="L39" s="797">
        <v>-0.50238487300000001</v>
      </c>
      <c r="M39" s="797" t="s">
        <v>1590</v>
      </c>
      <c r="N39" s="797" t="s">
        <v>1489</v>
      </c>
      <c r="O39" s="797">
        <v>2</v>
      </c>
      <c r="P39" s="797" t="s">
        <v>1490</v>
      </c>
      <c r="Q39" s="797" t="s">
        <v>1491</v>
      </c>
      <c r="R39" s="797" t="s">
        <v>1492</v>
      </c>
      <c r="S39" s="797" t="s">
        <v>1561</v>
      </c>
      <c r="T39" s="797" t="s">
        <v>1610</v>
      </c>
      <c r="U39" s="797" t="s">
        <v>1546</v>
      </c>
      <c r="V39" s="797" t="s">
        <v>27</v>
      </c>
      <c r="W39" s="807" t="s">
        <v>1498</v>
      </c>
      <c r="X39" s="807" t="s">
        <v>1498</v>
      </c>
      <c r="Y39" s="807" t="s">
        <v>1498</v>
      </c>
      <c r="Z39" s="807" t="s">
        <v>1498</v>
      </c>
      <c r="AA39" s="807" t="s">
        <v>1498</v>
      </c>
      <c r="AB39" s="807" t="s">
        <v>1498</v>
      </c>
      <c r="AC39" s="807" t="s">
        <v>1498</v>
      </c>
      <c r="AD39" s="807" t="s">
        <v>1498</v>
      </c>
      <c r="AE39" s="807" t="s">
        <v>1498</v>
      </c>
      <c r="AF39" s="807" t="s">
        <v>1498</v>
      </c>
      <c r="AG39" s="807" t="s">
        <v>1498</v>
      </c>
      <c r="AH39" s="807" t="s">
        <v>1498</v>
      </c>
      <c r="AI39" s="807" t="s">
        <v>1498</v>
      </c>
      <c r="AJ39" s="807" t="s">
        <v>1498</v>
      </c>
      <c r="AK39" s="807" t="s">
        <v>1498</v>
      </c>
      <c r="AL39" s="807" t="s">
        <v>1498</v>
      </c>
      <c r="AM39" s="807" t="s">
        <v>1498</v>
      </c>
      <c r="AN39" s="807" t="s">
        <v>1498</v>
      </c>
      <c r="AO39" s="807" t="s">
        <v>1498</v>
      </c>
      <c r="AP39" s="807" t="s">
        <v>1498</v>
      </c>
      <c r="AQ39" s="1300">
        <f t="shared" si="0"/>
        <v>0</v>
      </c>
      <c r="AR39" s="797" t="s">
        <v>1611</v>
      </c>
      <c r="AS39" s="797" t="s">
        <v>834</v>
      </c>
      <c r="AT39" s="797" t="s">
        <v>53</v>
      </c>
      <c r="AU39" s="801">
        <v>370629.19</v>
      </c>
      <c r="AV39" s="802">
        <v>370629.19</v>
      </c>
      <c r="AW39" s="803">
        <v>0</v>
      </c>
      <c r="AX39" s="803" t="s">
        <v>1500</v>
      </c>
      <c r="AY39" s="804" t="s">
        <v>1501</v>
      </c>
      <c r="AZ39" s="805">
        <v>370629.19</v>
      </c>
    </row>
    <row r="40" spans="1:52" ht="120" hidden="1" x14ac:dyDescent="0.25">
      <c r="A40" s="785"/>
      <c r="B40" s="785"/>
      <c r="C40" s="785"/>
      <c r="D40" s="785"/>
      <c r="E40" s="785"/>
      <c r="F40" s="785"/>
      <c r="G40" s="797" t="s">
        <v>1660</v>
      </c>
      <c r="H40" s="797" t="s">
        <v>830</v>
      </c>
      <c r="I40" s="798" t="s">
        <v>893</v>
      </c>
      <c r="J40" s="797" t="s">
        <v>1661</v>
      </c>
      <c r="K40" s="797">
        <v>51.727675429999998</v>
      </c>
      <c r="L40" s="797">
        <v>-0.45911531300000002</v>
      </c>
      <c r="M40" s="797" t="s">
        <v>1590</v>
      </c>
      <c r="N40" s="797" t="s">
        <v>1489</v>
      </c>
      <c r="O40" s="797">
        <v>2</v>
      </c>
      <c r="P40" s="797" t="s">
        <v>1490</v>
      </c>
      <c r="Q40" s="797" t="s">
        <v>1491</v>
      </c>
      <c r="R40" s="797" t="s">
        <v>1492</v>
      </c>
      <c r="S40" s="797" t="s">
        <v>1561</v>
      </c>
      <c r="T40" s="797" t="s">
        <v>1662</v>
      </c>
      <c r="U40" s="797" t="s">
        <v>1546</v>
      </c>
      <c r="V40" s="797" t="s">
        <v>26</v>
      </c>
      <c r="W40" s="807" t="s">
        <v>1498</v>
      </c>
      <c r="X40" s="807" t="s">
        <v>1498</v>
      </c>
      <c r="Y40" s="807" t="s">
        <v>1498</v>
      </c>
      <c r="Z40" s="807" t="s">
        <v>1498</v>
      </c>
      <c r="AA40" s="807" t="s">
        <v>1498</v>
      </c>
      <c r="AB40" s="807" t="s">
        <v>1498</v>
      </c>
      <c r="AC40" s="807" t="s">
        <v>1498</v>
      </c>
      <c r="AD40" s="807" t="s">
        <v>1498</v>
      </c>
      <c r="AE40" s="807" t="s">
        <v>1498</v>
      </c>
      <c r="AF40" s="807" t="s">
        <v>1498</v>
      </c>
      <c r="AG40" s="807" t="s">
        <v>1498</v>
      </c>
      <c r="AH40" s="807" t="s">
        <v>1498</v>
      </c>
      <c r="AI40" s="807" t="s">
        <v>1498</v>
      </c>
      <c r="AJ40" s="807" t="s">
        <v>1498</v>
      </c>
      <c r="AK40" s="807" t="s">
        <v>1498</v>
      </c>
      <c r="AL40" s="807" t="s">
        <v>1498</v>
      </c>
      <c r="AM40" s="807" t="s">
        <v>1498</v>
      </c>
      <c r="AN40" s="807" t="s">
        <v>1498</v>
      </c>
      <c r="AO40" s="807" t="s">
        <v>1498</v>
      </c>
      <c r="AP40" s="807" t="s">
        <v>1498</v>
      </c>
      <c r="AQ40" s="1300">
        <f t="shared" si="0"/>
        <v>0</v>
      </c>
      <c r="AR40" s="797" t="s">
        <v>1663</v>
      </c>
      <c r="AS40" s="797" t="s">
        <v>834</v>
      </c>
      <c r="AT40" s="797" t="s">
        <v>53</v>
      </c>
      <c r="AU40" s="801">
        <v>370629.19</v>
      </c>
      <c r="AV40" s="802">
        <v>370629.19</v>
      </c>
      <c r="AW40" s="803">
        <v>0</v>
      </c>
      <c r="AX40" s="803" t="s">
        <v>1500</v>
      </c>
      <c r="AY40" s="804" t="s">
        <v>1501</v>
      </c>
      <c r="AZ40" s="805">
        <v>370629.19</v>
      </c>
    </row>
    <row r="41" spans="1:52" ht="45" hidden="1" x14ac:dyDescent="0.25">
      <c r="A41" s="785" t="s">
        <v>66</v>
      </c>
      <c r="B41" s="785" t="s">
        <v>66</v>
      </c>
      <c r="C41" s="785"/>
      <c r="D41" s="785"/>
      <c r="E41" s="785"/>
      <c r="F41" s="785"/>
      <c r="G41" s="797" t="s">
        <v>1506</v>
      </c>
      <c r="H41" s="797" t="s">
        <v>830</v>
      </c>
      <c r="I41" s="798" t="s">
        <v>837</v>
      </c>
      <c r="J41" s="797" t="s">
        <v>838</v>
      </c>
      <c r="K41" s="797">
        <v>51.772893109999998</v>
      </c>
      <c r="L41" s="797">
        <v>-0.45847975099999999</v>
      </c>
      <c r="M41" s="797" t="s">
        <v>1488</v>
      </c>
      <c r="N41" s="797" t="s">
        <v>1489</v>
      </c>
      <c r="O41" s="797">
        <v>2</v>
      </c>
      <c r="P41" s="797" t="s">
        <v>1490</v>
      </c>
      <c r="Q41" s="797" t="s">
        <v>1491</v>
      </c>
      <c r="R41" s="797" t="s">
        <v>1492</v>
      </c>
      <c r="S41" s="797" t="s">
        <v>1493</v>
      </c>
      <c r="T41" s="797" t="s">
        <v>1507</v>
      </c>
      <c r="U41" s="797" t="s">
        <v>1508</v>
      </c>
      <c r="V41" s="799" t="s">
        <v>1172</v>
      </c>
      <c r="W41" s="807" t="s">
        <v>1498</v>
      </c>
      <c r="X41" s="807" t="s">
        <v>1498</v>
      </c>
      <c r="Y41" s="807" t="s">
        <v>1498</v>
      </c>
      <c r="Z41" s="807" t="s">
        <v>1498</v>
      </c>
      <c r="AA41" s="807" t="s">
        <v>1498</v>
      </c>
      <c r="AB41" s="807" t="s">
        <v>1498</v>
      </c>
      <c r="AC41" s="807" t="s">
        <v>1498</v>
      </c>
      <c r="AD41" s="807" t="s">
        <v>1498</v>
      </c>
      <c r="AE41" s="807" t="s">
        <v>1498</v>
      </c>
      <c r="AF41" s="807" t="s">
        <v>1498</v>
      </c>
      <c r="AG41" s="842" t="s">
        <v>1498</v>
      </c>
      <c r="AH41" s="842" t="s">
        <v>1498</v>
      </c>
      <c r="AI41" s="842" t="s">
        <v>1498</v>
      </c>
      <c r="AJ41" s="842" t="s">
        <v>1498</v>
      </c>
      <c r="AK41" s="842" t="s">
        <v>1498</v>
      </c>
      <c r="AL41" s="842" t="s">
        <v>1498</v>
      </c>
      <c r="AM41" s="842" t="s">
        <v>1498</v>
      </c>
      <c r="AN41" s="842" t="s">
        <v>1498</v>
      </c>
      <c r="AO41" s="842" t="s">
        <v>1498</v>
      </c>
      <c r="AP41" s="842" t="s">
        <v>1498</v>
      </c>
      <c r="AQ41" s="842">
        <f t="shared" si="0"/>
        <v>0</v>
      </c>
      <c r="AR41" s="797" t="s">
        <v>1509</v>
      </c>
      <c r="AS41" s="797" t="s">
        <v>834</v>
      </c>
      <c r="AT41" s="797" t="s">
        <v>53</v>
      </c>
      <c r="AU41" s="801">
        <v>370629.19</v>
      </c>
      <c r="AV41" s="802">
        <v>370629.19</v>
      </c>
      <c r="AW41" s="803">
        <v>1</v>
      </c>
      <c r="AX41" s="803">
        <v>1</v>
      </c>
      <c r="AY41" s="804" t="s">
        <v>1501</v>
      </c>
      <c r="AZ41" s="805">
        <v>370629.19</v>
      </c>
    </row>
    <row r="42" spans="1:52" ht="195" hidden="1" x14ac:dyDescent="0.25">
      <c r="A42" s="785"/>
      <c r="B42" s="785" t="s">
        <v>66</v>
      </c>
      <c r="C42" s="785"/>
      <c r="D42" s="785"/>
      <c r="E42" s="785"/>
      <c r="F42" s="785"/>
      <c r="G42" s="797" t="s">
        <v>1612</v>
      </c>
      <c r="H42" s="797" t="s">
        <v>830</v>
      </c>
      <c r="I42" s="798" t="s">
        <v>895</v>
      </c>
      <c r="J42" s="797" t="s">
        <v>1613</v>
      </c>
      <c r="K42" s="797">
        <v>51.742661290000001</v>
      </c>
      <c r="L42" s="797">
        <v>-0.49065777399999999</v>
      </c>
      <c r="M42" s="797" t="s">
        <v>1615</v>
      </c>
      <c r="N42" s="797" t="s">
        <v>1523</v>
      </c>
      <c r="O42" s="797">
        <v>2</v>
      </c>
      <c r="P42" s="797" t="s">
        <v>1616</v>
      </c>
      <c r="Q42" s="797" t="s">
        <v>1491</v>
      </c>
      <c r="R42" s="797" t="s">
        <v>1492</v>
      </c>
      <c r="S42" s="797" t="s">
        <v>1493</v>
      </c>
      <c r="T42" s="797" t="s">
        <v>1617</v>
      </c>
      <c r="U42" s="799" t="s">
        <v>1515</v>
      </c>
      <c r="V42" s="799" t="s">
        <v>948</v>
      </c>
      <c r="W42" s="807" t="s">
        <v>1498</v>
      </c>
      <c r="X42" s="807" t="s">
        <v>1498</v>
      </c>
      <c r="Y42" s="807" t="s">
        <v>1498</v>
      </c>
      <c r="Z42" s="807" t="s">
        <v>1498</v>
      </c>
      <c r="AA42" s="807" t="s">
        <v>1498</v>
      </c>
      <c r="AB42" s="807" t="s">
        <v>1498</v>
      </c>
      <c r="AC42" s="807" t="s">
        <v>1498</v>
      </c>
      <c r="AD42" s="807" t="s">
        <v>1498</v>
      </c>
      <c r="AE42" s="807" t="s">
        <v>1498</v>
      </c>
      <c r="AF42" s="807" t="s">
        <v>1498</v>
      </c>
      <c r="AG42" s="842" t="s">
        <v>1498</v>
      </c>
      <c r="AH42" s="842" t="s">
        <v>1498</v>
      </c>
      <c r="AI42" s="842" t="s">
        <v>1498</v>
      </c>
      <c r="AJ42" s="842" t="s">
        <v>1498</v>
      </c>
      <c r="AK42" s="842" t="s">
        <v>1498</v>
      </c>
      <c r="AL42" s="842" t="s">
        <v>1498</v>
      </c>
      <c r="AM42" s="842" t="s">
        <v>1498</v>
      </c>
      <c r="AN42" s="842" t="s">
        <v>1498</v>
      </c>
      <c r="AO42" s="842" t="s">
        <v>1498</v>
      </c>
      <c r="AP42" s="842" t="s">
        <v>1498</v>
      </c>
      <c r="AQ42" s="842">
        <f t="shared" si="0"/>
        <v>0</v>
      </c>
      <c r="AR42" s="797" t="s">
        <v>1620</v>
      </c>
      <c r="AS42" s="797" t="s">
        <v>834</v>
      </c>
      <c r="AT42" s="797" t="s">
        <v>53</v>
      </c>
      <c r="AU42" s="801">
        <v>720694</v>
      </c>
      <c r="AV42" s="813">
        <f>ROUND((VLOOKUP(G42,'[6]Cost Summary'!A:H,8,)),0.1)</f>
        <v>720694</v>
      </c>
      <c r="AW42" s="814">
        <v>1</v>
      </c>
      <c r="AX42" s="814">
        <v>9</v>
      </c>
      <c r="AY42" s="814" t="s">
        <v>1584</v>
      </c>
      <c r="AZ42" s="805">
        <v>877751.88</v>
      </c>
    </row>
    <row r="43" spans="1:52" ht="165" hidden="1" x14ac:dyDescent="0.25">
      <c r="A43" s="785"/>
      <c r="B43" s="785" t="s">
        <v>66</v>
      </c>
      <c r="C43" s="785"/>
      <c r="D43" s="785"/>
      <c r="E43" s="785"/>
      <c r="F43" s="785" t="s">
        <v>3252</v>
      </c>
      <c r="G43" s="797" t="s">
        <v>1621</v>
      </c>
      <c r="H43" s="797" t="s">
        <v>897</v>
      </c>
      <c r="I43" s="798" t="s">
        <v>898</v>
      </c>
      <c r="J43" s="797" t="s">
        <v>899</v>
      </c>
      <c r="K43" s="797">
        <v>51.742213960000001</v>
      </c>
      <c r="L43" s="797">
        <v>-0.49086454899999998</v>
      </c>
      <c r="M43" s="797" t="s">
        <v>1615</v>
      </c>
      <c r="N43" s="797" t="s">
        <v>1523</v>
      </c>
      <c r="O43" s="797">
        <v>3</v>
      </c>
      <c r="P43" s="797" t="s">
        <v>1490</v>
      </c>
      <c r="Q43" s="797" t="s">
        <v>1491</v>
      </c>
      <c r="R43" s="797" t="s">
        <v>1492</v>
      </c>
      <c r="S43" s="797" t="s">
        <v>1493</v>
      </c>
      <c r="T43" s="797" t="s">
        <v>1617</v>
      </c>
      <c r="U43" s="799" t="s">
        <v>1515</v>
      </c>
      <c r="V43" s="799" t="s">
        <v>3253</v>
      </c>
      <c r="W43" s="807" t="s">
        <v>1498</v>
      </c>
      <c r="X43" s="807" t="s">
        <v>1498</v>
      </c>
      <c r="Y43" s="807" t="s">
        <v>1498</v>
      </c>
      <c r="Z43" s="807" t="s">
        <v>1498</v>
      </c>
      <c r="AA43" s="807" t="s">
        <v>1498</v>
      </c>
      <c r="AB43" s="807" t="s">
        <v>1498</v>
      </c>
      <c r="AC43" s="807" t="s">
        <v>1498</v>
      </c>
      <c r="AD43" s="807" t="s">
        <v>1498</v>
      </c>
      <c r="AE43" s="807" t="s">
        <v>1498</v>
      </c>
      <c r="AF43" s="807" t="s">
        <v>1498</v>
      </c>
      <c r="AG43" s="842" t="s">
        <v>1498</v>
      </c>
      <c r="AH43" s="842" t="s">
        <v>1498</v>
      </c>
      <c r="AI43" s="842" t="s">
        <v>1498</v>
      </c>
      <c r="AJ43" s="842" t="s">
        <v>1498</v>
      </c>
      <c r="AK43" s="842" t="s">
        <v>1498</v>
      </c>
      <c r="AL43" s="842" t="s">
        <v>1498</v>
      </c>
      <c r="AM43" s="842" t="s">
        <v>1498</v>
      </c>
      <c r="AN43" s="842" t="s">
        <v>1498</v>
      </c>
      <c r="AO43" s="842" t="s">
        <v>1498</v>
      </c>
      <c r="AP43" s="842" t="s">
        <v>1498</v>
      </c>
      <c r="AQ43" s="842">
        <f t="shared" si="0"/>
        <v>0</v>
      </c>
      <c r="AR43" s="797" t="s">
        <v>1620</v>
      </c>
      <c r="AS43" s="797" t="s">
        <v>868</v>
      </c>
      <c r="AT43" s="797" t="s">
        <v>53</v>
      </c>
      <c r="AU43" s="801" t="s">
        <v>1622</v>
      </c>
      <c r="AV43" s="1301" t="s">
        <v>1622</v>
      </c>
      <c r="AW43" s="819">
        <v>1</v>
      </c>
      <c r="AX43" s="819">
        <v>9</v>
      </c>
      <c r="AY43" s="819" t="s">
        <v>1623</v>
      </c>
      <c r="AZ43" s="805">
        <v>7410000</v>
      </c>
    </row>
    <row r="44" spans="1:52" ht="255" hidden="1" x14ac:dyDescent="0.25">
      <c r="A44" s="785"/>
      <c r="B44" s="785"/>
      <c r="C44" s="785"/>
      <c r="D44" s="785"/>
      <c r="E44" s="785"/>
      <c r="F44" s="785"/>
      <c r="G44" s="797" t="s">
        <v>1639</v>
      </c>
      <c r="H44" s="797" t="s">
        <v>900</v>
      </c>
      <c r="I44" s="798" t="s">
        <v>901</v>
      </c>
      <c r="J44" s="797" t="s">
        <v>902</v>
      </c>
      <c r="K44" s="797">
        <v>51.75785277</v>
      </c>
      <c r="L44" s="797">
        <v>-0.41224909900000001</v>
      </c>
      <c r="M44" s="797" t="s">
        <v>1640</v>
      </c>
      <c r="N44" s="797" t="s">
        <v>1523</v>
      </c>
      <c r="O44" s="797">
        <v>3</v>
      </c>
      <c r="P44" s="797" t="s">
        <v>1490</v>
      </c>
      <c r="Q44" s="797" t="s">
        <v>1491</v>
      </c>
      <c r="R44" s="797" t="s">
        <v>1492</v>
      </c>
      <c r="S44" s="797" t="s">
        <v>1493</v>
      </c>
      <c r="T44" s="797" t="s">
        <v>1504</v>
      </c>
      <c r="U44" s="797" t="s">
        <v>1641</v>
      </c>
      <c r="V44" s="797" t="s">
        <v>903</v>
      </c>
      <c r="W44" s="807" t="s">
        <v>1498</v>
      </c>
      <c r="X44" s="807" t="s">
        <v>1498</v>
      </c>
      <c r="Y44" s="807" t="s">
        <v>1498</v>
      </c>
      <c r="Z44" s="807" t="s">
        <v>1498</v>
      </c>
      <c r="AA44" s="807" t="s">
        <v>1498</v>
      </c>
      <c r="AB44" s="807" t="s">
        <v>1498</v>
      </c>
      <c r="AC44" s="807" t="s">
        <v>1498</v>
      </c>
      <c r="AD44" s="807" t="s">
        <v>1498</v>
      </c>
      <c r="AE44" s="807" t="s">
        <v>1498</v>
      </c>
      <c r="AF44" s="807" t="s">
        <v>1498</v>
      </c>
      <c r="AG44" s="807" t="s">
        <v>1498</v>
      </c>
      <c r="AH44" s="807" t="s">
        <v>1498</v>
      </c>
      <c r="AI44" s="807" t="s">
        <v>1498</v>
      </c>
      <c r="AJ44" s="807" t="s">
        <v>1498</v>
      </c>
      <c r="AK44" s="807" t="s">
        <v>1498</v>
      </c>
      <c r="AL44" s="807" t="s">
        <v>1498</v>
      </c>
      <c r="AM44" s="807" t="s">
        <v>1498</v>
      </c>
      <c r="AN44" s="807" t="s">
        <v>1498</v>
      </c>
      <c r="AO44" s="807" t="s">
        <v>1498</v>
      </c>
      <c r="AP44" s="807" t="s">
        <v>1498</v>
      </c>
      <c r="AQ44" s="1300">
        <f t="shared" si="0"/>
        <v>0</v>
      </c>
      <c r="AR44" s="797" t="s">
        <v>1642</v>
      </c>
      <c r="AS44" s="797" t="s">
        <v>904</v>
      </c>
      <c r="AT44" s="797" t="s">
        <v>869</v>
      </c>
      <c r="AU44" s="801">
        <v>106900000</v>
      </c>
      <c r="AV44" s="802">
        <v>106900000</v>
      </c>
      <c r="AW44" s="803">
        <v>1</v>
      </c>
      <c r="AX44" s="803">
        <v>8</v>
      </c>
      <c r="AY44" s="820" t="s">
        <v>1643</v>
      </c>
      <c r="AZ44" s="805">
        <v>106900000</v>
      </c>
    </row>
    <row r="45" spans="1:52" ht="120" hidden="1" x14ac:dyDescent="0.25">
      <c r="A45" s="785"/>
      <c r="B45" s="785"/>
      <c r="C45" s="785"/>
      <c r="D45" s="785"/>
      <c r="E45" s="785"/>
      <c r="F45" s="785"/>
      <c r="G45" s="797" t="s">
        <v>1644</v>
      </c>
      <c r="H45" s="797" t="s">
        <v>900</v>
      </c>
      <c r="I45" s="798" t="s">
        <v>905</v>
      </c>
      <c r="J45" s="797" t="s">
        <v>906</v>
      </c>
      <c r="K45" s="797">
        <v>51.756380849999999</v>
      </c>
      <c r="L45" s="797">
        <v>-0.42350580999999998</v>
      </c>
      <c r="M45" s="797" t="s">
        <v>1522</v>
      </c>
      <c r="N45" s="797" t="s">
        <v>1523</v>
      </c>
      <c r="O45" s="797">
        <v>3</v>
      </c>
      <c r="P45" s="797" t="s">
        <v>1490</v>
      </c>
      <c r="Q45" s="797" t="s">
        <v>1491</v>
      </c>
      <c r="R45" s="797" t="s">
        <v>1492</v>
      </c>
      <c r="S45" s="797" t="s">
        <v>1493</v>
      </c>
      <c r="T45" s="797" t="s">
        <v>1504</v>
      </c>
      <c r="U45" s="797" t="s">
        <v>1546</v>
      </c>
      <c r="V45" s="797" t="s">
        <v>846</v>
      </c>
      <c r="W45" s="807" t="s">
        <v>1498</v>
      </c>
      <c r="X45" s="807" t="s">
        <v>1498</v>
      </c>
      <c r="Y45" s="807" t="s">
        <v>1498</v>
      </c>
      <c r="Z45" s="807" t="s">
        <v>1498</v>
      </c>
      <c r="AA45" s="807" t="s">
        <v>1498</v>
      </c>
      <c r="AB45" s="807" t="s">
        <v>1498</v>
      </c>
      <c r="AC45" s="807" t="s">
        <v>1498</v>
      </c>
      <c r="AD45" s="807" t="s">
        <v>1498</v>
      </c>
      <c r="AE45" s="807" t="s">
        <v>1498</v>
      </c>
      <c r="AF45" s="807" t="s">
        <v>1498</v>
      </c>
      <c r="AG45" s="807" t="s">
        <v>1498</v>
      </c>
      <c r="AH45" s="807" t="s">
        <v>1498</v>
      </c>
      <c r="AI45" s="807" t="s">
        <v>1498</v>
      </c>
      <c r="AJ45" s="807" t="s">
        <v>1498</v>
      </c>
      <c r="AK45" s="807" t="s">
        <v>1498</v>
      </c>
      <c r="AL45" s="807" t="s">
        <v>1498</v>
      </c>
      <c r="AM45" s="807" t="s">
        <v>1498</v>
      </c>
      <c r="AN45" s="807" t="s">
        <v>1498</v>
      </c>
      <c r="AO45" s="807" t="s">
        <v>1498</v>
      </c>
      <c r="AP45" s="807" t="s">
        <v>1498</v>
      </c>
      <c r="AQ45" s="1300">
        <f t="shared" si="0"/>
        <v>0</v>
      </c>
      <c r="AR45" s="797" t="s">
        <v>1642</v>
      </c>
      <c r="AS45" s="821" t="s">
        <v>722</v>
      </c>
      <c r="AT45" s="797" t="s">
        <v>912</v>
      </c>
      <c r="AU45" s="801">
        <v>812064</v>
      </c>
      <c r="AV45" s="813">
        <f>ROUND((VLOOKUP(G45,'[6]Cost Summary'!A:H,8,)),0.1)</f>
        <v>812064</v>
      </c>
      <c r="AW45" s="797">
        <v>1</v>
      </c>
      <c r="AX45" s="797">
        <v>8</v>
      </c>
      <c r="AY45" s="814" t="s">
        <v>1584</v>
      </c>
      <c r="AZ45" s="805">
        <v>1056500</v>
      </c>
    </row>
    <row r="46" spans="1:52" ht="135" hidden="1" x14ac:dyDescent="0.25">
      <c r="A46" s="785" t="s">
        <v>66</v>
      </c>
      <c r="B46" s="785" t="s">
        <v>66</v>
      </c>
      <c r="C46" s="785" t="s">
        <v>66</v>
      </c>
      <c r="D46" s="785"/>
      <c r="E46" s="785"/>
      <c r="F46" s="785"/>
      <c r="G46" s="822" t="s">
        <v>1646</v>
      </c>
      <c r="H46" s="822" t="s">
        <v>900</v>
      </c>
      <c r="I46" s="822" t="s">
        <v>1647</v>
      </c>
      <c r="J46" s="822" t="s">
        <v>908</v>
      </c>
      <c r="K46" s="797">
        <v>51.756453280000002</v>
      </c>
      <c r="L46" s="797">
        <v>-0.42096693600000001</v>
      </c>
      <c r="M46" s="797" t="s">
        <v>1522</v>
      </c>
      <c r="N46" s="797" t="s">
        <v>1523</v>
      </c>
      <c r="O46" s="797">
        <v>3</v>
      </c>
      <c r="P46" s="797" t="s">
        <v>1490</v>
      </c>
      <c r="Q46" s="797" t="s">
        <v>1491</v>
      </c>
      <c r="R46" s="797" t="s">
        <v>1492</v>
      </c>
      <c r="S46" s="797" t="s">
        <v>1649</v>
      </c>
      <c r="T46" s="797" t="s">
        <v>1504</v>
      </c>
      <c r="U46" s="797" t="s">
        <v>1546</v>
      </c>
      <c r="V46" s="799" t="s">
        <v>3254</v>
      </c>
      <c r="W46" s="807" t="s">
        <v>1498</v>
      </c>
      <c r="X46" s="807" t="s">
        <v>1498</v>
      </c>
      <c r="Y46" s="807" t="s">
        <v>1498</v>
      </c>
      <c r="Z46" s="807" t="s">
        <v>1498</v>
      </c>
      <c r="AA46" s="807" t="s">
        <v>1498</v>
      </c>
      <c r="AB46" s="807" t="s">
        <v>1498</v>
      </c>
      <c r="AC46" s="807" t="s">
        <v>1498</v>
      </c>
      <c r="AD46" s="807" t="s">
        <v>1498</v>
      </c>
      <c r="AE46" s="807" t="s">
        <v>1498</v>
      </c>
      <c r="AF46" s="807" t="s">
        <v>1498</v>
      </c>
      <c r="AG46" s="842" t="s">
        <v>1498</v>
      </c>
      <c r="AH46" s="842" t="s">
        <v>1498</v>
      </c>
      <c r="AI46" s="842" t="s">
        <v>1498</v>
      </c>
      <c r="AJ46" s="842" t="s">
        <v>1498</v>
      </c>
      <c r="AK46" s="842" t="s">
        <v>1498</v>
      </c>
      <c r="AL46" s="842" t="s">
        <v>1498</v>
      </c>
      <c r="AM46" s="842" t="s">
        <v>1498</v>
      </c>
      <c r="AN46" s="842" t="s">
        <v>1498</v>
      </c>
      <c r="AO46" s="842" t="s">
        <v>1498</v>
      </c>
      <c r="AP46" s="842" t="s">
        <v>1498</v>
      </c>
      <c r="AQ46" s="842">
        <f t="shared" si="0"/>
        <v>0</v>
      </c>
      <c r="AR46" s="797" t="s">
        <v>1642</v>
      </c>
      <c r="AS46" s="821" t="s">
        <v>834</v>
      </c>
      <c r="AT46" s="797" t="s">
        <v>869</v>
      </c>
      <c r="AU46" s="801">
        <v>15820406</v>
      </c>
      <c r="AV46" s="813">
        <f>ROUND((VLOOKUP(G46,'[6]Cost Summary'!A:H,8,)),0.1)</f>
        <v>15820406</v>
      </c>
      <c r="AW46" s="797">
        <v>1</v>
      </c>
      <c r="AX46" s="797">
        <v>8</v>
      </c>
      <c r="AY46" s="814" t="s">
        <v>1584</v>
      </c>
      <c r="AZ46" s="805">
        <v>22000000</v>
      </c>
    </row>
    <row r="47" spans="1:52" ht="75" hidden="1" x14ac:dyDescent="0.25">
      <c r="A47" s="785"/>
      <c r="B47" s="785" t="s">
        <v>66</v>
      </c>
      <c r="C47" s="785"/>
      <c r="D47" s="785"/>
      <c r="E47" s="785"/>
      <c r="F47" s="785"/>
      <c r="G47" s="797" t="s">
        <v>1693</v>
      </c>
      <c r="H47" s="797" t="s">
        <v>900</v>
      </c>
      <c r="I47" s="798" t="s">
        <v>910</v>
      </c>
      <c r="J47" s="797" t="s">
        <v>911</v>
      </c>
      <c r="K47" s="797">
        <v>51.746955499999999</v>
      </c>
      <c r="L47" s="797">
        <v>-0.47036324099999999</v>
      </c>
      <c r="M47" s="797" t="s">
        <v>1522</v>
      </c>
      <c r="N47" s="797" t="s">
        <v>1489</v>
      </c>
      <c r="O47" s="797">
        <v>1</v>
      </c>
      <c r="P47" s="797" t="s">
        <v>1616</v>
      </c>
      <c r="Q47" s="797" t="s">
        <v>1491</v>
      </c>
      <c r="R47" s="797" t="s">
        <v>1492</v>
      </c>
      <c r="S47" s="797" t="s">
        <v>1493</v>
      </c>
      <c r="T47" s="797" t="s">
        <v>1504</v>
      </c>
      <c r="U47" s="799" t="s">
        <v>1495</v>
      </c>
      <c r="V47" s="799" t="s">
        <v>3249</v>
      </c>
      <c r="W47" s="806">
        <v>3</v>
      </c>
      <c r="X47" s="806">
        <v>0</v>
      </c>
      <c r="Y47" s="806">
        <v>26</v>
      </c>
      <c r="Z47" s="806">
        <v>21</v>
      </c>
      <c r="AA47" s="806">
        <v>22</v>
      </c>
      <c r="AB47" s="806">
        <v>14</v>
      </c>
      <c r="AC47" s="806">
        <v>21</v>
      </c>
      <c r="AD47" s="806">
        <v>34</v>
      </c>
      <c r="AE47" s="806">
        <v>14</v>
      </c>
      <c r="AF47" s="806">
        <v>4</v>
      </c>
      <c r="AG47" s="841">
        <f t="shared" ref="AG47:AP50" si="4">W47/(SUM($W47:$AF47))</f>
        <v>1.8867924528301886E-2</v>
      </c>
      <c r="AH47" s="841">
        <f t="shared" si="4"/>
        <v>0</v>
      </c>
      <c r="AI47" s="841">
        <f t="shared" si="4"/>
        <v>0.16352201257861634</v>
      </c>
      <c r="AJ47" s="841">
        <f t="shared" si="4"/>
        <v>0.13207547169811321</v>
      </c>
      <c r="AK47" s="841">
        <f t="shared" si="4"/>
        <v>0.13836477987421383</v>
      </c>
      <c r="AL47" s="841">
        <f t="shared" si="4"/>
        <v>8.8050314465408799E-2</v>
      </c>
      <c r="AM47" s="841">
        <f t="shared" si="4"/>
        <v>0.13207547169811321</v>
      </c>
      <c r="AN47" s="841">
        <f t="shared" si="4"/>
        <v>0.21383647798742139</v>
      </c>
      <c r="AO47" s="841">
        <f t="shared" si="4"/>
        <v>8.8050314465408799E-2</v>
      </c>
      <c r="AP47" s="841">
        <f t="shared" si="4"/>
        <v>2.5157232704402517E-2</v>
      </c>
      <c r="AQ47" s="1300">
        <f t="shared" si="0"/>
        <v>1</v>
      </c>
      <c r="AR47" s="797" t="s">
        <v>1695</v>
      </c>
      <c r="AS47" s="797" t="s">
        <v>834</v>
      </c>
      <c r="AT47" s="797" t="s">
        <v>53</v>
      </c>
      <c r="AU47" s="801">
        <v>69251</v>
      </c>
      <c r="AV47" s="813">
        <f>ROUND((VLOOKUP(G47,'[6]Cost Summary'!A:H,8,)),0.1)</f>
        <v>69251</v>
      </c>
      <c r="AW47" s="797">
        <v>1</v>
      </c>
      <c r="AX47" s="797">
        <v>8</v>
      </c>
      <c r="AY47" s="814" t="s">
        <v>1584</v>
      </c>
      <c r="AZ47" s="805">
        <v>44990.54</v>
      </c>
    </row>
    <row r="48" spans="1:52" ht="75" hidden="1" x14ac:dyDescent="0.25">
      <c r="A48" s="785"/>
      <c r="B48" s="785" t="s">
        <v>66</v>
      </c>
      <c r="C48" s="785"/>
      <c r="D48" s="785"/>
      <c r="E48" s="785"/>
      <c r="F48" s="785"/>
      <c r="G48" s="797" t="s">
        <v>1714</v>
      </c>
      <c r="H48" s="797" t="s">
        <v>900</v>
      </c>
      <c r="I48" s="798" t="s">
        <v>913</v>
      </c>
      <c r="J48" s="797" t="s">
        <v>911</v>
      </c>
      <c r="K48" s="797">
        <v>51.747992869999997</v>
      </c>
      <c r="L48" s="797">
        <v>-0.46707372400000002</v>
      </c>
      <c r="M48" s="797" t="s">
        <v>1522</v>
      </c>
      <c r="N48" s="797" t="s">
        <v>1489</v>
      </c>
      <c r="O48" s="797">
        <v>1</v>
      </c>
      <c r="P48" s="797" t="s">
        <v>1616</v>
      </c>
      <c r="Q48" s="797" t="s">
        <v>1491</v>
      </c>
      <c r="R48" s="797" t="s">
        <v>1492</v>
      </c>
      <c r="S48" s="797" t="s">
        <v>1493</v>
      </c>
      <c r="T48" s="797" t="s">
        <v>1504</v>
      </c>
      <c r="U48" s="799" t="s">
        <v>1495</v>
      </c>
      <c r="V48" s="799" t="s">
        <v>3248</v>
      </c>
      <c r="W48" s="806">
        <v>2</v>
      </c>
      <c r="X48" s="806">
        <v>26</v>
      </c>
      <c r="Y48" s="806">
        <v>25</v>
      </c>
      <c r="Z48" s="806">
        <v>20</v>
      </c>
      <c r="AA48" s="806">
        <v>21</v>
      </c>
      <c r="AB48" s="806">
        <v>13</v>
      </c>
      <c r="AC48" s="806">
        <v>20</v>
      </c>
      <c r="AD48" s="806">
        <v>29</v>
      </c>
      <c r="AE48" s="806">
        <v>12</v>
      </c>
      <c r="AF48" s="806">
        <v>128</v>
      </c>
      <c r="AG48" s="841">
        <f t="shared" si="4"/>
        <v>6.7567567567567571E-3</v>
      </c>
      <c r="AH48" s="841">
        <f t="shared" si="4"/>
        <v>8.7837837837837843E-2</v>
      </c>
      <c r="AI48" s="841">
        <f t="shared" si="4"/>
        <v>8.4459459459459457E-2</v>
      </c>
      <c r="AJ48" s="841">
        <f t="shared" si="4"/>
        <v>6.7567567567567571E-2</v>
      </c>
      <c r="AK48" s="841">
        <f t="shared" si="4"/>
        <v>7.0945945945945943E-2</v>
      </c>
      <c r="AL48" s="841">
        <f t="shared" si="4"/>
        <v>4.3918918918918921E-2</v>
      </c>
      <c r="AM48" s="841">
        <f t="shared" si="4"/>
        <v>6.7567567567567571E-2</v>
      </c>
      <c r="AN48" s="841">
        <f t="shared" si="4"/>
        <v>9.7972972972972971E-2</v>
      </c>
      <c r="AO48" s="841">
        <f t="shared" si="4"/>
        <v>4.0540540540540543E-2</v>
      </c>
      <c r="AP48" s="841">
        <f t="shared" si="4"/>
        <v>0.43243243243243246</v>
      </c>
      <c r="AQ48" s="1300">
        <f t="shared" si="0"/>
        <v>1</v>
      </c>
      <c r="AR48" s="797" t="s">
        <v>1695</v>
      </c>
      <c r="AS48" s="797" t="s">
        <v>834</v>
      </c>
      <c r="AT48" s="797" t="s">
        <v>53</v>
      </c>
      <c r="AU48" s="801">
        <v>69251</v>
      </c>
      <c r="AV48" s="813">
        <f>ROUND((VLOOKUP(G48,'[6]Cost Summary'!A:H,8,)),0.1)</f>
        <v>69251</v>
      </c>
      <c r="AW48" s="797">
        <v>1</v>
      </c>
      <c r="AX48" s="797">
        <v>8</v>
      </c>
      <c r="AY48" s="814" t="s">
        <v>1584</v>
      </c>
      <c r="AZ48" s="805">
        <v>44990.54</v>
      </c>
    </row>
    <row r="49" spans="1:52" ht="75" hidden="1" x14ac:dyDescent="0.25">
      <c r="A49" s="785"/>
      <c r="B49" s="785" t="s">
        <v>66</v>
      </c>
      <c r="C49" s="785"/>
      <c r="D49" s="785"/>
      <c r="E49" s="785"/>
      <c r="F49" s="785"/>
      <c r="G49" s="797" t="s">
        <v>1724</v>
      </c>
      <c r="H49" s="797" t="s">
        <v>900</v>
      </c>
      <c r="I49" s="798" t="s">
        <v>914</v>
      </c>
      <c r="J49" s="797" t="s">
        <v>911</v>
      </c>
      <c r="K49" s="797">
        <v>51.749037430000001</v>
      </c>
      <c r="L49" s="797">
        <v>-0.44816080699999999</v>
      </c>
      <c r="M49" s="797" t="s">
        <v>1522</v>
      </c>
      <c r="N49" s="797" t="s">
        <v>1489</v>
      </c>
      <c r="O49" s="797">
        <v>1</v>
      </c>
      <c r="P49" s="797" t="s">
        <v>1616</v>
      </c>
      <c r="Q49" s="797" t="s">
        <v>1491</v>
      </c>
      <c r="R49" s="797" t="s">
        <v>1492</v>
      </c>
      <c r="S49" s="797" t="s">
        <v>1493</v>
      </c>
      <c r="T49" s="797" t="s">
        <v>1504</v>
      </c>
      <c r="U49" s="799" t="s">
        <v>1495</v>
      </c>
      <c r="V49" s="799" t="s">
        <v>3255</v>
      </c>
      <c r="W49" s="806">
        <v>0</v>
      </c>
      <c r="X49" s="806">
        <v>20</v>
      </c>
      <c r="Y49" s="806">
        <v>20</v>
      </c>
      <c r="Z49" s="806">
        <v>16</v>
      </c>
      <c r="AA49" s="806">
        <v>19</v>
      </c>
      <c r="AB49" s="806">
        <v>13</v>
      </c>
      <c r="AC49" s="806">
        <v>16</v>
      </c>
      <c r="AD49" s="806">
        <v>33</v>
      </c>
      <c r="AE49" s="806">
        <v>1</v>
      </c>
      <c r="AF49" s="806">
        <v>233</v>
      </c>
      <c r="AG49" s="841">
        <f t="shared" si="4"/>
        <v>0</v>
      </c>
      <c r="AH49" s="841">
        <f t="shared" si="4"/>
        <v>5.3908355795148251E-2</v>
      </c>
      <c r="AI49" s="841">
        <f t="shared" si="4"/>
        <v>5.3908355795148251E-2</v>
      </c>
      <c r="AJ49" s="841">
        <f t="shared" si="4"/>
        <v>4.3126684636118601E-2</v>
      </c>
      <c r="AK49" s="841">
        <f t="shared" si="4"/>
        <v>5.1212938005390833E-2</v>
      </c>
      <c r="AL49" s="841">
        <f t="shared" si="4"/>
        <v>3.5040431266846361E-2</v>
      </c>
      <c r="AM49" s="841">
        <f t="shared" si="4"/>
        <v>4.3126684636118601E-2</v>
      </c>
      <c r="AN49" s="841">
        <f t="shared" si="4"/>
        <v>8.8948787061994605E-2</v>
      </c>
      <c r="AO49" s="841">
        <f t="shared" si="4"/>
        <v>2.6954177897574125E-3</v>
      </c>
      <c r="AP49" s="841">
        <f t="shared" si="4"/>
        <v>0.62803234501347704</v>
      </c>
      <c r="AQ49" s="1300">
        <f t="shared" si="0"/>
        <v>1</v>
      </c>
      <c r="AR49" s="797" t="s">
        <v>1642</v>
      </c>
      <c r="AS49" s="797" t="s">
        <v>834</v>
      </c>
      <c r="AT49" s="797" t="s">
        <v>53</v>
      </c>
      <c r="AU49" s="801">
        <v>67129</v>
      </c>
      <c r="AV49" s="813">
        <f>ROUND((VLOOKUP(G49,'[6]Cost Summary'!A:H,8,)),0.1)</f>
        <v>67129</v>
      </c>
      <c r="AW49" s="797">
        <v>1</v>
      </c>
      <c r="AX49" s="797">
        <v>8</v>
      </c>
      <c r="AY49" s="814" t="s">
        <v>1584</v>
      </c>
      <c r="AZ49" s="805">
        <v>43612.2</v>
      </c>
    </row>
    <row r="50" spans="1:52" ht="60" hidden="1" x14ac:dyDescent="0.25">
      <c r="A50" s="785"/>
      <c r="B50" s="785" t="s">
        <v>66</v>
      </c>
      <c r="C50" s="785"/>
      <c r="D50" s="785"/>
      <c r="E50" s="785"/>
      <c r="F50" s="785"/>
      <c r="G50" s="797" t="s">
        <v>1737</v>
      </c>
      <c r="H50" s="797" t="s">
        <v>900</v>
      </c>
      <c r="I50" s="798" t="s">
        <v>915</v>
      </c>
      <c r="J50" s="797" t="s">
        <v>911</v>
      </c>
      <c r="K50" s="797">
        <v>51.749766790000002</v>
      </c>
      <c r="L50" s="797">
        <v>-0.44522566499999999</v>
      </c>
      <c r="M50" s="797" t="s">
        <v>1522</v>
      </c>
      <c r="N50" s="797" t="s">
        <v>1489</v>
      </c>
      <c r="O50" s="797">
        <v>1</v>
      </c>
      <c r="P50" s="797" t="s">
        <v>1616</v>
      </c>
      <c r="Q50" s="797" t="s">
        <v>1491</v>
      </c>
      <c r="R50" s="797" t="s">
        <v>1492</v>
      </c>
      <c r="S50" s="797" t="s">
        <v>1493</v>
      </c>
      <c r="T50" s="797" t="s">
        <v>1504</v>
      </c>
      <c r="U50" s="799" t="s">
        <v>1495</v>
      </c>
      <c r="V50" s="799" t="s">
        <v>3256</v>
      </c>
      <c r="W50" s="806">
        <v>15</v>
      </c>
      <c r="X50" s="806">
        <v>20</v>
      </c>
      <c r="Y50" s="806">
        <v>20</v>
      </c>
      <c r="Z50" s="806">
        <v>16</v>
      </c>
      <c r="AA50" s="806">
        <v>18</v>
      </c>
      <c r="AB50" s="806">
        <v>12</v>
      </c>
      <c r="AC50" s="806">
        <v>15</v>
      </c>
      <c r="AD50" s="806">
        <v>32</v>
      </c>
      <c r="AE50" s="806">
        <v>0</v>
      </c>
      <c r="AF50" s="806">
        <v>233</v>
      </c>
      <c r="AG50" s="841">
        <f t="shared" si="4"/>
        <v>3.937007874015748E-2</v>
      </c>
      <c r="AH50" s="841">
        <f t="shared" si="4"/>
        <v>5.2493438320209973E-2</v>
      </c>
      <c r="AI50" s="841">
        <f t="shared" si="4"/>
        <v>5.2493438320209973E-2</v>
      </c>
      <c r="AJ50" s="841">
        <f t="shared" si="4"/>
        <v>4.1994750656167978E-2</v>
      </c>
      <c r="AK50" s="841">
        <f t="shared" si="4"/>
        <v>4.7244094488188976E-2</v>
      </c>
      <c r="AL50" s="841">
        <f t="shared" si="4"/>
        <v>3.1496062992125984E-2</v>
      </c>
      <c r="AM50" s="841">
        <f t="shared" si="4"/>
        <v>3.937007874015748E-2</v>
      </c>
      <c r="AN50" s="841">
        <f t="shared" si="4"/>
        <v>8.3989501312335957E-2</v>
      </c>
      <c r="AO50" s="841">
        <f t="shared" si="4"/>
        <v>0</v>
      </c>
      <c r="AP50" s="841">
        <f t="shared" si="4"/>
        <v>0.61154855643044614</v>
      </c>
      <c r="AQ50" s="1300">
        <f t="shared" si="0"/>
        <v>1</v>
      </c>
      <c r="AR50" s="797" t="s">
        <v>1642</v>
      </c>
      <c r="AS50" s="797" t="s">
        <v>834</v>
      </c>
      <c r="AT50" s="797" t="s">
        <v>53</v>
      </c>
      <c r="AU50" s="801">
        <v>69251</v>
      </c>
      <c r="AV50" s="813">
        <f>ROUND((VLOOKUP(G50,'[6]Cost Summary'!A:H,8,)),0.1)</f>
        <v>69251</v>
      </c>
      <c r="AW50" s="797">
        <v>1</v>
      </c>
      <c r="AX50" s="797">
        <v>8</v>
      </c>
      <c r="AY50" s="814" t="s">
        <v>1584</v>
      </c>
      <c r="AZ50" s="805">
        <v>44990.54</v>
      </c>
    </row>
    <row r="51" spans="1:52" ht="45" hidden="1" x14ac:dyDescent="0.25">
      <c r="A51" s="785" t="s">
        <v>66</v>
      </c>
      <c r="B51" s="785" t="s">
        <v>66</v>
      </c>
      <c r="C51" s="785"/>
      <c r="D51" s="785"/>
      <c r="E51" s="785"/>
      <c r="F51" s="785"/>
      <c r="G51" s="797" t="s">
        <v>1510</v>
      </c>
      <c r="H51" s="797" t="s">
        <v>830</v>
      </c>
      <c r="I51" s="798" t="s">
        <v>840</v>
      </c>
      <c r="J51" s="797" t="s">
        <v>841</v>
      </c>
      <c r="K51" s="797">
        <v>51.780078410000002</v>
      </c>
      <c r="L51" s="797">
        <v>-0.43755959700000002</v>
      </c>
      <c r="M51" s="797" t="s">
        <v>1488</v>
      </c>
      <c r="N51" s="797" t="s">
        <v>1489</v>
      </c>
      <c r="O51" s="797">
        <v>2</v>
      </c>
      <c r="P51" s="797" t="s">
        <v>1490</v>
      </c>
      <c r="Q51" s="797" t="s">
        <v>1491</v>
      </c>
      <c r="R51" s="797" t="s">
        <v>1492</v>
      </c>
      <c r="S51" s="797" t="s">
        <v>1493</v>
      </c>
      <c r="T51" s="797" t="s">
        <v>1511</v>
      </c>
      <c r="U51" s="797" t="s">
        <v>1508</v>
      </c>
      <c r="V51" s="799" t="s">
        <v>3242</v>
      </c>
      <c r="W51" s="807" t="s">
        <v>1498</v>
      </c>
      <c r="X51" s="807" t="s">
        <v>1498</v>
      </c>
      <c r="Y51" s="807" t="s">
        <v>1498</v>
      </c>
      <c r="Z51" s="807" t="s">
        <v>1498</v>
      </c>
      <c r="AA51" s="807" t="s">
        <v>1498</v>
      </c>
      <c r="AB51" s="807" t="s">
        <v>1498</v>
      </c>
      <c r="AC51" s="807" t="s">
        <v>1498</v>
      </c>
      <c r="AD51" s="807" t="s">
        <v>1498</v>
      </c>
      <c r="AE51" s="807" t="s">
        <v>1498</v>
      </c>
      <c r="AF51" s="807" t="s">
        <v>1498</v>
      </c>
      <c r="AG51" s="842" t="s">
        <v>1498</v>
      </c>
      <c r="AH51" s="842" t="s">
        <v>1498</v>
      </c>
      <c r="AI51" s="842" t="s">
        <v>1498</v>
      </c>
      <c r="AJ51" s="842" t="s">
        <v>1498</v>
      </c>
      <c r="AK51" s="842" t="s">
        <v>1498</v>
      </c>
      <c r="AL51" s="842" t="s">
        <v>1498</v>
      </c>
      <c r="AM51" s="842" t="s">
        <v>1498</v>
      </c>
      <c r="AN51" s="842" t="s">
        <v>1498</v>
      </c>
      <c r="AO51" s="842" t="s">
        <v>1498</v>
      </c>
      <c r="AP51" s="842" t="s">
        <v>1498</v>
      </c>
      <c r="AQ51" s="842">
        <f t="shared" si="0"/>
        <v>0</v>
      </c>
      <c r="AR51" s="797" t="s">
        <v>1512</v>
      </c>
      <c r="AS51" s="797" t="s">
        <v>834</v>
      </c>
      <c r="AT51" s="797" t="s">
        <v>53</v>
      </c>
      <c r="AU51" s="801">
        <v>370629.19</v>
      </c>
      <c r="AV51" s="802">
        <v>370629.19</v>
      </c>
      <c r="AW51" s="803">
        <v>0</v>
      </c>
      <c r="AX51" s="803" t="s">
        <v>1500</v>
      </c>
      <c r="AY51" s="804" t="s">
        <v>1501</v>
      </c>
      <c r="AZ51" s="805">
        <v>370629.19</v>
      </c>
    </row>
    <row r="52" spans="1:52" ht="75" hidden="1" x14ac:dyDescent="0.25">
      <c r="A52" s="785"/>
      <c r="B52" s="785"/>
      <c r="C52" s="785"/>
      <c r="D52" s="785"/>
      <c r="E52" s="785"/>
      <c r="F52" s="785"/>
      <c r="G52" s="797" t="s">
        <v>1680</v>
      </c>
      <c r="H52" s="797" t="s">
        <v>900</v>
      </c>
      <c r="I52" s="798" t="s">
        <v>916</v>
      </c>
      <c r="J52" s="797" t="s">
        <v>917</v>
      </c>
      <c r="K52" s="797">
        <v>51.772272270000002</v>
      </c>
      <c r="L52" s="797">
        <v>-0.429057464</v>
      </c>
      <c r="M52" s="797" t="s">
        <v>1674</v>
      </c>
      <c r="N52" s="797" t="s">
        <v>1489</v>
      </c>
      <c r="O52" s="797">
        <v>1</v>
      </c>
      <c r="P52" s="797" t="s">
        <v>1490</v>
      </c>
      <c r="Q52" s="797" t="s">
        <v>1491</v>
      </c>
      <c r="R52" s="797" t="s">
        <v>1492</v>
      </c>
      <c r="S52" s="797" t="s">
        <v>1493</v>
      </c>
      <c r="T52" s="797" t="s">
        <v>1681</v>
      </c>
      <c r="U52" s="797" t="s">
        <v>1546</v>
      </c>
      <c r="V52" s="797" t="s">
        <v>846</v>
      </c>
      <c r="W52" s="807" t="s">
        <v>1498</v>
      </c>
      <c r="X52" s="807" t="s">
        <v>1498</v>
      </c>
      <c r="Y52" s="807" t="s">
        <v>1498</v>
      </c>
      <c r="Z52" s="807" t="s">
        <v>1498</v>
      </c>
      <c r="AA52" s="807" t="s">
        <v>1498</v>
      </c>
      <c r="AB52" s="807" t="s">
        <v>1498</v>
      </c>
      <c r="AC52" s="807" t="s">
        <v>1498</v>
      </c>
      <c r="AD52" s="807" t="s">
        <v>1498</v>
      </c>
      <c r="AE52" s="807" t="s">
        <v>1498</v>
      </c>
      <c r="AF52" s="807" t="s">
        <v>1498</v>
      </c>
      <c r="AG52" s="807" t="s">
        <v>1498</v>
      </c>
      <c r="AH52" s="807" t="s">
        <v>1498</v>
      </c>
      <c r="AI52" s="807" t="s">
        <v>1498</v>
      </c>
      <c r="AJ52" s="807" t="s">
        <v>1498</v>
      </c>
      <c r="AK52" s="807" t="s">
        <v>1498</v>
      </c>
      <c r="AL52" s="807" t="s">
        <v>1498</v>
      </c>
      <c r="AM52" s="807" t="s">
        <v>1498</v>
      </c>
      <c r="AN52" s="807" t="s">
        <v>1498</v>
      </c>
      <c r="AO52" s="807" t="s">
        <v>1498</v>
      </c>
      <c r="AP52" s="807" t="s">
        <v>1498</v>
      </c>
      <c r="AQ52" s="1300">
        <f t="shared" si="0"/>
        <v>0</v>
      </c>
      <c r="AR52" s="797" t="s">
        <v>1683</v>
      </c>
      <c r="AS52" s="797" t="s">
        <v>834</v>
      </c>
      <c r="AT52" s="797" t="s">
        <v>869</v>
      </c>
      <c r="AU52" s="801">
        <v>522073</v>
      </c>
      <c r="AV52" s="813">
        <f>ROUND((VLOOKUP(G52,'[6]Cost Summary'!A:H,8,)),0.1)</f>
        <v>522073</v>
      </c>
      <c r="AW52" s="797">
        <v>0</v>
      </c>
      <c r="AX52" s="797" t="s">
        <v>1500</v>
      </c>
      <c r="AY52" s="814" t="s">
        <v>1584</v>
      </c>
      <c r="AZ52" s="805">
        <v>339178.13</v>
      </c>
    </row>
    <row r="53" spans="1:52" ht="105" hidden="1" x14ac:dyDescent="0.25">
      <c r="A53" s="785"/>
      <c r="B53" s="785"/>
      <c r="C53" s="785"/>
      <c r="D53" s="785"/>
      <c r="E53" s="785"/>
      <c r="F53" s="785"/>
      <c r="G53" s="797" t="s">
        <v>1684</v>
      </c>
      <c r="H53" s="797" t="s">
        <v>900</v>
      </c>
      <c r="I53" s="798" t="s">
        <v>918</v>
      </c>
      <c r="J53" s="797" t="s">
        <v>919</v>
      </c>
      <c r="K53" s="797">
        <v>51.768719189999999</v>
      </c>
      <c r="L53" s="797">
        <v>-0.42270311700000002</v>
      </c>
      <c r="M53" s="797" t="s">
        <v>1685</v>
      </c>
      <c r="N53" s="797" t="s">
        <v>1489</v>
      </c>
      <c r="O53" s="797">
        <v>1</v>
      </c>
      <c r="P53" s="797" t="s">
        <v>1490</v>
      </c>
      <c r="Q53" s="797" t="s">
        <v>1491</v>
      </c>
      <c r="R53" s="797" t="s">
        <v>1492</v>
      </c>
      <c r="S53" s="797" t="s">
        <v>1493</v>
      </c>
      <c r="T53" s="797" t="s">
        <v>1672</v>
      </c>
      <c r="U53" s="797" t="s">
        <v>1546</v>
      </c>
      <c r="V53" s="797" t="s">
        <v>846</v>
      </c>
      <c r="W53" s="807" t="s">
        <v>1498</v>
      </c>
      <c r="X53" s="807" t="s">
        <v>1498</v>
      </c>
      <c r="Y53" s="807" t="s">
        <v>1498</v>
      </c>
      <c r="Z53" s="807" t="s">
        <v>1498</v>
      </c>
      <c r="AA53" s="807" t="s">
        <v>1498</v>
      </c>
      <c r="AB53" s="807" t="s">
        <v>1498</v>
      </c>
      <c r="AC53" s="807" t="s">
        <v>1498</v>
      </c>
      <c r="AD53" s="807" t="s">
        <v>1498</v>
      </c>
      <c r="AE53" s="807" t="s">
        <v>1498</v>
      </c>
      <c r="AF53" s="807" t="s">
        <v>1498</v>
      </c>
      <c r="AG53" s="807" t="s">
        <v>1498</v>
      </c>
      <c r="AH53" s="807" t="s">
        <v>1498</v>
      </c>
      <c r="AI53" s="807" t="s">
        <v>1498</v>
      </c>
      <c r="AJ53" s="807" t="s">
        <v>1498</v>
      </c>
      <c r="AK53" s="807" t="s">
        <v>1498</v>
      </c>
      <c r="AL53" s="807" t="s">
        <v>1498</v>
      </c>
      <c r="AM53" s="807" t="s">
        <v>1498</v>
      </c>
      <c r="AN53" s="807" t="s">
        <v>1498</v>
      </c>
      <c r="AO53" s="807" t="s">
        <v>1498</v>
      </c>
      <c r="AP53" s="807" t="s">
        <v>1498</v>
      </c>
      <c r="AQ53" s="1300">
        <f t="shared" si="0"/>
        <v>0</v>
      </c>
      <c r="AR53" s="797" t="s">
        <v>1642</v>
      </c>
      <c r="AS53" s="797" t="s">
        <v>834</v>
      </c>
      <c r="AT53" s="797" t="s">
        <v>869</v>
      </c>
      <c r="AU53" s="801">
        <v>506253</v>
      </c>
      <c r="AV53" s="813">
        <f>ROUND((VLOOKUP(G53,'[6]Cost Summary'!A:H,8,)),0.1)</f>
        <v>506253</v>
      </c>
      <c r="AW53" s="797">
        <v>0</v>
      </c>
      <c r="AX53" s="797" t="s">
        <v>1500</v>
      </c>
      <c r="AY53" s="814" t="s">
        <v>1584</v>
      </c>
      <c r="AZ53" s="805">
        <v>328900</v>
      </c>
    </row>
    <row r="54" spans="1:52" ht="105" hidden="1" x14ac:dyDescent="0.25">
      <c r="A54" s="785"/>
      <c r="B54" s="785"/>
      <c r="C54" s="785"/>
      <c r="D54" s="785"/>
      <c r="E54" s="785"/>
      <c r="F54" s="785"/>
      <c r="G54" s="797" t="s">
        <v>1740</v>
      </c>
      <c r="H54" s="797" t="s">
        <v>900</v>
      </c>
      <c r="I54" s="798" t="s">
        <v>920</v>
      </c>
      <c r="J54" s="797" t="s">
        <v>921</v>
      </c>
      <c r="K54" s="797">
        <v>51.765556490000002</v>
      </c>
      <c r="L54" s="797">
        <v>-0.41959833600000002</v>
      </c>
      <c r="M54" s="797" t="s">
        <v>1685</v>
      </c>
      <c r="N54" s="797" t="s">
        <v>1489</v>
      </c>
      <c r="O54" s="797">
        <v>1</v>
      </c>
      <c r="P54" s="797" t="s">
        <v>1490</v>
      </c>
      <c r="Q54" s="797" t="s">
        <v>1491</v>
      </c>
      <c r="R54" s="797" t="s">
        <v>1492</v>
      </c>
      <c r="S54" s="797" t="s">
        <v>1493</v>
      </c>
      <c r="T54" s="797" t="s">
        <v>1672</v>
      </c>
      <c r="U54" s="797" t="s">
        <v>1542</v>
      </c>
      <c r="V54" s="797" t="s">
        <v>846</v>
      </c>
      <c r="W54" s="807" t="s">
        <v>1498</v>
      </c>
      <c r="X54" s="807" t="s">
        <v>1498</v>
      </c>
      <c r="Y54" s="807" t="s">
        <v>1498</v>
      </c>
      <c r="Z54" s="807" t="s">
        <v>1498</v>
      </c>
      <c r="AA54" s="807" t="s">
        <v>1498</v>
      </c>
      <c r="AB54" s="807" t="s">
        <v>1498</v>
      </c>
      <c r="AC54" s="807" t="s">
        <v>1498</v>
      </c>
      <c r="AD54" s="807" t="s">
        <v>1498</v>
      </c>
      <c r="AE54" s="807" t="s">
        <v>1498</v>
      </c>
      <c r="AF54" s="807" t="s">
        <v>1498</v>
      </c>
      <c r="AG54" s="807" t="s">
        <v>1498</v>
      </c>
      <c r="AH54" s="807" t="s">
        <v>1498</v>
      </c>
      <c r="AI54" s="807" t="s">
        <v>1498</v>
      </c>
      <c r="AJ54" s="807" t="s">
        <v>1498</v>
      </c>
      <c r="AK54" s="807" t="s">
        <v>1498</v>
      </c>
      <c r="AL54" s="807" t="s">
        <v>1498</v>
      </c>
      <c r="AM54" s="807" t="s">
        <v>1498</v>
      </c>
      <c r="AN54" s="807" t="s">
        <v>1498</v>
      </c>
      <c r="AO54" s="807" t="s">
        <v>1498</v>
      </c>
      <c r="AP54" s="807" t="s">
        <v>1498</v>
      </c>
      <c r="AQ54" s="1300">
        <f t="shared" si="0"/>
        <v>0</v>
      </c>
      <c r="AR54" s="797" t="s">
        <v>1642</v>
      </c>
      <c r="AS54" s="797" t="s">
        <v>834</v>
      </c>
      <c r="AT54" s="797" t="s">
        <v>869</v>
      </c>
      <c r="AU54" s="801">
        <v>506253</v>
      </c>
      <c r="AV54" s="813">
        <f>ROUND((VLOOKUP(G54,'[6]Cost Summary'!A:H,8,)),0.1)</f>
        <v>506253</v>
      </c>
      <c r="AW54" s="797">
        <v>0</v>
      </c>
      <c r="AX54" s="797" t="s">
        <v>1500</v>
      </c>
      <c r="AY54" s="814" t="s">
        <v>1584</v>
      </c>
      <c r="AZ54" s="805">
        <v>328900</v>
      </c>
    </row>
    <row r="55" spans="1:52" ht="165" hidden="1" x14ac:dyDescent="0.25">
      <c r="A55" s="785"/>
      <c r="B55" s="785"/>
      <c r="C55" s="785"/>
      <c r="D55" s="785"/>
      <c r="E55" s="785"/>
      <c r="F55" s="785"/>
      <c r="G55" s="797" t="s">
        <v>1671</v>
      </c>
      <c r="H55" s="797" t="s">
        <v>900</v>
      </c>
      <c r="I55" s="798" t="s">
        <v>922</v>
      </c>
      <c r="J55" s="797" t="s">
        <v>923</v>
      </c>
      <c r="K55" s="797">
        <v>51.754334069999999</v>
      </c>
      <c r="L55" s="797">
        <v>-0.42429657599999998</v>
      </c>
      <c r="M55" s="797" t="s">
        <v>1560</v>
      </c>
      <c r="N55" s="797" t="s">
        <v>1489</v>
      </c>
      <c r="O55" s="797">
        <v>1</v>
      </c>
      <c r="P55" s="797" t="s">
        <v>1490</v>
      </c>
      <c r="Q55" s="797" t="s">
        <v>1491</v>
      </c>
      <c r="R55" s="797" t="s">
        <v>1492</v>
      </c>
      <c r="S55" s="797" t="s">
        <v>1493</v>
      </c>
      <c r="T55" s="797" t="s">
        <v>1672</v>
      </c>
      <c r="U55" s="797" t="s">
        <v>1542</v>
      </c>
      <c r="V55" s="797" t="s">
        <v>846</v>
      </c>
      <c r="W55" s="807" t="s">
        <v>1498</v>
      </c>
      <c r="X55" s="807" t="s">
        <v>1498</v>
      </c>
      <c r="Y55" s="807" t="s">
        <v>1498</v>
      </c>
      <c r="Z55" s="807" t="s">
        <v>1498</v>
      </c>
      <c r="AA55" s="807" t="s">
        <v>1498</v>
      </c>
      <c r="AB55" s="807" t="s">
        <v>1498</v>
      </c>
      <c r="AC55" s="807" t="s">
        <v>1498</v>
      </c>
      <c r="AD55" s="807" t="s">
        <v>1498</v>
      </c>
      <c r="AE55" s="807" t="s">
        <v>1498</v>
      </c>
      <c r="AF55" s="807" t="s">
        <v>1498</v>
      </c>
      <c r="AG55" s="807" t="s">
        <v>1498</v>
      </c>
      <c r="AH55" s="807" t="s">
        <v>1498</v>
      </c>
      <c r="AI55" s="807" t="s">
        <v>1498</v>
      </c>
      <c r="AJ55" s="807" t="s">
        <v>1498</v>
      </c>
      <c r="AK55" s="807" t="s">
        <v>1498</v>
      </c>
      <c r="AL55" s="807" t="s">
        <v>1498</v>
      </c>
      <c r="AM55" s="807" t="s">
        <v>1498</v>
      </c>
      <c r="AN55" s="807" t="s">
        <v>1498</v>
      </c>
      <c r="AO55" s="807" t="s">
        <v>1498</v>
      </c>
      <c r="AP55" s="807" t="s">
        <v>1498</v>
      </c>
      <c r="AQ55" s="1300">
        <f t="shared" si="0"/>
        <v>0</v>
      </c>
      <c r="AR55" s="797" t="s">
        <v>1539</v>
      </c>
      <c r="AS55" s="797" t="s">
        <v>834</v>
      </c>
      <c r="AT55" s="797" t="s">
        <v>869</v>
      </c>
      <c r="AU55" s="801">
        <v>7594</v>
      </c>
      <c r="AV55" s="813">
        <f>ROUND((VLOOKUP(G55,'[6]Cost Summary'!A:H,8,)),0.1)</f>
        <v>7594</v>
      </c>
      <c r="AW55" s="797">
        <v>1</v>
      </c>
      <c r="AX55" s="797">
        <v>8</v>
      </c>
      <c r="AY55" s="814" t="s">
        <v>1584</v>
      </c>
      <c r="AZ55" s="805">
        <v>4933.5</v>
      </c>
    </row>
    <row r="56" spans="1:52" ht="75" hidden="1" x14ac:dyDescent="0.25">
      <c r="A56" s="785"/>
      <c r="B56" s="785" t="s">
        <v>66</v>
      </c>
      <c r="C56" s="785"/>
      <c r="D56" s="785"/>
      <c r="E56" s="785"/>
      <c r="F56" s="785"/>
      <c r="G56" s="797" t="s">
        <v>1673</v>
      </c>
      <c r="H56" s="797" t="s">
        <v>900</v>
      </c>
      <c r="I56" s="798" t="s">
        <v>924</v>
      </c>
      <c r="J56" s="797" t="s">
        <v>925</v>
      </c>
      <c r="K56" s="797">
        <v>51.737615140000003</v>
      </c>
      <c r="L56" s="797">
        <v>-0.43622331800000003</v>
      </c>
      <c r="M56" s="797" t="s">
        <v>1674</v>
      </c>
      <c r="N56" s="797" t="s">
        <v>1489</v>
      </c>
      <c r="O56" s="797">
        <v>1</v>
      </c>
      <c r="P56" s="797" t="s">
        <v>1490</v>
      </c>
      <c r="Q56" s="797" t="s">
        <v>1491</v>
      </c>
      <c r="R56" s="797" t="s">
        <v>1492</v>
      </c>
      <c r="S56" s="797" t="s">
        <v>1493</v>
      </c>
      <c r="T56" s="797" t="s">
        <v>1610</v>
      </c>
      <c r="U56" s="799" t="s">
        <v>1495</v>
      </c>
      <c r="V56" s="799" t="s">
        <v>3257</v>
      </c>
      <c r="W56" s="806">
        <v>0</v>
      </c>
      <c r="X56" s="806">
        <v>0</v>
      </c>
      <c r="Y56" s="806">
        <v>0</v>
      </c>
      <c r="Z56" s="806">
        <v>0</v>
      </c>
      <c r="AA56" s="806">
        <v>0</v>
      </c>
      <c r="AB56" s="806">
        <v>4</v>
      </c>
      <c r="AC56" s="806">
        <v>0</v>
      </c>
      <c r="AD56" s="806">
        <v>14</v>
      </c>
      <c r="AE56" s="806">
        <v>1</v>
      </c>
      <c r="AF56" s="806">
        <v>0</v>
      </c>
      <c r="AG56" s="841">
        <f t="shared" ref="AG56:AP56" si="5">W56/(SUM($W56:$AF56))</f>
        <v>0</v>
      </c>
      <c r="AH56" s="841">
        <f t="shared" si="5"/>
        <v>0</v>
      </c>
      <c r="AI56" s="841">
        <f t="shared" si="5"/>
        <v>0</v>
      </c>
      <c r="AJ56" s="841">
        <f t="shared" si="5"/>
        <v>0</v>
      </c>
      <c r="AK56" s="841">
        <f t="shared" si="5"/>
        <v>0</v>
      </c>
      <c r="AL56" s="841">
        <f t="shared" si="5"/>
        <v>0.21052631578947367</v>
      </c>
      <c r="AM56" s="841">
        <f t="shared" si="5"/>
        <v>0</v>
      </c>
      <c r="AN56" s="841">
        <f t="shared" si="5"/>
        <v>0.73684210526315785</v>
      </c>
      <c r="AO56" s="841">
        <f t="shared" si="5"/>
        <v>5.2631578947368418E-2</v>
      </c>
      <c r="AP56" s="841">
        <f t="shared" si="5"/>
        <v>0</v>
      </c>
      <c r="AQ56" s="1300">
        <f t="shared" si="0"/>
        <v>1</v>
      </c>
      <c r="AR56" s="797" t="s">
        <v>1675</v>
      </c>
      <c r="AS56" s="797" t="s">
        <v>834</v>
      </c>
      <c r="AT56" s="797" t="s">
        <v>937</v>
      </c>
      <c r="AU56" s="801">
        <v>334760</v>
      </c>
      <c r="AV56" s="813">
        <f>ROUND((VLOOKUP(G56,'[6]Cost Summary'!A:H,8,)),0.1)</f>
        <v>334760</v>
      </c>
      <c r="AW56" s="797">
        <v>0</v>
      </c>
      <c r="AX56" s="797" t="s">
        <v>1500</v>
      </c>
      <c r="AY56" s="814" t="s">
        <v>1584</v>
      </c>
      <c r="AZ56" s="805">
        <v>217485.13</v>
      </c>
    </row>
    <row r="57" spans="1:52" ht="120" hidden="1" x14ac:dyDescent="0.25">
      <c r="A57" s="785"/>
      <c r="B57" s="785"/>
      <c r="C57" s="785"/>
      <c r="D57" s="785"/>
      <c r="E57" s="785"/>
      <c r="F57" s="785"/>
      <c r="G57" s="797" t="s">
        <v>1676</v>
      </c>
      <c r="H57" s="797" t="s">
        <v>900</v>
      </c>
      <c r="I57" s="798" t="s">
        <v>926</v>
      </c>
      <c r="J57" s="797" t="s">
        <v>927</v>
      </c>
      <c r="K57" s="797">
        <v>51.742133850000002</v>
      </c>
      <c r="L57" s="797">
        <v>-0.41906038000000001</v>
      </c>
      <c r="M57" s="797" t="s">
        <v>1674</v>
      </c>
      <c r="N57" s="797" t="s">
        <v>1489</v>
      </c>
      <c r="O57" s="797">
        <v>1</v>
      </c>
      <c r="P57" s="797" t="s">
        <v>1490</v>
      </c>
      <c r="Q57" s="797" t="s">
        <v>1491</v>
      </c>
      <c r="R57" s="797" t="s">
        <v>1492</v>
      </c>
      <c r="S57" s="797" t="s">
        <v>1493</v>
      </c>
      <c r="T57" s="797" t="s">
        <v>1672</v>
      </c>
      <c r="U57" s="797" t="s">
        <v>1508</v>
      </c>
      <c r="V57" s="797" t="s">
        <v>846</v>
      </c>
      <c r="W57" s="807" t="s">
        <v>1498</v>
      </c>
      <c r="X57" s="807" t="s">
        <v>1498</v>
      </c>
      <c r="Y57" s="807" t="s">
        <v>1498</v>
      </c>
      <c r="Z57" s="807" t="s">
        <v>1498</v>
      </c>
      <c r="AA57" s="807" t="s">
        <v>1498</v>
      </c>
      <c r="AB57" s="807" t="s">
        <v>1498</v>
      </c>
      <c r="AC57" s="807" t="s">
        <v>1498</v>
      </c>
      <c r="AD57" s="807" t="s">
        <v>1498</v>
      </c>
      <c r="AE57" s="807" t="s">
        <v>1498</v>
      </c>
      <c r="AF57" s="807" t="s">
        <v>1498</v>
      </c>
      <c r="AG57" s="807" t="s">
        <v>1498</v>
      </c>
      <c r="AH57" s="807" t="s">
        <v>1498</v>
      </c>
      <c r="AI57" s="807" t="s">
        <v>1498</v>
      </c>
      <c r="AJ57" s="807" t="s">
        <v>1498</v>
      </c>
      <c r="AK57" s="807" t="s">
        <v>1498</v>
      </c>
      <c r="AL57" s="807" t="s">
        <v>1498</v>
      </c>
      <c r="AM57" s="807" t="s">
        <v>1498</v>
      </c>
      <c r="AN57" s="807" t="s">
        <v>1498</v>
      </c>
      <c r="AO57" s="807" t="s">
        <v>1498</v>
      </c>
      <c r="AP57" s="807" t="s">
        <v>1498</v>
      </c>
      <c r="AQ57" s="1300">
        <f t="shared" si="0"/>
        <v>0</v>
      </c>
      <c r="AR57" s="797" t="s">
        <v>1642</v>
      </c>
      <c r="AS57" s="797" t="s">
        <v>834</v>
      </c>
      <c r="AT57" s="797" t="s">
        <v>869</v>
      </c>
      <c r="AU57" s="801">
        <v>506253</v>
      </c>
      <c r="AV57" s="813">
        <f>ROUND((VLOOKUP(G57,'[6]Cost Summary'!A:H,8,)),0.1)</f>
        <v>506253</v>
      </c>
      <c r="AW57" s="797">
        <v>0</v>
      </c>
      <c r="AX57" s="797" t="s">
        <v>1500</v>
      </c>
      <c r="AY57" s="814" t="s">
        <v>1584</v>
      </c>
      <c r="AZ57" s="805">
        <v>328900</v>
      </c>
    </row>
    <row r="58" spans="1:52" ht="135" hidden="1" x14ac:dyDescent="0.25">
      <c r="A58" s="785"/>
      <c r="B58" s="785"/>
      <c r="C58" s="785"/>
      <c r="D58" s="785"/>
      <c r="E58" s="785"/>
      <c r="F58" s="785"/>
      <c r="G58" s="797" t="s">
        <v>1677</v>
      </c>
      <c r="H58" s="797" t="s">
        <v>900</v>
      </c>
      <c r="I58" s="798" t="s">
        <v>928</v>
      </c>
      <c r="J58" s="797" t="s">
        <v>929</v>
      </c>
      <c r="K58" s="797">
        <v>51.765134689999996</v>
      </c>
      <c r="L58" s="797">
        <v>-0.50813070500000002</v>
      </c>
      <c r="M58" s="797" t="s">
        <v>1560</v>
      </c>
      <c r="N58" s="797" t="s">
        <v>1489</v>
      </c>
      <c r="O58" s="797">
        <v>2</v>
      </c>
      <c r="P58" s="797" t="s">
        <v>1490</v>
      </c>
      <c r="Q58" s="797" t="s">
        <v>1491</v>
      </c>
      <c r="R58" s="797" t="s">
        <v>1492</v>
      </c>
      <c r="S58" s="797" t="s">
        <v>1493</v>
      </c>
      <c r="T58" s="797" t="s">
        <v>1610</v>
      </c>
      <c r="U58" s="797" t="s">
        <v>1542</v>
      </c>
      <c r="V58" s="797" t="s">
        <v>27</v>
      </c>
      <c r="W58" s="807" t="s">
        <v>1498</v>
      </c>
      <c r="X58" s="807" t="s">
        <v>1498</v>
      </c>
      <c r="Y58" s="807" t="s">
        <v>1498</v>
      </c>
      <c r="Z58" s="807" t="s">
        <v>1498</v>
      </c>
      <c r="AA58" s="807" t="s">
        <v>1498</v>
      </c>
      <c r="AB58" s="807" t="s">
        <v>1498</v>
      </c>
      <c r="AC58" s="807" t="s">
        <v>1498</v>
      </c>
      <c r="AD58" s="807" t="s">
        <v>1498</v>
      </c>
      <c r="AE58" s="807" t="s">
        <v>1498</v>
      </c>
      <c r="AF58" s="807" t="s">
        <v>1498</v>
      </c>
      <c r="AG58" s="807" t="s">
        <v>1498</v>
      </c>
      <c r="AH58" s="807" t="s">
        <v>1498</v>
      </c>
      <c r="AI58" s="807" t="s">
        <v>1498</v>
      </c>
      <c r="AJ58" s="807" t="s">
        <v>1498</v>
      </c>
      <c r="AK58" s="807" t="s">
        <v>1498</v>
      </c>
      <c r="AL58" s="807" t="s">
        <v>1498</v>
      </c>
      <c r="AM58" s="807" t="s">
        <v>1498</v>
      </c>
      <c r="AN58" s="807" t="s">
        <v>1498</v>
      </c>
      <c r="AO58" s="807" t="s">
        <v>1498</v>
      </c>
      <c r="AP58" s="807" t="s">
        <v>1498</v>
      </c>
      <c r="AQ58" s="1300">
        <f t="shared" si="0"/>
        <v>0</v>
      </c>
      <c r="AR58" s="797" t="s">
        <v>1678</v>
      </c>
      <c r="AS58" s="797" t="s">
        <v>834</v>
      </c>
      <c r="AT58" s="797" t="s">
        <v>53</v>
      </c>
      <c r="AU58" s="801">
        <v>18984</v>
      </c>
      <c r="AV58" s="813">
        <f>ROUND((VLOOKUP(G58,'[6]Cost Summary'!A:H,8,)),0.1)</f>
        <v>18984</v>
      </c>
      <c r="AW58" s="797">
        <v>0</v>
      </c>
      <c r="AX58" s="797" t="s">
        <v>1500</v>
      </c>
      <c r="AY58" s="814" t="s">
        <v>1584</v>
      </c>
      <c r="AZ58" s="805">
        <v>12333.75</v>
      </c>
    </row>
    <row r="59" spans="1:52" ht="105" hidden="1" x14ac:dyDescent="0.25">
      <c r="A59" s="785"/>
      <c r="B59" s="785"/>
      <c r="C59" s="785"/>
      <c r="D59" s="785"/>
      <c r="E59" s="785"/>
      <c r="F59" s="785"/>
      <c r="G59" s="797" t="s">
        <v>1679</v>
      </c>
      <c r="H59" s="797" t="s">
        <v>900</v>
      </c>
      <c r="I59" s="798" t="s">
        <v>930</v>
      </c>
      <c r="J59" s="797" t="s">
        <v>931</v>
      </c>
      <c r="K59" s="797">
        <v>51.762515260000001</v>
      </c>
      <c r="L59" s="797">
        <v>-0.50830787200000005</v>
      </c>
      <c r="M59" s="797" t="s">
        <v>1674</v>
      </c>
      <c r="N59" s="797" t="s">
        <v>1489</v>
      </c>
      <c r="O59" s="797">
        <v>1</v>
      </c>
      <c r="P59" s="797" t="s">
        <v>1490</v>
      </c>
      <c r="Q59" s="797" t="s">
        <v>1491</v>
      </c>
      <c r="R59" s="797" t="s">
        <v>1492</v>
      </c>
      <c r="S59" s="797" t="s">
        <v>1493</v>
      </c>
      <c r="T59" s="797" t="s">
        <v>1610</v>
      </c>
      <c r="U59" s="797" t="s">
        <v>1508</v>
      </c>
      <c r="V59" s="797" t="s">
        <v>27</v>
      </c>
      <c r="W59" s="807" t="s">
        <v>1498</v>
      </c>
      <c r="X59" s="807" t="s">
        <v>1498</v>
      </c>
      <c r="Y59" s="807" t="s">
        <v>1498</v>
      </c>
      <c r="Z59" s="807" t="s">
        <v>1498</v>
      </c>
      <c r="AA59" s="807" t="s">
        <v>1498</v>
      </c>
      <c r="AB59" s="807" t="s">
        <v>1498</v>
      </c>
      <c r="AC59" s="807" t="s">
        <v>1498</v>
      </c>
      <c r="AD59" s="807" t="s">
        <v>1498</v>
      </c>
      <c r="AE59" s="807" t="s">
        <v>1498</v>
      </c>
      <c r="AF59" s="807" t="s">
        <v>1498</v>
      </c>
      <c r="AG59" s="807" t="s">
        <v>1498</v>
      </c>
      <c r="AH59" s="807" t="s">
        <v>1498</v>
      </c>
      <c r="AI59" s="807" t="s">
        <v>1498</v>
      </c>
      <c r="AJ59" s="807" t="s">
        <v>1498</v>
      </c>
      <c r="AK59" s="807" t="s">
        <v>1498</v>
      </c>
      <c r="AL59" s="807" t="s">
        <v>1498</v>
      </c>
      <c r="AM59" s="807" t="s">
        <v>1498</v>
      </c>
      <c r="AN59" s="807" t="s">
        <v>1498</v>
      </c>
      <c r="AO59" s="807" t="s">
        <v>1498</v>
      </c>
      <c r="AP59" s="807" t="s">
        <v>1498</v>
      </c>
      <c r="AQ59" s="1300">
        <f t="shared" si="0"/>
        <v>0</v>
      </c>
      <c r="AR59" s="797" t="s">
        <v>1678</v>
      </c>
      <c r="AS59" s="797" t="s">
        <v>834</v>
      </c>
      <c r="AT59" s="797" t="s">
        <v>53</v>
      </c>
      <c r="AU59" s="801">
        <v>350580</v>
      </c>
      <c r="AV59" s="813">
        <f>ROUND((VLOOKUP(G59,'[6]Cost Summary'!A:H,8,)),0.1)</f>
        <v>350580</v>
      </c>
      <c r="AW59" s="797">
        <v>0</v>
      </c>
      <c r="AX59" s="797" t="s">
        <v>1500</v>
      </c>
      <c r="AY59" s="814" t="s">
        <v>1584</v>
      </c>
      <c r="AZ59" s="805">
        <v>227763.25</v>
      </c>
    </row>
    <row r="60" spans="1:52" ht="45" hidden="1" x14ac:dyDescent="0.25">
      <c r="A60" s="785"/>
      <c r="B60" s="785" t="s">
        <v>66</v>
      </c>
      <c r="C60" s="785"/>
      <c r="D60" s="785"/>
      <c r="E60" s="785"/>
      <c r="F60" s="785"/>
      <c r="G60" s="797" t="s">
        <v>1513</v>
      </c>
      <c r="H60" s="797" t="s">
        <v>830</v>
      </c>
      <c r="I60" s="798" t="s">
        <v>842</v>
      </c>
      <c r="J60" s="797" t="s">
        <v>843</v>
      </c>
      <c r="K60" s="797">
        <v>51.755802580000001</v>
      </c>
      <c r="L60" s="797">
        <v>-0.45156132599999999</v>
      </c>
      <c r="M60" s="797" t="s">
        <v>1488</v>
      </c>
      <c r="N60" s="797" t="s">
        <v>1489</v>
      </c>
      <c r="O60" s="797">
        <v>2</v>
      </c>
      <c r="P60" s="797" t="s">
        <v>1490</v>
      </c>
      <c r="Q60" s="797" t="s">
        <v>1491</v>
      </c>
      <c r="R60" s="797" t="s">
        <v>1492</v>
      </c>
      <c r="S60" s="797" t="s">
        <v>1493</v>
      </c>
      <c r="T60" s="797" t="s">
        <v>1514</v>
      </c>
      <c r="U60" s="799" t="s">
        <v>1515</v>
      </c>
      <c r="V60" s="799" t="s">
        <v>3258</v>
      </c>
      <c r="W60" s="807" t="s">
        <v>1498</v>
      </c>
      <c r="X60" s="807" t="s">
        <v>1498</v>
      </c>
      <c r="Y60" s="807" t="s">
        <v>1498</v>
      </c>
      <c r="Z60" s="807" t="s">
        <v>1498</v>
      </c>
      <c r="AA60" s="807" t="s">
        <v>1498</v>
      </c>
      <c r="AB60" s="807" t="s">
        <v>1498</v>
      </c>
      <c r="AC60" s="807" t="s">
        <v>1498</v>
      </c>
      <c r="AD60" s="807" t="s">
        <v>1498</v>
      </c>
      <c r="AE60" s="807" t="s">
        <v>1498</v>
      </c>
      <c r="AF60" s="807" t="s">
        <v>1498</v>
      </c>
      <c r="AG60" s="842" t="s">
        <v>1498</v>
      </c>
      <c r="AH60" s="842" t="s">
        <v>1498</v>
      </c>
      <c r="AI60" s="842" t="s">
        <v>1498</v>
      </c>
      <c r="AJ60" s="842" t="s">
        <v>1498</v>
      </c>
      <c r="AK60" s="842" t="s">
        <v>1498</v>
      </c>
      <c r="AL60" s="842" t="s">
        <v>1498</v>
      </c>
      <c r="AM60" s="842" t="s">
        <v>1498</v>
      </c>
      <c r="AN60" s="842" t="s">
        <v>1498</v>
      </c>
      <c r="AO60" s="842" t="s">
        <v>1498</v>
      </c>
      <c r="AP60" s="842" t="s">
        <v>1498</v>
      </c>
      <c r="AQ60" s="842">
        <f t="shared" si="0"/>
        <v>0</v>
      </c>
      <c r="AR60" s="797" t="s">
        <v>1516</v>
      </c>
      <c r="AS60" s="797" t="s">
        <v>834</v>
      </c>
      <c r="AT60" s="797" t="s">
        <v>53</v>
      </c>
      <c r="AU60" s="801">
        <v>370629.19</v>
      </c>
      <c r="AV60" s="802">
        <v>370629.19</v>
      </c>
      <c r="AW60" s="803">
        <v>1</v>
      </c>
      <c r="AX60" s="803">
        <v>6</v>
      </c>
      <c r="AY60" s="804" t="s">
        <v>1501</v>
      </c>
      <c r="AZ60" s="805">
        <v>370629.19</v>
      </c>
    </row>
    <row r="61" spans="1:52" ht="90" hidden="1" x14ac:dyDescent="0.25">
      <c r="A61" s="785"/>
      <c r="B61" s="785"/>
      <c r="C61" s="785"/>
      <c r="D61" s="785"/>
      <c r="E61" s="785"/>
      <c r="F61" s="785"/>
      <c r="G61" s="797" t="s">
        <v>1686</v>
      </c>
      <c r="H61" s="797" t="s">
        <v>932</v>
      </c>
      <c r="I61" s="798" t="s">
        <v>933</v>
      </c>
      <c r="J61" s="797" t="s">
        <v>934</v>
      </c>
      <c r="K61" s="797">
        <v>51.763587280000003</v>
      </c>
      <c r="L61" s="797">
        <v>-0.50515975700000004</v>
      </c>
      <c r="M61" s="797" t="s">
        <v>1488</v>
      </c>
      <c r="N61" s="797" t="s">
        <v>1489</v>
      </c>
      <c r="O61" s="797">
        <v>1</v>
      </c>
      <c r="P61" s="797" t="s">
        <v>1490</v>
      </c>
      <c r="Q61" s="797" t="s">
        <v>1491</v>
      </c>
      <c r="R61" s="797" t="s">
        <v>1492</v>
      </c>
      <c r="S61" s="797" t="s">
        <v>1493</v>
      </c>
      <c r="T61" s="797" t="s">
        <v>1610</v>
      </c>
      <c r="U61" s="797" t="s">
        <v>1542</v>
      </c>
      <c r="V61" s="797" t="s">
        <v>27</v>
      </c>
      <c r="W61" s="807" t="s">
        <v>1498</v>
      </c>
      <c r="X61" s="807" t="s">
        <v>1498</v>
      </c>
      <c r="Y61" s="807" t="s">
        <v>1498</v>
      </c>
      <c r="Z61" s="807" t="s">
        <v>1498</v>
      </c>
      <c r="AA61" s="807" t="s">
        <v>1498</v>
      </c>
      <c r="AB61" s="807" t="s">
        <v>1498</v>
      </c>
      <c r="AC61" s="807" t="s">
        <v>1498</v>
      </c>
      <c r="AD61" s="807" t="s">
        <v>1498</v>
      </c>
      <c r="AE61" s="807" t="s">
        <v>1498</v>
      </c>
      <c r="AF61" s="807" t="s">
        <v>1498</v>
      </c>
      <c r="AG61" s="807" t="s">
        <v>1498</v>
      </c>
      <c r="AH61" s="807" t="s">
        <v>1498</v>
      </c>
      <c r="AI61" s="807" t="s">
        <v>1498</v>
      </c>
      <c r="AJ61" s="807" t="s">
        <v>1498</v>
      </c>
      <c r="AK61" s="807" t="s">
        <v>1498</v>
      </c>
      <c r="AL61" s="807" t="s">
        <v>1498</v>
      </c>
      <c r="AM61" s="807" t="s">
        <v>1498</v>
      </c>
      <c r="AN61" s="807" t="s">
        <v>1498</v>
      </c>
      <c r="AO61" s="807" t="s">
        <v>1498</v>
      </c>
      <c r="AP61" s="807" t="s">
        <v>1498</v>
      </c>
      <c r="AQ61" s="1300">
        <f t="shared" si="0"/>
        <v>0</v>
      </c>
      <c r="AR61" s="797" t="s">
        <v>1678</v>
      </c>
      <c r="AS61" s="797" t="s">
        <v>834</v>
      </c>
      <c r="AT61" s="797" t="s">
        <v>53</v>
      </c>
      <c r="AU61" s="801">
        <v>34245</v>
      </c>
      <c r="AV61" s="813">
        <f>ROUND((VLOOKUP(G61,'[6]Cost Summary'!A:H,8,)),0.1)</f>
        <v>34245</v>
      </c>
      <c r="AW61" s="797">
        <v>0</v>
      </c>
      <c r="AX61" s="797" t="s">
        <v>1500</v>
      </c>
      <c r="AY61" s="814" t="s">
        <v>1584</v>
      </c>
      <c r="AZ61" s="805">
        <v>22248.03</v>
      </c>
    </row>
    <row r="62" spans="1:52" ht="75" hidden="1" x14ac:dyDescent="0.25">
      <c r="A62" s="785"/>
      <c r="B62" s="785"/>
      <c r="C62" s="785"/>
      <c r="D62" s="785"/>
      <c r="E62" s="785"/>
      <c r="F62" s="785"/>
      <c r="G62" s="797" t="s">
        <v>1687</v>
      </c>
      <c r="H62" s="797" t="s">
        <v>932</v>
      </c>
      <c r="I62" s="798" t="s">
        <v>935</v>
      </c>
      <c r="J62" s="797" t="s">
        <v>936</v>
      </c>
      <c r="K62" s="797">
        <v>51.768291179999999</v>
      </c>
      <c r="L62" s="797">
        <v>-0.48981177100000001</v>
      </c>
      <c r="M62" s="797" t="s">
        <v>1674</v>
      </c>
      <c r="N62" s="797" t="s">
        <v>1489</v>
      </c>
      <c r="O62" s="797">
        <v>1</v>
      </c>
      <c r="P62" s="797" t="s">
        <v>1490</v>
      </c>
      <c r="Q62" s="797" t="s">
        <v>1491</v>
      </c>
      <c r="R62" s="797" t="s">
        <v>1492</v>
      </c>
      <c r="S62" s="797" t="s">
        <v>1493</v>
      </c>
      <c r="T62" s="797" t="s">
        <v>1672</v>
      </c>
      <c r="U62" s="797" t="s">
        <v>1542</v>
      </c>
      <c r="V62" s="797" t="s">
        <v>27</v>
      </c>
      <c r="W62" s="807" t="s">
        <v>1498</v>
      </c>
      <c r="X62" s="807" t="s">
        <v>1498</v>
      </c>
      <c r="Y62" s="807" t="s">
        <v>1498</v>
      </c>
      <c r="Z62" s="807" t="s">
        <v>1498</v>
      </c>
      <c r="AA62" s="807" t="s">
        <v>1498</v>
      </c>
      <c r="AB62" s="807" t="s">
        <v>1498</v>
      </c>
      <c r="AC62" s="807" t="s">
        <v>1498</v>
      </c>
      <c r="AD62" s="807" t="s">
        <v>1498</v>
      </c>
      <c r="AE62" s="807" t="s">
        <v>1498</v>
      </c>
      <c r="AF62" s="807" t="s">
        <v>1498</v>
      </c>
      <c r="AG62" s="807" t="s">
        <v>1498</v>
      </c>
      <c r="AH62" s="807" t="s">
        <v>1498</v>
      </c>
      <c r="AI62" s="807" t="s">
        <v>1498</v>
      </c>
      <c r="AJ62" s="807" t="s">
        <v>1498</v>
      </c>
      <c r="AK62" s="807" t="s">
        <v>1498</v>
      </c>
      <c r="AL62" s="807" t="s">
        <v>1498</v>
      </c>
      <c r="AM62" s="807" t="s">
        <v>1498</v>
      </c>
      <c r="AN62" s="807" t="s">
        <v>1498</v>
      </c>
      <c r="AO62" s="807" t="s">
        <v>1498</v>
      </c>
      <c r="AP62" s="807" t="s">
        <v>1498</v>
      </c>
      <c r="AQ62" s="1300">
        <f t="shared" si="0"/>
        <v>0</v>
      </c>
      <c r="AR62" s="797" t="s">
        <v>1678</v>
      </c>
      <c r="AS62" s="797" t="s">
        <v>834</v>
      </c>
      <c r="AT62" s="797" t="s">
        <v>53</v>
      </c>
      <c r="AU62" s="801">
        <v>1481063</v>
      </c>
      <c r="AV62" s="813">
        <f>ROUND((VLOOKUP(G62,'[6]Cost Summary'!A:H,8,)),0.1)</f>
        <v>1481063</v>
      </c>
      <c r="AW62" s="797">
        <v>0</v>
      </c>
      <c r="AX62" s="797" t="s">
        <v>1500</v>
      </c>
      <c r="AY62" s="814" t="s">
        <v>1584</v>
      </c>
      <c r="AZ62" s="805">
        <v>962209.95</v>
      </c>
    </row>
    <row r="63" spans="1:52" ht="285" hidden="1" x14ac:dyDescent="0.25">
      <c r="A63" s="785"/>
      <c r="B63" s="785"/>
      <c r="C63" s="785"/>
      <c r="D63" s="785"/>
      <c r="E63" s="785"/>
      <c r="F63" s="785"/>
      <c r="G63" s="797" t="s">
        <v>1709</v>
      </c>
      <c r="H63" s="797" t="s">
        <v>900</v>
      </c>
      <c r="I63" s="798" t="s">
        <v>938</v>
      </c>
      <c r="J63" s="797" t="s">
        <v>939</v>
      </c>
      <c r="K63" s="797">
        <v>51.780402600000002</v>
      </c>
      <c r="L63" s="797">
        <v>-0.43476836400000002</v>
      </c>
      <c r="M63" s="797" t="s">
        <v>1674</v>
      </c>
      <c r="N63" s="797" t="s">
        <v>1489</v>
      </c>
      <c r="O63" s="797">
        <v>1</v>
      </c>
      <c r="P63" s="797" t="s">
        <v>1490</v>
      </c>
      <c r="Q63" s="797" t="s">
        <v>1491</v>
      </c>
      <c r="R63" s="797" t="s">
        <v>1492</v>
      </c>
      <c r="S63" s="797" t="s">
        <v>1493</v>
      </c>
      <c r="T63" s="797" t="s">
        <v>1672</v>
      </c>
      <c r="U63" s="797" t="s">
        <v>1546</v>
      </c>
      <c r="V63" s="797" t="s">
        <v>846</v>
      </c>
      <c r="W63" s="807" t="s">
        <v>1498</v>
      </c>
      <c r="X63" s="807" t="s">
        <v>1498</v>
      </c>
      <c r="Y63" s="807" t="s">
        <v>1498</v>
      </c>
      <c r="Z63" s="807" t="s">
        <v>1498</v>
      </c>
      <c r="AA63" s="807" t="s">
        <v>1498</v>
      </c>
      <c r="AB63" s="807" t="s">
        <v>1498</v>
      </c>
      <c r="AC63" s="807" t="s">
        <v>1498</v>
      </c>
      <c r="AD63" s="807" t="s">
        <v>1498</v>
      </c>
      <c r="AE63" s="807" t="s">
        <v>1498</v>
      </c>
      <c r="AF63" s="807" t="s">
        <v>1498</v>
      </c>
      <c r="AG63" s="807" t="s">
        <v>1498</v>
      </c>
      <c r="AH63" s="807" t="s">
        <v>1498</v>
      </c>
      <c r="AI63" s="807" t="s">
        <v>1498</v>
      </c>
      <c r="AJ63" s="807" t="s">
        <v>1498</v>
      </c>
      <c r="AK63" s="807" t="s">
        <v>1498</v>
      </c>
      <c r="AL63" s="807" t="s">
        <v>1498</v>
      </c>
      <c r="AM63" s="807" t="s">
        <v>1498</v>
      </c>
      <c r="AN63" s="807" t="s">
        <v>1498</v>
      </c>
      <c r="AO63" s="807" t="s">
        <v>1498</v>
      </c>
      <c r="AP63" s="807" t="s">
        <v>1498</v>
      </c>
      <c r="AQ63" s="1302">
        <f t="shared" si="0"/>
        <v>0</v>
      </c>
      <c r="AR63" s="797" t="s">
        <v>1683</v>
      </c>
      <c r="AS63" s="797" t="s">
        <v>834</v>
      </c>
      <c r="AT63" s="797" t="s">
        <v>912</v>
      </c>
      <c r="AU63" s="801">
        <v>246798</v>
      </c>
      <c r="AV63" s="813">
        <f>ROUND((VLOOKUP(G63,'[6]Cost Summary'!A:H,8,)),0.1)</f>
        <v>246798</v>
      </c>
      <c r="AW63" s="797">
        <v>0</v>
      </c>
      <c r="AX63" s="797" t="s">
        <v>1500</v>
      </c>
      <c r="AY63" s="814" t="s">
        <v>1584</v>
      </c>
      <c r="AZ63" s="805">
        <v>320677.5</v>
      </c>
    </row>
    <row r="64" spans="1:52" ht="105" hidden="1" x14ac:dyDescent="0.25">
      <c r="A64" s="785"/>
      <c r="B64" s="785"/>
      <c r="C64" s="785"/>
      <c r="D64" s="785"/>
      <c r="E64" s="785"/>
      <c r="F64" s="785"/>
      <c r="G64" s="797" t="s">
        <v>1917</v>
      </c>
      <c r="H64" s="797" t="s">
        <v>932</v>
      </c>
      <c r="I64" s="798" t="s">
        <v>940</v>
      </c>
      <c r="J64" s="797" t="s">
        <v>941</v>
      </c>
      <c r="K64" s="797">
        <v>51.777509289999998</v>
      </c>
      <c r="L64" s="797">
        <v>-0.43040897900000002</v>
      </c>
      <c r="M64" s="797" t="s">
        <v>1522</v>
      </c>
      <c r="N64" s="797" t="s">
        <v>1489</v>
      </c>
      <c r="O64" s="797">
        <v>1</v>
      </c>
      <c r="P64" s="797" t="s">
        <v>1490</v>
      </c>
      <c r="Q64" s="797" t="s">
        <v>1491</v>
      </c>
      <c r="R64" s="797" t="s">
        <v>1492</v>
      </c>
      <c r="S64" s="797" t="s">
        <v>1493</v>
      </c>
      <c r="T64" s="797" t="s">
        <v>1511</v>
      </c>
      <c r="U64" s="797" t="s">
        <v>1542</v>
      </c>
      <c r="V64" s="797" t="s">
        <v>846</v>
      </c>
      <c r="W64" s="807" t="s">
        <v>1498</v>
      </c>
      <c r="X64" s="807" t="s">
        <v>1498</v>
      </c>
      <c r="Y64" s="807" t="s">
        <v>1498</v>
      </c>
      <c r="Z64" s="807" t="s">
        <v>1498</v>
      </c>
      <c r="AA64" s="807" t="s">
        <v>1498</v>
      </c>
      <c r="AB64" s="807" t="s">
        <v>1498</v>
      </c>
      <c r="AC64" s="807" t="s">
        <v>1498</v>
      </c>
      <c r="AD64" s="807" t="s">
        <v>1498</v>
      </c>
      <c r="AE64" s="807" t="s">
        <v>1498</v>
      </c>
      <c r="AF64" s="807" t="s">
        <v>1498</v>
      </c>
      <c r="AG64" s="807" t="s">
        <v>1498</v>
      </c>
      <c r="AH64" s="807" t="s">
        <v>1498</v>
      </c>
      <c r="AI64" s="807" t="s">
        <v>1498</v>
      </c>
      <c r="AJ64" s="807" t="s">
        <v>1498</v>
      </c>
      <c r="AK64" s="807" t="s">
        <v>1498</v>
      </c>
      <c r="AL64" s="807" t="s">
        <v>1498</v>
      </c>
      <c r="AM64" s="807" t="s">
        <v>1498</v>
      </c>
      <c r="AN64" s="807" t="s">
        <v>1498</v>
      </c>
      <c r="AO64" s="807" t="s">
        <v>1498</v>
      </c>
      <c r="AP64" s="807" t="s">
        <v>1498</v>
      </c>
      <c r="AQ64" s="1300">
        <f t="shared" si="0"/>
        <v>0</v>
      </c>
      <c r="AR64" s="797" t="s">
        <v>1683</v>
      </c>
      <c r="AS64" s="797" t="s">
        <v>834</v>
      </c>
      <c r="AT64" s="797" t="s">
        <v>869</v>
      </c>
      <c r="AU64" s="801">
        <v>34245</v>
      </c>
      <c r="AV64" s="813">
        <f>ROUND((VLOOKUP(G64,'[6]Cost Summary'!A:H,8,)),0.1)</f>
        <v>34245</v>
      </c>
      <c r="AW64" s="797">
        <v>1</v>
      </c>
      <c r="AX64" s="797">
        <v>2</v>
      </c>
      <c r="AY64" s="814" t="s">
        <v>1584</v>
      </c>
      <c r="AZ64" s="805">
        <v>22248.03</v>
      </c>
    </row>
    <row r="65" spans="1:52" ht="345" hidden="1" x14ac:dyDescent="0.25">
      <c r="A65" s="785"/>
      <c r="B65" s="785"/>
      <c r="C65" s="785"/>
      <c r="D65" s="785"/>
      <c r="E65" s="785"/>
      <c r="F65" s="785"/>
      <c r="G65" s="797" t="s">
        <v>1747</v>
      </c>
      <c r="H65" s="797" t="s">
        <v>932</v>
      </c>
      <c r="I65" s="798" t="s">
        <v>942</v>
      </c>
      <c r="J65" s="797" t="s">
        <v>943</v>
      </c>
      <c r="K65" s="797" t="s">
        <v>1521</v>
      </c>
      <c r="L65" s="797" t="s">
        <v>1521</v>
      </c>
      <c r="M65" s="797" t="s">
        <v>1488</v>
      </c>
      <c r="N65" s="797" t="s">
        <v>1523</v>
      </c>
      <c r="O65" s="797">
        <v>2</v>
      </c>
      <c r="P65" s="797" t="s">
        <v>1490</v>
      </c>
      <c r="Q65" s="797" t="s">
        <v>1491</v>
      </c>
      <c r="R65" s="797" t="s">
        <v>1492</v>
      </c>
      <c r="S65" s="797" t="s">
        <v>1493</v>
      </c>
      <c r="T65" s="797" t="s">
        <v>1511</v>
      </c>
      <c r="U65" s="797" t="s">
        <v>1542</v>
      </c>
      <c r="V65" s="797" t="s">
        <v>846</v>
      </c>
      <c r="W65" s="807" t="s">
        <v>1498</v>
      </c>
      <c r="X65" s="807" t="s">
        <v>1498</v>
      </c>
      <c r="Y65" s="807" t="s">
        <v>1498</v>
      </c>
      <c r="Z65" s="807" t="s">
        <v>1498</v>
      </c>
      <c r="AA65" s="807" t="s">
        <v>1498</v>
      </c>
      <c r="AB65" s="807" t="s">
        <v>1498</v>
      </c>
      <c r="AC65" s="807" t="s">
        <v>1498</v>
      </c>
      <c r="AD65" s="807" t="s">
        <v>1498</v>
      </c>
      <c r="AE65" s="807" t="s">
        <v>1498</v>
      </c>
      <c r="AF65" s="807" t="s">
        <v>1498</v>
      </c>
      <c r="AG65" s="807" t="s">
        <v>1498</v>
      </c>
      <c r="AH65" s="807" t="s">
        <v>1498</v>
      </c>
      <c r="AI65" s="807" t="s">
        <v>1498</v>
      </c>
      <c r="AJ65" s="807" t="s">
        <v>1498</v>
      </c>
      <c r="AK65" s="807" t="s">
        <v>1498</v>
      </c>
      <c r="AL65" s="807" t="s">
        <v>1498</v>
      </c>
      <c r="AM65" s="807" t="s">
        <v>1498</v>
      </c>
      <c r="AN65" s="807" t="s">
        <v>1498</v>
      </c>
      <c r="AO65" s="807" t="s">
        <v>1498</v>
      </c>
      <c r="AP65" s="807" t="s">
        <v>1498</v>
      </c>
      <c r="AQ65" s="1300">
        <f t="shared" si="0"/>
        <v>0</v>
      </c>
      <c r="AR65" s="797" t="s">
        <v>1539</v>
      </c>
      <c r="AS65" s="797" t="s">
        <v>834</v>
      </c>
      <c r="AT65" s="797" t="s">
        <v>869</v>
      </c>
      <c r="AU65" s="801">
        <v>2369897</v>
      </c>
      <c r="AV65" s="813">
        <f>ROUND((VLOOKUP(G65,'[6]Cost Summary'!A:H,8,)),0.1)</f>
        <v>2369897</v>
      </c>
      <c r="AW65" s="797">
        <v>0</v>
      </c>
      <c r="AX65" s="797" t="s">
        <v>1500</v>
      </c>
      <c r="AY65" s="814" t="s">
        <v>1584</v>
      </c>
      <c r="AZ65" s="805">
        <v>1539663.13</v>
      </c>
    </row>
    <row r="66" spans="1:52" ht="75" hidden="1" x14ac:dyDescent="0.25">
      <c r="A66" s="785"/>
      <c r="B66" s="785"/>
      <c r="C66" s="785"/>
      <c r="D66" s="785"/>
      <c r="E66" s="785"/>
      <c r="F66" s="785"/>
      <c r="G66" s="797" t="s">
        <v>1922</v>
      </c>
      <c r="H66" s="797" t="s">
        <v>932</v>
      </c>
      <c r="I66" s="798" t="s">
        <v>944</v>
      </c>
      <c r="J66" s="797" t="s">
        <v>945</v>
      </c>
      <c r="K66" s="797">
        <v>51.740935729999997</v>
      </c>
      <c r="L66" s="797">
        <v>-0.42215169899999999</v>
      </c>
      <c r="M66" s="797" t="s">
        <v>1560</v>
      </c>
      <c r="N66" s="797" t="s">
        <v>1489</v>
      </c>
      <c r="O66" s="797">
        <v>1</v>
      </c>
      <c r="P66" s="797" t="s">
        <v>1490</v>
      </c>
      <c r="Q66" s="797" t="s">
        <v>1491</v>
      </c>
      <c r="R66" s="797" t="s">
        <v>1492</v>
      </c>
      <c r="S66" s="797" t="s">
        <v>1493</v>
      </c>
      <c r="T66" s="797" t="s">
        <v>1538</v>
      </c>
      <c r="U66" s="797" t="s">
        <v>1508</v>
      </c>
      <c r="V66" s="797" t="s">
        <v>846</v>
      </c>
      <c r="W66" s="807" t="s">
        <v>1498</v>
      </c>
      <c r="X66" s="807" t="s">
        <v>1498</v>
      </c>
      <c r="Y66" s="807" t="s">
        <v>1498</v>
      </c>
      <c r="Z66" s="807" t="s">
        <v>1498</v>
      </c>
      <c r="AA66" s="807" t="s">
        <v>1498</v>
      </c>
      <c r="AB66" s="807" t="s">
        <v>1498</v>
      </c>
      <c r="AC66" s="807" t="s">
        <v>1498</v>
      </c>
      <c r="AD66" s="807" t="s">
        <v>1498</v>
      </c>
      <c r="AE66" s="807" t="s">
        <v>1498</v>
      </c>
      <c r="AF66" s="807" t="s">
        <v>1498</v>
      </c>
      <c r="AG66" s="807" t="s">
        <v>1498</v>
      </c>
      <c r="AH66" s="807" t="s">
        <v>1498</v>
      </c>
      <c r="AI66" s="807" t="s">
        <v>1498</v>
      </c>
      <c r="AJ66" s="807" t="s">
        <v>1498</v>
      </c>
      <c r="AK66" s="807" t="s">
        <v>1498</v>
      </c>
      <c r="AL66" s="807" t="s">
        <v>1498</v>
      </c>
      <c r="AM66" s="807" t="s">
        <v>1498</v>
      </c>
      <c r="AN66" s="807" t="s">
        <v>1498</v>
      </c>
      <c r="AO66" s="807" t="s">
        <v>1498</v>
      </c>
      <c r="AP66" s="807" t="s">
        <v>1498</v>
      </c>
      <c r="AQ66" s="1300">
        <f t="shared" si="0"/>
        <v>0</v>
      </c>
      <c r="AR66" s="797" t="s">
        <v>1539</v>
      </c>
      <c r="AS66" s="797" t="s">
        <v>834</v>
      </c>
      <c r="AT66" s="797" t="s">
        <v>869</v>
      </c>
      <c r="AU66" s="801">
        <v>312611</v>
      </c>
      <c r="AV66" s="813">
        <f>ROUND((VLOOKUP(G66,'[6]Cost Summary'!A:H,8,)),0.1)</f>
        <v>312611</v>
      </c>
      <c r="AW66" s="797">
        <v>0</v>
      </c>
      <c r="AX66" s="797" t="s">
        <v>1500</v>
      </c>
      <c r="AY66" s="814" t="s">
        <v>1584</v>
      </c>
      <c r="AZ66" s="805">
        <v>203095.75</v>
      </c>
    </row>
    <row r="67" spans="1:52" ht="45" hidden="1" x14ac:dyDescent="0.25">
      <c r="A67" s="785"/>
      <c r="B67" s="785" t="s">
        <v>66</v>
      </c>
      <c r="C67" s="785"/>
      <c r="D67" s="785"/>
      <c r="E67" s="785"/>
      <c r="F67" s="785"/>
      <c r="G67" s="797" t="s">
        <v>1689</v>
      </c>
      <c r="H67" s="797" t="s">
        <v>830</v>
      </c>
      <c r="I67" s="798" t="s">
        <v>946</v>
      </c>
      <c r="J67" s="797" t="s">
        <v>947</v>
      </c>
      <c r="K67" s="797">
        <v>51.733277190000003</v>
      </c>
      <c r="L67" s="797">
        <v>-0.45402690800000001</v>
      </c>
      <c r="M67" s="797" t="s">
        <v>1560</v>
      </c>
      <c r="N67" s="797" t="s">
        <v>1489</v>
      </c>
      <c r="O67" s="797">
        <v>2</v>
      </c>
      <c r="P67" s="797" t="s">
        <v>1490</v>
      </c>
      <c r="Q67" s="797" t="s">
        <v>1491</v>
      </c>
      <c r="R67" s="797" t="s">
        <v>1492</v>
      </c>
      <c r="S67" s="797" t="s">
        <v>1493</v>
      </c>
      <c r="T67" s="797" t="s">
        <v>1690</v>
      </c>
      <c r="U67" s="799" t="s">
        <v>1495</v>
      </c>
      <c r="V67" s="799" t="s">
        <v>3259</v>
      </c>
      <c r="W67" s="806">
        <v>0</v>
      </c>
      <c r="X67" s="806">
        <v>0</v>
      </c>
      <c r="Y67" s="806">
        <v>1</v>
      </c>
      <c r="Z67" s="806">
        <v>0</v>
      </c>
      <c r="AA67" s="806">
        <v>0</v>
      </c>
      <c r="AB67" s="806">
        <v>1</v>
      </c>
      <c r="AC67" s="806">
        <v>0</v>
      </c>
      <c r="AD67" s="806">
        <v>8</v>
      </c>
      <c r="AE67" s="806">
        <v>0</v>
      </c>
      <c r="AF67" s="806">
        <v>0</v>
      </c>
      <c r="AG67" s="841">
        <f t="shared" ref="AG67:AP67" si="6">W67/(SUM($W67:$AF67))</f>
        <v>0</v>
      </c>
      <c r="AH67" s="841">
        <f t="shared" si="6"/>
        <v>0</v>
      </c>
      <c r="AI67" s="841">
        <f t="shared" si="6"/>
        <v>0.1</v>
      </c>
      <c r="AJ67" s="841">
        <f t="shared" si="6"/>
        <v>0</v>
      </c>
      <c r="AK67" s="841">
        <f t="shared" si="6"/>
        <v>0</v>
      </c>
      <c r="AL67" s="841">
        <f t="shared" si="6"/>
        <v>0.1</v>
      </c>
      <c r="AM67" s="841">
        <f t="shared" si="6"/>
        <v>0</v>
      </c>
      <c r="AN67" s="841">
        <f t="shared" si="6"/>
        <v>0.8</v>
      </c>
      <c r="AO67" s="841">
        <f t="shared" si="6"/>
        <v>0</v>
      </c>
      <c r="AP67" s="841">
        <f t="shared" si="6"/>
        <v>0</v>
      </c>
      <c r="AQ67" s="1300">
        <f t="shared" si="0"/>
        <v>1</v>
      </c>
      <c r="AR67" s="797" t="s">
        <v>1675</v>
      </c>
      <c r="AS67" s="797" t="s">
        <v>834</v>
      </c>
      <c r="AT67" s="797" t="s">
        <v>53</v>
      </c>
      <c r="AU67" s="801">
        <v>370629.19</v>
      </c>
      <c r="AV67" s="802">
        <v>370629.19</v>
      </c>
      <c r="AW67" s="803">
        <v>0</v>
      </c>
      <c r="AX67" s="803" t="s">
        <v>1500</v>
      </c>
      <c r="AY67" s="804" t="s">
        <v>1501</v>
      </c>
      <c r="AZ67" s="805">
        <v>370629.19</v>
      </c>
    </row>
    <row r="68" spans="1:52" ht="75" hidden="1" x14ac:dyDescent="0.25">
      <c r="A68" s="785" t="s">
        <v>66</v>
      </c>
      <c r="B68" s="785" t="s">
        <v>66</v>
      </c>
      <c r="C68" s="785"/>
      <c r="D68" s="785"/>
      <c r="E68" s="785"/>
      <c r="F68" s="785"/>
      <c r="G68" s="797" t="s">
        <v>1793</v>
      </c>
      <c r="H68" s="797" t="s">
        <v>830</v>
      </c>
      <c r="I68" s="798" t="s">
        <v>949</v>
      </c>
      <c r="J68" s="797" t="s">
        <v>950</v>
      </c>
      <c r="K68" s="797">
        <v>51.739498849999997</v>
      </c>
      <c r="L68" s="797">
        <v>-0.47216532999999999</v>
      </c>
      <c r="M68" s="797" t="s">
        <v>1522</v>
      </c>
      <c r="N68" s="797" t="s">
        <v>1489</v>
      </c>
      <c r="O68" s="797">
        <v>2</v>
      </c>
      <c r="P68" s="797" t="s">
        <v>1490</v>
      </c>
      <c r="Q68" s="797" t="s">
        <v>1491</v>
      </c>
      <c r="R68" s="797" t="s">
        <v>1492</v>
      </c>
      <c r="S68" s="797" t="s">
        <v>1493</v>
      </c>
      <c r="T68" s="797" t="s">
        <v>1795</v>
      </c>
      <c r="U68" s="797" t="s">
        <v>1707</v>
      </c>
      <c r="V68" s="799" t="s">
        <v>23</v>
      </c>
      <c r="W68" s="807" t="s">
        <v>1498</v>
      </c>
      <c r="X68" s="807" t="s">
        <v>1498</v>
      </c>
      <c r="Y68" s="807" t="s">
        <v>1498</v>
      </c>
      <c r="Z68" s="807" t="s">
        <v>1498</v>
      </c>
      <c r="AA68" s="807" t="s">
        <v>1498</v>
      </c>
      <c r="AB68" s="807" t="s">
        <v>1498</v>
      </c>
      <c r="AC68" s="807" t="s">
        <v>1498</v>
      </c>
      <c r="AD68" s="807" t="s">
        <v>1498</v>
      </c>
      <c r="AE68" s="807" t="s">
        <v>1498</v>
      </c>
      <c r="AF68" s="807" t="s">
        <v>1498</v>
      </c>
      <c r="AG68" s="842" t="s">
        <v>1498</v>
      </c>
      <c r="AH68" s="842" t="s">
        <v>1498</v>
      </c>
      <c r="AI68" s="842" t="s">
        <v>1498</v>
      </c>
      <c r="AJ68" s="842" t="s">
        <v>1498</v>
      </c>
      <c r="AK68" s="842" t="s">
        <v>1498</v>
      </c>
      <c r="AL68" s="842" t="s">
        <v>1498</v>
      </c>
      <c r="AM68" s="842" t="s">
        <v>1498</v>
      </c>
      <c r="AN68" s="842" t="s">
        <v>1498</v>
      </c>
      <c r="AO68" s="842" t="s">
        <v>1498</v>
      </c>
      <c r="AP68" s="842" t="s">
        <v>1498</v>
      </c>
      <c r="AQ68" s="842">
        <f t="shared" ref="AQ68:AQ131" si="7">SUM(AG68:AP68)</f>
        <v>0</v>
      </c>
      <c r="AR68" s="797" t="s">
        <v>1796</v>
      </c>
      <c r="AS68" s="797" t="s">
        <v>834</v>
      </c>
      <c r="AT68" s="797" t="s">
        <v>53</v>
      </c>
      <c r="AU68" s="801">
        <v>370629.19</v>
      </c>
      <c r="AV68" s="802">
        <v>370629.19</v>
      </c>
      <c r="AW68" s="803">
        <v>1</v>
      </c>
      <c r="AX68" s="803">
        <v>7</v>
      </c>
      <c r="AY68" s="804" t="s">
        <v>1501</v>
      </c>
      <c r="AZ68" s="805">
        <v>370629.19</v>
      </c>
    </row>
    <row r="69" spans="1:52" ht="150" hidden="1" x14ac:dyDescent="0.25">
      <c r="A69" s="785"/>
      <c r="B69" s="785" t="s">
        <v>66</v>
      </c>
      <c r="C69" s="785"/>
      <c r="D69" s="785"/>
      <c r="E69" s="785"/>
      <c r="F69" s="785"/>
      <c r="G69" s="797" t="s">
        <v>1696</v>
      </c>
      <c r="H69" s="797" t="s">
        <v>932</v>
      </c>
      <c r="I69" s="798" t="s">
        <v>952</v>
      </c>
      <c r="J69" s="797" t="s">
        <v>953</v>
      </c>
      <c r="K69" s="797" t="s">
        <v>253</v>
      </c>
      <c r="L69" s="797" t="s">
        <v>253</v>
      </c>
      <c r="M69" s="797" t="s">
        <v>253</v>
      </c>
      <c r="N69" s="797" t="s">
        <v>1523</v>
      </c>
      <c r="O69" s="797">
        <v>3</v>
      </c>
      <c r="P69" s="797" t="s">
        <v>1490</v>
      </c>
      <c r="Q69" s="797" t="s">
        <v>1491</v>
      </c>
      <c r="R69" s="797" t="s">
        <v>1492</v>
      </c>
      <c r="S69" s="797" t="s">
        <v>1493</v>
      </c>
      <c r="T69" s="797" t="s">
        <v>1697</v>
      </c>
      <c r="U69" s="797" t="s">
        <v>1698</v>
      </c>
      <c r="V69" s="816" t="s">
        <v>3251</v>
      </c>
      <c r="W69" s="817"/>
      <c r="X69" s="817"/>
      <c r="Y69" s="817"/>
      <c r="Z69" s="817"/>
      <c r="AA69" s="817"/>
      <c r="AB69" s="817"/>
      <c r="AC69" s="817"/>
      <c r="AD69" s="817"/>
      <c r="AE69" s="817"/>
      <c r="AF69" s="817"/>
      <c r="AG69" s="846"/>
      <c r="AH69" s="846"/>
      <c r="AI69" s="846"/>
      <c r="AJ69" s="846"/>
      <c r="AK69" s="846"/>
      <c r="AL69" s="846"/>
      <c r="AM69" s="846"/>
      <c r="AN69" s="846"/>
      <c r="AO69" s="846"/>
      <c r="AP69" s="846"/>
      <c r="AQ69" s="1300">
        <f t="shared" si="7"/>
        <v>0</v>
      </c>
      <c r="AR69" s="797" t="s">
        <v>1699</v>
      </c>
      <c r="AS69" s="821" t="s">
        <v>722</v>
      </c>
      <c r="AT69" s="797" t="s">
        <v>53</v>
      </c>
      <c r="AU69" s="801" t="s">
        <v>1700</v>
      </c>
      <c r="AV69" s="823" t="s">
        <v>1700</v>
      </c>
      <c r="AW69" s="823">
        <v>0</v>
      </c>
      <c r="AX69" s="823" t="s">
        <v>1500</v>
      </c>
      <c r="AY69" s="823" t="s">
        <v>1701</v>
      </c>
      <c r="AZ69" s="805" t="s">
        <v>1700</v>
      </c>
    </row>
    <row r="70" spans="1:52" ht="90" hidden="1" x14ac:dyDescent="0.25">
      <c r="A70" s="785"/>
      <c r="B70" s="785"/>
      <c r="C70" s="785"/>
      <c r="D70" s="785"/>
      <c r="E70" s="785"/>
      <c r="F70" s="785"/>
      <c r="G70" s="797" t="s">
        <v>1702</v>
      </c>
      <c r="H70" s="797" t="s">
        <v>932</v>
      </c>
      <c r="I70" s="798" t="s">
        <v>954</v>
      </c>
      <c r="J70" s="797" t="s">
        <v>955</v>
      </c>
      <c r="K70" s="797" t="s">
        <v>1704</v>
      </c>
      <c r="L70" s="797">
        <v>-0.46293049600000002</v>
      </c>
      <c r="M70" s="797" t="s">
        <v>1522</v>
      </c>
      <c r="N70" s="797" t="s">
        <v>1523</v>
      </c>
      <c r="O70" s="797">
        <v>3</v>
      </c>
      <c r="P70" s="797" t="s">
        <v>1490</v>
      </c>
      <c r="Q70" s="797" t="s">
        <v>1491</v>
      </c>
      <c r="R70" s="797" t="s">
        <v>1492</v>
      </c>
      <c r="S70" s="797" t="s">
        <v>1705</v>
      </c>
      <c r="T70" s="797" t="s">
        <v>1706</v>
      </c>
      <c r="U70" s="797" t="s">
        <v>1707</v>
      </c>
      <c r="V70" s="797" t="s">
        <v>956</v>
      </c>
      <c r="W70" s="807" t="s">
        <v>1498</v>
      </c>
      <c r="X70" s="807" t="s">
        <v>1498</v>
      </c>
      <c r="Y70" s="807" t="s">
        <v>1498</v>
      </c>
      <c r="Z70" s="807" t="s">
        <v>1498</v>
      </c>
      <c r="AA70" s="807" t="s">
        <v>1498</v>
      </c>
      <c r="AB70" s="807" t="s">
        <v>1498</v>
      </c>
      <c r="AC70" s="807" t="s">
        <v>1498</v>
      </c>
      <c r="AD70" s="807" t="s">
        <v>1498</v>
      </c>
      <c r="AE70" s="807" t="s">
        <v>1498</v>
      </c>
      <c r="AF70" s="807" t="s">
        <v>1498</v>
      </c>
      <c r="AG70" s="807" t="s">
        <v>1498</v>
      </c>
      <c r="AH70" s="807" t="s">
        <v>1498</v>
      </c>
      <c r="AI70" s="807" t="s">
        <v>1498</v>
      </c>
      <c r="AJ70" s="807" t="s">
        <v>1498</v>
      </c>
      <c r="AK70" s="807" t="s">
        <v>1498</v>
      </c>
      <c r="AL70" s="807" t="s">
        <v>1498</v>
      </c>
      <c r="AM70" s="807" t="s">
        <v>1498</v>
      </c>
      <c r="AN70" s="807" t="s">
        <v>1498</v>
      </c>
      <c r="AO70" s="807" t="s">
        <v>1498</v>
      </c>
      <c r="AP70" s="807" t="s">
        <v>1498</v>
      </c>
      <c r="AQ70" s="1300">
        <f t="shared" si="7"/>
        <v>0</v>
      </c>
      <c r="AR70" s="797" t="s">
        <v>1663</v>
      </c>
      <c r="AS70" s="821" t="s">
        <v>834</v>
      </c>
      <c r="AT70" s="797" t="s">
        <v>53</v>
      </c>
      <c r="AU70" s="801">
        <v>37570</v>
      </c>
      <c r="AV70" s="813">
        <f>ROUND((VLOOKUP(G70,'[6]Cost Summary'!A:H,8,)),0.1)</f>
        <v>37570</v>
      </c>
      <c r="AW70" s="814">
        <v>0</v>
      </c>
      <c r="AX70" s="814" t="s">
        <v>1500</v>
      </c>
      <c r="AY70" s="814" t="s">
        <v>1708</v>
      </c>
      <c r="AZ70" s="805">
        <v>17526.259999999998</v>
      </c>
    </row>
    <row r="71" spans="1:52" ht="45" hidden="1" x14ac:dyDescent="0.25">
      <c r="A71" s="785"/>
      <c r="B71" s="785"/>
      <c r="C71" s="785"/>
      <c r="D71" s="785"/>
      <c r="E71" s="785"/>
      <c r="F71" s="785"/>
      <c r="G71" s="799" t="s">
        <v>1797</v>
      </c>
      <c r="H71" s="799" t="s">
        <v>830</v>
      </c>
      <c r="I71" s="808" t="s">
        <v>844</v>
      </c>
      <c r="J71" s="799" t="s">
        <v>845</v>
      </c>
      <c r="K71" s="799">
        <v>51.75270416</v>
      </c>
      <c r="L71" s="799">
        <v>-0.43860870600000001</v>
      </c>
      <c r="M71" s="799" t="s">
        <v>1522</v>
      </c>
      <c r="N71" s="799" t="s">
        <v>1489</v>
      </c>
      <c r="O71" s="799">
        <v>2</v>
      </c>
      <c r="P71" s="799" t="s">
        <v>1616</v>
      </c>
      <c r="Q71" s="799" t="s">
        <v>1630</v>
      </c>
      <c r="R71" s="799" t="s">
        <v>1492</v>
      </c>
      <c r="S71" s="799" t="s">
        <v>1493</v>
      </c>
      <c r="T71" s="799" t="s">
        <v>1553</v>
      </c>
      <c r="U71" s="799" t="s">
        <v>1508</v>
      </c>
      <c r="V71" s="799" t="s">
        <v>846</v>
      </c>
      <c r="W71" s="807" t="s">
        <v>1498</v>
      </c>
      <c r="X71" s="807" t="s">
        <v>1498</v>
      </c>
      <c r="Y71" s="807" t="s">
        <v>1498</v>
      </c>
      <c r="Z71" s="807" t="s">
        <v>1498</v>
      </c>
      <c r="AA71" s="807" t="s">
        <v>1498</v>
      </c>
      <c r="AB71" s="807" t="s">
        <v>1498</v>
      </c>
      <c r="AC71" s="807" t="s">
        <v>1498</v>
      </c>
      <c r="AD71" s="807" t="s">
        <v>1498</v>
      </c>
      <c r="AE71" s="807" t="s">
        <v>1498</v>
      </c>
      <c r="AF71" s="807" t="s">
        <v>1498</v>
      </c>
      <c r="AG71" s="807" t="s">
        <v>1498</v>
      </c>
      <c r="AH71" s="807" t="s">
        <v>1498</v>
      </c>
      <c r="AI71" s="807" t="s">
        <v>1498</v>
      </c>
      <c r="AJ71" s="807" t="s">
        <v>1498</v>
      </c>
      <c r="AK71" s="807" t="s">
        <v>1498</v>
      </c>
      <c r="AL71" s="807" t="s">
        <v>1498</v>
      </c>
      <c r="AM71" s="807" t="s">
        <v>1498</v>
      </c>
      <c r="AN71" s="807" t="s">
        <v>1498</v>
      </c>
      <c r="AO71" s="807" t="s">
        <v>1498</v>
      </c>
      <c r="AP71" s="807" t="s">
        <v>1498</v>
      </c>
      <c r="AQ71" s="1300">
        <f t="shared" si="7"/>
        <v>0</v>
      </c>
      <c r="AR71" s="799" t="s">
        <v>1554</v>
      </c>
      <c r="AS71" s="799" t="s">
        <v>834</v>
      </c>
      <c r="AT71" s="799" t="s">
        <v>53</v>
      </c>
      <c r="AU71" s="809">
        <v>370629.19</v>
      </c>
      <c r="AV71" s="810">
        <v>370629.19</v>
      </c>
      <c r="AW71" s="811">
        <v>1</v>
      </c>
      <c r="AX71" s="811">
        <v>8</v>
      </c>
      <c r="AY71" s="804" t="s">
        <v>1501</v>
      </c>
      <c r="AZ71" s="805">
        <v>370629.19</v>
      </c>
    </row>
    <row r="72" spans="1:52" ht="375" hidden="1" x14ac:dyDescent="0.25">
      <c r="A72" s="785"/>
      <c r="B72" s="785"/>
      <c r="C72" s="785"/>
      <c r="D72" s="785"/>
      <c r="E72" s="785"/>
      <c r="F72" s="785"/>
      <c r="G72" s="797" t="s">
        <v>1919</v>
      </c>
      <c r="H72" s="797" t="s">
        <v>932</v>
      </c>
      <c r="I72" s="798" t="s">
        <v>957</v>
      </c>
      <c r="J72" s="797" t="s">
        <v>1920</v>
      </c>
      <c r="K72" s="797">
        <v>51.77933548</v>
      </c>
      <c r="L72" s="797">
        <v>-0.42482809799999999</v>
      </c>
      <c r="M72" s="797" t="s">
        <v>1522</v>
      </c>
      <c r="N72" s="797" t="s">
        <v>1523</v>
      </c>
      <c r="O72" s="797">
        <v>2</v>
      </c>
      <c r="P72" s="797" t="s">
        <v>1490</v>
      </c>
      <c r="Q72" s="797" t="s">
        <v>1491</v>
      </c>
      <c r="R72" s="797" t="s">
        <v>1492</v>
      </c>
      <c r="S72" s="797" t="s">
        <v>1493</v>
      </c>
      <c r="T72" s="797" t="s">
        <v>1538</v>
      </c>
      <c r="U72" s="797" t="s">
        <v>1542</v>
      </c>
      <c r="V72" s="797" t="s">
        <v>846</v>
      </c>
      <c r="W72" s="807" t="s">
        <v>1498</v>
      </c>
      <c r="X72" s="807" t="s">
        <v>1498</v>
      </c>
      <c r="Y72" s="807" t="s">
        <v>1498</v>
      </c>
      <c r="Z72" s="807" t="s">
        <v>1498</v>
      </c>
      <c r="AA72" s="807" t="s">
        <v>1498</v>
      </c>
      <c r="AB72" s="807" t="s">
        <v>1498</v>
      </c>
      <c r="AC72" s="807" t="s">
        <v>1498</v>
      </c>
      <c r="AD72" s="807" t="s">
        <v>1498</v>
      </c>
      <c r="AE72" s="807" t="s">
        <v>1498</v>
      </c>
      <c r="AF72" s="807" t="s">
        <v>1498</v>
      </c>
      <c r="AG72" s="807" t="s">
        <v>1498</v>
      </c>
      <c r="AH72" s="807" t="s">
        <v>1498</v>
      </c>
      <c r="AI72" s="807" t="s">
        <v>1498</v>
      </c>
      <c r="AJ72" s="807" t="s">
        <v>1498</v>
      </c>
      <c r="AK72" s="807" t="s">
        <v>1498</v>
      </c>
      <c r="AL72" s="807" t="s">
        <v>1498</v>
      </c>
      <c r="AM72" s="807" t="s">
        <v>1498</v>
      </c>
      <c r="AN72" s="807" t="s">
        <v>1498</v>
      </c>
      <c r="AO72" s="807" t="s">
        <v>1498</v>
      </c>
      <c r="AP72" s="807" t="s">
        <v>1498</v>
      </c>
      <c r="AQ72" s="1300">
        <f t="shared" si="7"/>
        <v>0</v>
      </c>
      <c r="AR72" s="797" t="s">
        <v>1539</v>
      </c>
      <c r="AS72" s="797" t="s">
        <v>834</v>
      </c>
      <c r="AT72" s="797" t="s">
        <v>869</v>
      </c>
      <c r="AU72" s="801">
        <v>2287654</v>
      </c>
      <c r="AV72" s="813">
        <f>ROUND((VLOOKUP(G72,'[6]Cost Summary'!A:H,8,)),0.1)</f>
        <v>2287654</v>
      </c>
      <c r="AW72" s="814">
        <v>1</v>
      </c>
      <c r="AX72" s="814">
        <v>2</v>
      </c>
      <c r="AY72" s="814" t="s">
        <v>1584</v>
      </c>
      <c r="AZ72" s="805">
        <v>1486231.78</v>
      </c>
    </row>
    <row r="73" spans="1:52" ht="180" hidden="1" x14ac:dyDescent="0.25">
      <c r="A73" s="785"/>
      <c r="B73" s="785"/>
      <c r="C73" s="785"/>
      <c r="D73" s="785"/>
      <c r="E73" s="785"/>
      <c r="F73" s="785"/>
      <c r="G73" s="797" t="s">
        <v>1711</v>
      </c>
      <c r="H73" s="797" t="s">
        <v>870</v>
      </c>
      <c r="I73" s="798" t="s">
        <v>959</v>
      </c>
      <c r="J73" s="797" t="s">
        <v>960</v>
      </c>
      <c r="K73" s="797" t="s">
        <v>1521</v>
      </c>
      <c r="L73" s="797" t="s">
        <v>1521</v>
      </c>
      <c r="M73" s="797" t="s">
        <v>1522</v>
      </c>
      <c r="N73" s="797" t="s">
        <v>1523</v>
      </c>
      <c r="O73" s="797">
        <v>1</v>
      </c>
      <c r="P73" s="797" t="s">
        <v>1616</v>
      </c>
      <c r="Q73" s="797" t="s">
        <v>1491</v>
      </c>
      <c r="R73" s="797" t="s">
        <v>1492</v>
      </c>
      <c r="S73" s="797" t="s">
        <v>1493</v>
      </c>
      <c r="T73" s="797" t="s">
        <v>1697</v>
      </c>
      <c r="U73" s="799" t="s">
        <v>1712</v>
      </c>
      <c r="V73" s="816" t="s">
        <v>3251</v>
      </c>
      <c r="W73" s="816"/>
      <c r="X73" s="816"/>
      <c r="Y73" s="816"/>
      <c r="Z73" s="816"/>
      <c r="AA73" s="816"/>
      <c r="AB73" s="816"/>
      <c r="AC73" s="816"/>
      <c r="AD73" s="816"/>
      <c r="AE73" s="816"/>
      <c r="AF73" s="816"/>
      <c r="AG73" s="824"/>
      <c r="AH73" s="824"/>
      <c r="AI73" s="824"/>
      <c r="AJ73" s="824"/>
      <c r="AK73" s="824"/>
      <c r="AL73" s="824"/>
      <c r="AM73" s="824"/>
      <c r="AN73" s="824"/>
      <c r="AO73" s="824"/>
      <c r="AP73" s="824"/>
      <c r="AQ73" s="1300">
        <f t="shared" si="7"/>
        <v>0</v>
      </c>
      <c r="AR73" s="797" t="s">
        <v>1699</v>
      </c>
      <c r="AS73" s="797" t="s">
        <v>722</v>
      </c>
      <c r="AT73" s="797" t="s">
        <v>912</v>
      </c>
      <c r="AU73" s="801" t="s">
        <v>1700</v>
      </c>
      <c r="AV73" s="823" t="s">
        <v>1700</v>
      </c>
      <c r="AW73" s="823">
        <v>0</v>
      </c>
      <c r="AX73" s="823" t="s">
        <v>1500</v>
      </c>
      <c r="AY73" s="823" t="s">
        <v>1701</v>
      </c>
      <c r="AZ73" s="805" t="s">
        <v>1700</v>
      </c>
    </row>
    <row r="74" spans="1:52" ht="165" hidden="1" x14ac:dyDescent="0.25">
      <c r="A74" s="785"/>
      <c r="B74" s="785"/>
      <c r="C74" s="785"/>
      <c r="D74" s="785"/>
      <c r="E74" s="785"/>
      <c r="F74" s="785"/>
      <c r="G74" s="797" t="s">
        <v>1713</v>
      </c>
      <c r="H74" s="797" t="s">
        <v>870</v>
      </c>
      <c r="I74" s="798" t="s">
        <v>961</v>
      </c>
      <c r="J74" s="797" t="s">
        <v>962</v>
      </c>
      <c r="K74" s="797" t="s">
        <v>1521</v>
      </c>
      <c r="L74" s="797" t="s">
        <v>1521</v>
      </c>
      <c r="M74" s="797" t="s">
        <v>1522</v>
      </c>
      <c r="N74" s="797" t="s">
        <v>1523</v>
      </c>
      <c r="O74" s="797">
        <v>2</v>
      </c>
      <c r="P74" s="797" t="s">
        <v>1490</v>
      </c>
      <c r="Q74" s="797" t="s">
        <v>1491</v>
      </c>
      <c r="R74" s="797" t="s">
        <v>1492</v>
      </c>
      <c r="S74" s="797" t="s">
        <v>1493</v>
      </c>
      <c r="T74" s="797" t="s">
        <v>1697</v>
      </c>
      <c r="U74" s="799" t="s">
        <v>1712</v>
      </c>
      <c r="V74" s="816" t="s">
        <v>3251</v>
      </c>
      <c r="W74" s="816"/>
      <c r="X74" s="816"/>
      <c r="Y74" s="816"/>
      <c r="Z74" s="816"/>
      <c r="AA74" s="816"/>
      <c r="AB74" s="816"/>
      <c r="AC74" s="816"/>
      <c r="AD74" s="816"/>
      <c r="AE74" s="816"/>
      <c r="AF74" s="816"/>
      <c r="AG74" s="824"/>
      <c r="AH74" s="824"/>
      <c r="AI74" s="824"/>
      <c r="AJ74" s="824"/>
      <c r="AK74" s="824"/>
      <c r="AL74" s="824"/>
      <c r="AM74" s="824"/>
      <c r="AN74" s="824"/>
      <c r="AO74" s="824"/>
      <c r="AP74" s="824"/>
      <c r="AQ74" s="1300">
        <f t="shared" si="7"/>
        <v>0</v>
      </c>
      <c r="AR74" s="797" t="s">
        <v>1699</v>
      </c>
      <c r="AS74" s="797" t="s">
        <v>722</v>
      </c>
      <c r="AT74" s="797" t="s">
        <v>912</v>
      </c>
      <c r="AU74" s="801" t="s">
        <v>1700</v>
      </c>
      <c r="AV74" s="823" t="s">
        <v>1700</v>
      </c>
      <c r="AW74" s="823">
        <v>0</v>
      </c>
      <c r="AX74" s="823" t="s">
        <v>1500</v>
      </c>
      <c r="AY74" s="823" t="s">
        <v>1701</v>
      </c>
      <c r="AZ74" s="805" t="s">
        <v>1700</v>
      </c>
    </row>
    <row r="75" spans="1:52" ht="300" hidden="1" x14ac:dyDescent="0.25">
      <c r="A75" s="785" t="s">
        <v>66</v>
      </c>
      <c r="B75" s="785"/>
      <c r="C75" s="785"/>
      <c r="D75" s="785"/>
      <c r="E75" s="785"/>
      <c r="F75" s="785"/>
      <c r="G75" s="797" t="s">
        <v>1801</v>
      </c>
      <c r="H75" s="797" t="s">
        <v>932</v>
      </c>
      <c r="I75" s="798" t="s">
        <v>963</v>
      </c>
      <c r="J75" s="797" t="s">
        <v>1802</v>
      </c>
      <c r="K75" s="797" t="s">
        <v>1521</v>
      </c>
      <c r="L75" s="797" t="s">
        <v>1521</v>
      </c>
      <c r="M75" s="797" t="s">
        <v>1522</v>
      </c>
      <c r="N75" s="797" t="s">
        <v>1523</v>
      </c>
      <c r="O75" s="797">
        <v>2</v>
      </c>
      <c r="P75" s="797" t="s">
        <v>1490</v>
      </c>
      <c r="Q75" s="797" t="s">
        <v>1491</v>
      </c>
      <c r="R75" s="797" t="s">
        <v>1492</v>
      </c>
      <c r="S75" s="797" t="s">
        <v>1493</v>
      </c>
      <c r="T75" s="797" t="s">
        <v>1504</v>
      </c>
      <c r="U75" s="797" t="s">
        <v>1542</v>
      </c>
      <c r="V75" s="799" t="s">
        <v>59</v>
      </c>
      <c r="W75" s="807" t="s">
        <v>1498</v>
      </c>
      <c r="X75" s="807" t="s">
        <v>1498</v>
      </c>
      <c r="Y75" s="807" t="s">
        <v>1498</v>
      </c>
      <c r="Z75" s="807" t="s">
        <v>1498</v>
      </c>
      <c r="AA75" s="807" t="s">
        <v>1498</v>
      </c>
      <c r="AB75" s="807" t="s">
        <v>1498</v>
      </c>
      <c r="AC75" s="807" t="s">
        <v>1498</v>
      </c>
      <c r="AD75" s="807" t="s">
        <v>1498</v>
      </c>
      <c r="AE75" s="807" t="s">
        <v>1498</v>
      </c>
      <c r="AF75" s="807" t="s">
        <v>1498</v>
      </c>
      <c r="AG75" s="807" t="s">
        <v>1498</v>
      </c>
      <c r="AH75" s="807" t="s">
        <v>1498</v>
      </c>
      <c r="AI75" s="807" t="s">
        <v>1498</v>
      </c>
      <c r="AJ75" s="807" t="s">
        <v>1498</v>
      </c>
      <c r="AK75" s="807" t="s">
        <v>1498</v>
      </c>
      <c r="AL75" s="807" t="s">
        <v>1498</v>
      </c>
      <c r="AM75" s="807" t="s">
        <v>1498</v>
      </c>
      <c r="AN75" s="807" t="s">
        <v>1498</v>
      </c>
      <c r="AO75" s="807" t="s">
        <v>1498</v>
      </c>
      <c r="AP75" s="807" t="s">
        <v>1498</v>
      </c>
      <c r="AQ75" s="1300">
        <f t="shared" si="7"/>
        <v>0</v>
      </c>
      <c r="AR75" s="797" t="s">
        <v>1642</v>
      </c>
      <c r="AS75" s="797" t="s">
        <v>834</v>
      </c>
      <c r="AT75" s="797" t="s">
        <v>53</v>
      </c>
      <c r="AU75" s="801">
        <v>1635197</v>
      </c>
      <c r="AV75" s="813">
        <f>ROUND((VLOOKUP(G75,'[6]Cost Summary'!A:H,8,)),0.1)</f>
        <v>1635197</v>
      </c>
      <c r="AW75" s="797">
        <v>2</v>
      </c>
      <c r="AX75" s="797" t="s">
        <v>1803</v>
      </c>
      <c r="AY75" s="814" t="s">
        <v>1584</v>
      </c>
      <c r="AZ75" s="805">
        <v>1062347</v>
      </c>
    </row>
    <row r="76" spans="1:52" ht="165" hidden="1" x14ac:dyDescent="0.25">
      <c r="A76" s="785"/>
      <c r="B76" s="785"/>
      <c r="C76" s="785"/>
      <c r="D76" s="785" t="s">
        <v>66</v>
      </c>
      <c r="E76" s="785"/>
      <c r="F76" s="785"/>
      <c r="G76" s="825" t="s">
        <v>3260</v>
      </c>
      <c r="H76" s="825" t="s">
        <v>870</v>
      </c>
      <c r="I76" s="826" t="s">
        <v>965</v>
      </c>
      <c r="J76" s="825" t="s">
        <v>966</v>
      </c>
      <c r="K76" s="825" t="s">
        <v>1521</v>
      </c>
      <c r="L76" s="825" t="s">
        <v>1521</v>
      </c>
      <c r="M76" s="825" t="s">
        <v>1522</v>
      </c>
      <c r="N76" s="825" t="s">
        <v>1523</v>
      </c>
      <c r="O76" s="825">
        <v>1</v>
      </c>
      <c r="P76" s="825" t="s">
        <v>1490</v>
      </c>
      <c r="Q76" s="825" t="s">
        <v>1491</v>
      </c>
      <c r="R76" s="825" t="s">
        <v>1492</v>
      </c>
      <c r="S76" s="825" t="s">
        <v>1493</v>
      </c>
      <c r="T76" s="825" t="s">
        <v>1697</v>
      </c>
      <c r="U76" s="825" t="s">
        <v>1712</v>
      </c>
      <c r="V76" s="827" t="s">
        <v>1719</v>
      </c>
      <c r="W76" s="828"/>
      <c r="X76" s="828"/>
      <c r="Y76" s="828"/>
      <c r="Z76" s="828"/>
      <c r="AA76" s="828"/>
      <c r="AB76" s="828"/>
      <c r="AC76" s="828"/>
      <c r="AD76" s="828"/>
      <c r="AE76" s="829"/>
      <c r="AF76" s="829"/>
      <c r="AG76" s="830"/>
      <c r="AH76" s="830"/>
      <c r="AI76" s="830"/>
      <c r="AJ76" s="830"/>
      <c r="AK76" s="830"/>
      <c r="AL76" s="830"/>
      <c r="AM76" s="830"/>
      <c r="AN76" s="830"/>
      <c r="AO76" s="830"/>
      <c r="AP76" s="830"/>
      <c r="AQ76" s="1300">
        <f t="shared" si="7"/>
        <v>0</v>
      </c>
      <c r="AR76" s="825" t="s">
        <v>1699</v>
      </c>
      <c r="AS76" s="825" t="s">
        <v>722</v>
      </c>
      <c r="AT76" s="825" t="s">
        <v>912</v>
      </c>
      <c r="AU76" s="831" t="s">
        <v>1700</v>
      </c>
      <c r="AV76" s="832" t="s">
        <v>1700</v>
      </c>
      <c r="AW76" s="797">
        <v>0</v>
      </c>
      <c r="AX76" s="797" t="s">
        <v>1500</v>
      </c>
      <c r="AY76" s="833" t="s">
        <v>1721</v>
      </c>
      <c r="AZ76" s="785">
        <v>370629.19</v>
      </c>
    </row>
    <row r="77" spans="1:52" ht="165" hidden="1" x14ac:dyDescent="0.25">
      <c r="A77" s="785"/>
      <c r="B77" s="785" t="s">
        <v>66</v>
      </c>
      <c r="C77" s="785"/>
      <c r="D77" s="785" t="s">
        <v>66</v>
      </c>
      <c r="E77" s="785"/>
      <c r="F77" s="785"/>
      <c r="G77" s="825" t="s">
        <v>1716</v>
      </c>
      <c r="H77" s="825" t="s">
        <v>900</v>
      </c>
      <c r="I77" s="826" t="s">
        <v>967</v>
      </c>
      <c r="J77" s="825" t="s">
        <v>968</v>
      </c>
      <c r="K77" s="825">
        <v>51.74947633</v>
      </c>
      <c r="L77" s="825">
        <v>-0.47001127300000001</v>
      </c>
      <c r="M77" s="825" t="s">
        <v>253</v>
      </c>
      <c r="N77" s="825" t="s">
        <v>1523</v>
      </c>
      <c r="O77" s="825"/>
      <c r="P77" s="825" t="s">
        <v>1490</v>
      </c>
      <c r="Q77" s="825" t="s">
        <v>1491</v>
      </c>
      <c r="R77" s="825" t="s">
        <v>1717</v>
      </c>
      <c r="S77" s="825" t="s">
        <v>1493</v>
      </c>
      <c r="T77" s="825" t="s">
        <v>1697</v>
      </c>
      <c r="U77" s="825" t="s">
        <v>1718</v>
      </c>
      <c r="V77" s="827" t="s">
        <v>1719</v>
      </c>
      <c r="W77" s="828"/>
      <c r="X77" s="828"/>
      <c r="Y77" s="828"/>
      <c r="Z77" s="828"/>
      <c r="AA77" s="828"/>
      <c r="AB77" s="828"/>
      <c r="AC77" s="828"/>
      <c r="AD77" s="828"/>
      <c r="AE77" s="829"/>
      <c r="AF77" s="829"/>
      <c r="AG77" s="847"/>
      <c r="AH77" s="847"/>
      <c r="AI77" s="847"/>
      <c r="AJ77" s="847"/>
      <c r="AK77" s="847"/>
      <c r="AL77" s="847"/>
      <c r="AM77" s="847"/>
      <c r="AN77" s="847"/>
      <c r="AO77" s="847"/>
      <c r="AP77" s="847"/>
      <c r="AQ77" s="1300">
        <f t="shared" si="7"/>
        <v>0</v>
      </c>
      <c r="AR77" s="825" t="s">
        <v>1720</v>
      </c>
      <c r="AS77" s="825" t="s">
        <v>722</v>
      </c>
      <c r="AT77" s="825" t="s">
        <v>53</v>
      </c>
      <c r="AU77" s="831" t="s">
        <v>1700</v>
      </c>
      <c r="AV77" s="832" t="s">
        <v>1700</v>
      </c>
      <c r="AW77" s="825">
        <v>0</v>
      </c>
      <c r="AX77" s="825" t="s">
        <v>1500</v>
      </c>
      <c r="AY77" s="833" t="s">
        <v>1721</v>
      </c>
      <c r="AZ77" s="785">
        <v>370629.19</v>
      </c>
    </row>
    <row r="78" spans="1:52" ht="60" hidden="1" x14ac:dyDescent="0.25">
      <c r="A78" s="785"/>
      <c r="B78" s="785" t="s">
        <v>66</v>
      </c>
      <c r="C78" s="785"/>
      <c r="D78" s="785" t="s">
        <v>66</v>
      </c>
      <c r="E78" s="785"/>
      <c r="F78" s="785"/>
      <c r="G78" s="825" t="s">
        <v>1722</v>
      </c>
      <c r="H78" s="825" t="s">
        <v>900</v>
      </c>
      <c r="I78" s="826" t="s">
        <v>969</v>
      </c>
      <c r="J78" s="825" t="s">
        <v>970</v>
      </c>
      <c r="K78" s="825" t="s">
        <v>253</v>
      </c>
      <c r="L78" s="825" t="s">
        <v>253</v>
      </c>
      <c r="M78" s="825" t="s">
        <v>253</v>
      </c>
      <c r="N78" s="825" t="s">
        <v>1523</v>
      </c>
      <c r="O78" s="825"/>
      <c r="P78" s="825" t="s">
        <v>1490</v>
      </c>
      <c r="Q78" s="825" t="s">
        <v>1491</v>
      </c>
      <c r="R78" s="825" t="s">
        <v>1717</v>
      </c>
      <c r="S78" s="825" t="s">
        <v>1493</v>
      </c>
      <c r="T78" s="825" t="s">
        <v>1697</v>
      </c>
      <c r="U78" s="825" t="s">
        <v>1723</v>
      </c>
      <c r="V78" s="827" t="s">
        <v>1719</v>
      </c>
      <c r="W78" s="828"/>
      <c r="X78" s="828"/>
      <c r="Y78" s="828"/>
      <c r="Z78" s="828"/>
      <c r="AA78" s="828"/>
      <c r="AB78" s="828"/>
      <c r="AC78" s="828"/>
      <c r="AD78" s="828"/>
      <c r="AE78" s="829"/>
      <c r="AF78" s="829"/>
      <c r="AG78" s="847"/>
      <c r="AH78" s="847"/>
      <c r="AI78" s="847"/>
      <c r="AJ78" s="847"/>
      <c r="AK78" s="847"/>
      <c r="AL78" s="847"/>
      <c r="AM78" s="847"/>
      <c r="AN78" s="847"/>
      <c r="AO78" s="847"/>
      <c r="AP78" s="847"/>
      <c r="AQ78" s="1300">
        <f t="shared" si="7"/>
        <v>0</v>
      </c>
      <c r="AR78" s="825" t="s">
        <v>1642</v>
      </c>
      <c r="AS78" s="825" t="s">
        <v>722</v>
      </c>
      <c r="AT78" s="825" t="s">
        <v>53</v>
      </c>
      <c r="AU78" s="831" t="s">
        <v>1700</v>
      </c>
      <c r="AV78" s="832" t="s">
        <v>1700</v>
      </c>
      <c r="AW78" s="825">
        <v>0</v>
      </c>
      <c r="AX78" s="825" t="s">
        <v>1500</v>
      </c>
      <c r="AY78" s="833" t="s">
        <v>1721</v>
      </c>
      <c r="AZ78" s="785">
        <v>814028</v>
      </c>
    </row>
    <row r="79" spans="1:52" ht="45" hidden="1" x14ac:dyDescent="0.25">
      <c r="A79" s="785"/>
      <c r="B79" s="785"/>
      <c r="C79" s="785"/>
      <c r="D79" s="785"/>
      <c r="E79" s="785"/>
      <c r="F79" s="785"/>
      <c r="G79" s="797" t="s">
        <v>1804</v>
      </c>
      <c r="H79" s="797" t="s">
        <v>830</v>
      </c>
      <c r="I79" s="798" t="s">
        <v>971</v>
      </c>
      <c r="J79" s="797" t="s">
        <v>972</v>
      </c>
      <c r="K79" s="797">
        <v>51.756335630000002</v>
      </c>
      <c r="L79" s="797">
        <v>-0.47278285799999997</v>
      </c>
      <c r="M79" s="797" t="s">
        <v>1522</v>
      </c>
      <c r="N79" s="797" t="s">
        <v>1489</v>
      </c>
      <c r="O79" s="797">
        <v>2</v>
      </c>
      <c r="P79" s="797" t="s">
        <v>1490</v>
      </c>
      <c r="Q79" s="797" t="s">
        <v>1491</v>
      </c>
      <c r="R79" s="797" t="s">
        <v>1492</v>
      </c>
      <c r="S79" s="797" t="s">
        <v>1493</v>
      </c>
      <c r="T79" s="797" t="s">
        <v>1806</v>
      </c>
      <c r="U79" s="797" t="s">
        <v>1546</v>
      </c>
      <c r="V79" s="797" t="s">
        <v>18</v>
      </c>
      <c r="W79" s="807" t="s">
        <v>1498</v>
      </c>
      <c r="X79" s="807" t="s">
        <v>1498</v>
      </c>
      <c r="Y79" s="807" t="s">
        <v>1498</v>
      </c>
      <c r="Z79" s="807" t="s">
        <v>1498</v>
      </c>
      <c r="AA79" s="807" t="s">
        <v>1498</v>
      </c>
      <c r="AB79" s="807" t="s">
        <v>1498</v>
      </c>
      <c r="AC79" s="807" t="s">
        <v>1498</v>
      </c>
      <c r="AD79" s="807" t="s">
        <v>1498</v>
      </c>
      <c r="AE79" s="807" t="s">
        <v>1498</v>
      </c>
      <c r="AF79" s="807" t="s">
        <v>1498</v>
      </c>
      <c r="AG79" s="807" t="s">
        <v>1498</v>
      </c>
      <c r="AH79" s="807" t="s">
        <v>1498</v>
      </c>
      <c r="AI79" s="807" t="s">
        <v>1498</v>
      </c>
      <c r="AJ79" s="807" t="s">
        <v>1498</v>
      </c>
      <c r="AK79" s="807" t="s">
        <v>1498</v>
      </c>
      <c r="AL79" s="807" t="s">
        <v>1498</v>
      </c>
      <c r="AM79" s="807" t="s">
        <v>1498</v>
      </c>
      <c r="AN79" s="807" t="s">
        <v>1498</v>
      </c>
      <c r="AO79" s="807" t="s">
        <v>1498</v>
      </c>
      <c r="AP79" s="807" t="s">
        <v>1498</v>
      </c>
      <c r="AQ79" s="1300">
        <f t="shared" si="7"/>
        <v>0</v>
      </c>
      <c r="AR79" s="797" t="s">
        <v>1807</v>
      </c>
      <c r="AS79" s="797" t="s">
        <v>834</v>
      </c>
      <c r="AT79" s="797" t="s">
        <v>53</v>
      </c>
      <c r="AU79" s="801">
        <v>370629.19</v>
      </c>
      <c r="AV79" s="802">
        <v>370629.19</v>
      </c>
      <c r="AW79" s="797">
        <v>2</v>
      </c>
      <c r="AX79" s="797" t="s">
        <v>1808</v>
      </c>
      <c r="AY79" s="804" t="s">
        <v>1501</v>
      </c>
      <c r="AZ79" s="805">
        <v>1041842.14</v>
      </c>
    </row>
    <row r="80" spans="1:52" ht="60" hidden="1" x14ac:dyDescent="0.25">
      <c r="A80" s="785" t="s">
        <v>66</v>
      </c>
      <c r="B80" s="785" t="s">
        <v>66</v>
      </c>
      <c r="C80" s="785"/>
      <c r="D80" s="785"/>
      <c r="E80" s="785"/>
      <c r="F80" s="785"/>
      <c r="G80" s="797" t="s">
        <v>1725</v>
      </c>
      <c r="H80" s="797" t="s">
        <v>830</v>
      </c>
      <c r="I80" s="798" t="s">
        <v>973</v>
      </c>
      <c r="J80" s="797" t="s">
        <v>974</v>
      </c>
      <c r="K80" s="797" t="s">
        <v>1727</v>
      </c>
      <c r="L80" s="797">
        <v>-0.50419680600000005</v>
      </c>
      <c r="M80" s="797" t="s">
        <v>1488</v>
      </c>
      <c r="N80" s="797" t="s">
        <v>1489</v>
      </c>
      <c r="O80" s="797">
        <v>2</v>
      </c>
      <c r="P80" s="797" t="s">
        <v>1490</v>
      </c>
      <c r="Q80" s="797" t="s">
        <v>1491</v>
      </c>
      <c r="R80" s="797" t="s">
        <v>1492</v>
      </c>
      <c r="S80" s="797" t="s">
        <v>1493</v>
      </c>
      <c r="T80" s="797" t="s">
        <v>1672</v>
      </c>
      <c r="U80" s="797" t="s">
        <v>1515</v>
      </c>
      <c r="V80" s="797" t="s">
        <v>3261</v>
      </c>
      <c r="W80" s="807" t="s">
        <v>1498</v>
      </c>
      <c r="X80" s="807" t="s">
        <v>1498</v>
      </c>
      <c r="Y80" s="807" t="s">
        <v>1498</v>
      </c>
      <c r="Z80" s="807" t="s">
        <v>1498</v>
      </c>
      <c r="AA80" s="807" t="s">
        <v>1498</v>
      </c>
      <c r="AB80" s="807" t="s">
        <v>1498</v>
      </c>
      <c r="AC80" s="807" t="s">
        <v>1498</v>
      </c>
      <c r="AD80" s="807" t="s">
        <v>1498</v>
      </c>
      <c r="AE80" s="807" t="s">
        <v>1498</v>
      </c>
      <c r="AF80" s="807" t="s">
        <v>1498</v>
      </c>
      <c r="AG80" s="842" t="s">
        <v>1498</v>
      </c>
      <c r="AH80" s="842" t="s">
        <v>1498</v>
      </c>
      <c r="AI80" s="842" t="s">
        <v>1498</v>
      </c>
      <c r="AJ80" s="842" t="s">
        <v>1498</v>
      </c>
      <c r="AK80" s="842" t="s">
        <v>1498</v>
      </c>
      <c r="AL80" s="842" t="s">
        <v>1498</v>
      </c>
      <c r="AM80" s="842" t="s">
        <v>1498</v>
      </c>
      <c r="AN80" s="842" t="s">
        <v>1498</v>
      </c>
      <c r="AO80" s="842" t="s">
        <v>1498</v>
      </c>
      <c r="AP80" s="842" t="s">
        <v>1498</v>
      </c>
      <c r="AQ80" s="842">
        <f t="shared" si="7"/>
        <v>0</v>
      </c>
      <c r="AR80" s="797" t="s">
        <v>1728</v>
      </c>
      <c r="AS80" s="797" t="s">
        <v>834</v>
      </c>
      <c r="AT80" s="797" t="s">
        <v>53</v>
      </c>
      <c r="AU80" s="801">
        <v>370629.19</v>
      </c>
      <c r="AV80" s="802">
        <v>370629.19</v>
      </c>
      <c r="AW80" s="797">
        <v>0</v>
      </c>
      <c r="AX80" s="797" t="s">
        <v>1500</v>
      </c>
      <c r="AY80" s="804" t="s">
        <v>1501</v>
      </c>
      <c r="AZ80" s="805">
        <v>877752</v>
      </c>
    </row>
    <row r="81" spans="1:52" ht="90" hidden="1" x14ac:dyDescent="0.25">
      <c r="A81" s="785"/>
      <c r="B81" s="785" t="s">
        <v>66</v>
      </c>
      <c r="C81" s="785"/>
      <c r="D81" s="785"/>
      <c r="E81" s="785"/>
      <c r="F81" s="785"/>
      <c r="G81" s="797" t="s">
        <v>1809</v>
      </c>
      <c r="H81" s="797" t="s">
        <v>830</v>
      </c>
      <c r="I81" s="798" t="s">
        <v>847</v>
      </c>
      <c r="J81" s="797" t="s">
        <v>848</v>
      </c>
      <c r="K81" s="797">
        <v>51.749176949999999</v>
      </c>
      <c r="L81" s="797">
        <v>-0.455498927</v>
      </c>
      <c r="M81" s="797" t="s">
        <v>1522</v>
      </c>
      <c r="N81" s="797" t="s">
        <v>1489</v>
      </c>
      <c r="O81" s="797">
        <v>2</v>
      </c>
      <c r="P81" s="797" t="s">
        <v>1578</v>
      </c>
      <c r="Q81" s="797" t="s">
        <v>1491</v>
      </c>
      <c r="R81" s="797" t="s">
        <v>1492</v>
      </c>
      <c r="S81" s="797" t="s">
        <v>1493</v>
      </c>
      <c r="T81" s="797" t="s">
        <v>1504</v>
      </c>
      <c r="U81" s="799" t="s">
        <v>1495</v>
      </c>
      <c r="V81" s="799" t="s">
        <v>3255</v>
      </c>
      <c r="W81" s="806">
        <v>0</v>
      </c>
      <c r="X81" s="806">
        <v>1</v>
      </c>
      <c r="Y81" s="806">
        <v>1</v>
      </c>
      <c r="Z81" s="806">
        <v>1</v>
      </c>
      <c r="AA81" s="806">
        <v>1</v>
      </c>
      <c r="AB81" s="806">
        <v>1</v>
      </c>
      <c r="AC81" s="806">
        <v>1</v>
      </c>
      <c r="AD81" s="806">
        <v>2</v>
      </c>
      <c r="AE81" s="806">
        <v>2</v>
      </c>
      <c r="AF81" s="806">
        <v>62</v>
      </c>
      <c r="AG81" s="841">
        <f t="shared" ref="AG81:AP81" si="8">W81/(SUM($W81:$AF81))</f>
        <v>0</v>
      </c>
      <c r="AH81" s="841">
        <f t="shared" si="8"/>
        <v>1.3888888888888888E-2</v>
      </c>
      <c r="AI81" s="841">
        <f t="shared" si="8"/>
        <v>1.3888888888888888E-2</v>
      </c>
      <c r="AJ81" s="841">
        <f t="shared" si="8"/>
        <v>1.3888888888888888E-2</v>
      </c>
      <c r="AK81" s="841">
        <f t="shared" si="8"/>
        <v>1.3888888888888888E-2</v>
      </c>
      <c r="AL81" s="841">
        <f t="shared" si="8"/>
        <v>1.3888888888888888E-2</v>
      </c>
      <c r="AM81" s="841">
        <f t="shared" si="8"/>
        <v>1.3888888888888888E-2</v>
      </c>
      <c r="AN81" s="841">
        <f t="shared" si="8"/>
        <v>2.7777777777777776E-2</v>
      </c>
      <c r="AO81" s="841">
        <f t="shared" si="8"/>
        <v>2.7777777777777776E-2</v>
      </c>
      <c r="AP81" s="841">
        <f t="shared" si="8"/>
        <v>0.86111111111111116</v>
      </c>
      <c r="AQ81" s="1302">
        <f t="shared" si="7"/>
        <v>1</v>
      </c>
      <c r="AR81" s="797" t="s">
        <v>1811</v>
      </c>
      <c r="AS81" s="797" t="s">
        <v>834</v>
      </c>
      <c r="AT81" s="797" t="s">
        <v>53</v>
      </c>
      <c r="AU81" s="801">
        <v>370629.19</v>
      </c>
      <c r="AV81" s="802">
        <v>370629.19</v>
      </c>
      <c r="AW81" s="803">
        <v>1</v>
      </c>
      <c r="AX81" s="803">
        <v>8</v>
      </c>
      <c r="AY81" s="804" t="s">
        <v>1501</v>
      </c>
      <c r="AZ81" s="805">
        <v>370629.19</v>
      </c>
    </row>
    <row r="82" spans="1:52" ht="135" hidden="1" x14ac:dyDescent="0.25">
      <c r="A82" s="785"/>
      <c r="B82" s="785"/>
      <c r="C82" s="785"/>
      <c r="D82" s="785" t="s">
        <v>66</v>
      </c>
      <c r="E82" s="785"/>
      <c r="F82" s="785"/>
      <c r="G82" s="825" t="s">
        <v>3262</v>
      </c>
      <c r="H82" s="825" t="s">
        <v>870</v>
      </c>
      <c r="I82" s="826" t="s">
        <v>975</v>
      </c>
      <c r="J82" s="825" t="s">
        <v>976</v>
      </c>
      <c r="K82" s="825" t="s">
        <v>1521</v>
      </c>
      <c r="L82" s="825" t="s">
        <v>1521</v>
      </c>
      <c r="M82" s="825" t="s">
        <v>1522</v>
      </c>
      <c r="N82" s="825" t="s">
        <v>1523</v>
      </c>
      <c r="O82" s="825">
        <v>3</v>
      </c>
      <c r="P82" s="825" t="s">
        <v>1616</v>
      </c>
      <c r="Q82" s="825" t="s">
        <v>1491</v>
      </c>
      <c r="R82" s="825" t="s">
        <v>1492</v>
      </c>
      <c r="S82" s="825" t="s">
        <v>1493</v>
      </c>
      <c r="T82" s="825" t="s">
        <v>1504</v>
      </c>
      <c r="U82" s="825" t="s">
        <v>1546</v>
      </c>
      <c r="V82" s="827" t="s">
        <v>1719</v>
      </c>
      <c r="W82" s="828"/>
      <c r="X82" s="828"/>
      <c r="Y82" s="828"/>
      <c r="Z82" s="828"/>
      <c r="AA82" s="828"/>
      <c r="AB82" s="828"/>
      <c r="AC82" s="828"/>
      <c r="AD82" s="828"/>
      <c r="AE82" s="828"/>
      <c r="AF82" s="828"/>
      <c r="AG82" s="828"/>
      <c r="AH82" s="828"/>
      <c r="AI82" s="828"/>
      <c r="AJ82" s="828"/>
      <c r="AK82" s="828"/>
      <c r="AL82" s="828"/>
      <c r="AM82" s="828"/>
      <c r="AN82" s="828"/>
      <c r="AO82" s="828"/>
      <c r="AP82" s="828"/>
      <c r="AQ82" s="1300">
        <f t="shared" si="7"/>
        <v>0</v>
      </c>
      <c r="AR82" s="825" t="s">
        <v>1642</v>
      </c>
      <c r="AS82" s="825" t="s">
        <v>904</v>
      </c>
      <c r="AT82" s="825" t="s">
        <v>53</v>
      </c>
      <c r="AU82" s="831">
        <v>1235967.1399999999</v>
      </c>
      <c r="AV82" s="832">
        <v>1235967.1399999999</v>
      </c>
      <c r="AW82" s="825">
        <v>2</v>
      </c>
      <c r="AX82" s="825" t="s">
        <v>1735</v>
      </c>
      <c r="AY82" s="833" t="s">
        <v>1721</v>
      </c>
      <c r="AZ82" s="785">
        <v>10308959.380000001</v>
      </c>
    </row>
    <row r="83" spans="1:52" ht="118.5" hidden="1" x14ac:dyDescent="0.25">
      <c r="A83" s="785"/>
      <c r="B83" s="785" t="s">
        <v>66</v>
      </c>
      <c r="C83" s="785" t="s">
        <v>66</v>
      </c>
      <c r="D83" s="785"/>
      <c r="E83" s="785"/>
      <c r="F83" s="785"/>
      <c r="G83" s="797" t="s">
        <v>1729</v>
      </c>
      <c r="H83" s="797" t="s">
        <v>870</v>
      </c>
      <c r="I83" s="798" t="s">
        <v>1730</v>
      </c>
      <c r="J83" s="797" t="s">
        <v>1731</v>
      </c>
      <c r="K83" s="797" t="s">
        <v>1733</v>
      </c>
      <c r="L83" s="797">
        <v>-0.43613709000000001</v>
      </c>
      <c r="M83" s="797" t="s">
        <v>1522</v>
      </c>
      <c r="N83" s="797" t="s">
        <v>1523</v>
      </c>
      <c r="O83" s="797">
        <v>3</v>
      </c>
      <c r="P83" s="815" t="s">
        <v>1734</v>
      </c>
      <c r="Q83" s="797" t="s">
        <v>1491</v>
      </c>
      <c r="R83" s="797" t="s">
        <v>1492</v>
      </c>
      <c r="S83" s="797" t="s">
        <v>1493</v>
      </c>
      <c r="T83" s="797" t="s">
        <v>1504</v>
      </c>
      <c r="U83" s="799" t="s">
        <v>1495</v>
      </c>
      <c r="V83" s="799" t="s">
        <v>3248</v>
      </c>
      <c r="W83" s="806">
        <v>15</v>
      </c>
      <c r="X83" s="806">
        <v>19</v>
      </c>
      <c r="Y83" s="806">
        <v>17</v>
      </c>
      <c r="Z83" s="806">
        <v>16</v>
      </c>
      <c r="AA83" s="806">
        <v>17</v>
      </c>
      <c r="AB83" s="806">
        <v>12</v>
      </c>
      <c r="AC83" s="806">
        <v>15</v>
      </c>
      <c r="AD83" s="806">
        <v>32</v>
      </c>
      <c r="AE83" s="806">
        <v>10</v>
      </c>
      <c r="AF83" s="806">
        <v>353</v>
      </c>
      <c r="AG83" s="841">
        <f t="shared" ref="AG83:AP84" si="9">W83/(SUM($W83:$AF83))</f>
        <v>2.9644268774703556E-2</v>
      </c>
      <c r="AH83" s="841">
        <f t="shared" si="9"/>
        <v>3.7549407114624504E-2</v>
      </c>
      <c r="AI83" s="841">
        <f t="shared" si="9"/>
        <v>3.3596837944664032E-2</v>
      </c>
      <c r="AJ83" s="841">
        <f t="shared" si="9"/>
        <v>3.1620553359683792E-2</v>
      </c>
      <c r="AK83" s="841">
        <f t="shared" si="9"/>
        <v>3.3596837944664032E-2</v>
      </c>
      <c r="AL83" s="841">
        <f t="shared" si="9"/>
        <v>2.3715415019762844E-2</v>
      </c>
      <c r="AM83" s="841">
        <f t="shared" si="9"/>
        <v>2.9644268774703556E-2</v>
      </c>
      <c r="AN83" s="841">
        <f t="shared" si="9"/>
        <v>6.3241106719367585E-2</v>
      </c>
      <c r="AO83" s="841">
        <f t="shared" si="9"/>
        <v>1.9762845849802372E-2</v>
      </c>
      <c r="AP83" s="841">
        <f t="shared" si="9"/>
        <v>0.69762845849802368</v>
      </c>
      <c r="AQ83" s="1300">
        <f t="shared" si="7"/>
        <v>1</v>
      </c>
      <c r="AR83" s="797" t="s">
        <v>1642</v>
      </c>
      <c r="AS83" s="821" t="s">
        <v>868</v>
      </c>
      <c r="AT83" s="797" t="s">
        <v>53</v>
      </c>
      <c r="AU83" s="801">
        <v>9492614679</v>
      </c>
      <c r="AV83" s="834">
        <f>ROUND((VLOOKUP(G83,'[6]Cost Summary'!A:H,8,)),0.1)</f>
        <v>9492614679</v>
      </c>
      <c r="AW83" s="819">
        <v>2</v>
      </c>
      <c r="AX83" s="819" t="s">
        <v>1735</v>
      </c>
      <c r="AY83" s="819" t="s">
        <v>1736</v>
      </c>
      <c r="AZ83" s="805">
        <v>5344625</v>
      </c>
    </row>
    <row r="84" spans="1:52" ht="75" hidden="1" x14ac:dyDescent="0.25">
      <c r="A84" s="785"/>
      <c r="B84" s="785" t="s">
        <v>66</v>
      </c>
      <c r="C84" s="785"/>
      <c r="D84" s="785"/>
      <c r="E84" s="785"/>
      <c r="F84" s="785"/>
      <c r="G84" s="797" t="s">
        <v>1812</v>
      </c>
      <c r="H84" s="797" t="s">
        <v>870</v>
      </c>
      <c r="I84" s="798" t="s">
        <v>979</v>
      </c>
      <c r="J84" s="797" t="s">
        <v>980</v>
      </c>
      <c r="K84" s="797" t="s">
        <v>1521</v>
      </c>
      <c r="L84" s="797" t="s">
        <v>1521</v>
      </c>
      <c r="M84" s="797" t="s">
        <v>1522</v>
      </c>
      <c r="N84" s="797" t="s">
        <v>1523</v>
      </c>
      <c r="O84" s="797">
        <v>3</v>
      </c>
      <c r="P84" s="797" t="s">
        <v>1616</v>
      </c>
      <c r="Q84" s="797" t="s">
        <v>1491</v>
      </c>
      <c r="R84" s="797" t="s">
        <v>1492</v>
      </c>
      <c r="S84" s="797" t="s">
        <v>1493</v>
      </c>
      <c r="T84" s="797" t="s">
        <v>1504</v>
      </c>
      <c r="U84" s="799" t="s">
        <v>1495</v>
      </c>
      <c r="V84" s="799" t="s">
        <v>3263</v>
      </c>
      <c r="W84" s="800">
        <v>3</v>
      </c>
      <c r="X84" s="800">
        <v>0</v>
      </c>
      <c r="Y84" s="800">
        <v>26</v>
      </c>
      <c r="Z84" s="800">
        <v>21</v>
      </c>
      <c r="AA84" s="800">
        <v>22</v>
      </c>
      <c r="AB84" s="800">
        <v>14</v>
      </c>
      <c r="AC84" s="800">
        <v>21</v>
      </c>
      <c r="AD84" s="800">
        <v>34</v>
      </c>
      <c r="AE84" s="800">
        <v>14</v>
      </c>
      <c r="AF84" s="800">
        <v>0</v>
      </c>
      <c r="AG84" s="841">
        <f t="shared" si="9"/>
        <v>1.935483870967742E-2</v>
      </c>
      <c r="AH84" s="841">
        <f t="shared" si="9"/>
        <v>0</v>
      </c>
      <c r="AI84" s="841">
        <f t="shared" si="9"/>
        <v>0.16774193548387098</v>
      </c>
      <c r="AJ84" s="841">
        <f t="shared" si="9"/>
        <v>0.13548387096774195</v>
      </c>
      <c r="AK84" s="841">
        <f t="shared" si="9"/>
        <v>0.14193548387096774</v>
      </c>
      <c r="AL84" s="841">
        <f t="shared" si="9"/>
        <v>9.0322580645161285E-2</v>
      </c>
      <c r="AM84" s="841">
        <f t="shared" si="9"/>
        <v>0.13548387096774195</v>
      </c>
      <c r="AN84" s="841">
        <f t="shared" si="9"/>
        <v>0.21935483870967742</v>
      </c>
      <c r="AO84" s="841">
        <f t="shared" si="9"/>
        <v>9.0322580645161285E-2</v>
      </c>
      <c r="AP84" s="841">
        <f t="shared" si="9"/>
        <v>0</v>
      </c>
      <c r="AQ84" s="1300">
        <f t="shared" si="7"/>
        <v>1</v>
      </c>
      <c r="AR84" s="797" t="s">
        <v>1642</v>
      </c>
      <c r="AS84" s="797" t="s">
        <v>834</v>
      </c>
      <c r="AT84" s="797" t="s">
        <v>53</v>
      </c>
      <c r="AU84" s="801">
        <v>1603637</v>
      </c>
      <c r="AV84" s="813">
        <f>ROUND((VLOOKUP(G84,'[6]Cost Summary'!A:H,8,)),0.1)</f>
        <v>1603637</v>
      </c>
      <c r="AW84" s="814">
        <v>1</v>
      </c>
      <c r="AX84" s="814">
        <v>8</v>
      </c>
      <c r="AY84" s="814" t="s">
        <v>1584</v>
      </c>
      <c r="AZ84" s="805">
        <v>2600365.63</v>
      </c>
    </row>
    <row r="85" spans="1:52" ht="105" hidden="1" x14ac:dyDescent="0.25">
      <c r="A85" s="785"/>
      <c r="B85" s="785"/>
      <c r="C85" s="785"/>
      <c r="D85" s="785"/>
      <c r="E85" s="785"/>
      <c r="F85" s="785"/>
      <c r="G85" s="797" t="s">
        <v>1738</v>
      </c>
      <c r="H85" s="797" t="s">
        <v>870</v>
      </c>
      <c r="I85" s="798" t="s">
        <v>981</v>
      </c>
      <c r="J85" s="797" t="s">
        <v>982</v>
      </c>
      <c r="K85" s="797">
        <v>51.746948089999997</v>
      </c>
      <c r="L85" s="797">
        <v>-0.47414727600000001</v>
      </c>
      <c r="M85" s="797" t="s">
        <v>1522</v>
      </c>
      <c r="N85" s="797" t="s">
        <v>1523</v>
      </c>
      <c r="O85" s="797">
        <v>2</v>
      </c>
      <c r="P85" s="797" t="s">
        <v>1616</v>
      </c>
      <c r="Q85" s="797" t="s">
        <v>1491</v>
      </c>
      <c r="R85" s="797" t="s">
        <v>1492</v>
      </c>
      <c r="S85" s="797" t="s">
        <v>1493</v>
      </c>
      <c r="T85" s="797" t="s">
        <v>1504</v>
      </c>
      <c r="U85" s="797" t="s">
        <v>1723</v>
      </c>
      <c r="V85" s="816" t="s">
        <v>3264</v>
      </c>
      <c r="W85" s="817"/>
      <c r="X85" s="817"/>
      <c r="Y85" s="817"/>
      <c r="Z85" s="817"/>
      <c r="AA85" s="817"/>
      <c r="AB85" s="817"/>
      <c r="AC85" s="817"/>
      <c r="AD85" s="817"/>
      <c r="AE85" s="817"/>
      <c r="AF85" s="817"/>
      <c r="AG85" s="818"/>
      <c r="AH85" s="818"/>
      <c r="AI85" s="818"/>
      <c r="AJ85" s="818"/>
      <c r="AK85" s="818"/>
      <c r="AL85" s="818"/>
      <c r="AM85" s="818"/>
      <c r="AN85" s="818"/>
      <c r="AO85" s="818"/>
      <c r="AP85" s="818"/>
      <c r="AQ85" s="1300">
        <f t="shared" si="7"/>
        <v>0</v>
      </c>
      <c r="AR85" s="797" t="s">
        <v>1642</v>
      </c>
      <c r="AS85" s="797" t="s">
        <v>868</v>
      </c>
      <c r="AT85" s="797" t="s">
        <v>53</v>
      </c>
      <c r="AU85" s="801">
        <v>877752</v>
      </c>
      <c r="AV85" s="802">
        <v>877752</v>
      </c>
      <c r="AW85" s="797">
        <v>1</v>
      </c>
      <c r="AX85" s="797">
        <v>3</v>
      </c>
      <c r="AY85" s="804" t="s">
        <v>1501</v>
      </c>
      <c r="AZ85" s="805">
        <v>45223.75</v>
      </c>
    </row>
    <row r="86" spans="1:52" ht="165" hidden="1" x14ac:dyDescent="0.25">
      <c r="A86" s="785"/>
      <c r="B86" s="785" t="s">
        <v>66</v>
      </c>
      <c r="C86" s="785"/>
      <c r="D86" s="785"/>
      <c r="E86" s="785"/>
      <c r="F86" s="785" t="s">
        <v>3252</v>
      </c>
      <c r="G86" s="797" t="s">
        <v>2078</v>
      </c>
      <c r="H86" s="797" t="s">
        <v>897</v>
      </c>
      <c r="I86" s="798" t="s">
        <v>2079</v>
      </c>
      <c r="J86" s="797" t="s">
        <v>2080</v>
      </c>
      <c r="K86" s="797">
        <v>51.732214050000003</v>
      </c>
      <c r="L86" s="797">
        <v>-0.46338488799999999</v>
      </c>
      <c r="M86" s="797" t="s">
        <v>1560</v>
      </c>
      <c r="N86" s="797" t="s">
        <v>1523</v>
      </c>
      <c r="O86" s="797">
        <v>3</v>
      </c>
      <c r="P86" s="797" t="s">
        <v>1490</v>
      </c>
      <c r="Q86" s="797" t="s">
        <v>1491</v>
      </c>
      <c r="R86" s="797" t="s">
        <v>1492</v>
      </c>
      <c r="S86" s="797" t="s">
        <v>1561</v>
      </c>
      <c r="T86" s="797" t="s">
        <v>1610</v>
      </c>
      <c r="U86" s="797" t="s">
        <v>1562</v>
      </c>
      <c r="V86" s="797" t="s">
        <v>26</v>
      </c>
      <c r="W86" s="807" t="s">
        <v>1498</v>
      </c>
      <c r="X86" s="807" t="s">
        <v>1498</v>
      </c>
      <c r="Y86" s="807" t="s">
        <v>1498</v>
      </c>
      <c r="Z86" s="807" t="s">
        <v>1498</v>
      </c>
      <c r="AA86" s="807" t="s">
        <v>1498</v>
      </c>
      <c r="AB86" s="807" t="s">
        <v>1498</v>
      </c>
      <c r="AC86" s="807" t="s">
        <v>1498</v>
      </c>
      <c r="AD86" s="807" t="s">
        <v>1498</v>
      </c>
      <c r="AE86" s="807" t="s">
        <v>1498</v>
      </c>
      <c r="AF86" s="807" t="s">
        <v>1498</v>
      </c>
      <c r="AG86" s="842" t="s">
        <v>1498</v>
      </c>
      <c r="AH86" s="842" t="s">
        <v>1498</v>
      </c>
      <c r="AI86" s="842" t="s">
        <v>1498</v>
      </c>
      <c r="AJ86" s="842" t="s">
        <v>1498</v>
      </c>
      <c r="AK86" s="842" t="s">
        <v>1498</v>
      </c>
      <c r="AL86" s="842" t="s">
        <v>1498</v>
      </c>
      <c r="AM86" s="842" t="s">
        <v>1498</v>
      </c>
      <c r="AN86" s="842" t="s">
        <v>1498</v>
      </c>
      <c r="AO86" s="842" t="s">
        <v>1498</v>
      </c>
      <c r="AP86" s="842" t="s">
        <v>1498</v>
      </c>
      <c r="AQ86" s="842">
        <f t="shared" si="7"/>
        <v>0</v>
      </c>
      <c r="AR86" s="797" t="s">
        <v>1642</v>
      </c>
      <c r="AS86" s="797" t="s">
        <v>868</v>
      </c>
      <c r="AT86" s="797" t="s">
        <v>53</v>
      </c>
      <c r="AU86" s="801" t="s">
        <v>3265</v>
      </c>
      <c r="AV86" s="834" t="str">
        <f>'[6]Cost Summary'!H75</f>
        <v>£10,000,000-£15,000,000</v>
      </c>
      <c r="AW86" s="819">
        <v>0</v>
      </c>
      <c r="AX86" s="819" t="s">
        <v>1500</v>
      </c>
      <c r="AY86" s="819" t="s">
        <v>2081</v>
      </c>
      <c r="AZ86" s="805">
        <v>129504.38</v>
      </c>
    </row>
    <row r="87" spans="1:52" ht="120" hidden="1" x14ac:dyDescent="0.25">
      <c r="A87" s="785"/>
      <c r="B87" s="785" t="s">
        <v>66</v>
      </c>
      <c r="C87" s="785" t="s">
        <v>66</v>
      </c>
      <c r="D87" s="785"/>
      <c r="E87" s="785"/>
      <c r="F87" s="785"/>
      <c r="G87" s="797" t="s">
        <v>1742</v>
      </c>
      <c r="H87" s="797" t="s">
        <v>932</v>
      </c>
      <c r="I87" s="835" t="s">
        <v>1743</v>
      </c>
      <c r="J87" s="815" t="s">
        <v>1744</v>
      </c>
      <c r="K87" s="797">
        <v>51.7336162</v>
      </c>
      <c r="L87" s="797">
        <v>-0.46118048499999997</v>
      </c>
      <c r="M87" s="797" t="s">
        <v>1560</v>
      </c>
      <c r="N87" s="797" t="s">
        <v>1523</v>
      </c>
      <c r="O87" s="797">
        <v>2</v>
      </c>
      <c r="P87" s="797" t="s">
        <v>1490</v>
      </c>
      <c r="Q87" s="797" t="s">
        <v>1491</v>
      </c>
      <c r="R87" s="797" t="s">
        <v>1492</v>
      </c>
      <c r="S87" s="797" t="s">
        <v>1493</v>
      </c>
      <c r="T87" s="797" t="s">
        <v>1610</v>
      </c>
      <c r="U87" s="799" t="s">
        <v>1515</v>
      </c>
      <c r="V87" s="799" t="s">
        <v>3266</v>
      </c>
      <c r="W87" s="807" t="s">
        <v>1498</v>
      </c>
      <c r="X87" s="807" t="s">
        <v>1498</v>
      </c>
      <c r="Y87" s="807" t="s">
        <v>1498</v>
      </c>
      <c r="Z87" s="807" t="s">
        <v>1498</v>
      </c>
      <c r="AA87" s="807" t="s">
        <v>1498</v>
      </c>
      <c r="AB87" s="807" t="s">
        <v>1498</v>
      </c>
      <c r="AC87" s="807" t="s">
        <v>1498</v>
      </c>
      <c r="AD87" s="807" t="s">
        <v>1498</v>
      </c>
      <c r="AE87" s="807" t="s">
        <v>1498</v>
      </c>
      <c r="AF87" s="807" t="s">
        <v>1498</v>
      </c>
      <c r="AG87" s="842" t="s">
        <v>1498</v>
      </c>
      <c r="AH87" s="842" t="s">
        <v>1498</v>
      </c>
      <c r="AI87" s="842" t="s">
        <v>1498</v>
      </c>
      <c r="AJ87" s="842" t="s">
        <v>1498</v>
      </c>
      <c r="AK87" s="842" t="s">
        <v>1498</v>
      </c>
      <c r="AL87" s="842" t="s">
        <v>1498</v>
      </c>
      <c r="AM87" s="842" t="s">
        <v>1498</v>
      </c>
      <c r="AN87" s="842" t="s">
        <v>1498</v>
      </c>
      <c r="AO87" s="842" t="s">
        <v>1498</v>
      </c>
      <c r="AP87" s="842" t="s">
        <v>1498</v>
      </c>
      <c r="AQ87" s="842">
        <f t="shared" si="7"/>
        <v>0</v>
      </c>
      <c r="AR87" s="797" t="s">
        <v>1745</v>
      </c>
      <c r="AS87" s="797" t="s">
        <v>868</v>
      </c>
      <c r="AT87" s="797" t="s">
        <v>53</v>
      </c>
      <c r="AU87" s="801">
        <v>13506750</v>
      </c>
      <c r="AV87" s="834">
        <f>ROUND((VLOOKUP(G87,'[6]Cost Summary'!A:H,8,)),0.1)</f>
        <v>13506750</v>
      </c>
      <c r="AW87" s="819">
        <v>0</v>
      </c>
      <c r="AX87" s="819" t="s">
        <v>1500</v>
      </c>
      <c r="AY87" s="819" t="s">
        <v>1746</v>
      </c>
      <c r="AZ87" s="805">
        <v>16924.57</v>
      </c>
    </row>
    <row r="88" spans="1:52" ht="75" hidden="1" x14ac:dyDescent="0.25">
      <c r="A88" s="785"/>
      <c r="B88" s="785" t="s">
        <v>66</v>
      </c>
      <c r="C88" s="785"/>
      <c r="D88" s="785"/>
      <c r="E88" s="785"/>
      <c r="F88" s="785"/>
      <c r="G88" s="797" t="s">
        <v>1928</v>
      </c>
      <c r="H88" s="797" t="s">
        <v>932</v>
      </c>
      <c r="I88" s="798" t="s">
        <v>987</v>
      </c>
      <c r="J88" s="797" t="s">
        <v>1929</v>
      </c>
      <c r="K88" s="797" t="s">
        <v>1521</v>
      </c>
      <c r="L88" s="797" t="s">
        <v>1521</v>
      </c>
      <c r="M88" s="797" t="s">
        <v>1560</v>
      </c>
      <c r="N88" s="797" t="s">
        <v>1523</v>
      </c>
      <c r="O88" s="797">
        <v>1</v>
      </c>
      <c r="P88" s="797" t="s">
        <v>1490</v>
      </c>
      <c r="Q88" s="797" t="s">
        <v>1491</v>
      </c>
      <c r="R88" s="797" t="s">
        <v>1492</v>
      </c>
      <c r="S88" s="797" t="s">
        <v>1493</v>
      </c>
      <c r="T88" s="797" t="s">
        <v>1610</v>
      </c>
      <c r="U88" s="799" t="s">
        <v>1495</v>
      </c>
      <c r="V88" s="799" t="s">
        <v>3248</v>
      </c>
      <c r="W88" s="806">
        <v>4</v>
      </c>
      <c r="X88" s="806">
        <v>4</v>
      </c>
      <c r="Y88" s="806">
        <v>5</v>
      </c>
      <c r="Z88" s="806">
        <v>2</v>
      </c>
      <c r="AA88" s="806">
        <v>4</v>
      </c>
      <c r="AB88" s="806">
        <v>2</v>
      </c>
      <c r="AC88" s="806">
        <v>4</v>
      </c>
      <c r="AD88" s="806">
        <v>9</v>
      </c>
      <c r="AE88" s="806">
        <v>5</v>
      </c>
      <c r="AF88" s="806">
        <v>260</v>
      </c>
      <c r="AG88" s="841">
        <f t="shared" ref="AG88:AP89" si="10">W88/(SUM($W88:$AF88))</f>
        <v>1.3377926421404682E-2</v>
      </c>
      <c r="AH88" s="841">
        <f t="shared" si="10"/>
        <v>1.3377926421404682E-2</v>
      </c>
      <c r="AI88" s="841">
        <f t="shared" si="10"/>
        <v>1.6722408026755852E-2</v>
      </c>
      <c r="AJ88" s="841">
        <f t="shared" si="10"/>
        <v>6.688963210702341E-3</v>
      </c>
      <c r="AK88" s="841">
        <f t="shared" si="10"/>
        <v>1.3377926421404682E-2</v>
      </c>
      <c r="AL88" s="841">
        <f t="shared" si="10"/>
        <v>6.688963210702341E-3</v>
      </c>
      <c r="AM88" s="841">
        <f t="shared" si="10"/>
        <v>1.3377926421404682E-2</v>
      </c>
      <c r="AN88" s="841">
        <f t="shared" si="10"/>
        <v>3.0100334448160536E-2</v>
      </c>
      <c r="AO88" s="841">
        <f t="shared" si="10"/>
        <v>1.6722408026755852E-2</v>
      </c>
      <c r="AP88" s="841">
        <f t="shared" si="10"/>
        <v>0.86956521739130432</v>
      </c>
      <c r="AQ88" s="1300">
        <f t="shared" si="7"/>
        <v>1</v>
      </c>
      <c r="AR88" s="797" t="s">
        <v>1642</v>
      </c>
      <c r="AS88" s="797" t="s">
        <v>868</v>
      </c>
      <c r="AT88" s="797" t="s">
        <v>869</v>
      </c>
      <c r="AU88" s="801">
        <v>2961580</v>
      </c>
      <c r="AV88" s="834">
        <f>ROUND((VLOOKUP(G88,'[6]Cost Summary'!A:H,8,)),0.1)</f>
        <v>2961580</v>
      </c>
      <c r="AW88" s="797">
        <v>0</v>
      </c>
      <c r="AX88" s="797" t="s">
        <v>1500</v>
      </c>
      <c r="AY88" s="819" t="s">
        <v>1930</v>
      </c>
      <c r="AZ88" s="805">
        <v>11305.94</v>
      </c>
    </row>
    <row r="89" spans="1:52" ht="60" hidden="1" x14ac:dyDescent="0.25">
      <c r="A89" s="785"/>
      <c r="B89" s="785" t="s">
        <v>66</v>
      </c>
      <c r="C89" s="785"/>
      <c r="D89" s="785"/>
      <c r="E89" s="785"/>
      <c r="F89" s="785"/>
      <c r="G89" s="797" t="s">
        <v>1532</v>
      </c>
      <c r="H89" s="797" t="s">
        <v>830</v>
      </c>
      <c r="I89" s="798" t="s">
        <v>849</v>
      </c>
      <c r="J89" s="797" t="s">
        <v>850</v>
      </c>
      <c r="K89" s="797">
        <v>51.742113070000002</v>
      </c>
      <c r="L89" s="797">
        <v>-0.44803235800000002</v>
      </c>
      <c r="M89" s="797" t="s">
        <v>1488</v>
      </c>
      <c r="N89" s="797" t="s">
        <v>1489</v>
      </c>
      <c r="O89" s="797">
        <v>2</v>
      </c>
      <c r="P89" s="797" t="s">
        <v>1490</v>
      </c>
      <c r="Q89" s="797" t="s">
        <v>1491</v>
      </c>
      <c r="R89" s="797" t="s">
        <v>1492</v>
      </c>
      <c r="S89" s="797" t="s">
        <v>1493</v>
      </c>
      <c r="T89" s="797" t="s">
        <v>1534</v>
      </c>
      <c r="U89" s="799" t="s">
        <v>1495</v>
      </c>
      <c r="V89" s="799" t="s">
        <v>3267</v>
      </c>
      <c r="W89" s="806">
        <v>1</v>
      </c>
      <c r="X89" s="806">
        <v>2</v>
      </c>
      <c r="Y89" s="806">
        <v>1</v>
      </c>
      <c r="Z89" s="806">
        <v>2</v>
      </c>
      <c r="AA89" s="806">
        <v>1</v>
      </c>
      <c r="AB89" s="806">
        <v>2</v>
      </c>
      <c r="AC89" s="806">
        <v>1</v>
      </c>
      <c r="AD89" s="806">
        <v>0</v>
      </c>
      <c r="AE89" s="806">
        <v>2</v>
      </c>
      <c r="AF89" s="806">
        <v>21</v>
      </c>
      <c r="AG89" s="841">
        <f t="shared" si="10"/>
        <v>3.0303030303030304E-2</v>
      </c>
      <c r="AH89" s="841">
        <f t="shared" si="10"/>
        <v>6.0606060606060608E-2</v>
      </c>
      <c r="AI89" s="841">
        <f t="shared" si="10"/>
        <v>3.0303030303030304E-2</v>
      </c>
      <c r="AJ89" s="841">
        <f t="shared" si="10"/>
        <v>6.0606060606060608E-2</v>
      </c>
      <c r="AK89" s="841">
        <f t="shared" si="10"/>
        <v>3.0303030303030304E-2</v>
      </c>
      <c r="AL89" s="841">
        <f t="shared" si="10"/>
        <v>6.0606060606060608E-2</v>
      </c>
      <c r="AM89" s="841">
        <f t="shared" si="10"/>
        <v>3.0303030303030304E-2</v>
      </c>
      <c r="AN89" s="841">
        <f t="shared" si="10"/>
        <v>0</v>
      </c>
      <c r="AO89" s="841">
        <f t="shared" si="10"/>
        <v>6.0606060606060608E-2</v>
      </c>
      <c r="AP89" s="841">
        <f t="shared" si="10"/>
        <v>0.63636363636363635</v>
      </c>
      <c r="AQ89" s="1300">
        <f t="shared" si="7"/>
        <v>1</v>
      </c>
      <c r="AR89" s="797" t="s">
        <v>1535</v>
      </c>
      <c r="AS89" s="797" t="s">
        <v>834</v>
      </c>
      <c r="AT89" s="797" t="s">
        <v>53</v>
      </c>
      <c r="AU89" s="801">
        <v>370629.19</v>
      </c>
      <c r="AV89" s="802">
        <v>370629.19</v>
      </c>
      <c r="AW89" s="803">
        <v>0</v>
      </c>
      <c r="AX89" s="803" t="s">
        <v>1500</v>
      </c>
      <c r="AY89" s="804" t="s">
        <v>1501</v>
      </c>
      <c r="AZ89" s="805">
        <v>370629.19</v>
      </c>
    </row>
    <row r="90" spans="1:52" ht="60" hidden="1" x14ac:dyDescent="0.25">
      <c r="A90" s="785" t="s">
        <v>66</v>
      </c>
      <c r="B90" s="785"/>
      <c r="C90" s="785"/>
      <c r="D90" s="785"/>
      <c r="E90" s="785"/>
      <c r="F90" s="785"/>
      <c r="G90" s="797" t="s">
        <v>1536</v>
      </c>
      <c r="H90" s="797" t="s">
        <v>830</v>
      </c>
      <c r="I90" s="798" t="s">
        <v>851</v>
      </c>
      <c r="J90" s="797" t="s">
        <v>852</v>
      </c>
      <c r="K90" s="797">
        <v>51.748033479999997</v>
      </c>
      <c r="L90" s="797">
        <v>-0.43281126800000003</v>
      </c>
      <c r="M90" s="797" t="s">
        <v>1488</v>
      </c>
      <c r="N90" s="797" t="s">
        <v>1489</v>
      </c>
      <c r="O90" s="797">
        <v>2</v>
      </c>
      <c r="P90" s="797" t="s">
        <v>1490</v>
      </c>
      <c r="Q90" s="797" t="s">
        <v>1491</v>
      </c>
      <c r="R90" s="797" t="s">
        <v>1492</v>
      </c>
      <c r="S90" s="797" t="s">
        <v>1493</v>
      </c>
      <c r="T90" s="797" t="s">
        <v>1538</v>
      </c>
      <c r="U90" s="797" t="s">
        <v>1546</v>
      </c>
      <c r="V90" s="799" t="s">
        <v>3254</v>
      </c>
      <c r="W90" s="807" t="s">
        <v>1498</v>
      </c>
      <c r="X90" s="807" t="s">
        <v>1498</v>
      </c>
      <c r="Y90" s="807" t="s">
        <v>1498</v>
      </c>
      <c r="Z90" s="807" t="s">
        <v>1498</v>
      </c>
      <c r="AA90" s="807" t="s">
        <v>1498</v>
      </c>
      <c r="AB90" s="807" t="s">
        <v>1498</v>
      </c>
      <c r="AC90" s="807" t="s">
        <v>1498</v>
      </c>
      <c r="AD90" s="807" t="s">
        <v>1498</v>
      </c>
      <c r="AE90" s="807" t="s">
        <v>1498</v>
      </c>
      <c r="AF90" s="807" t="s">
        <v>1498</v>
      </c>
      <c r="AG90" s="807" t="s">
        <v>1498</v>
      </c>
      <c r="AH90" s="807" t="s">
        <v>1498</v>
      </c>
      <c r="AI90" s="807" t="s">
        <v>1498</v>
      </c>
      <c r="AJ90" s="807" t="s">
        <v>1498</v>
      </c>
      <c r="AK90" s="807" t="s">
        <v>1498</v>
      </c>
      <c r="AL90" s="807" t="s">
        <v>1498</v>
      </c>
      <c r="AM90" s="807" t="s">
        <v>1498</v>
      </c>
      <c r="AN90" s="807" t="s">
        <v>1498</v>
      </c>
      <c r="AO90" s="807" t="s">
        <v>1498</v>
      </c>
      <c r="AP90" s="807" t="s">
        <v>1498</v>
      </c>
      <c r="AQ90" s="1300">
        <f t="shared" si="7"/>
        <v>0</v>
      </c>
      <c r="AR90" s="797" t="s">
        <v>1539</v>
      </c>
      <c r="AS90" s="797" t="s">
        <v>834</v>
      </c>
      <c r="AT90" s="797" t="s">
        <v>53</v>
      </c>
      <c r="AU90" s="801">
        <v>370629.19</v>
      </c>
      <c r="AV90" s="802">
        <v>370629.19</v>
      </c>
      <c r="AW90" s="803">
        <v>0</v>
      </c>
      <c r="AX90" s="803" t="s">
        <v>1500</v>
      </c>
      <c r="AY90" s="804" t="s">
        <v>1501</v>
      </c>
      <c r="AZ90" s="805">
        <v>370629.19</v>
      </c>
    </row>
    <row r="91" spans="1:52" ht="210" hidden="1" x14ac:dyDescent="0.25">
      <c r="A91" s="785"/>
      <c r="B91" s="785"/>
      <c r="C91" s="785"/>
      <c r="D91" s="785"/>
      <c r="E91" s="785"/>
      <c r="F91" s="785"/>
      <c r="G91" s="797" t="s">
        <v>1865</v>
      </c>
      <c r="H91" s="797" t="s">
        <v>932</v>
      </c>
      <c r="I91" s="798" t="s">
        <v>1094</v>
      </c>
      <c r="J91" s="797" t="s">
        <v>1866</v>
      </c>
      <c r="K91" s="797" t="s">
        <v>1521</v>
      </c>
      <c r="L91" s="797" t="s">
        <v>1521</v>
      </c>
      <c r="M91" s="797" t="s">
        <v>1488</v>
      </c>
      <c r="N91" s="797" t="s">
        <v>1489</v>
      </c>
      <c r="O91" s="797">
        <v>1</v>
      </c>
      <c r="P91" s="797" t="s">
        <v>1490</v>
      </c>
      <c r="Q91" s="797" t="s">
        <v>1491</v>
      </c>
      <c r="R91" s="797" t="s">
        <v>1492</v>
      </c>
      <c r="S91" s="797" t="s">
        <v>1493</v>
      </c>
      <c r="T91" s="797" t="s">
        <v>1538</v>
      </c>
      <c r="U91" s="797" t="s">
        <v>1707</v>
      </c>
      <c r="V91" s="797" t="s">
        <v>1096</v>
      </c>
      <c r="W91" s="807" t="s">
        <v>1498</v>
      </c>
      <c r="X91" s="807" t="s">
        <v>1498</v>
      </c>
      <c r="Y91" s="807" t="s">
        <v>1498</v>
      </c>
      <c r="Z91" s="807" t="s">
        <v>1498</v>
      </c>
      <c r="AA91" s="807" t="s">
        <v>1498</v>
      </c>
      <c r="AB91" s="807" t="s">
        <v>1498</v>
      </c>
      <c r="AC91" s="807" t="s">
        <v>1498</v>
      </c>
      <c r="AD91" s="807" t="s">
        <v>1498</v>
      </c>
      <c r="AE91" s="807" t="s">
        <v>1498</v>
      </c>
      <c r="AF91" s="807" t="s">
        <v>1498</v>
      </c>
      <c r="AG91" s="807" t="s">
        <v>1498</v>
      </c>
      <c r="AH91" s="807" t="s">
        <v>1498</v>
      </c>
      <c r="AI91" s="807" t="s">
        <v>1498</v>
      </c>
      <c r="AJ91" s="807" t="s">
        <v>1498</v>
      </c>
      <c r="AK91" s="807" t="s">
        <v>1498</v>
      </c>
      <c r="AL91" s="807" t="s">
        <v>1498</v>
      </c>
      <c r="AM91" s="807" t="s">
        <v>1498</v>
      </c>
      <c r="AN91" s="807" t="s">
        <v>1498</v>
      </c>
      <c r="AO91" s="807" t="s">
        <v>1498</v>
      </c>
      <c r="AP91" s="807" t="s">
        <v>1498</v>
      </c>
      <c r="AQ91" s="1300">
        <f t="shared" si="7"/>
        <v>0</v>
      </c>
      <c r="AR91" s="797" t="s">
        <v>1868</v>
      </c>
      <c r="AS91" s="797" t="s">
        <v>722</v>
      </c>
      <c r="AT91" s="797" t="s">
        <v>53</v>
      </c>
      <c r="AU91" s="801">
        <v>956768</v>
      </c>
      <c r="AV91" s="813">
        <f>ROUND((VLOOKUP(G91,'[6]Cost Summary'!A:H,8,)),0.1)</f>
        <v>956768</v>
      </c>
      <c r="AW91" s="797">
        <v>2</v>
      </c>
      <c r="AX91" s="797" t="s">
        <v>1735</v>
      </c>
      <c r="AY91" s="814" t="s">
        <v>1584</v>
      </c>
      <c r="AZ91" s="805">
        <v>621588.11</v>
      </c>
    </row>
    <row r="92" spans="1:52" ht="165" hidden="1" x14ac:dyDescent="0.25">
      <c r="A92" s="785"/>
      <c r="B92" s="785"/>
      <c r="C92" s="785"/>
      <c r="D92" s="785"/>
      <c r="E92" s="785"/>
      <c r="F92" s="785"/>
      <c r="G92" s="797" t="s">
        <v>1869</v>
      </c>
      <c r="H92" s="797" t="s">
        <v>932</v>
      </c>
      <c r="I92" s="798" t="s">
        <v>1090</v>
      </c>
      <c r="J92" s="797" t="s">
        <v>1091</v>
      </c>
      <c r="K92" s="797">
        <v>51.746237929999999</v>
      </c>
      <c r="L92" s="797">
        <v>-0.42526781699999999</v>
      </c>
      <c r="M92" s="797" t="s">
        <v>1488</v>
      </c>
      <c r="N92" s="797" t="s">
        <v>1489</v>
      </c>
      <c r="O92" s="797">
        <v>1</v>
      </c>
      <c r="P92" s="797" t="s">
        <v>1490</v>
      </c>
      <c r="Q92" s="797" t="s">
        <v>1491</v>
      </c>
      <c r="R92" s="797" t="s">
        <v>1492</v>
      </c>
      <c r="S92" s="797" t="s">
        <v>1493</v>
      </c>
      <c r="T92" s="797" t="s">
        <v>1538</v>
      </c>
      <c r="U92" s="797" t="s">
        <v>1508</v>
      </c>
      <c r="V92" s="797" t="s">
        <v>846</v>
      </c>
      <c r="W92" s="807" t="s">
        <v>1498</v>
      </c>
      <c r="X92" s="807" t="s">
        <v>1498</v>
      </c>
      <c r="Y92" s="807" t="s">
        <v>1498</v>
      </c>
      <c r="Z92" s="807" t="s">
        <v>1498</v>
      </c>
      <c r="AA92" s="807" t="s">
        <v>1498</v>
      </c>
      <c r="AB92" s="807" t="s">
        <v>1498</v>
      </c>
      <c r="AC92" s="807" t="s">
        <v>1498</v>
      </c>
      <c r="AD92" s="807" t="s">
        <v>1498</v>
      </c>
      <c r="AE92" s="807" t="s">
        <v>1498</v>
      </c>
      <c r="AF92" s="807" t="s">
        <v>1498</v>
      </c>
      <c r="AG92" s="807" t="s">
        <v>1498</v>
      </c>
      <c r="AH92" s="807" t="s">
        <v>1498</v>
      </c>
      <c r="AI92" s="807" t="s">
        <v>1498</v>
      </c>
      <c r="AJ92" s="807" t="s">
        <v>1498</v>
      </c>
      <c r="AK92" s="807" t="s">
        <v>1498</v>
      </c>
      <c r="AL92" s="807" t="s">
        <v>1498</v>
      </c>
      <c r="AM92" s="807" t="s">
        <v>1498</v>
      </c>
      <c r="AN92" s="807" t="s">
        <v>1498</v>
      </c>
      <c r="AO92" s="807" t="s">
        <v>1498</v>
      </c>
      <c r="AP92" s="807" t="s">
        <v>1498</v>
      </c>
      <c r="AQ92" s="1300">
        <f t="shared" si="7"/>
        <v>0</v>
      </c>
      <c r="AR92" s="797" t="s">
        <v>1539</v>
      </c>
      <c r="AS92" s="797" t="s">
        <v>834</v>
      </c>
      <c r="AT92" s="797" t="s">
        <v>53</v>
      </c>
      <c r="AU92" s="801">
        <v>182833</v>
      </c>
      <c r="AV92" s="813">
        <f>ROUND((VLOOKUP(G92,'[6]Cost Summary'!A:H,8,)),0.1)</f>
        <v>182833</v>
      </c>
      <c r="AW92" s="797">
        <v>0</v>
      </c>
      <c r="AX92" s="797" t="s">
        <v>1500</v>
      </c>
      <c r="AY92" s="814" t="s">
        <v>1584</v>
      </c>
      <c r="AZ92" s="805">
        <v>118782.24</v>
      </c>
    </row>
    <row r="93" spans="1:52" ht="90" hidden="1" x14ac:dyDescent="0.25">
      <c r="A93" s="785"/>
      <c r="B93" s="785"/>
      <c r="C93" s="785"/>
      <c r="D93" s="785"/>
      <c r="E93" s="785"/>
      <c r="F93" s="785"/>
      <c r="G93" s="797" t="s">
        <v>1870</v>
      </c>
      <c r="H93" s="797" t="s">
        <v>932</v>
      </c>
      <c r="I93" s="798" t="s">
        <v>1092</v>
      </c>
      <c r="J93" s="797" t="s">
        <v>1093</v>
      </c>
      <c r="K93" s="797" t="s">
        <v>1871</v>
      </c>
      <c r="L93" s="797" t="s">
        <v>1872</v>
      </c>
      <c r="M93" s="797" t="s">
        <v>1488</v>
      </c>
      <c r="N93" s="797" t="s">
        <v>1489</v>
      </c>
      <c r="O93" s="797">
        <v>1</v>
      </c>
      <c r="P93" s="797" t="s">
        <v>1490</v>
      </c>
      <c r="Q93" s="797" t="s">
        <v>1491</v>
      </c>
      <c r="R93" s="797" t="s">
        <v>1492</v>
      </c>
      <c r="S93" s="797" t="s">
        <v>1493</v>
      </c>
      <c r="T93" s="797" t="s">
        <v>1538</v>
      </c>
      <c r="U93" s="797" t="s">
        <v>1508</v>
      </c>
      <c r="V93" s="797" t="s">
        <v>846</v>
      </c>
      <c r="W93" s="807" t="s">
        <v>1498</v>
      </c>
      <c r="X93" s="807" t="s">
        <v>1498</v>
      </c>
      <c r="Y93" s="807" t="s">
        <v>1498</v>
      </c>
      <c r="Z93" s="807" t="s">
        <v>1498</v>
      </c>
      <c r="AA93" s="807" t="s">
        <v>1498</v>
      </c>
      <c r="AB93" s="807" t="s">
        <v>1498</v>
      </c>
      <c r="AC93" s="807" t="s">
        <v>1498</v>
      </c>
      <c r="AD93" s="807" t="s">
        <v>1498</v>
      </c>
      <c r="AE93" s="807" t="s">
        <v>1498</v>
      </c>
      <c r="AF93" s="807" t="s">
        <v>1498</v>
      </c>
      <c r="AG93" s="807" t="s">
        <v>1498</v>
      </c>
      <c r="AH93" s="807" t="s">
        <v>1498</v>
      </c>
      <c r="AI93" s="807" t="s">
        <v>1498</v>
      </c>
      <c r="AJ93" s="807" t="s">
        <v>1498</v>
      </c>
      <c r="AK93" s="807" t="s">
        <v>1498</v>
      </c>
      <c r="AL93" s="807" t="s">
        <v>1498</v>
      </c>
      <c r="AM93" s="807" t="s">
        <v>1498</v>
      </c>
      <c r="AN93" s="807" t="s">
        <v>1498</v>
      </c>
      <c r="AO93" s="807" t="s">
        <v>1498</v>
      </c>
      <c r="AP93" s="807" t="s">
        <v>1498</v>
      </c>
      <c r="AQ93" s="1300">
        <f t="shared" si="7"/>
        <v>0</v>
      </c>
      <c r="AR93" s="797" t="s">
        <v>1539</v>
      </c>
      <c r="AS93" s="797" t="s">
        <v>834</v>
      </c>
      <c r="AT93" s="797" t="s">
        <v>53</v>
      </c>
      <c r="AU93" s="801">
        <v>20048</v>
      </c>
      <c r="AV93" s="813">
        <f>ROUND((VLOOKUP(G93,'[6]Cost Summary'!A:H,8,)),0.1)</f>
        <v>20048</v>
      </c>
      <c r="AW93" s="797">
        <v>0</v>
      </c>
      <c r="AX93" s="797" t="s">
        <v>1500</v>
      </c>
      <c r="AY93" s="814" t="s">
        <v>1584</v>
      </c>
      <c r="AZ93" s="805">
        <v>13024.44</v>
      </c>
    </row>
    <row r="94" spans="1:52" ht="126" hidden="1" customHeight="1" x14ac:dyDescent="0.25">
      <c r="A94" s="785"/>
      <c r="B94" s="785"/>
      <c r="C94" s="785"/>
      <c r="D94" s="785"/>
      <c r="E94" s="785"/>
      <c r="F94" s="785"/>
      <c r="G94" s="797" t="s">
        <v>1873</v>
      </c>
      <c r="H94" s="797" t="s">
        <v>932</v>
      </c>
      <c r="I94" s="798" t="s">
        <v>1087</v>
      </c>
      <c r="J94" s="797" t="s">
        <v>1088</v>
      </c>
      <c r="K94" s="797">
        <v>51.747978140000001</v>
      </c>
      <c r="L94" s="797">
        <v>-0.43207572799999999</v>
      </c>
      <c r="M94" s="797" t="s">
        <v>1488</v>
      </c>
      <c r="N94" s="797" t="s">
        <v>1489</v>
      </c>
      <c r="O94" s="797">
        <v>1</v>
      </c>
      <c r="P94" s="797" t="s">
        <v>1490</v>
      </c>
      <c r="Q94" s="797" t="s">
        <v>1491</v>
      </c>
      <c r="R94" s="797" t="s">
        <v>1492</v>
      </c>
      <c r="S94" s="797" t="s">
        <v>1493</v>
      </c>
      <c r="T94" s="797" t="s">
        <v>1538</v>
      </c>
      <c r="U94" s="797" t="s">
        <v>1707</v>
      </c>
      <c r="V94" s="797" t="s">
        <v>1089</v>
      </c>
      <c r="W94" s="807" t="s">
        <v>1498</v>
      </c>
      <c r="X94" s="807" t="s">
        <v>1498</v>
      </c>
      <c r="Y94" s="807" t="s">
        <v>1498</v>
      </c>
      <c r="Z94" s="807" t="s">
        <v>1498</v>
      </c>
      <c r="AA94" s="807" t="s">
        <v>1498</v>
      </c>
      <c r="AB94" s="807" t="s">
        <v>1498</v>
      </c>
      <c r="AC94" s="807" t="s">
        <v>1498</v>
      </c>
      <c r="AD94" s="807" t="s">
        <v>1498</v>
      </c>
      <c r="AE94" s="807" t="s">
        <v>1498</v>
      </c>
      <c r="AF94" s="807" t="s">
        <v>1498</v>
      </c>
      <c r="AG94" s="807" t="s">
        <v>1498</v>
      </c>
      <c r="AH94" s="807" t="s">
        <v>1498</v>
      </c>
      <c r="AI94" s="807" t="s">
        <v>1498</v>
      </c>
      <c r="AJ94" s="807" t="s">
        <v>1498</v>
      </c>
      <c r="AK94" s="807" t="s">
        <v>1498</v>
      </c>
      <c r="AL94" s="807" t="s">
        <v>1498</v>
      </c>
      <c r="AM94" s="807" t="s">
        <v>1498</v>
      </c>
      <c r="AN94" s="807" t="s">
        <v>1498</v>
      </c>
      <c r="AO94" s="807" t="s">
        <v>1498</v>
      </c>
      <c r="AP94" s="807" t="s">
        <v>1498</v>
      </c>
      <c r="AQ94" s="1300">
        <f t="shared" si="7"/>
        <v>0</v>
      </c>
      <c r="AR94" s="797" t="s">
        <v>1539</v>
      </c>
      <c r="AS94" s="797" t="s">
        <v>722</v>
      </c>
      <c r="AT94" s="797" t="s">
        <v>53</v>
      </c>
      <c r="AU94" s="801">
        <v>1196</v>
      </c>
      <c r="AV94" s="813">
        <f>ROUND((VLOOKUP(G94,'[6]Cost Summary'!A:H,8,)),0.1)</f>
        <v>1196</v>
      </c>
      <c r="AW94" s="797">
        <v>0</v>
      </c>
      <c r="AX94" s="797" t="s">
        <v>1500</v>
      </c>
      <c r="AY94" s="814" t="s">
        <v>1584</v>
      </c>
      <c r="AZ94" s="805">
        <v>777.03</v>
      </c>
    </row>
    <row r="95" spans="1:52" ht="45" hidden="1" x14ac:dyDescent="0.25">
      <c r="A95" s="785"/>
      <c r="B95" s="785"/>
      <c r="C95" s="785"/>
      <c r="D95" s="785"/>
      <c r="E95" s="785"/>
      <c r="F95" s="785"/>
      <c r="G95" s="797" t="s">
        <v>1874</v>
      </c>
      <c r="H95" s="797" t="s">
        <v>932</v>
      </c>
      <c r="I95" s="798" t="s">
        <v>1097</v>
      </c>
      <c r="J95" s="797" t="s">
        <v>1098</v>
      </c>
      <c r="K95" s="797" t="s">
        <v>1875</v>
      </c>
      <c r="L95" s="797" t="s">
        <v>1876</v>
      </c>
      <c r="M95" s="797" t="s">
        <v>1560</v>
      </c>
      <c r="N95" s="797" t="s">
        <v>1489</v>
      </c>
      <c r="O95" s="797">
        <v>1</v>
      </c>
      <c r="P95" s="797" t="s">
        <v>1490</v>
      </c>
      <c r="Q95" s="797" t="s">
        <v>1491</v>
      </c>
      <c r="R95" s="797" t="s">
        <v>1492</v>
      </c>
      <c r="S95" s="797" t="s">
        <v>1493</v>
      </c>
      <c r="T95" s="797" t="s">
        <v>1877</v>
      </c>
      <c r="U95" s="797" t="s">
        <v>1707</v>
      </c>
      <c r="V95" s="797" t="s">
        <v>1099</v>
      </c>
      <c r="W95" s="807" t="s">
        <v>1498</v>
      </c>
      <c r="X95" s="807" t="s">
        <v>1498</v>
      </c>
      <c r="Y95" s="807" t="s">
        <v>1498</v>
      </c>
      <c r="Z95" s="807" t="s">
        <v>1498</v>
      </c>
      <c r="AA95" s="807" t="s">
        <v>1498</v>
      </c>
      <c r="AB95" s="807" t="s">
        <v>1498</v>
      </c>
      <c r="AC95" s="807" t="s">
        <v>1498</v>
      </c>
      <c r="AD95" s="807" t="s">
        <v>1498</v>
      </c>
      <c r="AE95" s="807" t="s">
        <v>1498</v>
      </c>
      <c r="AF95" s="807" t="s">
        <v>1498</v>
      </c>
      <c r="AG95" s="807" t="s">
        <v>1498</v>
      </c>
      <c r="AH95" s="807" t="s">
        <v>1498</v>
      </c>
      <c r="AI95" s="807" t="s">
        <v>1498</v>
      </c>
      <c r="AJ95" s="807" t="s">
        <v>1498</v>
      </c>
      <c r="AK95" s="807" t="s">
        <v>1498</v>
      </c>
      <c r="AL95" s="807" t="s">
        <v>1498</v>
      </c>
      <c r="AM95" s="807" t="s">
        <v>1498</v>
      </c>
      <c r="AN95" s="807" t="s">
        <v>1498</v>
      </c>
      <c r="AO95" s="807" t="s">
        <v>1498</v>
      </c>
      <c r="AP95" s="807" t="s">
        <v>1498</v>
      </c>
      <c r="AQ95" s="1300">
        <f t="shared" si="7"/>
        <v>0</v>
      </c>
      <c r="AR95" s="797" t="s">
        <v>1868</v>
      </c>
      <c r="AS95" s="797" t="s">
        <v>722</v>
      </c>
      <c r="AT95" s="797" t="s">
        <v>53</v>
      </c>
      <c r="AU95" s="801">
        <v>2430</v>
      </c>
      <c r="AV95" s="813">
        <f>ROUND((VLOOKUP(G95,'[6]Cost Summary'!A:H,8,)),0.1)</f>
        <v>2430</v>
      </c>
      <c r="AW95" s="797">
        <v>0</v>
      </c>
      <c r="AX95" s="797" t="s">
        <v>1500</v>
      </c>
      <c r="AY95" s="814" t="s">
        <v>1584</v>
      </c>
      <c r="AZ95" s="805">
        <v>1578.72</v>
      </c>
    </row>
    <row r="96" spans="1:52" ht="120" hidden="1" x14ac:dyDescent="0.25">
      <c r="A96" s="785"/>
      <c r="B96" s="785"/>
      <c r="C96" s="785"/>
      <c r="D96" s="785"/>
      <c r="E96" s="785"/>
      <c r="F96" s="785"/>
      <c r="G96" s="797" t="s">
        <v>1878</v>
      </c>
      <c r="H96" s="797" t="s">
        <v>932</v>
      </c>
      <c r="I96" s="798" t="s">
        <v>1100</v>
      </c>
      <c r="J96" s="797" t="s">
        <v>1101</v>
      </c>
      <c r="K96" s="797">
        <v>51.752513999999998</v>
      </c>
      <c r="L96" s="797">
        <v>-0.43532024000000002</v>
      </c>
      <c r="M96" s="797" t="s">
        <v>1488</v>
      </c>
      <c r="N96" s="797" t="s">
        <v>1489</v>
      </c>
      <c r="O96" s="797">
        <v>1</v>
      </c>
      <c r="P96" s="797" t="s">
        <v>1490</v>
      </c>
      <c r="Q96" s="797" t="s">
        <v>1491</v>
      </c>
      <c r="R96" s="797" t="s">
        <v>1492</v>
      </c>
      <c r="S96" s="797" t="s">
        <v>1493</v>
      </c>
      <c r="T96" s="797" t="s">
        <v>1877</v>
      </c>
      <c r="U96" s="797" t="s">
        <v>1707</v>
      </c>
      <c r="V96" s="797" t="s">
        <v>1099</v>
      </c>
      <c r="W96" s="807" t="s">
        <v>1498</v>
      </c>
      <c r="X96" s="807" t="s">
        <v>1498</v>
      </c>
      <c r="Y96" s="807" t="s">
        <v>1498</v>
      </c>
      <c r="Z96" s="807" t="s">
        <v>1498</v>
      </c>
      <c r="AA96" s="807" t="s">
        <v>1498</v>
      </c>
      <c r="AB96" s="807" t="s">
        <v>1498</v>
      </c>
      <c r="AC96" s="807" t="s">
        <v>1498</v>
      </c>
      <c r="AD96" s="807" t="s">
        <v>1498</v>
      </c>
      <c r="AE96" s="807" t="s">
        <v>1498</v>
      </c>
      <c r="AF96" s="807" t="s">
        <v>1498</v>
      </c>
      <c r="AG96" s="807" t="s">
        <v>1498</v>
      </c>
      <c r="AH96" s="807" t="s">
        <v>1498</v>
      </c>
      <c r="AI96" s="807" t="s">
        <v>1498</v>
      </c>
      <c r="AJ96" s="807" t="s">
        <v>1498</v>
      </c>
      <c r="AK96" s="807" t="s">
        <v>1498</v>
      </c>
      <c r="AL96" s="807" t="s">
        <v>1498</v>
      </c>
      <c r="AM96" s="807" t="s">
        <v>1498</v>
      </c>
      <c r="AN96" s="807" t="s">
        <v>1498</v>
      </c>
      <c r="AO96" s="807" t="s">
        <v>1498</v>
      </c>
      <c r="AP96" s="807" t="s">
        <v>1498</v>
      </c>
      <c r="AQ96" s="1300">
        <f t="shared" si="7"/>
        <v>0</v>
      </c>
      <c r="AR96" s="797" t="s">
        <v>1868</v>
      </c>
      <c r="AS96" s="797" t="s">
        <v>722</v>
      </c>
      <c r="AT96" s="797" t="s">
        <v>53</v>
      </c>
      <c r="AU96" s="801">
        <v>523551</v>
      </c>
      <c r="AV96" s="813">
        <f>ROUND((VLOOKUP(G96,'[6]Cost Summary'!A:H,8,)),0.1)</f>
        <v>523551</v>
      </c>
      <c r="AW96" s="797">
        <v>1</v>
      </c>
      <c r="AX96" s="797">
        <v>5</v>
      </c>
      <c r="AY96" s="814" t="s">
        <v>1584</v>
      </c>
      <c r="AZ96" s="805">
        <v>340138.1</v>
      </c>
    </row>
    <row r="97" spans="1:52" ht="165" hidden="1" x14ac:dyDescent="0.25">
      <c r="A97" s="785"/>
      <c r="B97" s="785"/>
      <c r="C97" s="785"/>
      <c r="D97" s="785" t="s">
        <v>66</v>
      </c>
      <c r="E97" s="785"/>
      <c r="F97" s="785"/>
      <c r="G97" s="825" t="s">
        <v>1879</v>
      </c>
      <c r="H97" s="825" t="s">
        <v>932</v>
      </c>
      <c r="I97" s="826" t="s">
        <v>1102</v>
      </c>
      <c r="J97" s="825" t="s">
        <v>1880</v>
      </c>
      <c r="K97" s="825" t="s">
        <v>1773</v>
      </c>
      <c r="L97" s="825" t="s">
        <v>1773</v>
      </c>
      <c r="M97" s="825" t="s">
        <v>1560</v>
      </c>
      <c r="N97" s="825" t="s">
        <v>1489</v>
      </c>
      <c r="O97" s="825"/>
      <c r="P97" s="825" t="s">
        <v>1490</v>
      </c>
      <c r="Q97" s="825" t="s">
        <v>1491</v>
      </c>
      <c r="R97" s="825" t="s">
        <v>1492</v>
      </c>
      <c r="S97" s="825" t="s">
        <v>1493</v>
      </c>
      <c r="T97" s="825" t="s">
        <v>1877</v>
      </c>
      <c r="U97" s="825" t="s">
        <v>1707</v>
      </c>
      <c r="V97" s="827" t="s">
        <v>1719</v>
      </c>
      <c r="W97" s="828"/>
      <c r="X97" s="828"/>
      <c r="Y97" s="828"/>
      <c r="Z97" s="828"/>
      <c r="AA97" s="828"/>
      <c r="AB97" s="828"/>
      <c r="AC97" s="828"/>
      <c r="AD97" s="828"/>
      <c r="AE97" s="828"/>
      <c r="AF97" s="828"/>
      <c r="AG97" s="828"/>
      <c r="AH97" s="828"/>
      <c r="AI97" s="828"/>
      <c r="AJ97" s="828"/>
      <c r="AK97" s="828"/>
      <c r="AL97" s="828"/>
      <c r="AM97" s="828"/>
      <c r="AN97" s="828"/>
      <c r="AO97" s="828"/>
      <c r="AP97" s="828"/>
      <c r="AQ97" s="1300">
        <f t="shared" si="7"/>
        <v>0</v>
      </c>
      <c r="AR97" s="825" t="s">
        <v>1868</v>
      </c>
      <c r="AS97" s="825" t="s">
        <v>722</v>
      </c>
      <c r="AT97" s="825" t="s">
        <v>53</v>
      </c>
      <c r="AU97" s="831">
        <v>1013423.13</v>
      </c>
      <c r="AV97" s="832">
        <v>1013423.13</v>
      </c>
      <c r="AW97" s="825">
        <v>2</v>
      </c>
      <c r="AX97" s="825" t="s">
        <v>1735</v>
      </c>
      <c r="AY97" s="833" t="s">
        <v>1721</v>
      </c>
      <c r="AZ97" s="785">
        <v>1013423.13</v>
      </c>
    </row>
    <row r="98" spans="1:52" ht="60" hidden="1" x14ac:dyDescent="0.25">
      <c r="A98" s="785"/>
      <c r="B98" s="785"/>
      <c r="C98" s="785"/>
      <c r="D98" s="785"/>
      <c r="E98" s="785"/>
      <c r="F98" s="785"/>
      <c r="G98" s="797" t="s">
        <v>1881</v>
      </c>
      <c r="H98" s="797" t="s">
        <v>932</v>
      </c>
      <c r="I98" s="798" t="s">
        <v>1104</v>
      </c>
      <c r="J98" s="797" t="s">
        <v>1105</v>
      </c>
      <c r="K98" s="797">
        <v>51.751237740000001</v>
      </c>
      <c r="L98" s="797">
        <v>-0.43054320200000001</v>
      </c>
      <c r="M98" s="797" t="s">
        <v>1560</v>
      </c>
      <c r="N98" s="797" t="s">
        <v>1489</v>
      </c>
      <c r="O98" s="797">
        <v>1</v>
      </c>
      <c r="P98" s="797" t="s">
        <v>1490</v>
      </c>
      <c r="Q98" s="797" t="s">
        <v>1491</v>
      </c>
      <c r="R98" s="797" t="s">
        <v>1492</v>
      </c>
      <c r="S98" s="797" t="s">
        <v>1493</v>
      </c>
      <c r="T98" s="797" t="s">
        <v>1877</v>
      </c>
      <c r="U98" s="797" t="s">
        <v>1707</v>
      </c>
      <c r="V98" s="797" t="s">
        <v>1099</v>
      </c>
      <c r="W98" s="807" t="s">
        <v>1498</v>
      </c>
      <c r="X98" s="807" t="s">
        <v>1498</v>
      </c>
      <c r="Y98" s="807" t="s">
        <v>1498</v>
      </c>
      <c r="Z98" s="807" t="s">
        <v>1498</v>
      </c>
      <c r="AA98" s="807" t="s">
        <v>1498</v>
      </c>
      <c r="AB98" s="807" t="s">
        <v>1498</v>
      </c>
      <c r="AC98" s="807" t="s">
        <v>1498</v>
      </c>
      <c r="AD98" s="807" t="s">
        <v>1498</v>
      </c>
      <c r="AE98" s="807" t="s">
        <v>1498</v>
      </c>
      <c r="AF98" s="807" t="s">
        <v>1498</v>
      </c>
      <c r="AG98" s="807" t="s">
        <v>1498</v>
      </c>
      <c r="AH98" s="807" t="s">
        <v>1498</v>
      </c>
      <c r="AI98" s="807" t="s">
        <v>1498</v>
      </c>
      <c r="AJ98" s="807" t="s">
        <v>1498</v>
      </c>
      <c r="AK98" s="807" t="s">
        <v>1498</v>
      </c>
      <c r="AL98" s="807" t="s">
        <v>1498</v>
      </c>
      <c r="AM98" s="807" t="s">
        <v>1498</v>
      </c>
      <c r="AN98" s="807" t="s">
        <v>1498</v>
      </c>
      <c r="AO98" s="807" t="s">
        <v>1498</v>
      </c>
      <c r="AP98" s="807" t="s">
        <v>1498</v>
      </c>
      <c r="AQ98" s="1300">
        <f t="shared" si="7"/>
        <v>0</v>
      </c>
      <c r="AR98" s="797" t="s">
        <v>1868</v>
      </c>
      <c r="AS98" s="797" t="s">
        <v>722</v>
      </c>
      <c r="AT98" s="797" t="s">
        <v>53</v>
      </c>
      <c r="AU98" s="801">
        <v>33318</v>
      </c>
      <c r="AV98" s="813">
        <f>ROUND((VLOOKUP(G98,'[6]Cost Summary'!A:H,8,)),0.1)</f>
        <v>33318</v>
      </c>
      <c r="AW98" s="797">
        <v>0</v>
      </c>
      <c r="AX98" s="797" t="s">
        <v>1500</v>
      </c>
      <c r="AY98" s="814" t="s">
        <v>1584</v>
      </c>
      <c r="AZ98" s="805">
        <v>21645.73</v>
      </c>
    </row>
    <row r="99" spans="1:52" ht="135" hidden="1" x14ac:dyDescent="0.25">
      <c r="A99" s="785"/>
      <c r="B99" s="785"/>
      <c r="C99" s="785"/>
      <c r="D99" s="785"/>
      <c r="E99" s="785"/>
      <c r="F99" s="785"/>
      <c r="G99" s="797" t="s">
        <v>1814</v>
      </c>
      <c r="H99" s="797" t="s">
        <v>932</v>
      </c>
      <c r="I99" s="798" t="s">
        <v>1106</v>
      </c>
      <c r="J99" s="797" t="s">
        <v>1107</v>
      </c>
      <c r="K99" s="797" t="s">
        <v>1815</v>
      </c>
      <c r="L99" s="797" t="s">
        <v>1816</v>
      </c>
      <c r="M99" s="797" t="s">
        <v>1522</v>
      </c>
      <c r="N99" s="797" t="s">
        <v>1489</v>
      </c>
      <c r="O99" s="797">
        <v>1</v>
      </c>
      <c r="P99" s="797" t="s">
        <v>1490</v>
      </c>
      <c r="Q99" s="797" t="s">
        <v>1491</v>
      </c>
      <c r="R99" s="797" t="s">
        <v>1492</v>
      </c>
      <c r="S99" s="797" t="s">
        <v>1493</v>
      </c>
      <c r="T99" s="797" t="s">
        <v>1511</v>
      </c>
      <c r="U99" s="797" t="s">
        <v>1707</v>
      </c>
      <c r="V99" s="797" t="s">
        <v>1108</v>
      </c>
      <c r="W99" s="807" t="s">
        <v>1498</v>
      </c>
      <c r="X99" s="807" t="s">
        <v>1498</v>
      </c>
      <c r="Y99" s="807" t="s">
        <v>1498</v>
      </c>
      <c r="Z99" s="807" t="s">
        <v>1498</v>
      </c>
      <c r="AA99" s="807" t="s">
        <v>1498</v>
      </c>
      <c r="AB99" s="807" t="s">
        <v>1498</v>
      </c>
      <c r="AC99" s="807" t="s">
        <v>1498</v>
      </c>
      <c r="AD99" s="807" t="s">
        <v>1498</v>
      </c>
      <c r="AE99" s="807" t="s">
        <v>1498</v>
      </c>
      <c r="AF99" s="807" t="s">
        <v>1498</v>
      </c>
      <c r="AG99" s="807" t="s">
        <v>1498</v>
      </c>
      <c r="AH99" s="807" t="s">
        <v>1498</v>
      </c>
      <c r="AI99" s="807" t="s">
        <v>1498</v>
      </c>
      <c r="AJ99" s="807" t="s">
        <v>1498</v>
      </c>
      <c r="AK99" s="807" t="s">
        <v>1498</v>
      </c>
      <c r="AL99" s="807" t="s">
        <v>1498</v>
      </c>
      <c r="AM99" s="807" t="s">
        <v>1498</v>
      </c>
      <c r="AN99" s="807" t="s">
        <v>1498</v>
      </c>
      <c r="AO99" s="807" t="s">
        <v>1498</v>
      </c>
      <c r="AP99" s="807" t="s">
        <v>1498</v>
      </c>
      <c r="AQ99" s="1300">
        <f t="shared" si="7"/>
        <v>0</v>
      </c>
      <c r="AR99" s="797" t="s">
        <v>1817</v>
      </c>
      <c r="AS99" s="797" t="s">
        <v>722</v>
      </c>
      <c r="AT99" s="797" t="s">
        <v>53</v>
      </c>
      <c r="AU99" s="801">
        <v>63180</v>
      </c>
      <c r="AV99" s="813">
        <f>ROUND((VLOOKUP(G99,'[6]Cost Summary'!A:H,8,)),0.1)</f>
        <v>63180</v>
      </c>
      <c r="AW99" s="797">
        <v>1</v>
      </c>
      <c r="AX99" s="797">
        <v>2</v>
      </c>
      <c r="AY99" s="814" t="s">
        <v>1584</v>
      </c>
      <c r="AZ99" s="805">
        <v>41046.720000000001</v>
      </c>
    </row>
    <row r="100" spans="1:52" ht="75" hidden="1" x14ac:dyDescent="0.25">
      <c r="A100" s="785"/>
      <c r="B100" s="785"/>
      <c r="C100" s="785"/>
      <c r="D100" s="785"/>
      <c r="E100" s="785"/>
      <c r="F100" s="785"/>
      <c r="G100" s="797" t="s">
        <v>1818</v>
      </c>
      <c r="H100" s="797" t="s">
        <v>900</v>
      </c>
      <c r="I100" s="798" t="s">
        <v>1109</v>
      </c>
      <c r="J100" s="797" t="s">
        <v>1110</v>
      </c>
      <c r="K100" s="797">
        <v>51.773867510000002</v>
      </c>
      <c r="L100" s="797">
        <v>-0.441849977</v>
      </c>
      <c r="M100" s="797" t="s">
        <v>1522</v>
      </c>
      <c r="N100" s="797" t="s">
        <v>1523</v>
      </c>
      <c r="O100" s="797">
        <v>1</v>
      </c>
      <c r="P100" s="797" t="s">
        <v>1490</v>
      </c>
      <c r="Q100" s="797" t="s">
        <v>1491</v>
      </c>
      <c r="R100" s="797" t="s">
        <v>1492</v>
      </c>
      <c r="S100" s="797" t="s">
        <v>1493</v>
      </c>
      <c r="T100" s="797" t="s">
        <v>1511</v>
      </c>
      <c r="U100" s="797" t="s">
        <v>1707</v>
      </c>
      <c r="V100" s="797" t="s">
        <v>1108</v>
      </c>
      <c r="W100" s="807" t="s">
        <v>1498</v>
      </c>
      <c r="X100" s="807" t="s">
        <v>1498</v>
      </c>
      <c r="Y100" s="807" t="s">
        <v>1498</v>
      </c>
      <c r="Z100" s="807" t="s">
        <v>1498</v>
      </c>
      <c r="AA100" s="807" t="s">
        <v>1498</v>
      </c>
      <c r="AB100" s="807" t="s">
        <v>1498</v>
      </c>
      <c r="AC100" s="807" t="s">
        <v>1498</v>
      </c>
      <c r="AD100" s="807" t="s">
        <v>1498</v>
      </c>
      <c r="AE100" s="807" t="s">
        <v>1498</v>
      </c>
      <c r="AF100" s="807" t="s">
        <v>1498</v>
      </c>
      <c r="AG100" s="807" t="s">
        <v>1498</v>
      </c>
      <c r="AH100" s="807" t="s">
        <v>1498</v>
      </c>
      <c r="AI100" s="807" t="s">
        <v>1498</v>
      </c>
      <c r="AJ100" s="807" t="s">
        <v>1498</v>
      </c>
      <c r="AK100" s="807" t="s">
        <v>1498</v>
      </c>
      <c r="AL100" s="807" t="s">
        <v>1498</v>
      </c>
      <c r="AM100" s="807" t="s">
        <v>1498</v>
      </c>
      <c r="AN100" s="807" t="s">
        <v>1498</v>
      </c>
      <c r="AO100" s="807" t="s">
        <v>1498</v>
      </c>
      <c r="AP100" s="807" t="s">
        <v>1498</v>
      </c>
      <c r="AQ100" s="1300">
        <f t="shared" si="7"/>
        <v>0</v>
      </c>
      <c r="AR100" s="797" t="s">
        <v>1817</v>
      </c>
      <c r="AS100" s="797" t="s">
        <v>834</v>
      </c>
      <c r="AT100" s="797" t="s">
        <v>53</v>
      </c>
      <c r="AU100" s="801">
        <v>759380</v>
      </c>
      <c r="AV100" s="813">
        <f>ROUND((VLOOKUP(G100,'[6]Cost Summary'!A:H,8,)),0.1)</f>
        <v>759380</v>
      </c>
      <c r="AW100" s="797">
        <v>1</v>
      </c>
      <c r="AX100" s="797">
        <v>2</v>
      </c>
      <c r="AY100" s="814" t="s">
        <v>1584</v>
      </c>
      <c r="AZ100" s="805">
        <v>493350</v>
      </c>
    </row>
    <row r="101" spans="1:52" ht="405" hidden="1" x14ac:dyDescent="0.25">
      <c r="A101" s="785"/>
      <c r="B101" s="785" t="s">
        <v>66</v>
      </c>
      <c r="C101" s="785"/>
      <c r="D101" s="785"/>
      <c r="E101" s="785"/>
      <c r="F101" s="785"/>
      <c r="G101" s="797" t="s">
        <v>1820</v>
      </c>
      <c r="H101" s="797" t="s">
        <v>932</v>
      </c>
      <c r="I101" s="798" t="s">
        <v>1111</v>
      </c>
      <c r="J101" s="797" t="s">
        <v>1112</v>
      </c>
      <c r="K101" s="797" t="s">
        <v>1521</v>
      </c>
      <c r="L101" s="797" t="s">
        <v>1521</v>
      </c>
      <c r="M101" s="797" t="s">
        <v>1522</v>
      </c>
      <c r="N101" s="797" t="s">
        <v>1523</v>
      </c>
      <c r="O101" s="797">
        <v>1</v>
      </c>
      <c r="P101" s="797" t="s">
        <v>1490</v>
      </c>
      <c r="Q101" s="797" t="s">
        <v>1491</v>
      </c>
      <c r="R101" s="797" t="s">
        <v>1492</v>
      </c>
      <c r="S101" s="797" t="s">
        <v>1493</v>
      </c>
      <c r="T101" s="797" t="s">
        <v>1553</v>
      </c>
      <c r="U101" s="799" t="s">
        <v>1495</v>
      </c>
      <c r="V101" s="799" t="s">
        <v>3268</v>
      </c>
      <c r="W101" s="806">
        <v>0</v>
      </c>
      <c r="X101" s="806">
        <v>0</v>
      </c>
      <c r="Y101" s="806">
        <v>2</v>
      </c>
      <c r="Z101" s="806">
        <v>0</v>
      </c>
      <c r="AA101" s="806">
        <v>1</v>
      </c>
      <c r="AB101" s="806">
        <v>4</v>
      </c>
      <c r="AC101" s="806">
        <v>0</v>
      </c>
      <c r="AD101" s="806">
        <v>10</v>
      </c>
      <c r="AE101" s="806">
        <v>10</v>
      </c>
      <c r="AF101" s="806">
        <v>141</v>
      </c>
      <c r="AG101" s="841">
        <f t="shared" ref="AG101:AP102" si="11">W101/(SUM($W101:$AF101))</f>
        <v>0</v>
      </c>
      <c r="AH101" s="841">
        <f t="shared" si="11"/>
        <v>0</v>
      </c>
      <c r="AI101" s="841">
        <f t="shared" si="11"/>
        <v>1.1904761904761904E-2</v>
      </c>
      <c r="AJ101" s="841">
        <f t="shared" si="11"/>
        <v>0</v>
      </c>
      <c r="AK101" s="841">
        <f t="shared" si="11"/>
        <v>5.9523809523809521E-3</v>
      </c>
      <c r="AL101" s="841">
        <f t="shared" si="11"/>
        <v>2.3809523809523808E-2</v>
      </c>
      <c r="AM101" s="841">
        <f t="shared" si="11"/>
        <v>0</v>
      </c>
      <c r="AN101" s="841">
        <f t="shared" si="11"/>
        <v>5.9523809523809521E-2</v>
      </c>
      <c r="AO101" s="841">
        <f t="shared" si="11"/>
        <v>5.9523809523809521E-2</v>
      </c>
      <c r="AP101" s="841">
        <f t="shared" si="11"/>
        <v>0.8392857142857143</v>
      </c>
      <c r="AQ101" s="1300">
        <f t="shared" si="7"/>
        <v>1</v>
      </c>
      <c r="AR101" s="797" t="s">
        <v>1554</v>
      </c>
      <c r="AS101" s="797" t="s">
        <v>834</v>
      </c>
      <c r="AT101" s="797" t="s">
        <v>53</v>
      </c>
      <c r="AU101" s="801">
        <v>2073106</v>
      </c>
      <c r="AV101" s="813">
        <f>ROUND((VLOOKUP(G101,'[6]Cost Summary'!A:H,8,)),0.1)</f>
        <v>2073106</v>
      </c>
      <c r="AW101" s="797">
        <v>4</v>
      </c>
      <c r="AX101" s="797" t="s">
        <v>1822</v>
      </c>
      <c r="AY101" s="814" t="s">
        <v>1584</v>
      </c>
      <c r="AZ101" s="805">
        <v>1346845.5</v>
      </c>
    </row>
    <row r="102" spans="1:52" ht="45" hidden="1" x14ac:dyDescent="0.25">
      <c r="A102" s="785"/>
      <c r="B102" s="785" t="s">
        <v>66</v>
      </c>
      <c r="C102" s="785"/>
      <c r="D102" s="785"/>
      <c r="E102" s="785"/>
      <c r="F102" s="785"/>
      <c r="G102" s="797" t="s">
        <v>1823</v>
      </c>
      <c r="H102" s="797" t="s">
        <v>932</v>
      </c>
      <c r="I102" s="798" t="s">
        <v>1113</v>
      </c>
      <c r="J102" s="797" t="s">
        <v>1114</v>
      </c>
      <c r="K102" s="797" t="s">
        <v>1521</v>
      </c>
      <c r="L102" s="797" t="s">
        <v>1521</v>
      </c>
      <c r="M102" s="797" t="s">
        <v>1522</v>
      </c>
      <c r="N102" s="797" t="s">
        <v>1523</v>
      </c>
      <c r="O102" s="797">
        <v>1</v>
      </c>
      <c r="P102" s="797" t="s">
        <v>1490</v>
      </c>
      <c r="Q102" s="797" t="s">
        <v>1491</v>
      </c>
      <c r="R102" s="797" t="s">
        <v>1492</v>
      </c>
      <c r="S102" s="797" t="s">
        <v>1493</v>
      </c>
      <c r="T102" s="797" t="s">
        <v>1553</v>
      </c>
      <c r="U102" s="799" t="s">
        <v>1495</v>
      </c>
      <c r="V102" s="799" t="s">
        <v>3268</v>
      </c>
      <c r="W102" s="806">
        <v>0</v>
      </c>
      <c r="X102" s="806">
        <v>0</v>
      </c>
      <c r="Y102" s="806">
        <v>2</v>
      </c>
      <c r="Z102" s="806">
        <v>0</v>
      </c>
      <c r="AA102" s="806">
        <v>1</v>
      </c>
      <c r="AB102" s="806">
        <v>4</v>
      </c>
      <c r="AC102" s="806">
        <v>0</v>
      </c>
      <c r="AD102" s="806">
        <v>10</v>
      </c>
      <c r="AE102" s="806">
        <v>10</v>
      </c>
      <c r="AF102" s="806">
        <v>141</v>
      </c>
      <c r="AG102" s="841">
        <f t="shared" si="11"/>
        <v>0</v>
      </c>
      <c r="AH102" s="841">
        <f t="shared" si="11"/>
        <v>0</v>
      </c>
      <c r="AI102" s="841">
        <f t="shared" si="11"/>
        <v>1.1904761904761904E-2</v>
      </c>
      <c r="AJ102" s="841">
        <f t="shared" si="11"/>
        <v>0</v>
      </c>
      <c r="AK102" s="841">
        <f t="shared" si="11"/>
        <v>5.9523809523809521E-3</v>
      </c>
      <c r="AL102" s="841">
        <f t="shared" si="11"/>
        <v>2.3809523809523808E-2</v>
      </c>
      <c r="AM102" s="841">
        <f t="shared" si="11"/>
        <v>0</v>
      </c>
      <c r="AN102" s="841">
        <f t="shared" si="11"/>
        <v>5.9523809523809521E-2</v>
      </c>
      <c r="AO102" s="841">
        <f t="shared" si="11"/>
        <v>5.9523809523809521E-2</v>
      </c>
      <c r="AP102" s="841">
        <f t="shared" si="11"/>
        <v>0.8392857142857143</v>
      </c>
      <c r="AQ102" s="1300">
        <f t="shared" si="7"/>
        <v>1</v>
      </c>
      <c r="AR102" s="797" t="s">
        <v>1554</v>
      </c>
      <c r="AS102" s="797" t="s">
        <v>834</v>
      </c>
      <c r="AT102" s="797" t="s">
        <v>53</v>
      </c>
      <c r="AU102" s="801">
        <v>20883</v>
      </c>
      <c r="AV102" s="813">
        <f>ROUND((VLOOKUP(G102,'[6]Cost Summary'!A:H,8,)),0.1)</f>
        <v>20883</v>
      </c>
      <c r="AW102" s="797">
        <v>4</v>
      </c>
      <c r="AX102" s="797" t="s">
        <v>1822</v>
      </c>
      <c r="AY102" s="814" t="s">
        <v>1584</v>
      </c>
      <c r="AZ102" s="805">
        <v>13567.13</v>
      </c>
    </row>
    <row r="103" spans="1:52" ht="75" hidden="1" x14ac:dyDescent="0.25">
      <c r="A103" s="785"/>
      <c r="B103" s="785" t="s">
        <v>66</v>
      </c>
      <c r="C103" s="785"/>
      <c r="D103" s="785"/>
      <c r="E103" s="785"/>
      <c r="F103" s="785"/>
      <c r="G103" s="797" t="s">
        <v>1893</v>
      </c>
      <c r="H103" s="797" t="s">
        <v>932</v>
      </c>
      <c r="I103" s="798" t="s">
        <v>1115</v>
      </c>
      <c r="J103" s="797" t="s">
        <v>1116</v>
      </c>
      <c r="K103" s="797" t="s">
        <v>1894</v>
      </c>
      <c r="L103" s="797" t="s">
        <v>1895</v>
      </c>
      <c r="M103" s="797" t="s">
        <v>1488</v>
      </c>
      <c r="N103" s="797" t="s">
        <v>1489</v>
      </c>
      <c r="O103" s="797">
        <v>1</v>
      </c>
      <c r="P103" s="797" t="s">
        <v>1490</v>
      </c>
      <c r="Q103" s="797" t="s">
        <v>1491</v>
      </c>
      <c r="R103" s="797" t="s">
        <v>1492</v>
      </c>
      <c r="S103" s="797" t="s">
        <v>1493</v>
      </c>
      <c r="T103" s="797" t="s">
        <v>1514</v>
      </c>
      <c r="U103" s="799" t="s">
        <v>1515</v>
      </c>
      <c r="V103" s="799" t="s">
        <v>3269</v>
      </c>
      <c r="W103" s="807" t="s">
        <v>1498</v>
      </c>
      <c r="X103" s="807" t="s">
        <v>1498</v>
      </c>
      <c r="Y103" s="807" t="s">
        <v>1498</v>
      </c>
      <c r="Z103" s="807" t="s">
        <v>1498</v>
      </c>
      <c r="AA103" s="807" t="s">
        <v>1498</v>
      </c>
      <c r="AB103" s="807" t="s">
        <v>1498</v>
      </c>
      <c r="AC103" s="807" t="s">
        <v>1498</v>
      </c>
      <c r="AD103" s="807" t="s">
        <v>1498</v>
      </c>
      <c r="AE103" s="807" t="s">
        <v>1498</v>
      </c>
      <c r="AF103" s="807" t="s">
        <v>1498</v>
      </c>
      <c r="AG103" s="842" t="s">
        <v>1498</v>
      </c>
      <c r="AH103" s="842" t="s">
        <v>1498</v>
      </c>
      <c r="AI103" s="842" t="s">
        <v>1498</v>
      </c>
      <c r="AJ103" s="842" t="s">
        <v>1498</v>
      </c>
      <c r="AK103" s="842" t="s">
        <v>1498</v>
      </c>
      <c r="AL103" s="842" t="s">
        <v>1498</v>
      </c>
      <c r="AM103" s="842" t="s">
        <v>1498</v>
      </c>
      <c r="AN103" s="842" t="s">
        <v>1498</v>
      </c>
      <c r="AO103" s="842" t="s">
        <v>1498</v>
      </c>
      <c r="AP103" s="842" t="s">
        <v>1498</v>
      </c>
      <c r="AQ103" s="842">
        <f t="shared" si="7"/>
        <v>0</v>
      </c>
      <c r="AR103" s="797" t="s">
        <v>1896</v>
      </c>
      <c r="AS103" s="797" t="s">
        <v>722</v>
      </c>
      <c r="AT103" s="797" t="s">
        <v>53</v>
      </c>
      <c r="AU103" s="801">
        <v>12923</v>
      </c>
      <c r="AV103" s="813">
        <f>ROUND((VLOOKUP(G103,'[6]Cost Summary'!A:H,8,)),0.1)</f>
        <v>12923</v>
      </c>
      <c r="AW103" s="797">
        <v>0</v>
      </c>
      <c r="AX103" s="797" t="s">
        <v>1500</v>
      </c>
      <c r="AY103" s="814" t="s">
        <v>1584</v>
      </c>
      <c r="AZ103" s="805">
        <v>8395.83</v>
      </c>
    </row>
    <row r="104" spans="1:52" ht="90" hidden="1" x14ac:dyDescent="0.25">
      <c r="A104" s="785"/>
      <c r="B104" s="785" t="s">
        <v>66</v>
      </c>
      <c r="C104" s="785"/>
      <c r="D104" s="785"/>
      <c r="E104" s="785"/>
      <c r="F104" s="785"/>
      <c r="G104" s="797" t="s">
        <v>1897</v>
      </c>
      <c r="H104" s="797" t="s">
        <v>932</v>
      </c>
      <c r="I104" s="798" t="s">
        <v>1117</v>
      </c>
      <c r="J104" s="797" t="s">
        <v>1118</v>
      </c>
      <c r="K104" s="797" t="s">
        <v>1899</v>
      </c>
      <c r="L104" s="797" t="s">
        <v>1900</v>
      </c>
      <c r="M104" s="797" t="s">
        <v>1488</v>
      </c>
      <c r="N104" s="797" t="s">
        <v>1489</v>
      </c>
      <c r="O104" s="797">
        <v>1</v>
      </c>
      <c r="P104" s="797" t="s">
        <v>1490</v>
      </c>
      <c r="Q104" s="797" t="s">
        <v>1491</v>
      </c>
      <c r="R104" s="797" t="s">
        <v>1492</v>
      </c>
      <c r="S104" s="797" t="s">
        <v>1493</v>
      </c>
      <c r="T104" s="797" t="s">
        <v>1514</v>
      </c>
      <c r="U104" s="799" t="s">
        <v>1495</v>
      </c>
      <c r="V104" s="799" t="s">
        <v>3270</v>
      </c>
      <c r="W104" s="806">
        <v>18</v>
      </c>
      <c r="X104" s="806">
        <v>0</v>
      </c>
      <c r="Y104" s="806">
        <v>0</v>
      </c>
      <c r="Z104" s="806">
        <v>0</v>
      </c>
      <c r="AA104" s="806">
        <v>0</v>
      </c>
      <c r="AB104" s="806">
        <v>1</v>
      </c>
      <c r="AC104" s="806">
        <v>0</v>
      </c>
      <c r="AD104" s="806">
        <v>3</v>
      </c>
      <c r="AE104" s="806">
        <v>1</v>
      </c>
      <c r="AF104" s="806">
        <v>21</v>
      </c>
      <c r="AG104" s="841">
        <f t="shared" ref="AG104:AG112" si="12">W104/(SUM($W104:$AF104))</f>
        <v>0.40909090909090912</v>
      </c>
      <c r="AH104" s="841">
        <f t="shared" ref="AH104:AH112" si="13">X104/(SUM($W104:$AF104))</f>
        <v>0</v>
      </c>
      <c r="AI104" s="841">
        <f t="shared" ref="AI104:AI112" si="14">Y104/(SUM($W104:$AF104))</f>
        <v>0</v>
      </c>
      <c r="AJ104" s="841">
        <f t="shared" ref="AJ104:AJ112" si="15">Z104/(SUM($W104:$AF104))</f>
        <v>0</v>
      </c>
      <c r="AK104" s="841">
        <f t="shared" ref="AK104:AK112" si="16">AA104/(SUM($W104:$AF104))</f>
        <v>0</v>
      </c>
      <c r="AL104" s="841">
        <f t="shared" ref="AL104:AL112" si="17">AB104/(SUM($W104:$AF104))</f>
        <v>2.2727272727272728E-2</v>
      </c>
      <c r="AM104" s="841">
        <f t="shared" ref="AM104:AM112" si="18">AC104/(SUM($W104:$AF104))</f>
        <v>0</v>
      </c>
      <c r="AN104" s="841">
        <f t="shared" ref="AN104:AN112" si="19">AD104/(SUM($W104:$AF104))</f>
        <v>6.8181818181818177E-2</v>
      </c>
      <c r="AO104" s="841">
        <f t="shared" ref="AO104:AO112" si="20">AE104/(SUM($W104:$AF104))</f>
        <v>2.2727272727272728E-2</v>
      </c>
      <c r="AP104" s="841">
        <f t="shared" ref="AP104:AP112" si="21">AF104/(SUM($W104:$AF104))</f>
        <v>0.47727272727272729</v>
      </c>
      <c r="AQ104" s="1300">
        <f t="shared" si="7"/>
        <v>1</v>
      </c>
      <c r="AR104" s="797" t="s">
        <v>1896</v>
      </c>
      <c r="AS104" s="797" t="s">
        <v>722</v>
      </c>
      <c r="AT104" s="797" t="s">
        <v>53</v>
      </c>
      <c r="AU104" s="801">
        <v>272111</v>
      </c>
      <c r="AV104" s="813">
        <f>ROUND((VLOOKUP(G104,'[6]Cost Summary'!A:H,8,)),0.1)</f>
        <v>272111</v>
      </c>
      <c r="AW104" s="797">
        <v>2</v>
      </c>
      <c r="AX104" s="797">
        <v>8</v>
      </c>
      <c r="AY104" s="814" t="s">
        <v>1584</v>
      </c>
      <c r="AZ104" s="805">
        <v>176783.75</v>
      </c>
    </row>
    <row r="105" spans="1:52" ht="165" hidden="1" x14ac:dyDescent="0.25">
      <c r="A105" s="785"/>
      <c r="B105" s="785" t="s">
        <v>66</v>
      </c>
      <c r="C105" s="785"/>
      <c r="D105" s="785"/>
      <c r="E105" s="785"/>
      <c r="F105" s="785"/>
      <c r="G105" s="797" t="s">
        <v>1901</v>
      </c>
      <c r="H105" s="797" t="s">
        <v>900</v>
      </c>
      <c r="I105" s="798" t="s">
        <v>1119</v>
      </c>
      <c r="J105" s="797" t="s">
        <v>1120</v>
      </c>
      <c r="K105" s="797" t="s">
        <v>1521</v>
      </c>
      <c r="L105" s="797" t="s">
        <v>1521</v>
      </c>
      <c r="M105" s="797" t="s">
        <v>1488</v>
      </c>
      <c r="N105" s="797" t="s">
        <v>1489</v>
      </c>
      <c r="O105" s="797">
        <v>1</v>
      </c>
      <c r="P105" s="797" t="s">
        <v>1490</v>
      </c>
      <c r="Q105" s="797" t="s">
        <v>1491</v>
      </c>
      <c r="R105" s="797" t="s">
        <v>1492</v>
      </c>
      <c r="S105" s="797" t="s">
        <v>1493</v>
      </c>
      <c r="T105" s="797" t="s">
        <v>1514</v>
      </c>
      <c r="U105" s="799" t="s">
        <v>1495</v>
      </c>
      <c r="V105" s="799" t="s">
        <v>3270</v>
      </c>
      <c r="W105" s="806">
        <v>18</v>
      </c>
      <c r="X105" s="806">
        <v>0</v>
      </c>
      <c r="Y105" s="806">
        <v>0</v>
      </c>
      <c r="Z105" s="806">
        <v>0</v>
      </c>
      <c r="AA105" s="806">
        <v>0</v>
      </c>
      <c r="AB105" s="806">
        <v>1</v>
      </c>
      <c r="AC105" s="806">
        <v>0</v>
      </c>
      <c r="AD105" s="806">
        <v>3</v>
      </c>
      <c r="AE105" s="806">
        <v>1</v>
      </c>
      <c r="AF105" s="806">
        <v>21</v>
      </c>
      <c r="AG105" s="841">
        <f t="shared" si="12"/>
        <v>0.40909090909090912</v>
      </c>
      <c r="AH105" s="841">
        <f t="shared" si="13"/>
        <v>0</v>
      </c>
      <c r="AI105" s="841">
        <f t="shared" si="14"/>
        <v>0</v>
      </c>
      <c r="AJ105" s="841">
        <f t="shared" si="15"/>
        <v>0</v>
      </c>
      <c r="AK105" s="841">
        <f t="shared" si="16"/>
        <v>0</v>
      </c>
      <c r="AL105" s="841">
        <f t="shared" si="17"/>
        <v>2.2727272727272728E-2</v>
      </c>
      <c r="AM105" s="841">
        <f t="shared" si="18"/>
        <v>0</v>
      </c>
      <c r="AN105" s="841">
        <f t="shared" si="19"/>
        <v>6.8181818181818177E-2</v>
      </c>
      <c r="AO105" s="841">
        <f t="shared" si="20"/>
        <v>2.2727272727272728E-2</v>
      </c>
      <c r="AP105" s="841">
        <f t="shared" si="21"/>
        <v>0.47727272727272729</v>
      </c>
      <c r="AQ105" s="1300">
        <f t="shared" si="7"/>
        <v>1</v>
      </c>
      <c r="AR105" s="797" t="s">
        <v>1896</v>
      </c>
      <c r="AS105" s="797" t="s">
        <v>722</v>
      </c>
      <c r="AT105" s="797" t="s">
        <v>53</v>
      </c>
      <c r="AU105" s="801">
        <v>53644</v>
      </c>
      <c r="AV105" s="813">
        <f>ROUND((VLOOKUP(G105,'[6]Cost Summary'!A:H,8,)),0.1)</f>
        <v>53644</v>
      </c>
      <c r="AW105" s="797">
        <v>1</v>
      </c>
      <c r="AX105" s="797">
        <v>8</v>
      </c>
      <c r="AY105" s="814" t="s">
        <v>1584</v>
      </c>
      <c r="AZ105" s="805">
        <v>34850.86</v>
      </c>
    </row>
    <row r="106" spans="1:52" ht="105" hidden="1" x14ac:dyDescent="0.25">
      <c r="A106" s="785"/>
      <c r="B106" s="785" t="s">
        <v>66</v>
      </c>
      <c r="C106" s="785"/>
      <c r="D106" s="785"/>
      <c r="E106" s="785"/>
      <c r="F106" s="785"/>
      <c r="G106" s="797" t="s">
        <v>1903</v>
      </c>
      <c r="H106" s="797" t="s">
        <v>932</v>
      </c>
      <c r="I106" s="798" t="s">
        <v>1121</v>
      </c>
      <c r="J106" s="797" t="s">
        <v>1122</v>
      </c>
      <c r="K106" s="797" t="s">
        <v>1521</v>
      </c>
      <c r="L106" s="797" t="s">
        <v>1521</v>
      </c>
      <c r="M106" s="797" t="s">
        <v>1488</v>
      </c>
      <c r="N106" s="797" t="s">
        <v>1489</v>
      </c>
      <c r="O106" s="797">
        <v>1</v>
      </c>
      <c r="P106" s="797" t="s">
        <v>1490</v>
      </c>
      <c r="Q106" s="797" t="s">
        <v>1491</v>
      </c>
      <c r="R106" s="797" t="s">
        <v>1492</v>
      </c>
      <c r="S106" s="797" t="s">
        <v>1493</v>
      </c>
      <c r="T106" s="797" t="s">
        <v>1514</v>
      </c>
      <c r="U106" s="799" t="s">
        <v>1495</v>
      </c>
      <c r="V106" s="799" t="s">
        <v>3270</v>
      </c>
      <c r="W106" s="806">
        <v>18</v>
      </c>
      <c r="X106" s="806">
        <v>0</v>
      </c>
      <c r="Y106" s="806">
        <v>0</v>
      </c>
      <c r="Z106" s="806">
        <v>0</v>
      </c>
      <c r="AA106" s="806">
        <v>0</v>
      </c>
      <c r="AB106" s="806">
        <v>1</v>
      </c>
      <c r="AC106" s="806">
        <v>0</v>
      </c>
      <c r="AD106" s="806">
        <v>3</v>
      </c>
      <c r="AE106" s="806">
        <v>1</v>
      </c>
      <c r="AF106" s="806">
        <v>21</v>
      </c>
      <c r="AG106" s="841">
        <f t="shared" si="12"/>
        <v>0.40909090909090912</v>
      </c>
      <c r="AH106" s="841">
        <f t="shared" si="13"/>
        <v>0</v>
      </c>
      <c r="AI106" s="841">
        <f t="shared" si="14"/>
        <v>0</v>
      </c>
      <c r="AJ106" s="841">
        <f t="shared" si="15"/>
        <v>0</v>
      </c>
      <c r="AK106" s="841">
        <f t="shared" si="16"/>
        <v>0</v>
      </c>
      <c r="AL106" s="841">
        <f t="shared" si="17"/>
        <v>2.2727272727272728E-2</v>
      </c>
      <c r="AM106" s="841">
        <f t="shared" si="18"/>
        <v>0</v>
      </c>
      <c r="AN106" s="841">
        <f t="shared" si="19"/>
        <v>6.8181818181818177E-2</v>
      </c>
      <c r="AO106" s="841">
        <f t="shared" si="20"/>
        <v>2.2727272727272728E-2</v>
      </c>
      <c r="AP106" s="841">
        <f t="shared" si="21"/>
        <v>0.47727272727272729</v>
      </c>
      <c r="AQ106" s="1300">
        <f t="shared" si="7"/>
        <v>1</v>
      </c>
      <c r="AR106" s="797" t="s">
        <v>1896</v>
      </c>
      <c r="AS106" s="797" t="s">
        <v>722</v>
      </c>
      <c r="AT106" s="797" t="s">
        <v>53</v>
      </c>
      <c r="AU106" s="801">
        <v>1142233</v>
      </c>
      <c r="AV106" s="813">
        <f>ROUND((VLOOKUP(G106,'[6]Cost Summary'!A:H,8,)),0.1)</f>
        <v>1142233</v>
      </c>
      <c r="AW106" s="797">
        <v>1</v>
      </c>
      <c r="AX106" s="797">
        <v>8</v>
      </c>
      <c r="AY106" s="814" t="s">
        <v>1584</v>
      </c>
      <c r="AZ106" s="805">
        <v>742080.63</v>
      </c>
    </row>
    <row r="107" spans="1:52" ht="45" hidden="1" x14ac:dyDescent="0.25">
      <c r="A107" s="785"/>
      <c r="B107" s="785" t="s">
        <v>66</v>
      </c>
      <c r="C107" s="785"/>
      <c r="D107" s="785"/>
      <c r="E107" s="785"/>
      <c r="F107" s="785"/>
      <c r="G107" s="797" t="s">
        <v>1905</v>
      </c>
      <c r="H107" s="797" t="s">
        <v>932</v>
      </c>
      <c r="I107" s="798" t="s">
        <v>1123</v>
      </c>
      <c r="J107" s="797" t="s">
        <v>1906</v>
      </c>
      <c r="K107" s="797" t="s">
        <v>1907</v>
      </c>
      <c r="L107" s="797" t="s">
        <v>1908</v>
      </c>
      <c r="M107" s="797" t="s">
        <v>1488</v>
      </c>
      <c r="N107" s="797" t="s">
        <v>1489</v>
      </c>
      <c r="O107" s="797">
        <v>1</v>
      </c>
      <c r="P107" s="797" t="s">
        <v>1490</v>
      </c>
      <c r="Q107" s="797" t="s">
        <v>1491</v>
      </c>
      <c r="R107" s="797" t="s">
        <v>1492</v>
      </c>
      <c r="S107" s="797" t="s">
        <v>1493</v>
      </c>
      <c r="T107" s="797" t="s">
        <v>1514</v>
      </c>
      <c r="U107" s="799" t="s">
        <v>1495</v>
      </c>
      <c r="V107" s="799" t="s">
        <v>3270</v>
      </c>
      <c r="W107" s="806">
        <v>15</v>
      </c>
      <c r="X107" s="806">
        <v>0</v>
      </c>
      <c r="Y107" s="806">
        <v>0</v>
      </c>
      <c r="Z107" s="806">
        <v>0</v>
      </c>
      <c r="AA107" s="806">
        <v>0</v>
      </c>
      <c r="AB107" s="806">
        <v>2</v>
      </c>
      <c r="AC107" s="806">
        <v>0</v>
      </c>
      <c r="AD107" s="806">
        <v>0</v>
      </c>
      <c r="AE107" s="806">
        <v>0</v>
      </c>
      <c r="AF107" s="806">
        <v>21</v>
      </c>
      <c r="AG107" s="841">
        <f t="shared" si="12"/>
        <v>0.39473684210526316</v>
      </c>
      <c r="AH107" s="841">
        <f t="shared" si="13"/>
        <v>0</v>
      </c>
      <c r="AI107" s="841">
        <f t="shared" si="14"/>
        <v>0</v>
      </c>
      <c r="AJ107" s="841">
        <f t="shared" si="15"/>
        <v>0</v>
      </c>
      <c r="AK107" s="841">
        <f t="shared" si="16"/>
        <v>0</v>
      </c>
      <c r="AL107" s="841">
        <f t="shared" si="17"/>
        <v>5.2631578947368418E-2</v>
      </c>
      <c r="AM107" s="841">
        <f t="shared" si="18"/>
        <v>0</v>
      </c>
      <c r="AN107" s="841">
        <f t="shared" si="19"/>
        <v>0</v>
      </c>
      <c r="AO107" s="841">
        <f t="shared" si="20"/>
        <v>0</v>
      </c>
      <c r="AP107" s="841">
        <f t="shared" si="21"/>
        <v>0.55263157894736847</v>
      </c>
      <c r="AQ107" s="1300">
        <f t="shared" si="7"/>
        <v>1</v>
      </c>
      <c r="AR107" s="797" t="s">
        <v>1896</v>
      </c>
      <c r="AS107" s="797" t="s">
        <v>722</v>
      </c>
      <c r="AT107" s="797" t="s">
        <v>53</v>
      </c>
      <c r="AU107" s="801">
        <v>348049</v>
      </c>
      <c r="AV107" s="813">
        <f>ROUND((VLOOKUP(G107,'[6]Cost Summary'!A:H,8,)),0.1)</f>
        <v>348049</v>
      </c>
      <c r="AW107" s="797">
        <v>1</v>
      </c>
      <c r="AX107" s="797">
        <v>8</v>
      </c>
      <c r="AY107" s="814" t="s">
        <v>1584</v>
      </c>
      <c r="AZ107" s="805">
        <v>226118.75</v>
      </c>
    </row>
    <row r="108" spans="1:52" ht="45" hidden="1" x14ac:dyDescent="0.25">
      <c r="A108" s="785"/>
      <c r="B108" s="785" t="s">
        <v>66</v>
      </c>
      <c r="C108" s="785"/>
      <c r="D108" s="785"/>
      <c r="E108" s="785"/>
      <c r="F108" s="785"/>
      <c r="G108" s="797" t="s">
        <v>1909</v>
      </c>
      <c r="H108" s="797" t="s">
        <v>932</v>
      </c>
      <c r="I108" s="798" t="s">
        <v>1125</v>
      </c>
      <c r="J108" s="797" t="s">
        <v>1126</v>
      </c>
      <c r="K108" s="797" t="s">
        <v>1521</v>
      </c>
      <c r="L108" s="797" t="s">
        <v>1521</v>
      </c>
      <c r="M108" s="797" t="s">
        <v>1488</v>
      </c>
      <c r="N108" s="797" t="s">
        <v>1489</v>
      </c>
      <c r="O108" s="797">
        <v>1</v>
      </c>
      <c r="P108" s="797" t="s">
        <v>1490</v>
      </c>
      <c r="Q108" s="797" t="s">
        <v>1491</v>
      </c>
      <c r="R108" s="797" t="s">
        <v>1492</v>
      </c>
      <c r="S108" s="797" t="s">
        <v>1493</v>
      </c>
      <c r="T108" s="797" t="s">
        <v>1514</v>
      </c>
      <c r="U108" s="799" t="s">
        <v>1495</v>
      </c>
      <c r="V108" s="799" t="s">
        <v>3270</v>
      </c>
      <c r="W108" s="806">
        <v>15</v>
      </c>
      <c r="X108" s="806">
        <v>0</v>
      </c>
      <c r="Y108" s="806">
        <v>0</v>
      </c>
      <c r="Z108" s="806">
        <v>0</v>
      </c>
      <c r="AA108" s="806">
        <v>0</v>
      </c>
      <c r="AB108" s="806">
        <v>2</v>
      </c>
      <c r="AC108" s="806">
        <v>0</v>
      </c>
      <c r="AD108" s="806">
        <v>0</v>
      </c>
      <c r="AE108" s="806">
        <v>0</v>
      </c>
      <c r="AF108" s="806">
        <v>21</v>
      </c>
      <c r="AG108" s="841">
        <f t="shared" si="12"/>
        <v>0.39473684210526316</v>
      </c>
      <c r="AH108" s="841">
        <f t="shared" si="13"/>
        <v>0</v>
      </c>
      <c r="AI108" s="841">
        <f t="shared" si="14"/>
        <v>0</v>
      </c>
      <c r="AJ108" s="841">
        <f t="shared" si="15"/>
        <v>0</v>
      </c>
      <c r="AK108" s="841">
        <f t="shared" si="16"/>
        <v>0</v>
      </c>
      <c r="AL108" s="841">
        <f t="shared" si="17"/>
        <v>5.2631578947368418E-2</v>
      </c>
      <c r="AM108" s="841">
        <f t="shared" si="18"/>
        <v>0</v>
      </c>
      <c r="AN108" s="841">
        <f t="shared" si="19"/>
        <v>0</v>
      </c>
      <c r="AO108" s="841">
        <f t="shared" si="20"/>
        <v>0</v>
      </c>
      <c r="AP108" s="841">
        <f t="shared" si="21"/>
        <v>0.55263157894736847</v>
      </c>
      <c r="AQ108" s="1300">
        <f t="shared" si="7"/>
        <v>1</v>
      </c>
      <c r="AR108" s="797" t="s">
        <v>1896</v>
      </c>
      <c r="AS108" s="797" t="s">
        <v>722</v>
      </c>
      <c r="AT108" s="797" t="s">
        <v>53</v>
      </c>
      <c r="AU108" s="801">
        <v>17402</v>
      </c>
      <c r="AV108" s="813">
        <f>ROUND((VLOOKUP(G108,'[6]Cost Summary'!A:H,8,)),0.1)</f>
        <v>17402</v>
      </c>
      <c r="AW108" s="797">
        <v>1</v>
      </c>
      <c r="AX108" s="797">
        <v>8</v>
      </c>
      <c r="AY108" s="814" t="s">
        <v>1584</v>
      </c>
      <c r="AZ108" s="805">
        <v>11305.94</v>
      </c>
    </row>
    <row r="109" spans="1:52" ht="60" hidden="1" x14ac:dyDescent="0.25">
      <c r="A109" s="785"/>
      <c r="B109" s="785" t="s">
        <v>66</v>
      </c>
      <c r="C109" s="785"/>
      <c r="D109" s="785"/>
      <c r="E109" s="785"/>
      <c r="F109" s="785"/>
      <c r="G109" s="797" t="s">
        <v>1911</v>
      </c>
      <c r="H109" s="797" t="s">
        <v>932</v>
      </c>
      <c r="I109" s="798" t="s">
        <v>1127</v>
      </c>
      <c r="J109" s="797" t="s">
        <v>1128</v>
      </c>
      <c r="K109" s="797" t="s">
        <v>1521</v>
      </c>
      <c r="L109" s="797" t="s">
        <v>1521</v>
      </c>
      <c r="M109" s="797" t="s">
        <v>1488</v>
      </c>
      <c r="N109" s="797" t="s">
        <v>1489</v>
      </c>
      <c r="O109" s="797">
        <v>1</v>
      </c>
      <c r="P109" s="797" t="s">
        <v>1490</v>
      </c>
      <c r="Q109" s="797" t="s">
        <v>1491</v>
      </c>
      <c r="R109" s="797" t="s">
        <v>1492</v>
      </c>
      <c r="S109" s="797" t="s">
        <v>1493</v>
      </c>
      <c r="T109" s="797" t="s">
        <v>1912</v>
      </c>
      <c r="U109" s="799" t="s">
        <v>1495</v>
      </c>
      <c r="V109" s="799" t="s">
        <v>3271</v>
      </c>
      <c r="W109" s="806">
        <v>1</v>
      </c>
      <c r="X109" s="806">
        <v>1</v>
      </c>
      <c r="Y109" s="806">
        <v>3</v>
      </c>
      <c r="Z109" s="806">
        <v>0</v>
      </c>
      <c r="AA109" s="806">
        <v>0</v>
      </c>
      <c r="AB109" s="806">
        <v>1</v>
      </c>
      <c r="AC109" s="806">
        <v>1</v>
      </c>
      <c r="AD109" s="806">
        <v>1</v>
      </c>
      <c r="AE109" s="806">
        <v>1</v>
      </c>
      <c r="AF109" s="806">
        <v>20</v>
      </c>
      <c r="AG109" s="841">
        <f t="shared" si="12"/>
        <v>3.4482758620689655E-2</v>
      </c>
      <c r="AH109" s="841">
        <f t="shared" si="13"/>
        <v>3.4482758620689655E-2</v>
      </c>
      <c r="AI109" s="841">
        <f t="shared" si="14"/>
        <v>0.10344827586206896</v>
      </c>
      <c r="AJ109" s="841">
        <f t="shared" si="15"/>
        <v>0</v>
      </c>
      <c r="AK109" s="841">
        <f t="shared" si="16"/>
        <v>0</v>
      </c>
      <c r="AL109" s="841">
        <f t="shared" si="17"/>
        <v>3.4482758620689655E-2</v>
      </c>
      <c r="AM109" s="841">
        <f t="shared" si="18"/>
        <v>3.4482758620689655E-2</v>
      </c>
      <c r="AN109" s="841">
        <f t="shared" si="19"/>
        <v>3.4482758620689655E-2</v>
      </c>
      <c r="AO109" s="841">
        <f t="shared" si="20"/>
        <v>3.4482758620689655E-2</v>
      </c>
      <c r="AP109" s="841">
        <f t="shared" si="21"/>
        <v>0.68965517241379315</v>
      </c>
      <c r="AQ109" s="1300">
        <f t="shared" si="7"/>
        <v>1</v>
      </c>
      <c r="AR109" s="797" t="s">
        <v>1896</v>
      </c>
      <c r="AS109" s="797" t="s">
        <v>722</v>
      </c>
      <c r="AT109" s="797" t="s">
        <v>53</v>
      </c>
      <c r="AU109" s="801">
        <v>257556</v>
      </c>
      <c r="AV109" s="813">
        <f>ROUND((VLOOKUP(G109,'[6]Cost Summary'!A:H,8,)),0.1)</f>
        <v>257556</v>
      </c>
      <c r="AW109" s="797">
        <v>1</v>
      </c>
      <c r="AX109" s="797">
        <v>4</v>
      </c>
      <c r="AY109" s="814" t="s">
        <v>1584</v>
      </c>
      <c r="AZ109" s="805">
        <v>167327.88</v>
      </c>
    </row>
    <row r="110" spans="1:52" ht="60" hidden="1" x14ac:dyDescent="0.25">
      <c r="A110" s="785"/>
      <c r="B110" s="785" t="s">
        <v>66</v>
      </c>
      <c r="C110" s="785"/>
      <c r="D110" s="785"/>
      <c r="E110" s="785"/>
      <c r="F110" s="785"/>
      <c r="G110" s="797" t="s">
        <v>1913</v>
      </c>
      <c r="H110" s="797" t="s">
        <v>932</v>
      </c>
      <c r="I110" s="798" t="s">
        <v>1129</v>
      </c>
      <c r="J110" s="797" t="s">
        <v>1130</v>
      </c>
      <c r="K110" s="797">
        <v>51.759238760000002</v>
      </c>
      <c r="L110" s="797">
        <v>-0.45533892300000001</v>
      </c>
      <c r="M110" s="797" t="s">
        <v>1488</v>
      </c>
      <c r="N110" s="797" t="s">
        <v>1489</v>
      </c>
      <c r="O110" s="797">
        <v>1</v>
      </c>
      <c r="P110" s="797" t="s">
        <v>1490</v>
      </c>
      <c r="Q110" s="797" t="s">
        <v>1491</v>
      </c>
      <c r="R110" s="797" t="s">
        <v>1492</v>
      </c>
      <c r="S110" s="797" t="s">
        <v>1493</v>
      </c>
      <c r="T110" s="797" t="s">
        <v>1912</v>
      </c>
      <c r="U110" s="799" t="s">
        <v>1495</v>
      </c>
      <c r="V110" s="799" t="s">
        <v>3271</v>
      </c>
      <c r="W110" s="806">
        <v>1</v>
      </c>
      <c r="X110" s="806">
        <v>1</v>
      </c>
      <c r="Y110" s="806">
        <v>3</v>
      </c>
      <c r="Z110" s="806">
        <v>0</v>
      </c>
      <c r="AA110" s="806">
        <v>0</v>
      </c>
      <c r="AB110" s="806">
        <v>1</v>
      </c>
      <c r="AC110" s="806">
        <v>1</v>
      </c>
      <c r="AD110" s="806">
        <v>1</v>
      </c>
      <c r="AE110" s="806">
        <v>1</v>
      </c>
      <c r="AF110" s="806">
        <v>3</v>
      </c>
      <c r="AG110" s="841">
        <f t="shared" si="12"/>
        <v>8.3333333333333329E-2</v>
      </c>
      <c r="AH110" s="841">
        <f t="shared" si="13"/>
        <v>8.3333333333333329E-2</v>
      </c>
      <c r="AI110" s="841">
        <f t="shared" si="14"/>
        <v>0.25</v>
      </c>
      <c r="AJ110" s="841">
        <f t="shared" si="15"/>
        <v>0</v>
      </c>
      <c r="AK110" s="841">
        <f t="shared" si="16"/>
        <v>0</v>
      </c>
      <c r="AL110" s="841">
        <f t="shared" si="17"/>
        <v>8.3333333333333329E-2</v>
      </c>
      <c r="AM110" s="841">
        <f t="shared" si="18"/>
        <v>8.3333333333333329E-2</v>
      </c>
      <c r="AN110" s="841">
        <f t="shared" si="19"/>
        <v>8.3333333333333329E-2</v>
      </c>
      <c r="AO110" s="841">
        <f t="shared" si="20"/>
        <v>8.3333333333333329E-2</v>
      </c>
      <c r="AP110" s="841">
        <f t="shared" si="21"/>
        <v>0.25</v>
      </c>
      <c r="AQ110" s="1300">
        <f t="shared" si="7"/>
        <v>1</v>
      </c>
      <c r="AR110" s="797" t="s">
        <v>1896</v>
      </c>
      <c r="AS110" s="797" t="s">
        <v>722</v>
      </c>
      <c r="AT110" s="797" t="s">
        <v>53</v>
      </c>
      <c r="AU110" s="801">
        <v>199337</v>
      </c>
      <c r="AV110" s="813">
        <f>ROUND((VLOOKUP(G110,'[6]Cost Summary'!A:H,8,)),0.1)</f>
        <v>199337</v>
      </c>
      <c r="AW110" s="797">
        <v>1</v>
      </c>
      <c r="AX110" s="797">
        <v>4</v>
      </c>
      <c r="AY110" s="814" t="s">
        <v>1584</v>
      </c>
      <c r="AZ110" s="805">
        <v>129504.38</v>
      </c>
    </row>
    <row r="111" spans="1:52" ht="60" hidden="1" x14ac:dyDescent="0.25">
      <c r="A111" s="785"/>
      <c r="B111" s="785" t="s">
        <v>66</v>
      </c>
      <c r="C111" s="785"/>
      <c r="D111" s="785"/>
      <c r="E111" s="785"/>
      <c r="F111" s="785"/>
      <c r="G111" s="797" t="s">
        <v>1914</v>
      </c>
      <c r="H111" s="797" t="s">
        <v>900</v>
      </c>
      <c r="I111" s="798" t="s">
        <v>1131</v>
      </c>
      <c r="J111" s="797" t="s">
        <v>1132</v>
      </c>
      <c r="K111" s="797"/>
      <c r="L111" s="797"/>
      <c r="M111" s="797" t="s">
        <v>1488</v>
      </c>
      <c r="N111" s="797" t="s">
        <v>1489</v>
      </c>
      <c r="O111" s="797">
        <v>1</v>
      </c>
      <c r="P111" s="797" t="s">
        <v>1490</v>
      </c>
      <c r="Q111" s="797" t="s">
        <v>1491</v>
      </c>
      <c r="R111" s="797" t="s">
        <v>1492</v>
      </c>
      <c r="S111" s="797" t="s">
        <v>1493</v>
      </c>
      <c r="T111" s="797" t="s">
        <v>1912</v>
      </c>
      <c r="U111" s="799" t="s">
        <v>1495</v>
      </c>
      <c r="V111" s="799" t="s">
        <v>3271</v>
      </c>
      <c r="W111" s="806">
        <v>1</v>
      </c>
      <c r="X111" s="806">
        <v>1</v>
      </c>
      <c r="Y111" s="806">
        <v>3</v>
      </c>
      <c r="Z111" s="806">
        <v>0</v>
      </c>
      <c r="AA111" s="806">
        <v>0</v>
      </c>
      <c r="AB111" s="806">
        <v>1</v>
      </c>
      <c r="AC111" s="806">
        <v>1</v>
      </c>
      <c r="AD111" s="806">
        <v>1</v>
      </c>
      <c r="AE111" s="806">
        <v>1</v>
      </c>
      <c r="AF111" s="806">
        <v>3</v>
      </c>
      <c r="AG111" s="841">
        <f t="shared" si="12"/>
        <v>8.3333333333333329E-2</v>
      </c>
      <c r="AH111" s="841">
        <f t="shared" si="13"/>
        <v>8.3333333333333329E-2</v>
      </c>
      <c r="AI111" s="841">
        <f t="shared" si="14"/>
        <v>0.25</v>
      </c>
      <c r="AJ111" s="841">
        <f t="shared" si="15"/>
        <v>0</v>
      </c>
      <c r="AK111" s="841">
        <f t="shared" si="16"/>
        <v>0</v>
      </c>
      <c r="AL111" s="841">
        <f t="shared" si="17"/>
        <v>8.3333333333333329E-2</v>
      </c>
      <c r="AM111" s="841">
        <f t="shared" si="18"/>
        <v>8.3333333333333329E-2</v>
      </c>
      <c r="AN111" s="841">
        <f t="shared" si="19"/>
        <v>8.3333333333333329E-2</v>
      </c>
      <c r="AO111" s="841">
        <f t="shared" si="20"/>
        <v>8.3333333333333329E-2</v>
      </c>
      <c r="AP111" s="841">
        <f t="shared" si="21"/>
        <v>0.25</v>
      </c>
      <c r="AQ111" s="1300">
        <f t="shared" si="7"/>
        <v>1</v>
      </c>
      <c r="AR111" s="797" t="s">
        <v>1896</v>
      </c>
      <c r="AS111" s="797" t="s">
        <v>722</v>
      </c>
      <c r="AT111" s="797" t="s">
        <v>53</v>
      </c>
      <c r="AU111" s="801">
        <v>319572</v>
      </c>
      <c r="AV111" s="813">
        <f>ROUND((VLOOKUP(G111,'[6]Cost Summary'!A:H,8,)),0.1)</f>
        <v>319572</v>
      </c>
      <c r="AW111" s="797">
        <v>1</v>
      </c>
      <c r="AX111" s="797">
        <v>4</v>
      </c>
      <c r="AY111" s="814" t="s">
        <v>1584</v>
      </c>
      <c r="AZ111" s="805">
        <v>207618.13</v>
      </c>
    </row>
    <row r="112" spans="1:52" ht="60" hidden="1" x14ac:dyDescent="0.25">
      <c r="A112" s="785"/>
      <c r="B112" s="785" t="s">
        <v>66</v>
      </c>
      <c r="C112" s="785"/>
      <c r="D112" s="785"/>
      <c r="E112" s="785"/>
      <c r="F112" s="785"/>
      <c r="G112" s="797" t="s">
        <v>1916</v>
      </c>
      <c r="H112" s="797" t="s">
        <v>932</v>
      </c>
      <c r="I112" s="798" t="s">
        <v>1133</v>
      </c>
      <c r="J112" s="797" t="s">
        <v>1134</v>
      </c>
      <c r="K112" s="797" t="s">
        <v>253</v>
      </c>
      <c r="L112" s="797" t="s">
        <v>253</v>
      </c>
      <c r="M112" s="797" t="s">
        <v>1488</v>
      </c>
      <c r="N112" s="797" t="s">
        <v>1489</v>
      </c>
      <c r="O112" s="797">
        <v>1</v>
      </c>
      <c r="P112" s="797" t="s">
        <v>1490</v>
      </c>
      <c r="Q112" s="797" t="s">
        <v>1491</v>
      </c>
      <c r="R112" s="797" t="s">
        <v>1492</v>
      </c>
      <c r="S112" s="797" t="s">
        <v>1493</v>
      </c>
      <c r="T112" s="797" t="s">
        <v>1912</v>
      </c>
      <c r="U112" s="799" t="s">
        <v>1495</v>
      </c>
      <c r="V112" s="799" t="s">
        <v>3272</v>
      </c>
      <c r="W112" s="806">
        <v>19</v>
      </c>
      <c r="X112" s="806">
        <v>6</v>
      </c>
      <c r="Y112" s="806">
        <v>4</v>
      </c>
      <c r="Z112" s="806">
        <v>7</v>
      </c>
      <c r="AA112" s="806">
        <v>3</v>
      </c>
      <c r="AB112" s="806">
        <v>2</v>
      </c>
      <c r="AC112" s="806">
        <v>5</v>
      </c>
      <c r="AD112" s="806">
        <v>6</v>
      </c>
      <c r="AE112" s="806">
        <v>2</v>
      </c>
      <c r="AF112" s="806">
        <v>3</v>
      </c>
      <c r="AG112" s="841">
        <f t="shared" si="12"/>
        <v>0.33333333333333331</v>
      </c>
      <c r="AH112" s="841">
        <f t="shared" si="13"/>
        <v>0.10526315789473684</v>
      </c>
      <c r="AI112" s="841">
        <f t="shared" si="14"/>
        <v>7.0175438596491224E-2</v>
      </c>
      <c r="AJ112" s="841">
        <f t="shared" si="15"/>
        <v>0.12280701754385964</v>
      </c>
      <c r="AK112" s="841">
        <f t="shared" si="16"/>
        <v>5.2631578947368418E-2</v>
      </c>
      <c r="AL112" s="841">
        <f t="shared" si="17"/>
        <v>3.5087719298245612E-2</v>
      </c>
      <c r="AM112" s="841">
        <f t="shared" si="18"/>
        <v>8.771929824561403E-2</v>
      </c>
      <c r="AN112" s="841">
        <f t="shared" si="19"/>
        <v>0.10526315789473684</v>
      </c>
      <c r="AO112" s="841">
        <f t="shared" si="20"/>
        <v>3.5087719298245612E-2</v>
      </c>
      <c r="AP112" s="841">
        <f t="shared" si="21"/>
        <v>5.2631578947368418E-2</v>
      </c>
      <c r="AQ112" s="1300">
        <f t="shared" si="7"/>
        <v>0.99999999999999978</v>
      </c>
      <c r="AR112" s="797" t="s">
        <v>1896</v>
      </c>
      <c r="AS112" s="797" t="s">
        <v>722</v>
      </c>
      <c r="AT112" s="797" t="s">
        <v>53</v>
      </c>
      <c r="AU112" s="801">
        <v>10441</v>
      </c>
      <c r="AV112" s="813">
        <f>ROUND((VLOOKUP(G112,'[6]Cost Summary'!A:H,8,)),0.1)</f>
        <v>10441</v>
      </c>
      <c r="AW112" s="797">
        <v>2</v>
      </c>
      <c r="AX112" s="797" t="s">
        <v>1808</v>
      </c>
      <c r="AY112" s="814" t="s">
        <v>1584</v>
      </c>
      <c r="AZ112" s="805">
        <v>6783.56</v>
      </c>
    </row>
    <row r="113" spans="1:52" ht="105" hidden="1" x14ac:dyDescent="0.25">
      <c r="A113" s="785" t="s">
        <v>66</v>
      </c>
      <c r="B113" s="785" t="s">
        <v>66</v>
      </c>
      <c r="C113" s="785"/>
      <c r="D113" s="785"/>
      <c r="E113" s="785"/>
      <c r="F113" s="785"/>
      <c r="G113" s="797" t="s">
        <v>1923</v>
      </c>
      <c r="H113" s="797" t="s">
        <v>932</v>
      </c>
      <c r="I113" s="798" t="s">
        <v>1135</v>
      </c>
      <c r="J113" s="797" t="s">
        <v>1136</v>
      </c>
      <c r="K113" s="797" t="s">
        <v>253</v>
      </c>
      <c r="L113" s="797" t="s">
        <v>253</v>
      </c>
      <c r="M113" s="797" t="s">
        <v>1924</v>
      </c>
      <c r="N113" s="797" t="s">
        <v>1489</v>
      </c>
      <c r="O113" s="797">
        <v>1</v>
      </c>
      <c r="P113" s="797" t="s">
        <v>1490</v>
      </c>
      <c r="Q113" s="797" t="s">
        <v>1491</v>
      </c>
      <c r="R113" s="797" t="s">
        <v>1492</v>
      </c>
      <c r="S113" s="797" t="s">
        <v>1493</v>
      </c>
      <c r="T113" s="797" t="s">
        <v>1925</v>
      </c>
      <c r="U113" s="797" t="s">
        <v>1508</v>
      </c>
      <c r="V113" s="799" t="s">
        <v>3273</v>
      </c>
      <c r="W113" s="807" t="s">
        <v>1498</v>
      </c>
      <c r="X113" s="807" t="s">
        <v>1498</v>
      </c>
      <c r="Y113" s="807" t="s">
        <v>1498</v>
      </c>
      <c r="Z113" s="807" t="s">
        <v>1498</v>
      </c>
      <c r="AA113" s="807" t="s">
        <v>1498</v>
      </c>
      <c r="AB113" s="807" t="s">
        <v>1498</v>
      </c>
      <c r="AC113" s="807" t="s">
        <v>1498</v>
      </c>
      <c r="AD113" s="807" t="s">
        <v>1498</v>
      </c>
      <c r="AE113" s="807" t="s">
        <v>1498</v>
      </c>
      <c r="AF113" s="807" t="s">
        <v>1498</v>
      </c>
      <c r="AG113" s="842" t="s">
        <v>1498</v>
      </c>
      <c r="AH113" s="842" t="s">
        <v>1498</v>
      </c>
      <c r="AI113" s="842" t="s">
        <v>1498</v>
      </c>
      <c r="AJ113" s="842" t="s">
        <v>1498</v>
      </c>
      <c r="AK113" s="842" t="s">
        <v>1498</v>
      </c>
      <c r="AL113" s="842" t="s">
        <v>1498</v>
      </c>
      <c r="AM113" s="842" t="s">
        <v>1498</v>
      </c>
      <c r="AN113" s="842" t="s">
        <v>1498</v>
      </c>
      <c r="AO113" s="842" t="s">
        <v>1498</v>
      </c>
      <c r="AP113" s="842" t="s">
        <v>1498</v>
      </c>
      <c r="AQ113" s="842">
        <f t="shared" si="7"/>
        <v>0</v>
      </c>
      <c r="AR113" s="797" t="s">
        <v>1927</v>
      </c>
      <c r="AS113" s="797" t="s">
        <v>722</v>
      </c>
      <c r="AT113" s="797" t="s">
        <v>53</v>
      </c>
      <c r="AU113" s="801">
        <v>13365</v>
      </c>
      <c r="AV113" s="813">
        <f>ROUND((VLOOKUP(G113,'[6]Cost Summary'!A:H,8,)),0.1)</f>
        <v>13365</v>
      </c>
      <c r="AW113" s="797">
        <v>1</v>
      </c>
      <c r="AX113" s="797">
        <v>1</v>
      </c>
      <c r="AY113" s="814" t="s">
        <v>1584</v>
      </c>
      <c r="AZ113" s="805">
        <v>8682.9599999999991</v>
      </c>
    </row>
    <row r="114" spans="1:52" ht="60" hidden="1" x14ac:dyDescent="0.25">
      <c r="A114" s="785" t="s">
        <v>66</v>
      </c>
      <c r="B114" s="785" t="s">
        <v>66</v>
      </c>
      <c r="C114" s="785"/>
      <c r="D114" s="785"/>
      <c r="E114" s="785"/>
      <c r="F114" s="785"/>
      <c r="G114" s="797" t="s">
        <v>2062</v>
      </c>
      <c r="H114" s="797" t="s">
        <v>932</v>
      </c>
      <c r="I114" s="798" t="s">
        <v>1137</v>
      </c>
      <c r="J114" s="797" t="s">
        <v>1138</v>
      </c>
      <c r="K114" s="797">
        <v>51.774491920000003</v>
      </c>
      <c r="L114" s="797">
        <v>-0.45757292199999999</v>
      </c>
      <c r="M114" s="797" t="s">
        <v>1488</v>
      </c>
      <c r="N114" s="797" t="s">
        <v>1489</v>
      </c>
      <c r="O114" s="797">
        <v>1</v>
      </c>
      <c r="P114" s="797" t="s">
        <v>1490</v>
      </c>
      <c r="Q114" s="797" t="s">
        <v>1491</v>
      </c>
      <c r="R114" s="797" t="s">
        <v>1492</v>
      </c>
      <c r="S114" s="797" t="s">
        <v>1493</v>
      </c>
      <c r="T114" s="797" t="s">
        <v>1925</v>
      </c>
      <c r="U114" s="797" t="s">
        <v>1508</v>
      </c>
      <c r="V114" s="799" t="s">
        <v>3273</v>
      </c>
      <c r="W114" s="807" t="s">
        <v>1498</v>
      </c>
      <c r="X114" s="807" t="s">
        <v>1498</v>
      </c>
      <c r="Y114" s="807" t="s">
        <v>1498</v>
      </c>
      <c r="Z114" s="807" t="s">
        <v>1498</v>
      </c>
      <c r="AA114" s="807" t="s">
        <v>1498</v>
      </c>
      <c r="AB114" s="807" t="s">
        <v>1498</v>
      </c>
      <c r="AC114" s="807" t="s">
        <v>1498</v>
      </c>
      <c r="AD114" s="807" t="s">
        <v>1498</v>
      </c>
      <c r="AE114" s="807" t="s">
        <v>1498</v>
      </c>
      <c r="AF114" s="807" t="s">
        <v>1498</v>
      </c>
      <c r="AG114" s="842" t="s">
        <v>1498</v>
      </c>
      <c r="AH114" s="842" t="s">
        <v>1498</v>
      </c>
      <c r="AI114" s="842" t="s">
        <v>1498</v>
      </c>
      <c r="AJ114" s="842" t="s">
        <v>1498</v>
      </c>
      <c r="AK114" s="842" t="s">
        <v>1498</v>
      </c>
      <c r="AL114" s="842" t="s">
        <v>1498</v>
      </c>
      <c r="AM114" s="842" t="s">
        <v>1498</v>
      </c>
      <c r="AN114" s="842" t="s">
        <v>1498</v>
      </c>
      <c r="AO114" s="842" t="s">
        <v>1498</v>
      </c>
      <c r="AP114" s="842" t="s">
        <v>1498</v>
      </c>
      <c r="AQ114" s="842">
        <f t="shared" si="7"/>
        <v>0</v>
      </c>
      <c r="AR114" s="797" t="s">
        <v>1927</v>
      </c>
      <c r="AS114" s="797" t="s">
        <v>722</v>
      </c>
      <c r="AT114" s="797" t="s">
        <v>53</v>
      </c>
      <c r="AU114" s="801">
        <v>582191</v>
      </c>
      <c r="AV114" s="813">
        <f>ROUND((VLOOKUP(G114,'[6]Cost Summary'!A:H,8,)),0.1)</f>
        <v>582191</v>
      </c>
      <c r="AW114" s="797">
        <v>1</v>
      </c>
      <c r="AX114" s="797">
        <v>1</v>
      </c>
      <c r="AY114" s="814" t="s">
        <v>1584</v>
      </c>
      <c r="AZ114" s="805">
        <v>378235</v>
      </c>
    </row>
    <row r="115" spans="1:52" ht="45" hidden="1" x14ac:dyDescent="0.25">
      <c r="A115" s="785" t="s">
        <v>66</v>
      </c>
      <c r="B115" s="785" t="s">
        <v>66</v>
      </c>
      <c r="C115" s="785"/>
      <c r="D115" s="785"/>
      <c r="E115" s="785"/>
      <c r="F115" s="785"/>
      <c r="G115" s="797" t="s">
        <v>2060</v>
      </c>
      <c r="H115" s="797" t="s">
        <v>932</v>
      </c>
      <c r="I115" s="798" t="s">
        <v>1139</v>
      </c>
      <c r="J115" s="797" t="s">
        <v>1140</v>
      </c>
      <c r="K115" s="797">
        <v>51.772992119999998</v>
      </c>
      <c r="L115" s="797">
        <v>-0.45835406200000001</v>
      </c>
      <c r="M115" s="797" t="s">
        <v>1488</v>
      </c>
      <c r="N115" s="797" t="s">
        <v>1489</v>
      </c>
      <c r="O115" s="797">
        <v>1</v>
      </c>
      <c r="P115" s="797" t="s">
        <v>1490</v>
      </c>
      <c r="Q115" s="797" t="s">
        <v>1491</v>
      </c>
      <c r="R115" s="797" t="s">
        <v>1492</v>
      </c>
      <c r="S115" s="797" t="s">
        <v>1493</v>
      </c>
      <c r="T115" s="797" t="s">
        <v>1925</v>
      </c>
      <c r="U115" s="797" t="s">
        <v>1508</v>
      </c>
      <c r="V115" s="799" t="s">
        <v>3273</v>
      </c>
      <c r="W115" s="807" t="s">
        <v>1498</v>
      </c>
      <c r="X115" s="807" t="s">
        <v>1498</v>
      </c>
      <c r="Y115" s="807" t="s">
        <v>1498</v>
      </c>
      <c r="Z115" s="807" t="s">
        <v>1498</v>
      </c>
      <c r="AA115" s="807" t="s">
        <v>1498</v>
      </c>
      <c r="AB115" s="807" t="s">
        <v>1498</v>
      </c>
      <c r="AC115" s="807" t="s">
        <v>1498</v>
      </c>
      <c r="AD115" s="807" t="s">
        <v>1498</v>
      </c>
      <c r="AE115" s="807" t="s">
        <v>1498</v>
      </c>
      <c r="AF115" s="807" t="s">
        <v>1498</v>
      </c>
      <c r="AG115" s="842" t="s">
        <v>1498</v>
      </c>
      <c r="AH115" s="842" t="s">
        <v>1498</v>
      </c>
      <c r="AI115" s="842" t="s">
        <v>1498</v>
      </c>
      <c r="AJ115" s="842" t="s">
        <v>1498</v>
      </c>
      <c r="AK115" s="842" t="s">
        <v>1498</v>
      </c>
      <c r="AL115" s="842" t="s">
        <v>1498</v>
      </c>
      <c r="AM115" s="842" t="s">
        <v>1498</v>
      </c>
      <c r="AN115" s="842" t="s">
        <v>1498</v>
      </c>
      <c r="AO115" s="842" t="s">
        <v>1498</v>
      </c>
      <c r="AP115" s="842" t="s">
        <v>1498</v>
      </c>
      <c r="AQ115" s="842">
        <f t="shared" si="7"/>
        <v>0</v>
      </c>
      <c r="AR115" s="797" t="s">
        <v>1927</v>
      </c>
      <c r="AS115" s="797" t="s">
        <v>722</v>
      </c>
      <c r="AT115" s="797" t="s">
        <v>53</v>
      </c>
      <c r="AU115" s="801">
        <v>165218</v>
      </c>
      <c r="AV115" s="813">
        <f>ROUND((VLOOKUP(G115,'[6]Cost Summary'!A:H,8,)),0.1)</f>
        <v>165218</v>
      </c>
      <c r="AW115" s="797">
        <v>1</v>
      </c>
      <c r="AX115" s="797">
        <v>1</v>
      </c>
      <c r="AY115" s="814" t="s">
        <v>1584</v>
      </c>
      <c r="AZ115" s="805">
        <v>107338.29</v>
      </c>
    </row>
    <row r="116" spans="1:52" ht="60" hidden="1" x14ac:dyDescent="0.25">
      <c r="A116" s="785" t="s">
        <v>66</v>
      </c>
      <c r="B116" s="785" t="s">
        <v>66</v>
      </c>
      <c r="C116" s="785"/>
      <c r="D116" s="785"/>
      <c r="E116" s="785"/>
      <c r="F116" s="785"/>
      <c r="G116" s="797" t="s">
        <v>2082</v>
      </c>
      <c r="H116" s="797" t="s">
        <v>932</v>
      </c>
      <c r="I116" s="798" t="s">
        <v>1141</v>
      </c>
      <c r="J116" s="797" t="s">
        <v>1142</v>
      </c>
      <c r="K116" s="797" t="s">
        <v>253</v>
      </c>
      <c r="L116" s="797" t="s">
        <v>253</v>
      </c>
      <c r="M116" s="797" t="s">
        <v>1488</v>
      </c>
      <c r="N116" s="797" t="s">
        <v>1489</v>
      </c>
      <c r="O116" s="797">
        <v>1</v>
      </c>
      <c r="P116" s="797" t="s">
        <v>1490</v>
      </c>
      <c r="Q116" s="797" t="s">
        <v>1491</v>
      </c>
      <c r="R116" s="797" t="s">
        <v>1492</v>
      </c>
      <c r="S116" s="797" t="s">
        <v>1493</v>
      </c>
      <c r="T116" s="797" t="s">
        <v>1925</v>
      </c>
      <c r="U116" s="797" t="s">
        <v>1508</v>
      </c>
      <c r="V116" s="799" t="s">
        <v>3273</v>
      </c>
      <c r="W116" s="807" t="s">
        <v>1498</v>
      </c>
      <c r="X116" s="807" t="s">
        <v>1498</v>
      </c>
      <c r="Y116" s="807" t="s">
        <v>1498</v>
      </c>
      <c r="Z116" s="807" t="s">
        <v>1498</v>
      </c>
      <c r="AA116" s="807" t="s">
        <v>1498</v>
      </c>
      <c r="AB116" s="807" t="s">
        <v>1498</v>
      </c>
      <c r="AC116" s="807" t="s">
        <v>1498</v>
      </c>
      <c r="AD116" s="807" t="s">
        <v>1498</v>
      </c>
      <c r="AE116" s="807" t="s">
        <v>1498</v>
      </c>
      <c r="AF116" s="807" t="s">
        <v>1498</v>
      </c>
      <c r="AG116" s="842" t="s">
        <v>1498</v>
      </c>
      <c r="AH116" s="842" t="s">
        <v>1498</v>
      </c>
      <c r="AI116" s="842" t="s">
        <v>1498</v>
      </c>
      <c r="AJ116" s="842" t="s">
        <v>1498</v>
      </c>
      <c r="AK116" s="842" t="s">
        <v>1498</v>
      </c>
      <c r="AL116" s="842" t="s">
        <v>1498</v>
      </c>
      <c r="AM116" s="842" t="s">
        <v>1498</v>
      </c>
      <c r="AN116" s="842" t="s">
        <v>1498</v>
      </c>
      <c r="AO116" s="842" t="s">
        <v>1498</v>
      </c>
      <c r="AP116" s="842" t="s">
        <v>1498</v>
      </c>
      <c r="AQ116" s="842">
        <f t="shared" si="7"/>
        <v>0</v>
      </c>
      <c r="AR116" s="797" t="s">
        <v>1927</v>
      </c>
      <c r="AS116" s="797" t="s">
        <v>722</v>
      </c>
      <c r="AT116" s="797" t="s">
        <v>53</v>
      </c>
      <c r="AU116" s="801">
        <v>933404</v>
      </c>
      <c r="AV116" s="813">
        <f>ROUND((VLOOKUP(G116,'[6]Cost Summary'!A:H,8,)),0.1)</f>
        <v>933404</v>
      </c>
      <c r="AW116" s="797">
        <v>1</v>
      </c>
      <c r="AX116" s="797">
        <v>1</v>
      </c>
      <c r="AY116" s="814" t="s">
        <v>1584</v>
      </c>
      <c r="AZ116" s="805">
        <v>606409.38</v>
      </c>
    </row>
    <row r="117" spans="1:52" ht="75" hidden="1" x14ac:dyDescent="0.25">
      <c r="A117" s="785" t="s">
        <v>66</v>
      </c>
      <c r="B117" s="785" t="s">
        <v>66</v>
      </c>
      <c r="C117" s="785"/>
      <c r="D117" s="785"/>
      <c r="E117" s="785"/>
      <c r="F117" s="785"/>
      <c r="G117" s="797" t="s">
        <v>2110</v>
      </c>
      <c r="H117" s="797" t="s">
        <v>932</v>
      </c>
      <c r="I117" s="798" t="s">
        <v>1143</v>
      </c>
      <c r="J117" s="797" t="s">
        <v>1144</v>
      </c>
      <c r="K117" s="797" t="s">
        <v>1521</v>
      </c>
      <c r="L117" s="797" t="s">
        <v>1521</v>
      </c>
      <c r="M117" s="797" t="s">
        <v>1488</v>
      </c>
      <c r="N117" s="797" t="s">
        <v>1489</v>
      </c>
      <c r="O117" s="797">
        <v>1</v>
      </c>
      <c r="P117" s="797" t="s">
        <v>1490</v>
      </c>
      <c r="Q117" s="797" t="s">
        <v>1491</v>
      </c>
      <c r="R117" s="797" t="s">
        <v>1492</v>
      </c>
      <c r="S117" s="797" t="s">
        <v>1493</v>
      </c>
      <c r="T117" s="797" t="s">
        <v>1925</v>
      </c>
      <c r="U117" s="797" t="s">
        <v>1508</v>
      </c>
      <c r="V117" s="799" t="s">
        <v>3273</v>
      </c>
      <c r="W117" s="807" t="s">
        <v>1498</v>
      </c>
      <c r="X117" s="807" t="s">
        <v>1498</v>
      </c>
      <c r="Y117" s="807" t="s">
        <v>1498</v>
      </c>
      <c r="Z117" s="807" t="s">
        <v>1498</v>
      </c>
      <c r="AA117" s="807" t="s">
        <v>1498</v>
      </c>
      <c r="AB117" s="807" t="s">
        <v>1498</v>
      </c>
      <c r="AC117" s="807" t="s">
        <v>1498</v>
      </c>
      <c r="AD117" s="807" t="s">
        <v>1498</v>
      </c>
      <c r="AE117" s="807" t="s">
        <v>1498</v>
      </c>
      <c r="AF117" s="807" t="s">
        <v>1498</v>
      </c>
      <c r="AG117" s="842" t="s">
        <v>1498</v>
      </c>
      <c r="AH117" s="842" t="s">
        <v>1498</v>
      </c>
      <c r="AI117" s="842" t="s">
        <v>1498</v>
      </c>
      <c r="AJ117" s="842" t="s">
        <v>1498</v>
      </c>
      <c r="AK117" s="842" t="s">
        <v>1498</v>
      </c>
      <c r="AL117" s="842" t="s">
        <v>1498</v>
      </c>
      <c r="AM117" s="842" t="s">
        <v>1498</v>
      </c>
      <c r="AN117" s="842" t="s">
        <v>1498</v>
      </c>
      <c r="AO117" s="842" t="s">
        <v>1498</v>
      </c>
      <c r="AP117" s="842" t="s">
        <v>1498</v>
      </c>
      <c r="AQ117" s="842">
        <f t="shared" si="7"/>
        <v>0</v>
      </c>
      <c r="AR117" s="797" t="s">
        <v>1927</v>
      </c>
      <c r="AS117" s="797" t="s">
        <v>722</v>
      </c>
      <c r="AT117" s="797" t="s">
        <v>53</v>
      </c>
      <c r="AU117" s="801">
        <v>53067</v>
      </c>
      <c r="AV117" s="813">
        <f>ROUND((VLOOKUP(G117,'[6]Cost Summary'!A:H,8,)),0.1)</f>
        <v>53067</v>
      </c>
      <c r="AW117" s="797">
        <v>2</v>
      </c>
      <c r="AX117" s="797" t="s">
        <v>2054</v>
      </c>
      <c r="AY117" s="814" t="s">
        <v>1584</v>
      </c>
      <c r="AZ117" s="805">
        <v>34476.120000000003</v>
      </c>
    </row>
    <row r="118" spans="1:52" ht="165" hidden="1" x14ac:dyDescent="0.25">
      <c r="A118" s="785"/>
      <c r="B118" s="785" t="s">
        <v>66</v>
      </c>
      <c r="C118" s="785"/>
      <c r="D118" s="785"/>
      <c r="E118" s="785"/>
      <c r="F118" s="785"/>
      <c r="G118" s="797" t="s">
        <v>1931</v>
      </c>
      <c r="H118" s="797" t="s">
        <v>932</v>
      </c>
      <c r="I118" s="798" t="s">
        <v>1145</v>
      </c>
      <c r="J118" s="797" t="s">
        <v>1146</v>
      </c>
      <c r="K118" s="797" t="s">
        <v>1521</v>
      </c>
      <c r="L118" s="797" t="s">
        <v>1521</v>
      </c>
      <c r="M118" s="797" t="s">
        <v>1488</v>
      </c>
      <c r="N118" s="797" t="s">
        <v>1489</v>
      </c>
      <c r="O118" s="797">
        <v>1</v>
      </c>
      <c r="P118" s="797" t="s">
        <v>1490</v>
      </c>
      <c r="Q118" s="797" t="s">
        <v>1491</v>
      </c>
      <c r="R118" s="797" t="s">
        <v>1492</v>
      </c>
      <c r="S118" s="797" t="s">
        <v>1493</v>
      </c>
      <c r="T118" s="797" t="s">
        <v>1494</v>
      </c>
      <c r="U118" s="797" t="s">
        <v>1932</v>
      </c>
      <c r="V118" s="797" t="s">
        <v>3274</v>
      </c>
      <c r="W118" s="807" t="s">
        <v>1498</v>
      </c>
      <c r="X118" s="807" t="s">
        <v>1498</v>
      </c>
      <c r="Y118" s="807" t="s">
        <v>1498</v>
      </c>
      <c r="Z118" s="807" t="s">
        <v>1498</v>
      </c>
      <c r="AA118" s="807" t="s">
        <v>1498</v>
      </c>
      <c r="AB118" s="807" t="s">
        <v>1498</v>
      </c>
      <c r="AC118" s="807" t="s">
        <v>1498</v>
      </c>
      <c r="AD118" s="807" t="s">
        <v>1498</v>
      </c>
      <c r="AE118" s="807" t="s">
        <v>1498</v>
      </c>
      <c r="AF118" s="807" t="s">
        <v>1498</v>
      </c>
      <c r="AG118" s="842" t="s">
        <v>1498</v>
      </c>
      <c r="AH118" s="842" t="s">
        <v>1498</v>
      </c>
      <c r="AI118" s="842" t="s">
        <v>1498</v>
      </c>
      <c r="AJ118" s="842" t="s">
        <v>1498</v>
      </c>
      <c r="AK118" s="842" t="s">
        <v>1498</v>
      </c>
      <c r="AL118" s="842" t="s">
        <v>1498</v>
      </c>
      <c r="AM118" s="842" t="s">
        <v>1498</v>
      </c>
      <c r="AN118" s="842" t="s">
        <v>1498</v>
      </c>
      <c r="AO118" s="842" t="s">
        <v>1498</v>
      </c>
      <c r="AP118" s="842" t="s">
        <v>1498</v>
      </c>
      <c r="AQ118" s="842">
        <f t="shared" si="7"/>
        <v>0</v>
      </c>
      <c r="AR118" s="797" t="s">
        <v>1499</v>
      </c>
      <c r="AS118" s="797" t="s">
        <v>722</v>
      </c>
      <c r="AT118" s="797" t="s">
        <v>53</v>
      </c>
      <c r="AU118" s="801">
        <v>1797198</v>
      </c>
      <c r="AV118" s="813">
        <f>ROUND((VLOOKUP(G118,'[6]Cost Summary'!A:H,8,)),0.1)</f>
        <v>1797198</v>
      </c>
      <c r="AW118" s="797">
        <v>1</v>
      </c>
      <c r="AX118" s="797">
        <v>2</v>
      </c>
      <c r="AY118" s="814" t="s">
        <v>1584</v>
      </c>
      <c r="AZ118" s="805">
        <v>1167595</v>
      </c>
    </row>
    <row r="119" spans="1:52" ht="60" hidden="1" x14ac:dyDescent="0.25">
      <c r="A119" s="785"/>
      <c r="B119" s="785" t="s">
        <v>66</v>
      </c>
      <c r="C119" s="785"/>
      <c r="D119" s="785"/>
      <c r="E119" s="785"/>
      <c r="F119" s="785"/>
      <c r="G119" s="797" t="s">
        <v>1933</v>
      </c>
      <c r="H119" s="797" t="s">
        <v>932</v>
      </c>
      <c r="I119" s="798" t="s">
        <v>1147</v>
      </c>
      <c r="J119" s="797" t="s">
        <v>1148</v>
      </c>
      <c r="K119" s="797">
        <v>51.764426980000003</v>
      </c>
      <c r="L119" s="797">
        <v>-0.45725197099999998</v>
      </c>
      <c r="M119" s="797" t="s">
        <v>1488</v>
      </c>
      <c r="N119" s="797" t="s">
        <v>1489</v>
      </c>
      <c r="O119" s="797">
        <v>1</v>
      </c>
      <c r="P119" s="797" t="s">
        <v>1490</v>
      </c>
      <c r="Q119" s="797" t="s">
        <v>1491</v>
      </c>
      <c r="R119" s="797" t="s">
        <v>1492</v>
      </c>
      <c r="S119" s="797" t="s">
        <v>1493</v>
      </c>
      <c r="T119" s="797" t="s">
        <v>1494</v>
      </c>
      <c r="U119" s="797" t="s">
        <v>1932</v>
      </c>
      <c r="V119" s="797" t="s">
        <v>3274</v>
      </c>
      <c r="W119" s="807" t="s">
        <v>1498</v>
      </c>
      <c r="X119" s="807" t="s">
        <v>1498</v>
      </c>
      <c r="Y119" s="807" t="s">
        <v>1498</v>
      </c>
      <c r="Z119" s="807" t="s">
        <v>1498</v>
      </c>
      <c r="AA119" s="807" t="s">
        <v>1498</v>
      </c>
      <c r="AB119" s="807" t="s">
        <v>1498</v>
      </c>
      <c r="AC119" s="807" t="s">
        <v>1498</v>
      </c>
      <c r="AD119" s="807" t="s">
        <v>1498</v>
      </c>
      <c r="AE119" s="807" t="s">
        <v>1498</v>
      </c>
      <c r="AF119" s="807" t="s">
        <v>1498</v>
      </c>
      <c r="AG119" s="842" t="s">
        <v>1498</v>
      </c>
      <c r="AH119" s="842" t="s">
        <v>1498</v>
      </c>
      <c r="AI119" s="842" t="s">
        <v>1498</v>
      </c>
      <c r="AJ119" s="842" t="s">
        <v>1498</v>
      </c>
      <c r="AK119" s="842" t="s">
        <v>1498</v>
      </c>
      <c r="AL119" s="842" t="s">
        <v>1498</v>
      </c>
      <c r="AM119" s="842" t="s">
        <v>1498</v>
      </c>
      <c r="AN119" s="842" t="s">
        <v>1498</v>
      </c>
      <c r="AO119" s="842" t="s">
        <v>1498</v>
      </c>
      <c r="AP119" s="842" t="s">
        <v>1498</v>
      </c>
      <c r="AQ119" s="842">
        <f t="shared" si="7"/>
        <v>0</v>
      </c>
      <c r="AR119" s="797" t="s">
        <v>1499</v>
      </c>
      <c r="AS119" s="797" t="s">
        <v>722</v>
      </c>
      <c r="AT119" s="797" t="s">
        <v>53</v>
      </c>
      <c r="AU119" s="801">
        <v>620160</v>
      </c>
      <c r="AV119" s="813">
        <f>ROUND((VLOOKUP(G119,'[6]Cost Summary'!A:H,8,)),0.1)</f>
        <v>620160</v>
      </c>
      <c r="AW119" s="797">
        <v>0</v>
      </c>
      <c r="AX119" s="797" t="s">
        <v>1500</v>
      </c>
      <c r="AY119" s="814" t="s">
        <v>1584</v>
      </c>
      <c r="AZ119" s="805">
        <v>402902.5</v>
      </c>
    </row>
    <row r="120" spans="1:52" ht="135" hidden="1" x14ac:dyDescent="0.25">
      <c r="A120" s="785"/>
      <c r="B120" s="785" t="s">
        <v>66</v>
      </c>
      <c r="C120" s="785"/>
      <c r="D120" s="785"/>
      <c r="E120" s="785"/>
      <c r="F120" s="785"/>
      <c r="G120" s="797" t="s">
        <v>1934</v>
      </c>
      <c r="H120" s="797" t="s">
        <v>932</v>
      </c>
      <c r="I120" s="798" t="s">
        <v>1149</v>
      </c>
      <c r="J120" s="797" t="s">
        <v>1150</v>
      </c>
      <c r="K120" s="797">
        <v>51.764461222770997</v>
      </c>
      <c r="L120" s="797">
        <v>-0.457622414491967</v>
      </c>
      <c r="M120" s="797" t="s">
        <v>1488</v>
      </c>
      <c r="N120" s="797" t="s">
        <v>1489</v>
      </c>
      <c r="O120" s="797">
        <v>1</v>
      </c>
      <c r="P120" s="797" t="s">
        <v>1490</v>
      </c>
      <c r="Q120" s="797" t="s">
        <v>1491</v>
      </c>
      <c r="R120" s="797" t="s">
        <v>1492</v>
      </c>
      <c r="S120" s="797" t="s">
        <v>1493</v>
      </c>
      <c r="T120" s="797" t="s">
        <v>1494</v>
      </c>
      <c r="U120" s="797" t="s">
        <v>1932</v>
      </c>
      <c r="V120" s="797" t="s">
        <v>3274</v>
      </c>
      <c r="W120" s="807" t="s">
        <v>1498</v>
      </c>
      <c r="X120" s="807" t="s">
        <v>1498</v>
      </c>
      <c r="Y120" s="807" t="s">
        <v>1498</v>
      </c>
      <c r="Z120" s="807" t="s">
        <v>1498</v>
      </c>
      <c r="AA120" s="807" t="s">
        <v>1498</v>
      </c>
      <c r="AB120" s="807" t="s">
        <v>1498</v>
      </c>
      <c r="AC120" s="807" t="s">
        <v>1498</v>
      </c>
      <c r="AD120" s="807" t="s">
        <v>1498</v>
      </c>
      <c r="AE120" s="807" t="s">
        <v>1498</v>
      </c>
      <c r="AF120" s="807" t="s">
        <v>1498</v>
      </c>
      <c r="AG120" s="842" t="s">
        <v>1498</v>
      </c>
      <c r="AH120" s="842" t="s">
        <v>1498</v>
      </c>
      <c r="AI120" s="842" t="s">
        <v>1498</v>
      </c>
      <c r="AJ120" s="842" t="s">
        <v>1498</v>
      </c>
      <c r="AK120" s="842" t="s">
        <v>1498</v>
      </c>
      <c r="AL120" s="842" t="s">
        <v>1498</v>
      </c>
      <c r="AM120" s="842" t="s">
        <v>1498</v>
      </c>
      <c r="AN120" s="842" t="s">
        <v>1498</v>
      </c>
      <c r="AO120" s="842" t="s">
        <v>1498</v>
      </c>
      <c r="AP120" s="842" t="s">
        <v>1498</v>
      </c>
      <c r="AQ120" s="842">
        <f t="shared" si="7"/>
        <v>0</v>
      </c>
      <c r="AR120" s="797" t="s">
        <v>1499</v>
      </c>
      <c r="AS120" s="797" t="s">
        <v>722</v>
      </c>
      <c r="AT120" s="797" t="s">
        <v>53</v>
      </c>
      <c r="AU120" s="801">
        <v>38569</v>
      </c>
      <c r="AV120" s="813">
        <f>ROUND((VLOOKUP(G120,'[6]Cost Summary'!A:H,8,)),0.1)</f>
        <v>38569</v>
      </c>
      <c r="AW120" s="797">
        <v>0</v>
      </c>
      <c r="AX120" s="797" t="s">
        <v>1500</v>
      </c>
      <c r="AY120" s="814" t="s">
        <v>1584</v>
      </c>
      <c r="AZ120" s="805">
        <v>25057.58</v>
      </c>
    </row>
    <row r="121" spans="1:52" ht="45" hidden="1" x14ac:dyDescent="0.25">
      <c r="A121" s="785"/>
      <c r="B121" s="785"/>
      <c r="C121" s="785"/>
      <c r="D121" s="785"/>
      <c r="E121" s="785"/>
      <c r="F121" s="785"/>
      <c r="G121" s="797" t="s">
        <v>1936</v>
      </c>
      <c r="H121" s="797" t="s">
        <v>932</v>
      </c>
      <c r="I121" s="798" t="s">
        <v>1151</v>
      </c>
      <c r="J121" s="797" t="s">
        <v>1152</v>
      </c>
      <c r="K121" s="797" t="s">
        <v>253</v>
      </c>
      <c r="L121" s="797" t="s">
        <v>253</v>
      </c>
      <c r="M121" s="797" t="s">
        <v>1488</v>
      </c>
      <c r="N121" s="797" t="s">
        <v>1489</v>
      </c>
      <c r="O121" s="797">
        <v>1</v>
      </c>
      <c r="P121" s="797" t="s">
        <v>1490</v>
      </c>
      <c r="Q121" s="797" t="s">
        <v>1491</v>
      </c>
      <c r="R121" s="797" t="s">
        <v>1492</v>
      </c>
      <c r="S121" s="797" t="s">
        <v>1493</v>
      </c>
      <c r="T121" s="797" t="s">
        <v>1494</v>
      </c>
      <c r="U121" s="797" t="s">
        <v>1932</v>
      </c>
      <c r="V121" s="797" t="s">
        <v>3274</v>
      </c>
      <c r="W121" s="807" t="s">
        <v>1498</v>
      </c>
      <c r="X121" s="807" t="s">
        <v>1498</v>
      </c>
      <c r="Y121" s="807" t="s">
        <v>1498</v>
      </c>
      <c r="Z121" s="807" t="s">
        <v>1498</v>
      </c>
      <c r="AA121" s="807" t="s">
        <v>1498</v>
      </c>
      <c r="AB121" s="807" t="s">
        <v>1498</v>
      </c>
      <c r="AC121" s="807" t="s">
        <v>1498</v>
      </c>
      <c r="AD121" s="807" t="s">
        <v>1498</v>
      </c>
      <c r="AE121" s="807" t="s">
        <v>1498</v>
      </c>
      <c r="AF121" s="807" t="s">
        <v>1498</v>
      </c>
      <c r="AG121" s="807" t="s">
        <v>1498</v>
      </c>
      <c r="AH121" s="807" t="s">
        <v>1498</v>
      </c>
      <c r="AI121" s="807" t="s">
        <v>1498</v>
      </c>
      <c r="AJ121" s="807" t="s">
        <v>1498</v>
      </c>
      <c r="AK121" s="807" t="s">
        <v>1498</v>
      </c>
      <c r="AL121" s="807" t="s">
        <v>1498</v>
      </c>
      <c r="AM121" s="807" t="s">
        <v>1498</v>
      </c>
      <c r="AN121" s="807" t="s">
        <v>1498</v>
      </c>
      <c r="AO121" s="807" t="s">
        <v>1498</v>
      </c>
      <c r="AP121" s="807" t="s">
        <v>1498</v>
      </c>
      <c r="AQ121" s="1300">
        <f t="shared" si="7"/>
        <v>0</v>
      </c>
      <c r="AR121" s="797" t="s">
        <v>1499</v>
      </c>
      <c r="AS121" s="797" t="s">
        <v>722</v>
      </c>
      <c r="AT121" s="797" t="s">
        <v>53</v>
      </c>
      <c r="AU121" s="801">
        <v>13922</v>
      </c>
      <c r="AV121" s="813">
        <f>ROUND((VLOOKUP(G121,'[6]Cost Summary'!A:H,8,)),0.1)</f>
        <v>13922</v>
      </c>
      <c r="AW121" s="797">
        <v>0</v>
      </c>
      <c r="AX121" s="797" t="s">
        <v>1500</v>
      </c>
      <c r="AY121" s="814" t="s">
        <v>1584</v>
      </c>
      <c r="AZ121" s="805">
        <v>9044.75</v>
      </c>
    </row>
    <row r="122" spans="1:52" ht="135" hidden="1" x14ac:dyDescent="0.25">
      <c r="A122" s="785"/>
      <c r="B122" s="785"/>
      <c r="C122" s="785"/>
      <c r="D122" s="785"/>
      <c r="E122" s="785"/>
      <c r="F122" s="785"/>
      <c r="G122" s="797" t="s">
        <v>1937</v>
      </c>
      <c r="H122" s="797" t="s">
        <v>932</v>
      </c>
      <c r="I122" s="798" t="s">
        <v>1153</v>
      </c>
      <c r="J122" s="797" t="s">
        <v>1938</v>
      </c>
      <c r="K122" s="797" t="s">
        <v>1939</v>
      </c>
      <c r="L122" s="797" t="s">
        <v>1940</v>
      </c>
      <c r="M122" s="797" t="s">
        <v>1488</v>
      </c>
      <c r="N122" s="797" t="s">
        <v>1489</v>
      </c>
      <c r="O122" s="797">
        <v>1</v>
      </c>
      <c r="P122" s="797" t="s">
        <v>1490</v>
      </c>
      <c r="Q122" s="797" t="s">
        <v>1491</v>
      </c>
      <c r="R122" s="797" t="s">
        <v>1492</v>
      </c>
      <c r="S122" s="797" t="s">
        <v>1493</v>
      </c>
      <c r="T122" s="797" t="s">
        <v>1941</v>
      </c>
      <c r="U122" s="797" t="s">
        <v>1723</v>
      </c>
      <c r="V122" s="797" t="s">
        <v>3274</v>
      </c>
      <c r="W122" s="807" t="s">
        <v>1498</v>
      </c>
      <c r="X122" s="807" t="s">
        <v>1498</v>
      </c>
      <c r="Y122" s="807" t="s">
        <v>1498</v>
      </c>
      <c r="Z122" s="807" t="s">
        <v>1498</v>
      </c>
      <c r="AA122" s="807" t="s">
        <v>1498</v>
      </c>
      <c r="AB122" s="807" t="s">
        <v>1498</v>
      </c>
      <c r="AC122" s="807" t="s">
        <v>1498</v>
      </c>
      <c r="AD122" s="807" t="s">
        <v>1498</v>
      </c>
      <c r="AE122" s="807" t="s">
        <v>1498</v>
      </c>
      <c r="AF122" s="807" t="s">
        <v>1498</v>
      </c>
      <c r="AG122" s="807" t="s">
        <v>1498</v>
      </c>
      <c r="AH122" s="807" t="s">
        <v>1498</v>
      </c>
      <c r="AI122" s="807" t="s">
        <v>1498</v>
      </c>
      <c r="AJ122" s="807" t="s">
        <v>1498</v>
      </c>
      <c r="AK122" s="807" t="s">
        <v>1498</v>
      </c>
      <c r="AL122" s="807" t="s">
        <v>1498</v>
      </c>
      <c r="AM122" s="807" t="s">
        <v>1498</v>
      </c>
      <c r="AN122" s="807" t="s">
        <v>1498</v>
      </c>
      <c r="AO122" s="807" t="s">
        <v>1498</v>
      </c>
      <c r="AP122" s="807" t="s">
        <v>1498</v>
      </c>
      <c r="AQ122" s="1300">
        <f t="shared" si="7"/>
        <v>0</v>
      </c>
      <c r="AR122" s="797" t="s">
        <v>1942</v>
      </c>
      <c r="AS122" s="797" t="s">
        <v>722</v>
      </c>
      <c r="AT122" s="797" t="s">
        <v>53</v>
      </c>
      <c r="AU122" s="801">
        <v>24458</v>
      </c>
      <c r="AV122" s="813">
        <f>ROUND((VLOOKUP(G122,'[6]Cost Summary'!A:H,8,)),0.1)</f>
        <v>24458</v>
      </c>
      <c r="AW122" s="797">
        <v>1</v>
      </c>
      <c r="AX122" s="797">
        <v>4</v>
      </c>
      <c r="AY122" s="814" t="s">
        <v>1584</v>
      </c>
      <c r="AZ122" s="805">
        <v>15889.46</v>
      </c>
    </row>
    <row r="123" spans="1:52" ht="60" hidden="1" x14ac:dyDescent="0.25">
      <c r="A123" s="785"/>
      <c r="B123" s="785"/>
      <c r="C123" s="785"/>
      <c r="D123" s="785"/>
      <c r="E123" s="785"/>
      <c r="F123" s="785"/>
      <c r="G123" s="797" t="s">
        <v>1943</v>
      </c>
      <c r="H123" s="797" t="s">
        <v>932</v>
      </c>
      <c r="I123" s="798" t="s">
        <v>1155</v>
      </c>
      <c r="J123" s="797" t="s">
        <v>1156</v>
      </c>
      <c r="K123" s="797">
        <v>51.763047299999997</v>
      </c>
      <c r="L123" s="797">
        <v>-0.46551631500000001</v>
      </c>
      <c r="M123" s="797" t="s">
        <v>1488</v>
      </c>
      <c r="N123" s="797" t="s">
        <v>1489</v>
      </c>
      <c r="O123" s="797">
        <v>1</v>
      </c>
      <c r="P123" s="797" t="s">
        <v>1490</v>
      </c>
      <c r="Q123" s="797" t="s">
        <v>1491</v>
      </c>
      <c r="R123" s="797" t="s">
        <v>1492</v>
      </c>
      <c r="S123" s="797" t="s">
        <v>1493</v>
      </c>
      <c r="T123" s="797" t="s">
        <v>1941</v>
      </c>
      <c r="U123" s="797" t="s">
        <v>1723</v>
      </c>
      <c r="V123" s="797" t="s">
        <v>3274</v>
      </c>
      <c r="W123" s="807" t="s">
        <v>1498</v>
      </c>
      <c r="X123" s="807" t="s">
        <v>1498</v>
      </c>
      <c r="Y123" s="807" t="s">
        <v>1498</v>
      </c>
      <c r="Z123" s="807" t="s">
        <v>1498</v>
      </c>
      <c r="AA123" s="807" t="s">
        <v>1498</v>
      </c>
      <c r="AB123" s="807" t="s">
        <v>1498</v>
      </c>
      <c r="AC123" s="807" t="s">
        <v>1498</v>
      </c>
      <c r="AD123" s="807" t="s">
        <v>1498</v>
      </c>
      <c r="AE123" s="807" t="s">
        <v>1498</v>
      </c>
      <c r="AF123" s="807" t="s">
        <v>1498</v>
      </c>
      <c r="AG123" s="807" t="s">
        <v>1498</v>
      </c>
      <c r="AH123" s="807" t="s">
        <v>1498</v>
      </c>
      <c r="AI123" s="807" t="s">
        <v>1498</v>
      </c>
      <c r="AJ123" s="807" t="s">
        <v>1498</v>
      </c>
      <c r="AK123" s="807" t="s">
        <v>1498</v>
      </c>
      <c r="AL123" s="807" t="s">
        <v>1498</v>
      </c>
      <c r="AM123" s="807" t="s">
        <v>1498</v>
      </c>
      <c r="AN123" s="807" t="s">
        <v>1498</v>
      </c>
      <c r="AO123" s="807" t="s">
        <v>1498</v>
      </c>
      <c r="AP123" s="807" t="s">
        <v>1498</v>
      </c>
      <c r="AQ123" s="1300">
        <f t="shared" si="7"/>
        <v>0</v>
      </c>
      <c r="AR123" s="797" t="s">
        <v>1942</v>
      </c>
      <c r="AS123" s="797" t="s">
        <v>722</v>
      </c>
      <c r="AT123" s="797" t="s">
        <v>53</v>
      </c>
      <c r="AU123" s="801">
        <v>7900</v>
      </c>
      <c r="AV123" s="813">
        <f>ROUND((VLOOKUP(G123,'[6]Cost Summary'!A:H,8,)),0.1)</f>
        <v>7900</v>
      </c>
      <c r="AW123" s="797">
        <v>0</v>
      </c>
      <c r="AX123" s="797" t="s">
        <v>1500</v>
      </c>
      <c r="AY123" s="814" t="s">
        <v>1584</v>
      </c>
      <c r="AZ123" s="805">
        <v>5132.62</v>
      </c>
    </row>
    <row r="124" spans="1:52" ht="45" hidden="1" x14ac:dyDescent="0.25">
      <c r="A124" s="785"/>
      <c r="B124" s="785"/>
      <c r="C124" s="785"/>
      <c r="D124" s="785"/>
      <c r="E124" s="785"/>
      <c r="F124" s="785"/>
      <c r="G124" s="797" t="s">
        <v>1944</v>
      </c>
      <c r="H124" s="797" t="s">
        <v>932</v>
      </c>
      <c r="I124" s="798" t="s">
        <v>1157</v>
      </c>
      <c r="J124" s="797" t="s">
        <v>1158</v>
      </c>
      <c r="K124" s="797">
        <v>51.761276479999999</v>
      </c>
      <c r="L124" s="797">
        <v>-0.466849827</v>
      </c>
      <c r="M124" s="797" t="s">
        <v>1488</v>
      </c>
      <c r="N124" s="797" t="s">
        <v>1489</v>
      </c>
      <c r="O124" s="797">
        <v>1</v>
      </c>
      <c r="P124" s="797" t="s">
        <v>1490</v>
      </c>
      <c r="Q124" s="797" t="s">
        <v>1491</v>
      </c>
      <c r="R124" s="797" t="s">
        <v>1492</v>
      </c>
      <c r="S124" s="797" t="s">
        <v>1493</v>
      </c>
      <c r="T124" s="797" t="s">
        <v>1941</v>
      </c>
      <c r="U124" s="797" t="s">
        <v>1723</v>
      </c>
      <c r="V124" s="797" t="s">
        <v>3274</v>
      </c>
      <c r="W124" s="807" t="s">
        <v>1498</v>
      </c>
      <c r="X124" s="807" t="s">
        <v>1498</v>
      </c>
      <c r="Y124" s="807" t="s">
        <v>1498</v>
      </c>
      <c r="Z124" s="807" t="s">
        <v>1498</v>
      </c>
      <c r="AA124" s="807" t="s">
        <v>1498</v>
      </c>
      <c r="AB124" s="807" t="s">
        <v>1498</v>
      </c>
      <c r="AC124" s="807" t="s">
        <v>1498</v>
      </c>
      <c r="AD124" s="807" t="s">
        <v>1498</v>
      </c>
      <c r="AE124" s="807" t="s">
        <v>1498</v>
      </c>
      <c r="AF124" s="807" t="s">
        <v>1498</v>
      </c>
      <c r="AG124" s="807" t="s">
        <v>1498</v>
      </c>
      <c r="AH124" s="807" t="s">
        <v>1498</v>
      </c>
      <c r="AI124" s="807" t="s">
        <v>1498</v>
      </c>
      <c r="AJ124" s="807" t="s">
        <v>1498</v>
      </c>
      <c r="AK124" s="807" t="s">
        <v>1498</v>
      </c>
      <c r="AL124" s="807" t="s">
        <v>1498</v>
      </c>
      <c r="AM124" s="807" t="s">
        <v>1498</v>
      </c>
      <c r="AN124" s="807" t="s">
        <v>1498</v>
      </c>
      <c r="AO124" s="807" t="s">
        <v>1498</v>
      </c>
      <c r="AP124" s="807" t="s">
        <v>1498</v>
      </c>
      <c r="AQ124" s="1300">
        <f t="shared" si="7"/>
        <v>0</v>
      </c>
      <c r="AR124" s="797" t="s">
        <v>1942</v>
      </c>
      <c r="AS124" s="797" t="s">
        <v>722</v>
      </c>
      <c r="AT124" s="797" t="s">
        <v>53</v>
      </c>
      <c r="AU124" s="801">
        <v>11391</v>
      </c>
      <c r="AV124" s="813">
        <f>ROUND((VLOOKUP(G124,'[6]Cost Summary'!A:H,8,)),0.1)</f>
        <v>11391</v>
      </c>
      <c r="AW124" s="797">
        <v>0</v>
      </c>
      <c r="AX124" s="797" t="s">
        <v>1500</v>
      </c>
      <c r="AY124" s="814" t="s">
        <v>1584</v>
      </c>
      <c r="AZ124" s="805">
        <v>7400.25</v>
      </c>
    </row>
    <row r="125" spans="1:52" ht="45" hidden="1" x14ac:dyDescent="0.25">
      <c r="A125" s="785"/>
      <c r="B125" s="785" t="s">
        <v>66</v>
      </c>
      <c r="C125" s="785"/>
      <c r="D125" s="785" t="s">
        <v>66</v>
      </c>
      <c r="E125" s="785"/>
      <c r="F125" s="785"/>
      <c r="G125" s="825" t="s">
        <v>1945</v>
      </c>
      <c r="H125" s="825" t="s">
        <v>870</v>
      </c>
      <c r="I125" s="826" t="s">
        <v>1159</v>
      </c>
      <c r="J125" s="825" t="s">
        <v>1160</v>
      </c>
      <c r="K125" s="825">
        <v>51.759894490000001</v>
      </c>
      <c r="L125" s="825">
        <v>-0.46675313600000001</v>
      </c>
      <c r="M125" s="825" t="s">
        <v>1488</v>
      </c>
      <c r="N125" s="825" t="s">
        <v>1489</v>
      </c>
      <c r="O125" s="825"/>
      <c r="P125" s="825" t="s">
        <v>1490</v>
      </c>
      <c r="Q125" s="825" t="s">
        <v>1491</v>
      </c>
      <c r="R125" s="825" t="s">
        <v>1492</v>
      </c>
      <c r="S125" s="825" t="s">
        <v>1493</v>
      </c>
      <c r="T125" s="825" t="s">
        <v>1941</v>
      </c>
      <c r="U125" s="825" t="s">
        <v>1723</v>
      </c>
      <c r="V125" s="827" t="s">
        <v>1719</v>
      </c>
      <c r="W125" s="828"/>
      <c r="X125" s="828"/>
      <c r="Y125" s="828"/>
      <c r="Z125" s="828"/>
      <c r="AA125" s="828"/>
      <c r="AB125" s="828"/>
      <c r="AC125" s="828"/>
      <c r="AD125" s="828"/>
      <c r="AE125" s="828"/>
      <c r="AF125" s="828"/>
      <c r="AG125" s="847"/>
      <c r="AH125" s="847"/>
      <c r="AI125" s="847"/>
      <c r="AJ125" s="847"/>
      <c r="AK125" s="847"/>
      <c r="AL125" s="847"/>
      <c r="AM125" s="847"/>
      <c r="AN125" s="847"/>
      <c r="AO125" s="847"/>
      <c r="AP125" s="847"/>
      <c r="AQ125" s="1300">
        <f t="shared" si="7"/>
        <v>0</v>
      </c>
      <c r="AR125" s="825" t="s">
        <v>1942</v>
      </c>
      <c r="AS125" s="825" t="s">
        <v>722</v>
      </c>
      <c r="AT125" s="825" t="s">
        <v>53</v>
      </c>
      <c r="AU125" s="831">
        <v>3668.67</v>
      </c>
      <c r="AV125" s="832">
        <v>3668.67</v>
      </c>
      <c r="AW125" s="825">
        <v>1</v>
      </c>
      <c r="AX125" s="825">
        <v>4</v>
      </c>
      <c r="AY125" s="833" t="s">
        <v>1721</v>
      </c>
      <c r="AZ125" s="785">
        <v>3668.67</v>
      </c>
    </row>
    <row r="126" spans="1:52" ht="120" hidden="1" x14ac:dyDescent="0.25">
      <c r="A126" s="785"/>
      <c r="B126" s="785"/>
      <c r="C126" s="785"/>
      <c r="D126" s="785"/>
      <c r="E126" s="785"/>
      <c r="F126" s="785"/>
      <c r="G126" s="797" t="s">
        <v>1946</v>
      </c>
      <c r="H126" s="797" t="s">
        <v>932</v>
      </c>
      <c r="I126" s="798" t="s">
        <v>1161</v>
      </c>
      <c r="J126" s="797" t="s">
        <v>1162</v>
      </c>
      <c r="K126" s="797" t="s">
        <v>1947</v>
      </c>
      <c r="L126" s="797" t="s">
        <v>1948</v>
      </c>
      <c r="M126" s="797" t="s">
        <v>1488</v>
      </c>
      <c r="N126" s="797" t="s">
        <v>1489</v>
      </c>
      <c r="O126" s="797">
        <v>1</v>
      </c>
      <c r="P126" s="797" t="s">
        <v>1490</v>
      </c>
      <c r="Q126" s="797" t="s">
        <v>1491</v>
      </c>
      <c r="R126" s="797" t="s">
        <v>1492</v>
      </c>
      <c r="S126" s="797" t="s">
        <v>1493</v>
      </c>
      <c r="T126" s="797" t="s">
        <v>1941</v>
      </c>
      <c r="U126" s="799" t="s">
        <v>1723</v>
      </c>
      <c r="V126" s="797" t="s">
        <v>3274</v>
      </c>
      <c r="W126" s="807" t="s">
        <v>1498</v>
      </c>
      <c r="X126" s="807" t="s">
        <v>1498</v>
      </c>
      <c r="Y126" s="807" t="s">
        <v>1498</v>
      </c>
      <c r="Z126" s="807" t="s">
        <v>1498</v>
      </c>
      <c r="AA126" s="807" t="s">
        <v>1498</v>
      </c>
      <c r="AB126" s="807" t="s">
        <v>1498</v>
      </c>
      <c r="AC126" s="807" t="s">
        <v>1498</v>
      </c>
      <c r="AD126" s="807" t="s">
        <v>1498</v>
      </c>
      <c r="AE126" s="807" t="s">
        <v>1498</v>
      </c>
      <c r="AF126" s="807" t="s">
        <v>1498</v>
      </c>
      <c r="AG126" s="807" t="s">
        <v>1498</v>
      </c>
      <c r="AH126" s="807" t="s">
        <v>1498</v>
      </c>
      <c r="AI126" s="807" t="s">
        <v>1498</v>
      </c>
      <c r="AJ126" s="807" t="s">
        <v>1498</v>
      </c>
      <c r="AK126" s="807" t="s">
        <v>1498</v>
      </c>
      <c r="AL126" s="807" t="s">
        <v>1498</v>
      </c>
      <c r="AM126" s="807" t="s">
        <v>1498</v>
      </c>
      <c r="AN126" s="807" t="s">
        <v>1498</v>
      </c>
      <c r="AO126" s="807" t="s">
        <v>1498</v>
      </c>
      <c r="AP126" s="807" t="s">
        <v>1498</v>
      </c>
      <c r="AQ126" s="1300">
        <f t="shared" si="7"/>
        <v>0</v>
      </c>
      <c r="AR126" s="797" t="s">
        <v>1942</v>
      </c>
      <c r="AS126" s="797" t="s">
        <v>722</v>
      </c>
      <c r="AT126" s="797" t="s">
        <v>53</v>
      </c>
      <c r="AU126" s="801">
        <v>436643</v>
      </c>
      <c r="AV126" s="813">
        <f>ROUND((VLOOKUP(G126,'[6]Cost Summary'!A:H,8,)),0.1)</f>
        <v>436643</v>
      </c>
      <c r="AW126" s="797">
        <v>1</v>
      </c>
      <c r="AX126" s="797">
        <v>4</v>
      </c>
      <c r="AY126" s="814" t="s">
        <v>1584</v>
      </c>
      <c r="AZ126" s="805">
        <v>283676.25</v>
      </c>
    </row>
    <row r="127" spans="1:52" ht="45" hidden="1" x14ac:dyDescent="0.25">
      <c r="A127" s="785"/>
      <c r="B127" s="785"/>
      <c r="C127" s="785"/>
      <c r="D127" s="785"/>
      <c r="E127" s="785"/>
      <c r="F127" s="785"/>
      <c r="G127" s="797" t="s">
        <v>1949</v>
      </c>
      <c r="H127" s="797" t="s">
        <v>932</v>
      </c>
      <c r="I127" s="798" t="s">
        <v>1163</v>
      </c>
      <c r="J127" s="797" t="s">
        <v>1164</v>
      </c>
      <c r="K127" s="797" t="s">
        <v>253</v>
      </c>
      <c r="L127" s="797" t="s">
        <v>253</v>
      </c>
      <c r="M127" s="797" t="s">
        <v>1488</v>
      </c>
      <c r="N127" s="797" t="s">
        <v>1489</v>
      </c>
      <c r="O127" s="797">
        <v>1</v>
      </c>
      <c r="P127" s="797" t="s">
        <v>1490</v>
      </c>
      <c r="Q127" s="797" t="s">
        <v>1491</v>
      </c>
      <c r="R127" s="797" t="s">
        <v>1492</v>
      </c>
      <c r="S127" s="797" t="s">
        <v>1493</v>
      </c>
      <c r="T127" s="797" t="s">
        <v>1941</v>
      </c>
      <c r="U127" s="799" t="s">
        <v>1723</v>
      </c>
      <c r="V127" s="797" t="s">
        <v>3274</v>
      </c>
      <c r="W127" s="807" t="s">
        <v>1498</v>
      </c>
      <c r="X127" s="807" t="s">
        <v>1498</v>
      </c>
      <c r="Y127" s="807" t="s">
        <v>1498</v>
      </c>
      <c r="Z127" s="807" t="s">
        <v>1498</v>
      </c>
      <c r="AA127" s="807" t="s">
        <v>1498</v>
      </c>
      <c r="AB127" s="807" t="s">
        <v>1498</v>
      </c>
      <c r="AC127" s="807" t="s">
        <v>1498</v>
      </c>
      <c r="AD127" s="807" t="s">
        <v>1498</v>
      </c>
      <c r="AE127" s="807" t="s">
        <v>1498</v>
      </c>
      <c r="AF127" s="807" t="s">
        <v>1498</v>
      </c>
      <c r="AG127" s="807" t="s">
        <v>1498</v>
      </c>
      <c r="AH127" s="807" t="s">
        <v>1498</v>
      </c>
      <c r="AI127" s="807" t="s">
        <v>1498</v>
      </c>
      <c r="AJ127" s="807" t="s">
        <v>1498</v>
      </c>
      <c r="AK127" s="807" t="s">
        <v>1498</v>
      </c>
      <c r="AL127" s="807" t="s">
        <v>1498</v>
      </c>
      <c r="AM127" s="807" t="s">
        <v>1498</v>
      </c>
      <c r="AN127" s="807" t="s">
        <v>1498</v>
      </c>
      <c r="AO127" s="807" t="s">
        <v>1498</v>
      </c>
      <c r="AP127" s="807" t="s">
        <v>1498</v>
      </c>
      <c r="AQ127" s="1300">
        <f t="shared" si="7"/>
        <v>0</v>
      </c>
      <c r="AR127" s="797" t="s">
        <v>1942</v>
      </c>
      <c r="AS127" s="797" t="s">
        <v>722</v>
      </c>
      <c r="AT127" s="797" t="s">
        <v>53</v>
      </c>
      <c r="AU127" s="801">
        <v>20883</v>
      </c>
      <c r="AV127" s="813">
        <f>ROUND((VLOOKUP(G127,'[6]Cost Summary'!A:H,8,)),0.1)</f>
        <v>20883</v>
      </c>
      <c r="AW127" s="797">
        <v>1</v>
      </c>
      <c r="AX127" s="797">
        <v>4</v>
      </c>
      <c r="AY127" s="814" t="s">
        <v>1584</v>
      </c>
      <c r="AZ127" s="805">
        <v>13567.13</v>
      </c>
    </row>
    <row r="128" spans="1:52" ht="105" hidden="1" x14ac:dyDescent="0.25">
      <c r="A128" s="785"/>
      <c r="B128" s="785"/>
      <c r="C128" s="785"/>
      <c r="D128" s="785"/>
      <c r="E128" s="785"/>
      <c r="F128" s="785"/>
      <c r="G128" s="797" t="s">
        <v>1748</v>
      </c>
      <c r="H128" s="797" t="s">
        <v>932</v>
      </c>
      <c r="I128" s="798" t="s">
        <v>989</v>
      </c>
      <c r="J128" s="797" t="s">
        <v>990</v>
      </c>
      <c r="K128" s="797">
        <v>51.745289999999997</v>
      </c>
      <c r="L128" s="797">
        <v>-0.48945699999999998</v>
      </c>
      <c r="M128" s="797" t="s">
        <v>1560</v>
      </c>
      <c r="N128" s="797" t="s">
        <v>1489</v>
      </c>
      <c r="O128" s="797">
        <v>1</v>
      </c>
      <c r="P128" s="797" t="s">
        <v>1490</v>
      </c>
      <c r="Q128" s="797" t="s">
        <v>1491</v>
      </c>
      <c r="R128" s="797" t="s">
        <v>1492</v>
      </c>
      <c r="S128" s="797" t="s">
        <v>1493</v>
      </c>
      <c r="T128" s="797" t="s">
        <v>1749</v>
      </c>
      <c r="U128" s="797" t="s">
        <v>1723</v>
      </c>
      <c r="V128" s="797" t="s">
        <v>3273</v>
      </c>
      <c r="W128" s="807" t="s">
        <v>1498</v>
      </c>
      <c r="X128" s="807" t="s">
        <v>1498</v>
      </c>
      <c r="Y128" s="807" t="s">
        <v>1498</v>
      </c>
      <c r="Z128" s="807" t="s">
        <v>1498</v>
      </c>
      <c r="AA128" s="807" t="s">
        <v>1498</v>
      </c>
      <c r="AB128" s="807" t="s">
        <v>1498</v>
      </c>
      <c r="AC128" s="807" t="s">
        <v>1498</v>
      </c>
      <c r="AD128" s="807" t="s">
        <v>1498</v>
      </c>
      <c r="AE128" s="807" t="s">
        <v>1498</v>
      </c>
      <c r="AF128" s="807" t="s">
        <v>1498</v>
      </c>
      <c r="AG128" s="807" t="s">
        <v>1498</v>
      </c>
      <c r="AH128" s="807" t="s">
        <v>1498</v>
      </c>
      <c r="AI128" s="807" t="s">
        <v>1498</v>
      </c>
      <c r="AJ128" s="807" t="s">
        <v>1498</v>
      </c>
      <c r="AK128" s="807" t="s">
        <v>1498</v>
      </c>
      <c r="AL128" s="807" t="s">
        <v>1498</v>
      </c>
      <c r="AM128" s="807" t="s">
        <v>1498</v>
      </c>
      <c r="AN128" s="807" t="s">
        <v>1498</v>
      </c>
      <c r="AO128" s="807" t="s">
        <v>1498</v>
      </c>
      <c r="AP128" s="807" t="s">
        <v>1498</v>
      </c>
      <c r="AQ128" s="1300">
        <f t="shared" si="7"/>
        <v>0</v>
      </c>
      <c r="AR128" s="797" t="s">
        <v>1620</v>
      </c>
      <c r="AS128" s="797" t="s">
        <v>722</v>
      </c>
      <c r="AT128" s="797" t="s">
        <v>53</v>
      </c>
      <c r="AU128" s="801">
        <v>69610</v>
      </c>
      <c r="AV128" s="813">
        <f>ROUND((VLOOKUP(G128,'[6]Cost Summary'!A:H,8,)),0.1)</f>
        <v>69610</v>
      </c>
      <c r="AW128" s="814">
        <v>0</v>
      </c>
      <c r="AX128" s="814" t="s">
        <v>1500</v>
      </c>
      <c r="AY128" s="814" t="s">
        <v>1584</v>
      </c>
      <c r="AZ128" s="805">
        <v>60530</v>
      </c>
    </row>
    <row r="129" spans="1:52" ht="135" hidden="1" x14ac:dyDescent="0.25">
      <c r="A129" s="785"/>
      <c r="B129" s="785"/>
      <c r="C129" s="785"/>
      <c r="D129" s="785"/>
      <c r="E129" s="785"/>
      <c r="F129" s="785"/>
      <c r="G129" s="797" t="s">
        <v>1824</v>
      </c>
      <c r="H129" s="797" t="s">
        <v>932</v>
      </c>
      <c r="I129" s="798" t="s">
        <v>1165</v>
      </c>
      <c r="J129" s="797" t="s">
        <v>1825</v>
      </c>
      <c r="K129" s="797">
        <v>51.757352830000002</v>
      </c>
      <c r="L129" s="797">
        <v>-0.47278786</v>
      </c>
      <c r="M129" s="797" t="s">
        <v>1522</v>
      </c>
      <c r="N129" s="797" t="s">
        <v>1489</v>
      </c>
      <c r="O129" s="797">
        <v>1</v>
      </c>
      <c r="P129" s="797" t="s">
        <v>1490</v>
      </c>
      <c r="Q129" s="797" t="s">
        <v>1491</v>
      </c>
      <c r="R129" s="797" t="s">
        <v>1492</v>
      </c>
      <c r="S129" s="797" t="s">
        <v>1493</v>
      </c>
      <c r="T129" s="797" t="s">
        <v>1827</v>
      </c>
      <c r="U129" s="797" t="s">
        <v>1707</v>
      </c>
      <c r="V129" s="797" t="s">
        <v>1167</v>
      </c>
      <c r="W129" s="807" t="s">
        <v>1498</v>
      </c>
      <c r="X129" s="807" t="s">
        <v>1498</v>
      </c>
      <c r="Y129" s="807" t="s">
        <v>1498</v>
      </c>
      <c r="Z129" s="807" t="s">
        <v>1498</v>
      </c>
      <c r="AA129" s="807" t="s">
        <v>1498</v>
      </c>
      <c r="AB129" s="807" t="s">
        <v>1498</v>
      </c>
      <c r="AC129" s="807" t="s">
        <v>1498</v>
      </c>
      <c r="AD129" s="807" t="s">
        <v>1498</v>
      </c>
      <c r="AE129" s="807" t="s">
        <v>1498</v>
      </c>
      <c r="AF129" s="807" t="s">
        <v>1498</v>
      </c>
      <c r="AG129" s="807" t="s">
        <v>1498</v>
      </c>
      <c r="AH129" s="807" t="s">
        <v>1498</v>
      </c>
      <c r="AI129" s="807" t="s">
        <v>1498</v>
      </c>
      <c r="AJ129" s="807" t="s">
        <v>1498</v>
      </c>
      <c r="AK129" s="807" t="s">
        <v>1498</v>
      </c>
      <c r="AL129" s="807" t="s">
        <v>1498</v>
      </c>
      <c r="AM129" s="807" t="s">
        <v>1498</v>
      </c>
      <c r="AN129" s="807" t="s">
        <v>1498</v>
      </c>
      <c r="AO129" s="807" t="s">
        <v>1498</v>
      </c>
      <c r="AP129" s="807" t="s">
        <v>1498</v>
      </c>
      <c r="AQ129" s="1300">
        <f t="shared" si="7"/>
        <v>0</v>
      </c>
      <c r="AR129" s="797" t="s">
        <v>1807</v>
      </c>
      <c r="AS129" s="797" t="s">
        <v>722</v>
      </c>
      <c r="AT129" s="797" t="s">
        <v>53</v>
      </c>
      <c r="AU129" s="801">
        <v>70241</v>
      </c>
      <c r="AV129" s="813">
        <f>ROUND((VLOOKUP(G129,'[6]Cost Summary'!A:H,8,)),0.1)</f>
        <v>70241</v>
      </c>
      <c r="AW129" s="797">
        <v>3</v>
      </c>
      <c r="AX129" s="797" t="s">
        <v>1828</v>
      </c>
      <c r="AY129" s="814" t="s">
        <v>1584</v>
      </c>
      <c r="AZ129" s="805">
        <v>45633.54</v>
      </c>
    </row>
    <row r="130" spans="1:52" ht="105" hidden="1" x14ac:dyDescent="0.25">
      <c r="A130" s="785" t="s">
        <v>66</v>
      </c>
      <c r="B130" s="785"/>
      <c r="C130" s="785"/>
      <c r="D130" s="785" t="s">
        <v>66</v>
      </c>
      <c r="E130" s="785"/>
      <c r="F130" s="785"/>
      <c r="G130" s="825" t="s">
        <v>1750</v>
      </c>
      <c r="H130" s="825" t="s">
        <v>900</v>
      </c>
      <c r="I130" s="826" t="s">
        <v>991</v>
      </c>
      <c r="J130" s="825" t="s">
        <v>1751</v>
      </c>
      <c r="K130" s="825">
        <v>51.745775000000002</v>
      </c>
      <c r="L130" s="825">
        <v>-0.48782399999999998</v>
      </c>
      <c r="M130" s="825" t="s">
        <v>1488</v>
      </c>
      <c r="N130" s="825" t="s">
        <v>1489</v>
      </c>
      <c r="O130" s="825"/>
      <c r="P130" s="825" t="s">
        <v>1490</v>
      </c>
      <c r="Q130" s="825" t="s">
        <v>1491</v>
      </c>
      <c r="R130" s="825" t="s">
        <v>1492</v>
      </c>
      <c r="S130" s="825" t="s">
        <v>1493</v>
      </c>
      <c r="T130" s="825" t="s">
        <v>1749</v>
      </c>
      <c r="U130" s="825" t="s">
        <v>1546</v>
      </c>
      <c r="V130" s="827" t="s">
        <v>1719</v>
      </c>
      <c r="W130" s="828"/>
      <c r="X130" s="828"/>
      <c r="Y130" s="828"/>
      <c r="Z130" s="828"/>
      <c r="AA130" s="828"/>
      <c r="AB130" s="828"/>
      <c r="AC130" s="828"/>
      <c r="AD130" s="828"/>
      <c r="AE130" s="828"/>
      <c r="AF130" s="828"/>
      <c r="AG130" s="828"/>
      <c r="AH130" s="828"/>
      <c r="AI130" s="828"/>
      <c r="AJ130" s="828"/>
      <c r="AK130" s="828"/>
      <c r="AL130" s="828"/>
      <c r="AM130" s="828"/>
      <c r="AN130" s="828"/>
      <c r="AO130" s="828"/>
      <c r="AP130" s="828"/>
      <c r="AQ130" s="1300">
        <f t="shared" si="7"/>
        <v>0</v>
      </c>
      <c r="AR130" s="825" t="s">
        <v>1620</v>
      </c>
      <c r="AS130" s="825" t="s">
        <v>722</v>
      </c>
      <c r="AT130" s="825" t="s">
        <v>53</v>
      </c>
      <c r="AU130" s="831">
        <v>37001.25</v>
      </c>
      <c r="AV130" s="832">
        <v>37001.25</v>
      </c>
      <c r="AW130" s="825">
        <v>0</v>
      </c>
      <c r="AX130" s="825" t="s">
        <v>1500</v>
      </c>
      <c r="AY130" s="833" t="s">
        <v>1721</v>
      </c>
      <c r="AZ130" s="785">
        <v>37001.25</v>
      </c>
    </row>
    <row r="131" spans="1:52" ht="30" hidden="1" x14ac:dyDescent="0.25">
      <c r="A131" s="785"/>
      <c r="B131" s="785"/>
      <c r="C131" s="785"/>
      <c r="D131" s="785"/>
      <c r="E131" s="785"/>
      <c r="F131" s="785"/>
      <c r="G131" s="797" t="s">
        <v>1951</v>
      </c>
      <c r="H131" s="797" t="s">
        <v>932</v>
      </c>
      <c r="I131" s="798" t="s">
        <v>1168</v>
      </c>
      <c r="J131" s="797" t="s">
        <v>1169</v>
      </c>
      <c r="K131" s="797">
        <v>51.761141760000001</v>
      </c>
      <c r="L131" s="797">
        <v>-0.47682785900000002</v>
      </c>
      <c r="M131" s="797" t="s">
        <v>1560</v>
      </c>
      <c r="N131" s="797" t="s">
        <v>1489</v>
      </c>
      <c r="O131" s="797">
        <v>1</v>
      </c>
      <c r="P131" s="797" t="s">
        <v>1490</v>
      </c>
      <c r="Q131" s="797" t="s">
        <v>1491</v>
      </c>
      <c r="R131" s="797" t="s">
        <v>1492</v>
      </c>
      <c r="S131" s="797" t="s">
        <v>1493</v>
      </c>
      <c r="T131" s="797" t="s">
        <v>1952</v>
      </c>
      <c r="U131" s="799" t="s">
        <v>1723</v>
      </c>
      <c r="V131" s="797" t="s">
        <v>1172</v>
      </c>
      <c r="W131" s="807" t="s">
        <v>1498</v>
      </c>
      <c r="X131" s="807" t="s">
        <v>1498</v>
      </c>
      <c r="Y131" s="807" t="s">
        <v>1498</v>
      </c>
      <c r="Z131" s="807" t="s">
        <v>1498</v>
      </c>
      <c r="AA131" s="807" t="s">
        <v>1498</v>
      </c>
      <c r="AB131" s="807" t="s">
        <v>1498</v>
      </c>
      <c r="AC131" s="807" t="s">
        <v>1498</v>
      </c>
      <c r="AD131" s="807" t="s">
        <v>1498</v>
      </c>
      <c r="AE131" s="807" t="s">
        <v>1498</v>
      </c>
      <c r="AF131" s="807" t="s">
        <v>1498</v>
      </c>
      <c r="AG131" s="807" t="s">
        <v>1498</v>
      </c>
      <c r="AH131" s="807" t="s">
        <v>1498</v>
      </c>
      <c r="AI131" s="807" t="s">
        <v>1498</v>
      </c>
      <c r="AJ131" s="807" t="s">
        <v>1498</v>
      </c>
      <c r="AK131" s="807" t="s">
        <v>1498</v>
      </c>
      <c r="AL131" s="807" t="s">
        <v>1498</v>
      </c>
      <c r="AM131" s="807" t="s">
        <v>1498</v>
      </c>
      <c r="AN131" s="807" t="s">
        <v>1498</v>
      </c>
      <c r="AO131" s="807" t="s">
        <v>1498</v>
      </c>
      <c r="AP131" s="807" t="s">
        <v>1498</v>
      </c>
      <c r="AQ131" s="1300">
        <f t="shared" si="7"/>
        <v>0</v>
      </c>
      <c r="AR131" s="797" t="s">
        <v>1953</v>
      </c>
      <c r="AS131" s="797" t="s">
        <v>722</v>
      </c>
      <c r="AT131" s="797" t="s">
        <v>53</v>
      </c>
      <c r="AU131" s="801">
        <v>1595</v>
      </c>
      <c r="AV131" s="813">
        <f>ROUND((VLOOKUP(G131,'[6]Cost Summary'!A:H,8,)),0.1)</f>
        <v>1595</v>
      </c>
      <c r="AW131" s="797">
        <v>1</v>
      </c>
      <c r="AX131" s="797">
        <v>3</v>
      </c>
      <c r="AY131" s="814" t="s">
        <v>1584</v>
      </c>
      <c r="AZ131" s="805">
        <v>1036.04</v>
      </c>
    </row>
    <row r="132" spans="1:52" ht="120" hidden="1" x14ac:dyDescent="0.25">
      <c r="A132" s="785"/>
      <c r="B132" s="785" t="s">
        <v>66</v>
      </c>
      <c r="C132" s="785"/>
      <c r="D132" s="785"/>
      <c r="E132" s="785"/>
      <c r="F132" s="785"/>
      <c r="G132" s="797" t="s">
        <v>1753</v>
      </c>
      <c r="H132" s="797" t="s">
        <v>900</v>
      </c>
      <c r="I132" s="798" t="s">
        <v>993</v>
      </c>
      <c r="J132" s="797" t="s">
        <v>1754</v>
      </c>
      <c r="K132" s="797">
        <v>51.745113824046697</v>
      </c>
      <c r="L132" s="797">
        <v>-0.49116154845086901</v>
      </c>
      <c r="M132" s="797" t="s">
        <v>1560</v>
      </c>
      <c r="N132" s="797" t="s">
        <v>1489</v>
      </c>
      <c r="O132" s="797">
        <v>1</v>
      </c>
      <c r="P132" s="797" t="s">
        <v>1490</v>
      </c>
      <c r="Q132" s="797" t="s">
        <v>1491</v>
      </c>
      <c r="R132" s="797" t="s">
        <v>1492</v>
      </c>
      <c r="S132" s="797" t="s">
        <v>1493</v>
      </c>
      <c r="T132" s="797" t="s">
        <v>1749</v>
      </c>
      <c r="U132" s="799" t="s">
        <v>1495</v>
      </c>
      <c r="V132" s="799" t="s">
        <v>3275</v>
      </c>
      <c r="W132" s="806">
        <v>0</v>
      </c>
      <c r="X132" s="806">
        <v>0</v>
      </c>
      <c r="Y132" s="806">
        <v>10</v>
      </c>
      <c r="Z132" s="806">
        <v>11</v>
      </c>
      <c r="AA132" s="806">
        <v>0</v>
      </c>
      <c r="AB132" s="806">
        <v>4</v>
      </c>
      <c r="AC132" s="806">
        <v>0</v>
      </c>
      <c r="AD132" s="806">
        <v>9</v>
      </c>
      <c r="AE132" s="806">
        <v>10</v>
      </c>
      <c r="AF132" s="806">
        <v>1</v>
      </c>
      <c r="AG132" s="841">
        <f t="shared" ref="AG132:AP132" si="22">W132/(SUM($W132:$AF132))</f>
        <v>0</v>
      </c>
      <c r="AH132" s="841">
        <f t="shared" si="22"/>
        <v>0</v>
      </c>
      <c r="AI132" s="841">
        <f t="shared" si="22"/>
        <v>0.22222222222222221</v>
      </c>
      <c r="AJ132" s="841">
        <f t="shared" si="22"/>
        <v>0.24444444444444444</v>
      </c>
      <c r="AK132" s="841">
        <f t="shared" si="22"/>
        <v>0</v>
      </c>
      <c r="AL132" s="841">
        <f t="shared" si="22"/>
        <v>8.8888888888888892E-2</v>
      </c>
      <c r="AM132" s="841">
        <f t="shared" si="22"/>
        <v>0</v>
      </c>
      <c r="AN132" s="841">
        <f t="shared" si="22"/>
        <v>0.2</v>
      </c>
      <c r="AO132" s="841">
        <f t="shared" si="22"/>
        <v>0.22222222222222221</v>
      </c>
      <c r="AP132" s="841">
        <f t="shared" si="22"/>
        <v>2.2222222222222223E-2</v>
      </c>
      <c r="AQ132" s="1300">
        <f t="shared" ref="AQ132:AQ195" si="23">SUM(AG132:AP132)</f>
        <v>1</v>
      </c>
      <c r="AR132" s="797" t="s">
        <v>1620</v>
      </c>
      <c r="AS132" s="797" t="s">
        <v>722</v>
      </c>
      <c r="AT132" s="797" t="s">
        <v>53</v>
      </c>
      <c r="AU132" s="801">
        <v>199337</v>
      </c>
      <c r="AV132" s="813">
        <f>ROUND((VLOOKUP(G132,'[6]Cost Summary'!A:H,8,)),0.1)</f>
        <v>199337</v>
      </c>
      <c r="AW132" s="814">
        <v>0</v>
      </c>
      <c r="AX132" s="814" t="s">
        <v>1500</v>
      </c>
      <c r="AY132" s="814" t="s">
        <v>1584</v>
      </c>
      <c r="AZ132" s="805">
        <v>129504.38</v>
      </c>
    </row>
    <row r="133" spans="1:52" ht="60" hidden="1" x14ac:dyDescent="0.25">
      <c r="A133" s="785"/>
      <c r="B133" s="785"/>
      <c r="C133" s="785"/>
      <c r="D133" s="785"/>
      <c r="E133" s="785"/>
      <c r="F133" s="785"/>
      <c r="G133" s="797" t="s">
        <v>1954</v>
      </c>
      <c r="H133" s="797" t="s">
        <v>932</v>
      </c>
      <c r="I133" s="798" t="s">
        <v>1170</v>
      </c>
      <c r="J133" s="797" t="s">
        <v>1171</v>
      </c>
      <c r="K133" s="797">
        <v>51.763593120000003</v>
      </c>
      <c r="L133" s="797">
        <v>-0.47444731899999998</v>
      </c>
      <c r="M133" s="797" t="s">
        <v>1488</v>
      </c>
      <c r="N133" s="797" t="s">
        <v>1489</v>
      </c>
      <c r="O133" s="797">
        <v>1</v>
      </c>
      <c r="P133" s="797" t="s">
        <v>1490</v>
      </c>
      <c r="Q133" s="797" t="s">
        <v>1491</v>
      </c>
      <c r="R133" s="797" t="s">
        <v>1492</v>
      </c>
      <c r="S133" s="797" t="s">
        <v>1493</v>
      </c>
      <c r="T133" s="797" t="s">
        <v>1955</v>
      </c>
      <c r="U133" s="797" t="s">
        <v>1707</v>
      </c>
      <c r="V133" s="797" t="s">
        <v>1172</v>
      </c>
      <c r="W133" s="807" t="s">
        <v>1498</v>
      </c>
      <c r="X133" s="807" t="s">
        <v>1498</v>
      </c>
      <c r="Y133" s="807" t="s">
        <v>1498</v>
      </c>
      <c r="Z133" s="807" t="s">
        <v>1498</v>
      </c>
      <c r="AA133" s="807" t="s">
        <v>1498</v>
      </c>
      <c r="AB133" s="807" t="s">
        <v>1498</v>
      </c>
      <c r="AC133" s="807" t="s">
        <v>1498</v>
      </c>
      <c r="AD133" s="807" t="s">
        <v>1498</v>
      </c>
      <c r="AE133" s="807" t="s">
        <v>1498</v>
      </c>
      <c r="AF133" s="807" t="s">
        <v>1498</v>
      </c>
      <c r="AG133" s="807" t="s">
        <v>1498</v>
      </c>
      <c r="AH133" s="807" t="s">
        <v>1498</v>
      </c>
      <c r="AI133" s="807" t="s">
        <v>1498</v>
      </c>
      <c r="AJ133" s="807" t="s">
        <v>1498</v>
      </c>
      <c r="AK133" s="807" t="s">
        <v>1498</v>
      </c>
      <c r="AL133" s="807" t="s">
        <v>1498</v>
      </c>
      <c r="AM133" s="807" t="s">
        <v>1498</v>
      </c>
      <c r="AN133" s="807" t="s">
        <v>1498</v>
      </c>
      <c r="AO133" s="807" t="s">
        <v>1498</v>
      </c>
      <c r="AP133" s="807" t="s">
        <v>1498</v>
      </c>
      <c r="AQ133" s="1300">
        <f t="shared" si="23"/>
        <v>0</v>
      </c>
      <c r="AR133" s="797" t="s">
        <v>1953</v>
      </c>
      <c r="AS133" s="797" t="s">
        <v>722</v>
      </c>
      <c r="AT133" s="797" t="s">
        <v>53</v>
      </c>
      <c r="AU133" s="801">
        <v>65866</v>
      </c>
      <c r="AV133" s="813">
        <f>ROUND((VLOOKUP(G133,'[6]Cost Summary'!A:H,8,)),0.1)</f>
        <v>65866</v>
      </c>
      <c r="AW133" s="797">
        <v>0</v>
      </c>
      <c r="AX133" s="797" t="s">
        <v>1500</v>
      </c>
      <c r="AY133" s="814" t="s">
        <v>1584</v>
      </c>
      <c r="AZ133" s="805">
        <v>42791.67</v>
      </c>
    </row>
    <row r="134" spans="1:52" ht="60" hidden="1" x14ac:dyDescent="0.25">
      <c r="A134" s="785"/>
      <c r="B134" s="785"/>
      <c r="C134" s="785"/>
      <c r="D134" s="785"/>
      <c r="E134" s="785"/>
      <c r="F134" s="785"/>
      <c r="G134" s="797" t="s">
        <v>1956</v>
      </c>
      <c r="H134" s="797" t="s">
        <v>932</v>
      </c>
      <c r="I134" s="798" t="s">
        <v>1173</v>
      </c>
      <c r="J134" s="797" t="s">
        <v>1174</v>
      </c>
      <c r="K134" s="797">
        <v>51.762233819999999</v>
      </c>
      <c r="L134" s="797">
        <v>-0.47399197100000001</v>
      </c>
      <c r="M134" s="797" t="s">
        <v>1488</v>
      </c>
      <c r="N134" s="797" t="s">
        <v>1489</v>
      </c>
      <c r="O134" s="797">
        <v>1</v>
      </c>
      <c r="P134" s="797" t="s">
        <v>1490</v>
      </c>
      <c r="Q134" s="797" t="s">
        <v>1491</v>
      </c>
      <c r="R134" s="797" t="s">
        <v>1492</v>
      </c>
      <c r="S134" s="797" t="s">
        <v>1493</v>
      </c>
      <c r="T134" s="797" t="s">
        <v>1955</v>
      </c>
      <c r="U134" s="797" t="s">
        <v>1707</v>
      </c>
      <c r="V134" s="797" t="s">
        <v>1172</v>
      </c>
      <c r="W134" s="807" t="s">
        <v>1498</v>
      </c>
      <c r="X134" s="807" t="s">
        <v>1498</v>
      </c>
      <c r="Y134" s="807" t="s">
        <v>1498</v>
      </c>
      <c r="Z134" s="807" t="s">
        <v>1498</v>
      </c>
      <c r="AA134" s="807" t="s">
        <v>1498</v>
      </c>
      <c r="AB134" s="807" t="s">
        <v>1498</v>
      </c>
      <c r="AC134" s="807" t="s">
        <v>1498</v>
      </c>
      <c r="AD134" s="807" t="s">
        <v>1498</v>
      </c>
      <c r="AE134" s="807" t="s">
        <v>1498</v>
      </c>
      <c r="AF134" s="807" t="s">
        <v>1498</v>
      </c>
      <c r="AG134" s="807" t="s">
        <v>1498</v>
      </c>
      <c r="AH134" s="807" t="s">
        <v>1498</v>
      </c>
      <c r="AI134" s="807" t="s">
        <v>1498</v>
      </c>
      <c r="AJ134" s="807" t="s">
        <v>1498</v>
      </c>
      <c r="AK134" s="807" t="s">
        <v>1498</v>
      </c>
      <c r="AL134" s="807" t="s">
        <v>1498</v>
      </c>
      <c r="AM134" s="807" t="s">
        <v>1498</v>
      </c>
      <c r="AN134" s="807" t="s">
        <v>1498</v>
      </c>
      <c r="AO134" s="807" t="s">
        <v>1498</v>
      </c>
      <c r="AP134" s="807" t="s">
        <v>1498</v>
      </c>
      <c r="AQ134" s="1300">
        <f t="shared" si="23"/>
        <v>0</v>
      </c>
      <c r="AR134" s="797" t="s">
        <v>1953</v>
      </c>
      <c r="AS134" s="797" t="s">
        <v>722</v>
      </c>
      <c r="AT134" s="797" t="s">
        <v>53</v>
      </c>
      <c r="AU134" s="801">
        <v>2848</v>
      </c>
      <c r="AV134" s="813">
        <f>ROUND((VLOOKUP(G134,'[6]Cost Summary'!A:H,8,)),0.1)</f>
        <v>2848</v>
      </c>
      <c r="AW134" s="797">
        <v>0</v>
      </c>
      <c r="AX134" s="797" t="s">
        <v>1500</v>
      </c>
      <c r="AY134" s="814" t="s">
        <v>1584</v>
      </c>
      <c r="AZ134" s="805">
        <v>1850.06</v>
      </c>
    </row>
    <row r="135" spans="1:52" ht="30" hidden="1" x14ac:dyDescent="0.25">
      <c r="A135" s="785"/>
      <c r="B135" s="785"/>
      <c r="C135" s="785"/>
      <c r="D135" s="785"/>
      <c r="E135" s="785"/>
      <c r="F135" s="785"/>
      <c r="G135" s="797" t="s">
        <v>1957</v>
      </c>
      <c r="H135" s="797" t="s">
        <v>932</v>
      </c>
      <c r="I135" s="798" t="s">
        <v>1175</v>
      </c>
      <c r="J135" s="797" t="s">
        <v>1176</v>
      </c>
      <c r="K135" s="797">
        <v>51.762233819999999</v>
      </c>
      <c r="L135" s="797">
        <v>-0.47399197100000001</v>
      </c>
      <c r="M135" s="797" t="s">
        <v>1488</v>
      </c>
      <c r="N135" s="797" t="s">
        <v>1489</v>
      </c>
      <c r="O135" s="797">
        <v>1</v>
      </c>
      <c r="P135" s="797" t="s">
        <v>1490</v>
      </c>
      <c r="Q135" s="797" t="s">
        <v>1491</v>
      </c>
      <c r="R135" s="797" t="s">
        <v>1492</v>
      </c>
      <c r="S135" s="797" t="s">
        <v>1493</v>
      </c>
      <c r="T135" s="797" t="s">
        <v>1955</v>
      </c>
      <c r="U135" s="797" t="s">
        <v>1707</v>
      </c>
      <c r="V135" s="797" t="s">
        <v>1172</v>
      </c>
      <c r="W135" s="807" t="s">
        <v>1498</v>
      </c>
      <c r="X135" s="807" t="s">
        <v>1498</v>
      </c>
      <c r="Y135" s="807" t="s">
        <v>1498</v>
      </c>
      <c r="Z135" s="807" t="s">
        <v>1498</v>
      </c>
      <c r="AA135" s="807" t="s">
        <v>1498</v>
      </c>
      <c r="AB135" s="807" t="s">
        <v>1498</v>
      </c>
      <c r="AC135" s="807" t="s">
        <v>1498</v>
      </c>
      <c r="AD135" s="807" t="s">
        <v>1498</v>
      </c>
      <c r="AE135" s="807" t="s">
        <v>1498</v>
      </c>
      <c r="AF135" s="807" t="s">
        <v>1498</v>
      </c>
      <c r="AG135" s="807" t="s">
        <v>1498</v>
      </c>
      <c r="AH135" s="807" t="s">
        <v>1498</v>
      </c>
      <c r="AI135" s="807" t="s">
        <v>1498</v>
      </c>
      <c r="AJ135" s="807" t="s">
        <v>1498</v>
      </c>
      <c r="AK135" s="807" t="s">
        <v>1498</v>
      </c>
      <c r="AL135" s="807" t="s">
        <v>1498</v>
      </c>
      <c r="AM135" s="807" t="s">
        <v>1498</v>
      </c>
      <c r="AN135" s="807" t="s">
        <v>1498</v>
      </c>
      <c r="AO135" s="807" t="s">
        <v>1498</v>
      </c>
      <c r="AP135" s="807" t="s">
        <v>1498</v>
      </c>
      <c r="AQ135" s="1302">
        <f t="shared" si="23"/>
        <v>0</v>
      </c>
      <c r="AR135" s="797" t="s">
        <v>1953</v>
      </c>
      <c r="AS135" s="797" t="s">
        <v>722</v>
      </c>
      <c r="AT135" s="797" t="s">
        <v>53</v>
      </c>
      <c r="AU135" s="801">
        <v>3480</v>
      </c>
      <c r="AV135" s="813">
        <f>ROUND((VLOOKUP(G135,'[6]Cost Summary'!A:H,8,)),0.1)</f>
        <v>3480</v>
      </c>
      <c r="AW135" s="797">
        <v>0</v>
      </c>
      <c r="AX135" s="797" t="s">
        <v>1500</v>
      </c>
      <c r="AY135" s="814" t="s">
        <v>1584</v>
      </c>
      <c r="AZ135" s="805">
        <v>2261.19</v>
      </c>
    </row>
    <row r="136" spans="1:52" ht="150" hidden="1" x14ac:dyDescent="0.25">
      <c r="A136" s="785"/>
      <c r="B136" s="785"/>
      <c r="C136" s="785"/>
      <c r="D136" s="785"/>
      <c r="E136" s="785"/>
      <c r="F136" s="785"/>
      <c r="G136" s="797" t="s">
        <v>1756</v>
      </c>
      <c r="H136" s="797" t="s">
        <v>932</v>
      </c>
      <c r="I136" s="798" t="s">
        <v>995</v>
      </c>
      <c r="J136" s="797" t="s">
        <v>996</v>
      </c>
      <c r="K136" s="797">
        <v>51.745847810000001</v>
      </c>
      <c r="L136" s="797">
        <v>-0.48759787500000001</v>
      </c>
      <c r="M136" s="797" t="s">
        <v>1560</v>
      </c>
      <c r="N136" s="797" t="s">
        <v>1489</v>
      </c>
      <c r="O136" s="797">
        <v>1</v>
      </c>
      <c r="P136" s="797" t="s">
        <v>1490</v>
      </c>
      <c r="Q136" s="797" t="s">
        <v>1491</v>
      </c>
      <c r="R136" s="797" t="s">
        <v>1492</v>
      </c>
      <c r="S136" s="797" t="s">
        <v>1493</v>
      </c>
      <c r="T136" s="797" t="s">
        <v>1749</v>
      </c>
      <c r="U136" s="797" t="s">
        <v>1723</v>
      </c>
      <c r="V136" s="797" t="s">
        <v>3273</v>
      </c>
      <c r="W136" s="807" t="s">
        <v>1498</v>
      </c>
      <c r="X136" s="807" t="s">
        <v>1498</v>
      </c>
      <c r="Y136" s="807" t="s">
        <v>1498</v>
      </c>
      <c r="Z136" s="807" t="s">
        <v>1498</v>
      </c>
      <c r="AA136" s="807" t="s">
        <v>1498</v>
      </c>
      <c r="AB136" s="807" t="s">
        <v>1498</v>
      </c>
      <c r="AC136" s="807" t="s">
        <v>1498</v>
      </c>
      <c r="AD136" s="807" t="s">
        <v>1498</v>
      </c>
      <c r="AE136" s="807" t="s">
        <v>1498</v>
      </c>
      <c r="AF136" s="807" t="s">
        <v>1498</v>
      </c>
      <c r="AG136" s="807" t="s">
        <v>1498</v>
      </c>
      <c r="AH136" s="807" t="s">
        <v>1498</v>
      </c>
      <c r="AI136" s="807" t="s">
        <v>1498</v>
      </c>
      <c r="AJ136" s="807" t="s">
        <v>1498</v>
      </c>
      <c r="AK136" s="807" t="s">
        <v>1498</v>
      </c>
      <c r="AL136" s="807" t="s">
        <v>1498</v>
      </c>
      <c r="AM136" s="807" t="s">
        <v>1498</v>
      </c>
      <c r="AN136" s="807" t="s">
        <v>1498</v>
      </c>
      <c r="AO136" s="807" t="s">
        <v>1498</v>
      </c>
      <c r="AP136" s="807" t="s">
        <v>1498</v>
      </c>
      <c r="AQ136" s="1300">
        <f t="shared" si="23"/>
        <v>0</v>
      </c>
      <c r="AR136" s="797" t="s">
        <v>1620</v>
      </c>
      <c r="AS136" s="797" t="s">
        <v>722</v>
      </c>
      <c r="AT136" s="797" t="s">
        <v>53</v>
      </c>
      <c r="AU136" s="801">
        <v>26051</v>
      </c>
      <c r="AV136" s="813">
        <f>ROUND((VLOOKUP(G136,'[6]Cost Summary'!A:H,8,)),0.1)</f>
        <v>26051</v>
      </c>
      <c r="AW136" s="814">
        <v>0</v>
      </c>
      <c r="AX136" s="814" t="s">
        <v>1500</v>
      </c>
      <c r="AY136" s="814" t="s">
        <v>1584</v>
      </c>
      <c r="AZ136" s="805">
        <v>16924.57</v>
      </c>
    </row>
    <row r="137" spans="1:52" ht="165" hidden="1" x14ac:dyDescent="0.25">
      <c r="A137" s="785"/>
      <c r="B137" s="785"/>
      <c r="C137" s="785"/>
      <c r="D137" s="785"/>
      <c r="E137" s="785"/>
      <c r="F137" s="785"/>
      <c r="G137" s="797" t="s">
        <v>1958</v>
      </c>
      <c r="H137" s="797" t="s">
        <v>900</v>
      </c>
      <c r="I137" s="798" t="s">
        <v>1177</v>
      </c>
      <c r="J137" s="797" t="s">
        <v>1178</v>
      </c>
      <c r="K137" s="797" t="s">
        <v>1960</v>
      </c>
      <c r="L137" s="797" t="s">
        <v>1961</v>
      </c>
      <c r="M137" s="797" t="s">
        <v>1488</v>
      </c>
      <c r="N137" s="797" t="s">
        <v>1489</v>
      </c>
      <c r="O137" s="797">
        <v>1</v>
      </c>
      <c r="P137" s="797" t="s">
        <v>1490</v>
      </c>
      <c r="Q137" s="797" t="s">
        <v>1491</v>
      </c>
      <c r="R137" s="797" t="s">
        <v>1492</v>
      </c>
      <c r="S137" s="797" t="s">
        <v>1493</v>
      </c>
      <c r="T137" s="797" t="s">
        <v>1962</v>
      </c>
      <c r="U137" s="797" t="s">
        <v>1707</v>
      </c>
      <c r="V137" s="797" t="s">
        <v>1172</v>
      </c>
      <c r="W137" s="807" t="s">
        <v>1498</v>
      </c>
      <c r="X137" s="807" t="s">
        <v>1498</v>
      </c>
      <c r="Y137" s="807" t="s">
        <v>1498</v>
      </c>
      <c r="Z137" s="807" t="s">
        <v>1498</v>
      </c>
      <c r="AA137" s="807" t="s">
        <v>1498</v>
      </c>
      <c r="AB137" s="807" t="s">
        <v>1498</v>
      </c>
      <c r="AC137" s="807" t="s">
        <v>1498</v>
      </c>
      <c r="AD137" s="807" t="s">
        <v>1498</v>
      </c>
      <c r="AE137" s="807" t="s">
        <v>1498</v>
      </c>
      <c r="AF137" s="807" t="s">
        <v>1498</v>
      </c>
      <c r="AG137" s="807" t="s">
        <v>1498</v>
      </c>
      <c r="AH137" s="807" t="s">
        <v>1498</v>
      </c>
      <c r="AI137" s="807" t="s">
        <v>1498</v>
      </c>
      <c r="AJ137" s="807" t="s">
        <v>1498</v>
      </c>
      <c r="AK137" s="807" t="s">
        <v>1498</v>
      </c>
      <c r="AL137" s="807" t="s">
        <v>1498</v>
      </c>
      <c r="AM137" s="807" t="s">
        <v>1498</v>
      </c>
      <c r="AN137" s="807" t="s">
        <v>1498</v>
      </c>
      <c r="AO137" s="807" t="s">
        <v>1498</v>
      </c>
      <c r="AP137" s="807" t="s">
        <v>1498</v>
      </c>
      <c r="AQ137" s="1300">
        <f t="shared" si="23"/>
        <v>0</v>
      </c>
      <c r="AR137" s="797" t="s">
        <v>1953</v>
      </c>
      <c r="AS137" s="797" t="s">
        <v>722</v>
      </c>
      <c r="AT137" s="797" t="s">
        <v>53</v>
      </c>
      <c r="AU137" s="801">
        <v>130360</v>
      </c>
      <c r="AV137" s="813">
        <f>ROUND((VLOOKUP(G137,'[6]Cost Summary'!A:H,8,)),0.1)</f>
        <v>130360</v>
      </c>
      <c r="AW137" s="797">
        <v>1</v>
      </c>
      <c r="AX137" s="797">
        <v>2</v>
      </c>
      <c r="AY137" s="814" t="s">
        <v>1584</v>
      </c>
      <c r="AZ137" s="805">
        <v>84691.75</v>
      </c>
    </row>
    <row r="138" spans="1:52" ht="75" hidden="1" x14ac:dyDescent="0.25">
      <c r="A138" s="785"/>
      <c r="B138" s="785"/>
      <c r="C138" s="785"/>
      <c r="D138" s="785"/>
      <c r="E138" s="785"/>
      <c r="F138" s="785"/>
      <c r="G138" s="797" t="s">
        <v>1758</v>
      </c>
      <c r="H138" s="797" t="s">
        <v>932</v>
      </c>
      <c r="I138" s="798" t="s">
        <v>997</v>
      </c>
      <c r="J138" s="797" t="s">
        <v>998</v>
      </c>
      <c r="K138" s="797" t="s">
        <v>1759</v>
      </c>
      <c r="L138" s="797" t="s">
        <v>1760</v>
      </c>
      <c r="M138" s="797" t="s">
        <v>1560</v>
      </c>
      <c r="N138" s="797" t="s">
        <v>1489</v>
      </c>
      <c r="O138" s="797">
        <v>1</v>
      </c>
      <c r="P138" s="797" t="s">
        <v>1490</v>
      </c>
      <c r="Q138" s="797" t="s">
        <v>1491</v>
      </c>
      <c r="R138" s="797" t="s">
        <v>1492</v>
      </c>
      <c r="S138" s="797" t="s">
        <v>1493</v>
      </c>
      <c r="T138" s="797" t="s">
        <v>1749</v>
      </c>
      <c r="U138" s="797" t="s">
        <v>1723</v>
      </c>
      <c r="V138" s="797" t="s">
        <v>3273</v>
      </c>
      <c r="W138" s="807" t="s">
        <v>1498</v>
      </c>
      <c r="X138" s="807" t="s">
        <v>1498</v>
      </c>
      <c r="Y138" s="807" t="s">
        <v>1498</v>
      </c>
      <c r="Z138" s="807" t="s">
        <v>1498</v>
      </c>
      <c r="AA138" s="807" t="s">
        <v>1498</v>
      </c>
      <c r="AB138" s="807" t="s">
        <v>1498</v>
      </c>
      <c r="AC138" s="807" t="s">
        <v>1498</v>
      </c>
      <c r="AD138" s="807" t="s">
        <v>1498</v>
      </c>
      <c r="AE138" s="807" t="s">
        <v>1498</v>
      </c>
      <c r="AF138" s="807" t="s">
        <v>1498</v>
      </c>
      <c r="AG138" s="807" t="s">
        <v>1498</v>
      </c>
      <c r="AH138" s="807" t="s">
        <v>1498</v>
      </c>
      <c r="AI138" s="807" t="s">
        <v>1498</v>
      </c>
      <c r="AJ138" s="807" t="s">
        <v>1498</v>
      </c>
      <c r="AK138" s="807" t="s">
        <v>1498</v>
      </c>
      <c r="AL138" s="807" t="s">
        <v>1498</v>
      </c>
      <c r="AM138" s="807" t="s">
        <v>1498</v>
      </c>
      <c r="AN138" s="807" t="s">
        <v>1498</v>
      </c>
      <c r="AO138" s="807" t="s">
        <v>1498</v>
      </c>
      <c r="AP138" s="807" t="s">
        <v>1498</v>
      </c>
      <c r="AQ138" s="1300">
        <f t="shared" si="23"/>
        <v>0</v>
      </c>
      <c r="AR138" s="797" t="s">
        <v>1620</v>
      </c>
      <c r="AS138" s="797" t="s">
        <v>722</v>
      </c>
      <c r="AT138" s="797" t="s">
        <v>53</v>
      </c>
      <c r="AU138" s="801">
        <v>17402</v>
      </c>
      <c r="AV138" s="813">
        <f>ROUND((VLOOKUP(G138,'[6]Cost Summary'!A:H,8,)),0.1)</f>
        <v>17402</v>
      </c>
      <c r="AW138" s="814">
        <v>0</v>
      </c>
      <c r="AX138" s="814" t="s">
        <v>1500</v>
      </c>
      <c r="AY138" s="814" t="s">
        <v>1584</v>
      </c>
      <c r="AZ138" s="805">
        <v>11305.94</v>
      </c>
    </row>
    <row r="139" spans="1:52" ht="30" hidden="1" x14ac:dyDescent="0.25">
      <c r="A139" s="785"/>
      <c r="B139" s="785"/>
      <c r="C139" s="785"/>
      <c r="D139" s="785" t="s">
        <v>66</v>
      </c>
      <c r="E139" s="785"/>
      <c r="F139" s="785"/>
      <c r="G139" s="825" t="s">
        <v>3276</v>
      </c>
      <c r="H139" s="825" t="s">
        <v>900</v>
      </c>
      <c r="I139" s="826" t="s">
        <v>1179</v>
      </c>
      <c r="J139" s="825" t="s">
        <v>1180</v>
      </c>
      <c r="K139" s="825" t="s">
        <v>1521</v>
      </c>
      <c r="L139" s="825" t="s">
        <v>1521</v>
      </c>
      <c r="M139" s="825" t="s">
        <v>1522</v>
      </c>
      <c r="N139" s="825" t="s">
        <v>1489</v>
      </c>
      <c r="O139" s="825"/>
      <c r="P139" s="825" t="s">
        <v>1490</v>
      </c>
      <c r="Q139" s="825" t="s">
        <v>1491</v>
      </c>
      <c r="R139" s="825" t="s">
        <v>1492</v>
      </c>
      <c r="S139" s="825" t="s">
        <v>1493</v>
      </c>
      <c r="T139" s="825" t="s">
        <v>1806</v>
      </c>
      <c r="U139" s="825" t="s">
        <v>1546</v>
      </c>
      <c r="V139" s="827" t="s">
        <v>1719</v>
      </c>
      <c r="W139" s="828"/>
      <c r="X139" s="828"/>
      <c r="Y139" s="828"/>
      <c r="Z139" s="828"/>
      <c r="AA139" s="828"/>
      <c r="AB139" s="828"/>
      <c r="AC139" s="828"/>
      <c r="AD139" s="828"/>
      <c r="AE139" s="828"/>
      <c r="AF139" s="828"/>
      <c r="AG139" s="828"/>
      <c r="AH139" s="828"/>
      <c r="AI139" s="828"/>
      <c r="AJ139" s="828"/>
      <c r="AK139" s="828"/>
      <c r="AL139" s="828"/>
      <c r="AM139" s="828"/>
      <c r="AN139" s="828"/>
      <c r="AO139" s="828"/>
      <c r="AP139" s="828"/>
      <c r="AQ139" s="1300">
        <f t="shared" si="23"/>
        <v>0</v>
      </c>
      <c r="AR139" s="825" t="s">
        <v>1807</v>
      </c>
      <c r="AS139" s="825" t="s">
        <v>722</v>
      </c>
      <c r="AT139" s="825" t="s">
        <v>53</v>
      </c>
      <c r="AU139" s="831">
        <v>86336.25</v>
      </c>
      <c r="AV139" s="832">
        <v>86336.25</v>
      </c>
      <c r="AW139" s="825">
        <v>2</v>
      </c>
      <c r="AX139" s="825" t="s">
        <v>1808</v>
      </c>
      <c r="AY139" s="833" t="s">
        <v>1721</v>
      </c>
      <c r="AZ139" s="785">
        <v>86336.25</v>
      </c>
    </row>
    <row r="140" spans="1:52" ht="90" hidden="1" x14ac:dyDescent="0.25">
      <c r="A140" s="785"/>
      <c r="B140" s="785"/>
      <c r="C140" s="785"/>
      <c r="D140" s="785"/>
      <c r="E140" s="785"/>
      <c r="F140" s="785"/>
      <c r="G140" s="797" t="s">
        <v>1829</v>
      </c>
      <c r="H140" s="797" t="s">
        <v>900</v>
      </c>
      <c r="I140" s="798" t="s">
        <v>1182</v>
      </c>
      <c r="J140" s="797" t="s">
        <v>1183</v>
      </c>
      <c r="K140" s="797">
        <v>51.752628100000003</v>
      </c>
      <c r="L140" s="797">
        <v>-0.472089749</v>
      </c>
      <c r="M140" s="797" t="s">
        <v>1522</v>
      </c>
      <c r="N140" s="797" t="s">
        <v>1489</v>
      </c>
      <c r="O140" s="797">
        <v>1</v>
      </c>
      <c r="P140" s="797" t="s">
        <v>1490</v>
      </c>
      <c r="Q140" s="797" t="s">
        <v>1491</v>
      </c>
      <c r="R140" s="797" t="s">
        <v>1492</v>
      </c>
      <c r="S140" s="797" t="s">
        <v>1493</v>
      </c>
      <c r="T140" s="797" t="s">
        <v>1806</v>
      </c>
      <c r="U140" s="799" t="s">
        <v>1723</v>
      </c>
      <c r="V140" s="797" t="s">
        <v>3277</v>
      </c>
      <c r="W140" s="807" t="s">
        <v>1498</v>
      </c>
      <c r="X140" s="807" t="s">
        <v>1498</v>
      </c>
      <c r="Y140" s="807" t="s">
        <v>1498</v>
      </c>
      <c r="Z140" s="807" t="s">
        <v>1498</v>
      </c>
      <c r="AA140" s="807" t="s">
        <v>1498</v>
      </c>
      <c r="AB140" s="807" t="s">
        <v>1498</v>
      </c>
      <c r="AC140" s="807" t="s">
        <v>1498</v>
      </c>
      <c r="AD140" s="807" t="s">
        <v>1498</v>
      </c>
      <c r="AE140" s="807" t="s">
        <v>1498</v>
      </c>
      <c r="AF140" s="807" t="s">
        <v>1498</v>
      </c>
      <c r="AG140" s="807" t="s">
        <v>1498</v>
      </c>
      <c r="AH140" s="807" t="s">
        <v>1498</v>
      </c>
      <c r="AI140" s="807" t="s">
        <v>1498</v>
      </c>
      <c r="AJ140" s="807" t="s">
        <v>1498</v>
      </c>
      <c r="AK140" s="807" t="s">
        <v>1498</v>
      </c>
      <c r="AL140" s="807" t="s">
        <v>1498</v>
      </c>
      <c r="AM140" s="807" t="s">
        <v>1498</v>
      </c>
      <c r="AN140" s="807" t="s">
        <v>1498</v>
      </c>
      <c r="AO140" s="807" t="s">
        <v>1498</v>
      </c>
      <c r="AP140" s="807" t="s">
        <v>1498</v>
      </c>
      <c r="AQ140" s="1300">
        <f t="shared" si="23"/>
        <v>0</v>
      </c>
      <c r="AR140" s="797" t="s">
        <v>1831</v>
      </c>
      <c r="AS140" s="797" t="s">
        <v>834</v>
      </c>
      <c r="AT140" s="797" t="s">
        <v>53</v>
      </c>
      <c r="AU140" s="801">
        <v>94053</v>
      </c>
      <c r="AV140" s="813">
        <f>ROUND((VLOOKUP(G140,'[6]Cost Summary'!A:H,8,)),0.1)</f>
        <v>94053</v>
      </c>
      <c r="AW140" s="797">
        <v>0</v>
      </c>
      <c r="AX140" s="797" t="s">
        <v>1500</v>
      </c>
      <c r="AY140" s="814" t="s">
        <v>1584</v>
      </c>
      <c r="AZ140" s="805">
        <v>61103.86</v>
      </c>
    </row>
    <row r="141" spans="1:52" ht="135" hidden="1" x14ac:dyDescent="0.25">
      <c r="A141" s="785"/>
      <c r="B141" s="785" t="s">
        <v>66</v>
      </c>
      <c r="C141" s="785"/>
      <c r="D141" s="785"/>
      <c r="E141" s="785"/>
      <c r="F141" s="785"/>
      <c r="G141" s="797" t="s">
        <v>1832</v>
      </c>
      <c r="H141" s="797" t="s">
        <v>932</v>
      </c>
      <c r="I141" s="798" t="s">
        <v>1184</v>
      </c>
      <c r="J141" s="797" t="s">
        <v>1185</v>
      </c>
      <c r="K141" s="797">
        <v>51.753482550000001</v>
      </c>
      <c r="L141" s="797">
        <v>-0.47237289999999998</v>
      </c>
      <c r="M141" s="797" t="s">
        <v>1522</v>
      </c>
      <c r="N141" s="797" t="s">
        <v>1489</v>
      </c>
      <c r="O141" s="797">
        <v>2</v>
      </c>
      <c r="P141" s="797" t="s">
        <v>1490</v>
      </c>
      <c r="Q141" s="797" t="s">
        <v>1491</v>
      </c>
      <c r="R141" s="797" t="s">
        <v>1492</v>
      </c>
      <c r="S141" s="797" t="s">
        <v>1493</v>
      </c>
      <c r="T141" s="797" t="s">
        <v>1806</v>
      </c>
      <c r="U141" s="799" t="s">
        <v>1495</v>
      </c>
      <c r="V141" s="797" t="s">
        <v>3277</v>
      </c>
      <c r="W141" s="806">
        <v>2</v>
      </c>
      <c r="X141" s="806">
        <v>2</v>
      </c>
      <c r="Y141" s="806">
        <v>0</v>
      </c>
      <c r="Z141" s="806">
        <v>0</v>
      </c>
      <c r="AA141" s="806">
        <v>0</v>
      </c>
      <c r="AB141" s="806">
        <v>1</v>
      </c>
      <c r="AC141" s="806">
        <v>2</v>
      </c>
      <c r="AD141" s="806">
        <v>3</v>
      </c>
      <c r="AE141" s="806">
        <v>0</v>
      </c>
      <c r="AF141" s="806">
        <v>2</v>
      </c>
      <c r="AG141" s="841">
        <f t="shared" ref="AG141:AP142" si="24">W141/(SUM($W141:$AF141))</f>
        <v>0.16666666666666666</v>
      </c>
      <c r="AH141" s="841">
        <f t="shared" si="24"/>
        <v>0.16666666666666666</v>
      </c>
      <c r="AI141" s="841">
        <f t="shared" si="24"/>
        <v>0</v>
      </c>
      <c r="AJ141" s="841">
        <f t="shared" si="24"/>
        <v>0</v>
      </c>
      <c r="AK141" s="841">
        <f t="shared" si="24"/>
        <v>0</v>
      </c>
      <c r="AL141" s="841">
        <f t="shared" si="24"/>
        <v>8.3333333333333329E-2</v>
      </c>
      <c r="AM141" s="841">
        <f t="shared" si="24"/>
        <v>0.16666666666666666</v>
      </c>
      <c r="AN141" s="841">
        <f t="shared" si="24"/>
        <v>0.25</v>
      </c>
      <c r="AO141" s="841">
        <f t="shared" si="24"/>
        <v>0</v>
      </c>
      <c r="AP141" s="841">
        <f t="shared" si="24"/>
        <v>0.16666666666666666</v>
      </c>
      <c r="AQ141" s="1300">
        <f t="shared" si="23"/>
        <v>0.99999999999999989</v>
      </c>
      <c r="AR141" s="797" t="s">
        <v>1831</v>
      </c>
      <c r="AS141" s="797" t="s">
        <v>834</v>
      </c>
      <c r="AT141" s="797" t="s">
        <v>53</v>
      </c>
      <c r="AU141" s="801">
        <v>313019</v>
      </c>
      <c r="AV141" s="813">
        <f>ROUND((VLOOKUP(G141,'[6]Cost Summary'!A:H,8,)),0.1)</f>
        <v>313019</v>
      </c>
      <c r="AW141" s="797">
        <v>1</v>
      </c>
      <c r="AX141" s="797">
        <v>6</v>
      </c>
      <c r="AY141" s="814" t="s">
        <v>1584</v>
      </c>
      <c r="AZ141" s="805">
        <v>203360.35</v>
      </c>
    </row>
    <row r="142" spans="1:52" ht="120" hidden="1" x14ac:dyDescent="0.25">
      <c r="A142" s="785"/>
      <c r="B142" s="785" t="s">
        <v>66</v>
      </c>
      <c r="C142" s="785"/>
      <c r="D142" s="785"/>
      <c r="E142" s="785"/>
      <c r="F142" s="785"/>
      <c r="G142" s="797" t="s">
        <v>1834</v>
      </c>
      <c r="H142" s="797" t="s">
        <v>932</v>
      </c>
      <c r="I142" s="798" t="s">
        <v>1186</v>
      </c>
      <c r="J142" s="797" t="s">
        <v>1187</v>
      </c>
      <c r="K142" s="797">
        <v>51.754353510000001</v>
      </c>
      <c r="L142" s="797">
        <v>-0.47261388700000001</v>
      </c>
      <c r="M142" s="797" t="s">
        <v>1522</v>
      </c>
      <c r="N142" s="797" t="s">
        <v>1489</v>
      </c>
      <c r="O142" s="797">
        <v>2</v>
      </c>
      <c r="P142" s="797" t="s">
        <v>1490</v>
      </c>
      <c r="Q142" s="797" t="s">
        <v>1491</v>
      </c>
      <c r="R142" s="797" t="s">
        <v>1492</v>
      </c>
      <c r="S142" s="797" t="s">
        <v>1493</v>
      </c>
      <c r="T142" s="797" t="s">
        <v>1806</v>
      </c>
      <c r="U142" s="799" t="s">
        <v>1495</v>
      </c>
      <c r="V142" s="797" t="s">
        <v>3277</v>
      </c>
      <c r="W142" s="806">
        <v>2</v>
      </c>
      <c r="X142" s="806">
        <v>2</v>
      </c>
      <c r="Y142" s="806">
        <v>5</v>
      </c>
      <c r="Z142" s="806">
        <v>0</v>
      </c>
      <c r="AA142" s="806">
        <v>1</v>
      </c>
      <c r="AB142" s="806">
        <v>1</v>
      </c>
      <c r="AC142" s="806">
        <v>1</v>
      </c>
      <c r="AD142" s="806">
        <v>3</v>
      </c>
      <c r="AE142" s="806">
        <v>5</v>
      </c>
      <c r="AF142" s="806">
        <v>2</v>
      </c>
      <c r="AG142" s="841">
        <f t="shared" si="24"/>
        <v>9.0909090909090912E-2</v>
      </c>
      <c r="AH142" s="841">
        <f t="shared" si="24"/>
        <v>9.0909090909090912E-2</v>
      </c>
      <c r="AI142" s="841">
        <f t="shared" si="24"/>
        <v>0.22727272727272727</v>
      </c>
      <c r="AJ142" s="841">
        <f t="shared" si="24"/>
        <v>0</v>
      </c>
      <c r="AK142" s="841">
        <f t="shared" si="24"/>
        <v>4.5454545454545456E-2</v>
      </c>
      <c r="AL142" s="841">
        <f t="shared" si="24"/>
        <v>4.5454545454545456E-2</v>
      </c>
      <c r="AM142" s="841">
        <f t="shared" si="24"/>
        <v>4.5454545454545456E-2</v>
      </c>
      <c r="AN142" s="841">
        <f t="shared" si="24"/>
        <v>0.13636363636363635</v>
      </c>
      <c r="AO142" s="841">
        <f t="shared" si="24"/>
        <v>0.22727272727272727</v>
      </c>
      <c r="AP142" s="841">
        <f t="shared" si="24"/>
        <v>9.0909090909090912E-2</v>
      </c>
      <c r="AQ142" s="1300">
        <f t="shared" si="23"/>
        <v>1</v>
      </c>
      <c r="AR142" s="797" t="s">
        <v>1831</v>
      </c>
      <c r="AS142" s="797" t="s">
        <v>834</v>
      </c>
      <c r="AT142" s="797" t="s">
        <v>53</v>
      </c>
      <c r="AU142" s="801">
        <v>290466</v>
      </c>
      <c r="AV142" s="813">
        <f>ROUND((VLOOKUP(G142,'[6]Cost Summary'!A:H,8,)),0.1)</f>
        <v>290466</v>
      </c>
      <c r="AW142" s="797">
        <v>1</v>
      </c>
      <c r="AX142" s="797">
        <v>6</v>
      </c>
      <c r="AY142" s="814" t="s">
        <v>1584</v>
      </c>
      <c r="AZ142" s="805">
        <v>188708.84</v>
      </c>
    </row>
    <row r="143" spans="1:52" ht="60" hidden="1" x14ac:dyDescent="0.25">
      <c r="A143" s="785"/>
      <c r="B143" s="785"/>
      <c r="C143" s="785"/>
      <c r="D143" s="785"/>
      <c r="E143" s="785"/>
      <c r="F143" s="785"/>
      <c r="G143" s="797" t="s">
        <v>1882</v>
      </c>
      <c r="H143" s="797" t="s">
        <v>932</v>
      </c>
      <c r="I143" s="798" t="s">
        <v>1188</v>
      </c>
      <c r="J143" s="797" t="s">
        <v>1189</v>
      </c>
      <c r="K143" s="797">
        <v>51.752838130000001</v>
      </c>
      <c r="L143" s="797">
        <v>-0.47222059599999999</v>
      </c>
      <c r="M143" s="797" t="s">
        <v>1522</v>
      </c>
      <c r="N143" s="797" t="s">
        <v>1489</v>
      </c>
      <c r="O143" s="797">
        <v>1</v>
      </c>
      <c r="P143" s="797" t="s">
        <v>1490</v>
      </c>
      <c r="Q143" s="797" t="s">
        <v>1491</v>
      </c>
      <c r="R143" s="797" t="s">
        <v>1492</v>
      </c>
      <c r="S143" s="797" t="s">
        <v>1493</v>
      </c>
      <c r="T143" s="797" t="s">
        <v>1806</v>
      </c>
      <c r="U143" s="799" t="s">
        <v>1723</v>
      </c>
      <c r="V143" s="797" t="s">
        <v>3277</v>
      </c>
      <c r="W143" s="807" t="s">
        <v>1498</v>
      </c>
      <c r="X143" s="807" t="s">
        <v>1498</v>
      </c>
      <c r="Y143" s="807" t="s">
        <v>1498</v>
      </c>
      <c r="Z143" s="807" t="s">
        <v>1498</v>
      </c>
      <c r="AA143" s="807" t="s">
        <v>1498</v>
      </c>
      <c r="AB143" s="807" t="s">
        <v>1498</v>
      </c>
      <c r="AC143" s="807" t="s">
        <v>1498</v>
      </c>
      <c r="AD143" s="807" t="s">
        <v>1498</v>
      </c>
      <c r="AE143" s="807" t="s">
        <v>1498</v>
      </c>
      <c r="AF143" s="807" t="s">
        <v>1498</v>
      </c>
      <c r="AG143" s="807" t="s">
        <v>1498</v>
      </c>
      <c r="AH143" s="807" t="s">
        <v>1498</v>
      </c>
      <c r="AI143" s="807" t="s">
        <v>1498</v>
      </c>
      <c r="AJ143" s="807" t="s">
        <v>1498</v>
      </c>
      <c r="AK143" s="807" t="s">
        <v>1498</v>
      </c>
      <c r="AL143" s="807" t="s">
        <v>1498</v>
      </c>
      <c r="AM143" s="807" t="s">
        <v>1498</v>
      </c>
      <c r="AN143" s="807" t="s">
        <v>1498</v>
      </c>
      <c r="AO143" s="807" t="s">
        <v>1498</v>
      </c>
      <c r="AP143" s="807" t="s">
        <v>1498</v>
      </c>
      <c r="AQ143" s="1300">
        <f t="shared" si="23"/>
        <v>0</v>
      </c>
      <c r="AR143" s="797" t="s">
        <v>1831</v>
      </c>
      <c r="AS143" s="797" t="s">
        <v>834</v>
      </c>
      <c r="AT143" s="797" t="s">
        <v>53</v>
      </c>
      <c r="AU143" s="801">
        <v>2392</v>
      </c>
      <c r="AV143" s="813">
        <f>ROUND((VLOOKUP(G143,'[6]Cost Summary'!A:H,8,)),0.1)</f>
        <v>2392</v>
      </c>
      <c r="AW143" s="797">
        <v>0</v>
      </c>
      <c r="AX143" s="797" t="s">
        <v>1500</v>
      </c>
      <c r="AY143" s="814" t="s">
        <v>1584</v>
      </c>
      <c r="AZ143" s="805">
        <v>1554.05</v>
      </c>
    </row>
    <row r="144" spans="1:52" ht="60" hidden="1" x14ac:dyDescent="0.25">
      <c r="A144" s="785"/>
      <c r="B144" s="785" t="s">
        <v>66</v>
      </c>
      <c r="C144" s="785"/>
      <c r="D144" s="785"/>
      <c r="E144" s="785"/>
      <c r="F144" s="785"/>
      <c r="G144" s="797" t="s">
        <v>1883</v>
      </c>
      <c r="H144" s="797" t="s">
        <v>932</v>
      </c>
      <c r="I144" s="798" t="s">
        <v>1190</v>
      </c>
      <c r="J144" s="797" t="s">
        <v>1191</v>
      </c>
      <c r="K144" s="797">
        <v>51.75329533</v>
      </c>
      <c r="L144" s="797">
        <v>-0.47247293099999998</v>
      </c>
      <c r="M144" s="797" t="s">
        <v>1522</v>
      </c>
      <c r="N144" s="797" t="s">
        <v>1489</v>
      </c>
      <c r="O144" s="797">
        <v>1</v>
      </c>
      <c r="P144" s="797" t="s">
        <v>1490</v>
      </c>
      <c r="Q144" s="797" t="s">
        <v>1491</v>
      </c>
      <c r="R144" s="797" t="s">
        <v>1492</v>
      </c>
      <c r="S144" s="797" t="s">
        <v>1493</v>
      </c>
      <c r="T144" s="797" t="s">
        <v>1806</v>
      </c>
      <c r="U144" s="799" t="s">
        <v>1495</v>
      </c>
      <c r="V144" s="797" t="s">
        <v>3277</v>
      </c>
      <c r="W144" s="806">
        <v>2</v>
      </c>
      <c r="X144" s="806">
        <v>2</v>
      </c>
      <c r="Y144" s="806">
        <v>0</v>
      </c>
      <c r="Z144" s="806">
        <v>0</v>
      </c>
      <c r="AA144" s="806">
        <v>0</v>
      </c>
      <c r="AB144" s="806">
        <v>1</v>
      </c>
      <c r="AC144" s="806">
        <v>2</v>
      </c>
      <c r="AD144" s="806">
        <v>3</v>
      </c>
      <c r="AE144" s="806">
        <v>0</v>
      </c>
      <c r="AF144" s="806">
        <v>2</v>
      </c>
      <c r="AG144" s="841">
        <f t="shared" ref="AG144:AP145" si="25">W144/(SUM($W144:$AF144))</f>
        <v>0.16666666666666666</v>
      </c>
      <c r="AH144" s="841">
        <f t="shared" si="25"/>
        <v>0.16666666666666666</v>
      </c>
      <c r="AI144" s="841">
        <f t="shared" si="25"/>
        <v>0</v>
      </c>
      <c r="AJ144" s="841">
        <f t="shared" si="25"/>
        <v>0</v>
      </c>
      <c r="AK144" s="841">
        <f t="shared" si="25"/>
        <v>0</v>
      </c>
      <c r="AL144" s="841">
        <f t="shared" si="25"/>
        <v>8.3333333333333329E-2</v>
      </c>
      <c r="AM144" s="841">
        <f t="shared" si="25"/>
        <v>0.16666666666666666</v>
      </c>
      <c r="AN144" s="841">
        <f t="shared" si="25"/>
        <v>0.25</v>
      </c>
      <c r="AO144" s="841">
        <f t="shared" si="25"/>
        <v>0</v>
      </c>
      <c r="AP144" s="841">
        <f t="shared" si="25"/>
        <v>0.16666666666666666</v>
      </c>
      <c r="AQ144" s="1300">
        <f t="shared" si="23"/>
        <v>0.99999999999999989</v>
      </c>
      <c r="AR144" s="797" t="s">
        <v>1831</v>
      </c>
      <c r="AS144" s="797" t="s">
        <v>834</v>
      </c>
      <c r="AT144" s="797" t="s">
        <v>53</v>
      </c>
      <c r="AU144" s="801">
        <v>200552</v>
      </c>
      <c r="AV144" s="813">
        <f>ROUND((VLOOKUP(G144,'[6]Cost Summary'!A:H,8,)),0.1)</f>
        <v>200552</v>
      </c>
      <c r="AW144" s="797">
        <v>1</v>
      </c>
      <c r="AX144" s="797">
        <v>6</v>
      </c>
      <c r="AY144" s="814" t="s">
        <v>1584</v>
      </c>
      <c r="AZ144" s="805">
        <v>130293.74</v>
      </c>
    </row>
    <row r="145" spans="1:52" ht="45" hidden="1" x14ac:dyDescent="0.25">
      <c r="A145" s="785"/>
      <c r="B145" s="785" t="s">
        <v>66</v>
      </c>
      <c r="C145" s="785"/>
      <c r="D145" s="785"/>
      <c r="E145" s="785"/>
      <c r="F145" s="785"/>
      <c r="G145" s="797" t="s">
        <v>1761</v>
      </c>
      <c r="H145" s="797" t="s">
        <v>932</v>
      </c>
      <c r="I145" s="798" t="s">
        <v>999</v>
      </c>
      <c r="J145" s="797" t="s">
        <v>1000</v>
      </c>
      <c r="K145" s="797">
        <v>51.746416050000001</v>
      </c>
      <c r="L145" s="797">
        <v>-0.48691596999999998</v>
      </c>
      <c r="M145" s="797" t="s">
        <v>1488</v>
      </c>
      <c r="N145" s="797" t="s">
        <v>1489</v>
      </c>
      <c r="O145" s="797">
        <v>1</v>
      </c>
      <c r="P145" s="797" t="s">
        <v>1490</v>
      </c>
      <c r="Q145" s="797" t="s">
        <v>1491</v>
      </c>
      <c r="R145" s="797" t="s">
        <v>1492</v>
      </c>
      <c r="S145" s="797" t="s">
        <v>1493</v>
      </c>
      <c r="T145" s="797" t="s">
        <v>1749</v>
      </c>
      <c r="U145" s="799" t="s">
        <v>1495</v>
      </c>
      <c r="V145" s="799" t="s">
        <v>3278</v>
      </c>
      <c r="W145" s="806">
        <v>1</v>
      </c>
      <c r="X145" s="806">
        <v>2</v>
      </c>
      <c r="Y145" s="806">
        <v>0</v>
      </c>
      <c r="Z145" s="806">
        <v>0</v>
      </c>
      <c r="AA145" s="806">
        <v>4</v>
      </c>
      <c r="AB145" s="806">
        <v>0</v>
      </c>
      <c r="AC145" s="806">
        <v>2</v>
      </c>
      <c r="AD145" s="806">
        <v>1</v>
      </c>
      <c r="AE145" s="806">
        <v>1</v>
      </c>
      <c r="AF145" s="806">
        <v>25</v>
      </c>
      <c r="AG145" s="841">
        <f t="shared" si="25"/>
        <v>2.7777777777777776E-2</v>
      </c>
      <c r="AH145" s="841">
        <f t="shared" si="25"/>
        <v>5.5555555555555552E-2</v>
      </c>
      <c r="AI145" s="841">
        <f t="shared" si="25"/>
        <v>0</v>
      </c>
      <c r="AJ145" s="841">
        <f t="shared" si="25"/>
        <v>0</v>
      </c>
      <c r="AK145" s="841">
        <f t="shared" si="25"/>
        <v>0.1111111111111111</v>
      </c>
      <c r="AL145" s="841">
        <f t="shared" si="25"/>
        <v>0</v>
      </c>
      <c r="AM145" s="841">
        <f t="shared" si="25"/>
        <v>5.5555555555555552E-2</v>
      </c>
      <c r="AN145" s="841">
        <f t="shared" si="25"/>
        <v>2.7777777777777776E-2</v>
      </c>
      <c r="AO145" s="841">
        <f t="shared" si="25"/>
        <v>2.7777777777777776E-2</v>
      </c>
      <c r="AP145" s="841">
        <f t="shared" si="25"/>
        <v>0.69444444444444442</v>
      </c>
      <c r="AQ145" s="1300">
        <f t="shared" si="23"/>
        <v>1</v>
      </c>
      <c r="AR145" s="797" t="s">
        <v>1620</v>
      </c>
      <c r="AS145" s="797" t="s">
        <v>722</v>
      </c>
      <c r="AT145" s="797" t="s">
        <v>53</v>
      </c>
      <c r="AU145" s="801">
        <v>598</v>
      </c>
      <c r="AV145" s="813">
        <f>ROUND((VLOOKUP(G145,'[6]Cost Summary'!A:H,8,)),0.1)</f>
        <v>598</v>
      </c>
      <c r="AW145" s="814">
        <v>0</v>
      </c>
      <c r="AX145" s="814" t="s">
        <v>1500</v>
      </c>
      <c r="AY145" s="814" t="s">
        <v>1584</v>
      </c>
      <c r="AZ145" s="805">
        <v>388.51</v>
      </c>
    </row>
    <row r="146" spans="1:52" ht="255" hidden="1" x14ac:dyDescent="0.25">
      <c r="A146" s="785"/>
      <c r="B146" s="785"/>
      <c r="C146" s="785"/>
      <c r="D146" s="785"/>
      <c r="E146" s="785"/>
      <c r="F146" s="785"/>
      <c r="G146" s="797" t="s">
        <v>1885</v>
      </c>
      <c r="H146" s="797" t="s">
        <v>932</v>
      </c>
      <c r="I146" s="798" t="s">
        <v>1192</v>
      </c>
      <c r="J146" s="797" t="s">
        <v>1193</v>
      </c>
      <c r="K146" s="797" t="s">
        <v>1521</v>
      </c>
      <c r="L146" s="797" t="s">
        <v>1521</v>
      </c>
      <c r="M146" s="797" t="s">
        <v>1522</v>
      </c>
      <c r="N146" s="797" t="s">
        <v>1489</v>
      </c>
      <c r="O146" s="797">
        <v>1</v>
      </c>
      <c r="P146" s="797" t="s">
        <v>1490</v>
      </c>
      <c r="Q146" s="797" t="s">
        <v>1491</v>
      </c>
      <c r="R146" s="797" t="s">
        <v>1492</v>
      </c>
      <c r="S146" s="797" t="s">
        <v>1493</v>
      </c>
      <c r="T146" s="797" t="s">
        <v>1888</v>
      </c>
      <c r="U146" s="797" t="s">
        <v>1707</v>
      </c>
      <c r="V146" s="797" t="s">
        <v>1194</v>
      </c>
      <c r="W146" s="807" t="s">
        <v>1498</v>
      </c>
      <c r="X146" s="807" t="s">
        <v>1498</v>
      </c>
      <c r="Y146" s="807" t="s">
        <v>1498</v>
      </c>
      <c r="Z146" s="807" t="s">
        <v>1498</v>
      </c>
      <c r="AA146" s="807" t="s">
        <v>1498</v>
      </c>
      <c r="AB146" s="807" t="s">
        <v>1498</v>
      </c>
      <c r="AC146" s="807" t="s">
        <v>1498</v>
      </c>
      <c r="AD146" s="807" t="s">
        <v>1498</v>
      </c>
      <c r="AE146" s="807" t="s">
        <v>1498</v>
      </c>
      <c r="AF146" s="807" t="s">
        <v>1498</v>
      </c>
      <c r="AG146" s="807" t="s">
        <v>1498</v>
      </c>
      <c r="AH146" s="807" t="s">
        <v>1498</v>
      </c>
      <c r="AI146" s="807" t="s">
        <v>1498</v>
      </c>
      <c r="AJ146" s="807" t="s">
        <v>1498</v>
      </c>
      <c r="AK146" s="807" t="s">
        <v>1498</v>
      </c>
      <c r="AL146" s="807" t="s">
        <v>1498</v>
      </c>
      <c r="AM146" s="807" t="s">
        <v>1498</v>
      </c>
      <c r="AN146" s="807" t="s">
        <v>1498</v>
      </c>
      <c r="AO146" s="807" t="s">
        <v>1498</v>
      </c>
      <c r="AP146" s="807" t="s">
        <v>1498</v>
      </c>
      <c r="AQ146" s="1300">
        <f t="shared" si="23"/>
        <v>0</v>
      </c>
      <c r="AR146" s="797" t="s">
        <v>1889</v>
      </c>
      <c r="AS146" s="797" t="s">
        <v>722</v>
      </c>
      <c r="AT146" s="797" t="s">
        <v>53</v>
      </c>
      <c r="AU146" s="801">
        <v>1370676</v>
      </c>
      <c r="AV146" s="813">
        <f>ROUND((VLOOKUP(G146,'[6]Cost Summary'!A:H,8,)),0.1)</f>
        <v>1370676</v>
      </c>
      <c r="AW146" s="797">
        <v>4</v>
      </c>
      <c r="AX146" s="797" t="s">
        <v>1890</v>
      </c>
      <c r="AY146" s="814" t="s">
        <v>1584</v>
      </c>
      <c r="AZ146" s="805">
        <v>890493.87</v>
      </c>
    </row>
    <row r="147" spans="1:52" ht="45" hidden="1" x14ac:dyDescent="0.25">
      <c r="A147" s="785"/>
      <c r="B147" s="785"/>
      <c r="C147" s="785"/>
      <c r="D147" s="785" t="s">
        <v>66</v>
      </c>
      <c r="E147" s="785"/>
      <c r="F147" s="785"/>
      <c r="G147" s="825" t="s">
        <v>3279</v>
      </c>
      <c r="H147" s="825" t="s">
        <v>932</v>
      </c>
      <c r="I147" s="826" t="s">
        <v>1195</v>
      </c>
      <c r="J147" s="825" t="s">
        <v>2590</v>
      </c>
      <c r="K147" s="825">
        <v>51.739743949999998</v>
      </c>
      <c r="L147" s="825">
        <v>-0.47528891400000001</v>
      </c>
      <c r="M147" s="825" t="s">
        <v>1522</v>
      </c>
      <c r="N147" s="825" t="s">
        <v>1489</v>
      </c>
      <c r="O147" s="825">
        <v>1</v>
      </c>
      <c r="P147" s="825" t="s">
        <v>1490</v>
      </c>
      <c r="Q147" s="825" t="s">
        <v>1491</v>
      </c>
      <c r="R147" s="825" t="s">
        <v>1492</v>
      </c>
      <c r="S147" s="825" t="s">
        <v>1493</v>
      </c>
      <c r="T147" s="825" t="s">
        <v>1888</v>
      </c>
      <c r="U147" s="825" t="s">
        <v>1707</v>
      </c>
      <c r="V147" s="827" t="s">
        <v>1719</v>
      </c>
      <c r="W147" s="828"/>
      <c r="X147" s="828"/>
      <c r="Y147" s="828"/>
      <c r="Z147" s="828"/>
      <c r="AA147" s="828"/>
      <c r="AB147" s="828"/>
      <c r="AC147" s="828"/>
      <c r="AD147" s="828"/>
      <c r="AE147" s="828"/>
      <c r="AF147" s="828"/>
      <c r="AG147" s="828"/>
      <c r="AH147" s="828"/>
      <c r="AI147" s="828"/>
      <c r="AJ147" s="828"/>
      <c r="AK147" s="828"/>
      <c r="AL147" s="828"/>
      <c r="AM147" s="828"/>
      <c r="AN147" s="828"/>
      <c r="AO147" s="828"/>
      <c r="AP147" s="828"/>
      <c r="AQ147" s="1300">
        <f t="shared" si="23"/>
        <v>0</v>
      </c>
      <c r="AR147" s="825" t="s">
        <v>1889</v>
      </c>
      <c r="AS147" s="825" t="s">
        <v>722</v>
      </c>
      <c r="AT147" s="825" t="s">
        <v>53</v>
      </c>
      <c r="AU147" s="831">
        <v>12333.75</v>
      </c>
      <c r="AV147" s="832">
        <v>12333.75</v>
      </c>
      <c r="AW147" s="825">
        <v>1</v>
      </c>
      <c r="AX147" s="825">
        <v>7</v>
      </c>
      <c r="AY147" s="833" t="s">
        <v>1721</v>
      </c>
      <c r="AZ147" s="785">
        <v>12333.75</v>
      </c>
    </row>
    <row r="148" spans="1:52" ht="45" hidden="1" x14ac:dyDescent="0.25">
      <c r="A148" s="785"/>
      <c r="B148" s="785"/>
      <c r="C148" s="785"/>
      <c r="D148" s="785"/>
      <c r="E148" s="785"/>
      <c r="F148" s="785"/>
      <c r="G148" s="797" t="s">
        <v>1891</v>
      </c>
      <c r="H148" s="797" t="s">
        <v>932</v>
      </c>
      <c r="I148" s="798" t="s">
        <v>1197</v>
      </c>
      <c r="J148" s="797" t="s">
        <v>1198</v>
      </c>
      <c r="K148" s="797"/>
      <c r="L148" s="797"/>
      <c r="M148" s="797" t="s">
        <v>1522</v>
      </c>
      <c r="N148" s="797" t="s">
        <v>1489</v>
      </c>
      <c r="O148" s="797">
        <v>1</v>
      </c>
      <c r="P148" s="797" t="s">
        <v>1490</v>
      </c>
      <c r="Q148" s="797" t="s">
        <v>1491</v>
      </c>
      <c r="R148" s="797" t="s">
        <v>1492</v>
      </c>
      <c r="S148" s="797" t="s">
        <v>1493</v>
      </c>
      <c r="T148" s="797" t="s">
        <v>1888</v>
      </c>
      <c r="U148" s="797" t="s">
        <v>1707</v>
      </c>
      <c r="V148" s="797" t="s">
        <v>1194</v>
      </c>
      <c r="W148" s="807" t="s">
        <v>1498</v>
      </c>
      <c r="X148" s="807" t="s">
        <v>1498</v>
      </c>
      <c r="Y148" s="807" t="s">
        <v>1498</v>
      </c>
      <c r="Z148" s="807" t="s">
        <v>1498</v>
      </c>
      <c r="AA148" s="807" t="s">
        <v>1498</v>
      </c>
      <c r="AB148" s="807" t="s">
        <v>1498</v>
      </c>
      <c r="AC148" s="807" t="s">
        <v>1498</v>
      </c>
      <c r="AD148" s="807" t="s">
        <v>1498</v>
      </c>
      <c r="AE148" s="807" t="s">
        <v>1498</v>
      </c>
      <c r="AF148" s="807" t="s">
        <v>1498</v>
      </c>
      <c r="AG148" s="807" t="s">
        <v>1498</v>
      </c>
      <c r="AH148" s="807" t="s">
        <v>1498</v>
      </c>
      <c r="AI148" s="807" t="s">
        <v>1498</v>
      </c>
      <c r="AJ148" s="807" t="s">
        <v>1498</v>
      </c>
      <c r="AK148" s="807" t="s">
        <v>1498</v>
      </c>
      <c r="AL148" s="807" t="s">
        <v>1498</v>
      </c>
      <c r="AM148" s="807" t="s">
        <v>1498</v>
      </c>
      <c r="AN148" s="807" t="s">
        <v>1498</v>
      </c>
      <c r="AO148" s="807" t="s">
        <v>1498</v>
      </c>
      <c r="AP148" s="807" t="s">
        <v>1498</v>
      </c>
      <c r="AQ148" s="1300">
        <f t="shared" si="23"/>
        <v>0</v>
      </c>
      <c r="AR148" s="797" t="s">
        <v>1889</v>
      </c>
      <c r="AS148" s="797" t="s">
        <v>722</v>
      </c>
      <c r="AT148" s="797" t="s">
        <v>53</v>
      </c>
      <c r="AU148" s="801">
        <v>797</v>
      </c>
      <c r="AV148" s="813">
        <f>ROUND((VLOOKUP(G148,'[6]Cost Summary'!A:H,8,)),0.1)</f>
        <v>797</v>
      </c>
      <c r="AW148" s="797">
        <v>1</v>
      </c>
      <c r="AX148" s="797">
        <v>7</v>
      </c>
      <c r="AY148" s="814" t="s">
        <v>1584</v>
      </c>
      <c r="AZ148" s="805">
        <v>518.02</v>
      </c>
    </row>
    <row r="149" spans="1:52" ht="45" hidden="1" x14ac:dyDescent="0.25">
      <c r="A149" s="785"/>
      <c r="B149" s="785"/>
      <c r="C149" s="785"/>
      <c r="D149" s="785"/>
      <c r="E149" s="785"/>
      <c r="F149" s="785"/>
      <c r="G149" s="797" t="s">
        <v>1950</v>
      </c>
      <c r="H149" s="797" t="s">
        <v>932</v>
      </c>
      <c r="I149" s="798" t="s">
        <v>1199</v>
      </c>
      <c r="J149" s="797" t="s">
        <v>1200</v>
      </c>
      <c r="K149" s="797">
        <v>51.743980999999998</v>
      </c>
      <c r="L149" s="797">
        <v>-0.47343600000000002</v>
      </c>
      <c r="M149" s="797" t="s">
        <v>1522</v>
      </c>
      <c r="N149" s="797" t="s">
        <v>1489</v>
      </c>
      <c r="O149" s="797">
        <v>1</v>
      </c>
      <c r="P149" s="797" t="s">
        <v>1490</v>
      </c>
      <c r="Q149" s="797" t="s">
        <v>1491</v>
      </c>
      <c r="R149" s="797" t="s">
        <v>1492</v>
      </c>
      <c r="S149" s="797" t="s">
        <v>1493</v>
      </c>
      <c r="T149" s="797" t="s">
        <v>1888</v>
      </c>
      <c r="U149" s="797" t="s">
        <v>1707</v>
      </c>
      <c r="V149" s="797" t="s">
        <v>1194</v>
      </c>
      <c r="W149" s="807" t="s">
        <v>1498</v>
      </c>
      <c r="X149" s="807" t="s">
        <v>1498</v>
      </c>
      <c r="Y149" s="807" t="s">
        <v>1498</v>
      </c>
      <c r="Z149" s="807" t="s">
        <v>1498</v>
      </c>
      <c r="AA149" s="807" t="s">
        <v>1498</v>
      </c>
      <c r="AB149" s="807" t="s">
        <v>1498</v>
      </c>
      <c r="AC149" s="807" t="s">
        <v>1498</v>
      </c>
      <c r="AD149" s="807" t="s">
        <v>1498</v>
      </c>
      <c r="AE149" s="807" t="s">
        <v>1498</v>
      </c>
      <c r="AF149" s="807" t="s">
        <v>1498</v>
      </c>
      <c r="AG149" s="807" t="s">
        <v>1498</v>
      </c>
      <c r="AH149" s="807" t="s">
        <v>1498</v>
      </c>
      <c r="AI149" s="807" t="s">
        <v>1498</v>
      </c>
      <c r="AJ149" s="807" t="s">
        <v>1498</v>
      </c>
      <c r="AK149" s="807" t="s">
        <v>1498</v>
      </c>
      <c r="AL149" s="807" t="s">
        <v>1498</v>
      </c>
      <c r="AM149" s="807" t="s">
        <v>1498</v>
      </c>
      <c r="AN149" s="807" t="s">
        <v>1498</v>
      </c>
      <c r="AO149" s="807" t="s">
        <v>1498</v>
      </c>
      <c r="AP149" s="807" t="s">
        <v>1498</v>
      </c>
      <c r="AQ149" s="1300">
        <f t="shared" si="23"/>
        <v>0</v>
      </c>
      <c r="AR149" s="797" t="s">
        <v>1889</v>
      </c>
      <c r="AS149" s="797" t="s">
        <v>722</v>
      </c>
      <c r="AT149" s="797" t="s">
        <v>53</v>
      </c>
      <c r="AU149" s="801">
        <v>2430</v>
      </c>
      <c r="AV149" s="813">
        <f>ROUND((VLOOKUP(G149,'[6]Cost Summary'!A:H,8,)),0.1)</f>
        <v>2430</v>
      </c>
      <c r="AW149" s="797">
        <v>1</v>
      </c>
      <c r="AX149" s="797">
        <v>7</v>
      </c>
      <c r="AY149" s="814" t="s">
        <v>1584</v>
      </c>
      <c r="AZ149" s="805">
        <v>1578.72</v>
      </c>
    </row>
    <row r="150" spans="1:52" ht="45" hidden="1" x14ac:dyDescent="0.25">
      <c r="A150" s="785"/>
      <c r="B150" s="785"/>
      <c r="C150" s="785"/>
      <c r="D150" s="785"/>
      <c r="E150" s="785"/>
      <c r="F150" s="785"/>
      <c r="G150" s="797" t="s">
        <v>1963</v>
      </c>
      <c r="H150" s="797" t="s">
        <v>932</v>
      </c>
      <c r="I150" s="798" t="s">
        <v>1201</v>
      </c>
      <c r="J150" s="797" t="s">
        <v>1202</v>
      </c>
      <c r="K150" s="797" t="s">
        <v>1965</v>
      </c>
      <c r="L150" s="797" t="s">
        <v>1966</v>
      </c>
      <c r="M150" s="797" t="s">
        <v>1522</v>
      </c>
      <c r="N150" s="797" t="s">
        <v>1489</v>
      </c>
      <c r="O150" s="797">
        <v>1</v>
      </c>
      <c r="P150" s="797" t="s">
        <v>1490</v>
      </c>
      <c r="Q150" s="797" t="s">
        <v>1491</v>
      </c>
      <c r="R150" s="797" t="s">
        <v>1492</v>
      </c>
      <c r="S150" s="797" t="s">
        <v>1493</v>
      </c>
      <c r="T150" s="797" t="s">
        <v>1888</v>
      </c>
      <c r="U150" s="797" t="s">
        <v>1707</v>
      </c>
      <c r="V150" s="797" t="s">
        <v>1194</v>
      </c>
      <c r="W150" s="807" t="s">
        <v>1498</v>
      </c>
      <c r="X150" s="807" t="s">
        <v>1498</v>
      </c>
      <c r="Y150" s="807" t="s">
        <v>1498</v>
      </c>
      <c r="Z150" s="807" t="s">
        <v>1498</v>
      </c>
      <c r="AA150" s="807" t="s">
        <v>1498</v>
      </c>
      <c r="AB150" s="807" t="s">
        <v>1498</v>
      </c>
      <c r="AC150" s="807" t="s">
        <v>1498</v>
      </c>
      <c r="AD150" s="807" t="s">
        <v>1498</v>
      </c>
      <c r="AE150" s="807" t="s">
        <v>1498</v>
      </c>
      <c r="AF150" s="807" t="s">
        <v>1498</v>
      </c>
      <c r="AG150" s="807" t="s">
        <v>1498</v>
      </c>
      <c r="AH150" s="807" t="s">
        <v>1498</v>
      </c>
      <c r="AI150" s="807" t="s">
        <v>1498</v>
      </c>
      <c r="AJ150" s="807" t="s">
        <v>1498</v>
      </c>
      <c r="AK150" s="807" t="s">
        <v>1498</v>
      </c>
      <c r="AL150" s="807" t="s">
        <v>1498</v>
      </c>
      <c r="AM150" s="807" t="s">
        <v>1498</v>
      </c>
      <c r="AN150" s="807" t="s">
        <v>1498</v>
      </c>
      <c r="AO150" s="807" t="s">
        <v>1498</v>
      </c>
      <c r="AP150" s="807" t="s">
        <v>1498</v>
      </c>
      <c r="AQ150" s="1300">
        <f t="shared" si="23"/>
        <v>0</v>
      </c>
      <c r="AR150" s="797" t="s">
        <v>1889</v>
      </c>
      <c r="AS150" s="797" t="s">
        <v>722</v>
      </c>
      <c r="AT150" s="797" t="s">
        <v>53</v>
      </c>
      <c r="AU150" s="801">
        <v>6961</v>
      </c>
      <c r="AV150" s="813">
        <f>ROUND((VLOOKUP(G150,'[6]Cost Summary'!A:H,8,)),0.1)</f>
        <v>6961</v>
      </c>
      <c r="AW150" s="797">
        <v>4</v>
      </c>
      <c r="AX150" s="797" t="s">
        <v>1890</v>
      </c>
      <c r="AY150" s="814" t="s">
        <v>1584</v>
      </c>
      <c r="AZ150" s="805">
        <v>4522.38</v>
      </c>
    </row>
    <row r="151" spans="1:52" ht="105" hidden="1" x14ac:dyDescent="0.25">
      <c r="A151" s="785"/>
      <c r="B151" s="785" t="s">
        <v>66</v>
      </c>
      <c r="C151" s="785"/>
      <c r="D151" s="785"/>
      <c r="E151" s="785"/>
      <c r="F151" s="785"/>
      <c r="G151" s="797" t="s">
        <v>1986</v>
      </c>
      <c r="H151" s="797" t="s">
        <v>932</v>
      </c>
      <c r="I151" s="798" t="s">
        <v>1203</v>
      </c>
      <c r="J151" s="797" t="s">
        <v>1204</v>
      </c>
      <c r="K151" s="797">
        <v>51.742852689999999</v>
      </c>
      <c r="L151" s="797">
        <v>-0.46993832200000002</v>
      </c>
      <c r="M151" s="797" t="s">
        <v>1488</v>
      </c>
      <c r="N151" s="797" t="s">
        <v>1489</v>
      </c>
      <c r="O151" s="797">
        <v>1</v>
      </c>
      <c r="P151" s="797" t="s">
        <v>1490</v>
      </c>
      <c r="Q151" s="797" t="s">
        <v>1491</v>
      </c>
      <c r="R151" s="797" t="s">
        <v>1492</v>
      </c>
      <c r="S151" s="797" t="s">
        <v>1493</v>
      </c>
      <c r="T151" s="797" t="s">
        <v>1988</v>
      </c>
      <c r="U151" s="799" t="s">
        <v>1495</v>
      </c>
      <c r="V151" s="799" t="s">
        <v>3248</v>
      </c>
      <c r="W151" s="806">
        <v>1</v>
      </c>
      <c r="X151" s="806">
        <v>1</v>
      </c>
      <c r="Y151" s="806">
        <v>1</v>
      </c>
      <c r="Z151" s="806">
        <v>1</v>
      </c>
      <c r="AA151" s="806">
        <v>1</v>
      </c>
      <c r="AB151" s="806">
        <v>1</v>
      </c>
      <c r="AC151" s="806">
        <v>1</v>
      </c>
      <c r="AD151" s="806">
        <v>2</v>
      </c>
      <c r="AE151" s="806">
        <v>2</v>
      </c>
      <c r="AF151" s="806">
        <v>3</v>
      </c>
      <c r="AG151" s="841">
        <f t="shared" ref="AG151:AG161" si="26">W151/(SUM($W151:$AF151))</f>
        <v>7.1428571428571425E-2</v>
      </c>
      <c r="AH151" s="841">
        <f t="shared" ref="AH151:AH161" si="27">X151/(SUM($W151:$AF151))</f>
        <v>7.1428571428571425E-2</v>
      </c>
      <c r="AI151" s="841">
        <f t="shared" ref="AI151:AI161" si="28">Y151/(SUM($W151:$AF151))</f>
        <v>7.1428571428571425E-2</v>
      </c>
      <c r="AJ151" s="841">
        <f t="shared" ref="AJ151:AJ161" si="29">Z151/(SUM($W151:$AF151))</f>
        <v>7.1428571428571425E-2</v>
      </c>
      <c r="AK151" s="841">
        <f t="shared" ref="AK151:AK161" si="30">AA151/(SUM($W151:$AF151))</f>
        <v>7.1428571428571425E-2</v>
      </c>
      <c r="AL151" s="841">
        <f t="shared" ref="AL151:AL161" si="31">AB151/(SUM($W151:$AF151))</f>
        <v>7.1428571428571425E-2</v>
      </c>
      <c r="AM151" s="841">
        <f t="shared" ref="AM151:AM161" si="32">AC151/(SUM($W151:$AF151))</f>
        <v>7.1428571428571425E-2</v>
      </c>
      <c r="AN151" s="841">
        <f t="shared" ref="AN151:AN161" si="33">AD151/(SUM($W151:$AF151))</f>
        <v>0.14285714285714285</v>
      </c>
      <c r="AO151" s="841">
        <f t="shared" ref="AO151:AO161" si="34">AE151/(SUM($W151:$AF151))</f>
        <v>0.14285714285714285</v>
      </c>
      <c r="AP151" s="841">
        <f t="shared" ref="AP151:AP161" si="35">AF151/(SUM($W151:$AF151))</f>
        <v>0.21428571428571427</v>
      </c>
      <c r="AQ151" s="1300">
        <f t="shared" si="23"/>
        <v>0.99999999999999989</v>
      </c>
      <c r="AR151" s="797" t="s">
        <v>1989</v>
      </c>
      <c r="AS151" s="797" t="s">
        <v>722</v>
      </c>
      <c r="AT151" s="797" t="s">
        <v>53</v>
      </c>
      <c r="AU151" s="801">
        <v>33063</v>
      </c>
      <c r="AV151" s="813">
        <f>ROUND((VLOOKUP(G151,'[6]Cost Summary'!A:H,8,)),0.1)</f>
        <v>33063</v>
      </c>
      <c r="AW151" s="797">
        <v>0</v>
      </c>
      <c r="AX151" s="797" t="s">
        <v>1500</v>
      </c>
      <c r="AY151" s="814" t="s">
        <v>1584</v>
      </c>
      <c r="AZ151" s="805">
        <v>21480.01</v>
      </c>
    </row>
    <row r="152" spans="1:52" ht="75" hidden="1" x14ac:dyDescent="0.25">
      <c r="A152" s="785"/>
      <c r="B152" s="785" t="s">
        <v>66</v>
      </c>
      <c r="C152" s="785"/>
      <c r="D152" s="785"/>
      <c r="E152" s="785"/>
      <c r="F152" s="785"/>
      <c r="G152" s="797" t="s">
        <v>1990</v>
      </c>
      <c r="H152" s="797" t="s">
        <v>932</v>
      </c>
      <c r="I152" s="798" t="s">
        <v>1205</v>
      </c>
      <c r="J152" s="797" t="s">
        <v>1206</v>
      </c>
      <c r="K152" s="797">
        <v>51.743035829999997</v>
      </c>
      <c r="L152" s="797">
        <v>-0.470538497</v>
      </c>
      <c r="M152" s="797" t="s">
        <v>1488</v>
      </c>
      <c r="N152" s="797" t="s">
        <v>1489</v>
      </c>
      <c r="O152" s="797">
        <v>1</v>
      </c>
      <c r="P152" s="797" t="s">
        <v>1490</v>
      </c>
      <c r="Q152" s="797" t="s">
        <v>1491</v>
      </c>
      <c r="R152" s="797" t="s">
        <v>1492</v>
      </c>
      <c r="S152" s="797" t="s">
        <v>1493</v>
      </c>
      <c r="T152" s="797" t="s">
        <v>1988</v>
      </c>
      <c r="U152" s="799" t="s">
        <v>1495</v>
      </c>
      <c r="V152" s="799" t="s">
        <v>3248</v>
      </c>
      <c r="W152" s="806">
        <v>9</v>
      </c>
      <c r="X152" s="806">
        <v>10</v>
      </c>
      <c r="Y152" s="806">
        <v>12</v>
      </c>
      <c r="Z152" s="806">
        <v>10</v>
      </c>
      <c r="AA152" s="806">
        <v>9</v>
      </c>
      <c r="AB152" s="806">
        <v>18</v>
      </c>
      <c r="AC152" s="806">
        <v>9</v>
      </c>
      <c r="AD152" s="806">
        <v>42</v>
      </c>
      <c r="AE152" s="806">
        <v>26</v>
      </c>
      <c r="AF152" s="806">
        <v>3</v>
      </c>
      <c r="AG152" s="841">
        <f t="shared" si="26"/>
        <v>6.0810810810810814E-2</v>
      </c>
      <c r="AH152" s="841">
        <f t="shared" si="27"/>
        <v>6.7567567567567571E-2</v>
      </c>
      <c r="AI152" s="841">
        <f t="shared" si="28"/>
        <v>8.1081081081081086E-2</v>
      </c>
      <c r="AJ152" s="841">
        <f t="shared" si="29"/>
        <v>6.7567567567567571E-2</v>
      </c>
      <c r="AK152" s="841">
        <f t="shared" si="30"/>
        <v>6.0810810810810814E-2</v>
      </c>
      <c r="AL152" s="841">
        <f t="shared" si="31"/>
        <v>0.12162162162162163</v>
      </c>
      <c r="AM152" s="841">
        <f t="shared" si="32"/>
        <v>6.0810810810810814E-2</v>
      </c>
      <c r="AN152" s="841">
        <f t="shared" si="33"/>
        <v>0.28378378378378377</v>
      </c>
      <c r="AO152" s="841">
        <f t="shared" si="34"/>
        <v>0.17567567567567569</v>
      </c>
      <c r="AP152" s="841">
        <f t="shared" si="35"/>
        <v>2.0270270270270271E-2</v>
      </c>
      <c r="AQ152" s="1300">
        <f t="shared" si="23"/>
        <v>1</v>
      </c>
      <c r="AR152" s="797" t="s">
        <v>1989</v>
      </c>
      <c r="AS152" s="797" t="s">
        <v>722</v>
      </c>
      <c r="AT152" s="797" t="s">
        <v>53</v>
      </c>
      <c r="AU152" s="801">
        <v>450565</v>
      </c>
      <c r="AV152" s="813">
        <f>ROUND((VLOOKUP(G152,'[6]Cost Summary'!A:H,8,)),0.1)</f>
        <v>450565</v>
      </c>
      <c r="AW152" s="797">
        <v>0</v>
      </c>
      <c r="AX152" s="797" t="s">
        <v>1500</v>
      </c>
      <c r="AY152" s="814" t="s">
        <v>1584</v>
      </c>
      <c r="AZ152" s="805">
        <v>292721</v>
      </c>
    </row>
    <row r="153" spans="1:52" ht="75" hidden="1" x14ac:dyDescent="0.25">
      <c r="A153" s="785"/>
      <c r="B153" s="785" t="s">
        <v>66</v>
      </c>
      <c r="C153" s="785"/>
      <c r="D153" s="785"/>
      <c r="E153" s="785"/>
      <c r="F153" s="785"/>
      <c r="G153" s="797" t="s">
        <v>1991</v>
      </c>
      <c r="H153" s="797" t="s">
        <v>932</v>
      </c>
      <c r="I153" s="798" t="s">
        <v>1207</v>
      </c>
      <c r="J153" s="797" t="s">
        <v>1208</v>
      </c>
      <c r="K153" s="797">
        <v>51.744366990000003</v>
      </c>
      <c r="L153" s="797">
        <v>-0.471444843</v>
      </c>
      <c r="M153" s="797" t="s">
        <v>1488</v>
      </c>
      <c r="N153" s="797" t="s">
        <v>1489</v>
      </c>
      <c r="O153" s="797">
        <v>1</v>
      </c>
      <c r="P153" s="797" t="s">
        <v>1490</v>
      </c>
      <c r="Q153" s="797" t="s">
        <v>1491</v>
      </c>
      <c r="R153" s="797" t="s">
        <v>1492</v>
      </c>
      <c r="S153" s="797" t="s">
        <v>1493</v>
      </c>
      <c r="T153" s="797" t="s">
        <v>1988</v>
      </c>
      <c r="U153" s="799" t="s">
        <v>1495</v>
      </c>
      <c r="V153" s="799" t="s">
        <v>3248</v>
      </c>
      <c r="W153" s="806">
        <v>10</v>
      </c>
      <c r="X153" s="806">
        <v>11</v>
      </c>
      <c r="Y153" s="806">
        <v>13</v>
      </c>
      <c r="Z153" s="806">
        <v>11</v>
      </c>
      <c r="AA153" s="806">
        <v>10</v>
      </c>
      <c r="AB153" s="806">
        <v>19</v>
      </c>
      <c r="AC153" s="806">
        <v>10</v>
      </c>
      <c r="AD153" s="806">
        <v>43</v>
      </c>
      <c r="AE153" s="806">
        <v>28</v>
      </c>
      <c r="AF153" s="806">
        <v>4</v>
      </c>
      <c r="AG153" s="841">
        <f t="shared" si="26"/>
        <v>6.2893081761006289E-2</v>
      </c>
      <c r="AH153" s="841">
        <f t="shared" si="27"/>
        <v>6.9182389937106917E-2</v>
      </c>
      <c r="AI153" s="841">
        <f t="shared" si="28"/>
        <v>8.1761006289308172E-2</v>
      </c>
      <c r="AJ153" s="841">
        <f t="shared" si="29"/>
        <v>6.9182389937106917E-2</v>
      </c>
      <c r="AK153" s="841">
        <f t="shared" si="30"/>
        <v>6.2893081761006289E-2</v>
      </c>
      <c r="AL153" s="841">
        <f t="shared" si="31"/>
        <v>0.11949685534591195</v>
      </c>
      <c r="AM153" s="841">
        <f t="shared" si="32"/>
        <v>6.2893081761006289E-2</v>
      </c>
      <c r="AN153" s="841">
        <f t="shared" si="33"/>
        <v>0.27044025157232704</v>
      </c>
      <c r="AO153" s="841">
        <f t="shared" si="34"/>
        <v>0.1761006289308176</v>
      </c>
      <c r="AP153" s="841">
        <f t="shared" si="35"/>
        <v>2.5157232704402517E-2</v>
      </c>
      <c r="AQ153" s="1300">
        <f t="shared" si="23"/>
        <v>1</v>
      </c>
      <c r="AR153" s="797" t="s">
        <v>1989</v>
      </c>
      <c r="AS153" s="797" t="s">
        <v>722</v>
      </c>
      <c r="AT153" s="797" t="s">
        <v>53</v>
      </c>
      <c r="AU153" s="801">
        <v>453150</v>
      </c>
      <c r="AV153" s="813">
        <f>ROUND((VLOOKUP(G153,'[6]Cost Summary'!A:H,8,)),0.1)</f>
        <v>453150</v>
      </c>
      <c r="AW153" s="797">
        <v>0</v>
      </c>
      <c r="AX153" s="797" t="s">
        <v>1500</v>
      </c>
      <c r="AY153" s="814" t="s">
        <v>1584</v>
      </c>
      <c r="AZ153" s="805">
        <v>294400.17</v>
      </c>
    </row>
    <row r="154" spans="1:52" ht="90" hidden="1" x14ac:dyDescent="0.25">
      <c r="A154" s="785"/>
      <c r="B154" s="785" t="s">
        <v>66</v>
      </c>
      <c r="C154" s="785"/>
      <c r="D154" s="785"/>
      <c r="E154" s="785"/>
      <c r="F154" s="785"/>
      <c r="G154" s="797" t="s">
        <v>1992</v>
      </c>
      <c r="H154" s="797" t="s">
        <v>932</v>
      </c>
      <c r="I154" s="798" t="s">
        <v>1209</v>
      </c>
      <c r="J154" s="797" t="s">
        <v>1993</v>
      </c>
      <c r="K154" s="797">
        <v>51.744170169999997</v>
      </c>
      <c r="L154" s="797">
        <v>-0.471382209</v>
      </c>
      <c r="M154" s="797" t="s">
        <v>1488</v>
      </c>
      <c r="N154" s="797" t="s">
        <v>1489</v>
      </c>
      <c r="O154" s="797">
        <v>1</v>
      </c>
      <c r="P154" s="797" t="s">
        <v>1490</v>
      </c>
      <c r="Q154" s="797" t="s">
        <v>1491</v>
      </c>
      <c r="R154" s="797" t="s">
        <v>1492</v>
      </c>
      <c r="S154" s="797" t="s">
        <v>1493</v>
      </c>
      <c r="T154" s="797" t="s">
        <v>1988</v>
      </c>
      <c r="U154" s="799" t="s">
        <v>1495</v>
      </c>
      <c r="V154" s="799" t="s">
        <v>3248</v>
      </c>
      <c r="W154" s="806">
        <v>10</v>
      </c>
      <c r="X154" s="806">
        <v>11</v>
      </c>
      <c r="Y154" s="806">
        <v>13</v>
      </c>
      <c r="Z154" s="806">
        <v>11</v>
      </c>
      <c r="AA154" s="806">
        <v>10</v>
      </c>
      <c r="AB154" s="806">
        <v>19</v>
      </c>
      <c r="AC154" s="806">
        <v>10</v>
      </c>
      <c r="AD154" s="806">
        <v>43</v>
      </c>
      <c r="AE154" s="806">
        <v>28</v>
      </c>
      <c r="AF154" s="806">
        <v>4</v>
      </c>
      <c r="AG154" s="841">
        <f t="shared" si="26"/>
        <v>6.2893081761006289E-2</v>
      </c>
      <c r="AH154" s="841">
        <f t="shared" si="27"/>
        <v>6.9182389937106917E-2</v>
      </c>
      <c r="AI154" s="841">
        <f t="shared" si="28"/>
        <v>8.1761006289308172E-2</v>
      </c>
      <c r="AJ154" s="841">
        <f t="shared" si="29"/>
        <v>6.9182389937106917E-2</v>
      </c>
      <c r="AK154" s="841">
        <f t="shared" si="30"/>
        <v>6.2893081761006289E-2</v>
      </c>
      <c r="AL154" s="841">
        <f t="shared" si="31"/>
        <v>0.11949685534591195</v>
      </c>
      <c r="AM154" s="841">
        <f t="shared" si="32"/>
        <v>6.2893081761006289E-2</v>
      </c>
      <c r="AN154" s="841">
        <f t="shared" si="33"/>
        <v>0.27044025157232704</v>
      </c>
      <c r="AO154" s="841">
        <f t="shared" si="34"/>
        <v>0.1761006289308176</v>
      </c>
      <c r="AP154" s="841">
        <f t="shared" si="35"/>
        <v>2.5157232704402517E-2</v>
      </c>
      <c r="AQ154" s="1300">
        <f t="shared" si="23"/>
        <v>1</v>
      </c>
      <c r="AR154" s="797" t="s">
        <v>1989</v>
      </c>
      <c r="AS154" s="797" t="s">
        <v>722</v>
      </c>
      <c r="AT154" s="797" t="s">
        <v>53</v>
      </c>
      <c r="AU154" s="801">
        <v>118969</v>
      </c>
      <c r="AV154" s="813">
        <f>ROUND((VLOOKUP(G154,'[6]Cost Summary'!A:H,8,)),0.1)</f>
        <v>118969</v>
      </c>
      <c r="AW154" s="797">
        <v>0</v>
      </c>
      <c r="AX154" s="797" t="s">
        <v>1500</v>
      </c>
      <c r="AY154" s="814" t="s">
        <v>1584</v>
      </c>
      <c r="AZ154" s="805">
        <v>77291.5</v>
      </c>
    </row>
    <row r="155" spans="1:52" ht="75" hidden="1" x14ac:dyDescent="0.25">
      <c r="A155" s="785"/>
      <c r="B155" s="785" t="s">
        <v>66</v>
      </c>
      <c r="C155" s="785"/>
      <c r="D155" s="785"/>
      <c r="E155" s="785"/>
      <c r="F155" s="785"/>
      <c r="G155" s="797" t="s">
        <v>1994</v>
      </c>
      <c r="H155" s="797" t="s">
        <v>932</v>
      </c>
      <c r="I155" s="798" t="s">
        <v>1211</v>
      </c>
      <c r="J155" s="797" t="s">
        <v>1212</v>
      </c>
      <c r="K155" s="797">
        <v>51.740121139999999</v>
      </c>
      <c r="L155" s="797">
        <v>-0.46805734900000001</v>
      </c>
      <c r="M155" s="797" t="s">
        <v>1488</v>
      </c>
      <c r="N155" s="797" t="s">
        <v>1489</v>
      </c>
      <c r="O155" s="797">
        <v>1</v>
      </c>
      <c r="P155" s="797" t="s">
        <v>1490</v>
      </c>
      <c r="Q155" s="797" t="s">
        <v>1491</v>
      </c>
      <c r="R155" s="797" t="s">
        <v>1492</v>
      </c>
      <c r="S155" s="797" t="s">
        <v>1493</v>
      </c>
      <c r="T155" s="797" t="s">
        <v>1995</v>
      </c>
      <c r="U155" s="799" t="s">
        <v>1495</v>
      </c>
      <c r="V155" s="799" t="s">
        <v>3248</v>
      </c>
      <c r="W155" s="806">
        <v>1</v>
      </c>
      <c r="X155" s="806">
        <v>1</v>
      </c>
      <c r="Y155" s="806">
        <v>1</v>
      </c>
      <c r="Z155" s="806">
        <v>1</v>
      </c>
      <c r="AA155" s="806">
        <v>1</v>
      </c>
      <c r="AB155" s="806">
        <v>2</v>
      </c>
      <c r="AC155" s="806">
        <v>1</v>
      </c>
      <c r="AD155" s="806">
        <v>5</v>
      </c>
      <c r="AE155" s="806">
        <v>2</v>
      </c>
      <c r="AF155" s="806">
        <v>4</v>
      </c>
      <c r="AG155" s="841">
        <f t="shared" si="26"/>
        <v>5.2631578947368418E-2</v>
      </c>
      <c r="AH155" s="841">
        <f t="shared" si="27"/>
        <v>5.2631578947368418E-2</v>
      </c>
      <c r="AI155" s="841">
        <f t="shared" si="28"/>
        <v>5.2631578947368418E-2</v>
      </c>
      <c r="AJ155" s="841">
        <f t="shared" si="29"/>
        <v>5.2631578947368418E-2</v>
      </c>
      <c r="AK155" s="841">
        <f t="shared" si="30"/>
        <v>5.2631578947368418E-2</v>
      </c>
      <c r="AL155" s="841">
        <f t="shared" si="31"/>
        <v>0.10526315789473684</v>
      </c>
      <c r="AM155" s="841">
        <f t="shared" si="32"/>
        <v>5.2631578947368418E-2</v>
      </c>
      <c r="AN155" s="841">
        <f t="shared" si="33"/>
        <v>0.26315789473684209</v>
      </c>
      <c r="AO155" s="841">
        <f t="shared" si="34"/>
        <v>0.10526315789473684</v>
      </c>
      <c r="AP155" s="841">
        <f t="shared" si="35"/>
        <v>0.21052631578947367</v>
      </c>
      <c r="AQ155" s="1300">
        <f t="shared" si="23"/>
        <v>0.99999999999999989</v>
      </c>
      <c r="AR155" s="797" t="s">
        <v>1796</v>
      </c>
      <c r="AS155" s="797" t="s">
        <v>722</v>
      </c>
      <c r="AT155" s="797" t="s">
        <v>53</v>
      </c>
      <c r="AU155" s="801">
        <v>6382</v>
      </c>
      <c r="AV155" s="813">
        <f>ROUND((VLOOKUP(G155,'[6]Cost Summary'!A:H,8,)),0.1)</f>
        <v>6382</v>
      </c>
      <c r="AW155" s="797">
        <v>0</v>
      </c>
      <c r="AX155" s="797" t="s">
        <v>1500</v>
      </c>
      <c r="AY155" s="814" t="s">
        <v>1584</v>
      </c>
      <c r="AZ155" s="805">
        <v>4145.92</v>
      </c>
    </row>
    <row r="156" spans="1:52" ht="105" hidden="1" x14ac:dyDescent="0.25">
      <c r="A156" s="785"/>
      <c r="B156" s="785" t="s">
        <v>66</v>
      </c>
      <c r="C156" s="785"/>
      <c r="D156" s="785"/>
      <c r="E156" s="785"/>
      <c r="F156" s="785"/>
      <c r="G156" s="797" t="s">
        <v>1996</v>
      </c>
      <c r="H156" s="797" t="s">
        <v>932</v>
      </c>
      <c r="I156" s="798" t="s">
        <v>1213</v>
      </c>
      <c r="J156" s="797" t="s">
        <v>1214</v>
      </c>
      <c r="K156" s="797">
        <v>51.740232259999999</v>
      </c>
      <c r="L156" s="797">
        <v>-0.46794099099999997</v>
      </c>
      <c r="M156" s="797" t="s">
        <v>1488</v>
      </c>
      <c r="N156" s="797" t="s">
        <v>1489</v>
      </c>
      <c r="O156" s="797">
        <v>1</v>
      </c>
      <c r="P156" s="797" t="s">
        <v>1490</v>
      </c>
      <c r="Q156" s="797" t="s">
        <v>1491</v>
      </c>
      <c r="R156" s="797" t="s">
        <v>1492</v>
      </c>
      <c r="S156" s="797" t="s">
        <v>1493</v>
      </c>
      <c r="T156" s="797" t="s">
        <v>1995</v>
      </c>
      <c r="U156" s="799" t="s">
        <v>1495</v>
      </c>
      <c r="V156" s="799" t="s">
        <v>3248</v>
      </c>
      <c r="W156" s="806">
        <v>1</v>
      </c>
      <c r="X156" s="806">
        <v>1</v>
      </c>
      <c r="Y156" s="806">
        <v>1</v>
      </c>
      <c r="Z156" s="806">
        <v>1</v>
      </c>
      <c r="AA156" s="806">
        <v>1</v>
      </c>
      <c r="AB156" s="806">
        <v>2</v>
      </c>
      <c r="AC156" s="806">
        <v>1</v>
      </c>
      <c r="AD156" s="806">
        <v>5</v>
      </c>
      <c r="AE156" s="806">
        <v>2</v>
      </c>
      <c r="AF156" s="806">
        <v>4</v>
      </c>
      <c r="AG156" s="841">
        <f t="shared" si="26"/>
        <v>5.2631578947368418E-2</v>
      </c>
      <c r="AH156" s="841">
        <f t="shared" si="27"/>
        <v>5.2631578947368418E-2</v>
      </c>
      <c r="AI156" s="841">
        <f t="shared" si="28"/>
        <v>5.2631578947368418E-2</v>
      </c>
      <c r="AJ156" s="841">
        <f t="shared" si="29"/>
        <v>5.2631578947368418E-2</v>
      </c>
      <c r="AK156" s="841">
        <f t="shared" si="30"/>
        <v>5.2631578947368418E-2</v>
      </c>
      <c r="AL156" s="841">
        <f t="shared" si="31"/>
        <v>0.10526315789473684</v>
      </c>
      <c r="AM156" s="841">
        <f t="shared" si="32"/>
        <v>5.2631578947368418E-2</v>
      </c>
      <c r="AN156" s="841">
        <f t="shared" si="33"/>
        <v>0.26315789473684209</v>
      </c>
      <c r="AO156" s="841">
        <f t="shared" si="34"/>
        <v>0.10526315789473684</v>
      </c>
      <c r="AP156" s="841">
        <f t="shared" si="35"/>
        <v>0.21052631578947367</v>
      </c>
      <c r="AQ156" s="1300">
        <f t="shared" si="23"/>
        <v>0.99999999999999989</v>
      </c>
      <c r="AR156" s="797" t="s">
        <v>1796</v>
      </c>
      <c r="AS156" s="797" t="s">
        <v>722</v>
      </c>
      <c r="AT156" s="797" t="s">
        <v>53</v>
      </c>
      <c r="AU156" s="801">
        <v>68524</v>
      </c>
      <c r="AV156" s="813">
        <f>ROUND((VLOOKUP(G156,'[6]Cost Summary'!A:H,8,)),0.1)</f>
        <v>68524</v>
      </c>
      <c r="AW156" s="797">
        <v>0</v>
      </c>
      <c r="AX156" s="797" t="s">
        <v>1500</v>
      </c>
      <c r="AY156" s="814" t="s">
        <v>1584</v>
      </c>
      <c r="AZ156" s="805">
        <v>44518.39</v>
      </c>
    </row>
    <row r="157" spans="1:52" ht="30" hidden="1" x14ac:dyDescent="0.25">
      <c r="A157" s="785"/>
      <c r="B157" s="785" t="s">
        <v>66</v>
      </c>
      <c r="C157" s="785"/>
      <c r="D157" s="785"/>
      <c r="E157" s="785"/>
      <c r="F157" s="785"/>
      <c r="G157" s="797" t="s">
        <v>1997</v>
      </c>
      <c r="H157" s="797" t="s">
        <v>932</v>
      </c>
      <c r="I157" s="798" t="s">
        <v>1215</v>
      </c>
      <c r="J157" s="797" t="s">
        <v>1216</v>
      </c>
      <c r="K157" s="797">
        <v>51.739361000000002</v>
      </c>
      <c r="L157" s="797">
        <v>-0.46898600000000001</v>
      </c>
      <c r="M157" s="797" t="s">
        <v>1488</v>
      </c>
      <c r="N157" s="797" t="s">
        <v>1489</v>
      </c>
      <c r="O157" s="797">
        <v>1</v>
      </c>
      <c r="P157" s="797" t="s">
        <v>1490</v>
      </c>
      <c r="Q157" s="797" t="s">
        <v>1491</v>
      </c>
      <c r="R157" s="797" t="s">
        <v>1492</v>
      </c>
      <c r="S157" s="797" t="s">
        <v>1493</v>
      </c>
      <c r="T157" s="797" t="s">
        <v>1995</v>
      </c>
      <c r="U157" s="799" t="s">
        <v>1495</v>
      </c>
      <c r="V157" s="799" t="s">
        <v>3280</v>
      </c>
      <c r="W157" s="806">
        <v>0</v>
      </c>
      <c r="X157" s="806">
        <v>0</v>
      </c>
      <c r="Y157" s="806">
        <v>0</v>
      </c>
      <c r="Z157" s="806">
        <v>0</v>
      </c>
      <c r="AA157" s="806">
        <v>0</v>
      </c>
      <c r="AB157" s="806">
        <v>0</v>
      </c>
      <c r="AC157" s="806">
        <v>0</v>
      </c>
      <c r="AD157" s="806">
        <v>5</v>
      </c>
      <c r="AE157" s="806">
        <v>0</v>
      </c>
      <c r="AF157" s="806">
        <v>4</v>
      </c>
      <c r="AG157" s="841">
        <f t="shared" si="26"/>
        <v>0</v>
      </c>
      <c r="AH157" s="841">
        <f t="shared" si="27"/>
        <v>0</v>
      </c>
      <c r="AI157" s="841">
        <f t="shared" si="28"/>
        <v>0</v>
      </c>
      <c r="AJ157" s="841">
        <f t="shared" si="29"/>
        <v>0</v>
      </c>
      <c r="AK157" s="841">
        <f t="shared" si="30"/>
        <v>0</v>
      </c>
      <c r="AL157" s="841">
        <f t="shared" si="31"/>
        <v>0</v>
      </c>
      <c r="AM157" s="841">
        <f t="shared" si="32"/>
        <v>0</v>
      </c>
      <c r="AN157" s="841">
        <f t="shared" si="33"/>
        <v>0.55555555555555558</v>
      </c>
      <c r="AO157" s="841">
        <f t="shared" si="34"/>
        <v>0</v>
      </c>
      <c r="AP157" s="841">
        <f t="shared" si="35"/>
        <v>0.44444444444444442</v>
      </c>
      <c r="AQ157" s="1300">
        <f t="shared" si="23"/>
        <v>1</v>
      </c>
      <c r="AR157" s="797" t="s">
        <v>1796</v>
      </c>
      <c r="AS157" s="797" t="s">
        <v>722</v>
      </c>
      <c r="AT157" s="797" t="s">
        <v>53</v>
      </c>
      <c r="AU157" s="801">
        <v>10441</v>
      </c>
      <c r="AV157" s="813">
        <f>ROUND((VLOOKUP(G157,'[6]Cost Summary'!A:H,8,)),0.1)</f>
        <v>10441</v>
      </c>
      <c r="AW157" s="797">
        <v>1</v>
      </c>
      <c r="AX157" s="797">
        <v>7</v>
      </c>
      <c r="AY157" s="814" t="s">
        <v>1584</v>
      </c>
      <c r="AZ157" s="805">
        <v>6783.56</v>
      </c>
    </row>
    <row r="158" spans="1:52" ht="30" hidden="1" x14ac:dyDescent="0.25">
      <c r="A158" s="785"/>
      <c r="B158" s="785" t="s">
        <v>66</v>
      </c>
      <c r="C158" s="785"/>
      <c r="D158" s="785"/>
      <c r="E158" s="785"/>
      <c r="F158" s="785"/>
      <c r="G158" s="797" t="s">
        <v>1998</v>
      </c>
      <c r="H158" s="797" t="s">
        <v>932</v>
      </c>
      <c r="I158" s="798" t="s">
        <v>1217</v>
      </c>
      <c r="J158" s="797" t="s">
        <v>1218</v>
      </c>
      <c r="K158" s="797">
        <v>51.739121269999998</v>
      </c>
      <c r="L158" s="797">
        <v>-0.469437469</v>
      </c>
      <c r="M158" s="797" t="s">
        <v>1488</v>
      </c>
      <c r="N158" s="797" t="s">
        <v>1489</v>
      </c>
      <c r="O158" s="797">
        <v>1</v>
      </c>
      <c r="P158" s="797" t="s">
        <v>1490</v>
      </c>
      <c r="Q158" s="797" t="s">
        <v>1491</v>
      </c>
      <c r="R158" s="797" t="s">
        <v>1492</v>
      </c>
      <c r="S158" s="797" t="s">
        <v>1493</v>
      </c>
      <c r="T158" s="797" t="s">
        <v>1995</v>
      </c>
      <c r="U158" s="799" t="s">
        <v>1495</v>
      </c>
      <c r="V158" s="799" t="s">
        <v>3280</v>
      </c>
      <c r="W158" s="806">
        <v>0</v>
      </c>
      <c r="X158" s="806">
        <v>0</v>
      </c>
      <c r="Y158" s="806">
        <v>0</v>
      </c>
      <c r="Z158" s="806">
        <v>0</v>
      </c>
      <c r="AA158" s="806">
        <v>0</v>
      </c>
      <c r="AB158" s="806">
        <v>0</v>
      </c>
      <c r="AC158" s="806">
        <v>0</v>
      </c>
      <c r="AD158" s="806">
        <v>5</v>
      </c>
      <c r="AE158" s="806">
        <v>0</v>
      </c>
      <c r="AF158" s="806">
        <v>4</v>
      </c>
      <c r="AG158" s="841">
        <f t="shared" si="26"/>
        <v>0</v>
      </c>
      <c r="AH158" s="841">
        <f t="shared" si="27"/>
        <v>0</v>
      </c>
      <c r="AI158" s="841">
        <f t="shared" si="28"/>
        <v>0</v>
      </c>
      <c r="AJ158" s="841">
        <f t="shared" si="29"/>
        <v>0</v>
      </c>
      <c r="AK158" s="841">
        <f t="shared" si="30"/>
        <v>0</v>
      </c>
      <c r="AL158" s="841">
        <f t="shared" si="31"/>
        <v>0</v>
      </c>
      <c r="AM158" s="841">
        <f t="shared" si="32"/>
        <v>0</v>
      </c>
      <c r="AN158" s="841">
        <f t="shared" si="33"/>
        <v>0.55555555555555558</v>
      </c>
      <c r="AO158" s="841">
        <f t="shared" si="34"/>
        <v>0</v>
      </c>
      <c r="AP158" s="841">
        <f t="shared" si="35"/>
        <v>0.44444444444444442</v>
      </c>
      <c r="AQ158" s="1300">
        <f t="shared" si="23"/>
        <v>1</v>
      </c>
      <c r="AR158" s="797" t="s">
        <v>1796</v>
      </c>
      <c r="AS158" s="797" t="s">
        <v>722</v>
      </c>
      <c r="AT158" s="797" t="s">
        <v>53</v>
      </c>
      <c r="AU158" s="801">
        <v>797</v>
      </c>
      <c r="AV158" s="813">
        <f>ROUND((VLOOKUP(G158,'[6]Cost Summary'!A:H,8,)),0.1)</f>
        <v>797</v>
      </c>
      <c r="AW158" s="797">
        <v>1</v>
      </c>
      <c r="AX158" s="797">
        <v>7</v>
      </c>
      <c r="AY158" s="814" t="s">
        <v>1584</v>
      </c>
      <c r="AZ158" s="805">
        <v>518.02</v>
      </c>
    </row>
    <row r="159" spans="1:52" ht="75" hidden="1" x14ac:dyDescent="0.25">
      <c r="A159" s="785"/>
      <c r="B159" s="785" t="s">
        <v>66</v>
      </c>
      <c r="C159" s="785"/>
      <c r="D159" s="785"/>
      <c r="E159" s="785"/>
      <c r="F159" s="785"/>
      <c r="G159" s="797" t="s">
        <v>1999</v>
      </c>
      <c r="H159" s="797" t="s">
        <v>932</v>
      </c>
      <c r="I159" s="798" t="s">
        <v>1219</v>
      </c>
      <c r="J159" s="797" t="s">
        <v>1220</v>
      </c>
      <c r="K159" s="797"/>
      <c r="L159" s="797"/>
      <c r="M159" s="797" t="s">
        <v>1488</v>
      </c>
      <c r="N159" s="797" t="s">
        <v>1489</v>
      </c>
      <c r="O159" s="797">
        <v>1</v>
      </c>
      <c r="P159" s="797" t="s">
        <v>1490</v>
      </c>
      <c r="Q159" s="797" t="s">
        <v>1491</v>
      </c>
      <c r="R159" s="797" t="s">
        <v>1492</v>
      </c>
      <c r="S159" s="797" t="s">
        <v>1493</v>
      </c>
      <c r="T159" s="797" t="s">
        <v>2000</v>
      </c>
      <c r="U159" s="799" t="s">
        <v>1495</v>
      </c>
      <c r="V159" s="799" t="s">
        <v>3248</v>
      </c>
      <c r="W159" s="806">
        <v>2</v>
      </c>
      <c r="X159" s="806">
        <v>26</v>
      </c>
      <c r="Y159" s="806">
        <v>25</v>
      </c>
      <c r="Z159" s="806">
        <v>20</v>
      </c>
      <c r="AA159" s="806">
        <v>21</v>
      </c>
      <c r="AB159" s="806">
        <v>13</v>
      </c>
      <c r="AC159" s="806">
        <v>20</v>
      </c>
      <c r="AD159" s="806">
        <v>29</v>
      </c>
      <c r="AE159" s="806">
        <v>12</v>
      </c>
      <c r="AF159" s="806">
        <v>128</v>
      </c>
      <c r="AG159" s="841">
        <f t="shared" si="26"/>
        <v>6.7567567567567571E-3</v>
      </c>
      <c r="AH159" s="841">
        <f t="shared" si="27"/>
        <v>8.7837837837837843E-2</v>
      </c>
      <c r="AI159" s="841">
        <f t="shared" si="28"/>
        <v>8.4459459459459457E-2</v>
      </c>
      <c r="AJ159" s="841">
        <f t="shared" si="29"/>
        <v>6.7567567567567571E-2</v>
      </c>
      <c r="AK159" s="841">
        <f t="shared" si="30"/>
        <v>7.0945945945945943E-2</v>
      </c>
      <c r="AL159" s="841">
        <f t="shared" si="31"/>
        <v>4.3918918918918921E-2</v>
      </c>
      <c r="AM159" s="841">
        <f t="shared" si="32"/>
        <v>6.7567567567567571E-2</v>
      </c>
      <c r="AN159" s="841">
        <f t="shared" si="33"/>
        <v>9.7972972972972971E-2</v>
      </c>
      <c r="AO159" s="841">
        <f t="shared" si="34"/>
        <v>4.0540540540540543E-2</v>
      </c>
      <c r="AP159" s="841">
        <f t="shared" si="35"/>
        <v>0.43243243243243246</v>
      </c>
      <c r="AQ159" s="1300">
        <f t="shared" si="23"/>
        <v>1</v>
      </c>
      <c r="AR159" s="797" t="s">
        <v>2001</v>
      </c>
      <c r="AS159" s="797" t="s">
        <v>722</v>
      </c>
      <c r="AT159" s="797" t="s">
        <v>53</v>
      </c>
      <c r="AU159" s="801">
        <v>922013</v>
      </c>
      <c r="AV159" s="813">
        <f>ROUND((VLOOKUP(G159,'[6]Cost Summary'!A:H,8,)),0.1)</f>
        <v>922013</v>
      </c>
      <c r="AW159" s="797">
        <v>1</v>
      </c>
      <c r="AX159" s="797">
        <v>8</v>
      </c>
      <c r="AY159" s="814" t="s">
        <v>1584</v>
      </c>
      <c r="AZ159" s="805">
        <v>599009.13</v>
      </c>
    </row>
    <row r="160" spans="1:52" ht="75" hidden="1" x14ac:dyDescent="0.25">
      <c r="A160" s="785"/>
      <c r="B160" s="785" t="s">
        <v>66</v>
      </c>
      <c r="C160" s="785"/>
      <c r="D160" s="785"/>
      <c r="E160" s="785"/>
      <c r="F160" s="785"/>
      <c r="G160" s="797" t="s">
        <v>2002</v>
      </c>
      <c r="H160" s="797" t="s">
        <v>932</v>
      </c>
      <c r="I160" s="798" t="s">
        <v>1221</v>
      </c>
      <c r="J160" s="797" t="s">
        <v>1222</v>
      </c>
      <c r="K160" s="797" t="s">
        <v>2004</v>
      </c>
      <c r="L160" s="797" t="s">
        <v>2005</v>
      </c>
      <c r="M160" s="797" t="s">
        <v>1488</v>
      </c>
      <c r="N160" s="797" t="s">
        <v>1489</v>
      </c>
      <c r="O160" s="797">
        <v>1</v>
      </c>
      <c r="P160" s="797" t="s">
        <v>1490</v>
      </c>
      <c r="Q160" s="797" t="s">
        <v>1491</v>
      </c>
      <c r="R160" s="797" t="s">
        <v>1492</v>
      </c>
      <c r="S160" s="797" t="s">
        <v>1493</v>
      </c>
      <c r="T160" s="797" t="s">
        <v>2000</v>
      </c>
      <c r="U160" s="799" t="s">
        <v>1495</v>
      </c>
      <c r="V160" s="799" t="s">
        <v>3248</v>
      </c>
      <c r="W160" s="806">
        <v>2</v>
      </c>
      <c r="X160" s="806">
        <v>26</v>
      </c>
      <c r="Y160" s="806">
        <v>25</v>
      </c>
      <c r="Z160" s="806">
        <v>20</v>
      </c>
      <c r="AA160" s="806">
        <v>21</v>
      </c>
      <c r="AB160" s="806">
        <v>13</v>
      </c>
      <c r="AC160" s="806">
        <v>20</v>
      </c>
      <c r="AD160" s="806">
        <v>29</v>
      </c>
      <c r="AE160" s="806">
        <v>12</v>
      </c>
      <c r="AF160" s="806">
        <v>128</v>
      </c>
      <c r="AG160" s="841">
        <f t="shared" si="26"/>
        <v>6.7567567567567571E-3</v>
      </c>
      <c r="AH160" s="841">
        <f t="shared" si="27"/>
        <v>8.7837837837837843E-2</v>
      </c>
      <c r="AI160" s="841">
        <f t="shared" si="28"/>
        <v>8.4459459459459457E-2</v>
      </c>
      <c r="AJ160" s="841">
        <f t="shared" si="29"/>
        <v>6.7567567567567571E-2</v>
      </c>
      <c r="AK160" s="841">
        <f t="shared" si="30"/>
        <v>7.0945945945945943E-2</v>
      </c>
      <c r="AL160" s="841">
        <f t="shared" si="31"/>
        <v>4.3918918918918921E-2</v>
      </c>
      <c r="AM160" s="841">
        <f t="shared" si="32"/>
        <v>6.7567567567567571E-2</v>
      </c>
      <c r="AN160" s="841">
        <f t="shared" si="33"/>
        <v>9.7972972972972971E-2</v>
      </c>
      <c r="AO160" s="841">
        <f t="shared" si="34"/>
        <v>4.0540540540540543E-2</v>
      </c>
      <c r="AP160" s="841">
        <f t="shared" si="35"/>
        <v>0.43243243243243246</v>
      </c>
      <c r="AQ160" s="1300">
        <f t="shared" si="23"/>
        <v>1</v>
      </c>
      <c r="AR160" s="797" t="s">
        <v>2001</v>
      </c>
      <c r="AS160" s="797" t="s">
        <v>722</v>
      </c>
      <c r="AT160" s="797" t="s">
        <v>53</v>
      </c>
      <c r="AU160" s="801">
        <v>6961</v>
      </c>
      <c r="AV160" s="813">
        <f>ROUND((VLOOKUP(G160,'[6]Cost Summary'!A:H,8,)),0.1)</f>
        <v>6961</v>
      </c>
      <c r="AW160" s="797">
        <v>1</v>
      </c>
      <c r="AX160" s="797">
        <v>8</v>
      </c>
      <c r="AY160" s="814" t="s">
        <v>1584</v>
      </c>
      <c r="AZ160" s="805">
        <v>4522.38</v>
      </c>
    </row>
    <row r="161" spans="1:52" ht="165" hidden="1" x14ac:dyDescent="0.25">
      <c r="A161" s="785"/>
      <c r="B161" s="785" t="s">
        <v>66</v>
      </c>
      <c r="C161" s="785"/>
      <c r="D161" s="785"/>
      <c r="E161" s="785"/>
      <c r="F161" s="785"/>
      <c r="G161" s="797" t="s">
        <v>2006</v>
      </c>
      <c r="H161" s="797" t="s">
        <v>932</v>
      </c>
      <c r="I161" s="798" t="s">
        <v>1223</v>
      </c>
      <c r="J161" s="797" t="s">
        <v>2007</v>
      </c>
      <c r="K161" s="797"/>
      <c r="L161" s="797"/>
      <c r="M161" s="797" t="s">
        <v>1488</v>
      </c>
      <c r="N161" s="797" t="s">
        <v>1489</v>
      </c>
      <c r="O161" s="797">
        <v>1</v>
      </c>
      <c r="P161" s="797" t="s">
        <v>1490</v>
      </c>
      <c r="Q161" s="797" t="s">
        <v>1491</v>
      </c>
      <c r="R161" s="797" t="s">
        <v>1492</v>
      </c>
      <c r="S161" s="797" t="s">
        <v>1493</v>
      </c>
      <c r="T161" s="797" t="s">
        <v>1534</v>
      </c>
      <c r="U161" s="799" t="s">
        <v>1495</v>
      </c>
      <c r="V161" s="799" t="s">
        <v>3248</v>
      </c>
      <c r="W161" s="806">
        <v>1</v>
      </c>
      <c r="X161" s="806">
        <v>0</v>
      </c>
      <c r="Y161" s="806">
        <v>1</v>
      </c>
      <c r="Z161" s="806">
        <v>1</v>
      </c>
      <c r="AA161" s="806">
        <v>1</v>
      </c>
      <c r="AB161" s="806">
        <v>3</v>
      </c>
      <c r="AC161" s="806">
        <v>1</v>
      </c>
      <c r="AD161" s="806">
        <v>3</v>
      </c>
      <c r="AE161" s="806">
        <v>2</v>
      </c>
      <c r="AF161" s="806">
        <v>0</v>
      </c>
      <c r="AG161" s="841">
        <f t="shared" si="26"/>
        <v>7.6923076923076927E-2</v>
      </c>
      <c r="AH161" s="841">
        <f t="shared" si="27"/>
        <v>0</v>
      </c>
      <c r="AI161" s="841">
        <f t="shared" si="28"/>
        <v>7.6923076923076927E-2</v>
      </c>
      <c r="AJ161" s="841">
        <f t="shared" si="29"/>
        <v>7.6923076923076927E-2</v>
      </c>
      <c r="AK161" s="841">
        <f t="shared" si="30"/>
        <v>7.6923076923076927E-2</v>
      </c>
      <c r="AL161" s="841">
        <f t="shared" si="31"/>
        <v>0.23076923076923078</v>
      </c>
      <c r="AM161" s="841">
        <f t="shared" si="32"/>
        <v>7.6923076923076927E-2</v>
      </c>
      <c r="AN161" s="841">
        <f t="shared" si="33"/>
        <v>0.23076923076923078</v>
      </c>
      <c r="AO161" s="841">
        <f t="shared" si="34"/>
        <v>0.15384615384615385</v>
      </c>
      <c r="AP161" s="841">
        <f t="shared" si="35"/>
        <v>0</v>
      </c>
      <c r="AQ161" s="1300">
        <f t="shared" si="23"/>
        <v>1</v>
      </c>
      <c r="AR161" s="797" t="s">
        <v>2001</v>
      </c>
      <c r="AS161" s="797" t="s">
        <v>722</v>
      </c>
      <c r="AT161" s="797" t="s">
        <v>53</v>
      </c>
      <c r="AU161" s="801">
        <v>1983442</v>
      </c>
      <c r="AV161" s="813">
        <f>ROUND((VLOOKUP(G161,'[6]Cost Summary'!A:H,8,)),0.1)</f>
        <v>1983442</v>
      </c>
      <c r="AW161" s="797">
        <v>0</v>
      </c>
      <c r="AX161" s="797" t="s">
        <v>1500</v>
      </c>
      <c r="AY161" s="814" t="s">
        <v>1584</v>
      </c>
      <c r="AZ161" s="805">
        <v>1288592.99</v>
      </c>
    </row>
    <row r="162" spans="1:52" ht="75" hidden="1" x14ac:dyDescent="0.25">
      <c r="A162" s="785"/>
      <c r="B162" s="785" t="s">
        <v>66</v>
      </c>
      <c r="C162" s="785"/>
      <c r="D162" s="785"/>
      <c r="E162" s="785"/>
      <c r="F162" s="785"/>
      <c r="G162" s="797" t="s">
        <v>2009</v>
      </c>
      <c r="H162" s="797" t="s">
        <v>932</v>
      </c>
      <c r="I162" s="798" t="s">
        <v>2010</v>
      </c>
      <c r="J162" s="797" t="s">
        <v>1226</v>
      </c>
      <c r="K162" s="797">
        <v>51.741593029999997</v>
      </c>
      <c r="L162" s="797">
        <v>-0.44885778799999998</v>
      </c>
      <c r="M162" s="797" t="s">
        <v>1488</v>
      </c>
      <c r="N162" s="797" t="s">
        <v>1489</v>
      </c>
      <c r="O162" s="797">
        <v>1</v>
      </c>
      <c r="P162" s="797" t="s">
        <v>1490</v>
      </c>
      <c r="Q162" s="797" t="s">
        <v>1491</v>
      </c>
      <c r="R162" s="797" t="s">
        <v>1492</v>
      </c>
      <c r="S162" s="797" t="s">
        <v>1493</v>
      </c>
      <c r="T162" s="797" t="s">
        <v>1534</v>
      </c>
      <c r="U162" s="799" t="s">
        <v>1515</v>
      </c>
      <c r="V162" s="799" t="s">
        <v>1099</v>
      </c>
      <c r="W162" s="807" t="s">
        <v>1498</v>
      </c>
      <c r="X162" s="807" t="s">
        <v>1498</v>
      </c>
      <c r="Y162" s="807" t="s">
        <v>1498</v>
      </c>
      <c r="Z162" s="807" t="s">
        <v>1498</v>
      </c>
      <c r="AA162" s="807" t="s">
        <v>1498</v>
      </c>
      <c r="AB162" s="807" t="s">
        <v>1498</v>
      </c>
      <c r="AC162" s="807" t="s">
        <v>1498</v>
      </c>
      <c r="AD162" s="807" t="s">
        <v>1498</v>
      </c>
      <c r="AE162" s="807" t="s">
        <v>1498</v>
      </c>
      <c r="AF162" s="807" t="s">
        <v>1498</v>
      </c>
      <c r="AG162" s="842" t="s">
        <v>1498</v>
      </c>
      <c r="AH162" s="842" t="s">
        <v>1498</v>
      </c>
      <c r="AI162" s="842" t="s">
        <v>1498</v>
      </c>
      <c r="AJ162" s="842" t="s">
        <v>1498</v>
      </c>
      <c r="AK162" s="842" t="s">
        <v>1498</v>
      </c>
      <c r="AL162" s="842" t="s">
        <v>1498</v>
      </c>
      <c r="AM162" s="842" t="s">
        <v>1498</v>
      </c>
      <c r="AN162" s="842" t="s">
        <v>1498</v>
      </c>
      <c r="AO162" s="842" t="s">
        <v>1498</v>
      </c>
      <c r="AP162" s="842" t="s">
        <v>1498</v>
      </c>
      <c r="AQ162" s="842">
        <f t="shared" si="23"/>
        <v>0</v>
      </c>
      <c r="AR162" s="797" t="s">
        <v>2001</v>
      </c>
      <c r="AS162" s="797" t="s">
        <v>722</v>
      </c>
      <c r="AT162" s="797" t="s">
        <v>53</v>
      </c>
      <c r="AU162" s="801">
        <v>234142</v>
      </c>
      <c r="AV162" s="813">
        <f>ROUND((VLOOKUP(G162,'[6]Cost Summary'!A:H,8,)),0.1)</f>
        <v>234142</v>
      </c>
      <c r="AW162" s="797">
        <v>0</v>
      </c>
      <c r="AX162" s="797" t="s">
        <v>1500</v>
      </c>
      <c r="AY162" s="814" t="s">
        <v>1584</v>
      </c>
      <c r="AZ162" s="805">
        <v>152116.25</v>
      </c>
    </row>
    <row r="163" spans="1:52" ht="210" hidden="1" x14ac:dyDescent="0.25">
      <c r="A163" s="785"/>
      <c r="B163" s="785" t="s">
        <v>66</v>
      </c>
      <c r="C163" s="785"/>
      <c r="D163" s="785"/>
      <c r="E163" s="785"/>
      <c r="F163" s="785"/>
      <c r="G163" s="797" t="s">
        <v>2011</v>
      </c>
      <c r="H163" s="797" t="s">
        <v>932</v>
      </c>
      <c r="I163" s="798" t="s">
        <v>1227</v>
      </c>
      <c r="J163" s="797" t="s">
        <v>1228</v>
      </c>
      <c r="K163" s="797"/>
      <c r="L163" s="797"/>
      <c r="M163" s="797" t="s">
        <v>1488</v>
      </c>
      <c r="N163" s="797" t="s">
        <v>1489</v>
      </c>
      <c r="O163" s="797">
        <v>1</v>
      </c>
      <c r="P163" s="797" t="s">
        <v>1490</v>
      </c>
      <c r="Q163" s="797" t="s">
        <v>1491</v>
      </c>
      <c r="R163" s="797" t="s">
        <v>1492</v>
      </c>
      <c r="S163" s="797" t="s">
        <v>1493</v>
      </c>
      <c r="T163" s="797" t="s">
        <v>1534</v>
      </c>
      <c r="U163" s="799" t="s">
        <v>1515</v>
      </c>
      <c r="V163" s="799" t="s">
        <v>1099</v>
      </c>
      <c r="W163" s="807" t="s">
        <v>1498</v>
      </c>
      <c r="X163" s="807" t="s">
        <v>1498</v>
      </c>
      <c r="Y163" s="807" t="s">
        <v>1498</v>
      </c>
      <c r="Z163" s="807" t="s">
        <v>1498</v>
      </c>
      <c r="AA163" s="807" t="s">
        <v>1498</v>
      </c>
      <c r="AB163" s="807" t="s">
        <v>1498</v>
      </c>
      <c r="AC163" s="807" t="s">
        <v>1498</v>
      </c>
      <c r="AD163" s="807" t="s">
        <v>1498</v>
      </c>
      <c r="AE163" s="807" t="s">
        <v>1498</v>
      </c>
      <c r="AF163" s="807" t="s">
        <v>1498</v>
      </c>
      <c r="AG163" s="842" t="s">
        <v>1498</v>
      </c>
      <c r="AH163" s="842" t="s">
        <v>1498</v>
      </c>
      <c r="AI163" s="842" t="s">
        <v>1498</v>
      </c>
      <c r="AJ163" s="842" t="s">
        <v>1498</v>
      </c>
      <c r="AK163" s="842" t="s">
        <v>1498</v>
      </c>
      <c r="AL163" s="842" t="s">
        <v>1498</v>
      </c>
      <c r="AM163" s="842" t="s">
        <v>1498</v>
      </c>
      <c r="AN163" s="842" t="s">
        <v>1498</v>
      </c>
      <c r="AO163" s="842" t="s">
        <v>1498</v>
      </c>
      <c r="AP163" s="842" t="s">
        <v>1498</v>
      </c>
      <c r="AQ163" s="842">
        <f t="shared" si="23"/>
        <v>0</v>
      </c>
      <c r="AR163" s="797" t="s">
        <v>2001</v>
      </c>
      <c r="AS163" s="797" t="s">
        <v>722</v>
      </c>
      <c r="AT163" s="797" t="s">
        <v>53</v>
      </c>
      <c r="AU163" s="801">
        <v>341774</v>
      </c>
      <c r="AV163" s="813">
        <f>ROUND((VLOOKUP(G163,'[6]Cost Summary'!A:H,8,)),0.1)</f>
        <v>341774</v>
      </c>
      <c r="AW163" s="797">
        <v>0</v>
      </c>
      <c r="AX163" s="797" t="s">
        <v>1500</v>
      </c>
      <c r="AY163" s="814" t="s">
        <v>1584</v>
      </c>
      <c r="AZ163" s="805">
        <v>222042.17</v>
      </c>
    </row>
    <row r="164" spans="1:52" ht="60" hidden="1" x14ac:dyDescent="0.25">
      <c r="A164" s="785"/>
      <c r="B164" s="785" t="s">
        <v>66</v>
      </c>
      <c r="C164" s="785"/>
      <c r="D164" s="785"/>
      <c r="E164" s="785"/>
      <c r="F164" s="785"/>
      <c r="G164" s="797" t="s">
        <v>2013</v>
      </c>
      <c r="H164" s="797" t="s">
        <v>932</v>
      </c>
      <c r="I164" s="798" t="s">
        <v>1229</v>
      </c>
      <c r="J164" s="797" t="s">
        <v>1230</v>
      </c>
      <c r="K164" s="797" t="s">
        <v>2015</v>
      </c>
      <c r="L164" s="797" t="s">
        <v>2016</v>
      </c>
      <c r="M164" s="797" t="s">
        <v>1488</v>
      </c>
      <c r="N164" s="797" t="s">
        <v>1489</v>
      </c>
      <c r="O164" s="797">
        <v>1</v>
      </c>
      <c r="P164" s="797" t="s">
        <v>1490</v>
      </c>
      <c r="Q164" s="797" t="s">
        <v>1491</v>
      </c>
      <c r="R164" s="797" t="s">
        <v>1492</v>
      </c>
      <c r="S164" s="797" t="s">
        <v>1493</v>
      </c>
      <c r="T164" s="797" t="s">
        <v>1534</v>
      </c>
      <c r="U164" s="799" t="s">
        <v>1495</v>
      </c>
      <c r="V164" s="799" t="s">
        <v>3263</v>
      </c>
      <c r="W164" s="807" t="s">
        <v>1498</v>
      </c>
      <c r="X164" s="807" t="s">
        <v>1498</v>
      </c>
      <c r="Y164" s="807" t="s">
        <v>1498</v>
      </c>
      <c r="Z164" s="807" t="s">
        <v>1498</v>
      </c>
      <c r="AA164" s="807" t="s">
        <v>1498</v>
      </c>
      <c r="AB164" s="807" t="s">
        <v>1498</v>
      </c>
      <c r="AC164" s="807" t="s">
        <v>1498</v>
      </c>
      <c r="AD164" s="807" t="s">
        <v>1498</v>
      </c>
      <c r="AE164" s="807" t="s">
        <v>1498</v>
      </c>
      <c r="AF164" s="807" t="s">
        <v>1498</v>
      </c>
      <c r="AG164" s="842" t="s">
        <v>1498</v>
      </c>
      <c r="AH164" s="842" t="s">
        <v>1498</v>
      </c>
      <c r="AI164" s="842" t="s">
        <v>1498</v>
      </c>
      <c r="AJ164" s="842" t="s">
        <v>1498</v>
      </c>
      <c r="AK164" s="842" t="s">
        <v>1498</v>
      </c>
      <c r="AL164" s="842" t="s">
        <v>1498</v>
      </c>
      <c r="AM164" s="842" t="s">
        <v>1498</v>
      </c>
      <c r="AN164" s="842" t="s">
        <v>1498</v>
      </c>
      <c r="AO164" s="842" t="s">
        <v>1498</v>
      </c>
      <c r="AP164" s="842" t="s">
        <v>1498</v>
      </c>
      <c r="AQ164" s="842">
        <f t="shared" si="23"/>
        <v>0</v>
      </c>
      <c r="AR164" s="797" t="s">
        <v>2001</v>
      </c>
      <c r="AS164" s="797" t="s">
        <v>722</v>
      </c>
      <c r="AT164" s="797" t="s">
        <v>53</v>
      </c>
      <c r="AU164" s="801">
        <v>6961</v>
      </c>
      <c r="AV164" s="813">
        <f>ROUND((VLOOKUP(G164,'[6]Cost Summary'!A:H,8,)),0.1)</f>
        <v>6961</v>
      </c>
      <c r="AW164" s="797">
        <v>0</v>
      </c>
      <c r="AX164" s="797" t="s">
        <v>1500</v>
      </c>
      <c r="AY164" s="814" t="s">
        <v>1584</v>
      </c>
      <c r="AZ164" s="805">
        <v>4522.38</v>
      </c>
    </row>
    <row r="165" spans="1:52" ht="30" hidden="1" x14ac:dyDescent="0.25">
      <c r="A165" s="785"/>
      <c r="B165" s="785" t="s">
        <v>66</v>
      </c>
      <c r="C165" s="785"/>
      <c r="D165" s="785"/>
      <c r="E165" s="785"/>
      <c r="F165" s="785"/>
      <c r="G165" s="797" t="s">
        <v>2017</v>
      </c>
      <c r="H165" s="797" t="s">
        <v>932</v>
      </c>
      <c r="I165" s="798" t="s">
        <v>1231</v>
      </c>
      <c r="J165" s="797" t="s">
        <v>1232</v>
      </c>
      <c r="K165" s="797">
        <v>51.743291329999998</v>
      </c>
      <c r="L165" s="797">
        <v>-0.45603233999999998</v>
      </c>
      <c r="M165" s="797" t="s">
        <v>1488</v>
      </c>
      <c r="N165" s="797" t="s">
        <v>1489</v>
      </c>
      <c r="O165" s="797">
        <v>1</v>
      </c>
      <c r="P165" s="797" t="s">
        <v>1490</v>
      </c>
      <c r="Q165" s="797" t="s">
        <v>1491</v>
      </c>
      <c r="R165" s="797" t="s">
        <v>1492</v>
      </c>
      <c r="S165" s="797" t="s">
        <v>1493</v>
      </c>
      <c r="T165" s="797" t="s">
        <v>1534</v>
      </c>
      <c r="U165" s="799" t="s">
        <v>1515</v>
      </c>
      <c r="V165" s="799" t="s">
        <v>1099</v>
      </c>
      <c r="W165" s="807" t="s">
        <v>1498</v>
      </c>
      <c r="X165" s="807" t="s">
        <v>1498</v>
      </c>
      <c r="Y165" s="807" t="s">
        <v>1498</v>
      </c>
      <c r="Z165" s="807" t="s">
        <v>1498</v>
      </c>
      <c r="AA165" s="807" t="s">
        <v>1498</v>
      </c>
      <c r="AB165" s="807" t="s">
        <v>1498</v>
      </c>
      <c r="AC165" s="807" t="s">
        <v>1498</v>
      </c>
      <c r="AD165" s="807" t="s">
        <v>1498</v>
      </c>
      <c r="AE165" s="807" t="s">
        <v>1498</v>
      </c>
      <c r="AF165" s="807" t="s">
        <v>1498</v>
      </c>
      <c r="AG165" s="842" t="s">
        <v>1498</v>
      </c>
      <c r="AH165" s="842" t="s">
        <v>1498</v>
      </c>
      <c r="AI165" s="842" t="s">
        <v>1498</v>
      </c>
      <c r="AJ165" s="842" t="s">
        <v>1498</v>
      </c>
      <c r="AK165" s="842" t="s">
        <v>1498</v>
      </c>
      <c r="AL165" s="842" t="s">
        <v>1498</v>
      </c>
      <c r="AM165" s="842" t="s">
        <v>1498</v>
      </c>
      <c r="AN165" s="842" t="s">
        <v>1498</v>
      </c>
      <c r="AO165" s="842" t="s">
        <v>1498</v>
      </c>
      <c r="AP165" s="842" t="s">
        <v>1498</v>
      </c>
      <c r="AQ165" s="842">
        <f t="shared" si="23"/>
        <v>0</v>
      </c>
      <c r="AR165" s="797" t="s">
        <v>2001</v>
      </c>
      <c r="AS165" s="797" t="s">
        <v>722</v>
      </c>
      <c r="AT165" s="797" t="s">
        <v>53</v>
      </c>
      <c r="AU165" s="801">
        <v>598</v>
      </c>
      <c r="AV165" s="813">
        <f>ROUND((VLOOKUP(G165,'[6]Cost Summary'!A:H,8,)),0.1)</f>
        <v>598</v>
      </c>
      <c r="AW165" s="797">
        <v>0</v>
      </c>
      <c r="AX165" s="797" t="s">
        <v>1500</v>
      </c>
      <c r="AY165" s="814" t="s">
        <v>1584</v>
      </c>
      <c r="AZ165" s="805">
        <v>388.51</v>
      </c>
    </row>
    <row r="166" spans="1:52" ht="75" hidden="1" x14ac:dyDescent="0.25">
      <c r="A166" s="785"/>
      <c r="B166" s="785" t="s">
        <v>66</v>
      </c>
      <c r="C166" s="785"/>
      <c r="D166" s="785"/>
      <c r="E166" s="785"/>
      <c r="F166" s="785"/>
      <c r="G166" s="797" t="s">
        <v>1763</v>
      </c>
      <c r="H166" s="797" t="s">
        <v>932</v>
      </c>
      <c r="I166" s="798" t="s">
        <v>1001</v>
      </c>
      <c r="J166" s="797" t="s">
        <v>1002</v>
      </c>
      <c r="K166" s="797" t="s">
        <v>1764</v>
      </c>
      <c r="L166" s="797" t="s">
        <v>1765</v>
      </c>
      <c r="M166" s="797" t="s">
        <v>1560</v>
      </c>
      <c r="N166" s="797" t="s">
        <v>1489</v>
      </c>
      <c r="O166" s="797">
        <v>1</v>
      </c>
      <c r="P166" s="797" t="s">
        <v>1490</v>
      </c>
      <c r="Q166" s="797" t="s">
        <v>1491</v>
      </c>
      <c r="R166" s="797" t="s">
        <v>1492</v>
      </c>
      <c r="S166" s="797" t="s">
        <v>1493</v>
      </c>
      <c r="T166" s="797" t="s">
        <v>1766</v>
      </c>
      <c r="U166" s="799" t="s">
        <v>1495</v>
      </c>
      <c r="V166" s="799" t="s">
        <v>3278</v>
      </c>
      <c r="W166" s="806">
        <v>1</v>
      </c>
      <c r="X166" s="806">
        <v>2</v>
      </c>
      <c r="Y166" s="806">
        <v>0</v>
      </c>
      <c r="Z166" s="806">
        <v>0</v>
      </c>
      <c r="AA166" s="806">
        <v>4</v>
      </c>
      <c r="AB166" s="806">
        <v>0</v>
      </c>
      <c r="AC166" s="806">
        <v>2</v>
      </c>
      <c r="AD166" s="806">
        <v>1</v>
      </c>
      <c r="AE166" s="806">
        <v>1</v>
      </c>
      <c r="AF166" s="806">
        <v>25</v>
      </c>
      <c r="AG166" s="841">
        <f t="shared" ref="AG166:AP172" si="36">W166/(SUM($W166:$AF166))</f>
        <v>2.7777777777777776E-2</v>
      </c>
      <c r="AH166" s="841">
        <f t="shared" si="36"/>
        <v>5.5555555555555552E-2</v>
      </c>
      <c r="AI166" s="841">
        <f t="shared" si="36"/>
        <v>0</v>
      </c>
      <c r="AJ166" s="841">
        <f t="shared" si="36"/>
        <v>0</v>
      </c>
      <c r="AK166" s="841">
        <f t="shared" si="36"/>
        <v>0.1111111111111111</v>
      </c>
      <c r="AL166" s="841">
        <f t="shared" si="36"/>
        <v>0</v>
      </c>
      <c r="AM166" s="841">
        <f t="shared" si="36"/>
        <v>5.5555555555555552E-2</v>
      </c>
      <c r="AN166" s="841">
        <f t="shared" si="36"/>
        <v>2.7777777777777776E-2</v>
      </c>
      <c r="AO166" s="841">
        <f t="shared" si="36"/>
        <v>2.7777777777777776E-2</v>
      </c>
      <c r="AP166" s="841">
        <f t="shared" si="36"/>
        <v>0.69444444444444442</v>
      </c>
      <c r="AQ166" s="1300">
        <f t="shared" si="23"/>
        <v>1</v>
      </c>
      <c r="AR166" s="797" t="s">
        <v>1767</v>
      </c>
      <c r="AS166" s="797" t="s">
        <v>722</v>
      </c>
      <c r="AT166" s="797" t="s">
        <v>53</v>
      </c>
      <c r="AU166" s="801">
        <v>8814</v>
      </c>
      <c r="AV166" s="813">
        <f>ROUND((VLOOKUP(G166,'[6]Cost Summary'!A:H,8,)),0.1)</f>
        <v>8814</v>
      </c>
      <c r="AW166" s="814">
        <v>0</v>
      </c>
      <c r="AX166" s="814" t="s">
        <v>1500</v>
      </c>
      <c r="AY166" s="814" t="s">
        <v>1584</v>
      </c>
      <c r="AZ166" s="805">
        <v>5726.41</v>
      </c>
    </row>
    <row r="167" spans="1:52" ht="75" hidden="1" x14ac:dyDescent="0.25">
      <c r="A167" s="785"/>
      <c r="B167" s="785" t="s">
        <v>66</v>
      </c>
      <c r="C167" s="785"/>
      <c r="D167" s="785"/>
      <c r="E167" s="785"/>
      <c r="F167" s="785"/>
      <c r="G167" s="797" t="s">
        <v>2018</v>
      </c>
      <c r="H167" s="797" t="s">
        <v>932</v>
      </c>
      <c r="I167" s="798" t="s">
        <v>1233</v>
      </c>
      <c r="J167" s="797" t="s">
        <v>1234</v>
      </c>
      <c r="K167" s="797">
        <v>51.745871999999999</v>
      </c>
      <c r="L167" s="797">
        <v>-0.45622699999999999</v>
      </c>
      <c r="M167" s="797" t="s">
        <v>1488</v>
      </c>
      <c r="N167" s="797" t="s">
        <v>1489</v>
      </c>
      <c r="O167" s="797">
        <v>1</v>
      </c>
      <c r="P167" s="797" t="s">
        <v>1490</v>
      </c>
      <c r="Q167" s="797" t="s">
        <v>1491</v>
      </c>
      <c r="R167" s="797" t="s">
        <v>1492</v>
      </c>
      <c r="S167" s="797" t="s">
        <v>1493</v>
      </c>
      <c r="T167" s="797" t="s">
        <v>2019</v>
      </c>
      <c r="U167" s="799" t="s">
        <v>1495</v>
      </c>
      <c r="V167" s="799" t="s">
        <v>3281</v>
      </c>
      <c r="W167" s="806">
        <v>1</v>
      </c>
      <c r="X167" s="806">
        <v>1</v>
      </c>
      <c r="Y167" s="806">
        <v>0</v>
      </c>
      <c r="Z167" s="806">
        <v>1</v>
      </c>
      <c r="AA167" s="806">
        <v>0</v>
      </c>
      <c r="AB167" s="806">
        <v>5</v>
      </c>
      <c r="AC167" s="806">
        <v>1</v>
      </c>
      <c r="AD167" s="806">
        <v>15</v>
      </c>
      <c r="AE167" s="806">
        <v>1</v>
      </c>
      <c r="AF167" s="806">
        <v>22</v>
      </c>
      <c r="AG167" s="841">
        <f t="shared" si="36"/>
        <v>2.1276595744680851E-2</v>
      </c>
      <c r="AH167" s="841">
        <f t="shared" si="36"/>
        <v>2.1276595744680851E-2</v>
      </c>
      <c r="AI167" s="841">
        <f t="shared" si="36"/>
        <v>0</v>
      </c>
      <c r="AJ167" s="841">
        <f t="shared" si="36"/>
        <v>2.1276595744680851E-2</v>
      </c>
      <c r="AK167" s="841">
        <f t="shared" si="36"/>
        <v>0</v>
      </c>
      <c r="AL167" s="841">
        <f t="shared" si="36"/>
        <v>0.10638297872340426</v>
      </c>
      <c r="AM167" s="841">
        <f t="shared" si="36"/>
        <v>2.1276595744680851E-2</v>
      </c>
      <c r="AN167" s="841">
        <f t="shared" si="36"/>
        <v>0.31914893617021278</v>
      </c>
      <c r="AO167" s="841">
        <f t="shared" si="36"/>
        <v>2.1276595744680851E-2</v>
      </c>
      <c r="AP167" s="841">
        <f t="shared" si="36"/>
        <v>0.46808510638297873</v>
      </c>
      <c r="AQ167" s="1300">
        <f t="shared" si="23"/>
        <v>1</v>
      </c>
      <c r="AR167" s="797" t="s">
        <v>1811</v>
      </c>
      <c r="AS167" s="797" t="s">
        <v>722</v>
      </c>
      <c r="AT167" s="797" t="s">
        <v>53</v>
      </c>
      <c r="AU167" s="801">
        <v>199337</v>
      </c>
      <c r="AV167" s="813">
        <f>ROUND((VLOOKUP(G167,'[6]Cost Summary'!A:H,8,)),0.1)</f>
        <v>199337</v>
      </c>
      <c r="AW167" s="797">
        <v>0</v>
      </c>
      <c r="AX167" s="797" t="s">
        <v>1500</v>
      </c>
      <c r="AY167" s="814" t="s">
        <v>1584</v>
      </c>
      <c r="AZ167" s="805">
        <v>129504.38</v>
      </c>
    </row>
    <row r="168" spans="1:52" ht="75" hidden="1" x14ac:dyDescent="0.25">
      <c r="A168" s="785"/>
      <c r="B168" s="785" t="s">
        <v>66</v>
      </c>
      <c r="C168" s="785"/>
      <c r="D168" s="785"/>
      <c r="E168" s="785"/>
      <c r="F168" s="785"/>
      <c r="G168" s="797" t="s">
        <v>2020</v>
      </c>
      <c r="H168" s="797" t="s">
        <v>932</v>
      </c>
      <c r="I168" s="798" t="s">
        <v>1235</v>
      </c>
      <c r="J168" s="797" t="s">
        <v>1236</v>
      </c>
      <c r="K168" s="797">
        <v>51.7479285</v>
      </c>
      <c r="L168" s="797">
        <v>-0.45146662199999998</v>
      </c>
      <c r="M168" s="797" t="s">
        <v>1488</v>
      </c>
      <c r="N168" s="797" t="s">
        <v>1489</v>
      </c>
      <c r="O168" s="797">
        <v>1</v>
      </c>
      <c r="P168" s="797" t="s">
        <v>1490</v>
      </c>
      <c r="Q168" s="797" t="s">
        <v>1491</v>
      </c>
      <c r="R168" s="797" t="s">
        <v>1492</v>
      </c>
      <c r="S168" s="797" t="s">
        <v>1493</v>
      </c>
      <c r="T168" s="797" t="s">
        <v>2019</v>
      </c>
      <c r="U168" s="799" t="s">
        <v>1495</v>
      </c>
      <c r="V168" s="799" t="s">
        <v>3248</v>
      </c>
      <c r="W168" s="806">
        <v>2</v>
      </c>
      <c r="X168" s="806">
        <v>3</v>
      </c>
      <c r="Y168" s="806">
        <v>2</v>
      </c>
      <c r="Z168" s="806">
        <v>2</v>
      </c>
      <c r="AA168" s="806">
        <v>1</v>
      </c>
      <c r="AB168" s="806">
        <v>1</v>
      </c>
      <c r="AC168" s="806">
        <v>2</v>
      </c>
      <c r="AD168" s="806">
        <v>2</v>
      </c>
      <c r="AE168" s="806">
        <v>9</v>
      </c>
      <c r="AF168" s="806">
        <v>43</v>
      </c>
      <c r="AG168" s="841">
        <f t="shared" si="36"/>
        <v>2.9850746268656716E-2</v>
      </c>
      <c r="AH168" s="841">
        <f t="shared" si="36"/>
        <v>4.4776119402985072E-2</v>
      </c>
      <c r="AI168" s="841">
        <f t="shared" si="36"/>
        <v>2.9850746268656716E-2</v>
      </c>
      <c r="AJ168" s="841">
        <f t="shared" si="36"/>
        <v>2.9850746268656716E-2</v>
      </c>
      <c r="AK168" s="841">
        <f t="shared" si="36"/>
        <v>1.4925373134328358E-2</v>
      </c>
      <c r="AL168" s="841">
        <f t="shared" si="36"/>
        <v>1.4925373134328358E-2</v>
      </c>
      <c r="AM168" s="841">
        <f t="shared" si="36"/>
        <v>2.9850746268656716E-2</v>
      </c>
      <c r="AN168" s="841">
        <f t="shared" si="36"/>
        <v>2.9850746268656716E-2</v>
      </c>
      <c r="AO168" s="841">
        <f t="shared" si="36"/>
        <v>0.13432835820895522</v>
      </c>
      <c r="AP168" s="841">
        <f t="shared" si="36"/>
        <v>0.64179104477611937</v>
      </c>
      <c r="AQ168" s="1300">
        <f t="shared" si="23"/>
        <v>1</v>
      </c>
      <c r="AR168" s="797" t="s">
        <v>1811</v>
      </c>
      <c r="AS168" s="797" t="s">
        <v>722</v>
      </c>
      <c r="AT168" s="797" t="s">
        <v>53</v>
      </c>
      <c r="AU168" s="801">
        <v>110163</v>
      </c>
      <c r="AV168" s="813">
        <f>ROUND((VLOOKUP(G168,'[6]Cost Summary'!A:H,8,)),0.1)</f>
        <v>110163</v>
      </c>
      <c r="AW168" s="797">
        <v>0</v>
      </c>
      <c r="AX168" s="797" t="s">
        <v>1500</v>
      </c>
      <c r="AY168" s="814" t="s">
        <v>1584</v>
      </c>
      <c r="AZ168" s="805">
        <v>71570.42</v>
      </c>
    </row>
    <row r="169" spans="1:52" ht="165" hidden="1" x14ac:dyDescent="0.25">
      <c r="A169" s="785"/>
      <c r="B169" s="785" t="s">
        <v>66</v>
      </c>
      <c r="C169" s="785"/>
      <c r="D169" s="785"/>
      <c r="E169" s="785"/>
      <c r="F169" s="785"/>
      <c r="G169" s="797" t="s">
        <v>2021</v>
      </c>
      <c r="H169" s="797" t="s">
        <v>932</v>
      </c>
      <c r="I169" s="798" t="s">
        <v>1237</v>
      </c>
      <c r="J169" s="797" t="s">
        <v>2022</v>
      </c>
      <c r="K169" s="797" t="s">
        <v>1521</v>
      </c>
      <c r="L169" s="797" t="s">
        <v>1521</v>
      </c>
      <c r="M169" s="797" t="s">
        <v>1488</v>
      </c>
      <c r="N169" s="797" t="s">
        <v>1489</v>
      </c>
      <c r="O169" s="797">
        <v>1</v>
      </c>
      <c r="P169" s="797" t="s">
        <v>1490</v>
      </c>
      <c r="Q169" s="797" t="s">
        <v>1491</v>
      </c>
      <c r="R169" s="797" t="s">
        <v>1492</v>
      </c>
      <c r="S169" s="797" t="s">
        <v>1493</v>
      </c>
      <c r="T169" s="797" t="s">
        <v>2019</v>
      </c>
      <c r="U169" s="799" t="s">
        <v>1495</v>
      </c>
      <c r="V169" s="799" t="s">
        <v>3248</v>
      </c>
      <c r="W169" s="806">
        <v>2</v>
      </c>
      <c r="X169" s="806">
        <v>3</v>
      </c>
      <c r="Y169" s="806">
        <v>2</v>
      </c>
      <c r="Z169" s="806">
        <v>2</v>
      </c>
      <c r="AA169" s="806">
        <v>1</v>
      </c>
      <c r="AB169" s="806">
        <v>1</v>
      </c>
      <c r="AC169" s="806">
        <v>2</v>
      </c>
      <c r="AD169" s="806">
        <v>2</v>
      </c>
      <c r="AE169" s="806">
        <v>9</v>
      </c>
      <c r="AF169" s="806">
        <v>35</v>
      </c>
      <c r="AG169" s="841">
        <f t="shared" si="36"/>
        <v>3.3898305084745763E-2</v>
      </c>
      <c r="AH169" s="841">
        <f t="shared" si="36"/>
        <v>5.0847457627118647E-2</v>
      </c>
      <c r="AI169" s="841">
        <f t="shared" si="36"/>
        <v>3.3898305084745763E-2</v>
      </c>
      <c r="AJ169" s="841">
        <f t="shared" si="36"/>
        <v>3.3898305084745763E-2</v>
      </c>
      <c r="AK169" s="841">
        <f t="shared" si="36"/>
        <v>1.6949152542372881E-2</v>
      </c>
      <c r="AL169" s="841">
        <f t="shared" si="36"/>
        <v>1.6949152542372881E-2</v>
      </c>
      <c r="AM169" s="841">
        <f t="shared" si="36"/>
        <v>3.3898305084745763E-2</v>
      </c>
      <c r="AN169" s="841">
        <f t="shared" si="36"/>
        <v>3.3898305084745763E-2</v>
      </c>
      <c r="AO169" s="841">
        <f t="shared" si="36"/>
        <v>0.15254237288135594</v>
      </c>
      <c r="AP169" s="841">
        <f t="shared" si="36"/>
        <v>0.59322033898305082</v>
      </c>
      <c r="AQ169" s="1300">
        <f t="shared" si="23"/>
        <v>1</v>
      </c>
      <c r="AR169" s="797" t="s">
        <v>2024</v>
      </c>
      <c r="AS169" s="797" t="s">
        <v>722</v>
      </c>
      <c r="AT169" s="797" t="s">
        <v>53</v>
      </c>
      <c r="AU169" s="801">
        <v>643137</v>
      </c>
      <c r="AV169" s="813">
        <f>ROUND((VLOOKUP(G169,'[6]Cost Summary'!A:H,8,)),0.1)</f>
        <v>643137</v>
      </c>
      <c r="AW169" s="797">
        <v>1</v>
      </c>
      <c r="AX169" s="797">
        <v>8</v>
      </c>
      <c r="AY169" s="814" t="s">
        <v>1584</v>
      </c>
      <c r="AZ169" s="805">
        <v>417830.04</v>
      </c>
    </row>
    <row r="170" spans="1:52" ht="60" hidden="1" x14ac:dyDescent="0.25">
      <c r="A170" s="785"/>
      <c r="B170" s="785" t="s">
        <v>66</v>
      </c>
      <c r="C170" s="785"/>
      <c r="D170" s="785"/>
      <c r="E170" s="785"/>
      <c r="F170" s="785"/>
      <c r="G170" s="797" t="s">
        <v>2025</v>
      </c>
      <c r="H170" s="797" t="s">
        <v>932</v>
      </c>
      <c r="I170" s="798" t="s">
        <v>1239</v>
      </c>
      <c r="J170" s="797" t="s">
        <v>1240</v>
      </c>
      <c r="K170" s="797">
        <v>51.742596040000002</v>
      </c>
      <c r="L170" s="797">
        <v>-0.44793355600000001</v>
      </c>
      <c r="M170" s="797" t="s">
        <v>1488</v>
      </c>
      <c r="N170" s="797" t="s">
        <v>1489</v>
      </c>
      <c r="O170" s="797">
        <v>1</v>
      </c>
      <c r="P170" s="797" t="s">
        <v>1490</v>
      </c>
      <c r="Q170" s="797" t="s">
        <v>1491</v>
      </c>
      <c r="R170" s="797" t="s">
        <v>1492</v>
      </c>
      <c r="S170" s="797" t="s">
        <v>1493</v>
      </c>
      <c r="T170" s="797" t="s">
        <v>2019</v>
      </c>
      <c r="U170" s="799" t="s">
        <v>1495</v>
      </c>
      <c r="V170" s="799" t="s">
        <v>3282</v>
      </c>
      <c r="W170" s="806">
        <v>1</v>
      </c>
      <c r="X170" s="806">
        <v>1</v>
      </c>
      <c r="Y170" s="806">
        <v>1</v>
      </c>
      <c r="Z170" s="806">
        <v>1</v>
      </c>
      <c r="AA170" s="806">
        <v>1</v>
      </c>
      <c r="AB170" s="806">
        <v>2</v>
      </c>
      <c r="AC170" s="806">
        <v>1</v>
      </c>
      <c r="AD170" s="806">
        <v>0</v>
      </c>
      <c r="AE170" s="806">
        <v>2</v>
      </c>
      <c r="AF170" s="806">
        <v>35</v>
      </c>
      <c r="AG170" s="841">
        <f t="shared" si="36"/>
        <v>2.2222222222222223E-2</v>
      </c>
      <c r="AH170" s="841">
        <f t="shared" si="36"/>
        <v>2.2222222222222223E-2</v>
      </c>
      <c r="AI170" s="841">
        <f t="shared" si="36"/>
        <v>2.2222222222222223E-2</v>
      </c>
      <c r="AJ170" s="841">
        <f t="shared" si="36"/>
        <v>2.2222222222222223E-2</v>
      </c>
      <c r="AK170" s="841">
        <f t="shared" si="36"/>
        <v>2.2222222222222223E-2</v>
      </c>
      <c r="AL170" s="841">
        <f t="shared" si="36"/>
        <v>4.4444444444444446E-2</v>
      </c>
      <c r="AM170" s="841">
        <f t="shared" si="36"/>
        <v>2.2222222222222223E-2</v>
      </c>
      <c r="AN170" s="841">
        <f t="shared" si="36"/>
        <v>0</v>
      </c>
      <c r="AO170" s="841">
        <f t="shared" si="36"/>
        <v>4.4444444444444446E-2</v>
      </c>
      <c r="AP170" s="841">
        <f t="shared" si="36"/>
        <v>0.77777777777777779</v>
      </c>
      <c r="AQ170" s="1300">
        <f t="shared" si="23"/>
        <v>1</v>
      </c>
      <c r="AR170" s="797" t="s">
        <v>2024</v>
      </c>
      <c r="AS170" s="797" t="s">
        <v>722</v>
      </c>
      <c r="AT170" s="797" t="s">
        <v>53</v>
      </c>
      <c r="AU170" s="801">
        <v>3480</v>
      </c>
      <c r="AV170" s="813">
        <f>ROUND((VLOOKUP(G170,'[6]Cost Summary'!A:H,8,)),0.1)</f>
        <v>3480</v>
      </c>
      <c r="AW170" s="797">
        <v>0</v>
      </c>
      <c r="AX170" s="797" t="s">
        <v>1500</v>
      </c>
      <c r="AY170" s="814" t="s">
        <v>1584</v>
      </c>
      <c r="AZ170" s="805">
        <v>2261.19</v>
      </c>
    </row>
    <row r="171" spans="1:52" ht="75" hidden="1" x14ac:dyDescent="0.25">
      <c r="A171" s="785"/>
      <c r="B171" s="785" t="s">
        <v>66</v>
      </c>
      <c r="C171" s="785"/>
      <c r="D171" s="785"/>
      <c r="E171" s="785"/>
      <c r="F171" s="785"/>
      <c r="G171" s="797" t="s">
        <v>2026</v>
      </c>
      <c r="H171" s="797" t="s">
        <v>932</v>
      </c>
      <c r="I171" s="798" t="s">
        <v>1241</v>
      </c>
      <c r="J171" s="797" t="s">
        <v>1242</v>
      </c>
      <c r="K171" s="797">
        <v>51.744560880000002</v>
      </c>
      <c r="L171" s="797">
        <v>-0.45873779199999998</v>
      </c>
      <c r="M171" s="797" t="s">
        <v>1488</v>
      </c>
      <c r="N171" s="797" t="s">
        <v>1489</v>
      </c>
      <c r="O171" s="797">
        <v>1</v>
      </c>
      <c r="P171" s="797" t="s">
        <v>1490</v>
      </c>
      <c r="Q171" s="797" t="s">
        <v>1491</v>
      </c>
      <c r="R171" s="797" t="s">
        <v>1492</v>
      </c>
      <c r="S171" s="797" t="s">
        <v>1493</v>
      </c>
      <c r="T171" s="797" t="s">
        <v>2019</v>
      </c>
      <c r="U171" s="799" t="s">
        <v>1495</v>
      </c>
      <c r="V171" s="799" t="s">
        <v>3249</v>
      </c>
      <c r="W171" s="806">
        <v>1</v>
      </c>
      <c r="X171" s="806">
        <v>0</v>
      </c>
      <c r="Y171" s="806">
        <v>1</v>
      </c>
      <c r="Z171" s="806">
        <v>1</v>
      </c>
      <c r="AA171" s="806">
        <v>1</v>
      </c>
      <c r="AB171" s="806">
        <v>3</v>
      </c>
      <c r="AC171" s="806">
        <v>1</v>
      </c>
      <c r="AD171" s="806">
        <v>3</v>
      </c>
      <c r="AE171" s="806">
        <v>2</v>
      </c>
      <c r="AF171" s="806">
        <v>17</v>
      </c>
      <c r="AG171" s="841">
        <f t="shared" si="36"/>
        <v>3.3333333333333333E-2</v>
      </c>
      <c r="AH171" s="841">
        <f t="shared" si="36"/>
        <v>0</v>
      </c>
      <c r="AI171" s="841">
        <f t="shared" si="36"/>
        <v>3.3333333333333333E-2</v>
      </c>
      <c r="AJ171" s="841">
        <f t="shared" si="36"/>
        <v>3.3333333333333333E-2</v>
      </c>
      <c r="AK171" s="841">
        <f t="shared" si="36"/>
        <v>3.3333333333333333E-2</v>
      </c>
      <c r="AL171" s="841">
        <f t="shared" si="36"/>
        <v>0.1</v>
      </c>
      <c r="AM171" s="841">
        <f t="shared" si="36"/>
        <v>3.3333333333333333E-2</v>
      </c>
      <c r="AN171" s="841">
        <f t="shared" si="36"/>
        <v>0.1</v>
      </c>
      <c r="AO171" s="841">
        <f t="shared" si="36"/>
        <v>6.6666666666666666E-2</v>
      </c>
      <c r="AP171" s="841">
        <f t="shared" si="36"/>
        <v>0.56666666666666665</v>
      </c>
      <c r="AQ171" s="1300">
        <f t="shared" si="23"/>
        <v>1</v>
      </c>
      <c r="AR171" s="797" t="s">
        <v>1811</v>
      </c>
      <c r="AS171" s="797" t="s">
        <v>722</v>
      </c>
      <c r="AT171" s="797" t="s">
        <v>53</v>
      </c>
      <c r="AU171" s="801">
        <v>797</v>
      </c>
      <c r="AV171" s="813">
        <f>ROUND((VLOOKUP(G171,'[6]Cost Summary'!A:H,8,)),0.1)</f>
        <v>797</v>
      </c>
      <c r="AW171" s="797">
        <v>0</v>
      </c>
      <c r="AX171" s="797" t="s">
        <v>1500</v>
      </c>
      <c r="AY171" s="814" t="s">
        <v>1584</v>
      </c>
      <c r="AZ171" s="805">
        <v>518.02</v>
      </c>
    </row>
    <row r="172" spans="1:52" ht="90" hidden="1" x14ac:dyDescent="0.25">
      <c r="A172" s="785"/>
      <c r="B172" s="785" t="s">
        <v>66</v>
      </c>
      <c r="C172" s="785"/>
      <c r="D172" s="785"/>
      <c r="E172" s="785"/>
      <c r="F172" s="785"/>
      <c r="G172" s="797" t="s">
        <v>1768</v>
      </c>
      <c r="H172" s="797" t="s">
        <v>932</v>
      </c>
      <c r="I172" s="798" t="s">
        <v>1003</v>
      </c>
      <c r="J172" s="797" t="s">
        <v>1004</v>
      </c>
      <c r="K172" s="797" t="s">
        <v>1769</v>
      </c>
      <c r="L172" s="797" t="s">
        <v>1770</v>
      </c>
      <c r="M172" s="797" t="s">
        <v>1488</v>
      </c>
      <c r="N172" s="797" t="s">
        <v>1489</v>
      </c>
      <c r="O172" s="797">
        <v>1</v>
      </c>
      <c r="P172" s="797" t="s">
        <v>1490</v>
      </c>
      <c r="Q172" s="797" t="s">
        <v>1491</v>
      </c>
      <c r="R172" s="797" t="s">
        <v>1492</v>
      </c>
      <c r="S172" s="797" t="s">
        <v>1493</v>
      </c>
      <c r="T172" s="797" t="s">
        <v>1766</v>
      </c>
      <c r="U172" s="799" t="s">
        <v>1495</v>
      </c>
      <c r="V172" s="799" t="s">
        <v>3283</v>
      </c>
      <c r="W172" s="806">
        <v>0</v>
      </c>
      <c r="X172" s="806">
        <v>0</v>
      </c>
      <c r="Y172" s="806">
        <v>1</v>
      </c>
      <c r="Z172" s="806">
        <v>0</v>
      </c>
      <c r="AA172" s="806">
        <v>0</v>
      </c>
      <c r="AB172" s="806">
        <v>0</v>
      </c>
      <c r="AC172" s="806">
        <v>0</v>
      </c>
      <c r="AD172" s="806">
        <v>1</v>
      </c>
      <c r="AE172" s="806">
        <v>2</v>
      </c>
      <c r="AF172" s="806">
        <v>0</v>
      </c>
      <c r="AG172" s="841">
        <f t="shared" si="36"/>
        <v>0</v>
      </c>
      <c r="AH172" s="841">
        <f t="shared" si="36"/>
        <v>0</v>
      </c>
      <c r="AI172" s="841">
        <f t="shared" si="36"/>
        <v>0.25</v>
      </c>
      <c r="AJ172" s="841">
        <f t="shared" si="36"/>
        <v>0</v>
      </c>
      <c r="AK172" s="841">
        <f t="shared" si="36"/>
        <v>0</v>
      </c>
      <c r="AL172" s="841">
        <f t="shared" si="36"/>
        <v>0</v>
      </c>
      <c r="AM172" s="841">
        <f t="shared" si="36"/>
        <v>0</v>
      </c>
      <c r="AN172" s="841">
        <f t="shared" si="36"/>
        <v>0.25</v>
      </c>
      <c r="AO172" s="841">
        <f t="shared" si="36"/>
        <v>0.5</v>
      </c>
      <c r="AP172" s="841">
        <f t="shared" si="36"/>
        <v>0</v>
      </c>
      <c r="AQ172" s="1300">
        <f t="shared" si="23"/>
        <v>1</v>
      </c>
      <c r="AR172" s="797" t="s">
        <v>1767</v>
      </c>
      <c r="AS172" s="797" t="s">
        <v>722</v>
      </c>
      <c r="AT172" s="797" t="s">
        <v>53</v>
      </c>
      <c r="AU172" s="801">
        <v>16560</v>
      </c>
      <c r="AV172" s="813">
        <f>ROUND((VLOOKUP(G172,'[6]Cost Summary'!A:H,8,)),0.1)</f>
        <v>16560</v>
      </c>
      <c r="AW172" s="814">
        <v>0</v>
      </c>
      <c r="AX172" s="814" t="s">
        <v>1500</v>
      </c>
      <c r="AY172" s="814" t="s">
        <v>1584</v>
      </c>
      <c r="AZ172" s="805">
        <v>10758.58</v>
      </c>
    </row>
    <row r="173" spans="1:52" ht="75" hidden="1" x14ac:dyDescent="0.25">
      <c r="A173" s="785"/>
      <c r="B173" s="785" t="s">
        <v>66</v>
      </c>
      <c r="C173" s="785"/>
      <c r="D173" s="785"/>
      <c r="E173" s="785"/>
      <c r="F173" s="785"/>
      <c r="G173" s="797" t="s">
        <v>2027</v>
      </c>
      <c r="H173" s="797" t="s">
        <v>932</v>
      </c>
      <c r="I173" s="798" t="s">
        <v>1243</v>
      </c>
      <c r="J173" s="797" t="s">
        <v>1244</v>
      </c>
      <c r="K173" s="797" t="s">
        <v>2028</v>
      </c>
      <c r="L173" s="797" t="s">
        <v>2029</v>
      </c>
      <c r="M173" s="797" t="s">
        <v>1488</v>
      </c>
      <c r="N173" s="797" t="s">
        <v>1489</v>
      </c>
      <c r="O173" s="797">
        <v>1</v>
      </c>
      <c r="P173" s="797" t="s">
        <v>1490</v>
      </c>
      <c r="Q173" s="797" t="s">
        <v>1491</v>
      </c>
      <c r="R173" s="797" t="s">
        <v>1492</v>
      </c>
      <c r="S173" s="797" t="s">
        <v>1493</v>
      </c>
      <c r="T173" s="797" t="s">
        <v>2030</v>
      </c>
      <c r="U173" s="799" t="s">
        <v>1515</v>
      </c>
      <c r="V173" s="799" t="s">
        <v>3269</v>
      </c>
      <c r="W173" s="807" t="s">
        <v>1498</v>
      </c>
      <c r="X173" s="807" t="s">
        <v>1498</v>
      </c>
      <c r="Y173" s="807" t="s">
        <v>1498</v>
      </c>
      <c r="Z173" s="807" t="s">
        <v>1498</v>
      </c>
      <c r="AA173" s="807" t="s">
        <v>1498</v>
      </c>
      <c r="AB173" s="807" t="s">
        <v>1498</v>
      </c>
      <c r="AC173" s="807" t="s">
        <v>1498</v>
      </c>
      <c r="AD173" s="807" t="s">
        <v>1498</v>
      </c>
      <c r="AE173" s="807" t="s">
        <v>1498</v>
      </c>
      <c r="AF173" s="807" t="s">
        <v>1498</v>
      </c>
      <c r="AG173" s="842" t="s">
        <v>1498</v>
      </c>
      <c r="AH173" s="842" t="s">
        <v>1498</v>
      </c>
      <c r="AI173" s="842" t="s">
        <v>1498</v>
      </c>
      <c r="AJ173" s="842" t="s">
        <v>1498</v>
      </c>
      <c r="AK173" s="842" t="s">
        <v>1498</v>
      </c>
      <c r="AL173" s="842" t="s">
        <v>1498</v>
      </c>
      <c r="AM173" s="842" t="s">
        <v>1498</v>
      </c>
      <c r="AN173" s="842" t="s">
        <v>1498</v>
      </c>
      <c r="AO173" s="842" t="s">
        <v>1498</v>
      </c>
      <c r="AP173" s="842" t="s">
        <v>1498</v>
      </c>
      <c r="AQ173" s="842">
        <f t="shared" si="23"/>
        <v>0</v>
      </c>
      <c r="AR173" s="797" t="s">
        <v>1896</v>
      </c>
      <c r="AS173" s="797" t="s">
        <v>722</v>
      </c>
      <c r="AT173" s="797" t="s">
        <v>53</v>
      </c>
      <c r="AU173" s="801">
        <v>7445</v>
      </c>
      <c r="AV173" s="813">
        <f>ROUND((VLOOKUP(G173,'[6]Cost Summary'!A:H,8,)),0.1)</f>
        <v>7445</v>
      </c>
      <c r="AW173" s="797">
        <v>1</v>
      </c>
      <c r="AX173" s="797">
        <v>8</v>
      </c>
      <c r="AY173" s="814" t="s">
        <v>1584</v>
      </c>
      <c r="AZ173" s="805">
        <v>4836.6099999999997</v>
      </c>
    </row>
    <row r="174" spans="1:52" ht="60" hidden="1" x14ac:dyDescent="0.25">
      <c r="A174" s="785"/>
      <c r="B174" s="785" t="s">
        <v>66</v>
      </c>
      <c r="C174" s="785"/>
      <c r="D174" s="785"/>
      <c r="E174" s="785"/>
      <c r="F174" s="785"/>
      <c r="G174" s="797" t="s">
        <v>2031</v>
      </c>
      <c r="H174" s="797" t="s">
        <v>932</v>
      </c>
      <c r="I174" s="798" t="s">
        <v>1245</v>
      </c>
      <c r="J174" s="797" t="s">
        <v>2032</v>
      </c>
      <c r="K174" s="797">
        <v>51.750098000000001</v>
      </c>
      <c r="L174" s="797">
        <v>-0.45068000000000003</v>
      </c>
      <c r="M174" s="797" t="s">
        <v>1488</v>
      </c>
      <c r="N174" s="797" t="s">
        <v>1489</v>
      </c>
      <c r="O174" s="797">
        <v>1</v>
      </c>
      <c r="P174" s="797" t="s">
        <v>1490</v>
      </c>
      <c r="Q174" s="797" t="s">
        <v>1491</v>
      </c>
      <c r="R174" s="797" t="s">
        <v>1492</v>
      </c>
      <c r="S174" s="797" t="s">
        <v>1493</v>
      </c>
      <c r="T174" s="797" t="s">
        <v>2030</v>
      </c>
      <c r="U174" s="799" t="s">
        <v>1495</v>
      </c>
      <c r="V174" s="799" t="s">
        <v>3284</v>
      </c>
      <c r="W174" s="806">
        <v>3</v>
      </c>
      <c r="X174" s="806">
        <v>1</v>
      </c>
      <c r="Y174" s="806">
        <v>1</v>
      </c>
      <c r="Z174" s="806">
        <v>0</v>
      </c>
      <c r="AA174" s="806">
        <v>0</v>
      </c>
      <c r="AB174" s="806">
        <v>2</v>
      </c>
      <c r="AC174" s="806">
        <v>1</v>
      </c>
      <c r="AD174" s="806">
        <v>4</v>
      </c>
      <c r="AE174" s="806">
        <v>0</v>
      </c>
      <c r="AF174" s="806">
        <v>20</v>
      </c>
      <c r="AG174" s="841">
        <f t="shared" ref="AG174:AP175" si="37">W174/(SUM($W174:$AF174))</f>
        <v>9.375E-2</v>
      </c>
      <c r="AH174" s="841">
        <f t="shared" si="37"/>
        <v>3.125E-2</v>
      </c>
      <c r="AI174" s="841">
        <f t="shared" si="37"/>
        <v>3.125E-2</v>
      </c>
      <c r="AJ174" s="841">
        <f t="shared" si="37"/>
        <v>0</v>
      </c>
      <c r="AK174" s="841">
        <f t="shared" si="37"/>
        <v>0</v>
      </c>
      <c r="AL174" s="841">
        <f t="shared" si="37"/>
        <v>6.25E-2</v>
      </c>
      <c r="AM174" s="841">
        <f t="shared" si="37"/>
        <v>3.125E-2</v>
      </c>
      <c r="AN174" s="841">
        <f t="shared" si="37"/>
        <v>0.125</v>
      </c>
      <c r="AO174" s="841">
        <f t="shared" si="37"/>
        <v>0</v>
      </c>
      <c r="AP174" s="841">
        <f t="shared" si="37"/>
        <v>0.625</v>
      </c>
      <c r="AQ174" s="1300">
        <f t="shared" si="23"/>
        <v>1</v>
      </c>
      <c r="AR174" s="797" t="s">
        <v>1896</v>
      </c>
      <c r="AS174" s="797" t="s">
        <v>722</v>
      </c>
      <c r="AT174" s="797" t="s">
        <v>53</v>
      </c>
      <c r="AU174" s="801">
        <v>387284</v>
      </c>
      <c r="AV174" s="813">
        <f>ROUND((VLOOKUP(G174,'[6]Cost Summary'!A:H,8,)),0.1)</f>
        <v>387284</v>
      </c>
      <c r="AW174" s="797">
        <v>1</v>
      </c>
      <c r="AX174" s="797">
        <v>8</v>
      </c>
      <c r="AY174" s="814" t="s">
        <v>1584</v>
      </c>
      <c r="AZ174" s="805">
        <v>251608.5</v>
      </c>
    </row>
    <row r="175" spans="1:52" ht="75" hidden="1" x14ac:dyDescent="0.25">
      <c r="A175" s="785"/>
      <c r="B175" s="785" t="s">
        <v>66</v>
      </c>
      <c r="C175" s="785"/>
      <c r="D175" s="785"/>
      <c r="E175" s="785"/>
      <c r="F175" s="785"/>
      <c r="G175" s="797" t="s">
        <v>2033</v>
      </c>
      <c r="H175" s="797" t="s">
        <v>932</v>
      </c>
      <c r="I175" s="798" t="s">
        <v>1247</v>
      </c>
      <c r="J175" s="797" t="s">
        <v>1248</v>
      </c>
      <c r="K175" s="797" t="s">
        <v>2035</v>
      </c>
      <c r="L175" s="797" t="s">
        <v>2036</v>
      </c>
      <c r="M175" s="797" t="s">
        <v>1488</v>
      </c>
      <c r="N175" s="797" t="s">
        <v>1489</v>
      </c>
      <c r="O175" s="797">
        <v>1</v>
      </c>
      <c r="P175" s="797" t="s">
        <v>1490</v>
      </c>
      <c r="Q175" s="797" t="s">
        <v>1491</v>
      </c>
      <c r="R175" s="797" t="s">
        <v>1492</v>
      </c>
      <c r="S175" s="797" t="s">
        <v>1493</v>
      </c>
      <c r="T175" s="797" t="s">
        <v>2030</v>
      </c>
      <c r="U175" s="799" t="s">
        <v>1495</v>
      </c>
      <c r="V175" s="799" t="s">
        <v>3248</v>
      </c>
      <c r="W175" s="806">
        <v>0</v>
      </c>
      <c r="X175" s="806">
        <v>25</v>
      </c>
      <c r="Y175" s="806">
        <v>23</v>
      </c>
      <c r="Z175" s="806">
        <v>19</v>
      </c>
      <c r="AA175" s="806">
        <v>20</v>
      </c>
      <c r="AB175" s="806">
        <v>10</v>
      </c>
      <c r="AC175" s="806">
        <v>19</v>
      </c>
      <c r="AD175" s="806">
        <v>24</v>
      </c>
      <c r="AE175" s="806">
        <v>8</v>
      </c>
      <c r="AF175" s="806">
        <v>190</v>
      </c>
      <c r="AG175" s="841">
        <f t="shared" si="37"/>
        <v>0</v>
      </c>
      <c r="AH175" s="841">
        <f t="shared" si="37"/>
        <v>7.3964497041420121E-2</v>
      </c>
      <c r="AI175" s="841">
        <f t="shared" si="37"/>
        <v>6.8047337278106509E-2</v>
      </c>
      <c r="AJ175" s="841">
        <f t="shared" si="37"/>
        <v>5.6213017751479293E-2</v>
      </c>
      <c r="AK175" s="841">
        <f t="shared" si="37"/>
        <v>5.9171597633136092E-2</v>
      </c>
      <c r="AL175" s="841">
        <f t="shared" si="37"/>
        <v>2.9585798816568046E-2</v>
      </c>
      <c r="AM175" s="841">
        <f t="shared" si="37"/>
        <v>5.6213017751479293E-2</v>
      </c>
      <c r="AN175" s="841">
        <f t="shared" si="37"/>
        <v>7.1005917159763315E-2</v>
      </c>
      <c r="AO175" s="841">
        <f t="shared" si="37"/>
        <v>2.3668639053254437E-2</v>
      </c>
      <c r="AP175" s="841">
        <f t="shared" si="37"/>
        <v>0.56213017751479288</v>
      </c>
      <c r="AQ175" s="1300">
        <f t="shared" si="23"/>
        <v>1</v>
      </c>
      <c r="AR175" s="797" t="s">
        <v>1896</v>
      </c>
      <c r="AS175" s="797" t="s">
        <v>722</v>
      </c>
      <c r="AT175" s="797" t="s">
        <v>53</v>
      </c>
      <c r="AU175" s="801">
        <v>10441</v>
      </c>
      <c r="AV175" s="813">
        <f>ROUND((VLOOKUP(G175,'[6]Cost Summary'!A:H,8,)),0.1)</f>
        <v>10441</v>
      </c>
      <c r="AW175" s="797">
        <v>1</v>
      </c>
      <c r="AX175" s="797">
        <v>8</v>
      </c>
      <c r="AY175" s="814" t="s">
        <v>1584</v>
      </c>
      <c r="AZ175" s="805">
        <v>6783.56</v>
      </c>
    </row>
    <row r="176" spans="1:52" ht="105" hidden="1" x14ac:dyDescent="0.25">
      <c r="A176" s="785"/>
      <c r="B176" s="785" t="s">
        <v>66</v>
      </c>
      <c r="C176" s="785"/>
      <c r="D176" s="785" t="s">
        <v>66</v>
      </c>
      <c r="E176" s="785"/>
      <c r="F176" s="785"/>
      <c r="G176" s="825" t="s">
        <v>1771</v>
      </c>
      <c r="H176" s="825" t="s">
        <v>900</v>
      </c>
      <c r="I176" s="826" t="s">
        <v>1005</v>
      </c>
      <c r="J176" s="825" t="s">
        <v>1772</v>
      </c>
      <c r="K176" s="825" t="s">
        <v>1773</v>
      </c>
      <c r="L176" s="825" t="s">
        <v>1773</v>
      </c>
      <c r="M176" s="825" t="s">
        <v>1560</v>
      </c>
      <c r="N176" s="825" t="s">
        <v>1489</v>
      </c>
      <c r="O176" s="825"/>
      <c r="P176" s="825" t="s">
        <v>1490</v>
      </c>
      <c r="Q176" s="825" t="s">
        <v>1491</v>
      </c>
      <c r="R176" s="825" t="s">
        <v>1492</v>
      </c>
      <c r="S176" s="825" t="s">
        <v>1493</v>
      </c>
      <c r="T176" s="825" t="s">
        <v>1766</v>
      </c>
      <c r="U176" s="825" t="s">
        <v>1723</v>
      </c>
      <c r="V176" s="827" t="s">
        <v>1719</v>
      </c>
      <c r="W176" s="828"/>
      <c r="X176" s="828"/>
      <c r="Y176" s="828"/>
      <c r="Z176" s="828"/>
      <c r="AA176" s="828"/>
      <c r="AB176" s="828"/>
      <c r="AC176" s="828"/>
      <c r="AD176" s="828"/>
      <c r="AE176" s="828"/>
      <c r="AF176" s="828"/>
      <c r="AG176" s="847"/>
      <c r="AH176" s="847"/>
      <c r="AI176" s="847"/>
      <c r="AJ176" s="847"/>
      <c r="AK176" s="847"/>
      <c r="AL176" s="847"/>
      <c r="AM176" s="847"/>
      <c r="AN176" s="847"/>
      <c r="AO176" s="847"/>
      <c r="AP176" s="847"/>
      <c r="AQ176" s="1300">
        <f t="shared" si="23"/>
        <v>0</v>
      </c>
      <c r="AR176" s="825" t="s">
        <v>1767</v>
      </c>
      <c r="AS176" s="825" t="s">
        <v>722</v>
      </c>
      <c r="AT176" s="825" t="s">
        <v>53</v>
      </c>
      <c r="AU176" s="831">
        <v>24667.5</v>
      </c>
      <c r="AV176" s="832">
        <v>24667.5</v>
      </c>
      <c r="AW176" s="825">
        <v>0</v>
      </c>
      <c r="AX176" s="825" t="s">
        <v>1500</v>
      </c>
      <c r="AY176" s="833" t="s">
        <v>1721</v>
      </c>
      <c r="AZ176" s="785">
        <v>24667.5</v>
      </c>
    </row>
    <row r="177" spans="1:52" ht="120" hidden="1" x14ac:dyDescent="0.25">
      <c r="A177" s="785"/>
      <c r="B177" s="785" t="s">
        <v>66</v>
      </c>
      <c r="C177" s="785"/>
      <c r="D177" s="785"/>
      <c r="E177" s="785"/>
      <c r="F177" s="785"/>
      <c r="G177" s="797" t="s">
        <v>1967</v>
      </c>
      <c r="H177" s="797" t="s">
        <v>932</v>
      </c>
      <c r="I177" s="798" t="s">
        <v>1249</v>
      </c>
      <c r="J177" s="797" t="s">
        <v>1968</v>
      </c>
      <c r="K177" s="797"/>
      <c r="L177" s="797"/>
      <c r="M177" s="797" t="s">
        <v>1522</v>
      </c>
      <c r="N177" s="797" t="s">
        <v>1523</v>
      </c>
      <c r="O177" s="797">
        <v>1</v>
      </c>
      <c r="P177" s="797" t="s">
        <v>1490</v>
      </c>
      <c r="Q177" s="797" t="s">
        <v>1491</v>
      </c>
      <c r="R177" s="797" t="s">
        <v>1492</v>
      </c>
      <c r="S177" s="797" t="s">
        <v>1493</v>
      </c>
      <c r="T177" s="797" t="s">
        <v>1969</v>
      </c>
      <c r="U177" s="799" t="s">
        <v>1495</v>
      </c>
      <c r="V177" s="799" t="s">
        <v>3248</v>
      </c>
      <c r="W177" s="806">
        <v>17</v>
      </c>
      <c r="X177" s="806">
        <v>5</v>
      </c>
      <c r="Y177" s="806">
        <v>3</v>
      </c>
      <c r="Z177" s="806">
        <v>2</v>
      </c>
      <c r="AA177" s="806">
        <v>2</v>
      </c>
      <c r="AB177" s="806">
        <v>1</v>
      </c>
      <c r="AC177" s="806">
        <v>4</v>
      </c>
      <c r="AD177" s="806">
        <v>4</v>
      </c>
      <c r="AE177" s="806">
        <v>39</v>
      </c>
      <c r="AF177" s="806">
        <v>68</v>
      </c>
      <c r="AG177" s="841">
        <f t="shared" ref="AG177:AP178" si="38">W177/(SUM($W177:$AF177))</f>
        <v>0.11724137931034483</v>
      </c>
      <c r="AH177" s="841">
        <f t="shared" si="38"/>
        <v>3.4482758620689655E-2</v>
      </c>
      <c r="AI177" s="841">
        <f t="shared" si="38"/>
        <v>2.0689655172413793E-2</v>
      </c>
      <c r="AJ177" s="841">
        <f t="shared" si="38"/>
        <v>1.3793103448275862E-2</v>
      </c>
      <c r="AK177" s="841">
        <f t="shared" si="38"/>
        <v>1.3793103448275862E-2</v>
      </c>
      <c r="AL177" s="841">
        <f t="shared" si="38"/>
        <v>6.8965517241379309E-3</v>
      </c>
      <c r="AM177" s="841">
        <f t="shared" si="38"/>
        <v>2.7586206896551724E-2</v>
      </c>
      <c r="AN177" s="841">
        <f t="shared" si="38"/>
        <v>2.7586206896551724E-2</v>
      </c>
      <c r="AO177" s="841">
        <f t="shared" si="38"/>
        <v>0.26896551724137929</v>
      </c>
      <c r="AP177" s="841">
        <f t="shared" si="38"/>
        <v>0.4689655172413793</v>
      </c>
      <c r="AQ177" s="1300">
        <f t="shared" si="23"/>
        <v>1</v>
      </c>
      <c r="AR177" s="797" t="s">
        <v>1642</v>
      </c>
      <c r="AS177" s="797" t="s">
        <v>834</v>
      </c>
      <c r="AT177" s="797" t="s">
        <v>53</v>
      </c>
      <c r="AU177" s="801">
        <v>1692649</v>
      </c>
      <c r="AV177" s="813">
        <f>ROUND((VLOOKUP(G177,'[6]Cost Summary'!A:H,8,)),0.1)</f>
        <v>1692649</v>
      </c>
      <c r="AW177" s="797">
        <v>2</v>
      </c>
      <c r="AX177" s="797">
        <v>1</v>
      </c>
      <c r="AY177" s="814" t="s">
        <v>1584</v>
      </c>
      <c r="AZ177" s="805">
        <v>1099672.01</v>
      </c>
    </row>
    <row r="178" spans="1:52" ht="75" hidden="1" x14ac:dyDescent="0.25">
      <c r="A178" s="785"/>
      <c r="B178" s="785" t="s">
        <v>66</v>
      </c>
      <c r="C178" s="785"/>
      <c r="D178" s="785"/>
      <c r="E178" s="785"/>
      <c r="F178" s="785"/>
      <c r="G178" s="797" t="s">
        <v>1970</v>
      </c>
      <c r="H178" s="797" t="s">
        <v>932</v>
      </c>
      <c r="I178" s="798" t="s">
        <v>1251</v>
      </c>
      <c r="J178" s="797" t="s">
        <v>3285</v>
      </c>
      <c r="K178" s="797" t="s">
        <v>1971</v>
      </c>
      <c r="L178" s="797" t="s">
        <v>1972</v>
      </c>
      <c r="M178" s="797" t="s">
        <v>1522</v>
      </c>
      <c r="N178" s="797" t="s">
        <v>1489</v>
      </c>
      <c r="O178" s="797">
        <v>1</v>
      </c>
      <c r="P178" s="797" t="s">
        <v>1490</v>
      </c>
      <c r="Q178" s="797" t="s">
        <v>1491</v>
      </c>
      <c r="R178" s="797" t="s">
        <v>1492</v>
      </c>
      <c r="S178" s="797" t="s">
        <v>1493</v>
      </c>
      <c r="T178" s="797" t="s">
        <v>1969</v>
      </c>
      <c r="U178" s="799" t="s">
        <v>1495</v>
      </c>
      <c r="V178" s="799" t="s">
        <v>3248</v>
      </c>
      <c r="W178" s="806">
        <v>17</v>
      </c>
      <c r="X178" s="806">
        <v>5</v>
      </c>
      <c r="Y178" s="806">
        <v>3</v>
      </c>
      <c r="Z178" s="806">
        <v>2</v>
      </c>
      <c r="AA178" s="806">
        <v>2</v>
      </c>
      <c r="AB178" s="806">
        <v>1</v>
      </c>
      <c r="AC178" s="806">
        <v>4</v>
      </c>
      <c r="AD178" s="806">
        <v>4</v>
      </c>
      <c r="AE178" s="806">
        <v>39</v>
      </c>
      <c r="AF178" s="806">
        <v>48</v>
      </c>
      <c r="AG178" s="841">
        <f t="shared" si="38"/>
        <v>0.13600000000000001</v>
      </c>
      <c r="AH178" s="841">
        <f t="shared" si="38"/>
        <v>0.04</v>
      </c>
      <c r="AI178" s="841">
        <f t="shared" si="38"/>
        <v>2.4E-2</v>
      </c>
      <c r="AJ178" s="841">
        <f t="shared" si="38"/>
        <v>1.6E-2</v>
      </c>
      <c r="AK178" s="841">
        <f t="shared" si="38"/>
        <v>1.6E-2</v>
      </c>
      <c r="AL178" s="841">
        <f t="shared" si="38"/>
        <v>8.0000000000000002E-3</v>
      </c>
      <c r="AM178" s="841">
        <f t="shared" si="38"/>
        <v>3.2000000000000001E-2</v>
      </c>
      <c r="AN178" s="841">
        <f t="shared" si="38"/>
        <v>3.2000000000000001E-2</v>
      </c>
      <c r="AO178" s="841">
        <f t="shared" si="38"/>
        <v>0.312</v>
      </c>
      <c r="AP178" s="841">
        <f t="shared" si="38"/>
        <v>0.38400000000000001</v>
      </c>
      <c r="AQ178" s="1300">
        <f t="shared" si="23"/>
        <v>1</v>
      </c>
      <c r="AR178" s="797" t="s">
        <v>1642</v>
      </c>
      <c r="AS178" s="797" t="s">
        <v>722</v>
      </c>
      <c r="AT178" s="797" t="s">
        <v>53</v>
      </c>
      <c r="AU178" s="801">
        <v>6961</v>
      </c>
      <c r="AV178" s="813">
        <f>ROUND((VLOOKUP(G178,'[6]Cost Summary'!A:H,8,)),0.1)</f>
        <v>6961</v>
      </c>
      <c r="AW178" s="797">
        <v>3</v>
      </c>
      <c r="AX178" s="797" t="s">
        <v>1973</v>
      </c>
      <c r="AY178" s="814" t="s">
        <v>1584</v>
      </c>
      <c r="AZ178" s="805">
        <v>4522.38</v>
      </c>
    </row>
    <row r="179" spans="1:52" ht="60" hidden="1" x14ac:dyDescent="0.25">
      <c r="A179" s="785"/>
      <c r="B179" s="785"/>
      <c r="C179" s="785"/>
      <c r="D179" s="785"/>
      <c r="E179" s="785"/>
      <c r="F179" s="785"/>
      <c r="G179" s="797" t="s">
        <v>1774</v>
      </c>
      <c r="H179" s="797" t="s">
        <v>900</v>
      </c>
      <c r="I179" s="798" t="s">
        <v>1007</v>
      </c>
      <c r="J179" s="797" t="s">
        <v>1008</v>
      </c>
      <c r="K179" s="797">
        <v>51.747368000000002</v>
      </c>
      <c r="L179" s="797">
        <v>-0.48732199999999998</v>
      </c>
      <c r="M179" s="797" t="s">
        <v>1560</v>
      </c>
      <c r="N179" s="797" t="s">
        <v>1489</v>
      </c>
      <c r="O179" s="797">
        <v>1</v>
      </c>
      <c r="P179" s="797" t="s">
        <v>1490</v>
      </c>
      <c r="Q179" s="797" t="s">
        <v>1491</v>
      </c>
      <c r="R179" s="797" t="s">
        <v>1492</v>
      </c>
      <c r="S179" s="797" t="s">
        <v>1493</v>
      </c>
      <c r="T179" s="797" t="s">
        <v>1766</v>
      </c>
      <c r="U179" s="797" t="s">
        <v>1723</v>
      </c>
      <c r="V179" s="797" t="s">
        <v>3286</v>
      </c>
      <c r="W179" s="807" t="s">
        <v>1498</v>
      </c>
      <c r="X179" s="807" t="s">
        <v>1498</v>
      </c>
      <c r="Y179" s="807" t="s">
        <v>1498</v>
      </c>
      <c r="Z179" s="807" t="s">
        <v>1498</v>
      </c>
      <c r="AA179" s="807" t="s">
        <v>1498</v>
      </c>
      <c r="AB179" s="807" t="s">
        <v>1498</v>
      </c>
      <c r="AC179" s="807" t="s">
        <v>1498</v>
      </c>
      <c r="AD179" s="807" t="s">
        <v>1498</v>
      </c>
      <c r="AE179" s="807" t="s">
        <v>1498</v>
      </c>
      <c r="AF179" s="807" t="s">
        <v>1498</v>
      </c>
      <c r="AG179" s="807" t="s">
        <v>1498</v>
      </c>
      <c r="AH179" s="807" t="s">
        <v>1498</v>
      </c>
      <c r="AI179" s="807" t="s">
        <v>1498</v>
      </c>
      <c r="AJ179" s="807" t="s">
        <v>1498</v>
      </c>
      <c r="AK179" s="807" t="s">
        <v>1498</v>
      </c>
      <c r="AL179" s="807" t="s">
        <v>1498</v>
      </c>
      <c r="AM179" s="807" t="s">
        <v>1498</v>
      </c>
      <c r="AN179" s="807" t="s">
        <v>1498</v>
      </c>
      <c r="AO179" s="807" t="s">
        <v>1498</v>
      </c>
      <c r="AP179" s="807" t="s">
        <v>1498</v>
      </c>
      <c r="AQ179" s="1300">
        <f t="shared" si="23"/>
        <v>0</v>
      </c>
      <c r="AR179" s="797" t="s">
        <v>1767</v>
      </c>
      <c r="AS179" s="797" t="s">
        <v>722</v>
      </c>
      <c r="AT179" s="797" t="s">
        <v>53</v>
      </c>
      <c r="AU179" s="801">
        <v>158204</v>
      </c>
      <c r="AV179" s="813">
        <f>ROUND((VLOOKUP(G179,'[6]Cost Summary'!A:H,8,)),0.1)</f>
        <v>158204</v>
      </c>
      <c r="AW179" s="797">
        <v>0</v>
      </c>
      <c r="AX179" s="797" t="s">
        <v>1500</v>
      </c>
      <c r="AY179" s="814" t="s">
        <v>1584</v>
      </c>
      <c r="AZ179" s="805">
        <v>102781.25</v>
      </c>
    </row>
    <row r="180" spans="1:52" ht="75" hidden="1" x14ac:dyDescent="0.25">
      <c r="A180" s="785"/>
      <c r="B180" s="785" t="s">
        <v>66</v>
      </c>
      <c r="C180" s="785"/>
      <c r="D180" s="785"/>
      <c r="E180" s="785"/>
      <c r="F180" s="785"/>
      <c r="G180" s="797" t="s">
        <v>2039</v>
      </c>
      <c r="H180" s="797" t="s">
        <v>932</v>
      </c>
      <c r="I180" s="798" t="s">
        <v>1253</v>
      </c>
      <c r="J180" s="797" t="s">
        <v>1254</v>
      </c>
      <c r="K180" s="797" t="s">
        <v>2040</v>
      </c>
      <c r="L180" s="797" t="s">
        <v>2041</v>
      </c>
      <c r="M180" s="797" t="s">
        <v>1488</v>
      </c>
      <c r="N180" s="797" t="s">
        <v>1489</v>
      </c>
      <c r="O180" s="797">
        <v>1</v>
      </c>
      <c r="P180" s="797" t="s">
        <v>1490</v>
      </c>
      <c r="Q180" s="797" t="s">
        <v>1491</v>
      </c>
      <c r="R180" s="797" t="s">
        <v>1492</v>
      </c>
      <c r="S180" s="797" t="s">
        <v>1493</v>
      </c>
      <c r="T180" s="797" t="s">
        <v>2042</v>
      </c>
      <c r="U180" s="797" t="s">
        <v>1508</v>
      </c>
      <c r="V180" s="797" t="s">
        <v>3287</v>
      </c>
      <c r="W180" s="807" t="s">
        <v>1498</v>
      </c>
      <c r="X180" s="807" t="s">
        <v>1498</v>
      </c>
      <c r="Y180" s="807" t="s">
        <v>1498</v>
      </c>
      <c r="Z180" s="807" t="s">
        <v>1498</v>
      </c>
      <c r="AA180" s="807" t="s">
        <v>1498</v>
      </c>
      <c r="AB180" s="807" t="s">
        <v>1498</v>
      </c>
      <c r="AC180" s="807" t="s">
        <v>1498</v>
      </c>
      <c r="AD180" s="807" t="s">
        <v>1498</v>
      </c>
      <c r="AE180" s="807" t="s">
        <v>1498</v>
      </c>
      <c r="AF180" s="807" t="s">
        <v>1498</v>
      </c>
      <c r="AG180" s="842" t="s">
        <v>1498</v>
      </c>
      <c r="AH180" s="842" t="s">
        <v>1498</v>
      </c>
      <c r="AI180" s="842" t="s">
        <v>1498</v>
      </c>
      <c r="AJ180" s="842" t="s">
        <v>1498</v>
      </c>
      <c r="AK180" s="842" t="s">
        <v>1498</v>
      </c>
      <c r="AL180" s="842" t="s">
        <v>1498</v>
      </c>
      <c r="AM180" s="842" t="s">
        <v>1498</v>
      </c>
      <c r="AN180" s="842" t="s">
        <v>1498</v>
      </c>
      <c r="AO180" s="842" t="s">
        <v>1498</v>
      </c>
      <c r="AP180" s="842" t="s">
        <v>1498</v>
      </c>
      <c r="AQ180" s="842">
        <f t="shared" si="23"/>
        <v>0</v>
      </c>
      <c r="AR180" s="797" t="s">
        <v>1642</v>
      </c>
      <c r="AS180" s="797" t="s">
        <v>722</v>
      </c>
      <c r="AT180" s="797" t="s">
        <v>53</v>
      </c>
      <c r="AU180" s="801">
        <v>885943</v>
      </c>
      <c r="AV180" s="813">
        <f>ROUND((VLOOKUP(G180,'[6]Cost Summary'!A:H,8,)),0.1)</f>
        <v>885943</v>
      </c>
      <c r="AW180" s="797">
        <v>2</v>
      </c>
      <c r="AX180" s="797" t="s">
        <v>2043</v>
      </c>
      <c r="AY180" s="814" t="s">
        <v>1584</v>
      </c>
      <c r="AZ180" s="805">
        <v>575575</v>
      </c>
    </row>
    <row r="181" spans="1:52" ht="105" hidden="1" x14ac:dyDescent="0.25">
      <c r="A181" s="785"/>
      <c r="B181" s="785" t="s">
        <v>66</v>
      </c>
      <c r="C181" s="785"/>
      <c r="D181" s="785"/>
      <c r="E181" s="785"/>
      <c r="F181" s="785"/>
      <c r="G181" s="797" t="s">
        <v>2044</v>
      </c>
      <c r="H181" s="797" t="s">
        <v>932</v>
      </c>
      <c r="I181" s="798" t="s">
        <v>1255</v>
      </c>
      <c r="J181" s="797" t="s">
        <v>1256</v>
      </c>
      <c r="K181" s="797">
        <v>51.770888919999997</v>
      </c>
      <c r="L181" s="797">
        <v>-0.43737183099999999</v>
      </c>
      <c r="M181" s="797" t="s">
        <v>1488</v>
      </c>
      <c r="N181" s="797" t="s">
        <v>1489</v>
      </c>
      <c r="O181" s="797">
        <v>1</v>
      </c>
      <c r="P181" s="797" t="s">
        <v>1490</v>
      </c>
      <c r="Q181" s="797" t="s">
        <v>1491</v>
      </c>
      <c r="R181" s="797" t="s">
        <v>1492</v>
      </c>
      <c r="S181" s="797" t="s">
        <v>1493</v>
      </c>
      <c r="T181" s="797" t="s">
        <v>2042</v>
      </c>
      <c r="U181" s="797" t="s">
        <v>1508</v>
      </c>
      <c r="V181" s="797" t="s">
        <v>3287</v>
      </c>
      <c r="W181" s="807" t="s">
        <v>1498</v>
      </c>
      <c r="X181" s="807" t="s">
        <v>1498</v>
      </c>
      <c r="Y181" s="807" t="s">
        <v>1498</v>
      </c>
      <c r="Z181" s="807" t="s">
        <v>1498</v>
      </c>
      <c r="AA181" s="807" t="s">
        <v>1498</v>
      </c>
      <c r="AB181" s="807" t="s">
        <v>1498</v>
      </c>
      <c r="AC181" s="807" t="s">
        <v>1498</v>
      </c>
      <c r="AD181" s="807" t="s">
        <v>1498</v>
      </c>
      <c r="AE181" s="807" t="s">
        <v>1498</v>
      </c>
      <c r="AF181" s="807" t="s">
        <v>1498</v>
      </c>
      <c r="AG181" s="842" t="s">
        <v>1498</v>
      </c>
      <c r="AH181" s="842" t="s">
        <v>1498</v>
      </c>
      <c r="AI181" s="842" t="s">
        <v>1498</v>
      </c>
      <c r="AJ181" s="842" t="s">
        <v>1498</v>
      </c>
      <c r="AK181" s="842" t="s">
        <v>1498</v>
      </c>
      <c r="AL181" s="842" t="s">
        <v>1498</v>
      </c>
      <c r="AM181" s="842" t="s">
        <v>1498</v>
      </c>
      <c r="AN181" s="842" t="s">
        <v>1498</v>
      </c>
      <c r="AO181" s="842" t="s">
        <v>1498</v>
      </c>
      <c r="AP181" s="842" t="s">
        <v>1498</v>
      </c>
      <c r="AQ181" s="842">
        <f t="shared" si="23"/>
        <v>0</v>
      </c>
      <c r="AR181" s="797" t="s">
        <v>1642</v>
      </c>
      <c r="AS181" s="797" t="s">
        <v>722</v>
      </c>
      <c r="AT181" s="797" t="s">
        <v>53</v>
      </c>
      <c r="AU181" s="801">
        <v>448034</v>
      </c>
      <c r="AV181" s="813">
        <f>ROUND((VLOOKUP(G181,'[6]Cost Summary'!A:H,8,)),0.1)</f>
        <v>448034</v>
      </c>
      <c r="AW181" s="797">
        <v>1</v>
      </c>
      <c r="AX181" s="797">
        <v>4</v>
      </c>
      <c r="AY181" s="814" t="s">
        <v>1584</v>
      </c>
      <c r="AZ181" s="805">
        <v>291076.5</v>
      </c>
    </row>
    <row r="182" spans="1:52" ht="75" hidden="1" x14ac:dyDescent="0.25">
      <c r="A182" s="785"/>
      <c r="B182" s="785" t="s">
        <v>66</v>
      </c>
      <c r="C182" s="785"/>
      <c r="D182" s="785"/>
      <c r="E182" s="785"/>
      <c r="F182" s="785"/>
      <c r="G182" s="797" t="s">
        <v>2045</v>
      </c>
      <c r="H182" s="797" t="s">
        <v>932</v>
      </c>
      <c r="I182" s="798" t="s">
        <v>1257</v>
      </c>
      <c r="J182" s="797" t="s">
        <v>1258</v>
      </c>
      <c r="K182" s="797" t="s">
        <v>1521</v>
      </c>
      <c r="L182" s="797" t="s">
        <v>1521</v>
      </c>
      <c r="M182" s="797" t="s">
        <v>1488</v>
      </c>
      <c r="N182" s="797" t="s">
        <v>1489</v>
      </c>
      <c r="O182" s="797">
        <v>1</v>
      </c>
      <c r="P182" s="797" t="s">
        <v>1490</v>
      </c>
      <c r="Q182" s="797" t="s">
        <v>1491</v>
      </c>
      <c r="R182" s="797" t="s">
        <v>1492</v>
      </c>
      <c r="S182" s="797" t="s">
        <v>1493</v>
      </c>
      <c r="T182" s="797" t="s">
        <v>2042</v>
      </c>
      <c r="U182" s="797" t="s">
        <v>1508</v>
      </c>
      <c r="V182" s="797" t="s">
        <v>3287</v>
      </c>
      <c r="W182" s="807" t="s">
        <v>1498</v>
      </c>
      <c r="X182" s="807" t="s">
        <v>1498</v>
      </c>
      <c r="Y182" s="807" t="s">
        <v>1498</v>
      </c>
      <c r="Z182" s="807" t="s">
        <v>1498</v>
      </c>
      <c r="AA182" s="807" t="s">
        <v>1498</v>
      </c>
      <c r="AB182" s="807" t="s">
        <v>1498</v>
      </c>
      <c r="AC182" s="807" t="s">
        <v>1498</v>
      </c>
      <c r="AD182" s="807" t="s">
        <v>1498</v>
      </c>
      <c r="AE182" s="807" t="s">
        <v>1498</v>
      </c>
      <c r="AF182" s="807" t="s">
        <v>1498</v>
      </c>
      <c r="AG182" s="842" t="s">
        <v>1498</v>
      </c>
      <c r="AH182" s="842" t="s">
        <v>1498</v>
      </c>
      <c r="AI182" s="842" t="s">
        <v>1498</v>
      </c>
      <c r="AJ182" s="842" t="s">
        <v>1498</v>
      </c>
      <c r="AK182" s="842" t="s">
        <v>1498</v>
      </c>
      <c r="AL182" s="842" t="s">
        <v>1498</v>
      </c>
      <c r="AM182" s="842" t="s">
        <v>1498</v>
      </c>
      <c r="AN182" s="842" t="s">
        <v>1498</v>
      </c>
      <c r="AO182" s="842" t="s">
        <v>1498</v>
      </c>
      <c r="AP182" s="842" t="s">
        <v>1498</v>
      </c>
      <c r="AQ182" s="842">
        <f t="shared" si="23"/>
        <v>0</v>
      </c>
      <c r="AR182" s="797" t="s">
        <v>1642</v>
      </c>
      <c r="AS182" s="797" t="s">
        <v>722</v>
      </c>
      <c r="AT182" s="797" t="s">
        <v>53</v>
      </c>
      <c r="AU182" s="801">
        <v>301853</v>
      </c>
      <c r="AV182" s="813">
        <f>ROUND((VLOOKUP(G182,'[6]Cost Summary'!A:H,8,)),0.1)</f>
        <v>301853</v>
      </c>
      <c r="AW182" s="797">
        <v>2</v>
      </c>
      <c r="AX182" s="797" t="s">
        <v>2043</v>
      </c>
      <c r="AY182" s="814" t="s">
        <v>1584</v>
      </c>
      <c r="AZ182" s="805">
        <v>196106.63</v>
      </c>
    </row>
    <row r="183" spans="1:52" ht="60" hidden="1" x14ac:dyDescent="0.25">
      <c r="A183" s="785"/>
      <c r="B183" s="785" t="s">
        <v>66</v>
      </c>
      <c r="C183" s="785"/>
      <c r="D183" s="785"/>
      <c r="E183" s="785"/>
      <c r="F183" s="785"/>
      <c r="G183" s="797" t="s">
        <v>2046</v>
      </c>
      <c r="H183" s="797" t="s">
        <v>932</v>
      </c>
      <c r="I183" s="798" t="s">
        <v>1259</v>
      </c>
      <c r="J183" s="797" t="s">
        <v>1260</v>
      </c>
      <c r="K183" s="797" t="s">
        <v>1521</v>
      </c>
      <c r="L183" s="797" t="s">
        <v>1521</v>
      </c>
      <c r="M183" s="797" t="s">
        <v>1488</v>
      </c>
      <c r="N183" s="797" t="s">
        <v>1489</v>
      </c>
      <c r="O183" s="797">
        <v>1</v>
      </c>
      <c r="P183" s="797" t="s">
        <v>1490</v>
      </c>
      <c r="Q183" s="797" t="s">
        <v>1491</v>
      </c>
      <c r="R183" s="797" t="s">
        <v>1492</v>
      </c>
      <c r="S183" s="797" t="s">
        <v>1493</v>
      </c>
      <c r="T183" s="797" t="s">
        <v>2042</v>
      </c>
      <c r="U183" s="797" t="s">
        <v>1508</v>
      </c>
      <c r="V183" s="797" t="s">
        <v>3287</v>
      </c>
      <c r="W183" s="807" t="s">
        <v>1498</v>
      </c>
      <c r="X183" s="807" t="s">
        <v>1498</v>
      </c>
      <c r="Y183" s="807" t="s">
        <v>1498</v>
      </c>
      <c r="Z183" s="807" t="s">
        <v>1498</v>
      </c>
      <c r="AA183" s="807" t="s">
        <v>1498</v>
      </c>
      <c r="AB183" s="807" t="s">
        <v>1498</v>
      </c>
      <c r="AC183" s="807" t="s">
        <v>1498</v>
      </c>
      <c r="AD183" s="807" t="s">
        <v>1498</v>
      </c>
      <c r="AE183" s="807" t="s">
        <v>1498</v>
      </c>
      <c r="AF183" s="807" t="s">
        <v>1498</v>
      </c>
      <c r="AG183" s="842" t="s">
        <v>1498</v>
      </c>
      <c r="AH183" s="842" t="s">
        <v>1498</v>
      </c>
      <c r="AI183" s="842" t="s">
        <v>1498</v>
      </c>
      <c r="AJ183" s="842" t="s">
        <v>1498</v>
      </c>
      <c r="AK183" s="842" t="s">
        <v>1498</v>
      </c>
      <c r="AL183" s="842" t="s">
        <v>1498</v>
      </c>
      <c r="AM183" s="842" t="s">
        <v>1498</v>
      </c>
      <c r="AN183" s="842" t="s">
        <v>1498</v>
      </c>
      <c r="AO183" s="842" t="s">
        <v>1498</v>
      </c>
      <c r="AP183" s="842" t="s">
        <v>1498</v>
      </c>
      <c r="AQ183" s="842">
        <f t="shared" si="23"/>
        <v>0</v>
      </c>
      <c r="AR183" s="797" t="s">
        <v>1642</v>
      </c>
      <c r="AS183" s="797" t="s">
        <v>722</v>
      </c>
      <c r="AT183" s="797" t="s">
        <v>53</v>
      </c>
      <c r="AU183" s="801">
        <v>110110</v>
      </c>
      <c r="AV183" s="813">
        <f>ROUND((VLOOKUP(G183,'[6]Cost Summary'!A:H,8,)),0.1)</f>
        <v>110110</v>
      </c>
      <c r="AW183" s="797">
        <v>1</v>
      </c>
      <c r="AX183" s="797">
        <v>4</v>
      </c>
      <c r="AY183" s="814" t="s">
        <v>1584</v>
      </c>
      <c r="AZ183" s="805">
        <v>71535.75</v>
      </c>
    </row>
    <row r="184" spans="1:52" ht="45" hidden="1" x14ac:dyDescent="0.25">
      <c r="A184" s="785"/>
      <c r="B184" s="785" t="s">
        <v>66</v>
      </c>
      <c r="C184" s="785"/>
      <c r="D184" s="785"/>
      <c r="E184" s="785"/>
      <c r="F184" s="785"/>
      <c r="G184" s="797" t="s">
        <v>2047</v>
      </c>
      <c r="H184" s="797" t="s">
        <v>932</v>
      </c>
      <c r="I184" s="798" t="s">
        <v>1261</v>
      </c>
      <c r="J184" s="797" t="s">
        <v>1262</v>
      </c>
      <c r="K184" s="797">
        <v>51.768773469999999</v>
      </c>
      <c r="L184" s="797">
        <v>-0.43823816700000001</v>
      </c>
      <c r="M184" s="797" t="s">
        <v>1488</v>
      </c>
      <c r="N184" s="797" t="s">
        <v>1489</v>
      </c>
      <c r="O184" s="797">
        <v>1</v>
      </c>
      <c r="P184" s="797" t="s">
        <v>1490</v>
      </c>
      <c r="Q184" s="797" t="s">
        <v>1491</v>
      </c>
      <c r="R184" s="797" t="s">
        <v>1492</v>
      </c>
      <c r="S184" s="797" t="s">
        <v>1493</v>
      </c>
      <c r="T184" s="797" t="s">
        <v>2042</v>
      </c>
      <c r="U184" s="797" t="s">
        <v>1508</v>
      </c>
      <c r="V184" s="797" t="s">
        <v>3287</v>
      </c>
      <c r="W184" s="807" t="s">
        <v>1498</v>
      </c>
      <c r="X184" s="807" t="s">
        <v>1498</v>
      </c>
      <c r="Y184" s="807" t="s">
        <v>1498</v>
      </c>
      <c r="Z184" s="807" t="s">
        <v>1498</v>
      </c>
      <c r="AA184" s="807" t="s">
        <v>1498</v>
      </c>
      <c r="AB184" s="807" t="s">
        <v>1498</v>
      </c>
      <c r="AC184" s="807" t="s">
        <v>1498</v>
      </c>
      <c r="AD184" s="807" t="s">
        <v>1498</v>
      </c>
      <c r="AE184" s="807" t="s">
        <v>1498</v>
      </c>
      <c r="AF184" s="807" t="s">
        <v>1498</v>
      </c>
      <c r="AG184" s="842" t="s">
        <v>1498</v>
      </c>
      <c r="AH184" s="842" t="s">
        <v>1498</v>
      </c>
      <c r="AI184" s="842" t="s">
        <v>1498</v>
      </c>
      <c r="AJ184" s="842" t="s">
        <v>1498</v>
      </c>
      <c r="AK184" s="842" t="s">
        <v>1498</v>
      </c>
      <c r="AL184" s="842" t="s">
        <v>1498</v>
      </c>
      <c r="AM184" s="842" t="s">
        <v>1498</v>
      </c>
      <c r="AN184" s="842" t="s">
        <v>1498</v>
      </c>
      <c r="AO184" s="842" t="s">
        <v>1498</v>
      </c>
      <c r="AP184" s="842" t="s">
        <v>1498</v>
      </c>
      <c r="AQ184" s="842">
        <f t="shared" si="23"/>
        <v>0</v>
      </c>
      <c r="AR184" s="797" t="s">
        <v>1642</v>
      </c>
      <c r="AS184" s="797" t="s">
        <v>722</v>
      </c>
      <c r="AT184" s="797" t="s">
        <v>53</v>
      </c>
      <c r="AU184" s="801">
        <v>1215</v>
      </c>
      <c r="AV184" s="813">
        <f>ROUND((VLOOKUP(G184,'[6]Cost Summary'!A:H,8,)),0.1)</f>
        <v>1215</v>
      </c>
      <c r="AW184" s="797">
        <v>1</v>
      </c>
      <c r="AX184" s="797">
        <v>4</v>
      </c>
      <c r="AY184" s="814" t="s">
        <v>1584</v>
      </c>
      <c r="AZ184" s="805">
        <v>789.36</v>
      </c>
    </row>
    <row r="185" spans="1:52" ht="60" hidden="1" x14ac:dyDescent="0.25">
      <c r="A185" s="785"/>
      <c r="B185" s="785" t="s">
        <v>66</v>
      </c>
      <c r="C185" s="785"/>
      <c r="D185" s="785"/>
      <c r="E185" s="785"/>
      <c r="F185" s="785"/>
      <c r="G185" s="797" t="s">
        <v>2048</v>
      </c>
      <c r="H185" s="797" t="s">
        <v>932</v>
      </c>
      <c r="I185" s="798" t="s">
        <v>1263</v>
      </c>
      <c r="J185" s="797" t="s">
        <v>1264</v>
      </c>
      <c r="K185" s="797" t="s">
        <v>2049</v>
      </c>
      <c r="L185" s="797" t="s">
        <v>2050</v>
      </c>
      <c r="M185" s="797" t="s">
        <v>1488</v>
      </c>
      <c r="N185" s="797" t="s">
        <v>1489</v>
      </c>
      <c r="O185" s="797">
        <v>1</v>
      </c>
      <c r="P185" s="797" t="s">
        <v>1490</v>
      </c>
      <c r="Q185" s="797" t="s">
        <v>1491</v>
      </c>
      <c r="R185" s="797" t="s">
        <v>1492</v>
      </c>
      <c r="S185" s="797" t="s">
        <v>1493</v>
      </c>
      <c r="T185" s="797" t="s">
        <v>2042</v>
      </c>
      <c r="U185" s="797" t="s">
        <v>1508</v>
      </c>
      <c r="V185" s="797" t="s">
        <v>3287</v>
      </c>
      <c r="W185" s="807" t="s">
        <v>1498</v>
      </c>
      <c r="X185" s="807" t="s">
        <v>1498</v>
      </c>
      <c r="Y185" s="807" t="s">
        <v>1498</v>
      </c>
      <c r="Z185" s="807" t="s">
        <v>1498</v>
      </c>
      <c r="AA185" s="807" t="s">
        <v>1498</v>
      </c>
      <c r="AB185" s="807" t="s">
        <v>1498</v>
      </c>
      <c r="AC185" s="807" t="s">
        <v>1498</v>
      </c>
      <c r="AD185" s="807" t="s">
        <v>1498</v>
      </c>
      <c r="AE185" s="807" t="s">
        <v>1498</v>
      </c>
      <c r="AF185" s="807" t="s">
        <v>1498</v>
      </c>
      <c r="AG185" s="842" t="s">
        <v>1498</v>
      </c>
      <c r="AH185" s="842" t="s">
        <v>1498</v>
      </c>
      <c r="AI185" s="842" t="s">
        <v>1498</v>
      </c>
      <c r="AJ185" s="842" t="s">
        <v>1498</v>
      </c>
      <c r="AK185" s="842" t="s">
        <v>1498</v>
      </c>
      <c r="AL185" s="842" t="s">
        <v>1498</v>
      </c>
      <c r="AM185" s="842" t="s">
        <v>1498</v>
      </c>
      <c r="AN185" s="842" t="s">
        <v>1498</v>
      </c>
      <c r="AO185" s="842" t="s">
        <v>1498</v>
      </c>
      <c r="AP185" s="842" t="s">
        <v>1498</v>
      </c>
      <c r="AQ185" s="842">
        <f t="shared" si="23"/>
        <v>0</v>
      </c>
      <c r="AR185" s="797" t="s">
        <v>1642</v>
      </c>
      <c r="AS185" s="797" t="s">
        <v>722</v>
      </c>
      <c r="AT185" s="797" t="s">
        <v>53</v>
      </c>
      <c r="AU185" s="801">
        <v>10441</v>
      </c>
      <c r="AV185" s="813">
        <f>ROUND((VLOOKUP(G185,'[6]Cost Summary'!A:H,8,)),0.1)</f>
        <v>10441</v>
      </c>
      <c r="AW185" s="797">
        <v>2</v>
      </c>
      <c r="AX185" s="797" t="s">
        <v>2043</v>
      </c>
      <c r="AY185" s="814" t="s">
        <v>1584</v>
      </c>
      <c r="AZ185" s="805">
        <v>6783.56</v>
      </c>
    </row>
    <row r="186" spans="1:52" ht="60" hidden="1" x14ac:dyDescent="0.25">
      <c r="A186" s="785"/>
      <c r="B186" s="785"/>
      <c r="C186" s="785"/>
      <c r="D186" s="785"/>
      <c r="E186" s="785"/>
      <c r="F186" s="785"/>
      <c r="G186" s="797" t="s">
        <v>1775</v>
      </c>
      <c r="H186" s="797" t="s">
        <v>932</v>
      </c>
      <c r="I186" s="798" t="s">
        <v>1009</v>
      </c>
      <c r="J186" s="797" t="s">
        <v>1010</v>
      </c>
      <c r="K186" s="797">
        <v>51.749327999999998</v>
      </c>
      <c r="L186" s="797">
        <v>-0.48734300000000003</v>
      </c>
      <c r="M186" s="797" t="s">
        <v>1560</v>
      </c>
      <c r="N186" s="797" t="s">
        <v>1489</v>
      </c>
      <c r="O186" s="797">
        <v>1</v>
      </c>
      <c r="P186" s="797" t="s">
        <v>1490</v>
      </c>
      <c r="Q186" s="797" t="s">
        <v>1491</v>
      </c>
      <c r="R186" s="797" t="s">
        <v>1492</v>
      </c>
      <c r="S186" s="797" t="s">
        <v>1493</v>
      </c>
      <c r="T186" s="797" t="s">
        <v>1766</v>
      </c>
      <c r="U186" s="797" t="s">
        <v>1723</v>
      </c>
      <c r="V186" s="797" t="s">
        <v>3286</v>
      </c>
      <c r="W186" s="807" t="s">
        <v>1498</v>
      </c>
      <c r="X186" s="807" t="s">
        <v>1498</v>
      </c>
      <c r="Y186" s="807" t="s">
        <v>1498</v>
      </c>
      <c r="Z186" s="807" t="s">
        <v>1498</v>
      </c>
      <c r="AA186" s="807" t="s">
        <v>1498</v>
      </c>
      <c r="AB186" s="807" t="s">
        <v>1498</v>
      </c>
      <c r="AC186" s="807" t="s">
        <v>1498</v>
      </c>
      <c r="AD186" s="807" t="s">
        <v>1498</v>
      </c>
      <c r="AE186" s="807" t="s">
        <v>1498</v>
      </c>
      <c r="AF186" s="807" t="s">
        <v>1498</v>
      </c>
      <c r="AG186" s="807" t="s">
        <v>1498</v>
      </c>
      <c r="AH186" s="807" t="s">
        <v>1498</v>
      </c>
      <c r="AI186" s="807" t="s">
        <v>1498</v>
      </c>
      <c r="AJ186" s="807" t="s">
        <v>1498</v>
      </c>
      <c r="AK186" s="807" t="s">
        <v>1498</v>
      </c>
      <c r="AL186" s="807" t="s">
        <v>1498</v>
      </c>
      <c r="AM186" s="807" t="s">
        <v>1498</v>
      </c>
      <c r="AN186" s="807" t="s">
        <v>1498</v>
      </c>
      <c r="AO186" s="807" t="s">
        <v>1498</v>
      </c>
      <c r="AP186" s="807" t="s">
        <v>1498</v>
      </c>
      <c r="AQ186" s="1300">
        <f t="shared" si="23"/>
        <v>0</v>
      </c>
      <c r="AR186" s="797" t="s">
        <v>1767</v>
      </c>
      <c r="AS186" s="797" t="s">
        <v>722</v>
      </c>
      <c r="AT186" s="797" t="s">
        <v>53</v>
      </c>
      <c r="AU186" s="801">
        <v>33318</v>
      </c>
      <c r="AV186" s="813">
        <f>ROUND((VLOOKUP(G186,'[6]Cost Summary'!A:H,8,)),0.1)</f>
        <v>33318</v>
      </c>
      <c r="AW186" s="797">
        <v>0</v>
      </c>
      <c r="AX186" s="797" t="s">
        <v>1500</v>
      </c>
      <c r="AY186" s="814" t="s">
        <v>1584</v>
      </c>
      <c r="AZ186" s="805">
        <v>21645.73</v>
      </c>
    </row>
    <row r="187" spans="1:52" ht="150" hidden="1" x14ac:dyDescent="0.25">
      <c r="A187" s="785" t="s">
        <v>66</v>
      </c>
      <c r="B187" s="785" t="s">
        <v>66</v>
      </c>
      <c r="C187" s="785"/>
      <c r="D187" s="785"/>
      <c r="E187" s="785"/>
      <c r="F187" s="785"/>
      <c r="G187" s="797" t="s">
        <v>2051</v>
      </c>
      <c r="H187" s="797" t="s">
        <v>932</v>
      </c>
      <c r="I187" s="798" t="s">
        <v>1265</v>
      </c>
      <c r="J187" s="797" t="s">
        <v>2052</v>
      </c>
      <c r="K187" s="797" t="s">
        <v>1521</v>
      </c>
      <c r="L187" s="797" t="s">
        <v>1521</v>
      </c>
      <c r="M187" s="797" t="s">
        <v>1488</v>
      </c>
      <c r="N187" s="797" t="s">
        <v>1489</v>
      </c>
      <c r="O187" s="797">
        <v>1</v>
      </c>
      <c r="P187" s="797" t="s">
        <v>1490</v>
      </c>
      <c r="Q187" s="797" t="s">
        <v>1491</v>
      </c>
      <c r="R187" s="797" t="s">
        <v>1492</v>
      </c>
      <c r="S187" s="797" t="s">
        <v>1493</v>
      </c>
      <c r="T187" s="797" t="s">
        <v>1507</v>
      </c>
      <c r="U187" s="797" t="s">
        <v>1508</v>
      </c>
      <c r="V187" s="799" t="s">
        <v>3288</v>
      </c>
      <c r="W187" s="807" t="s">
        <v>1498</v>
      </c>
      <c r="X187" s="807" t="s">
        <v>1498</v>
      </c>
      <c r="Y187" s="807" t="s">
        <v>1498</v>
      </c>
      <c r="Z187" s="807" t="s">
        <v>1498</v>
      </c>
      <c r="AA187" s="807" t="s">
        <v>1498</v>
      </c>
      <c r="AB187" s="807" t="s">
        <v>1498</v>
      </c>
      <c r="AC187" s="807" t="s">
        <v>1498</v>
      </c>
      <c r="AD187" s="807" t="s">
        <v>1498</v>
      </c>
      <c r="AE187" s="807" t="s">
        <v>1498</v>
      </c>
      <c r="AF187" s="807" t="s">
        <v>1498</v>
      </c>
      <c r="AG187" s="842" t="s">
        <v>1498</v>
      </c>
      <c r="AH187" s="842" t="s">
        <v>1498</v>
      </c>
      <c r="AI187" s="842" t="s">
        <v>1498</v>
      </c>
      <c r="AJ187" s="842" t="s">
        <v>1498</v>
      </c>
      <c r="AK187" s="842" t="s">
        <v>1498</v>
      </c>
      <c r="AL187" s="842" t="s">
        <v>1498</v>
      </c>
      <c r="AM187" s="842" t="s">
        <v>1498</v>
      </c>
      <c r="AN187" s="842" t="s">
        <v>1498</v>
      </c>
      <c r="AO187" s="842" t="s">
        <v>1498</v>
      </c>
      <c r="AP187" s="842" t="s">
        <v>1498</v>
      </c>
      <c r="AQ187" s="842">
        <f t="shared" si="23"/>
        <v>0</v>
      </c>
      <c r="AR187" s="797" t="s">
        <v>1642</v>
      </c>
      <c r="AS187" s="797" t="s">
        <v>722</v>
      </c>
      <c r="AT187" s="797" t="s">
        <v>53</v>
      </c>
      <c r="AU187" s="801">
        <v>3058882</v>
      </c>
      <c r="AV187" s="813">
        <f>ROUND((VLOOKUP(G187,'[6]Cost Summary'!A:H,8,)),0.1)</f>
        <v>3058882</v>
      </c>
      <c r="AW187" s="797">
        <v>2</v>
      </c>
      <c r="AX187" s="797" t="s">
        <v>2054</v>
      </c>
      <c r="AY187" s="814" t="s">
        <v>1584</v>
      </c>
      <c r="AZ187" s="805">
        <v>1987279.37</v>
      </c>
    </row>
    <row r="188" spans="1:52" ht="45" hidden="1" x14ac:dyDescent="0.25">
      <c r="A188" s="785" t="s">
        <v>66</v>
      </c>
      <c r="B188" s="785" t="s">
        <v>66</v>
      </c>
      <c r="C188" s="785"/>
      <c r="D188" s="785"/>
      <c r="E188" s="785"/>
      <c r="F188" s="785"/>
      <c r="G188" s="797" t="s">
        <v>2055</v>
      </c>
      <c r="H188" s="797" t="s">
        <v>932</v>
      </c>
      <c r="I188" s="798" t="s">
        <v>1267</v>
      </c>
      <c r="J188" s="797" t="s">
        <v>1268</v>
      </c>
      <c r="K188" s="797">
        <v>51.778114299999999</v>
      </c>
      <c r="L188" s="797">
        <v>-0.44952082199999999</v>
      </c>
      <c r="M188" s="797" t="s">
        <v>1488</v>
      </c>
      <c r="N188" s="797" t="s">
        <v>1489</v>
      </c>
      <c r="O188" s="797">
        <v>1</v>
      </c>
      <c r="P188" s="797" t="s">
        <v>1490</v>
      </c>
      <c r="Q188" s="797" t="s">
        <v>1491</v>
      </c>
      <c r="R188" s="797" t="s">
        <v>1492</v>
      </c>
      <c r="S188" s="797" t="s">
        <v>1493</v>
      </c>
      <c r="T188" s="797" t="s">
        <v>1507</v>
      </c>
      <c r="U188" s="797" t="s">
        <v>1508</v>
      </c>
      <c r="V188" s="799" t="s">
        <v>3288</v>
      </c>
      <c r="W188" s="807" t="s">
        <v>1498</v>
      </c>
      <c r="X188" s="807" t="s">
        <v>1498</v>
      </c>
      <c r="Y188" s="807" t="s">
        <v>1498</v>
      </c>
      <c r="Z188" s="807" t="s">
        <v>1498</v>
      </c>
      <c r="AA188" s="807" t="s">
        <v>1498</v>
      </c>
      <c r="AB188" s="807" t="s">
        <v>1498</v>
      </c>
      <c r="AC188" s="807" t="s">
        <v>1498</v>
      </c>
      <c r="AD188" s="807" t="s">
        <v>1498</v>
      </c>
      <c r="AE188" s="807" t="s">
        <v>1498</v>
      </c>
      <c r="AF188" s="807" t="s">
        <v>1498</v>
      </c>
      <c r="AG188" s="842" t="s">
        <v>1498</v>
      </c>
      <c r="AH188" s="842" t="s">
        <v>1498</v>
      </c>
      <c r="AI188" s="842" t="s">
        <v>1498</v>
      </c>
      <c r="AJ188" s="842" t="s">
        <v>1498</v>
      </c>
      <c r="AK188" s="842" t="s">
        <v>1498</v>
      </c>
      <c r="AL188" s="842" t="s">
        <v>1498</v>
      </c>
      <c r="AM188" s="842" t="s">
        <v>1498</v>
      </c>
      <c r="AN188" s="842" t="s">
        <v>1498</v>
      </c>
      <c r="AO188" s="842" t="s">
        <v>1498</v>
      </c>
      <c r="AP188" s="842" t="s">
        <v>1498</v>
      </c>
      <c r="AQ188" s="842">
        <f t="shared" si="23"/>
        <v>0</v>
      </c>
      <c r="AR188" s="797" t="s">
        <v>1642</v>
      </c>
      <c r="AS188" s="797" t="s">
        <v>722</v>
      </c>
      <c r="AT188" s="797" t="s">
        <v>53</v>
      </c>
      <c r="AU188" s="801">
        <v>199337</v>
      </c>
      <c r="AV188" s="813">
        <f>ROUND((VLOOKUP(G188,'[6]Cost Summary'!A:H,8,)),0.1)</f>
        <v>199337</v>
      </c>
      <c r="AW188" s="797">
        <v>0</v>
      </c>
      <c r="AX188" s="797" t="s">
        <v>1500</v>
      </c>
      <c r="AY188" s="814" t="s">
        <v>1584</v>
      </c>
      <c r="AZ188" s="805">
        <v>129504.38</v>
      </c>
    </row>
    <row r="189" spans="1:52" ht="240" hidden="1" x14ac:dyDescent="0.25">
      <c r="A189" s="785" t="s">
        <v>66</v>
      </c>
      <c r="B189" s="785" t="s">
        <v>66</v>
      </c>
      <c r="C189" s="785"/>
      <c r="D189" s="785"/>
      <c r="E189" s="785"/>
      <c r="F189" s="785"/>
      <c r="G189" s="797" t="s">
        <v>2057</v>
      </c>
      <c r="H189" s="797" t="s">
        <v>932</v>
      </c>
      <c r="I189" s="798" t="s">
        <v>1269</v>
      </c>
      <c r="J189" s="797" t="s">
        <v>1270</v>
      </c>
      <c r="K189" s="797" t="s">
        <v>1521</v>
      </c>
      <c r="L189" s="797" t="s">
        <v>1521</v>
      </c>
      <c r="M189" s="797" t="s">
        <v>1488</v>
      </c>
      <c r="N189" s="797" t="s">
        <v>1489</v>
      </c>
      <c r="O189" s="797">
        <v>1</v>
      </c>
      <c r="P189" s="797" t="s">
        <v>1490</v>
      </c>
      <c r="Q189" s="797" t="s">
        <v>1491</v>
      </c>
      <c r="R189" s="797" t="s">
        <v>1492</v>
      </c>
      <c r="S189" s="797" t="s">
        <v>1493</v>
      </c>
      <c r="T189" s="797" t="s">
        <v>1507</v>
      </c>
      <c r="U189" s="797" t="s">
        <v>1508</v>
      </c>
      <c r="V189" s="799" t="s">
        <v>3289</v>
      </c>
      <c r="W189" s="807" t="s">
        <v>1498</v>
      </c>
      <c r="X189" s="807" t="s">
        <v>1498</v>
      </c>
      <c r="Y189" s="807" t="s">
        <v>1498</v>
      </c>
      <c r="Z189" s="807" t="s">
        <v>1498</v>
      </c>
      <c r="AA189" s="807" t="s">
        <v>1498</v>
      </c>
      <c r="AB189" s="807" t="s">
        <v>1498</v>
      </c>
      <c r="AC189" s="807" t="s">
        <v>1498</v>
      </c>
      <c r="AD189" s="807" t="s">
        <v>1498</v>
      </c>
      <c r="AE189" s="807" t="s">
        <v>1498</v>
      </c>
      <c r="AF189" s="807" t="s">
        <v>1498</v>
      </c>
      <c r="AG189" s="842" t="s">
        <v>1498</v>
      </c>
      <c r="AH189" s="842" t="s">
        <v>1498</v>
      </c>
      <c r="AI189" s="842" t="s">
        <v>1498</v>
      </c>
      <c r="AJ189" s="842" t="s">
        <v>1498</v>
      </c>
      <c r="AK189" s="842" t="s">
        <v>1498</v>
      </c>
      <c r="AL189" s="842" t="s">
        <v>1498</v>
      </c>
      <c r="AM189" s="842" t="s">
        <v>1498</v>
      </c>
      <c r="AN189" s="842" t="s">
        <v>1498</v>
      </c>
      <c r="AO189" s="842" t="s">
        <v>1498</v>
      </c>
      <c r="AP189" s="842" t="s">
        <v>1498</v>
      </c>
      <c r="AQ189" s="842">
        <f t="shared" si="23"/>
        <v>0</v>
      </c>
      <c r="AR189" s="797" t="s">
        <v>1642</v>
      </c>
      <c r="AS189" s="797" t="s">
        <v>722</v>
      </c>
      <c r="AT189" s="797" t="s">
        <v>53</v>
      </c>
      <c r="AU189" s="801">
        <v>547386</v>
      </c>
      <c r="AV189" s="813">
        <f>ROUND((VLOOKUP(G189,'[6]Cost Summary'!A:H,8,)),0.1)</f>
        <v>547386</v>
      </c>
      <c r="AW189" s="797">
        <v>0</v>
      </c>
      <c r="AX189" s="797" t="s">
        <v>1500</v>
      </c>
      <c r="AY189" s="814" t="s">
        <v>2058</v>
      </c>
      <c r="AZ189" s="805">
        <v>781137.5</v>
      </c>
    </row>
    <row r="190" spans="1:52" ht="90" hidden="1" x14ac:dyDescent="0.25">
      <c r="A190" s="785" t="s">
        <v>66</v>
      </c>
      <c r="B190" s="785" t="s">
        <v>66</v>
      </c>
      <c r="C190" s="785"/>
      <c r="D190" s="785"/>
      <c r="E190" s="785"/>
      <c r="F190" s="785"/>
      <c r="G190" s="797" t="s">
        <v>2059</v>
      </c>
      <c r="H190" s="797" t="s">
        <v>932</v>
      </c>
      <c r="I190" s="798" t="s">
        <v>1271</v>
      </c>
      <c r="J190" s="797" t="s">
        <v>1272</v>
      </c>
      <c r="K190" s="797" t="s">
        <v>1521</v>
      </c>
      <c r="L190" s="797" t="s">
        <v>1521</v>
      </c>
      <c r="M190" s="797" t="s">
        <v>1488</v>
      </c>
      <c r="N190" s="797" t="s">
        <v>1489</v>
      </c>
      <c r="O190" s="797">
        <v>2</v>
      </c>
      <c r="P190" s="797" t="s">
        <v>1490</v>
      </c>
      <c r="Q190" s="797" t="s">
        <v>1491</v>
      </c>
      <c r="R190" s="797" t="s">
        <v>1492</v>
      </c>
      <c r="S190" s="797" t="s">
        <v>1493</v>
      </c>
      <c r="T190" s="797" t="s">
        <v>1507</v>
      </c>
      <c r="U190" s="797" t="s">
        <v>1508</v>
      </c>
      <c r="V190" s="799" t="s">
        <v>3289</v>
      </c>
      <c r="W190" s="807" t="s">
        <v>1498</v>
      </c>
      <c r="X190" s="807" t="s">
        <v>1498</v>
      </c>
      <c r="Y190" s="807" t="s">
        <v>1498</v>
      </c>
      <c r="Z190" s="807" t="s">
        <v>1498</v>
      </c>
      <c r="AA190" s="807" t="s">
        <v>1498</v>
      </c>
      <c r="AB190" s="807" t="s">
        <v>1498</v>
      </c>
      <c r="AC190" s="807" t="s">
        <v>1498</v>
      </c>
      <c r="AD190" s="807" t="s">
        <v>1498</v>
      </c>
      <c r="AE190" s="807" t="s">
        <v>1498</v>
      </c>
      <c r="AF190" s="807" t="s">
        <v>1498</v>
      </c>
      <c r="AG190" s="842" t="s">
        <v>1498</v>
      </c>
      <c r="AH190" s="842" t="s">
        <v>1498</v>
      </c>
      <c r="AI190" s="842" t="s">
        <v>1498</v>
      </c>
      <c r="AJ190" s="842" t="s">
        <v>1498</v>
      </c>
      <c r="AK190" s="842" t="s">
        <v>1498</v>
      </c>
      <c r="AL190" s="842" t="s">
        <v>1498</v>
      </c>
      <c r="AM190" s="842" t="s">
        <v>1498</v>
      </c>
      <c r="AN190" s="842" t="s">
        <v>1498</v>
      </c>
      <c r="AO190" s="842" t="s">
        <v>1498</v>
      </c>
      <c r="AP190" s="842" t="s">
        <v>1498</v>
      </c>
      <c r="AQ190" s="842">
        <f t="shared" si="23"/>
        <v>0</v>
      </c>
      <c r="AR190" s="797" t="s">
        <v>1642</v>
      </c>
      <c r="AS190" s="797" t="s">
        <v>722</v>
      </c>
      <c r="AT190" s="797" t="s">
        <v>53</v>
      </c>
      <c r="AU190" s="801">
        <v>785325</v>
      </c>
      <c r="AV190" s="813">
        <f>ROUND((VLOOKUP(G190,'[6]Cost Summary'!A:H,8,)),0.1)</f>
        <v>785325</v>
      </c>
      <c r="AW190" s="797">
        <v>1</v>
      </c>
      <c r="AX190" s="797">
        <v>1</v>
      </c>
      <c r="AY190" s="814" t="s">
        <v>2058</v>
      </c>
      <c r="AZ190" s="805">
        <v>279873.34000000003</v>
      </c>
    </row>
    <row r="191" spans="1:52" ht="75" hidden="1" x14ac:dyDescent="0.25">
      <c r="A191" s="785" t="s">
        <v>66</v>
      </c>
      <c r="B191" s="785" t="s">
        <v>66</v>
      </c>
      <c r="C191" s="785"/>
      <c r="D191" s="785"/>
      <c r="E191" s="785"/>
      <c r="F191" s="785"/>
      <c r="G191" s="797" t="s">
        <v>2114</v>
      </c>
      <c r="H191" s="797" t="s">
        <v>932</v>
      </c>
      <c r="I191" s="798" t="s">
        <v>1273</v>
      </c>
      <c r="J191" s="797" t="s">
        <v>1274</v>
      </c>
      <c r="K191" s="797" t="s">
        <v>1521</v>
      </c>
      <c r="L191" s="797" t="s">
        <v>1521</v>
      </c>
      <c r="M191" s="797" t="s">
        <v>1488</v>
      </c>
      <c r="N191" s="797" t="s">
        <v>1489</v>
      </c>
      <c r="O191" s="797">
        <v>1</v>
      </c>
      <c r="P191" s="797" t="s">
        <v>1490</v>
      </c>
      <c r="Q191" s="797" t="s">
        <v>1491</v>
      </c>
      <c r="R191" s="797" t="s">
        <v>1492</v>
      </c>
      <c r="S191" s="797" t="s">
        <v>1493</v>
      </c>
      <c r="T191" s="797" t="s">
        <v>1507</v>
      </c>
      <c r="U191" s="797" t="s">
        <v>1508</v>
      </c>
      <c r="V191" s="799" t="s">
        <v>3289</v>
      </c>
      <c r="W191" s="807" t="s">
        <v>1498</v>
      </c>
      <c r="X191" s="807" t="s">
        <v>1498</v>
      </c>
      <c r="Y191" s="807" t="s">
        <v>1498</v>
      </c>
      <c r="Z191" s="807" t="s">
        <v>1498</v>
      </c>
      <c r="AA191" s="807" t="s">
        <v>1498</v>
      </c>
      <c r="AB191" s="807" t="s">
        <v>1498</v>
      </c>
      <c r="AC191" s="807" t="s">
        <v>1498</v>
      </c>
      <c r="AD191" s="807" t="s">
        <v>1498</v>
      </c>
      <c r="AE191" s="807" t="s">
        <v>1498</v>
      </c>
      <c r="AF191" s="807" t="s">
        <v>1498</v>
      </c>
      <c r="AG191" s="842" t="s">
        <v>1498</v>
      </c>
      <c r="AH191" s="842" t="s">
        <v>1498</v>
      </c>
      <c r="AI191" s="842" t="s">
        <v>1498</v>
      </c>
      <c r="AJ191" s="842" t="s">
        <v>1498</v>
      </c>
      <c r="AK191" s="842" t="s">
        <v>1498</v>
      </c>
      <c r="AL191" s="842" t="s">
        <v>1498</v>
      </c>
      <c r="AM191" s="842" t="s">
        <v>1498</v>
      </c>
      <c r="AN191" s="842" t="s">
        <v>1498</v>
      </c>
      <c r="AO191" s="842" t="s">
        <v>1498</v>
      </c>
      <c r="AP191" s="842" t="s">
        <v>1498</v>
      </c>
      <c r="AQ191" s="842">
        <f t="shared" si="23"/>
        <v>0</v>
      </c>
      <c r="AR191" s="797" t="s">
        <v>1642</v>
      </c>
      <c r="AS191" s="797" t="s">
        <v>722</v>
      </c>
      <c r="AT191" s="797" t="s">
        <v>53</v>
      </c>
      <c r="AU191" s="801">
        <v>220536</v>
      </c>
      <c r="AV191" s="813">
        <f>ROUND((VLOOKUP(G191,'[6]Cost Summary'!A:H,8,)),0.1)</f>
        <v>220536</v>
      </c>
      <c r="AW191" s="797">
        <v>1</v>
      </c>
      <c r="AX191" s="797">
        <v>1</v>
      </c>
      <c r="AY191" s="814" t="s">
        <v>2058</v>
      </c>
      <c r="AZ191" s="805">
        <v>79151.839999999997</v>
      </c>
    </row>
    <row r="192" spans="1:52" ht="135" hidden="1" x14ac:dyDescent="0.25">
      <c r="A192" s="785" t="s">
        <v>66</v>
      </c>
      <c r="B192" s="785" t="s">
        <v>66</v>
      </c>
      <c r="C192" s="785"/>
      <c r="D192" s="785"/>
      <c r="E192" s="785"/>
      <c r="F192" s="785"/>
      <c r="G192" s="797" t="s">
        <v>2090</v>
      </c>
      <c r="H192" s="797" t="s">
        <v>932</v>
      </c>
      <c r="I192" s="798" t="s">
        <v>1275</v>
      </c>
      <c r="J192" s="797" t="s">
        <v>1276</v>
      </c>
      <c r="K192" s="797" t="s">
        <v>1521</v>
      </c>
      <c r="L192" s="797" t="s">
        <v>1521</v>
      </c>
      <c r="M192" s="797" t="s">
        <v>1488</v>
      </c>
      <c r="N192" s="797" t="s">
        <v>1489</v>
      </c>
      <c r="O192" s="797">
        <v>1</v>
      </c>
      <c r="P192" s="797" t="s">
        <v>1490</v>
      </c>
      <c r="Q192" s="797" t="s">
        <v>1491</v>
      </c>
      <c r="R192" s="797" t="s">
        <v>1492</v>
      </c>
      <c r="S192" s="797" t="s">
        <v>1493</v>
      </c>
      <c r="T192" s="797" t="s">
        <v>1507</v>
      </c>
      <c r="U192" s="797" t="s">
        <v>1508</v>
      </c>
      <c r="V192" s="799" t="s">
        <v>3289</v>
      </c>
      <c r="W192" s="807" t="s">
        <v>1498</v>
      </c>
      <c r="X192" s="807" t="s">
        <v>1498</v>
      </c>
      <c r="Y192" s="807" t="s">
        <v>1498</v>
      </c>
      <c r="Z192" s="807" t="s">
        <v>1498</v>
      </c>
      <c r="AA192" s="807" t="s">
        <v>1498</v>
      </c>
      <c r="AB192" s="807" t="s">
        <v>1498</v>
      </c>
      <c r="AC192" s="807" t="s">
        <v>1498</v>
      </c>
      <c r="AD192" s="807" t="s">
        <v>1498</v>
      </c>
      <c r="AE192" s="807" t="s">
        <v>1498</v>
      </c>
      <c r="AF192" s="807" t="s">
        <v>1498</v>
      </c>
      <c r="AG192" s="842" t="s">
        <v>1498</v>
      </c>
      <c r="AH192" s="842" t="s">
        <v>1498</v>
      </c>
      <c r="AI192" s="842" t="s">
        <v>1498</v>
      </c>
      <c r="AJ192" s="842" t="s">
        <v>1498</v>
      </c>
      <c r="AK192" s="842" t="s">
        <v>1498</v>
      </c>
      <c r="AL192" s="842" t="s">
        <v>1498</v>
      </c>
      <c r="AM192" s="842" t="s">
        <v>1498</v>
      </c>
      <c r="AN192" s="842" t="s">
        <v>1498</v>
      </c>
      <c r="AO192" s="842" t="s">
        <v>1498</v>
      </c>
      <c r="AP192" s="842" t="s">
        <v>1498</v>
      </c>
      <c r="AQ192" s="842">
        <f t="shared" si="23"/>
        <v>0</v>
      </c>
      <c r="AR192" s="797" t="s">
        <v>1642</v>
      </c>
      <c r="AS192" s="797" t="s">
        <v>722</v>
      </c>
      <c r="AT192" s="797" t="s">
        <v>53</v>
      </c>
      <c r="AU192" s="801">
        <v>345715</v>
      </c>
      <c r="AV192" s="813">
        <f>ROUND((VLOOKUP(G192,'[6]Cost Summary'!A:H,8,)),0.1)</f>
        <v>345715</v>
      </c>
      <c r="AW192" s="797">
        <v>1</v>
      </c>
      <c r="AX192" s="797">
        <v>2</v>
      </c>
      <c r="AY192" s="814" t="s">
        <v>2058</v>
      </c>
      <c r="AZ192" s="805">
        <v>124150.5</v>
      </c>
    </row>
    <row r="193" spans="1:52" ht="120" hidden="1" x14ac:dyDescent="0.25">
      <c r="A193" s="785"/>
      <c r="B193" s="785" t="s">
        <v>66</v>
      </c>
      <c r="C193" s="785"/>
      <c r="D193" s="785"/>
      <c r="E193" s="785"/>
      <c r="F193" s="785"/>
      <c r="G193" s="797" t="s">
        <v>2063</v>
      </c>
      <c r="H193" s="797" t="s">
        <v>932</v>
      </c>
      <c r="I193" s="798" t="s">
        <v>1277</v>
      </c>
      <c r="J193" s="797" t="s">
        <v>2064</v>
      </c>
      <c r="K193" s="797" t="s">
        <v>1521</v>
      </c>
      <c r="L193" s="797" t="s">
        <v>1521</v>
      </c>
      <c r="M193" s="797" t="s">
        <v>1488</v>
      </c>
      <c r="N193" s="797" t="s">
        <v>1489</v>
      </c>
      <c r="O193" s="797">
        <v>1</v>
      </c>
      <c r="P193" s="797" t="s">
        <v>1490</v>
      </c>
      <c r="Q193" s="797" t="s">
        <v>1491</v>
      </c>
      <c r="R193" s="797" t="s">
        <v>1492</v>
      </c>
      <c r="S193" s="797" t="s">
        <v>1493</v>
      </c>
      <c r="T193" s="797" t="s">
        <v>2066</v>
      </c>
      <c r="U193" s="799" t="s">
        <v>1495</v>
      </c>
      <c r="V193" s="799" t="s">
        <v>3290</v>
      </c>
      <c r="W193" s="806">
        <v>1</v>
      </c>
      <c r="X193" s="806">
        <v>1</v>
      </c>
      <c r="Y193" s="806">
        <v>2</v>
      </c>
      <c r="Z193" s="806">
        <v>20</v>
      </c>
      <c r="AA193" s="806">
        <v>4</v>
      </c>
      <c r="AB193" s="806">
        <v>0</v>
      </c>
      <c r="AC193" s="806">
        <v>0</v>
      </c>
      <c r="AD193" s="806">
        <v>0</v>
      </c>
      <c r="AE193" s="806">
        <v>16</v>
      </c>
      <c r="AF193" s="806">
        <v>5</v>
      </c>
      <c r="AG193" s="841">
        <f t="shared" ref="AG193:AP196" si="39">W193/(SUM($W193:$AF193))</f>
        <v>2.0408163265306121E-2</v>
      </c>
      <c r="AH193" s="841">
        <f t="shared" si="39"/>
        <v>2.0408163265306121E-2</v>
      </c>
      <c r="AI193" s="841">
        <f t="shared" si="39"/>
        <v>4.0816326530612242E-2</v>
      </c>
      <c r="AJ193" s="841">
        <f t="shared" si="39"/>
        <v>0.40816326530612246</v>
      </c>
      <c r="AK193" s="841">
        <f t="shared" si="39"/>
        <v>8.1632653061224483E-2</v>
      </c>
      <c r="AL193" s="841">
        <f t="shared" si="39"/>
        <v>0</v>
      </c>
      <c r="AM193" s="841">
        <f t="shared" si="39"/>
        <v>0</v>
      </c>
      <c r="AN193" s="841">
        <f t="shared" si="39"/>
        <v>0</v>
      </c>
      <c r="AO193" s="841">
        <f t="shared" si="39"/>
        <v>0.32653061224489793</v>
      </c>
      <c r="AP193" s="841">
        <f t="shared" si="39"/>
        <v>0.10204081632653061</v>
      </c>
      <c r="AQ193" s="1300">
        <f t="shared" si="23"/>
        <v>0.99999999999999989</v>
      </c>
      <c r="AR193" s="797" t="s">
        <v>1642</v>
      </c>
      <c r="AS193" s="797" t="s">
        <v>722</v>
      </c>
      <c r="AT193" s="797" t="s">
        <v>53</v>
      </c>
      <c r="AU193" s="801">
        <v>1936418</v>
      </c>
      <c r="AV193" s="813">
        <f>ROUND((VLOOKUP(G193,'[6]Cost Summary'!A:H,8,)),0.1)</f>
        <v>1936418</v>
      </c>
      <c r="AW193" s="797">
        <v>0</v>
      </c>
      <c r="AX193" s="797" t="s">
        <v>1500</v>
      </c>
      <c r="AY193" s="814" t="s">
        <v>1584</v>
      </c>
      <c r="AZ193" s="805">
        <v>1258042.5</v>
      </c>
    </row>
    <row r="194" spans="1:52" ht="135" hidden="1" x14ac:dyDescent="0.25">
      <c r="A194" s="785"/>
      <c r="B194" s="785" t="s">
        <v>66</v>
      </c>
      <c r="C194" s="785"/>
      <c r="D194" s="785"/>
      <c r="E194" s="785"/>
      <c r="F194" s="785"/>
      <c r="G194" s="797" t="s">
        <v>2067</v>
      </c>
      <c r="H194" s="797" t="s">
        <v>932</v>
      </c>
      <c r="I194" s="798" t="s">
        <v>1279</v>
      </c>
      <c r="J194" s="797" t="s">
        <v>1280</v>
      </c>
      <c r="K194" s="797">
        <v>51.749923969999998</v>
      </c>
      <c r="L194" s="797">
        <v>-0.49547934999999999</v>
      </c>
      <c r="M194" s="797" t="s">
        <v>1488</v>
      </c>
      <c r="N194" s="797" t="s">
        <v>1489</v>
      </c>
      <c r="O194" s="797">
        <v>1</v>
      </c>
      <c r="P194" s="797" t="s">
        <v>1490</v>
      </c>
      <c r="Q194" s="797" t="s">
        <v>1491</v>
      </c>
      <c r="R194" s="797" t="s">
        <v>1492</v>
      </c>
      <c r="S194" s="797" t="s">
        <v>1493</v>
      </c>
      <c r="T194" s="797" t="s">
        <v>2066</v>
      </c>
      <c r="U194" s="799" t="s">
        <v>1495</v>
      </c>
      <c r="V194" s="799" t="s">
        <v>3290</v>
      </c>
      <c r="W194" s="806">
        <v>0</v>
      </c>
      <c r="X194" s="806">
        <v>0</v>
      </c>
      <c r="Y194" s="806">
        <v>0</v>
      </c>
      <c r="Z194" s="806">
        <v>20</v>
      </c>
      <c r="AA194" s="806">
        <v>4</v>
      </c>
      <c r="AB194" s="806">
        <v>0</v>
      </c>
      <c r="AC194" s="806">
        <v>0</v>
      </c>
      <c r="AD194" s="806">
        <v>0</v>
      </c>
      <c r="AE194" s="806">
        <v>16</v>
      </c>
      <c r="AF194" s="806">
        <v>5</v>
      </c>
      <c r="AG194" s="841">
        <f t="shared" si="39"/>
        <v>0</v>
      </c>
      <c r="AH194" s="841">
        <f t="shared" si="39"/>
        <v>0</v>
      </c>
      <c r="AI194" s="841">
        <f t="shared" si="39"/>
        <v>0</v>
      </c>
      <c r="AJ194" s="841">
        <f t="shared" si="39"/>
        <v>0.44444444444444442</v>
      </c>
      <c r="AK194" s="841">
        <f t="shared" si="39"/>
        <v>8.8888888888888892E-2</v>
      </c>
      <c r="AL194" s="841">
        <f t="shared" si="39"/>
        <v>0</v>
      </c>
      <c r="AM194" s="841">
        <f t="shared" si="39"/>
        <v>0</v>
      </c>
      <c r="AN194" s="841">
        <f t="shared" si="39"/>
        <v>0</v>
      </c>
      <c r="AO194" s="841">
        <f t="shared" si="39"/>
        <v>0.35555555555555557</v>
      </c>
      <c r="AP194" s="841">
        <f t="shared" si="39"/>
        <v>0.1111111111111111</v>
      </c>
      <c r="AQ194" s="1300">
        <f t="shared" si="23"/>
        <v>1</v>
      </c>
      <c r="AR194" s="797" t="s">
        <v>1642</v>
      </c>
      <c r="AS194" s="797" t="s">
        <v>722</v>
      </c>
      <c r="AT194" s="797" t="s">
        <v>53</v>
      </c>
      <c r="AU194" s="801">
        <v>234194</v>
      </c>
      <c r="AV194" s="813">
        <f>ROUND((VLOOKUP(G194,'[6]Cost Summary'!A:H,8,)),0.1)</f>
        <v>234194</v>
      </c>
      <c r="AW194" s="797">
        <v>0</v>
      </c>
      <c r="AX194" s="797" t="s">
        <v>1500</v>
      </c>
      <c r="AY194" s="814" t="s">
        <v>1584</v>
      </c>
      <c r="AZ194" s="805">
        <v>152150.03</v>
      </c>
    </row>
    <row r="195" spans="1:52" ht="60" hidden="1" x14ac:dyDescent="0.25">
      <c r="A195" s="785"/>
      <c r="B195" s="785" t="s">
        <v>66</v>
      </c>
      <c r="C195" s="785"/>
      <c r="D195" s="785"/>
      <c r="E195" s="785"/>
      <c r="F195" s="785"/>
      <c r="G195" s="797" t="s">
        <v>2068</v>
      </c>
      <c r="H195" s="797" t="s">
        <v>932</v>
      </c>
      <c r="I195" s="798" t="s">
        <v>1281</v>
      </c>
      <c r="J195" s="797" t="s">
        <v>1282</v>
      </c>
      <c r="K195" s="797" t="s">
        <v>2069</v>
      </c>
      <c r="L195" s="797" t="s">
        <v>2070</v>
      </c>
      <c r="M195" s="797" t="s">
        <v>1488</v>
      </c>
      <c r="N195" s="797" t="s">
        <v>1489</v>
      </c>
      <c r="O195" s="797">
        <v>1</v>
      </c>
      <c r="P195" s="797" t="s">
        <v>1490</v>
      </c>
      <c r="Q195" s="797" t="s">
        <v>1491</v>
      </c>
      <c r="R195" s="797" t="s">
        <v>1492</v>
      </c>
      <c r="S195" s="797" t="s">
        <v>1493</v>
      </c>
      <c r="T195" s="797" t="s">
        <v>2066</v>
      </c>
      <c r="U195" s="799" t="s">
        <v>1495</v>
      </c>
      <c r="V195" s="799" t="s">
        <v>3290</v>
      </c>
      <c r="W195" s="806">
        <v>1</v>
      </c>
      <c r="X195" s="806">
        <v>1</v>
      </c>
      <c r="Y195" s="806">
        <v>2</v>
      </c>
      <c r="Z195" s="806">
        <v>20</v>
      </c>
      <c r="AA195" s="806">
        <v>4</v>
      </c>
      <c r="AB195" s="806">
        <v>0</v>
      </c>
      <c r="AC195" s="806">
        <v>0</v>
      </c>
      <c r="AD195" s="806">
        <v>0</v>
      </c>
      <c r="AE195" s="806">
        <v>16</v>
      </c>
      <c r="AF195" s="806">
        <v>5</v>
      </c>
      <c r="AG195" s="841">
        <f t="shared" si="39"/>
        <v>2.0408163265306121E-2</v>
      </c>
      <c r="AH195" s="841">
        <f t="shared" si="39"/>
        <v>2.0408163265306121E-2</v>
      </c>
      <c r="AI195" s="841">
        <f t="shared" si="39"/>
        <v>4.0816326530612242E-2</v>
      </c>
      <c r="AJ195" s="841">
        <f t="shared" si="39"/>
        <v>0.40816326530612246</v>
      </c>
      <c r="AK195" s="841">
        <f t="shared" si="39"/>
        <v>8.1632653061224483E-2</v>
      </c>
      <c r="AL195" s="841">
        <f t="shared" si="39"/>
        <v>0</v>
      </c>
      <c r="AM195" s="841">
        <f t="shared" si="39"/>
        <v>0</v>
      </c>
      <c r="AN195" s="841">
        <f t="shared" si="39"/>
        <v>0</v>
      </c>
      <c r="AO195" s="841">
        <f t="shared" si="39"/>
        <v>0.32653061224489793</v>
      </c>
      <c r="AP195" s="841">
        <f t="shared" si="39"/>
        <v>0.10204081632653061</v>
      </c>
      <c r="AQ195" s="1300">
        <f t="shared" si="23"/>
        <v>0.99999999999999989</v>
      </c>
      <c r="AR195" s="797" t="s">
        <v>1642</v>
      </c>
      <c r="AS195" s="797" t="s">
        <v>722</v>
      </c>
      <c r="AT195" s="797" t="s">
        <v>53</v>
      </c>
      <c r="AU195" s="801">
        <v>10441</v>
      </c>
      <c r="AV195" s="813">
        <f>ROUND((VLOOKUP(G195,'[6]Cost Summary'!A:H,8,)),0.1)</f>
        <v>10441</v>
      </c>
      <c r="AW195" s="797">
        <v>0</v>
      </c>
      <c r="AX195" s="797" t="s">
        <v>1500</v>
      </c>
      <c r="AY195" s="814" t="s">
        <v>1584</v>
      </c>
      <c r="AZ195" s="805">
        <v>6783.56</v>
      </c>
    </row>
    <row r="196" spans="1:52" ht="60" hidden="1" x14ac:dyDescent="0.25">
      <c r="A196" s="785"/>
      <c r="B196" s="785" t="s">
        <v>66</v>
      </c>
      <c r="C196" s="785"/>
      <c r="D196" s="785"/>
      <c r="E196" s="785"/>
      <c r="F196" s="785"/>
      <c r="G196" s="797" t="s">
        <v>2071</v>
      </c>
      <c r="H196" s="797" t="s">
        <v>932</v>
      </c>
      <c r="I196" s="798" t="s">
        <v>1283</v>
      </c>
      <c r="J196" s="797" t="s">
        <v>1284</v>
      </c>
      <c r="K196" s="797">
        <v>51.754171999999997</v>
      </c>
      <c r="L196" s="797">
        <v>-0.492836</v>
      </c>
      <c r="M196" s="797" t="s">
        <v>1488</v>
      </c>
      <c r="N196" s="797" t="s">
        <v>1489</v>
      </c>
      <c r="O196" s="797">
        <v>1</v>
      </c>
      <c r="P196" s="797" t="s">
        <v>1490</v>
      </c>
      <c r="Q196" s="797" t="s">
        <v>1491</v>
      </c>
      <c r="R196" s="797" t="s">
        <v>1492</v>
      </c>
      <c r="S196" s="797" t="s">
        <v>1493</v>
      </c>
      <c r="T196" s="797" t="s">
        <v>2066</v>
      </c>
      <c r="U196" s="799" t="s">
        <v>1495</v>
      </c>
      <c r="V196" s="799" t="s">
        <v>3290</v>
      </c>
      <c r="W196" s="806">
        <v>1</v>
      </c>
      <c r="X196" s="806">
        <v>1</v>
      </c>
      <c r="Y196" s="806">
        <v>2</v>
      </c>
      <c r="Z196" s="806">
        <v>20</v>
      </c>
      <c r="AA196" s="806">
        <v>4</v>
      </c>
      <c r="AB196" s="806">
        <v>0</v>
      </c>
      <c r="AC196" s="806">
        <v>0</v>
      </c>
      <c r="AD196" s="806">
        <v>0</v>
      </c>
      <c r="AE196" s="806">
        <v>16</v>
      </c>
      <c r="AF196" s="806">
        <v>5</v>
      </c>
      <c r="AG196" s="841">
        <f t="shared" si="39"/>
        <v>2.0408163265306121E-2</v>
      </c>
      <c r="AH196" s="841">
        <f t="shared" si="39"/>
        <v>2.0408163265306121E-2</v>
      </c>
      <c r="AI196" s="841">
        <f t="shared" si="39"/>
        <v>4.0816326530612242E-2</v>
      </c>
      <c r="AJ196" s="841">
        <f t="shared" si="39"/>
        <v>0.40816326530612246</v>
      </c>
      <c r="AK196" s="841">
        <f t="shared" si="39"/>
        <v>8.1632653061224483E-2</v>
      </c>
      <c r="AL196" s="841">
        <f t="shared" si="39"/>
        <v>0</v>
      </c>
      <c r="AM196" s="841">
        <f t="shared" si="39"/>
        <v>0</v>
      </c>
      <c r="AN196" s="841">
        <f t="shared" si="39"/>
        <v>0</v>
      </c>
      <c r="AO196" s="841">
        <f t="shared" si="39"/>
        <v>0.32653061224489793</v>
      </c>
      <c r="AP196" s="841">
        <f t="shared" si="39"/>
        <v>0.10204081632653061</v>
      </c>
      <c r="AQ196" s="1300">
        <f t="shared" ref="AQ196:AQ234" si="40">SUM(AG196:AP196)</f>
        <v>0.99999999999999989</v>
      </c>
      <c r="AR196" s="797" t="s">
        <v>1642</v>
      </c>
      <c r="AS196" s="797" t="s">
        <v>722</v>
      </c>
      <c r="AT196" s="797" t="s">
        <v>53</v>
      </c>
      <c r="AU196" s="801">
        <v>797</v>
      </c>
      <c r="AV196" s="813">
        <f>ROUND((VLOOKUP(G196,'[6]Cost Summary'!A:H,8,)),0.1)</f>
        <v>797</v>
      </c>
      <c r="AW196" s="797">
        <v>0</v>
      </c>
      <c r="AX196" s="797" t="s">
        <v>1500</v>
      </c>
      <c r="AY196" s="814" t="s">
        <v>1584</v>
      </c>
      <c r="AZ196" s="805">
        <v>518.02</v>
      </c>
    </row>
    <row r="197" spans="1:52" ht="75" hidden="1" x14ac:dyDescent="0.25">
      <c r="A197" s="785"/>
      <c r="B197" s="785"/>
      <c r="C197" s="785"/>
      <c r="D197" s="785"/>
      <c r="E197" s="785"/>
      <c r="F197" s="785"/>
      <c r="G197" s="797" t="s">
        <v>2072</v>
      </c>
      <c r="H197" s="797" t="s">
        <v>932</v>
      </c>
      <c r="I197" s="798" t="s">
        <v>1285</v>
      </c>
      <c r="J197" s="797" t="s">
        <v>1286</v>
      </c>
      <c r="K197" s="797">
        <v>51.747516310000002</v>
      </c>
      <c r="L197" s="797">
        <v>-0.49132562499999999</v>
      </c>
      <c r="M197" s="797" t="s">
        <v>1488</v>
      </c>
      <c r="N197" s="797" t="s">
        <v>1489</v>
      </c>
      <c r="O197" s="797">
        <v>1</v>
      </c>
      <c r="P197" s="797" t="s">
        <v>1490</v>
      </c>
      <c r="Q197" s="797" t="s">
        <v>1491</v>
      </c>
      <c r="R197" s="797" t="s">
        <v>1492</v>
      </c>
      <c r="S197" s="797" t="s">
        <v>1493</v>
      </c>
      <c r="T197" s="797" t="s">
        <v>2073</v>
      </c>
      <c r="U197" s="797" t="s">
        <v>1723</v>
      </c>
      <c r="V197" s="797" t="s">
        <v>3291</v>
      </c>
      <c r="W197" s="807" t="s">
        <v>1498</v>
      </c>
      <c r="X197" s="807" t="s">
        <v>1498</v>
      </c>
      <c r="Y197" s="807" t="s">
        <v>1498</v>
      </c>
      <c r="Z197" s="807" t="s">
        <v>1498</v>
      </c>
      <c r="AA197" s="807" t="s">
        <v>1498</v>
      </c>
      <c r="AB197" s="807" t="s">
        <v>1498</v>
      </c>
      <c r="AC197" s="807" t="s">
        <v>1498</v>
      </c>
      <c r="AD197" s="807" t="s">
        <v>1498</v>
      </c>
      <c r="AE197" s="807" t="s">
        <v>1498</v>
      </c>
      <c r="AF197" s="807" t="s">
        <v>1498</v>
      </c>
      <c r="AG197" s="807" t="s">
        <v>1498</v>
      </c>
      <c r="AH197" s="807" t="s">
        <v>1498</v>
      </c>
      <c r="AI197" s="807" t="s">
        <v>1498</v>
      </c>
      <c r="AJ197" s="807" t="s">
        <v>1498</v>
      </c>
      <c r="AK197" s="807" t="s">
        <v>1498</v>
      </c>
      <c r="AL197" s="807" t="s">
        <v>1498</v>
      </c>
      <c r="AM197" s="807" t="s">
        <v>1498</v>
      </c>
      <c r="AN197" s="807" t="s">
        <v>1498</v>
      </c>
      <c r="AO197" s="807" t="s">
        <v>1498</v>
      </c>
      <c r="AP197" s="807" t="s">
        <v>1498</v>
      </c>
      <c r="AQ197" s="1300">
        <f t="shared" si="40"/>
        <v>0</v>
      </c>
      <c r="AR197" s="797" t="s">
        <v>1642</v>
      </c>
      <c r="AS197" s="797" t="s">
        <v>722</v>
      </c>
      <c r="AT197" s="797" t="s">
        <v>53</v>
      </c>
      <c r="AU197" s="801">
        <v>10938</v>
      </c>
      <c r="AV197" s="813">
        <f>ROUND((VLOOKUP(G197,'[6]Cost Summary'!A:H,8,)),0.1)</f>
        <v>10938</v>
      </c>
      <c r="AW197" s="797">
        <v>0</v>
      </c>
      <c r="AX197" s="797" t="s">
        <v>1500</v>
      </c>
      <c r="AY197" s="814" t="s">
        <v>1584</v>
      </c>
      <c r="AZ197" s="805">
        <v>7106.02</v>
      </c>
    </row>
    <row r="198" spans="1:52" ht="30" hidden="1" x14ac:dyDescent="0.25">
      <c r="A198" s="785"/>
      <c r="B198" s="785"/>
      <c r="C198" s="785"/>
      <c r="D198" s="785"/>
      <c r="E198" s="785"/>
      <c r="F198" s="785"/>
      <c r="G198" s="797" t="s">
        <v>2074</v>
      </c>
      <c r="H198" s="797" t="s">
        <v>932</v>
      </c>
      <c r="I198" s="798" t="s">
        <v>1287</v>
      </c>
      <c r="J198" s="797" t="s">
        <v>1288</v>
      </c>
      <c r="K198" s="797">
        <v>51.750686999999999</v>
      </c>
      <c r="L198" s="797">
        <v>-0.49187599999999998</v>
      </c>
      <c r="M198" s="797" t="s">
        <v>1488</v>
      </c>
      <c r="N198" s="797" t="s">
        <v>1489</v>
      </c>
      <c r="O198" s="797">
        <v>1</v>
      </c>
      <c r="P198" s="797" t="s">
        <v>1490</v>
      </c>
      <c r="Q198" s="797" t="s">
        <v>1491</v>
      </c>
      <c r="R198" s="797" t="s">
        <v>1492</v>
      </c>
      <c r="S198" s="797" t="s">
        <v>1493</v>
      </c>
      <c r="T198" s="797" t="s">
        <v>2073</v>
      </c>
      <c r="U198" s="797" t="s">
        <v>1723</v>
      </c>
      <c r="V198" s="797" t="s">
        <v>3291</v>
      </c>
      <c r="W198" s="807" t="s">
        <v>1498</v>
      </c>
      <c r="X198" s="807" t="s">
        <v>1498</v>
      </c>
      <c r="Y198" s="807" t="s">
        <v>1498</v>
      </c>
      <c r="Z198" s="807" t="s">
        <v>1498</v>
      </c>
      <c r="AA198" s="807" t="s">
        <v>1498</v>
      </c>
      <c r="AB198" s="807" t="s">
        <v>1498</v>
      </c>
      <c r="AC198" s="807" t="s">
        <v>1498</v>
      </c>
      <c r="AD198" s="807" t="s">
        <v>1498</v>
      </c>
      <c r="AE198" s="807" t="s">
        <v>1498</v>
      </c>
      <c r="AF198" s="807" t="s">
        <v>1498</v>
      </c>
      <c r="AG198" s="807" t="s">
        <v>1498</v>
      </c>
      <c r="AH198" s="807" t="s">
        <v>1498</v>
      </c>
      <c r="AI198" s="807" t="s">
        <v>1498</v>
      </c>
      <c r="AJ198" s="807" t="s">
        <v>1498</v>
      </c>
      <c r="AK198" s="807" t="s">
        <v>1498</v>
      </c>
      <c r="AL198" s="807" t="s">
        <v>1498</v>
      </c>
      <c r="AM198" s="807" t="s">
        <v>1498</v>
      </c>
      <c r="AN198" s="807" t="s">
        <v>1498</v>
      </c>
      <c r="AO198" s="807" t="s">
        <v>1498</v>
      </c>
      <c r="AP198" s="807" t="s">
        <v>1498</v>
      </c>
      <c r="AQ198" s="1300">
        <f t="shared" si="40"/>
        <v>0</v>
      </c>
      <c r="AR198" s="797" t="s">
        <v>1642</v>
      </c>
      <c r="AS198" s="797" t="s">
        <v>722</v>
      </c>
      <c r="AT198" s="797" t="s">
        <v>53</v>
      </c>
      <c r="AU198" s="801">
        <v>199337</v>
      </c>
      <c r="AV198" s="813">
        <f>ROUND((VLOOKUP(G198,'[6]Cost Summary'!A:H,8,)),0.1)</f>
        <v>199337</v>
      </c>
      <c r="AW198" s="797">
        <v>0</v>
      </c>
      <c r="AX198" s="797" t="s">
        <v>1500</v>
      </c>
      <c r="AY198" s="814" t="s">
        <v>1584</v>
      </c>
      <c r="AZ198" s="805">
        <v>129504.38</v>
      </c>
    </row>
    <row r="199" spans="1:52" ht="45" hidden="1" x14ac:dyDescent="0.25">
      <c r="A199" s="785"/>
      <c r="B199" s="785"/>
      <c r="C199" s="785"/>
      <c r="D199" s="785"/>
      <c r="E199" s="785"/>
      <c r="F199" s="785"/>
      <c r="G199" s="797" t="s">
        <v>1776</v>
      </c>
      <c r="H199" s="797" t="s">
        <v>932</v>
      </c>
      <c r="I199" s="798" t="s">
        <v>1011</v>
      </c>
      <c r="J199" s="797" t="s">
        <v>1012</v>
      </c>
      <c r="K199" s="797" t="s">
        <v>1777</v>
      </c>
      <c r="L199" s="797" t="s">
        <v>1778</v>
      </c>
      <c r="M199" s="797" t="s">
        <v>1560</v>
      </c>
      <c r="N199" s="797" t="s">
        <v>1489</v>
      </c>
      <c r="O199" s="797">
        <v>1</v>
      </c>
      <c r="P199" s="797" t="s">
        <v>1490</v>
      </c>
      <c r="Q199" s="797" t="s">
        <v>1491</v>
      </c>
      <c r="R199" s="797" t="s">
        <v>1492</v>
      </c>
      <c r="S199" s="797" t="s">
        <v>1493</v>
      </c>
      <c r="T199" s="797" t="s">
        <v>1779</v>
      </c>
      <c r="U199" s="797" t="s">
        <v>1723</v>
      </c>
      <c r="V199" s="797" t="s">
        <v>3273</v>
      </c>
      <c r="W199" s="807" t="s">
        <v>1498</v>
      </c>
      <c r="X199" s="807" t="s">
        <v>1498</v>
      </c>
      <c r="Y199" s="807" t="s">
        <v>1498</v>
      </c>
      <c r="Z199" s="807" t="s">
        <v>1498</v>
      </c>
      <c r="AA199" s="807" t="s">
        <v>1498</v>
      </c>
      <c r="AB199" s="807" t="s">
        <v>1498</v>
      </c>
      <c r="AC199" s="807" t="s">
        <v>1498</v>
      </c>
      <c r="AD199" s="807" t="s">
        <v>1498</v>
      </c>
      <c r="AE199" s="807" t="s">
        <v>1498</v>
      </c>
      <c r="AF199" s="807" t="s">
        <v>1498</v>
      </c>
      <c r="AG199" s="807" t="s">
        <v>1498</v>
      </c>
      <c r="AH199" s="807" t="s">
        <v>1498</v>
      </c>
      <c r="AI199" s="807" t="s">
        <v>1498</v>
      </c>
      <c r="AJ199" s="807" t="s">
        <v>1498</v>
      </c>
      <c r="AK199" s="807" t="s">
        <v>1498</v>
      </c>
      <c r="AL199" s="807" t="s">
        <v>1498</v>
      </c>
      <c r="AM199" s="807" t="s">
        <v>1498</v>
      </c>
      <c r="AN199" s="807" t="s">
        <v>1498</v>
      </c>
      <c r="AO199" s="807" t="s">
        <v>1498</v>
      </c>
      <c r="AP199" s="807" t="s">
        <v>1498</v>
      </c>
      <c r="AQ199" s="1300">
        <f t="shared" si="40"/>
        <v>0</v>
      </c>
      <c r="AR199" s="797" t="s">
        <v>1767</v>
      </c>
      <c r="AS199" s="797" t="s">
        <v>722</v>
      </c>
      <c r="AT199" s="797" t="s">
        <v>53</v>
      </c>
      <c r="AU199" s="801">
        <v>2585</v>
      </c>
      <c r="AV199" s="813">
        <f>ROUND((VLOOKUP(G199,'[6]Cost Summary'!A:H,8,)),0.1)</f>
        <v>2585</v>
      </c>
      <c r="AW199" s="797">
        <v>0</v>
      </c>
      <c r="AX199" s="797" t="s">
        <v>1500</v>
      </c>
      <c r="AY199" s="814" t="s">
        <v>1584</v>
      </c>
      <c r="AZ199" s="805">
        <v>1679.17</v>
      </c>
    </row>
    <row r="200" spans="1:52" ht="60" hidden="1" x14ac:dyDescent="0.25">
      <c r="A200" s="785"/>
      <c r="B200" s="785" t="s">
        <v>66</v>
      </c>
      <c r="C200" s="785"/>
      <c r="D200" s="785"/>
      <c r="E200" s="785"/>
      <c r="F200" s="785"/>
      <c r="G200" s="797" t="s">
        <v>1780</v>
      </c>
      <c r="H200" s="797" t="s">
        <v>932</v>
      </c>
      <c r="I200" s="798" t="s">
        <v>1013</v>
      </c>
      <c r="J200" s="797" t="s">
        <v>1781</v>
      </c>
      <c r="K200" s="797" t="s">
        <v>1782</v>
      </c>
      <c r="L200" s="797" t="s">
        <v>1783</v>
      </c>
      <c r="M200" s="797" t="s">
        <v>1560</v>
      </c>
      <c r="N200" s="797" t="s">
        <v>1489</v>
      </c>
      <c r="O200" s="797">
        <v>1</v>
      </c>
      <c r="P200" s="797" t="s">
        <v>1490</v>
      </c>
      <c r="Q200" s="797" t="s">
        <v>1491</v>
      </c>
      <c r="R200" s="797" t="s">
        <v>1492</v>
      </c>
      <c r="S200" s="797" t="s">
        <v>1493</v>
      </c>
      <c r="T200" s="797" t="s">
        <v>1779</v>
      </c>
      <c r="U200" s="799" t="s">
        <v>1495</v>
      </c>
      <c r="V200" s="799" t="s">
        <v>3292</v>
      </c>
      <c r="W200" s="806">
        <v>1</v>
      </c>
      <c r="X200" s="806">
        <v>0</v>
      </c>
      <c r="Y200" s="806">
        <v>1</v>
      </c>
      <c r="Z200" s="806">
        <v>1</v>
      </c>
      <c r="AA200" s="806">
        <v>1</v>
      </c>
      <c r="AB200" s="806">
        <v>1</v>
      </c>
      <c r="AC200" s="806">
        <v>1</v>
      </c>
      <c r="AD200" s="806">
        <v>2</v>
      </c>
      <c r="AE200" s="806">
        <v>3</v>
      </c>
      <c r="AF200" s="806">
        <v>2</v>
      </c>
      <c r="AG200" s="841">
        <f t="shared" ref="AG200:AP201" si="41">W200/(SUM($W200:$AF200))</f>
        <v>7.6923076923076927E-2</v>
      </c>
      <c r="AH200" s="841">
        <f t="shared" si="41"/>
        <v>0</v>
      </c>
      <c r="AI200" s="841">
        <f t="shared" si="41"/>
        <v>7.6923076923076927E-2</v>
      </c>
      <c r="AJ200" s="841">
        <f t="shared" si="41"/>
        <v>7.6923076923076927E-2</v>
      </c>
      <c r="AK200" s="841">
        <f t="shared" si="41"/>
        <v>7.6923076923076927E-2</v>
      </c>
      <c r="AL200" s="841">
        <f t="shared" si="41"/>
        <v>7.6923076923076927E-2</v>
      </c>
      <c r="AM200" s="841">
        <f t="shared" si="41"/>
        <v>7.6923076923076927E-2</v>
      </c>
      <c r="AN200" s="841">
        <f t="shared" si="41"/>
        <v>0.15384615384615385</v>
      </c>
      <c r="AO200" s="841">
        <f t="shared" si="41"/>
        <v>0.23076923076923078</v>
      </c>
      <c r="AP200" s="841">
        <f t="shared" si="41"/>
        <v>0.15384615384615385</v>
      </c>
      <c r="AQ200" s="1300">
        <f t="shared" si="40"/>
        <v>1</v>
      </c>
      <c r="AR200" s="797" t="s">
        <v>1767</v>
      </c>
      <c r="AS200" s="797" t="s">
        <v>722</v>
      </c>
      <c r="AT200" s="797" t="s">
        <v>53</v>
      </c>
      <c r="AU200" s="801">
        <v>34245</v>
      </c>
      <c r="AV200" s="813">
        <f>ROUND((VLOOKUP(G200,'[6]Cost Summary'!A:H,8,)),0.1)</f>
        <v>34245</v>
      </c>
      <c r="AW200" s="797">
        <v>0</v>
      </c>
      <c r="AX200" s="797" t="s">
        <v>1500</v>
      </c>
      <c r="AY200" s="814" t="s">
        <v>1584</v>
      </c>
      <c r="AZ200" s="805">
        <v>22248.03</v>
      </c>
    </row>
    <row r="201" spans="1:52" ht="90" hidden="1" x14ac:dyDescent="0.25">
      <c r="A201" s="785"/>
      <c r="B201" s="785" t="s">
        <v>66</v>
      </c>
      <c r="C201" s="785"/>
      <c r="D201" s="785"/>
      <c r="E201" s="785"/>
      <c r="F201" s="785"/>
      <c r="G201" s="797" t="s">
        <v>1784</v>
      </c>
      <c r="H201" s="797" t="s">
        <v>932</v>
      </c>
      <c r="I201" s="798" t="s">
        <v>1015</v>
      </c>
      <c r="J201" s="797" t="s">
        <v>1016</v>
      </c>
      <c r="K201" s="797" t="s">
        <v>1785</v>
      </c>
      <c r="L201" s="797" t="s">
        <v>1786</v>
      </c>
      <c r="M201" s="797" t="s">
        <v>1560</v>
      </c>
      <c r="N201" s="797" t="s">
        <v>1489</v>
      </c>
      <c r="O201" s="797">
        <v>1</v>
      </c>
      <c r="P201" s="797" t="s">
        <v>1490</v>
      </c>
      <c r="Q201" s="797" t="s">
        <v>1491</v>
      </c>
      <c r="R201" s="797" t="s">
        <v>1492</v>
      </c>
      <c r="S201" s="797" t="s">
        <v>1493</v>
      </c>
      <c r="T201" s="797" t="s">
        <v>1779</v>
      </c>
      <c r="U201" s="799" t="s">
        <v>1495</v>
      </c>
      <c r="V201" s="799" t="s">
        <v>3292</v>
      </c>
      <c r="W201" s="806">
        <v>1</v>
      </c>
      <c r="X201" s="806">
        <v>0</v>
      </c>
      <c r="Y201" s="806">
        <v>1</v>
      </c>
      <c r="Z201" s="806">
        <v>1</v>
      </c>
      <c r="AA201" s="806">
        <v>1</v>
      </c>
      <c r="AB201" s="806">
        <v>1</v>
      </c>
      <c r="AC201" s="806">
        <v>1</v>
      </c>
      <c r="AD201" s="806">
        <v>2</v>
      </c>
      <c r="AE201" s="806">
        <v>3</v>
      </c>
      <c r="AF201" s="806">
        <v>2</v>
      </c>
      <c r="AG201" s="841">
        <f t="shared" si="41"/>
        <v>7.6923076923076927E-2</v>
      </c>
      <c r="AH201" s="841">
        <f t="shared" si="41"/>
        <v>0</v>
      </c>
      <c r="AI201" s="841">
        <f t="shared" si="41"/>
        <v>7.6923076923076927E-2</v>
      </c>
      <c r="AJ201" s="841">
        <f t="shared" si="41"/>
        <v>7.6923076923076927E-2</v>
      </c>
      <c r="AK201" s="841">
        <f t="shared" si="41"/>
        <v>7.6923076923076927E-2</v>
      </c>
      <c r="AL201" s="841">
        <f t="shared" si="41"/>
        <v>7.6923076923076927E-2</v>
      </c>
      <c r="AM201" s="841">
        <f t="shared" si="41"/>
        <v>7.6923076923076927E-2</v>
      </c>
      <c r="AN201" s="841">
        <f t="shared" si="41"/>
        <v>0.15384615384615385</v>
      </c>
      <c r="AO201" s="841">
        <f t="shared" si="41"/>
        <v>0.23076923076923078</v>
      </c>
      <c r="AP201" s="841">
        <f t="shared" si="41"/>
        <v>0.15384615384615385</v>
      </c>
      <c r="AQ201" s="1300">
        <f t="shared" si="40"/>
        <v>1</v>
      </c>
      <c r="AR201" s="797" t="s">
        <v>1767</v>
      </c>
      <c r="AS201" s="797" t="s">
        <v>722</v>
      </c>
      <c r="AT201" s="797" t="s">
        <v>53</v>
      </c>
      <c r="AU201" s="801">
        <v>162108</v>
      </c>
      <c r="AV201" s="813">
        <f>ROUND((VLOOKUP(G201,'[6]Cost Summary'!A:H,8,)),0.1)</f>
        <v>162108</v>
      </c>
      <c r="AW201" s="797">
        <v>0</v>
      </c>
      <c r="AX201" s="797" t="s">
        <v>1500</v>
      </c>
      <c r="AY201" s="814" t="s">
        <v>1584</v>
      </c>
      <c r="AZ201" s="805">
        <v>105317.33</v>
      </c>
    </row>
    <row r="202" spans="1:52" ht="90" hidden="1" x14ac:dyDescent="0.25">
      <c r="A202" s="785"/>
      <c r="B202" s="785"/>
      <c r="C202" s="785"/>
      <c r="D202" s="785"/>
      <c r="E202" s="785"/>
      <c r="F202" s="785"/>
      <c r="G202" s="797" t="s">
        <v>1787</v>
      </c>
      <c r="H202" s="797" t="s">
        <v>932</v>
      </c>
      <c r="I202" s="798" t="s">
        <v>1017</v>
      </c>
      <c r="J202" s="797" t="s">
        <v>1018</v>
      </c>
      <c r="K202" s="797">
        <v>51.751065009999998</v>
      </c>
      <c r="L202" s="797">
        <v>-0.48176925199999998</v>
      </c>
      <c r="M202" s="797" t="s">
        <v>1560</v>
      </c>
      <c r="N202" s="797" t="s">
        <v>1489</v>
      </c>
      <c r="O202" s="797">
        <v>1</v>
      </c>
      <c r="P202" s="797" t="s">
        <v>1490</v>
      </c>
      <c r="Q202" s="797" t="s">
        <v>1491</v>
      </c>
      <c r="R202" s="797" t="s">
        <v>1492</v>
      </c>
      <c r="S202" s="797" t="s">
        <v>1493</v>
      </c>
      <c r="T202" s="797" t="s">
        <v>1779</v>
      </c>
      <c r="U202" s="797" t="s">
        <v>1723</v>
      </c>
      <c r="V202" s="797" t="s">
        <v>3273</v>
      </c>
      <c r="W202" s="807" t="s">
        <v>1498</v>
      </c>
      <c r="X202" s="807" t="s">
        <v>1498</v>
      </c>
      <c r="Y202" s="807" t="s">
        <v>1498</v>
      </c>
      <c r="Z202" s="807" t="s">
        <v>1498</v>
      </c>
      <c r="AA202" s="807" t="s">
        <v>1498</v>
      </c>
      <c r="AB202" s="807" t="s">
        <v>1498</v>
      </c>
      <c r="AC202" s="807" t="s">
        <v>1498</v>
      </c>
      <c r="AD202" s="807" t="s">
        <v>1498</v>
      </c>
      <c r="AE202" s="807" t="s">
        <v>1498</v>
      </c>
      <c r="AF202" s="807" t="s">
        <v>1498</v>
      </c>
      <c r="AG202" s="807" t="s">
        <v>1498</v>
      </c>
      <c r="AH202" s="807" t="s">
        <v>1498</v>
      </c>
      <c r="AI202" s="807" t="s">
        <v>1498</v>
      </c>
      <c r="AJ202" s="807" t="s">
        <v>1498</v>
      </c>
      <c r="AK202" s="807" t="s">
        <v>1498</v>
      </c>
      <c r="AL202" s="807" t="s">
        <v>1498</v>
      </c>
      <c r="AM202" s="807" t="s">
        <v>1498</v>
      </c>
      <c r="AN202" s="807" t="s">
        <v>1498</v>
      </c>
      <c r="AO202" s="807" t="s">
        <v>1498</v>
      </c>
      <c r="AP202" s="807" t="s">
        <v>1498</v>
      </c>
      <c r="AQ202" s="1300">
        <f t="shared" si="40"/>
        <v>0</v>
      </c>
      <c r="AR202" s="797" t="s">
        <v>1767</v>
      </c>
      <c r="AS202" s="797" t="s">
        <v>722</v>
      </c>
      <c r="AT202" s="797" t="s">
        <v>53</v>
      </c>
      <c r="AU202" s="801">
        <v>29796</v>
      </c>
      <c r="AV202" s="813">
        <f>ROUND((VLOOKUP(G202,'[6]Cost Summary'!A:H,8,)),0.1)</f>
        <v>29796</v>
      </c>
      <c r="AW202" s="797">
        <v>0</v>
      </c>
      <c r="AX202" s="797" t="s">
        <v>1500</v>
      </c>
      <c r="AY202" s="814" t="s">
        <v>1584</v>
      </c>
      <c r="AZ202" s="805">
        <v>19357.54</v>
      </c>
    </row>
    <row r="203" spans="1:52" ht="45" hidden="1" x14ac:dyDescent="0.25">
      <c r="A203" s="785"/>
      <c r="B203" s="785" t="s">
        <v>66</v>
      </c>
      <c r="C203" s="785"/>
      <c r="D203" s="785"/>
      <c r="E203" s="785"/>
      <c r="F203" s="785"/>
      <c r="G203" s="797" t="s">
        <v>1788</v>
      </c>
      <c r="H203" s="797" t="s">
        <v>932</v>
      </c>
      <c r="I203" s="798" t="s">
        <v>1019</v>
      </c>
      <c r="J203" s="797" t="s">
        <v>1020</v>
      </c>
      <c r="K203" s="797" t="s">
        <v>1521</v>
      </c>
      <c r="L203" s="797" t="s">
        <v>1521</v>
      </c>
      <c r="M203" s="797" t="s">
        <v>1560</v>
      </c>
      <c r="N203" s="797" t="s">
        <v>1489</v>
      </c>
      <c r="O203" s="797">
        <v>1</v>
      </c>
      <c r="P203" s="797" t="s">
        <v>1490</v>
      </c>
      <c r="Q203" s="797" t="s">
        <v>1491</v>
      </c>
      <c r="R203" s="797" t="s">
        <v>1492</v>
      </c>
      <c r="S203" s="797" t="s">
        <v>1493</v>
      </c>
      <c r="T203" s="797" t="s">
        <v>1779</v>
      </c>
      <c r="U203" s="797" t="s">
        <v>1723</v>
      </c>
      <c r="V203" s="797" t="s">
        <v>3273</v>
      </c>
      <c r="W203" s="807" t="s">
        <v>1498</v>
      </c>
      <c r="X203" s="807" t="s">
        <v>1498</v>
      </c>
      <c r="Y203" s="807" t="s">
        <v>1498</v>
      </c>
      <c r="Z203" s="807" t="s">
        <v>1498</v>
      </c>
      <c r="AA203" s="807" t="s">
        <v>1498</v>
      </c>
      <c r="AB203" s="807" t="s">
        <v>1498</v>
      </c>
      <c r="AC203" s="807" t="s">
        <v>1498</v>
      </c>
      <c r="AD203" s="807" t="s">
        <v>1498</v>
      </c>
      <c r="AE203" s="807" t="s">
        <v>1498</v>
      </c>
      <c r="AF203" s="807" t="s">
        <v>1498</v>
      </c>
      <c r="AG203" s="842" t="s">
        <v>1498</v>
      </c>
      <c r="AH203" s="842" t="s">
        <v>1498</v>
      </c>
      <c r="AI203" s="842" t="s">
        <v>1498</v>
      </c>
      <c r="AJ203" s="842" t="s">
        <v>1498</v>
      </c>
      <c r="AK203" s="842" t="s">
        <v>1498</v>
      </c>
      <c r="AL203" s="842" t="s">
        <v>1498</v>
      </c>
      <c r="AM203" s="842" t="s">
        <v>1498</v>
      </c>
      <c r="AN203" s="842" t="s">
        <v>1498</v>
      </c>
      <c r="AO203" s="842" t="s">
        <v>1498</v>
      </c>
      <c r="AP203" s="842" t="s">
        <v>1498</v>
      </c>
      <c r="AQ203" s="842">
        <f t="shared" si="40"/>
        <v>0</v>
      </c>
      <c r="AR203" s="797" t="s">
        <v>1767</v>
      </c>
      <c r="AS203" s="797" t="s">
        <v>722</v>
      </c>
      <c r="AT203" s="797" t="s">
        <v>53</v>
      </c>
      <c r="AU203" s="801">
        <v>5749</v>
      </c>
      <c r="AV203" s="813">
        <f>ROUND((VLOOKUP(G203,'[6]Cost Summary'!A:H,8,)),0.1)</f>
        <v>5749</v>
      </c>
      <c r="AW203" s="797">
        <v>0</v>
      </c>
      <c r="AX203" s="797" t="s">
        <v>1500</v>
      </c>
      <c r="AY203" s="814" t="s">
        <v>1584</v>
      </c>
      <c r="AZ203" s="805">
        <v>3734.66</v>
      </c>
    </row>
    <row r="204" spans="1:52" ht="45" hidden="1" x14ac:dyDescent="0.25">
      <c r="A204" s="785"/>
      <c r="B204" s="785" t="s">
        <v>66</v>
      </c>
      <c r="C204" s="785"/>
      <c r="D204" s="785"/>
      <c r="E204" s="785"/>
      <c r="F204" s="785"/>
      <c r="G204" s="797" t="s">
        <v>1790</v>
      </c>
      <c r="H204" s="797" t="s">
        <v>932</v>
      </c>
      <c r="I204" s="798" t="s">
        <v>1021</v>
      </c>
      <c r="J204" s="797" t="s">
        <v>1022</v>
      </c>
      <c r="K204" s="797" t="s">
        <v>1521</v>
      </c>
      <c r="L204" s="797" t="s">
        <v>1521</v>
      </c>
      <c r="M204" s="797" t="s">
        <v>1560</v>
      </c>
      <c r="N204" s="797" t="s">
        <v>1489</v>
      </c>
      <c r="O204" s="797">
        <v>1</v>
      </c>
      <c r="P204" s="797" t="s">
        <v>1490</v>
      </c>
      <c r="Q204" s="797" t="s">
        <v>1491</v>
      </c>
      <c r="R204" s="797" t="s">
        <v>1492</v>
      </c>
      <c r="S204" s="797" t="s">
        <v>1493</v>
      </c>
      <c r="T204" s="797" t="s">
        <v>1779</v>
      </c>
      <c r="U204" s="797" t="s">
        <v>1723</v>
      </c>
      <c r="V204" s="797" t="s">
        <v>3273</v>
      </c>
      <c r="W204" s="807" t="s">
        <v>1498</v>
      </c>
      <c r="X204" s="807" t="s">
        <v>1498</v>
      </c>
      <c r="Y204" s="807" t="s">
        <v>1498</v>
      </c>
      <c r="Z204" s="807" t="s">
        <v>1498</v>
      </c>
      <c r="AA204" s="807" t="s">
        <v>1498</v>
      </c>
      <c r="AB204" s="807" t="s">
        <v>1498</v>
      </c>
      <c r="AC204" s="807" t="s">
        <v>1498</v>
      </c>
      <c r="AD204" s="807" t="s">
        <v>1498</v>
      </c>
      <c r="AE204" s="807" t="s">
        <v>1498</v>
      </c>
      <c r="AF204" s="807" t="s">
        <v>1498</v>
      </c>
      <c r="AG204" s="842" t="s">
        <v>1498</v>
      </c>
      <c r="AH204" s="842" t="s">
        <v>1498</v>
      </c>
      <c r="AI204" s="842" t="s">
        <v>1498</v>
      </c>
      <c r="AJ204" s="842" t="s">
        <v>1498</v>
      </c>
      <c r="AK204" s="842" t="s">
        <v>1498</v>
      </c>
      <c r="AL204" s="842" t="s">
        <v>1498</v>
      </c>
      <c r="AM204" s="842" t="s">
        <v>1498</v>
      </c>
      <c r="AN204" s="842" t="s">
        <v>1498</v>
      </c>
      <c r="AO204" s="842" t="s">
        <v>1498</v>
      </c>
      <c r="AP204" s="842" t="s">
        <v>1498</v>
      </c>
      <c r="AQ204" s="842">
        <f t="shared" si="40"/>
        <v>0</v>
      </c>
      <c r="AR204" s="797" t="s">
        <v>1767</v>
      </c>
      <c r="AS204" s="797" t="s">
        <v>722</v>
      </c>
      <c r="AT204" s="797" t="s">
        <v>53</v>
      </c>
      <c r="AU204" s="801">
        <v>3705</v>
      </c>
      <c r="AV204" s="813">
        <f>ROUND((VLOOKUP(G204,'[6]Cost Summary'!A:H,8,)),0.1)</f>
        <v>3705</v>
      </c>
      <c r="AW204" s="797">
        <v>0</v>
      </c>
      <c r="AX204" s="797" t="s">
        <v>1500</v>
      </c>
      <c r="AY204" s="814" t="s">
        <v>1584</v>
      </c>
      <c r="AZ204" s="805">
        <v>2406.81</v>
      </c>
    </row>
    <row r="205" spans="1:52" ht="75" hidden="1" x14ac:dyDescent="0.25">
      <c r="A205" s="785"/>
      <c r="B205" s="785" t="s">
        <v>66</v>
      </c>
      <c r="C205" s="785"/>
      <c r="D205" s="785"/>
      <c r="E205" s="785"/>
      <c r="F205" s="785"/>
      <c r="G205" s="797" t="s">
        <v>1791</v>
      </c>
      <c r="H205" s="797" t="s">
        <v>932</v>
      </c>
      <c r="I205" s="798" t="s">
        <v>1023</v>
      </c>
      <c r="J205" s="797" t="s">
        <v>1792</v>
      </c>
      <c r="K205" s="797">
        <v>51.752293999999999</v>
      </c>
      <c r="L205" s="797">
        <v>-0.48378100000000002</v>
      </c>
      <c r="M205" s="797" t="s">
        <v>1488</v>
      </c>
      <c r="N205" s="797" t="s">
        <v>1489</v>
      </c>
      <c r="O205" s="797">
        <v>1</v>
      </c>
      <c r="P205" s="797" t="s">
        <v>1490</v>
      </c>
      <c r="Q205" s="797" t="s">
        <v>1491</v>
      </c>
      <c r="R205" s="797" t="s">
        <v>1492</v>
      </c>
      <c r="S205" s="797" t="s">
        <v>1493</v>
      </c>
      <c r="T205" s="797" t="s">
        <v>1779</v>
      </c>
      <c r="U205" s="799" t="s">
        <v>1495</v>
      </c>
      <c r="V205" s="799" t="s">
        <v>3249</v>
      </c>
      <c r="W205" s="806">
        <v>1</v>
      </c>
      <c r="X205" s="806">
        <v>0</v>
      </c>
      <c r="Y205" s="806">
        <v>1</v>
      </c>
      <c r="Z205" s="806">
        <v>1</v>
      </c>
      <c r="AA205" s="806">
        <v>1</v>
      </c>
      <c r="AB205" s="806">
        <v>1</v>
      </c>
      <c r="AC205" s="806">
        <v>1</v>
      </c>
      <c r="AD205" s="806">
        <v>2</v>
      </c>
      <c r="AE205" s="806">
        <v>3</v>
      </c>
      <c r="AF205" s="806">
        <v>0</v>
      </c>
      <c r="AG205" s="841">
        <f t="shared" ref="AG205:AP205" si="42">W205/(SUM($W205:$AF205))</f>
        <v>9.0909090909090912E-2</v>
      </c>
      <c r="AH205" s="841">
        <f t="shared" si="42"/>
        <v>0</v>
      </c>
      <c r="AI205" s="841">
        <f t="shared" si="42"/>
        <v>9.0909090909090912E-2</v>
      </c>
      <c r="AJ205" s="841">
        <f t="shared" si="42"/>
        <v>9.0909090909090912E-2</v>
      </c>
      <c r="AK205" s="841">
        <f t="shared" si="42"/>
        <v>9.0909090909090912E-2</v>
      </c>
      <c r="AL205" s="841">
        <f t="shared" si="42"/>
        <v>9.0909090909090912E-2</v>
      </c>
      <c r="AM205" s="841">
        <f t="shared" si="42"/>
        <v>9.0909090909090912E-2</v>
      </c>
      <c r="AN205" s="841">
        <f t="shared" si="42"/>
        <v>0.18181818181818182</v>
      </c>
      <c r="AO205" s="841">
        <f t="shared" si="42"/>
        <v>0.27272727272727271</v>
      </c>
      <c r="AP205" s="841">
        <f t="shared" si="42"/>
        <v>0</v>
      </c>
      <c r="AQ205" s="1300">
        <f t="shared" si="40"/>
        <v>1</v>
      </c>
      <c r="AR205" s="797" t="s">
        <v>1767</v>
      </c>
      <c r="AS205" s="797" t="s">
        <v>722</v>
      </c>
      <c r="AT205" s="797" t="s">
        <v>53</v>
      </c>
      <c r="AU205" s="801">
        <v>16659</v>
      </c>
      <c r="AV205" s="813">
        <f>ROUND((VLOOKUP(G205,'[6]Cost Summary'!A:H,8,)),0.1)</f>
        <v>16659</v>
      </c>
      <c r="AW205" s="797">
        <v>0</v>
      </c>
      <c r="AX205" s="797" t="s">
        <v>1500</v>
      </c>
      <c r="AY205" s="814" t="s">
        <v>1584</v>
      </c>
      <c r="AZ205" s="805">
        <v>10822.87</v>
      </c>
    </row>
    <row r="206" spans="1:52" ht="120" hidden="1" x14ac:dyDescent="0.25">
      <c r="A206" s="785"/>
      <c r="B206" s="785"/>
      <c r="C206" s="785"/>
      <c r="D206" s="785"/>
      <c r="E206" s="785"/>
      <c r="F206" s="785"/>
      <c r="G206" s="797" t="s">
        <v>1974</v>
      </c>
      <c r="H206" s="797" t="s">
        <v>932</v>
      </c>
      <c r="I206" s="798" t="s">
        <v>1025</v>
      </c>
      <c r="J206" s="797" t="s">
        <v>1026</v>
      </c>
      <c r="K206" s="797" t="s">
        <v>1521</v>
      </c>
      <c r="L206" s="797" t="s">
        <v>1521</v>
      </c>
      <c r="M206" s="797" t="s">
        <v>1488</v>
      </c>
      <c r="N206" s="797" t="s">
        <v>1489</v>
      </c>
      <c r="O206" s="797">
        <v>1</v>
      </c>
      <c r="P206" s="797" t="s">
        <v>1490</v>
      </c>
      <c r="Q206" s="797" t="s">
        <v>1491</v>
      </c>
      <c r="R206" s="797" t="s">
        <v>1492</v>
      </c>
      <c r="S206" s="797" t="s">
        <v>1493</v>
      </c>
      <c r="T206" s="797" t="s">
        <v>1799</v>
      </c>
      <c r="U206" s="797" t="s">
        <v>1707</v>
      </c>
      <c r="V206" s="797" t="s">
        <v>1027</v>
      </c>
      <c r="W206" s="807" t="s">
        <v>1498</v>
      </c>
      <c r="X206" s="807" t="s">
        <v>1498</v>
      </c>
      <c r="Y206" s="807" t="s">
        <v>1498</v>
      </c>
      <c r="Z206" s="807" t="s">
        <v>1498</v>
      </c>
      <c r="AA206" s="807" t="s">
        <v>1498</v>
      </c>
      <c r="AB206" s="807" t="s">
        <v>1498</v>
      </c>
      <c r="AC206" s="807" t="s">
        <v>1498</v>
      </c>
      <c r="AD206" s="807" t="s">
        <v>1498</v>
      </c>
      <c r="AE206" s="807" t="s">
        <v>1498</v>
      </c>
      <c r="AF206" s="807" t="s">
        <v>1498</v>
      </c>
      <c r="AG206" s="807" t="s">
        <v>1498</v>
      </c>
      <c r="AH206" s="807" t="s">
        <v>1498</v>
      </c>
      <c r="AI206" s="807" t="s">
        <v>1498</v>
      </c>
      <c r="AJ206" s="807" t="s">
        <v>1498</v>
      </c>
      <c r="AK206" s="807" t="s">
        <v>1498</v>
      </c>
      <c r="AL206" s="807" t="s">
        <v>1498</v>
      </c>
      <c r="AM206" s="807" t="s">
        <v>1498</v>
      </c>
      <c r="AN206" s="807" t="s">
        <v>1498</v>
      </c>
      <c r="AO206" s="807" t="s">
        <v>1498</v>
      </c>
      <c r="AP206" s="807" t="s">
        <v>1498</v>
      </c>
      <c r="AQ206" s="1300">
        <f t="shared" si="40"/>
        <v>0</v>
      </c>
      <c r="AR206" s="797" t="s">
        <v>1800</v>
      </c>
      <c r="AS206" s="797" t="s">
        <v>722</v>
      </c>
      <c r="AT206" s="797" t="s">
        <v>53</v>
      </c>
      <c r="AU206" s="801">
        <v>52903</v>
      </c>
      <c r="AV206" s="813">
        <f>ROUND((VLOOKUP(G206,'[6]Cost Summary'!A:H,8,)),0.1)</f>
        <v>52903</v>
      </c>
      <c r="AW206" s="797">
        <v>2</v>
      </c>
      <c r="AX206" s="797" t="s">
        <v>1976</v>
      </c>
      <c r="AY206" s="814" t="s">
        <v>1584</v>
      </c>
      <c r="AZ206" s="805">
        <v>34370.050000000003</v>
      </c>
    </row>
    <row r="207" spans="1:52" ht="60" hidden="1" x14ac:dyDescent="0.25">
      <c r="A207" s="785"/>
      <c r="B207" s="785"/>
      <c r="C207" s="785"/>
      <c r="D207" s="785"/>
      <c r="E207" s="785"/>
      <c r="F207" s="785"/>
      <c r="G207" s="797" t="s">
        <v>1977</v>
      </c>
      <c r="H207" s="797" t="s">
        <v>932</v>
      </c>
      <c r="I207" s="798" t="s">
        <v>1028</v>
      </c>
      <c r="J207" s="797" t="s">
        <v>1029</v>
      </c>
      <c r="K207" s="797" t="s">
        <v>1521</v>
      </c>
      <c r="L207" s="797" t="s">
        <v>1521</v>
      </c>
      <c r="M207" s="797" t="s">
        <v>1488</v>
      </c>
      <c r="N207" s="797" t="s">
        <v>1489</v>
      </c>
      <c r="O207" s="797">
        <v>1</v>
      </c>
      <c r="P207" s="797" t="s">
        <v>1490</v>
      </c>
      <c r="Q207" s="797" t="s">
        <v>1491</v>
      </c>
      <c r="R207" s="797" t="s">
        <v>1492</v>
      </c>
      <c r="S207" s="797" t="s">
        <v>1493</v>
      </c>
      <c r="T207" s="797" t="s">
        <v>1799</v>
      </c>
      <c r="U207" s="797" t="s">
        <v>1707</v>
      </c>
      <c r="V207" s="797" t="s">
        <v>1027</v>
      </c>
      <c r="W207" s="807" t="s">
        <v>1498</v>
      </c>
      <c r="X207" s="807" t="s">
        <v>1498</v>
      </c>
      <c r="Y207" s="807" t="s">
        <v>1498</v>
      </c>
      <c r="Z207" s="807" t="s">
        <v>1498</v>
      </c>
      <c r="AA207" s="807" t="s">
        <v>1498</v>
      </c>
      <c r="AB207" s="807" t="s">
        <v>1498</v>
      </c>
      <c r="AC207" s="807" t="s">
        <v>1498</v>
      </c>
      <c r="AD207" s="807" t="s">
        <v>1498</v>
      </c>
      <c r="AE207" s="807" t="s">
        <v>1498</v>
      </c>
      <c r="AF207" s="807" t="s">
        <v>1498</v>
      </c>
      <c r="AG207" s="807" t="s">
        <v>1498</v>
      </c>
      <c r="AH207" s="807" t="s">
        <v>1498</v>
      </c>
      <c r="AI207" s="807" t="s">
        <v>1498</v>
      </c>
      <c r="AJ207" s="807" t="s">
        <v>1498</v>
      </c>
      <c r="AK207" s="807" t="s">
        <v>1498</v>
      </c>
      <c r="AL207" s="807" t="s">
        <v>1498</v>
      </c>
      <c r="AM207" s="807" t="s">
        <v>1498</v>
      </c>
      <c r="AN207" s="807" t="s">
        <v>1498</v>
      </c>
      <c r="AO207" s="807" t="s">
        <v>1498</v>
      </c>
      <c r="AP207" s="807" t="s">
        <v>1498</v>
      </c>
      <c r="AQ207" s="1300">
        <f t="shared" si="40"/>
        <v>0</v>
      </c>
      <c r="AR207" s="797" t="s">
        <v>1800</v>
      </c>
      <c r="AS207" s="797" t="s">
        <v>722</v>
      </c>
      <c r="AT207" s="797" t="s">
        <v>53</v>
      </c>
      <c r="AU207" s="801">
        <v>1139069</v>
      </c>
      <c r="AV207" s="813">
        <f>ROUND((VLOOKUP(G207,'[6]Cost Summary'!A:H,8,)),0.1)</f>
        <v>1139069</v>
      </c>
      <c r="AW207" s="797">
        <v>2</v>
      </c>
      <c r="AX207" s="797" t="s">
        <v>1976</v>
      </c>
      <c r="AY207" s="814" t="s">
        <v>1584</v>
      </c>
      <c r="AZ207" s="805">
        <v>740025</v>
      </c>
    </row>
    <row r="208" spans="1:52" ht="30" hidden="1" x14ac:dyDescent="0.25">
      <c r="A208" s="785" t="s">
        <v>66</v>
      </c>
      <c r="B208" s="785"/>
      <c r="C208" s="785"/>
      <c r="D208" s="785" t="s">
        <v>66</v>
      </c>
      <c r="E208" s="785"/>
      <c r="F208" s="785"/>
      <c r="G208" s="825" t="s">
        <v>1798</v>
      </c>
      <c r="H208" s="825" t="s">
        <v>900</v>
      </c>
      <c r="I208" s="826" t="s">
        <v>1030</v>
      </c>
      <c r="J208" s="825" t="s">
        <v>1031</v>
      </c>
      <c r="K208" s="825">
        <v>51.741415000000003</v>
      </c>
      <c r="L208" s="825">
        <v>-0.48150300000000001</v>
      </c>
      <c r="M208" s="825" t="s">
        <v>1488</v>
      </c>
      <c r="N208" s="825" t="s">
        <v>1489</v>
      </c>
      <c r="O208" s="825"/>
      <c r="P208" s="825" t="s">
        <v>1490</v>
      </c>
      <c r="Q208" s="825" t="s">
        <v>1491</v>
      </c>
      <c r="R208" s="825" t="s">
        <v>1492</v>
      </c>
      <c r="S208" s="825" t="s">
        <v>1493</v>
      </c>
      <c r="T208" s="825" t="s">
        <v>1799</v>
      </c>
      <c r="U208" s="825" t="s">
        <v>1707</v>
      </c>
      <c r="V208" s="827" t="s">
        <v>1719</v>
      </c>
      <c r="W208" s="828"/>
      <c r="X208" s="828"/>
      <c r="Y208" s="828"/>
      <c r="Z208" s="828"/>
      <c r="AA208" s="828"/>
      <c r="AB208" s="828"/>
      <c r="AC208" s="828"/>
      <c r="AD208" s="828"/>
      <c r="AE208" s="828"/>
      <c r="AF208" s="828"/>
      <c r="AG208" s="828"/>
      <c r="AH208" s="828"/>
      <c r="AI208" s="828"/>
      <c r="AJ208" s="828"/>
      <c r="AK208" s="828"/>
      <c r="AL208" s="828"/>
      <c r="AM208" s="828"/>
      <c r="AN208" s="828"/>
      <c r="AO208" s="828"/>
      <c r="AP208" s="828"/>
      <c r="AQ208" s="1300">
        <f t="shared" si="40"/>
        <v>0</v>
      </c>
      <c r="AR208" s="825" t="s">
        <v>1800</v>
      </c>
      <c r="AS208" s="825" t="s">
        <v>722</v>
      </c>
      <c r="AT208" s="825" t="s">
        <v>53</v>
      </c>
      <c r="AU208" s="831">
        <v>24667.5</v>
      </c>
      <c r="AV208" s="832">
        <v>24667.5</v>
      </c>
      <c r="AW208" s="825">
        <v>0</v>
      </c>
      <c r="AX208" s="825" t="s">
        <v>1500</v>
      </c>
      <c r="AY208" s="833" t="s">
        <v>1721</v>
      </c>
      <c r="AZ208" s="785">
        <v>24667.5</v>
      </c>
    </row>
    <row r="209" spans="1:52" ht="105" hidden="1" x14ac:dyDescent="0.25">
      <c r="A209" s="785"/>
      <c r="B209" s="785" t="s">
        <v>66</v>
      </c>
      <c r="C209" s="785"/>
      <c r="D209" s="785"/>
      <c r="E209" s="785"/>
      <c r="F209" s="785"/>
      <c r="G209" s="797" t="s">
        <v>1978</v>
      </c>
      <c r="H209" s="797" t="s">
        <v>900</v>
      </c>
      <c r="I209" s="798" t="s">
        <v>1032</v>
      </c>
      <c r="J209" s="1303" t="s">
        <v>1033</v>
      </c>
      <c r="K209" s="797" t="s">
        <v>1980</v>
      </c>
      <c r="L209" s="797" t="s">
        <v>1981</v>
      </c>
      <c r="M209" s="797" t="s">
        <v>1488</v>
      </c>
      <c r="N209" s="797" t="s">
        <v>1523</v>
      </c>
      <c r="O209" s="797">
        <v>2</v>
      </c>
      <c r="P209" s="797" t="s">
        <v>1616</v>
      </c>
      <c r="Q209" s="797" t="s">
        <v>1491</v>
      </c>
      <c r="R209" s="797" t="s">
        <v>1492</v>
      </c>
      <c r="S209" s="797" t="s">
        <v>1493</v>
      </c>
      <c r="T209" s="797" t="s">
        <v>1799</v>
      </c>
      <c r="U209" s="799" t="s">
        <v>1495</v>
      </c>
      <c r="V209" s="799" t="s">
        <v>3293</v>
      </c>
      <c r="W209" s="806">
        <v>9</v>
      </c>
      <c r="X209" s="806">
        <v>7</v>
      </c>
      <c r="Y209" s="806">
        <v>33</v>
      </c>
      <c r="Z209" s="806">
        <v>0</v>
      </c>
      <c r="AA209" s="806">
        <v>0</v>
      </c>
      <c r="AB209" s="806">
        <v>0</v>
      </c>
      <c r="AC209" s="806">
        <v>6</v>
      </c>
      <c r="AD209" s="806">
        <v>15</v>
      </c>
      <c r="AE209" s="806">
        <v>9</v>
      </c>
      <c r="AF209" s="806">
        <v>20</v>
      </c>
      <c r="AG209" s="841">
        <f t="shared" ref="AG209:AP209" si="43">W209/(SUM($W209:$AF209))</f>
        <v>9.0909090909090912E-2</v>
      </c>
      <c r="AH209" s="841">
        <f t="shared" si="43"/>
        <v>7.0707070707070704E-2</v>
      </c>
      <c r="AI209" s="841">
        <f t="shared" si="43"/>
        <v>0.33333333333333331</v>
      </c>
      <c r="AJ209" s="841">
        <f t="shared" si="43"/>
        <v>0</v>
      </c>
      <c r="AK209" s="841">
        <f t="shared" si="43"/>
        <v>0</v>
      </c>
      <c r="AL209" s="841">
        <f t="shared" si="43"/>
        <v>0</v>
      </c>
      <c r="AM209" s="841">
        <f t="shared" si="43"/>
        <v>6.0606060606060608E-2</v>
      </c>
      <c r="AN209" s="841">
        <f t="shared" si="43"/>
        <v>0.15151515151515152</v>
      </c>
      <c r="AO209" s="841">
        <f t="shared" si="43"/>
        <v>9.0909090909090912E-2</v>
      </c>
      <c r="AP209" s="841">
        <f t="shared" si="43"/>
        <v>0.20202020202020202</v>
      </c>
      <c r="AQ209" s="1300">
        <f t="shared" si="40"/>
        <v>1</v>
      </c>
      <c r="AR209" s="797" t="s">
        <v>1800</v>
      </c>
      <c r="AS209" s="797" t="s">
        <v>834</v>
      </c>
      <c r="AT209" s="797" t="s">
        <v>53</v>
      </c>
      <c r="AU209" s="801">
        <v>759380</v>
      </c>
      <c r="AV209" s="813">
        <f>ROUND((VLOOKUP(G209,'[6]Cost Summary'!A:H,8,)),0.1)</f>
        <v>759380</v>
      </c>
      <c r="AW209" s="797">
        <v>2</v>
      </c>
      <c r="AX209" s="797" t="s">
        <v>1976</v>
      </c>
      <c r="AY209" s="814" t="s">
        <v>1584</v>
      </c>
      <c r="AZ209" s="805">
        <v>493350</v>
      </c>
    </row>
    <row r="210" spans="1:52" ht="165" hidden="1" x14ac:dyDescent="0.25">
      <c r="A210" s="785" t="s">
        <v>66</v>
      </c>
      <c r="B210" s="785"/>
      <c r="C210" s="785"/>
      <c r="D210" s="785"/>
      <c r="E210" s="785"/>
      <c r="F210" s="785"/>
      <c r="G210" s="797" t="s">
        <v>1982</v>
      </c>
      <c r="H210" s="797" t="s">
        <v>932</v>
      </c>
      <c r="I210" s="798" t="s">
        <v>1034</v>
      </c>
      <c r="J210" s="797" t="s">
        <v>1035</v>
      </c>
      <c r="K210" s="797">
        <v>51.740063370000001</v>
      </c>
      <c r="L210" s="797">
        <v>-0.472809957</v>
      </c>
      <c r="M210" s="797" t="s">
        <v>1522</v>
      </c>
      <c r="N210" s="797" t="s">
        <v>1489</v>
      </c>
      <c r="O210" s="797">
        <v>1</v>
      </c>
      <c r="P210" s="797" t="s">
        <v>1490</v>
      </c>
      <c r="Q210" s="797" t="s">
        <v>1491</v>
      </c>
      <c r="R210" s="797" t="s">
        <v>1492</v>
      </c>
      <c r="S210" s="797" t="s">
        <v>1493</v>
      </c>
      <c r="T210" s="797" t="s">
        <v>1795</v>
      </c>
      <c r="U210" s="797" t="s">
        <v>1707</v>
      </c>
      <c r="V210" s="799" t="s">
        <v>1036</v>
      </c>
      <c r="W210" s="807" t="s">
        <v>1498</v>
      </c>
      <c r="X210" s="807" t="s">
        <v>1498</v>
      </c>
      <c r="Y210" s="807" t="s">
        <v>1498</v>
      </c>
      <c r="Z210" s="807" t="s">
        <v>1498</v>
      </c>
      <c r="AA210" s="807" t="s">
        <v>1498</v>
      </c>
      <c r="AB210" s="807" t="s">
        <v>1498</v>
      </c>
      <c r="AC210" s="807" t="s">
        <v>1498</v>
      </c>
      <c r="AD210" s="807" t="s">
        <v>1498</v>
      </c>
      <c r="AE210" s="807" t="s">
        <v>1498</v>
      </c>
      <c r="AF210" s="807" t="s">
        <v>1498</v>
      </c>
      <c r="AG210" s="807" t="s">
        <v>1498</v>
      </c>
      <c r="AH210" s="807" t="s">
        <v>1498</v>
      </c>
      <c r="AI210" s="807" t="s">
        <v>1498</v>
      </c>
      <c r="AJ210" s="807" t="s">
        <v>1498</v>
      </c>
      <c r="AK210" s="807" t="s">
        <v>1498</v>
      </c>
      <c r="AL210" s="807" t="s">
        <v>1498</v>
      </c>
      <c r="AM210" s="807" t="s">
        <v>1498</v>
      </c>
      <c r="AN210" s="807" t="s">
        <v>1498</v>
      </c>
      <c r="AO210" s="807" t="s">
        <v>1498</v>
      </c>
      <c r="AP210" s="807" t="s">
        <v>1498</v>
      </c>
      <c r="AQ210" s="1300">
        <f t="shared" si="40"/>
        <v>0</v>
      </c>
      <c r="AR210" s="797" t="s">
        <v>1983</v>
      </c>
      <c r="AS210" s="797" t="s">
        <v>722</v>
      </c>
      <c r="AT210" s="797" t="s">
        <v>53</v>
      </c>
      <c r="AU210" s="801">
        <v>39499</v>
      </c>
      <c r="AV210" s="813">
        <f>ROUND((VLOOKUP(G210,'[6]Cost Summary'!A:H,8,)),0.1)</f>
        <v>39499</v>
      </c>
      <c r="AW210" s="797">
        <v>1</v>
      </c>
      <c r="AX210" s="797">
        <v>7</v>
      </c>
      <c r="AY210" s="814" t="s">
        <v>1584</v>
      </c>
      <c r="AZ210" s="805">
        <v>25661.25</v>
      </c>
    </row>
    <row r="211" spans="1:52" ht="60" hidden="1" x14ac:dyDescent="0.25">
      <c r="A211" s="785" t="s">
        <v>66</v>
      </c>
      <c r="B211" s="785"/>
      <c r="C211" s="785"/>
      <c r="D211" s="785"/>
      <c r="E211" s="785"/>
      <c r="F211" s="785"/>
      <c r="G211" s="797" t="s">
        <v>1984</v>
      </c>
      <c r="H211" s="797" t="s">
        <v>932</v>
      </c>
      <c r="I211" s="798" t="s">
        <v>1037</v>
      </c>
      <c r="J211" s="797" t="s">
        <v>1038</v>
      </c>
      <c r="K211" s="797">
        <v>51.739810910000003</v>
      </c>
      <c r="L211" s="797">
        <v>-0.47321228799999998</v>
      </c>
      <c r="M211" s="797" t="s">
        <v>1522</v>
      </c>
      <c r="N211" s="797" t="s">
        <v>1489</v>
      </c>
      <c r="O211" s="797">
        <v>1</v>
      </c>
      <c r="P211" s="797" t="s">
        <v>1490</v>
      </c>
      <c r="Q211" s="797" t="s">
        <v>1491</v>
      </c>
      <c r="R211" s="797" t="s">
        <v>1492</v>
      </c>
      <c r="S211" s="797" t="s">
        <v>1493</v>
      </c>
      <c r="T211" s="797" t="s">
        <v>1795</v>
      </c>
      <c r="U211" s="797" t="s">
        <v>1707</v>
      </c>
      <c r="V211" s="799" t="s">
        <v>1036</v>
      </c>
      <c r="W211" s="807" t="s">
        <v>1498</v>
      </c>
      <c r="X211" s="807" t="s">
        <v>1498</v>
      </c>
      <c r="Y211" s="807" t="s">
        <v>1498</v>
      </c>
      <c r="Z211" s="807" t="s">
        <v>1498</v>
      </c>
      <c r="AA211" s="807" t="s">
        <v>1498</v>
      </c>
      <c r="AB211" s="807" t="s">
        <v>1498</v>
      </c>
      <c r="AC211" s="807" t="s">
        <v>1498</v>
      </c>
      <c r="AD211" s="807" t="s">
        <v>1498</v>
      </c>
      <c r="AE211" s="807" t="s">
        <v>1498</v>
      </c>
      <c r="AF211" s="807" t="s">
        <v>1498</v>
      </c>
      <c r="AG211" s="807" t="s">
        <v>1498</v>
      </c>
      <c r="AH211" s="807" t="s">
        <v>1498</v>
      </c>
      <c r="AI211" s="807" t="s">
        <v>1498</v>
      </c>
      <c r="AJ211" s="807" t="s">
        <v>1498</v>
      </c>
      <c r="AK211" s="807" t="s">
        <v>1498</v>
      </c>
      <c r="AL211" s="807" t="s">
        <v>1498</v>
      </c>
      <c r="AM211" s="807" t="s">
        <v>1498</v>
      </c>
      <c r="AN211" s="807" t="s">
        <v>1498</v>
      </c>
      <c r="AO211" s="807" t="s">
        <v>1498</v>
      </c>
      <c r="AP211" s="807" t="s">
        <v>1498</v>
      </c>
      <c r="AQ211" s="1300">
        <f t="shared" si="40"/>
        <v>0</v>
      </c>
      <c r="AR211" s="797" t="s">
        <v>1983</v>
      </c>
      <c r="AS211" s="797" t="s">
        <v>722</v>
      </c>
      <c r="AT211" s="797" t="s">
        <v>53</v>
      </c>
      <c r="AU211" s="801">
        <v>89860</v>
      </c>
      <c r="AV211" s="813">
        <f>ROUND((VLOOKUP(G211,'[6]Cost Summary'!A:H,8,)),0.1)</f>
        <v>89860</v>
      </c>
      <c r="AW211" s="797">
        <v>1</v>
      </c>
      <c r="AX211" s="797">
        <v>7</v>
      </c>
      <c r="AY211" s="814" t="s">
        <v>1584</v>
      </c>
      <c r="AZ211" s="805">
        <v>58379.75</v>
      </c>
    </row>
    <row r="212" spans="1:52" ht="60" hidden="1" x14ac:dyDescent="0.25">
      <c r="A212" s="785" t="s">
        <v>66</v>
      </c>
      <c r="B212" s="785" t="s">
        <v>66</v>
      </c>
      <c r="C212" s="785"/>
      <c r="D212" s="785"/>
      <c r="E212" s="785"/>
      <c r="F212" s="785"/>
      <c r="G212" s="797" t="s">
        <v>1985</v>
      </c>
      <c r="H212" s="797" t="s">
        <v>932</v>
      </c>
      <c r="I212" s="798" t="s">
        <v>1039</v>
      </c>
      <c r="J212" s="797" t="s">
        <v>1040</v>
      </c>
      <c r="K212" s="797">
        <v>51.738168549999997</v>
      </c>
      <c r="L212" s="797">
        <v>-0.47052645799999998</v>
      </c>
      <c r="M212" s="797" t="s">
        <v>1522</v>
      </c>
      <c r="N212" s="797" t="s">
        <v>1489</v>
      </c>
      <c r="O212" s="797">
        <v>1</v>
      </c>
      <c r="P212" s="797" t="s">
        <v>1490</v>
      </c>
      <c r="Q212" s="797" t="s">
        <v>1491</v>
      </c>
      <c r="R212" s="797" t="s">
        <v>1492</v>
      </c>
      <c r="S212" s="797" t="s">
        <v>1493</v>
      </c>
      <c r="T212" s="797" t="s">
        <v>1795</v>
      </c>
      <c r="U212" s="797" t="s">
        <v>1707</v>
      </c>
      <c r="V212" s="799" t="s">
        <v>25</v>
      </c>
      <c r="W212" s="807" t="s">
        <v>1498</v>
      </c>
      <c r="X212" s="807" t="s">
        <v>1498</v>
      </c>
      <c r="Y212" s="807" t="s">
        <v>1498</v>
      </c>
      <c r="Z212" s="807" t="s">
        <v>1498</v>
      </c>
      <c r="AA212" s="807" t="s">
        <v>1498</v>
      </c>
      <c r="AB212" s="807" t="s">
        <v>1498</v>
      </c>
      <c r="AC212" s="807" t="s">
        <v>1498</v>
      </c>
      <c r="AD212" s="807" t="s">
        <v>1498</v>
      </c>
      <c r="AE212" s="807" t="s">
        <v>1498</v>
      </c>
      <c r="AF212" s="807" t="s">
        <v>1498</v>
      </c>
      <c r="AG212" s="842" t="s">
        <v>1498</v>
      </c>
      <c r="AH212" s="842" t="s">
        <v>1498</v>
      </c>
      <c r="AI212" s="842" t="s">
        <v>1498</v>
      </c>
      <c r="AJ212" s="842" t="s">
        <v>1498</v>
      </c>
      <c r="AK212" s="842" t="s">
        <v>1498</v>
      </c>
      <c r="AL212" s="842" t="s">
        <v>1498</v>
      </c>
      <c r="AM212" s="842" t="s">
        <v>1498</v>
      </c>
      <c r="AN212" s="842" t="s">
        <v>1498</v>
      </c>
      <c r="AO212" s="842" t="s">
        <v>1498</v>
      </c>
      <c r="AP212" s="842" t="s">
        <v>1498</v>
      </c>
      <c r="AQ212" s="842">
        <f t="shared" si="40"/>
        <v>0</v>
      </c>
      <c r="AR212" s="797" t="s">
        <v>1983</v>
      </c>
      <c r="AS212" s="797" t="s">
        <v>722</v>
      </c>
      <c r="AT212" s="797" t="s">
        <v>53</v>
      </c>
      <c r="AU212" s="801">
        <v>86063</v>
      </c>
      <c r="AV212" s="813">
        <f>ROUND((VLOOKUP(G212,'[6]Cost Summary'!A:H,8,)),0.1)</f>
        <v>86063</v>
      </c>
      <c r="AW212" s="797">
        <v>1</v>
      </c>
      <c r="AX212" s="797">
        <v>7</v>
      </c>
      <c r="AY212" s="814" t="s">
        <v>1584</v>
      </c>
      <c r="AZ212" s="805">
        <v>55913</v>
      </c>
    </row>
    <row r="213" spans="1:52" ht="60" hidden="1" x14ac:dyDescent="0.25">
      <c r="A213" s="785" t="s">
        <v>66</v>
      </c>
      <c r="B213" s="785" t="s">
        <v>66</v>
      </c>
      <c r="C213" s="785"/>
      <c r="D213" s="785"/>
      <c r="E213" s="785"/>
      <c r="F213" s="785"/>
      <c r="G213" s="797" t="s">
        <v>2037</v>
      </c>
      <c r="H213" s="797" t="s">
        <v>932</v>
      </c>
      <c r="I213" s="798" t="s">
        <v>1041</v>
      </c>
      <c r="J213" s="797" t="s">
        <v>1042</v>
      </c>
      <c r="K213" s="797">
        <v>51.735872350000001</v>
      </c>
      <c r="L213" s="797">
        <v>-0.46717183600000001</v>
      </c>
      <c r="M213" s="797" t="s">
        <v>1522</v>
      </c>
      <c r="N213" s="797" t="s">
        <v>1489</v>
      </c>
      <c r="O213" s="797">
        <v>1</v>
      </c>
      <c r="P213" s="797" t="s">
        <v>1490</v>
      </c>
      <c r="Q213" s="797" t="s">
        <v>1491</v>
      </c>
      <c r="R213" s="797" t="s">
        <v>1492</v>
      </c>
      <c r="S213" s="797" t="s">
        <v>1493</v>
      </c>
      <c r="T213" s="797" t="s">
        <v>1795</v>
      </c>
      <c r="U213" s="797" t="s">
        <v>1707</v>
      </c>
      <c r="V213" s="799" t="s">
        <v>956</v>
      </c>
      <c r="W213" s="807" t="s">
        <v>1498</v>
      </c>
      <c r="X213" s="807" t="s">
        <v>1498</v>
      </c>
      <c r="Y213" s="807" t="s">
        <v>1498</v>
      </c>
      <c r="Z213" s="807" t="s">
        <v>1498</v>
      </c>
      <c r="AA213" s="807" t="s">
        <v>1498</v>
      </c>
      <c r="AB213" s="807" t="s">
        <v>1498</v>
      </c>
      <c r="AC213" s="807" t="s">
        <v>1498</v>
      </c>
      <c r="AD213" s="807" t="s">
        <v>1498</v>
      </c>
      <c r="AE213" s="807" t="s">
        <v>1498</v>
      </c>
      <c r="AF213" s="807" t="s">
        <v>1498</v>
      </c>
      <c r="AG213" s="842" t="s">
        <v>1498</v>
      </c>
      <c r="AH213" s="842" t="s">
        <v>1498</v>
      </c>
      <c r="AI213" s="842" t="s">
        <v>1498</v>
      </c>
      <c r="AJ213" s="842" t="s">
        <v>1498</v>
      </c>
      <c r="AK213" s="842" t="s">
        <v>1498</v>
      </c>
      <c r="AL213" s="842" t="s">
        <v>1498</v>
      </c>
      <c r="AM213" s="842" t="s">
        <v>1498</v>
      </c>
      <c r="AN213" s="842" t="s">
        <v>1498</v>
      </c>
      <c r="AO213" s="842" t="s">
        <v>1498</v>
      </c>
      <c r="AP213" s="842" t="s">
        <v>1498</v>
      </c>
      <c r="AQ213" s="842">
        <f t="shared" si="40"/>
        <v>0</v>
      </c>
      <c r="AR213" s="797" t="s">
        <v>1983</v>
      </c>
      <c r="AS213" s="797" t="s">
        <v>722</v>
      </c>
      <c r="AT213" s="797" t="s">
        <v>53</v>
      </c>
      <c r="AU213" s="801">
        <v>86063</v>
      </c>
      <c r="AV213" s="813">
        <f>ROUND((VLOOKUP(G213,'[6]Cost Summary'!A:H,8,)),0.1)</f>
        <v>86063</v>
      </c>
      <c r="AW213" s="797">
        <v>1</v>
      </c>
      <c r="AX213" s="797">
        <v>7</v>
      </c>
      <c r="AY213" s="814" t="s">
        <v>1584</v>
      </c>
      <c r="AZ213" s="805">
        <v>55913</v>
      </c>
    </row>
    <row r="214" spans="1:52" ht="45" hidden="1" x14ac:dyDescent="0.25">
      <c r="A214" s="785" t="s">
        <v>66</v>
      </c>
      <c r="B214" s="785" t="s">
        <v>66</v>
      </c>
      <c r="C214" s="785"/>
      <c r="D214" s="785"/>
      <c r="E214" s="785"/>
      <c r="F214" s="785"/>
      <c r="G214" s="797" t="s">
        <v>2038</v>
      </c>
      <c r="H214" s="797" t="s">
        <v>932</v>
      </c>
      <c r="I214" s="798" t="s">
        <v>1043</v>
      </c>
      <c r="J214" s="797" t="s">
        <v>1044</v>
      </c>
      <c r="K214" s="797">
        <v>51.734760170000001</v>
      </c>
      <c r="L214" s="797">
        <v>-0.46472259300000002</v>
      </c>
      <c r="M214" s="797" t="s">
        <v>1522</v>
      </c>
      <c r="N214" s="797" t="s">
        <v>1489</v>
      </c>
      <c r="O214" s="797">
        <v>1</v>
      </c>
      <c r="P214" s="797" t="s">
        <v>1490</v>
      </c>
      <c r="Q214" s="797" t="s">
        <v>1491</v>
      </c>
      <c r="R214" s="797" t="s">
        <v>1492</v>
      </c>
      <c r="S214" s="797" t="s">
        <v>1493</v>
      </c>
      <c r="T214" s="797" t="s">
        <v>1795</v>
      </c>
      <c r="U214" s="797" t="s">
        <v>1707</v>
      </c>
      <c r="V214" s="799" t="s">
        <v>956</v>
      </c>
      <c r="W214" s="807" t="s">
        <v>1498</v>
      </c>
      <c r="X214" s="807" t="s">
        <v>1498</v>
      </c>
      <c r="Y214" s="807" t="s">
        <v>1498</v>
      </c>
      <c r="Z214" s="807" t="s">
        <v>1498</v>
      </c>
      <c r="AA214" s="807" t="s">
        <v>1498</v>
      </c>
      <c r="AB214" s="807" t="s">
        <v>1498</v>
      </c>
      <c r="AC214" s="807" t="s">
        <v>1498</v>
      </c>
      <c r="AD214" s="807" t="s">
        <v>1498</v>
      </c>
      <c r="AE214" s="807" t="s">
        <v>1498</v>
      </c>
      <c r="AF214" s="807" t="s">
        <v>1498</v>
      </c>
      <c r="AG214" s="842" t="s">
        <v>1498</v>
      </c>
      <c r="AH214" s="842" t="s">
        <v>1498</v>
      </c>
      <c r="AI214" s="842" t="s">
        <v>1498</v>
      </c>
      <c r="AJ214" s="842" t="s">
        <v>1498</v>
      </c>
      <c r="AK214" s="842" t="s">
        <v>1498</v>
      </c>
      <c r="AL214" s="842" t="s">
        <v>1498</v>
      </c>
      <c r="AM214" s="842" t="s">
        <v>1498</v>
      </c>
      <c r="AN214" s="842" t="s">
        <v>1498</v>
      </c>
      <c r="AO214" s="842" t="s">
        <v>1498</v>
      </c>
      <c r="AP214" s="842" t="s">
        <v>1498</v>
      </c>
      <c r="AQ214" s="842">
        <f t="shared" si="40"/>
        <v>0</v>
      </c>
      <c r="AR214" s="797" t="s">
        <v>1983</v>
      </c>
      <c r="AS214" s="797" t="s">
        <v>722</v>
      </c>
      <c r="AT214" s="797" t="s">
        <v>53</v>
      </c>
      <c r="AU214" s="801">
        <v>164532</v>
      </c>
      <c r="AV214" s="813">
        <f>ROUND((VLOOKUP(G214,'[6]Cost Summary'!A:H,8,)),0.1)</f>
        <v>164532</v>
      </c>
      <c r="AW214" s="797">
        <v>1</v>
      </c>
      <c r="AX214" s="797">
        <v>7</v>
      </c>
      <c r="AY214" s="814" t="s">
        <v>1584</v>
      </c>
      <c r="AZ214" s="805">
        <v>106892.5</v>
      </c>
    </row>
    <row r="215" spans="1:52" ht="90" hidden="1" x14ac:dyDescent="0.25">
      <c r="A215" s="785" t="s">
        <v>66</v>
      </c>
      <c r="B215" s="785"/>
      <c r="C215" s="785"/>
      <c r="D215" s="785" t="s">
        <v>66</v>
      </c>
      <c r="E215" s="785"/>
      <c r="F215" s="785"/>
      <c r="G215" s="825" t="s">
        <v>3294</v>
      </c>
      <c r="H215" s="825" t="s">
        <v>900</v>
      </c>
      <c r="I215" s="826" t="s">
        <v>1045</v>
      </c>
      <c r="J215" s="825" t="s">
        <v>3295</v>
      </c>
      <c r="K215" s="825" t="s">
        <v>1521</v>
      </c>
      <c r="L215" s="825" t="s">
        <v>1521</v>
      </c>
      <c r="M215" s="825" t="s">
        <v>1522</v>
      </c>
      <c r="N215" s="825" t="s">
        <v>1489</v>
      </c>
      <c r="O215" s="825"/>
      <c r="P215" s="825" t="s">
        <v>1490</v>
      </c>
      <c r="Q215" s="825" t="s">
        <v>1491</v>
      </c>
      <c r="R215" s="825" t="s">
        <v>1492</v>
      </c>
      <c r="S215" s="825" t="s">
        <v>1493</v>
      </c>
      <c r="T215" s="825" t="s">
        <v>1795</v>
      </c>
      <c r="U215" s="825" t="s">
        <v>1707</v>
      </c>
      <c r="V215" s="827" t="s">
        <v>1719</v>
      </c>
      <c r="W215" s="828"/>
      <c r="X215" s="828"/>
      <c r="Y215" s="828"/>
      <c r="Z215" s="828"/>
      <c r="AA215" s="828"/>
      <c r="AB215" s="828"/>
      <c r="AC215" s="828"/>
      <c r="AD215" s="828"/>
      <c r="AE215" s="828"/>
      <c r="AF215" s="828"/>
      <c r="AG215" s="828"/>
      <c r="AH215" s="828"/>
      <c r="AI215" s="828"/>
      <c r="AJ215" s="828"/>
      <c r="AK215" s="828"/>
      <c r="AL215" s="828"/>
      <c r="AM215" s="828"/>
      <c r="AN215" s="828"/>
      <c r="AO215" s="828"/>
      <c r="AP215" s="828"/>
      <c r="AQ215" s="1300">
        <f t="shared" si="40"/>
        <v>0</v>
      </c>
      <c r="AR215" s="825" t="s">
        <v>1983</v>
      </c>
      <c r="AS215" s="825" t="s">
        <v>722</v>
      </c>
      <c r="AT215" s="825" t="s">
        <v>53</v>
      </c>
      <c r="AU215" s="831">
        <v>24667.5</v>
      </c>
      <c r="AV215" s="832">
        <v>24667.5</v>
      </c>
      <c r="AW215" s="825">
        <v>1</v>
      </c>
      <c r="AX215" s="825">
        <v>7</v>
      </c>
      <c r="AY215" s="833" t="s">
        <v>1721</v>
      </c>
      <c r="AZ215" s="785">
        <v>24667.5</v>
      </c>
    </row>
    <row r="216" spans="1:52" ht="90" hidden="1" x14ac:dyDescent="0.25">
      <c r="A216" s="785"/>
      <c r="B216" s="785"/>
      <c r="C216" s="785"/>
      <c r="D216" s="785"/>
      <c r="E216" s="785"/>
      <c r="F216" s="785"/>
      <c r="G216" s="797" t="s">
        <v>2075</v>
      </c>
      <c r="H216" s="797" t="s">
        <v>900</v>
      </c>
      <c r="I216" s="798" t="s">
        <v>1047</v>
      </c>
      <c r="J216" s="797" t="s">
        <v>1048</v>
      </c>
      <c r="K216" s="797">
        <v>51.730353000000001</v>
      </c>
      <c r="L216" s="797">
        <v>-0.45757399999999998</v>
      </c>
      <c r="M216" s="797" t="s">
        <v>1522</v>
      </c>
      <c r="N216" s="797" t="s">
        <v>1489</v>
      </c>
      <c r="O216" s="797">
        <v>1</v>
      </c>
      <c r="P216" s="797" t="s">
        <v>1490</v>
      </c>
      <c r="Q216" s="797" t="s">
        <v>1491</v>
      </c>
      <c r="R216" s="797" t="s">
        <v>1492</v>
      </c>
      <c r="S216" s="797" t="s">
        <v>1493</v>
      </c>
      <c r="T216" s="797" t="s">
        <v>1706</v>
      </c>
      <c r="U216" s="797" t="s">
        <v>1707</v>
      </c>
      <c r="V216" s="797" t="s">
        <v>25</v>
      </c>
      <c r="W216" s="807" t="s">
        <v>1498</v>
      </c>
      <c r="X216" s="807" t="s">
        <v>1498</v>
      </c>
      <c r="Y216" s="807" t="s">
        <v>1498</v>
      </c>
      <c r="Z216" s="807" t="s">
        <v>1498</v>
      </c>
      <c r="AA216" s="807" t="s">
        <v>1498</v>
      </c>
      <c r="AB216" s="807" t="s">
        <v>1498</v>
      </c>
      <c r="AC216" s="807" t="s">
        <v>1498</v>
      </c>
      <c r="AD216" s="807" t="s">
        <v>1498</v>
      </c>
      <c r="AE216" s="807" t="s">
        <v>1498</v>
      </c>
      <c r="AF216" s="807" t="s">
        <v>1498</v>
      </c>
      <c r="AG216" s="807" t="s">
        <v>1498</v>
      </c>
      <c r="AH216" s="807" t="s">
        <v>1498</v>
      </c>
      <c r="AI216" s="807" t="s">
        <v>1498</v>
      </c>
      <c r="AJ216" s="807" t="s">
        <v>1498</v>
      </c>
      <c r="AK216" s="807" t="s">
        <v>1498</v>
      </c>
      <c r="AL216" s="807" t="s">
        <v>1498</v>
      </c>
      <c r="AM216" s="807" t="s">
        <v>1498</v>
      </c>
      <c r="AN216" s="807" t="s">
        <v>1498</v>
      </c>
      <c r="AO216" s="807" t="s">
        <v>1498</v>
      </c>
      <c r="AP216" s="807" t="s">
        <v>1498</v>
      </c>
      <c r="AQ216" s="1300">
        <f t="shared" si="40"/>
        <v>0</v>
      </c>
      <c r="AR216" s="797" t="s">
        <v>1983</v>
      </c>
      <c r="AS216" s="797" t="s">
        <v>834</v>
      </c>
      <c r="AT216" s="797" t="s">
        <v>53</v>
      </c>
      <c r="AU216" s="801">
        <v>651168</v>
      </c>
      <c r="AV216" s="813">
        <f>ROUND((VLOOKUP(G216,'[6]Cost Summary'!A:H,8,)),0.1)</f>
        <v>651168</v>
      </c>
      <c r="AW216" s="797">
        <v>0</v>
      </c>
      <c r="AX216" s="797" t="s">
        <v>1500</v>
      </c>
      <c r="AY216" s="814" t="s">
        <v>1584</v>
      </c>
      <c r="AZ216" s="805">
        <v>423047.63</v>
      </c>
    </row>
    <row r="217" spans="1:52" ht="165" hidden="1" x14ac:dyDescent="0.25">
      <c r="A217" s="785"/>
      <c r="B217" s="785"/>
      <c r="C217" s="785"/>
      <c r="D217" s="785"/>
      <c r="E217" s="785"/>
      <c r="F217" s="785"/>
      <c r="G217" s="797" t="s">
        <v>2076</v>
      </c>
      <c r="H217" s="797" t="s">
        <v>932</v>
      </c>
      <c r="I217" s="798" t="s">
        <v>1049</v>
      </c>
      <c r="J217" s="797" t="s">
        <v>1050</v>
      </c>
      <c r="K217" s="797">
        <v>51.732146630000003</v>
      </c>
      <c r="L217" s="797">
        <v>-0.46105804</v>
      </c>
      <c r="M217" s="797" t="s">
        <v>1522</v>
      </c>
      <c r="N217" s="797" t="s">
        <v>1489</v>
      </c>
      <c r="O217" s="797">
        <v>1</v>
      </c>
      <c r="P217" s="797" t="s">
        <v>1490</v>
      </c>
      <c r="Q217" s="797" t="s">
        <v>1491</v>
      </c>
      <c r="R217" s="797" t="s">
        <v>1492</v>
      </c>
      <c r="S217" s="797" t="s">
        <v>1493</v>
      </c>
      <c r="T217" s="797" t="s">
        <v>1706</v>
      </c>
      <c r="U217" s="797" t="s">
        <v>1707</v>
      </c>
      <c r="V217" s="797" t="s">
        <v>25</v>
      </c>
      <c r="W217" s="807" t="s">
        <v>1498</v>
      </c>
      <c r="X217" s="807" t="s">
        <v>1498</v>
      </c>
      <c r="Y217" s="807" t="s">
        <v>1498</v>
      </c>
      <c r="Z217" s="807" t="s">
        <v>1498</v>
      </c>
      <c r="AA217" s="807" t="s">
        <v>1498</v>
      </c>
      <c r="AB217" s="807" t="s">
        <v>1498</v>
      </c>
      <c r="AC217" s="807" t="s">
        <v>1498</v>
      </c>
      <c r="AD217" s="807" t="s">
        <v>1498</v>
      </c>
      <c r="AE217" s="807" t="s">
        <v>1498</v>
      </c>
      <c r="AF217" s="807" t="s">
        <v>1498</v>
      </c>
      <c r="AG217" s="807" t="s">
        <v>1498</v>
      </c>
      <c r="AH217" s="807" t="s">
        <v>1498</v>
      </c>
      <c r="AI217" s="807" t="s">
        <v>1498</v>
      </c>
      <c r="AJ217" s="807" t="s">
        <v>1498</v>
      </c>
      <c r="AK217" s="807" t="s">
        <v>1498</v>
      </c>
      <c r="AL217" s="807" t="s">
        <v>1498</v>
      </c>
      <c r="AM217" s="807" t="s">
        <v>1498</v>
      </c>
      <c r="AN217" s="807" t="s">
        <v>1498</v>
      </c>
      <c r="AO217" s="807" t="s">
        <v>1498</v>
      </c>
      <c r="AP217" s="807" t="s">
        <v>1498</v>
      </c>
      <c r="AQ217" s="1300">
        <f t="shared" si="40"/>
        <v>0</v>
      </c>
      <c r="AR217" s="797" t="s">
        <v>1983</v>
      </c>
      <c r="AS217" s="797" t="s">
        <v>834</v>
      </c>
      <c r="AT217" s="797" t="s">
        <v>53</v>
      </c>
      <c r="AU217" s="801">
        <v>457042</v>
      </c>
      <c r="AV217" s="813">
        <f>ROUND((VLOOKUP(G217,'[6]Cost Summary'!A:H,8,)),0.1)</f>
        <v>457042</v>
      </c>
      <c r="AW217" s="797">
        <v>0</v>
      </c>
      <c r="AX217" s="797" t="s">
        <v>1500</v>
      </c>
      <c r="AY217" s="814" t="s">
        <v>1584</v>
      </c>
      <c r="AZ217" s="805">
        <v>296928.86</v>
      </c>
    </row>
    <row r="218" spans="1:52" ht="75" hidden="1" x14ac:dyDescent="0.25">
      <c r="A218" s="785"/>
      <c r="B218" s="785"/>
      <c r="C218" s="785"/>
      <c r="D218" s="785"/>
      <c r="E218" s="785"/>
      <c r="F218" s="785"/>
      <c r="G218" s="797" t="s">
        <v>2077</v>
      </c>
      <c r="H218" s="797" t="s">
        <v>932</v>
      </c>
      <c r="I218" s="798" t="s">
        <v>1051</v>
      </c>
      <c r="J218" s="797" t="s">
        <v>1052</v>
      </c>
      <c r="K218" s="797">
        <v>51.729831619999999</v>
      </c>
      <c r="L218" s="797">
        <v>-0.45701721499999998</v>
      </c>
      <c r="M218" s="797" t="s">
        <v>1522</v>
      </c>
      <c r="N218" s="797" t="s">
        <v>1489</v>
      </c>
      <c r="O218" s="797">
        <v>1</v>
      </c>
      <c r="P218" s="797" t="s">
        <v>1490</v>
      </c>
      <c r="Q218" s="797" t="s">
        <v>1491</v>
      </c>
      <c r="R218" s="797" t="s">
        <v>1492</v>
      </c>
      <c r="S218" s="797" t="s">
        <v>1493</v>
      </c>
      <c r="T218" s="797" t="s">
        <v>1706</v>
      </c>
      <c r="U218" s="797" t="s">
        <v>1707</v>
      </c>
      <c r="V218" s="797" t="s">
        <v>25</v>
      </c>
      <c r="W218" s="807" t="s">
        <v>1498</v>
      </c>
      <c r="X218" s="807" t="s">
        <v>1498</v>
      </c>
      <c r="Y218" s="807" t="s">
        <v>1498</v>
      </c>
      <c r="Z218" s="807" t="s">
        <v>1498</v>
      </c>
      <c r="AA218" s="807" t="s">
        <v>1498</v>
      </c>
      <c r="AB218" s="807" t="s">
        <v>1498</v>
      </c>
      <c r="AC218" s="807" t="s">
        <v>1498</v>
      </c>
      <c r="AD218" s="807" t="s">
        <v>1498</v>
      </c>
      <c r="AE218" s="807" t="s">
        <v>1498</v>
      </c>
      <c r="AF218" s="807" t="s">
        <v>1498</v>
      </c>
      <c r="AG218" s="807" t="s">
        <v>1498</v>
      </c>
      <c r="AH218" s="807" t="s">
        <v>1498</v>
      </c>
      <c r="AI218" s="807" t="s">
        <v>1498</v>
      </c>
      <c r="AJ218" s="807" t="s">
        <v>1498</v>
      </c>
      <c r="AK218" s="807" t="s">
        <v>1498</v>
      </c>
      <c r="AL218" s="807" t="s">
        <v>1498</v>
      </c>
      <c r="AM218" s="807" t="s">
        <v>1498</v>
      </c>
      <c r="AN218" s="807" t="s">
        <v>1498</v>
      </c>
      <c r="AO218" s="807" t="s">
        <v>1498</v>
      </c>
      <c r="AP218" s="807" t="s">
        <v>1498</v>
      </c>
      <c r="AQ218" s="1300">
        <f t="shared" si="40"/>
        <v>0</v>
      </c>
      <c r="AR218" s="797" t="s">
        <v>1983</v>
      </c>
      <c r="AS218" s="797" t="s">
        <v>834</v>
      </c>
      <c r="AT218" s="797" t="s">
        <v>53</v>
      </c>
      <c r="AU218" s="801">
        <v>553714</v>
      </c>
      <c r="AV218" s="813">
        <f>ROUND((VLOOKUP(G218,'[6]Cost Summary'!A:H,8,)),0.1)</f>
        <v>553714</v>
      </c>
      <c r="AW218" s="797">
        <v>0</v>
      </c>
      <c r="AX218" s="797" t="s">
        <v>1500</v>
      </c>
      <c r="AY218" s="814" t="s">
        <v>1584</v>
      </c>
      <c r="AZ218" s="805">
        <v>359734.38</v>
      </c>
    </row>
    <row r="219" spans="1:52" ht="45" hidden="1" x14ac:dyDescent="0.25">
      <c r="A219" s="785"/>
      <c r="B219" s="785"/>
      <c r="C219" s="785"/>
      <c r="D219" s="785"/>
      <c r="E219" s="785"/>
      <c r="F219" s="785"/>
      <c r="G219" s="797" t="s">
        <v>2083</v>
      </c>
      <c r="H219" s="797" t="s">
        <v>932</v>
      </c>
      <c r="I219" s="798" t="s">
        <v>1053</v>
      </c>
      <c r="J219" s="797" t="s">
        <v>1054</v>
      </c>
      <c r="K219" s="797">
        <v>51.730353000000001</v>
      </c>
      <c r="L219" s="797">
        <v>-0.45757399999999998</v>
      </c>
      <c r="M219" s="797" t="s">
        <v>1522</v>
      </c>
      <c r="N219" s="797" t="s">
        <v>1489</v>
      </c>
      <c r="O219" s="797">
        <v>1</v>
      </c>
      <c r="P219" s="797" t="s">
        <v>1490</v>
      </c>
      <c r="Q219" s="797" t="s">
        <v>1491</v>
      </c>
      <c r="R219" s="797" t="s">
        <v>1492</v>
      </c>
      <c r="S219" s="797" t="s">
        <v>1493</v>
      </c>
      <c r="T219" s="797" t="s">
        <v>1706</v>
      </c>
      <c r="U219" s="797" t="s">
        <v>1707</v>
      </c>
      <c r="V219" s="797" t="s">
        <v>25</v>
      </c>
      <c r="W219" s="807" t="s">
        <v>1498</v>
      </c>
      <c r="X219" s="807" t="s">
        <v>1498</v>
      </c>
      <c r="Y219" s="807" t="s">
        <v>1498</v>
      </c>
      <c r="Z219" s="807" t="s">
        <v>1498</v>
      </c>
      <c r="AA219" s="807" t="s">
        <v>1498</v>
      </c>
      <c r="AB219" s="807" t="s">
        <v>1498</v>
      </c>
      <c r="AC219" s="807" t="s">
        <v>1498</v>
      </c>
      <c r="AD219" s="807" t="s">
        <v>1498</v>
      </c>
      <c r="AE219" s="807" t="s">
        <v>1498</v>
      </c>
      <c r="AF219" s="807" t="s">
        <v>1498</v>
      </c>
      <c r="AG219" s="807" t="s">
        <v>1498</v>
      </c>
      <c r="AH219" s="807" t="s">
        <v>1498</v>
      </c>
      <c r="AI219" s="807" t="s">
        <v>1498</v>
      </c>
      <c r="AJ219" s="807" t="s">
        <v>1498</v>
      </c>
      <c r="AK219" s="807" t="s">
        <v>1498</v>
      </c>
      <c r="AL219" s="807" t="s">
        <v>1498</v>
      </c>
      <c r="AM219" s="807" t="s">
        <v>1498</v>
      </c>
      <c r="AN219" s="807" t="s">
        <v>1498</v>
      </c>
      <c r="AO219" s="807" t="s">
        <v>1498</v>
      </c>
      <c r="AP219" s="807" t="s">
        <v>1498</v>
      </c>
      <c r="AQ219" s="1300">
        <f t="shared" si="40"/>
        <v>0</v>
      </c>
      <c r="AR219" s="797" t="s">
        <v>1983</v>
      </c>
      <c r="AS219" s="797" t="s">
        <v>834</v>
      </c>
      <c r="AT219" s="797" t="s">
        <v>53</v>
      </c>
      <c r="AU219" s="801">
        <v>72774</v>
      </c>
      <c r="AV219" s="813">
        <f>ROUND((VLOOKUP(G219,'[6]Cost Summary'!A:H,8,)),0.1)</f>
        <v>72774</v>
      </c>
      <c r="AW219" s="797">
        <v>0</v>
      </c>
      <c r="AX219" s="797" t="s">
        <v>1500</v>
      </c>
      <c r="AY219" s="814" t="s">
        <v>1584</v>
      </c>
      <c r="AZ219" s="805">
        <v>47279.38</v>
      </c>
    </row>
    <row r="220" spans="1:52" ht="45" hidden="1" x14ac:dyDescent="0.25">
      <c r="A220" s="785"/>
      <c r="B220" s="785"/>
      <c r="C220" s="785"/>
      <c r="D220" s="785"/>
      <c r="E220" s="785"/>
      <c r="F220" s="785"/>
      <c r="G220" s="797" t="s">
        <v>2084</v>
      </c>
      <c r="H220" s="797" t="s">
        <v>932</v>
      </c>
      <c r="I220" s="798" t="s">
        <v>1055</v>
      </c>
      <c r="J220" s="797" t="s">
        <v>1056</v>
      </c>
      <c r="K220" s="797" t="s">
        <v>1521</v>
      </c>
      <c r="L220" s="797" t="s">
        <v>1521</v>
      </c>
      <c r="M220" s="797" t="s">
        <v>1522</v>
      </c>
      <c r="N220" s="797" t="s">
        <v>1489</v>
      </c>
      <c r="O220" s="797">
        <v>1</v>
      </c>
      <c r="P220" s="797" t="s">
        <v>1490</v>
      </c>
      <c r="Q220" s="797" t="s">
        <v>1491</v>
      </c>
      <c r="R220" s="797" t="s">
        <v>1492</v>
      </c>
      <c r="S220" s="797" t="s">
        <v>1493</v>
      </c>
      <c r="T220" s="797" t="s">
        <v>1706</v>
      </c>
      <c r="U220" s="797" t="s">
        <v>1707</v>
      </c>
      <c r="V220" s="797" t="s">
        <v>25</v>
      </c>
      <c r="W220" s="807" t="s">
        <v>1498</v>
      </c>
      <c r="X220" s="807" t="s">
        <v>1498</v>
      </c>
      <c r="Y220" s="807" t="s">
        <v>1498</v>
      </c>
      <c r="Z220" s="807" t="s">
        <v>1498</v>
      </c>
      <c r="AA220" s="807" t="s">
        <v>1498</v>
      </c>
      <c r="AB220" s="807" t="s">
        <v>1498</v>
      </c>
      <c r="AC220" s="807" t="s">
        <v>1498</v>
      </c>
      <c r="AD220" s="807" t="s">
        <v>1498</v>
      </c>
      <c r="AE220" s="807" t="s">
        <v>1498</v>
      </c>
      <c r="AF220" s="807" t="s">
        <v>1498</v>
      </c>
      <c r="AG220" s="807" t="s">
        <v>1498</v>
      </c>
      <c r="AH220" s="807" t="s">
        <v>1498</v>
      </c>
      <c r="AI220" s="807" t="s">
        <v>1498</v>
      </c>
      <c r="AJ220" s="807" t="s">
        <v>1498</v>
      </c>
      <c r="AK220" s="807" t="s">
        <v>1498</v>
      </c>
      <c r="AL220" s="807" t="s">
        <v>1498</v>
      </c>
      <c r="AM220" s="807" t="s">
        <v>1498</v>
      </c>
      <c r="AN220" s="807" t="s">
        <v>1498</v>
      </c>
      <c r="AO220" s="807" t="s">
        <v>1498</v>
      </c>
      <c r="AP220" s="807" t="s">
        <v>1498</v>
      </c>
      <c r="AQ220" s="1300">
        <f t="shared" si="40"/>
        <v>0</v>
      </c>
      <c r="AR220" s="797" t="s">
        <v>1983</v>
      </c>
      <c r="AS220" s="797" t="s">
        <v>834</v>
      </c>
      <c r="AT220" s="797" t="s">
        <v>53</v>
      </c>
      <c r="AU220" s="801">
        <v>1518759</v>
      </c>
      <c r="AV220" s="813">
        <f>ROUND((VLOOKUP(G220,'[6]Cost Summary'!A:H,8,)),0.1)</f>
        <v>1518759</v>
      </c>
      <c r="AW220" s="797">
        <v>1</v>
      </c>
      <c r="AX220" s="797">
        <v>7</v>
      </c>
      <c r="AY220" s="814" t="s">
        <v>1584</v>
      </c>
      <c r="AZ220" s="805">
        <v>986700</v>
      </c>
    </row>
    <row r="221" spans="1:52" ht="45" hidden="1" x14ac:dyDescent="0.25">
      <c r="A221" s="785"/>
      <c r="B221" s="785"/>
      <c r="C221" s="785"/>
      <c r="D221" s="785"/>
      <c r="E221" s="785"/>
      <c r="F221" s="785"/>
      <c r="G221" s="797" t="s">
        <v>2097</v>
      </c>
      <c r="H221" s="797" t="s">
        <v>932</v>
      </c>
      <c r="I221" s="798" t="s">
        <v>1057</v>
      </c>
      <c r="J221" s="797" t="s">
        <v>1058</v>
      </c>
      <c r="K221" s="797" t="s">
        <v>2098</v>
      </c>
      <c r="L221" s="797" t="s">
        <v>2099</v>
      </c>
      <c r="M221" s="797" t="s">
        <v>1522</v>
      </c>
      <c r="N221" s="797" t="s">
        <v>1489</v>
      </c>
      <c r="O221" s="797">
        <v>1</v>
      </c>
      <c r="P221" s="797" t="s">
        <v>1490</v>
      </c>
      <c r="Q221" s="797" t="s">
        <v>1491</v>
      </c>
      <c r="R221" s="797" t="s">
        <v>1492</v>
      </c>
      <c r="S221" s="797" t="s">
        <v>1493</v>
      </c>
      <c r="T221" s="797" t="s">
        <v>1706</v>
      </c>
      <c r="U221" s="797" t="s">
        <v>1707</v>
      </c>
      <c r="V221" s="797" t="s">
        <v>25</v>
      </c>
      <c r="W221" s="807" t="s">
        <v>1498</v>
      </c>
      <c r="X221" s="807" t="s">
        <v>1498</v>
      </c>
      <c r="Y221" s="807" t="s">
        <v>1498</v>
      </c>
      <c r="Z221" s="807" t="s">
        <v>1498</v>
      </c>
      <c r="AA221" s="807" t="s">
        <v>1498</v>
      </c>
      <c r="AB221" s="807" t="s">
        <v>1498</v>
      </c>
      <c r="AC221" s="807" t="s">
        <v>1498</v>
      </c>
      <c r="AD221" s="807" t="s">
        <v>1498</v>
      </c>
      <c r="AE221" s="807" t="s">
        <v>1498</v>
      </c>
      <c r="AF221" s="807" t="s">
        <v>1498</v>
      </c>
      <c r="AG221" s="807" t="s">
        <v>1498</v>
      </c>
      <c r="AH221" s="807" t="s">
        <v>1498</v>
      </c>
      <c r="AI221" s="807" t="s">
        <v>1498</v>
      </c>
      <c r="AJ221" s="807" t="s">
        <v>1498</v>
      </c>
      <c r="AK221" s="807" t="s">
        <v>1498</v>
      </c>
      <c r="AL221" s="807" t="s">
        <v>1498</v>
      </c>
      <c r="AM221" s="807" t="s">
        <v>1498</v>
      </c>
      <c r="AN221" s="807" t="s">
        <v>1498</v>
      </c>
      <c r="AO221" s="807" t="s">
        <v>1498</v>
      </c>
      <c r="AP221" s="807" t="s">
        <v>1498</v>
      </c>
      <c r="AQ221" s="1300">
        <f t="shared" si="40"/>
        <v>0</v>
      </c>
      <c r="AR221" s="797" t="s">
        <v>1983</v>
      </c>
      <c r="AS221" s="797" t="s">
        <v>834</v>
      </c>
      <c r="AT221" s="797" t="s">
        <v>53</v>
      </c>
      <c r="AU221" s="801">
        <v>20883</v>
      </c>
      <c r="AV221" s="813">
        <f>ROUND((VLOOKUP(G221,'[6]Cost Summary'!A:H,8,)),0.1)</f>
        <v>20883</v>
      </c>
      <c r="AW221" s="797">
        <v>1</v>
      </c>
      <c r="AX221" s="797">
        <v>7</v>
      </c>
      <c r="AY221" s="814" t="s">
        <v>1584</v>
      </c>
      <c r="AZ221" s="805">
        <v>13567.13</v>
      </c>
    </row>
    <row r="222" spans="1:52" ht="75" hidden="1" x14ac:dyDescent="0.25">
      <c r="A222" s="785"/>
      <c r="B222" s="785" t="s">
        <v>66</v>
      </c>
      <c r="C222" s="785"/>
      <c r="D222" s="785"/>
      <c r="E222" s="785"/>
      <c r="F222" s="785"/>
      <c r="G222" s="797" t="s">
        <v>1836</v>
      </c>
      <c r="H222" s="797" t="s">
        <v>932</v>
      </c>
      <c r="I222" s="798" t="s">
        <v>1059</v>
      </c>
      <c r="J222" s="797" t="s">
        <v>1060</v>
      </c>
      <c r="K222" s="797" t="s">
        <v>1838</v>
      </c>
      <c r="L222" s="797" t="s">
        <v>1839</v>
      </c>
      <c r="M222" s="797" t="s">
        <v>1488</v>
      </c>
      <c r="N222" s="797" t="s">
        <v>1489</v>
      </c>
      <c r="O222" s="797">
        <v>1</v>
      </c>
      <c r="P222" s="797" t="s">
        <v>1490</v>
      </c>
      <c r="Q222" s="797" t="s">
        <v>1491</v>
      </c>
      <c r="R222" s="797" t="s">
        <v>1492</v>
      </c>
      <c r="S222" s="797" t="s">
        <v>1493</v>
      </c>
      <c r="T222" s="797" t="s">
        <v>1690</v>
      </c>
      <c r="U222" s="799" t="s">
        <v>1495</v>
      </c>
      <c r="V222" s="799" t="s">
        <v>3248</v>
      </c>
      <c r="W222" s="806">
        <v>4</v>
      </c>
      <c r="X222" s="806">
        <v>5</v>
      </c>
      <c r="Y222" s="806">
        <v>5</v>
      </c>
      <c r="Z222" s="806">
        <v>5</v>
      </c>
      <c r="AA222" s="806">
        <v>4</v>
      </c>
      <c r="AB222" s="806">
        <v>2</v>
      </c>
      <c r="AC222" s="806">
        <v>4</v>
      </c>
      <c r="AD222" s="806">
        <v>3</v>
      </c>
      <c r="AE222" s="806">
        <v>16</v>
      </c>
      <c r="AF222" s="806">
        <v>6</v>
      </c>
      <c r="AG222" s="841">
        <f t="shared" ref="AG222:AP223" si="44">W222/(SUM($W222:$AF222))</f>
        <v>7.407407407407407E-2</v>
      </c>
      <c r="AH222" s="841">
        <f t="shared" si="44"/>
        <v>9.2592592592592587E-2</v>
      </c>
      <c r="AI222" s="841">
        <f t="shared" si="44"/>
        <v>9.2592592592592587E-2</v>
      </c>
      <c r="AJ222" s="841">
        <f t="shared" si="44"/>
        <v>9.2592592592592587E-2</v>
      </c>
      <c r="AK222" s="841">
        <f t="shared" si="44"/>
        <v>7.407407407407407E-2</v>
      </c>
      <c r="AL222" s="841">
        <f t="shared" si="44"/>
        <v>3.7037037037037035E-2</v>
      </c>
      <c r="AM222" s="841">
        <f t="shared" si="44"/>
        <v>7.407407407407407E-2</v>
      </c>
      <c r="AN222" s="841">
        <f t="shared" si="44"/>
        <v>5.5555555555555552E-2</v>
      </c>
      <c r="AO222" s="841">
        <f t="shared" si="44"/>
        <v>0.29629629629629628</v>
      </c>
      <c r="AP222" s="841">
        <f t="shared" si="44"/>
        <v>0.1111111111111111</v>
      </c>
      <c r="AQ222" s="1300">
        <f t="shared" si="40"/>
        <v>1</v>
      </c>
      <c r="AR222" s="797" t="s">
        <v>1840</v>
      </c>
      <c r="AS222" s="797" t="s">
        <v>722</v>
      </c>
      <c r="AT222" s="797" t="s">
        <v>53</v>
      </c>
      <c r="AU222" s="801">
        <v>41091</v>
      </c>
      <c r="AV222" s="813">
        <f>ROUND((VLOOKUP(G222,'[6]Cost Summary'!A:H,8,)),0.1)</f>
        <v>41091</v>
      </c>
      <c r="AW222" s="797">
        <v>0</v>
      </c>
      <c r="AX222" s="797" t="s">
        <v>1500</v>
      </c>
      <c r="AY222" s="814" t="s">
        <v>1584</v>
      </c>
      <c r="AZ222" s="805">
        <v>26695.56</v>
      </c>
    </row>
    <row r="223" spans="1:52" ht="90" hidden="1" x14ac:dyDescent="0.25">
      <c r="A223" s="785"/>
      <c r="B223" s="785" t="s">
        <v>66</v>
      </c>
      <c r="C223" s="785"/>
      <c r="D223" s="785"/>
      <c r="E223" s="785"/>
      <c r="F223" s="785"/>
      <c r="G223" s="797" t="s">
        <v>1841</v>
      </c>
      <c r="H223" s="797" t="s">
        <v>932</v>
      </c>
      <c r="I223" s="798" t="s">
        <v>1061</v>
      </c>
      <c r="J223" s="797" t="s">
        <v>1062</v>
      </c>
      <c r="K223" s="797">
        <v>51.734836899999998</v>
      </c>
      <c r="L223" s="797">
        <v>-0.45873128099999999</v>
      </c>
      <c r="M223" s="797" t="s">
        <v>1488</v>
      </c>
      <c r="N223" s="797" t="s">
        <v>1489</v>
      </c>
      <c r="O223" s="797">
        <v>1</v>
      </c>
      <c r="P223" s="797" t="s">
        <v>1490</v>
      </c>
      <c r="Q223" s="797" t="s">
        <v>1491</v>
      </c>
      <c r="R223" s="797" t="s">
        <v>1492</v>
      </c>
      <c r="S223" s="797" t="s">
        <v>1493</v>
      </c>
      <c r="T223" s="797" t="s">
        <v>1690</v>
      </c>
      <c r="U223" s="799" t="s">
        <v>1495</v>
      </c>
      <c r="V223" s="799" t="s">
        <v>3248</v>
      </c>
      <c r="W223" s="806">
        <v>4</v>
      </c>
      <c r="X223" s="806">
        <v>5</v>
      </c>
      <c r="Y223" s="806">
        <v>5</v>
      </c>
      <c r="Z223" s="806">
        <v>5</v>
      </c>
      <c r="AA223" s="806">
        <v>4</v>
      </c>
      <c r="AB223" s="806">
        <v>2</v>
      </c>
      <c r="AC223" s="806">
        <v>4</v>
      </c>
      <c r="AD223" s="806">
        <v>3</v>
      </c>
      <c r="AE223" s="806">
        <v>16</v>
      </c>
      <c r="AF223" s="806">
        <v>6</v>
      </c>
      <c r="AG223" s="841">
        <f t="shared" si="44"/>
        <v>7.407407407407407E-2</v>
      </c>
      <c r="AH223" s="841">
        <f t="shared" si="44"/>
        <v>9.2592592592592587E-2</v>
      </c>
      <c r="AI223" s="841">
        <f t="shared" si="44"/>
        <v>9.2592592592592587E-2</v>
      </c>
      <c r="AJ223" s="841">
        <f t="shared" si="44"/>
        <v>9.2592592592592587E-2</v>
      </c>
      <c r="AK223" s="841">
        <f t="shared" si="44"/>
        <v>7.407407407407407E-2</v>
      </c>
      <c r="AL223" s="841">
        <f t="shared" si="44"/>
        <v>3.7037037037037035E-2</v>
      </c>
      <c r="AM223" s="841">
        <f t="shared" si="44"/>
        <v>7.407407407407407E-2</v>
      </c>
      <c r="AN223" s="841">
        <f t="shared" si="44"/>
        <v>5.5555555555555552E-2</v>
      </c>
      <c r="AO223" s="841">
        <f t="shared" si="44"/>
        <v>0.29629629629629628</v>
      </c>
      <c r="AP223" s="841">
        <f t="shared" si="44"/>
        <v>0.1111111111111111</v>
      </c>
      <c r="AQ223" s="1300">
        <f t="shared" si="40"/>
        <v>1</v>
      </c>
      <c r="AR223" s="797" t="s">
        <v>1840</v>
      </c>
      <c r="AS223" s="797" t="s">
        <v>722</v>
      </c>
      <c r="AT223" s="797" t="s">
        <v>53</v>
      </c>
      <c r="AU223" s="801">
        <v>381968</v>
      </c>
      <c r="AV223" s="813">
        <f>ROUND((VLOOKUP(G223,'[6]Cost Summary'!A:H,8,)),0.1)</f>
        <v>381968</v>
      </c>
      <c r="AW223" s="797">
        <v>0</v>
      </c>
      <c r="AX223" s="797" t="s">
        <v>1500</v>
      </c>
      <c r="AY223" s="814" t="s">
        <v>1584</v>
      </c>
      <c r="AZ223" s="805">
        <v>248155.05</v>
      </c>
    </row>
    <row r="224" spans="1:52" ht="83.85" hidden="1" customHeight="1" x14ac:dyDescent="0.25">
      <c r="A224" s="785"/>
      <c r="B224" s="785"/>
      <c r="C224" s="785"/>
      <c r="D224" s="785"/>
      <c r="E224" s="785"/>
      <c r="F224" s="785"/>
      <c r="G224" s="797" t="s">
        <v>1842</v>
      </c>
      <c r="H224" s="797" t="s">
        <v>932</v>
      </c>
      <c r="I224" s="798" t="s">
        <v>1063</v>
      </c>
      <c r="J224" s="797" t="s">
        <v>1064</v>
      </c>
      <c r="K224" s="797" t="s">
        <v>1843</v>
      </c>
      <c r="L224" s="797" t="s">
        <v>1844</v>
      </c>
      <c r="M224" s="797" t="s">
        <v>1488</v>
      </c>
      <c r="N224" s="797" t="s">
        <v>1489</v>
      </c>
      <c r="O224" s="797">
        <v>1</v>
      </c>
      <c r="P224" s="797" t="s">
        <v>1490</v>
      </c>
      <c r="Q224" s="797" t="s">
        <v>1491</v>
      </c>
      <c r="R224" s="797" t="s">
        <v>1492</v>
      </c>
      <c r="S224" s="797" t="s">
        <v>1493</v>
      </c>
      <c r="T224" s="797" t="s">
        <v>1690</v>
      </c>
      <c r="U224" s="797" t="s">
        <v>1723</v>
      </c>
      <c r="V224" s="799" t="s">
        <v>3248</v>
      </c>
      <c r="W224" s="807" t="s">
        <v>1498</v>
      </c>
      <c r="X224" s="807" t="s">
        <v>1498</v>
      </c>
      <c r="Y224" s="807" t="s">
        <v>1498</v>
      </c>
      <c r="Z224" s="807" t="s">
        <v>1498</v>
      </c>
      <c r="AA224" s="807" t="s">
        <v>1498</v>
      </c>
      <c r="AB224" s="807" t="s">
        <v>1498</v>
      </c>
      <c r="AC224" s="807" t="s">
        <v>1498</v>
      </c>
      <c r="AD224" s="807" t="s">
        <v>1498</v>
      </c>
      <c r="AE224" s="807" t="s">
        <v>1498</v>
      </c>
      <c r="AF224" s="807" t="s">
        <v>1498</v>
      </c>
      <c r="AG224" s="807" t="s">
        <v>1498</v>
      </c>
      <c r="AH224" s="807" t="s">
        <v>1498</v>
      </c>
      <c r="AI224" s="807" t="s">
        <v>1498</v>
      </c>
      <c r="AJ224" s="807" t="s">
        <v>1498</v>
      </c>
      <c r="AK224" s="807" t="s">
        <v>1498</v>
      </c>
      <c r="AL224" s="807" t="s">
        <v>1498</v>
      </c>
      <c r="AM224" s="807" t="s">
        <v>1498</v>
      </c>
      <c r="AN224" s="807" t="s">
        <v>1498</v>
      </c>
      <c r="AO224" s="807" t="s">
        <v>1498</v>
      </c>
      <c r="AP224" s="807" t="s">
        <v>1498</v>
      </c>
      <c r="AQ224" s="1300">
        <f t="shared" si="40"/>
        <v>0</v>
      </c>
      <c r="AR224" s="797" t="s">
        <v>1840</v>
      </c>
      <c r="AS224" s="797" t="s">
        <v>722</v>
      </c>
      <c r="AT224" s="797" t="s">
        <v>53</v>
      </c>
      <c r="AU224" s="801">
        <v>109218</v>
      </c>
      <c r="AV224" s="813">
        <f>ROUND((VLOOKUP(G224,'[6]Cost Summary'!A:H,8,)),0.1)</f>
        <v>109218</v>
      </c>
      <c r="AW224" s="797">
        <v>0</v>
      </c>
      <c r="AX224" s="797" t="s">
        <v>1500</v>
      </c>
      <c r="AY224" s="814" t="s">
        <v>1584</v>
      </c>
      <c r="AZ224" s="805">
        <v>70956.160000000003</v>
      </c>
    </row>
    <row r="225" spans="1:52" ht="93" hidden="1" customHeight="1" x14ac:dyDescent="0.25">
      <c r="A225" s="785"/>
      <c r="B225" s="785" t="s">
        <v>66</v>
      </c>
      <c r="C225" s="785"/>
      <c r="D225" s="785"/>
      <c r="E225" s="785"/>
      <c r="F225" s="785"/>
      <c r="G225" s="797" t="s">
        <v>1845</v>
      </c>
      <c r="H225" s="797" t="s">
        <v>932</v>
      </c>
      <c r="I225" s="798" t="s">
        <v>1065</v>
      </c>
      <c r="J225" s="797" t="s">
        <v>1066</v>
      </c>
      <c r="K225" s="797">
        <v>51.735067999999998</v>
      </c>
      <c r="L225" s="797">
        <v>-0.45910099999999998</v>
      </c>
      <c r="M225" s="797" t="s">
        <v>1488</v>
      </c>
      <c r="N225" s="797" t="s">
        <v>1489</v>
      </c>
      <c r="O225" s="797">
        <v>1</v>
      </c>
      <c r="P225" s="797" t="s">
        <v>1490</v>
      </c>
      <c r="Q225" s="797" t="s">
        <v>1491</v>
      </c>
      <c r="R225" s="797" t="s">
        <v>1492</v>
      </c>
      <c r="S225" s="797" t="s">
        <v>1493</v>
      </c>
      <c r="T225" s="797" t="s">
        <v>1690</v>
      </c>
      <c r="U225" s="797" t="s">
        <v>1495</v>
      </c>
      <c r="V225" s="799" t="s">
        <v>3248</v>
      </c>
      <c r="W225" s="806">
        <v>4</v>
      </c>
      <c r="X225" s="806">
        <v>5</v>
      </c>
      <c r="Y225" s="806">
        <v>5</v>
      </c>
      <c r="Z225" s="806">
        <v>5</v>
      </c>
      <c r="AA225" s="806">
        <v>4</v>
      </c>
      <c r="AB225" s="806">
        <v>2</v>
      </c>
      <c r="AC225" s="806">
        <v>4</v>
      </c>
      <c r="AD225" s="806">
        <v>3</v>
      </c>
      <c r="AE225" s="806">
        <v>16</v>
      </c>
      <c r="AF225" s="806">
        <v>6</v>
      </c>
      <c r="AG225" s="841">
        <f t="shared" ref="AG225:AP225" si="45">W225/(SUM($W225:$AF225))</f>
        <v>7.407407407407407E-2</v>
      </c>
      <c r="AH225" s="841">
        <f t="shared" si="45"/>
        <v>9.2592592592592587E-2</v>
      </c>
      <c r="AI225" s="841">
        <f t="shared" si="45"/>
        <v>9.2592592592592587E-2</v>
      </c>
      <c r="AJ225" s="841">
        <f t="shared" si="45"/>
        <v>9.2592592592592587E-2</v>
      </c>
      <c r="AK225" s="841">
        <f t="shared" si="45"/>
        <v>7.407407407407407E-2</v>
      </c>
      <c r="AL225" s="841">
        <f t="shared" si="45"/>
        <v>3.7037037037037035E-2</v>
      </c>
      <c r="AM225" s="841">
        <f t="shared" si="45"/>
        <v>7.407407407407407E-2</v>
      </c>
      <c r="AN225" s="841">
        <f t="shared" si="45"/>
        <v>5.5555555555555552E-2</v>
      </c>
      <c r="AO225" s="841">
        <f t="shared" si="45"/>
        <v>0.29629629629629628</v>
      </c>
      <c r="AP225" s="841">
        <f t="shared" si="45"/>
        <v>0.1111111111111111</v>
      </c>
      <c r="AQ225" s="1300">
        <f t="shared" si="40"/>
        <v>1</v>
      </c>
      <c r="AR225" s="797" t="s">
        <v>1840</v>
      </c>
      <c r="AS225" s="797" t="s">
        <v>722</v>
      </c>
      <c r="AT225" s="797" t="s">
        <v>53</v>
      </c>
      <c r="AU225" s="801">
        <v>72774</v>
      </c>
      <c r="AV225" s="813">
        <f>ROUND((VLOOKUP(G225,'[6]Cost Summary'!A:H,8,)),0.1)</f>
        <v>72774</v>
      </c>
      <c r="AW225" s="797">
        <v>0</v>
      </c>
      <c r="AX225" s="797" t="s">
        <v>1500</v>
      </c>
      <c r="AY225" s="814" t="s">
        <v>1584</v>
      </c>
      <c r="AZ225" s="805">
        <v>47279.38</v>
      </c>
    </row>
    <row r="226" spans="1:52" ht="75" hidden="1" x14ac:dyDescent="0.25">
      <c r="A226" s="785"/>
      <c r="B226" s="785"/>
      <c r="C226" s="785"/>
      <c r="D226" s="785"/>
      <c r="E226" s="785"/>
      <c r="F226" s="785"/>
      <c r="G226" s="797" t="s">
        <v>1846</v>
      </c>
      <c r="H226" s="797" t="s">
        <v>932</v>
      </c>
      <c r="I226" s="798" t="s">
        <v>1067</v>
      </c>
      <c r="J226" s="797" t="s">
        <v>1068</v>
      </c>
      <c r="K226" s="797">
        <v>51.737473420000001</v>
      </c>
      <c r="L226" s="797">
        <v>-0.45314657200000003</v>
      </c>
      <c r="M226" s="797" t="s">
        <v>1488</v>
      </c>
      <c r="N226" s="797" t="s">
        <v>1489</v>
      </c>
      <c r="O226" s="797">
        <v>1</v>
      </c>
      <c r="P226" s="797" t="s">
        <v>1490</v>
      </c>
      <c r="Q226" s="797" t="s">
        <v>1491</v>
      </c>
      <c r="R226" s="797" t="s">
        <v>1492</v>
      </c>
      <c r="S226" s="797" t="s">
        <v>1493</v>
      </c>
      <c r="T226" s="797" t="s">
        <v>1690</v>
      </c>
      <c r="U226" s="797" t="s">
        <v>1723</v>
      </c>
      <c r="V226" s="799" t="s">
        <v>3248</v>
      </c>
      <c r="W226" s="807" t="s">
        <v>1498</v>
      </c>
      <c r="X226" s="807" t="s">
        <v>1498</v>
      </c>
      <c r="Y226" s="807" t="s">
        <v>1498</v>
      </c>
      <c r="Z226" s="807" t="s">
        <v>1498</v>
      </c>
      <c r="AA226" s="807" t="s">
        <v>1498</v>
      </c>
      <c r="AB226" s="807" t="s">
        <v>1498</v>
      </c>
      <c r="AC226" s="807" t="s">
        <v>1498</v>
      </c>
      <c r="AD226" s="807" t="s">
        <v>1498</v>
      </c>
      <c r="AE226" s="807" t="s">
        <v>1498</v>
      </c>
      <c r="AF226" s="807" t="s">
        <v>1498</v>
      </c>
      <c r="AG226" s="807" t="s">
        <v>1498</v>
      </c>
      <c r="AH226" s="807" t="s">
        <v>1498</v>
      </c>
      <c r="AI226" s="807" t="s">
        <v>1498</v>
      </c>
      <c r="AJ226" s="807" t="s">
        <v>1498</v>
      </c>
      <c r="AK226" s="807" t="s">
        <v>1498</v>
      </c>
      <c r="AL226" s="807" t="s">
        <v>1498</v>
      </c>
      <c r="AM226" s="807" t="s">
        <v>1498</v>
      </c>
      <c r="AN226" s="807" t="s">
        <v>1498</v>
      </c>
      <c r="AO226" s="807" t="s">
        <v>1498</v>
      </c>
      <c r="AP226" s="807" t="s">
        <v>1498</v>
      </c>
      <c r="AQ226" s="1300">
        <f t="shared" si="40"/>
        <v>0</v>
      </c>
      <c r="AR226" s="797" t="s">
        <v>1840</v>
      </c>
      <c r="AS226" s="797" t="s">
        <v>722</v>
      </c>
      <c r="AT226" s="797" t="s">
        <v>53</v>
      </c>
      <c r="AU226" s="801">
        <v>2531</v>
      </c>
      <c r="AV226" s="813">
        <f>ROUND((VLOOKUP(G226,'[6]Cost Summary'!A:H,8,)),0.1)</f>
        <v>2531</v>
      </c>
      <c r="AW226" s="797">
        <v>0</v>
      </c>
      <c r="AX226" s="797" t="s">
        <v>1500</v>
      </c>
      <c r="AY226" s="814" t="s">
        <v>1584</v>
      </c>
      <c r="AZ226" s="805">
        <v>1644.5</v>
      </c>
    </row>
    <row r="227" spans="1:52" ht="75" hidden="1" x14ac:dyDescent="0.25">
      <c r="A227" s="785"/>
      <c r="B227" s="785"/>
      <c r="C227" s="785"/>
      <c r="D227" s="785"/>
      <c r="E227" s="785"/>
      <c r="F227" s="785"/>
      <c r="G227" s="797" t="s">
        <v>1847</v>
      </c>
      <c r="H227" s="797" t="s">
        <v>932</v>
      </c>
      <c r="I227" s="798" t="s">
        <v>1069</v>
      </c>
      <c r="J227" s="797" t="s">
        <v>1070</v>
      </c>
      <c r="K227" s="797">
        <v>51.738690810000001</v>
      </c>
      <c r="L227" s="797">
        <v>-0.45149962500000002</v>
      </c>
      <c r="M227" s="797" t="s">
        <v>1488</v>
      </c>
      <c r="N227" s="797" t="s">
        <v>1489</v>
      </c>
      <c r="O227" s="797">
        <v>1</v>
      </c>
      <c r="P227" s="797" t="s">
        <v>1490</v>
      </c>
      <c r="Q227" s="797" t="s">
        <v>1491</v>
      </c>
      <c r="R227" s="797" t="s">
        <v>1492</v>
      </c>
      <c r="S227" s="797" t="s">
        <v>1493</v>
      </c>
      <c r="T227" s="797" t="s">
        <v>1690</v>
      </c>
      <c r="U227" s="797" t="s">
        <v>1723</v>
      </c>
      <c r="V227" s="799" t="s">
        <v>3248</v>
      </c>
      <c r="W227" s="807" t="s">
        <v>1498</v>
      </c>
      <c r="X227" s="807" t="s">
        <v>1498</v>
      </c>
      <c r="Y227" s="807" t="s">
        <v>1498</v>
      </c>
      <c r="Z227" s="807" t="s">
        <v>1498</v>
      </c>
      <c r="AA227" s="807" t="s">
        <v>1498</v>
      </c>
      <c r="AB227" s="807" t="s">
        <v>1498</v>
      </c>
      <c r="AC227" s="807" t="s">
        <v>1498</v>
      </c>
      <c r="AD227" s="807" t="s">
        <v>1498</v>
      </c>
      <c r="AE227" s="807" t="s">
        <v>1498</v>
      </c>
      <c r="AF227" s="807" t="s">
        <v>1498</v>
      </c>
      <c r="AG227" s="807" t="s">
        <v>1498</v>
      </c>
      <c r="AH227" s="807" t="s">
        <v>1498</v>
      </c>
      <c r="AI227" s="807" t="s">
        <v>1498</v>
      </c>
      <c r="AJ227" s="807" t="s">
        <v>1498</v>
      </c>
      <c r="AK227" s="807" t="s">
        <v>1498</v>
      </c>
      <c r="AL227" s="807" t="s">
        <v>1498</v>
      </c>
      <c r="AM227" s="807" t="s">
        <v>1498</v>
      </c>
      <c r="AN227" s="807" t="s">
        <v>1498</v>
      </c>
      <c r="AO227" s="807" t="s">
        <v>1498</v>
      </c>
      <c r="AP227" s="807" t="s">
        <v>1498</v>
      </c>
      <c r="AQ227" s="1300">
        <f t="shared" si="40"/>
        <v>0</v>
      </c>
      <c r="AR227" s="797" t="s">
        <v>1840</v>
      </c>
      <c r="AS227" s="797" t="s">
        <v>722</v>
      </c>
      <c r="AT227" s="797" t="s">
        <v>53</v>
      </c>
      <c r="AU227" s="801">
        <v>175239</v>
      </c>
      <c r="AV227" s="813">
        <f>ROUND((VLOOKUP(G227,'[6]Cost Summary'!A:H,8,)),0.1)</f>
        <v>175239</v>
      </c>
      <c r="AW227" s="797">
        <v>0</v>
      </c>
      <c r="AX227" s="797" t="s">
        <v>1500</v>
      </c>
      <c r="AY227" s="814" t="s">
        <v>1584</v>
      </c>
      <c r="AZ227" s="805">
        <v>113848.74</v>
      </c>
    </row>
    <row r="228" spans="1:52" ht="75" hidden="1" x14ac:dyDescent="0.25">
      <c r="A228" s="785"/>
      <c r="B228" s="785"/>
      <c r="C228" s="785"/>
      <c r="D228" s="785"/>
      <c r="E228" s="785"/>
      <c r="F228" s="785"/>
      <c r="G228" s="797" t="s">
        <v>1848</v>
      </c>
      <c r="H228" s="797" t="s">
        <v>932</v>
      </c>
      <c r="I228" s="798" t="s">
        <v>1071</v>
      </c>
      <c r="J228" s="797" t="s">
        <v>1072</v>
      </c>
      <c r="K228" s="797" t="s">
        <v>1849</v>
      </c>
      <c r="L228" s="797" t="s">
        <v>1850</v>
      </c>
      <c r="M228" s="797" t="s">
        <v>1488</v>
      </c>
      <c r="N228" s="797" t="s">
        <v>1489</v>
      </c>
      <c r="O228" s="797">
        <v>1</v>
      </c>
      <c r="P228" s="797" t="s">
        <v>1490</v>
      </c>
      <c r="Q228" s="797" t="s">
        <v>1491</v>
      </c>
      <c r="R228" s="797" t="s">
        <v>1492</v>
      </c>
      <c r="S228" s="797" t="s">
        <v>1493</v>
      </c>
      <c r="T228" s="797" t="s">
        <v>1690</v>
      </c>
      <c r="U228" s="797" t="s">
        <v>1723</v>
      </c>
      <c r="V228" s="799" t="s">
        <v>3248</v>
      </c>
      <c r="W228" s="807" t="s">
        <v>1498</v>
      </c>
      <c r="X228" s="807" t="s">
        <v>1498</v>
      </c>
      <c r="Y228" s="807" t="s">
        <v>1498</v>
      </c>
      <c r="Z228" s="807" t="s">
        <v>1498</v>
      </c>
      <c r="AA228" s="807" t="s">
        <v>1498</v>
      </c>
      <c r="AB228" s="807" t="s">
        <v>1498</v>
      </c>
      <c r="AC228" s="807" t="s">
        <v>1498</v>
      </c>
      <c r="AD228" s="807" t="s">
        <v>1498</v>
      </c>
      <c r="AE228" s="807" t="s">
        <v>1498</v>
      </c>
      <c r="AF228" s="807" t="s">
        <v>1498</v>
      </c>
      <c r="AG228" s="807" t="s">
        <v>1498</v>
      </c>
      <c r="AH228" s="807" t="s">
        <v>1498</v>
      </c>
      <c r="AI228" s="807" t="s">
        <v>1498</v>
      </c>
      <c r="AJ228" s="807" t="s">
        <v>1498</v>
      </c>
      <c r="AK228" s="807" t="s">
        <v>1498</v>
      </c>
      <c r="AL228" s="807" t="s">
        <v>1498</v>
      </c>
      <c r="AM228" s="807" t="s">
        <v>1498</v>
      </c>
      <c r="AN228" s="807" t="s">
        <v>1498</v>
      </c>
      <c r="AO228" s="807" t="s">
        <v>1498</v>
      </c>
      <c r="AP228" s="807" t="s">
        <v>1498</v>
      </c>
      <c r="AQ228" s="1300">
        <f t="shared" si="40"/>
        <v>0</v>
      </c>
      <c r="AR228" s="797" t="s">
        <v>1840</v>
      </c>
      <c r="AS228" s="797" t="s">
        <v>722</v>
      </c>
      <c r="AT228" s="797" t="s">
        <v>53</v>
      </c>
      <c r="AU228" s="801">
        <v>49977</v>
      </c>
      <c r="AV228" s="813">
        <f>ROUND((VLOOKUP(G228,'[6]Cost Summary'!A:H,8,)),0.1)</f>
        <v>49977</v>
      </c>
      <c r="AW228" s="797">
        <v>0</v>
      </c>
      <c r="AX228" s="797" t="s">
        <v>1500</v>
      </c>
      <c r="AY228" s="814" t="s">
        <v>1584</v>
      </c>
      <c r="AZ228" s="805">
        <v>32468.6</v>
      </c>
    </row>
    <row r="229" spans="1:52" ht="105" hidden="1" x14ac:dyDescent="0.25">
      <c r="A229" s="785"/>
      <c r="B229" s="785"/>
      <c r="C229" s="785"/>
      <c r="D229" s="785"/>
      <c r="E229" s="785"/>
      <c r="F229" s="785"/>
      <c r="G229" s="797" t="s">
        <v>1851</v>
      </c>
      <c r="H229" s="797" t="s">
        <v>932</v>
      </c>
      <c r="I229" s="798" t="s">
        <v>1073</v>
      </c>
      <c r="J229" s="797" t="s">
        <v>1074</v>
      </c>
      <c r="K229" s="797" t="s">
        <v>1852</v>
      </c>
      <c r="L229" s="797" t="s">
        <v>1853</v>
      </c>
      <c r="M229" s="797" t="s">
        <v>1488</v>
      </c>
      <c r="N229" s="797" t="s">
        <v>1489</v>
      </c>
      <c r="O229" s="797">
        <v>1</v>
      </c>
      <c r="P229" s="797" t="s">
        <v>1490</v>
      </c>
      <c r="Q229" s="797" t="s">
        <v>1491</v>
      </c>
      <c r="R229" s="797" t="s">
        <v>1492</v>
      </c>
      <c r="S229" s="797" t="s">
        <v>1493</v>
      </c>
      <c r="T229" s="797" t="s">
        <v>1854</v>
      </c>
      <c r="U229" s="797" t="s">
        <v>1723</v>
      </c>
      <c r="V229" s="799" t="s">
        <v>3248</v>
      </c>
      <c r="W229" s="807" t="s">
        <v>1498</v>
      </c>
      <c r="X229" s="807" t="s">
        <v>1498</v>
      </c>
      <c r="Y229" s="807" t="s">
        <v>1498</v>
      </c>
      <c r="Z229" s="807" t="s">
        <v>1498</v>
      </c>
      <c r="AA229" s="807" t="s">
        <v>1498</v>
      </c>
      <c r="AB229" s="807" t="s">
        <v>1498</v>
      </c>
      <c r="AC229" s="807" t="s">
        <v>1498</v>
      </c>
      <c r="AD229" s="807" t="s">
        <v>1498</v>
      </c>
      <c r="AE229" s="807" t="s">
        <v>1498</v>
      </c>
      <c r="AF229" s="807" t="s">
        <v>1498</v>
      </c>
      <c r="AG229" s="807" t="s">
        <v>1498</v>
      </c>
      <c r="AH229" s="807" t="s">
        <v>1498</v>
      </c>
      <c r="AI229" s="807" t="s">
        <v>1498</v>
      </c>
      <c r="AJ229" s="807" t="s">
        <v>1498</v>
      </c>
      <c r="AK229" s="807" t="s">
        <v>1498</v>
      </c>
      <c r="AL229" s="807" t="s">
        <v>1498</v>
      </c>
      <c r="AM229" s="807" t="s">
        <v>1498</v>
      </c>
      <c r="AN229" s="807" t="s">
        <v>1498</v>
      </c>
      <c r="AO229" s="807" t="s">
        <v>1498</v>
      </c>
      <c r="AP229" s="807" t="s">
        <v>1498</v>
      </c>
      <c r="AQ229" s="1300">
        <f t="shared" si="40"/>
        <v>0</v>
      </c>
      <c r="AR229" s="797" t="s">
        <v>1855</v>
      </c>
      <c r="AS229" s="797" t="s">
        <v>722</v>
      </c>
      <c r="AT229" s="797" t="s">
        <v>53</v>
      </c>
      <c r="AU229" s="801">
        <v>1376375</v>
      </c>
      <c r="AV229" s="813">
        <f>ROUND((VLOOKUP(G229,'[6]Cost Summary'!A:H,8,)),0.1)</f>
        <v>1376375</v>
      </c>
      <c r="AW229" s="797">
        <v>0</v>
      </c>
      <c r="AX229" s="797" t="s">
        <v>1500</v>
      </c>
      <c r="AY229" s="814" t="s">
        <v>1584</v>
      </c>
      <c r="AZ229" s="805">
        <v>894196.88</v>
      </c>
    </row>
    <row r="230" spans="1:52" ht="75" hidden="1" x14ac:dyDescent="0.25">
      <c r="A230" s="785"/>
      <c r="B230" s="785"/>
      <c r="C230" s="785"/>
      <c r="D230" s="785"/>
      <c r="E230" s="785"/>
      <c r="F230" s="785"/>
      <c r="G230" s="797" t="s">
        <v>1856</v>
      </c>
      <c r="H230" s="797" t="s">
        <v>932</v>
      </c>
      <c r="I230" s="798" t="s">
        <v>1075</v>
      </c>
      <c r="J230" s="797" t="s">
        <v>1076</v>
      </c>
      <c r="K230" s="797">
        <v>51.742102000000003</v>
      </c>
      <c r="L230" s="797">
        <v>-0.44759399999999999</v>
      </c>
      <c r="M230" s="797" t="s">
        <v>1488</v>
      </c>
      <c r="N230" s="797" t="s">
        <v>1489</v>
      </c>
      <c r="O230" s="797">
        <v>1</v>
      </c>
      <c r="P230" s="797" t="s">
        <v>1490</v>
      </c>
      <c r="Q230" s="797" t="s">
        <v>1491</v>
      </c>
      <c r="R230" s="797" t="s">
        <v>1492</v>
      </c>
      <c r="S230" s="797" t="s">
        <v>1493</v>
      </c>
      <c r="T230" s="797" t="s">
        <v>1854</v>
      </c>
      <c r="U230" s="797" t="s">
        <v>1723</v>
      </c>
      <c r="V230" s="799" t="s">
        <v>3248</v>
      </c>
      <c r="W230" s="807" t="s">
        <v>1498</v>
      </c>
      <c r="X230" s="807" t="s">
        <v>1498</v>
      </c>
      <c r="Y230" s="807" t="s">
        <v>1498</v>
      </c>
      <c r="Z230" s="807" t="s">
        <v>1498</v>
      </c>
      <c r="AA230" s="807" t="s">
        <v>1498</v>
      </c>
      <c r="AB230" s="807" t="s">
        <v>1498</v>
      </c>
      <c r="AC230" s="807" t="s">
        <v>1498</v>
      </c>
      <c r="AD230" s="807" t="s">
        <v>1498</v>
      </c>
      <c r="AE230" s="807" t="s">
        <v>1498</v>
      </c>
      <c r="AF230" s="807" t="s">
        <v>1498</v>
      </c>
      <c r="AG230" s="807" t="s">
        <v>1498</v>
      </c>
      <c r="AH230" s="807" t="s">
        <v>1498</v>
      </c>
      <c r="AI230" s="807" t="s">
        <v>1498</v>
      </c>
      <c r="AJ230" s="807" t="s">
        <v>1498</v>
      </c>
      <c r="AK230" s="807" t="s">
        <v>1498</v>
      </c>
      <c r="AL230" s="807" t="s">
        <v>1498</v>
      </c>
      <c r="AM230" s="807" t="s">
        <v>1498</v>
      </c>
      <c r="AN230" s="807" t="s">
        <v>1498</v>
      </c>
      <c r="AO230" s="807" t="s">
        <v>1498</v>
      </c>
      <c r="AP230" s="807" t="s">
        <v>1498</v>
      </c>
      <c r="AQ230" s="1300">
        <f t="shared" si="40"/>
        <v>0</v>
      </c>
      <c r="AR230" s="797" t="s">
        <v>1855</v>
      </c>
      <c r="AS230" s="797" t="s">
        <v>722</v>
      </c>
      <c r="AT230" s="797" t="s">
        <v>53</v>
      </c>
      <c r="AU230" s="801">
        <v>132</v>
      </c>
      <c r="AV230" s="813">
        <f>ROUND((VLOOKUP(G230,'[6]Cost Summary'!A:H,8,)),0.1)</f>
        <v>132</v>
      </c>
      <c r="AW230" s="797">
        <v>0</v>
      </c>
      <c r="AX230" s="797" t="s">
        <v>1500</v>
      </c>
      <c r="AY230" s="814" t="s">
        <v>1584</v>
      </c>
      <c r="AZ230" s="805">
        <v>85.82</v>
      </c>
    </row>
    <row r="231" spans="1:52" ht="105" hidden="1" x14ac:dyDescent="0.25">
      <c r="A231" s="785"/>
      <c r="B231" s="785"/>
      <c r="C231" s="785"/>
      <c r="D231" s="785"/>
      <c r="E231" s="785"/>
      <c r="F231" s="785"/>
      <c r="G231" s="797" t="s">
        <v>1857</v>
      </c>
      <c r="H231" s="797" t="s">
        <v>932</v>
      </c>
      <c r="I231" s="798" t="s">
        <v>1077</v>
      </c>
      <c r="J231" s="797" t="s">
        <v>1858</v>
      </c>
      <c r="K231" s="797">
        <v>51.742102000000003</v>
      </c>
      <c r="L231" s="797">
        <v>-0.44759399999999999</v>
      </c>
      <c r="M231" s="797" t="s">
        <v>1488</v>
      </c>
      <c r="N231" s="797" t="s">
        <v>1489</v>
      </c>
      <c r="O231" s="797">
        <v>1</v>
      </c>
      <c r="P231" s="797" t="s">
        <v>1490</v>
      </c>
      <c r="Q231" s="797" t="s">
        <v>1491</v>
      </c>
      <c r="R231" s="797" t="s">
        <v>1492</v>
      </c>
      <c r="S231" s="797" t="s">
        <v>1493</v>
      </c>
      <c r="T231" s="797" t="s">
        <v>1854</v>
      </c>
      <c r="U231" s="797" t="s">
        <v>1723</v>
      </c>
      <c r="V231" s="799" t="s">
        <v>3248</v>
      </c>
      <c r="W231" s="807" t="s">
        <v>1498</v>
      </c>
      <c r="X231" s="807" t="s">
        <v>1498</v>
      </c>
      <c r="Y231" s="807" t="s">
        <v>1498</v>
      </c>
      <c r="Z231" s="807" t="s">
        <v>1498</v>
      </c>
      <c r="AA231" s="807" t="s">
        <v>1498</v>
      </c>
      <c r="AB231" s="807" t="s">
        <v>1498</v>
      </c>
      <c r="AC231" s="807" t="s">
        <v>1498</v>
      </c>
      <c r="AD231" s="807" t="s">
        <v>1498</v>
      </c>
      <c r="AE231" s="807" t="s">
        <v>1498</v>
      </c>
      <c r="AF231" s="807" t="s">
        <v>1498</v>
      </c>
      <c r="AG231" s="807" t="s">
        <v>1498</v>
      </c>
      <c r="AH231" s="807" t="s">
        <v>1498</v>
      </c>
      <c r="AI231" s="807" t="s">
        <v>1498</v>
      </c>
      <c r="AJ231" s="807" t="s">
        <v>1498</v>
      </c>
      <c r="AK231" s="807" t="s">
        <v>1498</v>
      </c>
      <c r="AL231" s="807" t="s">
        <v>1498</v>
      </c>
      <c r="AM231" s="807" t="s">
        <v>1498</v>
      </c>
      <c r="AN231" s="807" t="s">
        <v>1498</v>
      </c>
      <c r="AO231" s="807" t="s">
        <v>1498</v>
      </c>
      <c r="AP231" s="807" t="s">
        <v>1498</v>
      </c>
      <c r="AQ231" s="1300">
        <f t="shared" si="40"/>
        <v>0</v>
      </c>
      <c r="AR231" s="797" t="s">
        <v>1855</v>
      </c>
      <c r="AS231" s="797" t="s">
        <v>722</v>
      </c>
      <c r="AT231" s="797" t="s">
        <v>53</v>
      </c>
      <c r="AU231" s="801">
        <v>72774</v>
      </c>
      <c r="AV231" s="813">
        <f>ROUND((VLOOKUP(G231,'[6]Cost Summary'!A:H,8,)),0.1)</f>
        <v>72774</v>
      </c>
      <c r="AW231" s="797">
        <v>0</v>
      </c>
      <c r="AX231" s="797" t="s">
        <v>1500</v>
      </c>
      <c r="AY231" s="814" t="s">
        <v>1584</v>
      </c>
      <c r="AZ231" s="805">
        <v>47279.38</v>
      </c>
    </row>
    <row r="232" spans="1:52" ht="105" hidden="1" x14ac:dyDescent="0.25">
      <c r="A232" s="785"/>
      <c r="B232" s="785" t="s">
        <v>66</v>
      </c>
      <c r="C232" s="785"/>
      <c r="D232" s="785" t="s">
        <v>66</v>
      </c>
      <c r="E232" s="785"/>
      <c r="F232" s="785"/>
      <c r="G232" s="825" t="s">
        <v>1859</v>
      </c>
      <c r="H232" s="825" t="s">
        <v>932</v>
      </c>
      <c r="I232" s="826" t="s">
        <v>1079</v>
      </c>
      <c r="J232" s="825" t="s">
        <v>1860</v>
      </c>
      <c r="K232" s="825" t="s">
        <v>1521</v>
      </c>
      <c r="L232" s="825" t="s">
        <v>1521</v>
      </c>
      <c r="M232" s="825" t="s">
        <v>1488</v>
      </c>
      <c r="N232" s="825" t="s">
        <v>1489</v>
      </c>
      <c r="O232" s="825"/>
      <c r="P232" s="825" t="s">
        <v>1490</v>
      </c>
      <c r="Q232" s="825" t="s">
        <v>1491</v>
      </c>
      <c r="R232" s="825" t="s">
        <v>1492</v>
      </c>
      <c r="S232" s="825" t="s">
        <v>1493</v>
      </c>
      <c r="T232" s="825" t="s">
        <v>1854</v>
      </c>
      <c r="U232" s="825" t="s">
        <v>1723</v>
      </c>
      <c r="V232" s="827" t="s">
        <v>1719</v>
      </c>
      <c r="W232" s="828"/>
      <c r="X232" s="828"/>
      <c r="Y232" s="828"/>
      <c r="Z232" s="828"/>
      <c r="AA232" s="828"/>
      <c r="AB232" s="828"/>
      <c r="AC232" s="828"/>
      <c r="AD232" s="828"/>
      <c r="AE232" s="828"/>
      <c r="AF232" s="828"/>
      <c r="AG232" s="847"/>
      <c r="AH232" s="847"/>
      <c r="AI232" s="847"/>
      <c r="AJ232" s="847"/>
      <c r="AK232" s="847"/>
      <c r="AL232" s="847"/>
      <c r="AM232" s="847"/>
      <c r="AN232" s="847"/>
      <c r="AO232" s="847"/>
      <c r="AP232" s="847"/>
      <c r="AQ232" s="1300">
        <f t="shared" si="40"/>
        <v>0</v>
      </c>
      <c r="AR232" s="825" t="s">
        <v>1855</v>
      </c>
      <c r="AS232" s="825" t="s">
        <v>722</v>
      </c>
      <c r="AT232" s="825" t="s">
        <v>53</v>
      </c>
      <c r="AU232" s="831">
        <v>37001.25</v>
      </c>
      <c r="AV232" s="832">
        <v>37001.25</v>
      </c>
      <c r="AW232" s="825">
        <v>0</v>
      </c>
      <c r="AX232" s="825" t="s">
        <v>1500</v>
      </c>
      <c r="AY232" s="833" t="s">
        <v>1721</v>
      </c>
      <c r="AZ232" s="785">
        <v>37001.25</v>
      </c>
    </row>
    <row r="233" spans="1:52" ht="60" hidden="1" x14ac:dyDescent="0.25">
      <c r="A233" s="785"/>
      <c r="B233" s="785" t="s">
        <v>66</v>
      </c>
      <c r="C233" s="785"/>
      <c r="D233" s="785"/>
      <c r="E233" s="785"/>
      <c r="F233" s="785"/>
      <c r="G233" s="797" t="s">
        <v>1862</v>
      </c>
      <c r="H233" s="797" t="s">
        <v>932</v>
      </c>
      <c r="I233" s="798" t="s">
        <v>1081</v>
      </c>
      <c r="J233" s="797" t="s">
        <v>1082</v>
      </c>
      <c r="K233" s="797" t="s">
        <v>1521</v>
      </c>
      <c r="L233" s="797" t="s">
        <v>1521</v>
      </c>
      <c r="M233" s="797" t="s">
        <v>1488</v>
      </c>
      <c r="N233" s="797" t="s">
        <v>1489</v>
      </c>
      <c r="O233" s="797">
        <v>1</v>
      </c>
      <c r="P233" s="797" t="s">
        <v>1490</v>
      </c>
      <c r="Q233" s="797" t="s">
        <v>1491</v>
      </c>
      <c r="R233" s="797" t="s">
        <v>1492</v>
      </c>
      <c r="S233" s="797" t="s">
        <v>1493</v>
      </c>
      <c r="T233" s="797" t="s">
        <v>1854</v>
      </c>
      <c r="U233" s="799" t="s">
        <v>1515</v>
      </c>
      <c r="V233" s="799" t="s">
        <v>3296</v>
      </c>
      <c r="W233" s="807" t="s">
        <v>1498</v>
      </c>
      <c r="X233" s="807" t="s">
        <v>1498</v>
      </c>
      <c r="Y233" s="807" t="s">
        <v>1498</v>
      </c>
      <c r="Z233" s="807" t="s">
        <v>1498</v>
      </c>
      <c r="AA233" s="807" t="s">
        <v>1498</v>
      </c>
      <c r="AB233" s="807" t="s">
        <v>1498</v>
      </c>
      <c r="AC233" s="807" t="s">
        <v>1498</v>
      </c>
      <c r="AD233" s="807" t="s">
        <v>1498</v>
      </c>
      <c r="AE233" s="807" t="s">
        <v>1498</v>
      </c>
      <c r="AF233" s="807" t="s">
        <v>1498</v>
      </c>
      <c r="AG233" s="842" t="s">
        <v>1498</v>
      </c>
      <c r="AH233" s="842" t="s">
        <v>1498</v>
      </c>
      <c r="AI233" s="842" t="s">
        <v>1498</v>
      </c>
      <c r="AJ233" s="842" t="s">
        <v>1498</v>
      </c>
      <c r="AK233" s="842" t="s">
        <v>1498</v>
      </c>
      <c r="AL233" s="842" t="s">
        <v>1498</v>
      </c>
      <c r="AM233" s="842" t="s">
        <v>1498</v>
      </c>
      <c r="AN233" s="842" t="s">
        <v>1498</v>
      </c>
      <c r="AO233" s="842" t="s">
        <v>1498</v>
      </c>
      <c r="AP233" s="842" t="s">
        <v>1498</v>
      </c>
      <c r="AQ233" s="842">
        <f t="shared" si="40"/>
        <v>0</v>
      </c>
      <c r="AR233" s="797" t="s">
        <v>1855</v>
      </c>
      <c r="AS233" s="797" t="s">
        <v>722</v>
      </c>
      <c r="AT233" s="797" t="s">
        <v>53</v>
      </c>
      <c r="AU233" s="801">
        <v>7594</v>
      </c>
      <c r="AV233" s="813">
        <f>ROUND((VLOOKUP(G233,'[6]Cost Summary'!A:H,8,)),0.1)</f>
        <v>7594</v>
      </c>
      <c r="AW233" s="797">
        <v>0</v>
      </c>
      <c r="AX233" s="797" t="s">
        <v>1500</v>
      </c>
      <c r="AY233" s="814" t="s">
        <v>1584</v>
      </c>
      <c r="AZ233" s="805">
        <v>4933.5</v>
      </c>
    </row>
    <row r="234" spans="1:52" ht="45" hidden="1" x14ac:dyDescent="0.25">
      <c r="A234" s="785"/>
      <c r="B234" s="785" t="s">
        <v>66</v>
      </c>
      <c r="C234" s="785"/>
      <c r="D234" s="785"/>
      <c r="E234" s="785"/>
      <c r="F234" s="785"/>
      <c r="G234" s="797" t="s">
        <v>1863</v>
      </c>
      <c r="H234" s="797" t="s">
        <v>932</v>
      </c>
      <c r="I234" s="798" t="s">
        <v>1083</v>
      </c>
      <c r="J234" s="797" t="s">
        <v>1084</v>
      </c>
      <c r="K234" s="797">
        <v>51.745147979999999</v>
      </c>
      <c r="L234" s="797">
        <v>-0.43971158500000002</v>
      </c>
      <c r="M234" s="797" t="s">
        <v>1488</v>
      </c>
      <c r="N234" s="797" t="s">
        <v>1489</v>
      </c>
      <c r="O234" s="797">
        <v>1</v>
      </c>
      <c r="P234" s="797" t="s">
        <v>1490</v>
      </c>
      <c r="Q234" s="797" t="s">
        <v>1491</v>
      </c>
      <c r="R234" s="797" t="s">
        <v>1492</v>
      </c>
      <c r="S234" s="797" t="s">
        <v>1493</v>
      </c>
      <c r="T234" s="797" t="s">
        <v>1854</v>
      </c>
      <c r="U234" s="799" t="s">
        <v>1515</v>
      </c>
      <c r="V234" s="799" t="s">
        <v>3296</v>
      </c>
      <c r="W234" s="807" t="s">
        <v>1498</v>
      </c>
      <c r="X234" s="807" t="s">
        <v>1498</v>
      </c>
      <c r="Y234" s="807" t="s">
        <v>1498</v>
      </c>
      <c r="Z234" s="807" t="s">
        <v>1498</v>
      </c>
      <c r="AA234" s="807" t="s">
        <v>1498</v>
      </c>
      <c r="AB234" s="807" t="s">
        <v>1498</v>
      </c>
      <c r="AC234" s="807" t="s">
        <v>1498</v>
      </c>
      <c r="AD234" s="807" t="s">
        <v>1498</v>
      </c>
      <c r="AE234" s="807" t="s">
        <v>1498</v>
      </c>
      <c r="AF234" s="807" t="s">
        <v>1498</v>
      </c>
      <c r="AG234" s="842" t="s">
        <v>1498</v>
      </c>
      <c r="AH234" s="842" t="s">
        <v>1498</v>
      </c>
      <c r="AI234" s="842" t="s">
        <v>1498</v>
      </c>
      <c r="AJ234" s="842" t="s">
        <v>1498</v>
      </c>
      <c r="AK234" s="842" t="s">
        <v>1498</v>
      </c>
      <c r="AL234" s="842" t="s">
        <v>1498</v>
      </c>
      <c r="AM234" s="842" t="s">
        <v>1498</v>
      </c>
      <c r="AN234" s="842" t="s">
        <v>1498</v>
      </c>
      <c r="AO234" s="842" t="s">
        <v>1498</v>
      </c>
      <c r="AP234" s="842" t="s">
        <v>1498</v>
      </c>
      <c r="AQ234" s="842">
        <f t="shared" si="40"/>
        <v>0</v>
      </c>
      <c r="AR234" s="797" t="s">
        <v>1855</v>
      </c>
      <c r="AS234" s="797" t="s">
        <v>722</v>
      </c>
      <c r="AT234" s="797" t="s">
        <v>53</v>
      </c>
      <c r="AU234" s="801">
        <v>797</v>
      </c>
      <c r="AV234" s="813">
        <f>ROUND((VLOOKUP(G234,'[6]Cost Summary'!A:H,8,)),0.1)</f>
        <v>797</v>
      </c>
      <c r="AW234" s="797">
        <v>0</v>
      </c>
      <c r="AX234" s="797" t="s">
        <v>1500</v>
      </c>
      <c r="AY234" s="814" t="s">
        <v>1584</v>
      </c>
      <c r="AZ234" s="805">
        <v>518.02</v>
      </c>
    </row>
    <row r="235" spans="1:52" ht="60" hidden="1" x14ac:dyDescent="0.25">
      <c r="A235" s="785"/>
      <c r="B235" s="785" t="s">
        <v>66</v>
      </c>
      <c r="C235" s="785"/>
      <c r="D235" s="785"/>
      <c r="E235" s="785"/>
      <c r="F235" s="785"/>
      <c r="G235" s="797" t="s">
        <v>1864</v>
      </c>
      <c r="H235" s="797" t="s">
        <v>932</v>
      </c>
      <c r="I235" s="798" t="s">
        <v>1085</v>
      </c>
      <c r="J235" s="797" t="s">
        <v>1086</v>
      </c>
      <c r="K235" s="797" t="s">
        <v>1521</v>
      </c>
      <c r="L235" s="797" t="s">
        <v>1521</v>
      </c>
      <c r="M235" s="797" t="s">
        <v>1488</v>
      </c>
      <c r="N235" s="797" t="s">
        <v>1489</v>
      </c>
      <c r="O235" s="797">
        <v>1</v>
      </c>
      <c r="P235" s="797" t="s">
        <v>1490</v>
      </c>
      <c r="Q235" s="797" t="s">
        <v>1491</v>
      </c>
      <c r="R235" s="797" t="s">
        <v>1492</v>
      </c>
      <c r="S235" s="797" t="s">
        <v>1493</v>
      </c>
      <c r="T235" s="797" t="s">
        <v>1854</v>
      </c>
      <c r="U235" s="799" t="s">
        <v>1495</v>
      </c>
      <c r="V235" s="799" t="s">
        <v>3297</v>
      </c>
      <c r="W235" s="806">
        <v>4</v>
      </c>
      <c r="X235" s="806">
        <v>5</v>
      </c>
      <c r="Y235" s="806">
        <v>5</v>
      </c>
      <c r="Z235" s="806">
        <v>2</v>
      </c>
      <c r="AA235" s="806">
        <v>4</v>
      </c>
      <c r="AB235" s="806">
        <v>3</v>
      </c>
      <c r="AC235" s="806">
        <v>4</v>
      </c>
      <c r="AD235" s="806">
        <v>11</v>
      </c>
      <c r="AE235" s="806">
        <v>6</v>
      </c>
      <c r="AF235" s="806">
        <v>0</v>
      </c>
      <c r="AG235" s="841">
        <f t="shared" ref="AG235:AP235" si="46">W235/(SUM($W235:$AF235))</f>
        <v>9.0909090909090912E-2</v>
      </c>
      <c r="AH235" s="841">
        <f t="shared" si="46"/>
        <v>0.11363636363636363</v>
      </c>
      <c r="AI235" s="841">
        <f t="shared" si="46"/>
        <v>0.11363636363636363</v>
      </c>
      <c r="AJ235" s="841">
        <f t="shared" si="46"/>
        <v>4.5454545454545456E-2</v>
      </c>
      <c r="AK235" s="841">
        <f t="shared" si="46"/>
        <v>9.0909090909090912E-2</v>
      </c>
      <c r="AL235" s="841">
        <f t="shared" si="46"/>
        <v>6.8181818181818177E-2</v>
      </c>
      <c r="AM235" s="841">
        <f t="shared" si="46"/>
        <v>9.0909090909090912E-2</v>
      </c>
      <c r="AN235" s="841">
        <f t="shared" si="46"/>
        <v>0.25</v>
      </c>
      <c r="AO235" s="841">
        <f t="shared" si="46"/>
        <v>0.13636363636363635</v>
      </c>
      <c r="AP235" s="841">
        <f t="shared" si="46"/>
        <v>0</v>
      </c>
      <c r="AQ235" s="1300">
        <f t="shared" ref="AQ235" si="47">SUM(AG235:AP235)</f>
        <v>1</v>
      </c>
      <c r="AR235" s="797" t="s">
        <v>1855</v>
      </c>
      <c r="AS235" s="797" t="s">
        <v>722</v>
      </c>
      <c r="AT235" s="797" t="s">
        <v>53</v>
      </c>
      <c r="AU235" s="801">
        <v>113907</v>
      </c>
      <c r="AV235" s="813">
        <f>ROUND((VLOOKUP(G235,'[6]Cost Summary'!A:H,8,)),0.1)</f>
        <v>113907</v>
      </c>
      <c r="AW235" s="797">
        <v>0</v>
      </c>
      <c r="AX235" s="797" t="s">
        <v>1500</v>
      </c>
      <c r="AY235" s="814" t="s">
        <v>1584</v>
      </c>
      <c r="AZ235" s="805">
        <v>74002.5</v>
      </c>
    </row>
    <row r="252" spans="42:42" x14ac:dyDescent="0.25">
      <c r="AP252" s="851"/>
    </row>
  </sheetData>
  <autoFilter ref="A3:AZ235" xr:uid="{6877E58D-D5C4-4936-BD6F-DD8315BF0D85}">
    <filterColumn colId="8">
      <filters>
        <filter val="Warners End Local Mobility Hub"/>
      </filters>
    </filterColumn>
  </autoFilter>
  <conditionalFormatting sqref="A4:F217">
    <cfRule type="containsText" dxfId="18" priority="2" operator="containsText" text="Yes">
      <formula>NOT(ISERROR(SEARCH("Yes",A4)))</formula>
    </cfRule>
  </conditionalFormatting>
  <conditionalFormatting sqref="E218:F235 A227:D227">
    <cfRule type="containsText" dxfId="17" priority="1" operator="containsText" text="Yes">
      <formula>NOT(ISERROR(SEARCH("Yes",A218)))</formula>
    </cfRule>
  </conditionalFormatting>
  <pageMargins left="0.7" right="0.7" top="0.75" bottom="0.75" header="0.3" footer="0.3"/>
  <pageSetup orientation="portrait" r:id="rId1"/>
  <legacyDrawing r:id="rId2"/>
</worksheet>
</file>

<file path=xl/worksheets/sheet2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A72CA1A-DF11-4059-934A-CD22B0C3D92E}">
  <sheetPr codeName="Sheet2"/>
  <dimension ref="A1:DT565"/>
  <sheetViews>
    <sheetView tabSelected="1" topLeftCell="BR552" zoomScale="60" zoomScaleNormal="60" workbookViewId="0">
      <selection activeCell="BX574" sqref="BX574"/>
    </sheetView>
  </sheetViews>
  <sheetFormatPr defaultColWidth="8.625" defaultRowHeight="15" customHeight="1" outlineLevelCol="1" x14ac:dyDescent="0.2"/>
  <cols>
    <col min="1" max="1" width="48.125" style="940" customWidth="1"/>
    <col min="2" max="2" width="7" style="1212" hidden="1" customWidth="1"/>
    <col min="3" max="3" width="10.125" style="1153" customWidth="1"/>
    <col min="4" max="4" width="13.25" style="858" customWidth="1"/>
    <col min="5" max="5" width="18" style="1153" customWidth="1"/>
    <col min="6" max="6" width="15.75" style="858" customWidth="1"/>
    <col min="7" max="7" width="22.25" style="858" customWidth="1"/>
    <col min="8" max="8" width="35.5" style="940" customWidth="1"/>
    <col min="9" max="9" width="17.625" style="858" hidden="1" customWidth="1"/>
    <col min="10" max="10" width="65.625" style="674" customWidth="1"/>
    <col min="11" max="11" width="18.125" style="858" customWidth="1"/>
    <col min="12" max="12" width="28.625" style="991" customWidth="1"/>
    <col min="13" max="14" width="18.125" style="858" customWidth="1"/>
    <col min="15" max="15" width="21.125" style="858" customWidth="1"/>
    <col min="16" max="17" width="18.125" style="858" customWidth="1"/>
    <col min="18" max="19" width="11.625" style="868" customWidth="1"/>
    <col min="20" max="20" width="18.125" style="859" customWidth="1"/>
    <col min="21" max="21" width="19" style="859" customWidth="1"/>
    <col min="22" max="22" width="16.125" style="858" customWidth="1"/>
    <col min="23" max="23" width="16.625" style="858" customWidth="1"/>
    <col min="24" max="24" width="15.625" style="859" customWidth="1"/>
    <col min="25" max="26" width="15.625" style="859" hidden="1" customWidth="1"/>
    <col min="27" max="27" width="20.125" style="858" customWidth="1"/>
    <col min="28" max="44" width="16.625" style="901" customWidth="1"/>
    <col min="45" max="58" width="16.625" style="858" hidden="1" customWidth="1" outlineLevel="1"/>
    <col min="59" max="59" width="16.625" style="858" hidden="1" customWidth="1" outlineLevel="1" collapsed="1"/>
    <col min="60" max="66" width="16.625" style="858" hidden="1" customWidth="1" outlineLevel="1"/>
    <col min="67" max="67" width="16.625" style="858" customWidth="1" collapsed="1"/>
    <col min="68" max="72" width="16.625" style="858" customWidth="1"/>
    <col min="73" max="73" width="16.625" style="858" hidden="1" customWidth="1"/>
    <col min="74" max="90" width="17.625" style="858" customWidth="1"/>
    <col min="91" max="112" width="17.5" style="894" hidden="1" customWidth="1" outlineLevel="1"/>
    <col min="113" max="113" width="17.5" style="894" customWidth="1" collapsed="1"/>
    <col min="114" max="116" width="17.5" style="894" customWidth="1"/>
    <col min="117" max="118" width="17.5" style="894" hidden="1" customWidth="1"/>
    <col min="119" max="120" width="17.5" style="858" hidden="1" customWidth="1"/>
    <col min="121" max="121" width="48.625" style="857" customWidth="1"/>
    <col min="122" max="122" width="65.125" style="857" customWidth="1"/>
    <col min="123" max="123" width="66.625" style="857" customWidth="1"/>
    <col min="124" max="16384" width="8.625" style="857"/>
  </cols>
  <sheetData>
    <row r="1" spans="1:124" ht="93.6" customHeight="1" x14ac:dyDescent="0.2">
      <c r="A1" s="1320" t="s">
        <v>3298</v>
      </c>
      <c r="B1" s="1321"/>
      <c r="C1" s="1325" t="s">
        <v>3299</v>
      </c>
      <c r="D1" s="1325" t="s">
        <v>3299</v>
      </c>
      <c r="E1" s="1325" t="s">
        <v>3299</v>
      </c>
      <c r="F1" s="1325" t="s">
        <v>3299</v>
      </c>
      <c r="G1" s="1325" t="s">
        <v>3299</v>
      </c>
      <c r="H1" s="1325" t="s">
        <v>3299</v>
      </c>
      <c r="I1" s="859" t="s">
        <v>3299</v>
      </c>
      <c r="J1" s="1325" t="s">
        <v>3299</v>
      </c>
      <c r="K1" s="1325" t="s">
        <v>3299</v>
      </c>
      <c r="L1" s="1325" t="s">
        <v>3299</v>
      </c>
      <c r="M1" s="1325" t="s">
        <v>3299</v>
      </c>
      <c r="N1" s="1325" t="s">
        <v>3299</v>
      </c>
      <c r="O1" s="1325" t="s">
        <v>3299</v>
      </c>
      <c r="P1" s="1325" t="s">
        <v>3299</v>
      </c>
      <c r="Q1" s="1325" t="s">
        <v>3299</v>
      </c>
      <c r="R1" s="1325" t="s">
        <v>3299</v>
      </c>
      <c r="S1" s="1325" t="s">
        <v>3299</v>
      </c>
      <c r="T1" s="1325" t="s">
        <v>3299</v>
      </c>
      <c r="U1" s="1325" t="s">
        <v>3299</v>
      </c>
      <c r="V1" s="1325" t="s">
        <v>3299</v>
      </c>
      <c r="W1" s="1325" t="s">
        <v>3299</v>
      </c>
      <c r="X1" s="1325" t="s">
        <v>3299</v>
      </c>
      <c r="Y1" s="859" t="s">
        <v>3299</v>
      </c>
      <c r="Z1" s="859" t="s">
        <v>3299</v>
      </c>
      <c r="AA1" s="1325" t="s">
        <v>3299</v>
      </c>
      <c r="AB1" s="1325" t="s">
        <v>3299</v>
      </c>
      <c r="AC1" s="1325" t="s">
        <v>3299</v>
      </c>
      <c r="AD1" s="1325" t="s">
        <v>3299</v>
      </c>
      <c r="AE1" s="1325" t="s">
        <v>3299</v>
      </c>
      <c r="AF1" s="1325" t="s">
        <v>3299</v>
      </c>
      <c r="AG1" s="1325" t="s">
        <v>3299</v>
      </c>
      <c r="AH1" s="1325" t="s">
        <v>3299</v>
      </c>
      <c r="AI1" s="1325" t="s">
        <v>3299</v>
      </c>
      <c r="AJ1" s="1325" t="s">
        <v>3299</v>
      </c>
      <c r="AK1" s="1325" t="s">
        <v>3299</v>
      </c>
      <c r="AL1" s="1325" t="s">
        <v>3299</v>
      </c>
      <c r="AM1" s="1325" t="s">
        <v>3299</v>
      </c>
      <c r="AN1" s="1325" t="s">
        <v>3299</v>
      </c>
      <c r="AO1" s="1325" t="s">
        <v>3299</v>
      </c>
      <c r="AP1" s="1325" t="s">
        <v>3299</v>
      </c>
      <c r="AQ1" s="1325" t="s">
        <v>3299</v>
      </c>
      <c r="AR1" s="1325" t="s">
        <v>3299</v>
      </c>
      <c r="AS1" s="859" t="s">
        <v>3299</v>
      </c>
      <c r="AT1" s="859" t="s">
        <v>3299</v>
      </c>
      <c r="AU1" s="859" t="s">
        <v>3299</v>
      </c>
      <c r="AV1" s="859" t="s">
        <v>3299</v>
      </c>
      <c r="AW1" s="859" t="s">
        <v>3299</v>
      </c>
      <c r="AX1" s="859" t="s">
        <v>3299</v>
      </c>
      <c r="AY1" s="859" t="s">
        <v>3299</v>
      </c>
      <c r="AZ1" s="859" t="s">
        <v>3299</v>
      </c>
      <c r="BA1" s="859" t="s">
        <v>3299</v>
      </c>
      <c r="BB1" s="859" t="s">
        <v>3299</v>
      </c>
      <c r="BC1" s="859" t="s">
        <v>3299</v>
      </c>
      <c r="BD1" s="859" t="s">
        <v>3299</v>
      </c>
      <c r="BE1" s="859" t="s">
        <v>3299</v>
      </c>
      <c r="BF1" s="859" t="s">
        <v>3299</v>
      </c>
      <c r="BG1" s="859" t="s">
        <v>3299</v>
      </c>
      <c r="BH1" s="859" t="s">
        <v>3299</v>
      </c>
      <c r="BI1" s="859" t="s">
        <v>3299</v>
      </c>
      <c r="BJ1" s="859" t="s">
        <v>3299</v>
      </c>
      <c r="BK1" s="859" t="s">
        <v>3299</v>
      </c>
      <c r="BL1" s="859" t="s">
        <v>3299</v>
      </c>
      <c r="BM1" s="859" t="s">
        <v>3299</v>
      </c>
      <c r="BN1" s="859" t="s">
        <v>3299</v>
      </c>
      <c r="BO1" s="1325" t="s">
        <v>3299</v>
      </c>
      <c r="BP1" s="1325" t="s">
        <v>3299</v>
      </c>
      <c r="BQ1" s="1325" t="s">
        <v>3299</v>
      </c>
      <c r="BR1" s="1325" t="s">
        <v>3299</v>
      </c>
      <c r="BS1" s="1325" t="s">
        <v>3299</v>
      </c>
      <c r="BT1" s="1325" t="s">
        <v>3299</v>
      </c>
      <c r="BU1" s="1325" t="s">
        <v>3299</v>
      </c>
      <c r="BV1" s="1325" t="s">
        <v>3299</v>
      </c>
      <c r="BW1" s="1325" t="s">
        <v>3299</v>
      </c>
      <c r="BX1" s="1325" t="s">
        <v>3299</v>
      </c>
      <c r="BY1" s="1325" t="s">
        <v>3299</v>
      </c>
      <c r="BZ1" s="1325" t="s">
        <v>3299</v>
      </c>
      <c r="CA1" s="1325" t="s">
        <v>3299</v>
      </c>
      <c r="CB1" s="1325" t="s">
        <v>3299</v>
      </c>
      <c r="CC1" s="1325" t="s">
        <v>3299</v>
      </c>
      <c r="CD1" s="1325" t="s">
        <v>3299</v>
      </c>
      <c r="CE1" s="1325" t="s">
        <v>3299</v>
      </c>
      <c r="CF1" s="1325" t="s">
        <v>3299</v>
      </c>
      <c r="CG1" s="1325" t="s">
        <v>3299</v>
      </c>
      <c r="CH1" s="1325" t="s">
        <v>3299</v>
      </c>
      <c r="CI1" s="1325" t="s">
        <v>3299</v>
      </c>
      <c r="CJ1" s="1325" t="s">
        <v>3299</v>
      </c>
      <c r="CK1" s="1325" t="s">
        <v>3299</v>
      </c>
      <c r="CL1" s="1325" t="s">
        <v>3299</v>
      </c>
      <c r="CM1" s="859" t="s">
        <v>3299</v>
      </c>
      <c r="CN1" s="859" t="s">
        <v>3299</v>
      </c>
      <c r="CO1" s="859" t="s">
        <v>3299</v>
      </c>
      <c r="CP1" s="859" t="s">
        <v>3299</v>
      </c>
      <c r="CQ1" s="859" t="s">
        <v>3299</v>
      </c>
      <c r="CR1" s="859" t="s">
        <v>3299</v>
      </c>
      <c r="CS1" s="859" t="s">
        <v>3299</v>
      </c>
      <c r="CT1" s="859" t="s">
        <v>3299</v>
      </c>
      <c r="CU1" s="859" t="s">
        <v>3299</v>
      </c>
      <c r="CV1" s="859" t="s">
        <v>3299</v>
      </c>
      <c r="CW1" s="859" t="s">
        <v>3299</v>
      </c>
      <c r="CX1" s="859" t="s">
        <v>3299</v>
      </c>
      <c r="CY1" s="859" t="s">
        <v>3299</v>
      </c>
      <c r="CZ1" s="859" t="s">
        <v>3299</v>
      </c>
      <c r="DA1" s="859" t="s">
        <v>3299</v>
      </c>
      <c r="DB1" s="859" t="s">
        <v>3299</v>
      </c>
      <c r="DC1" s="859" t="s">
        <v>3299</v>
      </c>
      <c r="DD1" s="859" t="s">
        <v>3299</v>
      </c>
      <c r="DE1" s="859" t="s">
        <v>3299</v>
      </c>
      <c r="DF1" s="859" t="s">
        <v>3299</v>
      </c>
      <c r="DG1" s="859" t="s">
        <v>3299</v>
      </c>
      <c r="DH1" s="859" t="s">
        <v>3299</v>
      </c>
      <c r="DI1" s="1325" t="s">
        <v>3299</v>
      </c>
      <c r="DJ1" s="1325" t="s">
        <v>3299</v>
      </c>
      <c r="DK1" s="1325" t="s">
        <v>3299</v>
      </c>
      <c r="DL1" s="1325" t="s">
        <v>3299</v>
      </c>
      <c r="DM1" s="859" t="s">
        <v>3299</v>
      </c>
      <c r="DN1" s="859" t="s">
        <v>3299</v>
      </c>
      <c r="DO1" s="859" t="s">
        <v>3299</v>
      </c>
      <c r="DP1" s="859" t="s">
        <v>3299</v>
      </c>
      <c r="DQ1" s="1325" t="s">
        <v>3299</v>
      </c>
      <c r="DR1" s="1325" t="s">
        <v>3299</v>
      </c>
      <c r="DS1" s="1325" t="s">
        <v>3299</v>
      </c>
    </row>
    <row r="2" spans="1:124" ht="60" x14ac:dyDescent="0.2">
      <c r="A2" s="1211" t="str">
        <f>H2</f>
        <v>Project Name</v>
      </c>
      <c r="B2" s="1211" t="s">
        <v>3300</v>
      </c>
      <c r="C2" s="100" t="s">
        <v>1381</v>
      </c>
      <c r="D2" s="1337" t="s">
        <v>3301</v>
      </c>
      <c r="E2" s="100" t="s">
        <v>1</v>
      </c>
      <c r="F2" s="100" t="s">
        <v>2</v>
      </c>
      <c r="G2" s="100" t="s">
        <v>3</v>
      </c>
      <c r="H2" s="100" t="s">
        <v>4</v>
      </c>
      <c r="I2" s="1164" t="s">
        <v>3302</v>
      </c>
      <c r="J2" s="100" t="s">
        <v>5</v>
      </c>
      <c r="K2" s="100" t="s">
        <v>2149</v>
      </c>
      <c r="L2" s="100" t="s">
        <v>3303</v>
      </c>
      <c r="M2" s="100" t="s">
        <v>2150</v>
      </c>
      <c r="N2" s="100" t="s">
        <v>8</v>
      </c>
      <c r="O2" s="100" t="s">
        <v>9</v>
      </c>
      <c r="P2" s="100" t="s">
        <v>3304</v>
      </c>
      <c r="Q2" s="100" t="s">
        <v>10</v>
      </c>
      <c r="R2" s="1164" t="s">
        <v>11</v>
      </c>
      <c r="S2" s="1164" t="s">
        <v>12</v>
      </c>
      <c r="T2" s="739" t="s">
        <v>13</v>
      </c>
      <c r="U2" s="741" t="s">
        <v>2153</v>
      </c>
      <c r="V2" s="630" t="s">
        <v>15</v>
      </c>
      <c r="W2" s="630" t="s">
        <v>2154</v>
      </c>
      <c r="X2" s="741" t="s">
        <v>14</v>
      </c>
      <c r="Y2" s="1165" t="s">
        <v>3305</v>
      </c>
      <c r="Z2" s="1165" t="s">
        <v>3306</v>
      </c>
      <c r="AA2" s="105" t="s">
        <v>16</v>
      </c>
      <c r="AB2" s="843" t="s">
        <v>1360</v>
      </c>
      <c r="AC2" s="843" t="s">
        <v>1361</v>
      </c>
      <c r="AD2" s="843" t="s">
        <v>1362</v>
      </c>
      <c r="AE2" s="843" t="s">
        <v>1363</v>
      </c>
      <c r="AF2" s="843" t="s">
        <v>1364</v>
      </c>
      <c r="AG2" s="843" t="s">
        <v>1365</v>
      </c>
      <c r="AH2" s="843" t="s">
        <v>1366</v>
      </c>
      <c r="AI2" s="843" t="s">
        <v>1367</v>
      </c>
      <c r="AJ2" s="843" t="s">
        <v>1368</v>
      </c>
      <c r="AK2" s="843" t="s">
        <v>1369</v>
      </c>
      <c r="AL2" s="843" t="s">
        <v>1370</v>
      </c>
      <c r="AM2" s="843" t="s">
        <v>328</v>
      </c>
      <c r="AN2" s="843" t="s">
        <v>1371</v>
      </c>
      <c r="AO2" s="843" t="s">
        <v>1372</v>
      </c>
      <c r="AP2" s="843" t="s">
        <v>2601</v>
      </c>
      <c r="AQ2" s="843" t="s">
        <v>1374</v>
      </c>
      <c r="AR2" s="844" t="s">
        <v>33</v>
      </c>
      <c r="AS2" s="360" t="s">
        <v>34</v>
      </c>
      <c r="AT2" s="360" t="s">
        <v>35</v>
      </c>
      <c r="AU2" s="360" t="s">
        <v>36</v>
      </c>
      <c r="AV2" s="870" t="s">
        <v>37</v>
      </c>
      <c r="AW2" s="871" t="s">
        <v>38</v>
      </c>
      <c r="AX2" s="871" t="s">
        <v>39</v>
      </c>
      <c r="AY2" s="871" t="s">
        <v>40</v>
      </c>
      <c r="AZ2" s="872" t="s">
        <v>41</v>
      </c>
      <c r="BA2" s="873" t="s">
        <v>42</v>
      </c>
      <c r="BB2" s="874" t="s">
        <v>43</v>
      </c>
      <c r="BC2" s="875" t="s">
        <v>44</v>
      </c>
      <c r="BD2" s="876" t="s">
        <v>45</v>
      </c>
      <c r="BE2" s="877" t="s">
        <v>46</v>
      </c>
      <c r="BF2" s="878" t="s">
        <v>47</v>
      </c>
      <c r="BG2" s="881" t="s">
        <v>2632</v>
      </c>
      <c r="BH2" s="881" t="s">
        <v>2637</v>
      </c>
      <c r="BI2" s="881" t="s">
        <v>2640</v>
      </c>
      <c r="BJ2" s="881" t="s">
        <v>2644</v>
      </c>
      <c r="BK2" s="881" t="s">
        <v>3307</v>
      </c>
      <c r="BL2" s="881" t="s">
        <v>2265</v>
      </c>
      <c r="BM2" s="881" t="s">
        <v>2688</v>
      </c>
      <c r="BN2" s="881" t="s">
        <v>3308</v>
      </c>
      <c r="BO2" s="930" t="s">
        <v>1375</v>
      </c>
      <c r="BP2" s="930" t="s">
        <v>1376</v>
      </c>
      <c r="BQ2" s="930" t="s">
        <v>1377</v>
      </c>
      <c r="BR2" s="930" t="s">
        <v>1378</v>
      </c>
      <c r="BS2" s="879" t="s">
        <v>48</v>
      </c>
      <c r="BT2" s="879" t="s">
        <v>49</v>
      </c>
      <c r="BU2" s="876" t="s">
        <v>3309</v>
      </c>
      <c r="BV2" s="843" t="s">
        <v>1360</v>
      </c>
      <c r="BW2" s="843" t="s">
        <v>1361</v>
      </c>
      <c r="BX2" s="843" t="s">
        <v>1362</v>
      </c>
      <c r="BY2" s="843" t="s">
        <v>1363</v>
      </c>
      <c r="BZ2" s="843" t="s">
        <v>1364</v>
      </c>
      <c r="CA2" s="843" t="s">
        <v>1365</v>
      </c>
      <c r="CB2" s="843" t="s">
        <v>1366</v>
      </c>
      <c r="CC2" s="843" t="s">
        <v>1367</v>
      </c>
      <c r="CD2" s="843" t="s">
        <v>1368</v>
      </c>
      <c r="CE2" s="843" t="s">
        <v>1369</v>
      </c>
      <c r="CF2" s="843" t="s">
        <v>1370</v>
      </c>
      <c r="CG2" s="843" t="s">
        <v>328</v>
      </c>
      <c r="CH2" s="843" t="s">
        <v>1371</v>
      </c>
      <c r="CI2" s="843" t="s">
        <v>1372</v>
      </c>
      <c r="CJ2" s="843" t="s">
        <v>1373</v>
      </c>
      <c r="CK2" s="843" t="s">
        <v>1374</v>
      </c>
      <c r="CL2" s="107" t="s">
        <v>33</v>
      </c>
      <c r="CM2" s="360" t="s">
        <v>34</v>
      </c>
      <c r="CN2" s="360" t="s">
        <v>35</v>
      </c>
      <c r="CO2" s="360" t="s">
        <v>36</v>
      </c>
      <c r="CP2" s="360" t="s">
        <v>37</v>
      </c>
      <c r="CQ2" s="871" t="s">
        <v>38</v>
      </c>
      <c r="CR2" s="871" t="s">
        <v>39</v>
      </c>
      <c r="CS2" s="871" t="s">
        <v>40</v>
      </c>
      <c r="CT2" s="871" t="s">
        <v>41</v>
      </c>
      <c r="CU2" s="873" t="s">
        <v>42</v>
      </c>
      <c r="CV2" s="873" t="s">
        <v>43</v>
      </c>
      <c r="CW2" s="875" t="s">
        <v>44</v>
      </c>
      <c r="CX2" s="880" t="s">
        <v>45</v>
      </c>
      <c r="CY2" s="880" t="s">
        <v>46</v>
      </c>
      <c r="CZ2" s="878" t="s">
        <v>47</v>
      </c>
      <c r="DA2" s="881" t="str">
        <f t="shared" ref="DA2:DH2" si="0">BG2</f>
        <v>North St Albans</v>
      </c>
      <c r="DB2" s="881" t="str">
        <f t="shared" si="0"/>
        <v>North East Harpenden</v>
      </c>
      <c r="DC2" s="881" t="str">
        <f t="shared" si="0"/>
        <v>West Redbourn</v>
      </c>
      <c r="DD2" s="881" t="str">
        <f t="shared" si="0"/>
        <v>East St Albans</v>
      </c>
      <c r="DE2" s="881" t="str">
        <f t="shared" si="0"/>
        <v>Glinwell, Hatfield Road, St Albans</v>
      </c>
      <c r="DF2" s="881" t="str">
        <f t="shared" si="0"/>
        <v>West of London Colney</v>
      </c>
      <c r="DG2" s="881" t="str">
        <f t="shared" si="0"/>
        <v>North West Harpenden</v>
      </c>
      <c r="DH2" s="881" t="str">
        <f t="shared" si="0"/>
        <v>Harper Lane, north of Radlett</v>
      </c>
      <c r="DI2" s="930" t="s">
        <v>1375</v>
      </c>
      <c r="DJ2" s="930" t="s">
        <v>1376</v>
      </c>
      <c r="DK2" s="930" t="s">
        <v>1377</v>
      </c>
      <c r="DL2" s="930" t="s">
        <v>1378</v>
      </c>
      <c r="DM2" s="1181" t="s">
        <v>3310</v>
      </c>
      <c r="DN2" s="1164" t="s">
        <v>3311</v>
      </c>
      <c r="DO2" s="1181" t="s">
        <v>3312</v>
      </c>
      <c r="DP2" s="1181" t="s">
        <v>3313</v>
      </c>
      <c r="DQ2" s="100" t="s">
        <v>50</v>
      </c>
      <c r="DR2" s="100" t="s">
        <v>51</v>
      </c>
      <c r="DS2" s="100" t="s">
        <v>52</v>
      </c>
    </row>
    <row r="3" spans="1:124" s="613" customFormat="1" ht="46.15" customHeight="1" x14ac:dyDescent="0.2">
      <c r="A3" s="1211"/>
      <c r="B3" s="1211" t="s">
        <v>3314</v>
      </c>
      <c r="C3" s="100" t="s">
        <v>2479</v>
      </c>
      <c r="D3" s="1337"/>
      <c r="E3" s="100"/>
      <c r="F3" s="100"/>
      <c r="G3" s="100"/>
      <c r="H3" s="100"/>
      <c r="I3" s="1164"/>
      <c r="J3" s="100"/>
      <c r="K3" s="100"/>
      <c r="L3" s="100"/>
      <c r="M3" s="100"/>
      <c r="N3" s="100"/>
      <c r="O3" s="100"/>
      <c r="P3" s="100" t="s">
        <v>1487</v>
      </c>
      <c r="Q3" s="100"/>
      <c r="R3" s="1164"/>
      <c r="S3" s="1164"/>
      <c r="T3" s="739"/>
      <c r="U3" s="741"/>
      <c r="V3" s="630"/>
      <c r="W3" s="630"/>
      <c r="X3" s="741"/>
      <c r="Y3" s="1165"/>
      <c r="Z3" s="1165" t="s">
        <v>3315</v>
      </c>
      <c r="AA3" s="105"/>
      <c r="AB3" s="862">
        <v>5000</v>
      </c>
      <c r="AC3" s="862">
        <v>200</v>
      </c>
      <c r="AD3" s="862">
        <v>450</v>
      </c>
      <c r="AE3" s="862">
        <v>350</v>
      </c>
      <c r="AF3" s="862">
        <v>500</v>
      </c>
      <c r="AG3" s="862">
        <v>480</v>
      </c>
      <c r="AH3" s="862">
        <v>100</v>
      </c>
      <c r="AI3" s="862">
        <v>390</v>
      </c>
      <c r="AJ3" s="862">
        <v>500</v>
      </c>
      <c r="AK3" s="862">
        <v>500</v>
      </c>
      <c r="AL3" s="862">
        <v>750</v>
      </c>
      <c r="AM3" s="862">
        <v>200</v>
      </c>
      <c r="AN3" s="862">
        <v>234</v>
      </c>
      <c r="AO3" s="862">
        <v>350</v>
      </c>
      <c r="AP3" s="862">
        <v>90</v>
      </c>
      <c r="AQ3" s="862">
        <v>80</v>
      </c>
      <c r="AR3" s="863">
        <v>2380</v>
      </c>
      <c r="AS3" s="360">
        <v>775</v>
      </c>
      <c r="AT3" s="360">
        <v>100</v>
      </c>
      <c r="AU3" s="360">
        <v>100</v>
      </c>
      <c r="AV3" s="870">
        <v>302</v>
      </c>
      <c r="AW3" s="871">
        <v>250</v>
      </c>
      <c r="AX3" s="871">
        <v>400</v>
      </c>
      <c r="AY3" s="871">
        <v>1400</v>
      </c>
      <c r="AZ3" s="872">
        <v>201</v>
      </c>
      <c r="BA3" s="873">
        <v>217</v>
      </c>
      <c r="BB3" s="874">
        <v>31</v>
      </c>
      <c r="BC3" s="875">
        <v>67</v>
      </c>
      <c r="BD3" s="876">
        <v>150</v>
      </c>
      <c r="BE3" s="877">
        <v>31</v>
      </c>
      <c r="BF3" s="878">
        <v>336</v>
      </c>
      <c r="BG3" s="881">
        <v>1097</v>
      </c>
      <c r="BH3" s="881">
        <v>738</v>
      </c>
      <c r="BI3" s="881">
        <v>545</v>
      </c>
      <c r="BJ3" s="881">
        <v>472</v>
      </c>
      <c r="BK3" s="881">
        <v>484</v>
      </c>
      <c r="BL3" s="881">
        <v>324</v>
      </c>
      <c r="BM3" s="881">
        <v>293</v>
      </c>
      <c r="BN3" s="881">
        <v>274</v>
      </c>
      <c r="BO3" s="881">
        <v>1500</v>
      </c>
      <c r="BP3" s="881">
        <v>1600</v>
      </c>
      <c r="BQ3" s="881">
        <v>2400</v>
      </c>
      <c r="BR3" s="881">
        <v>3171</v>
      </c>
      <c r="BS3" s="932">
        <f>SUM(BO3:BR3, AB3:AR3)</f>
        <v>21225</v>
      </c>
      <c r="BT3" s="879"/>
      <c r="BU3" s="876"/>
      <c r="BV3" s="106">
        <v>5000</v>
      </c>
      <c r="BW3" s="106">
        <v>200</v>
      </c>
      <c r="BX3" s="106">
        <v>450</v>
      </c>
      <c r="BY3" s="106">
        <v>350</v>
      </c>
      <c r="BZ3" s="106">
        <v>500</v>
      </c>
      <c r="CA3" s="106">
        <v>480</v>
      </c>
      <c r="CB3" s="106">
        <v>100</v>
      </c>
      <c r="CC3" s="106">
        <v>390</v>
      </c>
      <c r="CD3" s="106">
        <v>500</v>
      </c>
      <c r="CE3" s="106">
        <v>500</v>
      </c>
      <c r="CF3" s="106">
        <v>750</v>
      </c>
      <c r="CG3" s="106">
        <v>200</v>
      </c>
      <c r="CH3" s="106">
        <v>234</v>
      </c>
      <c r="CI3" s="106">
        <v>350</v>
      </c>
      <c r="CJ3" s="106">
        <v>90</v>
      </c>
      <c r="CK3" s="106">
        <v>80</v>
      </c>
      <c r="CL3" s="107">
        <v>2380</v>
      </c>
      <c r="CM3" s="360">
        <v>775</v>
      </c>
      <c r="CN3" s="360">
        <v>100</v>
      </c>
      <c r="CO3" s="360">
        <v>100</v>
      </c>
      <c r="CP3" s="360">
        <v>302</v>
      </c>
      <c r="CQ3" s="871">
        <v>250</v>
      </c>
      <c r="CR3" s="871">
        <v>400</v>
      </c>
      <c r="CS3" s="871">
        <v>1400</v>
      </c>
      <c r="CT3" s="871">
        <v>201</v>
      </c>
      <c r="CU3" s="873">
        <v>217</v>
      </c>
      <c r="CV3" s="873">
        <v>31</v>
      </c>
      <c r="CW3" s="875">
        <v>67</v>
      </c>
      <c r="CX3" s="880">
        <v>150</v>
      </c>
      <c r="CY3" s="880">
        <v>31</v>
      </c>
      <c r="CZ3" s="878">
        <v>336</v>
      </c>
      <c r="DA3" s="881">
        <f t="shared" ref="DA3:DH3" si="1">BG3</f>
        <v>1097</v>
      </c>
      <c r="DB3" s="881">
        <f t="shared" si="1"/>
        <v>738</v>
      </c>
      <c r="DC3" s="881">
        <f t="shared" si="1"/>
        <v>545</v>
      </c>
      <c r="DD3" s="881">
        <f t="shared" si="1"/>
        <v>472</v>
      </c>
      <c r="DE3" s="881">
        <f t="shared" si="1"/>
        <v>484</v>
      </c>
      <c r="DF3" s="881">
        <f t="shared" si="1"/>
        <v>324</v>
      </c>
      <c r="DG3" s="881">
        <f t="shared" si="1"/>
        <v>293</v>
      </c>
      <c r="DH3" s="881">
        <f t="shared" si="1"/>
        <v>274</v>
      </c>
      <c r="DI3" s="882">
        <v>1500</v>
      </c>
      <c r="DJ3" s="882">
        <v>1600</v>
      </c>
      <c r="DK3" s="882">
        <v>2400</v>
      </c>
      <c r="DL3" s="882">
        <v>3171</v>
      </c>
      <c r="DM3" s="1181"/>
      <c r="DN3" s="1164"/>
      <c r="DO3" s="1181"/>
      <c r="DP3" s="1181"/>
      <c r="DQ3" s="1226"/>
      <c r="DR3" s="1226"/>
      <c r="DS3" s="1226"/>
      <c r="DT3" s="632"/>
    </row>
    <row r="4" spans="1:124" s="613" customFormat="1" ht="57" x14ac:dyDescent="0.2">
      <c r="A4" s="484" t="str">
        <f t="shared" ref="A4:A67" si="2">H4</f>
        <v>Community Infrastructure investment to support development at North Hemel Hempstead (H1)</v>
      </c>
      <c r="B4" s="1163">
        <v>1</v>
      </c>
      <c r="C4" s="511" t="s">
        <v>3316</v>
      </c>
      <c r="D4" s="511" t="s">
        <v>2182</v>
      </c>
      <c r="E4" s="511" t="s">
        <v>1385</v>
      </c>
      <c r="F4" s="511" t="s">
        <v>295</v>
      </c>
      <c r="G4" s="515" t="s">
        <v>1326</v>
      </c>
      <c r="H4" s="513" t="s">
        <v>3317</v>
      </c>
      <c r="I4" s="515"/>
      <c r="J4" s="513" t="s">
        <v>2185</v>
      </c>
      <c r="K4" s="713" t="s">
        <v>3104</v>
      </c>
      <c r="L4" s="515" t="s">
        <v>1375</v>
      </c>
      <c r="M4" s="654" t="s">
        <v>3027</v>
      </c>
      <c r="N4" s="515" t="s">
        <v>60</v>
      </c>
      <c r="O4" s="664" t="s">
        <v>3318</v>
      </c>
      <c r="P4" s="654" t="s">
        <v>3319</v>
      </c>
      <c r="Q4" s="515" t="s">
        <v>169</v>
      </c>
      <c r="R4" s="657"/>
      <c r="S4" s="657"/>
      <c r="T4" s="516">
        <v>1500000</v>
      </c>
      <c r="U4" s="516"/>
      <c r="V4" s="676" t="s">
        <v>64</v>
      </c>
      <c r="W4" s="723">
        <f t="shared" ref="W4:W12" si="3">T4-X4</f>
        <v>0</v>
      </c>
      <c r="X4" s="745">
        <f t="shared" ref="X4:X12" si="4">IF(ISTEXT(T4),T4,T4-U4)</f>
        <v>1500000</v>
      </c>
      <c r="Y4" s="723" t="s">
        <v>3106</v>
      </c>
      <c r="Z4" s="723"/>
      <c r="AA4" s="736" t="s">
        <v>82</v>
      </c>
      <c r="AB4" s="516"/>
      <c r="AC4" s="516"/>
      <c r="AD4" s="516"/>
      <c r="AE4" s="516"/>
      <c r="AF4" s="516"/>
      <c r="AG4" s="516"/>
      <c r="AH4" s="516"/>
      <c r="AI4" s="516"/>
      <c r="AJ4" s="516"/>
      <c r="AK4" s="516"/>
      <c r="AL4" s="516"/>
      <c r="AM4" s="516"/>
      <c r="AN4" s="516"/>
      <c r="AO4" s="516"/>
      <c r="AP4" s="516"/>
      <c r="AQ4" s="516"/>
      <c r="AR4" s="516"/>
      <c r="AS4" s="516"/>
      <c r="AT4" s="516"/>
      <c r="AU4" s="516"/>
      <c r="AV4" s="516"/>
      <c r="AW4" s="516"/>
      <c r="AX4" s="516"/>
      <c r="AY4" s="516"/>
      <c r="AZ4" s="516"/>
      <c r="BA4" s="516"/>
      <c r="BB4" s="516"/>
      <c r="BC4" s="516"/>
      <c r="BD4" s="516"/>
      <c r="BE4" s="516"/>
      <c r="BF4" s="516"/>
      <c r="BG4" s="516"/>
      <c r="BH4" s="516"/>
      <c r="BI4" s="516"/>
      <c r="BJ4" s="516"/>
      <c r="BK4" s="516"/>
      <c r="BL4" s="515"/>
      <c r="BM4" s="516"/>
      <c r="BN4" s="516"/>
      <c r="BO4" s="516" t="s">
        <v>66</v>
      </c>
      <c r="BP4" s="516"/>
      <c r="BQ4" s="516"/>
      <c r="BR4" s="516"/>
      <c r="BS4" s="884">
        <f t="shared" ref="BS4:BS67" si="5">SUMIF(AB4:BR4,"YES",$AB$3:$BR$3)</f>
        <v>1500</v>
      </c>
      <c r="BT4" s="661">
        <f t="shared" ref="BT4:BT35" si="6">X4/BS4</f>
        <v>1000</v>
      </c>
      <c r="BU4" s="661"/>
      <c r="BV4" s="898" t="str">
        <f t="shared" ref="BV4:BV38" si="7">IF(AB4="yes",(AB$3*$BT4),"")</f>
        <v/>
      </c>
      <c r="BW4" s="898" t="str">
        <f t="shared" ref="BW4:BW38" si="8">IF(AC4="yes",(AC$3*$BT4),"")</f>
        <v/>
      </c>
      <c r="BX4" s="898" t="str">
        <f t="shared" ref="BX4:BX38" si="9">IF(AD4="yes",(AD$3*$BT4),"")</f>
        <v/>
      </c>
      <c r="BY4" s="898" t="str">
        <f t="shared" ref="BY4:BY38" si="10">IF(AE4="yes",(AE$3*$BT4),"")</f>
        <v/>
      </c>
      <c r="BZ4" s="898" t="str">
        <f t="shared" ref="BZ4:BZ38" si="11">IF(AF4="yes",(AF$3*$BT4),"")</f>
        <v/>
      </c>
      <c r="CA4" s="898" t="str">
        <f t="shared" ref="CA4:CA38" si="12">IF(AG4="yes",(AG$3*$BT4),"")</f>
        <v/>
      </c>
      <c r="CB4" s="898" t="str">
        <f t="shared" ref="CB4:CB38" si="13">IF(AH4="yes",(AH$3*$BT4),"")</f>
        <v/>
      </c>
      <c r="CC4" s="898" t="str">
        <f t="shared" ref="CC4:CC38" si="14">IF(AI4="yes",(AI$3*$BT4),"")</f>
        <v/>
      </c>
      <c r="CD4" s="898" t="str">
        <f t="shared" ref="CD4:CD38" si="15">IF(AJ4="yes",(AJ$3*$BT4),"")</f>
        <v/>
      </c>
      <c r="CE4" s="898" t="str">
        <f t="shared" ref="CE4:CE38" si="16">IF(AK4="yes",(AK$3*$BT4),"")</f>
        <v/>
      </c>
      <c r="CF4" s="898" t="str">
        <f t="shared" ref="CF4:CF38" si="17">IF(AL4="yes",(AL$3*$BT4),"")</f>
        <v/>
      </c>
      <c r="CG4" s="898" t="str">
        <f t="shared" ref="CG4:CG38" si="18">IF(AM4="yes",(AM$3*$BT4),"")</f>
        <v/>
      </c>
      <c r="CH4" s="898" t="str">
        <f t="shared" ref="CH4:CH38" si="19">IF(AN4="yes",(AN$3*$BT4),"")</f>
        <v/>
      </c>
      <c r="CI4" s="898" t="str">
        <f t="shared" ref="CI4:CI38" si="20">IF(AO4="yes",(AO$3*$BT4),"")</f>
        <v/>
      </c>
      <c r="CJ4" s="898" t="str">
        <f t="shared" ref="CJ4:CJ38" si="21">IF(AP4="yes",(AP$3*$BT4),"")</f>
        <v/>
      </c>
      <c r="CK4" s="898" t="str">
        <f t="shared" ref="CK4:CK38" si="22">IF(AQ4="yes",(AQ$3*$BT4),"")</f>
        <v/>
      </c>
      <c r="CL4" s="898" t="str">
        <f t="shared" ref="CL4:CL38" si="23">IF(AR4="yes",(AR$3*$BT4),"")</f>
        <v/>
      </c>
      <c r="CM4" s="898" t="str">
        <f t="shared" ref="CM4:CM38" si="24">IF(AS4="yes",(AS$3*$BT4),"")</f>
        <v/>
      </c>
      <c r="CN4" s="898" t="str">
        <f t="shared" ref="CN4:CN38" si="25">IF(AT4="yes",(AT$3*$BT4),"")</f>
        <v/>
      </c>
      <c r="CO4" s="898" t="str">
        <f t="shared" ref="CO4:CO38" si="26">IF(AU4="yes",(AU$3*$BT4),"")</f>
        <v/>
      </c>
      <c r="CP4" s="898" t="str">
        <f t="shared" ref="CP4:CP38" si="27">IF(AV4="yes",(AV$3*$BT4),"")</f>
        <v/>
      </c>
      <c r="CQ4" s="898" t="str">
        <f t="shared" ref="CQ4:CQ38" si="28">IF(AW4="yes",(AW$3*$BT4),"")</f>
        <v/>
      </c>
      <c r="CR4" s="898" t="str">
        <f t="shared" ref="CR4:CR38" si="29">IF(AX4="yes",(AX$3*$BT4),"")</f>
        <v/>
      </c>
      <c r="CS4" s="898" t="str">
        <f t="shared" ref="CS4:CS38" si="30">IF(AY4="yes",(AY$3*$BT4),"")</f>
        <v/>
      </c>
      <c r="CT4" s="898" t="str">
        <f t="shared" ref="CT4:CT38" si="31">IF(AZ4="yes",(AZ$3*$BT4),"")</f>
        <v/>
      </c>
      <c r="CU4" s="898" t="str">
        <f t="shared" ref="CU4:CU38" si="32">IF(BA4="yes",(BA$3*$BT4),"")</f>
        <v/>
      </c>
      <c r="CV4" s="898" t="str">
        <f t="shared" ref="CV4:CV38" si="33">IF(BB4="yes",(BB$3*$BT4),"")</f>
        <v/>
      </c>
      <c r="CW4" s="898" t="str">
        <f t="shared" ref="CW4:CW38" si="34">IF(BC4="yes",(BC$3*$BT4),"")</f>
        <v/>
      </c>
      <c r="CX4" s="898" t="str">
        <f t="shared" ref="CX4:CX38" si="35">IF(BD4="yes",(BD$3*$BT4),"")</f>
        <v/>
      </c>
      <c r="CY4" s="898" t="str">
        <f t="shared" ref="CY4:CY38" si="36">IF(BE4="yes",(BE$3*$BT4),"")</f>
        <v/>
      </c>
      <c r="CZ4" s="898" t="str">
        <f t="shared" ref="CZ4:CZ38" si="37">IF(BF4="yes",(BF$3*$BT4),"")</f>
        <v/>
      </c>
      <c r="DA4" s="516"/>
      <c r="DB4" s="516"/>
      <c r="DC4" s="516"/>
      <c r="DD4" s="516"/>
      <c r="DE4" s="516"/>
      <c r="DF4" s="516"/>
      <c r="DG4" s="516"/>
      <c r="DH4" s="516"/>
      <c r="DI4" s="516">
        <f>X4</f>
        <v>1500000</v>
      </c>
      <c r="DJ4" s="516"/>
      <c r="DK4" s="516"/>
      <c r="DL4" s="516"/>
      <c r="DM4" s="661">
        <f t="shared" ref="DM4:DM67" si="38">SUM(BV4:CL4)</f>
        <v>0</v>
      </c>
      <c r="DN4" s="898">
        <f t="shared" ref="DN4:DN67" si="39">SUM(DI4:DL4)</f>
        <v>1500000</v>
      </c>
      <c r="DO4" s="516">
        <f t="shared" ref="DO4:DO67" si="40">SUM(CM4:CZ4)</f>
        <v>0</v>
      </c>
      <c r="DP4" s="898">
        <f t="shared" ref="DP4:DP67" si="41">SUM(DA4:DH4)</f>
        <v>0</v>
      </c>
      <c r="DQ4" s="522" t="s">
        <v>3320</v>
      </c>
      <c r="DR4" s="522" t="s">
        <v>3321</v>
      </c>
      <c r="DS4" s="522" t="s">
        <v>3322</v>
      </c>
      <c r="DT4" s="632"/>
    </row>
    <row r="5" spans="1:124" s="613" customFormat="1" ht="57" x14ac:dyDescent="0.2">
      <c r="A5" s="484" t="str">
        <f t="shared" si="2"/>
        <v>Community Infrastructure investment to support development at East Hemel Hempstead (North) (H2)</v>
      </c>
      <c r="B5" s="1163">
        <v>2</v>
      </c>
      <c r="C5" s="511" t="s">
        <v>3323</v>
      </c>
      <c r="D5" s="511" t="s">
        <v>2182</v>
      </c>
      <c r="E5" s="511" t="s">
        <v>1385</v>
      </c>
      <c r="F5" s="511" t="s">
        <v>295</v>
      </c>
      <c r="G5" s="515" t="s">
        <v>1326</v>
      </c>
      <c r="H5" s="513" t="s">
        <v>3324</v>
      </c>
      <c r="I5" s="515"/>
      <c r="J5" s="513" t="s">
        <v>2243</v>
      </c>
      <c r="K5" s="713" t="s">
        <v>3104</v>
      </c>
      <c r="L5" s="515" t="s">
        <v>1376</v>
      </c>
      <c r="M5" s="663" t="s">
        <v>3325</v>
      </c>
      <c r="N5" s="515" t="s">
        <v>60</v>
      </c>
      <c r="O5" s="664" t="s">
        <v>3318</v>
      </c>
      <c r="P5" s="654" t="s">
        <v>3319</v>
      </c>
      <c r="Q5" s="515" t="s">
        <v>2226</v>
      </c>
      <c r="R5" s="657"/>
      <c r="S5" s="657"/>
      <c r="T5" s="516">
        <v>1600000</v>
      </c>
      <c r="U5" s="516"/>
      <c r="V5" s="676" t="s">
        <v>64</v>
      </c>
      <c r="W5" s="723">
        <f t="shared" si="3"/>
        <v>0</v>
      </c>
      <c r="X5" s="745">
        <f t="shared" si="4"/>
        <v>1600000</v>
      </c>
      <c r="Y5" s="723" t="s">
        <v>3106</v>
      </c>
      <c r="Z5" s="723"/>
      <c r="AA5" s="736" t="s">
        <v>82</v>
      </c>
      <c r="AB5" s="516"/>
      <c r="AC5" s="516"/>
      <c r="AD5" s="516"/>
      <c r="AE5" s="516"/>
      <c r="AF5" s="516"/>
      <c r="AG5" s="516"/>
      <c r="AH5" s="516"/>
      <c r="AI5" s="516"/>
      <c r="AJ5" s="516"/>
      <c r="AK5" s="516"/>
      <c r="AL5" s="516"/>
      <c r="AM5" s="516"/>
      <c r="AN5" s="516"/>
      <c r="AO5" s="516"/>
      <c r="AP5" s="516"/>
      <c r="AQ5" s="516"/>
      <c r="AR5" s="516"/>
      <c r="AS5" s="516"/>
      <c r="AT5" s="516"/>
      <c r="AU5" s="516"/>
      <c r="AV5" s="516"/>
      <c r="AW5" s="516"/>
      <c r="AX5" s="516"/>
      <c r="AY5" s="516"/>
      <c r="AZ5" s="516"/>
      <c r="BA5" s="516"/>
      <c r="BB5" s="516"/>
      <c r="BC5" s="516"/>
      <c r="BD5" s="516"/>
      <c r="BE5" s="516"/>
      <c r="BF5" s="516"/>
      <c r="BG5" s="516"/>
      <c r="BH5" s="516"/>
      <c r="BI5" s="516"/>
      <c r="BJ5" s="516"/>
      <c r="BK5" s="516"/>
      <c r="BL5" s="516"/>
      <c r="BM5" s="516"/>
      <c r="BN5" s="516"/>
      <c r="BO5" s="516"/>
      <c r="BP5" s="516" t="s">
        <v>66</v>
      </c>
      <c r="BQ5" s="516"/>
      <c r="BR5" s="516"/>
      <c r="BS5" s="884">
        <f t="shared" si="5"/>
        <v>1600</v>
      </c>
      <c r="BT5" s="661">
        <f t="shared" si="6"/>
        <v>1000</v>
      </c>
      <c r="BU5" s="661"/>
      <c r="BV5" s="898" t="str">
        <f t="shared" si="7"/>
        <v/>
      </c>
      <c r="BW5" s="898" t="str">
        <f t="shared" si="8"/>
        <v/>
      </c>
      <c r="BX5" s="898" t="str">
        <f t="shared" si="9"/>
        <v/>
      </c>
      <c r="BY5" s="898" t="str">
        <f t="shared" si="10"/>
        <v/>
      </c>
      <c r="BZ5" s="898" t="str">
        <f t="shared" si="11"/>
        <v/>
      </c>
      <c r="CA5" s="898" t="str">
        <f t="shared" si="12"/>
        <v/>
      </c>
      <c r="CB5" s="898" t="str">
        <f t="shared" si="13"/>
        <v/>
      </c>
      <c r="CC5" s="898" t="str">
        <f t="shared" si="14"/>
        <v/>
      </c>
      <c r="CD5" s="898" t="str">
        <f t="shared" si="15"/>
        <v/>
      </c>
      <c r="CE5" s="898" t="str">
        <f t="shared" si="16"/>
        <v/>
      </c>
      <c r="CF5" s="898" t="str">
        <f t="shared" si="17"/>
        <v/>
      </c>
      <c r="CG5" s="898" t="str">
        <f t="shared" si="18"/>
        <v/>
      </c>
      <c r="CH5" s="898" t="str">
        <f t="shared" si="19"/>
        <v/>
      </c>
      <c r="CI5" s="898" t="str">
        <f t="shared" si="20"/>
        <v/>
      </c>
      <c r="CJ5" s="898" t="str">
        <f t="shared" si="21"/>
        <v/>
      </c>
      <c r="CK5" s="898" t="str">
        <f t="shared" si="22"/>
        <v/>
      </c>
      <c r="CL5" s="898" t="str">
        <f t="shared" si="23"/>
        <v/>
      </c>
      <c r="CM5" s="898" t="str">
        <f t="shared" si="24"/>
        <v/>
      </c>
      <c r="CN5" s="898" t="str">
        <f t="shared" si="25"/>
        <v/>
      </c>
      <c r="CO5" s="898" t="str">
        <f t="shared" si="26"/>
        <v/>
      </c>
      <c r="CP5" s="898" t="str">
        <f t="shared" si="27"/>
        <v/>
      </c>
      <c r="CQ5" s="898" t="str">
        <f t="shared" si="28"/>
        <v/>
      </c>
      <c r="CR5" s="898" t="str">
        <f t="shared" si="29"/>
        <v/>
      </c>
      <c r="CS5" s="898" t="str">
        <f t="shared" si="30"/>
        <v/>
      </c>
      <c r="CT5" s="898" t="str">
        <f t="shared" si="31"/>
        <v/>
      </c>
      <c r="CU5" s="898" t="str">
        <f t="shared" si="32"/>
        <v/>
      </c>
      <c r="CV5" s="898" t="str">
        <f t="shared" si="33"/>
        <v/>
      </c>
      <c r="CW5" s="898" t="str">
        <f t="shared" si="34"/>
        <v/>
      </c>
      <c r="CX5" s="898" t="str">
        <f t="shared" si="35"/>
        <v/>
      </c>
      <c r="CY5" s="898" t="str">
        <f t="shared" si="36"/>
        <v/>
      </c>
      <c r="CZ5" s="898" t="str">
        <f t="shared" si="37"/>
        <v/>
      </c>
      <c r="DA5" s="516"/>
      <c r="DB5" s="516"/>
      <c r="DC5" s="516"/>
      <c r="DD5" s="516"/>
      <c r="DE5" s="516"/>
      <c r="DF5" s="516"/>
      <c r="DG5" s="516"/>
      <c r="DH5" s="516"/>
      <c r="DI5" s="516"/>
      <c r="DJ5" s="516">
        <f>X5</f>
        <v>1600000</v>
      </c>
      <c r="DK5" s="516"/>
      <c r="DL5" s="516"/>
      <c r="DM5" s="661">
        <f t="shared" si="38"/>
        <v>0</v>
      </c>
      <c r="DN5" s="898">
        <f t="shared" si="39"/>
        <v>1600000</v>
      </c>
      <c r="DO5" s="516">
        <f t="shared" si="40"/>
        <v>0</v>
      </c>
      <c r="DP5" s="898">
        <f t="shared" si="41"/>
        <v>0</v>
      </c>
      <c r="DQ5" s="522" t="s">
        <v>3320</v>
      </c>
      <c r="DR5" s="522" t="s">
        <v>3321</v>
      </c>
      <c r="DS5" s="522" t="s">
        <v>3322</v>
      </c>
      <c r="DT5" s="632"/>
    </row>
    <row r="6" spans="1:124" s="137" customFormat="1" ht="57" x14ac:dyDescent="0.2">
      <c r="A6" s="484" t="str">
        <f t="shared" si="2"/>
        <v>Community Infrastructure investment to support development at East Hemel Hempstead (South) (H4)</v>
      </c>
      <c r="B6" s="1163">
        <v>3</v>
      </c>
      <c r="C6" s="511" t="s">
        <v>3326</v>
      </c>
      <c r="D6" s="511" t="s">
        <v>2182</v>
      </c>
      <c r="E6" s="511" t="s">
        <v>1385</v>
      </c>
      <c r="F6" s="511" t="s">
        <v>295</v>
      </c>
      <c r="G6" s="515" t="s">
        <v>1326</v>
      </c>
      <c r="H6" s="513" t="s">
        <v>3327</v>
      </c>
      <c r="I6" s="515"/>
      <c r="J6" s="513" t="s">
        <v>2245</v>
      </c>
      <c r="K6" s="713" t="s">
        <v>3104</v>
      </c>
      <c r="L6" s="515" t="s">
        <v>1377</v>
      </c>
      <c r="M6" s="663" t="s">
        <v>3325</v>
      </c>
      <c r="N6" s="515" t="s">
        <v>543</v>
      </c>
      <c r="O6" s="664" t="s">
        <v>3318</v>
      </c>
      <c r="P6" s="654" t="s">
        <v>3319</v>
      </c>
      <c r="Q6" s="515" t="s">
        <v>2226</v>
      </c>
      <c r="R6" s="657"/>
      <c r="S6" s="657"/>
      <c r="T6" s="516">
        <v>2400000</v>
      </c>
      <c r="U6" s="516"/>
      <c r="V6" s="676" t="s">
        <v>64</v>
      </c>
      <c r="W6" s="723">
        <f t="shared" si="3"/>
        <v>0</v>
      </c>
      <c r="X6" s="745">
        <f t="shared" si="4"/>
        <v>2400000</v>
      </c>
      <c r="Y6" s="723" t="s">
        <v>3106</v>
      </c>
      <c r="Z6" s="723"/>
      <c r="AA6" s="736" t="s">
        <v>82</v>
      </c>
      <c r="AB6" s="516"/>
      <c r="AC6" s="516"/>
      <c r="AD6" s="516"/>
      <c r="AE6" s="516"/>
      <c r="AF6" s="516"/>
      <c r="AG6" s="516"/>
      <c r="AH6" s="516"/>
      <c r="AI6" s="516"/>
      <c r="AJ6" s="516"/>
      <c r="AK6" s="516"/>
      <c r="AL6" s="516"/>
      <c r="AM6" s="516"/>
      <c r="AN6" s="516"/>
      <c r="AO6" s="516"/>
      <c r="AP6" s="516"/>
      <c r="AQ6" s="516"/>
      <c r="AR6" s="516"/>
      <c r="AS6" s="516"/>
      <c r="AT6" s="516"/>
      <c r="AU6" s="516"/>
      <c r="AV6" s="516"/>
      <c r="AW6" s="516"/>
      <c r="AX6" s="516"/>
      <c r="AY6" s="516"/>
      <c r="AZ6" s="516"/>
      <c r="BA6" s="516"/>
      <c r="BB6" s="516"/>
      <c r="BC6" s="516"/>
      <c r="BD6" s="516"/>
      <c r="BE6" s="516"/>
      <c r="BF6" s="516"/>
      <c r="BG6" s="516"/>
      <c r="BH6" s="516"/>
      <c r="BI6" s="516"/>
      <c r="BJ6" s="516"/>
      <c r="BK6" s="516"/>
      <c r="BL6" s="516"/>
      <c r="BM6" s="516"/>
      <c r="BN6" s="516"/>
      <c r="BO6" s="516"/>
      <c r="BP6" s="516"/>
      <c r="BQ6" s="516" t="s">
        <v>66</v>
      </c>
      <c r="BR6" s="516"/>
      <c r="BS6" s="884">
        <f t="shared" si="5"/>
        <v>2400</v>
      </c>
      <c r="BT6" s="661">
        <f t="shared" si="6"/>
        <v>1000</v>
      </c>
      <c r="BU6" s="661"/>
      <c r="BV6" s="898" t="str">
        <f t="shared" si="7"/>
        <v/>
      </c>
      <c r="BW6" s="898" t="str">
        <f t="shared" si="8"/>
        <v/>
      </c>
      <c r="BX6" s="898" t="str">
        <f t="shared" si="9"/>
        <v/>
      </c>
      <c r="BY6" s="898" t="str">
        <f t="shared" si="10"/>
        <v/>
      </c>
      <c r="BZ6" s="898" t="str">
        <f t="shared" si="11"/>
        <v/>
      </c>
      <c r="CA6" s="898" t="str">
        <f t="shared" si="12"/>
        <v/>
      </c>
      <c r="CB6" s="898" t="str">
        <f t="shared" si="13"/>
        <v/>
      </c>
      <c r="CC6" s="898" t="str">
        <f t="shared" si="14"/>
        <v/>
      </c>
      <c r="CD6" s="898" t="str">
        <f t="shared" si="15"/>
        <v/>
      </c>
      <c r="CE6" s="898" t="str">
        <f t="shared" si="16"/>
        <v/>
      </c>
      <c r="CF6" s="898" t="str">
        <f t="shared" si="17"/>
        <v/>
      </c>
      <c r="CG6" s="898" t="str">
        <f t="shared" si="18"/>
        <v/>
      </c>
      <c r="CH6" s="898" t="str">
        <f t="shared" si="19"/>
        <v/>
      </c>
      <c r="CI6" s="898" t="str">
        <f t="shared" si="20"/>
        <v/>
      </c>
      <c r="CJ6" s="898" t="str">
        <f t="shared" si="21"/>
        <v/>
      </c>
      <c r="CK6" s="898" t="str">
        <f t="shared" si="22"/>
        <v/>
      </c>
      <c r="CL6" s="898" t="str">
        <f t="shared" si="23"/>
        <v/>
      </c>
      <c r="CM6" s="898" t="str">
        <f t="shared" si="24"/>
        <v/>
      </c>
      <c r="CN6" s="898" t="str">
        <f t="shared" si="25"/>
        <v/>
      </c>
      <c r="CO6" s="898" t="str">
        <f t="shared" si="26"/>
        <v/>
      </c>
      <c r="CP6" s="898" t="str">
        <f t="shared" si="27"/>
        <v/>
      </c>
      <c r="CQ6" s="898" t="str">
        <f t="shared" si="28"/>
        <v/>
      </c>
      <c r="CR6" s="898" t="str">
        <f t="shared" si="29"/>
        <v/>
      </c>
      <c r="CS6" s="898" t="str">
        <f t="shared" si="30"/>
        <v/>
      </c>
      <c r="CT6" s="898" t="str">
        <f t="shared" si="31"/>
        <v/>
      </c>
      <c r="CU6" s="898" t="str">
        <f t="shared" si="32"/>
        <v/>
      </c>
      <c r="CV6" s="898" t="str">
        <f t="shared" si="33"/>
        <v/>
      </c>
      <c r="CW6" s="898" t="str">
        <f t="shared" si="34"/>
        <v/>
      </c>
      <c r="CX6" s="898" t="str">
        <f t="shared" si="35"/>
        <v/>
      </c>
      <c r="CY6" s="898" t="str">
        <f t="shared" si="36"/>
        <v/>
      </c>
      <c r="CZ6" s="898" t="str">
        <f t="shared" si="37"/>
        <v/>
      </c>
      <c r="DA6" s="516"/>
      <c r="DB6" s="516"/>
      <c r="DC6" s="516"/>
      <c r="DD6" s="516"/>
      <c r="DE6" s="516"/>
      <c r="DF6" s="516"/>
      <c r="DG6" s="516"/>
      <c r="DH6" s="516"/>
      <c r="DI6" s="516"/>
      <c r="DJ6" s="516"/>
      <c r="DK6" s="898">
        <f>X6</f>
        <v>2400000</v>
      </c>
      <c r="DL6" s="516"/>
      <c r="DM6" s="661">
        <f t="shared" si="38"/>
        <v>0</v>
      </c>
      <c r="DN6" s="898">
        <f t="shared" si="39"/>
        <v>2400000</v>
      </c>
      <c r="DO6" s="516">
        <f t="shared" si="40"/>
        <v>0</v>
      </c>
      <c r="DP6" s="898">
        <f t="shared" si="41"/>
        <v>0</v>
      </c>
      <c r="DQ6" s="522" t="s">
        <v>3320</v>
      </c>
      <c r="DR6" s="522" t="s">
        <v>3321</v>
      </c>
      <c r="DS6" s="522" t="s">
        <v>3322</v>
      </c>
      <c r="DT6" s="632"/>
    </row>
    <row r="7" spans="1:124" s="137" customFormat="1" ht="99.75" x14ac:dyDescent="0.2">
      <c r="A7" s="484" t="str">
        <f t="shared" si="2"/>
        <v>On-site provision of one community centre at North Hemel Hempstead (Hm01).</v>
      </c>
      <c r="B7" s="1163">
        <v>4</v>
      </c>
      <c r="C7" s="481" t="s">
        <v>3328</v>
      </c>
      <c r="D7" s="481" t="s">
        <v>2481</v>
      </c>
      <c r="E7" s="481" t="s">
        <v>53</v>
      </c>
      <c r="F7" s="481" t="s">
        <v>295</v>
      </c>
      <c r="G7" s="654" t="s">
        <v>1325</v>
      </c>
      <c r="H7" s="484" t="s">
        <v>3329</v>
      </c>
      <c r="I7" s="654"/>
      <c r="J7" s="484" t="s">
        <v>3330</v>
      </c>
      <c r="K7" s="713" t="s">
        <v>3104</v>
      </c>
      <c r="L7" s="657" t="s">
        <v>1360</v>
      </c>
      <c r="M7" s="654" t="s">
        <v>3027</v>
      </c>
      <c r="N7" s="654" t="s">
        <v>60</v>
      </c>
      <c r="O7" s="657" t="s">
        <v>3331</v>
      </c>
      <c r="P7" s="654" t="s">
        <v>53</v>
      </c>
      <c r="Q7" s="654" t="s">
        <v>62</v>
      </c>
      <c r="R7" s="654"/>
      <c r="S7" s="654"/>
      <c r="T7" s="723">
        <v>1515700</v>
      </c>
      <c r="U7" s="723"/>
      <c r="V7" s="654" t="s">
        <v>64</v>
      </c>
      <c r="W7" s="723">
        <f t="shared" si="3"/>
        <v>0</v>
      </c>
      <c r="X7" s="745">
        <f t="shared" si="4"/>
        <v>1515700</v>
      </c>
      <c r="Y7" s="723" t="s">
        <v>3106</v>
      </c>
      <c r="Z7" s="723"/>
      <c r="AA7" s="652" t="s">
        <v>82</v>
      </c>
      <c r="AB7" s="746" t="s">
        <v>66</v>
      </c>
      <c r="AC7" s="883"/>
      <c r="AD7" s="883"/>
      <c r="AE7" s="883"/>
      <c r="AF7" s="883"/>
      <c r="AG7" s="883"/>
      <c r="AH7" s="883"/>
      <c r="AI7" s="883"/>
      <c r="AJ7" s="883"/>
      <c r="AK7" s="883"/>
      <c r="AL7" s="883"/>
      <c r="AM7" s="883"/>
      <c r="AN7" s="883"/>
      <c r="AO7" s="883"/>
      <c r="AP7" s="883"/>
      <c r="AQ7" s="883"/>
      <c r="AR7" s="883"/>
      <c r="AS7" s="883"/>
      <c r="AT7" s="883"/>
      <c r="AU7" s="883"/>
      <c r="AV7" s="883"/>
      <c r="AW7" s="746"/>
      <c r="AX7" s="883"/>
      <c r="AY7" s="883"/>
      <c r="AZ7" s="883"/>
      <c r="BA7" s="883"/>
      <c r="BB7" s="883"/>
      <c r="BC7" s="883"/>
      <c r="BD7" s="883"/>
      <c r="BE7" s="883"/>
      <c r="BF7" s="883"/>
      <c r="BG7" s="746"/>
      <c r="BH7" s="746"/>
      <c r="BI7" s="746"/>
      <c r="BJ7" s="746"/>
      <c r="BK7" s="746"/>
      <c r="BL7" s="746"/>
      <c r="BM7" s="746"/>
      <c r="BN7" s="746"/>
      <c r="BO7" s="746"/>
      <c r="BP7" s="746"/>
      <c r="BQ7" s="746"/>
      <c r="BR7" s="746"/>
      <c r="BS7" s="884">
        <f t="shared" si="5"/>
        <v>5000</v>
      </c>
      <c r="BT7" s="661">
        <f t="shared" si="6"/>
        <v>303.14</v>
      </c>
      <c r="BU7" s="661"/>
      <c r="BV7" s="898">
        <f t="shared" si="7"/>
        <v>1515700</v>
      </c>
      <c r="BW7" s="898" t="str">
        <f t="shared" si="8"/>
        <v/>
      </c>
      <c r="BX7" s="898" t="str">
        <f t="shared" si="9"/>
        <v/>
      </c>
      <c r="BY7" s="898" t="str">
        <f t="shared" si="10"/>
        <v/>
      </c>
      <c r="BZ7" s="898" t="str">
        <f t="shared" si="11"/>
        <v/>
      </c>
      <c r="CA7" s="898" t="str">
        <f t="shared" si="12"/>
        <v/>
      </c>
      <c r="CB7" s="898" t="str">
        <f t="shared" si="13"/>
        <v/>
      </c>
      <c r="CC7" s="898" t="str">
        <f t="shared" si="14"/>
        <v/>
      </c>
      <c r="CD7" s="898" t="str">
        <f t="shared" si="15"/>
        <v/>
      </c>
      <c r="CE7" s="898" t="str">
        <f t="shared" si="16"/>
        <v/>
      </c>
      <c r="CF7" s="898" t="str">
        <f t="shared" si="17"/>
        <v/>
      </c>
      <c r="CG7" s="898" t="str">
        <f t="shared" si="18"/>
        <v/>
      </c>
      <c r="CH7" s="898" t="str">
        <f t="shared" si="19"/>
        <v/>
      </c>
      <c r="CI7" s="898" t="str">
        <f t="shared" si="20"/>
        <v/>
      </c>
      <c r="CJ7" s="898" t="str">
        <f t="shared" si="21"/>
        <v/>
      </c>
      <c r="CK7" s="898" t="str">
        <f t="shared" si="22"/>
        <v/>
      </c>
      <c r="CL7" s="898" t="str">
        <f t="shared" si="23"/>
        <v/>
      </c>
      <c r="CM7" s="898" t="str">
        <f t="shared" si="24"/>
        <v/>
      </c>
      <c r="CN7" s="898" t="str">
        <f t="shared" si="25"/>
        <v/>
      </c>
      <c r="CO7" s="898" t="str">
        <f t="shared" si="26"/>
        <v/>
      </c>
      <c r="CP7" s="898" t="str">
        <f t="shared" si="27"/>
        <v/>
      </c>
      <c r="CQ7" s="898" t="str">
        <f t="shared" si="28"/>
        <v/>
      </c>
      <c r="CR7" s="898" t="str">
        <f t="shared" si="29"/>
        <v/>
      </c>
      <c r="CS7" s="898" t="str">
        <f t="shared" si="30"/>
        <v/>
      </c>
      <c r="CT7" s="898" t="str">
        <f t="shared" si="31"/>
        <v/>
      </c>
      <c r="CU7" s="898" t="str">
        <f t="shared" si="32"/>
        <v/>
      </c>
      <c r="CV7" s="898" t="str">
        <f t="shared" si="33"/>
        <v/>
      </c>
      <c r="CW7" s="898" t="str">
        <f t="shared" si="34"/>
        <v/>
      </c>
      <c r="CX7" s="898" t="str">
        <f t="shared" si="35"/>
        <v/>
      </c>
      <c r="CY7" s="898" t="str">
        <f t="shared" si="36"/>
        <v/>
      </c>
      <c r="CZ7" s="898" t="str">
        <f t="shared" si="37"/>
        <v/>
      </c>
      <c r="DA7" s="898"/>
      <c r="DB7" s="898"/>
      <c r="DC7" s="898"/>
      <c r="DD7" s="898"/>
      <c r="DE7" s="898"/>
      <c r="DF7" s="898"/>
      <c r="DG7" s="898"/>
      <c r="DH7" s="898"/>
      <c r="DI7" s="898"/>
      <c r="DJ7" s="898"/>
      <c r="DK7" s="898"/>
      <c r="DL7" s="898"/>
      <c r="DM7" s="661">
        <f t="shared" si="38"/>
        <v>1515700</v>
      </c>
      <c r="DN7" s="898">
        <f t="shared" si="39"/>
        <v>0</v>
      </c>
      <c r="DO7" s="516">
        <f t="shared" si="40"/>
        <v>0</v>
      </c>
      <c r="DP7" s="898">
        <f t="shared" si="41"/>
        <v>0</v>
      </c>
      <c r="DQ7" s="483" t="s">
        <v>3332</v>
      </c>
      <c r="DR7" s="610" t="s">
        <v>3333</v>
      </c>
      <c r="DS7" s="483" t="s">
        <v>3098</v>
      </c>
      <c r="DT7" s="632"/>
    </row>
    <row r="8" spans="1:124" s="137" customFormat="1" ht="99.75" x14ac:dyDescent="0.2">
      <c r="A8" s="484" t="str">
        <f t="shared" si="2"/>
        <v>On-site provision of one community centre at Shendish Manor and Fairfields (Hm11).</v>
      </c>
      <c r="B8" s="1163">
        <v>5</v>
      </c>
      <c r="C8" s="481" t="s">
        <v>3334</v>
      </c>
      <c r="D8" s="481" t="s">
        <v>2481</v>
      </c>
      <c r="E8" s="481" t="s">
        <v>53</v>
      </c>
      <c r="F8" s="481" t="s">
        <v>295</v>
      </c>
      <c r="G8" s="654" t="s">
        <v>1325</v>
      </c>
      <c r="H8" s="484" t="s">
        <v>3335</v>
      </c>
      <c r="I8" s="654"/>
      <c r="J8" s="484" t="s">
        <v>3336</v>
      </c>
      <c r="K8" s="713" t="s">
        <v>3104</v>
      </c>
      <c r="L8" s="657" t="s">
        <v>1369</v>
      </c>
      <c r="M8" s="654" t="s">
        <v>2996</v>
      </c>
      <c r="N8" s="654" t="s">
        <v>60</v>
      </c>
      <c r="O8" s="657" t="s">
        <v>3331</v>
      </c>
      <c r="P8" s="654" t="s">
        <v>53</v>
      </c>
      <c r="Q8" s="654" t="s">
        <v>159</v>
      </c>
      <c r="R8" s="654"/>
      <c r="S8" s="654"/>
      <c r="T8" s="745">
        <v>1515700</v>
      </c>
      <c r="U8" s="723"/>
      <c r="V8" s="654" t="s">
        <v>64</v>
      </c>
      <c r="W8" s="723">
        <f t="shared" si="3"/>
        <v>0</v>
      </c>
      <c r="X8" s="745">
        <f t="shared" si="4"/>
        <v>1515700</v>
      </c>
      <c r="Y8" s="723" t="s">
        <v>3106</v>
      </c>
      <c r="Z8" s="723"/>
      <c r="AA8" s="652" t="s">
        <v>82</v>
      </c>
      <c r="AB8" s="883"/>
      <c r="AC8" s="883"/>
      <c r="AD8" s="883"/>
      <c r="AE8" s="883"/>
      <c r="AF8" s="883"/>
      <c r="AG8" s="883"/>
      <c r="AH8" s="883"/>
      <c r="AI8" s="883"/>
      <c r="AJ8" s="883"/>
      <c r="AK8" s="746" t="s">
        <v>66</v>
      </c>
      <c r="AL8" s="883"/>
      <c r="AM8" s="883"/>
      <c r="AN8" s="883"/>
      <c r="AO8" s="883"/>
      <c r="AP8" s="883"/>
      <c r="AQ8" s="883"/>
      <c r="AR8" s="883"/>
      <c r="AS8" s="883"/>
      <c r="AT8" s="883"/>
      <c r="AU8" s="883"/>
      <c r="AV8" s="883"/>
      <c r="AW8" s="746"/>
      <c r="AX8" s="883"/>
      <c r="AY8" s="883"/>
      <c r="AZ8" s="883"/>
      <c r="BA8" s="883"/>
      <c r="BB8" s="883"/>
      <c r="BC8" s="883"/>
      <c r="BD8" s="883"/>
      <c r="BE8" s="883"/>
      <c r="BF8" s="883"/>
      <c r="BG8" s="746"/>
      <c r="BH8" s="746"/>
      <c r="BI8" s="746"/>
      <c r="BJ8" s="746"/>
      <c r="BK8" s="746"/>
      <c r="BL8" s="746"/>
      <c r="BM8" s="746"/>
      <c r="BN8" s="746"/>
      <c r="BO8" s="746"/>
      <c r="BP8" s="746"/>
      <c r="BQ8" s="746"/>
      <c r="BR8" s="746"/>
      <c r="BS8" s="884">
        <f t="shared" si="5"/>
        <v>500</v>
      </c>
      <c r="BT8" s="661">
        <f t="shared" si="6"/>
        <v>3031.4</v>
      </c>
      <c r="BU8" s="661"/>
      <c r="BV8" s="898" t="str">
        <f t="shared" si="7"/>
        <v/>
      </c>
      <c r="BW8" s="898" t="str">
        <f t="shared" si="8"/>
        <v/>
      </c>
      <c r="BX8" s="898" t="str">
        <f t="shared" si="9"/>
        <v/>
      </c>
      <c r="BY8" s="898" t="str">
        <f t="shared" si="10"/>
        <v/>
      </c>
      <c r="BZ8" s="898" t="str">
        <f t="shared" si="11"/>
        <v/>
      </c>
      <c r="CA8" s="898" t="str">
        <f t="shared" si="12"/>
        <v/>
      </c>
      <c r="CB8" s="898" t="str">
        <f t="shared" si="13"/>
        <v/>
      </c>
      <c r="CC8" s="898" t="str">
        <f t="shared" si="14"/>
        <v/>
      </c>
      <c r="CD8" s="898" t="str">
        <f t="shared" si="15"/>
        <v/>
      </c>
      <c r="CE8" s="898">
        <f t="shared" si="16"/>
        <v>1515700</v>
      </c>
      <c r="CF8" s="898" t="str">
        <f t="shared" si="17"/>
        <v/>
      </c>
      <c r="CG8" s="898" t="str">
        <f t="shared" si="18"/>
        <v/>
      </c>
      <c r="CH8" s="898" t="str">
        <f t="shared" si="19"/>
        <v/>
      </c>
      <c r="CI8" s="898" t="str">
        <f t="shared" si="20"/>
        <v/>
      </c>
      <c r="CJ8" s="898" t="str">
        <f t="shared" si="21"/>
        <v/>
      </c>
      <c r="CK8" s="898" t="str">
        <f t="shared" si="22"/>
        <v/>
      </c>
      <c r="CL8" s="898" t="str">
        <f t="shared" si="23"/>
        <v/>
      </c>
      <c r="CM8" s="898" t="str">
        <f t="shared" si="24"/>
        <v/>
      </c>
      <c r="CN8" s="898" t="str">
        <f t="shared" si="25"/>
        <v/>
      </c>
      <c r="CO8" s="898" t="str">
        <f t="shared" si="26"/>
        <v/>
      </c>
      <c r="CP8" s="898" t="str">
        <f t="shared" si="27"/>
        <v/>
      </c>
      <c r="CQ8" s="898" t="str">
        <f t="shared" si="28"/>
        <v/>
      </c>
      <c r="CR8" s="898" t="str">
        <f t="shared" si="29"/>
        <v/>
      </c>
      <c r="CS8" s="898" t="str">
        <f t="shared" si="30"/>
        <v/>
      </c>
      <c r="CT8" s="898" t="str">
        <f t="shared" si="31"/>
        <v/>
      </c>
      <c r="CU8" s="898" t="str">
        <f t="shared" si="32"/>
        <v/>
      </c>
      <c r="CV8" s="898" t="str">
        <f t="shared" si="33"/>
        <v/>
      </c>
      <c r="CW8" s="898" t="str">
        <f t="shared" si="34"/>
        <v/>
      </c>
      <c r="CX8" s="898" t="str">
        <f t="shared" si="35"/>
        <v/>
      </c>
      <c r="CY8" s="898" t="str">
        <f t="shared" si="36"/>
        <v/>
      </c>
      <c r="CZ8" s="898" t="str">
        <f t="shared" si="37"/>
        <v/>
      </c>
      <c r="DA8" s="898"/>
      <c r="DB8" s="898"/>
      <c r="DC8" s="898"/>
      <c r="DD8" s="898"/>
      <c r="DE8" s="898"/>
      <c r="DF8" s="898"/>
      <c r="DG8" s="898"/>
      <c r="DH8" s="898"/>
      <c r="DI8" s="898"/>
      <c r="DJ8" s="898"/>
      <c r="DK8" s="898"/>
      <c r="DL8" s="898"/>
      <c r="DM8" s="661">
        <f t="shared" si="38"/>
        <v>1515700</v>
      </c>
      <c r="DN8" s="898">
        <f t="shared" si="39"/>
        <v>0</v>
      </c>
      <c r="DO8" s="516">
        <f t="shared" si="40"/>
        <v>0</v>
      </c>
      <c r="DP8" s="898">
        <f t="shared" si="41"/>
        <v>0</v>
      </c>
      <c r="DQ8" s="483" t="s">
        <v>3332</v>
      </c>
      <c r="DR8" s="610" t="s">
        <v>3333</v>
      </c>
      <c r="DS8" s="483" t="s">
        <v>3098</v>
      </c>
      <c r="DT8" s="632"/>
    </row>
    <row r="9" spans="1:124" s="137" customFormat="1" ht="99.75" x14ac:dyDescent="0.2">
      <c r="A9" s="484" t="str">
        <f t="shared" si="2"/>
        <v>On-site provision of one community centre at Polehanger Lane (Hm13).</v>
      </c>
      <c r="B9" s="1163">
        <v>6</v>
      </c>
      <c r="C9" s="481" t="s">
        <v>3337</v>
      </c>
      <c r="D9" s="481" t="s">
        <v>2481</v>
      </c>
      <c r="E9" s="481" t="s">
        <v>53</v>
      </c>
      <c r="F9" s="481" t="s">
        <v>295</v>
      </c>
      <c r="G9" s="654" t="s">
        <v>1325</v>
      </c>
      <c r="H9" s="484" t="s">
        <v>3338</v>
      </c>
      <c r="I9" s="654"/>
      <c r="J9" s="484" t="s">
        <v>3339</v>
      </c>
      <c r="K9" s="713" t="s">
        <v>3104</v>
      </c>
      <c r="L9" s="657" t="s">
        <v>1370</v>
      </c>
      <c r="M9" s="654" t="s">
        <v>2996</v>
      </c>
      <c r="N9" s="654" t="s">
        <v>60</v>
      </c>
      <c r="O9" s="657" t="s">
        <v>3331</v>
      </c>
      <c r="P9" s="654" t="s">
        <v>53</v>
      </c>
      <c r="Q9" s="654" t="s">
        <v>390</v>
      </c>
      <c r="R9" s="654"/>
      <c r="S9" s="654"/>
      <c r="T9" s="745">
        <v>1515700</v>
      </c>
      <c r="U9" s="723"/>
      <c r="V9" s="654" t="s">
        <v>64</v>
      </c>
      <c r="W9" s="723">
        <f t="shared" si="3"/>
        <v>0</v>
      </c>
      <c r="X9" s="745">
        <f t="shared" si="4"/>
        <v>1515700</v>
      </c>
      <c r="Y9" s="723" t="s">
        <v>3106</v>
      </c>
      <c r="Z9" s="723"/>
      <c r="AA9" s="652" t="s">
        <v>82</v>
      </c>
      <c r="AB9" s="883"/>
      <c r="AC9" s="883"/>
      <c r="AD9" s="883"/>
      <c r="AE9" s="883"/>
      <c r="AF9" s="883"/>
      <c r="AG9" s="883"/>
      <c r="AH9" s="883"/>
      <c r="AI9" s="883"/>
      <c r="AJ9" s="883"/>
      <c r="AK9" s="883"/>
      <c r="AL9" s="746" t="s">
        <v>66</v>
      </c>
      <c r="AM9" s="883"/>
      <c r="AN9" s="883"/>
      <c r="AO9" s="883"/>
      <c r="AP9" s="883"/>
      <c r="AQ9" s="883"/>
      <c r="AR9" s="883"/>
      <c r="AS9" s="883"/>
      <c r="AT9" s="883"/>
      <c r="AU9" s="883"/>
      <c r="AV9" s="883"/>
      <c r="AW9" s="746"/>
      <c r="AX9" s="883"/>
      <c r="AY9" s="883"/>
      <c r="AZ9" s="883"/>
      <c r="BA9" s="883"/>
      <c r="BB9" s="883"/>
      <c r="BC9" s="883"/>
      <c r="BD9" s="883"/>
      <c r="BE9" s="883"/>
      <c r="BF9" s="883"/>
      <c r="BG9" s="746"/>
      <c r="BH9" s="746"/>
      <c r="BI9" s="746"/>
      <c r="BJ9" s="746"/>
      <c r="BK9" s="746"/>
      <c r="BL9" s="746"/>
      <c r="BM9" s="746"/>
      <c r="BN9" s="746"/>
      <c r="BO9" s="746"/>
      <c r="BP9" s="746"/>
      <c r="BQ9" s="746"/>
      <c r="BR9" s="746"/>
      <c r="BS9" s="884">
        <f t="shared" si="5"/>
        <v>750</v>
      </c>
      <c r="BT9" s="661">
        <f t="shared" si="6"/>
        <v>2020.9333333333334</v>
      </c>
      <c r="BU9" s="661"/>
      <c r="BV9" s="898" t="str">
        <f t="shared" si="7"/>
        <v/>
      </c>
      <c r="BW9" s="898" t="str">
        <f t="shared" si="8"/>
        <v/>
      </c>
      <c r="BX9" s="898" t="str">
        <f t="shared" si="9"/>
        <v/>
      </c>
      <c r="BY9" s="898" t="str">
        <f t="shared" si="10"/>
        <v/>
      </c>
      <c r="BZ9" s="898" t="str">
        <f t="shared" si="11"/>
        <v/>
      </c>
      <c r="CA9" s="898" t="str">
        <f t="shared" si="12"/>
        <v/>
      </c>
      <c r="CB9" s="898" t="str">
        <f t="shared" si="13"/>
        <v/>
      </c>
      <c r="CC9" s="898" t="str">
        <f t="shared" si="14"/>
        <v/>
      </c>
      <c r="CD9" s="898" t="str">
        <f t="shared" si="15"/>
        <v/>
      </c>
      <c r="CE9" s="898" t="str">
        <f t="shared" si="16"/>
        <v/>
      </c>
      <c r="CF9" s="898">
        <f t="shared" si="17"/>
        <v>1515700</v>
      </c>
      <c r="CG9" s="898" t="str">
        <f t="shared" si="18"/>
        <v/>
      </c>
      <c r="CH9" s="898" t="str">
        <f t="shared" si="19"/>
        <v/>
      </c>
      <c r="CI9" s="898" t="str">
        <f t="shared" si="20"/>
        <v/>
      </c>
      <c r="CJ9" s="898" t="str">
        <f t="shared" si="21"/>
        <v/>
      </c>
      <c r="CK9" s="898" t="str">
        <f t="shared" si="22"/>
        <v/>
      </c>
      <c r="CL9" s="898" t="str">
        <f t="shared" si="23"/>
        <v/>
      </c>
      <c r="CM9" s="898" t="str">
        <f t="shared" si="24"/>
        <v/>
      </c>
      <c r="CN9" s="898" t="str">
        <f t="shared" si="25"/>
        <v/>
      </c>
      <c r="CO9" s="898" t="str">
        <f t="shared" si="26"/>
        <v/>
      </c>
      <c r="CP9" s="898" t="str">
        <f t="shared" si="27"/>
        <v/>
      </c>
      <c r="CQ9" s="898" t="str">
        <f t="shared" si="28"/>
        <v/>
      </c>
      <c r="CR9" s="898" t="str">
        <f t="shared" si="29"/>
        <v/>
      </c>
      <c r="CS9" s="898" t="str">
        <f t="shared" si="30"/>
        <v/>
      </c>
      <c r="CT9" s="898" t="str">
        <f t="shared" si="31"/>
        <v/>
      </c>
      <c r="CU9" s="898" t="str">
        <f t="shared" si="32"/>
        <v/>
      </c>
      <c r="CV9" s="898" t="str">
        <f t="shared" si="33"/>
        <v/>
      </c>
      <c r="CW9" s="898" t="str">
        <f t="shared" si="34"/>
        <v/>
      </c>
      <c r="CX9" s="898" t="str">
        <f t="shared" si="35"/>
        <v/>
      </c>
      <c r="CY9" s="898" t="str">
        <f t="shared" si="36"/>
        <v/>
      </c>
      <c r="CZ9" s="898" t="str">
        <f t="shared" si="37"/>
        <v/>
      </c>
      <c r="DA9" s="898"/>
      <c r="DB9" s="898"/>
      <c r="DC9" s="898"/>
      <c r="DD9" s="898"/>
      <c r="DE9" s="898"/>
      <c r="DF9" s="898"/>
      <c r="DG9" s="898"/>
      <c r="DH9" s="898"/>
      <c r="DI9" s="898"/>
      <c r="DJ9" s="898"/>
      <c r="DK9" s="898"/>
      <c r="DL9" s="898"/>
      <c r="DM9" s="661">
        <f t="shared" si="38"/>
        <v>1515700</v>
      </c>
      <c r="DN9" s="898">
        <f t="shared" si="39"/>
        <v>0</v>
      </c>
      <c r="DO9" s="516">
        <f t="shared" si="40"/>
        <v>0</v>
      </c>
      <c r="DP9" s="898">
        <f t="shared" si="41"/>
        <v>0</v>
      </c>
      <c r="DQ9" s="483" t="s">
        <v>3332</v>
      </c>
      <c r="DR9" s="610" t="s">
        <v>3333</v>
      </c>
      <c r="DS9" s="483" t="s">
        <v>3098</v>
      </c>
      <c r="DT9" s="632"/>
    </row>
    <row r="10" spans="1:124" s="137" customFormat="1" ht="99.75" x14ac:dyDescent="0.2">
      <c r="A10" s="484" t="str">
        <f t="shared" si="2"/>
        <v>Contribution towards off-site provision of 3 community centres within Hemel Hempstead (exact location TBC)</v>
      </c>
      <c r="B10" s="1163">
        <v>7</v>
      </c>
      <c r="C10" s="722" t="s">
        <v>3340</v>
      </c>
      <c r="D10" s="722" t="s">
        <v>2481</v>
      </c>
      <c r="E10" s="481" t="s">
        <v>53</v>
      </c>
      <c r="F10" s="481" t="s">
        <v>295</v>
      </c>
      <c r="G10" s="654" t="s">
        <v>1325</v>
      </c>
      <c r="H10" s="78" t="s">
        <v>3341</v>
      </c>
      <c r="I10" s="657"/>
      <c r="J10" s="78" t="s">
        <v>3342</v>
      </c>
      <c r="K10" s="713" t="s">
        <v>3104</v>
      </c>
      <c r="L10" s="657" t="s">
        <v>3343</v>
      </c>
      <c r="M10" s="654" t="s">
        <v>2996</v>
      </c>
      <c r="N10" s="654" t="s">
        <v>81</v>
      </c>
      <c r="O10" s="657" t="s">
        <v>3331</v>
      </c>
      <c r="P10" s="654" t="s">
        <v>53</v>
      </c>
      <c r="Q10" s="654" t="s">
        <v>225</v>
      </c>
      <c r="R10" s="654"/>
      <c r="S10" s="654"/>
      <c r="T10" s="723">
        <v>4547100</v>
      </c>
      <c r="U10" s="744"/>
      <c r="V10" s="654" t="s">
        <v>64</v>
      </c>
      <c r="W10" s="723">
        <f t="shared" si="3"/>
        <v>0</v>
      </c>
      <c r="X10" s="745">
        <f t="shared" si="4"/>
        <v>4547100</v>
      </c>
      <c r="Y10" s="723" t="s">
        <v>3106</v>
      </c>
      <c r="Z10" s="723"/>
      <c r="AA10" s="652" t="s">
        <v>82</v>
      </c>
      <c r="AB10" s="676"/>
      <c r="AC10" s="676" t="s">
        <v>66</v>
      </c>
      <c r="AD10" s="676" t="s">
        <v>66</v>
      </c>
      <c r="AE10" s="676" t="s">
        <v>66</v>
      </c>
      <c r="AF10" s="676" t="s">
        <v>66</v>
      </c>
      <c r="AG10" s="676" t="s">
        <v>66</v>
      </c>
      <c r="AH10" s="676" t="s">
        <v>66</v>
      </c>
      <c r="AI10" s="676" t="s">
        <v>66</v>
      </c>
      <c r="AJ10" s="676" t="s">
        <v>66</v>
      </c>
      <c r="AK10" s="676"/>
      <c r="AL10" s="676"/>
      <c r="AM10" s="676" t="s">
        <v>66</v>
      </c>
      <c r="AN10" s="676" t="s">
        <v>66</v>
      </c>
      <c r="AO10" s="676" t="s">
        <v>66</v>
      </c>
      <c r="AP10" s="676" t="s">
        <v>66</v>
      </c>
      <c r="AQ10" s="676" t="s">
        <v>66</v>
      </c>
      <c r="AR10" s="676" t="s">
        <v>66</v>
      </c>
      <c r="AS10" s="676"/>
      <c r="AT10" s="676"/>
      <c r="AU10" s="676"/>
      <c r="AV10" s="676"/>
      <c r="AW10" s="676"/>
      <c r="AX10" s="676"/>
      <c r="AY10" s="676"/>
      <c r="AZ10" s="676"/>
      <c r="BA10" s="676"/>
      <c r="BB10" s="676"/>
      <c r="BC10" s="676"/>
      <c r="BD10" s="676"/>
      <c r="BE10" s="676"/>
      <c r="BF10" s="676"/>
      <c r="BG10" s="676"/>
      <c r="BH10" s="676"/>
      <c r="BI10" s="676"/>
      <c r="BJ10" s="676"/>
      <c r="BK10" s="676"/>
      <c r="BL10" s="676"/>
      <c r="BM10" s="676"/>
      <c r="BN10" s="676"/>
      <c r="BO10" s="676"/>
      <c r="BP10" s="676"/>
      <c r="BQ10" s="676"/>
      <c r="BR10" s="676"/>
      <c r="BS10" s="884">
        <f t="shared" si="5"/>
        <v>6304</v>
      </c>
      <c r="BT10" s="661">
        <f t="shared" si="6"/>
        <v>721.30393401015226</v>
      </c>
      <c r="BU10" s="661"/>
      <c r="BV10" s="898" t="str">
        <f t="shared" si="7"/>
        <v/>
      </c>
      <c r="BW10" s="898">
        <f t="shared" si="8"/>
        <v>144260.78680203046</v>
      </c>
      <c r="BX10" s="898">
        <f t="shared" si="9"/>
        <v>324586.77030456852</v>
      </c>
      <c r="BY10" s="898">
        <f t="shared" si="10"/>
        <v>252456.37690355329</v>
      </c>
      <c r="BZ10" s="898">
        <f t="shared" si="11"/>
        <v>360651.96700507612</v>
      </c>
      <c r="CA10" s="898">
        <f t="shared" si="12"/>
        <v>346225.88832487306</v>
      </c>
      <c r="CB10" s="898">
        <f t="shared" si="13"/>
        <v>72130.39340101523</v>
      </c>
      <c r="CC10" s="898">
        <f t="shared" si="14"/>
        <v>281308.53426395939</v>
      </c>
      <c r="CD10" s="898">
        <f t="shared" si="15"/>
        <v>360651.96700507612</v>
      </c>
      <c r="CE10" s="898" t="str">
        <f t="shared" si="16"/>
        <v/>
      </c>
      <c r="CF10" s="898" t="str">
        <f t="shared" si="17"/>
        <v/>
      </c>
      <c r="CG10" s="898">
        <f t="shared" si="18"/>
        <v>144260.78680203046</v>
      </c>
      <c r="CH10" s="898">
        <f t="shared" si="19"/>
        <v>168785.12055837564</v>
      </c>
      <c r="CI10" s="898">
        <f t="shared" si="20"/>
        <v>252456.37690355329</v>
      </c>
      <c r="CJ10" s="898">
        <f t="shared" si="21"/>
        <v>64917.354060913705</v>
      </c>
      <c r="CK10" s="898">
        <f t="shared" si="22"/>
        <v>57704.314720812181</v>
      </c>
      <c r="CL10" s="898">
        <f t="shared" si="23"/>
        <v>1716703.3629441625</v>
      </c>
      <c r="CM10" s="898" t="str">
        <f t="shared" si="24"/>
        <v/>
      </c>
      <c r="CN10" s="898" t="str">
        <f t="shared" si="25"/>
        <v/>
      </c>
      <c r="CO10" s="898" t="str">
        <f t="shared" si="26"/>
        <v/>
      </c>
      <c r="CP10" s="898" t="str">
        <f t="shared" si="27"/>
        <v/>
      </c>
      <c r="CQ10" s="898" t="str">
        <f t="shared" si="28"/>
        <v/>
      </c>
      <c r="CR10" s="898" t="str">
        <f t="shared" si="29"/>
        <v/>
      </c>
      <c r="CS10" s="898" t="str">
        <f t="shared" si="30"/>
        <v/>
      </c>
      <c r="CT10" s="898" t="str">
        <f t="shared" si="31"/>
        <v/>
      </c>
      <c r="CU10" s="898" t="str">
        <f t="shared" si="32"/>
        <v/>
      </c>
      <c r="CV10" s="898" t="str">
        <f t="shared" si="33"/>
        <v/>
      </c>
      <c r="CW10" s="898" t="str">
        <f t="shared" si="34"/>
        <v/>
      </c>
      <c r="CX10" s="898" t="str">
        <f t="shared" si="35"/>
        <v/>
      </c>
      <c r="CY10" s="898" t="str">
        <f t="shared" si="36"/>
        <v/>
      </c>
      <c r="CZ10" s="898" t="str">
        <f t="shared" si="37"/>
        <v/>
      </c>
      <c r="DA10" s="898" t="str">
        <f t="shared" ref="DA10:DL12" si="42">IF(BG10="yes",(BG$3*$BT10),"")</f>
        <v/>
      </c>
      <c r="DB10" s="898" t="str">
        <f t="shared" si="42"/>
        <v/>
      </c>
      <c r="DC10" s="898" t="str">
        <f t="shared" si="42"/>
        <v/>
      </c>
      <c r="DD10" s="898" t="str">
        <f t="shared" si="42"/>
        <v/>
      </c>
      <c r="DE10" s="898" t="str">
        <f t="shared" si="42"/>
        <v/>
      </c>
      <c r="DF10" s="898" t="str">
        <f t="shared" si="42"/>
        <v/>
      </c>
      <c r="DG10" s="898" t="str">
        <f t="shared" si="42"/>
        <v/>
      </c>
      <c r="DH10" s="898" t="str">
        <f t="shared" si="42"/>
        <v/>
      </c>
      <c r="DI10" s="898" t="str">
        <f t="shared" si="42"/>
        <v/>
      </c>
      <c r="DJ10" s="898" t="str">
        <f t="shared" si="42"/>
        <v/>
      </c>
      <c r="DK10" s="898" t="str">
        <f t="shared" si="42"/>
        <v/>
      </c>
      <c r="DL10" s="898" t="str">
        <f t="shared" si="42"/>
        <v/>
      </c>
      <c r="DM10" s="661">
        <f t="shared" si="38"/>
        <v>4547100</v>
      </c>
      <c r="DN10" s="898">
        <f t="shared" si="39"/>
        <v>0</v>
      </c>
      <c r="DO10" s="516">
        <f t="shared" si="40"/>
        <v>0</v>
      </c>
      <c r="DP10" s="898">
        <f t="shared" si="41"/>
        <v>0</v>
      </c>
      <c r="DQ10" s="483" t="s">
        <v>3332</v>
      </c>
      <c r="DR10" s="610" t="s">
        <v>3333</v>
      </c>
      <c r="DS10" s="483" t="s">
        <v>3098</v>
      </c>
      <c r="DT10" s="632"/>
    </row>
    <row r="11" spans="1:124" s="137" customFormat="1" ht="42.75" x14ac:dyDescent="0.2">
      <c r="A11" s="484" t="str">
        <f t="shared" si="2"/>
        <v>Hemel Hempstead Library Improvements</v>
      </c>
      <c r="B11" s="1163">
        <v>8</v>
      </c>
      <c r="C11" s="904" t="s">
        <v>3344</v>
      </c>
      <c r="D11" s="481" t="s">
        <v>2981</v>
      </c>
      <c r="E11" s="904" t="s">
        <v>53</v>
      </c>
      <c r="F11" s="671" t="s">
        <v>295</v>
      </c>
      <c r="G11" s="654" t="s">
        <v>1327</v>
      </c>
      <c r="H11" s="85" t="s">
        <v>3345</v>
      </c>
      <c r="I11" s="670"/>
      <c r="J11" s="672" t="s">
        <v>3346</v>
      </c>
      <c r="K11" s="713" t="s">
        <v>3104</v>
      </c>
      <c r="L11" s="852" t="s">
        <v>3167</v>
      </c>
      <c r="M11" s="654" t="s">
        <v>2996</v>
      </c>
      <c r="N11" s="654" t="s">
        <v>81</v>
      </c>
      <c r="O11" s="654" t="s">
        <v>3051</v>
      </c>
      <c r="P11" s="657" t="s">
        <v>61</v>
      </c>
      <c r="Q11" s="654" t="s">
        <v>62</v>
      </c>
      <c r="R11" s="654"/>
      <c r="S11" s="654"/>
      <c r="T11" s="747">
        <v>1962997</v>
      </c>
      <c r="U11" s="723"/>
      <c r="V11" s="654" t="s">
        <v>64</v>
      </c>
      <c r="W11" s="723">
        <f t="shared" si="3"/>
        <v>0</v>
      </c>
      <c r="X11" s="745">
        <f t="shared" si="4"/>
        <v>1962997</v>
      </c>
      <c r="Y11" s="723" t="s">
        <v>3106</v>
      </c>
      <c r="Z11" s="723"/>
      <c r="AA11" s="736" t="s">
        <v>82</v>
      </c>
      <c r="AB11" s="654" t="s">
        <v>66</v>
      </c>
      <c r="AC11" s="654" t="s">
        <v>66</v>
      </c>
      <c r="AD11" s="654" t="s">
        <v>66</v>
      </c>
      <c r="AE11" s="654" t="s">
        <v>66</v>
      </c>
      <c r="AF11" s="654" t="s">
        <v>66</v>
      </c>
      <c r="AG11" s="654" t="s">
        <v>66</v>
      </c>
      <c r="AH11" s="654" t="s">
        <v>66</v>
      </c>
      <c r="AI11" s="654" t="s">
        <v>66</v>
      </c>
      <c r="AJ11" s="654" t="s">
        <v>66</v>
      </c>
      <c r="AK11" s="654" t="s">
        <v>66</v>
      </c>
      <c r="AL11" s="654" t="s">
        <v>66</v>
      </c>
      <c r="AM11" s="654" t="s">
        <v>66</v>
      </c>
      <c r="AN11" s="654" t="s">
        <v>66</v>
      </c>
      <c r="AO11" s="654" t="s">
        <v>66</v>
      </c>
      <c r="AP11" s="654" t="s">
        <v>66</v>
      </c>
      <c r="AQ11" s="654" t="s">
        <v>66</v>
      </c>
      <c r="AR11" s="654" t="s">
        <v>66</v>
      </c>
      <c r="AS11" s="654"/>
      <c r="AT11" s="654"/>
      <c r="AU11" s="654"/>
      <c r="AV11" s="654"/>
      <c r="AW11" s="654"/>
      <c r="AX11" s="654"/>
      <c r="AY11" s="654"/>
      <c r="AZ11" s="654"/>
      <c r="BA11" s="654"/>
      <c r="BB11" s="654"/>
      <c r="BC11" s="654"/>
      <c r="BD11" s="654"/>
      <c r="BE11" s="654"/>
      <c r="BF11" s="654"/>
      <c r="BG11" s="654"/>
      <c r="BH11" s="654"/>
      <c r="BI11" s="654"/>
      <c r="BJ11" s="654"/>
      <c r="BK11" s="654"/>
      <c r="BL11" s="654"/>
      <c r="BM11" s="654"/>
      <c r="BN11" s="654"/>
      <c r="BO11" s="654" t="s">
        <v>66</v>
      </c>
      <c r="BP11" s="654" t="s">
        <v>66</v>
      </c>
      <c r="BQ11" s="654" t="s">
        <v>66</v>
      </c>
      <c r="BR11" s="654"/>
      <c r="BS11" s="884">
        <f t="shared" si="5"/>
        <v>18054</v>
      </c>
      <c r="BT11" s="661">
        <f t="shared" si="6"/>
        <v>108.72920128503378</v>
      </c>
      <c r="BU11" s="661"/>
      <c r="BV11" s="898">
        <f t="shared" si="7"/>
        <v>543646.00642516895</v>
      </c>
      <c r="BW11" s="898">
        <f t="shared" si="8"/>
        <v>21745.840257006756</v>
      </c>
      <c r="BX11" s="898">
        <f t="shared" si="9"/>
        <v>48928.1405782652</v>
      </c>
      <c r="BY11" s="898">
        <f t="shared" si="10"/>
        <v>38055.220449761822</v>
      </c>
      <c r="BZ11" s="898">
        <f t="shared" si="11"/>
        <v>54364.600642516889</v>
      </c>
      <c r="CA11" s="898">
        <f t="shared" si="12"/>
        <v>52190.016616816218</v>
      </c>
      <c r="CB11" s="898">
        <f t="shared" si="13"/>
        <v>10872.920128503378</v>
      </c>
      <c r="CC11" s="898">
        <f t="shared" si="14"/>
        <v>42404.388501163172</v>
      </c>
      <c r="CD11" s="898">
        <f t="shared" si="15"/>
        <v>54364.600642516889</v>
      </c>
      <c r="CE11" s="898">
        <f t="shared" si="16"/>
        <v>54364.600642516889</v>
      </c>
      <c r="CF11" s="898">
        <f t="shared" si="17"/>
        <v>81546.900963775333</v>
      </c>
      <c r="CG11" s="898">
        <f t="shared" si="18"/>
        <v>21745.840257006756</v>
      </c>
      <c r="CH11" s="898">
        <f t="shared" si="19"/>
        <v>25442.633100697905</v>
      </c>
      <c r="CI11" s="898">
        <f t="shared" si="20"/>
        <v>38055.220449761822</v>
      </c>
      <c r="CJ11" s="898">
        <f t="shared" si="21"/>
        <v>9785.6281156530404</v>
      </c>
      <c r="CK11" s="898">
        <f t="shared" si="22"/>
        <v>8698.336102802703</v>
      </c>
      <c r="CL11" s="898">
        <f t="shared" si="23"/>
        <v>258775.4990583804</v>
      </c>
      <c r="CM11" s="898" t="str">
        <f t="shared" si="24"/>
        <v/>
      </c>
      <c r="CN11" s="898" t="str">
        <f t="shared" si="25"/>
        <v/>
      </c>
      <c r="CO11" s="898" t="str">
        <f t="shared" si="26"/>
        <v/>
      </c>
      <c r="CP11" s="898" t="str">
        <f t="shared" si="27"/>
        <v/>
      </c>
      <c r="CQ11" s="898" t="str">
        <f t="shared" si="28"/>
        <v/>
      </c>
      <c r="CR11" s="898" t="str">
        <f t="shared" si="29"/>
        <v/>
      </c>
      <c r="CS11" s="898" t="str">
        <f t="shared" si="30"/>
        <v/>
      </c>
      <c r="CT11" s="898" t="str">
        <f t="shared" si="31"/>
        <v/>
      </c>
      <c r="CU11" s="898" t="str">
        <f t="shared" si="32"/>
        <v/>
      </c>
      <c r="CV11" s="898" t="str">
        <f t="shared" si="33"/>
        <v/>
      </c>
      <c r="CW11" s="898" t="str">
        <f t="shared" si="34"/>
        <v/>
      </c>
      <c r="CX11" s="898" t="str">
        <f t="shared" si="35"/>
        <v/>
      </c>
      <c r="CY11" s="898" t="str">
        <f t="shared" si="36"/>
        <v/>
      </c>
      <c r="CZ11" s="898" t="str">
        <f t="shared" si="37"/>
        <v/>
      </c>
      <c r="DA11" s="898" t="str">
        <f t="shared" si="42"/>
        <v/>
      </c>
      <c r="DB11" s="898" t="str">
        <f t="shared" si="42"/>
        <v/>
      </c>
      <c r="DC11" s="898" t="str">
        <f t="shared" si="42"/>
        <v/>
      </c>
      <c r="DD11" s="898" t="str">
        <f t="shared" si="42"/>
        <v/>
      </c>
      <c r="DE11" s="898" t="str">
        <f t="shared" si="42"/>
        <v/>
      </c>
      <c r="DF11" s="898" t="str">
        <f t="shared" si="42"/>
        <v/>
      </c>
      <c r="DG11" s="898" t="str">
        <f t="shared" si="42"/>
        <v/>
      </c>
      <c r="DH11" s="898" t="str">
        <f t="shared" si="42"/>
        <v/>
      </c>
      <c r="DI11" s="898">
        <f t="shared" si="42"/>
        <v>163093.80192755067</v>
      </c>
      <c r="DJ11" s="898">
        <f t="shared" si="42"/>
        <v>173966.72205605404</v>
      </c>
      <c r="DK11" s="898">
        <f t="shared" si="42"/>
        <v>260950.08308408107</v>
      </c>
      <c r="DL11" s="898" t="str">
        <f t="shared" si="42"/>
        <v/>
      </c>
      <c r="DM11" s="661">
        <f t="shared" si="38"/>
        <v>1364986.3929323142</v>
      </c>
      <c r="DN11" s="898">
        <f t="shared" si="39"/>
        <v>598010.60706768581</v>
      </c>
      <c r="DO11" s="516">
        <f t="shared" si="40"/>
        <v>0</v>
      </c>
      <c r="DP11" s="898">
        <f t="shared" si="41"/>
        <v>0</v>
      </c>
      <c r="DQ11" s="483" t="s">
        <v>3347</v>
      </c>
      <c r="DR11" s="483" t="s">
        <v>3348</v>
      </c>
      <c r="DS11" s="483" t="s">
        <v>3349</v>
      </c>
      <c r="DT11" s="632"/>
    </row>
    <row r="12" spans="1:124" s="137" customFormat="1" ht="42.75" x14ac:dyDescent="0.2">
      <c r="A12" s="484" t="str">
        <f t="shared" si="2"/>
        <v>Resource costs towards new equipment, youth work projects and outreach service</v>
      </c>
      <c r="B12" s="1163">
        <v>9</v>
      </c>
      <c r="C12" s="904" t="s">
        <v>3350</v>
      </c>
      <c r="D12" s="481" t="s">
        <v>2981</v>
      </c>
      <c r="E12" s="904" t="s">
        <v>53</v>
      </c>
      <c r="F12" s="671" t="s">
        <v>295</v>
      </c>
      <c r="G12" s="654" t="s">
        <v>1328</v>
      </c>
      <c r="H12" s="484" t="s">
        <v>3351</v>
      </c>
      <c r="I12" s="654"/>
      <c r="J12" s="484" t="s">
        <v>3352</v>
      </c>
      <c r="K12" s="713" t="s">
        <v>3104</v>
      </c>
      <c r="L12" s="852" t="s">
        <v>3167</v>
      </c>
      <c r="M12" s="654" t="s">
        <v>2996</v>
      </c>
      <c r="N12" s="654" t="s">
        <v>81</v>
      </c>
      <c r="O12" s="654" t="s">
        <v>3051</v>
      </c>
      <c r="P12" s="657" t="s">
        <v>61</v>
      </c>
      <c r="Q12" s="713" t="s">
        <v>225</v>
      </c>
      <c r="R12" s="654"/>
      <c r="S12" s="654"/>
      <c r="T12" s="747">
        <v>3680305</v>
      </c>
      <c r="U12" s="723"/>
      <c r="V12" s="654" t="s">
        <v>64</v>
      </c>
      <c r="W12" s="723">
        <f t="shared" si="3"/>
        <v>0</v>
      </c>
      <c r="X12" s="745">
        <f t="shared" si="4"/>
        <v>3680305</v>
      </c>
      <c r="Y12" s="723" t="s">
        <v>3106</v>
      </c>
      <c r="Z12" s="723"/>
      <c r="AA12" s="736" t="s">
        <v>82</v>
      </c>
      <c r="AB12" s="654" t="s">
        <v>66</v>
      </c>
      <c r="AC12" s="654" t="s">
        <v>66</v>
      </c>
      <c r="AD12" s="654" t="s">
        <v>66</v>
      </c>
      <c r="AE12" s="654" t="s">
        <v>66</v>
      </c>
      <c r="AF12" s="654" t="s">
        <v>66</v>
      </c>
      <c r="AG12" s="654" t="s">
        <v>66</v>
      </c>
      <c r="AH12" s="654" t="s">
        <v>66</v>
      </c>
      <c r="AI12" s="654" t="s">
        <v>66</v>
      </c>
      <c r="AJ12" s="654" t="s">
        <v>66</v>
      </c>
      <c r="AK12" s="654" t="s">
        <v>66</v>
      </c>
      <c r="AL12" s="654" t="s">
        <v>66</v>
      </c>
      <c r="AM12" s="654" t="s">
        <v>66</v>
      </c>
      <c r="AN12" s="654" t="s">
        <v>66</v>
      </c>
      <c r="AO12" s="654" t="s">
        <v>66</v>
      </c>
      <c r="AP12" s="654" t="s">
        <v>66</v>
      </c>
      <c r="AQ12" s="654" t="s">
        <v>66</v>
      </c>
      <c r="AR12" s="654" t="s">
        <v>66</v>
      </c>
      <c r="AS12" s="654"/>
      <c r="AT12" s="654"/>
      <c r="AU12" s="654"/>
      <c r="AV12" s="654"/>
      <c r="AW12" s="654"/>
      <c r="AX12" s="654"/>
      <c r="AY12" s="654"/>
      <c r="AZ12" s="654"/>
      <c r="BA12" s="654"/>
      <c r="BB12" s="654"/>
      <c r="BC12" s="654"/>
      <c r="BD12" s="654"/>
      <c r="BE12" s="654"/>
      <c r="BF12" s="654"/>
      <c r="BG12" s="654"/>
      <c r="BH12" s="654"/>
      <c r="BI12" s="654"/>
      <c r="BJ12" s="654"/>
      <c r="BK12" s="654"/>
      <c r="BL12" s="654"/>
      <c r="BM12" s="654"/>
      <c r="BN12" s="654"/>
      <c r="BO12" s="654" t="s">
        <v>66</v>
      </c>
      <c r="BP12" s="654" t="s">
        <v>66</v>
      </c>
      <c r="BQ12" s="654" t="s">
        <v>66</v>
      </c>
      <c r="BR12" s="654"/>
      <c r="BS12" s="884">
        <f t="shared" si="5"/>
        <v>18054</v>
      </c>
      <c r="BT12" s="661">
        <f t="shared" si="6"/>
        <v>203.84983937077655</v>
      </c>
      <c r="BU12" s="661"/>
      <c r="BV12" s="898">
        <f t="shared" si="7"/>
        <v>1019249.1968538827</v>
      </c>
      <c r="BW12" s="898">
        <f t="shared" si="8"/>
        <v>40769.967874155307</v>
      </c>
      <c r="BX12" s="898">
        <f t="shared" si="9"/>
        <v>91732.427716849445</v>
      </c>
      <c r="BY12" s="898">
        <f t="shared" si="10"/>
        <v>71347.443779771798</v>
      </c>
      <c r="BZ12" s="898">
        <f t="shared" si="11"/>
        <v>101924.91968538827</v>
      </c>
      <c r="CA12" s="898">
        <f t="shared" si="12"/>
        <v>97847.922897972749</v>
      </c>
      <c r="CB12" s="898">
        <f t="shared" si="13"/>
        <v>20384.983937077654</v>
      </c>
      <c r="CC12" s="898">
        <f t="shared" si="14"/>
        <v>79501.437354602851</v>
      </c>
      <c r="CD12" s="898">
        <f t="shared" si="15"/>
        <v>101924.91968538827</v>
      </c>
      <c r="CE12" s="898">
        <f t="shared" si="16"/>
        <v>101924.91968538827</v>
      </c>
      <c r="CF12" s="898">
        <f t="shared" si="17"/>
        <v>152887.37952808241</v>
      </c>
      <c r="CG12" s="898">
        <f t="shared" si="18"/>
        <v>40769.967874155307</v>
      </c>
      <c r="CH12" s="898">
        <f t="shared" si="19"/>
        <v>47700.862412761715</v>
      </c>
      <c r="CI12" s="898">
        <f t="shared" si="20"/>
        <v>71347.443779771798</v>
      </c>
      <c r="CJ12" s="898">
        <f t="shared" si="21"/>
        <v>18346.48554336989</v>
      </c>
      <c r="CK12" s="898">
        <f t="shared" si="22"/>
        <v>16307.987149662124</v>
      </c>
      <c r="CL12" s="898">
        <f t="shared" si="23"/>
        <v>485162.61770244822</v>
      </c>
      <c r="CM12" s="898" t="str">
        <f t="shared" si="24"/>
        <v/>
      </c>
      <c r="CN12" s="898" t="str">
        <f t="shared" si="25"/>
        <v/>
      </c>
      <c r="CO12" s="898" t="str">
        <f t="shared" si="26"/>
        <v/>
      </c>
      <c r="CP12" s="898" t="str">
        <f t="shared" si="27"/>
        <v/>
      </c>
      <c r="CQ12" s="898" t="str">
        <f t="shared" si="28"/>
        <v/>
      </c>
      <c r="CR12" s="898" t="str">
        <f t="shared" si="29"/>
        <v/>
      </c>
      <c r="CS12" s="898" t="str">
        <f t="shared" si="30"/>
        <v/>
      </c>
      <c r="CT12" s="898" t="str">
        <f t="shared" si="31"/>
        <v/>
      </c>
      <c r="CU12" s="898" t="str">
        <f t="shared" si="32"/>
        <v/>
      </c>
      <c r="CV12" s="898" t="str">
        <f t="shared" si="33"/>
        <v/>
      </c>
      <c r="CW12" s="898" t="str">
        <f t="shared" si="34"/>
        <v/>
      </c>
      <c r="CX12" s="898" t="str">
        <f t="shared" si="35"/>
        <v/>
      </c>
      <c r="CY12" s="898" t="str">
        <f t="shared" si="36"/>
        <v/>
      </c>
      <c r="CZ12" s="898" t="str">
        <f t="shared" si="37"/>
        <v/>
      </c>
      <c r="DA12" s="898" t="str">
        <f t="shared" si="42"/>
        <v/>
      </c>
      <c r="DB12" s="898" t="str">
        <f t="shared" si="42"/>
        <v/>
      </c>
      <c r="DC12" s="898" t="str">
        <f t="shared" si="42"/>
        <v/>
      </c>
      <c r="DD12" s="898" t="str">
        <f t="shared" si="42"/>
        <v/>
      </c>
      <c r="DE12" s="898" t="str">
        <f t="shared" si="42"/>
        <v/>
      </c>
      <c r="DF12" s="898" t="str">
        <f t="shared" si="42"/>
        <v/>
      </c>
      <c r="DG12" s="898" t="str">
        <f t="shared" si="42"/>
        <v/>
      </c>
      <c r="DH12" s="898" t="str">
        <f t="shared" si="42"/>
        <v/>
      </c>
      <c r="DI12" s="898">
        <f t="shared" si="42"/>
        <v>305774.75905616482</v>
      </c>
      <c r="DJ12" s="898">
        <f t="shared" si="42"/>
        <v>326159.74299324246</v>
      </c>
      <c r="DK12" s="898">
        <f t="shared" si="42"/>
        <v>489239.61448986374</v>
      </c>
      <c r="DL12" s="898" t="str">
        <f t="shared" si="42"/>
        <v/>
      </c>
      <c r="DM12" s="661">
        <f t="shared" si="38"/>
        <v>2559130.8834607285</v>
      </c>
      <c r="DN12" s="898">
        <f t="shared" si="39"/>
        <v>1121174.1165392711</v>
      </c>
      <c r="DO12" s="516">
        <f t="shared" si="40"/>
        <v>0</v>
      </c>
      <c r="DP12" s="898">
        <f t="shared" si="41"/>
        <v>0</v>
      </c>
      <c r="DQ12" s="483" t="s">
        <v>3347</v>
      </c>
      <c r="DR12" s="610" t="s">
        <v>3353</v>
      </c>
      <c r="DS12" s="483" t="s">
        <v>3349</v>
      </c>
      <c r="DT12" s="632"/>
    </row>
    <row r="13" spans="1:124" s="137" customFormat="1" ht="85.5" x14ac:dyDescent="0.2">
      <c r="A13" s="484" t="str">
        <f t="shared" si="2"/>
        <v>1x Children's home in North Hemel Hempstead (H1)</v>
      </c>
      <c r="B13" s="1163">
        <v>10</v>
      </c>
      <c r="C13" s="722" t="s">
        <v>3354</v>
      </c>
      <c r="D13" s="722" t="s">
        <v>3355</v>
      </c>
      <c r="E13" s="722" t="s">
        <v>1385</v>
      </c>
      <c r="F13" s="671" t="s">
        <v>295</v>
      </c>
      <c r="G13" s="676" t="s">
        <v>1324</v>
      </c>
      <c r="H13" s="484" t="s">
        <v>3356</v>
      </c>
      <c r="I13" s="654"/>
      <c r="J13" s="78" t="s">
        <v>3357</v>
      </c>
      <c r="K13" s="676" t="s">
        <v>3104</v>
      </c>
      <c r="L13" s="657" t="s">
        <v>1375</v>
      </c>
      <c r="M13" s="676" t="s">
        <v>3358</v>
      </c>
      <c r="N13" s="676" t="s">
        <v>60</v>
      </c>
      <c r="O13" s="654" t="s">
        <v>3051</v>
      </c>
      <c r="P13" s="654" t="s">
        <v>61</v>
      </c>
      <c r="Q13" s="676" t="s">
        <v>3359</v>
      </c>
      <c r="R13" s="657"/>
      <c r="S13" s="657"/>
      <c r="T13" s="676" t="s">
        <v>3360</v>
      </c>
      <c r="U13" s="744"/>
      <c r="V13" s="676" t="s">
        <v>64</v>
      </c>
      <c r="W13" s="676"/>
      <c r="X13" s="745"/>
      <c r="Y13" s="723" t="s">
        <v>3106</v>
      </c>
      <c r="Z13" s="723"/>
      <c r="AA13" s="712" t="s">
        <v>65</v>
      </c>
      <c r="AB13" s="676"/>
      <c r="AC13" s="676"/>
      <c r="AD13" s="676"/>
      <c r="AE13" s="676"/>
      <c r="AF13" s="676"/>
      <c r="AG13" s="676"/>
      <c r="AH13" s="676"/>
      <c r="AI13" s="676"/>
      <c r="AJ13" s="676"/>
      <c r="AK13" s="676"/>
      <c r="AL13" s="676"/>
      <c r="AM13" s="676"/>
      <c r="AN13" s="676"/>
      <c r="AO13" s="676"/>
      <c r="AP13" s="676"/>
      <c r="AQ13" s="676"/>
      <c r="AR13" s="676"/>
      <c r="AS13" s="676"/>
      <c r="AT13" s="676"/>
      <c r="AU13" s="676"/>
      <c r="AV13" s="676"/>
      <c r="AW13" s="676"/>
      <c r="AX13" s="676"/>
      <c r="AY13" s="676"/>
      <c r="AZ13" s="676"/>
      <c r="BA13" s="676"/>
      <c r="BB13" s="676"/>
      <c r="BC13" s="676"/>
      <c r="BD13" s="676"/>
      <c r="BE13" s="676"/>
      <c r="BF13" s="676"/>
      <c r="BG13" s="676"/>
      <c r="BH13" s="676"/>
      <c r="BI13" s="676"/>
      <c r="BJ13" s="676"/>
      <c r="BK13" s="676"/>
      <c r="BL13" s="676"/>
      <c r="BM13" s="676"/>
      <c r="BN13" s="676"/>
      <c r="BO13" s="516" t="s">
        <v>66</v>
      </c>
      <c r="BP13" s="676"/>
      <c r="BQ13" s="676"/>
      <c r="BR13" s="676"/>
      <c r="BS13" s="884">
        <f t="shared" si="5"/>
        <v>1500</v>
      </c>
      <c r="BT13" s="661">
        <f t="shared" si="6"/>
        <v>0</v>
      </c>
      <c r="BU13" s="661"/>
      <c r="BV13" s="898" t="str">
        <f t="shared" si="7"/>
        <v/>
      </c>
      <c r="BW13" s="898" t="str">
        <f t="shared" si="8"/>
        <v/>
      </c>
      <c r="BX13" s="898" t="str">
        <f t="shared" si="9"/>
        <v/>
      </c>
      <c r="BY13" s="898" t="str">
        <f t="shared" si="10"/>
        <v/>
      </c>
      <c r="BZ13" s="898" t="str">
        <f t="shared" si="11"/>
        <v/>
      </c>
      <c r="CA13" s="898" t="str">
        <f t="shared" si="12"/>
        <v/>
      </c>
      <c r="CB13" s="898" t="str">
        <f t="shared" si="13"/>
        <v/>
      </c>
      <c r="CC13" s="898" t="str">
        <f t="shared" si="14"/>
        <v/>
      </c>
      <c r="CD13" s="898" t="str">
        <f t="shared" si="15"/>
        <v/>
      </c>
      <c r="CE13" s="898" t="str">
        <f t="shared" si="16"/>
        <v/>
      </c>
      <c r="CF13" s="898" t="str">
        <f t="shared" si="17"/>
        <v/>
      </c>
      <c r="CG13" s="898" t="str">
        <f t="shared" si="18"/>
        <v/>
      </c>
      <c r="CH13" s="898" t="str">
        <f t="shared" si="19"/>
        <v/>
      </c>
      <c r="CI13" s="898" t="str">
        <f t="shared" si="20"/>
        <v/>
      </c>
      <c r="CJ13" s="898" t="str">
        <f t="shared" si="21"/>
        <v/>
      </c>
      <c r="CK13" s="898" t="str">
        <f t="shared" si="22"/>
        <v/>
      </c>
      <c r="CL13" s="898" t="str">
        <f t="shared" si="23"/>
        <v/>
      </c>
      <c r="CM13" s="898" t="str">
        <f t="shared" si="24"/>
        <v/>
      </c>
      <c r="CN13" s="898" t="str">
        <f t="shared" si="25"/>
        <v/>
      </c>
      <c r="CO13" s="898" t="str">
        <f t="shared" si="26"/>
        <v/>
      </c>
      <c r="CP13" s="898" t="str">
        <f t="shared" si="27"/>
        <v/>
      </c>
      <c r="CQ13" s="898" t="str">
        <f t="shared" si="28"/>
        <v/>
      </c>
      <c r="CR13" s="898" t="str">
        <f t="shared" si="29"/>
        <v/>
      </c>
      <c r="CS13" s="898" t="str">
        <f t="shared" si="30"/>
        <v/>
      </c>
      <c r="CT13" s="898" t="str">
        <f t="shared" si="31"/>
        <v/>
      </c>
      <c r="CU13" s="898" t="str">
        <f t="shared" si="32"/>
        <v/>
      </c>
      <c r="CV13" s="898" t="str">
        <f t="shared" si="33"/>
        <v/>
      </c>
      <c r="CW13" s="898" t="str">
        <f t="shared" si="34"/>
        <v/>
      </c>
      <c r="CX13" s="898" t="str">
        <f t="shared" si="35"/>
        <v/>
      </c>
      <c r="CY13" s="898" t="str">
        <f t="shared" si="36"/>
        <v/>
      </c>
      <c r="CZ13" s="898" t="str">
        <f t="shared" si="37"/>
        <v/>
      </c>
      <c r="DA13" s="744"/>
      <c r="DB13" s="744"/>
      <c r="DC13" s="744"/>
      <c r="DD13" s="744"/>
      <c r="DE13" s="744"/>
      <c r="DF13" s="744"/>
      <c r="DG13" s="744"/>
      <c r="DH13" s="744"/>
      <c r="DI13" s="744">
        <f>X13</f>
        <v>0</v>
      </c>
      <c r="DJ13" s="744"/>
      <c r="DK13" s="744"/>
      <c r="DL13" s="744"/>
      <c r="DM13" s="661">
        <f t="shared" si="38"/>
        <v>0</v>
      </c>
      <c r="DN13" s="898">
        <f t="shared" si="39"/>
        <v>0</v>
      </c>
      <c r="DO13" s="516">
        <f t="shared" si="40"/>
        <v>0</v>
      </c>
      <c r="DP13" s="898">
        <f t="shared" si="41"/>
        <v>0</v>
      </c>
      <c r="DQ13" s="1214" t="s">
        <v>3361</v>
      </c>
      <c r="DR13" s="1214"/>
      <c r="DS13" s="1214" t="s">
        <v>3362</v>
      </c>
      <c r="DT13" s="632"/>
    </row>
    <row r="14" spans="1:124" s="137" customFormat="1" ht="85.5" x14ac:dyDescent="0.2">
      <c r="A14" s="484" t="str">
        <f t="shared" si="2"/>
        <v>1x Children's home in East Hemel Hempstead North (H2)</v>
      </c>
      <c r="B14" s="1163">
        <v>11</v>
      </c>
      <c r="C14" s="722" t="s">
        <v>3363</v>
      </c>
      <c r="D14" s="722" t="s">
        <v>3355</v>
      </c>
      <c r="E14" s="722" t="s">
        <v>1385</v>
      </c>
      <c r="F14" s="671" t="s">
        <v>295</v>
      </c>
      <c r="G14" s="676" t="s">
        <v>1324</v>
      </c>
      <c r="H14" s="484" t="s">
        <v>3364</v>
      </c>
      <c r="I14" s="654"/>
      <c r="J14" s="78" t="s">
        <v>3357</v>
      </c>
      <c r="K14" s="676" t="s">
        <v>3104</v>
      </c>
      <c r="L14" s="515" t="s">
        <v>1376</v>
      </c>
      <c r="M14" s="676" t="s">
        <v>3358</v>
      </c>
      <c r="N14" s="676" t="s">
        <v>60</v>
      </c>
      <c r="O14" s="654" t="s">
        <v>3051</v>
      </c>
      <c r="P14" s="654" t="s">
        <v>61</v>
      </c>
      <c r="Q14" s="676" t="s">
        <v>169</v>
      </c>
      <c r="R14" s="657"/>
      <c r="S14" s="657"/>
      <c r="T14" s="676" t="s">
        <v>3360</v>
      </c>
      <c r="U14" s="744"/>
      <c r="V14" s="676" t="s">
        <v>64</v>
      </c>
      <c r="W14" s="676"/>
      <c r="X14" s="745"/>
      <c r="Y14" s="723" t="s">
        <v>3106</v>
      </c>
      <c r="Z14" s="723"/>
      <c r="AA14" s="712" t="s">
        <v>65</v>
      </c>
      <c r="AB14" s="676"/>
      <c r="AC14" s="676"/>
      <c r="AD14" s="676"/>
      <c r="AE14" s="676"/>
      <c r="AF14" s="676"/>
      <c r="AG14" s="676"/>
      <c r="AH14" s="676"/>
      <c r="AI14" s="676"/>
      <c r="AJ14" s="676"/>
      <c r="AK14" s="676"/>
      <c r="AL14" s="676"/>
      <c r="AM14" s="676"/>
      <c r="AN14" s="676"/>
      <c r="AO14" s="676"/>
      <c r="AP14" s="676"/>
      <c r="AQ14" s="676"/>
      <c r="AR14" s="676"/>
      <c r="AS14" s="676"/>
      <c r="AT14" s="676"/>
      <c r="AU14" s="676"/>
      <c r="AV14" s="676"/>
      <c r="AW14" s="676"/>
      <c r="AX14" s="676"/>
      <c r="AY14" s="676"/>
      <c r="AZ14" s="676"/>
      <c r="BA14" s="676"/>
      <c r="BB14" s="676"/>
      <c r="BC14" s="676"/>
      <c r="BD14" s="676"/>
      <c r="BE14" s="676"/>
      <c r="BF14" s="676"/>
      <c r="BG14" s="676"/>
      <c r="BH14" s="676"/>
      <c r="BI14" s="676"/>
      <c r="BJ14" s="676"/>
      <c r="BK14" s="676"/>
      <c r="BL14" s="676"/>
      <c r="BM14" s="676"/>
      <c r="BN14" s="676"/>
      <c r="BO14" s="676"/>
      <c r="BP14" s="516" t="s">
        <v>66</v>
      </c>
      <c r="BQ14" s="676"/>
      <c r="BR14" s="676"/>
      <c r="BS14" s="884">
        <f t="shared" si="5"/>
        <v>1600</v>
      </c>
      <c r="BT14" s="661">
        <f t="shared" si="6"/>
        <v>0</v>
      </c>
      <c r="BU14" s="661"/>
      <c r="BV14" s="898" t="str">
        <f t="shared" si="7"/>
        <v/>
      </c>
      <c r="BW14" s="898" t="str">
        <f t="shared" si="8"/>
        <v/>
      </c>
      <c r="BX14" s="898" t="str">
        <f t="shared" si="9"/>
        <v/>
      </c>
      <c r="BY14" s="898" t="str">
        <f t="shared" si="10"/>
        <v/>
      </c>
      <c r="BZ14" s="898" t="str">
        <f t="shared" si="11"/>
        <v/>
      </c>
      <c r="CA14" s="898" t="str">
        <f t="shared" si="12"/>
        <v/>
      </c>
      <c r="CB14" s="898" t="str">
        <f t="shared" si="13"/>
        <v/>
      </c>
      <c r="CC14" s="898" t="str">
        <f t="shared" si="14"/>
        <v/>
      </c>
      <c r="CD14" s="898" t="str">
        <f t="shared" si="15"/>
        <v/>
      </c>
      <c r="CE14" s="898" t="str">
        <f t="shared" si="16"/>
        <v/>
      </c>
      <c r="CF14" s="898" t="str">
        <f t="shared" si="17"/>
        <v/>
      </c>
      <c r="CG14" s="898" t="str">
        <f t="shared" si="18"/>
        <v/>
      </c>
      <c r="CH14" s="898" t="str">
        <f t="shared" si="19"/>
        <v/>
      </c>
      <c r="CI14" s="898" t="str">
        <f t="shared" si="20"/>
        <v/>
      </c>
      <c r="CJ14" s="898" t="str">
        <f t="shared" si="21"/>
        <v/>
      </c>
      <c r="CK14" s="898" t="str">
        <f t="shared" si="22"/>
        <v/>
      </c>
      <c r="CL14" s="898" t="str">
        <f t="shared" si="23"/>
        <v/>
      </c>
      <c r="CM14" s="898" t="str">
        <f t="shared" si="24"/>
        <v/>
      </c>
      <c r="CN14" s="898" t="str">
        <f t="shared" si="25"/>
        <v/>
      </c>
      <c r="CO14" s="898" t="str">
        <f t="shared" si="26"/>
        <v/>
      </c>
      <c r="CP14" s="898" t="str">
        <f t="shared" si="27"/>
        <v/>
      </c>
      <c r="CQ14" s="898" t="str">
        <f t="shared" si="28"/>
        <v/>
      </c>
      <c r="CR14" s="898" t="str">
        <f t="shared" si="29"/>
        <v/>
      </c>
      <c r="CS14" s="898" t="str">
        <f t="shared" si="30"/>
        <v/>
      </c>
      <c r="CT14" s="898" t="str">
        <f t="shared" si="31"/>
        <v/>
      </c>
      <c r="CU14" s="898" t="str">
        <f t="shared" si="32"/>
        <v/>
      </c>
      <c r="CV14" s="898" t="str">
        <f t="shared" si="33"/>
        <v/>
      </c>
      <c r="CW14" s="898" t="str">
        <f t="shared" si="34"/>
        <v/>
      </c>
      <c r="CX14" s="898" t="str">
        <f t="shared" si="35"/>
        <v/>
      </c>
      <c r="CY14" s="898" t="str">
        <f t="shared" si="36"/>
        <v/>
      </c>
      <c r="CZ14" s="898" t="str">
        <f t="shared" si="37"/>
        <v/>
      </c>
      <c r="DA14" s="744"/>
      <c r="DB14" s="744"/>
      <c r="DC14" s="744"/>
      <c r="DD14" s="744"/>
      <c r="DE14" s="744"/>
      <c r="DF14" s="744"/>
      <c r="DG14" s="744"/>
      <c r="DH14" s="744"/>
      <c r="DI14" s="744"/>
      <c r="DJ14" s="744">
        <f>X14</f>
        <v>0</v>
      </c>
      <c r="DK14" s="744"/>
      <c r="DL14" s="744"/>
      <c r="DM14" s="661">
        <f t="shared" si="38"/>
        <v>0</v>
      </c>
      <c r="DN14" s="898">
        <f t="shared" si="39"/>
        <v>0</v>
      </c>
      <c r="DO14" s="516">
        <f t="shared" si="40"/>
        <v>0</v>
      </c>
      <c r="DP14" s="898">
        <f t="shared" si="41"/>
        <v>0</v>
      </c>
      <c r="DQ14" s="1214" t="s">
        <v>3361</v>
      </c>
      <c r="DR14" s="1214"/>
      <c r="DS14" s="1214" t="s">
        <v>3362</v>
      </c>
      <c r="DT14" s="632"/>
    </row>
    <row r="15" spans="1:124" s="137" customFormat="1" ht="85.5" x14ac:dyDescent="0.2">
      <c r="A15" s="484" t="str">
        <f t="shared" si="2"/>
        <v>1x Children's home in East Hemel Hempstead South (H4)</v>
      </c>
      <c r="B15" s="1163">
        <v>12</v>
      </c>
      <c r="C15" s="722" t="s">
        <v>3365</v>
      </c>
      <c r="D15" s="722" t="s">
        <v>3355</v>
      </c>
      <c r="E15" s="722" t="s">
        <v>1385</v>
      </c>
      <c r="F15" s="671" t="s">
        <v>295</v>
      </c>
      <c r="G15" s="676" t="s">
        <v>1324</v>
      </c>
      <c r="H15" s="484" t="s">
        <v>3366</v>
      </c>
      <c r="I15" s="654"/>
      <c r="J15" s="78" t="s">
        <v>3357</v>
      </c>
      <c r="K15" s="676" t="s">
        <v>3104</v>
      </c>
      <c r="L15" s="515" t="s">
        <v>1377</v>
      </c>
      <c r="M15" s="676" t="s">
        <v>3358</v>
      </c>
      <c r="N15" s="676" t="s">
        <v>60</v>
      </c>
      <c r="O15" s="654" t="s">
        <v>3051</v>
      </c>
      <c r="P15" s="654" t="s">
        <v>61</v>
      </c>
      <c r="Q15" s="676" t="s">
        <v>3367</v>
      </c>
      <c r="R15" s="657"/>
      <c r="S15" s="657"/>
      <c r="T15" s="676" t="s">
        <v>3360</v>
      </c>
      <c r="U15" s="744"/>
      <c r="V15" s="676" t="s">
        <v>64</v>
      </c>
      <c r="W15" s="676"/>
      <c r="X15" s="745"/>
      <c r="Y15" s="723" t="s">
        <v>3106</v>
      </c>
      <c r="Z15" s="723"/>
      <c r="AA15" s="712" t="s">
        <v>65</v>
      </c>
      <c r="AB15" s="676"/>
      <c r="AC15" s="676"/>
      <c r="AD15" s="676"/>
      <c r="AE15" s="676"/>
      <c r="AF15" s="676"/>
      <c r="AG15" s="676"/>
      <c r="AH15" s="676"/>
      <c r="AI15" s="676"/>
      <c r="AJ15" s="676"/>
      <c r="AK15" s="676"/>
      <c r="AL15" s="676"/>
      <c r="AM15" s="676"/>
      <c r="AN15" s="676"/>
      <c r="AO15" s="676"/>
      <c r="AP15" s="676"/>
      <c r="AQ15" s="676"/>
      <c r="AR15" s="676"/>
      <c r="AS15" s="676"/>
      <c r="AT15" s="676"/>
      <c r="AU15" s="676"/>
      <c r="AV15" s="676"/>
      <c r="AW15" s="676"/>
      <c r="AX15" s="676"/>
      <c r="AY15" s="676"/>
      <c r="AZ15" s="676"/>
      <c r="BA15" s="676"/>
      <c r="BB15" s="676"/>
      <c r="BC15" s="676"/>
      <c r="BD15" s="676"/>
      <c r="BE15" s="676"/>
      <c r="BF15" s="676"/>
      <c r="BG15" s="676"/>
      <c r="BH15" s="676"/>
      <c r="BI15" s="676"/>
      <c r="BJ15" s="676"/>
      <c r="BK15" s="676"/>
      <c r="BL15" s="676"/>
      <c r="BM15" s="676"/>
      <c r="BN15" s="676"/>
      <c r="BO15" s="676"/>
      <c r="BP15" s="676"/>
      <c r="BQ15" s="516" t="s">
        <v>66</v>
      </c>
      <c r="BR15" s="516"/>
      <c r="BS15" s="884">
        <f t="shared" si="5"/>
        <v>2400</v>
      </c>
      <c r="BT15" s="661">
        <f t="shared" si="6"/>
        <v>0</v>
      </c>
      <c r="BU15" s="661"/>
      <c r="BV15" s="898" t="str">
        <f t="shared" si="7"/>
        <v/>
      </c>
      <c r="BW15" s="898" t="str">
        <f t="shared" si="8"/>
        <v/>
      </c>
      <c r="BX15" s="898" t="str">
        <f t="shared" si="9"/>
        <v/>
      </c>
      <c r="BY15" s="898" t="str">
        <f t="shared" si="10"/>
        <v/>
      </c>
      <c r="BZ15" s="898" t="str">
        <f t="shared" si="11"/>
        <v/>
      </c>
      <c r="CA15" s="898" t="str">
        <f t="shared" si="12"/>
        <v/>
      </c>
      <c r="CB15" s="898" t="str">
        <f t="shared" si="13"/>
        <v/>
      </c>
      <c r="CC15" s="898" t="str">
        <f t="shared" si="14"/>
        <v/>
      </c>
      <c r="CD15" s="898" t="str">
        <f t="shared" si="15"/>
        <v/>
      </c>
      <c r="CE15" s="898" t="str">
        <f t="shared" si="16"/>
        <v/>
      </c>
      <c r="CF15" s="898" t="str">
        <f t="shared" si="17"/>
        <v/>
      </c>
      <c r="CG15" s="898" t="str">
        <f t="shared" si="18"/>
        <v/>
      </c>
      <c r="CH15" s="898" t="str">
        <f t="shared" si="19"/>
        <v/>
      </c>
      <c r="CI15" s="898" t="str">
        <f t="shared" si="20"/>
        <v/>
      </c>
      <c r="CJ15" s="898" t="str">
        <f t="shared" si="21"/>
        <v/>
      </c>
      <c r="CK15" s="898" t="str">
        <f t="shared" si="22"/>
        <v/>
      </c>
      <c r="CL15" s="898" t="str">
        <f t="shared" si="23"/>
        <v/>
      </c>
      <c r="CM15" s="898" t="str">
        <f t="shared" si="24"/>
        <v/>
      </c>
      <c r="CN15" s="898" t="str">
        <f t="shared" si="25"/>
        <v/>
      </c>
      <c r="CO15" s="898" t="str">
        <f t="shared" si="26"/>
        <v/>
      </c>
      <c r="CP15" s="898" t="str">
        <f t="shared" si="27"/>
        <v/>
      </c>
      <c r="CQ15" s="898" t="str">
        <f t="shared" si="28"/>
        <v/>
      </c>
      <c r="CR15" s="898" t="str">
        <f t="shared" si="29"/>
        <v/>
      </c>
      <c r="CS15" s="898" t="str">
        <f t="shared" si="30"/>
        <v/>
      </c>
      <c r="CT15" s="898" t="str">
        <f t="shared" si="31"/>
        <v/>
      </c>
      <c r="CU15" s="898" t="str">
        <f t="shared" si="32"/>
        <v/>
      </c>
      <c r="CV15" s="898" t="str">
        <f t="shared" si="33"/>
        <v/>
      </c>
      <c r="CW15" s="898" t="str">
        <f t="shared" si="34"/>
        <v/>
      </c>
      <c r="CX15" s="898" t="str">
        <f t="shared" si="35"/>
        <v/>
      </c>
      <c r="CY15" s="898" t="str">
        <f t="shared" si="36"/>
        <v/>
      </c>
      <c r="CZ15" s="898" t="str">
        <f t="shared" si="37"/>
        <v/>
      </c>
      <c r="DA15" s="744"/>
      <c r="DB15" s="744"/>
      <c r="DC15" s="744"/>
      <c r="DD15" s="744"/>
      <c r="DE15" s="744"/>
      <c r="DF15" s="744"/>
      <c r="DG15" s="744"/>
      <c r="DH15" s="744"/>
      <c r="DI15" s="744"/>
      <c r="DJ15" s="744"/>
      <c r="DK15" s="898">
        <f>X15</f>
        <v>0</v>
      </c>
      <c r="DL15" s="744"/>
      <c r="DM15" s="661">
        <f t="shared" si="38"/>
        <v>0</v>
      </c>
      <c r="DN15" s="898">
        <f t="shared" si="39"/>
        <v>0</v>
      </c>
      <c r="DO15" s="516">
        <f t="shared" si="40"/>
        <v>0</v>
      </c>
      <c r="DP15" s="898">
        <f t="shared" si="41"/>
        <v>0</v>
      </c>
      <c r="DQ15" s="1214" t="s">
        <v>3361</v>
      </c>
      <c r="DR15" s="1214"/>
      <c r="DS15" s="1214" t="s">
        <v>3362</v>
      </c>
      <c r="DT15" s="632"/>
    </row>
    <row r="16" spans="1:124" s="137" customFormat="1" ht="85.5" x14ac:dyDescent="0.2">
      <c r="A16" s="484" t="str">
        <f t="shared" si="2"/>
        <v>2 x Children's homes in North Hemel Hempstead (Hm01)</v>
      </c>
      <c r="B16" s="1163">
        <v>13</v>
      </c>
      <c r="C16" s="722" t="s">
        <v>3368</v>
      </c>
      <c r="D16" s="722" t="s">
        <v>3369</v>
      </c>
      <c r="E16" s="722" t="s">
        <v>53</v>
      </c>
      <c r="F16" s="671" t="s">
        <v>295</v>
      </c>
      <c r="G16" s="713" t="s">
        <v>1324</v>
      </c>
      <c r="H16" s="78" t="s">
        <v>3370</v>
      </c>
      <c r="I16" s="657"/>
      <c r="J16" s="78" t="s">
        <v>3371</v>
      </c>
      <c r="K16" s="676" t="s">
        <v>3104</v>
      </c>
      <c r="L16" s="657" t="s">
        <v>1360</v>
      </c>
      <c r="M16" s="676" t="s">
        <v>3358</v>
      </c>
      <c r="N16" s="676" t="s">
        <v>60</v>
      </c>
      <c r="O16" s="654" t="s">
        <v>3051</v>
      </c>
      <c r="P16" s="657" t="s">
        <v>61</v>
      </c>
      <c r="Q16" s="515" t="s">
        <v>62</v>
      </c>
      <c r="R16" s="657"/>
      <c r="S16" s="657"/>
      <c r="T16" s="676" t="s">
        <v>3360</v>
      </c>
      <c r="U16" s="744"/>
      <c r="V16" s="676" t="s">
        <v>64</v>
      </c>
      <c r="W16" s="676"/>
      <c r="X16" s="745"/>
      <c r="Y16" s="723" t="s">
        <v>3106</v>
      </c>
      <c r="Z16" s="723"/>
      <c r="AA16" s="712" t="s">
        <v>65</v>
      </c>
      <c r="AB16" s="746" t="s">
        <v>66</v>
      </c>
      <c r="AC16" s="676"/>
      <c r="AD16" s="676"/>
      <c r="AE16" s="676"/>
      <c r="AF16" s="676"/>
      <c r="AG16" s="676"/>
      <c r="AH16" s="676"/>
      <c r="AI16" s="676"/>
      <c r="AJ16" s="676"/>
      <c r="AK16" s="676"/>
      <c r="AL16" s="676"/>
      <c r="AM16" s="676"/>
      <c r="AN16" s="676"/>
      <c r="AO16" s="676"/>
      <c r="AP16" s="676"/>
      <c r="AQ16" s="676"/>
      <c r="AR16" s="676"/>
      <c r="AS16" s="676"/>
      <c r="AT16" s="516"/>
      <c r="AU16" s="676"/>
      <c r="AV16" s="676"/>
      <c r="AW16" s="676"/>
      <c r="AX16" s="676"/>
      <c r="AY16" s="676"/>
      <c r="AZ16" s="676"/>
      <c r="BA16" s="676"/>
      <c r="BB16" s="676"/>
      <c r="BC16" s="676"/>
      <c r="BD16" s="676"/>
      <c r="BE16" s="676"/>
      <c r="BF16" s="676"/>
      <c r="BG16" s="676"/>
      <c r="BH16" s="676"/>
      <c r="BI16" s="676"/>
      <c r="BJ16" s="676"/>
      <c r="BK16" s="676"/>
      <c r="BL16" s="676"/>
      <c r="BM16" s="676"/>
      <c r="BN16" s="676"/>
      <c r="BO16" s="676"/>
      <c r="BP16" s="676"/>
      <c r="BQ16" s="676"/>
      <c r="BR16" s="676"/>
      <c r="BS16" s="884">
        <f t="shared" si="5"/>
        <v>5000</v>
      </c>
      <c r="BT16" s="661">
        <f t="shared" si="6"/>
        <v>0</v>
      </c>
      <c r="BU16" s="661"/>
      <c r="BV16" s="898">
        <f t="shared" si="7"/>
        <v>0</v>
      </c>
      <c r="BW16" s="898" t="str">
        <f t="shared" si="8"/>
        <v/>
      </c>
      <c r="BX16" s="898" t="str">
        <f t="shared" si="9"/>
        <v/>
      </c>
      <c r="BY16" s="898" t="str">
        <f t="shared" si="10"/>
        <v/>
      </c>
      <c r="BZ16" s="898" t="str">
        <f t="shared" si="11"/>
        <v/>
      </c>
      <c r="CA16" s="898" t="str">
        <f t="shared" si="12"/>
        <v/>
      </c>
      <c r="CB16" s="898" t="str">
        <f t="shared" si="13"/>
        <v/>
      </c>
      <c r="CC16" s="898" t="str">
        <f t="shared" si="14"/>
        <v/>
      </c>
      <c r="CD16" s="898" t="str">
        <f t="shared" si="15"/>
        <v/>
      </c>
      <c r="CE16" s="898" t="str">
        <f t="shared" si="16"/>
        <v/>
      </c>
      <c r="CF16" s="898" t="str">
        <f t="shared" si="17"/>
        <v/>
      </c>
      <c r="CG16" s="898" t="str">
        <f t="shared" si="18"/>
        <v/>
      </c>
      <c r="CH16" s="898" t="str">
        <f t="shared" si="19"/>
        <v/>
      </c>
      <c r="CI16" s="898" t="str">
        <f t="shared" si="20"/>
        <v/>
      </c>
      <c r="CJ16" s="898" t="str">
        <f t="shared" si="21"/>
        <v/>
      </c>
      <c r="CK16" s="898" t="str">
        <f t="shared" si="22"/>
        <v/>
      </c>
      <c r="CL16" s="898" t="str">
        <f t="shared" si="23"/>
        <v/>
      </c>
      <c r="CM16" s="898" t="str">
        <f t="shared" si="24"/>
        <v/>
      </c>
      <c r="CN16" s="898" t="str">
        <f t="shared" si="25"/>
        <v/>
      </c>
      <c r="CO16" s="898" t="str">
        <f t="shared" si="26"/>
        <v/>
      </c>
      <c r="CP16" s="898" t="str">
        <f t="shared" si="27"/>
        <v/>
      </c>
      <c r="CQ16" s="898" t="str">
        <f t="shared" si="28"/>
        <v/>
      </c>
      <c r="CR16" s="898" t="str">
        <f t="shared" si="29"/>
        <v/>
      </c>
      <c r="CS16" s="898" t="str">
        <f t="shared" si="30"/>
        <v/>
      </c>
      <c r="CT16" s="898" t="str">
        <f t="shared" si="31"/>
        <v/>
      </c>
      <c r="CU16" s="898" t="str">
        <f t="shared" si="32"/>
        <v/>
      </c>
      <c r="CV16" s="898" t="str">
        <f t="shared" si="33"/>
        <v/>
      </c>
      <c r="CW16" s="898" t="str">
        <f t="shared" si="34"/>
        <v/>
      </c>
      <c r="CX16" s="898" t="str">
        <f t="shared" si="35"/>
        <v/>
      </c>
      <c r="CY16" s="898" t="str">
        <f t="shared" si="36"/>
        <v/>
      </c>
      <c r="CZ16" s="898" t="str">
        <f t="shared" si="37"/>
        <v/>
      </c>
      <c r="DA16" s="744"/>
      <c r="DB16" s="744"/>
      <c r="DC16" s="744"/>
      <c r="DD16" s="744"/>
      <c r="DE16" s="744"/>
      <c r="DF16" s="744"/>
      <c r="DG16" s="744"/>
      <c r="DH16" s="744"/>
      <c r="DI16" s="744"/>
      <c r="DJ16" s="744"/>
      <c r="DK16" s="744"/>
      <c r="DL16" s="744"/>
      <c r="DM16" s="661">
        <f t="shared" si="38"/>
        <v>0</v>
      </c>
      <c r="DN16" s="898">
        <f t="shared" si="39"/>
        <v>0</v>
      </c>
      <c r="DO16" s="516">
        <f t="shared" si="40"/>
        <v>0</v>
      </c>
      <c r="DP16" s="898">
        <f t="shared" si="41"/>
        <v>0</v>
      </c>
      <c r="DQ16" s="1214" t="s">
        <v>3361</v>
      </c>
      <c r="DR16" s="1214"/>
      <c r="DS16" s="1214" t="s">
        <v>3372</v>
      </c>
      <c r="DT16" s="632"/>
    </row>
    <row r="17" spans="1:124" s="614" customFormat="1" ht="85.5" x14ac:dyDescent="0.2">
      <c r="A17" s="484" t="str">
        <f t="shared" si="2"/>
        <v>1 x Children's home in Polehanger Lane (Hm13)</v>
      </c>
      <c r="B17" s="1163">
        <v>14</v>
      </c>
      <c r="C17" s="722" t="s">
        <v>3373</v>
      </c>
      <c r="D17" s="722" t="s">
        <v>3369</v>
      </c>
      <c r="E17" s="722" t="s">
        <v>53</v>
      </c>
      <c r="F17" s="671" t="s">
        <v>295</v>
      </c>
      <c r="G17" s="713" t="s">
        <v>1324</v>
      </c>
      <c r="H17" s="78" t="s">
        <v>3374</v>
      </c>
      <c r="I17" s="657"/>
      <c r="J17" s="78" t="s">
        <v>3357</v>
      </c>
      <c r="K17" s="676" t="s">
        <v>3104</v>
      </c>
      <c r="L17" s="775" t="s">
        <v>1370</v>
      </c>
      <c r="M17" s="654" t="s">
        <v>2996</v>
      </c>
      <c r="N17" s="676" t="s">
        <v>60</v>
      </c>
      <c r="O17" s="654" t="s">
        <v>3051</v>
      </c>
      <c r="P17" s="657" t="s">
        <v>61</v>
      </c>
      <c r="Q17" s="515" t="s">
        <v>390</v>
      </c>
      <c r="R17" s="657"/>
      <c r="S17" s="657"/>
      <c r="T17" s="676" t="s">
        <v>3360</v>
      </c>
      <c r="U17" s="744"/>
      <c r="V17" s="676" t="s">
        <v>64</v>
      </c>
      <c r="W17" s="676"/>
      <c r="X17" s="745"/>
      <c r="Y17" s="723" t="s">
        <v>3106</v>
      </c>
      <c r="Z17" s="723"/>
      <c r="AA17" s="712" t="s">
        <v>65</v>
      </c>
      <c r="AB17" s="676"/>
      <c r="AC17" s="676"/>
      <c r="AD17" s="676"/>
      <c r="AE17" s="676"/>
      <c r="AF17" s="676"/>
      <c r="AG17" s="676"/>
      <c r="AH17" s="676"/>
      <c r="AI17" s="676"/>
      <c r="AJ17" s="676"/>
      <c r="AK17" s="676"/>
      <c r="AL17" s="676" t="s">
        <v>66</v>
      </c>
      <c r="AM17" s="676"/>
      <c r="AN17" s="676"/>
      <c r="AO17" s="676"/>
      <c r="AP17" s="676"/>
      <c r="AQ17" s="676"/>
      <c r="AR17" s="676"/>
      <c r="AS17" s="676"/>
      <c r="AT17" s="676"/>
      <c r="AU17" s="676"/>
      <c r="AV17" s="676"/>
      <c r="AW17" s="676"/>
      <c r="AX17" s="676"/>
      <c r="AY17" s="676"/>
      <c r="AZ17" s="676"/>
      <c r="BA17" s="676"/>
      <c r="BB17" s="676"/>
      <c r="BC17" s="676"/>
      <c r="BD17" s="676"/>
      <c r="BE17" s="676"/>
      <c r="BF17" s="676"/>
      <c r="BG17" s="676"/>
      <c r="BH17" s="676"/>
      <c r="BI17" s="676"/>
      <c r="BJ17" s="676"/>
      <c r="BK17" s="676"/>
      <c r="BL17" s="676"/>
      <c r="BM17" s="676"/>
      <c r="BN17" s="676"/>
      <c r="BO17" s="676"/>
      <c r="BP17" s="676"/>
      <c r="BQ17" s="676"/>
      <c r="BR17" s="676"/>
      <c r="BS17" s="884">
        <f t="shared" si="5"/>
        <v>750</v>
      </c>
      <c r="BT17" s="661">
        <f t="shared" si="6"/>
        <v>0</v>
      </c>
      <c r="BU17" s="661"/>
      <c r="BV17" s="898" t="str">
        <f t="shared" si="7"/>
        <v/>
      </c>
      <c r="BW17" s="898" t="str">
        <f t="shared" si="8"/>
        <v/>
      </c>
      <c r="BX17" s="898" t="str">
        <f t="shared" si="9"/>
        <v/>
      </c>
      <c r="BY17" s="898" t="str">
        <f t="shared" si="10"/>
        <v/>
      </c>
      <c r="BZ17" s="898" t="str">
        <f t="shared" si="11"/>
        <v/>
      </c>
      <c r="CA17" s="898" t="str">
        <f t="shared" si="12"/>
        <v/>
      </c>
      <c r="CB17" s="898" t="str">
        <f t="shared" si="13"/>
        <v/>
      </c>
      <c r="CC17" s="898" t="str">
        <f t="shared" si="14"/>
        <v/>
      </c>
      <c r="CD17" s="898" t="str">
        <f t="shared" si="15"/>
        <v/>
      </c>
      <c r="CE17" s="898" t="str">
        <f t="shared" si="16"/>
        <v/>
      </c>
      <c r="CF17" s="898">
        <f t="shared" si="17"/>
        <v>0</v>
      </c>
      <c r="CG17" s="898" t="str">
        <f t="shared" si="18"/>
        <v/>
      </c>
      <c r="CH17" s="898" t="str">
        <f t="shared" si="19"/>
        <v/>
      </c>
      <c r="CI17" s="898" t="str">
        <f t="shared" si="20"/>
        <v/>
      </c>
      <c r="CJ17" s="898" t="str">
        <f t="shared" si="21"/>
        <v/>
      </c>
      <c r="CK17" s="898" t="str">
        <f t="shared" si="22"/>
        <v/>
      </c>
      <c r="CL17" s="898" t="str">
        <f t="shared" si="23"/>
        <v/>
      </c>
      <c r="CM17" s="898" t="str">
        <f t="shared" si="24"/>
        <v/>
      </c>
      <c r="CN17" s="898" t="str">
        <f t="shared" si="25"/>
        <v/>
      </c>
      <c r="CO17" s="898" t="str">
        <f t="shared" si="26"/>
        <v/>
      </c>
      <c r="CP17" s="898" t="str">
        <f t="shared" si="27"/>
        <v/>
      </c>
      <c r="CQ17" s="898" t="str">
        <f t="shared" si="28"/>
        <v/>
      </c>
      <c r="CR17" s="898" t="str">
        <f t="shared" si="29"/>
        <v/>
      </c>
      <c r="CS17" s="898" t="str">
        <f t="shared" si="30"/>
        <v/>
      </c>
      <c r="CT17" s="898" t="str">
        <f t="shared" si="31"/>
        <v/>
      </c>
      <c r="CU17" s="898" t="str">
        <f t="shared" si="32"/>
        <v/>
      </c>
      <c r="CV17" s="898" t="str">
        <f t="shared" si="33"/>
        <v/>
      </c>
      <c r="CW17" s="898" t="str">
        <f t="shared" si="34"/>
        <v/>
      </c>
      <c r="CX17" s="898" t="str">
        <f t="shared" si="35"/>
        <v/>
      </c>
      <c r="CY17" s="898" t="str">
        <f t="shared" si="36"/>
        <v/>
      </c>
      <c r="CZ17" s="898" t="str">
        <f t="shared" si="37"/>
        <v/>
      </c>
      <c r="DA17" s="744"/>
      <c r="DB17" s="744"/>
      <c r="DC17" s="744"/>
      <c r="DD17" s="744"/>
      <c r="DE17" s="744"/>
      <c r="DF17" s="744"/>
      <c r="DG17" s="744"/>
      <c r="DH17" s="744"/>
      <c r="DI17" s="744"/>
      <c r="DJ17" s="744"/>
      <c r="DK17" s="744"/>
      <c r="DL17" s="744"/>
      <c r="DM17" s="661">
        <f t="shared" si="38"/>
        <v>0</v>
      </c>
      <c r="DN17" s="898">
        <f t="shared" si="39"/>
        <v>0</v>
      </c>
      <c r="DO17" s="516">
        <f t="shared" si="40"/>
        <v>0</v>
      </c>
      <c r="DP17" s="898">
        <f t="shared" si="41"/>
        <v>0</v>
      </c>
      <c r="DQ17" s="1214" t="s">
        <v>3361</v>
      </c>
      <c r="DR17" s="1214"/>
      <c r="DS17" s="1214" t="s">
        <v>3372</v>
      </c>
      <c r="DT17" s="632"/>
    </row>
    <row r="18" spans="1:124" s="614" customFormat="1" ht="85.5" x14ac:dyDescent="0.2">
      <c r="A18" s="484" t="str">
        <f t="shared" si="2"/>
        <v>1 x Children's home Marchmont Farm (Hm14)</v>
      </c>
      <c r="B18" s="1163">
        <v>15</v>
      </c>
      <c r="C18" s="722" t="s">
        <v>3375</v>
      </c>
      <c r="D18" s="722" t="s">
        <v>3369</v>
      </c>
      <c r="E18" s="722" t="s">
        <v>53</v>
      </c>
      <c r="F18" s="671" t="s">
        <v>295</v>
      </c>
      <c r="G18" s="713" t="s">
        <v>1324</v>
      </c>
      <c r="H18" s="78" t="s">
        <v>3376</v>
      </c>
      <c r="I18" s="657"/>
      <c r="J18" s="78" t="s">
        <v>3357</v>
      </c>
      <c r="K18" s="676" t="s">
        <v>3104</v>
      </c>
      <c r="L18" s="657" t="s">
        <v>2609</v>
      </c>
      <c r="M18" s="654" t="s">
        <v>2996</v>
      </c>
      <c r="N18" s="676" t="s">
        <v>60</v>
      </c>
      <c r="O18" s="654" t="s">
        <v>3051</v>
      </c>
      <c r="P18" s="657" t="s">
        <v>61</v>
      </c>
      <c r="Q18" s="515" t="s">
        <v>187</v>
      </c>
      <c r="R18" s="657"/>
      <c r="S18" s="657"/>
      <c r="T18" s="676" t="s">
        <v>3360</v>
      </c>
      <c r="U18" s="744"/>
      <c r="V18" s="676" t="s">
        <v>64</v>
      </c>
      <c r="W18" s="746"/>
      <c r="X18" s="745"/>
      <c r="Y18" s="723" t="s">
        <v>3106</v>
      </c>
      <c r="Z18" s="723"/>
      <c r="AA18" s="712" t="s">
        <v>65</v>
      </c>
      <c r="AB18" s="676"/>
      <c r="AC18" s="676"/>
      <c r="AD18" s="676"/>
      <c r="AE18" s="676"/>
      <c r="AF18" s="676"/>
      <c r="AG18" s="676"/>
      <c r="AH18" s="676"/>
      <c r="AI18" s="676"/>
      <c r="AJ18" s="676"/>
      <c r="AK18" s="676"/>
      <c r="AL18" s="676"/>
      <c r="AM18" s="676"/>
      <c r="AN18" s="676"/>
      <c r="AO18" s="676" t="s">
        <v>66</v>
      </c>
      <c r="AP18" s="676"/>
      <c r="AQ18" s="676"/>
      <c r="AR18" s="676"/>
      <c r="AS18" s="676"/>
      <c r="AT18" s="676"/>
      <c r="AU18" s="676"/>
      <c r="AV18" s="676"/>
      <c r="AW18" s="676"/>
      <c r="AX18" s="676"/>
      <c r="AY18" s="676"/>
      <c r="AZ18" s="676"/>
      <c r="BA18" s="676"/>
      <c r="BB18" s="676"/>
      <c r="BC18" s="676"/>
      <c r="BD18" s="676"/>
      <c r="BE18" s="676"/>
      <c r="BF18" s="676"/>
      <c r="BG18" s="676"/>
      <c r="BH18" s="676"/>
      <c r="BI18" s="676"/>
      <c r="BJ18" s="676"/>
      <c r="BK18" s="676"/>
      <c r="BL18" s="676"/>
      <c r="BM18" s="676"/>
      <c r="BN18" s="676"/>
      <c r="BO18" s="676"/>
      <c r="BP18" s="676"/>
      <c r="BQ18" s="676"/>
      <c r="BR18" s="676"/>
      <c r="BS18" s="884">
        <f t="shared" si="5"/>
        <v>350</v>
      </c>
      <c r="BT18" s="661">
        <f t="shared" si="6"/>
        <v>0</v>
      </c>
      <c r="BU18" s="661"/>
      <c r="BV18" s="898" t="str">
        <f t="shared" si="7"/>
        <v/>
      </c>
      <c r="BW18" s="898" t="str">
        <f t="shared" si="8"/>
        <v/>
      </c>
      <c r="BX18" s="898" t="str">
        <f t="shared" si="9"/>
        <v/>
      </c>
      <c r="BY18" s="898" t="str">
        <f t="shared" si="10"/>
        <v/>
      </c>
      <c r="BZ18" s="898" t="str">
        <f t="shared" si="11"/>
        <v/>
      </c>
      <c r="CA18" s="898" t="str">
        <f t="shared" si="12"/>
        <v/>
      </c>
      <c r="CB18" s="898" t="str">
        <f t="shared" si="13"/>
        <v/>
      </c>
      <c r="CC18" s="898" t="str">
        <f t="shared" si="14"/>
        <v/>
      </c>
      <c r="CD18" s="898" t="str">
        <f t="shared" si="15"/>
        <v/>
      </c>
      <c r="CE18" s="898" t="str">
        <f t="shared" si="16"/>
        <v/>
      </c>
      <c r="CF18" s="898" t="str">
        <f t="shared" si="17"/>
        <v/>
      </c>
      <c r="CG18" s="898" t="str">
        <f t="shared" si="18"/>
        <v/>
      </c>
      <c r="CH18" s="898" t="str">
        <f t="shared" si="19"/>
        <v/>
      </c>
      <c r="CI18" s="898">
        <f t="shared" si="20"/>
        <v>0</v>
      </c>
      <c r="CJ18" s="898" t="str">
        <f t="shared" si="21"/>
        <v/>
      </c>
      <c r="CK18" s="898" t="str">
        <f t="shared" si="22"/>
        <v/>
      </c>
      <c r="CL18" s="898" t="str">
        <f t="shared" si="23"/>
        <v/>
      </c>
      <c r="CM18" s="898" t="str">
        <f t="shared" si="24"/>
        <v/>
      </c>
      <c r="CN18" s="898" t="str">
        <f t="shared" si="25"/>
        <v/>
      </c>
      <c r="CO18" s="898" t="str">
        <f t="shared" si="26"/>
        <v/>
      </c>
      <c r="CP18" s="898" t="str">
        <f t="shared" si="27"/>
        <v/>
      </c>
      <c r="CQ18" s="898" t="str">
        <f t="shared" si="28"/>
        <v/>
      </c>
      <c r="CR18" s="898" t="str">
        <f t="shared" si="29"/>
        <v/>
      </c>
      <c r="CS18" s="898" t="str">
        <f t="shared" si="30"/>
        <v/>
      </c>
      <c r="CT18" s="898" t="str">
        <f t="shared" si="31"/>
        <v/>
      </c>
      <c r="CU18" s="898" t="str">
        <f t="shared" si="32"/>
        <v/>
      </c>
      <c r="CV18" s="898" t="str">
        <f t="shared" si="33"/>
        <v/>
      </c>
      <c r="CW18" s="898" t="str">
        <f t="shared" si="34"/>
        <v/>
      </c>
      <c r="CX18" s="898" t="str">
        <f t="shared" si="35"/>
        <v/>
      </c>
      <c r="CY18" s="898" t="str">
        <f t="shared" si="36"/>
        <v/>
      </c>
      <c r="CZ18" s="898" t="str">
        <f t="shared" si="37"/>
        <v/>
      </c>
      <c r="DA18" s="744"/>
      <c r="DB18" s="744"/>
      <c r="DC18" s="744"/>
      <c r="DD18" s="744"/>
      <c r="DE18" s="744"/>
      <c r="DF18" s="744"/>
      <c r="DG18" s="744"/>
      <c r="DH18" s="744"/>
      <c r="DI18" s="744"/>
      <c r="DJ18" s="744"/>
      <c r="DK18" s="744"/>
      <c r="DL18" s="744"/>
      <c r="DM18" s="661">
        <f t="shared" si="38"/>
        <v>0</v>
      </c>
      <c r="DN18" s="898">
        <f t="shared" si="39"/>
        <v>0</v>
      </c>
      <c r="DO18" s="516">
        <f t="shared" si="40"/>
        <v>0</v>
      </c>
      <c r="DP18" s="898">
        <f t="shared" si="41"/>
        <v>0</v>
      </c>
      <c r="DQ18" s="1214" t="s">
        <v>3361</v>
      </c>
      <c r="DR18" s="1214"/>
      <c r="DS18" s="1214" t="s">
        <v>3372</v>
      </c>
      <c r="DT18" s="632"/>
    </row>
    <row r="19" spans="1:124" s="614" customFormat="1" ht="99.75" x14ac:dyDescent="0.2">
      <c r="A19" s="484" t="str">
        <f t="shared" si="2"/>
        <v>On-site CCTV provision at North Hemel Hempstead (Hm01).</v>
      </c>
      <c r="B19" s="1163">
        <v>16</v>
      </c>
      <c r="C19" s="481" t="s">
        <v>3377</v>
      </c>
      <c r="D19" s="481" t="s">
        <v>2481</v>
      </c>
      <c r="E19" s="481" t="s">
        <v>53</v>
      </c>
      <c r="F19" s="481" t="s">
        <v>295</v>
      </c>
      <c r="G19" s="654" t="s">
        <v>301</v>
      </c>
      <c r="H19" s="78" t="s">
        <v>3378</v>
      </c>
      <c r="I19" s="657"/>
      <c r="J19" s="78" t="s">
        <v>3379</v>
      </c>
      <c r="K19" s="713" t="s">
        <v>3104</v>
      </c>
      <c r="L19" s="657" t="s">
        <v>1360</v>
      </c>
      <c r="M19" s="654" t="s">
        <v>3027</v>
      </c>
      <c r="N19" s="654" t="s">
        <v>60</v>
      </c>
      <c r="O19" s="657" t="s">
        <v>3331</v>
      </c>
      <c r="P19" s="654" t="s">
        <v>53</v>
      </c>
      <c r="Q19" s="654" t="s">
        <v>62</v>
      </c>
      <c r="R19" s="654"/>
      <c r="S19" s="654"/>
      <c r="T19" s="723">
        <v>59310</v>
      </c>
      <c r="U19" s="723"/>
      <c r="V19" s="654" t="s">
        <v>64</v>
      </c>
      <c r="W19" s="723">
        <f t="shared" ref="W19:W53" si="43">T19-X19</f>
        <v>0</v>
      </c>
      <c r="X19" s="745">
        <f t="shared" ref="X19:X53" si="44">IF(ISTEXT(T19),T19,T19-U19)</f>
        <v>59310</v>
      </c>
      <c r="Y19" s="723" t="s">
        <v>3106</v>
      </c>
      <c r="Z19" s="723"/>
      <c r="AA19" s="652" t="s">
        <v>82</v>
      </c>
      <c r="AB19" s="746" t="s">
        <v>66</v>
      </c>
      <c r="AC19" s="883"/>
      <c r="AD19" s="883"/>
      <c r="AE19" s="883"/>
      <c r="AF19" s="883"/>
      <c r="AG19" s="883"/>
      <c r="AH19" s="883"/>
      <c r="AI19" s="883"/>
      <c r="AJ19" s="883"/>
      <c r="AK19" s="883"/>
      <c r="AL19" s="883"/>
      <c r="AM19" s="883"/>
      <c r="AN19" s="883"/>
      <c r="AO19" s="883"/>
      <c r="AP19" s="883"/>
      <c r="AQ19" s="883"/>
      <c r="AR19" s="883"/>
      <c r="AS19" s="883"/>
      <c r="AT19" s="883"/>
      <c r="AU19" s="883"/>
      <c r="AV19" s="883"/>
      <c r="AW19" s="746"/>
      <c r="AX19" s="883"/>
      <c r="AY19" s="883"/>
      <c r="AZ19" s="883"/>
      <c r="BA19" s="883"/>
      <c r="BB19" s="883"/>
      <c r="BC19" s="883"/>
      <c r="BD19" s="883"/>
      <c r="BE19" s="883"/>
      <c r="BF19" s="883"/>
      <c r="BG19" s="746"/>
      <c r="BH19" s="746"/>
      <c r="BI19" s="746"/>
      <c r="BJ19" s="746"/>
      <c r="BK19" s="746"/>
      <c r="BL19" s="746"/>
      <c r="BM19" s="746"/>
      <c r="BN19" s="746"/>
      <c r="BO19" s="746"/>
      <c r="BP19" s="746"/>
      <c r="BQ19" s="746"/>
      <c r="BR19" s="746"/>
      <c r="BS19" s="884">
        <f t="shared" si="5"/>
        <v>5000</v>
      </c>
      <c r="BT19" s="661">
        <f t="shared" si="6"/>
        <v>11.862</v>
      </c>
      <c r="BU19" s="661"/>
      <c r="BV19" s="898">
        <f t="shared" si="7"/>
        <v>59310</v>
      </c>
      <c r="BW19" s="898" t="str">
        <f t="shared" si="8"/>
        <v/>
      </c>
      <c r="BX19" s="898" t="str">
        <f t="shared" si="9"/>
        <v/>
      </c>
      <c r="BY19" s="898" t="str">
        <f t="shared" si="10"/>
        <v/>
      </c>
      <c r="BZ19" s="898" t="str">
        <f t="shared" si="11"/>
        <v/>
      </c>
      <c r="CA19" s="898" t="str">
        <f t="shared" si="12"/>
        <v/>
      </c>
      <c r="CB19" s="898" t="str">
        <f t="shared" si="13"/>
        <v/>
      </c>
      <c r="CC19" s="898" t="str">
        <f t="shared" si="14"/>
        <v/>
      </c>
      <c r="CD19" s="898" t="str">
        <f t="shared" si="15"/>
        <v/>
      </c>
      <c r="CE19" s="898" t="str">
        <f t="shared" si="16"/>
        <v/>
      </c>
      <c r="CF19" s="898" t="str">
        <f t="shared" si="17"/>
        <v/>
      </c>
      <c r="CG19" s="898" t="str">
        <f t="shared" si="18"/>
        <v/>
      </c>
      <c r="CH19" s="898" t="str">
        <f t="shared" si="19"/>
        <v/>
      </c>
      <c r="CI19" s="898" t="str">
        <f t="shared" si="20"/>
        <v/>
      </c>
      <c r="CJ19" s="898" t="str">
        <f t="shared" si="21"/>
        <v/>
      </c>
      <c r="CK19" s="898" t="str">
        <f t="shared" si="22"/>
        <v/>
      </c>
      <c r="CL19" s="898" t="str">
        <f t="shared" si="23"/>
        <v/>
      </c>
      <c r="CM19" s="898" t="str">
        <f t="shared" si="24"/>
        <v/>
      </c>
      <c r="CN19" s="898" t="str">
        <f t="shared" si="25"/>
        <v/>
      </c>
      <c r="CO19" s="898" t="str">
        <f t="shared" si="26"/>
        <v/>
      </c>
      <c r="CP19" s="898" t="str">
        <f t="shared" si="27"/>
        <v/>
      </c>
      <c r="CQ19" s="898" t="str">
        <f t="shared" si="28"/>
        <v/>
      </c>
      <c r="CR19" s="898" t="str">
        <f t="shared" si="29"/>
        <v/>
      </c>
      <c r="CS19" s="898" t="str">
        <f t="shared" si="30"/>
        <v/>
      </c>
      <c r="CT19" s="898" t="str">
        <f t="shared" si="31"/>
        <v/>
      </c>
      <c r="CU19" s="898" t="str">
        <f t="shared" si="32"/>
        <v/>
      </c>
      <c r="CV19" s="898" t="str">
        <f t="shared" si="33"/>
        <v/>
      </c>
      <c r="CW19" s="898" t="str">
        <f t="shared" si="34"/>
        <v/>
      </c>
      <c r="CX19" s="898" t="str">
        <f t="shared" si="35"/>
        <v/>
      </c>
      <c r="CY19" s="898" t="str">
        <f t="shared" si="36"/>
        <v/>
      </c>
      <c r="CZ19" s="898" t="str">
        <f t="shared" si="37"/>
        <v/>
      </c>
      <c r="DA19" s="898"/>
      <c r="DB19" s="898"/>
      <c r="DC19" s="898"/>
      <c r="DD19" s="898"/>
      <c r="DE19" s="898"/>
      <c r="DF19" s="898"/>
      <c r="DG19" s="898"/>
      <c r="DH19" s="898"/>
      <c r="DI19" s="898"/>
      <c r="DJ19" s="898"/>
      <c r="DK19" s="898"/>
      <c r="DL19" s="898"/>
      <c r="DM19" s="661">
        <f t="shared" si="38"/>
        <v>59310</v>
      </c>
      <c r="DN19" s="898">
        <f t="shared" si="39"/>
        <v>0</v>
      </c>
      <c r="DO19" s="516">
        <f t="shared" si="40"/>
        <v>0</v>
      </c>
      <c r="DP19" s="898">
        <f t="shared" si="41"/>
        <v>0</v>
      </c>
      <c r="DQ19" s="483" t="s">
        <v>3380</v>
      </c>
      <c r="DR19" s="610" t="s">
        <v>3381</v>
      </c>
      <c r="DS19" s="483" t="s">
        <v>3098</v>
      </c>
      <c r="DT19" s="632"/>
    </row>
    <row r="20" spans="1:124" s="137" customFormat="1" ht="99.75" x14ac:dyDescent="0.2">
      <c r="A20" s="484" t="str">
        <f t="shared" si="2"/>
        <v>On-site CCTV provision at Shendish Manor and Fairfields (Hm11).</v>
      </c>
      <c r="B20" s="1163">
        <v>17</v>
      </c>
      <c r="C20" s="481" t="s">
        <v>3382</v>
      </c>
      <c r="D20" s="481" t="s">
        <v>2481</v>
      </c>
      <c r="E20" s="481" t="s">
        <v>53</v>
      </c>
      <c r="F20" s="481" t="s">
        <v>295</v>
      </c>
      <c r="G20" s="654" t="s">
        <v>301</v>
      </c>
      <c r="H20" s="78" t="s">
        <v>3383</v>
      </c>
      <c r="I20" s="657"/>
      <c r="J20" s="78" t="s">
        <v>3384</v>
      </c>
      <c r="K20" s="713" t="s">
        <v>3104</v>
      </c>
      <c r="L20" s="657" t="s">
        <v>1369</v>
      </c>
      <c r="M20" s="654" t="s">
        <v>2996</v>
      </c>
      <c r="N20" s="654" t="s">
        <v>60</v>
      </c>
      <c r="O20" s="657" t="s">
        <v>3331</v>
      </c>
      <c r="P20" s="654" t="s">
        <v>53</v>
      </c>
      <c r="Q20" s="654" t="s">
        <v>159</v>
      </c>
      <c r="R20" s="654"/>
      <c r="S20" s="654"/>
      <c r="T20" s="723">
        <v>59310</v>
      </c>
      <c r="U20" s="723"/>
      <c r="V20" s="654" t="s">
        <v>64</v>
      </c>
      <c r="W20" s="723">
        <f t="shared" si="43"/>
        <v>0</v>
      </c>
      <c r="X20" s="745">
        <f t="shared" si="44"/>
        <v>59310</v>
      </c>
      <c r="Y20" s="723" t="s">
        <v>3106</v>
      </c>
      <c r="Z20" s="723"/>
      <c r="AA20" s="652" t="s">
        <v>82</v>
      </c>
      <c r="AB20" s="883"/>
      <c r="AC20" s="883"/>
      <c r="AD20" s="883"/>
      <c r="AE20" s="883"/>
      <c r="AF20" s="883"/>
      <c r="AG20" s="883"/>
      <c r="AH20" s="883"/>
      <c r="AI20" s="883"/>
      <c r="AJ20" s="883"/>
      <c r="AK20" s="746" t="s">
        <v>66</v>
      </c>
      <c r="AL20" s="883"/>
      <c r="AM20" s="883"/>
      <c r="AN20" s="883"/>
      <c r="AO20" s="883"/>
      <c r="AP20" s="883"/>
      <c r="AQ20" s="883"/>
      <c r="AR20" s="883"/>
      <c r="AS20" s="883"/>
      <c r="AT20" s="883"/>
      <c r="AU20" s="883"/>
      <c r="AV20" s="883"/>
      <c r="AW20" s="746"/>
      <c r="AX20" s="883"/>
      <c r="AY20" s="883"/>
      <c r="AZ20" s="883"/>
      <c r="BA20" s="883"/>
      <c r="BB20" s="883"/>
      <c r="BC20" s="883"/>
      <c r="BD20" s="883"/>
      <c r="BE20" s="883"/>
      <c r="BF20" s="883"/>
      <c r="BG20" s="746"/>
      <c r="BH20" s="746"/>
      <c r="BI20" s="746"/>
      <c r="BJ20" s="746"/>
      <c r="BK20" s="746"/>
      <c r="BL20" s="746"/>
      <c r="BM20" s="746"/>
      <c r="BN20" s="746"/>
      <c r="BO20" s="746"/>
      <c r="BP20" s="746"/>
      <c r="BQ20" s="746"/>
      <c r="BR20" s="746"/>
      <c r="BS20" s="884">
        <f t="shared" si="5"/>
        <v>500</v>
      </c>
      <c r="BT20" s="661">
        <f t="shared" si="6"/>
        <v>118.62</v>
      </c>
      <c r="BU20" s="661"/>
      <c r="BV20" s="898" t="str">
        <f t="shared" si="7"/>
        <v/>
      </c>
      <c r="BW20" s="898" t="str">
        <f t="shared" si="8"/>
        <v/>
      </c>
      <c r="BX20" s="898" t="str">
        <f t="shared" si="9"/>
        <v/>
      </c>
      <c r="BY20" s="898" t="str">
        <f t="shared" si="10"/>
        <v/>
      </c>
      <c r="BZ20" s="898" t="str">
        <f t="shared" si="11"/>
        <v/>
      </c>
      <c r="CA20" s="898" t="str">
        <f t="shared" si="12"/>
        <v/>
      </c>
      <c r="CB20" s="898" t="str">
        <f t="shared" si="13"/>
        <v/>
      </c>
      <c r="CC20" s="898" t="str">
        <f t="shared" si="14"/>
        <v/>
      </c>
      <c r="CD20" s="898" t="str">
        <f t="shared" si="15"/>
        <v/>
      </c>
      <c r="CE20" s="898">
        <f t="shared" si="16"/>
        <v>59310</v>
      </c>
      <c r="CF20" s="898" t="str">
        <f t="shared" si="17"/>
        <v/>
      </c>
      <c r="CG20" s="898" t="str">
        <f t="shared" si="18"/>
        <v/>
      </c>
      <c r="CH20" s="898" t="str">
        <f t="shared" si="19"/>
        <v/>
      </c>
      <c r="CI20" s="898" t="str">
        <f t="shared" si="20"/>
        <v/>
      </c>
      <c r="CJ20" s="898" t="str">
        <f t="shared" si="21"/>
        <v/>
      </c>
      <c r="CK20" s="898" t="str">
        <f t="shared" si="22"/>
        <v/>
      </c>
      <c r="CL20" s="898" t="str">
        <f t="shared" si="23"/>
        <v/>
      </c>
      <c r="CM20" s="898" t="str">
        <f t="shared" si="24"/>
        <v/>
      </c>
      <c r="CN20" s="898" t="str">
        <f t="shared" si="25"/>
        <v/>
      </c>
      <c r="CO20" s="898" t="str">
        <f t="shared" si="26"/>
        <v/>
      </c>
      <c r="CP20" s="898" t="str">
        <f t="shared" si="27"/>
        <v/>
      </c>
      <c r="CQ20" s="898" t="str">
        <f t="shared" si="28"/>
        <v/>
      </c>
      <c r="CR20" s="898" t="str">
        <f t="shared" si="29"/>
        <v/>
      </c>
      <c r="CS20" s="898" t="str">
        <f t="shared" si="30"/>
        <v/>
      </c>
      <c r="CT20" s="898" t="str">
        <f t="shared" si="31"/>
        <v/>
      </c>
      <c r="CU20" s="898" t="str">
        <f t="shared" si="32"/>
        <v/>
      </c>
      <c r="CV20" s="898" t="str">
        <f t="shared" si="33"/>
        <v/>
      </c>
      <c r="CW20" s="898" t="str">
        <f t="shared" si="34"/>
        <v/>
      </c>
      <c r="CX20" s="898" t="str">
        <f t="shared" si="35"/>
        <v/>
      </c>
      <c r="CY20" s="898" t="str">
        <f t="shared" si="36"/>
        <v/>
      </c>
      <c r="CZ20" s="898" t="str">
        <f t="shared" si="37"/>
        <v/>
      </c>
      <c r="DA20" s="898"/>
      <c r="DB20" s="898"/>
      <c r="DC20" s="898"/>
      <c r="DD20" s="898"/>
      <c r="DE20" s="898"/>
      <c r="DF20" s="898"/>
      <c r="DG20" s="898"/>
      <c r="DH20" s="898"/>
      <c r="DI20" s="898"/>
      <c r="DJ20" s="898"/>
      <c r="DK20" s="898"/>
      <c r="DL20" s="898"/>
      <c r="DM20" s="661">
        <f t="shared" si="38"/>
        <v>59310</v>
      </c>
      <c r="DN20" s="898">
        <f t="shared" si="39"/>
        <v>0</v>
      </c>
      <c r="DO20" s="516">
        <f t="shared" si="40"/>
        <v>0</v>
      </c>
      <c r="DP20" s="898">
        <f t="shared" si="41"/>
        <v>0</v>
      </c>
      <c r="DQ20" s="483" t="s">
        <v>3380</v>
      </c>
      <c r="DR20" s="610" t="s">
        <v>3381</v>
      </c>
      <c r="DS20" s="483" t="s">
        <v>3098</v>
      </c>
      <c r="DT20" s="632"/>
    </row>
    <row r="21" spans="1:124" s="137" customFormat="1" ht="99.75" x14ac:dyDescent="0.2">
      <c r="A21" s="484" t="str">
        <f t="shared" si="2"/>
        <v>On-site CCTV provision at Polehanger Lane (Hm13).</v>
      </c>
      <c r="B21" s="1163">
        <v>18</v>
      </c>
      <c r="C21" s="481" t="s">
        <v>3385</v>
      </c>
      <c r="D21" s="481" t="s">
        <v>2481</v>
      </c>
      <c r="E21" s="481" t="s">
        <v>53</v>
      </c>
      <c r="F21" s="481" t="s">
        <v>295</v>
      </c>
      <c r="G21" s="654" t="s">
        <v>301</v>
      </c>
      <c r="H21" s="78" t="s">
        <v>3386</v>
      </c>
      <c r="I21" s="657"/>
      <c r="J21" s="78" t="s">
        <v>3387</v>
      </c>
      <c r="K21" s="713" t="s">
        <v>3104</v>
      </c>
      <c r="L21" s="657" t="s">
        <v>1370</v>
      </c>
      <c r="M21" s="654" t="s">
        <v>2996</v>
      </c>
      <c r="N21" s="654" t="s">
        <v>60</v>
      </c>
      <c r="O21" s="657" t="s">
        <v>3331</v>
      </c>
      <c r="P21" s="654" t="s">
        <v>53</v>
      </c>
      <c r="Q21" s="654" t="s">
        <v>390</v>
      </c>
      <c r="R21" s="654"/>
      <c r="S21" s="654"/>
      <c r="T21" s="723">
        <v>59310</v>
      </c>
      <c r="U21" s="723"/>
      <c r="V21" s="654" t="s">
        <v>64</v>
      </c>
      <c r="W21" s="723">
        <f t="shared" si="43"/>
        <v>0</v>
      </c>
      <c r="X21" s="745">
        <f t="shared" si="44"/>
        <v>59310</v>
      </c>
      <c r="Y21" s="723" t="s">
        <v>3106</v>
      </c>
      <c r="Z21" s="723"/>
      <c r="AA21" s="652" t="s">
        <v>82</v>
      </c>
      <c r="AB21" s="883"/>
      <c r="AC21" s="883"/>
      <c r="AD21" s="883"/>
      <c r="AE21" s="883"/>
      <c r="AF21" s="883"/>
      <c r="AG21" s="883"/>
      <c r="AH21" s="883"/>
      <c r="AI21" s="883"/>
      <c r="AJ21" s="883"/>
      <c r="AK21" s="883"/>
      <c r="AL21" s="746" t="s">
        <v>66</v>
      </c>
      <c r="AM21" s="883"/>
      <c r="AN21" s="883"/>
      <c r="AO21" s="883"/>
      <c r="AP21" s="883"/>
      <c r="AQ21" s="883"/>
      <c r="AR21" s="883"/>
      <c r="AS21" s="883"/>
      <c r="AT21" s="883"/>
      <c r="AU21" s="883"/>
      <c r="AV21" s="883"/>
      <c r="AW21" s="746"/>
      <c r="AX21" s="883"/>
      <c r="AY21" s="883"/>
      <c r="AZ21" s="883"/>
      <c r="BA21" s="883"/>
      <c r="BB21" s="883"/>
      <c r="BC21" s="883"/>
      <c r="BD21" s="883"/>
      <c r="BE21" s="883"/>
      <c r="BF21" s="883"/>
      <c r="BG21" s="746"/>
      <c r="BH21" s="746"/>
      <c r="BI21" s="746"/>
      <c r="BJ21" s="746"/>
      <c r="BK21" s="746"/>
      <c r="BL21" s="746"/>
      <c r="BM21" s="746"/>
      <c r="BN21" s="746"/>
      <c r="BO21" s="746"/>
      <c r="BP21" s="746"/>
      <c r="BQ21" s="746"/>
      <c r="BR21" s="746"/>
      <c r="BS21" s="884">
        <f t="shared" si="5"/>
        <v>750</v>
      </c>
      <c r="BT21" s="661">
        <f t="shared" si="6"/>
        <v>79.08</v>
      </c>
      <c r="BU21" s="661"/>
      <c r="BV21" s="898" t="str">
        <f t="shared" si="7"/>
        <v/>
      </c>
      <c r="BW21" s="898" t="str">
        <f t="shared" si="8"/>
        <v/>
      </c>
      <c r="BX21" s="898" t="str">
        <f t="shared" si="9"/>
        <v/>
      </c>
      <c r="BY21" s="898" t="str">
        <f t="shared" si="10"/>
        <v/>
      </c>
      <c r="BZ21" s="898" t="str">
        <f t="shared" si="11"/>
        <v/>
      </c>
      <c r="CA21" s="898" t="str">
        <f t="shared" si="12"/>
        <v/>
      </c>
      <c r="CB21" s="898" t="str">
        <f t="shared" si="13"/>
        <v/>
      </c>
      <c r="CC21" s="898" t="str">
        <f t="shared" si="14"/>
        <v/>
      </c>
      <c r="CD21" s="898" t="str">
        <f t="shared" si="15"/>
        <v/>
      </c>
      <c r="CE21" s="898" t="str">
        <f t="shared" si="16"/>
        <v/>
      </c>
      <c r="CF21" s="898">
        <f t="shared" si="17"/>
        <v>59310</v>
      </c>
      <c r="CG21" s="898" t="str">
        <f t="shared" si="18"/>
        <v/>
      </c>
      <c r="CH21" s="898" t="str">
        <f t="shared" si="19"/>
        <v/>
      </c>
      <c r="CI21" s="898" t="str">
        <f t="shared" si="20"/>
        <v/>
      </c>
      <c r="CJ21" s="898" t="str">
        <f t="shared" si="21"/>
        <v/>
      </c>
      <c r="CK21" s="898" t="str">
        <f t="shared" si="22"/>
        <v/>
      </c>
      <c r="CL21" s="898" t="str">
        <f t="shared" si="23"/>
        <v/>
      </c>
      <c r="CM21" s="898" t="str">
        <f t="shared" si="24"/>
        <v/>
      </c>
      <c r="CN21" s="898" t="str">
        <f t="shared" si="25"/>
        <v/>
      </c>
      <c r="CO21" s="898" t="str">
        <f t="shared" si="26"/>
        <v/>
      </c>
      <c r="CP21" s="898" t="str">
        <f t="shared" si="27"/>
        <v/>
      </c>
      <c r="CQ21" s="898" t="str">
        <f t="shared" si="28"/>
        <v/>
      </c>
      <c r="CR21" s="898" t="str">
        <f t="shared" si="29"/>
        <v/>
      </c>
      <c r="CS21" s="898" t="str">
        <f t="shared" si="30"/>
        <v/>
      </c>
      <c r="CT21" s="898" t="str">
        <f t="shared" si="31"/>
        <v/>
      </c>
      <c r="CU21" s="898" t="str">
        <f t="shared" si="32"/>
        <v/>
      </c>
      <c r="CV21" s="898" t="str">
        <f t="shared" si="33"/>
        <v/>
      </c>
      <c r="CW21" s="898" t="str">
        <f t="shared" si="34"/>
        <v/>
      </c>
      <c r="CX21" s="898" t="str">
        <f t="shared" si="35"/>
        <v/>
      </c>
      <c r="CY21" s="898" t="str">
        <f t="shared" si="36"/>
        <v/>
      </c>
      <c r="CZ21" s="898" t="str">
        <f t="shared" si="37"/>
        <v/>
      </c>
      <c r="DA21" s="898"/>
      <c r="DB21" s="898"/>
      <c r="DC21" s="898"/>
      <c r="DD21" s="898"/>
      <c r="DE21" s="898"/>
      <c r="DF21" s="898"/>
      <c r="DG21" s="898"/>
      <c r="DH21" s="898"/>
      <c r="DI21" s="898"/>
      <c r="DJ21" s="898"/>
      <c r="DK21" s="898"/>
      <c r="DL21" s="898"/>
      <c r="DM21" s="661">
        <f t="shared" si="38"/>
        <v>59310</v>
      </c>
      <c r="DN21" s="898">
        <f t="shared" si="39"/>
        <v>0</v>
      </c>
      <c r="DO21" s="516">
        <f t="shared" si="40"/>
        <v>0</v>
      </c>
      <c r="DP21" s="898">
        <f t="shared" si="41"/>
        <v>0</v>
      </c>
      <c r="DQ21" s="483" t="s">
        <v>3380</v>
      </c>
      <c r="DR21" s="610" t="s">
        <v>3381</v>
      </c>
      <c r="DS21" s="483" t="s">
        <v>3098</v>
      </c>
      <c r="DT21" s="632"/>
    </row>
    <row r="22" spans="1:124" s="137" customFormat="1" ht="99.75" x14ac:dyDescent="0.2">
      <c r="A22" s="484" t="str">
        <f t="shared" si="2"/>
        <v>Contribution towards off-site CCTV provision at 3 community centres within Hemel Hempstead (exact location TBC).</v>
      </c>
      <c r="B22" s="1163">
        <v>19</v>
      </c>
      <c r="C22" s="722" t="s">
        <v>3388</v>
      </c>
      <c r="D22" s="481" t="s">
        <v>2481</v>
      </c>
      <c r="E22" s="481" t="s">
        <v>53</v>
      </c>
      <c r="F22" s="481" t="s">
        <v>295</v>
      </c>
      <c r="G22" s="654" t="s">
        <v>301</v>
      </c>
      <c r="H22" s="78" t="s">
        <v>3389</v>
      </c>
      <c r="I22" s="657"/>
      <c r="J22" s="78" t="s">
        <v>3390</v>
      </c>
      <c r="K22" s="713" t="s">
        <v>3104</v>
      </c>
      <c r="L22" s="657" t="s">
        <v>3343</v>
      </c>
      <c r="M22" s="654" t="s">
        <v>2996</v>
      </c>
      <c r="N22" s="654" t="s">
        <v>81</v>
      </c>
      <c r="O22" s="657" t="s">
        <v>3331</v>
      </c>
      <c r="P22" s="654" t="s">
        <v>53</v>
      </c>
      <c r="Q22" s="654" t="s">
        <v>225</v>
      </c>
      <c r="R22" s="654"/>
      <c r="S22" s="654"/>
      <c r="T22" s="747">
        <v>177930</v>
      </c>
      <c r="U22" s="744"/>
      <c r="V22" s="654" t="s">
        <v>64</v>
      </c>
      <c r="W22" s="723">
        <f t="shared" si="43"/>
        <v>0</v>
      </c>
      <c r="X22" s="745">
        <f t="shared" si="44"/>
        <v>177930</v>
      </c>
      <c r="Y22" s="723" t="s">
        <v>3106</v>
      </c>
      <c r="Z22" s="723"/>
      <c r="AA22" s="652" t="s">
        <v>82</v>
      </c>
      <c r="AB22" s="676"/>
      <c r="AC22" s="676" t="s">
        <v>66</v>
      </c>
      <c r="AD22" s="676" t="s">
        <v>66</v>
      </c>
      <c r="AE22" s="676" t="s">
        <v>66</v>
      </c>
      <c r="AF22" s="676" t="s">
        <v>66</v>
      </c>
      <c r="AG22" s="676" t="s">
        <v>66</v>
      </c>
      <c r="AH22" s="676" t="s">
        <v>66</v>
      </c>
      <c r="AI22" s="676" t="s">
        <v>66</v>
      </c>
      <c r="AJ22" s="676" t="s">
        <v>66</v>
      </c>
      <c r="AK22" s="676"/>
      <c r="AL22" s="676"/>
      <c r="AM22" s="676" t="s">
        <v>66</v>
      </c>
      <c r="AN22" s="676" t="s">
        <v>66</v>
      </c>
      <c r="AO22" s="676" t="s">
        <v>66</v>
      </c>
      <c r="AP22" s="676" t="s">
        <v>66</v>
      </c>
      <c r="AQ22" s="676" t="s">
        <v>66</v>
      </c>
      <c r="AR22" s="676" t="s">
        <v>66</v>
      </c>
      <c r="AS22" s="676"/>
      <c r="AT22" s="676"/>
      <c r="AU22" s="676"/>
      <c r="AV22" s="676"/>
      <c r="AW22" s="676"/>
      <c r="AX22" s="676"/>
      <c r="AY22" s="676"/>
      <c r="AZ22" s="676"/>
      <c r="BA22" s="676"/>
      <c r="BB22" s="676"/>
      <c r="BC22" s="676"/>
      <c r="BD22" s="676"/>
      <c r="BE22" s="676"/>
      <c r="BF22" s="676"/>
      <c r="BG22" s="676"/>
      <c r="BH22" s="676"/>
      <c r="BI22" s="676"/>
      <c r="BJ22" s="676"/>
      <c r="BK22" s="676"/>
      <c r="BL22" s="676"/>
      <c r="BM22" s="676"/>
      <c r="BN22" s="676"/>
      <c r="BO22" s="676"/>
      <c r="BP22" s="676"/>
      <c r="BQ22" s="676"/>
      <c r="BR22" s="676"/>
      <c r="BS22" s="884">
        <f t="shared" si="5"/>
        <v>6304</v>
      </c>
      <c r="BT22" s="661">
        <f t="shared" si="6"/>
        <v>28.224936548223351</v>
      </c>
      <c r="BU22" s="661"/>
      <c r="BV22" s="898" t="str">
        <f t="shared" si="7"/>
        <v/>
      </c>
      <c r="BW22" s="898">
        <f t="shared" si="8"/>
        <v>5644.9873096446699</v>
      </c>
      <c r="BX22" s="898">
        <f t="shared" si="9"/>
        <v>12701.221446700507</v>
      </c>
      <c r="BY22" s="898">
        <f t="shared" si="10"/>
        <v>9878.7277918781729</v>
      </c>
      <c r="BZ22" s="898">
        <f t="shared" si="11"/>
        <v>14112.468274111676</v>
      </c>
      <c r="CA22" s="898">
        <f t="shared" si="12"/>
        <v>13547.969543147208</v>
      </c>
      <c r="CB22" s="898">
        <f t="shared" si="13"/>
        <v>2822.493654822335</v>
      </c>
      <c r="CC22" s="898">
        <f t="shared" si="14"/>
        <v>11007.725253807106</v>
      </c>
      <c r="CD22" s="898">
        <f t="shared" si="15"/>
        <v>14112.468274111676</v>
      </c>
      <c r="CE22" s="898" t="str">
        <f t="shared" si="16"/>
        <v/>
      </c>
      <c r="CF22" s="898" t="str">
        <f t="shared" si="17"/>
        <v/>
      </c>
      <c r="CG22" s="898">
        <f t="shared" si="18"/>
        <v>5644.9873096446699</v>
      </c>
      <c r="CH22" s="898">
        <f t="shared" si="19"/>
        <v>6604.6351522842642</v>
      </c>
      <c r="CI22" s="898">
        <f t="shared" si="20"/>
        <v>9878.7277918781729</v>
      </c>
      <c r="CJ22" s="898">
        <f t="shared" si="21"/>
        <v>2540.2442893401017</v>
      </c>
      <c r="CK22" s="898">
        <f t="shared" si="22"/>
        <v>2257.9949238578679</v>
      </c>
      <c r="CL22" s="898">
        <f t="shared" si="23"/>
        <v>67175.348984771568</v>
      </c>
      <c r="CM22" s="898" t="str">
        <f t="shared" si="24"/>
        <v/>
      </c>
      <c r="CN22" s="898" t="str">
        <f t="shared" si="25"/>
        <v/>
      </c>
      <c r="CO22" s="898" t="str">
        <f t="shared" si="26"/>
        <v/>
      </c>
      <c r="CP22" s="898" t="str">
        <f t="shared" si="27"/>
        <v/>
      </c>
      <c r="CQ22" s="898" t="str">
        <f t="shared" si="28"/>
        <v/>
      </c>
      <c r="CR22" s="898" t="str">
        <f t="shared" si="29"/>
        <v/>
      </c>
      <c r="CS22" s="898" t="str">
        <f t="shared" si="30"/>
        <v/>
      </c>
      <c r="CT22" s="898" t="str">
        <f t="shared" si="31"/>
        <v/>
      </c>
      <c r="CU22" s="898" t="str">
        <f t="shared" si="32"/>
        <v/>
      </c>
      <c r="CV22" s="898" t="str">
        <f t="shared" si="33"/>
        <v/>
      </c>
      <c r="CW22" s="898" t="str">
        <f t="shared" si="34"/>
        <v/>
      </c>
      <c r="CX22" s="898" t="str">
        <f t="shared" si="35"/>
        <v/>
      </c>
      <c r="CY22" s="898" t="str">
        <f t="shared" si="36"/>
        <v/>
      </c>
      <c r="CZ22" s="898" t="str">
        <f t="shared" si="37"/>
        <v/>
      </c>
      <c r="DA22" s="744"/>
      <c r="DB22" s="744"/>
      <c r="DC22" s="744"/>
      <c r="DD22" s="744"/>
      <c r="DE22" s="744"/>
      <c r="DF22" s="744"/>
      <c r="DG22" s="744"/>
      <c r="DH22" s="744"/>
      <c r="DI22" s="744"/>
      <c r="DJ22" s="744"/>
      <c r="DK22" s="744"/>
      <c r="DL22" s="744"/>
      <c r="DM22" s="661">
        <f t="shared" si="38"/>
        <v>177930</v>
      </c>
      <c r="DN22" s="898">
        <f t="shared" si="39"/>
        <v>0</v>
      </c>
      <c r="DO22" s="516">
        <f t="shared" si="40"/>
        <v>0</v>
      </c>
      <c r="DP22" s="898">
        <f t="shared" si="41"/>
        <v>0</v>
      </c>
      <c r="DQ22" s="483" t="s">
        <v>3380</v>
      </c>
      <c r="DR22" s="610" t="s">
        <v>3381</v>
      </c>
      <c r="DS22" s="483" t="s">
        <v>3098</v>
      </c>
      <c r="DT22" s="632"/>
    </row>
    <row r="23" spans="1:124" s="137" customFormat="1" ht="99.75" x14ac:dyDescent="0.2">
      <c r="A23" s="484" t="str">
        <f t="shared" si="2"/>
        <v>New Childcare Settings serving North Hemel Hempstead (H1)</v>
      </c>
      <c r="B23" s="1163">
        <v>20</v>
      </c>
      <c r="C23" s="481" t="s">
        <v>3391</v>
      </c>
      <c r="D23" s="511" t="s">
        <v>3207</v>
      </c>
      <c r="E23" s="511" t="s">
        <v>1385</v>
      </c>
      <c r="F23" s="481" t="s">
        <v>54</v>
      </c>
      <c r="G23" s="654" t="s">
        <v>124</v>
      </c>
      <c r="H23" s="484" t="s">
        <v>3392</v>
      </c>
      <c r="I23" s="654"/>
      <c r="J23" s="495" t="s">
        <v>3393</v>
      </c>
      <c r="K23" s="657" t="s">
        <v>3104</v>
      </c>
      <c r="L23" s="515" t="s">
        <v>1375</v>
      </c>
      <c r="M23" s="654" t="s">
        <v>3027</v>
      </c>
      <c r="N23" s="654" t="s">
        <v>60</v>
      </c>
      <c r="O23" s="654" t="s">
        <v>3051</v>
      </c>
      <c r="P23" s="654" t="s">
        <v>61</v>
      </c>
      <c r="Q23" s="657" t="s">
        <v>3359</v>
      </c>
      <c r="R23" s="657"/>
      <c r="S23" s="657"/>
      <c r="T23" s="723">
        <v>1053000</v>
      </c>
      <c r="U23" s="516"/>
      <c r="V23" s="657" t="s">
        <v>64</v>
      </c>
      <c r="W23" s="723">
        <f t="shared" si="43"/>
        <v>0</v>
      </c>
      <c r="X23" s="745">
        <f t="shared" si="44"/>
        <v>1053000</v>
      </c>
      <c r="Y23" s="723" t="s">
        <v>3106</v>
      </c>
      <c r="Z23" s="723"/>
      <c r="AA23" s="712" t="s">
        <v>65</v>
      </c>
      <c r="AB23" s="516"/>
      <c r="AC23" s="516"/>
      <c r="AD23" s="516"/>
      <c r="AE23" s="516"/>
      <c r="AF23" s="516"/>
      <c r="AG23" s="516"/>
      <c r="AH23" s="516"/>
      <c r="AI23" s="516"/>
      <c r="AJ23" s="516"/>
      <c r="AK23" s="516"/>
      <c r="AL23" s="516"/>
      <c r="AM23" s="516"/>
      <c r="AN23" s="516"/>
      <c r="AO23" s="516"/>
      <c r="AP23" s="516"/>
      <c r="AQ23" s="516"/>
      <c r="AR23" s="516"/>
      <c r="AS23" s="516"/>
      <c r="AT23" s="516"/>
      <c r="AU23" s="516"/>
      <c r="AV23" s="516"/>
      <c r="AW23" s="516"/>
      <c r="AX23" s="516"/>
      <c r="AY23" s="516"/>
      <c r="AZ23" s="516"/>
      <c r="BA23" s="516"/>
      <c r="BB23" s="516"/>
      <c r="BC23" s="516"/>
      <c r="BD23" s="516"/>
      <c r="BE23" s="516"/>
      <c r="BF23" s="516"/>
      <c r="BG23" s="516"/>
      <c r="BH23" s="516"/>
      <c r="BI23" s="516"/>
      <c r="BJ23" s="516"/>
      <c r="BK23" s="516"/>
      <c r="BL23" s="516"/>
      <c r="BM23" s="516"/>
      <c r="BN23" s="516"/>
      <c r="BO23" s="516" t="s">
        <v>66</v>
      </c>
      <c r="BP23" s="516"/>
      <c r="BQ23" s="516"/>
      <c r="BR23" s="516"/>
      <c r="BS23" s="884">
        <f t="shared" si="5"/>
        <v>1500</v>
      </c>
      <c r="BT23" s="661">
        <f t="shared" si="6"/>
        <v>702</v>
      </c>
      <c r="BU23" s="661"/>
      <c r="BV23" s="898" t="str">
        <f t="shared" si="7"/>
        <v/>
      </c>
      <c r="BW23" s="898" t="str">
        <f t="shared" si="8"/>
        <v/>
      </c>
      <c r="BX23" s="898" t="str">
        <f t="shared" si="9"/>
        <v/>
      </c>
      <c r="BY23" s="898" t="str">
        <f t="shared" si="10"/>
        <v/>
      </c>
      <c r="BZ23" s="898" t="str">
        <f t="shared" si="11"/>
        <v/>
      </c>
      <c r="CA23" s="898" t="str">
        <f t="shared" si="12"/>
        <v/>
      </c>
      <c r="CB23" s="898" t="str">
        <f t="shared" si="13"/>
        <v/>
      </c>
      <c r="CC23" s="898" t="str">
        <f t="shared" si="14"/>
        <v/>
      </c>
      <c r="CD23" s="898" t="str">
        <f t="shared" si="15"/>
        <v/>
      </c>
      <c r="CE23" s="898" t="str">
        <f t="shared" si="16"/>
        <v/>
      </c>
      <c r="CF23" s="898" t="str">
        <f t="shared" si="17"/>
        <v/>
      </c>
      <c r="CG23" s="898" t="str">
        <f t="shared" si="18"/>
        <v/>
      </c>
      <c r="CH23" s="898" t="str">
        <f t="shared" si="19"/>
        <v/>
      </c>
      <c r="CI23" s="898" t="str">
        <f t="shared" si="20"/>
        <v/>
      </c>
      <c r="CJ23" s="898" t="str">
        <f t="shared" si="21"/>
        <v/>
      </c>
      <c r="CK23" s="898" t="str">
        <f t="shared" si="22"/>
        <v/>
      </c>
      <c r="CL23" s="898" t="str">
        <f t="shared" si="23"/>
        <v/>
      </c>
      <c r="CM23" s="898" t="str">
        <f t="shared" si="24"/>
        <v/>
      </c>
      <c r="CN23" s="898" t="str">
        <f t="shared" si="25"/>
        <v/>
      </c>
      <c r="CO23" s="898" t="str">
        <f t="shared" si="26"/>
        <v/>
      </c>
      <c r="CP23" s="898" t="str">
        <f t="shared" si="27"/>
        <v/>
      </c>
      <c r="CQ23" s="898" t="str">
        <f t="shared" si="28"/>
        <v/>
      </c>
      <c r="CR23" s="898" t="str">
        <f t="shared" si="29"/>
        <v/>
      </c>
      <c r="CS23" s="898" t="str">
        <f t="shared" si="30"/>
        <v/>
      </c>
      <c r="CT23" s="898" t="str">
        <f t="shared" si="31"/>
        <v/>
      </c>
      <c r="CU23" s="898" t="str">
        <f t="shared" si="32"/>
        <v/>
      </c>
      <c r="CV23" s="898" t="str">
        <f t="shared" si="33"/>
        <v/>
      </c>
      <c r="CW23" s="898" t="str">
        <f t="shared" si="34"/>
        <v/>
      </c>
      <c r="CX23" s="898" t="str">
        <f t="shared" si="35"/>
        <v/>
      </c>
      <c r="CY23" s="898" t="str">
        <f t="shared" si="36"/>
        <v/>
      </c>
      <c r="CZ23" s="898" t="str">
        <f t="shared" si="37"/>
        <v/>
      </c>
      <c r="DA23" s="898" t="str">
        <f t="shared" ref="DA23:DL23" si="45">IF(BG23="yes",(BG$3*$BT23),"")</f>
        <v/>
      </c>
      <c r="DB23" s="898" t="str">
        <f t="shared" si="45"/>
        <v/>
      </c>
      <c r="DC23" s="898" t="str">
        <f t="shared" si="45"/>
        <v/>
      </c>
      <c r="DD23" s="898" t="str">
        <f t="shared" si="45"/>
        <v/>
      </c>
      <c r="DE23" s="898" t="str">
        <f t="shared" si="45"/>
        <v/>
      </c>
      <c r="DF23" s="898" t="str">
        <f t="shared" si="45"/>
        <v/>
      </c>
      <c r="DG23" s="898" t="str">
        <f t="shared" si="45"/>
        <v/>
      </c>
      <c r="DH23" s="898" t="str">
        <f t="shared" si="45"/>
        <v/>
      </c>
      <c r="DI23" s="898">
        <f t="shared" si="45"/>
        <v>1053000</v>
      </c>
      <c r="DJ23" s="898" t="str">
        <f t="shared" si="45"/>
        <v/>
      </c>
      <c r="DK23" s="898" t="str">
        <f t="shared" si="45"/>
        <v/>
      </c>
      <c r="DL23" s="898" t="str">
        <f t="shared" si="45"/>
        <v/>
      </c>
      <c r="DM23" s="661">
        <f t="shared" si="38"/>
        <v>0</v>
      </c>
      <c r="DN23" s="898">
        <f t="shared" si="39"/>
        <v>1053000</v>
      </c>
      <c r="DO23" s="516">
        <f t="shared" si="40"/>
        <v>0</v>
      </c>
      <c r="DP23" s="898">
        <f t="shared" si="41"/>
        <v>0</v>
      </c>
      <c r="DQ23" s="483" t="s">
        <v>3394</v>
      </c>
      <c r="DR23" s="483" t="s">
        <v>3395</v>
      </c>
      <c r="DS23" s="1215" t="s">
        <v>3396</v>
      </c>
      <c r="DT23" s="632"/>
    </row>
    <row r="24" spans="1:124" s="137" customFormat="1" ht="99.75" x14ac:dyDescent="0.2">
      <c r="A24" s="484" t="str">
        <f t="shared" si="2"/>
        <v>New Childcare Settings serving East Hemel Hempstead North (H2)</v>
      </c>
      <c r="B24" s="1163">
        <v>21</v>
      </c>
      <c r="C24" s="481" t="s">
        <v>3397</v>
      </c>
      <c r="D24" s="511" t="s">
        <v>3207</v>
      </c>
      <c r="E24" s="511" t="s">
        <v>1385</v>
      </c>
      <c r="F24" s="481" t="s">
        <v>54</v>
      </c>
      <c r="G24" s="654" t="s">
        <v>124</v>
      </c>
      <c r="H24" s="484" t="s">
        <v>3398</v>
      </c>
      <c r="I24" s="654"/>
      <c r="J24" s="495" t="s">
        <v>3393</v>
      </c>
      <c r="K24" s="657" t="s">
        <v>3104</v>
      </c>
      <c r="L24" s="515" t="s">
        <v>1376</v>
      </c>
      <c r="M24" s="654" t="s">
        <v>3027</v>
      </c>
      <c r="N24" s="654" t="s">
        <v>60</v>
      </c>
      <c r="O24" s="654" t="s">
        <v>3051</v>
      </c>
      <c r="P24" s="654" t="s">
        <v>61</v>
      </c>
      <c r="Q24" s="657" t="s">
        <v>169</v>
      </c>
      <c r="R24" s="657"/>
      <c r="S24" s="657"/>
      <c r="T24" s="723">
        <v>1053000</v>
      </c>
      <c r="U24" s="516"/>
      <c r="V24" s="657" t="s">
        <v>64</v>
      </c>
      <c r="W24" s="723">
        <f t="shared" si="43"/>
        <v>0</v>
      </c>
      <c r="X24" s="745">
        <f t="shared" si="44"/>
        <v>1053000</v>
      </c>
      <c r="Y24" s="723" t="s">
        <v>3106</v>
      </c>
      <c r="Z24" s="723"/>
      <c r="AA24" s="712" t="s">
        <v>65</v>
      </c>
      <c r="AB24" s="516"/>
      <c r="AC24" s="516"/>
      <c r="AD24" s="516"/>
      <c r="AE24" s="516"/>
      <c r="AF24" s="516"/>
      <c r="AG24" s="516"/>
      <c r="AH24" s="516"/>
      <c r="AI24" s="516"/>
      <c r="AJ24" s="516"/>
      <c r="AK24" s="516"/>
      <c r="AL24" s="516"/>
      <c r="AM24" s="516"/>
      <c r="AN24" s="516"/>
      <c r="AO24" s="516"/>
      <c r="AP24" s="516"/>
      <c r="AQ24" s="516"/>
      <c r="AR24" s="516"/>
      <c r="AS24" s="516"/>
      <c r="AT24" s="516"/>
      <c r="AU24" s="516"/>
      <c r="AV24" s="516"/>
      <c r="AW24" s="516"/>
      <c r="AX24" s="516"/>
      <c r="AY24" s="516"/>
      <c r="AZ24" s="516"/>
      <c r="BA24" s="516"/>
      <c r="BB24" s="516"/>
      <c r="BC24" s="516"/>
      <c r="BD24" s="516"/>
      <c r="BE24" s="516"/>
      <c r="BF24" s="516"/>
      <c r="BG24" s="516"/>
      <c r="BH24" s="516"/>
      <c r="BI24" s="516"/>
      <c r="BJ24" s="516"/>
      <c r="BK24" s="516"/>
      <c r="BL24" s="516"/>
      <c r="BM24" s="516"/>
      <c r="BN24" s="516"/>
      <c r="BO24" s="516"/>
      <c r="BP24" s="516" t="s">
        <v>66</v>
      </c>
      <c r="BQ24" s="516"/>
      <c r="BR24" s="516"/>
      <c r="BS24" s="884">
        <f t="shared" si="5"/>
        <v>1600</v>
      </c>
      <c r="BT24" s="661">
        <f t="shared" si="6"/>
        <v>658.125</v>
      </c>
      <c r="BU24" s="661"/>
      <c r="BV24" s="898" t="str">
        <f t="shared" si="7"/>
        <v/>
      </c>
      <c r="BW24" s="898" t="str">
        <f t="shared" si="8"/>
        <v/>
      </c>
      <c r="BX24" s="898" t="str">
        <f t="shared" si="9"/>
        <v/>
      </c>
      <c r="BY24" s="898" t="str">
        <f t="shared" si="10"/>
        <v/>
      </c>
      <c r="BZ24" s="898" t="str">
        <f t="shared" si="11"/>
        <v/>
      </c>
      <c r="CA24" s="898" t="str">
        <f t="shared" si="12"/>
        <v/>
      </c>
      <c r="CB24" s="898" t="str">
        <f t="shared" si="13"/>
        <v/>
      </c>
      <c r="CC24" s="898" t="str">
        <f t="shared" si="14"/>
        <v/>
      </c>
      <c r="CD24" s="898" t="str">
        <f t="shared" si="15"/>
        <v/>
      </c>
      <c r="CE24" s="898" t="str">
        <f t="shared" si="16"/>
        <v/>
      </c>
      <c r="CF24" s="898" t="str">
        <f t="shared" si="17"/>
        <v/>
      </c>
      <c r="CG24" s="898" t="str">
        <f t="shared" si="18"/>
        <v/>
      </c>
      <c r="CH24" s="898" t="str">
        <f t="shared" si="19"/>
        <v/>
      </c>
      <c r="CI24" s="898" t="str">
        <f t="shared" si="20"/>
        <v/>
      </c>
      <c r="CJ24" s="898" t="str">
        <f t="shared" si="21"/>
        <v/>
      </c>
      <c r="CK24" s="898" t="str">
        <f t="shared" si="22"/>
        <v/>
      </c>
      <c r="CL24" s="898" t="str">
        <f t="shared" si="23"/>
        <v/>
      </c>
      <c r="CM24" s="898" t="str">
        <f t="shared" si="24"/>
        <v/>
      </c>
      <c r="CN24" s="898" t="str">
        <f t="shared" si="25"/>
        <v/>
      </c>
      <c r="CO24" s="898" t="str">
        <f t="shared" si="26"/>
        <v/>
      </c>
      <c r="CP24" s="898" t="str">
        <f t="shared" si="27"/>
        <v/>
      </c>
      <c r="CQ24" s="898" t="str">
        <f t="shared" si="28"/>
        <v/>
      </c>
      <c r="CR24" s="898" t="str">
        <f t="shared" si="29"/>
        <v/>
      </c>
      <c r="CS24" s="898" t="str">
        <f t="shared" si="30"/>
        <v/>
      </c>
      <c r="CT24" s="898" t="str">
        <f t="shared" si="31"/>
        <v/>
      </c>
      <c r="CU24" s="898" t="str">
        <f t="shared" si="32"/>
        <v/>
      </c>
      <c r="CV24" s="898" t="str">
        <f t="shared" si="33"/>
        <v/>
      </c>
      <c r="CW24" s="898" t="str">
        <f t="shared" si="34"/>
        <v/>
      </c>
      <c r="CX24" s="898" t="str">
        <f t="shared" si="35"/>
        <v/>
      </c>
      <c r="CY24" s="898" t="str">
        <f t="shared" si="36"/>
        <v/>
      </c>
      <c r="CZ24" s="898" t="str">
        <f t="shared" si="37"/>
        <v/>
      </c>
      <c r="DA24" s="516"/>
      <c r="DB24" s="516"/>
      <c r="DC24" s="516"/>
      <c r="DD24" s="516"/>
      <c r="DE24" s="516"/>
      <c r="DF24" s="516"/>
      <c r="DG24" s="516"/>
      <c r="DH24" s="516"/>
      <c r="DI24" s="516"/>
      <c r="DJ24" s="516">
        <f>X24</f>
        <v>1053000</v>
      </c>
      <c r="DK24" s="516"/>
      <c r="DL24" s="516"/>
      <c r="DM24" s="661">
        <f t="shared" si="38"/>
        <v>0</v>
      </c>
      <c r="DN24" s="898">
        <f t="shared" si="39"/>
        <v>1053000</v>
      </c>
      <c r="DO24" s="516">
        <f t="shared" si="40"/>
        <v>0</v>
      </c>
      <c r="DP24" s="898">
        <f t="shared" si="41"/>
        <v>0</v>
      </c>
      <c r="DQ24" s="483" t="s">
        <v>3394</v>
      </c>
      <c r="DR24" s="483" t="s">
        <v>3395</v>
      </c>
      <c r="DS24" s="1215" t="s">
        <v>3396</v>
      </c>
      <c r="DT24" s="632"/>
    </row>
    <row r="25" spans="1:124" s="137" customFormat="1" ht="99.75" x14ac:dyDescent="0.2">
      <c r="A25" s="484" t="str">
        <f t="shared" si="2"/>
        <v>New Childcare Settings serving East Hemel Hempstead South (H4)</v>
      </c>
      <c r="B25" s="1163">
        <v>22</v>
      </c>
      <c r="C25" s="481" t="s">
        <v>3399</v>
      </c>
      <c r="D25" s="511" t="s">
        <v>3207</v>
      </c>
      <c r="E25" s="511" t="s">
        <v>1385</v>
      </c>
      <c r="F25" s="481" t="s">
        <v>54</v>
      </c>
      <c r="G25" s="654" t="s">
        <v>124</v>
      </c>
      <c r="H25" s="484" t="s">
        <v>3400</v>
      </c>
      <c r="I25" s="654"/>
      <c r="J25" s="78" t="s">
        <v>3401</v>
      </c>
      <c r="K25" s="657" t="s">
        <v>3104</v>
      </c>
      <c r="L25" s="515" t="s">
        <v>1377</v>
      </c>
      <c r="M25" s="654" t="s">
        <v>3027</v>
      </c>
      <c r="N25" s="654" t="s">
        <v>60</v>
      </c>
      <c r="O25" s="654" t="s">
        <v>3051</v>
      </c>
      <c r="P25" s="654" t="s">
        <v>61</v>
      </c>
      <c r="Q25" s="657" t="s">
        <v>169</v>
      </c>
      <c r="R25" s="657"/>
      <c r="S25" s="657"/>
      <c r="T25" s="723">
        <v>1053000</v>
      </c>
      <c r="U25" s="516"/>
      <c r="V25" s="657" t="s">
        <v>64</v>
      </c>
      <c r="W25" s="723">
        <f t="shared" si="43"/>
        <v>0</v>
      </c>
      <c r="X25" s="745">
        <f t="shared" si="44"/>
        <v>1053000</v>
      </c>
      <c r="Y25" s="723" t="s">
        <v>3106</v>
      </c>
      <c r="Z25" s="723"/>
      <c r="AA25" s="712" t="s">
        <v>65</v>
      </c>
      <c r="AB25" s="516"/>
      <c r="AC25" s="516"/>
      <c r="AD25" s="516"/>
      <c r="AE25" s="516"/>
      <c r="AF25" s="516"/>
      <c r="AG25" s="516"/>
      <c r="AH25" s="516"/>
      <c r="AI25" s="516"/>
      <c r="AJ25" s="516"/>
      <c r="AK25" s="516"/>
      <c r="AL25" s="516"/>
      <c r="AM25" s="516"/>
      <c r="AN25" s="516"/>
      <c r="AO25" s="516"/>
      <c r="AP25" s="516"/>
      <c r="AQ25" s="516"/>
      <c r="AR25" s="516"/>
      <c r="AS25" s="516"/>
      <c r="AT25" s="516"/>
      <c r="AU25" s="516"/>
      <c r="AV25" s="516"/>
      <c r="AW25" s="516"/>
      <c r="AX25" s="516"/>
      <c r="AY25" s="516"/>
      <c r="AZ25" s="516"/>
      <c r="BA25" s="516"/>
      <c r="BB25" s="516"/>
      <c r="BC25" s="516"/>
      <c r="BD25" s="516"/>
      <c r="BE25" s="516"/>
      <c r="BF25" s="516"/>
      <c r="BG25" s="516"/>
      <c r="BH25" s="516"/>
      <c r="BI25" s="516"/>
      <c r="BJ25" s="516"/>
      <c r="BK25" s="516"/>
      <c r="BL25" s="516"/>
      <c r="BM25" s="516"/>
      <c r="BN25" s="516"/>
      <c r="BO25" s="516"/>
      <c r="BP25" s="516"/>
      <c r="BQ25" s="516" t="s">
        <v>66</v>
      </c>
      <c r="BR25" s="516"/>
      <c r="BS25" s="884">
        <f t="shared" si="5"/>
        <v>2400</v>
      </c>
      <c r="BT25" s="661">
        <f t="shared" si="6"/>
        <v>438.75</v>
      </c>
      <c r="BU25" s="661"/>
      <c r="BV25" s="898" t="str">
        <f t="shared" si="7"/>
        <v/>
      </c>
      <c r="BW25" s="898" t="str">
        <f t="shared" si="8"/>
        <v/>
      </c>
      <c r="BX25" s="898" t="str">
        <f t="shared" si="9"/>
        <v/>
      </c>
      <c r="BY25" s="898" t="str">
        <f t="shared" si="10"/>
        <v/>
      </c>
      <c r="BZ25" s="898" t="str">
        <f t="shared" si="11"/>
        <v/>
      </c>
      <c r="CA25" s="898" t="str">
        <f t="shared" si="12"/>
        <v/>
      </c>
      <c r="CB25" s="898" t="str">
        <f t="shared" si="13"/>
        <v/>
      </c>
      <c r="CC25" s="898" t="str">
        <f t="shared" si="14"/>
        <v/>
      </c>
      <c r="CD25" s="898" t="str">
        <f t="shared" si="15"/>
        <v/>
      </c>
      <c r="CE25" s="898" t="str">
        <f t="shared" si="16"/>
        <v/>
      </c>
      <c r="CF25" s="898" t="str">
        <f t="shared" si="17"/>
        <v/>
      </c>
      <c r="CG25" s="898" t="str">
        <f t="shared" si="18"/>
        <v/>
      </c>
      <c r="CH25" s="898" t="str">
        <f t="shared" si="19"/>
        <v/>
      </c>
      <c r="CI25" s="898" t="str">
        <f t="shared" si="20"/>
        <v/>
      </c>
      <c r="CJ25" s="898" t="str">
        <f t="shared" si="21"/>
        <v/>
      </c>
      <c r="CK25" s="898" t="str">
        <f t="shared" si="22"/>
        <v/>
      </c>
      <c r="CL25" s="898" t="str">
        <f t="shared" si="23"/>
        <v/>
      </c>
      <c r="CM25" s="898" t="str">
        <f t="shared" si="24"/>
        <v/>
      </c>
      <c r="CN25" s="898" t="str">
        <f t="shared" si="25"/>
        <v/>
      </c>
      <c r="CO25" s="898" t="str">
        <f t="shared" si="26"/>
        <v/>
      </c>
      <c r="CP25" s="898" t="str">
        <f t="shared" si="27"/>
        <v/>
      </c>
      <c r="CQ25" s="898" t="str">
        <f t="shared" si="28"/>
        <v/>
      </c>
      <c r="CR25" s="898" t="str">
        <f t="shared" si="29"/>
        <v/>
      </c>
      <c r="CS25" s="898" t="str">
        <f t="shared" si="30"/>
        <v/>
      </c>
      <c r="CT25" s="898" t="str">
        <f t="shared" si="31"/>
        <v/>
      </c>
      <c r="CU25" s="898" t="str">
        <f t="shared" si="32"/>
        <v/>
      </c>
      <c r="CV25" s="898" t="str">
        <f t="shared" si="33"/>
        <v/>
      </c>
      <c r="CW25" s="898" t="str">
        <f t="shared" si="34"/>
        <v/>
      </c>
      <c r="CX25" s="898" t="str">
        <f t="shared" si="35"/>
        <v/>
      </c>
      <c r="CY25" s="898" t="str">
        <f t="shared" si="36"/>
        <v/>
      </c>
      <c r="CZ25" s="898" t="str">
        <f t="shared" si="37"/>
        <v/>
      </c>
      <c r="DA25" s="516"/>
      <c r="DB25" s="516"/>
      <c r="DC25" s="516"/>
      <c r="DD25" s="516"/>
      <c r="DE25" s="516"/>
      <c r="DF25" s="516"/>
      <c r="DG25" s="516"/>
      <c r="DH25" s="516"/>
      <c r="DI25" s="516"/>
      <c r="DJ25" s="516"/>
      <c r="DK25" s="898">
        <f>X25</f>
        <v>1053000</v>
      </c>
      <c r="DL25" s="516"/>
      <c r="DM25" s="661">
        <f t="shared" si="38"/>
        <v>0</v>
      </c>
      <c r="DN25" s="898">
        <f t="shared" si="39"/>
        <v>1053000</v>
      </c>
      <c r="DO25" s="516">
        <f t="shared" si="40"/>
        <v>0</v>
      </c>
      <c r="DP25" s="898">
        <f t="shared" si="41"/>
        <v>0</v>
      </c>
      <c r="DQ25" s="483" t="s">
        <v>3394</v>
      </c>
      <c r="DR25" s="483" t="s">
        <v>3395</v>
      </c>
      <c r="DS25" s="1215" t="s">
        <v>3396</v>
      </c>
      <c r="DT25" s="632"/>
    </row>
    <row r="26" spans="1:124" s="137" customFormat="1" ht="99.75" x14ac:dyDescent="0.2">
      <c r="A26" s="484" t="str">
        <f t="shared" si="2"/>
        <v>New Childcare Settings serving North Hemel Hempstead (Hm01)</v>
      </c>
      <c r="B26" s="1163">
        <v>23</v>
      </c>
      <c r="C26" s="481" t="s">
        <v>3402</v>
      </c>
      <c r="D26" s="481" t="s">
        <v>2481</v>
      </c>
      <c r="E26" s="481" t="s">
        <v>53</v>
      </c>
      <c r="F26" s="481" t="s">
        <v>54</v>
      </c>
      <c r="G26" s="654" t="s">
        <v>124</v>
      </c>
      <c r="H26" s="484" t="s">
        <v>3403</v>
      </c>
      <c r="I26" s="654"/>
      <c r="J26" s="484" t="s">
        <v>3404</v>
      </c>
      <c r="K26" s="657" t="s">
        <v>3104</v>
      </c>
      <c r="L26" s="657" t="s">
        <v>1360</v>
      </c>
      <c r="M26" s="654" t="s">
        <v>3027</v>
      </c>
      <c r="N26" s="654" t="s">
        <v>60</v>
      </c>
      <c r="O26" s="654" t="s">
        <v>3051</v>
      </c>
      <c r="P26" s="654" t="s">
        <v>61</v>
      </c>
      <c r="Q26" s="657" t="s">
        <v>62</v>
      </c>
      <c r="R26" s="657"/>
      <c r="S26" s="657"/>
      <c r="T26" s="723">
        <v>2106000</v>
      </c>
      <c r="U26" s="723"/>
      <c r="V26" s="657" t="s">
        <v>64</v>
      </c>
      <c r="W26" s="723">
        <f t="shared" si="43"/>
        <v>0</v>
      </c>
      <c r="X26" s="745">
        <f t="shared" si="44"/>
        <v>2106000</v>
      </c>
      <c r="Y26" s="723" t="s">
        <v>3106</v>
      </c>
      <c r="Z26" s="723"/>
      <c r="AA26" s="712" t="s">
        <v>65</v>
      </c>
      <c r="AB26" s="746" t="s">
        <v>66</v>
      </c>
      <c r="AC26" s="883"/>
      <c r="AD26" s="883"/>
      <c r="AE26" s="883"/>
      <c r="AF26" s="883"/>
      <c r="AG26" s="883"/>
      <c r="AH26" s="883"/>
      <c r="AI26" s="883"/>
      <c r="AJ26" s="883"/>
      <c r="AK26" s="883"/>
      <c r="AL26" s="883"/>
      <c r="AM26" s="883"/>
      <c r="AN26" s="883"/>
      <c r="AO26" s="883"/>
      <c r="AP26" s="883"/>
      <c r="AQ26" s="883"/>
      <c r="AR26" s="883"/>
      <c r="AS26" s="883"/>
      <c r="AT26" s="883"/>
      <c r="AU26" s="883"/>
      <c r="AV26" s="883"/>
      <c r="AW26" s="883"/>
      <c r="AX26" s="883"/>
      <c r="AY26" s="883"/>
      <c r="AZ26" s="883"/>
      <c r="BA26" s="883"/>
      <c r="BB26" s="883"/>
      <c r="BC26" s="883"/>
      <c r="BD26" s="883"/>
      <c r="BE26" s="883"/>
      <c r="BF26" s="883"/>
      <c r="BG26" s="746"/>
      <c r="BH26" s="746"/>
      <c r="BI26" s="746"/>
      <c r="BJ26" s="746"/>
      <c r="BK26" s="746"/>
      <c r="BL26" s="746"/>
      <c r="BM26" s="746"/>
      <c r="BN26" s="746"/>
      <c r="BO26" s="746"/>
      <c r="BP26" s="746"/>
      <c r="BQ26" s="746"/>
      <c r="BR26" s="746"/>
      <c r="BS26" s="884">
        <f t="shared" si="5"/>
        <v>5000</v>
      </c>
      <c r="BT26" s="661">
        <f t="shared" si="6"/>
        <v>421.2</v>
      </c>
      <c r="BU26" s="661"/>
      <c r="BV26" s="898">
        <f t="shared" si="7"/>
        <v>2106000</v>
      </c>
      <c r="BW26" s="898" t="str">
        <f t="shared" si="8"/>
        <v/>
      </c>
      <c r="BX26" s="898" t="str">
        <f t="shared" si="9"/>
        <v/>
      </c>
      <c r="BY26" s="898" t="str">
        <f t="shared" si="10"/>
        <v/>
      </c>
      <c r="BZ26" s="898" t="str">
        <f t="shared" si="11"/>
        <v/>
      </c>
      <c r="CA26" s="898" t="str">
        <f t="shared" si="12"/>
        <v/>
      </c>
      <c r="CB26" s="898" t="str">
        <f t="shared" si="13"/>
        <v/>
      </c>
      <c r="CC26" s="898" t="str">
        <f t="shared" si="14"/>
        <v/>
      </c>
      <c r="CD26" s="898" t="str">
        <f t="shared" si="15"/>
        <v/>
      </c>
      <c r="CE26" s="898" t="str">
        <f t="shared" si="16"/>
        <v/>
      </c>
      <c r="CF26" s="898" t="str">
        <f t="shared" si="17"/>
        <v/>
      </c>
      <c r="CG26" s="898" t="str">
        <f t="shared" si="18"/>
        <v/>
      </c>
      <c r="CH26" s="898" t="str">
        <f t="shared" si="19"/>
        <v/>
      </c>
      <c r="CI26" s="898" t="str">
        <f t="shared" si="20"/>
        <v/>
      </c>
      <c r="CJ26" s="898" t="str">
        <f t="shared" si="21"/>
        <v/>
      </c>
      <c r="CK26" s="898" t="str">
        <f t="shared" si="22"/>
        <v/>
      </c>
      <c r="CL26" s="898" t="str">
        <f t="shared" si="23"/>
        <v/>
      </c>
      <c r="CM26" s="898" t="str">
        <f t="shared" si="24"/>
        <v/>
      </c>
      <c r="CN26" s="898" t="str">
        <f t="shared" si="25"/>
        <v/>
      </c>
      <c r="CO26" s="898" t="str">
        <f t="shared" si="26"/>
        <v/>
      </c>
      <c r="CP26" s="898" t="str">
        <f t="shared" si="27"/>
        <v/>
      </c>
      <c r="CQ26" s="898" t="str">
        <f t="shared" si="28"/>
        <v/>
      </c>
      <c r="CR26" s="898" t="str">
        <f t="shared" si="29"/>
        <v/>
      </c>
      <c r="CS26" s="898" t="str">
        <f t="shared" si="30"/>
        <v/>
      </c>
      <c r="CT26" s="898" t="str">
        <f t="shared" si="31"/>
        <v/>
      </c>
      <c r="CU26" s="898" t="str">
        <f t="shared" si="32"/>
        <v/>
      </c>
      <c r="CV26" s="898" t="str">
        <f t="shared" si="33"/>
        <v/>
      </c>
      <c r="CW26" s="898" t="str">
        <f t="shared" si="34"/>
        <v/>
      </c>
      <c r="CX26" s="898" t="str">
        <f t="shared" si="35"/>
        <v/>
      </c>
      <c r="CY26" s="898" t="str">
        <f t="shared" si="36"/>
        <v/>
      </c>
      <c r="CZ26" s="898" t="str">
        <f t="shared" si="37"/>
        <v/>
      </c>
      <c r="DA26" s="898"/>
      <c r="DB26" s="898"/>
      <c r="DC26" s="898"/>
      <c r="DD26" s="898"/>
      <c r="DE26" s="898"/>
      <c r="DF26" s="898"/>
      <c r="DG26" s="898"/>
      <c r="DH26" s="898"/>
      <c r="DI26" s="898"/>
      <c r="DJ26" s="898"/>
      <c r="DK26" s="898"/>
      <c r="DL26" s="898"/>
      <c r="DM26" s="661">
        <f t="shared" si="38"/>
        <v>2106000</v>
      </c>
      <c r="DN26" s="898">
        <f t="shared" si="39"/>
        <v>0</v>
      </c>
      <c r="DO26" s="516">
        <f t="shared" si="40"/>
        <v>0</v>
      </c>
      <c r="DP26" s="898">
        <f t="shared" si="41"/>
        <v>0</v>
      </c>
      <c r="DQ26" s="483" t="s">
        <v>3394</v>
      </c>
      <c r="DR26" s="483" t="s">
        <v>3395</v>
      </c>
      <c r="DS26" s="1215" t="s">
        <v>3396</v>
      </c>
      <c r="DT26" s="632"/>
    </row>
    <row r="27" spans="1:124" s="137" customFormat="1" ht="99.75" x14ac:dyDescent="0.2">
      <c r="A27" s="484" t="str">
        <f t="shared" si="2"/>
        <v>New Childcare Setting serving Riverside (Hm06)</v>
      </c>
      <c r="B27" s="1163">
        <v>24</v>
      </c>
      <c r="C27" s="481" t="s">
        <v>3405</v>
      </c>
      <c r="D27" s="481" t="s">
        <v>2481</v>
      </c>
      <c r="E27" s="481" t="s">
        <v>53</v>
      </c>
      <c r="F27" s="481" t="s">
        <v>54</v>
      </c>
      <c r="G27" s="654" t="s">
        <v>124</v>
      </c>
      <c r="H27" s="484" t="s">
        <v>3406</v>
      </c>
      <c r="I27" s="654"/>
      <c r="J27" s="484" t="s">
        <v>126</v>
      </c>
      <c r="K27" s="657" t="s">
        <v>3104</v>
      </c>
      <c r="L27" s="657" t="s">
        <v>1364</v>
      </c>
      <c r="M27" s="654" t="s">
        <v>2996</v>
      </c>
      <c r="N27" s="654" t="s">
        <v>60</v>
      </c>
      <c r="O27" s="654" t="s">
        <v>3051</v>
      </c>
      <c r="P27" s="654" t="s">
        <v>61</v>
      </c>
      <c r="Q27" s="657" t="s">
        <v>71</v>
      </c>
      <c r="R27" s="657"/>
      <c r="S27" s="657"/>
      <c r="T27" s="723">
        <v>1053000</v>
      </c>
      <c r="U27" s="723"/>
      <c r="V27" s="657" t="s">
        <v>64</v>
      </c>
      <c r="W27" s="723">
        <f t="shared" si="43"/>
        <v>0</v>
      </c>
      <c r="X27" s="745">
        <f t="shared" si="44"/>
        <v>1053000</v>
      </c>
      <c r="Y27" s="723" t="s">
        <v>3106</v>
      </c>
      <c r="Z27" s="723"/>
      <c r="AA27" s="712" t="s">
        <v>65</v>
      </c>
      <c r="AB27" s="883"/>
      <c r="AC27" s="883" t="s">
        <v>66</v>
      </c>
      <c r="AD27" s="883" t="s">
        <v>66</v>
      </c>
      <c r="AE27" s="883" t="s">
        <v>66</v>
      </c>
      <c r="AF27" s="883" t="s">
        <v>66</v>
      </c>
      <c r="AG27" s="883"/>
      <c r="AH27" s="883"/>
      <c r="AI27" s="883"/>
      <c r="AJ27" s="883"/>
      <c r="AK27" s="883"/>
      <c r="AL27" s="883"/>
      <c r="AM27" s="883"/>
      <c r="AN27" s="883"/>
      <c r="AO27" s="883"/>
      <c r="AP27" s="883"/>
      <c r="AQ27" s="883"/>
      <c r="AR27" s="883"/>
      <c r="AS27" s="883"/>
      <c r="AT27" s="883"/>
      <c r="AU27" s="883"/>
      <c r="AV27" s="883"/>
      <c r="AW27" s="883"/>
      <c r="AX27" s="883"/>
      <c r="AY27" s="883"/>
      <c r="AZ27" s="883"/>
      <c r="BA27" s="883"/>
      <c r="BB27" s="883"/>
      <c r="BC27" s="883"/>
      <c r="BD27" s="883"/>
      <c r="BE27" s="883"/>
      <c r="BF27" s="883"/>
      <c r="BG27" s="746"/>
      <c r="BH27" s="746"/>
      <c r="BI27" s="746"/>
      <c r="BJ27" s="746"/>
      <c r="BK27" s="746"/>
      <c r="BL27" s="746"/>
      <c r="BM27" s="746"/>
      <c r="BN27" s="746"/>
      <c r="BO27" s="746"/>
      <c r="BP27" s="746"/>
      <c r="BQ27" s="746"/>
      <c r="BR27" s="746"/>
      <c r="BS27" s="884">
        <f t="shared" si="5"/>
        <v>1500</v>
      </c>
      <c r="BT27" s="661">
        <f t="shared" si="6"/>
        <v>702</v>
      </c>
      <c r="BU27" s="661"/>
      <c r="BV27" s="898" t="str">
        <f t="shared" si="7"/>
        <v/>
      </c>
      <c r="BW27" s="898">
        <f t="shared" si="8"/>
        <v>140400</v>
      </c>
      <c r="BX27" s="898">
        <f t="shared" si="9"/>
        <v>315900</v>
      </c>
      <c r="BY27" s="898">
        <f t="shared" si="10"/>
        <v>245700</v>
      </c>
      <c r="BZ27" s="898">
        <f t="shared" si="11"/>
        <v>351000</v>
      </c>
      <c r="CA27" s="898" t="str">
        <f t="shared" si="12"/>
        <v/>
      </c>
      <c r="CB27" s="898" t="str">
        <f t="shared" si="13"/>
        <v/>
      </c>
      <c r="CC27" s="898" t="str">
        <f t="shared" si="14"/>
        <v/>
      </c>
      <c r="CD27" s="898" t="str">
        <f t="shared" si="15"/>
        <v/>
      </c>
      <c r="CE27" s="898" t="str">
        <f t="shared" si="16"/>
        <v/>
      </c>
      <c r="CF27" s="898" t="str">
        <f t="shared" si="17"/>
        <v/>
      </c>
      <c r="CG27" s="898" t="str">
        <f t="shared" si="18"/>
        <v/>
      </c>
      <c r="CH27" s="898" t="str">
        <f t="shared" si="19"/>
        <v/>
      </c>
      <c r="CI27" s="898" t="str">
        <f t="shared" si="20"/>
        <v/>
      </c>
      <c r="CJ27" s="898" t="str">
        <f t="shared" si="21"/>
        <v/>
      </c>
      <c r="CK27" s="898" t="str">
        <f t="shared" si="22"/>
        <v/>
      </c>
      <c r="CL27" s="898" t="str">
        <f t="shared" si="23"/>
        <v/>
      </c>
      <c r="CM27" s="898" t="str">
        <f t="shared" si="24"/>
        <v/>
      </c>
      <c r="CN27" s="898" t="str">
        <f t="shared" si="25"/>
        <v/>
      </c>
      <c r="CO27" s="898" t="str">
        <f t="shared" si="26"/>
        <v/>
      </c>
      <c r="CP27" s="898" t="str">
        <f t="shared" si="27"/>
        <v/>
      </c>
      <c r="CQ27" s="898" t="str">
        <f t="shared" si="28"/>
        <v/>
      </c>
      <c r="CR27" s="898" t="str">
        <f t="shared" si="29"/>
        <v/>
      </c>
      <c r="CS27" s="898" t="str">
        <f t="shared" si="30"/>
        <v/>
      </c>
      <c r="CT27" s="898" t="str">
        <f t="shared" si="31"/>
        <v/>
      </c>
      <c r="CU27" s="898" t="str">
        <f t="shared" si="32"/>
        <v/>
      </c>
      <c r="CV27" s="898" t="str">
        <f t="shared" si="33"/>
        <v/>
      </c>
      <c r="CW27" s="898" t="str">
        <f t="shared" si="34"/>
        <v/>
      </c>
      <c r="CX27" s="898" t="str">
        <f t="shared" si="35"/>
        <v/>
      </c>
      <c r="CY27" s="898" t="str">
        <f t="shared" si="36"/>
        <v/>
      </c>
      <c r="CZ27" s="898" t="str">
        <f t="shared" si="37"/>
        <v/>
      </c>
      <c r="DA27" s="898"/>
      <c r="DB27" s="898"/>
      <c r="DC27" s="898"/>
      <c r="DD27" s="898"/>
      <c r="DE27" s="898"/>
      <c r="DF27" s="898"/>
      <c r="DG27" s="898"/>
      <c r="DH27" s="898"/>
      <c r="DI27" s="898"/>
      <c r="DJ27" s="898"/>
      <c r="DK27" s="898"/>
      <c r="DL27" s="898"/>
      <c r="DM27" s="661">
        <f t="shared" si="38"/>
        <v>1053000</v>
      </c>
      <c r="DN27" s="898">
        <f t="shared" si="39"/>
        <v>0</v>
      </c>
      <c r="DO27" s="516">
        <f t="shared" si="40"/>
        <v>0</v>
      </c>
      <c r="DP27" s="898">
        <f t="shared" si="41"/>
        <v>0</v>
      </c>
      <c r="DQ27" s="483" t="s">
        <v>3394</v>
      </c>
      <c r="DR27" s="483" t="s">
        <v>3395</v>
      </c>
      <c r="DS27" s="1215" t="s">
        <v>3396</v>
      </c>
      <c r="DT27" s="632"/>
    </row>
    <row r="28" spans="1:124" s="137" customFormat="1" ht="99.75" x14ac:dyDescent="0.2">
      <c r="A28" s="484" t="str">
        <f t="shared" si="2"/>
        <v>New Childcare Setting serving Hemel Hempstead Station Gateway (Hm08); National Grid and 339-353 London Road (Hm09)</v>
      </c>
      <c r="B28" s="1163">
        <v>25</v>
      </c>
      <c r="C28" s="481" t="s">
        <v>3407</v>
      </c>
      <c r="D28" s="481" t="s">
        <v>2481</v>
      </c>
      <c r="E28" s="481" t="s">
        <v>53</v>
      </c>
      <c r="F28" s="481" t="s">
        <v>54</v>
      </c>
      <c r="G28" s="654" t="s">
        <v>124</v>
      </c>
      <c r="H28" s="484" t="s">
        <v>3408</v>
      </c>
      <c r="I28" s="654"/>
      <c r="J28" s="484" t="s">
        <v>126</v>
      </c>
      <c r="K28" s="657" t="s">
        <v>3104</v>
      </c>
      <c r="L28" s="657" t="s">
        <v>3409</v>
      </c>
      <c r="M28" s="654" t="s">
        <v>2996</v>
      </c>
      <c r="N28" s="654" t="s">
        <v>60</v>
      </c>
      <c r="O28" s="654" t="s">
        <v>3051</v>
      </c>
      <c r="P28" s="654" t="s">
        <v>61</v>
      </c>
      <c r="Q28" s="657" t="s">
        <v>382</v>
      </c>
      <c r="R28" s="657"/>
      <c r="S28" s="657"/>
      <c r="T28" s="723">
        <v>1053000</v>
      </c>
      <c r="U28" s="723"/>
      <c r="V28" s="657" t="s">
        <v>64</v>
      </c>
      <c r="W28" s="723">
        <f t="shared" si="43"/>
        <v>0</v>
      </c>
      <c r="X28" s="745">
        <f t="shared" si="44"/>
        <v>1053000</v>
      </c>
      <c r="Y28" s="723" t="s">
        <v>3106</v>
      </c>
      <c r="Z28" s="723"/>
      <c r="AA28" s="712" t="s">
        <v>65</v>
      </c>
      <c r="AB28" s="888"/>
      <c r="AC28" s="888"/>
      <c r="AD28" s="888"/>
      <c r="AE28" s="888"/>
      <c r="AF28" s="888"/>
      <c r="AG28" s="746" t="s">
        <v>66</v>
      </c>
      <c r="AH28" s="888"/>
      <c r="AI28" s="746" t="s">
        <v>66</v>
      </c>
      <c r="AJ28" s="888"/>
      <c r="AK28" s="888"/>
      <c r="AL28" s="888"/>
      <c r="AM28" s="888"/>
      <c r="AN28" s="888"/>
      <c r="AO28" s="888"/>
      <c r="AP28" s="888"/>
      <c r="AQ28" s="888"/>
      <c r="AR28" s="888"/>
      <c r="AS28" s="888"/>
      <c r="AT28" s="888"/>
      <c r="AU28" s="888"/>
      <c r="AV28" s="888"/>
      <c r="AW28" s="888"/>
      <c r="AX28" s="883"/>
      <c r="AY28" s="883"/>
      <c r="AZ28" s="883"/>
      <c r="BA28" s="883"/>
      <c r="BB28" s="883"/>
      <c r="BC28" s="888"/>
      <c r="BD28" s="888"/>
      <c r="BE28" s="888"/>
      <c r="BF28" s="888"/>
      <c r="BG28" s="746"/>
      <c r="BH28" s="746"/>
      <c r="BI28" s="746"/>
      <c r="BJ28" s="746"/>
      <c r="BK28" s="746"/>
      <c r="BL28" s="746"/>
      <c r="BM28" s="746"/>
      <c r="BN28" s="746"/>
      <c r="BO28" s="746"/>
      <c r="BP28" s="746"/>
      <c r="BQ28" s="746"/>
      <c r="BR28" s="746"/>
      <c r="BS28" s="884">
        <f t="shared" si="5"/>
        <v>870</v>
      </c>
      <c r="BT28" s="661">
        <f t="shared" si="6"/>
        <v>1210.344827586207</v>
      </c>
      <c r="BU28" s="661"/>
      <c r="BV28" s="898" t="str">
        <f t="shared" si="7"/>
        <v/>
      </c>
      <c r="BW28" s="898" t="str">
        <f t="shared" si="8"/>
        <v/>
      </c>
      <c r="BX28" s="898" t="str">
        <f t="shared" si="9"/>
        <v/>
      </c>
      <c r="BY28" s="898" t="str">
        <f t="shared" si="10"/>
        <v/>
      </c>
      <c r="BZ28" s="898" t="str">
        <f t="shared" si="11"/>
        <v/>
      </c>
      <c r="CA28" s="898">
        <f t="shared" si="12"/>
        <v>580965.51724137936</v>
      </c>
      <c r="CB28" s="898" t="str">
        <f t="shared" si="13"/>
        <v/>
      </c>
      <c r="CC28" s="898">
        <f t="shared" si="14"/>
        <v>472034.4827586207</v>
      </c>
      <c r="CD28" s="898" t="str">
        <f t="shared" si="15"/>
        <v/>
      </c>
      <c r="CE28" s="898" t="str">
        <f t="shared" si="16"/>
        <v/>
      </c>
      <c r="CF28" s="898" t="str">
        <f t="shared" si="17"/>
        <v/>
      </c>
      <c r="CG28" s="898" t="str">
        <f t="shared" si="18"/>
        <v/>
      </c>
      <c r="CH28" s="898" t="str">
        <f t="shared" si="19"/>
        <v/>
      </c>
      <c r="CI28" s="898" t="str">
        <f t="shared" si="20"/>
        <v/>
      </c>
      <c r="CJ28" s="898" t="str">
        <f t="shared" si="21"/>
        <v/>
      </c>
      <c r="CK28" s="898" t="str">
        <f t="shared" si="22"/>
        <v/>
      </c>
      <c r="CL28" s="898" t="str">
        <f t="shared" si="23"/>
        <v/>
      </c>
      <c r="CM28" s="898" t="str">
        <f t="shared" si="24"/>
        <v/>
      </c>
      <c r="CN28" s="898" t="str">
        <f t="shared" si="25"/>
        <v/>
      </c>
      <c r="CO28" s="898" t="str">
        <f t="shared" si="26"/>
        <v/>
      </c>
      <c r="CP28" s="898" t="str">
        <f t="shared" si="27"/>
        <v/>
      </c>
      <c r="CQ28" s="898" t="str">
        <f t="shared" si="28"/>
        <v/>
      </c>
      <c r="CR28" s="898" t="str">
        <f t="shared" si="29"/>
        <v/>
      </c>
      <c r="CS28" s="898" t="str">
        <f t="shared" si="30"/>
        <v/>
      </c>
      <c r="CT28" s="898" t="str">
        <f t="shared" si="31"/>
        <v/>
      </c>
      <c r="CU28" s="898" t="str">
        <f t="shared" si="32"/>
        <v/>
      </c>
      <c r="CV28" s="898" t="str">
        <f t="shared" si="33"/>
        <v/>
      </c>
      <c r="CW28" s="898" t="str">
        <f t="shared" si="34"/>
        <v/>
      </c>
      <c r="CX28" s="898" t="str">
        <f t="shared" si="35"/>
        <v/>
      </c>
      <c r="CY28" s="898" t="str">
        <f t="shared" si="36"/>
        <v/>
      </c>
      <c r="CZ28" s="898" t="str">
        <f t="shared" si="37"/>
        <v/>
      </c>
      <c r="DA28" s="898"/>
      <c r="DB28" s="898"/>
      <c r="DC28" s="898"/>
      <c r="DD28" s="898"/>
      <c r="DE28" s="898"/>
      <c r="DF28" s="898"/>
      <c r="DG28" s="898"/>
      <c r="DH28" s="898"/>
      <c r="DI28" s="898"/>
      <c r="DJ28" s="898"/>
      <c r="DK28" s="898"/>
      <c r="DL28" s="898"/>
      <c r="DM28" s="661">
        <f t="shared" si="38"/>
        <v>1053000</v>
      </c>
      <c r="DN28" s="898">
        <f t="shared" si="39"/>
        <v>0</v>
      </c>
      <c r="DO28" s="516">
        <f t="shared" si="40"/>
        <v>0</v>
      </c>
      <c r="DP28" s="898">
        <f t="shared" si="41"/>
        <v>0</v>
      </c>
      <c r="DQ28" s="483" t="s">
        <v>3394</v>
      </c>
      <c r="DR28" s="483" t="s">
        <v>3395</v>
      </c>
      <c r="DS28" s="1215" t="s">
        <v>3396</v>
      </c>
      <c r="DT28" s="632"/>
    </row>
    <row r="29" spans="1:124" s="137" customFormat="1" ht="99.75" x14ac:dyDescent="0.2">
      <c r="A29" s="484" t="str">
        <f t="shared" si="2"/>
        <v>New Childcare Setting serving Shendish Manor and Fairfields (Hm11)</v>
      </c>
      <c r="B29" s="1163">
        <v>26</v>
      </c>
      <c r="C29" s="481" t="s">
        <v>3410</v>
      </c>
      <c r="D29" s="481" t="s">
        <v>2481</v>
      </c>
      <c r="E29" s="481" t="s">
        <v>53</v>
      </c>
      <c r="F29" s="481" t="s">
        <v>54</v>
      </c>
      <c r="G29" s="654" t="s">
        <v>124</v>
      </c>
      <c r="H29" s="484" t="s">
        <v>3411</v>
      </c>
      <c r="I29" s="654"/>
      <c r="J29" s="484" t="s">
        <v>126</v>
      </c>
      <c r="K29" s="657" t="s">
        <v>3104</v>
      </c>
      <c r="L29" s="657" t="s">
        <v>1369</v>
      </c>
      <c r="M29" s="654" t="s">
        <v>2996</v>
      </c>
      <c r="N29" s="654" t="s">
        <v>60</v>
      </c>
      <c r="O29" s="654" t="s">
        <v>3051</v>
      </c>
      <c r="P29" s="654" t="s">
        <v>61</v>
      </c>
      <c r="Q29" s="657" t="s">
        <v>159</v>
      </c>
      <c r="R29" s="657"/>
      <c r="S29" s="657"/>
      <c r="T29" s="723">
        <v>1053000</v>
      </c>
      <c r="U29" s="723"/>
      <c r="V29" s="657" t="s">
        <v>64</v>
      </c>
      <c r="W29" s="723">
        <f t="shared" si="43"/>
        <v>0</v>
      </c>
      <c r="X29" s="745">
        <f t="shared" si="44"/>
        <v>1053000</v>
      </c>
      <c r="Y29" s="723" t="s">
        <v>3106</v>
      </c>
      <c r="Z29" s="723"/>
      <c r="AA29" s="712" t="s">
        <v>65</v>
      </c>
      <c r="AB29" s="888"/>
      <c r="AC29" s="888"/>
      <c r="AD29" s="888"/>
      <c r="AE29" s="888"/>
      <c r="AF29" s="888"/>
      <c r="AG29" s="888"/>
      <c r="AH29" s="888"/>
      <c r="AI29" s="888"/>
      <c r="AJ29" s="888"/>
      <c r="AK29" s="746" t="s">
        <v>66</v>
      </c>
      <c r="AL29" s="888"/>
      <c r="AM29" s="888"/>
      <c r="AN29" s="888"/>
      <c r="AO29" s="888"/>
      <c r="AP29" s="888"/>
      <c r="AQ29" s="888"/>
      <c r="AR29" s="888"/>
      <c r="AS29" s="888"/>
      <c r="AT29" s="888"/>
      <c r="AU29" s="888"/>
      <c r="AV29" s="888"/>
      <c r="AW29" s="888"/>
      <c r="AX29" s="888"/>
      <c r="AY29" s="888"/>
      <c r="AZ29" s="888"/>
      <c r="BA29" s="888"/>
      <c r="BB29" s="888"/>
      <c r="BC29" s="888"/>
      <c r="BD29" s="888"/>
      <c r="BE29" s="888"/>
      <c r="BF29" s="888"/>
      <c r="BG29" s="746"/>
      <c r="BH29" s="746"/>
      <c r="BI29" s="746"/>
      <c r="BJ29" s="746"/>
      <c r="BK29" s="746"/>
      <c r="BL29" s="746"/>
      <c r="BM29" s="746"/>
      <c r="BN29" s="746"/>
      <c r="BO29" s="746"/>
      <c r="BP29" s="746"/>
      <c r="BQ29" s="746"/>
      <c r="BR29" s="746"/>
      <c r="BS29" s="884">
        <f t="shared" si="5"/>
        <v>500</v>
      </c>
      <c r="BT29" s="661">
        <f t="shared" si="6"/>
        <v>2106</v>
      </c>
      <c r="BU29" s="661"/>
      <c r="BV29" s="898" t="str">
        <f t="shared" si="7"/>
        <v/>
      </c>
      <c r="BW29" s="898" t="str">
        <f t="shared" si="8"/>
        <v/>
      </c>
      <c r="BX29" s="898" t="str">
        <f t="shared" si="9"/>
        <v/>
      </c>
      <c r="BY29" s="898" t="str">
        <f t="shared" si="10"/>
        <v/>
      </c>
      <c r="BZ29" s="898" t="str">
        <f t="shared" si="11"/>
        <v/>
      </c>
      <c r="CA29" s="898" t="str">
        <f t="shared" si="12"/>
        <v/>
      </c>
      <c r="CB29" s="898" t="str">
        <f t="shared" si="13"/>
        <v/>
      </c>
      <c r="CC29" s="898" t="str">
        <f t="shared" si="14"/>
        <v/>
      </c>
      <c r="CD29" s="898" t="str">
        <f t="shared" si="15"/>
        <v/>
      </c>
      <c r="CE29" s="898">
        <f t="shared" si="16"/>
        <v>1053000</v>
      </c>
      <c r="CF29" s="898" t="str">
        <f t="shared" si="17"/>
        <v/>
      </c>
      <c r="CG29" s="898" t="str">
        <f t="shared" si="18"/>
        <v/>
      </c>
      <c r="CH29" s="898" t="str">
        <f t="shared" si="19"/>
        <v/>
      </c>
      <c r="CI29" s="898" t="str">
        <f t="shared" si="20"/>
        <v/>
      </c>
      <c r="CJ29" s="898" t="str">
        <f t="shared" si="21"/>
        <v/>
      </c>
      <c r="CK29" s="898" t="str">
        <f t="shared" si="22"/>
        <v/>
      </c>
      <c r="CL29" s="898" t="str">
        <f t="shared" si="23"/>
        <v/>
      </c>
      <c r="CM29" s="898" t="str">
        <f t="shared" si="24"/>
        <v/>
      </c>
      <c r="CN29" s="898" t="str">
        <f t="shared" si="25"/>
        <v/>
      </c>
      <c r="CO29" s="898" t="str">
        <f t="shared" si="26"/>
        <v/>
      </c>
      <c r="CP29" s="898" t="str">
        <f t="shared" si="27"/>
        <v/>
      </c>
      <c r="CQ29" s="898" t="str">
        <f t="shared" si="28"/>
        <v/>
      </c>
      <c r="CR29" s="898" t="str">
        <f t="shared" si="29"/>
        <v/>
      </c>
      <c r="CS29" s="898" t="str">
        <f t="shared" si="30"/>
        <v/>
      </c>
      <c r="CT29" s="898" t="str">
        <f t="shared" si="31"/>
        <v/>
      </c>
      <c r="CU29" s="898" t="str">
        <f t="shared" si="32"/>
        <v/>
      </c>
      <c r="CV29" s="898" t="str">
        <f t="shared" si="33"/>
        <v/>
      </c>
      <c r="CW29" s="898" t="str">
        <f t="shared" si="34"/>
        <v/>
      </c>
      <c r="CX29" s="898" t="str">
        <f t="shared" si="35"/>
        <v/>
      </c>
      <c r="CY29" s="898" t="str">
        <f t="shared" si="36"/>
        <v/>
      </c>
      <c r="CZ29" s="898" t="str">
        <f t="shared" si="37"/>
        <v/>
      </c>
      <c r="DA29" s="898"/>
      <c r="DB29" s="898"/>
      <c r="DC29" s="898"/>
      <c r="DD29" s="898"/>
      <c r="DE29" s="898"/>
      <c r="DF29" s="898"/>
      <c r="DG29" s="898"/>
      <c r="DH29" s="898"/>
      <c r="DI29" s="898"/>
      <c r="DJ29" s="898"/>
      <c r="DK29" s="898"/>
      <c r="DL29" s="898"/>
      <c r="DM29" s="661">
        <f t="shared" si="38"/>
        <v>1053000</v>
      </c>
      <c r="DN29" s="898">
        <f t="shared" si="39"/>
        <v>0</v>
      </c>
      <c r="DO29" s="516">
        <f t="shared" si="40"/>
        <v>0</v>
      </c>
      <c r="DP29" s="898">
        <f t="shared" si="41"/>
        <v>0</v>
      </c>
      <c r="DQ29" s="483" t="s">
        <v>3394</v>
      </c>
      <c r="DR29" s="483" t="s">
        <v>3395</v>
      </c>
      <c r="DS29" s="1215" t="s">
        <v>3396</v>
      </c>
      <c r="DT29" s="632"/>
    </row>
    <row r="30" spans="1:124" s="137" customFormat="1" ht="99.75" x14ac:dyDescent="0.2">
      <c r="A30" s="484" t="str">
        <f t="shared" si="2"/>
        <v>New Childcare Setting serving Polehanger Lane (Hm13)</v>
      </c>
      <c r="B30" s="1163">
        <v>27</v>
      </c>
      <c r="C30" s="481" t="s">
        <v>3412</v>
      </c>
      <c r="D30" s="481" t="s">
        <v>2481</v>
      </c>
      <c r="E30" s="481" t="s">
        <v>53</v>
      </c>
      <c r="F30" s="481" t="s">
        <v>54</v>
      </c>
      <c r="G30" s="654" t="s">
        <v>124</v>
      </c>
      <c r="H30" s="484" t="s">
        <v>3413</v>
      </c>
      <c r="I30" s="654"/>
      <c r="J30" s="484" t="s">
        <v>126</v>
      </c>
      <c r="K30" s="657" t="s">
        <v>3104</v>
      </c>
      <c r="L30" s="657" t="s">
        <v>1370</v>
      </c>
      <c r="M30" s="654" t="s">
        <v>2996</v>
      </c>
      <c r="N30" s="654" t="s">
        <v>60</v>
      </c>
      <c r="O30" s="654" t="s">
        <v>3051</v>
      </c>
      <c r="P30" s="654" t="s">
        <v>61</v>
      </c>
      <c r="Q30" s="654" t="s">
        <v>390</v>
      </c>
      <c r="R30" s="657"/>
      <c r="S30" s="657"/>
      <c r="T30" s="723">
        <v>1053000</v>
      </c>
      <c r="U30" s="723"/>
      <c r="V30" s="657" t="s">
        <v>64</v>
      </c>
      <c r="W30" s="723">
        <f t="shared" si="43"/>
        <v>0</v>
      </c>
      <c r="X30" s="745">
        <f t="shared" si="44"/>
        <v>1053000</v>
      </c>
      <c r="Y30" s="723" t="s">
        <v>3106</v>
      </c>
      <c r="Z30" s="723"/>
      <c r="AA30" s="712" t="s">
        <v>65</v>
      </c>
      <c r="AB30" s="888"/>
      <c r="AC30" s="888"/>
      <c r="AD30" s="888"/>
      <c r="AE30" s="888"/>
      <c r="AF30" s="888"/>
      <c r="AG30" s="888"/>
      <c r="AH30" s="888"/>
      <c r="AI30" s="888"/>
      <c r="AJ30" s="888"/>
      <c r="AK30" s="888"/>
      <c r="AL30" s="746" t="s">
        <v>66</v>
      </c>
      <c r="AM30" s="888"/>
      <c r="AN30" s="888"/>
      <c r="AO30" s="676"/>
      <c r="AP30" s="888"/>
      <c r="AQ30" s="888"/>
      <c r="AR30" s="888"/>
      <c r="AS30" s="888"/>
      <c r="AT30" s="888"/>
      <c r="AU30" s="888"/>
      <c r="AV30" s="888"/>
      <c r="AW30" s="888"/>
      <c r="AX30" s="883"/>
      <c r="AY30" s="883"/>
      <c r="AZ30" s="883"/>
      <c r="BA30" s="883"/>
      <c r="BB30" s="883"/>
      <c r="BC30" s="888"/>
      <c r="BD30" s="888"/>
      <c r="BE30" s="888"/>
      <c r="BF30" s="888"/>
      <c r="BG30" s="746"/>
      <c r="BH30" s="746"/>
      <c r="BI30" s="746"/>
      <c r="BJ30" s="746"/>
      <c r="BK30" s="746"/>
      <c r="BL30" s="746"/>
      <c r="BM30" s="746"/>
      <c r="BN30" s="746"/>
      <c r="BO30" s="746"/>
      <c r="BP30" s="746"/>
      <c r="BQ30" s="746"/>
      <c r="BR30" s="746"/>
      <c r="BS30" s="884">
        <f t="shared" si="5"/>
        <v>750</v>
      </c>
      <c r="BT30" s="661">
        <f t="shared" si="6"/>
        <v>1404</v>
      </c>
      <c r="BU30" s="661"/>
      <c r="BV30" s="898" t="str">
        <f t="shared" si="7"/>
        <v/>
      </c>
      <c r="BW30" s="898" t="str">
        <f t="shared" si="8"/>
        <v/>
      </c>
      <c r="BX30" s="898" t="str">
        <f t="shared" si="9"/>
        <v/>
      </c>
      <c r="BY30" s="898" t="str">
        <f t="shared" si="10"/>
        <v/>
      </c>
      <c r="BZ30" s="898" t="str">
        <f t="shared" si="11"/>
        <v/>
      </c>
      <c r="CA30" s="898" t="str">
        <f t="shared" si="12"/>
        <v/>
      </c>
      <c r="CB30" s="898" t="str">
        <f t="shared" si="13"/>
        <v/>
      </c>
      <c r="CC30" s="898" t="str">
        <f t="shared" si="14"/>
        <v/>
      </c>
      <c r="CD30" s="898" t="str">
        <f t="shared" si="15"/>
        <v/>
      </c>
      <c r="CE30" s="898" t="str">
        <f t="shared" si="16"/>
        <v/>
      </c>
      <c r="CF30" s="898">
        <f t="shared" si="17"/>
        <v>1053000</v>
      </c>
      <c r="CG30" s="898" t="str">
        <f t="shared" si="18"/>
        <v/>
      </c>
      <c r="CH30" s="898" t="str">
        <f t="shared" si="19"/>
        <v/>
      </c>
      <c r="CI30" s="898" t="str">
        <f t="shared" si="20"/>
        <v/>
      </c>
      <c r="CJ30" s="898" t="str">
        <f t="shared" si="21"/>
        <v/>
      </c>
      <c r="CK30" s="898" t="str">
        <f t="shared" si="22"/>
        <v/>
      </c>
      <c r="CL30" s="898" t="str">
        <f t="shared" si="23"/>
        <v/>
      </c>
      <c r="CM30" s="898" t="str">
        <f t="shared" si="24"/>
        <v/>
      </c>
      <c r="CN30" s="898" t="str">
        <f t="shared" si="25"/>
        <v/>
      </c>
      <c r="CO30" s="898" t="str">
        <f t="shared" si="26"/>
        <v/>
      </c>
      <c r="CP30" s="898" t="str">
        <f t="shared" si="27"/>
        <v/>
      </c>
      <c r="CQ30" s="898" t="str">
        <f t="shared" si="28"/>
        <v/>
      </c>
      <c r="CR30" s="898" t="str">
        <f t="shared" si="29"/>
        <v/>
      </c>
      <c r="CS30" s="898" t="str">
        <f t="shared" si="30"/>
        <v/>
      </c>
      <c r="CT30" s="898" t="str">
        <f t="shared" si="31"/>
        <v/>
      </c>
      <c r="CU30" s="898" t="str">
        <f t="shared" si="32"/>
        <v/>
      </c>
      <c r="CV30" s="898" t="str">
        <f t="shared" si="33"/>
        <v/>
      </c>
      <c r="CW30" s="898" t="str">
        <f t="shared" si="34"/>
        <v/>
      </c>
      <c r="CX30" s="898" t="str">
        <f t="shared" si="35"/>
        <v/>
      </c>
      <c r="CY30" s="898" t="str">
        <f t="shared" si="36"/>
        <v/>
      </c>
      <c r="CZ30" s="898" t="str">
        <f t="shared" si="37"/>
        <v/>
      </c>
      <c r="DA30" s="898"/>
      <c r="DB30" s="898"/>
      <c r="DC30" s="898"/>
      <c r="DD30" s="898"/>
      <c r="DE30" s="898"/>
      <c r="DF30" s="898"/>
      <c r="DG30" s="898"/>
      <c r="DH30" s="898"/>
      <c r="DI30" s="898"/>
      <c r="DJ30" s="898"/>
      <c r="DK30" s="898"/>
      <c r="DL30" s="898"/>
      <c r="DM30" s="661">
        <f t="shared" si="38"/>
        <v>1053000</v>
      </c>
      <c r="DN30" s="898">
        <f t="shared" si="39"/>
        <v>0</v>
      </c>
      <c r="DO30" s="516">
        <f t="shared" si="40"/>
        <v>0</v>
      </c>
      <c r="DP30" s="898">
        <f t="shared" si="41"/>
        <v>0</v>
      </c>
      <c r="DQ30" s="483" t="s">
        <v>3394</v>
      </c>
      <c r="DR30" s="483" t="s">
        <v>3395</v>
      </c>
      <c r="DS30" s="1215" t="s">
        <v>3396</v>
      </c>
      <c r="DT30" s="632"/>
    </row>
    <row r="31" spans="1:124" s="137" customFormat="1" ht="99.75" x14ac:dyDescent="0.2">
      <c r="A31" s="484" t="str">
        <f t="shared" si="2"/>
        <v>5-11 Wraparound Care for HGC Growth Area</v>
      </c>
      <c r="B31" s="1163">
        <v>28</v>
      </c>
      <c r="C31" s="481" t="s">
        <v>3414</v>
      </c>
      <c r="D31" s="481" t="s">
        <v>2481</v>
      </c>
      <c r="E31" s="481" t="s">
        <v>3415</v>
      </c>
      <c r="F31" s="481" t="s">
        <v>54</v>
      </c>
      <c r="G31" s="654" t="s">
        <v>1329</v>
      </c>
      <c r="H31" s="484" t="s">
        <v>3416</v>
      </c>
      <c r="I31" s="654"/>
      <c r="J31" s="484" t="s">
        <v>150</v>
      </c>
      <c r="K31" s="657" t="s">
        <v>3104</v>
      </c>
      <c r="L31" s="657" t="s">
        <v>3417</v>
      </c>
      <c r="M31" s="654" t="s">
        <v>3027</v>
      </c>
      <c r="N31" s="654" t="s">
        <v>60</v>
      </c>
      <c r="O31" s="654" t="s">
        <v>3051</v>
      </c>
      <c r="P31" s="654" t="s">
        <v>61</v>
      </c>
      <c r="Q31" s="654" t="s">
        <v>3209</v>
      </c>
      <c r="R31" s="657"/>
      <c r="S31" s="657"/>
      <c r="T31" s="723">
        <v>140011</v>
      </c>
      <c r="U31" s="723"/>
      <c r="V31" s="654" t="s">
        <v>64</v>
      </c>
      <c r="W31" s="723">
        <f t="shared" si="43"/>
        <v>0</v>
      </c>
      <c r="X31" s="745">
        <f t="shared" si="44"/>
        <v>140011</v>
      </c>
      <c r="Y31" s="723" t="s">
        <v>3106</v>
      </c>
      <c r="Z31" s="723"/>
      <c r="AA31" s="712" t="s">
        <v>65</v>
      </c>
      <c r="AB31" s="746" t="s">
        <v>66</v>
      </c>
      <c r="AC31" s="746"/>
      <c r="AD31" s="746"/>
      <c r="AE31" s="746"/>
      <c r="AF31" s="746"/>
      <c r="AG31" s="746"/>
      <c r="AH31" s="746"/>
      <c r="AI31" s="746"/>
      <c r="AJ31" s="746"/>
      <c r="AK31" s="746"/>
      <c r="AL31" s="746"/>
      <c r="AM31" s="746"/>
      <c r="AN31" s="746"/>
      <c r="AO31" s="746"/>
      <c r="AP31" s="746"/>
      <c r="AQ31" s="746"/>
      <c r="AR31" s="746"/>
      <c r="AS31" s="883"/>
      <c r="AT31" s="883"/>
      <c r="AU31" s="883"/>
      <c r="AV31" s="883"/>
      <c r="AW31" s="883"/>
      <c r="AX31" s="883"/>
      <c r="AY31" s="883"/>
      <c r="AZ31" s="883"/>
      <c r="BA31" s="883"/>
      <c r="BB31" s="883"/>
      <c r="BC31" s="883"/>
      <c r="BD31" s="883"/>
      <c r="BE31" s="883"/>
      <c r="BF31" s="883"/>
      <c r="BG31" s="746"/>
      <c r="BH31" s="746"/>
      <c r="BI31" s="746"/>
      <c r="BJ31" s="746"/>
      <c r="BK31" s="746"/>
      <c r="BL31" s="746"/>
      <c r="BM31" s="746"/>
      <c r="BN31" s="746"/>
      <c r="BO31" s="746" t="s">
        <v>66</v>
      </c>
      <c r="BP31" s="746" t="s">
        <v>66</v>
      </c>
      <c r="BQ31" s="746" t="s">
        <v>66</v>
      </c>
      <c r="BR31" s="746"/>
      <c r="BS31" s="884">
        <f t="shared" si="5"/>
        <v>10500</v>
      </c>
      <c r="BT31" s="661">
        <f t="shared" si="6"/>
        <v>13.334380952380952</v>
      </c>
      <c r="BU31" s="661"/>
      <c r="BV31" s="898">
        <f t="shared" si="7"/>
        <v>66671.904761904763</v>
      </c>
      <c r="BW31" s="898" t="str">
        <f t="shared" si="8"/>
        <v/>
      </c>
      <c r="BX31" s="898" t="str">
        <f t="shared" si="9"/>
        <v/>
      </c>
      <c r="BY31" s="898" t="str">
        <f t="shared" si="10"/>
        <v/>
      </c>
      <c r="BZ31" s="898" t="str">
        <f t="shared" si="11"/>
        <v/>
      </c>
      <c r="CA31" s="898" t="str">
        <f t="shared" si="12"/>
        <v/>
      </c>
      <c r="CB31" s="898" t="str">
        <f t="shared" si="13"/>
        <v/>
      </c>
      <c r="CC31" s="898" t="str">
        <f t="shared" si="14"/>
        <v/>
      </c>
      <c r="CD31" s="898" t="str">
        <f t="shared" si="15"/>
        <v/>
      </c>
      <c r="CE31" s="898" t="str">
        <f t="shared" si="16"/>
        <v/>
      </c>
      <c r="CF31" s="898" t="str">
        <f t="shared" si="17"/>
        <v/>
      </c>
      <c r="CG31" s="898" t="str">
        <f t="shared" si="18"/>
        <v/>
      </c>
      <c r="CH31" s="898" t="str">
        <f t="shared" si="19"/>
        <v/>
      </c>
      <c r="CI31" s="898" t="str">
        <f t="shared" si="20"/>
        <v/>
      </c>
      <c r="CJ31" s="898" t="str">
        <f t="shared" si="21"/>
        <v/>
      </c>
      <c r="CK31" s="898" t="str">
        <f t="shared" si="22"/>
        <v/>
      </c>
      <c r="CL31" s="898" t="str">
        <f t="shared" si="23"/>
        <v/>
      </c>
      <c r="CM31" s="898" t="str">
        <f t="shared" si="24"/>
        <v/>
      </c>
      <c r="CN31" s="898" t="str">
        <f t="shared" si="25"/>
        <v/>
      </c>
      <c r="CO31" s="898" t="str">
        <f t="shared" si="26"/>
        <v/>
      </c>
      <c r="CP31" s="898" t="str">
        <f t="shared" si="27"/>
        <v/>
      </c>
      <c r="CQ31" s="898" t="str">
        <f t="shared" si="28"/>
        <v/>
      </c>
      <c r="CR31" s="898" t="str">
        <f t="shared" si="29"/>
        <v/>
      </c>
      <c r="CS31" s="898" t="str">
        <f t="shared" si="30"/>
        <v/>
      </c>
      <c r="CT31" s="898" t="str">
        <f t="shared" si="31"/>
        <v/>
      </c>
      <c r="CU31" s="898" t="str">
        <f t="shared" si="32"/>
        <v/>
      </c>
      <c r="CV31" s="898" t="str">
        <f t="shared" si="33"/>
        <v/>
      </c>
      <c r="CW31" s="898" t="str">
        <f t="shared" si="34"/>
        <v/>
      </c>
      <c r="CX31" s="898" t="str">
        <f t="shared" si="35"/>
        <v/>
      </c>
      <c r="CY31" s="898" t="str">
        <f t="shared" si="36"/>
        <v/>
      </c>
      <c r="CZ31" s="898" t="str">
        <f t="shared" si="37"/>
        <v/>
      </c>
      <c r="DA31" s="898" t="str">
        <f t="shared" ref="DA31:DL31" si="46">IF(BG31="yes",(BG$3*$BT31),"")</f>
        <v/>
      </c>
      <c r="DB31" s="898" t="str">
        <f t="shared" si="46"/>
        <v/>
      </c>
      <c r="DC31" s="898" t="str">
        <f t="shared" si="46"/>
        <v/>
      </c>
      <c r="DD31" s="898" t="str">
        <f t="shared" si="46"/>
        <v/>
      </c>
      <c r="DE31" s="898" t="str">
        <f t="shared" si="46"/>
        <v/>
      </c>
      <c r="DF31" s="898" t="str">
        <f t="shared" si="46"/>
        <v/>
      </c>
      <c r="DG31" s="898" t="str">
        <f t="shared" si="46"/>
        <v/>
      </c>
      <c r="DH31" s="898" t="str">
        <f t="shared" si="46"/>
        <v/>
      </c>
      <c r="DI31" s="898">
        <f t="shared" si="46"/>
        <v>20001.571428571428</v>
      </c>
      <c r="DJ31" s="898">
        <f t="shared" si="46"/>
        <v>21335.009523809524</v>
      </c>
      <c r="DK31" s="898">
        <f t="shared" si="46"/>
        <v>32002.514285714286</v>
      </c>
      <c r="DL31" s="898" t="str">
        <f t="shared" si="46"/>
        <v/>
      </c>
      <c r="DM31" s="661">
        <f t="shared" si="38"/>
        <v>66671.904761904763</v>
      </c>
      <c r="DN31" s="898">
        <f t="shared" si="39"/>
        <v>73339.095238095237</v>
      </c>
      <c r="DO31" s="516">
        <f t="shared" si="40"/>
        <v>0</v>
      </c>
      <c r="DP31" s="898">
        <f t="shared" si="41"/>
        <v>0</v>
      </c>
      <c r="DQ31" s="483" t="s">
        <v>3418</v>
      </c>
      <c r="DR31" s="483" t="s">
        <v>3419</v>
      </c>
      <c r="DS31" s="936" t="s">
        <v>3420</v>
      </c>
      <c r="DT31" s="632"/>
    </row>
    <row r="32" spans="1:124" s="137" customFormat="1" ht="128.25" x14ac:dyDescent="0.2">
      <c r="A32" s="484" t="str">
        <f t="shared" si="2"/>
        <v>New Primary School Provision with nursery at North Hemel Hempstead (H1)</v>
      </c>
      <c r="B32" s="1163">
        <v>29</v>
      </c>
      <c r="C32" s="481" t="s">
        <v>3421</v>
      </c>
      <c r="D32" s="511" t="s">
        <v>2182</v>
      </c>
      <c r="E32" s="511" t="s">
        <v>1385</v>
      </c>
      <c r="F32" s="481" t="s">
        <v>54</v>
      </c>
      <c r="G32" s="515" t="s">
        <v>55</v>
      </c>
      <c r="H32" s="513" t="s">
        <v>3422</v>
      </c>
      <c r="I32" s="515"/>
      <c r="J32" s="513" t="s">
        <v>3423</v>
      </c>
      <c r="K32" s="657" t="s">
        <v>3104</v>
      </c>
      <c r="L32" s="515" t="s">
        <v>1375</v>
      </c>
      <c r="M32" s="654" t="s">
        <v>3027</v>
      </c>
      <c r="N32" s="515" t="s">
        <v>543</v>
      </c>
      <c r="O32" s="654" t="s">
        <v>3051</v>
      </c>
      <c r="P32" s="654" t="s">
        <v>61</v>
      </c>
      <c r="Q32" s="515" t="s">
        <v>3424</v>
      </c>
      <c r="R32" s="657"/>
      <c r="S32" s="657"/>
      <c r="T32" s="516">
        <v>17719763</v>
      </c>
      <c r="U32" s="516"/>
      <c r="V32" s="657" t="s">
        <v>64</v>
      </c>
      <c r="W32" s="723">
        <f t="shared" si="43"/>
        <v>0</v>
      </c>
      <c r="X32" s="745">
        <f t="shared" si="44"/>
        <v>17719763</v>
      </c>
      <c r="Y32" s="723" t="s">
        <v>3106</v>
      </c>
      <c r="Z32" s="723"/>
      <c r="AA32" s="712" t="s">
        <v>65</v>
      </c>
      <c r="AB32" s="516"/>
      <c r="AC32" s="516"/>
      <c r="AD32" s="516"/>
      <c r="AE32" s="516"/>
      <c r="AF32" s="516"/>
      <c r="AG32" s="516"/>
      <c r="AH32" s="516"/>
      <c r="AI32" s="516"/>
      <c r="AJ32" s="516"/>
      <c r="AK32" s="516"/>
      <c r="AL32" s="516"/>
      <c r="AM32" s="516"/>
      <c r="AN32" s="516"/>
      <c r="AO32" s="516"/>
      <c r="AP32" s="516"/>
      <c r="AQ32" s="516"/>
      <c r="AR32" s="516"/>
      <c r="AS32" s="516"/>
      <c r="AT32" s="516"/>
      <c r="AU32" s="516"/>
      <c r="AV32" s="516"/>
      <c r="AW32" s="516"/>
      <c r="AX32" s="516"/>
      <c r="AY32" s="516"/>
      <c r="AZ32" s="516"/>
      <c r="BA32" s="516"/>
      <c r="BB32" s="516"/>
      <c r="BC32" s="516"/>
      <c r="BD32" s="516"/>
      <c r="BE32" s="516"/>
      <c r="BF32" s="516"/>
      <c r="BG32" s="516"/>
      <c r="BH32" s="516"/>
      <c r="BI32" s="516"/>
      <c r="BJ32" s="516"/>
      <c r="BK32" s="516"/>
      <c r="BL32" s="516"/>
      <c r="BM32" s="516"/>
      <c r="BN32" s="516"/>
      <c r="BO32" s="516" t="s">
        <v>66</v>
      </c>
      <c r="BP32" s="516"/>
      <c r="BQ32" s="516"/>
      <c r="BR32" s="516"/>
      <c r="BS32" s="884">
        <f t="shared" si="5"/>
        <v>1500</v>
      </c>
      <c r="BT32" s="661">
        <f t="shared" si="6"/>
        <v>11813.175333333333</v>
      </c>
      <c r="BU32" s="661"/>
      <c r="BV32" s="898" t="str">
        <f t="shared" si="7"/>
        <v/>
      </c>
      <c r="BW32" s="898" t="str">
        <f t="shared" si="8"/>
        <v/>
      </c>
      <c r="BX32" s="898" t="str">
        <f t="shared" si="9"/>
        <v/>
      </c>
      <c r="BY32" s="898" t="str">
        <f t="shared" si="10"/>
        <v/>
      </c>
      <c r="BZ32" s="898" t="str">
        <f t="shared" si="11"/>
        <v/>
      </c>
      <c r="CA32" s="898" t="str">
        <f t="shared" si="12"/>
        <v/>
      </c>
      <c r="CB32" s="898" t="str">
        <f t="shared" si="13"/>
        <v/>
      </c>
      <c r="CC32" s="898" t="str">
        <f t="shared" si="14"/>
        <v/>
      </c>
      <c r="CD32" s="898" t="str">
        <f t="shared" si="15"/>
        <v/>
      </c>
      <c r="CE32" s="898" t="str">
        <f t="shared" si="16"/>
        <v/>
      </c>
      <c r="CF32" s="898" t="str">
        <f t="shared" si="17"/>
        <v/>
      </c>
      <c r="CG32" s="898" t="str">
        <f t="shared" si="18"/>
        <v/>
      </c>
      <c r="CH32" s="898" t="str">
        <f t="shared" si="19"/>
        <v/>
      </c>
      <c r="CI32" s="898" t="str">
        <f t="shared" si="20"/>
        <v/>
      </c>
      <c r="CJ32" s="898" t="str">
        <f t="shared" si="21"/>
        <v/>
      </c>
      <c r="CK32" s="898" t="str">
        <f t="shared" si="22"/>
        <v/>
      </c>
      <c r="CL32" s="898" t="str">
        <f t="shared" si="23"/>
        <v/>
      </c>
      <c r="CM32" s="898" t="str">
        <f t="shared" si="24"/>
        <v/>
      </c>
      <c r="CN32" s="898" t="str">
        <f t="shared" si="25"/>
        <v/>
      </c>
      <c r="CO32" s="898" t="str">
        <f t="shared" si="26"/>
        <v/>
      </c>
      <c r="CP32" s="898" t="str">
        <f t="shared" si="27"/>
        <v/>
      </c>
      <c r="CQ32" s="898" t="str">
        <f t="shared" si="28"/>
        <v/>
      </c>
      <c r="CR32" s="898" t="str">
        <f t="shared" si="29"/>
        <v/>
      </c>
      <c r="CS32" s="898" t="str">
        <f t="shared" si="30"/>
        <v/>
      </c>
      <c r="CT32" s="898" t="str">
        <f t="shared" si="31"/>
        <v/>
      </c>
      <c r="CU32" s="898" t="str">
        <f t="shared" si="32"/>
        <v/>
      </c>
      <c r="CV32" s="898" t="str">
        <f t="shared" si="33"/>
        <v/>
      </c>
      <c r="CW32" s="898" t="str">
        <f t="shared" si="34"/>
        <v/>
      </c>
      <c r="CX32" s="898" t="str">
        <f t="shared" si="35"/>
        <v/>
      </c>
      <c r="CY32" s="898" t="str">
        <f t="shared" si="36"/>
        <v/>
      </c>
      <c r="CZ32" s="898" t="str">
        <f t="shared" si="37"/>
        <v/>
      </c>
      <c r="DA32" s="516"/>
      <c r="DB32" s="516"/>
      <c r="DC32" s="516"/>
      <c r="DD32" s="516"/>
      <c r="DE32" s="516"/>
      <c r="DF32" s="516"/>
      <c r="DG32" s="516"/>
      <c r="DH32" s="516"/>
      <c r="DI32" s="516">
        <f>X32</f>
        <v>17719763</v>
      </c>
      <c r="DJ32" s="516"/>
      <c r="DK32" s="516"/>
      <c r="DL32" s="516"/>
      <c r="DM32" s="661">
        <f t="shared" si="38"/>
        <v>0</v>
      </c>
      <c r="DN32" s="898">
        <f t="shared" si="39"/>
        <v>17719763</v>
      </c>
      <c r="DO32" s="516">
        <f t="shared" si="40"/>
        <v>0</v>
      </c>
      <c r="DP32" s="898">
        <f t="shared" si="41"/>
        <v>0</v>
      </c>
      <c r="DQ32" s="522" t="s">
        <v>3425</v>
      </c>
      <c r="DR32" s="34" t="s">
        <v>3426</v>
      </c>
      <c r="DS32" s="1215" t="s">
        <v>3427</v>
      </c>
      <c r="DT32" s="632"/>
    </row>
    <row r="33" spans="1:124" s="137" customFormat="1" ht="128.25" x14ac:dyDescent="0.2">
      <c r="A33" s="484" t="str">
        <f t="shared" si="2"/>
        <v>New Primary School Provision with nursery at East Hemel Hempstead (North) (H2)</v>
      </c>
      <c r="B33" s="1163">
        <v>30</v>
      </c>
      <c r="C33" s="481" t="s">
        <v>3428</v>
      </c>
      <c r="D33" s="511" t="s">
        <v>2182</v>
      </c>
      <c r="E33" s="511" t="s">
        <v>1385</v>
      </c>
      <c r="F33" s="481" t="s">
        <v>54</v>
      </c>
      <c r="G33" s="515" t="s">
        <v>55</v>
      </c>
      <c r="H33" s="513" t="s">
        <v>3429</v>
      </c>
      <c r="I33" s="515"/>
      <c r="J33" s="513" t="s">
        <v>3423</v>
      </c>
      <c r="K33" s="657" t="s">
        <v>3104</v>
      </c>
      <c r="L33" s="515" t="s">
        <v>1376</v>
      </c>
      <c r="M33" s="663" t="s">
        <v>3325</v>
      </c>
      <c r="N33" s="515" t="s">
        <v>543</v>
      </c>
      <c r="O33" s="654" t="s">
        <v>3051</v>
      </c>
      <c r="P33" s="654" t="s">
        <v>61</v>
      </c>
      <c r="Q33" s="515" t="s">
        <v>3424</v>
      </c>
      <c r="R33" s="657"/>
      <c r="S33" s="657"/>
      <c r="T33" s="516">
        <v>17719763</v>
      </c>
      <c r="U33" s="516"/>
      <c r="V33" s="657" t="s">
        <v>64</v>
      </c>
      <c r="W33" s="723">
        <f t="shared" si="43"/>
        <v>0</v>
      </c>
      <c r="X33" s="745">
        <f t="shared" si="44"/>
        <v>17719763</v>
      </c>
      <c r="Y33" s="723" t="s">
        <v>3106</v>
      </c>
      <c r="Z33" s="723"/>
      <c r="AA33" s="712" t="s">
        <v>65</v>
      </c>
      <c r="AB33" s="516"/>
      <c r="AC33" s="516"/>
      <c r="AD33" s="516"/>
      <c r="AE33" s="516"/>
      <c r="AF33" s="516"/>
      <c r="AG33" s="516"/>
      <c r="AH33" s="516"/>
      <c r="AI33" s="516"/>
      <c r="AJ33" s="516"/>
      <c r="AK33" s="516"/>
      <c r="AL33" s="516"/>
      <c r="AM33" s="516"/>
      <c r="AN33" s="516"/>
      <c r="AO33" s="516"/>
      <c r="AP33" s="516"/>
      <c r="AQ33" s="516"/>
      <c r="AR33" s="516"/>
      <c r="AS33" s="516"/>
      <c r="AT33" s="516"/>
      <c r="AU33" s="516"/>
      <c r="AV33" s="516"/>
      <c r="AW33" s="516"/>
      <c r="AX33" s="516"/>
      <c r="AY33" s="516"/>
      <c r="AZ33" s="516"/>
      <c r="BA33" s="516"/>
      <c r="BB33" s="516"/>
      <c r="BC33" s="516"/>
      <c r="BD33" s="516"/>
      <c r="BE33" s="516"/>
      <c r="BF33" s="516"/>
      <c r="BG33" s="516"/>
      <c r="BH33" s="516"/>
      <c r="BI33" s="516"/>
      <c r="BJ33" s="516"/>
      <c r="BK33" s="516"/>
      <c r="BL33" s="516"/>
      <c r="BM33" s="516"/>
      <c r="BN33" s="516"/>
      <c r="BO33" s="516"/>
      <c r="BP33" s="516" t="s">
        <v>66</v>
      </c>
      <c r="BQ33" s="516"/>
      <c r="BR33" s="516"/>
      <c r="BS33" s="884">
        <f t="shared" si="5"/>
        <v>1600</v>
      </c>
      <c r="BT33" s="661">
        <f t="shared" si="6"/>
        <v>11074.851875</v>
      </c>
      <c r="BU33" s="661"/>
      <c r="BV33" s="898" t="str">
        <f t="shared" si="7"/>
        <v/>
      </c>
      <c r="BW33" s="898" t="str">
        <f t="shared" si="8"/>
        <v/>
      </c>
      <c r="BX33" s="898" t="str">
        <f t="shared" si="9"/>
        <v/>
      </c>
      <c r="BY33" s="898" t="str">
        <f t="shared" si="10"/>
        <v/>
      </c>
      <c r="BZ33" s="898" t="str">
        <f t="shared" si="11"/>
        <v/>
      </c>
      <c r="CA33" s="898" t="str">
        <f t="shared" si="12"/>
        <v/>
      </c>
      <c r="CB33" s="898" t="str">
        <f t="shared" si="13"/>
        <v/>
      </c>
      <c r="CC33" s="898" t="str">
        <f t="shared" si="14"/>
        <v/>
      </c>
      <c r="CD33" s="898" t="str">
        <f t="shared" si="15"/>
        <v/>
      </c>
      <c r="CE33" s="898" t="str">
        <f t="shared" si="16"/>
        <v/>
      </c>
      <c r="CF33" s="898" t="str">
        <f t="shared" si="17"/>
        <v/>
      </c>
      <c r="CG33" s="898" t="str">
        <f t="shared" si="18"/>
        <v/>
      </c>
      <c r="CH33" s="898" t="str">
        <f t="shared" si="19"/>
        <v/>
      </c>
      <c r="CI33" s="898" t="str">
        <f t="shared" si="20"/>
        <v/>
      </c>
      <c r="CJ33" s="898" t="str">
        <f t="shared" si="21"/>
        <v/>
      </c>
      <c r="CK33" s="898" t="str">
        <f t="shared" si="22"/>
        <v/>
      </c>
      <c r="CL33" s="898" t="str">
        <f t="shared" si="23"/>
        <v/>
      </c>
      <c r="CM33" s="898" t="str">
        <f t="shared" si="24"/>
        <v/>
      </c>
      <c r="CN33" s="898" t="str">
        <f t="shared" si="25"/>
        <v/>
      </c>
      <c r="CO33" s="898" t="str">
        <f t="shared" si="26"/>
        <v/>
      </c>
      <c r="CP33" s="898" t="str">
        <f t="shared" si="27"/>
        <v/>
      </c>
      <c r="CQ33" s="898" t="str">
        <f t="shared" si="28"/>
        <v/>
      </c>
      <c r="CR33" s="898" t="str">
        <f t="shared" si="29"/>
        <v/>
      </c>
      <c r="CS33" s="898" t="str">
        <f t="shared" si="30"/>
        <v/>
      </c>
      <c r="CT33" s="898" t="str">
        <f t="shared" si="31"/>
        <v/>
      </c>
      <c r="CU33" s="898" t="str">
        <f t="shared" si="32"/>
        <v/>
      </c>
      <c r="CV33" s="898" t="str">
        <f t="shared" si="33"/>
        <v/>
      </c>
      <c r="CW33" s="898" t="str">
        <f t="shared" si="34"/>
        <v/>
      </c>
      <c r="CX33" s="898" t="str">
        <f t="shared" si="35"/>
        <v/>
      </c>
      <c r="CY33" s="898" t="str">
        <f t="shared" si="36"/>
        <v/>
      </c>
      <c r="CZ33" s="898" t="str">
        <f t="shared" si="37"/>
        <v/>
      </c>
      <c r="DA33" s="516"/>
      <c r="DB33" s="516"/>
      <c r="DC33" s="516"/>
      <c r="DD33" s="516"/>
      <c r="DE33" s="516"/>
      <c r="DF33" s="516"/>
      <c r="DG33" s="516"/>
      <c r="DH33" s="516"/>
      <c r="DI33" s="516"/>
      <c r="DJ33" s="516">
        <f>X33</f>
        <v>17719763</v>
      </c>
      <c r="DK33" s="516"/>
      <c r="DL33" s="516"/>
      <c r="DM33" s="661">
        <f t="shared" si="38"/>
        <v>0</v>
      </c>
      <c r="DN33" s="898">
        <f t="shared" si="39"/>
        <v>17719763</v>
      </c>
      <c r="DO33" s="516">
        <f t="shared" si="40"/>
        <v>0</v>
      </c>
      <c r="DP33" s="898">
        <f t="shared" si="41"/>
        <v>0</v>
      </c>
      <c r="DQ33" s="522" t="s">
        <v>3425</v>
      </c>
      <c r="DR33" s="34" t="s">
        <v>3426</v>
      </c>
      <c r="DS33" s="1215" t="s">
        <v>3427</v>
      </c>
      <c r="DT33" s="632"/>
    </row>
    <row r="34" spans="1:124" s="137" customFormat="1" ht="128.25" x14ac:dyDescent="0.2">
      <c r="A34" s="484" t="str">
        <f t="shared" si="2"/>
        <v>New Primary School Provision with nursery at East Hemel Hempstead (South) (H4)</v>
      </c>
      <c r="B34" s="1163">
        <v>31</v>
      </c>
      <c r="C34" s="481" t="s">
        <v>3430</v>
      </c>
      <c r="D34" s="511" t="s">
        <v>3207</v>
      </c>
      <c r="E34" s="511" t="s">
        <v>1385</v>
      </c>
      <c r="F34" s="481" t="s">
        <v>54</v>
      </c>
      <c r="G34" s="515" t="s">
        <v>55</v>
      </c>
      <c r="H34" s="513" t="s">
        <v>3431</v>
      </c>
      <c r="I34" s="515"/>
      <c r="J34" s="513" t="s">
        <v>3423</v>
      </c>
      <c r="K34" s="657" t="s">
        <v>3104</v>
      </c>
      <c r="L34" s="515" t="s">
        <v>1377</v>
      </c>
      <c r="M34" s="663" t="s">
        <v>3325</v>
      </c>
      <c r="N34" s="515" t="s">
        <v>543</v>
      </c>
      <c r="O34" s="654" t="s">
        <v>3051</v>
      </c>
      <c r="P34" s="654" t="s">
        <v>61</v>
      </c>
      <c r="Q34" s="515" t="s">
        <v>3424</v>
      </c>
      <c r="R34" s="657"/>
      <c r="S34" s="657"/>
      <c r="T34" s="516">
        <v>17719763</v>
      </c>
      <c r="U34" s="516"/>
      <c r="V34" s="657" t="s">
        <v>64</v>
      </c>
      <c r="W34" s="723">
        <f t="shared" si="43"/>
        <v>0</v>
      </c>
      <c r="X34" s="745">
        <f t="shared" si="44"/>
        <v>17719763</v>
      </c>
      <c r="Y34" s="723" t="s">
        <v>3106</v>
      </c>
      <c r="Z34" s="723"/>
      <c r="AA34" s="712" t="s">
        <v>65</v>
      </c>
      <c r="AB34" s="516"/>
      <c r="AC34" s="516"/>
      <c r="AD34" s="516"/>
      <c r="AE34" s="516"/>
      <c r="AF34" s="516"/>
      <c r="AG34" s="516"/>
      <c r="AH34" s="516"/>
      <c r="AI34" s="516"/>
      <c r="AJ34" s="516"/>
      <c r="AK34" s="516"/>
      <c r="AL34" s="516"/>
      <c r="AM34" s="516"/>
      <c r="AN34" s="516"/>
      <c r="AO34" s="516"/>
      <c r="AP34" s="516"/>
      <c r="AQ34" s="516"/>
      <c r="AR34" s="516"/>
      <c r="AS34" s="516"/>
      <c r="AT34" s="516"/>
      <c r="AU34" s="516"/>
      <c r="AV34" s="516"/>
      <c r="AW34" s="516"/>
      <c r="AX34" s="516"/>
      <c r="AY34" s="516"/>
      <c r="AZ34" s="516"/>
      <c r="BA34" s="516"/>
      <c r="BB34" s="516"/>
      <c r="BC34" s="516"/>
      <c r="BD34" s="516"/>
      <c r="BE34" s="516"/>
      <c r="BF34" s="516"/>
      <c r="BG34" s="516"/>
      <c r="BH34" s="516"/>
      <c r="BI34" s="516"/>
      <c r="BJ34" s="516"/>
      <c r="BK34" s="516"/>
      <c r="BL34" s="516"/>
      <c r="BM34" s="516"/>
      <c r="BN34" s="516"/>
      <c r="BO34" s="516"/>
      <c r="BP34" s="516"/>
      <c r="BQ34" s="516" t="s">
        <v>66</v>
      </c>
      <c r="BR34" s="516"/>
      <c r="BS34" s="884">
        <f t="shared" si="5"/>
        <v>2400</v>
      </c>
      <c r="BT34" s="661">
        <f t="shared" si="6"/>
        <v>7383.2345833333329</v>
      </c>
      <c r="BU34" s="661"/>
      <c r="BV34" s="898" t="str">
        <f t="shared" si="7"/>
        <v/>
      </c>
      <c r="BW34" s="898" t="str">
        <f t="shared" si="8"/>
        <v/>
      </c>
      <c r="BX34" s="898" t="str">
        <f t="shared" si="9"/>
        <v/>
      </c>
      <c r="BY34" s="898" t="str">
        <f t="shared" si="10"/>
        <v/>
      </c>
      <c r="BZ34" s="898" t="str">
        <f t="shared" si="11"/>
        <v/>
      </c>
      <c r="CA34" s="898" t="str">
        <f t="shared" si="12"/>
        <v/>
      </c>
      <c r="CB34" s="898" t="str">
        <f t="shared" si="13"/>
        <v/>
      </c>
      <c r="CC34" s="898" t="str">
        <f t="shared" si="14"/>
        <v/>
      </c>
      <c r="CD34" s="898" t="str">
        <f t="shared" si="15"/>
        <v/>
      </c>
      <c r="CE34" s="898" t="str">
        <f t="shared" si="16"/>
        <v/>
      </c>
      <c r="CF34" s="898" t="str">
        <f t="shared" si="17"/>
        <v/>
      </c>
      <c r="CG34" s="898" t="str">
        <f t="shared" si="18"/>
        <v/>
      </c>
      <c r="CH34" s="898" t="str">
        <f t="shared" si="19"/>
        <v/>
      </c>
      <c r="CI34" s="898" t="str">
        <f t="shared" si="20"/>
        <v/>
      </c>
      <c r="CJ34" s="898" t="str">
        <f t="shared" si="21"/>
        <v/>
      </c>
      <c r="CK34" s="898" t="str">
        <f t="shared" si="22"/>
        <v/>
      </c>
      <c r="CL34" s="898" t="str">
        <f t="shared" si="23"/>
        <v/>
      </c>
      <c r="CM34" s="898" t="str">
        <f t="shared" si="24"/>
        <v/>
      </c>
      <c r="CN34" s="898" t="str">
        <f t="shared" si="25"/>
        <v/>
      </c>
      <c r="CO34" s="898" t="str">
        <f t="shared" si="26"/>
        <v/>
      </c>
      <c r="CP34" s="898" t="str">
        <f t="shared" si="27"/>
        <v/>
      </c>
      <c r="CQ34" s="898" t="str">
        <f t="shared" si="28"/>
        <v/>
      </c>
      <c r="CR34" s="898" t="str">
        <f t="shared" si="29"/>
        <v/>
      </c>
      <c r="CS34" s="898" t="str">
        <f t="shared" si="30"/>
        <v/>
      </c>
      <c r="CT34" s="898" t="str">
        <f t="shared" si="31"/>
        <v/>
      </c>
      <c r="CU34" s="898" t="str">
        <f t="shared" si="32"/>
        <v/>
      </c>
      <c r="CV34" s="898" t="str">
        <f t="shared" si="33"/>
        <v/>
      </c>
      <c r="CW34" s="898" t="str">
        <f t="shared" si="34"/>
        <v/>
      </c>
      <c r="CX34" s="898" t="str">
        <f t="shared" si="35"/>
        <v/>
      </c>
      <c r="CY34" s="898" t="str">
        <f t="shared" si="36"/>
        <v/>
      </c>
      <c r="CZ34" s="898" t="str">
        <f t="shared" si="37"/>
        <v/>
      </c>
      <c r="DA34" s="516"/>
      <c r="DB34" s="516"/>
      <c r="DC34" s="516"/>
      <c r="DD34" s="516"/>
      <c r="DE34" s="516"/>
      <c r="DF34" s="516"/>
      <c r="DG34" s="516"/>
      <c r="DH34" s="516"/>
      <c r="DI34" s="516"/>
      <c r="DJ34" s="516"/>
      <c r="DK34" s="898">
        <f>X34</f>
        <v>17719763</v>
      </c>
      <c r="DL34" s="516"/>
      <c r="DM34" s="661">
        <f t="shared" si="38"/>
        <v>0</v>
      </c>
      <c r="DN34" s="898">
        <f t="shared" si="39"/>
        <v>17719763</v>
      </c>
      <c r="DO34" s="516">
        <f t="shared" si="40"/>
        <v>0</v>
      </c>
      <c r="DP34" s="898">
        <f t="shared" si="41"/>
        <v>0</v>
      </c>
      <c r="DQ34" s="522" t="s">
        <v>3425</v>
      </c>
      <c r="DR34" s="34" t="s">
        <v>3426</v>
      </c>
      <c r="DS34" s="1215" t="s">
        <v>3427</v>
      </c>
      <c r="DT34" s="632"/>
    </row>
    <row r="35" spans="1:124" s="137" customFormat="1" ht="128.25" x14ac:dyDescent="0.2">
      <c r="A35" s="484" t="str">
        <f t="shared" si="2"/>
        <v>New Primary School Provision with nursery at East Hemel Hempstead (South) (H4)</v>
      </c>
      <c r="B35" s="1163">
        <v>32</v>
      </c>
      <c r="C35" s="511" t="s">
        <v>3432</v>
      </c>
      <c r="D35" s="511" t="s">
        <v>3207</v>
      </c>
      <c r="E35" s="511" t="s">
        <v>1385</v>
      </c>
      <c r="F35" s="481" t="s">
        <v>54</v>
      </c>
      <c r="G35" s="515" t="s">
        <v>55</v>
      </c>
      <c r="H35" s="513" t="s">
        <v>3431</v>
      </c>
      <c r="I35" s="515"/>
      <c r="J35" s="513" t="s">
        <v>3433</v>
      </c>
      <c r="K35" s="657" t="s">
        <v>3104</v>
      </c>
      <c r="L35" s="515" t="s">
        <v>1377</v>
      </c>
      <c r="M35" s="663" t="s">
        <v>3325</v>
      </c>
      <c r="N35" s="515" t="s">
        <v>543</v>
      </c>
      <c r="O35" s="654" t="s">
        <v>3051</v>
      </c>
      <c r="P35" s="654" t="s">
        <v>61</v>
      </c>
      <c r="Q35" s="515" t="s">
        <v>3424</v>
      </c>
      <c r="R35" s="657"/>
      <c r="S35" s="657"/>
      <c r="T35" s="723">
        <v>11813175</v>
      </c>
      <c r="U35" s="516"/>
      <c r="V35" s="657" t="s">
        <v>64</v>
      </c>
      <c r="W35" s="723">
        <f t="shared" si="43"/>
        <v>0</v>
      </c>
      <c r="X35" s="745">
        <f t="shared" si="44"/>
        <v>11813175</v>
      </c>
      <c r="Y35" s="723" t="s">
        <v>3106</v>
      </c>
      <c r="Z35" s="723"/>
      <c r="AA35" s="712" t="s">
        <v>65</v>
      </c>
      <c r="AB35" s="516"/>
      <c r="AC35" s="516"/>
      <c r="AD35" s="516"/>
      <c r="AE35" s="516"/>
      <c r="AF35" s="516"/>
      <c r="AG35" s="516"/>
      <c r="AH35" s="516"/>
      <c r="AI35" s="516"/>
      <c r="AJ35" s="516"/>
      <c r="AK35" s="516"/>
      <c r="AL35" s="516"/>
      <c r="AM35" s="516"/>
      <c r="AN35" s="516"/>
      <c r="AO35" s="516"/>
      <c r="AP35" s="516"/>
      <c r="AQ35" s="516"/>
      <c r="AR35" s="516"/>
      <c r="AS35" s="516"/>
      <c r="AT35" s="516"/>
      <c r="AU35" s="516"/>
      <c r="AV35" s="516"/>
      <c r="AW35" s="516"/>
      <c r="AX35" s="516"/>
      <c r="AY35" s="516"/>
      <c r="AZ35" s="516"/>
      <c r="BA35" s="516"/>
      <c r="BB35" s="516"/>
      <c r="BC35" s="516"/>
      <c r="BD35" s="516"/>
      <c r="BE35" s="516"/>
      <c r="BF35" s="516"/>
      <c r="BG35" s="516"/>
      <c r="BH35" s="516"/>
      <c r="BI35" s="516"/>
      <c r="BJ35" s="516"/>
      <c r="BK35" s="516"/>
      <c r="BL35" s="516"/>
      <c r="BM35" s="516"/>
      <c r="BN35" s="516"/>
      <c r="BO35" s="516"/>
      <c r="BP35" s="516"/>
      <c r="BQ35" s="516" t="s">
        <v>66</v>
      </c>
      <c r="BR35" s="516"/>
      <c r="BS35" s="884">
        <f t="shared" si="5"/>
        <v>2400</v>
      </c>
      <c r="BT35" s="661">
        <f t="shared" si="6"/>
        <v>4922.15625</v>
      </c>
      <c r="BU35" s="661"/>
      <c r="BV35" s="898" t="str">
        <f t="shared" si="7"/>
        <v/>
      </c>
      <c r="BW35" s="898" t="str">
        <f t="shared" si="8"/>
        <v/>
      </c>
      <c r="BX35" s="898" t="str">
        <f t="shared" si="9"/>
        <v/>
      </c>
      <c r="BY35" s="898" t="str">
        <f t="shared" si="10"/>
        <v/>
      </c>
      <c r="BZ35" s="898" t="str">
        <f t="shared" si="11"/>
        <v/>
      </c>
      <c r="CA35" s="898" t="str">
        <f t="shared" si="12"/>
        <v/>
      </c>
      <c r="CB35" s="898" t="str">
        <f t="shared" si="13"/>
        <v/>
      </c>
      <c r="CC35" s="898" t="str">
        <f t="shared" si="14"/>
        <v/>
      </c>
      <c r="CD35" s="898" t="str">
        <f t="shared" si="15"/>
        <v/>
      </c>
      <c r="CE35" s="898" t="str">
        <f t="shared" si="16"/>
        <v/>
      </c>
      <c r="CF35" s="898" t="str">
        <f t="shared" si="17"/>
        <v/>
      </c>
      <c r="CG35" s="898" t="str">
        <f t="shared" si="18"/>
        <v/>
      </c>
      <c r="CH35" s="898" t="str">
        <f t="shared" si="19"/>
        <v/>
      </c>
      <c r="CI35" s="898" t="str">
        <f t="shared" si="20"/>
        <v/>
      </c>
      <c r="CJ35" s="898" t="str">
        <f t="shared" si="21"/>
        <v/>
      </c>
      <c r="CK35" s="898" t="str">
        <f t="shared" si="22"/>
        <v/>
      </c>
      <c r="CL35" s="898" t="str">
        <f t="shared" si="23"/>
        <v/>
      </c>
      <c r="CM35" s="898" t="str">
        <f t="shared" si="24"/>
        <v/>
      </c>
      <c r="CN35" s="898" t="str">
        <f t="shared" si="25"/>
        <v/>
      </c>
      <c r="CO35" s="898" t="str">
        <f t="shared" si="26"/>
        <v/>
      </c>
      <c r="CP35" s="898" t="str">
        <f t="shared" si="27"/>
        <v/>
      </c>
      <c r="CQ35" s="898" t="str">
        <f t="shared" si="28"/>
        <v/>
      </c>
      <c r="CR35" s="898" t="str">
        <f t="shared" si="29"/>
        <v/>
      </c>
      <c r="CS35" s="898" t="str">
        <f t="shared" si="30"/>
        <v/>
      </c>
      <c r="CT35" s="898" t="str">
        <f t="shared" si="31"/>
        <v/>
      </c>
      <c r="CU35" s="898" t="str">
        <f t="shared" si="32"/>
        <v/>
      </c>
      <c r="CV35" s="898" t="str">
        <f t="shared" si="33"/>
        <v/>
      </c>
      <c r="CW35" s="898" t="str">
        <f t="shared" si="34"/>
        <v/>
      </c>
      <c r="CX35" s="898" t="str">
        <f t="shared" si="35"/>
        <v/>
      </c>
      <c r="CY35" s="898" t="str">
        <f t="shared" si="36"/>
        <v/>
      </c>
      <c r="CZ35" s="898" t="str">
        <f t="shared" si="37"/>
        <v/>
      </c>
      <c r="DA35" s="516"/>
      <c r="DB35" s="516"/>
      <c r="DC35" s="516"/>
      <c r="DD35" s="516"/>
      <c r="DE35" s="516"/>
      <c r="DF35" s="516"/>
      <c r="DG35" s="516"/>
      <c r="DH35" s="516"/>
      <c r="DI35" s="516"/>
      <c r="DJ35" s="516"/>
      <c r="DK35" s="898">
        <f>X35</f>
        <v>11813175</v>
      </c>
      <c r="DL35" s="516"/>
      <c r="DM35" s="661">
        <f t="shared" si="38"/>
        <v>0</v>
      </c>
      <c r="DN35" s="898">
        <f t="shared" si="39"/>
        <v>11813175</v>
      </c>
      <c r="DO35" s="516">
        <f t="shared" si="40"/>
        <v>0</v>
      </c>
      <c r="DP35" s="898">
        <f t="shared" si="41"/>
        <v>0</v>
      </c>
      <c r="DQ35" s="522" t="s">
        <v>3425</v>
      </c>
      <c r="DR35" s="34" t="s">
        <v>3426</v>
      </c>
      <c r="DS35" s="1215" t="s">
        <v>3427</v>
      </c>
      <c r="DT35" s="632"/>
    </row>
    <row r="36" spans="1:124" s="137" customFormat="1" ht="128.25" x14ac:dyDescent="0.2">
      <c r="A36" s="484" t="str">
        <f t="shared" si="2"/>
        <v>New Primary School Provision at North Hemel Hempstead (Hm01)</v>
      </c>
      <c r="B36" s="1163">
        <v>33</v>
      </c>
      <c r="C36" s="511" t="s">
        <v>3434</v>
      </c>
      <c r="D36" s="481" t="s">
        <v>2481</v>
      </c>
      <c r="E36" s="481" t="s">
        <v>53</v>
      </c>
      <c r="F36" s="481" t="s">
        <v>54</v>
      </c>
      <c r="G36" s="654" t="s">
        <v>55</v>
      </c>
      <c r="H36" s="484" t="s">
        <v>3435</v>
      </c>
      <c r="I36" s="654"/>
      <c r="J36" s="484" t="s">
        <v>3436</v>
      </c>
      <c r="K36" s="654" t="s">
        <v>3104</v>
      </c>
      <c r="L36" s="657" t="s">
        <v>1360</v>
      </c>
      <c r="M36" s="654" t="s">
        <v>3027</v>
      </c>
      <c r="N36" s="654" t="s">
        <v>60</v>
      </c>
      <c r="O36" s="654" t="s">
        <v>3051</v>
      </c>
      <c r="P36" s="654" t="s">
        <v>61</v>
      </c>
      <c r="Q36" s="654" t="s">
        <v>62</v>
      </c>
      <c r="R36" s="654"/>
      <c r="S36" s="654"/>
      <c r="T36" s="723">
        <v>53159289</v>
      </c>
      <c r="U36" s="723"/>
      <c r="V36" s="654" t="s">
        <v>64</v>
      </c>
      <c r="W36" s="723">
        <f t="shared" si="43"/>
        <v>0</v>
      </c>
      <c r="X36" s="745">
        <f t="shared" si="44"/>
        <v>53159289</v>
      </c>
      <c r="Y36" s="723" t="s">
        <v>3106</v>
      </c>
      <c r="Z36" s="723"/>
      <c r="AA36" s="712" t="s">
        <v>65</v>
      </c>
      <c r="AB36" s="746" t="s">
        <v>66</v>
      </c>
      <c r="AC36" s="883"/>
      <c r="AD36" s="883"/>
      <c r="AE36" s="883"/>
      <c r="AF36" s="883"/>
      <c r="AG36" s="883"/>
      <c r="AH36" s="883"/>
      <c r="AI36" s="883"/>
      <c r="AJ36" s="883"/>
      <c r="AK36" s="883"/>
      <c r="AL36" s="883"/>
      <c r="AM36" s="883"/>
      <c r="AN36" s="883"/>
      <c r="AO36" s="883"/>
      <c r="AP36" s="883"/>
      <c r="AQ36" s="883"/>
      <c r="AR36" s="883"/>
      <c r="AS36" s="883"/>
      <c r="AT36" s="883"/>
      <c r="AU36" s="883"/>
      <c r="AV36" s="883"/>
      <c r="AW36" s="883"/>
      <c r="AX36" s="883"/>
      <c r="AY36" s="883"/>
      <c r="AZ36" s="883"/>
      <c r="BA36" s="883"/>
      <c r="BB36" s="883"/>
      <c r="BC36" s="883"/>
      <c r="BD36" s="883"/>
      <c r="BE36" s="883"/>
      <c r="BF36" s="883"/>
      <c r="BG36" s="746"/>
      <c r="BH36" s="746"/>
      <c r="BI36" s="746"/>
      <c r="BJ36" s="746"/>
      <c r="BK36" s="746"/>
      <c r="BL36" s="746"/>
      <c r="BM36" s="746"/>
      <c r="BN36" s="746"/>
      <c r="BO36" s="746"/>
      <c r="BP36" s="746"/>
      <c r="BQ36" s="746"/>
      <c r="BR36" s="746"/>
      <c r="BS36" s="884">
        <f t="shared" si="5"/>
        <v>5000</v>
      </c>
      <c r="BT36" s="661">
        <f t="shared" ref="BT36:BT67" si="47">X36/BS36</f>
        <v>10631.8578</v>
      </c>
      <c r="BU36" s="661"/>
      <c r="BV36" s="898">
        <f t="shared" si="7"/>
        <v>53159289</v>
      </c>
      <c r="BW36" s="898" t="str">
        <f t="shared" si="8"/>
        <v/>
      </c>
      <c r="BX36" s="898" t="str">
        <f t="shared" si="9"/>
        <v/>
      </c>
      <c r="BY36" s="898" t="str">
        <f t="shared" si="10"/>
        <v/>
      </c>
      <c r="BZ36" s="898" t="str">
        <f t="shared" si="11"/>
        <v/>
      </c>
      <c r="CA36" s="898" t="str">
        <f t="shared" si="12"/>
        <v/>
      </c>
      <c r="CB36" s="898" t="str">
        <f t="shared" si="13"/>
        <v/>
      </c>
      <c r="CC36" s="898" t="str">
        <f t="shared" si="14"/>
        <v/>
      </c>
      <c r="CD36" s="898" t="str">
        <f t="shared" si="15"/>
        <v/>
      </c>
      <c r="CE36" s="898" t="str">
        <f t="shared" si="16"/>
        <v/>
      </c>
      <c r="CF36" s="898" t="str">
        <f t="shared" si="17"/>
        <v/>
      </c>
      <c r="CG36" s="898" t="str">
        <f t="shared" si="18"/>
        <v/>
      </c>
      <c r="CH36" s="898" t="str">
        <f t="shared" si="19"/>
        <v/>
      </c>
      <c r="CI36" s="898" t="str">
        <f t="shared" si="20"/>
        <v/>
      </c>
      <c r="CJ36" s="898" t="str">
        <f t="shared" si="21"/>
        <v/>
      </c>
      <c r="CK36" s="898" t="str">
        <f t="shared" si="22"/>
        <v/>
      </c>
      <c r="CL36" s="898" t="str">
        <f t="shared" si="23"/>
        <v/>
      </c>
      <c r="CM36" s="898" t="str">
        <f t="shared" si="24"/>
        <v/>
      </c>
      <c r="CN36" s="898" t="str">
        <f t="shared" si="25"/>
        <v/>
      </c>
      <c r="CO36" s="898" t="str">
        <f t="shared" si="26"/>
        <v/>
      </c>
      <c r="CP36" s="898" t="str">
        <f t="shared" si="27"/>
        <v/>
      </c>
      <c r="CQ36" s="898" t="str">
        <f t="shared" si="28"/>
        <v/>
      </c>
      <c r="CR36" s="898" t="str">
        <f t="shared" si="29"/>
        <v/>
      </c>
      <c r="CS36" s="898" t="str">
        <f t="shared" si="30"/>
        <v/>
      </c>
      <c r="CT36" s="898" t="str">
        <f t="shared" si="31"/>
        <v/>
      </c>
      <c r="CU36" s="898" t="str">
        <f t="shared" si="32"/>
        <v/>
      </c>
      <c r="CV36" s="898" t="str">
        <f t="shared" si="33"/>
        <v/>
      </c>
      <c r="CW36" s="898" t="str">
        <f t="shared" si="34"/>
        <v/>
      </c>
      <c r="CX36" s="898" t="str">
        <f t="shared" si="35"/>
        <v/>
      </c>
      <c r="CY36" s="898" t="str">
        <f t="shared" si="36"/>
        <v/>
      </c>
      <c r="CZ36" s="898" t="str">
        <f t="shared" si="37"/>
        <v/>
      </c>
      <c r="DA36" s="898"/>
      <c r="DB36" s="898"/>
      <c r="DC36" s="898"/>
      <c r="DD36" s="898"/>
      <c r="DE36" s="898"/>
      <c r="DF36" s="898"/>
      <c r="DG36" s="898"/>
      <c r="DH36" s="898"/>
      <c r="DI36" s="898"/>
      <c r="DJ36" s="898"/>
      <c r="DK36" s="898"/>
      <c r="DL36" s="898"/>
      <c r="DM36" s="661">
        <f t="shared" si="38"/>
        <v>53159289</v>
      </c>
      <c r="DN36" s="898">
        <f t="shared" si="39"/>
        <v>0</v>
      </c>
      <c r="DO36" s="516">
        <f t="shared" si="40"/>
        <v>0</v>
      </c>
      <c r="DP36" s="898">
        <f t="shared" si="41"/>
        <v>0</v>
      </c>
      <c r="DQ36" s="522" t="s">
        <v>3425</v>
      </c>
      <c r="DR36" s="34" t="s">
        <v>3426</v>
      </c>
      <c r="DS36" s="1215" t="s">
        <v>3427</v>
      </c>
      <c r="DT36" s="632"/>
    </row>
    <row r="37" spans="1:124" s="137" customFormat="1" ht="128.25" x14ac:dyDescent="0.2">
      <c r="A37" s="484" t="str">
        <f t="shared" si="2"/>
        <v>New Primary School Provision at North Hemel Hempstead (Hm01)</v>
      </c>
      <c r="B37" s="1163">
        <v>34</v>
      </c>
      <c r="C37" s="511" t="s">
        <v>3437</v>
      </c>
      <c r="D37" s="481" t="s">
        <v>2481</v>
      </c>
      <c r="E37" s="481" t="s">
        <v>53</v>
      </c>
      <c r="F37" s="481" t="s">
        <v>54</v>
      </c>
      <c r="G37" s="654" t="s">
        <v>55</v>
      </c>
      <c r="H37" s="484" t="s">
        <v>3435</v>
      </c>
      <c r="I37" s="654"/>
      <c r="J37" s="484" t="s">
        <v>3438</v>
      </c>
      <c r="K37" s="657" t="s">
        <v>3104</v>
      </c>
      <c r="L37" s="657" t="s">
        <v>1360</v>
      </c>
      <c r="M37" s="654" t="s">
        <v>3027</v>
      </c>
      <c r="N37" s="654" t="s">
        <v>60</v>
      </c>
      <c r="O37" s="654" t="s">
        <v>3051</v>
      </c>
      <c r="P37" s="654" t="s">
        <v>61</v>
      </c>
      <c r="Q37" s="654" t="s">
        <v>62</v>
      </c>
      <c r="R37" s="657"/>
      <c r="S37" s="657"/>
      <c r="T37" s="723">
        <v>11813175</v>
      </c>
      <c r="U37" s="723"/>
      <c r="V37" s="657" t="s">
        <v>64</v>
      </c>
      <c r="W37" s="723">
        <f t="shared" si="43"/>
        <v>0</v>
      </c>
      <c r="X37" s="745">
        <f t="shared" si="44"/>
        <v>11813175</v>
      </c>
      <c r="Y37" s="723" t="s">
        <v>3106</v>
      </c>
      <c r="Z37" s="723"/>
      <c r="AA37" s="712" t="s">
        <v>65</v>
      </c>
      <c r="AB37" s="746" t="s">
        <v>66</v>
      </c>
      <c r="AC37" s="883"/>
      <c r="AD37" s="883"/>
      <c r="AE37" s="883"/>
      <c r="AF37" s="883"/>
      <c r="AG37" s="883"/>
      <c r="AH37" s="883"/>
      <c r="AI37" s="883"/>
      <c r="AJ37" s="883"/>
      <c r="AK37" s="883"/>
      <c r="AL37" s="883"/>
      <c r="AM37" s="883"/>
      <c r="AN37" s="883"/>
      <c r="AO37" s="883"/>
      <c r="AP37" s="883"/>
      <c r="AQ37" s="883"/>
      <c r="AR37" s="883"/>
      <c r="AS37" s="883"/>
      <c r="AT37" s="883"/>
      <c r="AU37" s="883"/>
      <c r="AV37" s="883"/>
      <c r="AW37" s="883"/>
      <c r="AX37" s="883"/>
      <c r="AY37" s="883"/>
      <c r="AZ37" s="883"/>
      <c r="BA37" s="883"/>
      <c r="BB37" s="883"/>
      <c r="BC37" s="883"/>
      <c r="BD37" s="883"/>
      <c r="BE37" s="883"/>
      <c r="BF37" s="883"/>
      <c r="BG37" s="746"/>
      <c r="BH37" s="746"/>
      <c r="BI37" s="746"/>
      <c r="BJ37" s="746"/>
      <c r="BK37" s="746"/>
      <c r="BL37" s="746"/>
      <c r="BM37" s="746"/>
      <c r="BN37" s="746"/>
      <c r="BO37" s="746"/>
      <c r="BP37" s="746"/>
      <c r="BQ37" s="746"/>
      <c r="BR37" s="746"/>
      <c r="BS37" s="884">
        <f t="shared" si="5"/>
        <v>5000</v>
      </c>
      <c r="BT37" s="661">
        <f t="shared" si="47"/>
        <v>2362.6350000000002</v>
      </c>
      <c r="BU37" s="661"/>
      <c r="BV37" s="898">
        <f t="shared" si="7"/>
        <v>11813175.000000002</v>
      </c>
      <c r="BW37" s="898" t="str">
        <f t="shared" si="8"/>
        <v/>
      </c>
      <c r="BX37" s="898" t="str">
        <f t="shared" si="9"/>
        <v/>
      </c>
      <c r="BY37" s="898" t="str">
        <f t="shared" si="10"/>
        <v/>
      </c>
      <c r="BZ37" s="898" t="str">
        <f t="shared" si="11"/>
        <v/>
      </c>
      <c r="CA37" s="898" t="str">
        <f t="shared" si="12"/>
        <v/>
      </c>
      <c r="CB37" s="898" t="str">
        <f t="shared" si="13"/>
        <v/>
      </c>
      <c r="CC37" s="898" t="str">
        <f t="shared" si="14"/>
        <v/>
      </c>
      <c r="CD37" s="898" t="str">
        <f t="shared" si="15"/>
        <v/>
      </c>
      <c r="CE37" s="898" t="str">
        <f t="shared" si="16"/>
        <v/>
      </c>
      <c r="CF37" s="898" t="str">
        <f t="shared" si="17"/>
        <v/>
      </c>
      <c r="CG37" s="898" t="str">
        <f t="shared" si="18"/>
        <v/>
      </c>
      <c r="CH37" s="898" t="str">
        <f t="shared" si="19"/>
        <v/>
      </c>
      <c r="CI37" s="898" t="str">
        <f t="shared" si="20"/>
        <v/>
      </c>
      <c r="CJ37" s="898" t="str">
        <f t="shared" si="21"/>
        <v/>
      </c>
      <c r="CK37" s="898" t="str">
        <f t="shared" si="22"/>
        <v/>
      </c>
      <c r="CL37" s="898" t="str">
        <f t="shared" si="23"/>
        <v/>
      </c>
      <c r="CM37" s="898" t="str">
        <f t="shared" si="24"/>
        <v/>
      </c>
      <c r="CN37" s="898" t="str">
        <f t="shared" si="25"/>
        <v/>
      </c>
      <c r="CO37" s="898" t="str">
        <f t="shared" si="26"/>
        <v/>
      </c>
      <c r="CP37" s="898" t="str">
        <f t="shared" si="27"/>
        <v/>
      </c>
      <c r="CQ37" s="898" t="str">
        <f t="shared" si="28"/>
        <v/>
      </c>
      <c r="CR37" s="898" t="str">
        <f t="shared" si="29"/>
        <v/>
      </c>
      <c r="CS37" s="898" t="str">
        <f t="shared" si="30"/>
        <v/>
      </c>
      <c r="CT37" s="898" t="str">
        <f t="shared" si="31"/>
        <v/>
      </c>
      <c r="CU37" s="898" t="str">
        <f t="shared" si="32"/>
        <v/>
      </c>
      <c r="CV37" s="898" t="str">
        <f t="shared" si="33"/>
        <v/>
      </c>
      <c r="CW37" s="898" t="str">
        <f t="shared" si="34"/>
        <v/>
      </c>
      <c r="CX37" s="898" t="str">
        <f t="shared" si="35"/>
        <v/>
      </c>
      <c r="CY37" s="898" t="str">
        <f t="shared" si="36"/>
        <v/>
      </c>
      <c r="CZ37" s="898" t="str">
        <f t="shared" si="37"/>
        <v/>
      </c>
      <c r="DA37" s="898"/>
      <c r="DB37" s="898"/>
      <c r="DC37" s="898"/>
      <c r="DD37" s="898"/>
      <c r="DE37" s="898"/>
      <c r="DF37" s="898"/>
      <c r="DG37" s="898"/>
      <c r="DH37" s="898"/>
      <c r="DI37" s="898"/>
      <c r="DJ37" s="898"/>
      <c r="DK37" s="898"/>
      <c r="DL37" s="898"/>
      <c r="DM37" s="661">
        <f t="shared" si="38"/>
        <v>11813175.000000002</v>
      </c>
      <c r="DN37" s="898">
        <f t="shared" si="39"/>
        <v>0</v>
      </c>
      <c r="DO37" s="516">
        <f t="shared" si="40"/>
        <v>0</v>
      </c>
      <c r="DP37" s="898">
        <f t="shared" si="41"/>
        <v>0</v>
      </c>
      <c r="DQ37" s="522" t="s">
        <v>3425</v>
      </c>
      <c r="DR37" s="34" t="s">
        <v>3426</v>
      </c>
      <c r="DS37" s="1215" t="s">
        <v>3427</v>
      </c>
      <c r="DT37" s="632"/>
    </row>
    <row r="38" spans="1:124" s="137" customFormat="1" ht="186.6" customHeight="1" x14ac:dyDescent="0.2">
      <c r="A38" s="484" t="str">
        <f t="shared" si="2"/>
        <v>New Primary School Provision at Hemel Hempstead Hospital / Market Square (Hm03)</v>
      </c>
      <c r="B38" s="1163">
        <v>35</v>
      </c>
      <c r="C38" s="511" t="s">
        <v>3439</v>
      </c>
      <c r="D38" s="481" t="s">
        <v>2481</v>
      </c>
      <c r="E38" s="481" t="s">
        <v>53</v>
      </c>
      <c r="F38" s="481" t="s">
        <v>54</v>
      </c>
      <c r="G38" s="654" t="s">
        <v>55</v>
      </c>
      <c r="H38" s="484" t="s">
        <v>3440</v>
      </c>
      <c r="I38" s="654"/>
      <c r="J38" s="484" t="s">
        <v>3441</v>
      </c>
      <c r="K38" s="657" t="s">
        <v>3104</v>
      </c>
      <c r="L38" s="657" t="s">
        <v>1362</v>
      </c>
      <c r="M38" s="654" t="s">
        <v>2996</v>
      </c>
      <c r="N38" s="654" t="s">
        <v>60</v>
      </c>
      <c r="O38" s="654" t="s">
        <v>3051</v>
      </c>
      <c r="P38" s="654" t="s">
        <v>77</v>
      </c>
      <c r="Q38" s="654" t="s">
        <v>181</v>
      </c>
      <c r="R38" s="657"/>
      <c r="S38" s="657"/>
      <c r="T38" s="516">
        <v>17719763</v>
      </c>
      <c r="U38" s="723"/>
      <c r="V38" s="657" t="s">
        <v>64</v>
      </c>
      <c r="W38" s="723">
        <f t="shared" si="43"/>
        <v>0</v>
      </c>
      <c r="X38" s="745">
        <f t="shared" si="44"/>
        <v>17719763</v>
      </c>
      <c r="Y38" s="723" t="s">
        <v>3106</v>
      </c>
      <c r="Z38" s="723"/>
      <c r="AA38" s="712" t="s">
        <v>65</v>
      </c>
      <c r="AB38" s="883"/>
      <c r="AC38" s="883"/>
      <c r="AD38" s="746" t="s">
        <v>66</v>
      </c>
      <c r="AE38" s="746" t="s">
        <v>66</v>
      </c>
      <c r="AF38" s="746" t="s">
        <v>66</v>
      </c>
      <c r="AG38" s="883"/>
      <c r="AH38" s="883"/>
      <c r="AI38" s="883"/>
      <c r="AJ38" s="883"/>
      <c r="AK38" s="883"/>
      <c r="AL38" s="883"/>
      <c r="AM38" s="883"/>
      <c r="AN38" s="883"/>
      <c r="AO38" s="883"/>
      <c r="AP38" s="883"/>
      <c r="AQ38" s="883"/>
      <c r="AR38" s="883"/>
      <c r="AS38" s="883"/>
      <c r="AT38" s="883"/>
      <c r="AU38" s="883"/>
      <c r="AV38" s="883"/>
      <c r="AW38" s="883"/>
      <c r="AX38" s="883"/>
      <c r="AY38" s="883"/>
      <c r="AZ38" s="883"/>
      <c r="BA38" s="883"/>
      <c r="BB38" s="883"/>
      <c r="BC38" s="883"/>
      <c r="BD38" s="883"/>
      <c r="BE38" s="883"/>
      <c r="BF38" s="883"/>
      <c r="BG38" s="746"/>
      <c r="BH38" s="746"/>
      <c r="BI38" s="746"/>
      <c r="BJ38" s="746"/>
      <c r="BK38" s="746"/>
      <c r="BL38" s="746"/>
      <c r="BM38" s="746"/>
      <c r="BN38" s="746"/>
      <c r="BO38" s="746"/>
      <c r="BP38" s="746"/>
      <c r="BQ38" s="746"/>
      <c r="BR38" s="746"/>
      <c r="BS38" s="884">
        <f t="shared" si="5"/>
        <v>1300</v>
      </c>
      <c r="BT38" s="661">
        <f t="shared" si="47"/>
        <v>13630.586923076922</v>
      </c>
      <c r="BU38" s="661"/>
      <c r="BV38" s="898" t="str">
        <f t="shared" si="7"/>
        <v/>
      </c>
      <c r="BW38" s="898" t="str">
        <f t="shared" si="8"/>
        <v/>
      </c>
      <c r="BX38" s="898">
        <f t="shared" si="9"/>
        <v>6133764.115384615</v>
      </c>
      <c r="BY38" s="898">
        <f t="shared" si="10"/>
        <v>4770705.423076923</v>
      </c>
      <c r="BZ38" s="898">
        <f t="shared" si="11"/>
        <v>6815293.461538461</v>
      </c>
      <c r="CA38" s="898" t="str">
        <f t="shared" si="12"/>
        <v/>
      </c>
      <c r="CB38" s="898" t="str">
        <f t="shared" si="13"/>
        <v/>
      </c>
      <c r="CC38" s="898" t="str">
        <f t="shared" si="14"/>
        <v/>
      </c>
      <c r="CD38" s="898" t="str">
        <f t="shared" si="15"/>
        <v/>
      </c>
      <c r="CE38" s="898" t="str">
        <f t="shared" si="16"/>
        <v/>
      </c>
      <c r="CF38" s="898" t="str">
        <f t="shared" si="17"/>
        <v/>
      </c>
      <c r="CG38" s="898" t="str">
        <f t="shared" si="18"/>
        <v/>
      </c>
      <c r="CH38" s="898" t="str">
        <f t="shared" si="19"/>
        <v/>
      </c>
      <c r="CI38" s="898" t="str">
        <f t="shared" si="20"/>
        <v/>
      </c>
      <c r="CJ38" s="898" t="str">
        <f t="shared" si="21"/>
        <v/>
      </c>
      <c r="CK38" s="898" t="str">
        <f t="shared" si="22"/>
        <v/>
      </c>
      <c r="CL38" s="898" t="str">
        <f t="shared" si="23"/>
        <v/>
      </c>
      <c r="CM38" s="898" t="str">
        <f t="shared" si="24"/>
        <v/>
      </c>
      <c r="CN38" s="898" t="str">
        <f t="shared" si="25"/>
        <v/>
      </c>
      <c r="CO38" s="898" t="str">
        <f t="shared" si="26"/>
        <v/>
      </c>
      <c r="CP38" s="898" t="str">
        <f t="shared" si="27"/>
        <v/>
      </c>
      <c r="CQ38" s="898" t="str">
        <f t="shared" si="28"/>
        <v/>
      </c>
      <c r="CR38" s="898" t="str">
        <f t="shared" si="29"/>
        <v/>
      </c>
      <c r="CS38" s="898" t="str">
        <f t="shared" si="30"/>
        <v/>
      </c>
      <c r="CT38" s="898" t="str">
        <f t="shared" si="31"/>
        <v/>
      </c>
      <c r="CU38" s="898" t="str">
        <f t="shared" si="32"/>
        <v/>
      </c>
      <c r="CV38" s="898" t="str">
        <f t="shared" si="33"/>
        <v/>
      </c>
      <c r="CW38" s="898" t="str">
        <f t="shared" si="34"/>
        <v/>
      </c>
      <c r="CX38" s="898" t="str">
        <f t="shared" si="35"/>
        <v/>
      </c>
      <c r="CY38" s="898" t="str">
        <f t="shared" si="36"/>
        <v/>
      </c>
      <c r="CZ38" s="898" t="str">
        <f t="shared" si="37"/>
        <v/>
      </c>
      <c r="DA38" s="898"/>
      <c r="DB38" s="898"/>
      <c r="DC38" s="898"/>
      <c r="DD38" s="898"/>
      <c r="DE38" s="898"/>
      <c r="DF38" s="898"/>
      <c r="DG38" s="898"/>
      <c r="DH38" s="898"/>
      <c r="DI38" s="898"/>
      <c r="DJ38" s="898"/>
      <c r="DK38" s="898"/>
      <c r="DL38" s="898"/>
      <c r="DM38" s="661">
        <f t="shared" si="38"/>
        <v>17719763</v>
      </c>
      <c r="DN38" s="898">
        <f t="shared" si="39"/>
        <v>0</v>
      </c>
      <c r="DO38" s="516">
        <f t="shared" si="40"/>
        <v>0</v>
      </c>
      <c r="DP38" s="898">
        <f t="shared" si="41"/>
        <v>0</v>
      </c>
      <c r="DQ38" s="522" t="s">
        <v>3425</v>
      </c>
      <c r="DR38" s="483" t="s">
        <v>3442</v>
      </c>
      <c r="DS38" s="1215" t="s">
        <v>3427</v>
      </c>
      <c r="DT38" s="632"/>
    </row>
    <row r="39" spans="1:124" s="137" customFormat="1" ht="181.15" customHeight="1" x14ac:dyDescent="0.2">
      <c r="A39" s="484" t="str">
        <f t="shared" si="2"/>
        <v>New Primary School Provision in the Shendish Manor and Fairfields (Hm11)</v>
      </c>
      <c r="B39" s="1163">
        <v>36</v>
      </c>
      <c r="C39" s="481" t="s">
        <v>3443</v>
      </c>
      <c r="D39" s="481" t="s">
        <v>2481</v>
      </c>
      <c r="E39" s="481" t="s">
        <v>53</v>
      </c>
      <c r="F39" s="481" t="s">
        <v>54</v>
      </c>
      <c r="G39" s="654" t="s">
        <v>55</v>
      </c>
      <c r="H39" s="484" t="s">
        <v>3444</v>
      </c>
      <c r="I39" s="654"/>
      <c r="J39" s="484" t="s">
        <v>3445</v>
      </c>
      <c r="K39" s="657" t="s">
        <v>3104</v>
      </c>
      <c r="L39" s="657" t="s">
        <v>1369</v>
      </c>
      <c r="M39" s="654" t="s">
        <v>2996</v>
      </c>
      <c r="N39" s="654" t="s">
        <v>60</v>
      </c>
      <c r="O39" s="654" t="s">
        <v>3051</v>
      </c>
      <c r="P39" s="654" t="s">
        <v>61</v>
      </c>
      <c r="Q39" s="654" t="s">
        <v>159</v>
      </c>
      <c r="R39" s="657"/>
      <c r="S39" s="657"/>
      <c r="T39" s="723">
        <v>11813175</v>
      </c>
      <c r="U39" s="723"/>
      <c r="V39" s="657" t="s">
        <v>64</v>
      </c>
      <c r="W39" s="723">
        <f t="shared" si="43"/>
        <v>0</v>
      </c>
      <c r="X39" s="745">
        <f t="shared" si="44"/>
        <v>11813175</v>
      </c>
      <c r="Y39" s="723" t="s">
        <v>3106</v>
      </c>
      <c r="Z39" s="723"/>
      <c r="AA39" s="712" t="s">
        <v>65</v>
      </c>
      <c r="AB39" s="883"/>
      <c r="AC39" s="883"/>
      <c r="AD39" s="883"/>
      <c r="AE39" s="883"/>
      <c r="AF39" s="883"/>
      <c r="AG39" s="746" t="s">
        <v>66</v>
      </c>
      <c r="AH39" s="746" t="s">
        <v>66</v>
      </c>
      <c r="AI39" s="746" t="s">
        <v>66</v>
      </c>
      <c r="AJ39" s="746" t="s">
        <v>66</v>
      </c>
      <c r="AK39" s="746" t="s">
        <v>66</v>
      </c>
      <c r="AL39" s="883"/>
      <c r="AM39" s="883"/>
      <c r="AN39" s="883"/>
      <c r="AO39" s="883"/>
      <c r="AP39" s="883"/>
      <c r="AQ39" s="883"/>
      <c r="AR39" s="883"/>
      <c r="AS39" s="883"/>
      <c r="AT39" s="883"/>
      <c r="AU39" s="883"/>
      <c r="AV39" s="883"/>
      <c r="AW39" s="883"/>
      <c r="AX39" s="883"/>
      <c r="AY39" s="883"/>
      <c r="AZ39" s="883"/>
      <c r="BA39" s="883"/>
      <c r="BB39" s="883"/>
      <c r="BC39" s="883"/>
      <c r="BD39" s="883"/>
      <c r="BE39" s="883"/>
      <c r="BF39" s="883"/>
      <c r="BG39" s="746"/>
      <c r="BH39" s="746"/>
      <c r="BI39" s="746"/>
      <c r="BJ39" s="746"/>
      <c r="BK39" s="746"/>
      <c r="BL39" s="746"/>
      <c r="BM39" s="746"/>
      <c r="BN39" s="746"/>
      <c r="BO39" s="516"/>
      <c r="BP39" s="516"/>
      <c r="BQ39" s="516"/>
      <c r="BR39" s="746"/>
      <c r="BS39" s="884">
        <f t="shared" si="5"/>
        <v>1970</v>
      </c>
      <c r="BT39" s="661">
        <f t="shared" si="47"/>
        <v>5996.5355329949234</v>
      </c>
      <c r="BU39" s="661"/>
      <c r="BV39" s="898" t="str">
        <f t="shared" ref="BV39:BZ40" si="48">IF(AB39="yes",(AB$3*$BT39),"")</f>
        <v/>
      </c>
      <c r="BW39" s="898" t="str">
        <f t="shared" si="48"/>
        <v/>
      </c>
      <c r="BX39" s="898" t="str">
        <f t="shared" si="48"/>
        <v/>
      </c>
      <c r="BY39" s="898" t="str">
        <f t="shared" si="48"/>
        <v/>
      </c>
      <c r="BZ39" s="898" t="str">
        <f t="shared" si="48"/>
        <v/>
      </c>
      <c r="CA39" s="898">
        <v>2084678</v>
      </c>
      <c r="CB39" s="898">
        <v>434308</v>
      </c>
      <c r="CC39" s="898">
        <v>1693801</v>
      </c>
      <c r="CD39" s="898">
        <v>2171540</v>
      </c>
      <c r="CE39" s="898">
        <v>5428849</v>
      </c>
      <c r="CF39" s="898" t="str">
        <f t="shared" ref="CF39:CO40" si="49">IF(AL39="yes",(AL$3*$BT39),"")</f>
        <v/>
      </c>
      <c r="CG39" s="898" t="str">
        <f t="shared" si="49"/>
        <v/>
      </c>
      <c r="CH39" s="898" t="str">
        <f t="shared" si="49"/>
        <v/>
      </c>
      <c r="CI39" s="898" t="str">
        <f t="shared" si="49"/>
        <v/>
      </c>
      <c r="CJ39" s="898" t="str">
        <f t="shared" si="49"/>
        <v/>
      </c>
      <c r="CK39" s="898" t="str">
        <f t="shared" si="49"/>
        <v/>
      </c>
      <c r="CL39" s="898" t="str">
        <f t="shared" si="49"/>
        <v/>
      </c>
      <c r="CM39" s="898" t="str">
        <f t="shared" si="49"/>
        <v/>
      </c>
      <c r="CN39" s="898" t="str">
        <f t="shared" si="49"/>
        <v/>
      </c>
      <c r="CO39" s="898" t="str">
        <f t="shared" si="49"/>
        <v/>
      </c>
      <c r="CP39" s="898" t="str">
        <f t="shared" ref="CP39:CY40" si="50">IF(AV39="yes",(AV$3*$BT39),"")</f>
        <v/>
      </c>
      <c r="CQ39" s="898" t="str">
        <f t="shared" si="50"/>
        <v/>
      </c>
      <c r="CR39" s="898" t="str">
        <f t="shared" si="50"/>
        <v/>
      </c>
      <c r="CS39" s="898" t="str">
        <f t="shared" si="50"/>
        <v/>
      </c>
      <c r="CT39" s="898" t="str">
        <f t="shared" si="50"/>
        <v/>
      </c>
      <c r="CU39" s="898" t="str">
        <f t="shared" si="50"/>
        <v/>
      </c>
      <c r="CV39" s="898" t="str">
        <f t="shared" si="50"/>
        <v/>
      </c>
      <c r="CW39" s="898" t="str">
        <f t="shared" si="50"/>
        <v/>
      </c>
      <c r="CX39" s="898" t="str">
        <f t="shared" si="50"/>
        <v/>
      </c>
      <c r="CY39" s="898" t="str">
        <f t="shared" si="50"/>
        <v/>
      </c>
      <c r="CZ39" s="898" t="str">
        <f t="shared" ref="CZ39:CZ40" si="51">IF(BF39="yes",(BF$3*$BT39),"")</f>
        <v/>
      </c>
      <c r="DA39" s="898"/>
      <c r="DB39" s="898"/>
      <c r="DC39" s="898"/>
      <c r="DD39" s="898"/>
      <c r="DE39" s="898"/>
      <c r="DF39" s="898"/>
      <c r="DG39" s="898"/>
      <c r="DH39" s="898"/>
      <c r="DI39" s="898"/>
      <c r="DJ39" s="898"/>
      <c r="DK39" s="898"/>
      <c r="DL39" s="898"/>
      <c r="DM39" s="661">
        <f t="shared" si="38"/>
        <v>11813176</v>
      </c>
      <c r="DN39" s="898">
        <f t="shared" si="39"/>
        <v>0</v>
      </c>
      <c r="DO39" s="516">
        <f t="shared" si="40"/>
        <v>0</v>
      </c>
      <c r="DP39" s="898">
        <f t="shared" si="41"/>
        <v>0</v>
      </c>
      <c r="DQ39" s="522" t="s">
        <v>3425</v>
      </c>
      <c r="DR39" s="483" t="s">
        <v>3446</v>
      </c>
      <c r="DS39" s="1215" t="s">
        <v>3427</v>
      </c>
      <c r="DT39" s="632"/>
    </row>
    <row r="40" spans="1:124" s="137" customFormat="1" ht="128.25" x14ac:dyDescent="0.2">
      <c r="A40" s="484" t="str">
        <f t="shared" si="2"/>
        <v>Primary Education at Polehanger Lane (Hm13)</v>
      </c>
      <c r="B40" s="1163">
        <v>37</v>
      </c>
      <c r="C40" s="481" t="s">
        <v>3447</v>
      </c>
      <c r="D40" s="481" t="s">
        <v>2481</v>
      </c>
      <c r="E40" s="481" t="s">
        <v>53</v>
      </c>
      <c r="F40" s="481" t="s">
        <v>54</v>
      </c>
      <c r="G40" s="654" t="s">
        <v>55</v>
      </c>
      <c r="H40" s="484" t="s">
        <v>3448</v>
      </c>
      <c r="I40" s="654"/>
      <c r="J40" s="484" t="s">
        <v>98</v>
      </c>
      <c r="K40" s="657" t="s">
        <v>3104</v>
      </c>
      <c r="L40" s="657" t="s">
        <v>1370</v>
      </c>
      <c r="M40" s="654" t="s">
        <v>2996</v>
      </c>
      <c r="N40" s="654" t="s">
        <v>60</v>
      </c>
      <c r="O40" s="654" t="s">
        <v>3051</v>
      </c>
      <c r="P40" s="654" t="s">
        <v>77</v>
      </c>
      <c r="Q40" s="654" t="s">
        <v>390</v>
      </c>
      <c r="R40" s="657"/>
      <c r="S40" s="657"/>
      <c r="T40" s="723">
        <v>11813175</v>
      </c>
      <c r="U40" s="723"/>
      <c r="V40" s="657" t="s">
        <v>64</v>
      </c>
      <c r="W40" s="723">
        <f t="shared" si="43"/>
        <v>0</v>
      </c>
      <c r="X40" s="745">
        <f t="shared" si="44"/>
        <v>11813175</v>
      </c>
      <c r="Y40" s="723" t="s">
        <v>3106</v>
      </c>
      <c r="Z40" s="723"/>
      <c r="AA40" s="712" t="s">
        <v>65</v>
      </c>
      <c r="AB40" s="883"/>
      <c r="AC40" s="883"/>
      <c r="AD40" s="883"/>
      <c r="AE40" s="883"/>
      <c r="AF40" s="883"/>
      <c r="AG40" s="883"/>
      <c r="AH40" s="883"/>
      <c r="AI40" s="883"/>
      <c r="AJ40" s="883"/>
      <c r="AK40" s="883"/>
      <c r="AL40" s="883" t="s">
        <v>66</v>
      </c>
      <c r="AM40" s="883"/>
      <c r="AN40" s="883"/>
      <c r="AO40" s="883"/>
      <c r="AP40" s="883"/>
      <c r="AQ40" s="883"/>
      <c r="AR40" s="883"/>
      <c r="AS40" s="883"/>
      <c r="AT40" s="883"/>
      <c r="AU40" s="883"/>
      <c r="AV40" s="883"/>
      <c r="AW40" s="883"/>
      <c r="AX40" s="883"/>
      <c r="AY40" s="883"/>
      <c r="AZ40" s="883"/>
      <c r="BA40" s="883"/>
      <c r="BB40" s="883"/>
      <c r="BC40" s="883"/>
      <c r="BD40" s="883"/>
      <c r="BE40" s="883"/>
      <c r="BF40" s="883"/>
      <c r="BG40" s="746"/>
      <c r="BH40" s="746"/>
      <c r="BI40" s="746"/>
      <c r="BJ40" s="746"/>
      <c r="BK40" s="746"/>
      <c r="BL40" s="746"/>
      <c r="BM40" s="746"/>
      <c r="BN40" s="746"/>
      <c r="BO40" s="746"/>
      <c r="BP40" s="746"/>
      <c r="BQ40" s="746"/>
      <c r="BR40" s="746"/>
      <c r="BS40" s="884">
        <f t="shared" si="5"/>
        <v>750</v>
      </c>
      <c r="BT40" s="661">
        <f t="shared" si="47"/>
        <v>15750.9</v>
      </c>
      <c r="BU40" s="661"/>
      <c r="BV40" s="898" t="str">
        <f t="shared" si="48"/>
        <v/>
      </c>
      <c r="BW40" s="898" t="str">
        <f t="shared" si="48"/>
        <v/>
      </c>
      <c r="BX40" s="898" t="str">
        <f t="shared" si="48"/>
        <v/>
      </c>
      <c r="BY40" s="898" t="str">
        <f t="shared" si="48"/>
        <v/>
      </c>
      <c r="BZ40" s="898" t="str">
        <f t="shared" si="48"/>
        <v/>
      </c>
      <c r="CA40" s="898" t="str">
        <f t="shared" ref="CA40:CE43" si="52">IF(AG40="yes",(AG$3*$BT40),"")</f>
        <v/>
      </c>
      <c r="CB40" s="898" t="str">
        <f t="shared" si="52"/>
        <v/>
      </c>
      <c r="CC40" s="898" t="str">
        <f t="shared" si="52"/>
        <v/>
      </c>
      <c r="CD40" s="898" t="str">
        <f t="shared" si="52"/>
        <v/>
      </c>
      <c r="CE40" s="898" t="str">
        <f t="shared" si="52"/>
        <v/>
      </c>
      <c r="CF40" s="898">
        <f t="shared" si="49"/>
        <v>11813175</v>
      </c>
      <c r="CG40" s="898" t="str">
        <f t="shared" si="49"/>
        <v/>
      </c>
      <c r="CH40" s="898" t="str">
        <f t="shared" si="49"/>
        <v/>
      </c>
      <c r="CI40" s="898" t="str">
        <f t="shared" si="49"/>
        <v/>
      </c>
      <c r="CJ40" s="898" t="str">
        <f t="shared" si="49"/>
        <v/>
      </c>
      <c r="CK40" s="898" t="str">
        <f t="shared" si="49"/>
        <v/>
      </c>
      <c r="CL40" s="898" t="str">
        <f t="shared" si="49"/>
        <v/>
      </c>
      <c r="CM40" s="898" t="str">
        <f t="shared" si="49"/>
        <v/>
      </c>
      <c r="CN40" s="898" t="str">
        <f t="shared" si="49"/>
        <v/>
      </c>
      <c r="CO40" s="898" t="str">
        <f t="shared" si="49"/>
        <v/>
      </c>
      <c r="CP40" s="898" t="str">
        <f t="shared" si="50"/>
        <v/>
      </c>
      <c r="CQ40" s="898" t="str">
        <f t="shared" si="50"/>
        <v/>
      </c>
      <c r="CR40" s="898" t="str">
        <f t="shared" si="50"/>
        <v/>
      </c>
      <c r="CS40" s="898" t="str">
        <f t="shared" si="50"/>
        <v/>
      </c>
      <c r="CT40" s="898" t="str">
        <f t="shared" si="50"/>
        <v/>
      </c>
      <c r="CU40" s="898" t="str">
        <f t="shared" si="50"/>
        <v/>
      </c>
      <c r="CV40" s="898" t="str">
        <f t="shared" si="50"/>
        <v/>
      </c>
      <c r="CW40" s="898" t="str">
        <f t="shared" si="50"/>
        <v/>
      </c>
      <c r="CX40" s="898" t="str">
        <f t="shared" si="50"/>
        <v/>
      </c>
      <c r="CY40" s="898" t="str">
        <f t="shared" si="50"/>
        <v/>
      </c>
      <c r="CZ40" s="898" t="str">
        <f t="shared" si="51"/>
        <v/>
      </c>
      <c r="DA40" s="898"/>
      <c r="DB40" s="898"/>
      <c r="DC40" s="898"/>
      <c r="DD40" s="898"/>
      <c r="DE40" s="898"/>
      <c r="DF40" s="898"/>
      <c r="DG40" s="898"/>
      <c r="DH40" s="898"/>
      <c r="DI40" s="898"/>
      <c r="DJ40" s="898"/>
      <c r="DK40" s="898"/>
      <c r="DL40" s="898"/>
      <c r="DM40" s="661">
        <f t="shared" si="38"/>
        <v>11813175</v>
      </c>
      <c r="DN40" s="898">
        <f t="shared" si="39"/>
        <v>0</v>
      </c>
      <c r="DO40" s="516">
        <f t="shared" si="40"/>
        <v>0</v>
      </c>
      <c r="DP40" s="898">
        <f t="shared" si="41"/>
        <v>0</v>
      </c>
      <c r="DQ40" s="522" t="s">
        <v>3425</v>
      </c>
      <c r="DR40" s="483" t="s">
        <v>3426</v>
      </c>
      <c r="DS40" s="1215" t="s">
        <v>3427</v>
      </c>
      <c r="DT40" s="632"/>
    </row>
    <row r="41" spans="1:124" s="137" customFormat="1" ht="128.25" x14ac:dyDescent="0.2">
      <c r="A41" s="484" t="str">
        <f t="shared" si="2"/>
        <v>Expansions of existing Primary Schools</v>
      </c>
      <c r="B41" s="1163">
        <v>38</v>
      </c>
      <c r="C41" s="481" t="s">
        <v>3449</v>
      </c>
      <c r="D41" s="481" t="s">
        <v>2481</v>
      </c>
      <c r="E41" s="481" t="s">
        <v>53</v>
      </c>
      <c r="F41" s="481" t="s">
        <v>54</v>
      </c>
      <c r="G41" s="654" t="s">
        <v>55</v>
      </c>
      <c r="H41" s="484" t="s">
        <v>79</v>
      </c>
      <c r="I41" s="654"/>
      <c r="J41" s="484" t="s">
        <v>3450</v>
      </c>
      <c r="K41" s="657" t="s">
        <v>3104</v>
      </c>
      <c r="L41" s="657" t="s">
        <v>3451</v>
      </c>
      <c r="M41" s="654" t="s">
        <v>2996</v>
      </c>
      <c r="N41" s="654" t="s">
        <v>81</v>
      </c>
      <c r="O41" s="654" t="s">
        <v>3051</v>
      </c>
      <c r="P41" s="654" t="s">
        <v>61</v>
      </c>
      <c r="Q41" s="654" t="s">
        <v>3209</v>
      </c>
      <c r="R41" s="657"/>
      <c r="S41" s="657"/>
      <c r="T41" s="723">
        <v>24736387.5</v>
      </c>
      <c r="U41" s="723"/>
      <c r="V41" s="657" t="s">
        <v>64</v>
      </c>
      <c r="W41" s="723">
        <f t="shared" si="43"/>
        <v>0</v>
      </c>
      <c r="X41" s="745">
        <f t="shared" si="44"/>
        <v>24736387.5</v>
      </c>
      <c r="Y41" s="723" t="s">
        <v>3106</v>
      </c>
      <c r="Z41" s="723"/>
      <c r="AA41" s="652" t="s">
        <v>82</v>
      </c>
      <c r="AB41" s="746"/>
      <c r="AC41" s="746" t="s">
        <v>66</v>
      </c>
      <c r="AD41" s="746"/>
      <c r="AE41" s="746"/>
      <c r="AF41" s="746"/>
      <c r="AG41" s="746"/>
      <c r="AH41" s="746"/>
      <c r="AI41" s="746"/>
      <c r="AJ41" s="746"/>
      <c r="AK41" s="883"/>
      <c r="AL41" s="746"/>
      <c r="AM41" s="746" t="s">
        <v>66</v>
      </c>
      <c r="AN41" s="746" t="s">
        <v>66</v>
      </c>
      <c r="AO41" s="746" t="s">
        <v>66</v>
      </c>
      <c r="AP41" s="746" t="s">
        <v>66</v>
      </c>
      <c r="AQ41" s="746" t="s">
        <v>66</v>
      </c>
      <c r="AR41" s="746" t="s">
        <v>66</v>
      </c>
      <c r="AS41" s="883"/>
      <c r="AT41" s="883"/>
      <c r="AU41" s="883"/>
      <c r="AV41" s="883"/>
      <c r="AW41" s="883"/>
      <c r="AX41" s="883"/>
      <c r="AY41" s="883"/>
      <c r="AZ41" s="883"/>
      <c r="BA41" s="883"/>
      <c r="BB41" s="883"/>
      <c r="BC41" s="883"/>
      <c r="BD41" s="883"/>
      <c r="BE41" s="883"/>
      <c r="BF41" s="883"/>
      <c r="BG41" s="746"/>
      <c r="BH41" s="746"/>
      <c r="BI41" s="746"/>
      <c r="BJ41" s="746"/>
      <c r="BK41" s="746"/>
      <c r="BL41" s="746"/>
      <c r="BM41" s="746"/>
      <c r="BN41" s="746"/>
      <c r="BO41" s="746"/>
      <c r="BP41" s="746"/>
      <c r="BQ41" s="746"/>
      <c r="BR41" s="746"/>
      <c r="BS41" s="884">
        <f t="shared" si="5"/>
        <v>3534</v>
      </c>
      <c r="BT41" s="661">
        <f t="shared" si="47"/>
        <v>6999.5437181663838</v>
      </c>
      <c r="BU41" s="661"/>
      <c r="BV41" s="898" t="str">
        <f t="shared" ref="BV41:BV72" si="53">IF(AB41="yes",(AB$3*$BT41),"")</f>
        <v/>
      </c>
      <c r="BW41" s="898">
        <v>731954</v>
      </c>
      <c r="BX41" s="898" t="str">
        <f t="shared" ref="BX41:BZ43" si="54">IF(AD41="yes",(AD$3*$BT41),"")</f>
        <v/>
      </c>
      <c r="BY41" s="898" t="str">
        <f t="shared" si="54"/>
        <v/>
      </c>
      <c r="BZ41" s="898" t="str">
        <f t="shared" si="54"/>
        <v/>
      </c>
      <c r="CA41" s="898" t="str">
        <f t="shared" si="52"/>
        <v/>
      </c>
      <c r="CB41" s="898" t="str">
        <f t="shared" si="52"/>
        <v/>
      </c>
      <c r="CC41" s="898" t="str">
        <f t="shared" si="52"/>
        <v/>
      </c>
      <c r="CD41" s="898" t="str">
        <f t="shared" si="52"/>
        <v/>
      </c>
      <c r="CE41" s="898" t="str">
        <f t="shared" si="52"/>
        <v/>
      </c>
      <c r="CF41" s="898" t="str">
        <f>IF(AL41="yes",(AL$3*$BT41),"")</f>
        <v/>
      </c>
      <c r="CG41" s="898">
        <v>1463908</v>
      </c>
      <c r="CH41" s="898">
        <v>856386</v>
      </c>
      <c r="CI41" s="898">
        <v>3202299</v>
      </c>
      <c r="CJ41" s="898">
        <v>329379</v>
      </c>
      <c r="CK41" s="898">
        <v>731954</v>
      </c>
      <c r="CL41" s="898">
        <v>17420507</v>
      </c>
      <c r="CM41" s="898" t="str">
        <f t="shared" ref="CM41:CM72" si="55">IF(AS41="yes",(AS$3*$BT41),"")</f>
        <v/>
      </c>
      <c r="CN41" s="898" t="str">
        <f t="shared" ref="CN41:CN72" si="56">IF(AT41="yes",(AT$3*$BT41),"")</f>
        <v/>
      </c>
      <c r="CO41" s="898" t="str">
        <f t="shared" ref="CO41:CO72" si="57">IF(AU41="yes",(AU$3*$BT41),"")</f>
        <v/>
      </c>
      <c r="CP41" s="898" t="str">
        <f t="shared" ref="CP41:CP72" si="58">IF(AV41="yes",(AV$3*$BT41),"")</f>
        <v/>
      </c>
      <c r="CQ41" s="898" t="str">
        <f t="shared" ref="CQ41:CQ72" si="59">IF(AW41="yes",(AW$3*$BT41),"")</f>
        <v/>
      </c>
      <c r="CR41" s="898" t="str">
        <f t="shared" ref="CR41:CR72" si="60">IF(AX41="yes",(AX$3*$BT41),"")</f>
        <v/>
      </c>
      <c r="CS41" s="898" t="str">
        <f t="shared" ref="CS41:CS72" si="61">IF(AY41="yes",(AY$3*$BT41),"")</f>
        <v/>
      </c>
      <c r="CT41" s="898" t="str">
        <f t="shared" ref="CT41:CT72" si="62">IF(AZ41="yes",(AZ$3*$BT41),"")</f>
        <v/>
      </c>
      <c r="CU41" s="898" t="str">
        <f t="shared" ref="CU41:CU72" si="63">IF(BA41="yes",(BA$3*$BT41),"")</f>
        <v/>
      </c>
      <c r="CV41" s="898" t="str">
        <f t="shared" ref="CV41:CV72" si="64">IF(BB41="yes",(BB$3*$BT41),"")</f>
        <v/>
      </c>
      <c r="CW41" s="898" t="str">
        <f t="shared" ref="CW41:CW72" si="65">IF(BC41="yes",(BC$3*$BT41),"")</f>
        <v/>
      </c>
      <c r="CX41" s="898" t="str">
        <f t="shared" ref="CX41:CX72" si="66">IF(BD41="yes",(BD$3*$BT41),"")</f>
        <v/>
      </c>
      <c r="CY41" s="898" t="str">
        <f t="shared" ref="CY41:CY72" si="67">IF(BE41="yes",(BE$3*$BT41),"")</f>
        <v/>
      </c>
      <c r="CZ41" s="898" t="str">
        <f t="shared" ref="CZ41:CZ72" si="68">IF(BF41="yes",(BF$3*$BT41),"")</f>
        <v/>
      </c>
      <c r="DA41" s="898"/>
      <c r="DB41" s="898"/>
      <c r="DC41" s="898"/>
      <c r="DD41" s="898"/>
      <c r="DE41" s="898"/>
      <c r="DF41" s="898"/>
      <c r="DG41" s="898"/>
      <c r="DH41" s="898"/>
      <c r="DI41" s="898"/>
      <c r="DJ41" s="898"/>
      <c r="DK41" s="898"/>
      <c r="DL41" s="898"/>
      <c r="DM41" s="661">
        <f t="shared" si="38"/>
        <v>24736387</v>
      </c>
      <c r="DN41" s="898">
        <f t="shared" si="39"/>
        <v>0</v>
      </c>
      <c r="DO41" s="516">
        <f t="shared" si="40"/>
        <v>0</v>
      </c>
      <c r="DP41" s="898">
        <f t="shared" si="41"/>
        <v>0</v>
      </c>
      <c r="DQ41" s="483" t="s">
        <v>3452</v>
      </c>
      <c r="DR41" s="483" t="s">
        <v>3426</v>
      </c>
      <c r="DS41" s="1215" t="s">
        <v>3427</v>
      </c>
      <c r="DT41" s="632"/>
    </row>
    <row r="42" spans="1:124" s="137" customFormat="1" ht="128.25" x14ac:dyDescent="0.2">
      <c r="A42" s="484" t="str">
        <f t="shared" si="2"/>
        <v xml:space="preserve">New Secondary School Provision at North Hemel Hempstead </v>
      </c>
      <c r="B42" s="1163">
        <v>39</v>
      </c>
      <c r="C42" s="481" t="s">
        <v>3453</v>
      </c>
      <c r="D42" s="481" t="s">
        <v>2481</v>
      </c>
      <c r="E42" s="481" t="s">
        <v>53</v>
      </c>
      <c r="F42" s="481" t="s">
        <v>54</v>
      </c>
      <c r="G42" s="654" t="s">
        <v>102</v>
      </c>
      <c r="H42" s="484" t="s">
        <v>103</v>
      </c>
      <c r="I42" s="654"/>
      <c r="J42" s="78" t="s">
        <v>3454</v>
      </c>
      <c r="K42" s="657" t="s">
        <v>3104</v>
      </c>
      <c r="L42" s="657" t="s">
        <v>1360</v>
      </c>
      <c r="M42" s="654" t="s">
        <v>3027</v>
      </c>
      <c r="N42" s="654" t="s">
        <v>60</v>
      </c>
      <c r="O42" s="654" t="s">
        <v>3051</v>
      </c>
      <c r="P42" s="654" t="s">
        <v>61</v>
      </c>
      <c r="Q42" s="654" t="s">
        <v>62</v>
      </c>
      <c r="R42" s="657"/>
      <c r="S42" s="657"/>
      <c r="T42" s="723">
        <v>48849715</v>
      </c>
      <c r="U42" s="723"/>
      <c r="V42" s="657" t="s">
        <v>64</v>
      </c>
      <c r="W42" s="723">
        <f t="shared" si="43"/>
        <v>0</v>
      </c>
      <c r="X42" s="745">
        <f t="shared" si="44"/>
        <v>48849715</v>
      </c>
      <c r="Y42" s="723" t="s">
        <v>3106</v>
      </c>
      <c r="Z42" s="723"/>
      <c r="AA42" s="712" t="s">
        <v>65</v>
      </c>
      <c r="AB42" s="746" t="s">
        <v>66</v>
      </c>
      <c r="AC42" s="883"/>
      <c r="AD42" s="883"/>
      <c r="AE42" s="883"/>
      <c r="AF42" s="883"/>
      <c r="AG42" s="883"/>
      <c r="AH42" s="883"/>
      <c r="AI42" s="883"/>
      <c r="AJ42" s="883"/>
      <c r="AK42" s="883"/>
      <c r="AL42" s="883"/>
      <c r="AM42" s="883"/>
      <c r="AN42" s="883"/>
      <c r="AO42" s="883"/>
      <c r="AP42" s="883"/>
      <c r="AQ42" s="883"/>
      <c r="AR42" s="883"/>
      <c r="AS42" s="883"/>
      <c r="AT42" s="883"/>
      <c r="AU42" s="883"/>
      <c r="AV42" s="883"/>
      <c r="AW42" s="883"/>
      <c r="AX42" s="883"/>
      <c r="AY42" s="883"/>
      <c r="AZ42" s="883"/>
      <c r="BA42" s="883"/>
      <c r="BB42" s="883"/>
      <c r="BC42" s="883"/>
      <c r="BD42" s="883"/>
      <c r="BE42" s="883"/>
      <c r="BF42" s="883"/>
      <c r="BG42" s="746"/>
      <c r="BH42" s="746"/>
      <c r="BI42" s="746"/>
      <c r="BJ42" s="746"/>
      <c r="BK42" s="746"/>
      <c r="BL42" s="746"/>
      <c r="BM42" s="746"/>
      <c r="BN42" s="746"/>
      <c r="BO42" s="746"/>
      <c r="BP42" s="746"/>
      <c r="BQ42" s="746"/>
      <c r="BR42" s="746"/>
      <c r="BS42" s="884">
        <f t="shared" si="5"/>
        <v>5000</v>
      </c>
      <c r="BT42" s="661">
        <f t="shared" si="47"/>
        <v>9769.9429999999993</v>
      </c>
      <c r="BU42" s="661"/>
      <c r="BV42" s="898">
        <f t="shared" si="53"/>
        <v>48849715</v>
      </c>
      <c r="BW42" s="898" t="str">
        <f>IF(AC42="yes",(AC$3*$BT42),"")</f>
        <v/>
      </c>
      <c r="BX42" s="898" t="str">
        <f t="shared" si="54"/>
        <v/>
      </c>
      <c r="BY42" s="898" t="str">
        <f t="shared" si="54"/>
        <v/>
      </c>
      <c r="BZ42" s="898" t="str">
        <f t="shared" si="54"/>
        <v/>
      </c>
      <c r="CA42" s="898" t="str">
        <f t="shared" si="52"/>
        <v/>
      </c>
      <c r="CB42" s="898" t="str">
        <f t="shared" si="52"/>
        <v/>
      </c>
      <c r="CC42" s="898" t="str">
        <f t="shared" si="52"/>
        <v/>
      </c>
      <c r="CD42" s="898" t="str">
        <f t="shared" si="52"/>
        <v/>
      </c>
      <c r="CE42" s="898" t="str">
        <f t="shared" si="52"/>
        <v/>
      </c>
      <c r="CF42" s="898" t="str">
        <f>IF(AL42="yes",(AL$3*$BT42),"")</f>
        <v/>
      </c>
      <c r="CG42" s="898" t="str">
        <f t="shared" ref="CG42:CL43" si="69">IF(AM42="yes",(AM$3*$BT42),"")</f>
        <v/>
      </c>
      <c r="CH42" s="898" t="str">
        <f t="shared" si="69"/>
        <v/>
      </c>
      <c r="CI42" s="898" t="str">
        <f t="shared" si="69"/>
        <v/>
      </c>
      <c r="CJ42" s="898" t="str">
        <f t="shared" si="69"/>
        <v/>
      </c>
      <c r="CK42" s="898" t="str">
        <f t="shared" si="69"/>
        <v/>
      </c>
      <c r="CL42" s="898" t="str">
        <f t="shared" si="69"/>
        <v/>
      </c>
      <c r="CM42" s="898" t="str">
        <f t="shared" si="55"/>
        <v/>
      </c>
      <c r="CN42" s="898" t="str">
        <f t="shared" si="56"/>
        <v/>
      </c>
      <c r="CO42" s="898" t="str">
        <f t="shared" si="57"/>
        <v/>
      </c>
      <c r="CP42" s="898" t="str">
        <f t="shared" si="58"/>
        <v/>
      </c>
      <c r="CQ42" s="898" t="str">
        <f t="shared" si="59"/>
        <v/>
      </c>
      <c r="CR42" s="898" t="str">
        <f t="shared" si="60"/>
        <v/>
      </c>
      <c r="CS42" s="898" t="str">
        <f t="shared" si="61"/>
        <v/>
      </c>
      <c r="CT42" s="898" t="str">
        <f t="shared" si="62"/>
        <v/>
      </c>
      <c r="CU42" s="898" t="str">
        <f t="shared" si="63"/>
        <v/>
      </c>
      <c r="CV42" s="898" t="str">
        <f t="shared" si="64"/>
        <v/>
      </c>
      <c r="CW42" s="898" t="str">
        <f t="shared" si="65"/>
        <v/>
      </c>
      <c r="CX42" s="898" t="str">
        <f t="shared" si="66"/>
        <v/>
      </c>
      <c r="CY42" s="898" t="str">
        <f t="shared" si="67"/>
        <v/>
      </c>
      <c r="CZ42" s="898" t="str">
        <f t="shared" si="68"/>
        <v/>
      </c>
      <c r="DA42" s="898" t="str">
        <f t="shared" ref="DA42:DL45" si="70">IF(BG42="yes",(BG$3*$BT42),"")</f>
        <v/>
      </c>
      <c r="DB42" s="898" t="str">
        <f t="shared" si="70"/>
        <v/>
      </c>
      <c r="DC42" s="898" t="str">
        <f t="shared" si="70"/>
        <v/>
      </c>
      <c r="DD42" s="898" t="str">
        <f t="shared" si="70"/>
        <v/>
      </c>
      <c r="DE42" s="898" t="str">
        <f t="shared" si="70"/>
        <v/>
      </c>
      <c r="DF42" s="898" t="str">
        <f t="shared" si="70"/>
        <v/>
      </c>
      <c r="DG42" s="898" t="str">
        <f t="shared" si="70"/>
        <v/>
      </c>
      <c r="DH42" s="898" t="str">
        <f t="shared" si="70"/>
        <v/>
      </c>
      <c r="DI42" s="898" t="str">
        <f t="shared" si="70"/>
        <v/>
      </c>
      <c r="DJ42" s="898" t="str">
        <f t="shared" si="70"/>
        <v/>
      </c>
      <c r="DK42" s="898" t="str">
        <f t="shared" si="70"/>
        <v/>
      </c>
      <c r="DL42" s="898" t="str">
        <f t="shared" si="70"/>
        <v/>
      </c>
      <c r="DM42" s="661">
        <f t="shared" si="38"/>
        <v>48849715</v>
      </c>
      <c r="DN42" s="898">
        <f t="shared" si="39"/>
        <v>0</v>
      </c>
      <c r="DO42" s="516">
        <f t="shared" si="40"/>
        <v>0</v>
      </c>
      <c r="DP42" s="898">
        <f t="shared" si="41"/>
        <v>0</v>
      </c>
      <c r="DQ42" s="483" t="s">
        <v>3425</v>
      </c>
      <c r="DR42" s="483" t="s">
        <v>3426</v>
      </c>
      <c r="DS42" s="1215" t="s">
        <v>3427</v>
      </c>
      <c r="DT42" s="632"/>
    </row>
    <row r="43" spans="1:124" s="137" customFormat="1" ht="128.25" x14ac:dyDescent="0.2">
      <c r="A43" s="484" t="str">
        <f t="shared" si="2"/>
        <v>New Secondary School Provision at East Hemel Hempstead (North)</v>
      </c>
      <c r="B43" s="1163">
        <v>40</v>
      </c>
      <c r="C43" s="511" t="s">
        <v>3455</v>
      </c>
      <c r="D43" s="511" t="s">
        <v>2182</v>
      </c>
      <c r="E43" s="511" t="s">
        <v>1385</v>
      </c>
      <c r="F43" s="481" t="s">
        <v>54</v>
      </c>
      <c r="G43" s="515" t="s">
        <v>102</v>
      </c>
      <c r="H43" s="513" t="s">
        <v>2198</v>
      </c>
      <c r="I43" s="515"/>
      <c r="J43" s="513" t="s">
        <v>3456</v>
      </c>
      <c r="K43" s="657" t="s">
        <v>3104</v>
      </c>
      <c r="L43" s="515" t="s">
        <v>3457</v>
      </c>
      <c r="M43" s="663" t="s">
        <v>3325</v>
      </c>
      <c r="N43" s="515" t="s">
        <v>543</v>
      </c>
      <c r="O43" s="654" t="s">
        <v>3051</v>
      </c>
      <c r="P43" s="654" t="s">
        <v>61</v>
      </c>
      <c r="Q43" s="515" t="s">
        <v>2202</v>
      </c>
      <c r="R43" s="657"/>
      <c r="S43" s="657"/>
      <c r="T43" s="516">
        <v>48849715</v>
      </c>
      <c r="U43" s="516"/>
      <c r="V43" s="657" t="s">
        <v>64</v>
      </c>
      <c r="W43" s="723">
        <f t="shared" si="43"/>
        <v>0</v>
      </c>
      <c r="X43" s="745">
        <f t="shared" si="44"/>
        <v>48849715</v>
      </c>
      <c r="Y43" s="723" t="s">
        <v>3106</v>
      </c>
      <c r="Z43" s="723"/>
      <c r="AA43" s="712" t="s">
        <v>65</v>
      </c>
      <c r="AB43" s="516"/>
      <c r="AC43" s="516"/>
      <c r="AD43" s="516"/>
      <c r="AE43" s="516"/>
      <c r="AF43" s="516"/>
      <c r="AG43" s="516"/>
      <c r="AH43" s="516"/>
      <c r="AI43" s="516"/>
      <c r="AJ43" s="516"/>
      <c r="AK43" s="516"/>
      <c r="AL43" s="516"/>
      <c r="AM43" s="516"/>
      <c r="AN43" s="516"/>
      <c r="AO43" s="516"/>
      <c r="AP43" s="516"/>
      <c r="AQ43" s="516"/>
      <c r="AR43" s="516"/>
      <c r="AS43" s="516"/>
      <c r="AT43" s="516"/>
      <c r="AU43" s="516"/>
      <c r="AV43" s="516"/>
      <c r="AW43" s="516"/>
      <c r="AX43" s="516"/>
      <c r="AY43" s="516"/>
      <c r="AZ43" s="516"/>
      <c r="BA43" s="516"/>
      <c r="BB43" s="516"/>
      <c r="BC43" s="516"/>
      <c r="BD43" s="516"/>
      <c r="BE43" s="516"/>
      <c r="BF43" s="516"/>
      <c r="BG43" s="516"/>
      <c r="BH43" s="516"/>
      <c r="BI43" s="516"/>
      <c r="BJ43" s="516"/>
      <c r="BK43" s="516"/>
      <c r="BL43" s="516"/>
      <c r="BM43" s="516"/>
      <c r="BN43" s="516"/>
      <c r="BO43" s="746" t="s">
        <v>66</v>
      </c>
      <c r="BP43" s="746" t="s">
        <v>66</v>
      </c>
      <c r="BQ43" s="746" t="s">
        <v>66</v>
      </c>
      <c r="BR43" s="516"/>
      <c r="BS43" s="884">
        <f t="shared" si="5"/>
        <v>5500</v>
      </c>
      <c r="BT43" s="661">
        <f t="shared" si="47"/>
        <v>8881.7663636363632</v>
      </c>
      <c r="BU43" s="661"/>
      <c r="BV43" s="898" t="str">
        <f t="shared" si="53"/>
        <v/>
      </c>
      <c r="BW43" s="898" t="str">
        <f>IF(AC43="yes",(AC$3*$BT43),"")</f>
        <v/>
      </c>
      <c r="BX43" s="898" t="str">
        <f t="shared" si="54"/>
        <v/>
      </c>
      <c r="BY43" s="898" t="str">
        <f t="shared" si="54"/>
        <v/>
      </c>
      <c r="BZ43" s="898" t="str">
        <f t="shared" si="54"/>
        <v/>
      </c>
      <c r="CA43" s="898" t="str">
        <f t="shared" si="52"/>
        <v/>
      </c>
      <c r="CB43" s="898" t="str">
        <f t="shared" si="52"/>
        <v/>
      </c>
      <c r="CC43" s="898" t="str">
        <f t="shared" si="52"/>
        <v/>
      </c>
      <c r="CD43" s="898" t="str">
        <f t="shared" si="52"/>
        <v/>
      </c>
      <c r="CE43" s="898" t="str">
        <f t="shared" si="52"/>
        <v/>
      </c>
      <c r="CF43" s="898" t="str">
        <f>IF(AL43="yes",(AL$3*$BT43),"")</f>
        <v/>
      </c>
      <c r="CG43" s="898" t="str">
        <f t="shared" si="69"/>
        <v/>
      </c>
      <c r="CH43" s="898" t="str">
        <f t="shared" si="69"/>
        <v/>
      </c>
      <c r="CI43" s="898" t="str">
        <f t="shared" si="69"/>
        <v/>
      </c>
      <c r="CJ43" s="898" t="str">
        <f t="shared" si="69"/>
        <v/>
      </c>
      <c r="CK43" s="898" t="str">
        <f t="shared" si="69"/>
        <v/>
      </c>
      <c r="CL43" s="898" t="str">
        <f t="shared" si="69"/>
        <v/>
      </c>
      <c r="CM43" s="898" t="str">
        <f t="shared" si="55"/>
        <v/>
      </c>
      <c r="CN43" s="898" t="str">
        <f t="shared" si="56"/>
        <v/>
      </c>
      <c r="CO43" s="898" t="str">
        <f t="shared" si="57"/>
        <v/>
      </c>
      <c r="CP43" s="898" t="str">
        <f t="shared" si="58"/>
        <v/>
      </c>
      <c r="CQ43" s="898" t="str">
        <f t="shared" si="59"/>
        <v/>
      </c>
      <c r="CR43" s="898" t="str">
        <f t="shared" si="60"/>
        <v/>
      </c>
      <c r="CS43" s="898" t="str">
        <f t="shared" si="61"/>
        <v/>
      </c>
      <c r="CT43" s="898" t="str">
        <f t="shared" si="62"/>
        <v/>
      </c>
      <c r="CU43" s="898" t="str">
        <f t="shared" si="63"/>
        <v/>
      </c>
      <c r="CV43" s="898" t="str">
        <f t="shared" si="64"/>
        <v/>
      </c>
      <c r="CW43" s="898" t="str">
        <f t="shared" si="65"/>
        <v/>
      </c>
      <c r="CX43" s="898" t="str">
        <f t="shared" si="66"/>
        <v/>
      </c>
      <c r="CY43" s="898" t="str">
        <f t="shared" si="67"/>
        <v/>
      </c>
      <c r="CZ43" s="898" t="str">
        <f t="shared" si="68"/>
        <v/>
      </c>
      <c r="DA43" s="898" t="str">
        <f t="shared" si="70"/>
        <v/>
      </c>
      <c r="DB43" s="898" t="str">
        <f t="shared" si="70"/>
        <v/>
      </c>
      <c r="DC43" s="898" t="str">
        <f t="shared" si="70"/>
        <v/>
      </c>
      <c r="DD43" s="898" t="str">
        <f t="shared" si="70"/>
        <v/>
      </c>
      <c r="DE43" s="898" t="str">
        <f t="shared" si="70"/>
        <v/>
      </c>
      <c r="DF43" s="898" t="str">
        <f t="shared" si="70"/>
        <v/>
      </c>
      <c r="DG43" s="898" t="str">
        <f t="shared" si="70"/>
        <v/>
      </c>
      <c r="DH43" s="898" t="str">
        <f t="shared" si="70"/>
        <v/>
      </c>
      <c r="DI43" s="898">
        <f t="shared" si="70"/>
        <v>13322649.545454545</v>
      </c>
      <c r="DJ43" s="898">
        <f t="shared" si="70"/>
        <v>14210826.181818182</v>
      </c>
      <c r="DK43" s="898">
        <f t="shared" si="70"/>
        <v>21316239.272727273</v>
      </c>
      <c r="DL43" s="898" t="str">
        <f t="shared" si="70"/>
        <v/>
      </c>
      <c r="DM43" s="661">
        <f t="shared" si="38"/>
        <v>0</v>
      </c>
      <c r="DN43" s="898">
        <f t="shared" si="39"/>
        <v>48849715</v>
      </c>
      <c r="DO43" s="516">
        <f t="shared" si="40"/>
        <v>0</v>
      </c>
      <c r="DP43" s="898">
        <f t="shared" si="41"/>
        <v>0</v>
      </c>
      <c r="DQ43" s="483" t="s">
        <v>3425</v>
      </c>
      <c r="DR43" s="483" t="s">
        <v>3426</v>
      </c>
      <c r="DS43" s="1215" t="s">
        <v>3427</v>
      </c>
      <c r="DT43" s="632"/>
    </row>
    <row r="44" spans="1:124" s="137" customFormat="1" ht="128.25" x14ac:dyDescent="0.2">
      <c r="A44" s="484" t="str">
        <f t="shared" si="2"/>
        <v>New Secondary School Reserve Site to Serve Hemel Hempstead (wider Dacorum Growth)</v>
      </c>
      <c r="B44" s="1163">
        <v>41</v>
      </c>
      <c r="C44" s="511" t="s">
        <v>1384</v>
      </c>
      <c r="D44" s="511" t="s">
        <v>2182</v>
      </c>
      <c r="E44" s="511" t="s">
        <v>1385</v>
      </c>
      <c r="F44" s="481" t="s">
        <v>54</v>
      </c>
      <c r="G44" s="515" t="s">
        <v>102</v>
      </c>
      <c r="H44" s="513" t="s">
        <v>1386</v>
      </c>
      <c r="I44" s="515"/>
      <c r="J44" s="513" t="s">
        <v>1387</v>
      </c>
      <c r="K44" s="657" t="s">
        <v>3104</v>
      </c>
      <c r="L44" s="515" t="s">
        <v>63</v>
      </c>
      <c r="M44" s="654" t="s">
        <v>3027</v>
      </c>
      <c r="N44" s="515" t="s">
        <v>81</v>
      </c>
      <c r="O44" s="654" t="s">
        <v>3051</v>
      </c>
      <c r="P44" s="654" t="s">
        <v>61</v>
      </c>
      <c r="Q44" s="515" t="s">
        <v>2202</v>
      </c>
      <c r="R44" s="657"/>
      <c r="S44" s="657"/>
      <c r="T44" s="516">
        <v>48849715.200000003</v>
      </c>
      <c r="U44" s="516"/>
      <c r="V44" s="657" t="s">
        <v>64</v>
      </c>
      <c r="W44" s="723">
        <f t="shared" si="43"/>
        <v>0</v>
      </c>
      <c r="X44" s="745">
        <f t="shared" si="44"/>
        <v>48849715.200000003</v>
      </c>
      <c r="Y44" s="723" t="s">
        <v>3106</v>
      </c>
      <c r="Z44" s="723"/>
      <c r="AA44" s="712" t="s">
        <v>65</v>
      </c>
      <c r="AB44" s="516"/>
      <c r="AC44" s="746" t="s">
        <v>66</v>
      </c>
      <c r="AD44" s="746" t="s">
        <v>66</v>
      </c>
      <c r="AE44" s="746" t="s">
        <v>66</v>
      </c>
      <c r="AF44" s="746" t="s">
        <v>66</v>
      </c>
      <c r="AG44" s="746" t="s">
        <v>66</v>
      </c>
      <c r="AH44" s="746" t="s">
        <v>66</v>
      </c>
      <c r="AI44" s="746" t="s">
        <v>66</v>
      </c>
      <c r="AJ44" s="746" t="s">
        <v>66</v>
      </c>
      <c r="AK44" s="746" t="s">
        <v>66</v>
      </c>
      <c r="AL44" s="746" t="s">
        <v>66</v>
      </c>
      <c r="AM44" s="746" t="s">
        <v>66</v>
      </c>
      <c r="AN44" s="746" t="s">
        <v>66</v>
      </c>
      <c r="AO44" s="746" t="s">
        <v>66</v>
      </c>
      <c r="AP44" s="746" t="s">
        <v>66</v>
      </c>
      <c r="AQ44" s="746" t="s">
        <v>66</v>
      </c>
      <c r="AR44" s="746" t="s">
        <v>66</v>
      </c>
      <c r="AS44" s="516"/>
      <c r="AT44" s="516"/>
      <c r="AU44" s="516"/>
      <c r="AV44" s="516"/>
      <c r="AW44" s="516"/>
      <c r="AX44" s="516"/>
      <c r="AY44" s="516"/>
      <c r="AZ44" s="516"/>
      <c r="BA44" s="516"/>
      <c r="BB44" s="516"/>
      <c r="BC44" s="516"/>
      <c r="BD44" s="516"/>
      <c r="BE44" s="516"/>
      <c r="BF44" s="516"/>
      <c r="BG44" s="516"/>
      <c r="BH44" s="516"/>
      <c r="BI44" s="516"/>
      <c r="BJ44" s="516"/>
      <c r="BK44" s="516"/>
      <c r="BL44" s="516"/>
      <c r="BM44" s="516"/>
      <c r="BN44" s="516"/>
      <c r="BO44" s="516"/>
      <c r="BP44" s="516"/>
      <c r="BQ44" s="516"/>
      <c r="BR44" s="516"/>
      <c r="BS44" s="884">
        <f t="shared" si="5"/>
        <v>7554</v>
      </c>
      <c r="BT44" s="661">
        <f t="shared" si="47"/>
        <v>6466.7348689436067</v>
      </c>
      <c r="BU44" s="661"/>
      <c r="BV44" s="898" t="str">
        <f t="shared" si="53"/>
        <v/>
      </c>
      <c r="BW44" s="898">
        <v>636727</v>
      </c>
      <c r="BX44" s="898">
        <v>1432636</v>
      </c>
      <c r="BY44" s="898">
        <v>1114273</v>
      </c>
      <c r="BZ44" s="898">
        <v>1591818</v>
      </c>
      <c r="CA44" s="898">
        <v>1528145</v>
      </c>
      <c r="CB44" s="898">
        <v>318364</v>
      </c>
      <c r="CC44" s="898">
        <v>1241618</v>
      </c>
      <c r="CD44" s="898">
        <v>1591818</v>
      </c>
      <c r="CE44" s="898">
        <v>5306060</v>
      </c>
      <c r="CF44" s="898">
        <v>7959091</v>
      </c>
      <c r="CG44" s="898">
        <v>1591818</v>
      </c>
      <c r="CH44" s="898">
        <v>744971</v>
      </c>
      <c r="CI44" s="898">
        <v>3714242</v>
      </c>
      <c r="CJ44" s="898">
        <v>286527</v>
      </c>
      <c r="CK44" s="898">
        <v>848970</v>
      </c>
      <c r="CL44" s="898">
        <v>18942636</v>
      </c>
      <c r="CM44" s="898" t="str">
        <f t="shared" si="55"/>
        <v/>
      </c>
      <c r="CN44" s="898" t="str">
        <f t="shared" si="56"/>
        <v/>
      </c>
      <c r="CO44" s="898" t="str">
        <f t="shared" si="57"/>
        <v/>
      </c>
      <c r="CP44" s="898" t="str">
        <f t="shared" si="58"/>
        <v/>
      </c>
      <c r="CQ44" s="898" t="str">
        <f t="shared" si="59"/>
        <v/>
      </c>
      <c r="CR44" s="898" t="str">
        <f t="shared" si="60"/>
        <v/>
      </c>
      <c r="CS44" s="898" t="str">
        <f t="shared" si="61"/>
        <v/>
      </c>
      <c r="CT44" s="898" t="str">
        <f t="shared" si="62"/>
        <v/>
      </c>
      <c r="CU44" s="898" t="str">
        <f t="shared" si="63"/>
        <v/>
      </c>
      <c r="CV44" s="898" t="str">
        <f t="shared" si="64"/>
        <v/>
      </c>
      <c r="CW44" s="898" t="str">
        <f t="shared" si="65"/>
        <v/>
      </c>
      <c r="CX44" s="898" t="str">
        <f t="shared" si="66"/>
        <v/>
      </c>
      <c r="CY44" s="898" t="str">
        <f t="shared" si="67"/>
        <v/>
      </c>
      <c r="CZ44" s="898" t="str">
        <f t="shared" si="68"/>
        <v/>
      </c>
      <c r="DA44" s="898" t="str">
        <f t="shared" si="70"/>
        <v/>
      </c>
      <c r="DB44" s="898" t="str">
        <f t="shared" si="70"/>
        <v/>
      </c>
      <c r="DC44" s="898" t="str">
        <f t="shared" si="70"/>
        <v/>
      </c>
      <c r="DD44" s="898" t="str">
        <f t="shared" si="70"/>
        <v/>
      </c>
      <c r="DE44" s="898" t="str">
        <f t="shared" si="70"/>
        <v/>
      </c>
      <c r="DF44" s="898" t="str">
        <f t="shared" si="70"/>
        <v/>
      </c>
      <c r="DG44" s="898" t="str">
        <f t="shared" si="70"/>
        <v/>
      </c>
      <c r="DH44" s="898" t="str">
        <f t="shared" si="70"/>
        <v/>
      </c>
      <c r="DI44" s="898" t="str">
        <f t="shared" si="70"/>
        <v/>
      </c>
      <c r="DJ44" s="898" t="str">
        <f t="shared" si="70"/>
        <v/>
      </c>
      <c r="DK44" s="898" t="str">
        <f t="shared" si="70"/>
        <v/>
      </c>
      <c r="DL44" s="898" t="str">
        <f t="shared" si="70"/>
        <v/>
      </c>
      <c r="DM44" s="661">
        <f t="shared" si="38"/>
        <v>48849714</v>
      </c>
      <c r="DN44" s="898">
        <f t="shared" si="39"/>
        <v>0</v>
      </c>
      <c r="DO44" s="516">
        <f t="shared" si="40"/>
        <v>0</v>
      </c>
      <c r="DP44" s="898">
        <f t="shared" si="41"/>
        <v>0</v>
      </c>
      <c r="DQ44" s="483" t="s">
        <v>3425</v>
      </c>
      <c r="DR44" s="483" t="s">
        <v>3426</v>
      </c>
      <c r="DS44" s="1215" t="s">
        <v>3427</v>
      </c>
      <c r="DT44" s="632"/>
    </row>
    <row r="45" spans="1:124" s="137" customFormat="1" ht="128.25" x14ac:dyDescent="0.2">
      <c r="A45" s="484" t="str">
        <f t="shared" si="2"/>
        <v>Expansions of existing Secondary Schools</v>
      </c>
      <c r="B45" s="1163">
        <v>42</v>
      </c>
      <c r="C45" s="481" t="s">
        <v>3458</v>
      </c>
      <c r="D45" s="481" t="s">
        <v>2481</v>
      </c>
      <c r="E45" s="481" t="s">
        <v>53</v>
      </c>
      <c r="F45" s="481" t="s">
        <v>54</v>
      </c>
      <c r="G45" s="654" t="s">
        <v>102</v>
      </c>
      <c r="H45" s="484" t="s">
        <v>107</v>
      </c>
      <c r="I45" s="654"/>
      <c r="J45" s="484" t="s">
        <v>3459</v>
      </c>
      <c r="K45" s="657" t="s">
        <v>3104</v>
      </c>
      <c r="L45" s="657" t="s">
        <v>3451</v>
      </c>
      <c r="M45" s="654" t="s">
        <v>2996</v>
      </c>
      <c r="N45" s="654" t="s">
        <v>81</v>
      </c>
      <c r="O45" s="654" t="s">
        <v>3051</v>
      </c>
      <c r="P45" s="654" t="s">
        <v>61</v>
      </c>
      <c r="Q45" s="654" t="s">
        <v>3209</v>
      </c>
      <c r="R45" s="657"/>
      <c r="S45" s="657"/>
      <c r="T45" s="723">
        <v>29031552</v>
      </c>
      <c r="U45" s="723"/>
      <c r="V45" s="657" t="s">
        <v>64</v>
      </c>
      <c r="W45" s="723">
        <f t="shared" si="43"/>
        <v>0</v>
      </c>
      <c r="X45" s="745">
        <f t="shared" si="44"/>
        <v>29031552</v>
      </c>
      <c r="Y45" s="723" t="s">
        <v>3106</v>
      </c>
      <c r="Z45" s="723"/>
      <c r="AA45" s="652" t="s">
        <v>82</v>
      </c>
      <c r="AB45" s="746"/>
      <c r="AC45" s="746" t="s">
        <v>66</v>
      </c>
      <c r="AD45" s="746" t="s">
        <v>66</v>
      </c>
      <c r="AE45" s="746" t="s">
        <v>66</v>
      </c>
      <c r="AF45" s="746" t="s">
        <v>66</v>
      </c>
      <c r="AG45" s="746" t="s">
        <v>66</v>
      </c>
      <c r="AH45" s="746" t="s">
        <v>66</v>
      </c>
      <c r="AI45" s="746" t="s">
        <v>66</v>
      </c>
      <c r="AJ45" s="746" t="s">
        <v>66</v>
      </c>
      <c r="AK45" s="746" t="s">
        <v>66</v>
      </c>
      <c r="AL45" s="746" t="s">
        <v>66</v>
      </c>
      <c r="AM45" s="746" t="s">
        <v>66</v>
      </c>
      <c r="AN45" s="746" t="s">
        <v>66</v>
      </c>
      <c r="AO45" s="746" t="s">
        <v>66</v>
      </c>
      <c r="AP45" s="746" t="s">
        <v>66</v>
      </c>
      <c r="AQ45" s="746" t="s">
        <v>66</v>
      </c>
      <c r="AR45" s="746" t="s">
        <v>66</v>
      </c>
      <c r="AS45" s="883"/>
      <c r="AT45" s="883"/>
      <c r="AU45" s="883"/>
      <c r="AV45" s="883"/>
      <c r="AW45" s="883"/>
      <c r="AX45" s="883"/>
      <c r="AY45" s="883"/>
      <c r="AZ45" s="883"/>
      <c r="BA45" s="883"/>
      <c r="BB45" s="883"/>
      <c r="BC45" s="883"/>
      <c r="BD45" s="883"/>
      <c r="BE45" s="883"/>
      <c r="BF45" s="883"/>
      <c r="BG45" s="746"/>
      <c r="BH45" s="746"/>
      <c r="BI45" s="746"/>
      <c r="BJ45" s="746"/>
      <c r="BK45" s="746"/>
      <c r="BL45" s="746"/>
      <c r="BM45" s="746"/>
      <c r="BN45" s="746"/>
      <c r="BO45" s="746"/>
      <c r="BP45" s="746"/>
      <c r="BQ45" s="746"/>
      <c r="BR45" s="746"/>
      <c r="BS45" s="884">
        <f t="shared" si="5"/>
        <v>7554</v>
      </c>
      <c r="BT45" s="661">
        <f t="shared" si="47"/>
        <v>3843.2025416997617</v>
      </c>
      <c r="BU45" s="661"/>
      <c r="BV45" s="898" t="str">
        <f t="shared" si="53"/>
        <v/>
      </c>
      <c r="BW45" s="898">
        <v>378409</v>
      </c>
      <c r="BX45" s="898">
        <v>851421</v>
      </c>
      <c r="BY45" s="898">
        <v>662216</v>
      </c>
      <c r="BZ45" s="898">
        <v>946023</v>
      </c>
      <c r="CA45" s="898">
        <v>908182</v>
      </c>
      <c r="CB45" s="898">
        <v>189205</v>
      </c>
      <c r="CC45" s="898">
        <v>737898</v>
      </c>
      <c r="CD45" s="898">
        <v>946023</v>
      </c>
      <c r="CE45" s="898">
        <v>3153410</v>
      </c>
      <c r="CF45" s="898">
        <v>4730115</v>
      </c>
      <c r="CG45" s="898">
        <v>946023</v>
      </c>
      <c r="CH45" s="898">
        <v>442739</v>
      </c>
      <c r="CI45" s="898">
        <v>2207387</v>
      </c>
      <c r="CJ45" s="898">
        <v>170284</v>
      </c>
      <c r="CK45" s="898">
        <v>504546</v>
      </c>
      <c r="CL45" s="898">
        <v>11257673</v>
      </c>
      <c r="CM45" s="898" t="str">
        <f t="shared" si="55"/>
        <v/>
      </c>
      <c r="CN45" s="898" t="str">
        <f t="shared" si="56"/>
        <v/>
      </c>
      <c r="CO45" s="898" t="str">
        <f t="shared" si="57"/>
        <v/>
      </c>
      <c r="CP45" s="898" t="str">
        <f t="shared" si="58"/>
        <v/>
      </c>
      <c r="CQ45" s="898" t="str">
        <f t="shared" si="59"/>
        <v/>
      </c>
      <c r="CR45" s="898" t="str">
        <f t="shared" si="60"/>
        <v/>
      </c>
      <c r="CS45" s="898" t="str">
        <f t="shared" si="61"/>
        <v/>
      </c>
      <c r="CT45" s="898" t="str">
        <f t="shared" si="62"/>
        <v/>
      </c>
      <c r="CU45" s="898" t="str">
        <f t="shared" si="63"/>
        <v/>
      </c>
      <c r="CV45" s="898" t="str">
        <f t="shared" si="64"/>
        <v/>
      </c>
      <c r="CW45" s="898" t="str">
        <f t="shared" si="65"/>
        <v/>
      </c>
      <c r="CX45" s="898" t="str">
        <f t="shared" si="66"/>
        <v/>
      </c>
      <c r="CY45" s="898" t="str">
        <f t="shared" si="67"/>
        <v/>
      </c>
      <c r="CZ45" s="898" t="str">
        <f t="shared" si="68"/>
        <v/>
      </c>
      <c r="DA45" s="898" t="str">
        <f t="shared" si="70"/>
        <v/>
      </c>
      <c r="DB45" s="898" t="str">
        <f t="shared" si="70"/>
        <v/>
      </c>
      <c r="DC45" s="898" t="str">
        <f t="shared" si="70"/>
        <v/>
      </c>
      <c r="DD45" s="898" t="str">
        <f t="shared" si="70"/>
        <v/>
      </c>
      <c r="DE45" s="898" t="str">
        <f t="shared" si="70"/>
        <v/>
      </c>
      <c r="DF45" s="898" t="str">
        <f t="shared" si="70"/>
        <v/>
      </c>
      <c r="DG45" s="898" t="str">
        <f t="shared" si="70"/>
        <v/>
      </c>
      <c r="DH45" s="898" t="str">
        <f t="shared" si="70"/>
        <v/>
      </c>
      <c r="DI45" s="898" t="str">
        <f t="shared" si="70"/>
        <v/>
      </c>
      <c r="DJ45" s="898" t="str">
        <f t="shared" si="70"/>
        <v/>
      </c>
      <c r="DK45" s="898" t="str">
        <f t="shared" si="70"/>
        <v/>
      </c>
      <c r="DL45" s="898" t="str">
        <f t="shared" si="70"/>
        <v/>
      </c>
      <c r="DM45" s="661">
        <f t="shared" si="38"/>
        <v>29031554</v>
      </c>
      <c r="DN45" s="898">
        <f t="shared" si="39"/>
        <v>0</v>
      </c>
      <c r="DO45" s="516">
        <f t="shared" si="40"/>
        <v>0</v>
      </c>
      <c r="DP45" s="898">
        <f t="shared" si="41"/>
        <v>0</v>
      </c>
      <c r="DQ45" s="934" t="s">
        <v>3452</v>
      </c>
      <c r="DR45" s="483" t="s">
        <v>3426</v>
      </c>
      <c r="DS45" s="1215" t="s">
        <v>3427</v>
      </c>
      <c r="DT45" s="632"/>
    </row>
    <row r="46" spans="1:124" s="137" customFormat="1" ht="128.25" x14ac:dyDescent="0.2">
      <c r="A46" s="484" t="str">
        <f t="shared" si="2"/>
        <v>SEND Provision in Mainstream Education</v>
      </c>
      <c r="B46" s="1163">
        <v>43</v>
      </c>
      <c r="C46" s="715" t="s">
        <v>3460</v>
      </c>
      <c r="D46" s="715" t="s">
        <v>2481</v>
      </c>
      <c r="E46" s="481" t="s">
        <v>3415</v>
      </c>
      <c r="F46" s="481" t="s">
        <v>54</v>
      </c>
      <c r="G46" s="657" t="s">
        <v>1330</v>
      </c>
      <c r="H46" s="78" t="s">
        <v>3067</v>
      </c>
      <c r="I46" s="657"/>
      <c r="J46" s="78" t="s">
        <v>3068</v>
      </c>
      <c r="K46" s="657" t="s">
        <v>3104</v>
      </c>
      <c r="L46" s="852" t="s">
        <v>3167</v>
      </c>
      <c r="M46" s="657" t="s">
        <v>2996</v>
      </c>
      <c r="N46" s="657" t="s">
        <v>8</v>
      </c>
      <c r="O46" s="654" t="s">
        <v>3051</v>
      </c>
      <c r="P46" s="657" t="s">
        <v>61</v>
      </c>
      <c r="Q46" s="657" t="s">
        <v>225</v>
      </c>
      <c r="R46" s="657"/>
      <c r="S46" s="657"/>
      <c r="T46" s="748">
        <v>27189187</v>
      </c>
      <c r="U46" s="748"/>
      <c r="V46" s="657" t="s">
        <v>64</v>
      </c>
      <c r="W46" s="723">
        <f t="shared" si="43"/>
        <v>0</v>
      </c>
      <c r="X46" s="745">
        <f t="shared" si="44"/>
        <v>27189187</v>
      </c>
      <c r="Y46" s="723" t="s">
        <v>3106</v>
      </c>
      <c r="Z46" s="723"/>
      <c r="AA46" s="712" t="s">
        <v>65</v>
      </c>
      <c r="AB46" s="885" t="s">
        <v>66</v>
      </c>
      <c r="AC46" s="885" t="s">
        <v>66</v>
      </c>
      <c r="AD46" s="885" t="s">
        <v>66</v>
      </c>
      <c r="AE46" s="885" t="s">
        <v>66</v>
      </c>
      <c r="AF46" s="885" t="s">
        <v>66</v>
      </c>
      <c r="AG46" s="885" t="s">
        <v>66</v>
      </c>
      <c r="AH46" s="885" t="s">
        <v>66</v>
      </c>
      <c r="AI46" s="885" t="s">
        <v>66</v>
      </c>
      <c r="AJ46" s="885" t="s">
        <v>66</v>
      </c>
      <c r="AK46" s="885" t="s">
        <v>66</v>
      </c>
      <c r="AL46" s="885" t="s">
        <v>66</v>
      </c>
      <c r="AM46" s="885" t="s">
        <v>66</v>
      </c>
      <c r="AN46" s="885" t="s">
        <v>66</v>
      </c>
      <c r="AO46" s="885" t="s">
        <v>66</v>
      </c>
      <c r="AP46" s="885" t="s">
        <v>66</v>
      </c>
      <c r="AQ46" s="885" t="s">
        <v>66</v>
      </c>
      <c r="AR46" s="885" t="s">
        <v>66</v>
      </c>
      <c r="AS46" s="885"/>
      <c r="AT46" s="885"/>
      <c r="AU46" s="886"/>
      <c r="AV46" s="886"/>
      <c r="AW46" s="886"/>
      <c r="AX46" s="886"/>
      <c r="AY46" s="886"/>
      <c r="AZ46" s="886"/>
      <c r="BA46" s="886"/>
      <c r="BB46" s="886"/>
      <c r="BC46" s="886"/>
      <c r="BD46" s="886"/>
      <c r="BE46" s="886"/>
      <c r="BF46" s="886"/>
      <c r="BG46" s="885" t="s">
        <v>1487</v>
      </c>
      <c r="BH46" s="885" t="s">
        <v>1487</v>
      </c>
      <c r="BI46" s="885"/>
      <c r="BJ46" s="885"/>
      <c r="BK46" s="885"/>
      <c r="BL46" s="885"/>
      <c r="BM46" s="885"/>
      <c r="BN46" s="885"/>
      <c r="BO46" s="721" t="s">
        <v>66</v>
      </c>
      <c r="BP46" s="721" t="s">
        <v>66</v>
      </c>
      <c r="BQ46" s="721" t="s">
        <v>66</v>
      </c>
      <c r="BR46" s="654"/>
      <c r="BS46" s="884">
        <f t="shared" si="5"/>
        <v>18054</v>
      </c>
      <c r="BT46" s="661">
        <f t="shared" si="47"/>
        <v>1505.9924116539271</v>
      </c>
      <c r="BU46" s="661"/>
      <c r="BV46" s="898">
        <f t="shared" si="53"/>
        <v>7529962.0582696358</v>
      </c>
      <c r="BW46" s="898">
        <f t="shared" ref="BW46:BW72" si="71">IF(AC46="yes",(AC$3*$BT46),"")</f>
        <v>301198.48233078542</v>
      </c>
      <c r="BX46" s="898">
        <f t="shared" ref="BX46:BX72" si="72">IF(AD46="yes",(AD$3*$BT46),"")</f>
        <v>677696.58524426725</v>
      </c>
      <c r="BY46" s="898">
        <f t="shared" ref="BY46:BY72" si="73">IF(AE46="yes",(AE$3*$BT46),"")</f>
        <v>527097.34407887445</v>
      </c>
      <c r="BZ46" s="898">
        <f t="shared" ref="BZ46:BZ72" si="74">IF(AF46="yes",(AF$3*$BT46),"")</f>
        <v>752996.20582696353</v>
      </c>
      <c r="CA46" s="898">
        <f t="shared" ref="CA46:CA72" si="75">IF(AG46="yes",(AG$3*$BT46),"")</f>
        <v>722876.35759388504</v>
      </c>
      <c r="CB46" s="898">
        <f t="shared" ref="CB46:CB72" si="76">IF(AH46="yes",(AH$3*$BT46),"")</f>
        <v>150599.24116539271</v>
      </c>
      <c r="CC46" s="898">
        <f t="shared" ref="CC46:CC72" si="77">IF(AI46="yes",(AI$3*$BT46),"")</f>
        <v>587337.04054503154</v>
      </c>
      <c r="CD46" s="898">
        <f t="shared" ref="CD46:CD72" si="78">IF(AJ46="yes",(AJ$3*$BT46),"")</f>
        <v>752996.20582696353</v>
      </c>
      <c r="CE46" s="898">
        <f t="shared" ref="CE46:CE72" si="79">IF(AK46="yes",(AK$3*$BT46),"")</f>
        <v>752996.20582696353</v>
      </c>
      <c r="CF46" s="898">
        <f t="shared" ref="CF46:CF72" si="80">IF(AL46="yes",(AL$3*$BT46),"")</f>
        <v>1129494.3087404454</v>
      </c>
      <c r="CG46" s="898">
        <f t="shared" ref="CG46:CG72" si="81">IF(AM46="yes",(AM$3*$BT46),"")</f>
        <v>301198.48233078542</v>
      </c>
      <c r="CH46" s="898">
        <f t="shared" ref="CH46:CH72" si="82">IF(AN46="yes",(AN$3*$BT46),"")</f>
        <v>352402.22432701895</v>
      </c>
      <c r="CI46" s="898">
        <f t="shared" ref="CI46:CI72" si="83">IF(AO46="yes",(AO$3*$BT46),"")</f>
        <v>527097.34407887445</v>
      </c>
      <c r="CJ46" s="898">
        <f t="shared" ref="CJ46:CJ72" si="84">IF(AP46="yes",(AP$3*$BT46),"")</f>
        <v>135539.31704885344</v>
      </c>
      <c r="CK46" s="898">
        <f t="shared" ref="CK46:CK72" si="85">IF(AQ46="yes",(AQ$3*$BT46),"")</f>
        <v>120479.39293231416</v>
      </c>
      <c r="CL46" s="898">
        <f t="shared" ref="CL46:CL72" si="86">IF(AR46="yes",(AR$3*$BT46),"")</f>
        <v>3584261.9397363462</v>
      </c>
      <c r="CM46" s="898" t="str">
        <f t="shared" si="55"/>
        <v/>
      </c>
      <c r="CN46" s="898" t="str">
        <f t="shared" si="56"/>
        <v/>
      </c>
      <c r="CO46" s="898" t="str">
        <f t="shared" si="57"/>
        <v/>
      </c>
      <c r="CP46" s="898" t="str">
        <f t="shared" si="58"/>
        <v/>
      </c>
      <c r="CQ46" s="898" t="str">
        <f t="shared" si="59"/>
        <v/>
      </c>
      <c r="CR46" s="898" t="str">
        <f t="shared" si="60"/>
        <v/>
      </c>
      <c r="CS46" s="898" t="str">
        <f t="shared" si="61"/>
        <v/>
      </c>
      <c r="CT46" s="898" t="str">
        <f t="shared" si="62"/>
        <v/>
      </c>
      <c r="CU46" s="898" t="str">
        <f t="shared" si="63"/>
        <v/>
      </c>
      <c r="CV46" s="898" t="str">
        <f t="shared" si="64"/>
        <v/>
      </c>
      <c r="CW46" s="898" t="str">
        <f t="shared" si="65"/>
        <v/>
      </c>
      <c r="CX46" s="898" t="str">
        <f t="shared" si="66"/>
        <v/>
      </c>
      <c r="CY46" s="898" t="str">
        <f t="shared" si="67"/>
        <v/>
      </c>
      <c r="CZ46" s="898" t="str">
        <f t="shared" si="68"/>
        <v/>
      </c>
      <c r="DA46" s="1150"/>
      <c r="DB46" s="1150"/>
      <c r="DC46" s="1150"/>
      <c r="DD46" s="1150"/>
      <c r="DE46" s="1150"/>
      <c r="DF46" s="1150"/>
      <c r="DG46" s="1150"/>
      <c r="DH46" s="1150"/>
      <c r="DI46" s="898">
        <f t="shared" ref="DI46:DI54" si="87">IF(BO46="yes",(BO$3*$BT46),"")</f>
        <v>2258988.6174808908</v>
      </c>
      <c r="DJ46" s="898">
        <f t="shared" ref="DJ46:DJ54" si="88">IF(BP46="yes",(BP$3*$BT46),"")</f>
        <v>2409587.8586462834</v>
      </c>
      <c r="DK46" s="898">
        <f t="shared" ref="DK46:DK54" si="89">IF(BQ46="yes",(BQ$3*$BT46),"")</f>
        <v>3614381.7879694249</v>
      </c>
      <c r="DL46" s="1150"/>
      <c r="DM46" s="661">
        <f t="shared" si="38"/>
        <v>18906228.735903401</v>
      </c>
      <c r="DN46" s="898">
        <f t="shared" si="39"/>
        <v>8282958.2640965991</v>
      </c>
      <c r="DO46" s="516">
        <f t="shared" si="40"/>
        <v>0</v>
      </c>
      <c r="DP46" s="898">
        <f t="shared" si="41"/>
        <v>0</v>
      </c>
      <c r="DQ46" s="934" t="s">
        <v>3461</v>
      </c>
      <c r="DR46" s="483" t="s">
        <v>3426</v>
      </c>
      <c r="DS46" s="1215" t="s">
        <v>3427</v>
      </c>
      <c r="DT46" s="632"/>
    </row>
    <row r="47" spans="1:124" s="137" customFormat="1" ht="85.5" x14ac:dyDescent="0.2">
      <c r="A47" s="484" t="str">
        <f t="shared" si="2"/>
        <v>Mitigating the impact on the capacity of the fire and rescue service</v>
      </c>
      <c r="B47" s="1163">
        <v>44</v>
      </c>
      <c r="C47" s="481" t="s">
        <v>3462</v>
      </c>
      <c r="D47" s="481" t="s">
        <v>2481</v>
      </c>
      <c r="E47" s="481" t="s">
        <v>3415</v>
      </c>
      <c r="F47" s="481" t="s">
        <v>211</v>
      </c>
      <c r="G47" s="654" t="s">
        <v>222</v>
      </c>
      <c r="H47" s="484" t="s">
        <v>223</v>
      </c>
      <c r="I47" s="654"/>
      <c r="J47" s="484" t="s">
        <v>3463</v>
      </c>
      <c r="K47" s="654" t="s">
        <v>3104</v>
      </c>
      <c r="L47" s="657" t="s">
        <v>63</v>
      </c>
      <c r="M47" s="654" t="s">
        <v>2996</v>
      </c>
      <c r="N47" s="654" t="s">
        <v>81</v>
      </c>
      <c r="O47" s="654" t="s">
        <v>61</v>
      </c>
      <c r="P47" s="657" t="s">
        <v>61</v>
      </c>
      <c r="Q47" s="654" t="s">
        <v>225</v>
      </c>
      <c r="R47" s="654"/>
      <c r="S47" s="654"/>
      <c r="T47" s="723">
        <v>449003</v>
      </c>
      <c r="U47" s="723"/>
      <c r="V47" s="654" t="s">
        <v>64</v>
      </c>
      <c r="W47" s="723">
        <f t="shared" si="43"/>
        <v>0</v>
      </c>
      <c r="X47" s="745">
        <f t="shared" si="44"/>
        <v>449003</v>
      </c>
      <c r="Y47" s="723" t="s">
        <v>3106</v>
      </c>
      <c r="Z47" s="723"/>
      <c r="AA47" s="712" t="s">
        <v>65</v>
      </c>
      <c r="AB47" s="746" t="s">
        <v>66</v>
      </c>
      <c r="AC47" s="746" t="s">
        <v>66</v>
      </c>
      <c r="AD47" s="746" t="s">
        <v>66</v>
      </c>
      <c r="AE47" s="746" t="s">
        <v>66</v>
      </c>
      <c r="AF47" s="746" t="s">
        <v>66</v>
      </c>
      <c r="AG47" s="746" t="s">
        <v>66</v>
      </c>
      <c r="AH47" s="746" t="s">
        <v>66</v>
      </c>
      <c r="AI47" s="746" t="s">
        <v>66</v>
      </c>
      <c r="AJ47" s="746" t="s">
        <v>66</v>
      </c>
      <c r="AK47" s="746" t="s">
        <v>66</v>
      </c>
      <c r="AL47" s="746" t="s">
        <v>66</v>
      </c>
      <c r="AM47" s="746" t="s">
        <v>66</v>
      </c>
      <c r="AN47" s="746" t="s">
        <v>66</v>
      </c>
      <c r="AO47" s="746" t="s">
        <v>66</v>
      </c>
      <c r="AP47" s="746" t="s">
        <v>66</v>
      </c>
      <c r="AQ47" s="746" t="s">
        <v>66</v>
      </c>
      <c r="AR47" s="746" t="s">
        <v>66</v>
      </c>
      <c r="AS47" s="883"/>
      <c r="AT47" s="883"/>
      <c r="AU47" s="883"/>
      <c r="AV47" s="883"/>
      <c r="AW47" s="883"/>
      <c r="AX47" s="883"/>
      <c r="AY47" s="883"/>
      <c r="AZ47" s="883"/>
      <c r="BA47" s="883"/>
      <c r="BB47" s="883"/>
      <c r="BC47" s="883"/>
      <c r="BD47" s="883"/>
      <c r="BE47" s="883"/>
      <c r="BF47" s="883"/>
      <c r="BG47" s="746"/>
      <c r="BH47" s="746"/>
      <c r="BI47" s="746"/>
      <c r="BJ47" s="746"/>
      <c r="BK47" s="746"/>
      <c r="BL47" s="746"/>
      <c r="BM47" s="746"/>
      <c r="BN47" s="746"/>
      <c r="BO47" s="746" t="s">
        <v>66</v>
      </c>
      <c r="BP47" s="746" t="s">
        <v>66</v>
      </c>
      <c r="BQ47" s="746" t="s">
        <v>66</v>
      </c>
      <c r="BR47" s="746"/>
      <c r="BS47" s="884">
        <f t="shared" si="5"/>
        <v>18054</v>
      </c>
      <c r="BT47" s="661">
        <f t="shared" si="47"/>
        <v>24.870001107787747</v>
      </c>
      <c r="BU47" s="661"/>
      <c r="BV47" s="898">
        <f t="shared" si="53"/>
        <v>124350.00553893874</v>
      </c>
      <c r="BW47" s="898">
        <f t="shared" si="71"/>
        <v>4974.0002215575496</v>
      </c>
      <c r="BX47" s="898">
        <f t="shared" si="72"/>
        <v>11191.500498504487</v>
      </c>
      <c r="BY47" s="898">
        <f t="shared" si="73"/>
        <v>8704.5003877257113</v>
      </c>
      <c r="BZ47" s="898">
        <f t="shared" si="74"/>
        <v>12435.000553893873</v>
      </c>
      <c r="CA47" s="898">
        <f t="shared" si="75"/>
        <v>11937.600531738119</v>
      </c>
      <c r="CB47" s="898">
        <f t="shared" si="76"/>
        <v>2487.0001107787748</v>
      </c>
      <c r="CC47" s="898">
        <f t="shared" si="77"/>
        <v>9699.300432037222</v>
      </c>
      <c r="CD47" s="898">
        <f t="shared" si="78"/>
        <v>12435.000553893873</v>
      </c>
      <c r="CE47" s="898">
        <f t="shared" si="79"/>
        <v>12435.000553893873</v>
      </c>
      <c r="CF47" s="898">
        <f t="shared" si="80"/>
        <v>18652.500830840811</v>
      </c>
      <c r="CG47" s="898">
        <f t="shared" si="81"/>
        <v>4974.0002215575496</v>
      </c>
      <c r="CH47" s="898">
        <f t="shared" si="82"/>
        <v>5819.5802592223326</v>
      </c>
      <c r="CI47" s="898">
        <f t="shared" si="83"/>
        <v>8704.5003877257113</v>
      </c>
      <c r="CJ47" s="898">
        <f t="shared" si="84"/>
        <v>2238.3000997008971</v>
      </c>
      <c r="CK47" s="898">
        <f t="shared" si="85"/>
        <v>1989.6000886230197</v>
      </c>
      <c r="CL47" s="898">
        <f t="shared" si="86"/>
        <v>59190.602636534837</v>
      </c>
      <c r="CM47" s="898" t="str">
        <f t="shared" si="55"/>
        <v/>
      </c>
      <c r="CN47" s="898" t="str">
        <f t="shared" si="56"/>
        <v/>
      </c>
      <c r="CO47" s="898" t="str">
        <f t="shared" si="57"/>
        <v/>
      </c>
      <c r="CP47" s="898" t="str">
        <f t="shared" si="58"/>
        <v/>
      </c>
      <c r="CQ47" s="898" t="str">
        <f t="shared" si="59"/>
        <v/>
      </c>
      <c r="CR47" s="898" t="str">
        <f t="shared" si="60"/>
        <v/>
      </c>
      <c r="CS47" s="898" t="str">
        <f t="shared" si="61"/>
        <v/>
      </c>
      <c r="CT47" s="898" t="str">
        <f t="shared" si="62"/>
        <v/>
      </c>
      <c r="CU47" s="898" t="str">
        <f t="shared" si="63"/>
        <v/>
      </c>
      <c r="CV47" s="898" t="str">
        <f t="shared" si="64"/>
        <v/>
      </c>
      <c r="CW47" s="898" t="str">
        <f t="shared" si="65"/>
        <v/>
      </c>
      <c r="CX47" s="898" t="str">
        <f t="shared" si="66"/>
        <v/>
      </c>
      <c r="CY47" s="898" t="str">
        <f t="shared" si="67"/>
        <v/>
      </c>
      <c r="CZ47" s="898" t="str">
        <f t="shared" si="68"/>
        <v/>
      </c>
      <c r="DA47" s="898" t="str">
        <f t="shared" ref="DA47:DA55" si="90">IF(BG47="yes",(BG$3*$BT47),"")</f>
        <v/>
      </c>
      <c r="DB47" s="898" t="str">
        <f t="shared" ref="DB47:DB55" si="91">IF(BH47="yes",(BH$3*$BT47),"")</f>
        <v/>
      </c>
      <c r="DC47" s="898" t="str">
        <f t="shared" ref="DC47:DC55" si="92">IF(BI47="yes",(BI$3*$BT47),"")</f>
        <v/>
      </c>
      <c r="DD47" s="898" t="str">
        <f t="shared" ref="DD47:DD55" si="93">IF(BJ47="yes",(BJ$3*$BT47),"")</f>
        <v/>
      </c>
      <c r="DE47" s="898" t="str">
        <f t="shared" ref="DE47:DE55" si="94">IF(BK47="yes",(BK$3*$BT47),"")</f>
        <v/>
      </c>
      <c r="DF47" s="898" t="str">
        <f t="shared" ref="DF47:DF55" si="95">IF(BL47="yes",(BL$3*$BT47),"")</f>
        <v/>
      </c>
      <c r="DG47" s="898" t="str">
        <f t="shared" ref="DG47:DG55" si="96">IF(BM47="yes",(BM$3*$BT47),"")</f>
        <v/>
      </c>
      <c r="DH47" s="898" t="str">
        <f t="shared" ref="DH47:DH55" si="97">IF(BN47="yes",(BN$3*$BT47),"")</f>
        <v/>
      </c>
      <c r="DI47" s="898">
        <f t="shared" si="87"/>
        <v>37305.001661681621</v>
      </c>
      <c r="DJ47" s="898">
        <f t="shared" si="88"/>
        <v>39792.001772460397</v>
      </c>
      <c r="DK47" s="898">
        <f t="shared" si="89"/>
        <v>59688.002658690595</v>
      </c>
      <c r="DL47" s="898" t="str">
        <f t="shared" ref="DL47:DL55" si="98">IF(BR47="yes",(BR$3*$BT47),"")</f>
        <v/>
      </c>
      <c r="DM47" s="661">
        <f t="shared" si="38"/>
        <v>312217.9939071674</v>
      </c>
      <c r="DN47" s="898">
        <f t="shared" si="39"/>
        <v>136785.0060928326</v>
      </c>
      <c r="DO47" s="516">
        <f t="shared" si="40"/>
        <v>0</v>
      </c>
      <c r="DP47" s="898">
        <f t="shared" si="41"/>
        <v>0</v>
      </c>
      <c r="DQ47" s="483" t="s">
        <v>3464</v>
      </c>
      <c r="DR47" s="483"/>
      <c r="DS47" s="1215" t="s">
        <v>3465</v>
      </c>
      <c r="DT47" s="632"/>
    </row>
    <row r="48" spans="1:124" s="137" customFormat="1" ht="128.25" x14ac:dyDescent="0.2">
      <c r="A48" s="484" t="str">
        <f t="shared" si="2"/>
        <v>Extension to existing police accommodation</v>
      </c>
      <c r="B48" s="1163">
        <v>45</v>
      </c>
      <c r="C48" s="481" t="s">
        <v>3466</v>
      </c>
      <c r="D48" s="481" t="s">
        <v>2481</v>
      </c>
      <c r="E48" s="481" t="s">
        <v>53</v>
      </c>
      <c r="F48" s="481" t="s">
        <v>211</v>
      </c>
      <c r="G48" s="654" t="s">
        <v>212</v>
      </c>
      <c r="H48" s="484" t="s">
        <v>213</v>
      </c>
      <c r="I48" s="654"/>
      <c r="J48" s="484" t="s">
        <v>3467</v>
      </c>
      <c r="K48" s="654" t="s">
        <v>3468</v>
      </c>
      <c r="L48" s="657" t="s">
        <v>63</v>
      </c>
      <c r="M48" s="654" t="s">
        <v>2996</v>
      </c>
      <c r="N48" s="654" t="s">
        <v>81</v>
      </c>
      <c r="O48" s="654" t="s">
        <v>216</v>
      </c>
      <c r="P48" s="654" t="s">
        <v>216</v>
      </c>
      <c r="Q48" s="654" t="s">
        <v>225</v>
      </c>
      <c r="R48" s="654"/>
      <c r="S48" s="654"/>
      <c r="T48" s="723">
        <v>994952</v>
      </c>
      <c r="U48" s="723"/>
      <c r="V48" s="654" t="s">
        <v>3469</v>
      </c>
      <c r="W48" s="723">
        <f t="shared" si="43"/>
        <v>0</v>
      </c>
      <c r="X48" s="745">
        <f t="shared" si="44"/>
        <v>994952</v>
      </c>
      <c r="Y48" s="723" t="s">
        <v>3106</v>
      </c>
      <c r="Z48" s="723"/>
      <c r="AA48" s="712" t="s">
        <v>65</v>
      </c>
      <c r="AB48" s="746" t="s">
        <v>66</v>
      </c>
      <c r="AC48" s="746" t="s">
        <v>66</v>
      </c>
      <c r="AD48" s="746" t="s">
        <v>66</v>
      </c>
      <c r="AE48" s="746" t="s">
        <v>66</v>
      </c>
      <c r="AF48" s="746" t="s">
        <v>66</v>
      </c>
      <c r="AG48" s="746" t="s">
        <v>66</v>
      </c>
      <c r="AH48" s="746" t="s">
        <v>66</v>
      </c>
      <c r="AI48" s="746" t="s">
        <v>66</v>
      </c>
      <c r="AJ48" s="746" t="s">
        <v>66</v>
      </c>
      <c r="AK48" s="746" t="s">
        <v>66</v>
      </c>
      <c r="AL48" s="746" t="s">
        <v>66</v>
      </c>
      <c r="AM48" s="746" t="s">
        <v>66</v>
      </c>
      <c r="AN48" s="746" t="s">
        <v>66</v>
      </c>
      <c r="AO48" s="746" t="s">
        <v>66</v>
      </c>
      <c r="AP48" s="746" t="s">
        <v>66</v>
      </c>
      <c r="AQ48" s="746" t="s">
        <v>66</v>
      </c>
      <c r="AR48" s="746" t="s">
        <v>66</v>
      </c>
      <c r="AS48" s="746" t="s">
        <v>66</v>
      </c>
      <c r="AT48" s="746" t="s">
        <v>66</v>
      </c>
      <c r="AU48" s="746" t="s">
        <v>66</v>
      </c>
      <c r="AV48" s="746" t="s">
        <v>66</v>
      </c>
      <c r="AW48" s="746" t="s">
        <v>66</v>
      </c>
      <c r="AX48" s="746" t="s">
        <v>66</v>
      </c>
      <c r="AY48" s="746" t="s">
        <v>66</v>
      </c>
      <c r="AZ48" s="746" t="s">
        <v>66</v>
      </c>
      <c r="BA48" s="746" t="s">
        <v>66</v>
      </c>
      <c r="BB48" s="746" t="s">
        <v>66</v>
      </c>
      <c r="BC48" s="746" t="s">
        <v>66</v>
      </c>
      <c r="BD48" s="746" t="s">
        <v>66</v>
      </c>
      <c r="BE48" s="746" t="s">
        <v>66</v>
      </c>
      <c r="BF48" s="746" t="s">
        <v>66</v>
      </c>
      <c r="BG48" s="746"/>
      <c r="BH48" s="746"/>
      <c r="BI48" s="746"/>
      <c r="BJ48" s="746"/>
      <c r="BK48" s="746"/>
      <c r="BL48" s="746"/>
      <c r="BM48" s="746"/>
      <c r="BN48" s="746"/>
      <c r="BO48" s="746"/>
      <c r="BP48" s="746"/>
      <c r="BQ48" s="746"/>
      <c r="BR48" s="746"/>
      <c r="BS48" s="884">
        <f t="shared" si="5"/>
        <v>16914</v>
      </c>
      <c r="BT48" s="661">
        <f t="shared" si="47"/>
        <v>58.824169327184578</v>
      </c>
      <c r="BU48" s="661"/>
      <c r="BV48" s="898">
        <f t="shared" si="53"/>
        <v>294120.84663592291</v>
      </c>
      <c r="BW48" s="898">
        <f t="shared" si="71"/>
        <v>11764.833865436916</v>
      </c>
      <c r="BX48" s="898">
        <f t="shared" si="72"/>
        <v>26470.876197233061</v>
      </c>
      <c r="BY48" s="898">
        <f t="shared" si="73"/>
        <v>20588.4592645146</v>
      </c>
      <c r="BZ48" s="898">
        <f t="shared" si="74"/>
        <v>29412.08466359229</v>
      </c>
      <c r="CA48" s="898">
        <f t="shared" si="75"/>
        <v>28235.601277048598</v>
      </c>
      <c r="CB48" s="898">
        <f t="shared" si="76"/>
        <v>5882.4169327184582</v>
      </c>
      <c r="CC48" s="898">
        <f t="shared" si="77"/>
        <v>22941.426037601985</v>
      </c>
      <c r="CD48" s="898">
        <f t="shared" si="78"/>
        <v>29412.08466359229</v>
      </c>
      <c r="CE48" s="898">
        <f t="shared" si="79"/>
        <v>29412.08466359229</v>
      </c>
      <c r="CF48" s="898">
        <f t="shared" si="80"/>
        <v>44118.126995388433</v>
      </c>
      <c r="CG48" s="898">
        <f t="shared" si="81"/>
        <v>11764.833865436916</v>
      </c>
      <c r="CH48" s="898">
        <f t="shared" si="82"/>
        <v>13764.855622561192</v>
      </c>
      <c r="CI48" s="898">
        <f t="shared" si="83"/>
        <v>20588.4592645146</v>
      </c>
      <c r="CJ48" s="898">
        <f t="shared" si="84"/>
        <v>5294.1752394466121</v>
      </c>
      <c r="CK48" s="898">
        <f t="shared" si="85"/>
        <v>4705.933546174766</v>
      </c>
      <c r="CL48" s="898">
        <f t="shared" si="86"/>
        <v>140001.52299869931</v>
      </c>
      <c r="CM48" s="898">
        <f t="shared" si="55"/>
        <v>45588.731228568045</v>
      </c>
      <c r="CN48" s="898">
        <f t="shared" si="56"/>
        <v>5882.4169327184582</v>
      </c>
      <c r="CO48" s="898">
        <f t="shared" si="57"/>
        <v>5882.4169327184582</v>
      </c>
      <c r="CP48" s="898">
        <f t="shared" si="58"/>
        <v>17764.899136809741</v>
      </c>
      <c r="CQ48" s="898">
        <f t="shared" si="59"/>
        <v>14706.042331796145</v>
      </c>
      <c r="CR48" s="898">
        <f t="shared" si="60"/>
        <v>23529.667730873833</v>
      </c>
      <c r="CS48" s="898">
        <f t="shared" si="61"/>
        <v>82353.837058058401</v>
      </c>
      <c r="CT48" s="898">
        <f t="shared" si="62"/>
        <v>11823.658034764099</v>
      </c>
      <c r="CU48" s="898">
        <f t="shared" si="63"/>
        <v>12764.844743999054</v>
      </c>
      <c r="CV48" s="898">
        <f t="shared" si="64"/>
        <v>1823.5492491427219</v>
      </c>
      <c r="CW48" s="898">
        <f t="shared" si="65"/>
        <v>3941.2193449213669</v>
      </c>
      <c r="CX48" s="898">
        <f t="shared" si="66"/>
        <v>8823.6253990776859</v>
      </c>
      <c r="CY48" s="898">
        <f t="shared" si="67"/>
        <v>1823.5492491427219</v>
      </c>
      <c r="CZ48" s="898">
        <f t="shared" si="68"/>
        <v>19764.920893934017</v>
      </c>
      <c r="DA48" s="898" t="str">
        <f t="shared" si="90"/>
        <v/>
      </c>
      <c r="DB48" s="898" t="str">
        <f t="shared" si="91"/>
        <v/>
      </c>
      <c r="DC48" s="898" t="str">
        <f t="shared" si="92"/>
        <v/>
      </c>
      <c r="DD48" s="898" t="str">
        <f t="shared" si="93"/>
        <v/>
      </c>
      <c r="DE48" s="898" t="str">
        <f t="shared" si="94"/>
        <v/>
      </c>
      <c r="DF48" s="898" t="str">
        <f t="shared" si="95"/>
        <v/>
      </c>
      <c r="DG48" s="898" t="str">
        <f t="shared" si="96"/>
        <v/>
      </c>
      <c r="DH48" s="898" t="str">
        <f t="shared" si="97"/>
        <v/>
      </c>
      <c r="DI48" s="898" t="str">
        <f t="shared" si="87"/>
        <v/>
      </c>
      <c r="DJ48" s="898" t="str">
        <f t="shared" si="88"/>
        <v/>
      </c>
      <c r="DK48" s="898" t="str">
        <f t="shared" si="89"/>
        <v/>
      </c>
      <c r="DL48" s="898" t="str">
        <f t="shared" si="98"/>
        <v/>
      </c>
      <c r="DM48" s="661">
        <f t="shared" si="38"/>
        <v>738478.62173347524</v>
      </c>
      <c r="DN48" s="898">
        <f t="shared" si="39"/>
        <v>0</v>
      </c>
      <c r="DO48" s="898">
        <f t="shared" si="40"/>
        <v>256473.37826652476</v>
      </c>
      <c r="DP48" s="898">
        <f t="shared" si="41"/>
        <v>0</v>
      </c>
      <c r="DQ48" s="483" t="s">
        <v>3470</v>
      </c>
      <c r="DR48" s="483"/>
      <c r="DS48" s="1215" t="s">
        <v>3471</v>
      </c>
      <c r="DT48" s="632"/>
    </row>
    <row r="49" spans="1:124" s="137" customFormat="1" ht="128.25" x14ac:dyDescent="0.2">
      <c r="A49" s="484" t="str">
        <f t="shared" si="2"/>
        <v>Additional police vehicles</v>
      </c>
      <c r="B49" s="1163">
        <v>46</v>
      </c>
      <c r="C49" s="481" t="s">
        <v>3472</v>
      </c>
      <c r="D49" s="481" t="s">
        <v>2481</v>
      </c>
      <c r="E49" s="481" t="s">
        <v>53</v>
      </c>
      <c r="F49" s="481" t="s">
        <v>211</v>
      </c>
      <c r="G49" s="654" t="s">
        <v>212</v>
      </c>
      <c r="H49" s="484" t="s">
        <v>219</v>
      </c>
      <c r="I49" s="654"/>
      <c r="J49" s="484" t="s">
        <v>3473</v>
      </c>
      <c r="K49" s="654" t="s">
        <v>3468</v>
      </c>
      <c r="L49" s="657" t="s">
        <v>63</v>
      </c>
      <c r="M49" s="654" t="s">
        <v>2996</v>
      </c>
      <c r="N49" s="654" t="s">
        <v>81</v>
      </c>
      <c r="O49" s="654" t="s">
        <v>216</v>
      </c>
      <c r="P49" s="657" t="s">
        <v>216</v>
      </c>
      <c r="Q49" s="654" t="s">
        <v>225</v>
      </c>
      <c r="R49" s="654"/>
      <c r="S49" s="654"/>
      <c r="T49" s="723">
        <v>382483</v>
      </c>
      <c r="U49" s="723"/>
      <c r="V49" s="654" t="s">
        <v>3469</v>
      </c>
      <c r="W49" s="723">
        <f t="shared" si="43"/>
        <v>0</v>
      </c>
      <c r="X49" s="745">
        <f t="shared" si="44"/>
        <v>382483</v>
      </c>
      <c r="Y49" s="723" t="s">
        <v>3106</v>
      </c>
      <c r="Z49" s="723"/>
      <c r="AA49" s="736" t="s">
        <v>82</v>
      </c>
      <c r="AB49" s="746" t="s">
        <v>66</v>
      </c>
      <c r="AC49" s="746" t="s">
        <v>66</v>
      </c>
      <c r="AD49" s="746" t="s">
        <v>66</v>
      </c>
      <c r="AE49" s="746" t="s">
        <v>66</v>
      </c>
      <c r="AF49" s="746" t="s">
        <v>66</v>
      </c>
      <c r="AG49" s="746" t="s">
        <v>66</v>
      </c>
      <c r="AH49" s="746" t="s">
        <v>66</v>
      </c>
      <c r="AI49" s="746" t="s">
        <v>66</v>
      </c>
      <c r="AJ49" s="746" t="s">
        <v>66</v>
      </c>
      <c r="AK49" s="746" t="s">
        <v>66</v>
      </c>
      <c r="AL49" s="746" t="s">
        <v>66</v>
      </c>
      <c r="AM49" s="746" t="s">
        <v>66</v>
      </c>
      <c r="AN49" s="746" t="s">
        <v>66</v>
      </c>
      <c r="AO49" s="746" t="s">
        <v>66</v>
      </c>
      <c r="AP49" s="746" t="s">
        <v>66</v>
      </c>
      <c r="AQ49" s="746" t="s">
        <v>66</v>
      </c>
      <c r="AR49" s="746" t="s">
        <v>66</v>
      </c>
      <c r="AS49" s="746" t="s">
        <v>66</v>
      </c>
      <c r="AT49" s="746" t="s">
        <v>66</v>
      </c>
      <c r="AU49" s="746" t="s">
        <v>66</v>
      </c>
      <c r="AV49" s="746" t="s">
        <v>66</v>
      </c>
      <c r="AW49" s="746" t="s">
        <v>66</v>
      </c>
      <c r="AX49" s="746" t="s">
        <v>66</v>
      </c>
      <c r="AY49" s="746" t="s">
        <v>66</v>
      </c>
      <c r="AZ49" s="746" t="s">
        <v>66</v>
      </c>
      <c r="BA49" s="746" t="s">
        <v>66</v>
      </c>
      <c r="BB49" s="746" t="s">
        <v>66</v>
      </c>
      <c r="BC49" s="746" t="s">
        <v>66</v>
      </c>
      <c r="BD49" s="746" t="s">
        <v>66</v>
      </c>
      <c r="BE49" s="746" t="s">
        <v>66</v>
      </c>
      <c r="BF49" s="746" t="s">
        <v>66</v>
      </c>
      <c r="BG49" s="746"/>
      <c r="BH49" s="746"/>
      <c r="BI49" s="746"/>
      <c r="BJ49" s="746"/>
      <c r="BK49" s="746"/>
      <c r="BL49" s="746"/>
      <c r="BM49" s="746"/>
      <c r="BN49" s="746"/>
      <c r="BO49" s="746"/>
      <c r="BP49" s="746"/>
      <c r="BQ49" s="746"/>
      <c r="BR49" s="746"/>
      <c r="BS49" s="884">
        <f t="shared" si="5"/>
        <v>16914</v>
      </c>
      <c r="BT49" s="661">
        <f t="shared" si="47"/>
        <v>22.613397185763272</v>
      </c>
      <c r="BU49" s="661"/>
      <c r="BV49" s="898">
        <f t="shared" si="53"/>
        <v>113066.98592881636</v>
      </c>
      <c r="BW49" s="898">
        <f t="shared" si="71"/>
        <v>4522.6794371526548</v>
      </c>
      <c r="BX49" s="898">
        <f t="shared" si="72"/>
        <v>10176.028733593472</v>
      </c>
      <c r="BY49" s="898">
        <f t="shared" si="73"/>
        <v>7914.6890150171457</v>
      </c>
      <c r="BZ49" s="898">
        <f t="shared" si="74"/>
        <v>11306.698592881636</v>
      </c>
      <c r="CA49" s="898">
        <f t="shared" si="75"/>
        <v>10854.43064916637</v>
      </c>
      <c r="CB49" s="898">
        <f t="shared" si="76"/>
        <v>2261.3397185763274</v>
      </c>
      <c r="CC49" s="898">
        <f t="shared" si="77"/>
        <v>8819.2249024476769</v>
      </c>
      <c r="CD49" s="898">
        <f t="shared" si="78"/>
        <v>11306.698592881636</v>
      </c>
      <c r="CE49" s="898">
        <f t="shared" si="79"/>
        <v>11306.698592881636</v>
      </c>
      <c r="CF49" s="898">
        <f t="shared" si="80"/>
        <v>16960.047889322454</v>
      </c>
      <c r="CG49" s="898">
        <f t="shared" si="81"/>
        <v>4522.6794371526548</v>
      </c>
      <c r="CH49" s="898">
        <f t="shared" si="82"/>
        <v>5291.5349414686061</v>
      </c>
      <c r="CI49" s="898">
        <f t="shared" si="83"/>
        <v>7914.6890150171457</v>
      </c>
      <c r="CJ49" s="898">
        <f t="shared" si="84"/>
        <v>2035.2057467186944</v>
      </c>
      <c r="CK49" s="898">
        <f t="shared" si="85"/>
        <v>1809.0717748610618</v>
      </c>
      <c r="CL49" s="898">
        <f t="shared" si="86"/>
        <v>53819.885302116585</v>
      </c>
      <c r="CM49" s="898">
        <f t="shared" si="55"/>
        <v>17525.382818966536</v>
      </c>
      <c r="CN49" s="898">
        <f t="shared" si="56"/>
        <v>2261.3397185763274</v>
      </c>
      <c r="CO49" s="898">
        <f t="shared" si="57"/>
        <v>2261.3397185763274</v>
      </c>
      <c r="CP49" s="898">
        <f t="shared" si="58"/>
        <v>6829.2459501005078</v>
      </c>
      <c r="CQ49" s="898">
        <f t="shared" si="59"/>
        <v>5653.3492964408179</v>
      </c>
      <c r="CR49" s="898">
        <f t="shared" si="60"/>
        <v>9045.3588743053097</v>
      </c>
      <c r="CS49" s="898">
        <f t="shared" si="61"/>
        <v>31658.756060068583</v>
      </c>
      <c r="CT49" s="898">
        <f t="shared" si="62"/>
        <v>4545.2928343384174</v>
      </c>
      <c r="CU49" s="898">
        <f t="shared" si="63"/>
        <v>4907.10718931063</v>
      </c>
      <c r="CV49" s="898">
        <f t="shared" si="64"/>
        <v>701.01531275866148</v>
      </c>
      <c r="CW49" s="898">
        <f t="shared" si="65"/>
        <v>1515.0976114461394</v>
      </c>
      <c r="CX49" s="898">
        <f t="shared" si="66"/>
        <v>3392.0095778644909</v>
      </c>
      <c r="CY49" s="898">
        <f t="shared" si="67"/>
        <v>701.01531275866148</v>
      </c>
      <c r="CZ49" s="898">
        <f t="shared" si="68"/>
        <v>7598.1014544164591</v>
      </c>
      <c r="DA49" s="898" t="str">
        <f t="shared" si="90"/>
        <v/>
      </c>
      <c r="DB49" s="898" t="str">
        <f t="shared" si="91"/>
        <v/>
      </c>
      <c r="DC49" s="898" t="str">
        <f t="shared" si="92"/>
        <v/>
      </c>
      <c r="DD49" s="898" t="str">
        <f t="shared" si="93"/>
        <v/>
      </c>
      <c r="DE49" s="898" t="str">
        <f t="shared" si="94"/>
        <v/>
      </c>
      <c r="DF49" s="898" t="str">
        <f t="shared" si="95"/>
        <v/>
      </c>
      <c r="DG49" s="898" t="str">
        <f t="shared" si="96"/>
        <v/>
      </c>
      <c r="DH49" s="898" t="str">
        <f t="shared" si="97"/>
        <v/>
      </c>
      <c r="DI49" s="898" t="str">
        <f t="shared" si="87"/>
        <v/>
      </c>
      <c r="DJ49" s="898" t="str">
        <f t="shared" si="88"/>
        <v/>
      </c>
      <c r="DK49" s="898" t="str">
        <f t="shared" si="89"/>
        <v/>
      </c>
      <c r="DL49" s="898" t="str">
        <f t="shared" si="98"/>
        <v/>
      </c>
      <c r="DM49" s="661">
        <f t="shared" si="38"/>
        <v>283888.58827007207</v>
      </c>
      <c r="DN49" s="898">
        <f t="shared" si="39"/>
        <v>0</v>
      </c>
      <c r="DO49" s="898">
        <f t="shared" si="40"/>
        <v>98594.411729927873</v>
      </c>
      <c r="DP49" s="898">
        <f t="shared" si="41"/>
        <v>0</v>
      </c>
      <c r="DQ49" s="483" t="s">
        <v>3470</v>
      </c>
      <c r="DR49" s="483"/>
      <c r="DS49" s="1215" t="s">
        <v>3471</v>
      </c>
      <c r="DT49" s="632"/>
    </row>
    <row r="50" spans="1:124" s="137" customFormat="1" ht="142.5" x14ac:dyDescent="0.2">
      <c r="A50" s="484" t="str">
        <f t="shared" si="2"/>
        <v>Substantial new green space and SANG provision at North Hemel Hempstead (H1)</v>
      </c>
      <c r="B50" s="1163">
        <v>47</v>
      </c>
      <c r="C50" s="511" t="s">
        <v>3474</v>
      </c>
      <c r="D50" s="511" t="s">
        <v>2182</v>
      </c>
      <c r="E50" s="511" t="s">
        <v>1385</v>
      </c>
      <c r="F50" s="511" t="s">
        <v>1331</v>
      </c>
      <c r="G50" s="515" t="s">
        <v>1339</v>
      </c>
      <c r="H50" s="513" t="s">
        <v>3475</v>
      </c>
      <c r="I50" s="515"/>
      <c r="J50" s="513" t="s">
        <v>3476</v>
      </c>
      <c r="K50" s="515" t="s">
        <v>3104</v>
      </c>
      <c r="L50" s="515" t="s">
        <v>1375</v>
      </c>
      <c r="M50" s="515" t="s">
        <v>3005</v>
      </c>
      <c r="N50" s="515" t="s">
        <v>60</v>
      </c>
      <c r="O50" s="664" t="s">
        <v>3477</v>
      </c>
      <c r="P50" s="654" t="s">
        <v>1385</v>
      </c>
      <c r="Q50" s="515" t="s">
        <v>169</v>
      </c>
      <c r="R50" s="657"/>
      <c r="S50" s="657"/>
      <c r="T50" s="1305">
        <v>3320800</v>
      </c>
      <c r="U50" s="516"/>
      <c r="V50" s="516" t="s">
        <v>64</v>
      </c>
      <c r="W50" s="723">
        <f t="shared" si="43"/>
        <v>0</v>
      </c>
      <c r="X50" s="1306">
        <f t="shared" si="44"/>
        <v>3320800</v>
      </c>
      <c r="Y50" s="723" t="s">
        <v>3106</v>
      </c>
      <c r="Z50" s="723"/>
      <c r="AA50" s="1322" t="s">
        <v>245</v>
      </c>
      <c r="AB50" s="516"/>
      <c r="AC50" s="516"/>
      <c r="AD50" s="516"/>
      <c r="AE50" s="516"/>
      <c r="AF50" s="516"/>
      <c r="AG50" s="516"/>
      <c r="AH50" s="516"/>
      <c r="AI50" s="516"/>
      <c r="AJ50" s="516"/>
      <c r="AK50" s="516"/>
      <c r="AL50" s="516"/>
      <c r="AM50" s="516"/>
      <c r="AN50" s="516"/>
      <c r="AO50" s="516"/>
      <c r="AP50" s="516"/>
      <c r="AQ50" s="516"/>
      <c r="AR50" s="516"/>
      <c r="AS50" s="516"/>
      <c r="AT50" s="516"/>
      <c r="AU50" s="516"/>
      <c r="AV50" s="516"/>
      <c r="AW50" s="516"/>
      <c r="AX50" s="516"/>
      <c r="AY50" s="516"/>
      <c r="AZ50" s="516"/>
      <c r="BA50" s="516"/>
      <c r="BB50" s="516"/>
      <c r="BC50" s="516"/>
      <c r="BD50" s="516"/>
      <c r="BE50" s="516"/>
      <c r="BF50" s="516"/>
      <c r="BG50" s="516"/>
      <c r="BH50" s="516"/>
      <c r="BI50" s="516"/>
      <c r="BJ50" s="516"/>
      <c r="BK50" s="516"/>
      <c r="BL50" s="516"/>
      <c r="BM50" s="516"/>
      <c r="BN50" s="516"/>
      <c r="BO50" s="516" t="s">
        <v>66</v>
      </c>
      <c r="BP50" s="516"/>
      <c r="BQ50" s="516"/>
      <c r="BR50" s="516"/>
      <c r="BS50" s="884">
        <f t="shared" si="5"/>
        <v>1500</v>
      </c>
      <c r="BT50" s="661">
        <f t="shared" si="47"/>
        <v>2213.8666666666668</v>
      </c>
      <c r="BU50" s="661"/>
      <c r="BV50" s="898" t="str">
        <f t="shared" si="53"/>
        <v/>
      </c>
      <c r="BW50" s="898" t="str">
        <f t="shared" si="71"/>
        <v/>
      </c>
      <c r="BX50" s="898" t="str">
        <f t="shared" si="72"/>
        <v/>
      </c>
      <c r="BY50" s="898" t="str">
        <f t="shared" si="73"/>
        <v/>
      </c>
      <c r="BZ50" s="898" t="str">
        <f t="shared" si="74"/>
        <v/>
      </c>
      <c r="CA50" s="898" t="str">
        <f t="shared" si="75"/>
        <v/>
      </c>
      <c r="CB50" s="898" t="str">
        <f t="shared" si="76"/>
        <v/>
      </c>
      <c r="CC50" s="898" t="str">
        <f t="shared" si="77"/>
        <v/>
      </c>
      <c r="CD50" s="898" t="str">
        <f t="shared" si="78"/>
        <v/>
      </c>
      <c r="CE50" s="898" t="str">
        <f t="shared" si="79"/>
        <v/>
      </c>
      <c r="CF50" s="898" t="str">
        <f t="shared" si="80"/>
        <v/>
      </c>
      <c r="CG50" s="898" t="str">
        <f t="shared" si="81"/>
        <v/>
      </c>
      <c r="CH50" s="898" t="str">
        <f t="shared" si="82"/>
        <v/>
      </c>
      <c r="CI50" s="898" t="str">
        <f t="shared" si="83"/>
        <v/>
      </c>
      <c r="CJ50" s="898" t="str">
        <f t="shared" si="84"/>
        <v/>
      </c>
      <c r="CK50" s="898" t="str">
        <f t="shared" si="85"/>
        <v/>
      </c>
      <c r="CL50" s="898" t="str">
        <f t="shared" si="86"/>
        <v/>
      </c>
      <c r="CM50" s="898" t="str">
        <f t="shared" si="55"/>
        <v/>
      </c>
      <c r="CN50" s="898" t="str">
        <f t="shared" si="56"/>
        <v/>
      </c>
      <c r="CO50" s="898" t="str">
        <f t="shared" si="57"/>
        <v/>
      </c>
      <c r="CP50" s="898" t="str">
        <f t="shared" si="58"/>
        <v/>
      </c>
      <c r="CQ50" s="898" t="str">
        <f t="shared" si="59"/>
        <v/>
      </c>
      <c r="CR50" s="898" t="str">
        <f t="shared" si="60"/>
        <v/>
      </c>
      <c r="CS50" s="898" t="str">
        <f t="shared" si="61"/>
        <v/>
      </c>
      <c r="CT50" s="898" t="str">
        <f t="shared" si="62"/>
        <v/>
      </c>
      <c r="CU50" s="898" t="str">
        <f t="shared" si="63"/>
        <v/>
      </c>
      <c r="CV50" s="898" t="str">
        <f t="shared" si="64"/>
        <v/>
      </c>
      <c r="CW50" s="898" t="str">
        <f t="shared" si="65"/>
        <v/>
      </c>
      <c r="CX50" s="898" t="str">
        <f t="shared" si="66"/>
        <v/>
      </c>
      <c r="CY50" s="898" t="str">
        <f t="shared" si="67"/>
        <v/>
      </c>
      <c r="CZ50" s="898" t="str">
        <f t="shared" si="68"/>
        <v/>
      </c>
      <c r="DA50" s="898" t="str">
        <f t="shared" si="90"/>
        <v/>
      </c>
      <c r="DB50" s="898" t="str">
        <f t="shared" si="91"/>
        <v/>
      </c>
      <c r="DC50" s="898" t="str">
        <f t="shared" si="92"/>
        <v/>
      </c>
      <c r="DD50" s="898" t="str">
        <f t="shared" si="93"/>
        <v/>
      </c>
      <c r="DE50" s="898" t="str">
        <f t="shared" si="94"/>
        <v/>
      </c>
      <c r="DF50" s="898" t="str">
        <f t="shared" si="95"/>
        <v/>
      </c>
      <c r="DG50" s="898" t="str">
        <f t="shared" si="96"/>
        <v/>
      </c>
      <c r="DH50" s="898" t="str">
        <f t="shared" si="97"/>
        <v/>
      </c>
      <c r="DI50" s="1307">
        <f t="shared" si="87"/>
        <v>3320800</v>
      </c>
      <c r="DJ50" s="898" t="str">
        <f t="shared" si="88"/>
        <v/>
      </c>
      <c r="DK50" s="898" t="str">
        <f t="shared" si="89"/>
        <v/>
      </c>
      <c r="DL50" s="898" t="str">
        <f t="shared" si="98"/>
        <v/>
      </c>
      <c r="DM50" s="661">
        <f t="shared" si="38"/>
        <v>0</v>
      </c>
      <c r="DN50" s="898">
        <f t="shared" si="39"/>
        <v>3320800</v>
      </c>
      <c r="DO50" s="516">
        <f t="shared" si="40"/>
        <v>0</v>
      </c>
      <c r="DP50" s="898">
        <f t="shared" si="41"/>
        <v>0</v>
      </c>
      <c r="DQ50" s="1308" t="s">
        <v>3478</v>
      </c>
      <c r="DR50" s="522"/>
      <c r="DS50" s="522" t="s">
        <v>3479</v>
      </c>
      <c r="DT50" s="632"/>
    </row>
    <row r="51" spans="1:124" s="137" customFormat="1" ht="71.25" x14ac:dyDescent="0.2">
      <c r="A51" s="484" t="str">
        <f t="shared" si="2"/>
        <v>Delivery of the HGC Green Loop and Connections to the HGC Green Loop</v>
      </c>
      <c r="B51" s="1163">
        <v>48</v>
      </c>
      <c r="C51" s="511" t="s">
        <v>3480</v>
      </c>
      <c r="D51" s="511" t="s">
        <v>2182</v>
      </c>
      <c r="E51" s="511" t="s">
        <v>1385</v>
      </c>
      <c r="F51" s="511" t="s">
        <v>1331</v>
      </c>
      <c r="G51" s="515" t="s">
        <v>1339</v>
      </c>
      <c r="H51" s="513" t="s">
        <v>2340</v>
      </c>
      <c r="I51" s="515"/>
      <c r="J51" s="513" t="s">
        <v>3481</v>
      </c>
      <c r="K51" s="515" t="s">
        <v>3104</v>
      </c>
      <c r="L51" s="515" t="s">
        <v>3457</v>
      </c>
      <c r="M51" s="515" t="s">
        <v>2986</v>
      </c>
      <c r="N51" s="515" t="s">
        <v>60</v>
      </c>
      <c r="O51" s="664" t="s">
        <v>3318</v>
      </c>
      <c r="P51" s="654" t="s">
        <v>3319</v>
      </c>
      <c r="Q51" s="515" t="s">
        <v>2258</v>
      </c>
      <c r="R51" s="657"/>
      <c r="S51" s="657"/>
      <c r="T51" s="528">
        <v>2577500</v>
      </c>
      <c r="U51" s="528"/>
      <c r="V51" s="516" t="s">
        <v>64</v>
      </c>
      <c r="W51" s="723">
        <f t="shared" si="43"/>
        <v>0</v>
      </c>
      <c r="X51" s="745">
        <f t="shared" si="44"/>
        <v>2577500</v>
      </c>
      <c r="Y51" s="723" t="s">
        <v>3106</v>
      </c>
      <c r="Z51" s="723"/>
      <c r="AA51" s="776" t="s">
        <v>65</v>
      </c>
      <c r="AB51" s="516"/>
      <c r="AC51" s="516"/>
      <c r="AD51" s="516"/>
      <c r="AE51" s="516"/>
      <c r="AF51" s="516"/>
      <c r="AG51" s="516"/>
      <c r="AH51" s="516"/>
      <c r="AI51" s="516"/>
      <c r="AJ51" s="516"/>
      <c r="AK51" s="516"/>
      <c r="AL51" s="516"/>
      <c r="AM51" s="516"/>
      <c r="AN51" s="516"/>
      <c r="AO51" s="516"/>
      <c r="AP51" s="516"/>
      <c r="AQ51" s="516"/>
      <c r="AR51" s="516"/>
      <c r="AS51" s="516"/>
      <c r="AT51" s="516"/>
      <c r="AU51" s="516"/>
      <c r="AV51" s="516"/>
      <c r="AW51" s="516"/>
      <c r="AX51" s="516"/>
      <c r="AY51" s="516"/>
      <c r="AZ51" s="516"/>
      <c r="BA51" s="516"/>
      <c r="BB51" s="516"/>
      <c r="BC51" s="516"/>
      <c r="BD51" s="516"/>
      <c r="BE51" s="516"/>
      <c r="BF51" s="516"/>
      <c r="BG51" s="516"/>
      <c r="BH51" s="516"/>
      <c r="BI51" s="516"/>
      <c r="BJ51" s="516"/>
      <c r="BK51" s="516"/>
      <c r="BL51" s="516"/>
      <c r="BM51" s="516"/>
      <c r="BN51" s="516"/>
      <c r="BO51" s="516" t="s">
        <v>66</v>
      </c>
      <c r="BP51" s="516" t="s">
        <v>66</v>
      </c>
      <c r="BQ51" s="516" t="s">
        <v>66</v>
      </c>
      <c r="BR51" s="516"/>
      <c r="BS51" s="884">
        <f t="shared" si="5"/>
        <v>5500</v>
      </c>
      <c r="BT51" s="661">
        <f t="shared" si="47"/>
        <v>468.63636363636363</v>
      </c>
      <c r="BU51" s="661"/>
      <c r="BV51" s="898" t="str">
        <f t="shared" si="53"/>
        <v/>
      </c>
      <c r="BW51" s="898" t="str">
        <f t="shared" si="71"/>
        <v/>
      </c>
      <c r="BX51" s="898" t="str">
        <f t="shared" si="72"/>
        <v/>
      </c>
      <c r="BY51" s="898" t="str">
        <f t="shared" si="73"/>
        <v/>
      </c>
      <c r="BZ51" s="898" t="str">
        <f t="shared" si="74"/>
        <v/>
      </c>
      <c r="CA51" s="898" t="str">
        <f t="shared" si="75"/>
        <v/>
      </c>
      <c r="CB51" s="898" t="str">
        <f t="shared" si="76"/>
        <v/>
      </c>
      <c r="CC51" s="898" t="str">
        <f t="shared" si="77"/>
        <v/>
      </c>
      <c r="CD51" s="898" t="str">
        <f t="shared" si="78"/>
        <v/>
      </c>
      <c r="CE51" s="898" t="str">
        <f t="shared" si="79"/>
        <v/>
      </c>
      <c r="CF51" s="898" t="str">
        <f t="shared" si="80"/>
        <v/>
      </c>
      <c r="CG51" s="898" t="str">
        <f t="shared" si="81"/>
        <v/>
      </c>
      <c r="CH51" s="898" t="str">
        <f t="shared" si="82"/>
        <v/>
      </c>
      <c r="CI51" s="898" t="str">
        <f t="shared" si="83"/>
        <v/>
      </c>
      <c r="CJ51" s="898" t="str">
        <f t="shared" si="84"/>
        <v/>
      </c>
      <c r="CK51" s="898" t="str">
        <f t="shared" si="85"/>
        <v/>
      </c>
      <c r="CL51" s="898" t="str">
        <f t="shared" si="86"/>
        <v/>
      </c>
      <c r="CM51" s="898" t="str">
        <f t="shared" si="55"/>
        <v/>
      </c>
      <c r="CN51" s="898" t="str">
        <f t="shared" si="56"/>
        <v/>
      </c>
      <c r="CO51" s="898" t="str">
        <f t="shared" si="57"/>
        <v/>
      </c>
      <c r="CP51" s="898" t="str">
        <f t="shared" si="58"/>
        <v/>
      </c>
      <c r="CQ51" s="898" t="str">
        <f t="shared" si="59"/>
        <v/>
      </c>
      <c r="CR51" s="898" t="str">
        <f t="shared" si="60"/>
        <v/>
      </c>
      <c r="CS51" s="898" t="str">
        <f t="shared" si="61"/>
        <v/>
      </c>
      <c r="CT51" s="898" t="str">
        <f t="shared" si="62"/>
        <v/>
      </c>
      <c r="CU51" s="898" t="str">
        <f t="shared" si="63"/>
        <v/>
      </c>
      <c r="CV51" s="898" t="str">
        <f t="shared" si="64"/>
        <v/>
      </c>
      <c r="CW51" s="898" t="str">
        <f t="shared" si="65"/>
        <v/>
      </c>
      <c r="CX51" s="898" t="str">
        <f t="shared" si="66"/>
        <v/>
      </c>
      <c r="CY51" s="898" t="str">
        <f t="shared" si="67"/>
        <v/>
      </c>
      <c r="CZ51" s="898" t="str">
        <f t="shared" si="68"/>
        <v/>
      </c>
      <c r="DA51" s="898" t="str">
        <f t="shared" si="90"/>
        <v/>
      </c>
      <c r="DB51" s="898" t="str">
        <f t="shared" si="91"/>
        <v/>
      </c>
      <c r="DC51" s="898" t="str">
        <f t="shared" si="92"/>
        <v/>
      </c>
      <c r="DD51" s="898" t="str">
        <f t="shared" si="93"/>
        <v/>
      </c>
      <c r="DE51" s="898" t="str">
        <f t="shared" si="94"/>
        <v/>
      </c>
      <c r="DF51" s="898" t="str">
        <f t="shared" si="95"/>
        <v/>
      </c>
      <c r="DG51" s="898" t="str">
        <f t="shared" si="96"/>
        <v/>
      </c>
      <c r="DH51" s="898" t="str">
        <f t="shared" si="97"/>
        <v/>
      </c>
      <c r="DI51" s="898">
        <f t="shared" si="87"/>
        <v>702954.54545454541</v>
      </c>
      <c r="DJ51" s="898">
        <f t="shared" si="88"/>
        <v>749818.18181818177</v>
      </c>
      <c r="DK51" s="898">
        <f t="shared" si="89"/>
        <v>1124727.2727272727</v>
      </c>
      <c r="DL51" s="898" t="str">
        <f t="shared" si="98"/>
        <v/>
      </c>
      <c r="DM51" s="661">
        <f t="shared" si="38"/>
        <v>0</v>
      </c>
      <c r="DN51" s="898">
        <f t="shared" si="39"/>
        <v>2577500</v>
      </c>
      <c r="DO51" s="516">
        <f t="shared" si="40"/>
        <v>0</v>
      </c>
      <c r="DP51" s="898">
        <f t="shared" si="41"/>
        <v>0</v>
      </c>
      <c r="DQ51" s="522"/>
      <c r="DR51" s="522" t="s">
        <v>3482</v>
      </c>
      <c r="DS51" s="522" t="s">
        <v>3479</v>
      </c>
      <c r="DT51" s="632"/>
    </row>
    <row r="52" spans="1:124" s="137" customFormat="1" ht="142.5" x14ac:dyDescent="0.2">
      <c r="A52" s="484" t="str">
        <f t="shared" si="2"/>
        <v>New Country Park and SANG provision at East Hemel Hempstead (North) (H2)</v>
      </c>
      <c r="B52" s="1163">
        <v>49</v>
      </c>
      <c r="C52" s="511" t="s">
        <v>3483</v>
      </c>
      <c r="D52" s="511" t="s">
        <v>2182</v>
      </c>
      <c r="E52" s="511" t="s">
        <v>1385</v>
      </c>
      <c r="F52" s="511" t="s">
        <v>1331</v>
      </c>
      <c r="G52" s="515" t="s">
        <v>1339</v>
      </c>
      <c r="H52" s="513" t="s">
        <v>3484</v>
      </c>
      <c r="I52" s="515"/>
      <c r="J52" s="513" t="s">
        <v>2276</v>
      </c>
      <c r="K52" s="515" t="s">
        <v>3104</v>
      </c>
      <c r="L52" s="515" t="s">
        <v>1376</v>
      </c>
      <c r="M52" s="543" t="s">
        <v>3005</v>
      </c>
      <c r="N52" s="515" t="s">
        <v>60</v>
      </c>
      <c r="O52" s="664" t="s">
        <v>3477</v>
      </c>
      <c r="P52" s="670" t="s">
        <v>1385</v>
      </c>
      <c r="Q52" s="1326" t="s">
        <v>2226</v>
      </c>
      <c r="R52" s="670"/>
      <c r="S52" s="670"/>
      <c r="T52" s="1305">
        <v>2526000</v>
      </c>
      <c r="U52" s="1305"/>
      <c r="V52" s="1305" t="s">
        <v>64</v>
      </c>
      <c r="W52" s="1306">
        <f t="shared" si="43"/>
        <v>0</v>
      </c>
      <c r="X52" s="1306">
        <f t="shared" si="44"/>
        <v>2526000</v>
      </c>
      <c r="Y52" s="723" t="s">
        <v>3106</v>
      </c>
      <c r="Z52" s="723"/>
      <c r="AA52" s="1322" t="s">
        <v>245</v>
      </c>
      <c r="AB52" s="516"/>
      <c r="AC52" s="516"/>
      <c r="AD52" s="516"/>
      <c r="AE52" s="516"/>
      <c r="AF52" s="516"/>
      <c r="AG52" s="516"/>
      <c r="AH52" s="516"/>
      <c r="AI52" s="516"/>
      <c r="AJ52" s="516"/>
      <c r="AK52" s="516"/>
      <c r="AL52" s="516"/>
      <c r="AM52" s="516"/>
      <c r="AN52" s="516"/>
      <c r="AO52" s="516"/>
      <c r="AP52" s="516"/>
      <c r="AQ52" s="516"/>
      <c r="AR52" s="516"/>
      <c r="AS52" s="516"/>
      <c r="AT52" s="516"/>
      <c r="AU52" s="516"/>
      <c r="AV52" s="516"/>
      <c r="AW52" s="516"/>
      <c r="AX52" s="516"/>
      <c r="AY52" s="516"/>
      <c r="AZ52" s="516"/>
      <c r="BA52" s="516"/>
      <c r="BB52" s="516"/>
      <c r="BC52" s="516"/>
      <c r="BD52" s="516"/>
      <c r="BE52" s="516"/>
      <c r="BF52" s="516"/>
      <c r="BG52" s="516"/>
      <c r="BH52" s="516"/>
      <c r="BI52" s="516"/>
      <c r="BJ52" s="516"/>
      <c r="BK52" s="516"/>
      <c r="BL52" s="516"/>
      <c r="BM52" s="516"/>
      <c r="BN52" s="516"/>
      <c r="BO52" s="516"/>
      <c r="BP52" s="516" t="s">
        <v>66</v>
      </c>
      <c r="BQ52" s="516"/>
      <c r="BR52" s="516"/>
      <c r="BS52" s="884">
        <f t="shared" si="5"/>
        <v>1600</v>
      </c>
      <c r="BT52" s="661">
        <f t="shared" si="47"/>
        <v>1578.75</v>
      </c>
      <c r="BU52" s="661"/>
      <c r="BV52" s="898" t="str">
        <f t="shared" si="53"/>
        <v/>
      </c>
      <c r="BW52" s="898" t="str">
        <f t="shared" si="71"/>
        <v/>
      </c>
      <c r="BX52" s="898" t="str">
        <f t="shared" si="72"/>
        <v/>
      </c>
      <c r="BY52" s="898" t="str">
        <f t="shared" si="73"/>
        <v/>
      </c>
      <c r="BZ52" s="898" t="str">
        <f t="shared" si="74"/>
        <v/>
      </c>
      <c r="CA52" s="898" t="str">
        <f t="shared" si="75"/>
        <v/>
      </c>
      <c r="CB52" s="898" t="str">
        <f t="shared" si="76"/>
        <v/>
      </c>
      <c r="CC52" s="898" t="str">
        <f t="shared" si="77"/>
        <v/>
      </c>
      <c r="CD52" s="898" t="str">
        <f t="shared" si="78"/>
        <v/>
      </c>
      <c r="CE52" s="898" t="str">
        <f t="shared" si="79"/>
        <v/>
      </c>
      <c r="CF52" s="898" t="str">
        <f t="shared" si="80"/>
        <v/>
      </c>
      <c r="CG52" s="898" t="str">
        <f t="shared" si="81"/>
        <v/>
      </c>
      <c r="CH52" s="898" t="str">
        <f t="shared" si="82"/>
        <v/>
      </c>
      <c r="CI52" s="898" t="str">
        <f t="shared" si="83"/>
        <v/>
      </c>
      <c r="CJ52" s="898" t="str">
        <f t="shared" si="84"/>
        <v/>
      </c>
      <c r="CK52" s="898" t="str">
        <f t="shared" si="85"/>
        <v/>
      </c>
      <c r="CL52" s="898" t="str">
        <f t="shared" si="86"/>
        <v/>
      </c>
      <c r="CM52" s="898" t="str">
        <f t="shared" si="55"/>
        <v/>
      </c>
      <c r="CN52" s="898" t="str">
        <f t="shared" si="56"/>
        <v/>
      </c>
      <c r="CO52" s="898" t="str">
        <f t="shared" si="57"/>
        <v/>
      </c>
      <c r="CP52" s="898" t="str">
        <f t="shared" si="58"/>
        <v/>
      </c>
      <c r="CQ52" s="898" t="str">
        <f t="shared" si="59"/>
        <v/>
      </c>
      <c r="CR52" s="898" t="str">
        <f t="shared" si="60"/>
        <v/>
      </c>
      <c r="CS52" s="898" t="str">
        <f t="shared" si="61"/>
        <v/>
      </c>
      <c r="CT52" s="898" t="str">
        <f t="shared" si="62"/>
        <v/>
      </c>
      <c r="CU52" s="898" t="str">
        <f t="shared" si="63"/>
        <v/>
      </c>
      <c r="CV52" s="898" t="str">
        <f t="shared" si="64"/>
        <v/>
      </c>
      <c r="CW52" s="898" t="str">
        <f t="shared" si="65"/>
        <v/>
      </c>
      <c r="CX52" s="898" t="str">
        <f t="shared" si="66"/>
        <v/>
      </c>
      <c r="CY52" s="898" t="str">
        <f t="shared" si="67"/>
        <v/>
      </c>
      <c r="CZ52" s="898" t="str">
        <f t="shared" si="68"/>
        <v/>
      </c>
      <c r="DA52" s="898" t="str">
        <f t="shared" si="90"/>
        <v/>
      </c>
      <c r="DB52" s="898" t="str">
        <f t="shared" si="91"/>
        <v/>
      </c>
      <c r="DC52" s="898" t="str">
        <f t="shared" si="92"/>
        <v/>
      </c>
      <c r="DD52" s="898" t="str">
        <f t="shared" si="93"/>
        <v/>
      </c>
      <c r="DE52" s="898" t="str">
        <f t="shared" si="94"/>
        <v/>
      </c>
      <c r="DF52" s="898" t="str">
        <f t="shared" si="95"/>
        <v/>
      </c>
      <c r="DG52" s="898" t="str">
        <f t="shared" si="96"/>
        <v/>
      </c>
      <c r="DH52" s="898" t="str">
        <f t="shared" si="97"/>
        <v/>
      </c>
      <c r="DI52" s="898" t="str">
        <f t="shared" si="87"/>
        <v/>
      </c>
      <c r="DJ52" s="1307">
        <f t="shared" si="88"/>
        <v>2526000</v>
      </c>
      <c r="DK52" s="898" t="str">
        <f t="shared" si="89"/>
        <v/>
      </c>
      <c r="DL52" s="898" t="str">
        <f t="shared" si="98"/>
        <v/>
      </c>
      <c r="DM52" s="661">
        <f t="shared" si="38"/>
        <v>0</v>
      </c>
      <c r="DN52" s="898">
        <f t="shared" si="39"/>
        <v>2526000</v>
      </c>
      <c r="DO52" s="516">
        <f t="shared" si="40"/>
        <v>0</v>
      </c>
      <c r="DP52" s="898">
        <f t="shared" si="41"/>
        <v>0</v>
      </c>
      <c r="DQ52" s="1308" t="s">
        <v>3485</v>
      </c>
      <c r="DR52" s="522"/>
      <c r="DS52" s="522" t="s">
        <v>3479</v>
      </c>
      <c r="DT52" s="632"/>
    </row>
    <row r="53" spans="1:124" s="137" customFormat="1" ht="57" x14ac:dyDescent="0.2">
      <c r="A53" s="484" t="str">
        <f t="shared" si="2"/>
        <v>Improvements to green infrastructure network to Hogg End Lane, Three Cherry Trees Lane and Punchbowl Lane</v>
      </c>
      <c r="B53" s="1163">
        <v>50</v>
      </c>
      <c r="C53" s="511" t="s">
        <v>3486</v>
      </c>
      <c r="D53" s="511" t="s">
        <v>2182</v>
      </c>
      <c r="E53" s="511" t="s">
        <v>1385</v>
      </c>
      <c r="F53" s="511" t="s">
        <v>1331</v>
      </c>
      <c r="G53" s="515" t="s">
        <v>1339</v>
      </c>
      <c r="H53" s="513" t="s">
        <v>2293</v>
      </c>
      <c r="I53" s="515"/>
      <c r="J53" s="513" t="s">
        <v>2294</v>
      </c>
      <c r="K53" s="515" t="s">
        <v>3104</v>
      </c>
      <c r="L53" s="515" t="s">
        <v>1378</v>
      </c>
      <c r="M53" s="663" t="s">
        <v>3325</v>
      </c>
      <c r="N53" s="515" t="s">
        <v>60</v>
      </c>
      <c r="O53" s="664" t="s">
        <v>3318</v>
      </c>
      <c r="P53" s="670" t="s">
        <v>3319</v>
      </c>
      <c r="Q53" s="1326" t="s">
        <v>2258</v>
      </c>
      <c r="R53" s="670"/>
      <c r="S53" s="670"/>
      <c r="T53" s="1305">
        <v>1542520</v>
      </c>
      <c r="U53" s="1305"/>
      <c r="V53" s="1305" t="s">
        <v>64</v>
      </c>
      <c r="W53" s="1306">
        <f t="shared" si="43"/>
        <v>0</v>
      </c>
      <c r="X53" s="1306">
        <f t="shared" si="44"/>
        <v>1542520</v>
      </c>
      <c r="Y53" s="723" t="s">
        <v>3106</v>
      </c>
      <c r="Z53" s="723"/>
      <c r="AA53" s="736" t="s">
        <v>82</v>
      </c>
      <c r="AB53" s="516"/>
      <c r="AC53" s="516"/>
      <c r="AD53" s="516"/>
      <c r="AE53" s="516"/>
      <c r="AF53" s="516"/>
      <c r="AG53" s="516"/>
      <c r="AH53" s="516"/>
      <c r="AI53" s="516"/>
      <c r="AJ53" s="516"/>
      <c r="AK53" s="516"/>
      <c r="AL53" s="516"/>
      <c r="AM53" s="516"/>
      <c r="AN53" s="516"/>
      <c r="AO53" s="516"/>
      <c r="AP53" s="516"/>
      <c r="AQ53" s="516"/>
      <c r="AR53" s="516"/>
      <c r="AS53" s="516"/>
      <c r="AT53" s="516"/>
      <c r="AU53" s="516"/>
      <c r="AV53" s="516"/>
      <c r="AW53" s="516"/>
      <c r="AX53" s="516"/>
      <c r="AY53" s="516"/>
      <c r="AZ53" s="516"/>
      <c r="BA53" s="516"/>
      <c r="BB53" s="516"/>
      <c r="BC53" s="516"/>
      <c r="BD53" s="516"/>
      <c r="BE53" s="516"/>
      <c r="BF53" s="516"/>
      <c r="BG53" s="516"/>
      <c r="BH53" s="516"/>
      <c r="BI53" s="516"/>
      <c r="BJ53" s="516"/>
      <c r="BK53" s="516"/>
      <c r="BL53" s="516"/>
      <c r="BM53" s="516"/>
      <c r="BN53" s="516"/>
      <c r="BO53" s="516"/>
      <c r="BP53" s="516"/>
      <c r="BQ53" s="516"/>
      <c r="BR53" s="516" t="s">
        <v>66</v>
      </c>
      <c r="BS53" s="884">
        <f t="shared" si="5"/>
        <v>3171</v>
      </c>
      <c r="BT53" s="661">
        <f t="shared" si="47"/>
        <v>486.44591611479029</v>
      </c>
      <c r="BU53" s="661"/>
      <c r="BV53" s="898" t="str">
        <f t="shared" si="53"/>
        <v/>
      </c>
      <c r="BW53" s="898" t="str">
        <f t="shared" si="71"/>
        <v/>
      </c>
      <c r="BX53" s="898" t="str">
        <f t="shared" si="72"/>
        <v/>
      </c>
      <c r="BY53" s="898" t="str">
        <f t="shared" si="73"/>
        <v/>
      </c>
      <c r="BZ53" s="898" t="str">
        <f t="shared" si="74"/>
        <v/>
      </c>
      <c r="CA53" s="898" t="str">
        <f t="shared" si="75"/>
        <v/>
      </c>
      <c r="CB53" s="898" t="str">
        <f t="shared" si="76"/>
        <v/>
      </c>
      <c r="CC53" s="898" t="str">
        <f t="shared" si="77"/>
        <v/>
      </c>
      <c r="CD53" s="898" t="str">
        <f t="shared" si="78"/>
        <v/>
      </c>
      <c r="CE53" s="898" t="str">
        <f t="shared" si="79"/>
        <v/>
      </c>
      <c r="CF53" s="898" t="str">
        <f t="shared" si="80"/>
        <v/>
      </c>
      <c r="CG53" s="898" t="str">
        <f t="shared" si="81"/>
        <v/>
      </c>
      <c r="CH53" s="898" t="str">
        <f t="shared" si="82"/>
        <v/>
      </c>
      <c r="CI53" s="898" t="str">
        <f t="shared" si="83"/>
        <v/>
      </c>
      <c r="CJ53" s="898" t="str">
        <f t="shared" si="84"/>
        <v/>
      </c>
      <c r="CK53" s="898" t="str">
        <f t="shared" si="85"/>
        <v/>
      </c>
      <c r="CL53" s="898" t="str">
        <f t="shared" si="86"/>
        <v/>
      </c>
      <c r="CM53" s="898" t="str">
        <f t="shared" si="55"/>
        <v/>
      </c>
      <c r="CN53" s="898" t="str">
        <f t="shared" si="56"/>
        <v/>
      </c>
      <c r="CO53" s="898" t="str">
        <f t="shared" si="57"/>
        <v/>
      </c>
      <c r="CP53" s="898" t="str">
        <f t="shared" si="58"/>
        <v/>
      </c>
      <c r="CQ53" s="898" t="str">
        <f t="shared" si="59"/>
        <v/>
      </c>
      <c r="CR53" s="898" t="str">
        <f t="shared" si="60"/>
        <v/>
      </c>
      <c r="CS53" s="898" t="str">
        <f t="shared" si="61"/>
        <v/>
      </c>
      <c r="CT53" s="898" t="str">
        <f t="shared" si="62"/>
        <v/>
      </c>
      <c r="CU53" s="898" t="str">
        <f t="shared" si="63"/>
        <v/>
      </c>
      <c r="CV53" s="898" t="str">
        <f t="shared" si="64"/>
        <v/>
      </c>
      <c r="CW53" s="898" t="str">
        <f t="shared" si="65"/>
        <v/>
      </c>
      <c r="CX53" s="898" t="str">
        <f t="shared" si="66"/>
        <v/>
      </c>
      <c r="CY53" s="898" t="str">
        <f t="shared" si="67"/>
        <v/>
      </c>
      <c r="CZ53" s="898" t="str">
        <f t="shared" si="68"/>
        <v/>
      </c>
      <c r="DA53" s="898" t="str">
        <f t="shared" si="90"/>
        <v/>
      </c>
      <c r="DB53" s="898" t="str">
        <f t="shared" si="91"/>
        <v/>
      </c>
      <c r="DC53" s="898" t="str">
        <f t="shared" si="92"/>
        <v/>
      </c>
      <c r="DD53" s="898" t="str">
        <f t="shared" si="93"/>
        <v/>
      </c>
      <c r="DE53" s="898" t="str">
        <f t="shared" si="94"/>
        <v/>
      </c>
      <c r="DF53" s="898" t="str">
        <f t="shared" si="95"/>
        <v/>
      </c>
      <c r="DG53" s="898" t="str">
        <f t="shared" si="96"/>
        <v/>
      </c>
      <c r="DH53" s="898" t="str">
        <f t="shared" si="97"/>
        <v/>
      </c>
      <c r="DI53" s="898" t="str">
        <f t="shared" si="87"/>
        <v/>
      </c>
      <c r="DJ53" s="898" t="str">
        <f t="shared" si="88"/>
        <v/>
      </c>
      <c r="DK53" s="898" t="str">
        <f t="shared" si="89"/>
        <v/>
      </c>
      <c r="DL53" s="898">
        <f t="shared" si="98"/>
        <v>1542520</v>
      </c>
      <c r="DM53" s="661">
        <f t="shared" si="38"/>
        <v>0</v>
      </c>
      <c r="DN53" s="898">
        <f t="shared" si="39"/>
        <v>1542520</v>
      </c>
      <c r="DO53" s="516">
        <f t="shared" si="40"/>
        <v>0</v>
      </c>
      <c r="DP53" s="898">
        <f t="shared" si="41"/>
        <v>0</v>
      </c>
      <c r="DQ53" s="522"/>
      <c r="DR53" s="522"/>
      <c r="DS53" s="522" t="s">
        <v>3479</v>
      </c>
      <c r="DT53" s="632"/>
    </row>
    <row r="54" spans="1:124" s="137" customFormat="1" ht="114" customHeight="1" x14ac:dyDescent="0.2">
      <c r="A54" s="484" t="str">
        <f t="shared" si="2"/>
        <v>Countryside access links at East Hemel Hempstead (South) (H4)</v>
      </c>
      <c r="B54" s="1163">
        <v>51</v>
      </c>
      <c r="C54" s="511" t="s">
        <v>3487</v>
      </c>
      <c r="D54" s="511" t="s">
        <v>2182</v>
      </c>
      <c r="E54" s="511" t="s">
        <v>1385</v>
      </c>
      <c r="F54" s="511" t="s">
        <v>1331</v>
      </c>
      <c r="G54" s="515" t="s">
        <v>1339</v>
      </c>
      <c r="H54" s="513" t="s">
        <v>3488</v>
      </c>
      <c r="I54" s="515"/>
      <c r="J54" s="513" t="s">
        <v>2298</v>
      </c>
      <c r="K54" s="515" t="s">
        <v>3104</v>
      </c>
      <c r="L54" s="515" t="s">
        <v>1377</v>
      </c>
      <c r="M54" s="663" t="s">
        <v>3325</v>
      </c>
      <c r="N54" s="515" t="s">
        <v>60</v>
      </c>
      <c r="O54" s="664" t="s">
        <v>3318</v>
      </c>
      <c r="P54" s="670" t="s">
        <v>3319</v>
      </c>
      <c r="Q54" s="1326" t="s">
        <v>2226</v>
      </c>
      <c r="R54" s="670"/>
      <c r="S54" s="670"/>
      <c r="T54" s="670" t="s">
        <v>3360</v>
      </c>
      <c r="U54" s="1305"/>
      <c r="V54" s="670" t="s">
        <v>3028</v>
      </c>
      <c r="W54" s="1306"/>
      <c r="X54" s="1306"/>
      <c r="Y54" s="723" t="s">
        <v>3106</v>
      </c>
      <c r="Z54" s="723"/>
      <c r="AA54" s="736" t="s">
        <v>82</v>
      </c>
      <c r="AB54" s="516"/>
      <c r="AC54" s="516"/>
      <c r="AD54" s="516"/>
      <c r="AE54" s="516"/>
      <c r="AF54" s="516"/>
      <c r="AG54" s="516"/>
      <c r="AH54" s="516"/>
      <c r="AI54" s="516"/>
      <c r="AJ54" s="516"/>
      <c r="AK54" s="516"/>
      <c r="AL54" s="516"/>
      <c r="AM54" s="516"/>
      <c r="AN54" s="516"/>
      <c r="AO54" s="516"/>
      <c r="AP54" s="516"/>
      <c r="AQ54" s="516"/>
      <c r="AR54" s="516"/>
      <c r="AS54" s="516"/>
      <c r="AT54" s="516"/>
      <c r="AU54" s="516"/>
      <c r="AV54" s="516"/>
      <c r="AW54" s="516"/>
      <c r="AX54" s="516"/>
      <c r="AY54" s="516"/>
      <c r="AZ54" s="516"/>
      <c r="BA54" s="516"/>
      <c r="BB54" s="516"/>
      <c r="BC54" s="516"/>
      <c r="BD54" s="516"/>
      <c r="BE54" s="516"/>
      <c r="BF54" s="516"/>
      <c r="BG54" s="516"/>
      <c r="BH54" s="516"/>
      <c r="BI54" s="516"/>
      <c r="BJ54" s="516"/>
      <c r="BK54" s="516"/>
      <c r="BL54" s="516"/>
      <c r="BM54" s="516"/>
      <c r="BN54" s="516"/>
      <c r="BO54" s="516"/>
      <c r="BP54" s="516"/>
      <c r="BQ54" s="516" t="s">
        <v>66</v>
      </c>
      <c r="BR54" s="516"/>
      <c r="BS54" s="884">
        <f t="shared" si="5"/>
        <v>2400</v>
      </c>
      <c r="BT54" s="661">
        <f t="shared" si="47"/>
        <v>0</v>
      </c>
      <c r="BU54" s="661"/>
      <c r="BV54" s="898" t="str">
        <f t="shared" si="53"/>
        <v/>
      </c>
      <c r="BW54" s="898" t="str">
        <f t="shared" si="71"/>
        <v/>
      </c>
      <c r="BX54" s="898" t="str">
        <f t="shared" si="72"/>
        <v/>
      </c>
      <c r="BY54" s="898" t="str">
        <f t="shared" si="73"/>
        <v/>
      </c>
      <c r="BZ54" s="898" t="str">
        <f t="shared" si="74"/>
        <v/>
      </c>
      <c r="CA54" s="898" t="str">
        <f t="shared" si="75"/>
        <v/>
      </c>
      <c r="CB54" s="898" t="str">
        <f t="shared" si="76"/>
        <v/>
      </c>
      <c r="CC54" s="898" t="str">
        <f t="shared" si="77"/>
        <v/>
      </c>
      <c r="CD54" s="898" t="str">
        <f t="shared" si="78"/>
        <v/>
      </c>
      <c r="CE54" s="898" t="str">
        <f t="shared" si="79"/>
        <v/>
      </c>
      <c r="CF54" s="898" t="str">
        <f t="shared" si="80"/>
        <v/>
      </c>
      <c r="CG54" s="898" t="str">
        <f t="shared" si="81"/>
        <v/>
      </c>
      <c r="CH54" s="898" t="str">
        <f t="shared" si="82"/>
        <v/>
      </c>
      <c r="CI54" s="898" t="str">
        <f t="shared" si="83"/>
        <v/>
      </c>
      <c r="CJ54" s="898" t="str">
        <f t="shared" si="84"/>
        <v/>
      </c>
      <c r="CK54" s="898" t="str">
        <f t="shared" si="85"/>
        <v/>
      </c>
      <c r="CL54" s="898" t="str">
        <f t="shared" si="86"/>
        <v/>
      </c>
      <c r="CM54" s="898" t="str">
        <f t="shared" si="55"/>
        <v/>
      </c>
      <c r="CN54" s="898" t="str">
        <f t="shared" si="56"/>
        <v/>
      </c>
      <c r="CO54" s="898" t="str">
        <f t="shared" si="57"/>
        <v/>
      </c>
      <c r="CP54" s="898" t="str">
        <f t="shared" si="58"/>
        <v/>
      </c>
      <c r="CQ54" s="898" t="str">
        <f t="shared" si="59"/>
        <v/>
      </c>
      <c r="CR54" s="898" t="str">
        <f t="shared" si="60"/>
        <v/>
      </c>
      <c r="CS54" s="898" t="str">
        <f t="shared" si="61"/>
        <v/>
      </c>
      <c r="CT54" s="898" t="str">
        <f t="shared" si="62"/>
        <v/>
      </c>
      <c r="CU54" s="898" t="str">
        <f t="shared" si="63"/>
        <v/>
      </c>
      <c r="CV54" s="898" t="str">
        <f t="shared" si="64"/>
        <v/>
      </c>
      <c r="CW54" s="898" t="str">
        <f t="shared" si="65"/>
        <v/>
      </c>
      <c r="CX54" s="898" t="str">
        <f t="shared" si="66"/>
        <v/>
      </c>
      <c r="CY54" s="898" t="str">
        <f t="shared" si="67"/>
        <v/>
      </c>
      <c r="CZ54" s="898" t="str">
        <f t="shared" si="68"/>
        <v/>
      </c>
      <c r="DA54" s="898" t="str">
        <f t="shared" si="90"/>
        <v/>
      </c>
      <c r="DB54" s="898" t="str">
        <f t="shared" si="91"/>
        <v/>
      </c>
      <c r="DC54" s="898" t="str">
        <f t="shared" si="92"/>
        <v/>
      </c>
      <c r="DD54" s="898" t="str">
        <f t="shared" si="93"/>
        <v/>
      </c>
      <c r="DE54" s="898" t="str">
        <f t="shared" si="94"/>
        <v/>
      </c>
      <c r="DF54" s="898" t="str">
        <f t="shared" si="95"/>
        <v/>
      </c>
      <c r="DG54" s="898" t="str">
        <f t="shared" si="96"/>
        <v/>
      </c>
      <c r="DH54" s="898" t="str">
        <f t="shared" si="97"/>
        <v/>
      </c>
      <c r="DI54" s="898" t="str">
        <f t="shared" si="87"/>
        <v/>
      </c>
      <c r="DJ54" s="898" t="str">
        <f t="shared" si="88"/>
        <v/>
      </c>
      <c r="DK54" s="898">
        <f t="shared" si="89"/>
        <v>0</v>
      </c>
      <c r="DL54" s="898" t="str">
        <f t="shared" si="98"/>
        <v/>
      </c>
      <c r="DM54" s="661">
        <f t="shared" si="38"/>
        <v>0</v>
      </c>
      <c r="DN54" s="898">
        <f t="shared" si="39"/>
        <v>0</v>
      </c>
      <c r="DO54" s="516">
        <f t="shared" si="40"/>
        <v>0</v>
      </c>
      <c r="DP54" s="898">
        <f t="shared" si="41"/>
        <v>0</v>
      </c>
      <c r="DQ54" s="522" t="s">
        <v>3489</v>
      </c>
      <c r="DR54" s="1214"/>
      <c r="DS54" s="522" t="s">
        <v>3479</v>
      </c>
      <c r="DT54" s="632"/>
    </row>
    <row r="55" spans="1:124" s="137" customFormat="1" ht="142.5" x14ac:dyDescent="0.2">
      <c r="A55" s="484" t="str">
        <f t="shared" si="2"/>
        <v>Substantial new green space and SANG provision at East Hemel Hempstead (South) (H4)</v>
      </c>
      <c r="B55" s="1163">
        <v>52</v>
      </c>
      <c r="C55" s="511" t="s">
        <v>3490</v>
      </c>
      <c r="D55" s="511" t="s">
        <v>2182</v>
      </c>
      <c r="E55" s="511" t="s">
        <v>1385</v>
      </c>
      <c r="F55" s="511" t="s">
        <v>1331</v>
      </c>
      <c r="G55" s="515" t="s">
        <v>1339</v>
      </c>
      <c r="H55" s="513" t="s">
        <v>3491</v>
      </c>
      <c r="I55" s="515"/>
      <c r="J55" s="513" t="s">
        <v>2302</v>
      </c>
      <c r="K55" s="515" t="s">
        <v>3104</v>
      </c>
      <c r="L55" s="515" t="s">
        <v>1377</v>
      </c>
      <c r="M55" s="663" t="s">
        <v>3325</v>
      </c>
      <c r="N55" s="515" t="s">
        <v>60</v>
      </c>
      <c r="O55" s="664" t="s">
        <v>3477</v>
      </c>
      <c r="P55" s="670" t="s">
        <v>1385</v>
      </c>
      <c r="Q55" s="1326" t="s">
        <v>2226</v>
      </c>
      <c r="R55" s="670"/>
      <c r="S55" s="670"/>
      <c r="T55" s="1305">
        <v>1542400</v>
      </c>
      <c r="U55" s="1305"/>
      <c r="V55" s="1305" t="s">
        <v>64</v>
      </c>
      <c r="W55" s="1306">
        <f t="shared" ref="W55:W86" si="99">T55-X55</f>
        <v>0</v>
      </c>
      <c r="X55" s="1306">
        <f t="shared" ref="X55:X86" si="100">IF(ISTEXT(T55),T55,T55-U55)</f>
        <v>1542400</v>
      </c>
      <c r="Y55" s="723" t="s">
        <v>3106</v>
      </c>
      <c r="Z55" s="723"/>
      <c r="AA55" s="1322" t="s">
        <v>245</v>
      </c>
      <c r="AB55" s="516"/>
      <c r="AC55" s="516"/>
      <c r="AD55" s="516"/>
      <c r="AE55" s="516"/>
      <c r="AF55" s="516"/>
      <c r="AG55" s="516"/>
      <c r="AH55" s="516"/>
      <c r="AI55" s="516"/>
      <c r="AJ55" s="516"/>
      <c r="AK55" s="516"/>
      <c r="AL55" s="516"/>
      <c r="AM55" s="516"/>
      <c r="AN55" s="516"/>
      <c r="AO55" s="516"/>
      <c r="AP55" s="516"/>
      <c r="AQ55" s="516"/>
      <c r="AR55" s="516"/>
      <c r="AS55" s="516"/>
      <c r="AT55" s="516"/>
      <c r="AU55" s="516"/>
      <c r="AV55" s="516"/>
      <c r="AW55" s="516"/>
      <c r="AX55" s="516"/>
      <c r="AY55" s="516"/>
      <c r="AZ55" s="516"/>
      <c r="BA55" s="516"/>
      <c r="BB55" s="516"/>
      <c r="BC55" s="516"/>
      <c r="BD55" s="516"/>
      <c r="BE55" s="516"/>
      <c r="BF55" s="516"/>
      <c r="BG55" s="516"/>
      <c r="BH55" s="516"/>
      <c r="BI55" s="516"/>
      <c r="BJ55" s="516"/>
      <c r="BK55" s="516"/>
      <c r="BL55" s="516"/>
      <c r="BM55" s="516"/>
      <c r="BN55" s="516"/>
      <c r="BO55" s="516"/>
      <c r="BP55" s="516"/>
      <c r="BQ55" s="516" t="s">
        <v>66</v>
      </c>
      <c r="BR55" s="516"/>
      <c r="BS55" s="884">
        <f t="shared" si="5"/>
        <v>2400</v>
      </c>
      <c r="BT55" s="661">
        <f t="shared" si="47"/>
        <v>642.66666666666663</v>
      </c>
      <c r="BU55" s="661"/>
      <c r="BV55" s="898" t="str">
        <f t="shared" si="53"/>
        <v/>
      </c>
      <c r="BW55" s="898" t="str">
        <f t="shared" si="71"/>
        <v/>
      </c>
      <c r="BX55" s="898" t="str">
        <f t="shared" si="72"/>
        <v/>
      </c>
      <c r="BY55" s="898" t="str">
        <f t="shared" si="73"/>
        <v/>
      </c>
      <c r="BZ55" s="898" t="str">
        <f t="shared" si="74"/>
        <v/>
      </c>
      <c r="CA55" s="898" t="str">
        <f t="shared" si="75"/>
        <v/>
      </c>
      <c r="CB55" s="898" t="str">
        <f t="shared" si="76"/>
        <v/>
      </c>
      <c r="CC55" s="898" t="str">
        <f t="shared" si="77"/>
        <v/>
      </c>
      <c r="CD55" s="898" t="str">
        <f t="shared" si="78"/>
        <v/>
      </c>
      <c r="CE55" s="898" t="str">
        <f t="shared" si="79"/>
        <v/>
      </c>
      <c r="CF55" s="898" t="str">
        <f t="shared" si="80"/>
        <v/>
      </c>
      <c r="CG55" s="898" t="str">
        <f t="shared" si="81"/>
        <v/>
      </c>
      <c r="CH55" s="898" t="str">
        <f t="shared" si="82"/>
        <v/>
      </c>
      <c r="CI55" s="898" t="str">
        <f t="shared" si="83"/>
        <v/>
      </c>
      <c r="CJ55" s="898" t="str">
        <f t="shared" si="84"/>
        <v/>
      </c>
      <c r="CK55" s="898" t="str">
        <f t="shared" si="85"/>
        <v/>
      </c>
      <c r="CL55" s="898" t="str">
        <f t="shared" si="86"/>
        <v/>
      </c>
      <c r="CM55" s="898" t="str">
        <f t="shared" si="55"/>
        <v/>
      </c>
      <c r="CN55" s="898" t="str">
        <f t="shared" si="56"/>
        <v/>
      </c>
      <c r="CO55" s="898" t="str">
        <f t="shared" si="57"/>
        <v/>
      </c>
      <c r="CP55" s="898" t="str">
        <f t="shared" si="58"/>
        <v/>
      </c>
      <c r="CQ55" s="898" t="str">
        <f t="shared" si="59"/>
        <v/>
      </c>
      <c r="CR55" s="898" t="str">
        <f t="shared" si="60"/>
        <v/>
      </c>
      <c r="CS55" s="898" t="str">
        <f t="shared" si="61"/>
        <v/>
      </c>
      <c r="CT55" s="898" t="str">
        <f t="shared" si="62"/>
        <v/>
      </c>
      <c r="CU55" s="898" t="str">
        <f t="shared" si="63"/>
        <v/>
      </c>
      <c r="CV55" s="898" t="str">
        <f t="shared" si="64"/>
        <v/>
      </c>
      <c r="CW55" s="898" t="str">
        <f t="shared" si="65"/>
        <v/>
      </c>
      <c r="CX55" s="898" t="str">
        <f t="shared" si="66"/>
        <v/>
      </c>
      <c r="CY55" s="898" t="str">
        <f t="shared" si="67"/>
        <v/>
      </c>
      <c r="CZ55" s="898" t="str">
        <f t="shared" si="68"/>
        <v/>
      </c>
      <c r="DA55" s="898" t="str">
        <f t="shared" si="90"/>
        <v/>
      </c>
      <c r="DB55" s="898" t="str">
        <f t="shared" si="91"/>
        <v/>
      </c>
      <c r="DC55" s="898" t="str">
        <f t="shared" si="92"/>
        <v/>
      </c>
      <c r="DD55" s="898" t="str">
        <f t="shared" si="93"/>
        <v/>
      </c>
      <c r="DE55" s="898" t="str">
        <f t="shared" si="94"/>
        <v/>
      </c>
      <c r="DF55" s="898" t="str">
        <f t="shared" si="95"/>
        <v/>
      </c>
      <c r="DG55" s="898" t="str">
        <f t="shared" si="96"/>
        <v/>
      </c>
      <c r="DH55" s="898" t="str">
        <f t="shared" si="97"/>
        <v/>
      </c>
      <c r="DI55" s="898" t="str">
        <f>IF(BO55="yes",(BO$3*$BT55),"")</f>
        <v/>
      </c>
      <c r="DJ55" s="898" t="str">
        <f>IF(BP55="yes",(BP$3*$BT55),"")</f>
        <v/>
      </c>
      <c r="DK55" s="898">
        <f>X55</f>
        <v>1542400</v>
      </c>
      <c r="DL55" s="898" t="str">
        <f t="shared" si="98"/>
        <v/>
      </c>
      <c r="DM55" s="661">
        <f t="shared" si="38"/>
        <v>0</v>
      </c>
      <c r="DN55" s="898">
        <f t="shared" si="39"/>
        <v>1542400</v>
      </c>
      <c r="DO55" s="516">
        <f t="shared" si="40"/>
        <v>0</v>
      </c>
      <c r="DP55" s="898">
        <f t="shared" si="41"/>
        <v>0</v>
      </c>
      <c r="DQ55" s="1308" t="s">
        <v>3492</v>
      </c>
      <c r="DR55" s="522"/>
      <c r="DS55" s="522" t="s">
        <v>3479</v>
      </c>
      <c r="DT55" s="632"/>
    </row>
    <row r="56" spans="1:124" s="137" customFormat="1" ht="71.25" x14ac:dyDescent="0.2">
      <c r="A56" s="484" t="str">
        <f t="shared" si="2"/>
        <v>Provision of on-site bespoke SANG at North Hemel Hempstead (Hm01)</v>
      </c>
      <c r="B56" s="1163">
        <v>53</v>
      </c>
      <c r="C56" s="904" t="s">
        <v>3493</v>
      </c>
      <c r="D56" s="481" t="s">
        <v>2481</v>
      </c>
      <c r="E56" s="481" t="s">
        <v>53</v>
      </c>
      <c r="F56" s="481" t="s">
        <v>515</v>
      </c>
      <c r="G56" s="657" t="s">
        <v>1340</v>
      </c>
      <c r="H56" s="484" t="s">
        <v>3494</v>
      </c>
      <c r="I56" s="654"/>
      <c r="J56" s="484" t="s">
        <v>3495</v>
      </c>
      <c r="K56" s="657" t="s">
        <v>3104</v>
      </c>
      <c r="L56" s="657" t="s">
        <v>1360</v>
      </c>
      <c r="M56" s="654" t="s">
        <v>3027</v>
      </c>
      <c r="N56" s="654" t="s">
        <v>60</v>
      </c>
      <c r="O56" s="657" t="s">
        <v>3331</v>
      </c>
      <c r="P56" s="657" t="s">
        <v>53</v>
      </c>
      <c r="Q56" s="654" t="s">
        <v>3496</v>
      </c>
      <c r="R56" s="654"/>
      <c r="S56" s="654"/>
      <c r="T56" s="723">
        <v>21258550</v>
      </c>
      <c r="U56" s="723"/>
      <c r="V56" s="654" t="s">
        <v>64</v>
      </c>
      <c r="W56" s="723">
        <f t="shared" si="99"/>
        <v>0</v>
      </c>
      <c r="X56" s="745">
        <f t="shared" si="100"/>
        <v>21258550</v>
      </c>
      <c r="Y56" s="723" t="s">
        <v>3106</v>
      </c>
      <c r="Z56" s="723"/>
      <c r="AA56" s="1322" t="s">
        <v>245</v>
      </c>
      <c r="AB56" s="746" t="s">
        <v>66</v>
      </c>
      <c r="AC56" s="893"/>
      <c r="AD56" s="893"/>
      <c r="AE56" s="893"/>
      <c r="AF56" s="893"/>
      <c r="AG56" s="893"/>
      <c r="AH56" s="893"/>
      <c r="AI56" s="893"/>
      <c r="AJ56" s="893"/>
      <c r="AK56" s="893"/>
      <c r="AL56" s="893"/>
      <c r="AM56" s="893"/>
      <c r="AN56" s="893"/>
      <c r="AO56" s="893"/>
      <c r="AP56" s="893"/>
      <c r="AQ56" s="893"/>
      <c r="AR56" s="893"/>
      <c r="AS56" s="893"/>
      <c r="AT56" s="893"/>
      <c r="AU56" s="893"/>
      <c r="AV56" s="893"/>
      <c r="AW56" s="893"/>
      <c r="AX56" s="893"/>
      <c r="AY56" s="893"/>
      <c r="AZ56" s="893"/>
      <c r="BA56" s="893"/>
      <c r="BB56" s="893"/>
      <c r="BC56" s="893"/>
      <c r="BD56" s="893"/>
      <c r="BE56" s="893"/>
      <c r="BF56" s="893"/>
      <c r="BG56" s="746"/>
      <c r="BH56" s="746"/>
      <c r="BI56" s="746"/>
      <c r="BJ56" s="746"/>
      <c r="BK56" s="746"/>
      <c r="BL56" s="746"/>
      <c r="BM56" s="746"/>
      <c r="BN56" s="746"/>
      <c r="BO56" s="746"/>
      <c r="BP56" s="746"/>
      <c r="BQ56" s="746"/>
      <c r="BR56" s="746"/>
      <c r="BS56" s="884">
        <f t="shared" si="5"/>
        <v>5000</v>
      </c>
      <c r="BT56" s="661">
        <f t="shared" si="47"/>
        <v>4251.71</v>
      </c>
      <c r="BU56" s="661"/>
      <c r="BV56" s="898">
        <f t="shared" si="53"/>
        <v>21258550</v>
      </c>
      <c r="BW56" s="898" t="str">
        <f t="shared" si="71"/>
        <v/>
      </c>
      <c r="BX56" s="898" t="str">
        <f t="shared" si="72"/>
        <v/>
      </c>
      <c r="BY56" s="898" t="str">
        <f t="shared" si="73"/>
        <v/>
      </c>
      <c r="BZ56" s="898" t="str">
        <f t="shared" si="74"/>
        <v/>
      </c>
      <c r="CA56" s="898" t="str">
        <f t="shared" si="75"/>
        <v/>
      </c>
      <c r="CB56" s="898" t="str">
        <f t="shared" si="76"/>
        <v/>
      </c>
      <c r="CC56" s="898" t="str">
        <f t="shared" si="77"/>
        <v/>
      </c>
      <c r="CD56" s="898" t="str">
        <f t="shared" si="78"/>
        <v/>
      </c>
      <c r="CE56" s="898" t="str">
        <f t="shared" si="79"/>
        <v/>
      </c>
      <c r="CF56" s="898" t="str">
        <f t="shared" si="80"/>
        <v/>
      </c>
      <c r="CG56" s="898" t="str">
        <f t="shared" si="81"/>
        <v/>
      </c>
      <c r="CH56" s="898" t="str">
        <f t="shared" si="82"/>
        <v/>
      </c>
      <c r="CI56" s="898" t="str">
        <f t="shared" si="83"/>
        <v/>
      </c>
      <c r="CJ56" s="898" t="str">
        <f t="shared" si="84"/>
        <v/>
      </c>
      <c r="CK56" s="898" t="str">
        <f t="shared" si="85"/>
        <v/>
      </c>
      <c r="CL56" s="898" t="str">
        <f t="shared" si="86"/>
        <v/>
      </c>
      <c r="CM56" s="898" t="str">
        <f t="shared" si="55"/>
        <v/>
      </c>
      <c r="CN56" s="898" t="str">
        <f t="shared" si="56"/>
        <v/>
      </c>
      <c r="CO56" s="898" t="str">
        <f t="shared" si="57"/>
        <v/>
      </c>
      <c r="CP56" s="898" t="str">
        <f t="shared" si="58"/>
        <v/>
      </c>
      <c r="CQ56" s="898" t="str">
        <f t="shared" si="59"/>
        <v/>
      </c>
      <c r="CR56" s="898" t="str">
        <f t="shared" si="60"/>
        <v/>
      </c>
      <c r="CS56" s="898" t="str">
        <f t="shared" si="61"/>
        <v/>
      </c>
      <c r="CT56" s="898" t="str">
        <f t="shared" si="62"/>
        <v/>
      </c>
      <c r="CU56" s="898" t="str">
        <f t="shared" si="63"/>
        <v/>
      </c>
      <c r="CV56" s="898" t="str">
        <f t="shared" si="64"/>
        <v/>
      </c>
      <c r="CW56" s="898" t="str">
        <f t="shared" si="65"/>
        <v/>
      </c>
      <c r="CX56" s="898" t="str">
        <f t="shared" si="66"/>
        <v/>
      </c>
      <c r="CY56" s="898" t="str">
        <f t="shared" si="67"/>
        <v/>
      </c>
      <c r="CZ56" s="898" t="str">
        <f t="shared" si="68"/>
        <v/>
      </c>
      <c r="DA56" s="898"/>
      <c r="DB56" s="898"/>
      <c r="DC56" s="898"/>
      <c r="DD56" s="898"/>
      <c r="DE56" s="898"/>
      <c r="DF56" s="898"/>
      <c r="DG56" s="898"/>
      <c r="DH56" s="898"/>
      <c r="DI56" s="898"/>
      <c r="DJ56" s="898"/>
      <c r="DK56" s="898"/>
      <c r="DL56" s="898"/>
      <c r="DM56" s="661">
        <f t="shared" si="38"/>
        <v>21258550</v>
      </c>
      <c r="DN56" s="898">
        <f t="shared" si="39"/>
        <v>0</v>
      </c>
      <c r="DO56" s="516">
        <f t="shared" si="40"/>
        <v>0</v>
      </c>
      <c r="DP56" s="898">
        <f t="shared" si="41"/>
        <v>0</v>
      </c>
      <c r="DQ56" s="610" t="s">
        <v>3497</v>
      </c>
      <c r="DR56" s="610" t="s">
        <v>3498</v>
      </c>
      <c r="DS56" s="610" t="s">
        <v>3499</v>
      </c>
      <c r="DT56" s="632"/>
    </row>
    <row r="57" spans="1:124" s="137" customFormat="1" ht="71.25" x14ac:dyDescent="0.2">
      <c r="A57" s="484" t="str">
        <f t="shared" si="2"/>
        <v>Contribution towards off-site strategic SANG by Civic Zone, Marlowes (Hm02) developers</v>
      </c>
      <c r="B57" s="1163">
        <v>54</v>
      </c>
      <c r="C57" s="904" t="s">
        <v>3500</v>
      </c>
      <c r="D57" s="481" t="s">
        <v>2481</v>
      </c>
      <c r="E57" s="481" t="s">
        <v>53</v>
      </c>
      <c r="F57" s="481" t="s">
        <v>515</v>
      </c>
      <c r="G57" s="657" t="s">
        <v>1340</v>
      </c>
      <c r="H57" s="484" t="s">
        <v>3501</v>
      </c>
      <c r="I57" s="654"/>
      <c r="J57" s="484" t="s">
        <v>3502</v>
      </c>
      <c r="K57" s="657" t="s">
        <v>3104</v>
      </c>
      <c r="L57" s="657" t="s">
        <v>1361</v>
      </c>
      <c r="M57" s="654" t="s">
        <v>2996</v>
      </c>
      <c r="N57" s="654" t="s">
        <v>81</v>
      </c>
      <c r="O57" s="657" t="s">
        <v>3331</v>
      </c>
      <c r="P57" s="657" t="s">
        <v>53</v>
      </c>
      <c r="Q57" s="654" t="s">
        <v>3496</v>
      </c>
      <c r="R57" s="654"/>
      <c r="S57" s="654"/>
      <c r="T57" s="723">
        <v>850342</v>
      </c>
      <c r="U57" s="723"/>
      <c r="V57" s="654" t="s">
        <v>64</v>
      </c>
      <c r="W57" s="723">
        <f t="shared" si="99"/>
        <v>0</v>
      </c>
      <c r="X57" s="745">
        <f t="shared" si="100"/>
        <v>850342</v>
      </c>
      <c r="Y57" s="723" t="s">
        <v>3106</v>
      </c>
      <c r="Z57" s="723"/>
      <c r="AA57" s="1322" t="s">
        <v>245</v>
      </c>
      <c r="AB57" s="893"/>
      <c r="AC57" s="746" t="s">
        <v>66</v>
      </c>
      <c r="AD57" s="893"/>
      <c r="AE57" s="893"/>
      <c r="AF57" s="893"/>
      <c r="AG57" s="893"/>
      <c r="AH57" s="893"/>
      <c r="AI57" s="893"/>
      <c r="AJ57" s="893"/>
      <c r="AK57" s="893"/>
      <c r="AL57" s="893"/>
      <c r="AM57" s="893"/>
      <c r="AN57" s="893"/>
      <c r="AO57" s="893"/>
      <c r="AP57" s="893"/>
      <c r="AQ57" s="893"/>
      <c r="AR57" s="893"/>
      <c r="AS57" s="893"/>
      <c r="AT57" s="893"/>
      <c r="AU57" s="893"/>
      <c r="AV57" s="893"/>
      <c r="AW57" s="893"/>
      <c r="AX57" s="893"/>
      <c r="AY57" s="893"/>
      <c r="AZ57" s="893"/>
      <c r="BA57" s="893"/>
      <c r="BB57" s="893"/>
      <c r="BC57" s="893"/>
      <c r="BD57" s="893"/>
      <c r="BE57" s="893"/>
      <c r="BF57" s="893"/>
      <c r="BG57" s="746"/>
      <c r="BH57" s="746"/>
      <c r="BI57" s="746"/>
      <c r="BJ57" s="746"/>
      <c r="BK57" s="746"/>
      <c r="BL57" s="746"/>
      <c r="BM57" s="746"/>
      <c r="BN57" s="746"/>
      <c r="BO57" s="746"/>
      <c r="BP57" s="746"/>
      <c r="BQ57" s="746"/>
      <c r="BR57" s="746"/>
      <c r="BS57" s="884">
        <f t="shared" si="5"/>
        <v>200</v>
      </c>
      <c r="BT57" s="661">
        <f t="shared" si="47"/>
        <v>4251.71</v>
      </c>
      <c r="BU57" s="661"/>
      <c r="BV57" s="898" t="str">
        <f t="shared" si="53"/>
        <v/>
      </c>
      <c r="BW57" s="898">
        <f t="shared" si="71"/>
        <v>850342</v>
      </c>
      <c r="BX57" s="898" t="str">
        <f t="shared" si="72"/>
        <v/>
      </c>
      <c r="BY57" s="898" t="str">
        <f t="shared" si="73"/>
        <v/>
      </c>
      <c r="BZ57" s="898" t="str">
        <f t="shared" si="74"/>
        <v/>
      </c>
      <c r="CA57" s="898" t="str">
        <f t="shared" si="75"/>
        <v/>
      </c>
      <c r="CB57" s="898" t="str">
        <f t="shared" si="76"/>
        <v/>
      </c>
      <c r="CC57" s="898" t="str">
        <f t="shared" si="77"/>
        <v/>
      </c>
      <c r="CD57" s="898" t="str">
        <f t="shared" si="78"/>
        <v/>
      </c>
      <c r="CE57" s="898" t="str">
        <f t="shared" si="79"/>
        <v/>
      </c>
      <c r="CF57" s="898" t="str">
        <f t="shared" si="80"/>
        <v/>
      </c>
      <c r="CG57" s="898" t="str">
        <f t="shared" si="81"/>
        <v/>
      </c>
      <c r="CH57" s="898" t="str">
        <f t="shared" si="82"/>
        <v/>
      </c>
      <c r="CI57" s="898" t="str">
        <f t="shared" si="83"/>
        <v/>
      </c>
      <c r="CJ57" s="898" t="str">
        <f t="shared" si="84"/>
        <v/>
      </c>
      <c r="CK57" s="898" t="str">
        <f t="shared" si="85"/>
        <v/>
      </c>
      <c r="CL57" s="898" t="str">
        <f t="shared" si="86"/>
        <v/>
      </c>
      <c r="CM57" s="898" t="str">
        <f t="shared" si="55"/>
        <v/>
      </c>
      <c r="CN57" s="898" t="str">
        <f t="shared" si="56"/>
        <v/>
      </c>
      <c r="CO57" s="898" t="str">
        <f t="shared" si="57"/>
        <v/>
      </c>
      <c r="CP57" s="898" t="str">
        <f t="shared" si="58"/>
        <v/>
      </c>
      <c r="CQ57" s="898" t="str">
        <f t="shared" si="59"/>
        <v/>
      </c>
      <c r="CR57" s="898" t="str">
        <f t="shared" si="60"/>
        <v/>
      </c>
      <c r="CS57" s="898" t="str">
        <f t="shared" si="61"/>
        <v/>
      </c>
      <c r="CT57" s="898" t="str">
        <f t="shared" si="62"/>
        <v/>
      </c>
      <c r="CU57" s="898" t="str">
        <f t="shared" si="63"/>
        <v/>
      </c>
      <c r="CV57" s="898" t="str">
        <f t="shared" si="64"/>
        <v/>
      </c>
      <c r="CW57" s="898" t="str">
        <f t="shared" si="65"/>
        <v/>
      </c>
      <c r="CX57" s="898" t="str">
        <f t="shared" si="66"/>
        <v/>
      </c>
      <c r="CY57" s="898" t="str">
        <f t="shared" si="67"/>
        <v/>
      </c>
      <c r="CZ57" s="898" t="str">
        <f t="shared" si="68"/>
        <v/>
      </c>
      <c r="DA57" s="898"/>
      <c r="DB57" s="898"/>
      <c r="DC57" s="898"/>
      <c r="DD57" s="898"/>
      <c r="DE57" s="898"/>
      <c r="DF57" s="898"/>
      <c r="DG57" s="898"/>
      <c r="DH57" s="898"/>
      <c r="DI57" s="898"/>
      <c r="DJ57" s="898"/>
      <c r="DK57" s="898"/>
      <c r="DL57" s="898"/>
      <c r="DM57" s="661">
        <f t="shared" si="38"/>
        <v>850342</v>
      </c>
      <c r="DN57" s="898">
        <f t="shared" si="39"/>
        <v>0</v>
      </c>
      <c r="DO57" s="516">
        <f t="shared" si="40"/>
        <v>0</v>
      </c>
      <c r="DP57" s="898">
        <f t="shared" si="41"/>
        <v>0</v>
      </c>
      <c r="DQ57" s="610" t="s">
        <v>3497</v>
      </c>
      <c r="DR57" s="610" t="s">
        <v>3498</v>
      </c>
      <c r="DS57" s="610" t="s">
        <v>3499</v>
      </c>
      <c r="DT57" s="632"/>
    </row>
    <row r="58" spans="1:124" s="137" customFormat="1" ht="71.25" x14ac:dyDescent="0.2">
      <c r="A58" s="484" t="str">
        <f t="shared" si="2"/>
        <v>Contribution towards off-site strategic SANG by Hemel Hospital/Market Square (Hm03) developers</v>
      </c>
      <c r="B58" s="1163">
        <v>55</v>
      </c>
      <c r="C58" s="904" t="s">
        <v>3503</v>
      </c>
      <c r="D58" s="481" t="s">
        <v>2481</v>
      </c>
      <c r="E58" s="481" t="s">
        <v>53</v>
      </c>
      <c r="F58" s="481" t="s">
        <v>515</v>
      </c>
      <c r="G58" s="657" t="s">
        <v>1340</v>
      </c>
      <c r="H58" s="484" t="s">
        <v>3504</v>
      </c>
      <c r="I58" s="654"/>
      <c r="J58" s="484" t="s">
        <v>3505</v>
      </c>
      <c r="K58" s="657" t="s">
        <v>3104</v>
      </c>
      <c r="L58" s="657" t="s">
        <v>1362</v>
      </c>
      <c r="M58" s="654" t="s">
        <v>2996</v>
      </c>
      <c r="N58" s="654" t="s">
        <v>81</v>
      </c>
      <c r="O58" s="657" t="s">
        <v>3331</v>
      </c>
      <c r="P58" s="657" t="s">
        <v>53</v>
      </c>
      <c r="Q58" s="654" t="s">
        <v>3496</v>
      </c>
      <c r="R58" s="654"/>
      <c r="S58" s="654"/>
      <c r="T58" s="723">
        <v>1913269.5</v>
      </c>
      <c r="U58" s="723"/>
      <c r="V58" s="654" t="s">
        <v>64</v>
      </c>
      <c r="W58" s="723">
        <f t="shared" si="99"/>
        <v>0</v>
      </c>
      <c r="X58" s="745">
        <f t="shared" si="100"/>
        <v>1913269.5</v>
      </c>
      <c r="Y58" s="723" t="s">
        <v>3106</v>
      </c>
      <c r="Z58" s="723"/>
      <c r="AA58" s="1322" t="s">
        <v>245</v>
      </c>
      <c r="AB58" s="893"/>
      <c r="AC58" s="893"/>
      <c r="AD58" s="746" t="s">
        <v>66</v>
      </c>
      <c r="AE58" s="893"/>
      <c r="AF58" s="893"/>
      <c r="AG58" s="893"/>
      <c r="AH58" s="893"/>
      <c r="AI58" s="893"/>
      <c r="AJ58" s="893"/>
      <c r="AK58" s="893"/>
      <c r="AL58" s="893"/>
      <c r="AM58" s="893"/>
      <c r="AN58" s="893"/>
      <c r="AO58" s="893"/>
      <c r="AP58" s="893"/>
      <c r="AQ58" s="893"/>
      <c r="AR58" s="893"/>
      <c r="AS58" s="893"/>
      <c r="AT58" s="893"/>
      <c r="AU58" s="893"/>
      <c r="AV58" s="893"/>
      <c r="AW58" s="893"/>
      <c r="AX58" s="893"/>
      <c r="AY58" s="893"/>
      <c r="AZ58" s="893"/>
      <c r="BA58" s="893"/>
      <c r="BB58" s="893"/>
      <c r="BC58" s="893"/>
      <c r="BD58" s="893"/>
      <c r="BE58" s="893"/>
      <c r="BF58" s="893"/>
      <c r="BG58" s="746"/>
      <c r="BH58" s="746"/>
      <c r="BI58" s="746"/>
      <c r="BJ58" s="746"/>
      <c r="BK58" s="746"/>
      <c r="BL58" s="746"/>
      <c r="BM58" s="746"/>
      <c r="BN58" s="746"/>
      <c r="BO58" s="746"/>
      <c r="BP58" s="746"/>
      <c r="BQ58" s="746"/>
      <c r="BR58" s="746"/>
      <c r="BS58" s="884">
        <f t="shared" si="5"/>
        <v>450</v>
      </c>
      <c r="BT58" s="661">
        <f t="shared" si="47"/>
        <v>4251.71</v>
      </c>
      <c r="BU58" s="661"/>
      <c r="BV58" s="898" t="str">
        <f t="shared" si="53"/>
        <v/>
      </c>
      <c r="BW58" s="898" t="str">
        <f t="shared" si="71"/>
        <v/>
      </c>
      <c r="BX58" s="898">
        <f t="shared" si="72"/>
        <v>1913269.5</v>
      </c>
      <c r="BY58" s="898" t="str">
        <f t="shared" si="73"/>
        <v/>
      </c>
      <c r="BZ58" s="898" t="str">
        <f t="shared" si="74"/>
        <v/>
      </c>
      <c r="CA58" s="898" t="str">
        <f t="shared" si="75"/>
        <v/>
      </c>
      <c r="CB58" s="898" t="str">
        <f t="shared" si="76"/>
        <v/>
      </c>
      <c r="CC58" s="898" t="str">
        <f t="shared" si="77"/>
        <v/>
      </c>
      <c r="CD58" s="898" t="str">
        <f t="shared" si="78"/>
        <v/>
      </c>
      <c r="CE58" s="898" t="str">
        <f t="shared" si="79"/>
        <v/>
      </c>
      <c r="CF58" s="898" t="str">
        <f t="shared" si="80"/>
        <v/>
      </c>
      <c r="CG58" s="898" t="str">
        <f t="shared" si="81"/>
        <v/>
      </c>
      <c r="CH58" s="898" t="str">
        <f t="shared" si="82"/>
        <v/>
      </c>
      <c r="CI58" s="898" t="str">
        <f t="shared" si="83"/>
        <v/>
      </c>
      <c r="CJ58" s="898" t="str">
        <f t="shared" si="84"/>
        <v/>
      </c>
      <c r="CK58" s="898" t="str">
        <f t="shared" si="85"/>
        <v/>
      </c>
      <c r="CL58" s="898" t="str">
        <f t="shared" si="86"/>
        <v/>
      </c>
      <c r="CM58" s="898" t="str">
        <f t="shared" si="55"/>
        <v/>
      </c>
      <c r="CN58" s="898" t="str">
        <f t="shared" si="56"/>
        <v/>
      </c>
      <c r="CO58" s="898" t="str">
        <f t="shared" si="57"/>
        <v/>
      </c>
      <c r="CP58" s="898" t="str">
        <f t="shared" si="58"/>
        <v/>
      </c>
      <c r="CQ58" s="898" t="str">
        <f t="shared" si="59"/>
        <v/>
      </c>
      <c r="CR58" s="898" t="str">
        <f t="shared" si="60"/>
        <v/>
      </c>
      <c r="CS58" s="898" t="str">
        <f t="shared" si="61"/>
        <v/>
      </c>
      <c r="CT58" s="898" t="str">
        <f t="shared" si="62"/>
        <v/>
      </c>
      <c r="CU58" s="898" t="str">
        <f t="shared" si="63"/>
        <v/>
      </c>
      <c r="CV58" s="898" t="str">
        <f t="shared" si="64"/>
        <v/>
      </c>
      <c r="CW58" s="898" t="str">
        <f t="shared" si="65"/>
        <v/>
      </c>
      <c r="CX58" s="898" t="str">
        <f t="shared" si="66"/>
        <v/>
      </c>
      <c r="CY58" s="898" t="str">
        <f t="shared" si="67"/>
        <v/>
      </c>
      <c r="CZ58" s="898" t="str">
        <f t="shared" si="68"/>
        <v/>
      </c>
      <c r="DA58" s="898"/>
      <c r="DB58" s="898"/>
      <c r="DC58" s="898"/>
      <c r="DD58" s="898"/>
      <c r="DE58" s="898"/>
      <c r="DF58" s="898"/>
      <c r="DG58" s="898"/>
      <c r="DH58" s="898"/>
      <c r="DI58" s="898"/>
      <c r="DJ58" s="898"/>
      <c r="DK58" s="898"/>
      <c r="DL58" s="898"/>
      <c r="DM58" s="661">
        <f t="shared" si="38"/>
        <v>1913269.5</v>
      </c>
      <c r="DN58" s="898">
        <f t="shared" si="39"/>
        <v>0</v>
      </c>
      <c r="DO58" s="516">
        <f t="shared" si="40"/>
        <v>0</v>
      </c>
      <c r="DP58" s="898">
        <f t="shared" si="41"/>
        <v>0</v>
      </c>
      <c r="DQ58" s="610" t="s">
        <v>3497</v>
      </c>
      <c r="DR58" s="610" t="s">
        <v>3498</v>
      </c>
      <c r="DS58" s="610" t="s">
        <v>3499</v>
      </c>
      <c r="DT58" s="632"/>
    </row>
    <row r="59" spans="1:124" s="137" customFormat="1" ht="71.25" x14ac:dyDescent="0.2">
      <c r="A59" s="484" t="str">
        <f t="shared" si="2"/>
        <v>Contribution towards off-site strategic SANG by Paradise (Hm04) developers</v>
      </c>
      <c r="B59" s="1163">
        <v>56</v>
      </c>
      <c r="C59" s="904" t="s">
        <v>3506</v>
      </c>
      <c r="D59" s="481" t="s">
        <v>2481</v>
      </c>
      <c r="E59" s="481" t="s">
        <v>53</v>
      </c>
      <c r="F59" s="481" t="s">
        <v>515</v>
      </c>
      <c r="G59" s="657" t="s">
        <v>1340</v>
      </c>
      <c r="H59" s="484" t="s">
        <v>3507</v>
      </c>
      <c r="I59" s="654"/>
      <c r="J59" s="484" t="s">
        <v>3508</v>
      </c>
      <c r="K59" s="657" t="s">
        <v>3104</v>
      </c>
      <c r="L59" s="657" t="s">
        <v>1363</v>
      </c>
      <c r="M59" s="654" t="s">
        <v>2996</v>
      </c>
      <c r="N59" s="654" t="s">
        <v>81</v>
      </c>
      <c r="O59" s="657" t="s">
        <v>3331</v>
      </c>
      <c r="P59" s="657" t="s">
        <v>53</v>
      </c>
      <c r="Q59" s="654" t="s">
        <v>3496</v>
      </c>
      <c r="R59" s="654"/>
      <c r="S59" s="654"/>
      <c r="T59" s="723">
        <v>1488098.5</v>
      </c>
      <c r="U59" s="723"/>
      <c r="V59" s="654" t="s">
        <v>64</v>
      </c>
      <c r="W59" s="723">
        <f t="shared" si="99"/>
        <v>0</v>
      </c>
      <c r="X59" s="745">
        <f t="shared" si="100"/>
        <v>1488098.5</v>
      </c>
      <c r="Y59" s="723" t="s">
        <v>3106</v>
      </c>
      <c r="Z59" s="723"/>
      <c r="AA59" s="1322" t="s">
        <v>245</v>
      </c>
      <c r="AB59" s="893"/>
      <c r="AC59" s="893"/>
      <c r="AD59" s="893"/>
      <c r="AE59" s="746" t="s">
        <v>66</v>
      </c>
      <c r="AF59" s="893"/>
      <c r="AG59" s="893"/>
      <c r="AH59" s="893"/>
      <c r="AI59" s="893"/>
      <c r="AJ59" s="893"/>
      <c r="AK59" s="893"/>
      <c r="AL59" s="893"/>
      <c r="AM59" s="893"/>
      <c r="AN59" s="893"/>
      <c r="AO59" s="893"/>
      <c r="AP59" s="893"/>
      <c r="AQ59" s="893"/>
      <c r="AR59" s="893"/>
      <c r="AS59" s="893"/>
      <c r="AT59" s="893"/>
      <c r="AU59" s="893"/>
      <c r="AV59" s="893"/>
      <c r="AW59" s="893"/>
      <c r="AX59" s="893"/>
      <c r="AY59" s="893"/>
      <c r="AZ59" s="893"/>
      <c r="BA59" s="893"/>
      <c r="BB59" s="893"/>
      <c r="BC59" s="893"/>
      <c r="BD59" s="893"/>
      <c r="BE59" s="893"/>
      <c r="BF59" s="893"/>
      <c r="BG59" s="746"/>
      <c r="BH59" s="746"/>
      <c r="BI59" s="746"/>
      <c r="BJ59" s="746"/>
      <c r="BK59" s="746"/>
      <c r="BL59" s="746"/>
      <c r="BM59" s="746"/>
      <c r="BN59" s="746"/>
      <c r="BO59" s="746"/>
      <c r="BP59" s="746"/>
      <c r="BQ59" s="746"/>
      <c r="BR59" s="746"/>
      <c r="BS59" s="884">
        <f t="shared" si="5"/>
        <v>350</v>
      </c>
      <c r="BT59" s="661">
        <f t="shared" si="47"/>
        <v>4251.71</v>
      </c>
      <c r="BU59" s="661"/>
      <c r="BV59" s="898" t="str">
        <f t="shared" si="53"/>
        <v/>
      </c>
      <c r="BW59" s="898" t="str">
        <f t="shared" si="71"/>
        <v/>
      </c>
      <c r="BX59" s="898" t="str">
        <f t="shared" si="72"/>
        <v/>
      </c>
      <c r="BY59" s="898">
        <f t="shared" si="73"/>
        <v>1488098.5</v>
      </c>
      <c r="BZ59" s="898" t="str">
        <f t="shared" si="74"/>
        <v/>
      </c>
      <c r="CA59" s="898" t="str">
        <f t="shared" si="75"/>
        <v/>
      </c>
      <c r="CB59" s="898" t="str">
        <f t="shared" si="76"/>
        <v/>
      </c>
      <c r="CC59" s="898" t="str">
        <f t="shared" si="77"/>
        <v/>
      </c>
      <c r="CD59" s="898" t="str">
        <f t="shared" si="78"/>
        <v/>
      </c>
      <c r="CE59" s="898" t="str">
        <f t="shared" si="79"/>
        <v/>
      </c>
      <c r="CF59" s="898" t="str">
        <f t="shared" si="80"/>
        <v/>
      </c>
      <c r="CG59" s="898" t="str">
        <f t="shared" si="81"/>
        <v/>
      </c>
      <c r="CH59" s="898" t="str">
        <f t="shared" si="82"/>
        <v/>
      </c>
      <c r="CI59" s="898" t="str">
        <f t="shared" si="83"/>
        <v/>
      </c>
      <c r="CJ59" s="898" t="str">
        <f t="shared" si="84"/>
        <v/>
      </c>
      <c r="CK59" s="898" t="str">
        <f t="shared" si="85"/>
        <v/>
      </c>
      <c r="CL59" s="898" t="str">
        <f t="shared" si="86"/>
        <v/>
      </c>
      <c r="CM59" s="898" t="str">
        <f t="shared" si="55"/>
        <v/>
      </c>
      <c r="CN59" s="898" t="str">
        <f t="shared" si="56"/>
        <v/>
      </c>
      <c r="CO59" s="898" t="str">
        <f t="shared" si="57"/>
        <v/>
      </c>
      <c r="CP59" s="898" t="str">
        <f t="shared" si="58"/>
        <v/>
      </c>
      <c r="CQ59" s="898" t="str">
        <f t="shared" si="59"/>
        <v/>
      </c>
      <c r="CR59" s="898" t="str">
        <f t="shared" si="60"/>
        <v/>
      </c>
      <c r="CS59" s="898" t="str">
        <f t="shared" si="61"/>
        <v/>
      </c>
      <c r="CT59" s="898" t="str">
        <f t="shared" si="62"/>
        <v/>
      </c>
      <c r="CU59" s="898" t="str">
        <f t="shared" si="63"/>
        <v/>
      </c>
      <c r="CV59" s="898" t="str">
        <f t="shared" si="64"/>
        <v/>
      </c>
      <c r="CW59" s="898" t="str">
        <f t="shared" si="65"/>
        <v/>
      </c>
      <c r="CX59" s="898" t="str">
        <f t="shared" si="66"/>
        <v/>
      </c>
      <c r="CY59" s="898" t="str">
        <f t="shared" si="67"/>
        <v/>
      </c>
      <c r="CZ59" s="898" t="str">
        <f t="shared" si="68"/>
        <v/>
      </c>
      <c r="DA59" s="898"/>
      <c r="DB59" s="898"/>
      <c r="DC59" s="898"/>
      <c r="DD59" s="898"/>
      <c r="DE59" s="898"/>
      <c r="DF59" s="898"/>
      <c r="DG59" s="898"/>
      <c r="DH59" s="898"/>
      <c r="DI59" s="898"/>
      <c r="DJ59" s="898"/>
      <c r="DK59" s="898"/>
      <c r="DL59" s="898"/>
      <c r="DM59" s="661">
        <f t="shared" si="38"/>
        <v>1488098.5</v>
      </c>
      <c r="DN59" s="898">
        <f t="shared" si="39"/>
        <v>0</v>
      </c>
      <c r="DO59" s="516">
        <f t="shared" si="40"/>
        <v>0</v>
      </c>
      <c r="DP59" s="898">
        <f t="shared" si="41"/>
        <v>0</v>
      </c>
      <c r="DQ59" s="610" t="s">
        <v>3497</v>
      </c>
      <c r="DR59" s="610" t="s">
        <v>3498</v>
      </c>
      <c r="DS59" s="610" t="s">
        <v>3499</v>
      </c>
      <c r="DT59" s="632"/>
    </row>
    <row r="60" spans="1:124" s="137" customFormat="1" ht="71.25" x14ac:dyDescent="0.2">
      <c r="A60" s="484" t="str">
        <f t="shared" si="2"/>
        <v>Contribution towards off-site third party SANG by Riverside (Hm06) developers</v>
      </c>
      <c r="B60" s="1163">
        <v>57</v>
      </c>
      <c r="C60" s="904" t="s">
        <v>3509</v>
      </c>
      <c r="D60" s="481" t="s">
        <v>2481</v>
      </c>
      <c r="E60" s="481" t="s">
        <v>53</v>
      </c>
      <c r="F60" s="481" t="s">
        <v>515</v>
      </c>
      <c r="G60" s="657" t="s">
        <v>1340</v>
      </c>
      <c r="H60" s="484" t="s">
        <v>3510</v>
      </c>
      <c r="I60" s="654"/>
      <c r="J60" s="495" t="s">
        <v>3511</v>
      </c>
      <c r="K60" s="657" t="s">
        <v>3104</v>
      </c>
      <c r="L60" s="657" t="s">
        <v>1364</v>
      </c>
      <c r="M60" s="654" t="s">
        <v>2996</v>
      </c>
      <c r="N60" s="654" t="s">
        <v>81</v>
      </c>
      <c r="O60" s="657" t="s">
        <v>3331</v>
      </c>
      <c r="P60" s="657" t="s">
        <v>53</v>
      </c>
      <c r="Q60" s="654" t="s">
        <v>3496</v>
      </c>
      <c r="R60" s="654"/>
      <c r="S60" s="654"/>
      <c r="T60" s="723">
        <v>2125855</v>
      </c>
      <c r="U60" s="723"/>
      <c r="V60" s="654" t="s">
        <v>64</v>
      </c>
      <c r="W60" s="723">
        <f t="shared" si="99"/>
        <v>0</v>
      </c>
      <c r="X60" s="745">
        <f t="shared" si="100"/>
        <v>2125855</v>
      </c>
      <c r="Y60" s="723" t="s">
        <v>3106</v>
      </c>
      <c r="Z60" s="723"/>
      <c r="AA60" s="1322" t="s">
        <v>245</v>
      </c>
      <c r="AB60" s="893"/>
      <c r="AC60" s="893"/>
      <c r="AD60" s="893"/>
      <c r="AE60" s="893"/>
      <c r="AF60" s="746" t="s">
        <v>66</v>
      </c>
      <c r="AG60" s="893"/>
      <c r="AH60" s="893"/>
      <c r="AI60" s="893"/>
      <c r="AJ60" s="893"/>
      <c r="AK60" s="893"/>
      <c r="AL60" s="893"/>
      <c r="AM60" s="893"/>
      <c r="AN60" s="893"/>
      <c r="AO60" s="893"/>
      <c r="AP60" s="893"/>
      <c r="AQ60" s="893"/>
      <c r="AR60" s="893"/>
      <c r="AS60" s="893"/>
      <c r="AT60" s="893"/>
      <c r="AU60" s="893"/>
      <c r="AV60" s="893"/>
      <c r="AW60" s="893"/>
      <c r="AX60" s="893"/>
      <c r="AY60" s="893"/>
      <c r="AZ60" s="893"/>
      <c r="BA60" s="893"/>
      <c r="BB60" s="893"/>
      <c r="BC60" s="893"/>
      <c r="BD60" s="893"/>
      <c r="BE60" s="893"/>
      <c r="BF60" s="893"/>
      <c r="BG60" s="746"/>
      <c r="BH60" s="746"/>
      <c r="BI60" s="746"/>
      <c r="BJ60" s="746"/>
      <c r="BK60" s="746"/>
      <c r="BL60" s="746"/>
      <c r="BM60" s="746"/>
      <c r="BN60" s="746"/>
      <c r="BO60" s="746"/>
      <c r="BP60" s="746"/>
      <c r="BQ60" s="746"/>
      <c r="BR60" s="746"/>
      <c r="BS60" s="884">
        <f t="shared" si="5"/>
        <v>500</v>
      </c>
      <c r="BT60" s="661">
        <f t="shared" si="47"/>
        <v>4251.71</v>
      </c>
      <c r="BU60" s="661"/>
      <c r="BV60" s="898" t="str">
        <f t="shared" si="53"/>
        <v/>
      </c>
      <c r="BW60" s="898" t="str">
        <f t="shared" si="71"/>
        <v/>
      </c>
      <c r="BX60" s="898" t="str">
        <f t="shared" si="72"/>
        <v/>
      </c>
      <c r="BY60" s="898" t="str">
        <f t="shared" si="73"/>
        <v/>
      </c>
      <c r="BZ60" s="898">
        <f t="shared" si="74"/>
        <v>2125855</v>
      </c>
      <c r="CA60" s="898" t="str">
        <f t="shared" si="75"/>
        <v/>
      </c>
      <c r="CB60" s="898" t="str">
        <f t="shared" si="76"/>
        <v/>
      </c>
      <c r="CC60" s="898" t="str">
        <f t="shared" si="77"/>
        <v/>
      </c>
      <c r="CD60" s="898" t="str">
        <f t="shared" si="78"/>
        <v/>
      </c>
      <c r="CE60" s="898" t="str">
        <f t="shared" si="79"/>
        <v/>
      </c>
      <c r="CF60" s="898" t="str">
        <f t="shared" si="80"/>
        <v/>
      </c>
      <c r="CG60" s="898" t="str">
        <f t="shared" si="81"/>
        <v/>
      </c>
      <c r="CH60" s="898" t="str">
        <f t="shared" si="82"/>
        <v/>
      </c>
      <c r="CI60" s="898" t="str">
        <f t="shared" si="83"/>
        <v/>
      </c>
      <c r="CJ60" s="898" t="str">
        <f t="shared" si="84"/>
        <v/>
      </c>
      <c r="CK60" s="898" t="str">
        <f t="shared" si="85"/>
        <v/>
      </c>
      <c r="CL60" s="898" t="str">
        <f t="shared" si="86"/>
        <v/>
      </c>
      <c r="CM60" s="898" t="str">
        <f t="shared" si="55"/>
        <v/>
      </c>
      <c r="CN60" s="898" t="str">
        <f t="shared" si="56"/>
        <v/>
      </c>
      <c r="CO60" s="898" t="str">
        <f t="shared" si="57"/>
        <v/>
      </c>
      <c r="CP60" s="898" t="str">
        <f t="shared" si="58"/>
        <v/>
      </c>
      <c r="CQ60" s="898" t="str">
        <f t="shared" si="59"/>
        <v/>
      </c>
      <c r="CR60" s="898" t="str">
        <f t="shared" si="60"/>
        <v/>
      </c>
      <c r="CS60" s="898" t="str">
        <f t="shared" si="61"/>
        <v/>
      </c>
      <c r="CT60" s="898" t="str">
        <f t="shared" si="62"/>
        <v/>
      </c>
      <c r="CU60" s="898" t="str">
        <f t="shared" si="63"/>
        <v/>
      </c>
      <c r="CV60" s="898" t="str">
        <f t="shared" si="64"/>
        <v/>
      </c>
      <c r="CW60" s="898" t="str">
        <f t="shared" si="65"/>
        <v/>
      </c>
      <c r="CX60" s="898" t="str">
        <f t="shared" si="66"/>
        <v/>
      </c>
      <c r="CY60" s="898" t="str">
        <f t="shared" si="67"/>
        <v/>
      </c>
      <c r="CZ60" s="898" t="str">
        <f t="shared" si="68"/>
        <v/>
      </c>
      <c r="DA60" s="898"/>
      <c r="DB60" s="898"/>
      <c r="DC60" s="898"/>
      <c r="DD60" s="898"/>
      <c r="DE60" s="898"/>
      <c r="DF60" s="898"/>
      <c r="DG60" s="898"/>
      <c r="DH60" s="898"/>
      <c r="DI60" s="898"/>
      <c r="DJ60" s="898"/>
      <c r="DK60" s="898"/>
      <c r="DL60" s="898"/>
      <c r="DM60" s="661">
        <f t="shared" si="38"/>
        <v>2125855</v>
      </c>
      <c r="DN60" s="898">
        <f t="shared" si="39"/>
        <v>0</v>
      </c>
      <c r="DO60" s="516">
        <f t="shared" si="40"/>
        <v>0</v>
      </c>
      <c r="DP60" s="898">
        <f t="shared" si="41"/>
        <v>0</v>
      </c>
      <c r="DQ60" s="610" t="s">
        <v>3497</v>
      </c>
      <c r="DR60" s="610" t="s">
        <v>3498</v>
      </c>
      <c r="DS60" s="610" t="s">
        <v>3499</v>
      </c>
      <c r="DT60" s="632"/>
    </row>
    <row r="61" spans="1:124" s="137" customFormat="1" ht="71.25" x14ac:dyDescent="0.2">
      <c r="A61" s="484" t="str">
        <f t="shared" si="2"/>
        <v>Contribution towards off-site third party SANG by Symbio Site, Whiteleaf Road (Hm07) developers</v>
      </c>
      <c r="B61" s="1163">
        <v>58</v>
      </c>
      <c r="C61" s="904" t="s">
        <v>3512</v>
      </c>
      <c r="D61" s="481" t="s">
        <v>2481</v>
      </c>
      <c r="E61" s="481" t="s">
        <v>53</v>
      </c>
      <c r="F61" s="481" t="s">
        <v>515</v>
      </c>
      <c r="G61" s="657" t="s">
        <v>1340</v>
      </c>
      <c r="H61" s="484" t="s">
        <v>3513</v>
      </c>
      <c r="I61" s="654"/>
      <c r="J61" s="495" t="s">
        <v>3514</v>
      </c>
      <c r="K61" s="657" t="s">
        <v>3104</v>
      </c>
      <c r="L61" s="657" t="s">
        <v>1366</v>
      </c>
      <c r="M61" s="654" t="s">
        <v>2996</v>
      </c>
      <c r="N61" s="654" t="s">
        <v>81</v>
      </c>
      <c r="O61" s="657" t="s">
        <v>3331</v>
      </c>
      <c r="P61" s="657" t="s">
        <v>53</v>
      </c>
      <c r="Q61" s="654" t="s">
        <v>3496</v>
      </c>
      <c r="R61" s="654"/>
      <c r="S61" s="654"/>
      <c r="T61" s="723">
        <v>425171</v>
      </c>
      <c r="U61" s="723"/>
      <c r="V61" s="654" t="s">
        <v>64</v>
      </c>
      <c r="W61" s="723">
        <f t="shared" si="99"/>
        <v>0</v>
      </c>
      <c r="X61" s="745">
        <f t="shared" si="100"/>
        <v>425171</v>
      </c>
      <c r="Y61" s="723" t="s">
        <v>3106</v>
      </c>
      <c r="Z61" s="723"/>
      <c r="AA61" s="1322" t="s">
        <v>245</v>
      </c>
      <c r="AB61" s="893"/>
      <c r="AC61" s="893"/>
      <c r="AD61" s="893"/>
      <c r="AE61" s="893"/>
      <c r="AF61" s="893"/>
      <c r="AG61" s="893"/>
      <c r="AH61" s="746" t="s">
        <v>66</v>
      </c>
      <c r="AI61" s="893"/>
      <c r="AJ61" s="893"/>
      <c r="AK61" s="893"/>
      <c r="AL61" s="893"/>
      <c r="AM61" s="893"/>
      <c r="AN61" s="893"/>
      <c r="AO61" s="893"/>
      <c r="AP61" s="893"/>
      <c r="AQ61" s="893"/>
      <c r="AR61" s="893"/>
      <c r="AS61" s="893"/>
      <c r="AT61" s="893"/>
      <c r="AU61" s="893"/>
      <c r="AV61" s="893"/>
      <c r="AW61" s="893"/>
      <c r="AX61" s="893"/>
      <c r="AY61" s="893"/>
      <c r="AZ61" s="893"/>
      <c r="BA61" s="893"/>
      <c r="BB61" s="893"/>
      <c r="BC61" s="893"/>
      <c r="BD61" s="893"/>
      <c r="BE61" s="893"/>
      <c r="BF61" s="893"/>
      <c r="BG61" s="746"/>
      <c r="BH61" s="746"/>
      <c r="BI61" s="746"/>
      <c r="BJ61" s="746"/>
      <c r="BK61" s="746"/>
      <c r="BL61" s="746"/>
      <c r="BM61" s="746"/>
      <c r="BN61" s="746"/>
      <c r="BO61" s="746"/>
      <c r="BP61" s="746"/>
      <c r="BQ61" s="746"/>
      <c r="BR61" s="746"/>
      <c r="BS61" s="884">
        <f t="shared" si="5"/>
        <v>100</v>
      </c>
      <c r="BT61" s="661">
        <f t="shared" si="47"/>
        <v>4251.71</v>
      </c>
      <c r="BU61" s="661"/>
      <c r="BV61" s="898" t="str">
        <f t="shared" si="53"/>
        <v/>
      </c>
      <c r="BW61" s="898" t="str">
        <f t="shared" si="71"/>
        <v/>
      </c>
      <c r="BX61" s="898" t="str">
        <f t="shared" si="72"/>
        <v/>
      </c>
      <c r="BY61" s="898" t="str">
        <f t="shared" si="73"/>
        <v/>
      </c>
      <c r="BZ61" s="898" t="str">
        <f t="shared" si="74"/>
        <v/>
      </c>
      <c r="CA61" s="898" t="str">
        <f t="shared" si="75"/>
        <v/>
      </c>
      <c r="CB61" s="898">
        <f t="shared" si="76"/>
        <v>425171</v>
      </c>
      <c r="CC61" s="898" t="str">
        <f t="shared" si="77"/>
        <v/>
      </c>
      <c r="CD61" s="898" t="str">
        <f t="shared" si="78"/>
        <v/>
      </c>
      <c r="CE61" s="898" t="str">
        <f t="shared" si="79"/>
        <v/>
      </c>
      <c r="CF61" s="898" t="str">
        <f t="shared" si="80"/>
        <v/>
      </c>
      <c r="CG61" s="898" t="str">
        <f t="shared" si="81"/>
        <v/>
      </c>
      <c r="CH61" s="898" t="str">
        <f t="shared" si="82"/>
        <v/>
      </c>
      <c r="CI61" s="898" t="str">
        <f t="shared" si="83"/>
        <v/>
      </c>
      <c r="CJ61" s="898" t="str">
        <f t="shared" si="84"/>
        <v/>
      </c>
      <c r="CK61" s="898" t="str">
        <f t="shared" si="85"/>
        <v/>
      </c>
      <c r="CL61" s="898" t="str">
        <f t="shared" si="86"/>
        <v/>
      </c>
      <c r="CM61" s="898" t="str">
        <f t="shared" si="55"/>
        <v/>
      </c>
      <c r="CN61" s="898" t="str">
        <f t="shared" si="56"/>
        <v/>
      </c>
      <c r="CO61" s="898" t="str">
        <f t="shared" si="57"/>
        <v/>
      </c>
      <c r="CP61" s="898" t="str">
        <f t="shared" si="58"/>
        <v/>
      </c>
      <c r="CQ61" s="898" t="str">
        <f t="shared" si="59"/>
        <v/>
      </c>
      <c r="CR61" s="898" t="str">
        <f t="shared" si="60"/>
        <v/>
      </c>
      <c r="CS61" s="898" t="str">
        <f t="shared" si="61"/>
        <v/>
      </c>
      <c r="CT61" s="898" t="str">
        <f t="shared" si="62"/>
        <v/>
      </c>
      <c r="CU61" s="898" t="str">
        <f t="shared" si="63"/>
        <v/>
      </c>
      <c r="CV61" s="898" t="str">
        <f t="shared" si="64"/>
        <v/>
      </c>
      <c r="CW61" s="898" t="str">
        <f t="shared" si="65"/>
        <v/>
      </c>
      <c r="CX61" s="898" t="str">
        <f t="shared" si="66"/>
        <v/>
      </c>
      <c r="CY61" s="898" t="str">
        <f t="shared" si="67"/>
        <v/>
      </c>
      <c r="CZ61" s="898" t="str">
        <f t="shared" si="68"/>
        <v/>
      </c>
      <c r="DA61" s="898"/>
      <c r="DB61" s="898"/>
      <c r="DC61" s="898"/>
      <c r="DD61" s="898"/>
      <c r="DE61" s="898"/>
      <c r="DF61" s="898"/>
      <c r="DG61" s="898"/>
      <c r="DH61" s="898"/>
      <c r="DI61" s="898"/>
      <c r="DJ61" s="898"/>
      <c r="DK61" s="898"/>
      <c r="DL61" s="898"/>
      <c r="DM61" s="661">
        <f t="shared" si="38"/>
        <v>425171</v>
      </c>
      <c r="DN61" s="898">
        <f t="shared" si="39"/>
        <v>0</v>
      </c>
      <c r="DO61" s="516">
        <f t="shared" si="40"/>
        <v>0</v>
      </c>
      <c r="DP61" s="898">
        <f t="shared" si="41"/>
        <v>0</v>
      </c>
      <c r="DQ61" s="610" t="s">
        <v>3497</v>
      </c>
      <c r="DR61" s="610" t="s">
        <v>3498</v>
      </c>
      <c r="DS61" s="610" t="s">
        <v>3499</v>
      </c>
      <c r="DT61" s="632"/>
    </row>
    <row r="62" spans="1:124" s="613" customFormat="1" ht="71.25" x14ac:dyDescent="0.2">
      <c r="A62" s="484" t="str">
        <f t="shared" si="2"/>
        <v>Contribution towards off-site third party SANG by Hemel Hempstead Station Gateway (Hm08) developers</v>
      </c>
      <c r="B62" s="1163">
        <v>59</v>
      </c>
      <c r="C62" s="904" t="s">
        <v>3515</v>
      </c>
      <c r="D62" s="481" t="s">
        <v>2481</v>
      </c>
      <c r="E62" s="481" t="s">
        <v>53</v>
      </c>
      <c r="F62" s="481" t="s">
        <v>515</v>
      </c>
      <c r="G62" s="657" t="s">
        <v>1340</v>
      </c>
      <c r="H62" s="484" t="s">
        <v>3516</v>
      </c>
      <c r="I62" s="654"/>
      <c r="J62" s="495" t="s">
        <v>3517</v>
      </c>
      <c r="K62" s="657" t="s">
        <v>3104</v>
      </c>
      <c r="L62" s="657" t="s">
        <v>1367</v>
      </c>
      <c r="M62" s="654" t="s">
        <v>2996</v>
      </c>
      <c r="N62" s="654" t="s">
        <v>81</v>
      </c>
      <c r="O62" s="657" t="s">
        <v>3331</v>
      </c>
      <c r="P62" s="657" t="s">
        <v>53</v>
      </c>
      <c r="Q62" s="654" t="s">
        <v>3496</v>
      </c>
      <c r="R62" s="654"/>
      <c r="S62" s="654"/>
      <c r="T62" s="723">
        <v>1658166.9</v>
      </c>
      <c r="U62" s="723"/>
      <c r="V62" s="654" t="s">
        <v>64</v>
      </c>
      <c r="W62" s="723">
        <f t="shared" si="99"/>
        <v>0</v>
      </c>
      <c r="X62" s="745">
        <f t="shared" si="100"/>
        <v>1658166.9</v>
      </c>
      <c r="Y62" s="723" t="s">
        <v>3106</v>
      </c>
      <c r="Z62" s="723"/>
      <c r="AA62" s="1322" t="s">
        <v>245</v>
      </c>
      <c r="AB62" s="893"/>
      <c r="AC62" s="893"/>
      <c r="AD62" s="893"/>
      <c r="AE62" s="893"/>
      <c r="AF62" s="893"/>
      <c r="AG62" s="893"/>
      <c r="AH62" s="893"/>
      <c r="AI62" s="746" t="s">
        <v>66</v>
      </c>
      <c r="AJ62" s="893"/>
      <c r="AK62" s="893"/>
      <c r="AL62" s="893"/>
      <c r="AM62" s="893"/>
      <c r="AN62" s="893"/>
      <c r="AO62" s="893"/>
      <c r="AP62" s="893"/>
      <c r="AQ62" s="893"/>
      <c r="AR62" s="893"/>
      <c r="AS62" s="893"/>
      <c r="AT62" s="893"/>
      <c r="AU62" s="893"/>
      <c r="AV62" s="893"/>
      <c r="AW62" s="893"/>
      <c r="AX62" s="893"/>
      <c r="AY62" s="893"/>
      <c r="AZ62" s="893"/>
      <c r="BA62" s="893"/>
      <c r="BB62" s="893"/>
      <c r="BC62" s="893"/>
      <c r="BD62" s="893"/>
      <c r="BE62" s="893"/>
      <c r="BF62" s="893"/>
      <c r="BG62" s="746"/>
      <c r="BH62" s="746"/>
      <c r="BI62" s="746"/>
      <c r="BJ62" s="746"/>
      <c r="BK62" s="746"/>
      <c r="BL62" s="746"/>
      <c r="BM62" s="746"/>
      <c r="BN62" s="746"/>
      <c r="BO62" s="746"/>
      <c r="BP62" s="746"/>
      <c r="BQ62" s="746"/>
      <c r="BR62" s="746"/>
      <c r="BS62" s="884">
        <f t="shared" si="5"/>
        <v>390</v>
      </c>
      <c r="BT62" s="661">
        <f t="shared" si="47"/>
        <v>4251.71</v>
      </c>
      <c r="BU62" s="661"/>
      <c r="BV62" s="898" t="str">
        <f t="shared" si="53"/>
        <v/>
      </c>
      <c r="BW62" s="898" t="str">
        <f t="shared" si="71"/>
        <v/>
      </c>
      <c r="BX62" s="898" t="str">
        <f t="shared" si="72"/>
        <v/>
      </c>
      <c r="BY62" s="898" t="str">
        <f t="shared" si="73"/>
        <v/>
      </c>
      <c r="BZ62" s="898" t="str">
        <f t="shared" si="74"/>
        <v/>
      </c>
      <c r="CA62" s="898" t="str">
        <f t="shared" si="75"/>
        <v/>
      </c>
      <c r="CB62" s="898" t="str">
        <f t="shared" si="76"/>
        <v/>
      </c>
      <c r="CC62" s="898">
        <f t="shared" si="77"/>
        <v>1658166.9</v>
      </c>
      <c r="CD62" s="898" t="str">
        <f t="shared" si="78"/>
        <v/>
      </c>
      <c r="CE62" s="898" t="str">
        <f t="shared" si="79"/>
        <v/>
      </c>
      <c r="CF62" s="898" t="str">
        <f t="shared" si="80"/>
        <v/>
      </c>
      <c r="CG62" s="898" t="str">
        <f t="shared" si="81"/>
        <v/>
      </c>
      <c r="CH62" s="898" t="str">
        <f t="shared" si="82"/>
        <v/>
      </c>
      <c r="CI62" s="898" t="str">
        <f t="shared" si="83"/>
        <v/>
      </c>
      <c r="CJ62" s="898" t="str">
        <f t="shared" si="84"/>
        <v/>
      </c>
      <c r="CK62" s="898" t="str">
        <f t="shared" si="85"/>
        <v/>
      </c>
      <c r="CL62" s="898" t="str">
        <f t="shared" si="86"/>
        <v/>
      </c>
      <c r="CM62" s="898" t="str">
        <f t="shared" si="55"/>
        <v/>
      </c>
      <c r="CN62" s="898" t="str">
        <f t="shared" si="56"/>
        <v/>
      </c>
      <c r="CO62" s="898" t="str">
        <f t="shared" si="57"/>
        <v/>
      </c>
      <c r="CP62" s="898" t="str">
        <f t="shared" si="58"/>
        <v/>
      </c>
      <c r="CQ62" s="898" t="str">
        <f t="shared" si="59"/>
        <v/>
      </c>
      <c r="CR62" s="898" t="str">
        <f t="shared" si="60"/>
        <v/>
      </c>
      <c r="CS62" s="898" t="str">
        <f t="shared" si="61"/>
        <v/>
      </c>
      <c r="CT62" s="898" t="str">
        <f t="shared" si="62"/>
        <v/>
      </c>
      <c r="CU62" s="898" t="str">
        <f t="shared" si="63"/>
        <v/>
      </c>
      <c r="CV62" s="898" t="str">
        <f t="shared" si="64"/>
        <v/>
      </c>
      <c r="CW62" s="898" t="str">
        <f t="shared" si="65"/>
        <v/>
      </c>
      <c r="CX62" s="898" t="str">
        <f t="shared" si="66"/>
        <v/>
      </c>
      <c r="CY62" s="898" t="str">
        <f t="shared" si="67"/>
        <v/>
      </c>
      <c r="CZ62" s="898" t="str">
        <f t="shared" si="68"/>
        <v/>
      </c>
      <c r="DA62" s="898"/>
      <c r="DB62" s="898"/>
      <c r="DC62" s="898"/>
      <c r="DD62" s="898"/>
      <c r="DE62" s="898"/>
      <c r="DF62" s="898"/>
      <c r="DG62" s="898"/>
      <c r="DH62" s="898"/>
      <c r="DI62" s="898"/>
      <c r="DJ62" s="898"/>
      <c r="DK62" s="898"/>
      <c r="DL62" s="898"/>
      <c r="DM62" s="661">
        <f t="shared" si="38"/>
        <v>1658166.9</v>
      </c>
      <c r="DN62" s="898">
        <f t="shared" si="39"/>
        <v>0</v>
      </c>
      <c r="DO62" s="516">
        <f t="shared" si="40"/>
        <v>0</v>
      </c>
      <c r="DP62" s="898">
        <f t="shared" si="41"/>
        <v>0</v>
      </c>
      <c r="DQ62" s="610" t="s">
        <v>3497</v>
      </c>
      <c r="DR62" s="610" t="s">
        <v>3498</v>
      </c>
      <c r="DS62" s="610" t="s">
        <v>3499</v>
      </c>
      <c r="DT62" s="632"/>
    </row>
    <row r="63" spans="1:124" s="613" customFormat="1" ht="71.25" x14ac:dyDescent="0.2">
      <c r="A63" s="484" t="str">
        <f t="shared" si="2"/>
        <v>Contribution towards off-site third party SANG by National Grid and 339-353 London Road (Hm09) developers</v>
      </c>
      <c r="B63" s="1163">
        <v>60</v>
      </c>
      <c r="C63" s="904" t="s">
        <v>3518</v>
      </c>
      <c r="D63" s="481" t="s">
        <v>2481</v>
      </c>
      <c r="E63" s="481" t="s">
        <v>53</v>
      </c>
      <c r="F63" s="481" t="s">
        <v>515</v>
      </c>
      <c r="G63" s="657" t="s">
        <v>1340</v>
      </c>
      <c r="H63" s="484" t="s">
        <v>3519</v>
      </c>
      <c r="I63" s="654"/>
      <c r="J63" s="495" t="s">
        <v>3520</v>
      </c>
      <c r="K63" s="657" t="s">
        <v>3104</v>
      </c>
      <c r="L63" s="657" t="s">
        <v>1365</v>
      </c>
      <c r="M63" s="654" t="s">
        <v>2996</v>
      </c>
      <c r="N63" s="654" t="s">
        <v>81</v>
      </c>
      <c r="O63" s="657" t="s">
        <v>3331</v>
      </c>
      <c r="P63" s="657" t="s">
        <v>53</v>
      </c>
      <c r="Q63" s="654" t="s">
        <v>3496</v>
      </c>
      <c r="R63" s="654"/>
      <c r="S63" s="654"/>
      <c r="T63" s="723">
        <v>2040820.8</v>
      </c>
      <c r="U63" s="723"/>
      <c r="V63" s="654" t="s">
        <v>64</v>
      </c>
      <c r="W63" s="723">
        <f t="shared" si="99"/>
        <v>0</v>
      </c>
      <c r="X63" s="745">
        <f t="shared" si="100"/>
        <v>2040820.8</v>
      </c>
      <c r="Y63" s="723" t="s">
        <v>3106</v>
      </c>
      <c r="Z63" s="723"/>
      <c r="AA63" s="1322" t="s">
        <v>245</v>
      </c>
      <c r="AB63" s="893"/>
      <c r="AC63" s="893"/>
      <c r="AD63" s="893"/>
      <c r="AE63" s="893"/>
      <c r="AF63" s="893"/>
      <c r="AG63" s="746" t="s">
        <v>66</v>
      </c>
      <c r="AH63" s="893"/>
      <c r="AI63" s="893"/>
      <c r="AJ63" s="893"/>
      <c r="AK63" s="893"/>
      <c r="AL63" s="893"/>
      <c r="AM63" s="893"/>
      <c r="AN63" s="893"/>
      <c r="AO63" s="893"/>
      <c r="AP63" s="893"/>
      <c r="AQ63" s="893"/>
      <c r="AR63" s="893"/>
      <c r="AS63" s="893"/>
      <c r="AT63" s="893"/>
      <c r="AU63" s="893"/>
      <c r="AV63" s="893"/>
      <c r="AW63" s="893"/>
      <c r="AX63" s="893"/>
      <c r="AY63" s="893"/>
      <c r="AZ63" s="893"/>
      <c r="BA63" s="893"/>
      <c r="BB63" s="893"/>
      <c r="BC63" s="893"/>
      <c r="BD63" s="893"/>
      <c r="BE63" s="893"/>
      <c r="BF63" s="893"/>
      <c r="BG63" s="746"/>
      <c r="BH63" s="746"/>
      <c r="BI63" s="746"/>
      <c r="BJ63" s="746"/>
      <c r="BK63" s="746"/>
      <c r="BL63" s="746"/>
      <c r="BM63" s="746"/>
      <c r="BN63" s="746"/>
      <c r="BO63" s="746"/>
      <c r="BP63" s="746"/>
      <c r="BQ63" s="746"/>
      <c r="BR63" s="746"/>
      <c r="BS63" s="884">
        <f t="shared" si="5"/>
        <v>480</v>
      </c>
      <c r="BT63" s="661">
        <f t="shared" si="47"/>
        <v>4251.71</v>
      </c>
      <c r="BU63" s="661"/>
      <c r="BV63" s="898" t="str">
        <f t="shared" si="53"/>
        <v/>
      </c>
      <c r="BW63" s="898" t="str">
        <f t="shared" si="71"/>
        <v/>
      </c>
      <c r="BX63" s="898" t="str">
        <f t="shared" si="72"/>
        <v/>
      </c>
      <c r="BY63" s="898" t="str">
        <f t="shared" si="73"/>
        <v/>
      </c>
      <c r="BZ63" s="898" t="str">
        <f t="shared" si="74"/>
        <v/>
      </c>
      <c r="CA63" s="898">
        <f t="shared" si="75"/>
        <v>2040820.8</v>
      </c>
      <c r="CB63" s="898" t="str">
        <f t="shared" si="76"/>
        <v/>
      </c>
      <c r="CC63" s="898" t="str">
        <f t="shared" si="77"/>
        <v/>
      </c>
      <c r="CD63" s="898" t="str">
        <f t="shared" si="78"/>
        <v/>
      </c>
      <c r="CE63" s="898" t="str">
        <f t="shared" si="79"/>
        <v/>
      </c>
      <c r="CF63" s="898" t="str">
        <f t="shared" si="80"/>
        <v/>
      </c>
      <c r="CG63" s="898" t="str">
        <f t="shared" si="81"/>
        <v/>
      </c>
      <c r="CH63" s="898" t="str">
        <f t="shared" si="82"/>
        <v/>
      </c>
      <c r="CI63" s="898" t="str">
        <f t="shared" si="83"/>
        <v/>
      </c>
      <c r="CJ63" s="898" t="str">
        <f t="shared" si="84"/>
        <v/>
      </c>
      <c r="CK63" s="898" t="str">
        <f t="shared" si="85"/>
        <v/>
      </c>
      <c r="CL63" s="898" t="str">
        <f t="shared" si="86"/>
        <v/>
      </c>
      <c r="CM63" s="898" t="str">
        <f t="shared" si="55"/>
        <v/>
      </c>
      <c r="CN63" s="898" t="str">
        <f t="shared" si="56"/>
        <v/>
      </c>
      <c r="CO63" s="898" t="str">
        <f t="shared" si="57"/>
        <v/>
      </c>
      <c r="CP63" s="898" t="str">
        <f t="shared" si="58"/>
        <v/>
      </c>
      <c r="CQ63" s="898" t="str">
        <f t="shared" si="59"/>
        <v/>
      </c>
      <c r="CR63" s="898" t="str">
        <f t="shared" si="60"/>
        <v/>
      </c>
      <c r="CS63" s="898" t="str">
        <f t="shared" si="61"/>
        <v/>
      </c>
      <c r="CT63" s="898" t="str">
        <f t="shared" si="62"/>
        <v/>
      </c>
      <c r="CU63" s="898" t="str">
        <f t="shared" si="63"/>
        <v/>
      </c>
      <c r="CV63" s="898" t="str">
        <f t="shared" si="64"/>
        <v/>
      </c>
      <c r="CW63" s="898" t="str">
        <f t="shared" si="65"/>
        <v/>
      </c>
      <c r="CX63" s="898" t="str">
        <f t="shared" si="66"/>
        <v/>
      </c>
      <c r="CY63" s="898" t="str">
        <f t="shared" si="67"/>
        <v/>
      </c>
      <c r="CZ63" s="898" t="str">
        <f t="shared" si="68"/>
        <v/>
      </c>
      <c r="DA63" s="898"/>
      <c r="DB63" s="898"/>
      <c r="DC63" s="898"/>
      <c r="DD63" s="898"/>
      <c r="DE63" s="898"/>
      <c r="DF63" s="898"/>
      <c r="DG63" s="898"/>
      <c r="DH63" s="898"/>
      <c r="DI63" s="898"/>
      <c r="DJ63" s="898"/>
      <c r="DK63" s="898"/>
      <c r="DL63" s="898"/>
      <c r="DM63" s="661">
        <f t="shared" si="38"/>
        <v>2040820.8</v>
      </c>
      <c r="DN63" s="898">
        <f t="shared" si="39"/>
        <v>0</v>
      </c>
      <c r="DO63" s="516">
        <f t="shared" si="40"/>
        <v>0</v>
      </c>
      <c r="DP63" s="898">
        <f t="shared" si="41"/>
        <v>0</v>
      </c>
      <c r="DQ63" s="610" t="s">
        <v>3497</v>
      </c>
      <c r="DR63" s="610" t="s">
        <v>3498</v>
      </c>
      <c r="DS63" s="610" t="s">
        <v>3499</v>
      </c>
      <c r="DT63" s="632"/>
    </row>
    <row r="64" spans="1:124" s="613" customFormat="1" ht="71.25" x14ac:dyDescent="0.2">
      <c r="A64" s="484" t="str">
        <f t="shared" si="2"/>
        <v>Contribution towards off-site third party SANG by Apsley Mills Retail Park (Hm10) developers</v>
      </c>
      <c r="B64" s="1163">
        <v>61</v>
      </c>
      <c r="C64" s="904" t="s">
        <v>3521</v>
      </c>
      <c r="D64" s="481" t="s">
        <v>2481</v>
      </c>
      <c r="E64" s="481" t="s">
        <v>53</v>
      </c>
      <c r="F64" s="481" t="s">
        <v>1331</v>
      </c>
      <c r="G64" s="657" t="s">
        <v>1340</v>
      </c>
      <c r="H64" s="78" t="s">
        <v>3522</v>
      </c>
      <c r="I64" s="657"/>
      <c r="J64" s="495" t="s">
        <v>3511</v>
      </c>
      <c r="K64" s="657" t="s">
        <v>3104</v>
      </c>
      <c r="L64" s="657" t="s">
        <v>3018</v>
      </c>
      <c r="M64" s="657" t="s">
        <v>2996</v>
      </c>
      <c r="N64" s="657" t="s">
        <v>81</v>
      </c>
      <c r="O64" s="657" t="s">
        <v>3331</v>
      </c>
      <c r="P64" s="657" t="s">
        <v>53</v>
      </c>
      <c r="Q64" s="657" t="s">
        <v>3496</v>
      </c>
      <c r="R64" s="657"/>
      <c r="S64" s="657"/>
      <c r="T64" s="745">
        <v>2125855</v>
      </c>
      <c r="U64" s="745"/>
      <c r="V64" s="657" t="s">
        <v>64</v>
      </c>
      <c r="W64" s="723">
        <f t="shared" si="99"/>
        <v>0</v>
      </c>
      <c r="X64" s="745">
        <f t="shared" si="100"/>
        <v>2125855</v>
      </c>
      <c r="Y64" s="723" t="s">
        <v>3106</v>
      </c>
      <c r="Z64" s="723"/>
      <c r="AA64" s="736" t="s">
        <v>82</v>
      </c>
      <c r="AB64" s="895"/>
      <c r="AC64" s="895"/>
      <c r="AD64" s="895"/>
      <c r="AE64" s="895"/>
      <c r="AF64" s="895"/>
      <c r="AG64" s="896"/>
      <c r="AH64" s="895"/>
      <c r="AI64" s="895"/>
      <c r="AJ64" s="895" t="s">
        <v>66</v>
      </c>
      <c r="AK64" s="895"/>
      <c r="AL64" s="895"/>
      <c r="AM64" s="895"/>
      <c r="AN64" s="895"/>
      <c r="AO64" s="895"/>
      <c r="AP64" s="895"/>
      <c r="AQ64" s="895"/>
      <c r="AR64" s="895"/>
      <c r="AS64" s="895"/>
      <c r="AT64" s="895"/>
      <c r="AU64" s="895"/>
      <c r="AV64" s="895"/>
      <c r="AW64" s="895"/>
      <c r="AX64" s="895"/>
      <c r="AY64" s="895"/>
      <c r="AZ64" s="895"/>
      <c r="BA64" s="895"/>
      <c r="BB64" s="895"/>
      <c r="BC64" s="895"/>
      <c r="BD64" s="895"/>
      <c r="BE64" s="895"/>
      <c r="BF64" s="895"/>
      <c r="BG64" s="896"/>
      <c r="BH64" s="896"/>
      <c r="BI64" s="896"/>
      <c r="BJ64" s="896"/>
      <c r="BK64" s="896"/>
      <c r="BL64" s="896"/>
      <c r="BM64" s="896"/>
      <c r="BN64" s="896"/>
      <c r="BO64" s="896"/>
      <c r="BP64" s="896"/>
      <c r="BQ64" s="896"/>
      <c r="BR64" s="896"/>
      <c r="BS64" s="884">
        <f t="shared" si="5"/>
        <v>500</v>
      </c>
      <c r="BT64" s="661">
        <f t="shared" si="47"/>
        <v>4251.71</v>
      </c>
      <c r="BU64" s="661"/>
      <c r="BV64" s="898" t="str">
        <f t="shared" si="53"/>
        <v/>
      </c>
      <c r="BW64" s="898" t="str">
        <f t="shared" si="71"/>
        <v/>
      </c>
      <c r="BX64" s="898" t="str">
        <f t="shared" si="72"/>
        <v/>
      </c>
      <c r="BY64" s="898" t="str">
        <f t="shared" si="73"/>
        <v/>
      </c>
      <c r="BZ64" s="898" t="str">
        <f t="shared" si="74"/>
        <v/>
      </c>
      <c r="CA64" s="898" t="str">
        <f t="shared" si="75"/>
        <v/>
      </c>
      <c r="CB64" s="898" t="str">
        <f t="shared" si="76"/>
        <v/>
      </c>
      <c r="CC64" s="898" t="str">
        <f t="shared" si="77"/>
        <v/>
      </c>
      <c r="CD64" s="898">
        <f t="shared" si="78"/>
        <v>2125855</v>
      </c>
      <c r="CE64" s="898" t="str">
        <f t="shared" si="79"/>
        <v/>
      </c>
      <c r="CF64" s="898" t="str">
        <f t="shared" si="80"/>
        <v/>
      </c>
      <c r="CG64" s="898" t="str">
        <f t="shared" si="81"/>
        <v/>
      </c>
      <c r="CH64" s="898" t="str">
        <f t="shared" si="82"/>
        <v/>
      </c>
      <c r="CI64" s="898" t="str">
        <f t="shared" si="83"/>
        <v/>
      </c>
      <c r="CJ64" s="898" t="str">
        <f t="shared" si="84"/>
        <v/>
      </c>
      <c r="CK64" s="898" t="str">
        <f t="shared" si="85"/>
        <v/>
      </c>
      <c r="CL64" s="898" t="str">
        <f t="shared" si="86"/>
        <v/>
      </c>
      <c r="CM64" s="898" t="str">
        <f t="shared" si="55"/>
        <v/>
      </c>
      <c r="CN64" s="898" t="str">
        <f t="shared" si="56"/>
        <v/>
      </c>
      <c r="CO64" s="898" t="str">
        <f t="shared" si="57"/>
        <v/>
      </c>
      <c r="CP64" s="898" t="str">
        <f t="shared" si="58"/>
        <v/>
      </c>
      <c r="CQ64" s="898" t="str">
        <f t="shared" si="59"/>
        <v/>
      </c>
      <c r="CR64" s="898" t="str">
        <f t="shared" si="60"/>
        <v/>
      </c>
      <c r="CS64" s="898" t="str">
        <f t="shared" si="61"/>
        <v/>
      </c>
      <c r="CT64" s="898" t="str">
        <f t="shared" si="62"/>
        <v/>
      </c>
      <c r="CU64" s="898" t="str">
        <f t="shared" si="63"/>
        <v/>
      </c>
      <c r="CV64" s="898" t="str">
        <f t="shared" si="64"/>
        <v/>
      </c>
      <c r="CW64" s="898" t="str">
        <f t="shared" si="65"/>
        <v/>
      </c>
      <c r="CX64" s="898" t="str">
        <f t="shared" si="66"/>
        <v/>
      </c>
      <c r="CY64" s="898" t="str">
        <f t="shared" si="67"/>
        <v/>
      </c>
      <c r="CZ64" s="898" t="str">
        <f t="shared" si="68"/>
        <v/>
      </c>
      <c r="DA64" s="942"/>
      <c r="DB64" s="942"/>
      <c r="DC64" s="942"/>
      <c r="DD64" s="942"/>
      <c r="DE64" s="942"/>
      <c r="DF64" s="942"/>
      <c r="DG64" s="942"/>
      <c r="DH64" s="942"/>
      <c r="DI64" s="942"/>
      <c r="DJ64" s="942"/>
      <c r="DK64" s="942"/>
      <c r="DL64" s="942"/>
      <c r="DM64" s="661">
        <f t="shared" si="38"/>
        <v>2125855</v>
      </c>
      <c r="DN64" s="898">
        <f t="shared" si="39"/>
        <v>0</v>
      </c>
      <c r="DO64" s="516">
        <f t="shared" si="40"/>
        <v>0</v>
      </c>
      <c r="DP64" s="898">
        <f t="shared" si="41"/>
        <v>0</v>
      </c>
      <c r="DQ64" s="610" t="s">
        <v>3497</v>
      </c>
      <c r="DR64" s="610" t="s">
        <v>3498</v>
      </c>
      <c r="DS64" s="610" t="s">
        <v>3499</v>
      </c>
      <c r="DT64" s="632"/>
    </row>
    <row r="65" spans="1:124" s="613" customFormat="1" ht="71.25" x14ac:dyDescent="0.2">
      <c r="A65" s="484" t="str">
        <f t="shared" si="2"/>
        <v>Contribution towards off-site third party SANG by Plots 2/3 Kier Park, Maylands Avenue (Hm12) developers</v>
      </c>
      <c r="B65" s="1163">
        <v>62</v>
      </c>
      <c r="C65" s="904" t="s">
        <v>3523</v>
      </c>
      <c r="D65" s="481" t="s">
        <v>2481</v>
      </c>
      <c r="E65" s="481" t="s">
        <v>53</v>
      </c>
      <c r="F65" s="481" t="s">
        <v>1331</v>
      </c>
      <c r="G65" s="657" t="s">
        <v>1340</v>
      </c>
      <c r="H65" s="484" t="s">
        <v>3524</v>
      </c>
      <c r="I65" s="654"/>
      <c r="J65" s="495" t="s">
        <v>3525</v>
      </c>
      <c r="K65" s="657" t="s">
        <v>3104</v>
      </c>
      <c r="L65" s="657" t="s">
        <v>3526</v>
      </c>
      <c r="M65" s="654" t="s">
        <v>2996</v>
      </c>
      <c r="N65" s="654" t="s">
        <v>81</v>
      </c>
      <c r="O65" s="657" t="s">
        <v>3331</v>
      </c>
      <c r="P65" s="657" t="s">
        <v>53</v>
      </c>
      <c r="Q65" s="654" t="s">
        <v>3496</v>
      </c>
      <c r="R65" s="654"/>
      <c r="S65" s="654"/>
      <c r="T65" s="723">
        <v>994900.14</v>
      </c>
      <c r="U65" s="723"/>
      <c r="V65" s="654" t="s">
        <v>64</v>
      </c>
      <c r="W65" s="723">
        <f t="shared" si="99"/>
        <v>0</v>
      </c>
      <c r="X65" s="745">
        <f t="shared" si="100"/>
        <v>994900.14</v>
      </c>
      <c r="Y65" s="723" t="s">
        <v>3106</v>
      </c>
      <c r="Z65" s="723"/>
      <c r="AA65" s="652" t="s">
        <v>82</v>
      </c>
      <c r="AB65" s="893"/>
      <c r="AC65" s="893"/>
      <c r="AD65" s="893"/>
      <c r="AE65" s="893"/>
      <c r="AF65" s="893"/>
      <c r="AG65" s="746"/>
      <c r="AH65" s="893"/>
      <c r="AI65" s="893"/>
      <c r="AJ65" s="893"/>
      <c r="AK65" s="893"/>
      <c r="AL65" s="893"/>
      <c r="AM65" s="893"/>
      <c r="AN65" s="893" t="s">
        <v>66</v>
      </c>
      <c r="AO65" s="893"/>
      <c r="AP65" s="893"/>
      <c r="AQ65" s="893"/>
      <c r="AR65" s="893"/>
      <c r="AS65" s="893"/>
      <c r="AT65" s="893"/>
      <c r="AU65" s="893"/>
      <c r="AV65" s="893"/>
      <c r="AW65" s="893"/>
      <c r="AX65" s="893"/>
      <c r="AY65" s="893"/>
      <c r="AZ65" s="893"/>
      <c r="BA65" s="893"/>
      <c r="BB65" s="893"/>
      <c r="BC65" s="893"/>
      <c r="BD65" s="893"/>
      <c r="BE65" s="893"/>
      <c r="BF65" s="893"/>
      <c r="BG65" s="746"/>
      <c r="BH65" s="746"/>
      <c r="BI65" s="746"/>
      <c r="BJ65" s="746"/>
      <c r="BK65" s="746"/>
      <c r="BL65" s="746"/>
      <c r="BM65" s="746"/>
      <c r="BN65" s="746"/>
      <c r="BO65" s="746"/>
      <c r="BP65" s="746"/>
      <c r="BQ65" s="746"/>
      <c r="BR65" s="746"/>
      <c r="BS65" s="884">
        <f t="shared" si="5"/>
        <v>234</v>
      </c>
      <c r="BT65" s="661">
        <f t="shared" si="47"/>
        <v>4251.71</v>
      </c>
      <c r="BU65" s="661"/>
      <c r="BV65" s="898" t="str">
        <f t="shared" si="53"/>
        <v/>
      </c>
      <c r="BW65" s="898" t="str">
        <f t="shared" si="71"/>
        <v/>
      </c>
      <c r="BX65" s="898" t="str">
        <f t="shared" si="72"/>
        <v/>
      </c>
      <c r="BY65" s="898" t="str">
        <f t="shared" si="73"/>
        <v/>
      </c>
      <c r="BZ65" s="898" t="str">
        <f t="shared" si="74"/>
        <v/>
      </c>
      <c r="CA65" s="898" t="str">
        <f t="shared" si="75"/>
        <v/>
      </c>
      <c r="CB65" s="898" t="str">
        <f t="shared" si="76"/>
        <v/>
      </c>
      <c r="CC65" s="898" t="str">
        <f t="shared" si="77"/>
        <v/>
      </c>
      <c r="CD65" s="898" t="str">
        <f t="shared" si="78"/>
        <v/>
      </c>
      <c r="CE65" s="898" t="str">
        <f t="shared" si="79"/>
        <v/>
      </c>
      <c r="CF65" s="898" t="str">
        <f t="shared" si="80"/>
        <v/>
      </c>
      <c r="CG65" s="898" t="str">
        <f t="shared" si="81"/>
        <v/>
      </c>
      <c r="CH65" s="898">
        <f t="shared" si="82"/>
        <v>994900.14</v>
      </c>
      <c r="CI65" s="898" t="str">
        <f t="shared" si="83"/>
        <v/>
      </c>
      <c r="CJ65" s="898" t="str">
        <f t="shared" si="84"/>
        <v/>
      </c>
      <c r="CK65" s="898" t="str">
        <f t="shared" si="85"/>
        <v/>
      </c>
      <c r="CL65" s="898" t="str">
        <f t="shared" si="86"/>
        <v/>
      </c>
      <c r="CM65" s="898" t="str">
        <f t="shared" si="55"/>
        <v/>
      </c>
      <c r="CN65" s="898" t="str">
        <f t="shared" si="56"/>
        <v/>
      </c>
      <c r="CO65" s="898" t="str">
        <f t="shared" si="57"/>
        <v/>
      </c>
      <c r="CP65" s="898" t="str">
        <f t="shared" si="58"/>
        <v/>
      </c>
      <c r="CQ65" s="898" t="str">
        <f t="shared" si="59"/>
        <v/>
      </c>
      <c r="CR65" s="898" t="str">
        <f t="shared" si="60"/>
        <v/>
      </c>
      <c r="CS65" s="898" t="str">
        <f t="shared" si="61"/>
        <v/>
      </c>
      <c r="CT65" s="898" t="str">
        <f t="shared" si="62"/>
        <v/>
      </c>
      <c r="CU65" s="898" t="str">
        <f t="shared" si="63"/>
        <v/>
      </c>
      <c r="CV65" s="898" t="str">
        <f t="shared" si="64"/>
        <v/>
      </c>
      <c r="CW65" s="898" t="str">
        <f t="shared" si="65"/>
        <v/>
      </c>
      <c r="CX65" s="898" t="str">
        <f t="shared" si="66"/>
        <v/>
      </c>
      <c r="CY65" s="898" t="str">
        <f t="shared" si="67"/>
        <v/>
      </c>
      <c r="CZ65" s="898" t="str">
        <f t="shared" si="68"/>
        <v/>
      </c>
      <c r="DA65" s="898"/>
      <c r="DB65" s="898"/>
      <c r="DC65" s="898"/>
      <c r="DD65" s="898"/>
      <c r="DE65" s="898"/>
      <c r="DF65" s="898"/>
      <c r="DG65" s="898"/>
      <c r="DH65" s="898"/>
      <c r="DI65" s="898"/>
      <c r="DJ65" s="898"/>
      <c r="DK65" s="898"/>
      <c r="DL65" s="898"/>
      <c r="DM65" s="661">
        <f t="shared" si="38"/>
        <v>994900.14</v>
      </c>
      <c r="DN65" s="898">
        <f t="shared" si="39"/>
        <v>0</v>
      </c>
      <c r="DO65" s="516">
        <f t="shared" si="40"/>
        <v>0</v>
      </c>
      <c r="DP65" s="898">
        <f t="shared" si="41"/>
        <v>0</v>
      </c>
      <c r="DQ65" s="610" t="s">
        <v>3497</v>
      </c>
      <c r="DR65" s="610" t="s">
        <v>3498</v>
      </c>
      <c r="DS65" s="610" t="s">
        <v>3499</v>
      </c>
      <c r="DT65" s="632"/>
    </row>
    <row r="66" spans="1:124" s="613" customFormat="1" ht="71.25" x14ac:dyDescent="0.2">
      <c r="A66" s="484" t="str">
        <f t="shared" si="2"/>
        <v>Provision of on-site bespoke SANG at Shendish Manor and Fairfields (Hm11)</v>
      </c>
      <c r="B66" s="1163">
        <v>63</v>
      </c>
      <c r="C66" s="904" t="s">
        <v>3527</v>
      </c>
      <c r="D66" s="481" t="s">
        <v>2481</v>
      </c>
      <c r="E66" s="481" t="s">
        <v>53</v>
      </c>
      <c r="F66" s="481" t="s">
        <v>1331</v>
      </c>
      <c r="G66" s="657" t="s">
        <v>1340</v>
      </c>
      <c r="H66" s="484" t="s">
        <v>3528</v>
      </c>
      <c r="I66" s="657"/>
      <c r="J66" s="495" t="s">
        <v>3529</v>
      </c>
      <c r="K66" s="657" t="s">
        <v>3104</v>
      </c>
      <c r="L66" s="657" t="s">
        <v>1369</v>
      </c>
      <c r="M66" s="657" t="s">
        <v>2996</v>
      </c>
      <c r="N66" s="657" t="s">
        <v>60</v>
      </c>
      <c r="O66" s="657" t="s">
        <v>3331</v>
      </c>
      <c r="P66" s="657" t="s">
        <v>53</v>
      </c>
      <c r="Q66" s="657" t="s">
        <v>3496</v>
      </c>
      <c r="R66" s="657"/>
      <c r="S66" s="657"/>
      <c r="T66" s="745">
        <v>2125855</v>
      </c>
      <c r="U66" s="745"/>
      <c r="V66" s="657" t="s">
        <v>64</v>
      </c>
      <c r="W66" s="723">
        <f t="shared" si="99"/>
        <v>0</v>
      </c>
      <c r="X66" s="745">
        <f t="shared" si="100"/>
        <v>2125855</v>
      </c>
      <c r="Y66" s="723" t="s">
        <v>3106</v>
      </c>
      <c r="Z66" s="723"/>
      <c r="AA66" s="1322" t="s">
        <v>245</v>
      </c>
      <c r="AB66" s="895"/>
      <c r="AC66" s="895"/>
      <c r="AD66" s="895"/>
      <c r="AE66" s="895"/>
      <c r="AF66" s="895"/>
      <c r="AG66" s="896"/>
      <c r="AH66" s="895"/>
      <c r="AI66" s="895"/>
      <c r="AJ66" s="895"/>
      <c r="AK66" s="895" t="s">
        <v>66</v>
      </c>
      <c r="AL66" s="895"/>
      <c r="AM66" s="895"/>
      <c r="AN66" s="895"/>
      <c r="AO66" s="895"/>
      <c r="AP66" s="895"/>
      <c r="AQ66" s="895"/>
      <c r="AR66" s="895"/>
      <c r="AS66" s="895"/>
      <c r="AT66" s="895"/>
      <c r="AU66" s="895"/>
      <c r="AV66" s="895"/>
      <c r="AW66" s="895"/>
      <c r="AX66" s="895"/>
      <c r="AY66" s="895"/>
      <c r="AZ66" s="895"/>
      <c r="BA66" s="895"/>
      <c r="BB66" s="895"/>
      <c r="BC66" s="895"/>
      <c r="BD66" s="895"/>
      <c r="BE66" s="895"/>
      <c r="BF66" s="895"/>
      <c r="BG66" s="896"/>
      <c r="BH66" s="896"/>
      <c r="BI66" s="896"/>
      <c r="BJ66" s="896"/>
      <c r="BK66" s="896"/>
      <c r="BL66" s="896"/>
      <c r="BM66" s="896"/>
      <c r="BN66" s="896"/>
      <c r="BO66" s="896"/>
      <c r="BP66" s="896"/>
      <c r="BQ66" s="896"/>
      <c r="BR66" s="896"/>
      <c r="BS66" s="884">
        <f t="shared" si="5"/>
        <v>500</v>
      </c>
      <c r="BT66" s="661">
        <f t="shared" si="47"/>
        <v>4251.71</v>
      </c>
      <c r="BU66" s="661"/>
      <c r="BV66" s="898" t="str">
        <f t="shared" si="53"/>
        <v/>
      </c>
      <c r="BW66" s="898" t="str">
        <f t="shared" si="71"/>
        <v/>
      </c>
      <c r="BX66" s="898" t="str">
        <f t="shared" si="72"/>
        <v/>
      </c>
      <c r="BY66" s="898" t="str">
        <f t="shared" si="73"/>
        <v/>
      </c>
      <c r="BZ66" s="898" t="str">
        <f t="shared" si="74"/>
        <v/>
      </c>
      <c r="CA66" s="898" t="str">
        <f t="shared" si="75"/>
        <v/>
      </c>
      <c r="CB66" s="898" t="str">
        <f t="shared" si="76"/>
        <v/>
      </c>
      <c r="CC66" s="898" t="str">
        <f t="shared" si="77"/>
        <v/>
      </c>
      <c r="CD66" s="898" t="str">
        <f t="shared" si="78"/>
        <v/>
      </c>
      <c r="CE66" s="898">
        <f t="shared" si="79"/>
        <v>2125855</v>
      </c>
      <c r="CF66" s="898" t="str">
        <f t="shared" si="80"/>
        <v/>
      </c>
      <c r="CG66" s="898" t="str">
        <f t="shared" si="81"/>
        <v/>
      </c>
      <c r="CH66" s="898" t="str">
        <f t="shared" si="82"/>
        <v/>
      </c>
      <c r="CI66" s="898" t="str">
        <f t="shared" si="83"/>
        <v/>
      </c>
      <c r="CJ66" s="898" t="str">
        <f t="shared" si="84"/>
        <v/>
      </c>
      <c r="CK66" s="898" t="str">
        <f t="shared" si="85"/>
        <v/>
      </c>
      <c r="CL66" s="898" t="str">
        <f t="shared" si="86"/>
        <v/>
      </c>
      <c r="CM66" s="898" t="str">
        <f t="shared" si="55"/>
        <v/>
      </c>
      <c r="CN66" s="898" t="str">
        <f t="shared" si="56"/>
        <v/>
      </c>
      <c r="CO66" s="898" t="str">
        <f t="shared" si="57"/>
        <v/>
      </c>
      <c r="CP66" s="898" t="str">
        <f t="shared" si="58"/>
        <v/>
      </c>
      <c r="CQ66" s="898" t="str">
        <f t="shared" si="59"/>
        <v/>
      </c>
      <c r="CR66" s="898" t="str">
        <f t="shared" si="60"/>
        <v/>
      </c>
      <c r="CS66" s="898" t="str">
        <f t="shared" si="61"/>
        <v/>
      </c>
      <c r="CT66" s="898" t="str">
        <f t="shared" si="62"/>
        <v/>
      </c>
      <c r="CU66" s="898" t="str">
        <f t="shared" si="63"/>
        <v/>
      </c>
      <c r="CV66" s="898" t="str">
        <f t="shared" si="64"/>
        <v/>
      </c>
      <c r="CW66" s="898" t="str">
        <f t="shared" si="65"/>
        <v/>
      </c>
      <c r="CX66" s="898" t="str">
        <f t="shared" si="66"/>
        <v/>
      </c>
      <c r="CY66" s="898" t="str">
        <f t="shared" si="67"/>
        <v/>
      </c>
      <c r="CZ66" s="898" t="str">
        <f t="shared" si="68"/>
        <v/>
      </c>
      <c r="DA66" s="942"/>
      <c r="DB66" s="942"/>
      <c r="DC66" s="942"/>
      <c r="DD66" s="942"/>
      <c r="DE66" s="942"/>
      <c r="DF66" s="942"/>
      <c r="DG66" s="942"/>
      <c r="DH66" s="942"/>
      <c r="DI66" s="942"/>
      <c r="DJ66" s="942"/>
      <c r="DK66" s="942"/>
      <c r="DL66" s="942"/>
      <c r="DM66" s="661">
        <f t="shared" si="38"/>
        <v>2125855</v>
      </c>
      <c r="DN66" s="898">
        <f t="shared" si="39"/>
        <v>0</v>
      </c>
      <c r="DO66" s="516">
        <f t="shared" si="40"/>
        <v>0</v>
      </c>
      <c r="DP66" s="898">
        <f t="shared" si="41"/>
        <v>0</v>
      </c>
      <c r="DQ66" s="610" t="s">
        <v>3497</v>
      </c>
      <c r="DR66" s="610" t="s">
        <v>3498</v>
      </c>
      <c r="DS66" s="610" t="s">
        <v>3499</v>
      </c>
      <c r="DT66" s="632"/>
    </row>
    <row r="67" spans="1:124" s="613" customFormat="1" ht="71.25" x14ac:dyDescent="0.2">
      <c r="A67" s="484" t="str">
        <f t="shared" si="2"/>
        <v>Provision of on-site bespoke SANG at Polehanger Lane (Hm13)</v>
      </c>
      <c r="B67" s="1163">
        <v>64</v>
      </c>
      <c r="C67" s="904" t="s">
        <v>3530</v>
      </c>
      <c r="D67" s="481" t="s">
        <v>2481</v>
      </c>
      <c r="E67" s="481" t="s">
        <v>53</v>
      </c>
      <c r="F67" s="481" t="s">
        <v>1331</v>
      </c>
      <c r="G67" s="657" t="s">
        <v>1340</v>
      </c>
      <c r="H67" s="484" t="s">
        <v>3531</v>
      </c>
      <c r="I67" s="654"/>
      <c r="J67" s="495" t="s">
        <v>3532</v>
      </c>
      <c r="K67" s="657" t="s">
        <v>3104</v>
      </c>
      <c r="L67" s="657" t="s">
        <v>1370</v>
      </c>
      <c r="M67" s="654" t="s">
        <v>2996</v>
      </c>
      <c r="N67" s="657" t="s">
        <v>60</v>
      </c>
      <c r="O67" s="657" t="s">
        <v>3331</v>
      </c>
      <c r="P67" s="657" t="s">
        <v>53</v>
      </c>
      <c r="Q67" s="654" t="s">
        <v>3496</v>
      </c>
      <c r="R67" s="654"/>
      <c r="S67" s="654"/>
      <c r="T67" s="723">
        <v>3188782.5</v>
      </c>
      <c r="U67" s="723"/>
      <c r="V67" s="654" t="s">
        <v>64</v>
      </c>
      <c r="W67" s="723">
        <f t="shared" si="99"/>
        <v>0</v>
      </c>
      <c r="X67" s="745">
        <f t="shared" si="100"/>
        <v>3188782.5</v>
      </c>
      <c r="Y67" s="723" t="s">
        <v>3106</v>
      </c>
      <c r="Z67" s="723"/>
      <c r="AA67" s="1322" t="s">
        <v>245</v>
      </c>
      <c r="AB67" s="893"/>
      <c r="AC67" s="893"/>
      <c r="AD67" s="893"/>
      <c r="AE67" s="893"/>
      <c r="AF67" s="893"/>
      <c r="AG67" s="746"/>
      <c r="AH67" s="893"/>
      <c r="AI67" s="893"/>
      <c r="AJ67" s="893"/>
      <c r="AK67" s="893"/>
      <c r="AL67" s="893" t="s">
        <v>66</v>
      </c>
      <c r="AM67" s="893"/>
      <c r="AN67" s="893"/>
      <c r="AO67" s="893"/>
      <c r="AP67" s="893"/>
      <c r="AQ67" s="893"/>
      <c r="AR67" s="893"/>
      <c r="AS67" s="893"/>
      <c r="AT67" s="893"/>
      <c r="AU67" s="893"/>
      <c r="AV67" s="893"/>
      <c r="AW67" s="893"/>
      <c r="AX67" s="893"/>
      <c r="AY67" s="893"/>
      <c r="AZ67" s="893"/>
      <c r="BA67" s="893"/>
      <c r="BB67" s="893"/>
      <c r="BC67" s="893"/>
      <c r="BD67" s="893"/>
      <c r="BE67" s="893"/>
      <c r="BF67" s="893"/>
      <c r="BG67" s="746"/>
      <c r="BH67" s="746"/>
      <c r="BI67" s="746"/>
      <c r="BJ67" s="746"/>
      <c r="BK67" s="746"/>
      <c r="BL67" s="746"/>
      <c r="BM67" s="746"/>
      <c r="BN67" s="746"/>
      <c r="BO67" s="746"/>
      <c r="BP67" s="746"/>
      <c r="BQ67" s="746"/>
      <c r="BR67" s="746"/>
      <c r="BS67" s="884">
        <f t="shared" si="5"/>
        <v>750</v>
      </c>
      <c r="BT67" s="661">
        <f t="shared" si="47"/>
        <v>4251.71</v>
      </c>
      <c r="BU67" s="661"/>
      <c r="BV67" s="898" t="str">
        <f t="shared" si="53"/>
        <v/>
      </c>
      <c r="BW67" s="898" t="str">
        <f t="shared" si="71"/>
        <v/>
      </c>
      <c r="BX67" s="898" t="str">
        <f t="shared" si="72"/>
        <v/>
      </c>
      <c r="BY67" s="898" t="str">
        <f t="shared" si="73"/>
        <v/>
      </c>
      <c r="BZ67" s="898" t="str">
        <f t="shared" si="74"/>
        <v/>
      </c>
      <c r="CA67" s="898" t="str">
        <f t="shared" si="75"/>
        <v/>
      </c>
      <c r="CB67" s="898" t="str">
        <f t="shared" si="76"/>
        <v/>
      </c>
      <c r="CC67" s="898" t="str">
        <f t="shared" si="77"/>
        <v/>
      </c>
      <c r="CD67" s="898" t="str">
        <f t="shared" si="78"/>
        <v/>
      </c>
      <c r="CE67" s="898" t="str">
        <f t="shared" si="79"/>
        <v/>
      </c>
      <c r="CF67" s="898">
        <f t="shared" si="80"/>
        <v>3188782.5</v>
      </c>
      <c r="CG67" s="898" t="str">
        <f t="shared" si="81"/>
        <v/>
      </c>
      <c r="CH67" s="898" t="str">
        <f t="shared" si="82"/>
        <v/>
      </c>
      <c r="CI67" s="898" t="str">
        <f t="shared" si="83"/>
        <v/>
      </c>
      <c r="CJ67" s="898" t="str">
        <f t="shared" si="84"/>
        <v/>
      </c>
      <c r="CK67" s="898" t="str">
        <f t="shared" si="85"/>
        <v/>
      </c>
      <c r="CL67" s="898" t="str">
        <f t="shared" si="86"/>
        <v/>
      </c>
      <c r="CM67" s="898" t="str">
        <f t="shared" si="55"/>
        <v/>
      </c>
      <c r="CN67" s="898" t="str">
        <f t="shared" si="56"/>
        <v/>
      </c>
      <c r="CO67" s="898" t="str">
        <f t="shared" si="57"/>
        <v/>
      </c>
      <c r="CP67" s="898" t="str">
        <f t="shared" si="58"/>
        <v/>
      </c>
      <c r="CQ67" s="898" t="str">
        <f t="shared" si="59"/>
        <v/>
      </c>
      <c r="CR67" s="898" t="str">
        <f t="shared" si="60"/>
        <v/>
      </c>
      <c r="CS67" s="898" t="str">
        <f t="shared" si="61"/>
        <v/>
      </c>
      <c r="CT67" s="898" t="str">
        <f t="shared" si="62"/>
        <v/>
      </c>
      <c r="CU67" s="898" t="str">
        <f t="shared" si="63"/>
        <v/>
      </c>
      <c r="CV67" s="898" t="str">
        <f t="shared" si="64"/>
        <v/>
      </c>
      <c r="CW67" s="898" t="str">
        <f t="shared" si="65"/>
        <v/>
      </c>
      <c r="CX67" s="898" t="str">
        <f t="shared" si="66"/>
        <v/>
      </c>
      <c r="CY67" s="898" t="str">
        <f t="shared" si="67"/>
        <v/>
      </c>
      <c r="CZ67" s="898" t="str">
        <f t="shared" si="68"/>
        <v/>
      </c>
      <c r="DA67" s="898"/>
      <c r="DB67" s="898"/>
      <c r="DC67" s="898"/>
      <c r="DD67" s="898"/>
      <c r="DE67" s="898"/>
      <c r="DF67" s="898"/>
      <c r="DG67" s="898"/>
      <c r="DH67" s="898"/>
      <c r="DI67" s="898"/>
      <c r="DJ67" s="898"/>
      <c r="DK67" s="898"/>
      <c r="DL67" s="898"/>
      <c r="DM67" s="661">
        <f t="shared" si="38"/>
        <v>3188782.5</v>
      </c>
      <c r="DN67" s="898">
        <f t="shared" si="39"/>
        <v>0</v>
      </c>
      <c r="DO67" s="516">
        <f t="shared" si="40"/>
        <v>0</v>
      </c>
      <c r="DP67" s="898">
        <f t="shared" si="41"/>
        <v>0</v>
      </c>
      <c r="DQ67" s="610" t="s">
        <v>3497</v>
      </c>
      <c r="DR67" s="610" t="s">
        <v>3498</v>
      </c>
      <c r="DS67" s="610" t="s">
        <v>3499</v>
      </c>
      <c r="DT67" s="632"/>
    </row>
    <row r="68" spans="1:124" s="613" customFormat="1" ht="71.25" x14ac:dyDescent="0.2">
      <c r="A68" s="484" t="str">
        <f t="shared" ref="A68:A131" si="101">H68</f>
        <v>Contribution towards off-site strategic SANG by Marchmont Farm (Hm14) developers</v>
      </c>
      <c r="B68" s="1163">
        <v>65</v>
      </c>
      <c r="C68" s="904" t="s">
        <v>3533</v>
      </c>
      <c r="D68" s="481" t="s">
        <v>2481</v>
      </c>
      <c r="E68" s="481" t="s">
        <v>53</v>
      </c>
      <c r="F68" s="481" t="s">
        <v>1331</v>
      </c>
      <c r="G68" s="657" t="s">
        <v>1340</v>
      </c>
      <c r="H68" s="484" t="s">
        <v>3534</v>
      </c>
      <c r="I68" s="654"/>
      <c r="J68" s="495" t="s">
        <v>3535</v>
      </c>
      <c r="K68" s="657" t="s">
        <v>3104</v>
      </c>
      <c r="L68" s="657" t="s">
        <v>2609</v>
      </c>
      <c r="M68" s="654" t="s">
        <v>2996</v>
      </c>
      <c r="N68" s="654" t="s">
        <v>81</v>
      </c>
      <c r="O68" s="657" t="s">
        <v>3331</v>
      </c>
      <c r="P68" s="657" t="s">
        <v>53</v>
      </c>
      <c r="Q68" s="654" t="s">
        <v>3496</v>
      </c>
      <c r="R68" s="654"/>
      <c r="S68" s="654"/>
      <c r="T68" s="723">
        <v>1488098.5</v>
      </c>
      <c r="U68" s="723"/>
      <c r="V68" s="654" t="s">
        <v>64</v>
      </c>
      <c r="W68" s="723">
        <f t="shared" si="99"/>
        <v>0</v>
      </c>
      <c r="X68" s="745">
        <f t="shared" si="100"/>
        <v>1488098.5</v>
      </c>
      <c r="Y68" s="723" t="s">
        <v>3106</v>
      </c>
      <c r="Z68" s="723"/>
      <c r="AA68" s="652" t="s">
        <v>82</v>
      </c>
      <c r="AB68" s="893"/>
      <c r="AC68" s="893"/>
      <c r="AD68" s="893"/>
      <c r="AE68" s="893"/>
      <c r="AF68" s="893"/>
      <c r="AG68" s="746"/>
      <c r="AH68" s="893"/>
      <c r="AI68" s="893"/>
      <c r="AJ68" s="893"/>
      <c r="AK68" s="893"/>
      <c r="AL68" s="893"/>
      <c r="AM68" s="893"/>
      <c r="AN68" s="893"/>
      <c r="AO68" s="893" t="s">
        <v>66</v>
      </c>
      <c r="AP68" s="893"/>
      <c r="AQ68" s="893"/>
      <c r="AR68" s="893"/>
      <c r="AS68" s="893"/>
      <c r="AT68" s="893"/>
      <c r="AU68" s="893"/>
      <c r="AV68" s="893"/>
      <c r="AW68" s="893"/>
      <c r="AX68" s="893"/>
      <c r="AY68" s="893"/>
      <c r="AZ68" s="893"/>
      <c r="BA68" s="893"/>
      <c r="BB68" s="893"/>
      <c r="BC68" s="893"/>
      <c r="BD68" s="893"/>
      <c r="BE68" s="893"/>
      <c r="BF68" s="893"/>
      <c r="BG68" s="746"/>
      <c r="BH68" s="746"/>
      <c r="BI68" s="746"/>
      <c r="BJ68" s="746"/>
      <c r="BK68" s="746"/>
      <c r="BL68" s="746"/>
      <c r="BM68" s="746"/>
      <c r="BN68" s="746"/>
      <c r="BO68" s="746"/>
      <c r="BP68" s="746"/>
      <c r="BQ68" s="746"/>
      <c r="BR68" s="746"/>
      <c r="BS68" s="884">
        <f t="shared" ref="BS68:BS131" si="102">SUMIF(AB68:BR68,"YES",$AB$3:$BR$3)</f>
        <v>350</v>
      </c>
      <c r="BT68" s="661">
        <f t="shared" ref="BT68:BT99" si="103">X68/BS68</f>
        <v>4251.71</v>
      </c>
      <c r="BU68" s="661"/>
      <c r="BV68" s="898" t="str">
        <f t="shared" si="53"/>
        <v/>
      </c>
      <c r="BW68" s="898" t="str">
        <f t="shared" si="71"/>
        <v/>
      </c>
      <c r="BX68" s="898" t="str">
        <f t="shared" si="72"/>
        <v/>
      </c>
      <c r="BY68" s="898" t="str">
        <f t="shared" si="73"/>
        <v/>
      </c>
      <c r="BZ68" s="898" t="str">
        <f t="shared" si="74"/>
        <v/>
      </c>
      <c r="CA68" s="898" t="str">
        <f t="shared" si="75"/>
        <v/>
      </c>
      <c r="CB68" s="898" t="str">
        <f t="shared" si="76"/>
        <v/>
      </c>
      <c r="CC68" s="898" t="str">
        <f t="shared" si="77"/>
        <v/>
      </c>
      <c r="CD68" s="898" t="str">
        <f t="shared" si="78"/>
        <v/>
      </c>
      <c r="CE68" s="898" t="str">
        <f t="shared" si="79"/>
        <v/>
      </c>
      <c r="CF68" s="898" t="str">
        <f t="shared" si="80"/>
        <v/>
      </c>
      <c r="CG68" s="898" t="str">
        <f t="shared" si="81"/>
        <v/>
      </c>
      <c r="CH68" s="898" t="str">
        <f t="shared" si="82"/>
        <v/>
      </c>
      <c r="CI68" s="898">
        <f t="shared" si="83"/>
        <v>1488098.5</v>
      </c>
      <c r="CJ68" s="898" t="str">
        <f t="shared" si="84"/>
        <v/>
      </c>
      <c r="CK68" s="898" t="str">
        <f t="shared" si="85"/>
        <v/>
      </c>
      <c r="CL68" s="898" t="str">
        <f t="shared" si="86"/>
        <v/>
      </c>
      <c r="CM68" s="898" t="str">
        <f t="shared" si="55"/>
        <v/>
      </c>
      <c r="CN68" s="898" t="str">
        <f t="shared" si="56"/>
        <v/>
      </c>
      <c r="CO68" s="898" t="str">
        <f t="shared" si="57"/>
        <v/>
      </c>
      <c r="CP68" s="898" t="str">
        <f t="shared" si="58"/>
        <v/>
      </c>
      <c r="CQ68" s="898" t="str">
        <f t="shared" si="59"/>
        <v/>
      </c>
      <c r="CR68" s="898" t="str">
        <f t="shared" si="60"/>
        <v/>
      </c>
      <c r="CS68" s="898" t="str">
        <f t="shared" si="61"/>
        <v/>
      </c>
      <c r="CT68" s="898" t="str">
        <f t="shared" si="62"/>
        <v/>
      </c>
      <c r="CU68" s="898" t="str">
        <f t="shared" si="63"/>
        <v/>
      </c>
      <c r="CV68" s="898" t="str">
        <f t="shared" si="64"/>
        <v/>
      </c>
      <c r="CW68" s="898" t="str">
        <f t="shared" si="65"/>
        <v/>
      </c>
      <c r="CX68" s="898" t="str">
        <f t="shared" si="66"/>
        <v/>
      </c>
      <c r="CY68" s="898" t="str">
        <f t="shared" si="67"/>
        <v/>
      </c>
      <c r="CZ68" s="898" t="str">
        <f t="shared" si="68"/>
        <v/>
      </c>
      <c r="DA68" s="898"/>
      <c r="DB68" s="898"/>
      <c r="DC68" s="898"/>
      <c r="DD68" s="898"/>
      <c r="DE68" s="898"/>
      <c r="DF68" s="898"/>
      <c r="DG68" s="898"/>
      <c r="DH68" s="898"/>
      <c r="DI68" s="898"/>
      <c r="DJ68" s="898"/>
      <c r="DK68" s="898"/>
      <c r="DL68" s="898"/>
      <c r="DM68" s="661">
        <f t="shared" ref="DM68:DM131" si="104">SUM(BV68:CL68)</f>
        <v>1488098.5</v>
      </c>
      <c r="DN68" s="898">
        <f t="shared" ref="DN68:DN131" si="105">SUM(DI68:DL68)</f>
        <v>0</v>
      </c>
      <c r="DO68" s="516">
        <f t="shared" ref="DO68:DO131" si="106">SUM(CM68:CZ68)</f>
        <v>0</v>
      </c>
      <c r="DP68" s="898">
        <f t="shared" ref="DP68:DP131" si="107">SUM(DA68:DH68)</f>
        <v>0</v>
      </c>
      <c r="DQ68" s="610" t="s">
        <v>3497</v>
      </c>
      <c r="DR68" s="610" t="s">
        <v>3498</v>
      </c>
      <c r="DS68" s="610" t="s">
        <v>3499</v>
      </c>
      <c r="DT68" s="632"/>
    </row>
    <row r="69" spans="1:124" s="613" customFormat="1" ht="71.25" x14ac:dyDescent="0.2">
      <c r="A69" s="484" t="str">
        <f t="shared" si="101"/>
        <v>Contribution towards off-site third party SANG by Old Town (Hm15) developers</v>
      </c>
      <c r="B69" s="1163">
        <v>66</v>
      </c>
      <c r="C69" s="904" t="s">
        <v>3536</v>
      </c>
      <c r="D69" s="481" t="s">
        <v>2481</v>
      </c>
      <c r="E69" s="481" t="s">
        <v>53</v>
      </c>
      <c r="F69" s="481" t="s">
        <v>1331</v>
      </c>
      <c r="G69" s="657" t="s">
        <v>1340</v>
      </c>
      <c r="H69" s="484" t="s">
        <v>3537</v>
      </c>
      <c r="I69" s="654"/>
      <c r="J69" s="495" t="s">
        <v>3538</v>
      </c>
      <c r="K69" s="657" t="s">
        <v>3104</v>
      </c>
      <c r="L69" s="657" t="s">
        <v>2601</v>
      </c>
      <c r="M69" s="654" t="s">
        <v>2996</v>
      </c>
      <c r="N69" s="654" t="s">
        <v>81</v>
      </c>
      <c r="O69" s="657" t="s">
        <v>3331</v>
      </c>
      <c r="P69" s="657" t="s">
        <v>53</v>
      </c>
      <c r="Q69" s="654" t="s">
        <v>3496</v>
      </c>
      <c r="R69" s="654"/>
      <c r="S69" s="654"/>
      <c r="T69" s="723">
        <v>382653.9</v>
      </c>
      <c r="U69" s="723"/>
      <c r="V69" s="654" t="s">
        <v>64</v>
      </c>
      <c r="W69" s="723">
        <f t="shared" si="99"/>
        <v>0</v>
      </c>
      <c r="X69" s="745">
        <f t="shared" si="100"/>
        <v>382653.9</v>
      </c>
      <c r="Y69" s="723" t="s">
        <v>3106</v>
      </c>
      <c r="Z69" s="723"/>
      <c r="AA69" s="652" t="s">
        <v>82</v>
      </c>
      <c r="AB69" s="893"/>
      <c r="AC69" s="893"/>
      <c r="AD69" s="893"/>
      <c r="AE69" s="893"/>
      <c r="AF69" s="893"/>
      <c r="AG69" s="746"/>
      <c r="AH69" s="893"/>
      <c r="AI69" s="893"/>
      <c r="AJ69" s="893"/>
      <c r="AK69" s="893"/>
      <c r="AL69" s="893"/>
      <c r="AM69" s="893"/>
      <c r="AN69" s="893"/>
      <c r="AO69" s="893"/>
      <c r="AP69" s="893" t="s">
        <v>66</v>
      </c>
      <c r="AQ69" s="893"/>
      <c r="AR69" s="893"/>
      <c r="AS69" s="893"/>
      <c r="AT69" s="893"/>
      <c r="AU69" s="893"/>
      <c r="AV69" s="893"/>
      <c r="AW69" s="893"/>
      <c r="AX69" s="893"/>
      <c r="AY69" s="893"/>
      <c r="AZ69" s="893"/>
      <c r="BA69" s="893"/>
      <c r="BB69" s="893"/>
      <c r="BC69" s="893"/>
      <c r="BD69" s="893"/>
      <c r="BE69" s="893"/>
      <c r="BF69" s="893"/>
      <c r="BG69" s="746"/>
      <c r="BH69" s="746"/>
      <c r="BI69" s="746"/>
      <c r="BJ69" s="746"/>
      <c r="BK69" s="746"/>
      <c r="BL69" s="746"/>
      <c r="BM69" s="746"/>
      <c r="BN69" s="746"/>
      <c r="BO69" s="746"/>
      <c r="BP69" s="746"/>
      <c r="BQ69" s="746"/>
      <c r="BR69" s="746"/>
      <c r="BS69" s="884">
        <f t="shared" si="102"/>
        <v>90</v>
      </c>
      <c r="BT69" s="661">
        <f t="shared" si="103"/>
        <v>4251.71</v>
      </c>
      <c r="BU69" s="661"/>
      <c r="BV69" s="898" t="str">
        <f t="shared" si="53"/>
        <v/>
      </c>
      <c r="BW69" s="898" t="str">
        <f t="shared" si="71"/>
        <v/>
      </c>
      <c r="BX69" s="898" t="str">
        <f t="shared" si="72"/>
        <v/>
      </c>
      <c r="BY69" s="898" t="str">
        <f t="shared" si="73"/>
        <v/>
      </c>
      <c r="BZ69" s="898" t="str">
        <f t="shared" si="74"/>
        <v/>
      </c>
      <c r="CA69" s="898" t="str">
        <f t="shared" si="75"/>
        <v/>
      </c>
      <c r="CB69" s="898" t="str">
        <f t="shared" si="76"/>
        <v/>
      </c>
      <c r="CC69" s="898" t="str">
        <f t="shared" si="77"/>
        <v/>
      </c>
      <c r="CD69" s="898" t="str">
        <f t="shared" si="78"/>
        <v/>
      </c>
      <c r="CE69" s="898" t="str">
        <f t="shared" si="79"/>
        <v/>
      </c>
      <c r="CF69" s="898" t="str">
        <f t="shared" si="80"/>
        <v/>
      </c>
      <c r="CG69" s="898" t="str">
        <f t="shared" si="81"/>
        <v/>
      </c>
      <c r="CH69" s="898" t="str">
        <f t="shared" si="82"/>
        <v/>
      </c>
      <c r="CI69" s="898" t="str">
        <f t="shared" si="83"/>
        <v/>
      </c>
      <c r="CJ69" s="898">
        <f t="shared" si="84"/>
        <v>382653.9</v>
      </c>
      <c r="CK69" s="898" t="str">
        <f t="shared" si="85"/>
        <v/>
      </c>
      <c r="CL69" s="898" t="str">
        <f t="shared" si="86"/>
        <v/>
      </c>
      <c r="CM69" s="898" t="str">
        <f t="shared" si="55"/>
        <v/>
      </c>
      <c r="CN69" s="898" t="str">
        <f t="shared" si="56"/>
        <v/>
      </c>
      <c r="CO69" s="898" t="str">
        <f t="shared" si="57"/>
        <v/>
      </c>
      <c r="CP69" s="898" t="str">
        <f t="shared" si="58"/>
        <v/>
      </c>
      <c r="CQ69" s="898" t="str">
        <f t="shared" si="59"/>
        <v/>
      </c>
      <c r="CR69" s="898" t="str">
        <f t="shared" si="60"/>
        <v/>
      </c>
      <c r="CS69" s="898" t="str">
        <f t="shared" si="61"/>
        <v/>
      </c>
      <c r="CT69" s="898" t="str">
        <f t="shared" si="62"/>
        <v/>
      </c>
      <c r="CU69" s="898" t="str">
        <f t="shared" si="63"/>
        <v/>
      </c>
      <c r="CV69" s="898" t="str">
        <f t="shared" si="64"/>
        <v/>
      </c>
      <c r="CW69" s="898" t="str">
        <f t="shared" si="65"/>
        <v/>
      </c>
      <c r="CX69" s="898" t="str">
        <f t="shared" si="66"/>
        <v/>
      </c>
      <c r="CY69" s="898" t="str">
        <f t="shared" si="67"/>
        <v/>
      </c>
      <c r="CZ69" s="898" t="str">
        <f t="shared" si="68"/>
        <v/>
      </c>
      <c r="DA69" s="898"/>
      <c r="DB69" s="898"/>
      <c r="DC69" s="898"/>
      <c r="DD69" s="898"/>
      <c r="DE69" s="898"/>
      <c r="DF69" s="898"/>
      <c r="DG69" s="898"/>
      <c r="DH69" s="898"/>
      <c r="DI69" s="898"/>
      <c r="DJ69" s="898"/>
      <c r="DK69" s="898"/>
      <c r="DL69" s="898"/>
      <c r="DM69" s="661">
        <f t="shared" si="104"/>
        <v>382653.9</v>
      </c>
      <c r="DN69" s="898">
        <f t="shared" si="105"/>
        <v>0</v>
      </c>
      <c r="DO69" s="516">
        <f t="shared" si="106"/>
        <v>0</v>
      </c>
      <c r="DP69" s="898">
        <f t="shared" si="107"/>
        <v>0</v>
      </c>
      <c r="DQ69" s="610" t="s">
        <v>3497</v>
      </c>
      <c r="DR69" s="610" t="s">
        <v>3498</v>
      </c>
      <c r="DS69" s="610" t="s">
        <v>3499</v>
      </c>
      <c r="DT69" s="632"/>
    </row>
    <row r="70" spans="1:124" s="613" customFormat="1" ht="71.25" x14ac:dyDescent="0.2">
      <c r="A70" s="484" t="str">
        <f t="shared" si="101"/>
        <v>Contribution towards off-site third party SANG by Site to the south of Green Lane (Hm16) developers</v>
      </c>
      <c r="B70" s="1163">
        <v>67</v>
      </c>
      <c r="C70" s="904" t="s">
        <v>3539</v>
      </c>
      <c r="D70" s="481" t="s">
        <v>2481</v>
      </c>
      <c r="E70" s="481" t="s">
        <v>53</v>
      </c>
      <c r="F70" s="481" t="s">
        <v>1331</v>
      </c>
      <c r="G70" s="657" t="s">
        <v>1340</v>
      </c>
      <c r="H70" s="484" t="s">
        <v>3540</v>
      </c>
      <c r="I70" s="654"/>
      <c r="J70" s="484" t="s">
        <v>3502</v>
      </c>
      <c r="K70" s="657" t="s">
        <v>3104</v>
      </c>
      <c r="L70" s="657" t="s">
        <v>1374</v>
      </c>
      <c r="M70" s="654" t="s">
        <v>2996</v>
      </c>
      <c r="N70" s="654" t="s">
        <v>81</v>
      </c>
      <c r="O70" s="657" t="s">
        <v>3331</v>
      </c>
      <c r="P70" s="657" t="s">
        <v>53</v>
      </c>
      <c r="Q70" s="654" t="s">
        <v>3496</v>
      </c>
      <c r="R70" s="654"/>
      <c r="S70" s="654"/>
      <c r="T70" s="723">
        <v>340136.8</v>
      </c>
      <c r="U70" s="723"/>
      <c r="V70" s="654" t="s">
        <v>64</v>
      </c>
      <c r="W70" s="723">
        <f t="shared" si="99"/>
        <v>0</v>
      </c>
      <c r="X70" s="745">
        <f t="shared" si="100"/>
        <v>340136.8</v>
      </c>
      <c r="Y70" s="723" t="s">
        <v>3106</v>
      </c>
      <c r="Z70" s="723"/>
      <c r="AA70" s="652" t="s">
        <v>82</v>
      </c>
      <c r="AB70" s="893"/>
      <c r="AC70" s="893"/>
      <c r="AD70" s="893"/>
      <c r="AE70" s="893"/>
      <c r="AF70" s="893"/>
      <c r="AG70" s="746"/>
      <c r="AH70" s="893"/>
      <c r="AI70" s="893"/>
      <c r="AJ70" s="893"/>
      <c r="AK70" s="893"/>
      <c r="AL70" s="893"/>
      <c r="AM70" s="893"/>
      <c r="AN70" s="893"/>
      <c r="AO70" s="893"/>
      <c r="AP70" s="893"/>
      <c r="AQ70" s="893" t="s">
        <v>66</v>
      </c>
      <c r="AR70" s="893"/>
      <c r="AS70" s="893"/>
      <c r="AT70" s="893"/>
      <c r="AU70" s="893"/>
      <c r="AV70" s="893"/>
      <c r="AW70" s="893"/>
      <c r="AX70" s="893"/>
      <c r="AY70" s="893"/>
      <c r="AZ70" s="893"/>
      <c r="BA70" s="893"/>
      <c r="BB70" s="893"/>
      <c r="BC70" s="893"/>
      <c r="BD70" s="893"/>
      <c r="BE70" s="893"/>
      <c r="BF70" s="893"/>
      <c r="BG70" s="746"/>
      <c r="BH70" s="746"/>
      <c r="BI70" s="746"/>
      <c r="BJ70" s="746"/>
      <c r="BK70" s="746"/>
      <c r="BL70" s="746"/>
      <c r="BM70" s="746"/>
      <c r="BN70" s="746"/>
      <c r="BO70" s="746"/>
      <c r="BP70" s="746"/>
      <c r="BQ70" s="746"/>
      <c r="BR70" s="746"/>
      <c r="BS70" s="884">
        <f t="shared" si="102"/>
        <v>80</v>
      </c>
      <c r="BT70" s="661">
        <f t="shared" si="103"/>
        <v>4251.71</v>
      </c>
      <c r="BU70" s="661"/>
      <c r="BV70" s="898" t="str">
        <f t="shared" si="53"/>
        <v/>
      </c>
      <c r="BW70" s="898" t="str">
        <f t="shared" si="71"/>
        <v/>
      </c>
      <c r="BX70" s="898" t="str">
        <f t="shared" si="72"/>
        <v/>
      </c>
      <c r="BY70" s="898" t="str">
        <f t="shared" si="73"/>
        <v/>
      </c>
      <c r="BZ70" s="898" t="str">
        <f t="shared" si="74"/>
        <v/>
      </c>
      <c r="CA70" s="898" t="str">
        <f t="shared" si="75"/>
        <v/>
      </c>
      <c r="CB70" s="898" t="str">
        <f t="shared" si="76"/>
        <v/>
      </c>
      <c r="CC70" s="898" t="str">
        <f t="shared" si="77"/>
        <v/>
      </c>
      <c r="CD70" s="898" t="str">
        <f t="shared" si="78"/>
        <v/>
      </c>
      <c r="CE70" s="898" t="str">
        <f t="shared" si="79"/>
        <v/>
      </c>
      <c r="CF70" s="898" t="str">
        <f t="shared" si="80"/>
        <v/>
      </c>
      <c r="CG70" s="898" t="str">
        <f t="shared" si="81"/>
        <v/>
      </c>
      <c r="CH70" s="898" t="str">
        <f t="shared" si="82"/>
        <v/>
      </c>
      <c r="CI70" s="898" t="str">
        <f t="shared" si="83"/>
        <v/>
      </c>
      <c r="CJ70" s="898" t="str">
        <f t="shared" si="84"/>
        <v/>
      </c>
      <c r="CK70" s="898">
        <f t="shared" si="85"/>
        <v>340136.8</v>
      </c>
      <c r="CL70" s="898" t="str">
        <f t="shared" si="86"/>
        <v/>
      </c>
      <c r="CM70" s="898" t="str">
        <f t="shared" si="55"/>
        <v/>
      </c>
      <c r="CN70" s="898" t="str">
        <f t="shared" si="56"/>
        <v/>
      </c>
      <c r="CO70" s="898" t="str">
        <f t="shared" si="57"/>
        <v/>
      </c>
      <c r="CP70" s="898" t="str">
        <f t="shared" si="58"/>
        <v/>
      </c>
      <c r="CQ70" s="898" t="str">
        <f t="shared" si="59"/>
        <v/>
      </c>
      <c r="CR70" s="898" t="str">
        <f t="shared" si="60"/>
        <v/>
      </c>
      <c r="CS70" s="898" t="str">
        <f t="shared" si="61"/>
        <v/>
      </c>
      <c r="CT70" s="898" t="str">
        <f t="shared" si="62"/>
        <v/>
      </c>
      <c r="CU70" s="898" t="str">
        <f t="shared" si="63"/>
        <v/>
      </c>
      <c r="CV70" s="898" t="str">
        <f t="shared" si="64"/>
        <v/>
      </c>
      <c r="CW70" s="898" t="str">
        <f t="shared" si="65"/>
        <v/>
      </c>
      <c r="CX70" s="898" t="str">
        <f t="shared" si="66"/>
        <v/>
      </c>
      <c r="CY70" s="898" t="str">
        <f t="shared" si="67"/>
        <v/>
      </c>
      <c r="CZ70" s="898" t="str">
        <f t="shared" si="68"/>
        <v/>
      </c>
      <c r="DA70" s="898"/>
      <c r="DB70" s="898"/>
      <c r="DC70" s="898"/>
      <c r="DD70" s="898"/>
      <c r="DE70" s="898"/>
      <c r="DF70" s="898"/>
      <c r="DG70" s="898"/>
      <c r="DH70" s="898"/>
      <c r="DI70" s="898"/>
      <c r="DJ70" s="898"/>
      <c r="DK70" s="898"/>
      <c r="DL70" s="898"/>
      <c r="DM70" s="661">
        <f t="shared" si="104"/>
        <v>340136.8</v>
      </c>
      <c r="DN70" s="898">
        <f t="shared" si="105"/>
        <v>0</v>
      </c>
      <c r="DO70" s="516">
        <f t="shared" si="106"/>
        <v>0</v>
      </c>
      <c r="DP70" s="898">
        <f t="shared" si="107"/>
        <v>0</v>
      </c>
      <c r="DQ70" s="610" t="s">
        <v>3497</v>
      </c>
      <c r="DR70" s="610" t="s">
        <v>3498</v>
      </c>
      <c r="DS70" s="610" t="s">
        <v>3499</v>
      </c>
      <c r="DT70" s="632"/>
    </row>
    <row r="71" spans="1:124" s="613" customFormat="1" ht="71.25" x14ac:dyDescent="0.2">
      <c r="A71" s="484" t="str">
        <f t="shared" si="101"/>
        <v>Contribution towards off-site third party SANG by Grovehill Local Centre (Henry Wells Square) (Grovehill NDP) developers</v>
      </c>
      <c r="B71" s="1163">
        <v>68</v>
      </c>
      <c r="C71" s="481" t="s">
        <v>3541</v>
      </c>
      <c r="D71" s="481" t="s">
        <v>2481</v>
      </c>
      <c r="E71" s="481" t="s">
        <v>53</v>
      </c>
      <c r="F71" s="481" t="s">
        <v>515</v>
      </c>
      <c r="G71" s="657" t="s">
        <v>1340</v>
      </c>
      <c r="H71" s="484" t="s">
        <v>3542</v>
      </c>
      <c r="I71" s="654"/>
      <c r="J71" s="484" t="s">
        <v>3502</v>
      </c>
      <c r="K71" s="657" t="s">
        <v>3104</v>
      </c>
      <c r="L71" s="657" t="s">
        <v>3058</v>
      </c>
      <c r="M71" s="654" t="s">
        <v>2996</v>
      </c>
      <c r="N71" s="654" t="s">
        <v>81</v>
      </c>
      <c r="O71" s="657" t="s">
        <v>3331</v>
      </c>
      <c r="P71" s="657" t="s">
        <v>53</v>
      </c>
      <c r="Q71" s="654" t="s">
        <v>3496</v>
      </c>
      <c r="R71" s="654"/>
      <c r="S71" s="654"/>
      <c r="T71" s="723">
        <v>850342</v>
      </c>
      <c r="U71" s="723"/>
      <c r="V71" s="654" t="s">
        <v>64</v>
      </c>
      <c r="W71" s="723">
        <f t="shared" si="99"/>
        <v>0</v>
      </c>
      <c r="X71" s="745">
        <f t="shared" si="100"/>
        <v>850342</v>
      </c>
      <c r="Y71" s="723" t="s">
        <v>3106</v>
      </c>
      <c r="Z71" s="723"/>
      <c r="AA71" s="652" t="s">
        <v>82</v>
      </c>
      <c r="AB71" s="893"/>
      <c r="AC71" s="893"/>
      <c r="AD71" s="893"/>
      <c r="AE71" s="893"/>
      <c r="AF71" s="893"/>
      <c r="AG71" s="746"/>
      <c r="AH71" s="893"/>
      <c r="AI71" s="893"/>
      <c r="AJ71" s="893"/>
      <c r="AK71" s="893"/>
      <c r="AL71" s="893"/>
      <c r="AM71" s="893"/>
      <c r="AN71" s="893"/>
      <c r="AO71" s="893"/>
      <c r="AP71" s="893"/>
      <c r="AQ71" s="893" t="s">
        <v>66</v>
      </c>
      <c r="AR71" s="893"/>
      <c r="AS71" s="893"/>
      <c r="AT71" s="893"/>
      <c r="AU71" s="893"/>
      <c r="AV71" s="893"/>
      <c r="AW71" s="893"/>
      <c r="AX71" s="893"/>
      <c r="AY71" s="893"/>
      <c r="AZ71" s="893"/>
      <c r="BA71" s="893"/>
      <c r="BB71" s="893"/>
      <c r="BC71" s="893"/>
      <c r="BD71" s="893"/>
      <c r="BE71" s="893"/>
      <c r="BF71" s="893"/>
      <c r="BG71" s="746"/>
      <c r="BH71" s="746"/>
      <c r="BI71" s="746"/>
      <c r="BJ71" s="746"/>
      <c r="BK71" s="746"/>
      <c r="BL71" s="746"/>
      <c r="BM71" s="746"/>
      <c r="BN71" s="746"/>
      <c r="BO71" s="746"/>
      <c r="BP71" s="746"/>
      <c r="BQ71" s="746"/>
      <c r="BR71" s="746"/>
      <c r="BS71" s="884">
        <f t="shared" si="102"/>
        <v>80</v>
      </c>
      <c r="BT71" s="661">
        <f t="shared" si="103"/>
        <v>10629.275</v>
      </c>
      <c r="BU71" s="661"/>
      <c r="BV71" s="898" t="str">
        <f t="shared" si="53"/>
        <v/>
      </c>
      <c r="BW71" s="898" t="str">
        <f t="shared" si="71"/>
        <v/>
      </c>
      <c r="BX71" s="898" t="str">
        <f t="shared" si="72"/>
        <v/>
      </c>
      <c r="BY71" s="898" t="str">
        <f t="shared" si="73"/>
        <v/>
      </c>
      <c r="BZ71" s="898" t="str">
        <f t="shared" si="74"/>
        <v/>
      </c>
      <c r="CA71" s="898" t="str">
        <f t="shared" si="75"/>
        <v/>
      </c>
      <c r="CB71" s="898" t="str">
        <f t="shared" si="76"/>
        <v/>
      </c>
      <c r="CC71" s="898" t="str">
        <f t="shared" si="77"/>
        <v/>
      </c>
      <c r="CD71" s="898" t="str">
        <f t="shared" si="78"/>
        <v/>
      </c>
      <c r="CE71" s="898" t="str">
        <f t="shared" si="79"/>
        <v/>
      </c>
      <c r="CF71" s="898" t="str">
        <f t="shared" si="80"/>
        <v/>
      </c>
      <c r="CG71" s="898" t="str">
        <f t="shared" si="81"/>
        <v/>
      </c>
      <c r="CH71" s="898" t="str">
        <f t="shared" si="82"/>
        <v/>
      </c>
      <c r="CI71" s="898" t="str">
        <f t="shared" si="83"/>
        <v/>
      </c>
      <c r="CJ71" s="898" t="str">
        <f t="shared" si="84"/>
        <v/>
      </c>
      <c r="CK71" s="898">
        <f t="shared" si="85"/>
        <v>850342</v>
      </c>
      <c r="CL71" s="898" t="str">
        <f t="shared" si="86"/>
        <v/>
      </c>
      <c r="CM71" s="898" t="str">
        <f t="shared" si="55"/>
        <v/>
      </c>
      <c r="CN71" s="898" t="str">
        <f t="shared" si="56"/>
        <v/>
      </c>
      <c r="CO71" s="898" t="str">
        <f t="shared" si="57"/>
        <v/>
      </c>
      <c r="CP71" s="898" t="str">
        <f t="shared" si="58"/>
        <v/>
      </c>
      <c r="CQ71" s="898" t="str">
        <f t="shared" si="59"/>
        <v/>
      </c>
      <c r="CR71" s="898" t="str">
        <f t="shared" si="60"/>
        <v/>
      </c>
      <c r="CS71" s="898" t="str">
        <f t="shared" si="61"/>
        <v/>
      </c>
      <c r="CT71" s="898" t="str">
        <f t="shared" si="62"/>
        <v/>
      </c>
      <c r="CU71" s="898" t="str">
        <f t="shared" si="63"/>
        <v/>
      </c>
      <c r="CV71" s="898" t="str">
        <f t="shared" si="64"/>
        <v/>
      </c>
      <c r="CW71" s="898" t="str">
        <f t="shared" si="65"/>
        <v/>
      </c>
      <c r="CX71" s="898" t="str">
        <f t="shared" si="66"/>
        <v/>
      </c>
      <c r="CY71" s="898" t="str">
        <f t="shared" si="67"/>
        <v/>
      </c>
      <c r="CZ71" s="898" t="str">
        <f t="shared" si="68"/>
        <v/>
      </c>
      <c r="DA71" s="898"/>
      <c r="DB71" s="898"/>
      <c r="DC71" s="898"/>
      <c r="DD71" s="898"/>
      <c r="DE71" s="898"/>
      <c r="DF71" s="898"/>
      <c r="DG71" s="898"/>
      <c r="DH71" s="898"/>
      <c r="DI71" s="898"/>
      <c r="DJ71" s="898"/>
      <c r="DK71" s="898"/>
      <c r="DL71" s="898"/>
      <c r="DM71" s="661">
        <f t="shared" si="104"/>
        <v>850342</v>
      </c>
      <c r="DN71" s="898">
        <f t="shared" si="105"/>
        <v>0</v>
      </c>
      <c r="DO71" s="516">
        <f t="shared" si="106"/>
        <v>0</v>
      </c>
      <c r="DP71" s="898">
        <f t="shared" si="107"/>
        <v>0</v>
      </c>
      <c r="DQ71" s="610" t="s">
        <v>3497</v>
      </c>
      <c r="DR71" s="610" t="s">
        <v>3498</v>
      </c>
      <c r="DS71" s="610" t="s">
        <v>3499</v>
      </c>
      <c r="DT71" s="632"/>
    </row>
    <row r="72" spans="1:124" s="613" customFormat="1" ht="71.25" x14ac:dyDescent="0.2">
      <c r="A72" s="484" t="str">
        <f t="shared" si="101"/>
        <v>Contributions towards strategic SANG in accordance with DBC allocations protocol or third party SANG by windfall site developers</v>
      </c>
      <c r="B72" s="1163">
        <v>69</v>
      </c>
      <c r="C72" s="481" t="s">
        <v>3543</v>
      </c>
      <c r="D72" s="481" t="s">
        <v>2481</v>
      </c>
      <c r="E72" s="481" t="s">
        <v>53</v>
      </c>
      <c r="F72" s="481" t="s">
        <v>515</v>
      </c>
      <c r="G72" s="657" t="s">
        <v>1340</v>
      </c>
      <c r="H72" s="484" t="s">
        <v>3544</v>
      </c>
      <c r="I72" s="654"/>
      <c r="J72" s="484" t="s">
        <v>3545</v>
      </c>
      <c r="K72" s="657" t="s">
        <v>3104</v>
      </c>
      <c r="L72" s="657" t="s">
        <v>347</v>
      </c>
      <c r="M72" s="654" t="s">
        <v>2996</v>
      </c>
      <c r="N72" s="654" t="s">
        <v>81</v>
      </c>
      <c r="O72" s="657" t="s">
        <v>3331</v>
      </c>
      <c r="P72" s="657" t="s">
        <v>53</v>
      </c>
      <c r="Q72" s="654" t="s">
        <v>3496</v>
      </c>
      <c r="R72" s="654"/>
      <c r="S72" s="654"/>
      <c r="T72" s="723">
        <v>10119069.800000001</v>
      </c>
      <c r="U72" s="723"/>
      <c r="V72" s="654" t="s">
        <v>64</v>
      </c>
      <c r="W72" s="723">
        <f t="shared" si="99"/>
        <v>0</v>
      </c>
      <c r="X72" s="745">
        <f t="shared" si="100"/>
        <v>10119069.800000001</v>
      </c>
      <c r="Y72" s="723" t="s">
        <v>3106</v>
      </c>
      <c r="Z72" s="723"/>
      <c r="AA72" s="1322" t="s">
        <v>245</v>
      </c>
      <c r="AB72" s="893"/>
      <c r="AC72" s="893"/>
      <c r="AD72" s="893"/>
      <c r="AE72" s="893"/>
      <c r="AF72" s="893"/>
      <c r="AG72" s="893"/>
      <c r="AH72" s="893"/>
      <c r="AI72" s="893"/>
      <c r="AJ72" s="893"/>
      <c r="AK72" s="893"/>
      <c r="AL72" s="893"/>
      <c r="AM72" s="893"/>
      <c r="AN72" s="893"/>
      <c r="AO72" s="893"/>
      <c r="AP72" s="893"/>
      <c r="AQ72" s="893"/>
      <c r="AR72" s="893" t="s">
        <v>66</v>
      </c>
      <c r="AS72" s="893"/>
      <c r="AT72" s="893"/>
      <c r="AU72" s="893"/>
      <c r="AV72" s="893"/>
      <c r="AW72" s="893"/>
      <c r="AX72" s="893"/>
      <c r="AY72" s="893"/>
      <c r="AZ72" s="893"/>
      <c r="BA72" s="893"/>
      <c r="BB72" s="893"/>
      <c r="BC72" s="893"/>
      <c r="BD72" s="893"/>
      <c r="BE72" s="893"/>
      <c r="BF72" s="893"/>
      <c r="BG72" s="746"/>
      <c r="BH72" s="746"/>
      <c r="BI72" s="746"/>
      <c r="BJ72" s="746"/>
      <c r="BK72" s="746"/>
      <c r="BL72" s="746"/>
      <c r="BM72" s="746"/>
      <c r="BN72" s="746"/>
      <c r="BO72" s="746"/>
      <c r="BP72" s="746"/>
      <c r="BQ72" s="746"/>
      <c r="BR72" s="746"/>
      <c r="BS72" s="884">
        <f t="shared" si="102"/>
        <v>2380</v>
      </c>
      <c r="BT72" s="661">
        <f t="shared" si="103"/>
        <v>4251.71</v>
      </c>
      <c r="BU72" s="661"/>
      <c r="BV72" s="898" t="str">
        <f t="shared" si="53"/>
        <v/>
      </c>
      <c r="BW72" s="898" t="str">
        <f t="shared" si="71"/>
        <v/>
      </c>
      <c r="BX72" s="898" t="str">
        <f t="shared" si="72"/>
        <v/>
      </c>
      <c r="BY72" s="898" t="str">
        <f t="shared" si="73"/>
        <v/>
      </c>
      <c r="BZ72" s="898" t="str">
        <f t="shared" si="74"/>
        <v/>
      </c>
      <c r="CA72" s="898" t="str">
        <f t="shared" si="75"/>
        <v/>
      </c>
      <c r="CB72" s="898" t="str">
        <f t="shared" si="76"/>
        <v/>
      </c>
      <c r="CC72" s="898" t="str">
        <f t="shared" si="77"/>
        <v/>
      </c>
      <c r="CD72" s="898" t="str">
        <f t="shared" si="78"/>
        <v/>
      </c>
      <c r="CE72" s="898" t="str">
        <f t="shared" si="79"/>
        <v/>
      </c>
      <c r="CF72" s="898" t="str">
        <f t="shared" si="80"/>
        <v/>
      </c>
      <c r="CG72" s="898" t="str">
        <f t="shared" si="81"/>
        <v/>
      </c>
      <c r="CH72" s="898" t="str">
        <f t="shared" si="82"/>
        <v/>
      </c>
      <c r="CI72" s="898" t="str">
        <f t="shared" si="83"/>
        <v/>
      </c>
      <c r="CJ72" s="898" t="str">
        <f t="shared" si="84"/>
        <v/>
      </c>
      <c r="CK72" s="898" t="str">
        <f t="shared" si="85"/>
        <v/>
      </c>
      <c r="CL72" s="898">
        <f t="shared" si="86"/>
        <v>10119069.800000001</v>
      </c>
      <c r="CM72" s="898" t="str">
        <f t="shared" si="55"/>
        <v/>
      </c>
      <c r="CN72" s="898" t="str">
        <f t="shared" si="56"/>
        <v/>
      </c>
      <c r="CO72" s="898" t="str">
        <f t="shared" si="57"/>
        <v/>
      </c>
      <c r="CP72" s="898" t="str">
        <f t="shared" si="58"/>
        <v/>
      </c>
      <c r="CQ72" s="898" t="str">
        <f t="shared" si="59"/>
        <v/>
      </c>
      <c r="CR72" s="898" t="str">
        <f t="shared" si="60"/>
        <v/>
      </c>
      <c r="CS72" s="898" t="str">
        <f t="shared" si="61"/>
        <v/>
      </c>
      <c r="CT72" s="898" t="str">
        <f t="shared" si="62"/>
        <v/>
      </c>
      <c r="CU72" s="898" t="str">
        <f t="shared" si="63"/>
        <v/>
      </c>
      <c r="CV72" s="898" t="str">
        <f t="shared" si="64"/>
        <v/>
      </c>
      <c r="CW72" s="898" t="str">
        <f t="shared" si="65"/>
        <v/>
      </c>
      <c r="CX72" s="898" t="str">
        <f t="shared" si="66"/>
        <v/>
      </c>
      <c r="CY72" s="898" t="str">
        <f t="shared" si="67"/>
        <v/>
      </c>
      <c r="CZ72" s="898" t="str">
        <f t="shared" si="68"/>
        <v/>
      </c>
      <c r="DA72" s="898"/>
      <c r="DB72" s="898"/>
      <c r="DC72" s="898"/>
      <c r="DD72" s="898"/>
      <c r="DE72" s="898"/>
      <c r="DF72" s="898"/>
      <c r="DG72" s="898"/>
      <c r="DH72" s="898"/>
      <c r="DI72" s="898"/>
      <c r="DJ72" s="898"/>
      <c r="DK72" s="898"/>
      <c r="DL72" s="898"/>
      <c r="DM72" s="661">
        <f t="shared" si="104"/>
        <v>10119069.800000001</v>
      </c>
      <c r="DN72" s="898">
        <f t="shared" si="105"/>
        <v>0</v>
      </c>
      <c r="DO72" s="516">
        <f t="shared" si="106"/>
        <v>0</v>
      </c>
      <c r="DP72" s="898">
        <f t="shared" si="107"/>
        <v>0</v>
      </c>
      <c r="DQ72" s="610" t="s">
        <v>3497</v>
      </c>
      <c r="DR72" s="610" t="s">
        <v>3498</v>
      </c>
      <c r="DS72" s="610" t="s">
        <v>3499</v>
      </c>
      <c r="DT72" s="632"/>
    </row>
    <row r="73" spans="1:124" s="613" customFormat="1" ht="156.75" x14ac:dyDescent="0.2">
      <c r="A73" s="484" t="str">
        <f t="shared" si="101"/>
        <v xml:space="preserve">Provision of Strategic Access Management and Monitoring (SAMMS) </v>
      </c>
      <c r="B73" s="1163">
        <v>71</v>
      </c>
      <c r="C73" s="481" t="s">
        <v>3546</v>
      </c>
      <c r="D73" s="481" t="s">
        <v>2481</v>
      </c>
      <c r="E73" s="481" t="s">
        <v>3415</v>
      </c>
      <c r="F73" s="481" t="s">
        <v>1331</v>
      </c>
      <c r="G73" s="657" t="s">
        <v>1338</v>
      </c>
      <c r="H73" s="78" t="s">
        <v>3547</v>
      </c>
      <c r="I73" s="657"/>
      <c r="J73" s="495" t="s">
        <v>3548</v>
      </c>
      <c r="K73" s="657" t="s">
        <v>3104</v>
      </c>
      <c r="L73" s="852" t="s">
        <v>3167</v>
      </c>
      <c r="M73" s="657" t="s">
        <v>2996</v>
      </c>
      <c r="N73" s="657" t="s">
        <v>81</v>
      </c>
      <c r="O73" s="657" t="s">
        <v>3169</v>
      </c>
      <c r="P73" s="657" t="s">
        <v>3549</v>
      </c>
      <c r="Q73" s="657" t="s">
        <v>3209</v>
      </c>
      <c r="R73" s="657"/>
      <c r="S73" s="657"/>
      <c r="T73" s="642">
        <f>SUM(BV73:CL73,DI73:DK73)</f>
        <v>16030204.520000001</v>
      </c>
      <c r="U73" s="642"/>
      <c r="V73" s="657" t="s">
        <v>64</v>
      </c>
      <c r="W73" s="723">
        <f t="shared" si="99"/>
        <v>0</v>
      </c>
      <c r="X73" s="745">
        <f t="shared" si="100"/>
        <v>16030204.520000001</v>
      </c>
      <c r="Y73" s="723" t="s">
        <v>3106</v>
      </c>
      <c r="Z73" s="723"/>
      <c r="AA73" s="1322" t="s">
        <v>245</v>
      </c>
      <c r="AB73" s="895" t="s">
        <v>66</v>
      </c>
      <c r="AC73" s="895" t="s">
        <v>66</v>
      </c>
      <c r="AD73" s="895" t="s">
        <v>66</v>
      </c>
      <c r="AE73" s="895" t="s">
        <v>66</v>
      </c>
      <c r="AF73" s="895" t="s">
        <v>66</v>
      </c>
      <c r="AG73" s="895" t="s">
        <v>66</v>
      </c>
      <c r="AH73" s="895" t="s">
        <v>66</v>
      </c>
      <c r="AI73" s="895" t="s">
        <v>66</v>
      </c>
      <c r="AJ73" s="895" t="s">
        <v>66</v>
      </c>
      <c r="AK73" s="895" t="s">
        <v>66</v>
      </c>
      <c r="AL73" s="895" t="s">
        <v>66</v>
      </c>
      <c r="AM73" s="895" t="s">
        <v>66</v>
      </c>
      <c r="AN73" s="895" t="s">
        <v>66</v>
      </c>
      <c r="AO73" s="895" t="s">
        <v>66</v>
      </c>
      <c r="AP73" s="895" t="s">
        <v>66</v>
      </c>
      <c r="AQ73" s="895" t="s">
        <v>66</v>
      </c>
      <c r="AR73" s="895" t="s">
        <v>66</v>
      </c>
      <c r="AS73" s="895"/>
      <c r="AT73" s="895"/>
      <c r="AU73" s="895"/>
      <c r="AV73" s="895"/>
      <c r="AW73" s="895"/>
      <c r="AX73" s="895"/>
      <c r="AY73" s="895"/>
      <c r="AZ73" s="895"/>
      <c r="BA73" s="895"/>
      <c r="BB73" s="895"/>
      <c r="BC73" s="895"/>
      <c r="BD73" s="895"/>
      <c r="BE73" s="895"/>
      <c r="BF73" s="895"/>
      <c r="BG73" s="896"/>
      <c r="BH73" s="896"/>
      <c r="BI73" s="896"/>
      <c r="BJ73" s="896"/>
      <c r="BK73" s="896"/>
      <c r="BL73" s="896"/>
      <c r="BM73" s="896"/>
      <c r="BN73" s="896"/>
      <c r="BO73" s="896" t="s">
        <v>66</v>
      </c>
      <c r="BP73" s="896" t="s">
        <v>66</v>
      </c>
      <c r="BQ73" s="896" t="s">
        <v>66</v>
      </c>
      <c r="BR73" s="654"/>
      <c r="BS73" s="884">
        <f t="shared" si="102"/>
        <v>18054</v>
      </c>
      <c r="BT73" s="661">
        <f t="shared" si="103"/>
        <v>887.90320815331791</v>
      </c>
      <c r="BU73" s="661"/>
      <c r="BV73" s="898">
        <f t="shared" ref="BV73:CL73" si="108">BV$3*913.88</f>
        <v>4569400</v>
      </c>
      <c r="BW73" s="898">
        <f t="shared" si="108"/>
        <v>182776</v>
      </c>
      <c r="BX73" s="898">
        <f t="shared" si="108"/>
        <v>411246</v>
      </c>
      <c r="BY73" s="898">
        <f t="shared" si="108"/>
        <v>319858</v>
      </c>
      <c r="BZ73" s="898">
        <f t="shared" si="108"/>
        <v>456940</v>
      </c>
      <c r="CA73" s="898">
        <f t="shared" si="108"/>
        <v>438662.40000000002</v>
      </c>
      <c r="CB73" s="898">
        <f t="shared" si="108"/>
        <v>91388</v>
      </c>
      <c r="CC73" s="898">
        <f t="shared" si="108"/>
        <v>356413.2</v>
      </c>
      <c r="CD73" s="898">
        <f t="shared" si="108"/>
        <v>456940</v>
      </c>
      <c r="CE73" s="898">
        <f t="shared" si="108"/>
        <v>456940</v>
      </c>
      <c r="CF73" s="898">
        <f t="shared" si="108"/>
        <v>685410</v>
      </c>
      <c r="CG73" s="898">
        <f t="shared" si="108"/>
        <v>182776</v>
      </c>
      <c r="CH73" s="898">
        <f t="shared" si="108"/>
        <v>213847.92</v>
      </c>
      <c r="CI73" s="898">
        <f t="shared" si="108"/>
        <v>319858</v>
      </c>
      <c r="CJ73" s="898">
        <f t="shared" si="108"/>
        <v>82249.2</v>
      </c>
      <c r="CK73" s="898">
        <f t="shared" si="108"/>
        <v>73110.399999999994</v>
      </c>
      <c r="CL73" s="898">
        <f t="shared" si="108"/>
        <v>2175034.4</v>
      </c>
      <c r="CM73" s="898" t="str">
        <f t="shared" ref="CM73:CM104" si="109">IF(AS73="yes",(AS$3*$BT73),"")</f>
        <v/>
      </c>
      <c r="CN73" s="898" t="str">
        <f t="shared" ref="CN73:CN104" si="110">IF(AT73="yes",(AT$3*$BT73),"")</f>
        <v/>
      </c>
      <c r="CO73" s="898" t="str">
        <f t="shared" ref="CO73:CO104" si="111">IF(AU73="yes",(AU$3*$BT73),"")</f>
        <v/>
      </c>
      <c r="CP73" s="898" t="str">
        <f t="shared" ref="CP73:CP104" si="112">IF(AV73="yes",(AV$3*$BT73),"")</f>
        <v/>
      </c>
      <c r="CQ73" s="898" t="str">
        <f t="shared" ref="CQ73:CQ104" si="113">IF(AW73="yes",(AW$3*$BT73),"")</f>
        <v/>
      </c>
      <c r="CR73" s="898" t="str">
        <f t="shared" ref="CR73:CR104" si="114">IF(AX73="yes",(AX$3*$BT73),"")</f>
        <v/>
      </c>
      <c r="CS73" s="898" t="str">
        <f t="shared" ref="CS73:CS104" si="115">IF(AY73="yes",(AY$3*$BT73),"")</f>
        <v/>
      </c>
      <c r="CT73" s="898" t="str">
        <f t="shared" ref="CT73:CT104" si="116">IF(AZ73="yes",(AZ$3*$BT73),"")</f>
        <v/>
      </c>
      <c r="CU73" s="898" t="str">
        <f t="shared" ref="CU73:CU104" si="117">IF(BA73="yes",(BA$3*$BT73),"")</f>
        <v/>
      </c>
      <c r="CV73" s="898" t="str">
        <f t="shared" ref="CV73:CV104" si="118">IF(BB73="yes",(BB$3*$BT73),"")</f>
        <v/>
      </c>
      <c r="CW73" s="898" t="str">
        <f t="shared" ref="CW73:CW104" si="119">IF(BC73="yes",(BC$3*$BT73),"")</f>
        <v/>
      </c>
      <c r="CX73" s="898" t="str">
        <f t="shared" ref="CX73:CX104" si="120">IF(BD73="yes",(BD$3*$BT73),"")</f>
        <v/>
      </c>
      <c r="CY73" s="898" t="str">
        <f t="shared" ref="CY73:CY104" si="121">IF(BE73="yes",(BE$3*$BT73),"")</f>
        <v/>
      </c>
      <c r="CZ73" s="898" t="str">
        <f t="shared" ref="CZ73:CZ104" si="122">IF(BF73="yes",(BF$3*$BT73),"")</f>
        <v/>
      </c>
      <c r="DA73" s="942"/>
      <c r="DB73" s="942"/>
      <c r="DC73" s="942"/>
      <c r="DD73" s="942"/>
      <c r="DE73" s="942"/>
      <c r="DF73" s="942"/>
      <c r="DG73" s="942"/>
      <c r="DH73" s="942"/>
      <c r="DI73" s="942">
        <f>DI$3*828.61</f>
        <v>1242915</v>
      </c>
      <c r="DJ73" s="942">
        <f>DJ$3*828.61</f>
        <v>1325776</v>
      </c>
      <c r="DK73" s="942">
        <f>DK$3*828.61</f>
        <v>1988664</v>
      </c>
      <c r="DL73" s="942"/>
      <c r="DM73" s="661">
        <f t="shared" si="104"/>
        <v>11472849.520000001</v>
      </c>
      <c r="DN73" s="898">
        <f t="shared" si="105"/>
        <v>4557355</v>
      </c>
      <c r="DO73" s="516">
        <f t="shared" si="106"/>
        <v>0</v>
      </c>
      <c r="DP73" s="898">
        <f t="shared" si="107"/>
        <v>0</v>
      </c>
      <c r="DQ73" s="610" t="s">
        <v>3550</v>
      </c>
      <c r="DR73" s="610"/>
      <c r="DS73" s="1216" t="s">
        <v>3551</v>
      </c>
      <c r="DT73" s="632"/>
    </row>
    <row r="74" spans="1:124" s="613" customFormat="1" ht="99.75" x14ac:dyDescent="0.2">
      <c r="A74" s="484" t="str">
        <f t="shared" si="101"/>
        <v>Local Area for Play (LAP) to support North Hemel Hempstead (Hm01)</v>
      </c>
      <c r="B74" s="1163">
        <v>71</v>
      </c>
      <c r="C74" s="481" t="s">
        <v>3552</v>
      </c>
      <c r="D74" s="481" t="s">
        <v>2481</v>
      </c>
      <c r="E74" s="481" t="s">
        <v>53</v>
      </c>
      <c r="F74" s="481" t="s">
        <v>515</v>
      </c>
      <c r="G74" s="654" t="s">
        <v>1333</v>
      </c>
      <c r="H74" s="484" t="s">
        <v>3553</v>
      </c>
      <c r="I74" s="654"/>
      <c r="J74" s="78" t="s">
        <v>3554</v>
      </c>
      <c r="K74" s="654" t="s">
        <v>3104</v>
      </c>
      <c r="L74" s="657" t="s">
        <v>1360</v>
      </c>
      <c r="M74" s="654" t="s">
        <v>3027</v>
      </c>
      <c r="N74" s="654" t="s">
        <v>60</v>
      </c>
      <c r="O74" s="654" t="s">
        <v>525</v>
      </c>
      <c r="P74" s="657" t="s">
        <v>53</v>
      </c>
      <c r="Q74" s="654" t="s">
        <v>62</v>
      </c>
      <c r="R74" s="654"/>
      <c r="S74" s="654"/>
      <c r="T74" s="723">
        <v>43494</v>
      </c>
      <c r="U74" s="723"/>
      <c r="V74" s="654" t="s">
        <v>64</v>
      </c>
      <c r="W74" s="723">
        <f t="shared" si="99"/>
        <v>0</v>
      </c>
      <c r="X74" s="745">
        <f t="shared" si="100"/>
        <v>43494</v>
      </c>
      <c r="Y74" s="723" t="s">
        <v>3106</v>
      </c>
      <c r="Z74" s="723"/>
      <c r="AA74" s="652" t="s">
        <v>82</v>
      </c>
      <c r="AB74" s="746" t="s">
        <v>66</v>
      </c>
      <c r="AC74" s="893"/>
      <c r="AD74" s="893"/>
      <c r="AE74" s="893"/>
      <c r="AF74" s="893"/>
      <c r="AG74" s="746"/>
      <c r="AH74" s="893"/>
      <c r="AI74" s="893"/>
      <c r="AJ74" s="893"/>
      <c r="AK74" s="893"/>
      <c r="AL74" s="893"/>
      <c r="AM74" s="893"/>
      <c r="AN74" s="893"/>
      <c r="AO74" s="893"/>
      <c r="AP74" s="893"/>
      <c r="AQ74" s="893"/>
      <c r="AR74" s="893"/>
      <c r="AS74" s="893"/>
      <c r="AT74" s="893"/>
      <c r="AU74" s="893"/>
      <c r="AV74" s="893"/>
      <c r="AW74" s="893"/>
      <c r="AX74" s="893"/>
      <c r="AY74" s="893"/>
      <c r="AZ74" s="893"/>
      <c r="BA74" s="893"/>
      <c r="BB74" s="893"/>
      <c r="BC74" s="893"/>
      <c r="BD74" s="893"/>
      <c r="BE74" s="893"/>
      <c r="BF74" s="893"/>
      <c r="BG74" s="746"/>
      <c r="BH74" s="746"/>
      <c r="BI74" s="746"/>
      <c r="BJ74" s="746"/>
      <c r="BK74" s="746"/>
      <c r="BL74" s="746"/>
      <c r="BM74" s="746"/>
      <c r="BN74" s="746"/>
      <c r="BO74" s="746"/>
      <c r="BP74" s="746"/>
      <c r="BQ74" s="746"/>
      <c r="BR74" s="746"/>
      <c r="BS74" s="884">
        <f t="shared" si="102"/>
        <v>5000</v>
      </c>
      <c r="BT74" s="661">
        <f t="shared" si="103"/>
        <v>8.6988000000000003</v>
      </c>
      <c r="BU74" s="661"/>
      <c r="BV74" s="898">
        <f t="shared" ref="BV74:BV118" si="123">IF(AB74="yes",(AB$3*$BT74),"")</f>
        <v>43494</v>
      </c>
      <c r="BW74" s="898" t="str">
        <f t="shared" ref="BW74:BW118" si="124">IF(AC74="yes",(AC$3*$BT74),"")</f>
        <v/>
      </c>
      <c r="BX74" s="898" t="str">
        <f t="shared" ref="BX74:BX118" si="125">IF(AD74="yes",(AD$3*$BT74),"")</f>
        <v/>
      </c>
      <c r="BY74" s="898" t="str">
        <f t="shared" ref="BY74:BY118" si="126">IF(AE74="yes",(AE$3*$BT74),"")</f>
        <v/>
      </c>
      <c r="BZ74" s="898" t="str">
        <f t="shared" ref="BZ74:BZ118" si="127">IF(AF74="yes",(AF$3*$BT74),"")</f>
        <v/>
      </c>
      <c r="CA74" s="898" t="str">
        <f t="shared" ref="CA74:CA118" si="128">IF(AG74="yes",(AG$3*$BT74),"")</f>
        <v/>
      </c>
      <c r="CB74" s="898" t="str">
        <f t="shared" ref="CB74:CB118" si="129">IF(AH74="yes",(AH$3*$BT74),"")</f>
        <v/>
      </c>
      <c r="CC74" s="898" t="str">
        <f t="shared" ref="CC74:CC118" si="130">IF(AI74="yes",(AI$3*$BT74),"")</f>
        <v/>
      </c>
      <c r="CD74" s="898" t="str">
        <f t="shared" ref="CD74:CD118" si="131">IF(AJ74="yes",(AJ$3*$BT74),"")</f>
        <v/>
      </c>
      <c r="CE74" s="898" t="str">
        <f t="shared" ref="CE74:CE118" si="132">IF(AK74="yes",(AK$3*$BT74),"")</f>
        <v/>
      </c>
      <c r="CF74" s="898" t="str">
        <f t="shared" ref="CF74:CF118" si="133">IF(AL74="yes",(AL$3*$BT74),"")</f>
        <v/>
      </c>
      <c r="CG74" s="898" t="str">
        <f t="shared" ref="CG74:CG118" si="134">IF(AM74="yes",(AM$3*$BT74),"")</f>
        <v/>
      </c>
      <c r="CH74" s="898" t="str">
        <f t="shared" ref="CH74:CH118" si="135">IF(AN74="yes",(AN$3*$BT74),"")</f>
        <v/>
      </c>
      <c r="CI74" s="898" t="str">
        <f t="shared" ref="CI74:CI118" si="136">IF(AO74="yes",(AO$3*$BT74),"")</f>
        <v/>
      </c>
      <c r="CJ74" s="898" t="str">
        <f t="shared" ref="CJ74:CJ118" si="137">IF(AP74="yes",(AP$3*$BT74),"")</f>
        <v/>
      </c>
      <c r="CK74" s="898" t="str">
        <f t="shared" ref="CK74:CK118" si="138">IF(AQ74="yes",(AQ$3*$BT74),"")</f>
        <v/>
      </c>
      <c r="CL74" s="898" t="str">
        <f t="shared" ref="CL74:CL118" si="139">IF(AR74="yes",(AR$3*$BT74),"")</f>
        <v/>
      </c>
      <c r="CM74" s="898" t="str">
        <f t="shared" si="109"/>
        <v/>
      </c>
      <c r="CN74" s="898" t="str">
        <f t="shared" si="110"/>
        <v/>
      </c>
      <c r="CO74" s="898" t="str">
        <f t="shared" si="111"/>
        <v/>
      </c>
      <c r="CP74" s="898" t="str">
        <f t="shared" si="112"/>
        <v/>
      </c>
      <c r="CQ74" s="898" t="str">
        <f t="shared" si="113"/>
        <v/>
      </c>
      <c r="CR74" s="898" t="str">
        <f t="shared" si="114"/>
        <v/>
      </c>
      <c r="CS74" s="898" t="str">
        <f t="shared" si="115"/>
        <v/>
      </c>
      <c r="CT74" s="898" t="str">
        <f t="shared" si="116"/>
        <v/>
      </c>
      <c r="CU74" s="898" t="str">
        <f t="shared" si="117"/>
        <v/>
      </c>
      <c r="CV74" s="898" t="str">
        <f t="shared" si="118"/>
        <v/>
      </c>
      <c r="CW74" s="898" t="str">
        <f t="shared" si="119"/>
        <v/>
      </c>
      <c r="CX74" s="898" t="str">
        <f t="shared" si="120"/>
        <v/>
      </c>
      <c r="CY74" s="898" t="str">
        <f t="shared" si="121"/>
        <v/>
      </c>
      <c r="CZ74" s="898" t="str">
        <f t="shared" si="122"/>
        <v/>
      </c>
      <c r="DA74" s="898"/>
      <c r="DB74" s="898"/>
      <c r="DC74" s="898"/>
      <c r="DD74" s="898"/>
      <c r="DE74" s="898"/>
      <c r="DF74" s="898"/>
      <c r="DG74" s="898"/>
      <c r="DH74" s="898"/>
      <c r="DI74" s="898"/>
      <c r="DJ74" s="898"/>
      <c r="DK74" s="898"/>
      <c r="DL74" s="898"/>
      <c r="DM74" s="661">
        <f t="shared" si="104"/>
        <v>43494</v>
      </c>
      <c r="DN74" s="898">
        <f t="shared" si="105"/>
        <v>0</v>
      </c>
      <c r="DO74" s="516">
        <f t="shared" si="106"/>
        <v>0</v>
      </c>
      <c r="DP74" s="898">
        <f t="shared" si="107"/>
        <v>0</v>
      </c>
      <c r="DQ74" s="483" t="s">
        <v>3555</v>
      </c>
      <c r="DR74" s="483" t="s">
        <v>3556</v>
      </c>
      <c r="DS74" s="483" t="s">
        <v>3098</v>
      </c>
      <c r="DT74" s="632"/>
    </row>
    <row r="75" spans="1:124" s="613" customFormat="1" ht="99.75" x14ac:dyDescent="0.2">
      <c r="A75" s="484" t="str">
        <f t="shared" si="101"/>
        <v>Local Area for Play (LAP) to support Civic Zone, Marlowes (Hm02)</v>
      </c>
      <c r="B75" s="1163">
        <v>72</v>
      </c>
      <c r="C75" s="481" t="s">
        <v>3557</v>
      </c>
      <c r="D75" s="481" t="s">
        <v>2481</v>
      </c>
      <c r="E75" s="481" t="s">
        <v>53</v>
      </c>
      <c r="F75" s="481" t="s">
        <v>515</v>
      </c>
      <c r="G75" s="654" t="s">
        <v>1333</v>
      </c>
      <c r="H75" s="484" t="s">
        <v>3558</v>
      </c>
      <c r="I75" s="654"/>
      <c r="J75" s="78" t="s">
        <v>3559</v>
      </c>
      <c r="K75" s="654" t="s">
        <v>3104</v>
      </c>
      <c r="L75" s="657" t="s">
        <v>1361</v>
      </c>
      <c r="M75" s="654" t="s">
        <v>2996</v>
      </c>
      <c r="N75" s="654" t="s">
        <v>60</v>
      </c>
      <c r="O75" s="654" t="s">
        <v>525</v>
      </c>
      <c r="P75" s="657" t="s">
        <v>53</v>
      </c>
      <c r="Q75" s="654" t="s">
        <v>377</v>
      </c>
      <c r="R75" s="654"/>
      <c r="S75" s="654"/>
      <c r="T75" s="723">
        <v>43494</v>
      </c>
      <c r="U75" s="723"/>
      <c r="V75" s="654" t="s">
        <v>64</v>
      </c>
      <c r="W75" s="723">
        <f t="shared" si="99"/>
        <v>0</v>
      </c>
      <c r="X75" s="745">
        <f t="shared" si="100"/>
        <v>43494</v>
      </c>
      <c r="Y75" s="723" t="s">
        <v>3106</v>
      </c>
      <c r="Z75" s="723"/>
      <c r="AA75" s="652" t="s">
        <v>82</v>
      </c>
      <c r="AB75" s="893"/>
      <c r="AC75" s="746" t="s">
        <v>66</v>
      </c>
      <c r="AD75" s="893"/>
      <c r="AE75" s="893"/>
      <c r="AF75" s="893"/>
      <c r="AG75" s="746"/>
      <c r="AH75" s="893"/>
      <c r="AI75" s="893"/>
      <c r="AJ75" s="893"/>
      <c r="AK75" s="893"/>
      <c r="AL75" s="893"/>
      <c r="AM75" s="893"/>
      <c r="AN75" s="893"/>
      <c r="AO75" s="893"/>
      <c r="AP75" s="893"/>
      <c r="AQ75" s="893"/>
      <c r="AR75" s="893"/>
      <c r="AS75" s="893"/>
      <c r="AT75" s="893"/>
      <c r="AU75" s="893"/>
      <c r="AV75" s="893"/>
      <c r="AW75" s="893"/>
      <c r="AX75" s="893"/>
      <c r="AY75" s="893"/>
      <c r="AZ75" s="893"/>
      <c r="BA75" s="893"/>
      <c r="BB75" s="893"/>
      <c r="BC75" s="893"/>
      <c r="BD75" s="893"/>
      <c r="BE75" s="893"/>
      <c r="BF75" s="893"/>
      <c r="BG75" s="746"/>
      <c r="BH75" s="746"/>
      <c r="BI75" s="746"/>
      <c r="BJ75" s="746"/>
      <c r="BK75" s="746"/>
      <c r="BL75" s="746"/>
      <c r="BM75" s="746"/>
      <c r="BN75" s="746"/>
      <c r="BO75" s="746"/>
      <c r="BP75" s="746"/>
      <c r="BQ75" s="746"/>
      <c r="BR75" s="746"/>
      <c r="BS75" s="884">
        <f t="shared" si="102"/>
        <v>200</v>
      </c>
      <c r="BT75" s="661">
        <f t="shared" si="103"/>
        <v>217.47</v>
      </c>
      <c r="BU75" s="661"/>
      <c r="BV75" s="898" t="str">
        <f t="shared" si="123"/>
        <v/>
      </c>
      <c r="BW75" s="898">
        <f t="shared" si="124"/>
        <v>43494</v>
      </c>
      <c r="BX75" s="898" t="str">
        <f t="shared" si="125"/>
        <v/>
      </c>
      <c r="BY75" s="898" t="str">
        <f t="shared" si="126"/>
        <v/>
      </c>
      <c r="BZ75" s="898" t="str">
        <f t="shared" si="127"/>
        <v/>
      </c>
      <c r="CA75" s="898" t="str">
        <f t="shared" si="128"/>
        <v/>
      </c>
      <c r="CB75" s="898" t="str">
        <f t="shared" si="129"/>
        <v/>
      </c>
      <c r="CC75" s="898" t="str">
        <f t="shared" si="130"/>
        <v/>
      </c>
      <c r="CD75" s="898" t="str">
        <f t="shared" si="131"/>
        <v/>
      </c>
      <c r="CE75" s="898" t="str">
        <f t="shared" si="132"/>
        <v/>
      </c>
      <c r="CF75" s="898" t="str">
        <f t="shared" si="133"/>
        <v/>
      </c>
      <c r="CG75" s="898" t="str">
        <f t="shared" si="134"/>
        <v/>
      </c>
      <c r="CH75" s="898" t="str">
        <f t="shared" si="135"/>
        <v/>
      </c>
      <c r="CI75" s="898" t="str">
        <f t="shared" si="136"/>
        <v/>
      </c>
      <c r="CJ75" s="898" t="str">
        <f t="shared" si="137"/>
        <v/>
      </c>
      <c r="CK75" s="898" t="str">
        <f t="shared" si="138"/>
        <v/>
      </c>
      <c r="CL75" s="898" t="str">
        <f t="shared" si="139"/>
        <v/>
      </c>
      <c r="CM75" s="898" t="str">
        <f t="shared" si="109"/>
        <v/>
      </c>
      <c r="CN75" s="898" t="str">
        <f t="shared" si="110"/>
        <v/>
      </c>
      <c r="CO75" s="898" t="str">
        <f t="shared" si="111"/>
        <v/>
      </c>
      <c r="CP75" s="898" t="str">
        <f t="shared" si="112"/>
        <v/>
      </c>
      <c r="CQ75" s="898" t="str">
        <f t="shared" si="113"/>
        <v/>
      </c>
      <c r="CR75" s="898" t="str">
        <f t="shared" si="114"/>
        <v/>
      </c>
      <c r="CS75" s="898" t="str">
        <f t="shared" si="115"/>
        <v/>
      </c>
      <c r="CT75" s="898" t="str">
        <f t="shared" si="116"/>
        <v/>
      </c>
      <c r="CU75" s="898" t="str">
        <f t="shared" si="117"/>
        <v/>
      </c>
      <c r="CV75" s="898" t="str">
        <f t="shared" si="118"/>
        <v/>
      </c>
      <c r="CW75" s="898" t="str">
        <f t="shared" si="119"/>
        <v/>
      </c>
      <c r="CX75" s="898" t="str">
        <f t="shared" si="120"/>
        <v/>
      </c>
      <c r="CY75" s="898" t="str">
        <f t="shared" si="121"/>
        <v/>
      </c>
      <c r="CZ75" s="898" t="str">
        <f t="shared" si="122"/>
        <v/>
      </c>
      <c r="DA75" s="898"/>
      <c r="DB75" s="898"/>
      <c r="DC75" s="898"/>
      <c r="DD75" s="898"/>
      <c r="DE75" s="898"/>
      <c r="DF75" s="898"/>
      <c r="DG75" s="898"/>
      <c r="DH75" s="898"/>
      <c r="DI75" s="898"/>
      <c r="DJ75" s="898"/>
      <c r="DK75" s="898"/>
      <c r="DL75" s="898"/>
      <c r="DM75" s="661">
        <f t="shared" si="104"/>
        <v>43494</v>
      </c>
      <c r="DN75" s="898">
        <f t="shared" si="105"/>
        <v>0</v>
      </c>
      <c r="DO75" s="516">
        <f t="shared" si="106"/>
        <v>0</v>
      </c>
      <c r="DP75" s="898">
        <f t="shared" si="107"/>
        <v>0</v>
      </c>
      <c r="DQ75" s="483" t="s">
        <v>3555</v>
      </c>
      <c r="DR75" s="483" t="s">
        <v>3556</v>
      </c>
      <c r="DS75" s="483" t="s">
        <v>3098</v>
      </c>
      <c r="DT75" s="632"/>
    </row>
    <row r="76" spans="1:124" s="613" customFormat="1" ht="99.75" x14ac:dyDescent="0.2">
      <c r="A76" s="484" t="str">
        <f t="shared" si="101"/>
        <v>Local Area for Play (LAP) to support Hemel Hospital/Market Square (Hm03)</v>
      </c>
      <c r="B76" s="1163">
        <v>73</v>
      </c>
      <c r="C76" s="481" t="s">
        <v>3560</v>
      </c>
      <c r="D76" s="481" t="s">
        <v>2481</v>
      </c>
      <c r="E76" s="481" t="s">
        <v>53</v>
      </c>
      <c r="F76" s="481" t="s">
        <v>515</v>
      </c>
      <c r="G76" s="654" t="s">
        <v>1333</v>
      </c>
      <c r="H76" s="484" t="s">
        <v>3561</v>
      </c>
      <c r="I76" s="654"/>
      <c r="J76" s="78" t="s">
        <v>3562</v>
      </c>
      <c r="K76" s="654" t="s">
        <v>3104</v>
      </c>
      <c r="L76" s="657" t="s">
        <v>1362</v>
      </c>
      <c r="M76" s="654" t="s">
        <v>2996</v>
      </c>
      <c r="N76" s="654" t="s">
        <v>60</v>
      </c>
      <c r="O76" s="654" t="s">
        <v>525</v>
      </c>
      <c r="P76" s="657" t="s">
        <v>53</v>
      </c>
      <c r="Q76" s="654" t="s">
        <v>181</v>
      </c>
      <c r="R76" s="654"/>
      <c r="S76" s="654"/>
      <c r="T76" s="723">
        <v>43494</v>
      </c>
      <c r="U76" s="723"/>
      <c r="V76" s="654" t="s">
        <v>64</v>
      </c>
      <c r="W76" s="723">
        <f t="shared" si="99"/>
        <v>0</v>
      </c>
      <c r="X76" s="745">
        <f t="shared" si="100"/>
        <v>43494</v>
      </c>
      <c r="Y76" s="723" t="s">
        <v>3106</v>
      </c>
      <c r="Z76" s="723"/>
      <c r="AA76" s="652" t="s">
        <v>82</v>
      </c>
      <c r="AB76" s="893"/>
      <c r="AC76" s="893"/>
      <c r="AD76" s="746" t="s">
        <v>66</v>
      </c>
      <c r="AE76" s="893"/>
      <c r="AF76" s="893"/>
      <c r="AG76" s="746"/>
      <c r="AH76" s="893"/>
      <c r="AI76" s="893"/>
      <c r="AJ76" s="893"/>
      <c r="AK76" s="893"/>
      <c r="AL76" s="893"/>
      <c r="AM76" s="893"/>
      <c r="AN76" s="893"/>
      <c r="AO76" s="893"/>
      <c r="AP76" s="893"/>
      <c r="AQ76" s="893"/>
      <c r="AR76" s="893"/>
      <c r="AS76" s="893"/>
      <c r="AT76" s="893"/>
      <c r="AU76" s="893"/>
      <c r="AV76" s="893"/>
      <c r="AW76" s="893"/>
      <c r="AX76" s="893"/>
      <c r="AY76" s="893"/>
      <c r="AZ76" s="893"/>
      <c r="BA76" s="893"/>
      <c r="BB76" s="893"/>
      <c r="BC76" s="893"/>
      <c r="BD76" s="893"/>
      <c r="BE76" s="893"/>
      <c r="BF76" s="893"/>
      <c r="BG76" s="746"/>
      <c r="BH76" s="746"/>
      <c r="BI76" s="746"/>
      <c r="BJ76" s="746"/>
      <c r="BK76" s="746"/>
      <c r="BL76" s="746"/>
      <c r="BM76" s="746"/>
      <c r="BN76" s="746"/>
      <c r="BO76" s="746"/>
      <c r="BP76" s="746"/>
      <c r="BQ76" s="746"/>
      <c r="BR76" s="746"/>
      <c r="BS76" s="884">
        <f t="shared" si="102"/>
        <v>450</v>
      </c>
      <c r="BT76" s="661">
        <f t="shared" si="103"/>
        <v>96.653333333333336</v>
      </c>
      <c r="BU76" s="661"/>
      <c r="BV76" s="898" t="str">
        <f t="shared" si="123"/>
        <v/>
      </c>
      <c r="BW76" s="898" t="str">
        <f t="shared" si="124"/>
        <v/>
      </c>
      <c r="BX76" s="898">
        <f t="shared" si="125"/>
        <v>43494</v>
      </c>
      <c r="BY76" s="898" t="str">
        <f t="shared" si="126"/>
        <v/>
      </c>
      <c r="BZ76" s="898" t="str">
        <f t="shared" si="127"/>
        <v/>
      </c>
      <c r="CA76" s="898" t="str">
        <f t="shared" si="128"/>
        <v/>
      </c>
      <c r="CB76" s="898" t="str">
        <f t="shared" si="129"/>
        <v/>
      </c>
      <c r="CC76" s="898" t="str">
        <f t="shared" si="130"/>
        <v/>
      </c>
      <c r="CD76" s="898" t="str">
        <f t="shared" si="131"/>
        <v/>
      </c>
      <c r="CE76" s="898" t="str">
        <f t="shared" si="132"/>
        <v/>
      </c>
      <c r="CF76" s="898" t="str">
        <f t="shared" si="133"/>
        <v/>
      </c>
      <c r="CG76" s="898" t="str">
        <f t="shared" si="134"/>
        <v/>
      </c>
      <c r="CH76" s="898" t="str">
        <f t="shared" si="135"/>
        <v/>
      </c>
      <c r="CI76" s="898" t="str">
        <f t="shared" si="136"/>
        <v/>
      </c>
      <c r="CJ76" s="898" t="str">
        <f t="shared" si="137"/>
        <v/>
      </c>
      <c r="CK76" s="898" t="str">
        <f t="shared" si="138"/>
        <v/>
      </c>
      <c r="CL76" s="898" t="str">
        <f t="shared" si="139"/>
        <v/>
      </c>
      <c r="CM76" s="898" t="str">
        <f t="shared" si="109"/>
        <v/>
      </c>
      <c r="CN76" s="898" t="str">
        <f t="shared" si="110"/>
        <v/>
      </c>
      <c r="CO76" s="898" t="str">
        <f t="shared" si="111"/>
        <v/>
      </c>
      <c r="CP76" s="898" t="str">
        <f t="shared" si="112"/>
        <v/>
      </c>
      <c r="CQ76" s="898" t="str">
        <f t="shared" si="113"/>
        <v/>
      </c>
      <c r="CR76" s="898" t="str">
        <f t="shared" si="114"/>
        <v/>
      </c>
      <c r="CS76" s="898" t="str">
        <f t="shared" si="115"/>
        <v/>
      </c>
      <c r="CT76" s="898" t="str">
        <f t="shared" si="116"/>
        <v/>
      </c>
      <c r="CU76" s="898" t="str">
        <f t="shared" si="117"/>
        <v/>
      </c>
      <c r="CV76" s="898" t="str">
        <f t="shared" si="118"/>
        <v/>
      </c>
      <c r="CW76" s="898" t="str">
        <f t="shared" si="119"/>
        <v/>
      </c>
      <c r="CX76" s="898" t="str">
        <f t="shared" si="120"/>
        <v/>
      </c>
      <c r="CY76" s="898" t="str">
        <f t="shared" si="121"/>
        <v/>
      </c>
      <c r="CZ76" s="898" t="str">
        <f t="shared" si="122"/>
        <v/>
      </c>
      <c r="DA76" s="898"/>
      <c r="DB76" s="898"/>
      <c r="DC76" s="898"/>
      <c r="DD76" s="898"/>
      <c r="DE76" s="898"/>
      <c r="DF76" s="898"/>
      <c r="DG76" s="898"/>
      <c r="DH76" s="898"/>
      <c r="DI76" s="898"/>
      <c r="DJ76" s="898"/>
      <c r="DK76" s="898"/>
      <c r="DL76" s="898"/>
      <c r="DM76" s="661">
        <f t="shared" si="104"/>
        <v>43494</v>
      </c>
      <c r="DN76" s="898">
        <f t="shared" si="105"/>
        <v>0</v>
      </c>
      <c r="DO76" s="516">
        <f t="shared" si="106"/>
        <v>0</v>
      </c>
      <c r="DP76" s="898">
        <f t="shared" si="107"/>
        <v>0</v>
      </c>
      <c r="DQ76" s="483" t="s">
        <v>3555</v>
      </c>
      <c r="DR76" s="483" t="s">
        <v>3556</v>
      </c>
      <c r="DS76" s="483" t="s">
        <v>3098</v>
      </c>
      <c r="DT76" s="632"/>
    </row>
    <row r="77" spans="1:124" s="613" customFormat="1" ht="99.75" x14ac:dyDescent="0.2">
      <c r="A77" s="484" t="str">
        <f t="shared" si="101"/>
        <v>Local Area for Play (LAP) to support Paradise (Hm04)</v>
      </c>
      <c r="B77" s="1163">
        <v>74</v>
      </c>
      <c r="C77" s="481" t="s">
        <v>3563</v>
      </c>
      <c r="D77" s="481" t="s">
        <v>2481</v>
      </c>
      <c r="E77" s="481" t="s">
        <v>53</v>
      </c>
      <c r="F77" s="481" t="s">
        <v>515</v>
      </c>
      <c r="G77" s="654" t="s">
        <v>1333</v>
      </c>
      <c r="H77" s="484" t="s">
        <v>3564</v>
      </c>
      <c r="I77" s="654"/>
      <c r="J77" s="78" t="s">
        <v>3565</v>
      </c>
      <c r="K77" s="654" t="s">
        <v>3104</v>
      </c>
      <c r="L77" s="657" t="s">
        <v>1363</v>
      </c>
      <c r="M77" s="654" t="s">
        <v>2996</v>
      </c>
      <c r="N77" s="654" t="s">
        <v>60</v>
      </c>
      <c r="O77" s="654" t="s">
        <v>525</v>
      </c>
      <c r="P77" s="657" t="s">
        <v>53</v>
      </c>
      <c r="Q77" s="654" t="s">
        <v>559</v>
      </c>
      <c r="R77" s="654"/>
      <c r="S77" s="654"/>
      <c r="T77" s="723">
        <v>43494</v>
      </c>
      <c r="U77" s="723"/>
      <c r="V77" s="654" t="s">
        <v>64</v>
      </c>
      <c r="W77" s="723">
        <f t="shared" si="99"/>
        <v>0</v>
      </c>
      <c r="X77" s="745">
        <f t="shared" si="100"/>
        <v>43494</v>
      </c>
      <c r="Y77" s="723" t="s">
        <v>3106</v>
      </c>
      <c r="Z77" s="723"/>
      <c r="AA77" s="652" t="s">
        <v>82</v>
      </c>
      <c r="AB77" s="893"/>
      <c r="AC77" s="893"/>
      <c r="AD77" s="893"/>
      <c r="AE77" s="746" t="s">
        <v>66</v>
      </c>
      <c r="AF77" s="893"/>
      <c r="AG77" s="746"/>
      <c r="AH77" s="893"/>
      <c r="AI77" s="893"/>
      <c r="AJ77" s="893"/>
      <c r="AK77" s="893"/>
      <c r="AL77" s="893"/>
      <c r="AM77" s="893"/>
      <c r="AN77" s="893"/>
      <c r="AO77" s="893"/>
      <c r="AP77" s="893"/>
      <c r="AQ77" s="893"/>
      <c r="AR77" s="893"/>
      <c r="AS77" s="893"/>
      <c r="AT77" s="893"/>
      <c r="AU77" s="893"/>
      <c r="AV77" s="893"/>
      <c r="AW77" s="893"/>
      <c r="AX77" s="893"/>
      <c r="AY77" s="893"/>
      <c r="AZ77" s="893"/>
      <c r="BA77" s="893"/>
      <c r="BB77" s="893"/>
      <c r="BC77" s="893"/>
      <c r="BD77" s="893"/>
      <c r="BE77" s="893"/>
      <c r="BF77" s="893"/>
      <c r="BG77" s="746"/>
      <c r="BH77" s="746"/>
      <c r="BI77" s="746"/>
      <c r="BJ77" s="746"/>
      <c r="BK77" s="746"/>
      <c r="BL77" s="746"/>
      <c r="BM77" s="746"/>
      <c r="BN77" s="746"/>
      <c r="BO77" s="746"/>
      <c r="BP77" s="746"/>
      <c r="BQ77" s="746"/>
      <c r="BR77" s="746"/>
      <c r="BS77" s="884">
        <f t="shared" si="102"/>
        <v>350</v>
      </c>
      <c r="BT77" s="661">
        <f t="shared" si="103"/>
        <v>124.26857142857143</v>
      </c>
      <c r="BU77" s="661"/>
      <c r="BV77" s="898" t="str">
        <f t="shared" si="123"/>
        <v/>
      </c>
      <c r="BW77" s="898" t="str">
        <f t="shared" si="124"/>
        <v/>
      </c>
      <c r="BX77" s="898" t="str">
        <f t="shared" si="125"/>
        <v/>
      </c>
      <c r="BY77" s="898">
        <f t="shared" si="126"/>
        <v>43494</v>
      </c>
      <c r="BZ77" s="898" t="str">
        <f t="shared" si="127"/>
        <v/>
      </c>
      <c r="CA77" s="898" t="str">
        <f t="shared" si="128"/>
        <v/>
      </c>
      <c r="CB77" s="898" t="str">
        <f t="shared" si="129"/>
        <v/>
      </c>
      <c r="CC77" s="898" t="str">
        <f t="shared" si="130"/>
        <v/>
      </c>
      <c r="CD77" s="898" t="str">
        <f t="shared" si="131"/>
        <v/>
      </c>
      <c r="CE77" s="898" t="str">
        <f t="shared" si="132"/>
        <v/>
      </c>
      <c r="CF77" s="898" t="str">
        <f t="shared" si="133"/>
        <v/>
      </c>
      <c r="CG77" s="898" t="str">
        <f t="shared" si="134"/>
        <v/>
      </c>
      <c r="CH77" s="898" t="str">
        <f t="shared" si="135"/>
        <v/>
      </c>
      <c r="CI77" s="898" t="str">
        <f t="shared" si="136"/>
        <v/>
      </c>
      <c r="CJ77" s="898" t="str">
        <f t="shared" si="137"/>
        <v/>
      </c>
      <c r="CK77" s="898" t="str">
        <f t="shared" si="138"/>
        <v/>
      </c>
      <c r="CL77" s="898" t="str">
        <f t="shared" si="139"/>
        <v/>
      </c>
      <c r="CM77" s="898" t="str">
        <f t="shared" si="109"/>
        <v/>
      </c>
      <c r="CN77" s="898" t="str">
        <f t="shared" si="110"/>
        <v/>
      </c>
      <c r="CO77" s="898" t="str">
        <f t="shared" si="111"/>
        <v/>
      </c>
      <c r="CP77" s="898" t="str">
        <f t="shared" si="112"/>
        <v/>
      </c>
      <c r="CQ77" s="898" t="str">
        <f t="shared" si="113"/>
        <v/>
      </c>
      <c r="CR77" s="898" t="str">
        <f t="shared" si="114"/>
        <v/>
      </c>
      <c r="CS77" s="898" t="str">
        <f t="shared" si="115"/>
        <v/>
      </c>
      <c r="CT77" s="898" t="str">
        <f t="shared" si="116"/>
        <v/>
      </c>
      <c r="CU77" s="898" t="str">
        <f t="shared" si="117"/>
        <v/>
      </c>
      <c r="CV77" s="898" t="str">
        <f t="shared" si="118"/>
        <v/>
      </c>
      <c r="CW77" s="898" t="str">
        <f t="shared" si="119"/>
        <v/>
      </c>
      <c r="CX77" s="898" t="str">
        <f t="shared" si="120"/>
        <v/>
      </c>
      <c r="CY77" s="898" t="str">
        <f t="shared" si="121"/>
        <v/>
      </c>
      <c r="CZ77" s="898" t="str">
        <f t="shared" si="122"/>
        <v/>
      </c>
      <c r="DA77" s="898"/>
      <c r="DB77" s="898"/>
      <c r="DC77" s="898"/>
      <c r="DD77" s="898"/>
      <c r="DE77" s="898"/>
      <c r="DF77" s="898"/>
      <c r="DG77" s="898"/>
      <c r="DH77" s="898"/>
      <c r="DI77" s="898"/>
      <c r="DJ77" s="898"/>
      <c r="DK77" s="898"/>
      <c r="DL77" s="898"/>
      <c r="DM77" s="661">
        <f t="shared" si="104"/>
        <v>43494</v>
      </c>
      <c r="DN77" s="898">
        <f t="shared" si="105"/>
        <v>0</v>
      </c>
      <c r="DO77" s="516">
        <f t="shared" si="106"/>
        <v>0</v>
      </c>
      <c r="DP77" s="898">
        <f t="shared" si="107"/>
        <v>0</v>
      </c>
      <c r="DQ77" s="483" t="s">
        <v>3555</v>
      </c>
      <c r="DR77" s="483" t="s">
        <v>3556</v>
      </c>
      <c r="DS77" s="483" t="s">
        <v>3098</v>
      </c>
      <c r="DT77" s="632"/>
    </row>
    <row r="78" spans="1:124" ht="99.75" x14ac:dyDescent="0.2">
      <c r="A78" s="484" t="str">
        <f t="shared" si="101"/>
        <v>Local Area for Play (LAP) to support Riverside (Hm06)</v>
      </c>
      <c r="B78" s="1163">
        <v>75</v>
      </c>
      <c r="C78" s="481" t="s">
        <v>3566</v>
      </c>
      <c r="D78" s="481" t="s">
        <v>2481</v>
      </c>
      <c r="E78" s="481" t="s">
        <v>53</v>
      </c>
      <c r="F78" s="481" t="s">
        <v>515</v>
      </c>
      <c r="G78" s="654" t="s">
        <v>1333</v>
      </c>
      <c r="H78" s="484" t="s">
        <v>3567</v>
      </c>
      <c r="I78" s="654"/>
      <c r="J78" s="78" t="s">
        <v>3568</v>
      </c>
      <c r="K78" s="654" t="s">
        <v>3104</v>
      </c>
      <c r="L78" s="657" t="s">
        <v>1364</v>
      </c>
      <c r="M78" s="654" t="s">
        <v>2996</v>
      </c>
      <c r="N78" s="654" t="s">
        <v>60</v>
      </c>
      <c r="O78" s="654" t="s">
        <v>525</v>
      </c>
      <c r="P78" s="657" t="s">
        <v>53</v>
      </c>
      <c r="Q78" s="654" t="s">
        <v>71</v>
      </c>
      <c r="R78" s="654"/>
      <c r="S78" s="654"/>
      <c r="T78" s="723">
        <v>43494</v>
      </c>
      <c r="U78" s="723"/>
      <c r="V78" s="654" t="s">
        <v>64</v>
      </c>
      <c r="W78" s="723">
        <f t="shared" si="99"/>
        <v>0</v>
      </c>
      <c r="X78" s="745">
        <f t="shared" si="100"/>
        <v>43494</v>
      </c>
      <c r="Y78" s="723" t="s">
        <v>3106</v>
      </c>
      <c r="Z78" s="723"/>
      <c r="AA78" s="652" t="s">
        <v>82</v>
      </c>
      <c r="AB78" s="893"/>
      <c r="AC78" s="893"/>
      <c r="AD78" s="893"/>
      <c r="AE78" s="893"/>
      <c r="AF78" s="746" t="s">
        <v>66</v>
      </c>
      <c r="AG78" s="746"/>
      <c r="AH78" s="893"/>
      <c r="AI78" s="893"/>
      <c r="AJ78" s="893"/>
      <c r="AK78" s="893"/>
      <c r="AL78" s="893"/>
      <c r="AM78" s="893"/>
      <c r="AN78" s="893"/>
      <c r="AO78" s="893"/>
      <c r="AP78" s="893"/>
      <c r="AQ78" s="893"/>
      <c r="AR78" s="893"/>
      <c r="AS78" s="893"/>
      <c r="AT78" s="893"/>
      <c r="AU78" s="893"/>
      <c r="AV78" s="893"/>
      <c r="AW78" s="893"/>
      <c r="AX78" s="893"/>
      <c r="AY78" s="893"/>
      <c r="AZ78" s="893"/>
      <c r="BA78" s="893"/>
      <c r="BB78" s="893"/>
      <c r="BC78" s="893"/>
      <c r="BD78" s="893"/>
      <c r="BE78" s="893"/>
      <c r="BF78" s="893"/>
      <c r="BG78" s="746"/>
      <c r="BH78" s="746"/>
      <c r="BI78" s="746"/>
      <c r="BJ78" s="746"/>
      <c r="BK78" s="746"/>
      <c r="BL78" s="746"/>
      <c r="BM78" s="746"/>
      <c r="BN78" s="746"/>
      <c r="BO78" s="746"/>
      <c r="BP78" s="746"/>
      <c r="BQ78" s="746"/>
      <c r="BR78" s="746"/>
      <c r="BS78" s="884">
        <f t="shared" si="102"/>
        <v>500</v>
      </c>
      <c r="BT78" s="661">
        <f t="shared" si="103"/>
        <v>86.988</v>
      </c>
      <c r="BU78" s="661"/>
      <c r="BV78" s="898" t="str">
        <f t="shared" si="123"/>
        <v/>
      </c>
      <c r="BW78" s="898" t="str">
        <f t="shared" si="124"/>
        <v/>
      </c>
      <c r="BX78" s="898" t="str">
        <f t="shared" si="125"/>
        <v/>
      </c>
      <c r="BY78" s="898" t="str">
        <f t="shared" si="126"/>
        <v/>
      </c>
      <c r="BZ78" s="898">
        <f t="shared" si="127"/>
        <v>43494</v>
      </c>
      <c r="CA78" s="898" t="str">
        <f t="shared" si="128"/>
        <v/>
      </c>
      <c r="CB78" s="898" t="str">
        <f t="shared" si="129"/>
        <v/>
      </c>
      <c r="CC78" s="898" t="str">
        <f t="shared" si="130"/>
        <v/>
      </c>
      <c r="CD78" s="898" t="str">
        <f t="shared" si="131"/>
        <v/>
      </c>
      <c r="CE78" s="898" t="str">
        <f t="shared" si="132"/>
        <v/>
      </c>
      <c r="CF78" s="898" t="str">
        <f t="shared" si="133"/>
        <v/>
      </c>
      <c r="CG78" s="898" t="str">
        <f t="shared" si="134"/>
        <v/>
      </c>
      <c r="CH78" s="898" t="str">
        <f t="shared" si="135"/>
        <v/>
      </c>
      <c r="CI78" s="898" t="str">
        <f t="shared" si="136"/>
        <v/>
      </c>
      <c r="CJ78" s="898" t="str">
        <f t="shared" si="137"/>
        <v/>
      </c>
      <c r="CK78" s="898" t="str">
        <f t="shared" si="138"/>
        <v/>
      </c>
      <c r="CL78" s="898" t="str">
        <f t="shared" si="139"/>
        <v/>
      </c>
      <c r="CM78" s="898" t="str">
        <f t="shared" si="109"/>
        <v/>
      </c>
      <c r="CN78" s="898" t="str">
        <f t="shared" si="110"/>
        <v/>
      </c>
      <c r="CO78" s="898" t="str">
        <f t="shared" si="111"/>
        <v/>
      </c>
      <c r="CP78" s="898" t="str">
        <f t="shared" si="112"/>
        <v/>
      </c>
      <c r="CQ78" s="898" t="str">
        <f t="shared" si="113"/>
        <v/>
      </c>
      <c r="CR78" s="898" t="str">
        <f t="shared" si="114"/>
        <v/>
      </c>
      <c r="CS78" s="898" t="str">
        <f t="shared" si="115"/>
        <v/>
      </c>
      <c r="CT78" s="898" t="str">
        <f t="shared" si="116"/>
        <v/>
      </c>
      <c r="CU78" s="898" t="str">
        <f t="shared" si="117"/>
        <v/>
      </c>
      <c r="CV78" s="898" t="str">
        <f t="shared" si="118"/>
        <v/>
      </c>
      <c r="CW78" s="898" t="str">
        <f t="shared" si="119"/>
        <v/>
      </c>
      <c r="CX78" s="898" t="str">
        <f t="shared" si="120"/>
        <v/>
      </c>
      <c r="CY78" s="898" t="str">
        <f t="shared" si="121"/>
        <v/>
      </c>
      <c r="CZ78" s="898" t="str">
        <f t="shared" si="122"/>
        <v/>
      </c>
      <c r="DA78" s="898"/>
      <c r="DB78" s="898"/>
      <c r="DC78" s="898"/>
      <c r="DD78" s="898"/>
      <c r="DE78" s="898"/>
      <c r="DF78" s="898"/>
      <c r="DG78" s="898"/>
      <c r="DH78" s="898"/>
      <c r="DI78" s="898"/>
      <c r="DJ78" s="898"/>
      <c r="DK78" s="898"/>
      <c r="DL78" s="898"/>
      <c r="DM78" s="661">
        <f t="shared" si="104"/>
        <v>43494</v>
      </c>
      <c r="DN78" s="898">
        <f t="shared" si="105"/>
        <v>0</v>
      </c>
      <c r="DO78" s="516">
        <f t="shared" si="106"/>
        <v>0</v>
      </c>
      <c r="DP78" s="898">
        <f t="shared" si="107"/>
        <v>0</v>
      </c>
      <c r="DQ78" s="483" t="s">
        <v>3555</v>
      </c>
      <c r="DR78" s="483" t="s">
        <v>3556</v>
      </c>
      <c r="DS78" s="483" t="s">
        <v>3098</v>
      </c>
      <c r="DT78" s="632"/>
    </row>
    <row r="79" spans="1:124" ht="99.75" x14ac:dyDescent="0.2">
      <c r="A79" s="484" t="str">
        <f t="shared" si="101"/>
        <v>Local Area for Play (LAP) to support Symbio Site, Whiteleaf Road (Hm07)</v>
      </c>
      <c r="B79" s="1163">
        <v>76</v>
      </c>
      <c r="C79" s="481" t="s">
        <v>3569</v>
      </c>
      <c r="D79" s="481" t="s">
        <v>2481</v>
      </c>
      <c r="E79" s="481" t="s">
        <v>53</v>
      </c>
      <c r="F79" s="481" t="s">
        <v>515</v>
      </c>
      <c r="G79" s="654" t="s">
        <v>1333</v>
      </c>
      <c r="H79" s="484" t="s">
        <v>3570</v>
      </c>
      <c r="I79" s="654"/>
      <c r="J79" s="78" t="s">
        <v>3571</v>
      </c>
      <c r="K79" s="654" t="s">
        <v>3104</v>
      </c>
      <c r="L79" s="657" t="s">
        <v>1366</v>
      </c>
      <c r="M79" s="654" t="s">
        <v>2996</v>
      </c>
      <c r="N79" s="654" t="s">
        <v>60</v>
      </c>
      <c r="O79" s="654" t="s">
        <v>525</v>
      </c>
      <c r="P79" s="657" t="s">
        <v>53</v>
      </c>
      <c r="Q79" s="654" t="s">
        <v>380</v>
      </c>
      <c r="R79" s="654"/>
      <c r="S79" s="654"/>
      <c r="T79" s="723">
        <v>43494</v>
      </c>
      <c r="U79" s="723"/>
      <c r="V79" s="654" t="s">
        <v>64</v>
      </c>
      <c r="W79" s="723">
        <f t="shared" si="99"/>
        <v>0</v>
      </c>
      <c r="X79" s="745">
        <f t="shared" si="100"/>
        <v>43494</v>
      </c>
      <c r="Y79" s="723" t="s">
        <v>3106</v>
      </c>
      <c r="Z79" s="723"/>
      <c r="AA79" s="652" t="s">
        <v>82</v>
      </c>
      <c r="AB79" s="893"/>
      <c r="AC79" s="893"/>
      <c r="AD79" s="893"/>
      <c r="AE79" s="893"/>
      <c r="AF79" s="893"/>
      <c r="AG79" s="746"/>
      <c r="AH79" s="746" t="s">
        <v>66</v>
      </c>
      <c r="AI79" s="893"/>
      <c r="AJ79" s="893"/>
      <c r="AK79" s="893"/>
      <c r="AL79" s="893"/>
      <c r="AM79" s="893"/>
      <c r="AN79" s="893"/>
      <c r="AO79" s="893"/>
      <c r="AP79" s="893"/>
      <c r="AQ79" s="893"/>
      <c r="AR79" s="893"/>
      <c r="AS79" s="893"/>
      <c r="AT79" s="893"/>
      <c r="AU79" s="893"/>
      <c r="AV79" s="893"/>
      <c r="AW79" s="893"/>
      <c r="AX79" s="893"/>
      <c r="AY79" s="893"/>
      <c r="AZ79" s="893"/>
      <c r="BA79" s="893"/>
      <c r="BB79" s="893"/>
      <c r="BC79" s="893"/>
      <c r="BD79" s="893"/>
      <c r="BE79" s="893"/>
      <c r="BF79" s="893"/>
      <c r="BG79" s="746"/>
      <c r="BH79" s="746"/>
      <c r="BI79" s="746"/>
      <c r="BJ79" s="746"/>
      <c r="BK79" s="746"/>
      <c r="BL79" s="746"/>
      <c r="BM79" s="746"/>
      <c r="BN79" s="746"/>
      <c r="BO79" s="746"/>
      <c r="BP79" s="746"/>
      <c r="BQ79" s="746"/>
      <c r="BR79" s="746"/>
      <c r="BS79" s="884">
        <f t="shared" si="102"/>
        <v>100</v>
      </c>
      <c r="BT79" s="661">
        <f t="shared" si="103"/>
        <v>434.94</v>
      </c>
      <c r="BU79" s="661"/>
      <c r="BV79" s="898" t="str">
        <f t="shared" si="123"/>
        <v/>
      </c>
      <c r="BW79" s="898" t="str">
        <f t="shared" si="124"/>
        <v/>
      </c>
      <c r="BX79" s="898" t="str">
        <f t="shared" si="125"/>
        <v/>
      </c>
      <c r="BY79" s="898" t="str">
        <f t="shared" si="126"/>
        <v/>
      </c>
      <c r="BZ79" s="898" t="str">
        <f t="shared" si="127"/>
        <v/>
      </c>
      <c r="CA79" s="898" t="str">
        <f t="shared" si="128"/>
        <v/>
      </c>
      <c r="CB79" s="898">
        <f t="shared" si="129"/>
        <v>43494</v>
      </c>
      <c r="CC79" s="898" t="str">
        <f t="shared" si="130"/>
        <v/>
      </c>
      <c r="CD79" s="898" t="str">
        <f t="shared" si="131"/>
        <v/>
      </c>
      <c r="CE79" s="898" t="str">
        <f t="shared" si="132"/>
        <v/>
      </c>
      <c r="CF79" s="898" t="str">
        <f t="shared" si="133"/>
        <v/>
      </c>
      <c r="CG79" s="898" t="str">
        <f t="shared" si="134"/>
        <v/>
      </c>
      <c r="CH79" s="898" t="str">
        <f t="shared" si="135"/>
        <v/>
      </c>
      <c r="CI79" s="898" t="str">
        <f t="shared" si="136"/>
        <v/>
      </c>
      <c r="CJ79" s="898" t="str">
        <f t="shared" si="137"/>
        <v/>
      </c>
      <c r="CK79" s="898" t="str">
        <f t="shared" si="138"/>
        <v/>
      </c>
      <c r="CL79" s="898" t="str">
        <f t="shared" si="139"/>
        <v/>
      </c>
      <c r="CM79" s="898" t="str">
        <f t="shared" si="109"/>
        <v/>
      </c>
      <c r="CN79" s="898" t="str">
        <f t="shared" si="110"/>
        <v/>
      </c>
      <c r="CO79" s="898" t="str">
        <f t="shared" si="111"/>
        <v/>
      </c>
      <c r="CP79" s="898" t="str">
        <f t="shared" si="112"/>
        <v/>
      </c>
      <c r="CQ79" s="898" t="str">
        <f t="shared" si="113"/>
        <v/>
      </c>
      <c r="CR79" s="898" t="str">
        <f t="shared" si="114"/>
        <v/>
      </c>
      <c r="CS79" s="898" t="str">
        <f t="shared" si="115"/>
        <v/>
      </c>
      <c r="CT79" s="898" t="str">
        <f t="shared" si="116"/>
        <v/>
      </c>
      <c r="CU79" s="898" t="str">
        <f t="shared" si="117"/>
        <v/>
      </c>
      <c r="CV79" s="898" t="str">
        <f t="shared" si="118"/>
        <v/>
      </c>
      <c r="CW79" s="898" t="str">
        <f t="shared" si="119"/>
        <v/>
      </c>
      <c r="CX79" s="898" t="str">
        <f t="shared" si="120"/>
        <v/>
      </c>
      <c r="CY79" s="898" t="str">
        <f t="shared" si="121"/>
        <v/>
      </c>
      <c r="CZ79" s="898" t="str">
        <f t="shared" si="122"/>
        <v/>
      </c>
      <c r="DA79" s="898"/>
      <c r="DB79" s="898"/>
      <c r="DC79" s="898"/>
      <c r="DD79" s="898"/>
      <c r="DE79" s="898"/>
      <c r="DF79" s="898"/>
      <c r="DG79" s="898"/>
      <c r="DH79" s="898"/>
      <c r="DI79" s="898"/>
      <c r="DJ79" s="898"/>
      <c r="DK79" s="898"/>
      <c r="DL79" s="898"/>
      <c r="DM79" s="661">
        <f t="shared" si="104"/>
        <v>43494</v>
      </c>
      <c r="DN79" s="898">
        <f t="shared" si="105"/>
        <v>0</v>
      </c>
      <c r="DO79" s="516">
        <f t="shared" si="106"/>
        <v>0</v>
      </c>
      <c r="DP79" s="898">
        <f t="shared" si="107"/>
        <v>0</v>
      </c>
      <c r="DQ79" s="483" t="s">
        <v>3555</v>
      </c>
      <c r="DR79" s="483" t="s">
        <v>3556</v>
      </c>
      <c r="DS79" s="483" t="s">
        <v>3098</v>
      </c>
      <c r="DT79" s="632"/>
    </row>
    <row r="80" spans="1:124" ht="99.75" x14ac:dyDescent="0.2">
      <c r="A80" s="484" t="str">
        <f t="shared" si="101"/>
        <v>Local Area for Play (LAP) to support Hemel Hempstead Station Gateway (Hm08)</v>
      </c>
      <c r="B80" s="1163">
        <v>77</v>
      </c>
      <c r="C80" s="904" t="s">
        <v>3572</v>
      </c>
      <c r="D80" s="481" t="s">
        <v>2481</v>
      </c>
      <c r="E80" s="481" t="s">
        <v>53</v>
      </c>
      <c r="F80" s="481" t="s">
        <v>515</v>
      </c>
      <c r="G80" s="654" t="s">
        <v>1333</v>
      </c>
      <c r="H80" s="484" t="s">
        <v>3573</v>
      </c>
      <c r="I80" s="654"/>
      <c r="J80" s="78" t="s">
        <v>3574</v>
      </c>
      <c r="K80" s="654" t="s">
        <v>3104</v>
      </c>
      <c r="L80" s="657" t="s">
        <v>1367</v>
      </c>
      <c r="M80" s="654" t="s">
        <v>2996</v>
      </c>
      <c r="N80" s="654" t="s">
        <v>60</v>
      </c>
      <c r="O80" s="654" t="s">
        <v>525</v>
      </c>
      <c r="P80" s="657" t="s">
        <v>53</v>
      </c>
      <c r="Q80" s="654" t="s">
        <v>382</v>
      </c>
      <c r="R80" s="654"/>
      <c r="S80" s="654"/>
      <c r="T80" s="723">
        <v>43494</v>
      </c>
      <c r="U80" s="723"/>
      <c r="V80" s="654" t="s">
        <v>64</v>
      </c>
      <c r="W80" s="723">
        <f t="shared" si="99"/>
        <v>0</v>
      </c>
      <c r="X80" s="745">
        <f t="shared" si="100"/>
        <v>43494</v>
      </c>
      <c r="Y80" s="723" t="s">
        <v>3106</v>
      </c>
      <c r="Z80" s="723"/>
      <c r="AA80" s="652" t="s">
        <v>82</v>
      </c>
      <c r="AB80" s="893"/>
      <c r="AC80" s="893"/>
      <c r="AD80" s="893"/>
      <c r="AE80" s="893"/>
      <c r="AF80" s="893"/>
      <c r="AG80" s="746"/>
      <c r="AH80" s="893"/>
      <c r="AI80" s="746" t="s">
        <v>66</v>
      </c>
      <c r="AJ80" s="893"/>
      <c r="AK80" s="893"/>
      <c r="AL80" s="893"/>
      <c r="AM80" s="893"/>
      <c r="AN80" s="893"/>
      <c r="AO80" s="893"/>
      <c r="AP80" s="893"/>
      <c r="AQ80" s="893"/>
      <c r="AR80" s="893"/>
      <c r="AS80" s="893"/>
      <c r="AT80" s="893"/>
      <c r="AU80" s="893"/>
      <c r="AV80" s="893"/>
      <c r="AW80" s="893"/>
      <c r="AX80" s="893"/>
      <c r="AY80" s="893"/>
      <c r="AZ80" s="893"/>
      <c r="BA80" s="893"/>
      <c r="BB80" s="893"/>
      <c r="BC80" s="893"/>
      <c r="BD80" s="893"/>
      <c r="BE80" s="893"/>
      <c r="BF80" s="893"/>
      <c r="BG80" s="746"/>
      <c r="BH80" s="746"/>
      <c r="BI80" s="746"/>
      <c r="BJ80" s="746"/>
      <c r="BK80" s="746"/>
      <c r="BL80" s="746"/>
      <c r="BM80" s="746"/>
      <c r="BN80" s="746"/>
      <c r="BO80" s="746"/>
      <c r="BP80" s="746"/>
      <c r="BQ80" s="746"/>
      <c r="BR80" s="746"/>
      <c r="BS80" s="884">
        <f t="shared" si="102"/>
        <v>390</v>
      </c>
      <c r="BT80" s="661">
        <f t="shared" si="103"/>
        <v>111.52307692307693</v>
      </c>
      <c r="BU80" s="661"/>
      <c r="BV80" s="898" t="str">
        <f t="shared" si="123"/>
        <v/>
      </c>
      <c r="BW80" s="898" t="str">
        <f t="shared" si="124"/>
        <v/>
      </c>
      <c r="BX80" s="898" t="str">
        <f t="shared" si="125"/>
        <v/>
      </c>
      <c r="BY80" s="898" t="str">
        <f t="shared" si="126"/>
        <v/>
      </c>
      <c r="BZ80" s="898" t="str">
        <f t="shared" si="127"/>
        <v/>
      </c>
      <c r="CA80" s="898" t="str">
        <f t="shared" si="128"/>
        <v/>
      </c>
      <c r="CB80" s="898" t="str">
        <f t="shared" si="129"/>
        <v/>
      </c>
      <c r="CC80" s="898">
        <f t="shared" si="130"/>
        <v>43494</v>
      </c>
      <c r="CD80" s="898" t="str">
        <f t="shared" si="131"/>
        <v/>
      </c>
      <c r="CE80" s="898" t="str">
        <f t="shared" si="132"/>
        <v/>
      </c>
      <c r="CF80" s="898" t="str">
        <f t="shared" si="133"/>
        <v/>
      </c>
      <c r="CG80" s="898" t="str">
        <f t="shared" si="134"/>
        <v/>
      </c>
      <c r="CH80" s="898" t="str">
        <f t="shared" si="135"/>
        <v/>
      </c>
      <c r="CI80" s="898" t="str">
        <f t="shared" si="136"/>
        <v/>
      </c>
      <c r="CJ80" s="898" t="str">
        <f t="shared" si="137"/>
        <v/>
      </c>
      <c r="CK80" s="898" t="str">
        <f t="shared" si="138"/>
        <v/>
      </c>
      <c r="CL80" s="898" t="str">
        <f t="shared" si="139"/>
        <v/>
      </c>
      <c r="CM80" s="898" t="str">
        <f t="shared" si="109"/>
        <v/>
      </c>
      <c r="CN80" s="898" t="str">
        <f t="shared" si="110"/>
        <v/>
      </c>
      <c r="CO80" s="898" t="str">
        <f t="shared" si="111"/>
        <v/>
      </c>
      <c r="CP80" s="898" t="str">
        <f t="shared" si="112"/>
        <v/>
      </c>
      <c r="CQ80" s="898" t="str">
        <f t="shared" si="113"/>
        <v/>
      </c>
      <c r="CR80" s="898" t="str">
        <f t="shared" si="114"/>
        <v/>
      </c>
      <c r="CS80" s="898" t="str">
        <f t="shared" si="115"/>
        <v/>
      </c>
      <c r="CT80" s="898" t="str">
        <f t="shared" si="116"/>
        <v/>
      </c>
      <c r="CU80" s="898" t="str">
        <f t="shared" si="117"/>
        <v/>
      </c>
      <c r="CV80" s="898" t="str">
        <f t="shared" si="118"/>
        <v/>
      </c>
      <c r="CW80" s="898" t="str">
        <f t="shared" si="119"/>
        <v/>
      </c>
      <c r="CX80" s="898" t="str">
        <f t="shared" si="120"/>
        <v/>
      </c>
      <c r="CY80" s="898" t="str">
        <f t="shared" si="121"/>
        <v/>
      </c>
      <c r="CZ80" s="898" t="str">
        <f t="shared" si="122"/>
        <v/>
      </c>
      <c r="DA80" s="898"/>
      <c r="DB80" s="898"/>
      <c r="DC80" s="898"/>
      <c r="DD80" s="898"/>
      <c r="DE80" s="898"/>
      <c r="DF80" s="898"/>
      <c r="DG80" s="898"/>
      <c r="DH80" s="898"/>
      <c r="DI80" s="898"/>
      <c r="DJ80" s="898"/>
      <c r="DK80" s="898"/>
      <c r="DL80" s="898"/>
      <c r="DM80" s="661">
        <f t="shared" si="104"/>
        <v>43494</v>
      </c>
      <c r="DN80" s="898">
        <f t="shared" si="105"/>
        <v>0</v>
      </c>
      <c r="DO80" s="516">
        <f t="shared" si="106"/>
        <v>0</v>
      </c>
      <c r="DP80" s="898">
        <f t="shared" si="107"/>
        <v>0</v>
      </c>
      <c r="DQ80" s="483" t="s">
        <v>3555</v>
      </c>
      <c r="DR80" s="483" t="s">
        <v>3556</v>
      </c>
      <c r="DS80" s="483" t="s">
        <v>3098</v>
      </c>
      <c r="DT80" s="632"/>
    </row>
    <row r="81" spans="1:124" s="613" customFormat="1" ht="99.75" x14ac:dyDescent="0.2">
      <c r="A81" s="484" t="str">
        <f t="shared" si="101"/>
        <v>Local Area for Play (LAP) to support National Grid and 339-353 London Road (Hm09)</v>
      </c>
      <c r="B81" s="1163">
        <v>78</v>
      </c>
      <c r="C81" s="904" t="s">
        <v>3575</v>
      </c>
      <c r="D81" s="481" t="s">
        <v>2481</v>
      </c>
      <c r="E81" s="481" t="s">
        <v>53</v>
      </c>
      <c r="F81" s="481" t="s">
        <v>515</v>
      </c>
      <c r="G81" s="654" t="s">
        <v>1333</v>
      </c>
      <c r="H81" s="484" t="s">
        <v>3576</v>
      </c>
      <c r="I81" s="654"/>
      <c r="J81" s="78" t="s">
        <v>3577</v>
      </c>
      <c r="K81" s="654" t="s">
        <v>3104</v>
      </c>
      <c r="L81" s="657" t="s">
        <v>1365</v>
      </c>
      <c r="M81" s="654" t="s">
        <v>2996</v>
      </c>
      <c r="N81" s="654" t="s">
        <v>60</v>
      </c>
      <c r="O81" s="654" t="s">
        <v>525</v>
      </c>
      <c r="P81" s="657" t="s">
        <v>53</v>
      </c>
      <c r="Q81" s="654" t="s">
        <v>187</v>
      </c>
      <c r="R81" s="654"/>
      <c r="S81" s="654"/>
      <c r="T81" s="723">
        <v>43494</v>
      </c>
      <c r="U81" s="723"/>
      <c r="V81" s="654" t="s">
        <v>64</v>
      </c>
      <c r="W81" s="723">
        <f t="shared" si="99"/>
        <v>0</v>
      </c>
      <c r="X81" s="745">
        <f t="shared" si="100"/>
        <v>43494</v>
      </c>
      <c r="Y81" s="723" t="s">
        <v>3106</v>
      </c>
      <c r="Z81" s="723"/>
      <c r="AA81" s="652" t="s">
        <v>82</v>
      </c>
      <c r="AB81" s="893"/>
      <c r="AC81" s="893"/>
      <c r="AD81" s="893"/>
      <c r="AE81" s="893"/>
      <c r="AF81" s="893"/>
      <c r="AG81" s="746" t="s">
        <v>66</v>
      </c>
      <c r="AH81" s="893"/>
      <c r="AI81" s="893"/>
      <c r="AJ81" s="893"/>
      <c r="AK81" s="893"/>
      <c r="AL81" s="893"/>
      <c r="AM81" s="893"/>
      <c r="AN81" s="893"/>
      <c r="AO81" s="893"/>
      <c r="AP81" s="893"/>
      <c r="AQ81" s="893"/>
      <c r="AR81" s="893"/>
      <c r="AS81" s="893"/>
      <c r="AT81" s="893"/>
      <c r="AU81" s="893"/>
      <c r="AV81" s="893"/>
      <c r="AW81" s="893"/>
      <c r="AX81" s="893"/>
      <c r="AY81" s="893"/>
      <c r="AZ81" s="893"/>
      <c r="BA81" s="893"/>
      <c r="BB81" s="893"/>
      <c r="BC81" s="893"/>
      <c r="BD81" s="893"/>
      <c r="BE81" s="893"/>
      <c r="BF81" s="893"/>
      <c r="BG81" s="746"/>
      <c r="BH81" s="746"/>
      <c r="BI81" s="746"/>
      <c r="BJ81" s="746"/>
      <c r="BK81" s="746"/>
      <c r="BL81" s="746"/>
      <c r="BM81" s="746"/>
      <c r="BN81" s="746"/>
      <c r="BO81" s="746"/>
      <c r="BP81" s="746"/>
      <c r="BQ81" s="746"/>
      <c r="BR81" s="746"/>
      <c r="BS81" s="884">
        <f t="shared" si="102"/>
        <v>480</v>
      </c>
      <c r="BT81" s="661">
        <f t="shared" si="103"/>
        <v>90.612499999999997</v>
      </c>
      <c r="BU81" s="661"/>
      <c r="BV81" s="898" t="str">
        <f t="shared" si="123"/>
        <v/>
      </c>
      <c r="BW81" s="898" t="str">
        <f t="shared" si="124"/>
        <v/>
      </c>
      <c r="BX81" s="898" t="str">
        <f t="shared" si="125"/>
        <v/>
      </c>
      <c r="BY81" s="898" t="str">
        <f t="shared" si="126"/>
        <v/>
      </c>
      <c r="BZ81" s="898" t="str">
        <f t="shared" si="127"/>
        <v/>
      </c>
      <c r="CA81" s="898">
        <f t="shared" si="128"/>
        <v>43494</v>
      </c>
      <c r="CB81" s="898" t="str">
        <f t="shared" si="129"/>
        <v/>
      </c>
      <c r="CC81" s="898" t="str">
        <f t="shared" si="130"/>
        <v/>
      </c>
      <c r="CD81" s="898" t="str">
        <f t="shared" si="131"/>
        <v/>
      </c>
      <c r="CE81" s="898" t="str">
        <f t="shared" si="132"/>
        <v/>
      </c>
      <c r="CF81" s="898" t="str">
        <f t="shared" si="133"/>
        <v/>
      </c>
      <c r="CG81" s="898" t="str">
        <f t="shared" si="134"/>
        <v/>
      </c>
      <c r="CH81" s="898" t="str">
        <f t="shared" si="135"/>
        <v/>
      </c>
      <c r="CI81" s="898" t="str">
        <f t="shared" si="136"/>
        <v/>
      </c>
      <c r="CJ81" s="898" t="str">
        <f t="shared" si="137"/>
        <v/>
      </c>
      <c r="CK81" s="898" t="str">
        <f t="shared" si="138"/>
        <v/>
      </c>
      <c r="CL81" s="898" t="str">
        <f t="shared" si="139"/>
        <v/>
      </c>
      <c r="CM81" s="898" t="str">
        <f t="shared" si="109"/>
        <v/>
      </c>
      <c r="CN81" s="898" t="str">
        <f t="shared" si="110"/>
        <v/>
      </c>
      <c r="CO81" s="898" t="str">
        <f t="shared" si="111"/>
        <v/>
      </c>
      <c r="CP81" s="898" t="str">
        <f t="shared" si="112"/>
        <v/>
      </c>
      <c r="CQ81" s="898" t="str">
        <f t="shared" si="113"/>
        <v/>
      </c>
      <c r="CR81" s="898" t="str">
        <f t="shared" si="114"/>
        <v/>
      </c>
      <c r="CS81" s="898" t="str">
        <f t="shared" si="115"/>
        <v/>
      </c>
      <c r="CT81" s="898" t="str">
        <f t="shared" si="116"/>
        <v/>
      </c>
      <c r="CU81" s="898" t="str">
        <f t="shared" si="117"/>
        <v/>
      </c>
      <c r="CV81" s="898" t="str">
        <f t="shared" si="118"/>
        <v/>
      </c>
      <c r="CW81" s="898" t="str">
        <f t="shared" si="119"/>
        <v/>
      </c>
      <c r="CX81" s="898" t="str">
        <f t="shared" si="120"/>
        <v/>
      </c>
      <c r="CY81" s="898" t="str">
        <f t="shared" si="121"/>
        <v/>
      </c>
      <c r="CZ81" s="898" t="str">
        <f t="shared" si="122"/>
        <v/>
      </c>
      <c r="DA81" s="898"/>
      <c r="DB81" s="898"/>
      <c r="DC81" s="898"/>
      <c r="DD81" s="898"/>
      <c r="DE81" s="898"/>
      <c r="DF81" s="898"/>
      <c r="DG81" s="898"/>
      <c r="DH81" s="898"/>
      <c r="DI81" s="898"/>
      <c r="DJ81" s="898"/>
      <c r="DK81" s="898"/>
      <c r="DL81" s="898"/>
      <c r="DM81" s="661">
        <f t="shared" si="104"/>
        <v>43494</v>
      </c>
      <c r="DN81" s="898">
        <f t="shared" si="105"/>
        <v>0</v>
      </c>
      <c r="DO81" s="516">
        <f t="shared" si="106"/>
        <v>0</v>
      </c>
      <c r="DP81" s="898">
        <f t="shared" si="107"/>
        <v>0</v>
      </c>
      <c r="DQ81" s="483" t="s">
        <v>3555</v>
      </c>
      <c r="DR81" s="483" t="s">
        <v>3556</v>
      </c>
      <c r="DS81" s="483" t="s">
        <v>3098</v>
      </c>
      <c r="DT81" s="632"/>
    </row>
    <row r="82" spans="1:124" s="613" customFormat="1" ht="99.75" x14ac:dyDescent="0.2">
      <c r="A82" s="484" t="str">
        <f t="shared" si="101"/>
        <v>Local Area for Play (LAP) to support Apsley Mills Retail Park (Hm10)</v>
      </c>
      <c r="B82" s="1163">
        <v>79</v>
      </c>
      <c r="C82" s="904" t="s">
        <v>3578</v>
      </c>
      <c r="D82" s="481" t="s">
        <v>2481</v>
      </c>
      <c r="E82" s="481" t="s">
        <v>53</v>
      </c>
      <c r="F82" s="481" t="s">
        <v>515</v>
      </c>
      <c r="G82" s="654" t="s">
        <v>1333</v>
      </c>
      <c r="H82" s="484" t="s">
        <v>3579</v>
      </c>
      <c r="I82" s="654"/>
      <c r="J82" s="78" t="s">
        <v>3580</v>
      </c>
      <c r="K82" s="654" t="s">
        <v>3104</v>
      </c>
      <c r="L82" s="657" t="s">
        <v>3018</v>
      </c>
      <c r="M82" s="654" t="s">
        <v>2996</v>
      </c>
      <c r="N82" s="654" t="s">
        <v>60</v>
      </c>
      <c r="O82" s="654" t="s">
        <v>525</v>
      </c>
      <c r="P82" s="657" t="s">
        <v>53</v>
      </c>
      <c r="Q82" s="654" t="s">
        <v>208</v>
      </c>
      <c r="R82" s="654"/>
      <c r="S82" s="654"/>
      <c r="T82" s="723">
        <v>43494</v>
      </c>
      <c r="U82" s="723"/>
      <c r="V82" s="654" t="s">
        <v>64</v>
      </c>
      <c r="W82" s="723">
        <f t="shared" si="99"/>
        <v>0</v>
      </c>
      <c r="X82" s="745">
        <f t="shared" si="100"/>
        <v>43494</v>
      </c>
      <c r="Y82" s="723" t="s">
        <v>3106</v>
      </c>
      <c r="Z82" s="723"/>
      <c r="AA82" s="652" t="s">
        <v>82</v>
      </c>
      <c r="AB82" s="893"/>
      <c r="AC82" s="893"/>
      <c r="AD82" s="893"/>
      <c r="AE82" s="893"/>
      <c r="AF82" s="893"/>
      <c r="AG82" s="746"/>
      <c r="AH82" s="893"/>
      <c r="AI82" s="893"/>
      <c r="AJ82" s="746" t="s">
        <v>66</v>
      </c>
      <c r="AK82" s="893"/>
      <c r="AL82" s="893"/>
      <c r="AM82" s="893"/>
      <c r="AN82" s="893"/>
      <c r="AO82" s="893"/>
      <c r="AP82" s="893"/>
      <c r="AQ82" s="893"/>
      <c r="AR82" s="893"/>
      <c r="AS82" s="893"/>
      <c r="AT82" s="893"/>
      <c r="AU82" s="893"/>
      <c r="AV82" s="893"/>
      <c r="AW82" s="893"/>
      <c r="AX82" s="893"/>
      <c r="AY82" s="893"/>
      <c r="AZ82" s="893"/>
      <c r="BA82" s="893"/>
      <c r="BB82" s="893"/>
      <c r="BC82" s="893"/>
      <c r="BD82" s="893"/>
      <c r="BE82" s="893"/>
      <c r="BF82" s="893"/>
      <c r="BG82" s="746"/>
      <c r="BH82" s="746"/>
      <c r="BI82" s="746"/>
      <c r="BJ82" s="746"/>
      <c r="BK82" s="746"/>
      <c r="BL82" s="746"/>
      <c r="BM82" s="746"/>
      <c r="BN82" s="746"/>
      <c r="BO82" s="746"/>
      <c r="BP82" s="746"/>
      <c r="BQ82" s="746"/>
      <c r="BR82" s="746"/>
      <c r="BS82" s="884">
        <f t="shared" si="102"/>
        <v>500</v>
      </c>
      <c r="BT82" s="661">
        <f t="shared" si="103"/>
        <v>86.988</v>
      </c>
      <c r="BU82" s="661"/>
      <c r="BV82" s="898" t="str">
        <f t="shared" si="123"/>
        <v/>
      </c>
      <c r="BW82" s="898" t="str">
        <f t="shared" si="124"/>
        <v/>
      </c>
      <c r="BX82" s="898" t="str">
        <f t="shared" si="125"/>
        <v/>
      </c>
      <c r="BY82" s="898" t="str">
        <f t="shared" si="126"/>
        <v/>
      </c>
      <c r="BZ82" s="898" t="str">
        <f t="shared" si="127"/>
        <v/>
      </c>
      <c r="CA82" s="898" t="str">
        <f t="shared" si="128"/>
        <v/>
      </c>
      <c r="CB82" s="898" t="str">
        <f t="shared" si="129"/>
        <v/>
      </c>
      <c r="CC82" s="898" t="str">
        <f t="shared" si="130"/>
        <v/>
      </c>
      <c r="CD82" s="898">
        <f t="shared" si="131"/>
        <v>43494</v>
      </c>
      <c r="CE82" s="898" t="str">
        <f t="shared" si="132"/>
        <v/>
      </c>
      <c r="CF82" s="898" t="str">
        <f t="shared" si="133"/>
        <v/>
      </c>
      <c r="CG82" s="898" t="str">
        <f t="shared" si="134"/>
        <v/>
      </c>
      <c r="CH82" s="898" t="str">
        <f t="shared" si="135"/>
        <v/>
      </c>
      <c r="CI82" s="898" t="str">
        <f t="shared" si="136"/>
        <v/>
      </c>
      <c r="CJ82" s="898" t="str">
        <f t="shared" si="137"/>
        <v/>
      </c>
      <c r="CK82" s="898" t="str">
        <f t="shared" si="138"/>
        <v/>
      </c>
      <c r="CL82" s="898" t="str">
        <f t="shared" si="139"/>
        <v/>
      </c>
      <c r="CM82" s="898" t="str">
        <f t="shared" si="109"/>
        <v/>
      </c>
      <c r="CN82" s="898" t="str">
        <f t="shared" si="110"/>
        <v/>
      </c>
      <c r="CO82" s="898" t="str">
        <f t="shared" si="111"/>
        <v/>
      </c>
      <c r="CP82" s="898" t="str">
        <f t="shared" si="112"/>
        <v/>
      </c>
      <c r="CQ82" s="898" t="str">
        <f t="shared" si="113"/>
        <v/>
      </c>
      <c r="CR82" s="898" t="str">
        <f t="shared" si="114"/>
        <v/>
      </c>
      <c r="CS82" s="898" t="str">
        <f t="shared" si="115"/>
        <v/>
      </c>
      <c r="CT82" s="898" t="str">
        <f t="shared" si="116"/>
        <v/>
      </c>
      <c r="CU82" s="898" t="str">
        <f t="shared" si="117"/>
        <v/>
      </c>
      <c r="CV82" s="898" t="str">
        <f t="shared" si="118"/>
        <v/>
      </c>
      <c r="CW82" s="898" t="str">
        <f t="shared" si="119"/>
        <v/>
      </c>
      <c r="CX82" s="898" t="str">
        <f t="shared" si="120"/>
        <v/>
      </c>
      <c r="CY82" s="898" t="str">
        <f t="shared" si="121"/>
        <v/>
      </c>
      <c r="CZ82" s="898" t="str">
        <f t="shared" si="122"/>
        <v/>
      </c>
      <c r="DA82" s="898"/>
      <c r="DB82" s="898"/>
      <c r="DC82" s="898"/>
      <c r="DD82" s="898"/>
      <c r="DE82" s="898"/>
      <c r="DF82" s="898"/>
      <c r="DG82" s="898"/>
      <c r="DH82" s="898"/>
      <c r="DI82" s="898"/>
      <c r="DJ82" s="898"/>
      <c r="DK82" s="898"/>
      <c r="DL82" s="898"/>
      <c r="DM82" s="661">
        <f t="shared" si="104"/>
        <v>43494</v>
      </c>
      <c r="DN82" s="898">
        <f t="shared" si="105"/>
        <v>0</v>
      </c>
      <c r="DO82" s="516">
        <f t="shared" si="106"/>
        <v>0</v>
      </c>
      <c r="DP82" s="898">
        <f t="shared" si="107"/>
        <v>0</v>
      </c>
      <c r="DQ82" s="483" t="s">
        <v>3555</v>
      </c>
      <c r="DR82" s="483" t="s">
        <v>3556</v>
      </c>
      <c r="DS82" s="483" t="s">
        <v>3098</v>
      </c>
      <c r="DT82" s="632"/>
    </row>
    <row r="83" spans="1:124" s="613" customFormat="1" ht="99.75" x14ac:dyDescent="0.2">
      <c r="A83" s="484" t="str">
        <f t="shared" si="101"/>
        <v>Local Area for Play (LAP) to support Shendish Manor and Fairfields (Hm11)</v>
      </c>
      <c r="B83" s="1163">
        <v>80</v>
      </c>
      <c r="C83" s="904" t="s">
        <v>3581</v>
      </c>
      <c r="D83" s="481" t="s">
        <v>2481</v>
      </c>
      <c r="E83" s="481" t="s">
        <v>53</v>
      </c>
      <c r="F83" s="481" t="s">
        <v>515</v>
      </c>
      <c r="G83" s="654" t="s">
        <v>1333</v>
      </c>
      <c r="H83" s="484" t="s">
        <v>3582</v>
      </c>
      <c r="I83" s="654"/>
      <c r="J83" s="78" t="s">
        <v>3583</v>
      </c>
      <c r="K83" s="654" t="s">
        <v>3104</v>
      </c>
      <c r="L83" s="657" t="s">
        <v>1369</v>
      </c>
      <c r="M83" s="654" t="s">
        <v>2996</v>
      </c>
      <c r="N83" s="654" t="s">
        <v>60</v>
      </c>
      <c r="O83" s="654" t="s">
        <v>525</v>
      </c>
      <c r="P83" s="657" t="s">
        <v>53</v>
      </c>
      <c r="Q83" s="654" t="s">
        <v>382</v>
      </c>
      <c r="R83" s="654"/>
      <c r="S83" s="654"/>
      <c r="T83" s="723">
        <v>43494</v>
      </c>
      <c r="U83" s="723"/>
      <c r="V83" s="654" t="s">
        <v>64</v>
      </c>
      <c r="W83" s="723">
        <f t="shared" si="99"/>
        <v>0</v>
      </c>
      <c r="X83" s="745">
        <f t="shared" si="100"/>
        <v>43494</v>
      </c>
      <c r="Y83" s="723" t="s">
        <v>3106</v>
      </c>
      <c r="Z83" s="723"/>
      <c r="AA83" s="652" t="s">
        <v>82</v>
      </c>
      <c r="AB83" s="893"/>
      <c r="AC83" s="893"/>
      <c r="AD83" s="893"/>
      <c r="AE83" s="893"/>
      <c r="AF83" s="893"/>
      <c r="AG83" s="746"/>
      <c r="AH83" s="893"/>
      <c r="AI83" s="893"/>
      <c r="AJ83" s="893"/>
      <c r="AK83" s="746" t="s">
        <v>66</v>
      </c>
      <c r="AL83" s="893"/>
      <c r="AM83" s="893"/>
      <c r="AN83" s="893"/>
      <c r="AO83" s="893"/>
      <c r="AP83" s="893"/>
      <c r="AQ83" s="893"/>
      <c r="AR83" s="893"/>
      <c r="AS83" s="893"/>
      <c r="AT83" s="893"/>
      <c r="AU83" s="893"/>
      <c r="AV83" s="893"/>
      <c r="AW83" s="893"/>
      <c r="AX83" s="893"/>
      <c r="AY83" s="893"/>
      <c r="AZ83" s="893"/>
      <c r="BA83" s="893"/>
      <c r="BB83" s="893"/>
      <c r="BC83" s="893"/>
      <c r="BD83" s="893"/>
      <c r="BE83" s="893"/>
      <c r="BF83" s="893"/>
      <c r="BG83" s="746"/>
      <c r="BH83" s="746"/>
      <c r="BI83" s="746"/>
      <c r="BJ83" s="746"/>
      <c r="BK83" s="746"/>
      <c r="BL83" s="746"/>
      <c r="BM83" s="746"/>
      <c r="BN83" s="746"/>
      <c r="BO83" s="746"/>
      <c r="BP83" s="746"/>
      <c r="BQ83" s="746"/>
      <c r="BR83" s="746"/>
      <c r="BS83" s="884">
        <f t="shared" si="102"/>
        <v>500</v>
      </c>
      <c r="BT83" s="661">
        <f t="shared" si="103"/>
        <v>86.988</v>
      </c>
      <c r="BU83" s="661"/>
      <c r="BV83" s="898" t="str">
        <f t="shared" si="123"/>
        <v/>
      </c>
      <c r="BW83" s="898" t="str">
        <f t="shared" si="124"/>
        <v/>
      </c>
      <c r="BX83" s="898" t="str">
        <f t="shared" si="125"/>
        <v/>
      </c>
      <c r="BY83" s="898" t="str">
        <f t="shared" si="126"/>
        <v/>
      </c>
      <c r="BZ83" s="898" t="str">
        <f t="shared" si="127"/>
        <v/>
      </c>
      <c r="CA83" s="898" t="str">
        <f t="shared" si="128"/>
        <v/>
      </c>
      <c r="CB83" s="898" t="str">
        <f t="shared" si="129"/>
        <v/>
      </c>
      <c r="CC83" s="898" t="str">
        <f t="shared" si="130"/>
        <v/>
      </c>
      <c r="CD83" s="898" t="str">
        <f t="shared" si="131"/>
        <v/>
      </c>
      <c r="CE83" s="898">
        <f t="shared" si="132"/>
        <v>43494</v>
      </c>
      <c r="CF83" s="898" t="str">
        <f t="shared" si="133"/>
        <v/>
      </c>
      <c r="CG83" s="898" t="str">
        <f t="shared" si="134"/>
        <v/>
      </c>
      <c r="CH83" s="898" t="str">
        <f t="shared" si="135"/>
        <v/>
      </c>
      <c r="CI83" s="898" t="str">
        <f t="shared" si="136"/>
        <v/>
      </c>
      <c r="CJ83" s="898" t="str">
        <f t="shared" si="137"/>
        <v/>
      </c>
      <c r="CK83" s="898" t="str">
        <f t="shared" si="138"/>
        <v/>
      </c>
      <c r="CL83" s="898" t="str">
        <f t="shared" si="139"/>
        <v/>
      </c>
      <c r="CM83" s="898" t="str">
        <f t="shared" si="109"/>
        <v/>
      </c>
      <c r="CN83" s="898" t="str">
        <f t="shared" si="110"/>
        <v/>
      </c>
      <c r="CO83" s="898" t="str">
        <f t="shared" si="111"/>
        <v/>
      </c>
      <c r="CP83" s="898" t="str">
        <f t="shared" si="112"/>
        <v/>
      </c>
      <c r="CQ83" s="898" t="str">
        <f t="shared" si="113"/>
        <v/>
      </c>
      <c r="CR83" s="898" t="str">
        <f t="shared" si="114"/>
        <v/>
      </c>
      <c r="CS83" s="898" t="str">
        <f t="shared" si="115"/>
        <v/>
      </c>
      <c r="CT83" s="898" t="str">
        <f t="shared" si="116"/>
        <v/>
      </c>
      <c r="CU83" s="898" t="str">
        <f t="shared" si="117"/>
        <v/>
      </c>
      <c r="CV83" s="898" t="str">
        <f t="shared" si="118"/>
        <v/>
      </c>
      <c r="CW83" s="898" t="str">
        <f t="shared" si="119"/>
        <v/>
      </c>
      <c r="CX83" s="898" t="str">
        <f t="shared" si="120"/>
        <v/>
      </c>
      <c r="CY83" s="898" t="str">
        <f t="shared" si="121"/>
        <v/>
      </c>
      <c r="CZ83" s="898" t="str">
        <f t="shared" si="122"/>
        <v/>
      </c>
      <c r="DA83" s="898"/>
      <c r="DB83" s="898"/>
      <c r="DC83" s="898"/>
      <c r="DD83" s="898"/>
      <c r="DE83" s="898"/>
      <c r="DF83" s="898"/>
      <c r="DG83" s="898"/>
      <c r="DH83" s="898"/>
      <c r="DI83" s="898"/>
      <c r="DJ83" s="898"/>
      <c r="DK83" s="898"/>
      <c r="DL83" s="898"/>
      <c r="DM83" s="661">
        <f t="shared" si="104"/>
        <v>43494</v>
      </c>
      <c r="DN83" s="898">
        <f t="shared" si="105"/>
        <v>0</v>
      </c>
      <c r="DO83" s="516">
        <f t="shared" si="106"/>
        <v>0</v>
      </c>
      <c r="DP83" s="898">
        <f t="shared" si="107"/>
        <v>0</v>
      </c>
      <c r="DQ83" s="483" t="s">
        <v>3555</v>
      </c>
      <c r="DR83" s="483" t="s">
        <v>3556</v>
      </c>
      <c r="DS83" s="483" t="s">
        <v>3098</v>
      </c>
      <c r="DT83" s="632"/>
    </row>
    <row r="84" spans="1:124" ht="99.75" x14ac:dyDescent="0.2">
      <c r="A84" s="484" t="str">
        <f t="shared" si="101"/>
        <v>Local Area for Play (LAP) to support Plots 2/3 Kier Park, Maylands Avenue (Hm12)</v>
      </c>
      <c r="B84" s="1163">
        <v>81</v>
      </c>
      <c r="C84" s="904" t="s">
        <v>3584</v>
      </c>
      <c r="D84" s="481" t="s">
        <v>2481</v>
      </c>
      <c r="E84" s="481" t="s">
        <v>53</v>
      </c>
      <c r="F84" s="481" t="s">
        <v>515</v>
      </c>
      <c r="G84" s="654" t="s">
        <v>1333</v>
      </c>
      <c r="H84" s="484" t="s">
        <v>3585</v>
      </c>
      <c r="I84" s="654"/>
      <c r="J84" s="78" t="s">
        <v>3586</v>
      </c>
      <c r="K84" s="654" t="s">
        <v>3104</v>
      </c>
      <c r="L84" s="657" t="s">
        <v>1371</v>
      </c>
      <c r="M84" s="654" t="s">
        <v>2996</v>
      </c>
      <c r="N84" s="654" t="s">
        <v>60</v>
      </c>
      <c r="O84" s="654" t="s">
        <v>525</v>
      </c>
      <c r="P84" s="657" t="s">
        <v>53</v>
      </c>
      <c r="Q84" s="654" t="s">
        <v>570</v>
      </c>
      <c r="R84" s="654"/>
      <c r="S84" s="654"/>
      <c r="T84" s="723">
        <v>43494</v>
      </c>
      <c r="U84" s="723"/>
      <c r="V84" s="654" t="s">
        <v>64</v>
      </c>
      <c r="W84" s="723">
        <f t="shared" si="99"/>
        <v>0</v>
      </c>
      <c r="X84" s="745">
        <f t="shared" si="100"/>
        <v>43494</v>
      </c>
      <c r="Y84" s="723" t="s">
        <v>3106</v>
      </c>
      <c r="Z84" s="723"/>
      <c r="AA84" s="652" t="s">
        <v>82</v>
      </c>
      <c r="AB84" s="893"/>
      <c r="AC84" s="893"/>
      <c r="AD84" s="893"/>
      <c r="AE84" s="893"/>
      <c r="AF84" s="893"/>
      <c r="AG84" s="746"/>
      <c r="AH84" s="893"/>
      <c r="AI84" s="893"/>
      <c r="AJ84" s="893"/>
      <c r="AK84" s="893"/>
      <c r="AL84" s="893"/>
      <c r="AM84" s="893"/>
      <c r="AN84" s="746" t="s">
        <v>66</v>
      </c>
      <c r="AO84" s="893"/>
      <c r="AP84" s="893"/>
      <c r="AQ84" s="893"/>
      <c r="AR84" s="893"/>
      <c r="AS84" s="893"/>
      <c r="AT84" s="893"/>
      <c r="AU84" s="893"/>
      <c r="AV84" s="893"/>
      <c r="AW84" s="893"/>
      <c r="AX84" s="893"/>
      <c r="AY84" s="893"/>
      <c r="AZ84" s="893"/>
      <c r="BA84" s="893"/>
      <c r="BB84" s="893"/>
      <c r="BC84" s="893"/>
      <c r="BD84" s="893"/>
      <c r="BE84" s="893"/>
      <c r="BF84" s="893"/>
      <c r="BG84" s="746"/>
      <c r="BH84" s="746"/>
      <c r="BI84" s="746"/>
      <c r="BJ84" s="746"/>
      <c r="BK84" s="746"/>
      <c r="BL84" s="746"/>
      <c r="BM84" s="746"/>
      <c r="BN84" s="746"/>
      <c r="BO84" s="746"/>
      <c r="BP84" s="746"/>
      <c r="BQ84" s="746"/>
      <c r="BR84" s="746"/>
      <c r="BS84" s="884">
        <f t="shared" si="102"/>
        <v>234</v>
      </c>
      <c r="BT84" s="661">
        <f t="shared" si="103"/>
        <v>185.87179487179486</v>
      </c>
      <c r="BU84" s="661"/>
      <c r="BV84" s="898" t="str">
        <f t="shared" si="123"/>
        <v/>
      </c>
      <c r="BW84" s="898" t="str">
        <f t="shared" si="124"/>
        <v/>
      </c>
      <c r="BX84" s="898" t="str">
        <f t="shared" si="125"/>
        <v/>
      </c>
      <c r="BY84" s="898" t="str">
        <f t="shared" si="126"/>
        <v/>
      </c>
      <c r="BZ84" s="898" t="str">
        <f t="shared" si="127"/>
        <v/>
      </c>
      <c r="CA84" s="898" t="str">
        <f t="shared" si="128"/>
        <v/>
      </c>
      <c r="CB84" s="898" t="str">
        <f t="shared" si="129"/>
        <v/>
      </c>
      <c r="CC84" s="898" t="str">
        <f t="shared" si="130"/>
        <v/>
      </c>
      <c r="CD84" s="898" t="str">
        <f t="shared" si="131"/>
        <v/>
      </c>
      <c r="CE84" s="898" t="str">
        <f t="shared" si="132"/>
        <v/>
      </c>
      <c r="CF84" s="898" t="str">
        <f t="shared" si="133"/>
        <v/>
      </c>
      <c r="CG84" s="898" t="str">
        <f t="shared" si="134"/>
        <v/>
      </c>
      <c r="CH84" s="898">
        <f t="shared" si="135"/>
        <v>43494</v>
      </c>
      <c r="CI84" s="898" t="str">
        <f t="shared" si="136"/>
        <v/>
      </c>
      <c r="CJ84" s="898" t="str">
        <f t="shared" si="137"/>
        <v/>
      </c>
      <c r="CK84" s="898" t="str">
        <f t="shared" si="138"/>
        <v/>
      </c>
      <c r="CL84" s="898" t="str">
        <f t="shared" si="139"/>
        <v/>
      </c>
      <c r="CM84" s="898" t="str">
        <f t="shared" si="109"/>
        <v/>
      </c>
      <c r="CN84" s="898" t="str">
        <f t="shared" si="110"/>
        <v/>
      </c>
      <c r="CO84" s="898" t="str">
        <f t="shared" si="111"/>
        <v/>
      </c>
      <c r="CP84" s="898" t="str">
        <f t="shared" si="112"/>
        <v/>
      </c>
      <c r="CQ84" s="898" t="str">
        <f t="shared" si="113"/>
        <v/>
      </c>
      <c r="CR84" s="898" t="str">
        <f t="shared" si="114"/>
        <v/>
      </c>
      <c r="CS84" s="898" t="str">
        <f t="shared" si="115"/>
        <v/>
      </c>
      <c r="CT84" s="898" t="str">
        <f t="shared" si="116"/>
        <v/>
      </c>
      <c r="CU84" s="898" t="str">
        <f t="shared" si="117"/>
        <v/>
      </c>
      <c r="CV84" s="898" t="str">
        <f t="shared" si="118"/>
        <v/>
      </c>
      <c r="CW84" s="898" t="str">
        <f t="shared" si="119"/>
        <v/>
      </c>
      <c r="CX84" s="898" t="str">
        <f t="shared" si="120"/>
        <v/>
      </c>
      <c r="CY84" s="898" t="str">
        <f t="shared" si="121"/>
        <v/>
      </c>
      <c r="CZ84" s="898" t="str">
        <f t="shared" si="122"/>
        <v/>
      </c>
      <c r="DA84" s="898"/>
      <c r="DB84" s="898"/>
      <c r="DC84" s="898"/>
      <c r="DD84" s="898"/>
      <c r="DE84" s="898"/>
      <c r="DF84" s="898"/>
      <c r="DG84" s="898"/>
      <c r="DH84" s="898"/>
      <c r="DI84" s="898"/>
      <c r="DJ84" s="898"/>
      <c r="DK84" s="898"/>
      <c r="DL84" s="898"/>
      <c r="DM84" s="661">
        <f t="shared" si="104"/>
        <v>43494</v>
      </c>
      <c r="DN84" s="898">
        <f t="shared" si="105"/>
        <v>0</v>
      </c>
      <c r="DO84" s="516">
        <f t="shared" si="106"/>
        <v>0</v>
      </c>
      <c r="DP84" s="898">
        <f t="shared" si="107"/>
        <v>0</v>
      </c>
      <c r="DQ84" s="483" t="s">
        <v>3555</v>
      </c>
      <c r="DR84" s="483" t="s">
        <v>3556</v>
      </c>
      <c r="DS84" s="483" t="s">
        <v>3098</v>
      </c>
      <c r="DT84" s="632"/>
    </row>
    <row r="85" spans="1:124" ht="99.75" x14ac:dyDescent="0.2">
      <c r="A85" s="484" t="str">
        <f t="shared" si="101"/>
        <v>Local Area for Play (LAP) to support Polehanger Lane (Hm13)</v>
      </c>
      <c r="B85" s="1163">
        <v>82</v>
      </c>
      <c r="C85" s="904" t="s">
        <v>3587</v>
      </c>
      <c r="D85" s="481" t="s">
        <v>2481</v>
      </c>
      <c r="E85" s="481" t="s">
        <v>53</v>
      </c>
      <c r="F85" s="481" t="s">
        <v>515</v>
      </c>
      <c r="G85" s="654" t="s">
        <v>1333</v>
      </c>
      <c r="H85" s="484" t="s">
        <v>3588</v>
      </c>
      <c r="I85" s="654"/>
      <c r="J85" s="78" t="s">
        <v>3589</v>
      </c>
      <c r="K85" s="654" t="s">
        <v>3104</v>
      </c>
      <c r="L85" s="657" t="s">
        <v>3590</v>
      </c>
      <c r="M85" s="654" t="s">
        <v>2996</v>
      </c>
      <c r="N85" s="654" t="s">
        <v>60</v>
      </c>
      <c r="O85" s="654" t="s">
        <v>525</v>
      </c>
      <c r="P85" s="657" t="s">
        <v>53</v>
      </c>
      <c r="Q85" s="654" t="s">
        <v>390</v>
      </c>
      <c r="R85" s="654"/>
      <c r="S85" s="654"/>
      <c r="T85" s="723">
        <v>43494</v>
      </c>
      <c r="U85" s="723"/>
      <c r="V85" s="654" t="s">
        <v>64</v>
      </c>
      <c r="W85" s="723">
        <f t="shared" si="99"/>
        <v>0</v>
      </c>
      <c r="X85" s="745">
        <f t="shared" si="100"/>
        <v>43494</v>
      </c>
      <c r="Y85" s="723" t="s">
        <v>3106</v>
      </c>
      <c r="Z85" s="723"/>
      <c r="AA85" s="652" t="s">
        <v>82</v>
      </c>
      <c r="AB85" s="893"/>
      <c r="AC85" s="893"/>
      <c r="AD85" s="893"/>
      <c r="AE85" s="893"/>
      <c r="AF85" s="893"/>
      <c r="AG85" s="746"/>
      <c r="AH85" s="893"/>
      <c r="AI85" s="893"/>
      <c r="AJ85" s="893"/>
      <c r="AK85" s="893"/>
      <c r="AL85" s="746" t="s">
        <v>66</v>
      </c>
      <c r="AM85" s="893"/>
      <c r="AN85" s="893"/>
      <c r="AO85" s="893"/>
      <c r="AP85" s="893"/>
      <c r="AQ85" s="893"/>
      <c r="AR85" s="893"/>
      <c r="AS85" s="893"/>
      <c r="AT85" s="893"/>
      <c r="AU85" s="893"/>
      <c r="AV85" s="893"/>
      <c r="AW85" s="893"/>
      <c r="AX85" s="893"/>
      <c r="AY85" s="893"/>
      <c r="AZ85" s="893"/>
      <c r="BA85" s="893"/>
      <c r="BB85" s="893"/>
      <c r="BC85" s="893"/>
      <c r="BD85" s="893"/>
      <c r="BE85" s="893"/>
      <c r="BF85" s="893"/>
      <c r="BG85" s="746"/>
      <c r="BH85" s="746"/>
      <c r="BI85" s="746"/>
      <c r="BJ85" s="746"/>
      <c r="BK85" s="746"/>
      <c r="BL85" s="746"/>
      <c r="BM85" s="746"/>
      <c r="BN85" s="746"/>
      <c r="BO85" s="746"/>
      <c r="BP85" s="746"/>
      <c r="BQ85" s="746"/>
      <c r="BR85" s="746"/>
      <c r="BS85" s="884">
        <f t="shared" si="102"/>
        <v>750</v>
      </c>
      <c r="BT85" s="661">
        <f t="shared" si="103"/>
        <v>57.991999999999997</v>
      </c>
      <c r="BU85" s="661"/>
      <c r="BV85" s="898" t="str">
        <f t="shared" si="123"/>
        <v/>
      </c>
      <c r="BW85" s="898" t="str">
        <f t="shared" si="124"/>
        <v/>
      </c>
      <c r="BX85" s="898" t="str">
        <f t="shared" si="125"/>
        <v/>
      </c>
      <c r="BY85" s="898" t="str">
        <f t="shared" si="126"/>
        <v/>
      </c>
      <c r="BZ85" s="898" t="str">
        <f t="shared" si="127"/>
        <v/>
      </c>
      <c r="CA85" s="898" t="str">
        <f t="shared" si="128"/>
        <v/>
      </c>
      <c r="CB85" s="898" t="str">
        <f t="shared" si="129"/>
        <v/>
      </c>
      <c r="CC85" s="898" t="str">
        <f t="shared" si="130"/>
        <v/>
      </c>
      <c r="CD85" s="898" t="str">
        <f t="shared" si="131"/>
        <v/>
      </c>
      <c r="CE85" s="898" t="str">
        <f t="shared" si="132"/>
        <v/>
      </c>
      <c r="CF85" s="898">
        <f t="shared" si="133"/>
        <v>43494</v>
      </c>
      <c r="CG85" s="898" t="str">
        <f t="shared" si="134"/>
        <v/>
      </c>
      <c r="CH85" s="898" t="str">
        <f t="shared" si="135"/>
        <v/>
      </c>
      <c r="CI85" s="898" t="str">
        <f t="shared" si="136"/>
        <v/>
      </c>
      <c r="CJ85" s="898" t="str">
        <f t="shared" si="137"/>
        <v/>
      </c>
      <c r="CK85" s="898" t="str">
        <f t="shared" si="138"/>
        <v/>
      </c>
      <c r="CL85" s="898" t="str">
        <f t="shared" si="139"/>
        <v/>
      </c>
      <c r="CM85" s="898" t="str">
        <f t="shared" si="109"/>
        <v/>
      </c>
      <c r="CN85" s="898" t="str">
        <f t="shared" si="110"/>
        <v/>
      </c>
      <c r="CO85" s="898" t="str">
        <f t="shared" si="111"/>
        <v/>
      </c>
      <c r="CP85" s="898" t="str">
        <f t="shared" si="112"/>
        <v/>
      </c>
      <c r="CQ85" s="898" t="str">
        <f t="shared" si="113"/>
        <v/>
      </c>
      <c r="CR85" s="898" t="str">
        <f t="shared" si="114"/>
        <v/>
      </c>
      <c r="CS85" s="898" t="str">
        <f t="shared" si="115"/>
        <v/>
      </c>
      <c r="CT85" s="898" t="str">
        <f t="shared" si="116"/>
        <v/>
      </c>
      <c r="CU85" s="898" t="str">
        <f t="shared" si="117"/>
        <v/>
      </c>
      <c r="CV85" s="898" t="str">
        <f t="shared" si="118"/>
        <v/>
      </c>
      <c r="CW85" s="898" t="str">
        <f t="shared" si="119"/>
        <v/>
      </c>
      <c r="CX85" s="898" t="str">
        <f t="shared" si="120"/>
        <v/>
      </c>
      <c r="CY85" s="898" t="str">
        <f t="shared" si="121"/>
        <v/>
      </c>
      <c r="CZ85" s="898" t="str">
        <f t="shared" si="122"/>
        <v/>
      </c>
      <c r="DA85" s="898"/>
      <c r="DB85" s="898"/>
      <c r="DC85" s="898"/>
      <c r="DD85" s="898"/>
      <c r="DE85" s="898"/>
      <c r="DF85" s="898"/>
      <c r="DG85" s="898"/>
      <c r="DH85" s="898"/>
      <c r="DI85" s="898"/>
      <c r="DJ85" s="898"/>
      <c r="DK85" s="898"/>
      <c r="DL85" s="898"/>
      <c r="DM85" s="661">
        <f t="shared" si="104"/>
        <v>43494</v>
      </c>
      <c r="DN85" s="898">
        <f t="shared" si="105"/>
        <v>0</v>
      </c>
      <c r="DO85" s="516">
        <f t="shared" si="106"/>
        <v>0</v>
      </c>
      <c r="DP85" s="898">
        <f t="shared" si="107"/>
        <v>0</v>
      </c>
      <c r="DQ85" s="483" t="s">
        <v>3555</v>
      </c>
      <c r="DR85" s="483" t="s">
        <v>3556</v>
      </c>
      <c r="DS85" s="483" t="s">
        <v>3098</v>
      </c>
      <c r="DT85" s="632"/>
    </row>
    <row r="86" spans="1:124" ht="99.75" x14ac:dyDescent="0.2">
      <c r="A86" s="484" t="str">
        <f t="shared" si="101"/>
        <v>Local Area for Play (LAP) to support Marchmont Farm (Hm14)</v>
      </c>
      <c r="B86" s="1163">
        <v>83</v>
      </c>
      <c r="C86" s="904" t="s">
        <v>3591</v>
      </c>
      <c r="D86" s="481" t="s">
        <v>2481</v>
      </c>
      <c r="E86" s="481" t="s">
        <v>53</v>
      </c>
      <c r="F86" s="481" t="s">
        <v>515</v>
      </c>
      <c r="G86" s="654" t="s">
        <v>1333</v>
      </c>
      <c r="H86" s="484" t="s">
        <v>3592</v>
      </c>
      <c r="I86" s="654"/>
      <c r="J86" s="78" t="s">
        <v>3593</v>
      </c>
      <c r="K86" s="654" t="s">
        <v>3104</v>
      </c>
      <c r="L86" s="657" t="s">
        <v>2609</v>
      </c>
      <c r="M86" s="654" t="s">
        <v>2996</v>
      </c>
      <c r="N86" s="654" t="s">
        <v>60</v>
      </c>
      <c r="O86" s="654" t="s">
        <v>525</v>
      </c>
      <c r="P86" s="657" t="s">
        <v>53</v>
      </c>
      <c r="Q86" s="654" t="s">
        <v>187</v>
      </c>
      <c r="R86" s="654"/>
      <c r="S86" s="654"/>
      <c r="T86" s="723">
        <v>43494</v>
      </c>
      <c r="U86" s="723"/>
      <c r="V86" s="654" t="s">
        <v>64</v>
      </c>
      <c r="W86" s="723">
        <f t="shared" si="99"/>
        <v>0</v>
      </c>
      <c r="X86" s="745">
        <f t="shared" si="100"/>
        <v>43494</v>
      </c>
      <c r="Y86" s="723" t="s">
        <v>3106</v>
      </c>
      <c r="Z86" s="723"/>
      <c r="AA86" s="652" t="s">
        <v>82</v>
      </c>
      <c r="AB86" s="893"/>
      <c r="AC86" s="893"/>
      <c r="AD86" s="893"/>
      <c r="AE86" s="893"/>
      <c r="AF86" s="893"/>
      <c r="AG86" s="746"/>
      <c r="AH86" s="893"/>
      <c r="AI86" s="893"/>
      <c r="AJ86" s="893"/>
      <c r="AK86" s="893"/>
      <c r="AL86" s="893"/>
      <c r="AM86" s="893"/>
      <c r="AN86" s="893"/>
      <c r="AO86" s="746" t="s">
        <v>66</v>
      </c>
      <c r="AP86" s="893"/>
      <c r="AQ86" s="893"/>
      <c r="AR86" s="893"/>
      <c r="AS86" s="893"/>
      <c r="AT86" s="893"/>
      <c r="AU86" s="893"/>
      <c r="AV86" s="893"/>
      <c r="AW86" s="893"/>
      <c r="AX86" s="893"/>
      <c r="AY86" s="893"/>
      <c r="AZ86" s="893"/>
      <c r="BA86" s="893"/>
      <c r="BB86" s="893"/>
      <c r="BC86" s="893"/>
      <c r="BD86" s="893"/>
      <c r="BE86" s="893"/>
      <c r="BF86" s="893"/>
      <c r="BG86" s="746"/>
      <c r="BH86" s="746"/>
      <c r="BI86" s="746"/>
      <c r="BJ86" s="746"/>
      <c r="BK86" s="746"/>
      <c r="BL86" s="746"/>
      <c r="BM86" s="746"/>
      <c r="BN86" s="746"/>
      <c r="BO86" s="746"/>
      <c r="BP86" s="746"/>
      <c r="BQ86" s="746"/>
      <c r="BR86" s="746"/>
      <c r="BS86" s="884">
        <f t="shared" si="102"/>
        <v>350</v>
      </c>
      <c r="BT86" s="661">
        <f t="shared" si="103"/>
        <v>124.26857142857143</v>
      </c>
      <c r="BU86" s="661"/>
      <c r="BV86" s="898" t="str">
        <f t="shared" si="123"/>
        <v/>
      </c>
      <c r="BW86" s="898" t="str">
        <f t="shared" si="124"/>
        <v/>
      </c>
      <c r="BX86" s="898" t="str">
        <f t="shared" si="125"/>
        <v/>
      </c>
      <c r="BY86" s="898" t="str">
        <f t="shared" si="126"/>
        <v/>
      </c>
      <c r="BZ86" s="898" t="str">
        <f t="shared" si="127"/>
        <v/>
      </c>
      <c r="CA86" s="898" t="str">
        <f t="shared" si="128"/>
        <v/>
      </c>
      <c r="CB86" s="898" t="str">
        <f t="shared" si="129"/>
        <v/>
      </c>
      <c r="CC86" s="898" t="str">
        <f t="shared" si="130"/>
        <v/>
      </c>
      <c r="CD86" s="898" t="str">
        <f t="shared" si="131"/>
        <v/>
      </c>
      <c r="CE86" s="898" t="str">
        <f t="shared" si="132"/>
        <v/>
      </c>
      <c r="CF86" s="898" t="str">
        <f t="shared" si="133"/>
        <v/>
      </c>
      <c r="CG86" s="898" t="str">
        <f t="shared" si="134"/>
        <v/>
      </c>
      <c r="CH86" s="898" t="str">
        <f t="shared" si="135"/>
        <v/>
      </c>
      <c r="CI86" s="898">
        <f t="shared" si="136"/>
        <v>43494</v>
      </c>
      <c r="CJ86" s="898" t="str">
        <f t="shared" si="137"/>
        <v/>
      </c>
      <c r="CK86" s="898" t="str">
        <f t="shared" si="138"/>
        <v/>
      </c>
      <c r="CL86" s="898" t="str">
        <f t="shared" si="139"/>
        <v/>
      </c>
      <c r="CM86" s="898" t="str">
        <f t="shared" si="109"/>
        <v/>
      </c>
      <c r="CN86" s="898" t="str">
        <f t="shared" si="110"/>
        <v/>
      </c>
      <c r="CO86" s="898" t="str">
        <f t="shared" si="111"/>
        <v/>
      </c>
      <c r="CP86" s="898" t="str">
        <f t="shared" si="112"/>
        <v/>
      </c>
      <c r="CQ86" s="898" t="str">
        <f t="shared" si="113"/>
        <v/>
      </c>
      <c r="CR86" s="898" t="str">
        <f t="shared" si="114"/>
        <v/>
      </c>
      <c r="CS86" s="898" t="str">
        <f t="shared" si="115"/>
        <v/>
      </c>
      <c r="CT86" s="898" t="str">
        <f t="shared" si="116"/>
        <v/>
      </c>
      <c r="CU86" s="898" t="str">
        <f t="shared" si="117"/>
        <v/>
      </c>
      <c r="CV86" s="898" t="str">
        <f t="shared" si="118"/>
        <v/>
      </c>
      <c r="CW86" s="898" t="str">
        <f t="shared" si="119"/>
        <v/>
      </c>
      <c r="CX86" s="898" t="str">
        <f t="shared" si="120"/>
        <v/>
      </c>
      <c r="CY86" s="898" t="str">
        <f t="shared" si="121"/>
        <v/>
      </c>
      <c r="CZ86" s="898" t="str">
        <f t="shared" si="122"/>
        <v/>
      </c>
      <c r="DA86" s="898"/>
      <c r="DB86" s="898"/>
      <c r="DC86" s="898"/>
      <c r="DD86" s="898"/>
      <c r="DE86" s="898"/>
      <c r="DF86" s="898"/>
      <c r="DG86" s="898"/>
      <c r="DH86" s="898"/>
      <c r="DI86" s="898"/>
      <c r="DJ86" s="898"/>
      <c r="DK86" s="898"/>
      <c r="DL86" s="898"/>
      <c r="DM86" s="661">
        <f t="shared" si="104"/>
        <v>43494</v>
      </c>
      <c r="DN86" s="898">
        <f t="shared" si="105"/>
        <v>0</v>
      </c>
      <c r="DO86" s="516">
        <f t="shared" si="106"/>
        <v>0</v>
      </c>
      <c r="DP86" s="898">
        <f t="shared" si="107"/>
        <v>0</v>
      </c>
      <c r="DQ86" s="483" t="s">
        <v>3555</v>
      </c>
      <c r="DR86" s="483" t="s">
        <v>3556</v>
      </c>
      <c r="DS86" s="483" t="s">
        <v>3098</v>
      </c>
      <c r="DT86" s="632"/>
    </row>
    <row r="87" spans="1:124" ht="99.75" x14ac:dyDescent="0.2">
      <c r="A87" s="484" t="str">
        <f t="shared" si="101"/>
        <v>Local Area for Play (LAP) to support Old Town (Hm15)</v>
      </c>
      <c r="B87" s="1163">
        <v>84</v>
      </c>
      <c r="C87" s="904" t="s">
        <v>3594</v>
      </c>
      <c r="D87" s="481" t="s">
        <v>2481</v>
      </c>
      <c r="E87" s="481" t="s">
        <v>53</v>
      </c>
      <c r="F87" s="481" t="s">
        <v>515</v>
      </c>
      <c r="G87" s="654" t="s">
        <v>1333</v>
      </c>
      <c r="H87" s="484" t="s">
        <v>3595</v>
      </c>
      <c r="I87" s="654"/>
      <c r="J87" s="78" t="s">
        <v>3596</v>
      </c>
      <c r="K87" s="654" t="s">
        <v>3104</v>
      </c>
      <c r="L87" s="657" t="s">
        <v>3066</v>
      </c>
      <c r="M87" s="654" t="s">
        <v>2996</v>
      </c>
      <c r="N87" s="654" t="s">
        <v>60</v>
      </c>
      <c r="O87" s="654" t="s">
        <v>525</v>
      </c>
      <c r="P87" s="657" t="s">
        <v>53</v>
      </c>
      <c r="Q87" s="654" t="s">
        <v>392</v>
      </c>
      <c r="R87" s="654"/>
      <c r="S87" s="654"/>
      <c r="T87" s="723">
        <v>43494</v>
      </c>
      <c r="U87" s="723"/>
      <c r="V87" s="654" t="s">
        <v>64</v>
      </c>
      <c r="W87" s="723">
        <f t="shared" ref="W87:W118" si="140">T87-X87</f>
        <v>0</v>
      </c>
      <c r="X87" s="745">
        <f t="shared" ref="X87:X118" si="141">IF(ISTEXT(T87),T87,T87-U87)</f>
        <v>43494</v>
      </c>
      <c r="Y87" s="723" t="s">
        <v>3106</v>
      </c>
      <c r="Z87" s="723"/>
      <c r="AA87" s="652" t="s">
        <v>82</v>
      </c>
      <c r="AB87" s="893"/>
      <c r="AC87" s="893"/>
      <c r="AD87" s="893"/>
      <c r="AE87" s="893"/>
      <c r="AF87" s="893"/>
      <c r="AG87" s="746"/>
      <c r="AH87" s="893"/>
      <c r="AI87" s="893"/>
      <c r="AJ87" s="893"/>
      <c r="AK87" s="893"/>
      <c r="AL87" s="893"/>
      <c r="AM87" s="893"/>
      <c r="AN87" s="893"/>
      <c r="AO87" s="893"/>
      <c r="AP87" s="893" t="s">
        <v>66</v>
      </c>
      <c r="AQ87" s="893"/>
      <c r="AR87" s="893"/>
      <c r="AS87" s="893"/>
      <c r="AT87" s="893"/>
      <c r="AU87" s="893"/>
      <c r="AV87" s="893"/>
      <c r="AW87" s="893"/>
      <c r="AX87" s="893"/>
      <c r="AY87" s="893"/>
      <c r="AZ87" s="893"/>
      <c r="BA87" s="893"/>
      <c r="BB87" s="893"/>
      <c r="BC87" s="893"/>
      <c r="BD87" s="893"/>
      <c r="BE87" s="893"/>
      <c r="BF87" s="893"/>
      <c r="BG87" s="746"/>
      <c r="BH87" s="746"/>
      <c r="BI87" s="746"/>
      <c r="BJ87" s="746"/>
      <c r="BK87" s="746"/>
      <c r="BL87" s="746"/>
      <c r="BM87" s="746"/>
      <c r="BN87" s="746"/>
      <c r="BO87" s="746"/>
      <c r="BP87" s="746"/>
      <c r="BQ87" s="746"/>
      <c r="BR87" s="746"/>
      <c r="BS87" s="884">
        <f t="shared" si="102"/>
        <v>90</v>
      </c>
      <c r="BT87" s="661">
        <f t="shared" si="103"/>
        <v>483.26666666666665</v>
      </c>
      <c r="BU87" s="661"/>
      <c r="BV87" s="898" t="str">
        <f t="shared" si="123"/>
        <v/>
      </c>
      <c r="BW87" s="898" t="str">
        <f t="shared" si="124"/>
        <v/>
      </c>
      <c r="BX87" s="898" t="str">
        <f t="shared" si="125"/>
        <v/>
      </c>
      <c r="BY87" s="898" t="str">
        <f t="shared" si="126"/>
        <v/>
      </c>
      <c r="BZ87" s="898" t="str">
        <f t="shared" si="127"/>
        <v/>
      </c>
      <c r="CA87" s="898" t="str">
        <f t="shared" si="128"/>
        <v/>
      </c>
      <c r="CB87" s="898" t="str">
        <f t="shared" si="129"/>
        <v/>
      </c>
      <c r="CC87" s="898" t="str">
        <f t="shared" si="130"/>
        <v/>
      </c>
      <c r="CD87" s="898" t="str">
        <f t="shared" si="131"/>
        <v/>
      </c>
      <c r="CE87" s="898" t="str">
        <f t="shared" si="132"/>
        <v/>
      </c>
      <c r="CF87" s="898" t="str">
        <f t="shared" si="133"/>
        <v/>
      </c>
      <c r="CG87" s="898" t="str">
        <f t="shared" si="134"/>
        <v/>
      </c>
      <c r="CH87" s="898" t="str">
        <f t="shared" si="135"/>
        <v/>
      </c>
      <c r="CI87" s="898" t="str">
        <f t="shared" si="136"/>
        <v/>
      </c>
      <c r="CJ87" s="898">
        <f t="shared" si="137"/>
        <v>43494</v>
      </c>
      <c r="CK87" s="898" t="str">
        <f t="shared" si="138"/>
        <v/>
      </c>
      <c r="CL87" s="898" t="str">
        <f t="shared" si="139"/>
        <v/>
      </c>
      <c r="CM87" s="898" t="str">
        <f t="shared" si="109"/>
        <v/>
      </c>
      <c r="CN87" s="898" t="str">
        <f t="shared" si="110"/>
        <v/>
      </c>
      <c r="CO87" s="898" t="str">
        <f t="shared" si="111"/>
        <v/>
      </c>
      <c r="CP87" s="898" t="str">
        <f t="shared" si="112"/>
        <v/>
      </c>
      <c r="CQ87" s="898" t="str">
        <f t="shared" si="113"/>
        <v/>
      </c>
      <c r="CR87" s="898" t="str">
        <f t="shared" si="114"/>
        <v/>
      </c>
      <c r="CS87" s="898" t="str">
        <f t="shared" si="115"/>
        <v/>
      </c>
      <c r="CT87" s="898" t="str">
        <f t="shared" si="116"/>
        <v/>
      </c>
      <c r="CU87" s="898" t="str">
        <f t="shared" si="117"/>
        <v/>
      </c>
      <c r="CV87" s="898" t="str">
        <f t="shared" si="118"/>
        <v/>
      </c>
      <c r="CW87" s="898" t="str">
        <f t="shared" si="119"/>
        <v/>
      </c>
      <c r="CX87" s="898" t="str">
        <f t="shared" si="120"/>
        <v/>
      </c>
      <c r="CY87" s="898" t="str">
        <f t="shared" si="121"/>
        <v/>
      </c>
      <c r="CZ87" s="898" t="str">
        <f t="shared" si="122"/>
        <v/>
      </c>
      <c r="DA87" s="898"/>
      <c r="DB87" s="898"/>
      <c r="DC87" s="898"/>
      <c r="DD87" s="898"/>
      <c r="DE87" s="898"/>
      <c r="DF87" s="898"/>
      <c r="DG87" s="898"/>
      <c r="DH87" s="898"/>
      <c r="DI87" s="898"/>
      <c r="DJ87" s="898"/>
      <c r="DK87" s="898"/>
      <c r="DL87" s="898"/>
      <c r="DM87" s="661">
        <f t="shared" si="104"/>
        <v>43494</v>
      </c>
      <c r="DN87" s="898">
        <f t="shared" si="105"/>
        <v>0</v>
      </c>
      <c r="DO87" s="516">
        <f t="shared" si="106"/>
        <v>0</v>
      </c>
      <c r="DP87" s="898">
        <f t="shared" si="107"/>
        <v>0</v>
      </c>
      <c r="DQ87" s="483" t="s">
        <v>3555</v>
      </c>
      <c r="DR87" s="483" t="s">
        <v>3556</v>
      </c>
      <c r="DS87" s="483" t="s">
        <v>3098</v>
      </c>
      <c r="DT87" s="632"/>
    </row>
    <row r="88" spans="1:124" ht="99.75" x14ac:dyDescent="0.2">
      <c r="A88" s="484" t="str">
        <f t="shared" si="101"/>
        <v>Local Area for Play (LAP) to support Site to the south of Green Lane (Hm16)</v>
      </c>
      <c r="B88" s="1163">
        <v>85</v>
      </c>
      <c r="C88" s="904" t="s">
        <v>3597</v>
      </c>
      <c r="D88" s="481" t="s">
        <v>2481</v>
      </c>
      <c r="E88" s="481" t="s">
        <v>53</v>
      </c>
      <c r="F88" s="481" t="s">
        <v>515</v>
      </c>
      <c r="G88" s="654" t="s">
        <v>1333</v>
      </c>
      <c r="H88" s="484" t="s">
        <v>3598</v>
      </c>
      <c r="I88" s="654"/>
      <c r="J88" s="78" t="s">
        <v>3599</v>
      </c>
      <c r="K88" s="654" t="s">
        <v>3104</v>
      </c>
      <c r="L88" s="657" t="s">
        <v>1374</v>
      </c>
      <c r="M88" s="654" t="s">
        <v>2996</v>
      </c>
      <c r="N88" s="654" t="s">
        <v>60</v>
      </c>
      <c r="O88" s="654" t="s">
        <v>525</v>
      </c>
      <c r="P88" s="657" t="s">
        <v>53</v>
      </c>
      <c r="Q88" s="654" t="s">
        <v>377</v>
      </c>
      <c r="R88" s="654"/>
      <c r="S88" s="654"/>
      <c r="T88" s="723">
        <v>43494</v>
      </c>
      <c r="U88" s="723"/>
      <c r="V88" s="654" t="s">
        <v>64</v>
      </c>
      <c r="W88" s="723">
        <f t="shared" si="140"/>
        <v>0</v>
      </c>
      <c r="X88" s="745">
        <f t="shared" si="141"/>
        <v>43494</v>
      </c>
      <c r="Y88" s="723" t="s">
        <v>3106</v>
      </c>
      <c r="Z88" s="723"/>
      <c r="AA88" s="652" t="s">
        <v>82</v>
      </c>
      <c r="AB88" s="893"/>
      <c r="AC88" s="893"/>
      <c r="AD88" s="893"/>
      <c r="AE88" s="893"/>
      <c r="AF88" s="893"/>
      <c r="AG88" s="746"/>
      <c r="AH88" s="893"/>
      <c r="AI88" s="893"/>
      <c r="AJ88" s="893"/>
      <c r="AK88" s="893"/>
      <c r="AL88" s="893"/>
      <c r="AM88" s="893"/>
      <c r="AN88" s="893"/>
      <c r="AO88" s="893"/>
      <c r="AP88" s="893"/>
      <c r="AQ88" s="746" t="s">
        <v>66</v>
      </c>
      <c r="AR88" s="893"/>
      <c r="AS88" s="893"/>
      <c r="AT88" s="893"/>
      <c r="AU88" s="893"/>
      <c r="AV88" s="893"/>
      <c r="AW88" s="893"/>
      <c r="AX88" s="893"/>
      <c r="AY88" s="893"/>
      <c r="AZ88" s="893"/>
      <c r="BA88" s="893"/>
      <c r="BB88" s="893"/>
      <c r="BC88" s="893"/>
      <c r="BD88" s="893"/>
      <c r="BE88" s="893"/>
      <c r="BF88" s="893"/>
      <c r="BG88" s="746"/>
      <c r="BH88" s="746"/>
      <c r="BI88" s="746"/>
      <c r="BJ88" s="746"/>
      <c r="BK88" s="746"/>
      <c r="BL88" s="746"/>
      <c r="BM88" s="746"/>
      <c r="BN88" s="746"/>
      <c r="BO88" s="746"/>
      <c r="BP88" s="746"/>
      <c r="BQ88" s="746"/>
      <c r="BR88" s="746"/>
      <c r="BS88" s="884">
        <f t="shared" si="102"/>
        <v>80</v>
      </c>
      <c r="BT88" s="661">
        <f t="shared" si="103"/>
        <v>543.67499999999995</v>
      </c>
      <c r="BU88" s="661"/>
      <c r="BV88" s="898" t="str">
        <f t="shared" si="123"/>
        <v/>
      </c>
      <c r="BW88" s="898" t="str">
        <f t="shared" si="124"/>
        <v/>
      </c>
      <c r="BX88" s="898" t="str">
        <f t="shared" si="125"/>
        <v/>
      </c>
      <c r="BY88" s="898" t="str">
        <f t="shared" si="126"/>
        <v/>
      </c>
      <c r="BZ88" s="898" t="str">
        <f t="shared" si="127"/>
        <v/>
      </c>
      <c r="CA88" s="898" t="str">
        <f t="shared" si="128"/>
        <v/>
      </c>
      <c r="CB88" s="898" t="str">
        <f t="shared" si="129"/>
        <v/>
      </c>
      <c r="CC88" s="898" t="str">
        <f t="shared" si="130"/>
        <v/>
      </c>
      <c r="CD88" s="898" t="str">
        <f t="shared" si="131"/>
        <v/>
      </c>
      <c r="CE88" s="898" t="str">
        <f t="shared" si="132"/>
        <v/>
      </c>
      <c r="CF88" s="898" t="str">
        <f t="shared" si="133"/>
        <v/>
      </c>
      <c r="CG88" s="898" t="str">
        <f t="shared" si="134"/>
        <v/>
      </c>
      <c r="CH88" s="898" t="str">
        <f t="shared" si="135"/>
        <v/>
      </c>
      <c r="CI88" s="898" t="str">
        <f t="shared" si="136"/>
        <v/>
      </c>
      <c r="CJ88" s="898" t="str">
        <f t="shared" si="137"/>
        <v/>
      </c>
      <c r="CK88" s="898">
        <f t="shared" si="138"/>
        <v>43494</v>
      </c>
      <c r="CL88" s="898" t="str">
        <f t="shared" si="139"/>
        <v/>
      </c>
      <c r="CM88" s="898" t="str">
        <f t="shared" si="109"/>
        <v/>
      </c>
      <c r="CN88" s="898" t="str">
        <f t="shared" si="110"/>
        <v/>
      </c>
      <c r="CO88" s="898" t="str">
        <f t="shared" si="111"/>
        <v/>
      </c>
      <c r="CP88" s="898" t="str">
        <f t="shared" si="112"/>
        <v/>
      </c>
      <c r="CQ88" s="898" t="str">
        <f t="shared" si="113"/>
        <v/>
      </c>
      <c r="CR88" s="898" t="str">
        <f t="shared" si="114"/>
        <v/>
      </c>
      <c r="CS88" s="898" t="str">
        <f t="shared" si="115"/>
        <v/>
      </c>
      <c r="CT88" s="898" t="str">
        <f t="shared" si="116"/>
        <v/>
      </c>
      <c r="CU88" s="898" t="str">
        <f t="shared" si="117"/>
        <v/>
      </c>
      <c r="CV88" s="898" t="str">
        <f t="shared" si="118"/>
        <v/>
      </c>
      <c r="CW88" s="898" t="str">
        <f t="shared" si="119"/>
        <v/>
      </c>
      <c r="CX88" s="898" t="str">
        <f t="shared" si="120"/>
        <v/>
      </c>
      <c r="CY88" s="898" t="str">
        <f t="shared" si="121"/>
        <v/>
      </c>
      <c r="CZ88" s="898" t="str">
        <f t="shared" si="122"/>
        <v/>
      </c>
      <c r="DA88" s="898"/>
      <c r="DB88" s="898"/>
      <c r="DC88" s="898"/>
      <c r="DD88" s="898"/>
      <c r="DE88" s="898"/>
      <c r="DF88" s="898"/>
      <c r="DG88" s="898"/>
      <c r="DH88" s="898"/>
      <c r="DI88" s="898"/>
      <c r="DJ88" s="898"/>
      <c r="DK88" s="898"/>
      <c r="DL88" s="898"/>
      <c r="DM88" s="661">
        <f t="shared" si="104"/>
        <v>43494</v>
      </c>
      <c r="DN88" s="898">
        <f t="shared" si="105"/>
        <v>0</v>
      </c>
      <c r="DO88" s="516">
        <f t="shared" si="106"/>
        <v>0</v>
      </c>
      <c r="DP88" s="898">
        <f t="shared" si="107"/>
        <v>0</v>
      </c>
      <c r="DQ88" s="483" t="s">
        <v>3555</v>
      </c>
      <c r="DR88" s="483" t="s">
        <v>3556</v>
      </c>
      <c r="DS88" s="483" t="s">
        <v>3098</v>
      </c>
      <c r="DT88" s="632"/>
    </row>
    <row r="89" spans="1:124" ht="99.75" x14ac:dyDescent="0.2">
      <c r="A89" s="484" t="str">
        <f t="shared" si="101"/>
        <v>Local Area for Play (LAP) to support Grovehill Local Centre (Henry Wells Square) (Grovehill NDP)</v>
      </c>
      <c r="B89" s="1163">
        <v>86</v>
      </c>
      <c r="C89" s="904" t="s">
        <v>3600</v>
      </c>
      <c r="D89" s="481" t="s">
        <v>2481</v>
      </c>
      <c r="E89" s="481" t="s">
        <v>53</v>
      </c>
      <c r="F89" s="481" t="s">
        <v>515</v>
      </c>
      <c r="G89" s="654" t="s">
        <v>1333</v>
      </c>
      <c r="H89" s="484" t="s">
        <v>3601</v>
      </c>
      <c r="I89" s="654"/>
      <c r="J89" s="78" t="s">
        <v>3602</v>
      </c>
      <c r="K89" s="654" t="s">
        <v>3104</v>
      </c>
      <c r="L89" s="657" t="s">
        <v>3058</v>
      </c>
      <c r="M89" s="654" t="s">
        <v>2996</v>
      </c>
      <c r="N89" s="654" t="s">
        <v>60</v>
      </c>
      <c r="O89" s="654" t="s">
        <v>525</v>
      </c>
      <c r="P89" s="657" t="s">
        <v>53</v>
      </c>
      <c r="Q89" s="654" t="s">
        <v>395</v>
      </c>
      <c r="R89" s="654"/>
      <c r="S89" s="654"/>
      <c r="T89" s="723">
        <v>43494</v>
      </c>
      <c r="U89" s="723"/>
      <c r="V89" s="654" t="s">
        <v>64</v>
      </c>
      <c r="W89" s="723">
        <f t="shared" si="140"/>
        <v>0</v>
      </c>
      <c r="X89" s="745">
        <f t="shared" si="141"/>
        <v>43494</v>
      </c>
      <c r="Y89" s="723" t="s">
        <v>3106</v>
      </c>
      <c r="Z89" s="723"/>
      <c r="AA89" s="652" t="s">
        <v>82</v>
      </c>
      <c r="AB89" s="893"/>
      <c r="AC89" s="893"/>
      <c r="AD89" s="893"/>
      <c r="AE89" s="893"/>
      <c r="AF89" s="893"/>
      <c r="AG89" s="746"/>
      <c r="AH89" s="893"/>
      <c r="AI89" s="893"/>
      <c r="AJ89" s="893"/>
      <c r="AK89" s="893"/>
      <c r="AL89" s="893"/>
      <c r="AM89" s="746" t="s">
        <v>66</v>
      </c>
      <c r="AN89" s="893"/>
      <c r="AO89" s="893"/>
      <c r="AP89" s="893"/>
      <c r="AQ89" s="893"/>
      <c r="AR89" s="893"/>
      <c r="AS89" s="893"/>
      <c r="AT89" s="893"/>
      <c r="AU89" s="893"/>
      <c r="AV89" s="893"/>
      <c r="AW89" s="893"/>
      <c r="AX89" s="893"/>
      <c r="AY89" s="893"/>
      <c r="AZ89" s="893"/>
      <c r="BA89" s="893"/>
      <c r="BB89" s="893"/>
      <c r="BC89" s="893"/>
      <c r="BD89" s="893"/>
      <c r="BE89" s="893"/>
      <c r="BF89" s="893"/>
      <c r="BG89" s="746"/>
      <c r="BH89" s="746"/>
      <c r="BI89" s="746"/>
      <c r="BJ89" s="746"/>
      <c r="BK89" s="746"/>
      <c r="BL89" s="746"/>
      <c r="BM89" s="746"/>
      <c r="BN89" s="746"/>
      <c r="BO89" s="746"/>
      <c r="BP89" s="746"/>
      <c r="BQ89" s="746"/>
      <c r="BR89" s="746"/>
      <c r="BS89" s="884">
        <f t="shared" si="102"/>
        <v>200</v>
      </c>
      <c r="BT89" s="661">
        <f t="shared" si="103"/>
        <v>217.47</v>
      </c>
      <c r="BU89" s="661"/>
      <c r="BV89" s="898" t="str">
        <f t="shared" si="123"/>
        <v/>
      </c>
      <c r="BW89" s="898" t="str">
        <f t="shared" si="124"/>
        <v/>
      </c>
      <c r="BX89" s="898" t="str">
        <f t="shared" si="125"/>
        <v/>
      </c>
      <c r="BY89" s="898" t="str">
        <f t="shared" si="126"/>
        <v/>
      </c>
      <c r="BZ89" s="898" t="str">
        <f t="shared" si="127"/>
        <v/>
      </c>
      <c r="CA89" s="898" t="str">
        <f t="shared" si="128"/>
        <v/>
      </c>
      <c r="CB89" s="898" t="str">
        <f t="shared" si="129"/>
        <v/>
      </c>
      <c r="CC89" s="898" t="str">
        <f t="shared" si="130"/>
        <v/>
      </c>
      <c r="CD89" s="898" t="str">
        <f t="shared" si="131"/>
        <v/>
      </c>
      <c r="CE89" s="898" t="str">
        <f t="shared" si="132"/>
        <v/>
      </c>
      <c r="CF89" s="898" t="str">
        <f t="shared" si="133"/>
        <v/>
      </c>
      <c r="CG89" s="898">
        <f t="shared" si="134"/>
        <v>43494</v>
      </c>
      <c r="CH89" s="898" t="str">
        <f t="shared" si="135"/>
        <v/>
      </c>
      <c r="CI89" s="898" t="str">
        <f t="shared" si="136"/>
        <v/>
      </c>
      <c r="CJ89" s="898" t="str">
        <f t="shared" si="137"/>
        <v/>
      </c>
      <c r="CK89" s="898" t="str">
        <f t="shared" si="138"/>
        <v/>
      </c>
      <c r="CL89" s="898" t="str">
        <f t="shared" si="139"/>
        <v/>
      </c>
      <c r="CM89" s="898" t="str">
        <f t="shared" si="109"/>
        <v/>
      </c>
      <c r="CN89" s="898" t="str">
        <f t="shared" si="110"/>
        <v/>
      </c>
      <c r="CO89" s="898" t="str">
        <f t="shared" si="111"/>
        <v/>
      </c>
      <c r="CP89" s="898" t="str">
        <f t="shared" si="112"/>
        <v/>
      </c>
      <c r="CQ89" s="898" t="str">
        <f t="shared" si="113"/>
        <v/>
      </c>
      <c r="CR89" s="898" t="str">
        <f t="shared" si="114"/>
        <v/>
      </c>
      <c r="CS89" s="898" t="str">
        <f t="shared" si="115"/>
        <v/>
      </c>
      <c r="CT89" s="898" t="str">
        <f t="shared" si="116"/>
        <v/>
      </c>
      <c r="CU89" s="898" t="str">
        <f t="shared" si="117"/>
        <v/>
      </c>
      <c r="CV89" s="898" t="str">
        <f t="shared" si="118"/>
        <v/>
      </c>
      <c r="CW89" s="898" t="str">
        <f t="shared" si="119"/>
        <v/>
      </c>
      <c r="CX89" s="898" t="str">
        <f t="shared" si="120"/>
        <v/>
      </c>
      <c r="CY89" s="898" t="str">
        <f t="shared" si="121"/>
        <v/>
      </c>
      <c r="CZ89" s="898" t="str">
        <f t="shared" si="122"/>
        <v/>
      </c>
      <c r="DA89" s="898"/>
      <c r="DB89" s="898"/>
      <c r="DC89" s="898"/>
      <c r="DD89" s="898"/>
      <c r="DE89" s="898"/>
      <c r="DF89" s="898"/>
      <c r="DG89" s="898"/>
      <c r="DH89" s="898"/>
      <c r="DI89" s="898"/>
      <c r="DJ89" s="898"/>
      <c r="DK89" s="898"/>
      <c r="DL89" s="898"/>
      <c r="DM89" s="661">
        <f t="shared" si="104"/>
        <v>43494</v>
      </c>
      <c r="DN89" s="898">
        <f t="shared" si="105"/>
        <v>0</v>
      </c>
      <c r="DO89" s="516">
        <f t="shared" si="106"/>
        <v>0</v>
      </c>
      <c r="DP89" s="898">
        <f t="shared" si="107"/>
        <v>0</v>
      </c>
      <c r="DQ89" s="483" t="s">
        <v>3555</v>
      </c>
      <c r="DR89" s="483" t="s">
        <v>3556</v>
      </c>
      <c r="DS89" s="483" t="s">
        <v>3098</v>
      </c>
      <c r="DT89" s="632"/>
    </row>
    <row r="90" spans="1:124" ht="99.75" x14ac:dyDescent="0.2">
      <c r="A90" s="484" t="str">
        <f t="shared" si="101"/>
        <v>Local Equipped Area for Play (LEAP) to support North Hemel Hempstead (Hm01)</v>
      </c>
      <c r="B90" s="1163">
        <v>87</v>
      </c>
      <c r="C90" s="904" t="s">
        <v>3603</v>
      </c>
      <c r="D90" s="481" t="s">
        <v>2481</v>
      </c>
      <c r="E90" s="481" t="s">
        <v>53</v>
      </c>
      <c r="F90" s="481" t="s">
        <v>515</v>
      </c>
      <c r="G90" s="654" t="s">
        <v>1334</v>
      </c>
      <c r="H90" s="484" t="s">
        <v>3604</v>
      </c>
      <c r="I90" s="654"/>
      <c r="J90" s="484" t="s">
        <v>3605</v>
      </c>
      <c r="K90" s="654" t="s">
        <v>3104</v>
      </c>
      <c r="L90" s="657" t="s">
        <v>1360</v>
      </c>
      <c r="M90" s="654" t="s">
        <v>3027</v>
      </c>
      <c r="N90" s="897" t="s">
        <v>60</v>
      </c>
      <c r="O90" s="654" t="s">
        <v>525</v>
      </c>
      <c r="P90" s="657" t="s">
        <v>53</v>
      </c>
      <c r="Q90" s="654" t="s">
        <v>62</v>
      </c>
      <c r="R90" s="654"/>
      <c r="S90" s="654"/>
      <c r="T90" s="723">
        <v>105440</v>
      </c>
      <c r="U90" s="723"/>
      <c r="V90" s="654" t="s">
        <v>64</v>
      </c>
      <c r="W90" s="723">
        <f t="shared" si="140"/>
        <v>0</v>
      </c>
      <c r="X90" s="745">
        <f t="shared" si="141"/>
        <v>105440</v>
      </c>
      <c r="Y90" s="723" t="s">
        <v>3106</v>
      </c>
      <c r="Z90" s="723"/>
      <c r="AA90" s="652" t="s">
        <v>82</v>
      </c>
      <c r="AB90" s="746" t="s">
        <v>66</v>
      </c>
      <c r="AC90" s="893"/>
      <c r="AD90" s="893"/>
      <c r="AE90" s="893"/>
      <c r="AF90" s="893"/>
      <c r="AG90" s="746"/>
      <c r="AH90" s="893"/>
      <c r="AI90" s="893"/>
      <c r="AJ90" s="893"/>
      <c r="AK90" s="893"/>
      <c r="AL90" s="893"/>
      <c r="AM90" s="893"/>
      <c r="AN90" s="893"/>
      <c r="AO90" s="893"/>
      <c r="AP90" s="893"/>
      <c r="AQ90" s="893"/>
      <c r="AR90" s="893"/>
      <c r="AS90" s="893"/>
      <c r="AT90" s="893"/>
      <c r="AU90" s="893"/>
      <c r="AV90" s="893"/>
      <c r="AW90" s="893"/>
      <c r="AX90" s="893"/>
      <c r="AY90" s="893"/>
      <c r="AZ90" s="893"/>
      <c r="BA90" s="893"/>
      <c r="BB90" s="893"/>
      <c r="BC90" s="893"/>
      <c r="BD90" s="893"/>
      <c r="BE90" s="893"/>
      <c r="BF90" s="893"/>
      <c r="BG90" s="746"/>
      <c r="BH90" s="746"/>
      <c r="BI90" s="746"/>
      <c r="BJ90" s="746"/>
      <c r="BK90" s="746"/>
      <c r="BL90" s="746"/>
      <c r="BM90" s="746"/>
      <c r="BN90" s="746"/>
      <c r="BO90" s="746"/>
      <c r="BP90" s="746"/>
      <c r="BQ90" s="746"/>
      <c r="BR90" s="746"/>
      <c r="BS90" s="884">
        <f t="shared" si="102"/>
        <v>5000</v>
      </c>
      <c r="BT90" s="661">
        <f t="shared" si="103"/>
        <v>21.088000000000001</v>
      </c>
      <c r="BU90" s="661"/>
      <c r="BV90" s="898">
        <f t="shared" si="123"/>
        <v>105440</v>
      </c>
      <c r="BW90" s="898" t="str">
        <f t="shared" si="124"/>
        <v/>
      </c>
      <c r="BX90" s="898" t="str">
        <f t="shared" si="125"/>
        <v/>
      </c>
      <c r="BY90" s="898" t="str">
        <f t="shared" si="126"/>
        <v/>
      </c>
      <c r="BZ90" s="898" t="str">
        <f t="shared" si="127"/>
        <v/>
      </c>
      <c r="CA90" s="898" t="str">
        <f t="shared" si="128"/>
        <v/>
      </c>
      <c r="CB90" s="898" t="str">
        <f t="shared" si="129"/>
        <v/>
      </c>
      <c r="CC90" s="898" t="str">
        <f t="shared" si="130"/>
        <v/>
      </c>
      <c r="CD90" s="898" t="str">
        <f t="shared" si="131"/>
        <v/>
      </c>
      <c r="CE90" s="898" t="str">
        <f t="shared" si="132"/>
        <v/>
      </c>
      <c r="CF90" s="898" t="str">
        <f t="shared" si="133"/>
        <v/>
      </c>
      <c r="CG90" s="898" t="str">
        <f t="shared" si="134"/>
        <v/>
      </c>
      <c r="CH90" s="898" t="str">
        <f t="shared" si="135"/>
        <v/>
      </c>
      <c r="CI90" s="898" t="str">
        <f t="shared" si="136"/>
        <v/>
      </c>
      <c r="CJ90" s="898" t="str">
        <f t="shared" si="137"/>
        <v/>
      </c>
      <c r="CK90" s="898" t="str">
        <f t="shared" si="138"/>
        <v/>
      </c>
      <c r="CL90" s="898" t="str">
        <f t="shared" si="139"/>
        <v/>
      </c>
      <c r="CM90" s="898" t="str">
        <f t="shared" si="109"/>
        <v/>
      </c>
      <c r="CN90" s="898" t="str">
        <f t="shared" si="110"/>
        <v/>
      </c>
      <c r="CO90" s="898" t="str">
        <f t="shared" si="111"/>
        <v/>
      </c>
      <c r="CP90" s="898" t="str">
        <f t="shared" si="112"/>
        <v/>
      </c>
      <c r="CQ90" s="898" t="str">
        <f t="shared" si="113"/>
        <v/>
      </c>
      <c r="CR90" s="898" t="str">
        <f t="shared" si="114"/>
        <v/>
      </c>
      <c r="CS90" s="898" t="str">
        <f t="shared" si="115"/>
        <v/>
      </c>
      <c r="CT90" s="898" t="str">
        <f t="shared" si="116"/>
        <v/>
      </c>
      <c r="CU90" s="898" t="str">
        <f t="shared" si="117"/>
        <v/>
      </c>
      <c r="CV90" s="898" t="str">
        <f t="shared" si="118"/>
        <v/>
      </c>
      <c r="CW90" s="898" t="str">
        <f t="shared" si="119"/>
        <v/>
      </c>
      <c r="CX90" s="898" t="str">
        <f t="shared" si="120"/>
        <v/>
      </c>
      <c r="CY90" s="898" t="str">
        <f t="shared" si="121"/>
        <v/>
      </c>
      <c r="CZ90" s="898" t="str">
        <f t="shared" si="122"/>
        <v/>
      </c>
      <c r="DA90" s="898"/>
      <c r="DB90" s="898"/>
      <c r="DC90" s="898"/>
      <c r="DD90" s="898"/>
      <c r="DE90" s="898"/>
      <c r="DF90" s="898"/>
      <c r="DG90" s="898"/>
      <c r="DH90" s="898"/>
      <c r="DI90" s="898"/>
      <c r="DJ90" s="898"/>
      <c r="DK90" s="898"/>
      <c r="DL90" s="898"/>
      <c r="DM90" s="661">
        <f t="shared" si="104"/>
        <v>105440</v>
      </c>
      <c r="DN90" s="898">
        <f t="shared" si="105"/>
        <v>0</v>
      </c>
      <c r="DO90" s="516">
        <f t="shared" si="106"/>
        <v>0</v>
      </c>
      <c r="DP90" s="898">
        <f t="shared" si="107"/>
        <v>0</v>
      </c>
      <c r="DQ90" s="483" t="s">
        <v>3096</v>
      </c>
      <c r="DR90" s="483" t="s">
        <v>3097</v>
      </c>
      <c r="DS90" s="483" t="s">
        <v>3098</v>
      </c>
      <c r="DT90" s="632"/>
    </row>
    <row r="91" spans="1:124" ht="99.75" x14ac:dyDescent="0.2">
      <c r="A91" s="484" t="str">
        <f t="shared" si="101"/>
        <v>Local Equipped Area for Play (LEAP) to support Hemel Hospital/Market Square (Hm03)</v>
      </c>
      <c r="B91" s="1163">
        <v>88</v>
      </c>
      <c r="C91" s="904" t="s">
        <v>3606</v>
      </c>
      <c r="D91" s="481" t="s">
        <v>2481</v>
      </c>
      <c r="E91" s="481" t="s">
        <v>53</v>
      </c>
      <c r="F91" s="481" t="s">
        <v>515</v>
      </c>
      <c r="G91" s="654" t="s">
        <v>1334</v>
      </c>
      <c r="H91" s="484" t="s">
        <v>3607</v>
      </c>
      <c r="I91" s="654"/>
      <c r="J91" s="484" t="s">
        <v>3608</v>
      </c>
      <c r="K91" s="654" t="s">
        <v>3104</v>
      </c>
      <c r="L91" s="657" t="s">
        <v>1362</v>
      </c>
      <c r="M91" s="654" t="s">
        <v>2996</v>
      </c>
      <c r="N91" s="897" t="s">
        <v>60</v>
      </c>
      <c r="O91" s="654" t="s">
        <v>525</v>
      </c>
      <c r="P91" s="657" t="s">
        <v>53</v>
      </c>
      <c r="Q91" s="654" t="s">
        <v>181</v>
      </c>
      <c r="R91" s="654"/>
      <c r="S91" s="654"/>
      <c r="T91" s="723">
        <v>105440</v>
      </c>
      <c r="U91" s="723"/>
      <c r="V91" s="654" t="s">
        <v>64</v>
      </c>
      <c r="W91" s="723">
        <f t="shared" si="140"/>
        <v>0</v>
      </c>
      <c r="X91" s="745">
        <f t="shared" si="141"/>
        <v>105440</v>
      </c>
      <c r="Y91" s="723" t="s">
        <v>3106</v>
      </c>
      <c r="Z91" s="723"/>
      <c r="AA91" s="652" t="s">
        <v>82</v>
      </c>
      <c r="AB91" s="893"/>
      <c r="AC91" s="893"/>
      <c r="AD91" s="746" t="s">
        <v>66</v>
      </c>
      <c r="AE91" s="893"/>
      <c r="AF91" s="893"/>
      <c r="AG91" s="746"/>
      <c r="AH91" s="893"/>
      <c r="AI91" s="893"/>
      <c r="AJ91" s="893"/>
      <c r="AK91" s="893"/>
      <c r="AL91" s="893"/>
      <c r="AM91" s="893"/>
      <c r="AN91" s="893"/>
      <c r="AO91" s="893"/>
      <c r="AP91" s="893"/>
      <c r="AQ91" s="893"/>
      <c r="AR91" s="893"/>
      <c r="AS91" s="893"/>
      <c r="AT91" s="893"/>
      <c r="AU91" s="893"/>
      <c r="AV91" s="893"/>
      <c r="AW91" s="893"/>
      <c r="AX91" s="893"/>
      <c r="AY91" s="893"/>
      <c r="AZ91" s="893"/>
      <c r="BA91" s="893"/>
      <c r="BB91" s="893"/>
      <c r="BC91" s="893"/>
      <c r="BD91" s="893"/>
      <c r="BE91" s="893"/>
      <c r="BF91" s="893"/>
      <c r="BG91" s="746"/>
      <c r="BH91" s="746"/>
      <c r="BI91" s="746"/>
      <c r="BJ91" s="746"/>
      <c r="BK91" s="746"/>
      <c r="BL91" s="746"/>
      <c r="BM91" s="746"/>
      <c r="BN91" s="746"/>
      <c r="BO91" s="746"/>
      <c r="BP91" s="746"/>
      <c r="BQ91" s="746"/>
      <c r="BR91" s="746"/>
      <c r="BS91" s="884">
        <f t="shared" si="102"/>
        <v>450</v>
      </c>
      <c r="BT91" s="661">
        <f t="shared" si="103"/>
        <v>234.3111111111111</v>
      </c>
      <c r="BU91" s="661"/>
      <c r="BV91" s="898" t="str">
        <f t="shared" si="123"/>
        <v/>
      </c>
      <c r="BW91" s="898" t="str">
        <f t="shared" si="124"/>
        <v/>
      </c>
      <c r="BX91" s="898">
        <f t="shared" si="125"/>
        <v>105440</v>
      </c>
      <c r="BY91" s="898" t="str">
        <f t="shared" si="126"/>
        <v/>
      </c>
      <c r="BZ91" s="898" t="str">
        <f t="shared" si="127"/>
        <v/>
      </c>
      <c r="CA91" s="898" t="str">
        <f t="shared" si="128"/>
        <v/>
      </c>
      <c r="CB91" s="898" t="str">
        <f t="shared" si="129"/>
        <v/>
      </c>
      <c r="CC91" s="898" t="str">
        <f t="shared" si="130"/>
        <v/>
      </c>
      <c r="CD91" s="898" t="str">
        <f t="shared" si="131"/>
        <v/>
      </c>
      <c r="CE91" s="898" t="str">
        <f t="shared" si="132"/>
        <v/>
      </c>
      <c r="CF91" s="898" t="str">
        <f t="shared" si="133"/>
        <v/>
      </c>
      <c r="CG91" s="898" t="str">
        <f t="shared" si="134"/>
        <v/>
      </c>
      <c r="CH91" s="898" t="str">
        <f t="shared" si="135"/>
        <v/>
      </c>
      <c r="CI91" s="898" t="str">
        <f t="shared" si="136"/>
        <v/>
      </c>
      <c r="CJ91" s="898" t="str">
        <f t="shared" si="137"/>
        <v/>
      </c>
      <c r="CK91" s="898" t="str">
        <f t="shared" si="138"/>
        <v/>
      </c>
      <c r="CL91" s="898" t="str">
        <f t="shared" si="139"/>
        <v/>
      </c>
      <c r="CM91" s="898" t="str">
        <f t="shared" si="109"/>
        <v/>
      </c>
      <c r="CN91" s="898" t="str">
        <f t="shared" si="110"/>
        <v/>
      </c>
      <c r="CO91" s="898" t="str">
        <f t="shared" si="111"/>
        <v/>
      </c>
      <c r="CP91" s="898" t="str">
        <f t="shared" si="112"/>
        <v/>
      </c>
      <c r="CQ91" s="898" t="str">
        <f t="shared" si="113"/>
        <v/>
      </c>
      <c r="CR91" s="898" t="str">
        <f t="shared" si="114"/>
        <v/>
      </c>
      <c r="CS91" s="898" t="str">
        <f t="shared" si="115"/>
        <v/>
      </c>
      <c r="CT91" s="898" t="str">
        <f t="shared" si="116"/>
        <v/>
      </c>
      <c r="CU91" s="898" t="str">
        <f t="shared" si="117"/>
        <v/>
      </c>
      <c r="CV91" s="898" t="str">
        <f t="shared" si="118"/>
        <v/>
      </c>
      <c r="CW91" s="898" t="str">
        <f t="shared" si="119"/>
        <v/>
      </c>
      <c r="CX91" s="898" t="str">
        <f t="shared" si="120"/>
        <v/>
      </c>
      <c r="CY91" s="898" t="str">
        <f t="shared" si="121"/>
        <v/>
      </c>
      <c r="CZ91" s="898" t="str">
        <f t="shared" si="122"/>
        <v/>
      </c>
      <c r="DA91" s="898"/>
      <c r="DB91" s="898"/>
      <c r="DC91" s="898"/>
      <c r="DD91" s="898"/>
      <c r="DE91" s="898"/>
      <c r="DF91" s="898"/>
      <c r="DG91" s="898"/>
      <c r="DH91" s="898"/>
      <c r="DI91" s="898"/>
      <c r="DJ91" s="898"/>
      <c r="DK91" s="898"/>
      <c r="DL91" s="898"/>
      <c r="DM91" s="661">
        <f t="shared" si="104"/>
        <v>105440</v>
      </c>
      <c r="DN91" s="898">
        <f t="shared" si="105"/>
        <v>0</v>
      </c>
      <c r="DO91" s="516">
        <f t="shared" si="106"/>
        <v>0</v>
      </c>
      <c r="DP91" s="898">
        <f t="shared" si="107"/>
        <v>0</v>
      </c>
      <c r="DQ91" s="483" t="s">
        <v>3096</v>
      </c>
      <c r="DR91" s="483" t="s">
        <v>3097</v>
      </c>
      <c r="DS91" s="483" t="s">
        <v>3098</v>
      </c>
      <c r="DT91" s="632"/>
    </row>
    <row r="92" spans="1:124" ht="99.75" x14ac:dyDescent="0.2">
      <c r="A92" s="484" t="str">
        <f t="shared" si="101"/>
        <v>Local Equipped Area for Play (LEAP) to support Civic Zone, Marlowes (Hm02)</v>
      </c>
      <c r="B92" s="1163">
        <v>89</v>
      </c>
      <c r="C92" s="904" t="s">
        <v>3609</v>
      </c>
      <c r="D92" s="481" t="s">
        <v>2481</v>
      </c>
      <c r="E92" s="481" t="s">
        <v>53</v>
      </c>
      <c r="F92" s="481" t="s">
        <v>515</v>
      </c>
      <c r="G92" s="654" t="s">
        <v>1334</v>
      </c>
      <c r="H92" s="484" t="s">
        <v>3610</v>
      </c>
      <c r="I92" s="654"/>
      <c r="J92" s="484" t="s">
        <v>3611</v>
      </c>
      <c r="K92" s="654" t="s">
        <v>3104</v>
      </c>
      <c r="L92" s="657" t="s">
        <v>1361</v>
      </c>
      <c r="M92" s="654" t="s">
        <v>2996</v>
      </c>
      <c r="N92" s="897" t="s">
        <v>60</v>
      </c>
      <c r="O92" s="654" t="s">
        <v>525</v>
      </c>
      <c r="P92" s="657" t="s">
        <v>53</v>
      </c>
      <c r="Q92" s="654" t="s">
        <v>377</v>
      </c>
      <c r="R92" s="654"/>
      <c r="S92" s="654"/>
      <c r="T92" s="723">
        <v>105440</v>
      </c>
      <c r="U92" s="723"/>
      <c r="V92" s="654" t="s">
        <v>64</v>
      </c>
      <c r="W92" s="723">
        <f t="shared" si="140"/>
        <v>0</v>
      </c>
      <c r="X92" s="745">
        <f t="shared" si="141"/>
        <v>105440</v>
      </c>
      <c r="Y92" s="723" t="s">
        <v>3106</v>
      </c>
      <c r="Z92" s="723"/>
      <c r="AA92" s="652" t="s">
        <v>82</v>
      </c>
      <c r="AB92" s="893"/>
      <c r="AC92" s="746" t="s">
        <v>66</v>
      </c>
      <c r="AD92" s="893"/>
      <c r="AE92" s="893"/>
      <c r="AF92" s="893"/>
      <c r="AG92" s="746"/>
      <c r="AH92" s="893"/>
      <c r="AI92" s="893"/>
      <c r="AJ92" s="893"/>
      <c r="AK92" s="893"/>
      <c r="AL92" s="893"/>
      <c r="AM92" s="893"/>
      <c r="AN92" s="893"/>
      <c r="AO92" s="893"/>
      <c r="AP92" s="893"/>
      <c r="AQ92" s="893"/>
      <c r="AR92" s="893"/>
      <c r="AS92" s="893"/>
      <c r="AT92" s="893"/>
      <c r="AU92" s="893"/>
      <c r="AV92" s="893"/>
      <c r="AW92" s="893"/>
      <c r="AX92" s="893"/>
      <c r="AY92" s="893"/>
      <c r="AZ92" s="893"/>
      <c r="BA92" s="893"/>
      <c r="BB92" s="893"/>
      <c r="BC92" s="893"/>
      <c r="BD92" s="893"/>
      <c r="BE92" s="893"/>
      <c r="BF92" s="893"/>
      <c r="BG92" s="746"/>
      <c r="BH92" s="746"/>
      <c r="BI92" s="746"/>
      <c r="BJ92" s="746"/>
      <c r="BK92" s="746"/>
      <c r="BL92" s="746"/>
      <c r="BM92" s="746"/>
      <c r="BN92" s="746"/>
      <c r="BO92" s="746"/>
      <c r="BP92" s="746"/>
      <c r="BQ92" s="746"/>
      <c r="BR92" s="746"/>
      <c r="BS92" s="884">
        <f t="shared" si="102"/>
        <v>200</v>
      </c>
      <c r="BT92" s="661">
        <f t="shared" si="103"/>
        <v>527.20000000000005</v>
      </c>
      <c r="BU92" s="661"/>
      <c r="BV92" s="898" t="str">
        <f t="shared" si="123"/>
        <v/>
      </c>
      <c r="BW92" s="898">
        <f t="shared" si="124"/>
        <v>105440.00000000001</v>
      </c>
      <c r="BX92" s="898" t="str">
        <f t="shared" si="125"/>
        <v/>
      </c>
      <c r="BY92" s="898" t="str">
        <f t="shared" si="126"/>
        <v/>
      </c>
      <c r="BZ92" s="898" t="str">
        <f t="shared" si="127"/>
        <v/>
      </c>
      <c r="CA92" s="898" t="str">
        <f t="shared" si="128"/>
        <v/>
      </c>
      <c r="CB92" s="898" t="str">
        <f t="shared" si="129"/>
        <v/>
      </c>
      <c r="CC92" s="898" t="str">
        <f t="shared" si="130"/>
        <v/>
      </c>
      <c r="CD92" s="898" t="str">
        <f t="shared" si="131"/>
        <v/>
      </c>
      <c r="CE92" s="898" t="str">
        <f t="shared" si="132"/>
        <v/>
      </c>
      <c r="CF92" s="898" t="str">
        <f t="shared" si="133"/>
        <v/>
      </c>
      <c r="CG92" s="898" t="str">
        <f t="shared" si="134"/>
        <v/>
      </c>
      <c r="CH92" s="898" t="str">
        <f t="shared" si="135"/>
        <v/>
      </c>
      <c r="CI92" s="898" t="str">
        <f t="shared" si="136"/>
        <v/>
      </c>
      <c r="CJ92" s="898" t="str">
        <f t="shared" si="137"/>
        <v/>
      </c>
      <c r="CK92" s="898" t="str">
        <f t="shared" si="138"/>
        <v/>
      </c>
      <c r="CL92" s="898" t="str">
        <f t="shared" si="139"/>
        <v/>
      </c>
      <c r="CM92" s="898" t="str">
        <f t="shared" si="109"/>
        <v/>
      </c>
      <c r="CN92" s="898" t="str">
        <f t="shared" si="110"/>
        <v/>
      </c>
      <c r="CO92" s="898" t="str">
        <f t="shared" si="111"/>
        <v/>
      </c>
      <c r="CP92" s="898" t="str">
        <f t="shared" si="112"/>
        <v/>
      </c>
      <c r="CQ92" s="898" t="str">
        <f t="shared" si="113"/>
        <v/>
      </c>
      <c r="CR92" s="898" t="str">
        <f t="shared" si="114"/>
        <v/>
      </c>
      <c r="CS92" s="898" t="str">
        <f t="shared" si="115"/>
        <v/>
      </c>
      <c r="CT92" s="898" t="str">
        <f t="shared" si="116"/>
        <v/>
      </c>
      <c r="CU92" s="898" t="str">
        <f t="shared" si="117"/>
        <v/>
      </c>
      <c r="CV92" s="898" t="str">
        <f t="shared" si="118"/>
        <v/>
      </c>
      <c r="CW92" s="898" t="str">
        <f t="shared" si="119"/>
        <v/>
      </c>
      <c r="CX92" s="898" t="str">
        <f t="shared" si="120"/>
        <v/>
      </c>
      <c r="CY92" s="898" t="str">
        <f t="shared" si="121"/>
        <v/>
      </c>
      <c r="CZ92" s="898" t="str">
        <f t="shared" si="122"/>
        <v/>
      </c>
      <c r="DA92" s="898"/>
      <c r="DB92" s="898"/>
      <c r="DC92" s="898"/>
      <c r="DD92" s="898"/>
      <c r="DE92" s="898"/>
      <c r="DF92" s="898"/>
      <c r="DG92" s="898"/>
      <c r="DH92" s="898"/>
      <c r="DI92" s="898"/>
      <c r="DJ92" s="898"/>
      <c r="DK92" s="898"/>
      <c r="DL92" s="898"/>
      <c r="DM92" s="661">
        <f t="shared" si="104"/>
        <v>105440.00000000001</v>
      </c>
      <c r="DN92" s="898">
        <f t="shared" si="105"/>
        <v>0</v>
      </c>
      <c r="DO92" s="516">
        <f t="shared" si="106"/>
        <v>0</v>
      </c>
      <c r="DP92" s="898">
        <f t="shared" si="107"/>
        <v>0</v>
      </c>
      <c r="DQ92" s="483" t="s">
        <v>3096</v>
      </c>
      <c r="DR92" s="483" t="s">
        <v>3097</v>
      </c>
      <c r="DS92" s="483" t="s">
        <v>3098</v>
      </c>
      <c r="DT92" s="632"/>
    </row>
    <row r="93" spans="1:124" ht="99.75" x14ac:dyDescent="0.2">
      <c r="A93" s="484" t="str">
        <f t="shared" si="101"/>
        <v>Local Equipped Area for Play (LEAP) to support Paradise (Hm04)</v>
      </c>
      <c r="B93" s="1163">
        <v>90</v>
      </c>
      <c r="C93" s="904" t="s">
        <v>3612</v>
      </c>
      <c r="D93" s="481" t="s">
        <v>2481</v>
      </c>
      <c r="E93" s="481" t="s">
        <v>53</v>
      </c>
      <c r="F93" s="481" t="s">
        <v>515</v>
      </c>
      <c r="G93" s="654" t="s">
        <v>1334</v>
      </c>
      <c r="H93" s="484" t="s">
        <v>3613</v>
      </c>
      <c r="I93" s="654"/>
      <c r="J93" s="484" t="s">
        <v>3614</v>
      </c>
      <c r="K93" s="654" t="s">
        <v>3104</v>
      </c>
      <c r="L93" s="657" t="s">
        <v>1363</v>
      </c>
      <c r="M93" s="654" t="s">
        <v>2996</v>
      </c>
      <c r="N93" s="897" t="s">
        <v>60</v>
      </c>
      <c r="O93" s="654" t="s">
        <v>525</v>
      </c>
      <c r="P93" s="657" t="s">
        <v>53</v>
      </c>
      <c r="Q93" s="654" t="s">
        <v>559</v>
      </c>
      <c r="R93" s="654"/>
      <c r="S93" s="654"/>
      <c r="T93" s="723">
        <v>105440</v>
      </c>
      <c r="U93" s="723"/>
      <c r="V93" s="654" t="s">
        <v>64</v>
      </c>
      <c r="W93" s="723">
        <f t="shared" si="140"/>
        <v>0</v>
      </c>
      <c r="X93" s="745">
        <f t="shared" si="141"/>
        <v>105440</v>
      </c>
      <c r="Y93" s="723" t="s">
        <v>3106</v>
      </c>
      <c r="Z93" s="723"/>
      <c r="AA93" s="652" t="s">
        <v>82</v>
      </c>
      <c r="AB93" s="893"/>
      <c r="AC93" s="893"/>
      <c r="AD93" s="893"/>
      <c r="AE93" s="746" t="s">
        <v>66</v>
      </c>
      <c r="AF93" s="893"/>
      <c r="AG93" s="746"/>
      <c r="AH93" s="893"/>
      <c r="AI93" s="893"/>
      <c r="AJ93" s="893"/>
      <c r="AK93" s="893"/>
      <c r="AL93" s="893"/>
      <c r="AM93" s="893"/>
      <c r="AN93" s="893"/>
      <c r="AO93" s="893"/>
      <c r="AP93" s="893"/>
      <c r="AQ93" s="893"/>
      <c r="AR93" s="893"/>
      <c r="AS93" s="893"/>
      <c r="AT93" s="893"/>
      <c r="AU93" s="893"/>
      <c r="AV93" s="893"/>
      <c r="AW93" s="893"/>
      <c r="AX93" s="893"/>
      <c r="AY93" s="893"/>
      <c r="AZ93" s="893"/>
      <c r="BA93" s="893"/>
      <c r="BB93" s="893"/>
      <c r="BC93" s="893"/>
      <c r="BD93" s="893"/>
      <c r="BE93" s="893"/>
      <c r="BF93" s="893"/>
      <c r="BG93" s="746"/>
      <c r="BH93" s="746"/>
      <c r="BI93" s="746"/>
      <c r="BJ93" s="746"/>
      <c r="BK93" s="746"/>
      <c r="BL93" s="746"/>
      <c r="BM93" s="746"/>
      <c r="BN93" s="746"/>
      <c r="BO93" s="746"/>
      <c r="BP93" s="746"/>
      <c r="BQ93" s="746"/>
      <c r="BR93" s="746"/>
      <c r="BS93" s="884">
        <f t="shared" si="102"/>
        <v>350</v>
      </c>
      <c r="BT93" s="661">
        <f t="shared" si="103"/>
        <v>301.25714285714287</v>
      </c>
      <c r="BU93" s="661"/>
      <c r="BV93" s="898" t="str">
        <f t="shared" si="123"/>
        <v/>
      </c>
      <c r="BW93" s="898" t="str">
        <f t="shared" si="124"/>
        <v/>
      </c>
      <c r="BX93" s="898" t="str">
        <f t="shared" si="125"/>
        <v/>
      </c>
      <c r="BY93" s="898">
        <f t="shared" si="126"/>
        <v>105440</v>
      </c>
      <c r="BZ93" s="898" t="str">
        <f t="shared" si="127"/>
        <v/>
      </c>
      <c r="CA93" s="898" t="str">
        <f t="shared" si="128"/>
        <v/>
      </c>
      <c r="CB93" s="898" t="str">
        <f t="shared" si="129"/>
        <v/>
      </c>
      <c r="CC93" s="898" t="str">
        <f t="shared" si="130"/>
        <v/>
      </c>
      <c r="CD93" s="898" t="str">
        <f t="shared" si="131"/>
        <v/>
      </c>
      <c r="CE93" s="898" t="str">
        <f t="shared" si="132"/>
        <v/>
      </c>
      <c r="CF93" s="898" t="str">
        <f t="shared" si="133"/>
        <v/>
      </c>
      <c r="CG93" s="898" t="str">
        <f t="shared" si="134"/>
        <v/>
      </c>
      <c r="CH93" s="898" t="str">
        <f t="shared" si="135"/>
        <v/>
      </c>
      <c r="CI93" s="898" t="str">
        <f t="shared" si="136"/>
        <v/>
      </c>
      <c r="CJ93" s="898" t="str">
        <f t="shared" si="137"/>
        <v/>
      </c>
      <c r="CK93" s="898" t="str">
        <f t="shared" si="138"/>
        <v/>
      </c>
      <c r="CL93" s="898" t="str">
        <f t="shared" si="139"/>
        <v/>
      </c>
      <c r="CM93" s="898" t="str">
        <f t="shared" si="109"/>
        <v/>
      </c>
      <c r="CN93" s="898" t="str">
        <f t="shared" si="110"/>
        <v/>
      </c>
      <c r="CO93" s="898" t="str">
        <f t="shared" si="111"/>
        <v/>
      </c>
      <c r="CP93" s="898" t="str">
        <f t="shared" si="112"/>
        <v/>
      </c>
      <c r="CQ93" s="898" t="str">
        <f t="shared" si="113"/>
        <v/>
      </c>
      <c r="CR93" s="898" t="str">
        <f t="shared" si="114"/>
        <v/>
      </c>
      <c r="CS93" s="898" t="str">
        <f t="shared" si="115"/>
        <v/>
      </c>
      <c r="CT93" s="898" t="str">
        <f t="shared" si="116"/>
        <v/>
      </c>
      <c r="CU93" s="898" t="str">
        <f t="shared" si="117"/>
        <v/>
      </c>
      <c r="CV93" s="898" t="str">
        <f t="shared" si="118"/>
        <v/>
      </c>
      <c r="CW93" s="898" t="str">
        <f t="shared" si="119"/>
        <v/>
      </c>
      <c r="CX93" s="898" t="str">
        <f t="shared" si="120"/>
        <v/>
      </c>
      <c r="CY93" s="898" t="str">
        <f t="shared" si="121"/>
        <v/>
      </c>
      <c r="CZ93" s="898" t="str">
        <f t="shared" si="122"/>
        <v/>
      </c>
      <c r="DA93" s="898"/>
      <c r="DB93" s="898"/>
      <c r="DC93" s="898"/>
      <c r="DD93" s="898"/>
      <c r="DE93" s="898"/>
      <c r="DF93" s="898"/>
      <c r="DG93" s="898"/>
      <c r="DH93" s="898"/>
      <c r="DI93" s="898"/>
      <c r="DJ93" s="898"/>
      <c r="DK93" s="898"/>
      <c r="DL93" s="898"/>
      <c r="DM93" s="661">
        <f t="shared" si="104"/>
        <v>105440</v>
      </c>
      <c r="DN93" s="898">
        <f t="shared" si="105"/>
        <v>0</v>
      </c>
      <c r="DO93" s="516">
        <f t="shared" si="106"/>
        <v>0</v>
      </c>
      <c r="DP93" s="898">
        <f t="shared" si="107"/>
        <v>0</v>
      </c>
      <c r="DQ93" s="483" t="s">
        <v>3096</v>
      </c>
      <c r="DR93" s="483" t="s">
        <v>3097</v>
      </c>
      <c r="DS93" s="483" t="s">
        <v>3098</v>
      </c>
      <c r="DT93" s="632"/>
    </row>
    <row r="94" spans="1:124" ht="99.75" x14ac:dyDescent="0.2">
      <c r="A94" s="484" t="str">
        <f t="shared" si="101"/>
        <v>Local Equipped Area for Play (LEAP) to support Riverside (Hm06)</v>
      </c>
      <c r="B94" s="1163">
        <v>91</v>
      </c>
      <c r="C94" s="904" t="s">
        <v>3615</v>
      </c>
      <c r="D94" s="481" t="s">
        <v>2481</v>
      </c>
      <c r="E94" s="481" t="s">
        <v>53</v>
      </c>
      <c r="F94" s="481" t="s">
        <v>515</v>
      </c>
      <c r="G94" s="654" t="s">
        <v>1334</v>
      </c>
      <c r="H94" s="484" t="s">
        <v>3616</v>
      </c>
      <c r="I94" s="654"/>
      <c r="J94" s="484" t="s">
        <v>3617</v>
      </c>
      <c r="K94" s="654" t="s">
        <v>3104</v>
      </c>
      <c r="L94" s="657" t="s">
        <v>1364</v>
      </c>
      <c r="M94" s="654" t="s">
        <v>2996</v>
      </c>
      <c r="N94" s="897" t="s">
        <v>60</v>
      </c>
      <c r="O94" s="654" t="s">
        <v>525</v>
      </c>
      <c r="P94" s="657" t="s">
        <v>53</v>
      </c>
      <c r="Q94" s="654" t="s">
        <v>71</v>
      </c>
      <c r="R94" s="654"/>
      <c r="S94" s="654"/>
      <c r="T94" s="723">
        <v>105440</v>
      </c>
      <c r="U94" s="723"/>
      <c r="V94" s="654" t="s">
        <v>64</v>
      </c>
      <c r="W94" s="723">
        <f t="shared" si="140"/>
        <v>0</v>
      </c>
      <c r="X94" s="745">
        <f t="shared" si="141"/>
        <v>105440</v>
      </c>
      <c r="Y94" s="723" t="s">
        <v>3106</v>
      </c>
      <c r="Z94" s="723"/>
      <c r="AA94" s="652" t="s">
        <v>82</v>
      </c>
      <c r="AB94" s="893"/>
      <c r="AC94" s="893"/>
      <c r="AD94" s="893"/>
      <c r="AE94" s="893"/>
      <c r="AF94" s="746" t="s">
        <v>66</v>
      </c>
      <c r="AG94" s="746"/>
      <c r="AH94" s="893"/>
      <c r="AI94" s="893"/>
      <c r="AJ94" s="893"/>
      <c r="AK94" s="893"/>
      <c r="AL94" s="893"/>
      <c r="AM94" s="893"/>
      <c r="AN94" s="893"/>
      <c r="AO94" s="893"/>
      <c r="AP94" s="893"/>
      <c r="AQ94" s="893"/>
      <c r="AR94" s="893"/>
      <c r="AS94" s="893"/>
      <c r="AT94" s="893"/>
      <c r="AU94" s="893"/>
      <c r="AV94" s="893"/>
      <c r="AW94" s="893"/>
      <c r="AX94" s="893"/>
      <c r="AY94" s="893"/>
      <c r="AZ94" s="893"/>
      <c r="BA94" s="893"/>
      <c r="BB94" s="893"/>
      <c r="BC94" s="893"/>
      <c r="BD94" s="893"/>
      <c r="BE94" s="893"/>
      <c r="BF94" s="893"/>
      <c r="BG94" s="746"/>
      <c r="BH94" s="746"/>
      <c r="BI94" s="746"/>
      <c r="BJ94" s="746"/>
      <c r="BK94" s="746"/>
      <c r="BL94" s="746"/>
      <c r="BM94" s="746"/>
      <c r="BN94" s="746"/>
      <c r="BO94" s="746"/>
      <c r="BP94" s="746"/>
      <c r="BQ94" s="746"/>
      <c r="BR94" s="746"/>
      <c r="BS94" s="884">
        <f t="shared" si="102"/>
        <v>500</v>
      </c>
      <c r="BT94" s="661">
        <f t="shared" si="103"/>
        <v>210.88</v>
      </c>
      <c r="BU94" s="661"/>
      <c r="BV94" s="898" t="str">
        <f t="shared" si="123"/>
        <v/>
      </c>
      <c r="BW94" s="898" t="str">
        <f t="shared" si="124"/>
        <v/>
      </c>
      <c r="BX94" s="898" t="str">
        <f t="shared" si="125"/>
        <v/>
      </c>
      <c r="BY94" s="898" t="str">
        <f t="shared" si="126"/>
        <v/>
      </c>
      <c r="BZ94" s="898">
        <f t="shared" si="127"/>
        <v>105440</v>
      </c>
      <c r="CA94" s="898" t="str">
        <f t="shared" si="128"/>
        <v/>
      </c>
      <c r="CB94" s="898" t="str">
        <f t="shared" si="129"/>
        <v/>
      </c>
      <c r="CC94" s="898" t="str">
        <f t="shared" si="130"/>
        <v/>
      </c>
      <c r="CD94" s="898" t="str">
        <f t="shared" si="131"/>
        <v/>
      </c>
      <c r="CE94" s="898" t="str">
        <f t="shared" si="132"/>
        <v/>
      </c>
      <c r="CF94" s="898" t="str">
        <f t="shared" si="133"/>
        <v/>
      </c>
      <c r="CG94" s="898" t="str">
        <f t="shared" si="134"/>
        <v/>
      </c>
      <c r="CH94" s="898" t="str">
        <f t="shared" si="135"/>
        <v/>
      </c>
      <c r="CI94" s="898" t="str">
        <f t="shared" si="136"/>
        <v/>
      </c>
      <c r="CJ94" s="898" t="str">
        <f t="shared" si="137"/>
        <v/>
      </c>
      <c r="CK94" s="898" t="str">
        <f t="shared" si="138"/>
        <v/>
      </c>
      <c r="CL94" s="898" t="str">
        <f t="shared" si="139"/>
        <v/>
      </c>
      <c r="CM94" s="898" t="str">
        <f t="shared" si="109"/>
        <v/>
      </c>
      <c r="CN94" s="898" t="str">
        <f t="shared" si="110"/>
        <v/>
      </c>
      <c r="CO94" s="898" t="str">
        <f t="shared" si="111"/>
        <v/>
      </c>
      <c r="CP94" s="898" t="str">
        <f t="shared" si="112"/>
        <v/>
      </c>
      <c r="CQ94" s="898" t="str">
        <f t="shared" si="113"/>
        <v/>
      </c>
      <c r="CR94" s="898" t="str">
        <f t="shared" si="114"/>
        <v/>
      </c>
      <c r="CS94" s="898" t="str">
        <f t="shared" si="115"/>
        <v/>
      </c>
      <c r="CT94" s="898" t="str">
        <f t="shared" si="116"/>
        <v/>
      </c>
      <c r="CU94" s="898" t="str">
        <f t="shared" si="117"/>
        <v/>
      </c>
      <c r="CV94" s="898" t="str">
        <f t="shared" si="118"/>
        <v/>
      </c>
      <c r="CW94" s="898" t="str">
        <f t="shared" si="119"/>
        <v/>
      </c>
      <c r="CX94" s="898" t="str">
        <f t="shared" si="120"/>
        <v/>
      </c>
      <c r="CY94" s="898" t="str">
        <f t="shared" si="121"/>
        <v/>
      </c>
      <c r="CZ94" s="898" t="str">
        <f t="shared" si="122"/>
        <v/>
      </c>
      <c r="DA94" s="898"/>
      <c r="DB94" s="898"/>
      <c r="DC94" s="898"/>
      <c r="DD94" s="898"/>
      <c r="DE94" s="898"/>
      <c r="DF94" s="898"/>
      <c r="DG94" s="898"/>
      <c r="DH94" s="898"/>
      <c r="DI94" s="898"/>
      <c r="DJ94" s="898"/>
      <c r="DK94" s="898"/>
      <c r="DL94" s="898"/>
      <c r="DM94" s="661">
        <f t="shared" si="104"/>
        <v>105440</v>
      </c>
      <c r="DN94" s="898">
        <f t="shared" si="105"/>
        <v>0</v>
      </c>
      <c r="DO94" s="516">
        <f t="shared" si="106"/>
        <v>0</v>
      </c>
      <c r="DP94" s="898">
        <f t="shared" si="107"/>
        <v>0</v>
      </c>
      <c r="DQ94" s="483" t="s">
        <v>3096</v>
      </c>
      <c r="DR94" s="483" t="s">
        <v>3097</v>
      </c>
      <c r="DS94" s="483" t="s">
        <v>3098</v>
      </c>
      <c r="DT94" s="632"/>
    </row>
    <row r="95" spans="1:124" ht="99.75" x14ac:dyDescent="0.2">
      <c r="A95" s="484" t="str">
        <f t="shared" si="101"/>
        <v>Local Equipped Area for Play (LEAP) to support Symbio Site, Whiteleaf Road (Hm07)</v>
      </c>
      <c r="B95" s="1163">
        <v>92</v>
      </c>
      <c r="C95" s="904" t="s">
        <v>3618</v>
      </c>
      <c r="D95" s="481" t="s">
        <v>2481</v>
      </c>
      <c r="E95" s="481" t="s">
        <v>53</v>
      </c>
      <c r="F95" s="481" t="s">
        <v>515</v>
      </c>
      <c r="G95" s="654" t="s">
        <v>1334</v>
      </c>
      <c r="H95" s="484" t="s">
        <v>3619</v>
      </c>
      <c r="I95" s="654"/>
      <c r="J95" s="484" t="s">
        <v>3620</v>
      </c>
      <c r="K95" s="654" t="s">
        <v>3104</v>
      </c>
      <c r="L95" s="657" t="s">
        <v>1366</v>
      </c>
      <c r="M95" s="654" t="s">
        <v>2996</v>
      </c>
      <c r="N95" s="897" t="s">
        <v>60</v>
      </c>
      <c r="O95" s="654" t="s">
        <v>525</v>
      </c>
      <c r="P95" s="657" t="s">
        <v>53</v>
      </c>
      <c r="Q95" s="654" t="s">
        <v>380</v>
      </c>
      <c r="R95" s="654"/>
      <c r="S95" s="654"/>
      <c r="T95" s="723">
        <v>105440</v>
      </c>
      <c r="U95" s="723"/>
      <c r="V95" s="654" t="s">
        <v>64</v>
      </c>
      <c r="W95" s="723">
        <f t="shared" si="140"/>
        <v>0</v>
      </c>
      <c r="X95" s="745">
        <f t="shared" si="141"/>
        <v>105440</v>
      </c>
      <c r="Y95" s="723" t="s">
        <v>3106</v>
      </c>
      <c r="Z95" s="723"/>
      <c r="AA95" s="652" t="s">
        <v>82</v>
      </c>
      <c r="AB95" s="893"/>
      <c r="AC95" s="893"/>
      <c r="AD95" s="893"/>
      <c r="AE95" s="893"/>
      <c r="AF95" s="893"/>
      <c r="AG95" s="746"/>
      <c r="AH95" s="746" t="s">
        <v>66</v>
      </c>
      <c r="AI95" s="893"/>
      <c r="AJ95" s="893"/>
      <c r="AK95" s="893"/>
      <c r="AL95" s="893"/>
      <c r="AM95" s="893"/>
      <c r="AN95" s="893"/>
      <c r="AO95" s="893"/>
      <c r="AP95" s="893"/>
      <c r="AQ95" s="893"/>
      <c r="AR95" s="893"/>
      <c r="AS95" s="893"/>
      <c r="AT95" s="893"/>
      <c r="AU95" s="893"/>
      <c r="AV95" s="893"/>
      <c r="AW95" s="893"/>
      <c r="AX95" s="893"/>
      <c r="AY95" s="893"/>
      <c r="AZ95" s="893"/>
      <c r="BA95" s="893"/>
      <c r="BB95" s="893"/>
      <c r="BC95" s="893"/>
      <c r="BD95" s="893"/>
      <c r="BE95" s="893"/>
      <c r="BF95" s="893"/>
      <c r="BG95" s="746"/>
      <c r="BH95" s="746"/>
      <c r="BI95" s="746"/>
      <c r="BJ95" s="746"/>
      <c r="BK95" s="746"/>
      <c r="BL95" s="746"/>
      <c r="BM95" s="746"/>
      <c r="BN95" s="746"/>
      <c r="BO95" s="746"/>
      <c r="BP95" s="746"/>
      <c r="BQ95" s="746"/>
      <c r="BR95" s="746"/>
      <c r="BS95" s="884">
        <f t="shared" si="102"/>
        <v>100</v>
      </c>
      <c r="BT95" s="661">
        <f t="shared" si="103"/>
        <v>1054.4000000000001</v>
      </c>
      <c r="BU95" s="661"/>
      <c r="BV95" s="898" t="str">
        <f t="shared" si="123"/>
        <v/>
      </c>
      <c r="BW95" s="898" t="str">
        <f t="shared" si="124"/>
        <v/>
      </c>
      <c r="BX95" s="898" t="str">
        <f t="shared" si="125"/>
        <v/>
      </c>
      <c r="BY95" s="898" t="str">
        <f t="shared" si="126"/>
        <v/>
      </c>
      <c r="BZ95" s="898" t="str">
        <f t="shared" si="127"/>
        <v/>
      </c>
      <c r="CA95" s="898" t="str">
        <f t="shared" si="128"/>
        <v/>
      </c>
      <c r="CB95" s="898">
        <f t="shared" si="129"/>
        <v>105440.00000000001</v>
      </c>
      <c r="CC95" s="898" t="str">
        <f t="shared" si="130"/>
        <v/>
      </c>
      <c r="CD95" s="898" t="str">
        <f t="shared" si="131"/>
        <v/>
      </c>
      <c r="CE95" s="898" t="str">
        <f t="shared" si="132"/>
        <v/>
      </c>
      <c r="CF95" s="898" t="str">
        <f t="shared" si="133"/>
        <v/>
      </c>
      <c r="CG95" s="898" t="str">
        <f t="shared" si="134"/>
        <v/>
      </c>
      <c r="CH95" s="898" t="str">
        <f t="shared" si="135"/>
        <v/>
      </c>
      <c r="CI95" s="898" t="str">
        <f t="shared" si="136"/>
        <v/>
      </c>
      <c r="CJ95" s="898" t="str">
        <f t="shared" si="137"/>
        <v/>
      </c>
      <c r="CK95" s="898" t="str">
        <f t="shared" si="138"/>
        <v/>
      </c>
      <c r="CL95" s="898" t="str">
        <f t="shared" si="139"/>
        <v/>
      </c>
      <c r="CM95" s="898" t="str">
        <f t="shared" si="109"/>
        <v/>
      </c>
      <c r="CN95" s="898" t="str">
        <f t="shared" si="110"/>
        <v/>
      </c>
      <c r="CO95" s="898" t="str">
        <f t="shared" si="111"/>
        <v/>
      </c>
      <c r="CP95" s="898" t="str">
        <f t="shared" si="112"/>
        <v/>
      </c>
      <c r="CQ95" s="898" t="str">
        <f t="shared" si="113"/>
        <v/>
      </c>
      <c r="CR95" s="898" t="str">
        <f t="shared" si="114"/>
        <v/>
      </c>
      <c r="CS95" s="898" t="str">
        <f t="shared" si="115"/>
        <v/>
      </c>
      <c r="CT95" s="898" t="str">
        <f t="shared" si="116"/>
        <v/>
      </c>
      <c r="CU95" s="898" t="str">
        <f t="shared" si="117"/>
        <v/>
      </c>
      <c r="CV95" s="898" t="str">
        <f t="shared" si="118"/>
        <v/>
      </c>
      <c r="CW95" s="898" t="str">
        <f t="shared" si="119"/>
        <v/>
      </c>
      <c r="CX95" s="898" t="str">
        <f t="shared" si="120"/>
        <v/>
      </c>
      <c r="CY95" s="898" t="str">
        <f t="shared" si="121"/>
        <v/>
      </c>
      <c r="CZ95" s="898" t="str">
        <f t="shared" si="122"/>
        <v/>
      </c>
      <c r="DA95" s="898"/>
      <c r="DB95" s="898"/>
      <c r="DC95" s="898"/>
      <c r="DD95" s="898"/>
      <c r="DE95" s="898"/>
      <c r="DF95" s="898"/>
      <c r="DG95" s="898"/>
      <c r="DH95" s="898"/>
      <c r="DI95" s="898"/>
      <c r="DJ95" s="898"/>
      <c r="DK95" s="898"/>
      <c r="DL95" s="898"/>
      <c r="DM95" s="661">
        <f t="shared" si="104"/>
        <v>105440.00000000001</v>
      </c>
      <c r="DN95" s="898">
        <f t="shared" si="105"/>
        <v>0</v>
      </c>
      <c r="DO95" s="516">
        <f t="shared" si="106"/>
        <v>0</v>
      </c>
      <c r="DP95" s="898">
        <f t="shared" si="107"/>
        <v>0</v>
      </c>
      <c r="DQ95" s="483" t="s">
        <v>3096</v>
      </c>
      <c r="DR95" s="483" t="s">
        <v>3097</v>
      </c>
      <c r="DS95" s="483" t="s">
        <v>3098</v>
      </c>
      <c r="DT95" s="632"/>
    </row>
    <row r="96" spans="1:124" ht="99.75" x14ac:dyDescent="0.2">
      <c r="A96" s="484" t="str">
        <f t="shared" si="101"/>
        <v>Local Equipped Area for Play (LEAP) to support Hemel Hempstead Station Gateway (Hm08)</v>
      </c>
      <c r="B96" s="1163">
        <v>93</v>
      </c>
      <c r="C96" s="904" t="s">
        <v>3621</v>
      </c>
      <c r="D96" s="481" t="s">
        <v>2481</v>
      </c>
      <c r="E96" s="481" t="s">
        <v>53</v>
      </c>
      <c r="F96" s="481" t="s">
        <v>515</v>
      </c>
      <c r="G96" s="654" t="s">
        <v>1334</v>
      </c>
      <c r="H96" s="484" t="s">
        <v>3622</v>
      </c>
      <c r="I96" s="654"/>
      <c r="J96" s="484" t="s">
        <v>3623</v>
      </c>
      <c r="K96" s="654" t="s">
        <v>3104</v>
      </c>
      <c r="L96" s="657" t="s">
        <v>1367</v>
      </c>
      <c r="M96" s="654" t="s">
        <v>2996</v>
      </c>
      <c r="N96" s="897" t="s">
        <v>60</v>
      </c>
      <c r="O96" s="654" t="s">
        <v>525</v>
      </c>
      <c r="P96" s="657" t="s">
        <v>53</v>
      </c>
      <c r="Q96" s="654" t="s">
        <v>382</v>
      </c>
      <c r="R96" s="654"/>
      <c r="S96" s="654"/>
      <c r="T96" s="723">
        <v>105440</v>
      </c>
      <c r="U96" s="723"/>
      <c r="V96" s="654" t="s">
        <v>64</v>
      </c>
      <c r="W96" s="723">
        <f t="shared" si="140"/>
        <v>0</v>
      </c>
      <c r="X96" s="745">
        <f t="shared" si="141"/>
        <v>105440</v>
      </c>
      <c r="Y96" s="723" t="s">
        <v>3106</v>
      </c>
      <c r="Z96" s="723"/>
      <c r="AA96" s="652" t="s">
        <v>82</v>
      </c>
      <c r="AB96" s="893"/>
      <c r="AC96" s="893"/>
      <c r="AD96" s="893"/>
      <c r="AE96" s="893"/>
      <c r="AF96" s="893"/>
      <c r="AG96" s="746"/>
      <c r="AH96" s="893"/>
      <c r="AI96" s="746" t="s">
        <v>66</v>
      </c>
      <c r="AJ96" s="893"/>
      <c r="AK96" s="893"/>
      <c r="AL96" s="893"/>
      <c r="AM96" s="893"/>
      <c r="AN96" s="893"/>
      <c r="AO96" s="893"/>
      <c r="AP96" s="893"/>
      <c r="AQ96" s="893"/>
      <c r="AR96" s="893"/>
      <c r="AS96" s="893"/>
      <c r="AT96" s="893"/>
      <c r="AU96" s="893"/>
      <c r="AV96" s="893"/>
      <c r="AW96" s="893"/>
      <c r="AX96" s="893"/>
      <c r="AY96" s="893"/>
      <c r="AZ96" s="893"/>
      <c r="BA96" s="893"/>
      <c r="BB96" s="893"/>
      <c r="BC96" s="893"/>
      <c r="BD96" s="893"/>
      <c r="BE96" s="893"/>
      <c r="BF96" s="893"/>
      <c r="BG96" s="746"/>
      <c r="BH96" s="746"/>
      <c r="BI96" s="746"/>
      <c r="BJ96" s="746"/>
      <c r="BK96" s="746"/>
      <c r="BL96" s="746"/>
      <c r="BM96" s="746"/>
      <c r="BN96" s="746"/>
      <c r="BO96" s="746"/>
      <c r="BP96" s="746"/>
      <c r="BQ96" s="746"/>
      <c r="BR96" s="746"/>
      <c r="BS96" s="884">
        <f t="shared" si="102"/>
        <v>390</v>
      </c>
      <c r="BT96" s="661">
        <f t="shared" si="103"/>
        <v>270.35897435897436</v>
      </c>
      <c r="BU96" s="661"/>
      <c r="BV96" s="898" t="str">
        <f t="shared" si="123"/>
        <v/>
      </c>
      <c r="BW96" s="898" t="str">
        <f t="shared" si="124"/>
        <v/>
      </c>
      <c r="BX96" s="898" t="str">
        <f t="shared" si="125"/>
        <v/>
      </c>
      <c r="BY96" s="898" t="str">
        <f t="shared" si="126"/>
        <v/>
      </c>
      <c r="BZ96" s="898" t="str">
        <f t="shared" si="127"/>
        <v/>
      </c>
      <c r="CA96" s="898" t="str">
        <f t="shared" si="128"/>
        <v/>
      </c>
      <c r="CB96" s="898" t="str">
        <f t="shared" si="129"/>
        <v/>
      </c>
      <c r="CC96" s="898">
        <f t="shared" si="130"/>
        <v>105440</v>
      </c>
      <c r="CD96" s="898" t="str">
        <f t="shared" si="131"/>
        <v/>
      </c>
      <c r="CE96" s="898" t="str">
        <f t="shared" si="132"/>
        <v/>
      </c>
      <c r="CF96" s="898" t="str">
        <f t="shared" si="133"/>
        <v/>
      </c>
      <c r="CG96" s="898" t="str">
        <f t="shared" si="134"/>
        <v/>
      </c>
      <c r="CH96" s="898" t="str">
        <f t="shared" si="135"/>
        <v/>
      </c>
      <c r="CI96" s="898" t="str">
        <f t="shared" si="136"/>
        <v/>
      </c>
      <c r="CJ96" s="898" t="str">
        <f t="shared" si="137"/>
        <v/>
      </c>
      <c r="CK96" s="898" t="str">
        <f t="shared" si="138"/>
        <v/>
      </c>
      <c r="CL96" s="898" t="str">
        <f t="shared" si="139"/>
        <v/>
      </c>
      <c r="CM96" s="898" t="str">
        <f t="shared" si="109"/>
        <v/>
      </c>
      <c r="CN96" s="898" t="str">
        <f t="shared" si="110"/>
        <v/>
      </c>
      <c r="CO96" s="898" t="str">
        <f t="shared" si="111"/>
        <v/>
      </c>
      <c r="CP96" s="898" t="str">
        <f t="shared" si="112"/>
        <v/>
      </c>
      <c r="CQ96" s="898" t="str">
        <f t="shared" si="113"/>
        <v/>
      </c>
      <c r="CR96" s="898" t="str">
        <f t="shared" si="114"/>
        <v/>
      </c>
      <c r="CS96" s="898" t="str">
        <f t="shared" si="115"/>
        <v/>
      </c>
      <c r="CT96" s="898" t="str">
        <f t="shared" si="116"/>
        <v/>
      </c>
      <c r="CU96" s="898" t="str">
        <f t="shared" si="117"/>
        <v/>
      </c>
      <c r="CV96" s="898" t="str">
        <f t="shared" si="118"/>
        <v/>
      </c>
      <c r="CW96" s="898" t="str">
        <f t="shared" si="119"/>
        <v/>
      </c>
      <c r="CX96" s="898" t="str">
        <f t="shared" si="120"/>
        <v/>
      </c>
      <c r="CY96" s="898" t="str">
        <f t="shared" si="121"/>
        <v/>
      </c>
      <c r="CZ96" s="898" t="str">
        <f t="shared" si="122"/>
        <v/>
      </c>
      <c r="DA96" s="898"/>
      <c r="DB96" s="898"/>
      <c r="DC96" s="898"/>
      <c r="DD96" s="898"/>
      <c r="DE96" s="898"/>
      <c r="DF96" s="898"/>
      <c r="DG96" s="898"/>
      <c r="DH96" s="898"/>
      <c r="DI96" s="898"/>
      <c r="DJ96" s="898"/>
      <c r="DK96" s="898"/>
      <c r="DL96" s="898"/>
      <c r="DM96" s="661">
        <f t="shared" si="104"/>
        <v>105440</v>
      </c>
      <c r="DN96" s="898">
        <f t="shared" si="105"/>
        <v>0</v>
      </c>
      <c r="DO96" s="516">
        <f t="shared" si="106"/>
        <v>0</v>
      </c>
      <c r="DP96" s="898">
        <f t="shared" si="107"/>
        <v>0</v>
      </c>
      <c r="DQ96" s="483" t="s">
        <v>3096</v>
      </c>
      <c r="DR96" s="483" t="s">
        <v>3097</v>
      </c>
      <c r="DS96" s="483" t="s">
        <v>3098</v>
      </c>
      <c r="DT96" s="632"/>
    </row>
    <row r="97" spans="1:124" ht="99.75" x14ac:dyDescent="0.2">
      <c r="A97" s="484" t="str">
        <f t="shared" si="101"/>
        <v>Local Equipped Area for Play (LEAP) to support National Grid and 339-353 London Road (Hm09)</v>
      </c>
      <c r="B97" s="1163">
        <v>94</v>
      </c>
      <c r="C97" s="904" t="s">
        <v>3624</v>
      </c>
      <c r="D97" s="481" t="s">
        <v>2481</v>
      </c>
      <c r="E97" s="481" t="s">
        <v>53</v>
      </c>
      <c r="F97" s="481" t="s">
        <v>515</v>
      </c>
      <c r="G97" s="654" t="s">
        <v>1334</v>
      </c>
      <c r="H97" s="484" t="s">
        <v>3625</v>
      </c>
      <c r="I97" s="654"/>
      <c r="J97" s="484" t="s">
        <v>3626</v>
      </c>
      <c r="K97" s="654" t="s">
        <v>3104</v>
      </c>
      <c r="L97" s="657" t="s">
        <v>1365</v>
      </c>
      <c r="M97" s="654" t="s">
        <v>2996</v>
      </c>
      <c r="N97" s="897" t="s">
        <v>60</v>
      </c>
      <c r="O97" s="654" t="s">
        <v>525</v>
      </c>
      <c r="P97" s="657" t="s">
        <v>53</v>
      </c>
      <c r="Q97" s="654" t="s">
        <v>187</v>
      </c>
      <c r="R97" s="654"/>
      <c r="S97" s="654"/>
      <c r="T97" s="723">
        <v>105440</v>
      </c>
      <c r="U97" s="723"/>
      <c r="V97" s="654" t="s">
        <v>64</v>
      </c>
      <c r="W97" s="723">
        <f t="shared" si="140"/>
        <v>0</v>
      </c>
      <c r="X97" s="745">
        <f t="shared" si="141"/>
        <v>105440</v>
      </c>
      <c r="Y97" s="723" t="s">
        <v>3106</v>
      </c>
      <c r="Z97" s="723"/>
      <c r="AA97" s="652" t="s">
        <v>82</v>
      </c>
      <c r="AB97" s="893"/>
      <c r="AC97" s="893"/>
      <c r="AD97" s="893"/>
      <c r="AE97" s="893"/>
      <c r="AF97" s="893"/>
      <c r="AG97" s="746" t="s">
        <v>66</v>
      </c>
      <c r="AH97" s="893"/>
      <c r="AI97" s="893"/>
      <c r="AJ97" s="893"/>
      <c r="AK97" s="893"/>
      <c r="AL97" s="893"/>
      <c r="AM97" s="893"/>
      <c r="AN97" s="893"/>
      <c r="AO97" s="893"/>
      <c r="AP97" s="893"/>
      <c r="AQ97" s="893"/>
      <c r="AR97" s="893"/>
      <c r="AS97" s="893"/>
      <c r="AT97" s="893"/>
      <c r="AU97" s="893"/>
      <c r="AV97" s="893"/>
      <c r="AW97" s="893"/>
      <c r="AX97" s="893"/>
      <c r="AY97" s="893"/>
      <c r="AZ97" s="893"/>
      <c r="BA97" s="893"/>
      <c r="BB97" s="893"/>
      <c r="BC97" s="893"/>
      <c r="BD97" s="893"/>
      <c r="BE97" s="893"/>
      <c r="BF97" s="893"/>
      <c r="BG97" s="746"/>
      <c r="BH97" s="746"/>
      <c r="BI97" s="746"/>
      <c r="BJ97" s="746"/>
      <c r="BK97" s="746"/>
      <c r="BL97" s="746"/>
      <c r="BM97" s="746"/>
      <c r="BN97" s="746"/>
      <c r="BO97" s="746"/>
      <c r="BP97" s="746"/>
      <c r="BQ97" s="746"/>
      <c r="BR97" s="746"/>
      <c r="BS97" s="884">
        <f t="shared" si="102"/>
        <v>480</v>
      </c>
      <c r="BT97" s="661">
        <f t="shared" si="103"/>
        <v>219.66666666666666</v>
      </c>
      <c r="BU97" s="661"/>
      <c r="BV97" s="898" t="str">
        <f t="shared" si="123"/>
        <v/>
      </c>
      <c r="BW97" s="898" t="str">
        <f t="shared" si="124"/>
        <v/>
      </c>
      <c r="BX97" s="898" t="str">
        <f t="shared" si="125"/>
        <v/>
      </c>
      <c r="BY97" s="898" t="str">
        <f t="shared" si="126"/>
        <v/>
      </c>
      <c r="BZ97" s="898" t="str">
        <f t="shared" si="127"/>
        <v/>
      </c>
      <c r="CA97" s="898">
        <f t="shared" si="128"/>
        <v>105440</v>
      </c>
      <c r="CB97" s="898" t="str">
        <f t="shared" si="129"/>
        <v/>
      </c>
      <c r="CC97" s="898" t="str">
        <f t="shared" si="130"/>
        <v/>
      </c>
      <c r="CD97" s="898" t="str">
        <f t="shared" si="131"/>
        <v/>
      </c>
      <c r="CE97" s="898" t="str">
        <f t="shared" si="132"/>
        <v/>
      </c>
      <c r="CF97" s="898" t="str">
        <f t="shared" si="133"/>
        <v/>
      </c>
      <c r="CG97" s="898" t="str">
        <f t="shared" si="134"/>
        <v/>
      </c>
      <c r="CH97" s="898" t="str">
        <f t="shared" si="135"/>
        <v/>
      </c>
      <c r="CI97" s="898" t="str">
        <f t="shared" si="136"/>
        <v/>
      </c>
      <c r="CJ97" s="898" t="str">
        <f t="shared" si="137"/>
        <v/>
      </c>
      <c r="CK97" s="898" t="str">
        <f t="shared" si="138"/>
        <v/>
      </c>
      <c r="CL97" s="898" t="str">
        <f t="shared" si="139"/>
        <v/>
      </c>
      <c r="CM97" s="898" t="str">
        <f t="shared" si="109"/>
        <v/>
      </c>
      <c r="CN97" s="898" t="str">
        <f t="shared" si="110"/>
        <v/>
      </c>
      <c r="CO97" s="898" t="str">
        <f t="shared" si="111"/>
        <v/>
      </c>
      <c r="CP97" s="898" t="str">
        <f t="shared" si="112"/>
        <v/>
      </c>
      <c r="CQ97" s="898" t="str">
        <f t="shared" si="113"/>
        <v/>
      </c>
      <c r="CR97" s="898" t="str">
        <f t="shared" si="114"/>
        <v/>
      </c>
      <c r="CS97" s="898" t="str">
        <f t="shared" si="115"/>
        <v/>
      </c>
      <c r="CT97" s="898" t="str">
        <f t="shared" si="116"/>
        <v/>
      </c>
      <c r="CU97" s="898" t="str">
        <f t="shared" si="117"/>
        <v/>
      </c>
      <c r="CV97" s="898" t="str">
        <f t="shared" si="118"/>
        <v/>
      </c>
      <c r="CW97" s="898" t="str">
        <f t="shared" si="119"/>
        <v/>
      </c>
      <c r="CX97" s="898" t="str">
        <f t="shared" si="120"/>
        <v/>
      </c>
      <c r="CY97" s="898" t="str">
        <f t="shared" si="121"/>
        <v/>
      </c>
      <c r="CZ97" s="898" t="str">
        <f t="shared" si="122"/>
        <v/>
      </c>
      <c r="DA97" s="898"/>
      <c r="DB97" s="898"/>
      <c r="DC97" s="898"/>
      <c r="DD97" s="898"/>
      <c r="DE97" s="898"/>
      <c r="DF97" s="898"/>
      <c r="DG97" s="898"/>
      <c r="DH97" s="898"/>
      <c r="DI97" s="898"/>
      <c r="DJ97" s="898"/>
      <c r="DK97" s="898"/>
      <c r="DL97" s="898"/>
      <c r="DM97" s="661">
        <f t="shared" si="104"/>
        <v>105440</v>
      </c>
      <c r="DN97" s="898">
        <f t="shared" si="105"/>
        <v>0</v>
      </c>
      <c r="DO97" s="516">
        <f t="shared" si="106"/>
        <v>0</v>
      </c>
      <c r="DP97" s="898">
        <f t="shared" si="107"/>
        <v>0</v>
      </c>
      <c r="DQ97" s="483" t="s">
        <v>3096</v>
      </c>
      <c r="DR97" s="483" t="s">
        <v>3097</v>
      </c>
      <c r="DS97" s="483" t="s">
        <v>3098</v>
      </c>
      <c r="DT97" s="632"/>
    </row>
    <row r="98" spans="1:124" ht="99.75" x14ac:dyDescent="0.2">
      <c r="A98" s="484" t="str">
        <f t="shared" si="101"/>
        <v>Local Equipped Area for Play (LEAP) to support Apsley Mills Retail Park (Hm10)</v>
      </c>
      <c r="B98" s="1163">
        <v>95</v>
      </c>
      <c r="C98" s="904" t="s">
        <v>3627</v>
      </c>
      <c r="D98" s="481" t="s">
        <v>2481</v>
      </c>
      <c r="E98" s="481" t="s">
        <v>53</v>
      </c>
      <c r="F98" s="481" t="s">
        <v>515</v>
      </c>
      <c r="G98" s="654" t="s">
        <v>1334</v>
      </c>
      <c r="H98" s="484" t="s">
        <v>3628</v>
      </c>
      <c r="I98" s="654"/>
      <c r="J98" s="484" t="s">
        <v>3629</v>
      </c>
      <c r="K98" s="654" t="s">
        <v>3104</v>
      </c>
      <c r="L98" s="657" t="s">
        <v>3018</v>
      </c>
      <c r="M98" s="654" t="s">
        <v>2996</v>
      </c>
      <c r="N98" s="897" t="s">
        <v>60</v>
      </c>
      <c r="O98" s="654" t="s">
        <v>525</v>
      </c>
      <c r="P98" s="657" t="s">
        <v>53</v>
      </c>
      <c r="Q98" s="654" t="s">
        <v>208</v>
      </c>
      <c r="R98" s="654"/>
      <c r="S98" s="654"/>
      <c r="T98" s="723">
        <v>105440</v>
      </c>
      <c r="U98" s="723"/>
      <c r="V98" s="654" t="s">
        <v>64</v>
      </c>
      <c r="W98" s="723">
        <f t="shared" si="140"/>
        <v>0</v>
      </c>
      <c r="X98" s="745">
        <f t="shared" si="141"/>
        <v>105440</v>
      </c>
      <c r="Y98" s="723" t="s">
        <v>3106</v>
      </c>
      <c r="Z98" s="723"/>
      <c r="AA98" s="652" t="s">
        <v>82</v>
      </c>
      <c r="AB98" s="893"/>
      <c r="AC98" s="893"/>
      <c r="AD98" s="893"/>
      <c r="AE98" s="893"/>
      <c r="AF98" s="893"/>
      <c r="AG98" s="746"/>
      <c r="AH98" s="893"/>
      <c r="AI98" s="893"/>
      <c r="AJ98" s="746" t="s">
        <v>66</v>
      </c>
      <c r="AK98" s="893"/>
      <c r="AL98" s="893"/>
      <c r="AM98" s="893"/>
      <c r="AN98" s="893"/>
      <c r="AO98" s="893"/>
      <c r="AP98" s="893"/>
      <c r="AQ98" s="893"/>
      <c r="AR98" s="893"/>
      <c r="AS98" s="893"/>
      <c r="AT98" s="893"/>
      <c r="AU98" s="893"/>
      <c r="AV98" s="893"/>
      <c r="AW98" s="893"/>
      <c r="AX98" s="893"/>
      <c r="AY98" s="893"/>
      <c r="AZ98" s="893"/>
      <c r="BA98" s="893"/>
      <c r="BB98" s="893"/>
      <c r="BC98" s="893"/>
      <c r="BD98" s="893"/>
      <c r="BE98" s="893"/>
      <c r="BF98" s="893"/>
      <c r="BG98" s="746"/>
      <c r="BH98" s="746"/>
      <c r="BI98" s="746"/>
      <c r="BJ98" s="746"/>
      <c r="BK98" s="746"/>
      <c r="BL98" s="746"/>
      <c r="BM98" s="746"/>
      <c r="BN98" s="746"/>
      <c r="BO98" s="746"/>
      <c r="BP98" s="746"/>
      <c r="BQ98" s="746"/>
      <c r="BR98" s="746"/>
      <c r="BS98" s="884">
        <f t="shared" si="102"/>
        <v>500</v>
      </c>
      <c r="BT98" s="661">
        <f t="shared" si="103"/>
        <v>210.88</v>
      </c>
      <c r="BU98" s="661"/>
      <c r="BV98" s="898" t="str">
        <f t="shared" si="123"/>
        <v/>
      </c>
      <c r="BW98" s="898" t="str">
        <f t="shared" si="124"/>
        <v/>
      </c>
      <c r="BX98" s="898" t="str">
        <f t="shared" si="125"/>
        <v/>
      </c>
      <c r="BY98" s="898" t="str">
        <f t="shared" si="126"/>
        <v/>
      </c>
      <c r="BZ98" s="898" t="str">
        <f t="shared" si="127"/>
        <v/>
      </c>
      <c r="CA98" s="898" t="str">
        <f t="shared" si="128"/>
        <v/>
      </c>
      <c r="CB98" s="898" t="str">
        <f t="shared" si="129"/>
        <v/>
      </c>
      <c r="CC98" s="898" t="str">
        <f t="shared" si="130"/>
        <v/>
      </c>
      <c r="CD98" s="898">
        <f t="shared" si="131"/>
        <v>105440</v>
      </c>
      <c r="CE98" s="898" t="str">
        <f t="shared" si="132"/>
        <v/>
      </c>
      <c r="CF98" s="898" t="str">
        <f t="shared" si="133"/>
        <v/>
      </c>
      <c r="CG98" s="898" t="str">
        <f t="shared" si="134"/>
        <v/>
      </c>
      <c r="CH98" s="898" t="str">
        <f t="shared" si="135"/>
        <v/>
      </c>
      <c r="CI98" s="898" t="str">
        <f t="shared" si="136"/>
        <v/>
      </c>
      <c r="CJ98" s="898" t="str">
        <f t="shared" si="137"/>
        <v/>
      </c>
      <c r="CK98" s="898" t="str">
        <f t="shared" si="138"/>
        <v/>
      </c>
      <c r="CL98" s="898" t="str">
        <f t="shared" si="139"/>
        <v/>
      </c>
      <c r="CM98" s="898" t="str">
        <f t="shared" si="109"/>
        <v/>
      </c>
      <c r="CN98" s="898" t="str">
        <f t="shared" si="110"/>
        <v/>
      </c>
      <c r="CO98" s="898" t="str">
        <f t="shared" si="111"/>
        <v/>
      </c>
      <c r="CP98" s="898" t="str">
        <f t="shared" si="112"/>
        <v/>
      </c>
      <c r="CQ98" s="898" t="str">
        <f t="shared" si="113"/>
        <v/>
      </c>
      <c r="CR98" s="898" t="str">
        <f t="shared" si="114"/>
        <v/>
      </c>
      <c r="CS98" s="898" t="str">
        <f t="shared" si="115"/>
        <v/>
      </c>
      <c r="CT98" s="898" t="str">
        <f t="shared" si="116"/>
        <v/>
      </c>
      <c r="CU98" s="898" t="str">
        <f t="shared" si="117"/>
        <v/>
      </c>
      <c r="CV98" s="898" t="str">
        <f t="shared" si="118"/>
        <v/>
      </c>
      <c r="CW98" s="898" t="str">
        <f t="shared" si="119"/>
        <v/>
      </c>
      <c r="CX98" s="898" t="str">
        <f t="shared" si="120"/>
        <v/>
      </c>
      <c r="CY98" s="898" t="str">
        <f t="shared" si="121"/>
        <v/>
      </c>
      <c r="CZ98" s="898" t="str">
        <f t="shared" si="122"/>
        <v/>
      </c>
      <c r="DA98" s="898"/>
      <c r="DB98" s="898"/>
      <c r="DC98" s="898"/>
      <c r="DD98" s="898"/>
      <c r="DE98" s="898"/>
      <c r="DF98" s="898"/>
      <c r="DG98" s="898"/>
      <c r="DH98" s="898"/>
      <c r="DI98" s="898"/>
      <c r="DJ98" s="898"/>
      <c r="DK98" s="898"/>
      <c r="DL98" s="898"/>
      <c r="DM98" s="661">
        <f t="shared" si="104"/>
        <v>105440</v>
      </c>
      <c r="DN98" s="898">
        <f t="shared" si="105"/>
        <v>0</v>
      </c>
      <c r="DO98" s="516">
        <f t="shared" si="106"/>
        <v>0</v>
      </c>
      <c r="DP98" s="898">
        <f t="shared" si="107"/>
        <v>0</v>
      </c>
      <c r="DQ98" s="483" t="s">
        <v>3096</v>
      </c>
      <c r="DR98" s="483" t="s">
        <v>3097</v>
      </c>
      <c r="DS98" s="483" t="s">
        <v>3098</v>
      </c>
      <c r="DT98" s="632"/>
    </row>
    <row r="99" spans="1:124" ht="99.75" x14ac:dyDescent="0.2">
      <c r="A99" s="484" t="str">
        <f t="shared" si="101"/>
        <v>Local Equipped Area for Play (LEAP) to support Shendish Manor and Fairfields (Hm11)</v>
      </c>
      <c r="B99" s="1163">
        <v>96</v>
      </c>
      <c r="C99" s="904" t="s">
        <v>3630</v>
      </c>
      <c r="D99" s="481" t="s">
        <v>2481</v>
      </c>
      <c r="E99" s="481" t="s">
        <v>53</v>
      </c>
      <c r="F99" s="481" t="s">
        <v>515</v>
      </c>
      <c r="G99" s="654" t="s">
        <v>1334</v>
      </c>
      <c r="H99" s="484" t="s">
        <v>3631</v>
      </c>
      <c r="I99" s="654"/>
      <c r="J99" s="484" t="s">
        <v>3632</v>
      </c>
      <c r="K99" s="654" t="s">
        <v>3104</v>
      </c>
      <c r="L99" s="657" t="s">
        <v>1369</v>
      </c>
      <c r="M99" s="654" t="s">
        <v>2996</v>
      </c>
      <c r="N99" s="897" t="s">
        <v>60</v>
      </c>
      <c r="O99" s="654" t="s">
        <v>525</v>
      </c>
      <c r="P99" s="657" t="s">
        <v>53</v>
      </c>
      <c r="Q99" s="654" t="s">
        <v>382</v>
      </c>
      <c r="R99" s="654"/>
      <c r="S99" s="654"/>
      <c r="T99" s="723">
        <v>105440</v>
      </c>
      <c r="U99" s="723"/>
      <c r="V99" s="654" t="s">
        <v>64</v>
      </c>
      <c r="W99" s="723">
        <f t="shared" si="140"/>
        <v>0</v>
      </c>
      <c r="X99" s="745">
        <f t="shared" si="141"/>
        <v>105440</v>
      </c>
      <c r="Y99" s="723" t="s">
        <v>3106</v>
      </c>
      <c r="Z99" s="723"/>
      <c r="AA99" s="652" t="s">
        <v>82</v>
      </c>
      <c r="AB99" s="893"/>
      <c r="AC99" s="893"/>
      <c r="AD99" s="893"/>
      <c r="AE99" s="893"/>
      <c r="AF99" s="893"/>
      <c r="AG99" s="746"/>
      <c r="AH99" s="893"/>
      <c r="AI99" s="893"/>
      <c r="AJ99" s="893"/>
      <c r="AK99" s="746" t="s">
        <v>66</v>
      </c>
      <c r="AL99" s="893"/>
      <c r="AM99" s="893"/>
      <c r="AN99" s="893"/>
      <c r="AO99" s="893"/>
      <c r="AP99" s="893"/>
      <c r="AQ99" s="893"/>
      <c r="AR99" s="893"/>
      <c r="AS99" s="893"/>
      <c r="AT99" s="893"/>
      <c r="AU99" s="893"/>
      <c r="AV99" s="893"/>
      <c r="AW99" s="893"/>
      <c r="AX99" s="893"/>
      <c r="AY99" s="893"/>
      <c r="AZ99" s="893"/>
      <c r="BA99" s="893"/>
      <c r="BB99" s="893"/>
      <c r="BC99" s="893"/>
      <c r="BD99" s="893"/>
      <c r="BE99" s="893"/>
      <c r="BF99" s="893"/>
      <c r="BG99" s="746"/>
      <c r="BH99" s="746"/>
      <c r="BI99" s="746"/>
      <c r="BJ99" s="746"/>
      <c r="BK99" s="746"/>
      <c r="BL99" s="746"/>
      <c r="BM99" s="746"/>
      <c r="BN99" s="746"/>
      <c r="BO99" s="746"/>
      <c r="BP99" s="746"/>
      <c r="BQ99" s="746"/>
      <c r="BR99" s="746"/>
      <c r="BS99" s="884">
        <f t="shared" si="102"/>
        <v>500</v>
      </c>
      <c r="BT99" s="661">
        <f t="shared" si="103"/>
        <v>210.88</v>
      </c>
      <c r="BU99" s="661"/>
      <c r="BV99" s="898" t="str">
        <f t="shared" si="123"/>
        <v/>
      </c>
      <c r="BW99" s="898" t="str">
        <f t="shared" si="124"/>
        <v/>
      </c>
      <c r="BX99" s="898" t="str">
        <f t="shared" si="125"/>
        <v/>
      </c>
      <c r="BY99" s="898" t="str">
        <f t="shared" si="126"/>
        <v/>
      </c>
      <c r="BZ99" s="898" t="str">
        <f t="shared" si="127"/>
        <v/>
      </c>
      <c r="CA99" s="898" t="str">
        <f t="shared" si="128"/>
        <v/>
      </c>
      <c r="CB99" s="898" t="str">
        <f t="shared" si="129"/>
        <v/>
      </c>
      <c r="CC99" s="898" t="str">
        <f t="shared" si="130"/>
        <v/>
      </c>
      <c r="CD99" s="898" t="str">
        <f t="shared" si="131"/>
        <v/>
      </c>
      <c r="CE99" s="898">
        <f t="shared" si="132"/>
        <v>105440</v>
      </c>
      <c r="CF99" s="898" t="str">
        <f t="shared" si="133"/>
        <v/>
      </c>
      <c r="CG99" s="898" t="str">
        <f t="shared" si="134"/>
        <v/>
      </c>
      <c r="CH99" s="898" t="str">
        <f t="shared" si="135"/>
        <v/>
      </c>
      <c r="CI99" s="898" t="str">
        <f t="shared" si="136"/>
        <v/>
      </c>
      <c r="CJ99" s="898" t="str">
        <f t="shared" si="137"/>
        <v/>
      </c>
      <c r="CK99" s="898" t="str">
        <f t="shared" si="138"/>
        <v/>
      </c>
      <c r="CL99" s="898" t="str">
        <f t="shared" si="139"/>
        <v/>
      </c>
      <c r="CM99" s="898" t="str">
        <f t="shared" si="109"/>
        <v/>
      </c>
      <c r="CN99" s="898" t="str">
        <f t="shared" si="110"/>
        <v/>
      </c>
      <c r="CO99" s="898" t="str">
        <f t="shared" si="111"/>
        <v/>
      </c>
      <c r="CP99" s="898" t="str">
        <f t="shared" si="112"/>
        <v/>
      </c>
      <c r="CQ99" s="898" t="str">
        <f t="shared" si="113"/>
        <v/>
      </c>
      <c r="CR99" s="898" t="str">
        <f t="shared" si="114"/>
        <v/>
      </c>
      <c r="CS99" s="898" t="str">
        <f t="shared" si="115"/>
        <v/>
      </c>
      <c r="CT99" s="898" t="str">
        <f t="shared" si="116"/>
        <v/>
      </c>
      <c r="CU99" s="898" t="str">
        <f t="shared" si="117"/>
        <v/>
      </c>
      <c r="CV99" s="898" t="str">
        <f t="shared" si="118"/>
        <v/>
      </c>
      <c r="CW99" s="898" t="str">
        <f t="shared" si="119"/>
        <v/>
      </c>
      <c r="CX99" s="898" t="str">
        <f t="shared" si="120"/>
        <v/>
      </c>
      <c r="CY99" s="898" t="str">
        <f t="shared" si="121"/>
        <v/>
      </c>
      <c r="CZ99" s="898" t="str">
        <f t="shared" si="122"/>
        <v/>
      </c>
      <c r="DA99" s="898"/>
      <c r="DB99" s="898"/>
      <c r="DC99" s="898"/>
      <c r="DD99" s="898"/>
      <c r="DE99" s="898"/>
      <c r="DF99" s="898"/>
      <c r="DG99" s="898"/>
      <c r="DH99" s="898"/>
      <c r="DI99" s="898"/>
      <c r="DJ99" s="898"/>
      <c r="DK99" s="898"/>
      <c r="DL99" s="898"/>
      <c r="DM99" s="661">
        <f t="shared" si="104"/>
        <v>105440</v>
      </c>
      <c r="DN99" s="898">
        <f t="shared" si="105"/>
        <v>0</v>
      </c>
      <c r="DO99" s="516">
        <f t="shared" si="106"/>
        <v>0</v>
      </c>
      <c r="DP99" s="898">
        <f t="shared" si="107"/>
        <v>0</v>
      </c>
      <c r="DQ99" s="483" t="s">
        <v>3096</v>
      </c>
      <c r="DR99" s="483" t="s">
        <v>3097</v>
      </c>
      <c r="DS99" s="483" t="s">
        <v>3098</v>
      </c>
      <c r="DT99" s="632"/>
    </row>
    <row r="100" spans="1:124" ht="99.75" x14ac:dyDescent="0.2">
      <c r="A100" s="484" t="str">
        <f t="shared" si="101"/>
        <v>Local Equipped Area for Play (LEAP) to support Plots 2/3 Kier Park, Maylands Avenue (Hm12)</v>
      </c>
      <c r="B100" s="1163">
        <v>97</v>
      </c>
      <c r="C100" s="904" t="s">
        <v>3633</v>
      </c>
      <c r="D100" s="481" t="s">
        <v>2481</v>
      </c>
      <c r="E100" s="481" t="s">
        <v>53</v>
      </c>
      <c r="F100" s="481" t="s">
        <v>515</v>
      </c>
      <c r="G100" s="654" t="s">
        <v>1334</v>
      </c>
      <c r="H100" s="484" t="s">
        <v>3634</v>
      </c>
      <c r="I100" s="654"/>
      <c r="J100" s="484" t="s">
        <v>3635</v>
      </c>
      <c r="K100" s="654" t="s">
        <v>3104</v>
      </c>
      <c r="L100" s="657" t="s">
        <v>1371</v>
      </c>
      <c r="M100" s="654" t="s">
        <v>2996</v>
      </c>
      <c r="N100" s="897" t="s">
        <v>60</v>
      </c>
      <c r="O100" s="654" t="s">
        <v>525</v>
      </c>
      <c r="P100" s="657" t="s">
        <v>53</v>
      </c>
      <c r="Q100" s="654" t="s">
        <v>570</v>
      </c>
      <c r="R100" s="654"/>
      <c r="S100" s="654"/>
      <c r="T100" s="723">
        <v>105440</v>
      </c>
      <c r="U100" s="723"/>
      <c r="V100" s="654" t="s">
        <v>64</v>
      </c>
      <c r="W100" s="723">
        <f t="shared" si="140"/>
        <v>0</v>
      </c>
      <c r="X100" s="745">
        <f t="shared" si="141"/>
        <v>105440</v>
      </c>
      <c r="Y100" s="723" t="s">
        <v>3106</v>
      </c>
      <c r="Z100" s="723"/>
      <c r="AA100" s="652" t="s">
        <v>82</v>
      </c>
      <c r="AB100" s="893"/>
      <c r="AC100" s="893"/>
      <c r="AD100" s="893"/>
      <c r="AE100" s="893"/>
      <c r="AF100" s="893"/>
      <c r="AG100" s="746"/>
      <c r="AH100" s="893"/>
      <c r="AI100" s="893"/>
      <c r="AJ100" s="893"/>
      <c r="AK100" s="893"/>
      <c r="AL100" s="893"/>
      <c r="AM100" s="893"/>
      <c r="AN100" s="746" t="s">
        <v>66</v>
      </c>
      <c r="AO100" s="893"/>
      <c r="AP100" s="893"/>
      <c r="AQ100" s="893"/>
      <c r="AR100" s="893"/>
      <c r="AS100" s="893"/>
      <c r="AT100" s="893"/>
      <c r="AU100" s="893"/>
      <c r="AV100" s="893"/>
      <c r="AW100" s="893"/>
      <c r="AX100" s="893"/>
      <c r="AY100" s="893"/>
      <c r="AZ100" s="893"/>
      <c r="BA100" s="893"/>
      <c r="BB100" s="893"/>
      <c r="BC100" s="893"/>
      <c r="BD100" s="893"/>
      <c r="BE100" s="893"/>
      <c r="BF100" s="893"/>
      <c r="BG100" s="746"/>
      <c r="BH100" s="746"/>
      <c r="BI100" s="746"/>
      <c r="BJ100" s="746"/>
      <c r="BK100" s="746"/>
      <c r="BL100" s="746"/>
      <c r="BM100" s="746"/>
      <c r="BN100" s="746"/>
      <c r="BO100" s="746"/>
      <c r="BP100" s="746"/>
      <c r="BQ100" s="746"/>
      <c r="BR100" s="746"/>
      <c r="BS100" s="884">
        <f t="shared" si="102"/>
        <v>234</v>
      </c>
      <c r="BT100" s="661">
        <f t="shared" ref="BT100:BT131" si="142">X100/BS100</f>
        <v>450.59829059829059</v>
      </c>
      <c r="BU100" s="661"/>
      <c r="BV100" s="898" t="str">
        <f t="shared" si="123"/>
        <v/>
      </c>
      <c r="BW100" s="898" t="str">
        <f t="shared" si="124"/>
        <v/>
      </c>
      <c r="BX100" s="898" t="str">
        <f t="shared" si="125"/>
        <v/>
      </c>
      <c r="BY100" s="898" t="str">
        <f t="shared" si="126"/>
        <v/>
      </c>
      <c r="BZ100" s="898" t="str">
        <f t="shared" si="127"/>
        <v/>
      </c>
      <c r="CA100" s="898" t="str">
        <f t="shared" si="128"/>
        <v/>
      </c>
      <c r="CB100" s="898" t="str">
        <f t="shared" si="129"/>
        <v/>
      </c>
      <c r="CC100" s="898" t="str">
        <f t="shared" si="130"/>
        <v/>
      </c>
      <c r="CD100" s="898" t="str">
        <f t="shared" si="131"/>
        <v/>
      </c>
      <c r="CE100" s="898" t="str">
        <f t="shared" si="132"/>
        <v/>
      </c>
      <c r="CF100" s="898" t="str">
        <f t="shared" si="133"/>
        <v/>
      </c>
      <c r="CG100" s="898" t="str">
        <f t="shared" si="134"/>
        <v/>
      </c>
      <c r="CH100" s="898">
        <f t="shared" si="135"/>
        <v>105440</v>
      </c>
      <c r="CI100" s="898" t="str">
        <f t="shared" si="136"/>
        <v/>
      </c>
      <c r="CJ100" s="898" t="str">
        <f t="shared" si="137"/>
        <v/>
      </c>
      <c r="CK100" s="898" t="str">
        <f t="shared" si="138"/>
        <v/>
      </c>
      <c r="CL100" s="898" t="str">
        <f t="shared" si="139"/>
        <v/>
      </c>
      <c r="CM100" s="898" t="str">
        <f t="shared" si="109"/>
        <v/>
      </c>
      <c r="CN100" s="898" t="str">
        <f t="shared" si="110"/>
        <v/>
      </c>
      <c r="CO100" s="898" t="str">
        <f t="shared" si="111"/>
        <v/>
      </c>
      <c r="CP100" s="898" t="str">
        <f t="shared" si="112"/>
        <v/>
      </c>
      <c r="CQ100" s="898" t="str">
        <f t="shared" si="113"/>
        <v/>
      </c>
      <c r="CR100" s="898" t="str">
        <f t="shared" si="114"/>
        <v/>
      </c>
      <c r="CS100" s="898" t="str">
        <f t="shared" si="115"/>
        <v/>
      </c>
      <c r="CT100" s="898" t="str">
        <f t="shared" si="116"/>
        <v/>
      </c>
      <c r="CU100" s="898" t="str">
        <f t="shared" si="117"/>
        <v/>
      </c>
      <c r="CV100" s="898" t="str">
        <f t="shared" si="118"/>
        <v/>
      </c>
      <c r="CW100" s="898" t="str">
        <f t="shared" si="119"/>
        <v/>
      </c>
      <c r="CX100" s="898" t="str">
        <f t="shared" si="120"/>
        <v/>
      </c>
      <c r="CY100" s="898" t="str">
        <f t="shared" si="121"/>
        <v/>
      </c>
      <c r="CZ100" s="898" t="str">
        <f t="shared" si="122"/>
        <v/>
      </c>
      <c r="DA100" s="898"/>
      <c r="DB100" s="898"/>
      <c r="DC100" s="898"/>
      <c r="DD100" s="898"/>
      <c r="DE100" s="898"/>
      <c r="DF100" s="898"/>
      <c r="DG100" s="898"/>
      <c r="DH100" s="898"/>
      <c r="DI100" s="898"/>
      <c r="DJ100" s="898"/>
      <c r="DK100" s="898"/>
      <c r="DL100" s="898"/>
      <c r="DM100" s="661">
        <f t="shared" si="104"/>
        <v>105440</v>
      </c>
      <c r="DN100" s="898">
        <f t="shared" si="105"/>
        <v>0</v>
      </c>
      <c r="DO100" s="516">
        <f t="shared" si="106"/>
        <v>0</v>
      </c>
      <c r="DP100" s="898">
        <f t="shared" si="107"/>
        <v>0</v>
      </c>
      <c r="DQ100" s="483" t="s">
        <v>3096</v>
      </c>
      <c r="DR100" s="483" t="s">
        <v>3097</v>
      </c>
      <c r="DS100" s="483" t="s">
        <v>3098</v>
      </c>
      <c r="DT100" s="632"/>
    </row>
    <row r="101" spans="1:124" ht="99.75" x14ac:dyDescent="0.2">
      <c r="A101" s="484" t="str">
        <f t="shared" si="101"/>
        <v>Local Equipped Area for Play (LEAP) to support Polehanger Lane (Hm13)</v>
      </c>
      <c r="B101" s="1163">
        <v>98</v>
      </c>
      <c r="C101" s="904" t="s">
        <v>3636</v>
      </c>
      <c r="D101" s="481" t="s">
        <v>2481</v>
      </c>
      <c r="E101" s="481" t="s">
        <v>53</v>
      </c>
      <c r="F101" s="481" t="s">
        <v>515</v>
      </c>
      <c r="G101" s="654" t="s">
        <v>1334</v>
      </c>
      <c r="H101" s="484" t="s">
        <v>3637</v>
      </c>
      <c r="I101" s="654"/>
      <c r="J101" s="484" t="s">
        <v>3638</v>
      </c>
      <c r="K101" s="654" t="s">
        <v>3104</v>
      </c>
      <c r="L101" s="657" t="s">
        <v>3590</v>
      </c>
      <c r="M101" s="654" t="s">
        <v>2996</v>
      </c>
      <c r="N101" s="897" t="s">
        <v>60</v>
      </c>
      <c r="O101" s="654" t="s">
        <v>525</v>
      </c>
      <c r="P101" s="657" t="s">
        <v>53</v>
      </c>
      <c r="Q101" s="654" t="s">
        <v>390</v>
      </c>
      <c r="R101" s="654"/>
      <c r="S101" s="654"/>
      <c r="T101" s="723">
        <v>105440</v>
      </c>
      <c r="U101" s="723"/>
      <c r="V101" s="654" t="s">
        <v>64</v>
      </c>
      <c r="W101" s="723">
        <f t="shared" si="140"/>
        <v>0</v>
      </c>
      <c r="X101" s="745">
        <f t="shared" si="141"/>
        <v>105440</v>
      </c>
      <c r="Y101" s="723" t="s">
        <v>3106</v>
      </c>
      <c r="Z101" s="723"/>
      <c r="AA101" s="652" t="s">
        <v>82</v>
      </c>
      <c r="AB101" s="893"/>
      <c r="AC101" s="893"/>
      <c r="AD101" s="893"/>
      <c r="AE101" s="893"/>
      <c r="AF101" s="893"/>
      <c r="AG101" s="746"/>
      <c r="AH101" s="893"/>
      <c r="AI101" s="893"/>
      <c r="AJ101" s="893"/>
      <c r="AK101" s="893"/>
      <c r="AL101" s="746" t="s">
        <v>66</v>
      </c>
      <c r="AM101" s="893"/>
      <c r="AN101" s="893"/>
      <c r="AO101" s="893"/>
      <c r="AP101" s="893"/>
      <c r="AQ101" s="893"/>
      <c r="AR101" s="893"/>
      <c r="AS101" s="893"/>
      <c r="AT101" s="893"/>
      <c r="AU101" s="893"/>
      <c r="AV101" s="893"/>
      <c r="AW101" s="893"/>
      <c r="AX101" s="893"/>
      <c r="AY101" s="893"/>
      <c r="AZ101" s="893"/>
      <c r="BA101" s="893"/>
      <c r="BB101" s="893"/>
      <c r="BC101" s="893"/>
      <c r="BD101" s="893"/>
      <c r="BE101" s="893"/>
      <c r="BF101" s="893"/>
      <c r="BG101" s="746"/>
      <c r="BH101" s="746"/>
      <c r="BI101" s="746"/>
      <c r="BJ101" s="746"/>
      <c r="BK101" s="746"/>
      <c r="BL101" s="746"/>
      <c r="BM101" s="746"/>
      <c r="BN101" s="746"/>
      <c r="BO101" s="746"/>
      <c r="BP101" s="746"/>
      <c r="BQ101" s="746"/>
      <c r="BR101" s="746"/>
      <c r="BS101" s="884">
        <f t="shared" si="102"/>
        <v>750</v>
      </c>
      <c r="BT101" s="661">
        <f t="shared" si="142"/>
        <v>140.58666666666667</v>
      </c>
      <c r="BU101" s="661"/>
      <c r="BV101" s="898" t="str">
        <f t="shared" si="123"/>
        <v/>
      </c>
      <c r="BW101" s="898" t="str">
        <f t="shared" si="124"/>
        <v/>
      </c>
      <c r="BX101" s="898" t="str">
        <f t="shared" si="125"/>
        <v/>
      </c>
      <c r="BY101" s="898" t="str">
        <f t="shared" si="126"/>
        <v/>
      </c>
      <c r="BZ101" s="898" t="str">
        <f t="shared" si="127"/>
        <v/>
      </c>
      <c r="CA101" s="898" t="str">
        <f t="shared" si="128"/>
        <v/>
      </c>
      <c r="CB101" s="898" t="str">
        <f t="shared" si="129"/>
        <v/>
      </c>
      <c r="CC101" s="898" t="str">
        <f t="shared" si="130"/>
        <v/>
      </c>
      <c r="CD101" s="898" t="str">
        <f t="shared" si="131"/>
        <v/>
      </c>
      <c r="CE101" s="898" t="str">
        <f t="shared" si="132"/>
        <v/>
      </c>
      <c r="CF101" s="898">
        <f t="shared" si="133"/>
        <v>105440</v>
      </c>
      <c r="CG101" s="898" t="str">
        <f t="shared" si="134"/>
        <v/>
      </c>
      <c r="CH101" s="898" t="str">
        <f t="shared" si="135"/>
        <v/>
      </c>
      <c r="CI101" s="898" t="str">
        <f t="shared" si="136"/>
        <v/>
      </c>
      <c r="CJ101" s="898" t="str">
        <f t="shared" si="137"/>
        <v/>
      </c>
      <c r="CK101" s="898" t="str">
        <f t="shared" si="138"/>
        <v/>
      </c>
      <c r="CL101" s="898" t="str">
        <f t="shared" si="139"/>
        <v/>
      </c>
      <c r="CM101" s="898" t="str">
        <f t="shared" si="109"/>
        <v/>
      </c>
      <c r="CN101" s="898" t="str">
        <f t="shared" si="110"/>
        <v/>
      </c>
      <c r="CO101" s="898" t="str">
        <f t="shared" si="111"/>
        <v/>
      </c>
      <c r="CP101" s="898" t="str">
        <f t="shared" si="112"/>
        <v/>
      </c>
      <c r="CQ101" s="898" t="str">
        <f t="shared" si="113"/>
        <v/>
      </c>
      <c r="CR101" s="898" t="str">
        <f t="shared" si="114"/>
        <v/>
      </c>
      <c r="CS101" s="898" t="str">
        <f t="shared" si="115"/>
        <v/>
      </c>
      <c r="CT101" s="898" t="str">
        <f t="shared" si="116"/>
        <v/>
      </c>
      <c r="CU101" s="898" t="str">
        <f t="shared" si="117"/>
        <v/>
      </c>
      <c r="CV101" s="898" t="str">
        <f t="shared" si="118"/>
        <v/>
      </c>
      <c r="CW101" s="898" t="str">
        <f t="shared" si="119"/>
        <v/>
      </c>
      <c r="CX101" s="898" t="str">
        <f t="shared" si="120"/>
        <v/>
      </c>
      <c r="CY101" s="898" t="str">
        <f t="shared" si="121"/>
        <v/>
      </c>
      <c r="CZ101" s="898" t="str">
        <f t="shared" si="122"/>
        <v/>
      </c>
      <c r="DA101" s="898"/>
      <c r="DB101" s="898"/>
      <c r="DC101" s="898"/>
      <c r="DD101" s="898"/>
      <c r="DE101" s="898"/>
      <c r="DF101" s="898"/>
      <c r="DG101" s="898"/>
      <c r="DH101" s="898"/>
      <c r="DI101" s="898"/>
      <c r="DJ101" s="898"/>
      <c r="DK101" s="898"/>
      <c r="DL101" s="898"/>
      <c r="DM101" s="661">
        <f t="shared" si="104"/>
        <v>105440</v>
      </c>
      <c r="DN101" s="898">
        <f t="shared" si="105"/>
        <v>0</v>
      </c>
      <c r="DO101" s="516">
        <f t="shared" si="106"/>
        <v>0</v>
      </c>
      <c r="DP101" s="898">
        <f t="shared" si="107"/>
        <v>0</v>
      </c>
      <c r="DQ101" s="483" t="s">
        <v>3096</v>
      </c>
      <c r="DR101" s="483" t="s">
        <v>3097</v>
      </c>
      <c r="DS101" s="483" t="s">
        <v>3098</v>
      </c>
      <c r="DT101" s="632"/>
    </row>
    <row r="102" spans="1:124" ht="99.75" x14ac:dyDescent="0.2">
      <c r="A102" s="484" t="str">
        <f t="shared" si="101"/>
        <v>Local Equipped Area for Play (LEAP) to support Marchmont Farm (Hm14)</v>
      </c>
      <c r="B102" s="1163">
        <v>99</v>
      </c>
      <c r="C102" s="904" t="s">
        <v>3639</v>
      </c>
      <c r="D102" s="481" t="s">
        <v>2481</v>
      </c>
      <c r="E102" s="481" t="s">
        <v>53</v>
      </c>
      <c r="F102" s="481" t="s">
        <v>515</v>
      </c>
      <c r="G102" s="654" t="s">
        <v>1334</v>
      </c>
      <c r="H102" s="484" t="s">
        <v>3640</v>
      </c>
      <c r="I102" s="654"/>
      <c r="J102" s="484" t="s">
        <v>3641</v>
      </c>
      <c r="K102" s="654" t="s">
        <v>3104</v>
      </c>
      <c r="L102" s="657" t="s">
        <v>2609</v>
      </c>
      <c r="M102" s="654" t="s">
        <v>2996</v>
      </c>
      <c r="N102" s="897" t="s">
        <v>60</v>
      </c>
      <c r="O102" s="654" t="s">
        <v>525</v>
      </c>
      <c r="P102" s="657" t="s">
        <v>53</v>
      </c>
      <c r="Q102" s="654" t="s">
        <v>187</v>
      </c>
      <c r="R102" s="654"/>
      <c r="S102" s="654"/>
      <c r="T102" s="723">
        <v>105440</v>
      </c>
      <c r="U102" s="723"/>
      <c r="V102" s="654" t="s">
        <v>64</v>
      </c>
      <c r="W102" s="723">
        <f t="shared" si="140"/>
        <v>0</v>
      </c>
      <c r="X102" s="745">
        <f t="shared" si="141"/>
        <v>105440</v>
      </c>
      <c r="Y102" s="723" t="s">
        <v>3106</v>
      </c>
      <c r="Z102" s="723"/>
      <c r="AA102" s="652" t="s">
        <v>82</v>
      </c>
      <c r="AB102" s="893"/>
      <c r="AC102" s="893"/>
      <c r="AD102" s="893"/>
      <c r="AE102" s="893"/>
      <c r="AF102" s="893"/>
      <c r="AG102" s="746"/>
      <c r="AH102" s="893"/>
      <c r="AI102" s="893"/>
      <c r="AJ102" s="893"/>
      <c r="AK102" s="893"/>
      <c r="AL102" s="893"/>
      <c r="AM102" s="893"/>
      <c r="AN102" s="893"/>
      <c r="AO102" s="746" t="s">
        <v>66</v>
      </c>
      <c r="AP102" s="893"/>
      <c r="AQ102" s="893"/>
      <c r="AR102" s="893"/>
      <c r="AS102" s="893"/>
      <c r="AT102" s="893"/>
      <c r="AU102" s="893"/>
      <c r="AV102" s="893"/>
      <c r="AW102" s="893"/>
      <c r="AX102" s="893"/>
      <c r="AY102" s="893"/>
      <c r="AZ102" s="893"/>
      <c r="BA102" s="893"/>
      <c r="BB102" s="893"/>
      <c r="BC102" s="893"/>
      <c r="BD102" s="893"/>
      <c r="BE102" s="893"/>
      <c r="BF102" s="893"/>
      <c r="BG102" s="746"/>
      <c r="BH102" s="746"/>
      <c r="BI102" s="746"/>
      <c r="BJ102" s="746"/>
      <c r="BK102" s="746"/>
      <c r="BL102" s="746"/>
      <c r="BM102" s="746"/>
      <c r="BN102" s="746"/>
      <c r="BO102" s="746"/>
      <c r="BP102" s="746"/>
      <c r="BQ102" s="746"/>
      <c r="BR102" s="746"/>
      <c r="BS102" s="884">
        <f t="shared" si="102"/>
        <v>350</v>
      </c>
      <c r="BT102" s="661">
        <f t="shared" si="142"/>
        <v>301.25714285714287</v>
      </c>
      <c r="BU102" s="661"/>
      <c r="BV102" s="898" t="str">
        <f t="shared" si="123"/>
        <v/>
      </c>
      <c r="BW102" s="898" t="str">
        <f t="shared" si="124"/>
        <v/>
      </c>
      <c r="BX102" s="898" t="str">
        <f t="shared" si="125"/>
        <v/>
      </c>
      <c r="BY102" s="898" t="str">
        <f t="shared" si="126"/>
        <v/>
      </c>
      <c r="BZ102" s="898" t="str">
        <f t="shared" si="127"/>
        <v/>
      </c>
      <c r="CA102" s="898" t="str">
        <f t="shared" si="128"/>
        <v/>
      </c>
      <c r="CB102" s="898" t="str">
        <f t="shared" si="129"/>
        <v/>
      </c>
      <c r="CC102" s="898" t="str">
        <f t="shared" si="130"/>
        <v/>
      </c>
      <c r="CD102" s="898" t="str">
        <f t="shared" si="131"/>
        <v/>
      </c>
      <c r="CE102" s="898" t="str">
        <f t="shared" si="132"/>
        <v/>
      </c>
      <c r="CF102" s="898" t="str">
        <f t="shared" si="133"/>
        <v/>
      </c>
      <c r="CG102" s="898" t="str">
        <f t="shared" si="134"/>
        <v/>
      </c>
      <c r="CH102" s="898" t="str">
        <f t="shared" si="135"/>
        <v/>
      </c>
      <c r="CI102" s="898">
        <f t="shared" si="136"/>
        <v>105440</v>
      </c>
      <c r="CJ102" s="898" t="str">
        <f t="shared" si="137"/>
        <v/>
      </c>
      <c r="CK102" s="898" t="str">
        <f t="shared" si="138"/>
        <v/>
      </c>
      <c r="CL102" s="898" t="str">
        <f t="shared" si="139"/>
        <v/>
      </c>
      <c r="CM102" s="898" t="str">
        <f t="shared" si="109"/>
        <v/>
      </c>
      <c r="CN102" s="898" t="str">
        <f t="shared" si="110"/>
        <v/>
      </c>
      <c r="CO102" s="898" t="str">
        <f t="shared" si="111"/>
        <v/>
      </c>
      <c r="CP102" s="898" t="str">
        <f t="shared" si="112"/>
        <v/>
      </c>
      <c r="CQ102" s="898" t="str">
        <f t="shared" si="113"/>
        <v/>
      </c>
      <c r="CR102" s="898" t="str">
        <f t="shared" si="114"/>
        <v/>
      </c>
      <c r="CS102" s="898" t="str">
        <f t="shared" si="115"/>
        <v/>
      </c>
      <c r="CT102" s="898" t="str">
        <f t="shared" si="116"/>
        <v/>
      </c>
      <c r="CU102" s="898" t="str">
        <f t="shared" si="117"/>
        <v/>
      </c>
      <c r="CV102" s="898" t="str">
        <f t="shared" si="118"/>
        <v/>
      </c>
      <c r="CW102" s="898" t="str">
        <f t="shared" si="119"/>
        <v/>
      </c>
      <c r="CX102" s="898" t="str">
        <f t="shared" si="120"/>
        <v/>
      </c>
      <c r="CY102" s="898" t="str">
        <f t="shared" si="121"/>
        <v/>
      </c>
      <c r="CZ102" s="898" t="str">
        <f t="shared" si="122"/>
        <v/>
      </c>
      <c r="DA102" s="898"/>
      <c r="DB102" s="898"/>
      <c r="DC102" s="898"/>
      <c r="DD102" s="898"/>
      <c r="DE102" s="898"/>
      <c r="DF102" s="898"/>
      <c r="DG102" s="898"/>
      <c r="DH102" s="898"/>
      <c r="DI102" s="898"/>
      <c r="DJ102" s="898"/>
      <c r="DK102" s="898"/>
      <c r="DL102" s="898"/>
      <c r="DM102" s="661">
        <f t="shared" si="104"/>
        <v>105440</v>
      </c>
      <c r="DN102" s="898">
        <f t="shared" si="105"/>
        <v>0</v>
      </c>
      <c r="DO102" s="516">
        <f t="shared" si="106"/>
        <v>0</v>
      </c>
      <c r="DP102" s="898">
        <f t="shared" si="107"/>
        <v>0</v>
      </c>
      <c r="DQ102" s="483" t="s">
        <v>3096</v>
      </c>
      <c r="DR102" s="483" t="s">
        <v>3097</v>
      </c>
      <c r="DS102" s="483" t="s">
        <v>3098</v>
      </c>
      <c r="DT102" s="632"/>
    </row>
    <row r="103" spans="1:124" ht="99.75" x14ac:dyDescent="0.2">
      <c r="A103" s="484" t="str">
        <f t="shared" si="101"/>
        <v>Local Equipped Area for Play (LEAP) to support Old Town (Hm15)</v>
      </c>
      <c r="B103" s="1163">
        <v>100</v>
      </c>
      <c r="C103" s="904" t="s">
        <v>3642</v>
      </c>
      <c r="D103" s="481" t="s">
        <v>2481</v>
      </c>
      <c r="E103" s="481" t="s">
        <v>53</v>
      </c>
      <c r="F103" s="481" t="s">
        <v>515</v>
      </c>
      <c r="G103" s="654" t="s">
        <v>1334</v>
      </c>
      <c r="H103" s="484" t="s">
        <v>3643</v>
      </c>
      <c r="I103" s="654"/>
      <c r="J103" s="484" t="s">
        <v>3644</v>
      </c>
      <c r="K103" s="654" t="s">
        <v>3104</v>
      </c>
      <c r="L103" s="657" t="s">
        <v>3066</v>
      </c>
      <c r="M103" s="654" t="s">
        <v>2996</v>
      </c>
      <c r="N103" s="897" t="s">
        <v>60</v>
      </c>
      <c r="O103" s="654" t="s">
        <v>525</v>
      </c>
      <c r="P103" s="657" t="s">
        <v>53</v>
      </c>
      <c r="Q103" s="654" t="s">
        <v>392</v>
      </c>
      <c r="R103" s="654"/>
      <c r="S103" s="654"/>
      <c r="T103" s="723">
        <v>105440</v>
      </c>
      <c r="U103" s="723"/>
      <c r="V103" s="654" t="s">
        <v>64</v>
      </c>
      <c r="W103" s="723">
        <f t="shared" si="140"/>
        <v>0</v>
      </c>
      <c r="X103" s="745">
        <f t="shared" si="141"/>
        <v>105440</v>
      </c>
      <c r="Y103" s="723" t="s">
        <v>3106</v>
      </c>
      <c r="Z103" s="723"/>
      <c r="AA103" s="652" t="s">
        <v>82</v>
      </c>
      <c r="AB103" s="893"/>
      <c r="AC103" s="893"/>
      <c r="AD103" s="893"/>
      <c r="AE103" s="893"/>
      <c r="AF103" s="893"/>
      <c r="AG103" s="746"/>
      <c r="AH103" s="893"/>
      <c r="AI103" s="893"/>
      <c r="AJ103" s="893"/>
      <c r="AK103" s="893"/>
      <c r="AL103" s="893"/>
      <c r="AM103" s="893"/>
      <c r="AN103" s="893"/>
      <c r="AO103" s="893"/>
      <c r="AP103" s="893" t="s">
        <v>66</v>
      </c>
      <c r="AQ103" s="893"/>
      <c r="AR103" s="893"/>
      <c r="AS103" s="893"/>
      <c r="AT103" s="893"/>
      <c r="AU103" s="893"/>
      <c r="AV103" s="893"/>
      <c r="AW103" s="893"/>
      <c r="AX103" s="893"/>
      <c r="AY103" s="893"/>
      <c r="AZ103" s="893"/>
      <c r="BA103" s="893"/>
      <c r="BB103" s="893"/>
      <c r="BC103" s="893"/>
      <c r="BD103" s="893"/>
      <c r="BE103" s="893"/>
      <c r="BF103" s="893"/>
      <c r="BG103" s="746"/>
      <c r="BH103" s="746"/>
      <c r="BI103" s="746"/>
      <c r="BJ103" s="746"/>
      <c r="BK103" s="746"/>
      <c r="BL103" s="746"/>
      <c r="BM103" s="746"/>
      <c r="BN103" s="746"/>
      <c r="BO103" s="746"/>
      <c r="BP103" s="746"/>
      <c r="BQ103" s="746"/>
      <c r="BR103" s="746"/>
      <c r="BS103" s="884">
        <f t="shared" si="102"/>
        <v>90</v>
      </c>
      <c r="BT103" s="661">
        <f t="shared" si="142"/>
        <v>1171.5555555555557</v>
      </c>
      <c r="BU103" s="661"/>
      <c r="BV103" s="898" t="str">
        <f t="shared" si="123"/>
        <v/>
      </c>
      <c r="BW103" s="898" t="str">
        <f t="shared" si="124"/>
        <v/>
      </c>
      <c r="BX103" s="898" t="str">
        <f t="shared" si="125"/>
        <v/>
      </c>
      <c r="BY103" s="898" t="str">
        <f t="shared" si="126"/>
        <v/>
      </c>
      <c r="BZ103" s="898" t="str">
        <f t="shared" si="127"/>
        <v/>
      </c>
      <c r="CA103" s="898" t="str">
        <f t="shared" si="128"/>
        <v/>
      </c>
      <c r="CB103" s="898" t="str">
        <f t="shared" si="129"/>
        <v/>
      </c>
      <c r="CC103" s="898" t="str">
        <f t="shared" si="130"/>
        <v/>
      </c>
      <c r="CD103" s="898" t="str">
        <f t="shared" si="131"/>
        <v/>
      </c>
      <c r="CE103" s="898" t="str">
        <f t="shared" si="132"/>
        <v/>
      </c>
      <c r="CF103" s="898" t="str">
        <f t="shared" si="133"/>
        <v/>
      </c>
      <c r="CG103" s="898" t="str">
        <f t="shared" si="134"/>
        <v/>
      </c>
      <c r="CH103" s="898" t="str">
        <f t="shared" si="135"/>
        <v/>
      </c>
      <c r="CI103" s="898" t="str">
        <f t="shared" si="136"/>
        <v/>
      </c>
      <c r="CJ103" s="898">
        <f t="shared" si="137"/>
        <v>105440.00000000001</v>
      </c>
      <c r="CK103" s="898" t="str">
        <f t="shared" si="138"/>
        <v/>
      </c>
      <c r="CL103" s="898" t="str">
        <f t="shared" si="139"/>
        <v/>
      </c>
      <c r="CM103" s="898" t="str">
        <f t="shared" si="109"/>
        <v/>
      </c>
      <c r="CN103" s="898" t="str">
        <f t="shared" si="110"/>
        <v/>
      </c>
      <c r="CO103" s="898" t="str">
        <f t="shared" si="111"/>
        <v/>
      </c>
      <c r="CP103" s="898" t="str">
        <f t="shared" si="112"/>
        <v/>
      </c>
      <c r="CQ103" s="898" t="str">
        <f t="shared" si="113"/>
        <v/>
      </c>
      <c r="CR103" s="898" t="str">
        <f t="shared" si="114"/>
        <v/>
      </c>
      <c r="CS103" s="898" t="str">
        <f t="shared" si="115"/>
        <v/>
      </c>
      <c r="CT103" s="898" t="str">
        <f t="shared" si="116"/>
        <v/>
      </c>
      <c r="CU103" s="898" t="str">
        <f t="shared" si="117"/>
        <v/>
      </c>
      <c r="CV103" s="898" t="str">
        <f t="shared" si="118"/>
        <v/>
      </c>
      <c r="CW103" s="898" t="str">
        <f t="shared" si="119"/>
        <v/>
      </c>
      <c r="CX103" s="898" t="str">
        <f t="shared" si="120"/>
        <v/>
      </c>
      <c r="CY103" s="898" t="str">
        <f t="shared" si="121"/>
        <v/>
      </c>
      <c r="CZ103" s="898" t="str">
        <f t="shared" si="122"/>
        <v/>
      </c>
      <c r="DA103" s="898"/>
      <c r="DB103" s="898"/>
      <c r="DC103" s="898"/>
      <c r="DD103" s="898"/>
      <c r="DE103" s="898"/>
      <c r="DF103" s="898"/>
      <c r="DG103" s="898"/>
      <c r="DH103" s="898"/>
      <c r="DI103" s="898"/>
      <c r="DJ103" s="898"/>
      <c r="DK103" s="898"/>
      <c r="DL103" s="898"/>
      <c r="DM103" s="661">
        <f t="shared" si="104"/>
        <v>105440.00000000001</v>
      </c>
      <c r="DN103" s="898">
        <f t="shared" si="105"/>
        <v>0</v>
      </c>
      <c r="DO103" s="516">
        <f t="shared" si="106"/>
        <v>0</v>
      </c>
      <c r="DP103" s="898">
        <f t="shared" si="107"/>
        <v>0</v>
      </c>
      <c r="DQ103" s="483" t="s">
        <v>3096</v>
      </c>
      <c r="DR103" s="483" t="s">
        <v>3097</v>
      </c>
      <c r="DS103" s="483" t="s">
        <v>3098</v>
      </c>
      <c r="DT103" s="632"/>
    </row>
    <row r="104" spans="1:124" ht="99.75" x14ac:dyDescent="0.2">
      <c r="A104" s="484" t="str">
        <f t="shared" si="101"/>
        <v>Local Equipped Area for Play (LEAP) to support Site to the south of Green Lane (Hm16)</v>
      </c>
      <c r="B104" s="1163">
        <v>101</v>
      </c>
      <c r="C104" s="904" t="s">
        <v>3645</v>
      </c>
      <c r="D104" s="481" t="s">
        <v>2481</v>
      </c>
      <c r="E104" s="481" t="s">
        <v>53</v>
      </c>
      <c r="F104" s="481" t="s">
        <v>515</v>
      </c>
      <c r="G104" s="654" t="s">
        <v>1334</v>
      </c>
      <c r="H104" s="484" t="s">
        <v>3646</v>
      </c>
      <c r="I104" s="654"/>
      <c r="J104" s="484" t="s">
        <v>3647</v>
      </c>
      <c r="K104" s="654" t="s">
        <v>3104</v>
      </c>
      <c r="L104" s="657" t="s">
        <v>1374</v>
      </c>
      <c r="M104" s="654" t="s">
        <v>2996</v>
      </c>
      <c r="N104" s="897" t="s">
        <v>60</v>
      </c>
      <c r="O104" s="654" t="s">
        <v>525</v>
      </c>
      <c r="P104" s="657" t="s">
        <v>53</v>
      </c>
      <c r="Q104" s="654" t="s">
        <v>377</v>
      </c>
      <c r="R104" s="654"/>
      <c r="S104" s="654"/>
      <c r="T104" s="723">
        <v>105440</v>
      </c>
      <c r="U104" s="723"/>
      <c r="V104" s="654" t="s">
        <v>64</v>
      </c>
      <c r="W104" s="723">
        <f t="shared" si="140"/>
        <v>0</v>
      </c>
      <c r="X104" s="745">
        <f t="shared" si="141"/>
        <v>105440</v>
      </c>
      <c r="Y104" s="723" t="s">
        <v>3106</v>
      </c>
      <c r="Z104" s="723"/>
      <c r="AA104" s="652" t="s">
        <v>82</v>
      </c>
      <c r="AB104" s="893"/>
      <c r="AC104" s="893"/>
      <c r="AD104" s="893"/>
      <c r="AE104" s="893"/>
      <c r="AF104" s="893"/>
      <c r="AG104" s="746"/>
      <c r="AH104" s="893"/>
      <c r="AI104" s="893"/>
      <c r="AJ104" s="893"/>
      <c r="AK104" s="893"/>
      <c r="AL104" s="893"/>
      <c r="AM104" s="893"/>
      <c r="AN104" s="893"/>
      <c r="AO104" s="893"/>
      <c r="AP104" s="893"/>
      <c r="AQ104" s="746" t="s">
        <v>66</v>
      </c>
      <c r="AR104" s="893"/>
      <c r="AS104" s="893"/>
      <c r="AT104" s="893"/>
      <c r="AU104" s="893"/>
      <c r="AV104" s="893"/>
      <c r="AW104" s="893"/>
      <c r="AX104" s="893"/>
      <c r="AY104" s="893"/>
      <c r="AZ104" s="893"/>
      <c r="BA104" s="893"/>
      <c r="BB104" s="893"/>
      <c r="BC104" s="893"/>
      <c r="BD104" s="893"/>
      <c r="BE104" s="893"/>
      <c r="BF104" s="893"/>
      <c r="BG104" s="746"/>
      <c r="BH104" s="746"/>
      <c r="BI104" s="746"/>
      <c r="BJ104" s="746"/>
      <c r="BK104" s="746"/>
      <c r="BL104" s="746"/>
      <c r="BM104" s="746"/>
      <c r="BN104" s="746"/>
      <c r="BO104" s="746"/>
      <c r="BP104" s="746"/>
      <c r="BQ104" s="746"/>
      <c r="BR104" s="746"/>
      <c r="BS104" s="884">
        <f t="shared" si="102"/>
        <v>80</v>
      </c>
      <c r="BT104" s="661">
        <f t="shared" si="142"/>
        <v>1318</v>
      </c>
      <c r="BU104" s="661"/>
      <c r="BV104" s="898" t="str">
        <f t="shared" si="123"/>
        <v/>
      </c>
      <c r="BW104" s="898" t="str">
        <f t="shared" si="124"/>
        <v/>
      </c>
      <c r="BX104" s="898" t="str">
        <f t="shared" si="125"/>
        <v/>
      </c>
      <c r="BY104" s="898" t="str">
        <f t="shared" si="126"/>
        <v/>
      </c>
      <c r="BZ104" s="898" t="str">
        <f t="shared" si="127"/>
        <v/>
      </c>
      <c r="CA104" s="898" t="str">
        <f t="shared" si="128"/>
        <v/>
      </c>
      <c r="CB104" s="898" t="str">
        <f t="shared" si="129"/>
        <v/>
      </c>
      <c r="CC104" s="898" t="str">
        <f t="shared" si="130"/>
        <v/>
      </c>
      <c r="CD104" s="898" t="str">
        <f t="shared" si="131"/>
        <v/>
      </c>
      <c r="CE104" s="898" t="str">
        <f t="shared" si="132"/>
        <v/>
      </c>
      <c r="CF104" s="898" t="str">
        <f t="shared" si="133"/>
        <v/>
      </c>
      <c r="CG104" s="898" t="str">
        <f t="shared" si="134"/>
        <v/>
      </c>
      <c r="CH104" s="898" t="str">
        <f t="shared" si="135"/>
        <v/>
      </c>
      <c r="CI104" s="898" t="str">
        <f t="shared" si="136"/>
        <v/>
      </c>
      <c r="CJ104" s="898" t="str">
        <f t="shared" si="137"/>
        <v/>
      </c>
      <c r="CK104" s="898">
        <f t="shared" si="138"/>
        <v>105440</v>
      </c>
      <c r="CL104" s="898" t="str">
        <f t="shared" si="139"/>
        <v/>
      </c>
      <c r="CM104" s="898" t="str">
        <f t="shared" si="109"/>
        <v/>
      </c>
      <c r="CN104" s="898" t="str">
        <f t="shared" si="110"/>
        <v/>
      </c>
      <c r="CO104" s="898" t="str">
        <f t="shared" si="111"/>
        <v/>
      </c>
      <c r="CP104" s="898" t="str">
        <f t="shared" si="112"/>
        <v/>
      </c>
      <c r="CQ104" s="898" t="str">
        <f t="shared" si="113"/>
        <v/>
      </c>
      <c r="CR104" s="898" t="str">
        <f t="shared" si="114"/>
        <v/>
      </c>
      <c r="CS104" s="898" t="str">
        <f t="shared" si="115"/>
        <v/>
      </c>
      <c r="CT104" s="898" t="str">
        <f t="shared" si="116"/>
        <v/>
      </c>
      <c r="CU104" s="898" t="str">
        <f t="shared" si="117"/>
        <v/>
      </c>
      <c r="CV104" s="898" t="str">
        <f t="shared" si="118"/>
        <v/>
      </c>
      <c r="CW104" s="898" t="str">
        <f t="shared" si="119"/>
        <v/>
      </c>
      <c r="CX104" s="898" t="str">
        <f t="shared" si="120"/>
        <v/>
      </c>
      <c r="CY104" s="898" t="str">
        <f t="shared" si="121"/>
        <v/>
      </c>
      <c r="CZ104" s="898" t="str">
        <f t="shared" si="122"/>
        <v/>
      </c>
      <c r="DA104" s="898"/>
      <c r="DB104" s="898"/>
      <c r="DC104" s="898"/>
      <c r="DD104" s="898"/>
      <c r="DE104" s="898"/>
      <c r="DF104" s="898"/>
      <c r="DG104" s="898"/>
      <c r="DH104" s="898"/>
      <c r="DI104" s="898"/>
      <c r="DJ104" s="898"/>
      <c r="DK104" s="898"/>
      <c r="DL104" s="898"/>
      <c r="DM104" s="661">
        <f t="shared" si="104"/>
        <v>105440</v>
      </c>
      <c r="DN104" s="898">
        <f t="shared" si="105"/>
        <v>0</v>
      </c>
      <c r="DO104" s="516">
        <f t="shared" si="106"/>
        <v>0</v>
      </c>
      <c r="DP104" s="898">
        <f t="shared" si="107"/>
        <v>0</v>
      </c>
      <c r="DQ104" s="483" t="s">
        <v>3096</v>
      </c>
      <c r="DR104" s="483" t="s">
        <v>3097</v>
      </c>
      <c r="DS104" s="483" t="s">
        <v>3098</v>
      </c>
      <c r="DT104" s="632"/>
    </row>
    <row r="105" spans="1:124" s="733" customFormat="1" ht="99.75" x14ac:dyDescent="0.2">
      <c r="A105" s="484" t="str">
        <f t="shared" si="101"/>
        <v>Local Equipped Area for Play (LEAP) to support Grovehill Local Centre (Henry Wells Square) (Grovehill NDP)</v>
      </c>
      <c r="B105" s="1163">
        <v>102</v>
      </c>
      <c r="C105" s="481" t="s">
        <v>3648</v>
      </c>
      <c r="D105" s="481" t="s">
        <v>2481</v>
      </c>
      <c r="E105" s="481" t="s">
        <v>53</v>
      </c>
      <c r="F105" s="481" t="s">
        <v>515</v>
      </c>
      <c r="G105" s="654" t="s">
        <v>1334</v>
      </c>
      <c r="H105" s="484" t="s">
        <v>3649</v>
      </c>
      <c r="I105" s="654"/>
      <c r="J105" s="484" t="s">
        <v>3650</v>
      </c>
      <c r="K105" s="654" t="s">
        <v>3104</v>
      </c>
      <c r="L105" s="657" t="s">
        <v>3058</v>
      </c>
      <c r="M105" s="654" t="s">
        <v>2996</v>
      </c>
      <c r="N105" s="897" t="s">
        <v>60</v>
      </c>
      <c r="O105" s="654" t="s">
        <v>525</v>
      </c>
      <c r="P105" s="657" t="s">
        <v>53</v>
      </c>
      <c r="Q105" s="654" t="s">
        <v>395</v>
      </c>
      <c r="R105" s="654"/>
      <c r="S105" s="654"/>
      <c r="T105" s="723">
        <v>105440</v>
      </c>
      <c r="U105" s="723"/>
      <c r="V105" s="654" t="s">
        <v>64</v>
      </c>
      <c r="W105" s="723">
        <f t="shared" si="140"/>
        <v>0</v>
      </c>
      <c r="X105" s="745">
        <f t="shared" si="141"/>
        <v>105440</v>
      </c>
      <c r="Y105" s="723" t="s">
        <v>3106</v>
      </c>
      <c r="Z105" s="723"/>
      <c r="AA105" s="652" t="s">
        <v>82</v>
      </c>
      <c r="AB105" s="893"/>
      <c r="AC105" s="893"/>
      <c r="AD105" s="893"/>
      <c r="AE105" s="893"/>
      <c r="AF105" s="893"/>
      <c r="AG105" s="746"/>
      <c r="AH105" s="893"/>
      <c r="AI105" s="893"/>
      <c r="AJ105" s="893"/>
      <c r="AK105" s="893"/>
      <c r="AL105" s="893"/>
      <c r="AM105" s="746" t="s">
        <v>66</v>
      </c>
      <c r="AN105" s="893"/>
      <c r="AO105" s="893"/>
      <c r="AP105" s="893"/>
      <c r="AQ105" s="893"/>
      <c r="AR105" s="893"/>
      <c r="AS105" s="893"/>
      <c r="AT105" s="893"/>
      <c r="AU105" s="893"/>
      <c r="AV105" s="893"/>
      <c r="AW105" s="893"/>
      <c r="AX105" s="893"/>
      <c r="AY105" s="893"/>
      <c r="AZ105" s="893"/>
      <c r="BA105" s="893"/>
      <c r="BB105" s="893"/>
      <c r="BC105" s="893"/>
      <c r="BD105" s="893"/>
      <c r="BE105" s="893"/>
      <c r="BF105" s="893"/>
      <c r="BG105" s="746"/>
      <c r="BH105" s="746"/>
      <c r="BI105" s="746"/>
      <c r="BJ105" s="746"/>
      <c r="BK105" s="746"/>
      <c r="BL105" s="746"/>
      <c r="BM105" s="746"/>
      <c r="BN105" s="746"/>
      <c r="BO105" s="746"/>
      <c r="BP105" s="746"/>
      <c r="BQ105" s="746"/>
      <c r="BR105" s="746"/>
      <c r="BS105" s="884">
        <f t="shared" si="102"/>
        <v>200</v>
      </c>
      <c r="BT105" s="661">
        <f t="shared" si="142"/>
        <v>527.20000000000005</v>
      </c>
      <c r="BU105" s="661"/>
      <c r="BV105" s="898" t="str">
        <f t="shared" si="123"/>
        <v/>
      </c>
      <c r="BW105" s="898" t="str">
        <f t="shared" si="124"/>
        <v/>
      </c>
      <c r="BX105" s="898" t="str">
        <f t="shared" si="125"/>
        <v/>
      </c>
      <c r="BY105" s="898" t="str">
        <f t="shared" si="126"/>
        <v/>
      </c>
      <c r="BZ105" s="898" t="str">
        <f t="shared" si="127"/>
        <v/>
      </c>
      <c r="CA105" s="898" t="str">
        <f t="shared" si="128"/>
        <v/>
      </c>
      <c r="CB105" s="898" t="str">
        <f t="shared" si="129"/>
        <v/>
      </c>
      <c r="CC105" s="898" t="str">
        <f t="shared" si="130"/>
        <v/>
      </c>
      <c r="CD105" s="898" t="str">
        <f t="shared" si="131"/>
        <v/>
      </c>
      <c r="CE105" s="898" t="str">
        <f t="shared" si="132"/>
        <v/>
      </c>
      <c r="CF105" s="898" t="str">
        <f t="shared" si="133"/>
        <v/>
      </c>
      <c r="CG105" s="898">
        <f t="shared" si="134"/>
        <v>105440.00000000001</v>
      </c>
      <c r="CH105" s="898" t="str">
        <f t="shared" si="135"/>
        <v/>
      </c>
      <c r="CI105" s="898" t="str">
        <f t="shared" si="136"/>
        <v/>
      </c>
      <c r="CJ105" s="898" t="str">
        <f t="shared" si="137"/>
        <v/>
      </c>
      <c r="CK105" s="898" t="str">
        <f t="shared" si="138"/>
        <v/>
      </c>
      <c r="CL105" s="898" t="str">
        <f t="shared" si="139"/>
        <v/>
      </c>
      <c r="CM105" s="898" t="str">
        <f t="shared" ref="CM105:CM118" si="143">IF(AS105="yes",(AS$3*$BT105),"")</f>
        <v/>
      </c>
      <c r="CN105" s="898" t="str">
        <f t="shared" ref="CN105:CN118" si="144">IF(AT105="yes",(AT$3*$BT105),"")</f>
        <v/>
      </c>
      <c r="CO105" s="898" t="str">
        <f t="shared" ref="CO105:CO118" si="145">IF(AU105="yes",(AU$3*$BT105),"")</f>
        <v/>
      </c>
      <c r="CP105" s="898" t="str">
        <f t="shared" ref="CP105:CP118" si="146">IF(AV105="yes",(AV$3*$BT105),"")</f>
        <v/>
      </c>
      <c r="CQ105" s="898" t="str">
        <f t="shared" ref="CQ105:CQ118" si="147">IF(AW105="yes",(AW$3*$BT105),"")</f>
        <v/>
      </c>
      <c r="CR105" s="898" t="str">
        <f t="shared" ref="CR105:CR118" si="148">IF(AX105="yes",(AX$3*$BT105),"")</f>
        <v/>
      </c>
      <c r="CS105" s="898" t="str">
        <f t="shared" ref="CS105:CS118" si="149">IF(AY105="yes",(AY$3*$BT105),"")</f>
        <v/>
      </c>
      <c r="CT105" s="898" t="str">
        <f t="shared" ref="CT105:CT118" si="150">IF(AZ105="yes",(AZ$3*$BT105),"")</f>
        <v/>
      </c>
      <c r="CU105" s="898" t="str">
        <f t="shared" ref="CU105:CU118" si="151">IF(BA105="yes",(BA$3*$BT105),"")</f>
        <v/>
      </c>
      <c r="CV105" s="898" t="str">
        <f t="shared" ref="CV105:CV118" si="152">IF(BB105="yes",(BB$3*$BT105),"")</f>
        <v/>
      </c>
      <c r="CW105" s="898" t="str">
        <f t="shared" ref="CW105:CW118" si="153">IF(BC105="yes",(BC$3*$BT105),"")</f>
        <v/>
      </c>
      <c r="CX105" s="898" t="str">
        <f t="shared" ref="CX105:CX118" si="154">IF(BD105="yes",(BD$3*$BT105),"")</f>
        <v/>
      </c>
      <c r="CY105" s="898" t="str">
        <f t="shared" ref="CY105:CY118" si="155">IF(BE105="yes",(BE$3*$BT105),"")</f>
        <v/>
      </c>
      <c r="CZ105" s="898" t="str">
        <f t="shared" ref="CZ105:CZ118" si="156">IF(BF105="yes",(BF$3*$BT105),"")</f>
        <v/>
      </c>
      <c r="DA105" s="898"/>
      <c r="DB105" s="898"/>
      <c r="DC105" s="898"/>
      <c r="DD105" s="898"/>
      <c r="DE105" s="898"/>
      <c r="DF105" s="898"/>
      <c r="DG105" s="898"/>
      <c r="DH105" s="898"/>
      <c r="DI105" s="898"/>
      <c r="DJ105" s="898"/>
      <c r="DK105" s="898"/>
      <c r="DL105" s="898"/>
      <c r="DM105" s="661">
        <f t="shared" si="104"/>
        <v>105440.00000000001</v>
      </c>
      <c r="DN105" s="898">
        <f t="shared" si="105"/>
        <v>0</v>
      </c>
      <c r="DO105" s="516">
        <f t="shared" si="106"/>
        <v>0</v>
      </c>
      <c r="DP105" s="898">
        <f t="shared" si="107"/>
        <v>0</v>
      </c>
      <c r="DQ105" s="483" t="s">
        <v>3096</v>
      </c>
      <c r="DR105" s="483" t="s">
        <v>3097</v>
      </c>
      <c r="DS105" s="483" t="s">
        <v>3098</v>
      </c>
      <c r="DT105" s="632"/>
    </row>
    <row r="106" spans="1:124" s="733" customFormat="1" ht="99.75" x14ac:dyDescent="0.2">
      <c r="A106" s="484" t="str">
        <f t="shared" si="101"/>
        <v>2 Neighbourhood Equipped Area for Play (NEAP), to support North Hemel Hempstead (Hm01)</v>
      </c>
      <c r="B106" s="1163">
        <v>103</v>
      </c>
      <c r="C106" s="481" t="s">
        <v>3651</v>
      </c>
      <c r="D106" s="481" t="s">
        <v>2481</v>
      </c>
      <c r="E106" s="481" t="s">
        <v>53</v>
      </c>
      <c r="F106" s="481" t="s">
        <v>515</v>
      </c>
      <c r="G106" s="654" t="s">
        <v>1337</v>
      </c>
      <c r="H106" s="484" t="s">
        <v>3652</v>
      </c>
      <c r="I106" s="654"/>
      <c r="J106" s="78" t="s">
        <v>3653</v>
      </c>
      <c r="K106" s="654" t="s">
        <v>3104</v>
      </c>
      <c r="L106" s="657" t="s">
        <v>1360</v>
      </c>
      <c r="M106" s="654" t="s">
        <v>3027</v>
      </c>
      <c r="N106" s="897" t="s">
        <v>60</v>
      </c>
      <c r="O106" s="654" t="s">
        <v>525</v>
      </c>
      <c r="P106" s="657" t="s">
        <v>53</v>
      </c>
      <c r="Q106" s="654" t="s">
        <v>62</v>
      </c>
      <c r="R106" s="654"/>
      <c r="S106" s="654"/>
      <c r="T106" s="723">
        <v>434940</v>
      </c>
      <c r="U106" s="723"/>
      <c r="V106" s="654" t="s">
        <v>64</v>
      </c>
      <c r="W106" s="723">
        <f t="shared" si="140"/>
        <v>0</v>
      </c>
      <c r="X106" s="745">
        <f t="shared" si="141"/>
        <v>434940</v>
      </c>
      <c r="Y106" s="723" t="s">
        <v>3106</v>
      </c>
      <c r="Z106" s="723"/>
      <c r="AA106" s="652" t="s">
        <v>82</v>
      </c>
      <c r="AB106" s="746" t="s">
        <v>66</v>
      </c>
      <c r="AC106" s="893"/>
      <c r="AD106" s="893"/>
      <c r="AE106" s="893"/>
      <c r="AF106" s="893"/>
      <c r="AG106" s="746"/>
      <c r="AH106" s="893"/>
      <c r="AI106" s="893"/>
      <c r="AJ106" s="893"/>
      <c r="AK106" s="893"/>
      <c r="AL106" s="893"/>
      <c r="AM106" s="893"/>
      <c r="AN106" s="893"/>
      <c r="AO106" s="893"/>
      <c r="AP106" s="893"/>
      <c r="AQ106" s="893"/>
      <c r="AR106" s="893"/>
      <c r="AS106" s="893"/>
      <c r="AT106" s="893"/>
      <c r="AU106" s="893"/>
      <c r="AV106" s="893"/>
      <c r="AW106" s="893"/>
      <c r="AX106" s="893"/>
      <c r="AY106" s="893"/>
      <c r="AZ106" s="893"/>
      <c r="BA106" s="893"/>
      <c r="BB106" s="893"/>
      <c r="BC106" s="893"/>
      <c r="BD106" s="893"/>
      <c r="BE106" s="893"/>
      <c r="BF106" s="893"/>
      <c r="BG106" s="746"/>
      <c r="BH106" s="746"/>
      <c r="BI106" s="746"/>
      <c r="BJ106" s="746"/>
      <c r="BK106" s="746"/>
      <c r="BL106" s="746"/>
      <c r="BM106" s="746"/>
      <c r="BN106" s="746"/>
      <c r="BO106" s="746"/>
      <c r="BP106" s="746"/>
      <c r="BQ106" s="746"/>
      <c r="BR106" s="746"/>
      <c r="BS106" s="884">
        <f t="shared" si="102"/>
        <v>5000</v>
      </c>
      <c r="BT106" s="661">
        <f t="shared" si="142"/>
        <v>86.988</v>
      </c>
      <c r="BU106" s="661"/>
      <c r="BV106" s="898">
        <f t="shared" si="123"/>
        <v>434940</v>
      </c>
      <c r="BW106" s="898" t="str">
        <f t="shared" si="124"/>
        <v/>
      </c>
      <c r="BX106" s="898" t="str">
        <f t="shared" si="125"/>
        <v/>
      </c>
      <c r="BY106" s="898" t="str">
        <f t="shared" si="126"/>
        <v/>
      </c>
      <c r="BZ106" s="898" t="str">
        <f t="shared" si="127"/>
        <v/>
      </c>
      <c r="CA106" s="898" t="str">
        <f t="shared" si="128"/>
        <v/>
      </c>
      <c r="CB106" s="898" t="str">
        <f t="shared" si="129"/>
        <v/>
      </c>
      <c r="CC106" s="898" t="str">
        <f t="shared" si="130"/>
        <v/>
      </c>
      <c r="CD106" s="898" t="str">
        <f t="shared" si="131"/>
        <v/>
      </c>
      <c r="CE106" s="898" t="str">
        <f t="shared" si="132"/>
        <v/>
      </c>
      <c r="CF106" s="898" t="str">
        <f t="shared" si="133"/>
        <v/>
      </c>
      <c r="CG106" s="898" t="str">
        <f t="shared" si="134"/>
        <v/>
      </c>
      <c r="CH106" s="898" t="str">
        <f t="shared" si="135"/>
        <v/>
      </c>
      <c r="CI106" s="898" t="str">
        <f t="shared" si="136"/>
        <v/>
      </c>
      <c r="CJ106" s="898" t="str">
        <f t="shared" si="137"/>
        <v/>
      </c>
      <c r="CK106" s="898" t="str">
        <f t="shared" si="138"/>
        <v/>
      </c>
      <c r="CL106" s="898" t="str">
        <f t="shared" si="139"/>
        <v/>
      </c>
      <c r="CM106" s="898" t="str">
        <f t="shared" si="143"/>
        <v/>
      </c>
      <c r="CN106" s="898" t="str">
        <f t="shared" si="144"/>
        <v/>
      </c>
      <c r="CO106" s="898" t="str">
        <f t="shared" si="145"/>
        <v/>
      </c>
      <c r="CP106" s="898" t="str">
        <f t="shared" si="146"/>
        <v/>
      </c>
      <c r="CQ106" s="898" t="str">
        <f t="shared" si="147"/>
        <v/>
      </c>
      <c r="CR106" s="898" t="str">
        <f t="shared" si="148"/>
        <v/>
      </c>
      <c r="CS106" s="898" t="str">
        <f t="shared" si="149"/>
        <v/>
      </c>
      <c r="CT106" s="898" t="str">
        <f t="shared" si="150"/>
        <v/>
      </c>
      <c r="CU106" s="898" t="str">
        <f t="shared" si="151"/>
        <v/>
      </c>
      <c r="CV106" s="898" t="str">
        <f t="shared" si="152"/>
        <v/>
      </c>
      <c r="CW106" s="898" t="str">
        <f t="shared" si="153"/>
        <v/>
      </c>
      <c r="CX106" s="898" t="str">
        <f t="shared" si="154"/>
        <v/>
      </c>
      <c r="CY106" s="898" t="str">
        <f t="shared" si="155"/>
        <v/>
      </c>
      <c r="CZ106" s="898" t="str">
        <f t="shared" si="156"/>
        <v/>
      </c>
      <c r="DA106" s="898"/>
      <c r="DB106" s="898"/>
      <c r="DC106" s="898"/>
      <c r="DD106" s="898"/>
      <c r="DE106" s="898"/>
      <c r="DF106" s="898"/>
      <c r="DG106" s="898"/>
      <c r="DH106" s="898"/>
      <c r="DI106" s="898"/>
      <c r="DJ106" s="898"/>
      <c r="DK106" s="898"/>
      <c r="DL106" s="898"/>
      <c r="DM106" s="661">
        <f t="shared" si="104"/>
        <v>434940</v>
      </c>
      <c r="DN106" s="898">
        <f t="shared" si="105"/>
        <v>0</v>
      </c>
      <c r="DO106" s="516">
        <f t="shared" si="106"/>
        <v>0</v>
      </c>
      <c r="DP106" s="898">
        <f t="shared" si="107"/>
        <v>0</v>
      </c>
      <c r="DQ106" s="483" t="s">
        <v>3654</v>
      </c>
      <c r="DR106" s="483" t="s">
        <v>3655</v>
      </c>
      <c r="DS106" s="483" t="s">
        <v>3098</v>
      </c>
      <c r="DT106" s="632"/>
    </row>
    <row r="107" spans="1:124" s="613" customFormat="1" ht="99.75" x14ac:dyDescent="0.2">
      <c r="A107" s="484" t="str">
        <f t="shared" si="101"/>
        <v>1 Neighbourhood Equipped Area for Play (NEAP), to support Shendish Manor and Fairfields (Hm11)</v>
      </c>
      <c r="B107" s="1163">
        <v>104</v>
      </c>
      <c r="C107" s="481" t="s">
        <v>3656</v>
      </c>
      <c r="D107" s="481" t="s">
        <v>2481</v>
      </c>
      <c r="E107" s="481" t="s">
        <v>53</v>
      </c>
      <c r="F107" s="481" t="s">
        <v>515</v>
      </c>
      <c r="G107" s="654" t="s">
        <v>1337</v>
      </c>
      <c r="H107" s="484" t="s">
        <v>3657</v>
      </c>
      <c r="I107" s="654"/>
      <c r="J107" s="484" t="s">
        <v>3658</v>
      </c>
      <c r="K107" s="654" t="s">
        <v>3104</v>
      </c>
      <c r="L107" s="657" t="s">
        <v>1369</v>
      </c>
      <c r="M107" s="654" t="s">
        <v>2996</v>
      </c>
      <c r="N107" s="897" t="s">
        <v>8</v>
      </c>
      <c r="O107" s="654" t="s">
        <v>525</v>
      </c>
      <c r="P107" s="657" t="s">
        <v>53</v>
      </c>
      <c r="Q107" s="654" t="s">
        <v>382</v>
      </c>
      <c r="R107" s="654"/>
      <c r="S107" s="654"/>
      <c r="T107" s="723">
        <v>108735</v>
      </c>
      <c r="U107" s="723"/>
      <c r="V107" s="654" t="s">
        <v>64</v>
      </c>
      <c r="W107" s="723">
        <f t="shared" si="140"/>
        <v>0</v>
      </c>
      <c r="X107" s="745">
        <f t="shared" si="141"/>
        <v>108735</v>
      </c>
      <c r="Y107" s="723" t="s">
        <v>3106</v>
      </c>
      <c r="Z107" s="723"/>
      <c r="AA107" s="652" t="s">
        <v>82</v>
      </c>
      <c r="AB107" s="893"/>
      <c r="AC107" s="893"/>
      <c r="AD107" s="893"/>
      <c r="AE107" s="893"/>
      <c r="AF107" s="893"/>
      <c r="AG107" s="746"/>
      <c r="AH107" s="893"/>
      <c r="AI107" s="893"/>
      <c r="AJ107" s="893"/>
      <c r="AK107" s="746" t="s">
        <v>66</v>
      </c>
      <c r="AL107" s="893"/>
      <c r="AM107" s="893"/>
      <c r="AN107" s="893"/>
      <c r="AO107" s="893"/>
      <c r="AP107" s="893"/>
      <c r="AQ107" s="893"/>
      <c r="AR107" s="893"/>
      <c r="AS107" s="893"/>
      <c r="AT107" s="893"/>
      <c r="AU107" s="893"/>
      <c r="AV107" s="893"/>
      <c r="AW107" s="893"/>
      <c r="AX107" s="893"/>
      <c r="AY107" s="893"/>
      <c r="AZ107" s="893"/>
      <c r="BA107" s="893"/>
      <c r="BB107" s="893"/>
      <c r="BC107" s="893"/>
      <c r="BD107" s="893"/>
      <c r="BE107" s="893"/>
      <c r="BF107" s="893"/>
      <c r="BG107" s="746"/>
      <c r="BH107" s="746"/>
      <c r="BI107" s="746"/>
      <c r="BJ107" s="746"/>
      <c r="BK107" s="746"/>
      <c r="BL107" s="746"/>
      <c r="BM107" s="746"/>
      <c r="BN107" s="746"/>
      <c r="BO107" s="746"/>
      <c r="BP107" s="746"/>
      <c r="BQ107" s="746"/>
      <c r="BR107" s="746"/>
      <c r="BS107" s="884">
        <f t="shared" si="102"/>
        <v>500</v>
      </c>
      <c r="BT107" s="661">
        <f t="shared" si="142"/>
        <v>217.47</v>
      </c>
      <c r="BU107" s="661"/>
      <c r="BV107" s="898" t="str">
        <f t="shared" si="123"/>
        <v/>
      </c>
      <c r="BW107" s="898" t="str">
        <f t="shared" si="124"/>
        <v/>
      </c>
      <c r="BX107" s="898" t="str">
        <f t="shared" si="125"/>
        <v/>
      </c>
      <c r="BY107" s="898" t="str">
        <f t="shared" si="126"/>
        <v/>
      </c>
      <c r="BZ107" s="898" t="str">
        <f t="shared" si="127"/>
        <v/>
      </c>
      <c r="CA107" s="898" t="str">
        <f t="shared" si="128"/>
        <v/>
      </c>
      <c r="CB107" s="898" t="str">
        <f t="shared" si="129"/>
        <v/>
      </c>
      <c r="CC107" s="898" t="str">
        <f t="shared" si="130"/>
        <v/>
      </c>
      <c r="CD107" s="898" t="str">
        <f t="shared" si="131"/>
        <v/>
      </c>
      <c r="CE107" s="898">
        <f t="shared" si="132"/>
        <v>108735</v>
      </c>
      <c r="CF107" s="898" t="str">
        <f t="shared" si="133"/>
        <v/>
      </c>
      <c r="CG107" s="898" t="str">
        <f t="shared" si="134"/>
        <v/>
      </c>
      <c r="CH107" s="898" t="str">
        <f t="shared" si="135"/>
        <v/>
      </c>
      <c r="CI107" s="898" t="str">
        <f t="shared" si="136"/>
        <v/>
      </c>
      <c r="CJ107" s="898" t="str">
        <f t="shared" si="137"/>
        <v/>
      </c>
      <c r="CK107" s="898" t="str">
        <f t="shared" si="138"/>
        <v/>
      </c>
      <c r="CL107" s="898" t="str">
        <f t="shared" si="139"/>
        <v/>
      </c>
      <c r="CM107" s="898" t="str">
        <f t="shared" si="143"/>
        <v/>
      </c>
      <c r="CN107" s="898" t="str">
        <f t="shared" si="144"/>
        <v/>
      </c>
      <c r="CO107" s="898" t="str">
        <f t="shared" si="145"/>
        <v/>
      </c>
      <c r="CP107" s="898" t="str">
        <f t="shared" si="146"/>
        <v/>
      </c>
      <c r="CQ107" s="898" t="str">
        <f t="shared" si="147"/>
        <v/>
      </c>
      <c r="CR107" s="898" t="str">
        <f t="shared" si="148"/>
        <v/>
      </c>
      <c r="CS107" s="898" t="str">
        <f t="shared" si="149"/>
        <v/>
      </c>
      <c r="CT107" s="898" t="str">
        <f t="shared" si="150"/>
        <v/>
      </c>
      <c r="CU107" s="898" t="str">
        <f t="shared" si="151"/>
        <v/>
      </c>
      <c r="CV107" s="898" t="str">
        <f t="shared" si="152"/>
        <v/>
      </c>
      <c r="CW107" s="898" t="str">
        <f t="shared" si="153"/>
        <v/>
      </c>
      <c r="CX107" s="898" t="str">
        <f t="shared" si="154"/>
        <v/>
      </c>
      <c r="CY107" s="898" t="str">
        <f t="shared" si="155"/>
        <v/>
      </c>
      <c r="CZ107" s="898" t="str">
        <f t="shared" si="156"/>
        <v/>
      </c>
      <c r="DA107" s="898"/>
      <c r="DB107" s="898"/>
      <c r="DC107" s="898"/>
      <c r="DD107" s="898"/>
      <c r="DE107" s="898"/>
      <c r="DF107" s="898"/>
      <c r="DG107" s="898"/>
      <c r="DH107" s="898"/>
      <c r="DI107" s="898"/>
      <c r="DJ107" s="898"/>
      <c r="DK107" s="898"/>
      <c r="DL107" s="898"/>
      <c r="DM107" s="661">
        <f t="shared" si="104"/>
        <v>108735</v>
      </c>
      <c r="DN107" s="898">
        <f t="shared" si="105"/>
        <v>0</v>
      </c>
      <c r="DO107" s="516">
        <f t="shared" si="106"/>
        <v>0</v>
      </c>
      <c r="DP107" s="898">
        <f t="shared" si="107"/>
        <v>0</v>
      </c>
      <c r="DQ107" s="483" t="s">
        <v>3654</v>
      </c>
      <c r="DR107" s="483" t="s">
        <v>3655</v>
      </c>
      <c r="DS107" s="483" t="s">
        <v>3098</v>
      </c>
      <c r="DT107" s="632"/>
    </row>
    <row r="108" spans="1:124" s="613" customFormat="1" ht="99.75" x14ac:dyDescent="0.2">
      <c r="A108" s="484" t="str">
        <f t="shared" si="101"/>
        <v>1 Neighbourhood Equipped Area for Play (NEAP), to support Polehanger Lane (Hm13)</v>
      </c>
      <c r="B108" s="1163">
        <v>105</v>
      </c>
      <c r="C108" s="481" t="s">
        <v>3659</v>
      </c>
      <c r="D108" s="481" t="s">
        <v>2481</v>
      </c>
      <c r="E108" s="481" t="s">
        <v>53</v>
      </c>
      <c r="F108" s="481" t="s">
        <v>515</v>
      </c>
      <c r="G108" s="654" t="s">
        <v>1337</v>
      </c>
      <c r="H108" s="484" t="s">
        <v>3660</v>
      </c>
      <c r="I108" s="654"/>
      <c r="J108" s="484" t="s">
        <v>3661</v>
      </c>
      <c r="K108" s="654" t="s">
        <v>3104</v>
      </c>
      <c r="L108" s="657" t="s">
        <v>3590</v>
      </c>
      <c r="M108" s="654" t="s">
        <v>2996</v>
      </c>
      <c r="N108" s="897" t="s">
        <v>60</v>
      </c>
      <c r="O108" s="654" t="s">
        <v>525</v>
      </c>
      <c r="P108" s="657" t="s">
        <v>53</v>
      </c>
      <c r="Q108" s="654" t="s">
        <v>390</v>
      </c>
      <c r="R108" s="654"/>
      <c r="S108" s="654"/>
      <c r="T108" s="723">
        <v>217470</v>
      </c>
      <c r="U108" s="723"/>
      <c r="V108" s="654" t="s">
        <v>64</v>
      </c>
      <c r="W108" s="723">
        <f t="shared" si="140"/>
        <v>0</v>
      </c>
      <c r="X108" s="745">
        <f t="shared" si="141"/>
        <v>217470</v>
      </c>
      <c r="Y108" s="723" t="s">
        <v>3106</v>
      </c>
      <c r="Z108" s="723"/>
      <c r="AA108" s="652" t="s">
        <v>82</v>
      </c>
      <c r="AB108" s="893"/>
      <c r="AC108" s="893"/>
      <c r="AD108" s="893"/>
      <c r="AE108" s="893"/>
      <c r="AF108" s="893"/>
      <c r="AG108" s="746"/>
      <c r="AH108" s="893"/>
      <c r="AI108" s="893"/>
      <c r="AJ108" s="893"/>
      <c r="AK108" s="893"/>
      <c r="AL108" s="746" t="s">
        <v>66</v>
      </c>
      <c r="AM108" s="893"/>
      <c r="AN108" s="893"/>
      <c r="AO108" s="893"/>
      <c r="AP108" s="893"/>
      <c r="AQ108" s="893"/>
      <c r="AR108" s="893"/>
      <c r="AS108" s="893"/>
      <c r="AT108" s="893"/>
      <c r="AU108" s="893"/>
      <c r="AV108" s="893"/>
      <c r="AW108" s="893"/>
      <c r="AX108" s="893"/>
      <c r="AY108" s="893"/>
      <c r="AZ108" s="893"/>
      <c r="BA108" s="893"/>
      <c r="BB108" s="893"/>
      <c r="BC108" s="893"/>
      <c r="BD108" s="893"/>
      <c r="BE108" s="893"/>
      <c r="BF108" s="893"/>
      <c r="BG108" s="746"/>
      <c r="BH108" s="746"/>
      <c r="BI108" s="746"/>
      <c r="BJ108" s="746"/>
      <c r="BK108" s="746"/>
      <c r="BL108" s="746"/>
      <c r="BM108" s="746"/>
      <c r="BN108" s="746"/>
      <c r="BO108" s="746"/>
      <c r="BP108" s="746"/>
      <c r="BQ108" s="746"/>
      <c r="BR108" s="746"/>
      <c r="BS108" s="884">
        <f t="shared" si="102"/>
        <v>750</v>
      </c>
      <c r="BT108" s="661">
        <f t="shared" si="142"/>
        <v>289.95999999999998</v>
      </c>
      <c r="BU108" s="661"/>
      <c r="BV108" s="898" t="str">
        <f t="shared" si="123"/>
        <v/>
      </c>
      <c r="BW108" s="898" t="str">
        <f t="shared" si="124"/>
        <v/>
      </c>
      <c r="BX108" s="898" t="str">
        <f t="shared" si="125"/>
        <v/>
      </c>
      <c r="BY108" s="898" t="str">
        <f t="shared" si="126"/>
        <v/>
      </c>
      <c r="BZ108" s="898" t="str">
        <f t="shared" si="127"/>
        <v/>
      </c>
      <c r="CA108" s="898" t="str">
        <f t="shared" si="128"/>
        <v/>
      </c>
      <c r="CB108" s="898" t="str">
        <f t="shared" si="129"/>
        <v/>
      </c>
      <c r="CC108" s="898" t="str">
        <f t="shared" si="130"/>
        <v/>
      </c>
      <c r="CD108" s="898" t="str">
        <f t="shared" si="131"/>
        <v/>
      </c>
      <c r="CE108" s="898" t="str">
        <f t="shared" si="132"/>
        <v/>
      </c>
      <c r="CF108" s="898">
        <f t="shared" si="133"/>
        <v>217469.99999999997</v>
      </c>
      <c r="CG108" s="898" t="str">
        <f t="shared" si="134"/>
        <v/>
      </c>
      <c r="CH108" s="898" t="str">
        <f t="shared" si="135"/>
        <v/>
      </c>
      <c r="CI108" s="898" t="str">
        <f t="shared" si="136"/>
        <v/>
      </c>
      <c r="CJ108" s="898" t="str">
        <f t="shared" si="137"/>
        <v/>
      </c>
      <c r="CK108" s="898" t="str">
        <f t="shared" si="138"/>
        <v/>
      </c>
      <c r="CL108" s="898" t="str">
        <f t="shared" si="139"/>
        <v/>
      </c>
      <c r="CM108" s="898" t="str">
        <f t="shared" si="143"/>
        <v/>
      </c>
      <c r="CN108" s="898" t="str">
        <f t="shared" si="144"/>
        <v/>
      </c>
      <c r="CO108" s="898" t="str">
        <f t="shared" si="145"/>
        <v/>
      </c>
      <c r="CP108" s="898" t="str">
        <f t="shared" si="146"/>
        <v/>
      </c>
      <c r="CQ108" s="898" t="str">
        <f t="shared" si="147"/>
        <v/>
      </c>
      <c r="CR108" s="898" t="str">
        <f t="shared" si="148"/>
        <v/>
      </c>
      <c r="CS108" s="898" t="str">
        <f t="shared" si="149"/>
        <v/>
      </c>
      <c r="CT108" s="898" t="str">
        <f t="shared" si="150"/>
        <v/>
      </c>
      <c r="CU108" s="898" t="str">
        <f t="shared" si="151"/>
        <v/>
      </c>
      <c r="CV108" s="898" t="str">
        <f t="shared" si="152"/>
        <v/>
      </c>
      <c r="CW108" s="898" t="str">
        <f t="shared" si="153"/>
        <v/>
      </c>
      <c r="CX108" s="898" t="str">
        <f t="shared" si="154"/>
        <v/>
      </c>
      <c r="CY108" s="898" t="str">
        <f t="shared" si="155"/>
        <v/>
      </c>
      <c r="CZ108" s="898" t="str">
        <f t="shared" si="156"/>
        <v/>
      </c>
      <c r="DA108" s="898"/>
      <c r="DB108" s="898"/>
      <c r="DC108" s="898"/>
      <c r="DD108" s="898"/>
      <c r="DE108" s="898"/>
      <c r="DF108" s="898"/>
      <c r="DG108" s="898"/>
      <c r="DH108" s="898"/>
      <c r="DI108" s="898"/>
      <c r="DJ108" s="898"/>
      <c r="DK108" s="898"/>
      <c r="DL108" s="898"/>
      <c r="DM108" s="661">
        <f t="shared" si="104"/>
        <v>217469.99999999997</v>
      </c>
      <c r="DN108" s="898">
        <f t="shared" si="105"/>
        <v>0</v>
      </c>
      <c r="DO108" s="516">
        <f t="shared" si="106"/>
        <v>0</v>
      </c>
      <c r="DP108" s="898">
        <f t="shared" si="107"/>
        <v>0</v>
      </c>
      <c r="DQ108" s="483" t="s">
        <v>3654</v>
      </c>
      <c r="DR108" s="483" t="s">
        <v>3655</v>
      </c>
      <c r="DS108" s="483" t="s">
        <v>3098</v>
      </c>
      <c r="DT108" s="632"/>
    </row>
    <row r="109" spans="1:124" s="613" customFormat="1" ht="99.75" x14ac:dyDescent="0.2">
      <c r="A109" s="484" t="str">
        <f t="shared" si="101"/>
        <v xml:space="preserve">Contribution towards off-site Neighbourhood Equipped Area for Play (NEAP) </v>
      </c>
      <c r="B109" s="1163">
        <v>106</v>
      </c>
      <c r="C109" s="481" t="s">
        <v>3662</v>
      </c>
      <c r="D109" s="481" t="s">
        <v>2481</v>
      </c>
      <c r="E109" s="481" t="s">
        <v>53</v>
      </c>
      <c r="F109" s="481" t="s">
        <v>515</v>
      </c>
      <c r="G109" s="654" t="s">
        <v>1337</v>
      </c>
      <c r="H109" s="484" t="s">
        <v>3663</v>
      </c>
      <c r="I109" s="654"/>
      <c r="J109" s="484" t="s">
        <v>3664</v>
      </c>
      <c r="K109" s="654" t="s">
        <v>3104</v>
      </c>
      <c r="L109" s="657" t="s">
        <v>3018</v>
      </c>
      <c r="M109" s="654" t="s">
        <v>2996</v>
      </c>
      <c r="N109" s="897" t="s">
        <v>81</v>
      </c>
      <c r="O109" s="654" t="s">
        <v>525</v>
      </c>
      <c r="P109" s="657" t="s">
        <v>53</v>
      </c>
      <c r="Q109" s="654" t="s">
        <v>208</v>
      </c>
      <c r="R109" s="654"/>
      <c r="S109" s="654"/>
      <c r="T109" s="723">
        <v>108735</v>
      </c>
      <c r="U109" s="723"/>
      <c r="V109" s="654" t="s">
        <v>64</v>
      </c>
      <c r="W109" s="723">
        <f t="shared" si="140"/>
        <v>0</v>
      </c>
      <c r="X109" s="745">
        <f t="shared" si="141"/>
        <v>108735</v>
      </c>
      <c r="Y109" s="723" t="s">
        <v>3106</v>
      </c>
      <c r="Z109" s="723"/>
      <c r="AA109" s="652" t="s">
        <v>82</v>
      </c>
      <c r="AB109" s="893"/>
      <c r="AC109" s="893"/>
      <c r="AD109" s="893"/>
      <c r="AE109" s="893"/>
      <c r="AF109" s="893"/>
      <c r="AG109" s="746"/>
      <c r="AH109" s="893"/>
      <c r="AI109" s="893"/>
      <c r="AJ109" s="746" t="s">
        <v>66</v>
      </c>
      <c r="AK109" s="893"/>
      <c r="AL109" s="893"/>
      <c r="AM109" s="893"/>
      <c r="AN109" s="893"/>
      <c r="AO109" s="893"/>
      <c r="AP109" s="893"/>
      <c r="AQ109" s="893"/>
      <c r="AR109" s="893"/>
      <c r="AS109" s="893"/>
      <c r="AT109" s="893"/>
      <c r="AU109" s="893"/>
      <c r="AV109" s="893"/>
      <c r="AW109" s="893"/>
      <c r="AX109" s="893"/>
      <c r="AY109" s="893"/>
      <c r="AZ109" s="893"/>
      <c r="BA109" s="893"/>
      <c r="BB109" s="893"/>
      <c r="BC109" s="893"/>
      <c r="BD109" s="893"/>
      <c r="BE109" s="893"/>
      <c r="BF109" s="893"/>
      <c r="BG109" s="746"/>
      <c r="BH109" s="746"/>
      <c r="BI109" s="746"/>
      <c r="BJ109" s="746"/>
      <c r="BK109" s="746"/>
      <c r="BL109" s="746"/>
      <c r="BM109" s="746"/>
      <c r="BN109" s="746"/>
      <c r="BO109" s="746"/>
      <c r="BP109" s="746"/>
      <c r="BQ109" s="746"/>
      <c r="BR109" s="746"/>
      <c r="BS109" s="884">
        <f t="shared" si="102"/>
        <v>500</v>
      </c>
      <c r="BT109" s="661">
        <f t="shared" si="142"/>
        <v>217.47</v>
      </c>
      <c r="BU109" s="661"/>
      <c r="BV109" s="898" t="str">
        <f t="shared" si="123"/>
        <v/>
      </c>
      <c r="BW109" s="898" t="str">
        <f t="shared" si="124"/>
        <v/>
      </c>
      <c r="BX109" s="898" t="str">
        <f t="shared" si="125"/>
        <v/>
      </c>
      <c r="BY109" s="898" t="str">
        <f t="shared" si="126"/>
        <v/>
      </c>
      <c r="BZ109" s="898" t="str">
        <f t="shared" si="127"/>
        <v/>
      </c>
      <c r="CA109" s="898" t="str">
        <f t="shared" si="128"/>
        <v/>
      </c>
      <c r="CB109" s="898" t="str">
        <f t="shared" si="129"/>
        <v/>
      </c>
      <c r="CC109" s="898" t="str">
        <f t="shared" si="130"/>
        <v/>
      </c>
      <c r="CD109" s="898">
        <f t="shared" si="131"/>
        <v>108735</v>
      </c>
      <c r="CE109" s="898" t="str">
        <f t="shared" si="132"/>
        <v/>
      </c>
      <c r="CF109" s="898" t="str">
        <f t="shared" si="133"/>
        <v/>
      </c>
      <c r="CG109" s="898" t="str">
        <f t="shared" si="134"/>
        <v/>
      </c>
      <c r="CH109" s="898" t="str">
        <f t="shared" si="135"/>
        <v/>
      </c>
      <c r="CI109" s="898" t="str">
        <f t="shared" si="136"/>
        <v/>
      </c>
      <c r="CJ109" s="898" t="str">
        <f t="shared" si="137"/>
        <v/>
      </c>
      <c r="CK109" s="898" t="str">
        <f t="shared" si="138"/>
        <v/>
      </c>
      <c r="CL109" s="898" t="str">
        <f t="shared" si="139"/>
        <v/>
      </c>
      <c r="CM109" s="898" t="str">
        <f t="shared" si="143"/>
        <v/>
      </c>
      <c r="CN109" s="898" t="str">
        <f t="shared" si="144"/>
        <v/>
      </c>
      <c r="CO109" s="898" t="str">
        <f t="shared" si="145"/>
        <v/>
      </c>
      <c r="CP109" s="898" t="str">
        <f t="shared" si="146"/>
        <v/>
      </c>
      <c r="CQ109" s="898" t="str">
        <f t="shared" si="147"/>
        <v/>
      </c>
      <c r="CR109" s="898" t="str">
        <f t="shared" si="148"/>
        <v/>
      </c>
      <c r="CS109" s="898" t="str">
        <f t="shared" si="149"/>
        <v/>
      </c>
      <c r="CT109" s="898" t="str">
        <f t="shared" si="150"/>
        <v/>
      </c>
      <c r="CU109" s="898" t="str">
        <f t="shared" si="151"/>
        <v/>
      </c>
      <c r="CV109" s="898" t="str">
        <f t="shared" si="152"/>
        <v/>
      </c>
      <c r="CW109" s="898" t="str">
        <f t="shared" si="153"/>
        <v/>
      </c>
      <c r="CX109" s="898" t="str">
        <f t="shared" si="154"/>
        <v/>
      </c>
      <c r="CY109" s="898" t="str">
        <f t="shared" si="155"/>
        <v/>
      </c>
      <c r="CZ109" s="898" t="str">
        <f t="shared" si="156"/>
        <v/>
      </c>
      <c r="DA109" s="898"/>
      <c r="DB109" s="898"/>
      <c r="DC109" s="898"/>
      <c r="DD109" s="898"/>
      <c r="DE109" s="898"/>
      <c r="DF109" s="898"/>
      <c r="DG109" s="898"/>
      <c r="DH109" s="898"/>
      <c r="DI109" s="898"/>
      <c r="DJ109" s="898"/>
      <c r="DK109" s="898"/>
      <c r="DL109" s="898"/>
      <c r="DM109" s="661">
        <f t="shared" si="104"/>
        <v>108735</v>
      </c>
      <c r="DN109" s="898">
        <f t="shared" si="105"/>
        <v>0</v>
      </c>
      <c r="DO109" s="516">
        <f t="shared" si="106"/>
        <v>0</v>
      </c>
      <c r="DP109" s="898">
        <f t="shared" si="107"/>
        <v>0</v>
      </c>
      <c r="DQ109" s="483" t="s">
        <v>3654</v>
      </c>
      <c r="DR109" s="483" t="s">
        <v>3655</v>
      </c>
      <c r="DS109" s="483" t="s">
        <v>3098</v>
      </c>
      <c r="DT109" s="632"/>
    </row>
    <row r="110" spans="1:124" s="613" customFormat="1" ht="99.75" x14ac:dyDescent="0.2">
      <c r="A110" s="484" t="str">
        <f t="shared" si="101"/>
        <v>3 Multi-Use Games Areas (MUGA), in North Hemel Hempstead (Hm01)</v>
      </c>
      <c r="B110" s="1163">
        <v>107</v>
      </c>
      <c r="C110" s="481" t="s">
        <v>3665</v>
      </c>
      <c r="D110" s="481" t="s">
        <v>2481</v>
      </c>
      <c r="E110" s="481" t="s">
        <v>53</v>
      </c>
      <c r="F110" s="481" t="s">
        <v>515</v>
      </c>
      <c r="G110" s="654" t="s">
        <v>1335</v>
      </c>
      <c r="H110" s="78" t="s">
        <v>3666</v>
      </c>
      <c r="I110" s="654"/>
      <c r="J110" s="78" t="s">
        <v>3667</v>
      </c>
      <c r="K110" s="654" t="s">
        <v>3104</v>
      </c>
      <c r="L110" s="657" t="s">
        <v>1360</v>
      </c>
      <c r="M110" s="654" t="s">
        <v>3027</v>
      </c>
      <c r="N110" s="897" t="s">
        <v>60</v>
      </c>
      <c r="O110" s="654" t="s">
        <v>525</v>
      </c>
      <c r="P110" s="657" t="s">
        <v>53</v>
      </c>
      <c r="Q110" s="654" t="s">
        <v>62</v>
      </c>
      <c r="R110" s="654"/>
      <c r="S110" s="654"/>
      <c r="T110" s="723">
        <v>553560</v>
      </c>
      <c r="U110" s="723"/>
      <c r="V110" s="654" t="s">
        <v>64</v>
      </c>
      <c r="W110" s="723">
        <f t="shared" si="140"/>
        <v>0</v>
      </c>
      <c r="X110" s="745">
        <f t="shared" si="141"/>
        <v>553560</v>
      </c>
      <c r="Y110" s="723" t="s">
        <v>3106</v>
      </c>
      <c r="Z110" s="723"/>
      <c r="AA110" s="652" t="s">
        <v>82</v>
      </c>
      <c r="AB110" s="746" t="s">
        <v>66</v>
      </c>
      <c r="AC110" s="893"/>
      <c r="AD110" s="893"/>
      <c r="AE110" s="893"/>
      <c r="AF110" s="893"/>
      <c r="AG110" s="746"/>
      <c r="AH110" s="893"/>
      <c r="AI110" s="893"/>
      <c r="AJ110" s="893"/>
      <c r="AK110" s="893"/>
      <c r="AL110" s="893"/>
      <c r="AM110" s="893"/>
      <c r="AN110" s="893"/>
      <c r="AO110" s="893"/>
      <c r="AP110" s="893"/>
      <c r="AQ110" s="893"/>
      <c r="AR110" s="893"/>
      <c r="AS110" s="893"/>
      <c r="AT110" s="893"/>
      <c r="AU110" s="893"/>
      <c r="AV110" s="893"/>
      <c r="AW110" s="893"/>
      <c r="AX110" s="893"/>
      <c r="AY110" s="893"/>
      <c r="AZ110" s="893"/>
      <c r="BA110" s="893"/>
      <c r="BB110" s="893"/>
      <c r="BC110" s="893"/>
      <c r="BD110" s="893"/>
      <c r="BE110" s="893"/>
      <c r="BF110" s="893"/>
      <c r="BG110" s="746"/>
      <c r="BH110" s="746"/>
      <c r="BI110" s="746"/>
      <c r="BJ110" s="746"/>
      <c r="BK110" s="746"/>
      <c r="BL110" s="746"/>
      <c r="BM110" s="746"/>
      <c r="BN110" s="746"/>
      <c r="BO110" s="746"/>
      <c r="BP110" s="746"/>
      <c r="BQ110" s="746"/>
      <c r="BR110" s="746"/>
      <c r="BS110" s="884">
        <f t="shared" si="102"/>
        <v>5000</v>
      </c>
      <c r="BT110" s="661">
        <f t="shared" si="142"/>
        <v>110.712</v>
      </c>
      <c r="BU110" s="661"/>
      <c r="BV110" s="898">
        <f t="shared" si="123"/>
        <v>553560</v>
      </c>
      <c r="BW110" s="898" t="str">
        <f t="shared" si="124"/>
        <v/>
      </c>
      <c r="BX110" s="898" t="str">
        <f t="shared" si="125"/>
        <v/>
      </c>
      <c r="BY110" s="898" t="str">
        <f t="shared" si="126"/>
        <v/>
      </c>
      <c r="BZ110" s="898" t="str">
        <f t="shared" si="127"/>
        <v/>
      </c>
      <c r="CA110" s="898" t="str">
        <f t="shared" si="128"/>
        <v/>
      </c>
      <c r="CB110" s="898" t="str">
        <f t="shared" si="129"/>
        <v/>
      </c>
      <c r="CC110" s="898" t="str">
        <f t="shared" si="130"/>
        <v/>
      </c>
      <c r="CD110" s="898" t="str">
        <f t="shared" si="131"/>
        <v/>
      </c>
      <c r="CE110" s="898" t="str">
        <f t="shared" si="132"/>
        <v/>
      </c>
      <c r="CF110" s="898" t="str">
        <f t="shared" si="133"/>
        <v/>
      </c>
      <c r="CG110" s="898" t="str">
        <f t="shared" si="134"/>
        <v/>
      </c>
      <c r="CH110" s="898" t="str">
        <f t="shared" si="135"/>
        <v/>
      </c>
      <c r="CI110" s="898" t="str">
        <f t="shared" si="136"/>
        <v/>
      </c>
      <c r="CJ110" s="898" t="str">
        <f t="shared" si="137"/>
        <v/>
      </c>
      <c r="CK110" s="898" t="str">
        <f t="shared" si="138"/>
        <v/>
      </c>
      <c r="CL110" s="898" t="str">
        <f t="shared" si="139"/>
        <v/>
      </c>
      <c r="CM110" s="898" t="str">
        <f t="shared" si="143"/>
        <v/>
      </c>
      <c r="CN110" s="898" t="str">
        <f t="shared" si="144"/>
        <v/>
      </c>
      <c r="CO110" s="898" t="str">
        <f t="shared" si="145"/>
        <v/>
      </c>
      <c r="CP110" s="898" t="str">
        <f t="shared" si="146"/>
        <v/>
      </c>
      <c r="CQ110" s="898" t="str">
        <f t="shared" si="147"/>
        <v/>
      </c>
      <c r="CR110" s="898" t="str">
        <f t="shared" si="148"/>
        <v/>
      </c>
      <c r="CS110" s="898" t="str">
        <f t="shared" si="149"/>
        <v/>
      </c>
      <c r="CT110" s="898" t="str">
        <f t="shared" si="150"/>
        <v/>
      </c>
      <c r="CU110" s="898" t="str">
        <f t="shared" si="151"/>
        <v/>
      </c>
      <c r="CV110" s="898" t="str">
        <f t="shared" si="152"/>
        <v/>
      </c>
      <c r="CW110" s="898" t="str">
        <f t="shared" si="153"/>
        <v/>
      </c>
      <c r="CX110" s="898" t="str">
        <f t="shared" si="154"/>
        <v/>
      </c>
      <c r="CY110" s="898" t="str">
        <f t="shared" si="155"/>
        <v/>
      </c>
      <c r="CZ110" s="898" t="str">
        <f t="shared" si="156"/>
        <v/>
      </c>
      <c r="DA110" s="898"/>
      <c r="DB110" s="898"/>
      <c r="DC110" s="898"/>
      <c r="DD110" s="898"/>
      <c r="DE110" s="898"/>
      <c r="DF110" s="898"/>
      <c r="DG110" s="898"/>
      <c r="DH110" s="898"/>
      <c r="DI110" s="898"/>
      <c r="DJ110" s="898"/>
      <c r="DK110" s="898"/>
      <c r="DL110" s="898"/>
      <c r="DM110" s="661">
        <f t="shared" si="104"/>
        <v>553560</v>
      </c>
      <c r="DN110" s="898">
        <f t="shared" si="105"/>
        <v>0</v>
      </c>
      <c r="DO110" s="516">
        <f t="shared" si="106"/>
        <v>0</v>
      </c>
      <c r="DP110" s="898">
        <f t="shared" si="107"/>
        <v>0</v>
      </c>
      <c r="DQ110" s="483" t="s">
        <v>3101</v>
      </c>
      <c r="DR110" s="483" t="s">
        <v>3668</v>
      </c>
      <c r="DS110" s="483" t="s">
        <v>3098</v>
      </c>
      <c r="DT110" s="632"/>
    </row>
    <row r="111" spans="1:124" s="613" customFormat="1" ht="99.75" x14ac:dyDescent="0.2">
      <c r="A111" s="484" t="str">
        <f t="shared" si="101"/>
        <v>1 Multi-Use Games Area (MUGA), in Hemel Hospital/Market Square (Hm03)</v>
      </c>
      <c r="B111" s="1163">
        <v>108</v>
      </c>
      <c r="C111" s="481" t="s">
        <v>3669</v>
      </c>
      <c r="D111" s="481" t="s">
        <v>2481</v>
      </c>
      <c r="E111" s="481" t="s">
        <v>53</v>
      </c>
      <c r="F111" s="481" t="s">
        <v>515</v>
      </c>
      <c r="G111" s="654" t="s">
        <v>1335</v>
      </c>
      <c r="H111" s="78" t="s">
        <v>3670</v>
      </c>
      <c r="I111" s="654"/>
      <c r="J111" s="78" t="s">
        <v>3671</v>
      </c>
      <c r="K111" s="654" t="s">
        <v>3104</v>
      </c>
      <c r="L111" s="657" t="s">
        <v>3672</v>
      </c>
      <c r="M111" s="654" t="s">
        <v>2996</v>
      </c>
      <c r="N111" s="654" t="s">
        <v>8</v>
      </c>
      <c r="O111" s="654" t="s">
        <v>525</v>
      </c>
      <c r="P111" s="657" t="s">
        <v>53</v>
      </c>
      <c r="Q111" s="654" t="s">
        <v>181</v>
      </c>
      <c r="R111" s="654"/>
      <c r="S111" s="654"/>
      <c r="T111" s="723">
        <v>63872.307692307688</v>
      </c>
      <c r="U111" s="723"/>
      <c r="V111" s="654" t="s">
        <v>64</v>
      </c>
      <c r="W111" s="723">
        <f t="shared" si="140"/>
        <v>0</v>
      </c>
      <c r="X111" s="745">
        <f t="shared" si="141"/>
        <v>63872.307692307688</v>
      </c>
      <c r="Y111" s="723" t="s">
        <v>3106</v>
      </c>
      <c r="Z111" s="723"/>
      <c r="AA111" s="652" t="s">
        <v>82</v>
      </c>
      <c r="AB111" s="893"/>
      <c r="AC111" s="746" t="s">
        <v>66</v>
      </c>
      <c r="AD111" s="746" t="s">
        <v>66</v>
      </c>
      <c r="AE111" s="746" t="s">
        <v>66</v>
      </c>
      <c r="AF111" s="746" t="s">
        <v>66</v>
      </c>
      <c r="AG111" s="746"/>
      <c r="AH111" s="893"/>
      <c r="AI111" s="893"/>
      <c r="AJ111" s="893"/>
      <c r="AK111" s="893"/>
      <c r="AL111" s="893"/>
      <c r="AM111" s="893"/>
      <c r="AN111" s="893"/>
      <c r="AO111" s="893"/>
      <c r="AP111" s="893"/>
      <c r="AQ111" s="893"/>
      <c r="AR111" s="893"/>
      <c r="AS111" s="893"/>
      <c r="AT111" s="893"/>
      <c r="AU111" s="893"/>
      <c r="AV111" s="893"/>
      <c r="AW111" s="893"/>
      <c r="AX111" s="893"/>
      <c r="AY111" s="893"/>
      <c r="AZ111" s="893"/>
      <c r="BA111" s="893"/>
      <c r="BB111" s="893"/>
      <c r="BC111" s="893"/>
      <c r="BD111" s="893"/>
      <c r="BE111" s="893"/>
      <c r="BF111" s="893"/>
      <c r="BG111" s="746"/>
      <c r="BH111" s="746"/>
      <c r="BI111" s="746"/>
      <c r="BJ111" s="746"/>
      <c r="BK111" s="746"/>
      <c r="BL111" s="746"/>
      <c r="BM111" s="746"/>
      <c r="BN111" s="746"/>
      <c r="BO111" s="746"/>
      <c r="BP111" s="746"/>
      <c r="BQ111" s="746"/>
      <c r="BR111" s="746"/>
      <c r="BS111" s="884">
        <f t="shared" si="102"/>
        <v>1500</v>
      </c>
      <c r="BT111" s="661">
        <f t="shared" si="142"/>
        <v>42.581538461538457</v>
      </c>
      <c r="BU111" s="661"/>
      <c r="BV111" s="898" t="str">
        <f t="shared" si="123"/>
        <v/>
      </c>
      <c r="BW111" s="898">
        <f t="shared" si="124"/>
        <v>8516.3076923076915</v>
      </c>
      <c r="BX111" s="898">
        <f t="shared" si="125"/>
        <v>19161.692307692305</v>
      </c>
      <c r="BY111" s="898">
        <f t="shared" si="126"/>
        <v>14903.538461538461</v>
      </c>
      <c r="BZ111" s="898">
        <f t="shared" si="127"/>
        <v>21290.769230769227</v>
      </c>
      <c r="CA111" s="898" t="str">
        <f t="shared" si="128"/>
        <v/>
      </c>
      <c r="CB111" s="898" t="str">
        <f t="shared" si="129"/>
        <v/>
      </c>
      <c r="CC111" s="898" t="str">
        <f t="shared" si="130"/>
        <v/>
      </c>
      <c r="CD111" s="898" t="str">
        <f t="shared" si="131"/>
        <v/>
      </c>
      <c r="CE111" s="898" t="str">
        <f t="shared" si="132"/>
        <v/>
      </c>
      <c r="CF111" s="898" t="str">
        <f t="shared" si="133"/>
        <v/>
      </c>
      <c r="CG111" s="898" t="str">
        <f t="shared" si="134"/>
        <v/>
      </c>
      <c r="CH111" s="898" t="str">
        <f t="shared" si="135"/>
        <v/>
      </c>
      <c r="CI111" s="898" t="str">
        <f t="shared" si="136"/>
        <v/>
      </c>
      <c r="CJ111" s="898" t="str">
        <f t="shared" si="137"/>
        <v/>
      </c>
      <c r="CK111" s="898" t="str">
        <f t="shared" si="138"/>
        <v/>
      </c>
      <c r="CL111" s="898" t="str">
        <f t="shared" si="139"/>
        <v/>
      </c>
      <c r="CM111" s="898" t="str">
        <f t="shared" si="143"/>
        <v/>
      </c>
      <c r="CN111" s="898" t="str">
        <f t="shared" si="144"/>
        <v/>
      </c>
      <c r="CO111" s="898" t="str">
        <f t="shared" si="145"/>
        <v/>
      </c>
      <c r="CP111" s="898" t="str">
        <f t="shared" si="146"/>
        <v/>
      </c>
      <c r="CQ111" s="898" t="str">
        <f t="shared" si="147"/>
        <v/>
      </c>
      <c r="CR111" s="898" t="str">
        <f t="shared" si="148"/>
        <v/>
      </c>
      <c r="CS111" s="898" t="str">
        <f t="shared" si="149"/>
        <v/>
      </c>
      <c r="CT111" s="898" t="str">
        <f t="shared" si="150"/>
        <v/>
      </c>
      <c r="CU111" s="898" t="str">
        <f t="shared" si="151"/>
        <v/>
      </c>
      <c r="CV111" s="898" t="str">
        <f t="shared" si="152"/>
        <v/>
      </c>
      <c r="CW111" s="898" t="str">
        <f t="shared" si="153"/>
        <v/>
      </c>
      <c r="CX111" s="898" t="str">
        <f t="shared" si="154"/>
        <v/>
      </c>
      <c r="CY111" s="898" t="str">
        <f t="shared" si="155"/>
        <v/>
      </c>
      <c r="CZ111" s="898" t="str">
        <f t="shared" si="156"/>
        <v/>
      </c>
      <c r="DA111" s="898"/>
      <c r="DB111" s="898"/>
      <c r="DC111" s="898"/>
      <c r="DD111" s="898"/>
      <c r="DE111" s="898"/>
      <c r="DF111" s="898"/>
      <c r="DG111" s="898"/>
      <c r="DH111" s="898"/>
      <c r="DI111" s="898"/>
      <c r="DJ111" s="898"/>
      <c r="DK111" s="898"/>
      <c r="DL111" s="898"/>
      <c r="DM111" s="661">
        <f t="shared" si="104"/>
        <v>63872.307692307681</v>
      </c>
      <c r="DN111" s="898">
        <f t="shared" si="105"/>
        <v>0</v>
      </c>
      <c r="DO111" s="516">
        <f t="shared" si="106"/>
        <v>0</v>
      </c>
      <c r="DP111" s="898">
        <f t="shared" si="107"/>
        <v>0</v>
      </c>
      <c r="DQ111" s="483" t="s">
        <v>3101</v>
      </c>
      <c r="DR111" s="483" t="s">
        <v>3668</v>
      </c>
      <c r="DS111" s="483" t="s">
        <v>3098</v>
      </c>
      <c r="DT111" s="632"/>
    </row>
    <row r="112" spans="1:124" s="613" customFormat="1" ht="99.75" x14ac:dyDescent="0.2">
      <c r="A112" s="484" t="str">
        <f t="shared" si="101"/>
        <v>1 Multi-Use Games Area (MUGA), in Hemel Hempstead Station Gateway (Hm08)</v>
      </c>
      <c r="B112" s="1163">
        <v>109</v>
      </c>
      <c r="C112" s="481" t="s">
        <v>3673</v>
      </c>
      <c r="D112" s="481" t="s">
        <v>2481</v>
      </c>
      <c r="E112" s="481" t="s">
        <v>53</v>
      </c>
      <c r="F112" s="481" t="s">
        <v>515</v>
      </c>
      <c r="G112" s="654" t="s">
        <v>1335</v>
      </c>
      <c r="H112" s="78" t="s">
        <v>3674</v>
      </c>
      <c r="I112" s="654"/>
      <c r="J112" s="78" t="s">
        <v>3675</v>
      </c>
      <c r="K112" s="654" t="s">
        <v>3104</v>
      </c>
      <c r="L112" s="657" t="s">
        <v>3409</v>
      </c>
      <c r="M112" s="654" t="s">
        <v>2996</v>
      </c>
      <c r="N112" s="654" t="s">
        <v>8</v>
      </c>
      <c r="O112" s="654" t="s">
        <v>525</v>
      </c>
      <c r="P112" s="657" t="s">
        <v>53</v>
      </c>
      <c r="Q112" s="654" t="s">
        <v>382</v>
      </c>
      <c r="R112" s="654"/>
      <c r="S112" s="654"/>
      <c r="T112" s="723">
        <v>82715.862068965522</v>
      </c>
      <c r="U112" s="723"/>
      <c r="V112" s="654" t="s">
        <v>64</v>
      </c>
      <c r="W112" s="723">
        <f t="shared" si="140"/>
        <v>0</v>
      </c>
      <c r="X112" s="745">
        <f t="shared" si="141"/>
        <v>82715.862068965522</v>
      </c>
      <c r="Y112" s="723" t="s">
        <v>3106</v>
      </c>
      <c r="Z112" s="723"/>
      <c r="AA112" s="652" t="s">
        <v>82</v>
      </c>
      <c r="AB112" s="893"/>
      <c r="AC112" s="893"/>
      <c r="AD112" s="893"/>
      <c r="AE112" s="893"/>
      <c r="AF112" s="893"/>
      <c r="AG112" s="746" t="s">
        <v>66</v>
      </c>
      <c r="AH112" s="893"/>
      <c r="AI112" s="746" t="s">
        <v>66</v>
      </c>
      <c r="AJ112" s="893"/>
      <c r="AK112" s="893"/>
      <c r="AL112" s="893"/>
      <c r="AM112" s="893"/>
      <c r="AN112" s="893"/>
      <c r="AO112" s="893"/>
      <c r="AP112" s="893"/>
      <c r="AQ112" s="893"/>
      <c r="AR112" s="893"/>
      <c r="AS112" s="893"/>
      <c r="AT112" s="893"/>
      <c r="AU112" s="893"/>
      <c r="AV112" s="893"/>
      <c r="AW112" s="893"/>
      <c r="AX112" s="893"/>
      <c r="AY112" s="893"/>
      <c r="AZ112" s="893"/>
      <c r="BA112" s="893"/>
      <c r="BB112" s="893"/>
      <c r="BC112" s="893"/>
      <c r="BD112" s="893"/>
      <c r="BE112" s="893"/>
      <c r="BF112" s="893"/>
      <c r="BG112" s="746"/>
      <c r="BH112" s="746"/>
      <c r="BI112" s="746"/>
      <c r="BJ112" s="746"/>
      <c r="BK112" s="746"/>
      <c r="BL112" s="746"/>
      <c r="BM112" s="746"/>
      <c r="BN112" s="746"/>
      <c r="BO112" s="746"/>
      <c r="BP112" s="746"/>
      <c r="BQ112" s="746"/>
      <c r="BR112" s="746"/>
      <c r="BS112" s="884">
        <f t="shared" si="102"/>
        <v>870</v>
      </c>
      <c r="BT112" s="661">
        <f t="shared" si="142"/>
        <v>95.07570352754658</v>
      </c>
      <c r="BU112" s="661"/>
      <c r="BV112" s="898" t="str">
        <f t="shared" si="123"/>
        <v/>
      </c>
      <c r="BW112" s="898" t="str">
        <f t="shared" si="124"/>
        <v/>
      </c>
      <c r="BX112" s="898" t="str">
        <f t="shared" si="125"/>
        <v/>
      </c>
      <c r="BY112" s="898" t="str">
        <f t="shared" si="126"/>
        <v/>
      </c>
      <c r="BZ112" s="898" t="str">
        <f t="shared" si="127"/>
        <v/>
      </c>
      <c r="CA112" s="898">
        <f t="shared" si="128"/>
        <v>45636.337693222362</v>
      </c>
      <c r="CB112" s="898" t="str">
        <f t="shared" si="129"/>
        <v/>
      </c>
      <c r="CC112" s="898">
        <f t="shared" si="130"/>
        <v>37079.524375743167</v>
      </c>
      <c r="CD112" s="898" t="str">
        <f t="shared" si="131"/>
        <v/>
      </c>
      <c r="CE112" s="898" t="str">
        <f t="shared" si="132"/>
        <v/>
      </c>
      <c r="CF112" s="898" t="str">
        <f t="shared" si="133"/>
        <v/>
      </c>
      <c r="CG112" s="898" t="str">
        <f t="shared" si="134"/>
        <v/>
      </c>
      <c r="CH112" s="898" t="str">
        <f t="shared" si="135"/>
        <v/>
      </c>
      <c r="CI112" s="898" t="str">
        <f t="shared" si="136"/>
        <v/>
      </c>
      <c r="CJ112" s="898" t="str">
        <f t="shared" si="137"/>
        <v/>
      </c>
      <c r="CK112" s="898" t="str">
        <f t="shared" si="138"/>
        <v/>
      </c>
      <c r="CL112" s="898" t="str">
        <f t="shared" si="139"/>
        <v/>
      </c>
      <c r="CM112" s="898" t="str">
        <f t="shared" si="143"/>
        <v/>
      </c>
      <c r="CN112" s="898" t="str">
        <f t="shared" si="144"/>
        <v/>
      </c>
      <c r="CO112" s="898" t="str">
        <f t="shared" si="145"/>
        <v/>
      </c>
      <c r="CP112" s="898" t="str">
        <f t="shared" si="146"/>
        <v/>
      </c>
      <c r="CQ112" s="898" t="str">
        <f t="shared" si="147"/>
        <v/>
      </c>
      <c r="CR112" s="898" t="str">
        <f t="shared" si="148"/>
        <v/>
      </c>
      <c r="CS112" s="898" t="str">
        <f t="shared" si="149"/>
        <v/>
      </c>
      <c r="CT112" s="898" t="str">
        <f t="shared" si="150"/>
        <v/>
      </c>
      <c r="CU112" s="898" t="str">
        <f t="shared" si="151"/>
        <v/>
      </c>
      <c r="CV112" s="898" t="str">
        <f t="shared" si="152"/>
        <v/>
      </c>
      <c r="CW112" s="898" t="str">
        <f t="shared" si="153"/>
        <v/>
      </c>
      <c r="CX112" s="898" t="str">
        <f t="shared" si="154"/>
        <v/>
      </c>
      <c r="CY112" s="898" t="str">
        <f t="shared" si="155"/>
        <v/>
      </c>
      <c r="CZ112" s="898" t="str">
        <f t="shared" si="156"/>
        <v/>
      </c>
      <c r="DA112" s="898"/>
      <c r="DB112" s="898"/>
      <c r="DC112" s="898"/>
      <c r="DD112" s="898"/>
      <c r="DE112" s="898"/>
      <c r="DF112" s="898"/>
      <c r="DG112" s="898"/>
      <c r="DH112" s="898"/>
      <c r="DI112" s="898"/>
      <c r="DJ112" s="898"/>
      <c r="DK112" s="898"/>
      <c r="DL112" s="898"/>
      <c r="DM112" s="661">
        <f t="shared" si="104"/>
        <v>82715.862068965536</v>
      </c>
      <c r="DN112" s="898">
        <f t="shared" si="105"/>
        <v>0</v>
      </c>
      <c r="DO112" s="516">
        <f t="shared" si="106"/>
        <v>0</v>
      </c>
      <c r="DP112" s="898">
        <f t="shared" si="107"/>
        <v>0</v>
      </c>
      <c r="DQ112" s="483" t="s">
        <v>3101</v>
      </c>
      <c r="DR112" s="483" t="s">
        <v>3668</v>
      </c>
      <c r="DS112" s="483" t="s">
        <v>3098</v>
      </c>
      <c r="DT112" s="632"/>
    </row>
    <row r="113" spans="1:124" s="733" customFormat="1" ht="99.75" x14ac:dyDescent="0.2">
      <c r="A113" s="484" t="str">
        <f t="shared" si="101"/>
        <v>1 Multi-Use Games Area (MUGA), in Shendish Manor and Fairfields (Hm11)</v>
      </c>
      <c r="B113" s="1163">
        <v>110</v>
      </c>
      <c r="C113" s="481" t="s">
        <v>3676</v>
      </c>
      <c r="D113" s="481" t="s">
        <v>2481</v>
      </c>
      <c r="E113" s="481" t="s">
        <v>53</v>
      </c>
      <c r="F113" s="481" t="s">
        <v>515</v>
      </c>
      <c r="G113" s="654" t="s">
        <v>1335</v>
      </c>
      <c r="H113" s="78" t="s">
        <v>3677</v>
      </c>
      <c r="I113" s="654"/>
      <c r="J113" s="78" t="s">
        <v>3677</v>
      </c>
      <c r="K113" s="654" t="s">
        <v>3104</v>
      </c>
      <c r="L113" s="657" t="s">
        <v>1369</v>
      </c>
      <c r="M113" s="654" t="s">
        <v>2996</v>
      </c>
      <c r="N113" s="897" t="s">
        <v>60</v>
      </c>
      <c r="O113" s="654" t="s">
        <v>525</v>
      </c>
      <c r="P113" s="657" t="s">
        <v>53</v>
      </c>
      <c r="Q113" s="654" t="s">
        <v>382</v>
      </c>
      <c r="R113" s="654"/>
      <c r="S113" s="654"/>
      <c r="T113" s="723">
        <v>92260</v>
      </c>
      <c r="U113" s="723"/>
      <c r="V113" s="654" t="s">
        <v>64</v>
      </c>
      <c r="W113" s="723">
        <f t="shared" si="140"/>
        <v>0</v>
      </c>
      <c r="X113" s="745">
        <f t="shared" si="141"/>
        <v>92260</v>
      </c>
      <c r="Y113" s="723" t="s">
        <v>3106</v>
      </c>
      <c r="Z113" s="723"/>
      <c r="AA113" s="652" t="s">
        <v>82</v>
      </c>
      <c r="AB113" s="893"/>
      <c r="AC113" s="893"/>
      <c r="AD113" s="893"/>
      <c r="AE113" s="893"/>
      <c r="AF113" s="893"/>
      <c r="AG113" s="746"/>
      <c r="AH113" s="893"/>
      <c r="AI113" s="893"/>
      <c r="AJ113" s="893"/>
      <c r="AK113" s="746" t="s">
        <v>66</v>
      </c>
      <c r="AL113" s="893"/>
      <c r="AM113" s="893"/>
      <c r="AN113" s="893"/>
      <c r="AO113" s="893"/>
      <c r="AP113" s="893"/>
      <c r="AQ113" s="893"/>
      <c r="AR113" s="893"/>
      <c r="AS113" s="893"/>
      <c r="AT113" s="893"/>
      <c r="AU113" s="893"/>
      <c r="AV113" s="893"/>
      <c r="AW113" s="893"/>
      <c r="AX113" s="893"/>
      <c r="AY113" s="893"/>
      <c r="AZ113" s="893"/>
      <c r="BA113" s="893"/>
      <c r="BB113" s="893"/>
      <c r="BC113" s="893"/>
      <c r="BD113" s="893"/>
      <c r="BE113" s="893"/>
      <c r="BF113" s="893"/>
      <c r="BG113" s="746"/>
      <c r="BH113" s="746"/>
      <c r="BI113" s="746"/>
      <c r="BJ113" s="746"/>
      <c r="BK113" s="746"/>
      <c r="BL113" s="746"/>
      <c r="BM113" s="746"/>
      <c r="BN113" s="746"/>
      <c r="BO113" s="746"/>
      <c r="BP113" s="746"/>
      <c r="BQ113" s="746"/>
      <c r="BR113" s="746"/>
      <c r="BS113" s="884">
        <f t="shared" si="102"/>
        <v>500</v>
      </c>
      <c r="BT113" s="661">
        <f t="shared" si="142"/>
        <v>184.52</v>
      </c>
      <c r="BU113" s="661"/>
      <c r="BV113" s="898" t="str">
        <f t="shared" si="123"/>
        <v/>
      </c>
      <c r="BW113" s="898" t="str">
        <f t="shared" si="124"/>
        <v/>
      </c>
      <c r="BX113" s="898" t="str">
        <f t="shared" si="125"/>
        <v/>
      </c>
      <c r="BY113" s="898" t="str">
        <f t="shared" si="126"/>
        <v/>
      </c>
      <c r="BZ113" s="898" t="str">
        <f t="shared" si="127"/>
        <v/>
      </c>
      <c r="CA113" s="898" t="str">
        <f t="shared" si="128"/>
        <v/>
      </c>
      <c r="CB113" s="898" t="str">
        <f t="shared" si="129"/>
        <v/>
      </c>
      <c r="CC113" s="898" t="str">
        <f t="shared" si="130"/>
        <v/>
      </c>
      <c r="CD113" s="898" t="str">
        <f t="shared" si="131"/>
        <v/>
      </c>
      <c r="CE113" s="898">
        <f t="shared" si="132"/>
        <v>92260</v>
      </c>
      <c r="CF113" s="898" t="str">
        <f t="shared" si="133"/>
        <v/>
      </c>
      <c r="CG113" s="898" t="str">
        <f t="shared" si="134"/>
        <v/>
      </c>
      <c r="CH113" s="898" t="str">
        <f t="shared" si="135"/>
        <v/>
      </c>
      <c r="CI113" s="898" t="str">
        <f t="shared" si="136"/>
        <v/>
      </c>
      <c r="CJ113" s="898" t="str">
        <f t="shared" si="137"/>
        <v/>
      </c>
      <c r="CK113" s="898" t="str">
        <f t="shared" si="138"/>
        <v/>
      </c>
      <c r="CL113" s="898" t="str">
        <f t="shared" si="139"/>
        <v/>
      </c>
      <c r="CM113" s="898" t="str">
        <f t="shared" si="143"/>
        <v/>
      </c>
      <c r="CN113" s="898" t="str">
        <f t="shared" si="144"/>
        <v/>
      </c>
      <c r="CO113" s="898" t="str">
        <f t="shared" si="145"/>
        <v/>
      </c>
      <c r="CP113" s="898" t="str">
        <f t="shared" si="146"/>
        <v/>
      </c>
      <c r="CQ113" s="898" t="str">
        <f t="shared" si="147"/>
        <v/>
      </c>
      <c r="CR113" s="898" t="str">
        <f t="shared" si="148"/>
        <v/>
      </c>
      <c r="CS113" s="898" t="str">
        <f t="shared" si="149"/>
        <v/>
      </c>
      <c r="CT113" s="898" t="str">
        <f t="shared" si="150"/>
        <v/>
      </c>
      <c r="CU113" s="898" t="str">
        <f t="shared" si="151"/>
        <v/>
      </c>
      <c r="CV113" s="898" t="str">
        <f t="shared" si="152"/>
        <v/>
      </c>
      <c r="CW113" s="898" t="str">
        <f t="shared" si="153"/>
        <v/>
      </c>
      <c r="CX113" s="898" t="str">
        <f t="shared" si="154"/>
        <v/>
      </c>
      <c r="CY113" s="898" t="str">
        <f t="shared" si="155"/>
        <v/>
      </c>
      <c r="CZ113" s="898" t="str">
        <f t="shared" si="156"/>
        <v/>
      </c>
      <c r="DA113" s="898"/>
      <c r="DB113" s="898"/>
      <c r="DC113" s="898"/>
      <c r="DD113" s="898"/>
      <c r="DE113" s="898"/>
      <c r="DF113" s="898"/>
      <c r="DG113" s="898"/>
      <c r="DH113" s="898"/>
      <c r="DI113" s="898"/>
      <c r="DJ113" s="898"/>
      <c r="DK113" s="898"/>
      <c r="DL113" s="898"/>
      <c r="DM113" s="661">
        <f t="shared" si="104"/>
        <v>92260</v>
      </c>
      <c r="DN113" s="898">
        <f t="shared" si="105"/>
        <v>0</v>
      </c>
      <c r="DO113" s="516">
        <f t="shared" si="106"/>
        <v>0</v>
      </c>
      <c r="DP113" s="898">
        <f t="shared" si="107"/>
        <v>0</v>
      </c>
      <c r="DQ113" s="483" t="s">
        <v>3101</v>
      </c>
      <c r="DR113" s="483" t="s">
        <v>3668</v>
      </c>
      <c r="DS113" s="483" t="s">
        <v>3098</v>
      </c>
      <c r="DT113" s="632"/>
    </row>
    <row r="114" spans="1:124" s="733" customFormat="1" ht="99.75" x14ac:dyDescent="0.2">
      <c r="A114" s="484" t="str">
        <f t="shared" si="101"/>
        <v>1 Multi-Use Games Area (MUGA), in Plots 2/3 Kier Park, Maylands Avenue (Hm12)</v>
      </c>
      <c r="B114" s="1163">
        <v>111</v>
      </c>
      <c r="C114" s="481" t="s">
        <v>3678</v>
      </c>
      <c r="D114" s="481" t="s">
        <v>2481</v>
      </c>
      <c r="E114" s="481" t="s">
        <v>53</v>
      </c>
      <c r="F114" s="481" t="s">
        <v>515</v>
      </c>
      <c r="G114" s="654" t="s">
        <v>1335</v>
      </c>
      <c r="H114" s="78" t="s">
        <v>3679</v>
      </c>
      <c r="I114" s="654"/>
      <c r="J114" s="78" t="s">
        <v>3680</v>
      </c>
      <c r="K114" s="654" t="s">
        <v>3104</v>
      </c>
      <c r="L114" s="657" t="s">
        <v>1371</v>
      </c>
      <c r="M114" s="654" t="s">
        <v>2996</v>
      </c>
      <c r="N114" s="897" t="s">
        <v>60</v>
      </c>
      <c r="O114" s="654" t="s">
        <v>525</v>
      </c>
      <c r="P114" s="657" t="s">
        <v>53</v>
      </c>
      <c r="Q114" s="654" t="s">
        <v>570</v>
      </c>
      <c r="R114" s="654"/>
      <c r="S114" s="654"/>
      <c r="T114" s="723">
        <v>184520</v>
      </c>
      <c r="U114" s="723"/>
      <c r="V114" s="654" t="s">
        <v>64</v>
      </c>
      <c r="W114" s="723">
        <f t="shared" si="140"/>
        <v>0</v>
      </c>
      <c r="X114" s="745">
        <f t="shared" si="141"/>
        <v>184520</v>
      </c>
      <c r="Y114" s="723" t="s">
        <v>3106</v>
      </c>
      <c r="Z114" s="723"/>
      <c r="AA114" s="652" t="s">
        <v>82</v>
      </c>
      <c r="AB114" s="893"/>
      <c r="AC114" s="893"/>
      <c r="AD114" s="893"/>
      <c r="AE114" s="893"/>
      <c r="AF114" s="893"/>
      <c r="AG114" s="746"/>
      <c r="AH114" s="893"/>
      <c r="AI114" s="893"/>
      <c r="AJ114" s="893"/>
      <c r="AK114" s="893"/>
      <c r="AL114" s="893"/>
      <c r="AM114" s="893"/>
      <c r="AN114" s="746" t="s">
        <v>66</v>
      </c>
      <c r="AO114" s="893"/>
      <c r="AP114" s="893"/>
      <c r="AQ114" s="893"/>
      <c r="AR114" s="893"/>
      <c r="AS114" s="893"/>
      <c r="AT114" s="893"/>
      <c r="AU114" s="893"/>
      <c r="AV114" s="893"/>
      <c r="AW114" s="893"/>
      <c r="AX114" s="893"/>
      <c r="AY114" s="893"/>
      <c r="AZ114" s="893"/>
      <c r="BA114" s="893"/>
      <c r="BB114" s="893"/>
      <c r="BC114" s="893"/>
      <c r="BD114" s="893"/>
      <c r="BE114" s="893"/>
      <c r="BF114" s="893"/>
      <c r="BG114" s="746"/>
      <c r="BH114" s="746"/>
      <c r="BI114" s="746"/>
      <c r="BJ114" s="746"/>
      <c r="BK114" s="746"/>
      <c r="BL114" s="746"/>
      <c r="BM114" s="746"/>
      <c r="BN114" s="746"/>
      <c r="BO114" s="746"/>
      <c r="BP114" s="746"/>
      <c r="BQ114" s="746"/>
      <c r="BR114" s="746"/>
      <c r="BS114" s="884">
        <f t="shared" si="102"/>
        <v>234</v>
      </c>
      <c r="BT114" s="661">
        <f t="shared" si="142"/>
        <v>788.54700854700855</v>
      </c>
      <c r="BU114" s="661"/>
      <c r="BV114" s="898" t="str">
        <f t="shared" si="123"/>
        <v/>
      </c>
      <c r="BW114" s="898" t="str">
        <f t="shared" si="124"/>
        <v/>
      </c>
      <c r="BX114" s="898" t="str">
        <f t="shared" si="125"/>
        <v/>
      </c>
      <c r="BY114" s="898" t="str">
        <f t="shared" si="126"/>
        <v/>
      </c>
      <c r="BZ114" s="898" t="str">
        <f t="shared" si="127"/>
        <v/>
      </c>
      <c r="CA114" s="898" t="str">
        <f t="shared" si="128"/>
        <v/>
      </c>
      <c r="CB114" s="898" t="str">
        <f t="shared" si="129"/>
        <v/>
      </c>
      <c r="CC114" s="898" t="str">
        <f t="shared" si="130"/>
        <v/>
      </c>
      <c r="CD114" s="898" t="str">
        <f t="shared" si="131"/>
        <v/>
      </c>
      <c r="CE114" s="898" t="str">
        <f t="shared" si="132"/>
        <v/>
      </c>
      <c r="CF114" s="898" t="str">
        <f t="shared" si="133"/>
        <v/>
      </c>
      <c r="CG114" s="898" t="str">
        <f t="shared" si="134"/>
        <v/>
      </c>
      <c r="CH114" s="898">
        <f t="shared" si="135"/>
        <v>184520</v>
      </c>
      <c r="CI114" s="898" t="str">
        <f t="shared" si="136"/>
        <v/>
      </c>
      <c r="CJ114" s="898" t="str">
        <f t="shared" si="137"/>
        <v/>
      </c>
      <c r="CK114" s="898" t="str">
        <f t="shared" si="138"/>
        <v/>
      </c>
      <c r="CL114" s="898" t="str">
        <f t="shared" si="139"/>
        <v/>
      </c>
      <c r="CM114" s="898" t="str">
        <f t="shared" si="143"/>
        <v/>
      </c>
      <c r="CN114" s="898" t="str">
        <f t="shared" si="144"/>
        <v/>
      </c>
      <c r="CO114" s="898" t="str">
        <f t="shared" si="145"/>
        <v/>
      </c>
      <c r="CP114" s="898" t="str">
        <f t="shared" si="146"/>
        <v/>
      </c>
      <c r="CQ114" s="898" t="str">
        <f t="shared" si="147"/>
        <v/>
      </c>
      <c r="CR114" s="898" t="str">
        <f t="shared" si="148"/>
        <v/>
      </c>
      <c r="CS114" s="898" t="str">
        <f t="shared" si="149"/>
        <v/>
      </c>
      <c r="CT114" s="898" t="str">
        <f t="shared" si="150"/>
        <v/>
      </c>
      <c r="CU114" s="898" t="str">
        <f t="shared" si="151"/>
        <v/>
      </c>
      <c r="CV114" s="898" t="str">
        <f t="shared" si="152"/>
        <v/>
      </c>
      <c r="CW114" s="898" t="str">
        <f t="shared" si="153"/>
        <v/>
      </c>
      <c r="CX114" s="898" t="str">
        <f t="shared" si="154"/>
        <v/>
      </c>
      <c r="CY114" s="898" t="str">
        <f t="shared" si="155"/>
        <v/>
      </c>
      <c r="CZ114" s="898" t="str">
        <f t="shared" si="156"/>
        <v/>
      </c>
      <c r="DA114" s="898"/>
      <c r="DB114" s="898"/>
      <c r="DC114" s="898"/>
      <c r="DD114" s="898"/>
      <c r="DE114" s="898"/>
      <c r="DF114" s="898"/>
      <c r="DG114" s="898"/>
      <c r="DH114" s="898"/>
      <c r="DI114" s="898"/>
      <c r="DJ114" s="898"/>
      <c r="DK114" s="898"/>
      <c r="DL114" s="898"/>
      <c r="DM114" s="661">
        <f t="shared" si="104"/>
        <v>184520</v>
      </c>
      <c r="DN114" s="898">
        <f t="shared" si="105"/>
        <v>0</v>
      </c>
      <c r="DO114" s="516">
        <f t="shared" si="106"/>
        <v>0</v>
      </c>
      <c r="DP114" s="898">
        <f t="shared" si="107"/>
        <v>0</v>
      </c>
      <c r="DQ114" s="483" t="s">
        <v>3101</v>
      </c>
      <c r="DR114" s="483" t="s">
        <v>3668</v>
      </c>
      <c r="DS114" s="483" t="s">
        <v>3098</v>
      </c>
      <c r="DT114" s="632"/>
    </row>
    <row r="115" spans="1:124" s="613" customFormat="1" ht="99.75" x14ac:dyDescent="0.2">
      <c r="A115" s="484" t="str">
        <f t="shared" si="101"/>
        <v xml:space="preserve">2 Multi-Use Games Areas (MUGA), delivered by Polehanger Lane (Hm13) </v>
      </c>
      <c r="B115" s="1163">
        <v>112</v>
      </c>
      <c r="C115" s="481" t="s">
        <v>3681</v>
      </c>
      <c r="D115" s="481" t="s">
        <v>2481</v>
      </c>
      <c r="E115" s="481" t="s">
        <v>53</v>
      </c>
      <c r="F115" s="481" t="s">
        <v>515</v>
      </c>
      <c r="G115" s="654" t="s">
        <v>1335</v>
      </c>
      <c r="H115" s="78" t="s">
        <v>3682</v>
      </c>
      <c r="I115" s="654"/>
      <c r="J115" s="78" t="s">
        <v>3683</v>
      </c>
      <c r="K115" s="654" t="s">
        <v>3104</v>
      </c>
      <c r="L115" s="657" t="s">
        <v>3590</v>
      </c>
      <c r="M115" s="654" t="s">
        <v>2996</v>
      </c>
      <c r="N115" s="897" t="s">
        <v>60</v>
      </c>
      <c r="O115" s="654" t="s">
        <v>525</v>
      </c>
      <c r="P115" s="657" t="s">
        <v>53</v>
      </c>
      <c r="Q115" s="654" t="s">
        <v>390</v>
      </c>
      <c r="R115" s="654"/>
      <c r="S115" s="654"/>
      <c r="T115" s="723">
        <v>369040</v>
      </c>
      <c r="U115" s="723"/>
      <c r="V115" s="654" t="s">
        <v>64</v>
      </c>
      <c r="W115" s="723">
        <f t="shared" si="140"/>
        <v>0</v>
      </c>
      <c r="X115" s="745">
        <f t="shared" si="141"/>
        <v>369040</v>
      </c>
      <c r="Y115" s="723" t="s">
        <v>3106</v>
      </c>
      <c r="Z115" s="723"/>
      <c r="AA115" s="652" t="s">
        <v>82</v>
      </c>
      <c r="AB115" s="893"/>
      <c r="AC115" s="893"/>
      <c r="AD115" s="893"/>
      <c r="AE115" s="893"/>
      <c r="AF115" s="893"/>
      <c r="AG115" s="746"/>
      <c r="AH115" s="893"/>
      <c r="AI115" s="893"/>
      <c r="AJ115" s="893"/>
      <c r="AK115" s="893"/>
      <c r="AL115" s="746" t="s">
        <v>66</v>
      </c>
      <c r="AM115" s="893"/>
      <c r="AN115" s="893"/>
      <c r="AO115" s="893"/>
      <c r="AP115" s="893"/>
      <c r="AQ115" s="893"/>
      <c r="AR115" s="893"/>
      <c r="AS115" s="893"/>
      <c r="AT115" s="893"/>
      <c r="AU115" s="893"/>
      <c r="AV115" s="893"/>
      <c r="AW115" s="893"/>
      <c r="AX115" s="893"/>
      <c r="AY115" s="893"/>
      <c r="AZ115" s="893"/>
      <c r="BA115" s="893"/>
      <c r="BB115" s="893"/>
      <c r="BC115" s="893"/>
      <c r="BD115" s="893"/>
      <c r="BE115" s="893"/>
      <c r="BF115" s="893"/>
      <c r="BG115" s="746"/>
      <c r="BH115" s="746"/>
      <c r="BI115" s="746"/>
      <c r="BJ115" s="746"/>
      <c r="BK115" s="746"/>
      <c r="BL115" s="746"/>
      <c r="BM115" s="746"/>
      <c r="BN115" s="746"/>
      <c r="BO115" s="746"/>
      <c r="BP115" s="746"/>
      <c r="BQ115" s="746"/>
      <c r="BR115" s="746"/>
      <c r="BS115" s="884">
        <f t="shared" si="102"/>
        <v>750</v>
      </c>
      <c r="BT115" s="661">
        <f t="shared" si="142"/>
        <v>492.05333333333334</v>
      </c>
      <c r="BU115" s="661"/>
      <c r="BV115" s="898" t="str">
        <f t="shared" si="123"/>
        <v/>
      </c>
      <c r="BW115" s="898" t="str">
        <f t="shared" si="124"/>
        <v/>
      </c>
      <c r="BX115" s="898" t="str">
        <f t="shared" si="125"/>
        <v/>
      </c>
      <c r="BY115" s="898" t="str">
        <f t="shared" si="126"/>
        <v/>
      </c>
      <c r="BZ115" s="898" t="str">
        <f t="shared" si="127"/>
        <v/>
      </c>
      <c r="CA115" s="898" t="str">
        <f t="shared" si="128"/>
        <v/>
      </c>
      <c r="CB115" s="898" t="str">
        <f t="shared" si="129"/>
        <v/>
      </c>
      <c r="CC115" s="898" t="str">
        <f t="shared" si="130"/>
        <v/>
      </c>
      <c r="CD115" s="898" t="str">
        <f t="shared" si="131"/>
        <v/>
      </c>
      <c r="CE115" s="898" t="str">
        <f t="shared" si="132"/>
        <v/>
      </c>
      <c r="CF115" s="898">
        <f t="shared" si="133"/>
        <v>369040</v>
      </c>
      <c r="CG115" s="898" t="str">
        <f t="shared" si="134"/>
        <v/>
      </c>
      <c r="CH115" s="898" t="str">
        <f t="shared" si="135"/>
        <v/>
      </c>
      <c r="CI115" s="898" t="str">
        <f t="shared" si="136"/>
        <v/>
      </c>
      <c r="CJ115" s="898" t="str">
        <f t="shared" si="137"/>
        <v/>
      </c>
      <c r="CK115" s="898" t="str">
        <f t="shared" si="138"/>
        <v/>
      </c>
      <c r="CL115" s="898" t="str">
        <f t="shared" si="139"/>
        <v/>
      </c>
      <c r="CM115" s="898" t="str">
        <f t="shared" si="143"/>
        <v/>
      </c>
      <c r="CN115" s="898" t="str">
        <f t="shared" si="144"/>
        <v/>
      </c>
      <c r="CO115" s="898" t="str">
        <f t="shared" si="145"/>
        <v/>
      </c>
      <c r="CP115" s="898" t="str">
        <f t="shared" si="146"/>
        <v/>
      </c>
      <c r="CQ115" s="898" t="str">
        <f t="shared" si="147"/>
        <v/>
      </c>
      <c r="CR115" s="898" t="str">
        <f t="shared" si="148"/>
        <v/>
      </c>
      <c r="CS115" s="898" t="str">
        <f t="shared" si="149"/>
        <v/>
      </c>
      <c r="CT115" s="898" t="str">
        <f t="shared" si="150"/>
        <v/>
      </c>
      <c r="CU115" s="898" t="str">
        <f t="shared" si="151"/>
        <v/>
      </c>
      <c r="CV115" s="898" t="str">
        <f t="shared" si="152"/>
        <v/>
      </c>
      <c r="CW115" s="898" t="str">
        <f t="shared" si="153"/>
        <v/>
      </c>
      <c r="CX115" s="898" t="str">
        <f t="shared" si="154"/>
        <v/>
      </c>
      <c r="CY115" s="898" t="str">
        <f t="shared" si="155"/>
        <v/>
      </c>
      <c r="CZ115" s="898" t="str">
        <f t="shared" si="156"/>
        <v/>
      </c>
      <c r="DA115" s="898"/>
      <c r="DB115" s="898"/>
      <c r="DC115" s="898"/>
      <c r="DD115" s="898"/>
      <c r="DE115" s="898"/>
      <c r="DF115" s="898"/>
      <c r="DG115" s="898"/>
      <c r="DH115" s="898"/>
      <c r="DI115" s="898"/>
      <c r="DJ115" s="898"/>
      <c r="DK115" s="898"/>
      <c r="DL115" s="898"/>
      <c r="DM115" s="661">
        <f t="shared" si="104"/>
        <v>369040</v>
      </c>
      <c r="DN115" s="898">
        <f t="shared" si="105"/>
        <v>0</v>
      </c>
      <c r="DO115" s="516">
        <f t="shared" si="106"/>
        <v>0</v>
      </c>
      <c r="DP115" s="898">
        <f t="shared" si="107"/>
        <v>0</v>
      </c>
      <c r="DQ115" s="483" t="s">
        <v>3101</v>
      </c>
      <c r="DR115" s="483" t="s">
        <v>3668</v>
      </c>
      <c r="DS115" s="483" t="s">
        <v>3098</v>
      </c>
      <c r="DT115" s="632"/>
    </row>
    <row r="116" spans="1:124" s="613" customFormat="1" ht="99.75" x14ac:dyDescent="0.2">
      <c r="A116" s="484" t="str">
        <f t="shared" si="101"/>
        <v>1 Multi-Use Games Area (MUGA), delivered by Marchmont Farm (Hm14)</v>
      </c>
      <c r="B116" s="1163">
        <v>113</v>
      </c>
      <c r="C116" s="481" t="s">
        <v>3684</v>
      </c>
      <c r="D116" s="481" t="s">
        <v>2481</v>
      </c>
      <c r="E116" s="481" t="s">
        <v>53</v>
      </c>
      <c r="F116" s="481" t="s">
        <v>515</v>
      </c>
      <c r="G116" s="654" t="s">
        <v>1335</v>
      </c>
      <c r="H116" s="78" t="s">
        <v>3685</v>
      </c>
      <c r="I116" s="654"/>
      <c r="J116" s="78" t="s">
        <v>3686</v>
      </c>
      <c r="K116" s="654" t="s">
        <v>3104</v>
      </c>
      <c r="L116" s="657" t="s">
        <v>2609</v>
      </c>
      <c r="M116" s="654" t="s">
        <v>2996</v>
      </c>
      <c r="N116" s="897" t="s">
        <v>60</v>
      </c>
      <c r="O116" s="654" t="s">
        <v>525</v>
      </c>
      <c r="P116" s="657" t="s">
        <v>53</v>
      </c>
      <c r="Q116" s="654" t="s">
        <v>187</v>
      </c>
      <c r="R116" s="654"/>
      <c r="S116" s="654"/>
      <c r="T116" s="723">
        <v>184520</v>
      </c>
      <c r="U116" s="723"/>
      <c r="V116" s="654" t="s">
        <v>64</v>
      </c>
      <c r="W116" s="723">
        <f t="shared" si="140"/>
        <v>0</v>
      </c>
      <c r="X116" s="745">
        <f t="shared" si="141"/>
        <v>184520</v>
      </c>
      <c r="Y116" s="723" t="s">
        <v>3106</v>
      </c>
      <c r="Z116" s="723"/>
      <c r="AA116" s="652" t="s">
        <v>82</v>
      </c>
      <c r="AB116" s="893"/>
      <c r="AC116" s="893"/>
      <c r="AD116" s="893"/>
      <c r="AE116" s="893"/>
      <c r="AF116" s="893"/>
      <c r="AG116" s="746"/>
      <c r="AH116" s="893"/>
      <c r="AI116" s="893"/>
      <c r="AJ116" s="893"/>
      <c r="AK116" s="893"/>
      <c r="AL116" s="893"/>
      <c r="AM116" s="893"/>
      <c r="AN116" s="893"/>
      <c r="AO116" s="746" t="s">
        <v>66</v>
      </c>
      <c r="AP116" s="893"/>
      <c r="AQ116" s="893"/>
      <c r="AR116" s="893"/>
      <c r="AS116" s="893"/>
      <c r="AT116" s="893"/>
      <c r="AU116" s="893"/>
      <c r="AV116" s="893"/>
      <c r="AW116" s="893"/>
      <c r="AX116" s="893"/>
      <c r="AY116" s="893"/>
      <c r="AZ116" s="893"/>
      <c r="BA116" s="893"/>
      <c r="BB116" s="893"/>
      <c r="BC116" s="893"/>
      <c r="BD116" s="893"/>
      <c r="BE116" s="893"/>
      <c r="BF116" s="893"/>
      <c r="BG116" s="746"/>
      <c r="BH116" s="746"/>
      <c r="BI116" s="746"/>
      <c r="BJ116" s="746"/>
      <c r="BK116" s="746"/>
      <c r="BL116" s="746"/>
      <c r="BM116" s="746"/>
      <c r="BN116" s="746"/>
      <c r="BO116" s="746"/>
      <c r="BP116" s="746"/>
      <c r="BQ116" s="746"/>
      <c r="BR116" s="746"/>
      <c r="BS116" s="884">
        <f t="shared" si="102"/>
        <v>350</v>
      </c>
      <c r="BT116" s="661">
        <f t="shared" si="142"/>
        <v>527.20000000000005</v>
      </c>
      <c r="BU116" s="661"/>
      <c r="BV116" s="898" t="str">
        <f t="shared" si="123"/>
        <v/>
      </c>
      <c r="BW116" s="898" t="str">
        <f t="shared" si="124"/>
        <v/>
      </c>
      <c r="BX116" s="898" t="str">
        <f t="shared" si="125"/>
        <v/>
      </c>
      <c r="BY116" s="898" t="str">
        <f t="shared" si="126"/>
        <v/>
      </c>
      <c r="BZ116" s="898" t="str">
        <f t="shared" si="127"/>
        <v/>
      </c>
      <c r="CA116" s="898" t="str">
        <f t="shared" si="128"/>
        <v/>
      </c>
      <c r="CB116" s="898" t="str">
        <f t="shared" si="129"/>
        <v/>
      </c>
      <c r="CC116" s="898" t="str">
        <f t="shared" si="130"/>
        <v/>
      </c>
      <c r="CD116" s="898" t="str">
        <f t="shared" si="131"/>
        <v/>
      </c>
      <c r="CE116" s="898" t="str">
        <f t="shared" si="132"/>
        <v/>
      </c>
      <c r="CF116" s="898" t="str">
        <f t="shared" si="133"/>
        <v/>
      </c>
      <c r="CG116" s="898" t="str">
        <f t="shared" si="134"/>
        <v/>
      </c>
      <c r="CH116" s="898" t="str">
        <f t="shared" si="135"/>
        <v/>
      </c>
      <c r="CI116" s="898">
        <f t="shared" si="136"/>
        <v>184520.00000000003</v>
      </c>
      <c r="CJ116" s="898" t="str">
        <f t="shared" si="137"/>
        <v/>
      </c>
      <c r="CK116" s="898" t="str">
        <f t="shared" si="138"/>
        <v/>
      </c>
      <c r="CL116" s="898" t="str">
        <f t="shared" si="139"/>
        <v/>
      </c>
      <c r="CM116" s="898" t="str">
        <f t="shared" si="143"/>
        <v/>
      </c>
      <c r="CN116" s="898" t="str">
        <f t="shared" si="144"/>
        <v/>
      </c>
      <c r="CO116" s="898" t="str">
        <f t="shared" si="145"/>
        <v/>
      </c>
      <c r="CP116" s="898" t="str">
        <f t="shared" si="146"/>
        <v/>
      </c>
      <c r="CQ116" s="898" t="str">
        <f t="shared" si="147"/>
        <v/>
      </c>
      <c r="CR116" s="898" t="str">
        <f t="shared" si="148"/>
        <v/>
      </c>
      <c r="CS116" s="898" t="str">
        <f t="shared" si="149"/>
        <v/>
      </c>
      <c r="CT116" s="898" t="str">
        <f t="shared" si="150"/>
        <v/>
      </c>
      <c r="CU116" s="898" t="str">
        <f t="shared" si="151"/>
        <v/>
      </c>
      <c r="CV116" s="898" t="str">
        <f t="shared" si="152"/>
        <v/>
      </c>
      <c r="CW116" s="898" t="str">
        <f t="shared" si="153"/>
        <v/>
      </c>
      <c r="CX116" s="898" t="str">
        <f t="shared" si="154"/>
        <v/>
      </c>
      <c r="CY116" s="898" t="str">
        <f t="shared" si="155"/>
        <v/>
      </c>
      <c r="CZ116" s="898" t="str">
        <f t="shared" si="156"/>
        <v/>
      </c>
      <c r="DA116" s="898"/>
      <c r="DB116" s="898"/>
      <c r="DC116" s="898"/>
      <c r="DD116" s="898"/>
      <c r="DE116" s="898"/>
      <c r="DF116" s="898"/>
      <c r="DG116" s="898"/>
      <c r="DH116" s="898"/>
      <c r="DI116" s="898"/>
      <c r="DJ116" s="898"/>
      <c r="DK116" s="898"/>
      <c r="DL116" s="898"/>
      <c r="DM116" s="661">
        <f t="shared" si="104"/>
        <v>184520.00000000003</v>
      </c>
      <c r="DN116" s="898">
        <f t="shared" si="105"/>
        <v>0</v>
      </c>
      <c r="DO116" s="516">
        <f t="shared" si="106"/>
        <v>0</v>
      </c>
      <c r="DP116" s="898">
        <f t="shared" si="107"/>
        <v>0</v>
      </c>
      <c r="DQ116" s="483" t="s">
        <v>3101</v>
      </c>
      <c r="DR116" s="483" t="s">
        <v>3668</v>
      </c>
      <c r="DS116" s="483" t="s">
        <v>3098</v>
      </c>
      <c r="DT116" s="632"/>
    </row>
    <row r="117" spans="1:124" s="613" customFormat="1" ht="99.75" x14ac:dyDescent="0.2">
      <c r="A117" s="484" t="str">
        <f t="shared" si="101"/>
        <v>2 Multi-Use Games Areas (MUGA), delivered by Grovehill Local Centre (Henry Wells Square) (Grovehill NDP)</v>
      </c>
      <c r="B117" s="1163">
        <v>114</v>
      </c>
      <c r="C117" s="481" t="s">
        <v>3687</v>
      </c>
      <c r="D117" s="481" t="s">
        <v>2481</v>
      </c>
      <c r="E117" s="481" t="s">
        <v>53</v>
      </c>
      <c r="F117" s="481" t="s">
        <v>515</v>
      </c>
      <c r="G117" s="654" t="s">
        <v>1335</v>
      </c>
      <c r="H117" s="78" t="s">
        <v>3688</v>
      </c>
      <c r="I117" s="654"/>
      <c r="J117" s="78" t="s">
        <v>3689</v>
      </c>
      <c r="K117" s="654" t="s">
        <v>3104</v>
      </c>
      <c r="L117" s="657" t="s">
        <v>3058</v>
      </c>
      <c r="M117" s="654" t="s">
        <v>2996</v>
      </c>
      <c r="N117" s="897" t="s">
        <v>60</v>
      </c>
      <c r="O117" s="654" t="s">
        <v>525</v>
      </c>
      <c r="P117" s="657" t="s">
        <v>53</v>
      </c>
      <c r="Q117" s="654" t="s">
        <v>395</v>
      </c>
      <c r="R117" s="654"/>
      <c r="S117" s="654"/>
      <c r="T117" s="723">
        <v>184520</v>
      </c>
      <c r="U117" s="723"/>
      <c r="V117" s="654" t="s">
        <v>64</v>
      </c>
      <c r="W117" s="723">
        <f t="shared" si="140"/>
        <v>0</v>
      </c>
      <c r="X117" s="745">
        <f t="shared" si="141"/>
        <v>184520</v>
      </c>
      <c r="Y117" s="723" t="s">
        <v>3106</v>
      </c>
      <c r="Z117" s="723"/>
      <c r="AA117" s="652" t="s">
        <v>82</v>
      </c>
      <c r="AB117" s="893"/>
      <c r="AC117" s="893"/>
      <c r="AD117" s="893"/>
      <c r="AE117" s="893"/>
      <c r="AF117" s="893"/>
      <c r="AG117" s="746"/>
      <c r="AH117" s="893"/>
      <c r="AI117" s="893"/>
      <c r="AJ117" s="893"/>
      <c r="AK117" s="893"/>
      <c r="AL117" s="893"/>
      <c r="AM117" s="746" t="s">
        <v>66</v>
      </c>
      <c r="AN117" s="893"/>
      <c r="AO117" s="893"/>
      <c r="AP117" s="893"/>
      <c r="AQ117" s="893"/>
      <c r="AR117" s="893"/>
      <c r="AS117" s="893"/>
      <c r="AT117" s="893"/>
      <c r="AU117" s="893"/>
      <c r="AV117" s="893"/>
      <c r="AW117" s="893"/>
      <c r="AX117" s="893"/>
      <c r="AY117" s="893"/>
      <c r="AZ117" s="893"/>
      <c r="BA117" s="893"/>
      <c r="BB117" s="893"/>
      <c r="BC117" s="893"/>
      <c r="BD117" s="893"/>
      <c r="BE117" s="893"/>
      <c r="BF117" s="893"/>
      <c r="BG117" s="746"/>
      <c r="BH117" s="746"/>
      <c r="BI117" s="746"/>
      <c r="BJ117" s="746"/>
      <c r="BK117" s="746"/>
      <c r="BL117" s="746"/>
      <c r="BM117" s="746"/>
      <c r="BN117" s="746"/>
      <c r="BO117" s="746"/>
      <c r="BP117" s="746"/>
      <c r="BQ117" s="746"/>
      <c r="BR117" s="746"/>
      <c r="BS117" s="884">
        <f t="shared" si="102"/>
        <v>200</v>
      </c>
      <c r="BT117" s="661">
        <f t="shared" si="142"/>
        <v>922.6</v>
      </c>
      <c r="BU117" s="661"/>
      <c r="BV117" s="898" t="str">
        <f t="shared" si="123"/>
        <v/>
      </c>
      <c r="BW117" s="898" t="str">
        <f t="shared" si="124"/>
        <v/>
      </c>
      <c r="BX117" s="898" t="str">
        <f t="shared" si="125"/>
        <v/>
      </c>
      <c r="BY117" s="898" t="str">
        <f t="shared" si="126"/>
        <v/>
      </c>
      <c r="BZ117" s="898" t="str">
        <f t="shared" si="127"/>
        <v/>
      </c>
      <c r="CA117" s="898" t="str">
        <f t="shared" si="128"/>
        <v/>
      </c>
      <c r="CB117" s="898" t="str">
        <f t="shared" si="129"/>
        <v/>
      </c>
      <c r="CC117" s="898" t="str">
        <f t="shared" si="130"/>
        <v/>
      </c>
      <c r="CD117" s="898" t="str">
        <f t="shared" si="131"/>
        <v/>
      </c>
      <c r="CE117" s="898" t="str">
        <f t="shared" si="132"/>
        <v/>
      </c>
      <c r="CF117" s="898" t="str">
        <f t="shared" si="133"/>
        <v/>
      </c>
      <c r="CG117" s="898">
        <f t="shared" si="134"/>
        <v>184520</v>
      </c>
      <c r="CH117" s="898" t="str">
        <f t="shared" si="135"/>
        <v/>
      </c>
      <c r="CI117" s="898" t="str">
        <f t="shared" si="136"/>
        <v/>
      </c>
      <c r="CJ117" s="898" t="str">
        <f t="shared" si="137"/>
        <v/>
      </c>
      <c r="CK117" s="898" t="str">
        <f t="shared" si="138"/>
        <v/>
      </c>
      <c r="CL117" s="898" t="str">
        <f t="shared" si="139"/>
        <v/>
      </c>
      <c r="CM117" s="898" t="str">
        <f t="shared" si="143"/>
        <v/>
      </c>
      <c r="CN117" s="898" t="str">
        <f t="shared" si="144"/>
        <v/>
      </c>
      <c r="CO117" s="898" t="str">
        <f t="shared" si="145"/>
        <v/>
      </c>
      <c r="CP117" s="898" t="str">
        <f t="shared" si="146"/>
        <v/>
      </c>
      <c r="CQ117" s="898" t="str">
        <f t="shared" si="147"/>
        <v/>
      </c>
      <c r="CR117" s="898" t="str">
        <f t="shared" si="148"/>
        <v/>
      </c>
      <c r="CS117" s="898" t="str">
        <f t="shared" si="149"/>
        <v/>
      </c>
      <c r="CT117" s="898" t="str">
        <f t="shared" si="150"/>
        <v/>
      </c>
      <c r="CU117" s="898" t="str">
        <f t="shared" si="151"/>
        <v/>
      </c>
      <c r="CV117" s="898" t="str">
        <f t="shared" si="152"/>
        <v/>
      </c>
      <c r="CW117" s="898" t="str">
        <f t="shared" si="153"/>
        <v/>
      </c>
      <c r="CX117" s="898" t="str">
        <f t="shared" si="154"/>
        <v/>
      </c>
      <c r="CY117" s="898" t="str">
        <f t="shared" si="155"/>
        <v/>
      </c>
      <c r="CZ117" s="898" t="str">
        <f t="shared" si="156"/>
        <v/>
      </c>
      <c r="DA117" s="898"/>
      <c r="DB117" s="898"/>
      <c r="DC117" s="898"/>
      <c r="DD117" s="898"/>
      <c r="DE117" s="898"/>
      <c r="DF117" s="898"/>
      <c r="DG117" s="898"/>
      <c r="DH117" s="898"/>
      <c r="DI117" s="898"/>
      <c r="DJ117" s="898"/>
      <c r="DK117" s="898"/>
      <c r="DL117" s="898"/>
      <c r="DM117" s="661">
        <f t="shared" si="104"/>
        <v>184520</v>
      </c>
      <c r="DN117" s="898">
        <f t="shared" si="105"/>
        <v>0</v>
      </c>
      <c r="DO117" s="516">
        <f t="shared" si="106"/>
        <v>0</v>
      </c>
      <c r="DP117" s="898">
        <f t="shared" si="107"/>
        <v>0</v>
      </c>
      <c r="DQ117" s="483" t="s">
        <v>3101</v>
      </c>
      <c r="DR117" s="483" t="s">
        <v>3668</v>
      </c>
      <c r="DS117" s="483" t="s">
        <v>3098</v>
      </c>
      <c r="DT117" s="632"/>
    </row>
    <row r="118" spans="1:124" s="613" customFormat="1" ht="99.75" x14ac:dyDescent="0.2">
      <c r="A118" s="484" t="str">
        <f t="shared" si="101"/>
        <v xml:space="preserve">Contribution towards off-site Multi-Use Games Area (MUGA) </v>
      </c>
      <c r="B118" s="1163">
        <v>115</v>
      </c>
      <c r="C118" s="904" t="s">
        <v>3690</v>
      </c>
      <c r="D118" s="481" t="s">
        <v>2481</v>
      </c>
      <c r="E118" s="481" t="s">
        <v>53</v>
      </c>
      <c r="F118" s="481" t="s">
        <v>515</v>
      </c>
      <c r="G118" s="654" t="s">
        <v>1335</v>
      </c>
      <c r="H118" s="78" t="s">
        <v>3691</v>
      </c>
      <c r="I118" s="654"/>
      <c r="J118" s="78" t="s">
        <v>3692</v>
      </c>
      <c r="K118" s="654" t="s">
        <v>3104</v>
      </c>
      <c r="L118" s="657" t="s">
        <v>3018</v>
      </c>
      <c r="M118" s="654" t="s">
        <v>2996</v>
      </c>
      <c r="N118" s="654" t="s">
        <v>81</v>
      </c>
      <c r="O118" s="654" t="s">
        <v>525</v>
      </c>
      <c r="P118" s="657" t="s">
        <v>53</v>
      </c>
      <c r="Q118" s="654" t="s">
        <v>208</v>
      </c>
      <c r="R118" s="654"/>
      <c r="S118" s="654"/>
      <c r="T118" s="723">
        <v>92260</v>
      </c>
      <c r="U118" s="723"/>
      <c r="V118" s="654" t="s">
        <v>64</v>
      </c>
      <c r="W118" s="723">
        <f t="shared" si="140"/>
        <v>0</v>
      </c>
      <c r="X118" s="745">
        <f t="shared" si="141"/>
        <v>92260</v>
      </c>
      <c r="Y118" s="723" t="s">
        <v>3106</v>
      </c>
      <c r="Z118" s="723"/>
      <c r="AA118" s="652" t="s">
        <v>82</v>
      </c>
      <c r="AB118" s="893"/>
      <c r="AC118" s="893"/>
      <c r="AD118" s="893"/>
      <c r="AE118" s="893"/>
      <c r="AF118" s="893"/>
      <c r="AG118" s="746"/>
      <c r="AH118" s="893"/>
      <c r="AI118" s="893"/>
      <c r="AJ118" s="746" t="s">
        <v>66</v>
      </c>
      <c r="AK118" s="893"/>
      <c r="AL118" s="893"/>
      <c r="AM118" s="893"/>
      <c r="AN118" s="893"/>
      <c r="AO118" s="893"/>
      <c r="AP118" s="893"/>
      <c r="AQ118" s="893"/>
      <c r="AR118" s="893"/>
      <c r="AS118" s="893"/>
      <c r="AT118" s="893"/>
      <c r="AU118" s="893"/>
      <c r="AV118" s="893"/>
      <c r="AW118" s="893"/>
      <c r="AX118" s="893"/>
      <c r="AY118" s="893"/>
      <c r="AZ118" s="893"/>
      <c r="BA118" s="893"/>
      <c r="BB118" s="893"/>
      <c r="BC118" s="893"/>
      <c r="BD118" s="893"/>
      <c r="BE118" s="893"/>
      <c r="BF118" s="893"/>
      <c r="BG118" s="746"/>
      <c r="BH118" s="746"/>
      <c r="BI118" s="746"/>
      <c r="BJ118" s="746"/>
      <c r="BK118" s="746"/>
      <c r="BL118" s="746"/>
      <c r="BM118" s="746"/>
      <c r="BN118" s="746"/>
      <c r="BO118" s="746"/>
      <c r="BP118" s="746"/>
      <c r="BQ118" s="746"/>
      <c r="BR118" s="746"/>
      <c r="BS118" s="884">
        <f t="shared" si="102"/>
        <v>500</v>
      </c>
      <c r="BT118" s="661">
        <f t="shared" si="142"/>
        <v>184.52</v>
      </c>
      <c r="BU118" s="661"/>
      <c r="BV118" s="898" t="str">
        <f t="shared" si="123"/>
        <v/>
      </c>
      <c r="BW118" s="898" t="str">
        <f t="shared" si="124"/>
        <v/>
      </c>
      <c r="BX118" s="898" t="str">
        <f t="shared" si="125"/>
        <v/>
      </c>
      <c r="BY118" s="898" t="str">
        <f t="shared" si="126"/>
        <v/>
      </c>
      <c r="BZ118" s="898" t="str">
        <f t="shared" si="127"/>
        <v/>
      </c>
      <c r="CA118" s="898" t="str">
        <f t="shared" si="128"/>
        <v/>
      </c>
      <c r="CB118" s="898" t="str">
        <f t="shared" si="129"/>
        <v/>
      </c>
      <c r="CC118" s="898" t="str">
        <f t="shared" si="130"/>
        <v/>
      </c>
      <c r="CD118" s="898">
        <f t="shared" si="131"/>
        <v>92260</v>
      </c>
      <c r="CE118" s="898" t="str">
        <f t="shared" si="132"/>
        <v/>
      </c>
      <c r="CF118" s="898" t="str">
        <f t="shared" si="133"/>
        <v/>
      </c>
      <c r="CG118" s="898" t="str">
        <f t="shared" si="134"/>
        <v/>
      </c>
      <c r="CH118" s="898" t="str">
        <f t="shared" si="135"/>
        <v/>
      </c>
      <c r="CI118" s="898" t="str">
        <f t="shared" si="136"/>
        <v/>
      </c>
      <c r="CJ118" s="898" t="str">
        <f t="shared" si="137"/>
        <v/>
      </c>
      <c r="CK118" s="898" t="str">
        <f t="shared" si="138"/>
        <v/>
      </c>
      <c r="CL118" s="898" t="str">
        <f t="shared" si="139"/>
        <v/>
      </c>
      <c r="CM118" s="898" t="str">
        <f t="shared" si="143"/>
        <v/>
      </c>
      <c r="CN118" s="898" t="str">
        <f t="shared" si="144"/>
        <v/>
      </c>
      <c r="CO118" s="898" t="str">
        <f t="shared" si="145"/>
        <v/>
      </c>
      <c r="CP118" s="898" t="str">
        <f t="shared" si="146"/>
        <v/>
      </c>
      <c r="CQ118" s="898" t="str">
        <f t="shared" si="147"/>
        <v/>
      </c>
      <c r="CR118" s="898" t="str">
        <f t="shared" si="148"/>
        <v/>
      </c>
      <c r="CS118" s="898" t="str">
        <f t="shared" si="149"/>
        <v/>
      </c>
      <c r="CT118" s="898" t="str">
        <f t="shared" si="150"/>
        <v/>
      </c>
      <c r="CU118" s="898" t="str">
        <f t="shared" si="151"/>
        <v/>
      </c>
      <c r="CV118" s="898" t="str">
        <f t="shared" si="152"/>
        <v/>
      </c>
      <c r="CW118" s="898" t="str">
        <f t="shared" si="153"/>
        <v/>
      </c>
      <c r="CX118" s="898" t="str">
        <f t="shared" si="154"/>
        <v/>
      </c>
      <c r="CY118" s="898" t="str">
        <f t="shared" si="155"/>
        <v/>
      </c>
      <c r="CZ118" s="898" t="str">
        <f t="shared" si="156"/>
        <v/>
      </c>
      <c r="DA118" s="898"/>
      <c r="DB118" s="898"/>
      <c r="DC118" s="898"/>
      <c r="DD118" s="898"/>
      <c r="DE118" s="898"/>
      <c r="DF118" s="898"/>
      <c r="DG118" s="898"/>
      <c r="DH118" s="898"/>
      <c r="DI118" s="898"/>
      <c r="DJ118" s="898"/>
      <c r="DK118" s="898"/>
      <c r="DL118" s="898"/>
      <c r="DM118" s="661">
        <f t="shared" si="104"/>
        <v>92260</v>
      </c>
      <c r="DN118" s="898">
        <f t="shared" si="105"/>
        <v>0</v>
      </c>
      <c r="DO118" s="516">
        <f t="shared" si="106"/>
        <v>0</v>
      </c>
      <c r="DP118" s="898">
        <f t="shared" si="107"/>
        <v>0</v>
      </c>
      <c r="DQ118" s="483" t="s">
        <v>3101</v>
      </c>
      <c r="DR118" s="483" t="s">
        <v>3668</v>
      </c>
      <c r="DS118" s="483" t="s">
        <v>3098</v>
      </c>
      <c r="DT118" s="632"/>
    </row>
    <row r="119" spans="1:124" s="613" customFormat="1" ht="128.25" x14ac:dyDescent="0.2">
      <c r="A119" s="484" t="str">
        <f t="shared" si="101"/>
        <v>Contribution towards allotments in North Hemel Hempstead (H1)</v>
      </c>
      <c r="B119" s="1163">
        <v>116</v>
      </c>
      <c r="C119" s="904" t="s">
        <v>3693</v>
      </c>
      <c r="D119" s="511" t="s">
        <v>2182</v>
      </c>
      <c r="E119" s="511" t="s">
        <v>1385</v>
      </c>
      <c r="F119" s="511" t="s">
        <v>1331</v>
      </c>
      <c r="G119" s="654" t="s">
        <v>533</v>
      </c>
      <c r="H119" s="484" t="s">
        <v>3694</v>
      </c>
      <c r="I119" s="654"/>
      <c r="J119" s="495" t="s">
        <v>3695</v>
      </c>
      <c r="K119" s="515" t="s">
        <v>3104</v>
      </c>
      <c r="L119" s="515" t="s">
        <v>1375</v>
      </c>
      <c r="M119" s="654" t="s">
        <v>3027</v>
      </c>
      <c r="N119" s="515" t="s">
        <v>60</v>
      </c>
      <c r="O119" s="515" t="s">
        <v>3477</v>
      </c>
      <c r="P119" s="654" t="s">
        <v>1385</v>
      </c>
      <c r="Q119" s="515" t="s">
        <v>3424</v>
      </c>
      <c r="R119" s="654"/>
      <c r="S119" s="654"/>
      <c r="T119" s="723">
        <v>202500</v>
      </c>
      <c r="U119" s="723"/>
      <c r="V119" s="516" t="s">
        <v>64</v>
      </c>
      <c r="W119" s="723">
        <f t="shared" ref="W119:W150" si="157">T119-X119</f>
        <v>0</v>
      </c>
      <c r="X119" s="745">
        <f>T119</f>
        <v>202500</v>
      </c>
      <c r="Y119" s="723" t="s">
        <v>3106</v>
      </c>
      <c r="Z119" s="723"/>
      <c r="AA119" s="736" t="s">
        <v>82</v>
      </c>
      <c r="AB119" s="893"/>
      <c r="AC119" s="893"/>
      <c r="AD119" s="893"/>
      <c r="AE119" s="893"/>
      <c r="AF119" s="893"/>
      <c r="AG119" s="746"/>
      <c r="AH119" s="893"/>
      <c r="AI119" s="893"/>
      <c r="AJ119" s="893"/>
      <c r="AK119" s="893"/>
      <c r="AL119" s="893"/>
      <c r="AM119" s="893"/>
      <c r="AN119" s="893"/>
      <c r="AO119" s="893"/>
      <c r="AP119" s="893"/>
      <c r="AQ119" s="893"/>
      <c r="AR119" s="893"/>
      <c r="AS119" s="893"/>
      <c r="AT119" s="893"/>
      <c r="AU119" s="893"/>
      <c r="AV119" s="893"/>
      <c r="AW119" s="893"/>
      <c r="AX119" s="893"/>
      <c r="AY119" s="893"/>
      <c r="AZ119" s="893"/>
      <c r="BA119" s="893"/>
      <c r="BB119" s="893"/>
      <c r="BC119" s="893"/>
      <c r="BD119" s="893"/>
      <c r="BE119" s="893"/>
      <c r="BF119" s="893"/>
      <c r="BG119" s="746"/>
      <c r="BH119" s="746"/>
      <c r="BI119" s="746"/>
      <c r="BJ119" s="746"/>
      <c r="BK119" s="746"/>
      <c r="BL119" s="746"/>
      <c r="BM119" s="746"/>
      <c r="BN119" s="746"/>
      <c r="BO119" s="746" t="s">
        <v>66</v>
      </c>
      <c r="BP119" s="746"/>
      <c r="BQ119" s="746"/>
      <c r="BR119" s="746"/>
      <c r="BS119" s="884">
        <f t="shared" si="102"/>
        <v>1500</v>
      </c>
      <c r="BT119" s="661">
        <f t="shared" si="142"/>
        <v>135</v>
      </c>
      <c r="BU119" s="661"/>
      <c r="BV119" s="898"/>
      <c r="BW119" s="898"/>
      <c r="BX119" s="898"/>
      <c r="BY119" s="898"/>
      <c r="BZ119" s="898"/>
      <c r="CA119" s="898"/>
      <c r="CB119" s="898"/>
      <c r="CC119" s="898"/>
      <c r="CD119" s="898"/>
      <c r="CE119" s="898"/>
      <c r="CF119" s="898"/>
      <c r="CG119" s="898"/>
      <c r="CH119" s="898"/>
      <c r="CI119" s="898"/>
      <c r="CJ119" s="898"/>
      <c r="CK119" s="898"/>
      <c r="CL119" s="898"/>
      <c r="CM119" s="898"/>
      <c r="CN119" s="898"/>
      <c r="CO119" s="898"/>
      <c r="CP119" s="898"/>
      <c r="CQ119" s="898"/>
      <c r="CR119" s="898"/>
      <c r="CS119" s="898"/>
      <c r="CT119" s="898"/>
      <c r="CU119" s="898"/>
      <c r="CV119" s="898"/>
      <c r="CW119" s="898"/>
      <c r="CX119" s="898"/>
      <c r="CY119" s="898"/>
      <c r="CZ119" s="898"/>
      <c r="DA119" s="898"/>
      <c r="DB119" s="898"/>
      <c r="DC119" s="898"/>
      <c r="DD119" s="898"/>
      <c r="DE119" s="898"/>
      <c r="DF119" s="898"/>
      <c r="DG119" s="898"/>
      <c r="DH119" s="898"/>
      <c r="DI119" s="898">
        <f>X119</f>
        <v>202500</v>
      </c>
      <c r="DJ119" s="898"/>
      <c r="DK119" s="898"/>
      <c r="DL119" s="898"/>
      <c r="DM119" s="661">
        <f t="shared" si="104"/>
        <v>0</v>
      </c>
      <c r="DN119" s="898">
        <f t="shared" si="105"/>
        <v>202500</v>
      </c>
      <c r="DO119" s="516">
        <f t="shared" si="106"/>
        <v>0</v>
      </c>
      <c r="DP119" s="898">
        <f t="shared" si="107"/>
        <v>0</v>
      </c>
      <c r="DQ119" s="483" t="s">
        <v>3696</v>
      </c>
      <c r="DR119" s="610" t="s">
        <v>3697</v>
      </c>
      <c r="DS119" s="483" t="s">
        <v>3098</v>
      </c>
      <c r="DT119" s="632"/>
    </row>
    <row r="120" spans="1:124" s="613" customFormat="1" ht="128.25" x14ac:dyDescent="0.2">
      <c r="A120" s="484" t="str">
        <f t="shared" si="101"/>
        <v>Contribution towards allotments in East Hemel Hempstead (North) (H2)</v>
      </c>
      <c r="B120" s="1163">
        <v>117</v>
      </c>
      <c r="C120" s="904" t="s">
        <v>3698</v>
      </c>
      <c r="D120" s="511" t="s">
        <v>2182</v>
      </c>
      <c r="E120" s="511" t="s">
        <v>1385</v>
      </c>
      <c r="F120" s="511" t="s">
        <v>1331</v>
      </c>
      <c r="G120" s="654" t="s">
        <v>533</v>
      </c>
      <c r="H120" s="484" t="s">
        <v>3699</v>
      </c>
      <c r="I120" s="654"/>
      <c r="J120" s="495" t="s">
        <v>3700</v>
      </c>
      <c r="K120" s="515" t="s">
        <v>3104</v>
      </c>
      <c r="L120" s="515" t="s">
        <v>1376</v>
      </c>
      <c r="M120" s="663" t="s">
        <v>3325</v>
      </c>
      <c r="N120" s="515" t="s">
        <v>60</v>
      </c>
      <c r="O120" s="515" t="s">
        <v>3477</v>
      </c>
      <c r="P120" s="654" t="s">
        <v>1385</v>
      </c>
      <c r="Q120" s="515" t="s">
        <v>3108</v>
      </c>
      <c r="R120" s="654"/>
      <c r="S120" s="654"/>
      <c r="T120" s="723">
        <v>216000</v>
      </c>
      <c r="U120" s="723"/>
      <c r="V120" s="516" t="s">
        <v>64</v>
      </c>
      <c r="W120" s="723">
        <f t="shared" si="157"/>
        <v>0</v>
      </c>
      <c r="X120" s="745">
        <f>T120</f>
        <v>216000</v>
      </c>
      <c r="Y120" s="723" t="s">
        <v>3106</v>
      </c>
      <c r="Z120" s="723"/>
      <c r="AA120" s="736" t="s">
        <v>82</v>
      </c>
      <c r="AB120" s="893"/>
      <c r="AC120" s="893"/>
      <c r="AD120" s="893"/>
      <c r="AE120" s="893"/>
      <c r="AF120" s="893"/>
      <c r="AG120" s="746"/>
      <c r="AH120" s="893"/>
      <c r="AI120" s="893"/>
      <c r="AJ120" s="893"/>
      <c r="AK120" s="893"/>
      <c r="AL120" s="893"/>
      <c r="AM120" s="893"/>
      <c r="AN120" s="893"/>
      <c r="AO120" s="893"/>
      <c r="AP120" s="893"/>
      <c r="AQ120" s="893"/>
      <c r="AR120" s="893"/>
      <c r="AS120" s="893"/>
      <c r="AT120" s="893"/>
      <c r="AU120" s="893"/>
      <c r="AV120" s="893"/>
      <c r="AW120" s="893"/>
      <c r="AX120" s="893"/>
      <c r="AY120" s="893"/>
      <c r="AZ120" s="893"/>
      <c r="BA120" s="893"/>
      <c r="BB120" s="893"/>
      <c r="BC120" s="893"/>
      <c r="BD120" s="893"/>
      <c r="BE120" s="893"/>
      <c r="BF120" s="893"/>
      <c r="BG120" s="746"/>
      <c r="BH120" s="746"/>
      <c r="BI120" s="746"/>
      <c r="BJ120" s="746"/>
      <c r="BK120" s="746"/>
      <c r="BL120" s="746"/>
      <c r="BM120" s="746"/>
      <c r="BN120" s="746"/>
      <c r="BO120" s="746"/>
      <c r="BP120" s="746" t="s">
        <v>66</v>
      </c>
      <c r="BQ120" s="746"/>
      <c r="BR120" s="746"/>
      <c r="BS120" s="884">
        <f t="shared" si="102"/>
        <v>1600</v>
      </c>
      <c r="BT120" s="661">
        <f t="shared" si="142"/>
        <v>135</v>
      </c>
      <c r="BU120" s="661"/>
      <c r="BV120" s="898"/>
      <c r="BW120" s="898"/>
      <c r="BX120" s="898"/>
      <c r="BY120" s="898"/>
      <c r="BZ120" s="898"/>
      <c r="CA120" s="898"/>
      <c r="CB120" s="898"/>
      <c r="CC120" s="898"/>
      <c r="CD120" s="898"/>
      <c r="CE120" s="898"/>
      <c r="CF120" s="898"/>
      <c r="CG120" s="898"/>
      <c r="CH120" s="898"/>
      <c r="CI120" s="898"/>
      <c r="CJ120" s="898"/>
      <c r="CK120" s="898"/>
      <c r="CL120" s="898"/>
      <c r="CM120" s="898"/>
      <c r="CN120" s="898"/>
      <c r="CO120" s="898"/>
      <c r="CP120" s="898"/>
      <c r="CQ120" s="898"/>
      <c r="CR120" s="898"/>
      <c r="CS120" s="898"/>
      <c r="CT120" s="898"/>
      <c r="CU120" s="898"/>
      <c r="CV120" s="898"/>
      <c r="CW120" s="898"/>
      <c r="CX120" s="898"/>
      <c r="CY120" s="898"/>
      <c r="CZ120" s="898"/>
      <c r="DA120" s="898"/>
      <c r="DB120" s="898"/>
      <c r="DC120" s="898"/>
      <c r="DD120" s="898"/>
      <c r="DE120" s="898"/>
      <c r="DF120" s="898"/>
      <c r="DG120" s="898"/>
      <c r="DH120" s="898"/>
      <c r="DI120" s="898"/>
      <c r="DJ120" s="898">
        <f>X120</f>
        <v>216000</v>
      </c>
      <c r="DK120" s="898"/>
      <c r="DL120" s="898"/>
      <c r="DM120" s="661">
        <f t="shared" si="104"/>
        <v>0</v>
      </c>
      <c r="DN120" s="898">
        <f t="shared" si="105"/>
        <v>216000</v>
      </c>
      <c r="DO120" s="516">
        <f t="shared" si="106"/>
        <v>0</v>
      </c>
      <c r="DP120" s="898">
        <f t="shared" si="107"/>
        <v>0</v>
      </c>
      <c r="DQ120" s="483" t="s">
        <v>3696</v>
      </c>
      <c r="DR120" s="610" t="s">
        <v>3697</v>
      </c>
      <c r="DS120" s="483" t="s">
        <v>3098</v>
      </c>
      <c r="DT120" s="632"/>
    </row>
    <row r="121" spans="1:124" s="613" customFormat="1" ht="128.25" x14ac:dyDescent="0.2">
      <c r="A121" s="484" t="str">
        <f t="shared" si="101"/>
        <v>Contribution towards allotments in East Hemel Hempstead (South) (H4)</v>
      </c>
      <c r="B121" s="1163">
        <v>118</v>
      </c>
      <c r="C121" s="904" t="s">
        <v>3701</v>
      </c>
      <c r="D121" s="511" t="s">
        <v>2182</v>
      </c>
      <c r="E121" s="511" t="s">
        <v>1385</v>
      </c>
      <c r="F121" s="511" t="s">
        <v>1331</v>
      </c>
      <c r="G121" s="654" t="s">
        <v>533</v>
      </c>
      <c r="H121" s="484" t="s">
        <v>3702</v>
      </c>
      <c r="I121" s="654"/>
      <c r="J121" s="495" t="s">
        <v>3703</v>
      </c>
      <c r="K121" s="515" t="s">
        <v>3104</v>
      </c>
      <c r="L121" s="515" t="s">
        <v>1377</v>
      </c>
      <c r="M121" s="663" t="s">
        <v>3325</v>
      </c>
      <c r="N121" s="515" t="s">
        <v>60</v>
      </c>
      <c r="O121" s="515" t="s">
        <v>3477</v>
      </c>
      <c r="P121" s="654" t="s">
        <v>1385</v>
      </c>
      <c r="Q121" s="515" t="s">
        <v>3108</v>
      </c>
      <c r="R121" s="654"/>
      <c r="S121" s="654"/>
      <c r="T121" s="723">
        <v>324000</v>
      </c>
      <c r="U121" s="723"/>
      <c r="V121" s="516" t="s">
        <v>64</v>
      </c>
      <c r="W121" s="723">
        <f t="shared" si="157"/>
        <v>0</v>
      </c>
      <c r="X121" s="745">
        <f>T121</f>
        <v>324000</v>
      </c>
      <c r="Y121" s="723" t="s">
        <v>3106</v>
      </c>
      <c r="Z121" s="723"/>
      <c r="AA121" s="736" t="s">
        <v>82</v>
      </c>
      <c r="AB121" s="893"/>
      <c r="AC121" s="893"/>
      <c r="AD121" s="893"/>
      <c r="AE121" s="893"/>
      <c r="AF121" s="893"/>
      <c r="AG121" s="746"/>
      <c r="AH121" s="893"/>
      <c r="AI121" s="893"/>
      <c r="AJ121" s="893"/>
      <c r="AK121" s="893"/>
      <c r="AL121" s="893"/>
      <c r="AM121" s="893"/>
      <c r="AN121" s="893"/>
      <c r="AO121" s="893"/>
      <c r="AP121" s="893"/>
      <c r="AQ121" s="893"/>
      <c r="AR121" s="893"/>
      <c r="AS121" s="893"/>
      <c r="AT121" s="893"/>
      <c r="AU121" s="893"/>
      <c r="AV121" s="893"/>
      <c r="AW121" s="893"/>
      <c r="AX121" s="893"/>
      <c r="AY121" s="893"/>
      <c r="AZ121" s="893"/>
      <c r="BA121" s="893"/>
      <c r="BB121" s="893"/>
      <c r="BC121" s="893"/>
      <c r="BD121" s="893"/>
      <c r="BE121" s="893"/>
      <c r="BF121" s="893"/>
      <c r="BG121" s="746"/>
      <c r="BH121" s="746"/>
      <c r="BI121" s="746"/>
      <c r="BJ121" s="746"/>
      <c r="BK121" s="746"/>
      <c r="BL121" s="746"/>
      <c r="BM121" s="746"/>
      <c r="BN121" s="746"/>
      <c r="BO121" s="746"/>
      <c r="BP121" s="746"/>
      <c r="BQ121" s="746" t="s">
        <v>66</v>
      </c>
      <c r="BR121" s="746"/>
      <c r="BS121" s="884">
        <f t="shared" si="102"/>
        <v>2400</v>
      </c>
      <c r="BT121" s="661">
        <f t="shared" si="142"/>
        <v>135</v>
      </c>
      <c r="BU121" s="661"/>
      <c r="BV121" s="898"/>
      <c r="BW121" s="898"/>
      <c r="BX121" s="898"/>
      <c r="BY121" s="898"/>
      <c r="BZ121" s="898"/>
      <c r="CA121" s="898"/>
      <c r="CB121" s="898"/>
      <c r="CC121" s="898"/>
      <c r="CD121" s="898"/>
      <c r="CE121" s="898"/>
      <c r="CF121" s="898"/>
      <c r="CG121" s="898"/>
      <c r="CH121" s="898"/>
      <c r="CI121" s="898"/>
      <c r="CJ121" s="898"/>
      <c r="CK121" s="898"/>
      <c r="CL121" s="898"/>
      <c r="CM121" s="898"/>
      <c r="CN121" s="898"/>
      <c r="CO121" s="898"/>
      <c r="CP121" s="898"/>
      <c r="CQ121" s="898"/>
      <c r="CR121" s="898"/>
      <c r="CS121" s="898"/>
      <c r="CT121" s="898"/>
      <c r="CU121" s="898"/>
      <c r="CV121" s="898"/>
      <c r="CW121" s="898"/>
      <c r="CX121" s="898"/>
      <c r="CY121" s="898"/>
      <c r="CZ121" s="898"/>
      <c r="DA121" s="898"/>
      <c r="DB121" s="898"/>
      <c r="DC121" s="898"/>
      <c r="DD121" s="898"/>
      <c r="DE121" s="898"/>
      <c r="DF121" s="898"/>
      <c r="DG121" s="898"/>
      <c r="DH121" s="898"/>
      <c r="DI121" s="898"/>
      <c r="DJ121" s="898"/>
      <c r="DK121" s="898">
        <f>X121</f>
        <v>324000</v>
      </c>
      <c r="DL121" s="898"/>
      <c r="DM121" s="661">
        <f t="shared" si="104"/>
        <v>0</v>
      </c>
      <c r="DN121" s="898">
        <f t="shared" si="105"/>
        <v>324000</v>
      </c>
      <c r="DO121" s="516">
        <f t="shared" si="106"/>
        <v>0</v>
      </c>
      <c r="DP121" s="898">
        <f t="shared" si="107"/>
        <v>0</v>
      </c>
      <c r="DQ121" s="483" t="s">
        <v>3696</v>
      </c>
      <c r="DR121" s="610" t="s">
        <v>3697</v>
      </c>
      <c r="DS121" s="483" t="s">
        <v>3098</v>
      </c>
      <c r="DT121" s="632"/>
    </row>
    <row r="122" spans="1:124" s="613" customFormat="1" ht="99.75" x14ac:dyDescent="0.2">
      <c r="A122" s="484" t="str">
        <f t="shared" si="101"/>
        <v>Contribution towards allotments in North Hemel Hempstead (Hm01)</v>
      </c>
      <c r="B122" s="1163">
        <v>119</v>
      </c>
      <c r="C122" s="904" t="s">
        <v>3704</v>
      </c>
      <c r="D122" s="481" t="s">
        <v>2481</v>
      </c>
      <c r="E122" s="481" t="s">
        <v>53</v>
      </c>
      <c r="F122" s="481" t="s">
        <v>515</v>
      </c>
      <c r="G122" s="654" t="s">
        <v>533</v>
      </c>
      <c r="H122" s="484" t="s">
        <v>3705</v>
      </c>
      <c r="I122" s="654"/>
      <c r="J122" s="78" t="s">
        <v>3706</v>
      </c>
      <c r="K122" s="515" t="s">
        <v>3104</v>
      </c>
      <c r="L122" s="657" t="s">
        <v>1360</v>
      </c>
      <c r="M122" s="654" t="s">
        <v>3027</v>
      </c>
      <c r="N122" s="654" t="s">
        <v>60</v>
      </c>
      <c r="O122" s="657" t="s">
        <v>3331</v>
      </c>
      <c r="P122" s="657" t="s">
        <v>53</v>
      </c>
      <c r="Q122" s="654" t="s">
        <v>3707</v>
      </c>
      <c r="R122" s="654"/>
      <c r="S122" s="654"/>
      <c r="T122" s="723">
        <v>889650</v>
      </c>
      <c r="U122" s="723"/>
      <c r="V122" s="654" t="s">
        <v>64</v>
      </c>
      <c r="W122" s="723">
        <f t="shared" si="157"/>
        <v>0</v>
      </c>
      <c r="X122" s="745">
        <f t="shared" ref="X122:X138" si="158">IF(ISTEXT(T122),T122,T122-U122)</f>
        <v>889650</v>
      </c>
      <c r="Y122" s="723" t="s">
        <v>3106</v>
      </c>
      <c r="Z122" s="723"/>
      <c r="AA122" s="652" t="s">
        <v>82</v>
      </c>
      <c r="AB122" s="746" t="s">
        <v>66</v>
      </c>
      <c r="AC122" s="893"/>
      <c r="AD122" s="893"/>
      <c r="AE122" s="893"/>
      <c r="AF122" s="893"/>
      <c r="AG122" s="746"/>
      <c r="AH122" s="893"/>
      <c r="AI122" s="893"/>
      <c r="AJ122" s="893"/>
      <c r="AK122" s="893"/>
      <c r="AL122" s="893"/>
      <c r="AM122" s="893"/>
      <c r="AN122" s="893"/>
      <c r="AO122" s="893"/>
      <c r="AP122" s="893"/>
      <c r="AQ122" s="893"/>
      <c r="AR122" s="893"/>
      <c r="AS122" s="893"/>
      <c r="AT122" s="893"/>
      <c r="AU122" s="893"/>
      <c r="AV122" s="893"/>
      <c r="AW122" s="893"/>
      <c r="AX122" s="893"/>
      <c r="AY122" s="893"/>
      <c r="AZ122" s="893"/>
      <c r="BA122" s="893"/>
      <c r="BB122" s="893"/>
      <c r="BC122" s="893"/>
      <c r="BD122" s="893"/>
      <c r="BE122" s="893"/>
      <c r="BF122" s="893"/>
      <c r="BG122" s="746"/>
      <c r="BH122" s="746"/>
      <c r="BI122" s="746"/>
      <c r="BJ122" s="746"/>
      <c r="BK122" s="746"/>
      <c r="BL122" s="746"/>
      <c r="BM122" s="746"/>
      <c r="BN122" s="746"/>
      <c r="BO122" s="746"/>
      <c r="BP122" s="746"/>
      <c r="BQ122" s="746"/>
      <c r="BR122" s="746"/>
      <c r="BS122" s="884">
        <f t="shared" si="102"/>
        <v>5000</v>
      </c>
      <c r="BT122" s="661">
        <f t="shared" si="142"/>
        <v>177.93</v>
      </c>
      <c r="BU122" s="661"/>
      <c r="BV122" s="898">
        <f t="shared" ref="BV122:BV138" si="159">IF(AB122="yes",(AB$3*$BT122),"")</f>
        <v>889650</v>
      </c>
      <c r="BW122" s="898" t="str">
        <f t="shared" ref="BW122:BW138" si="160">IF(AC122="yes",(AC$3*$BT122),"")</f>
        <v/>
      </c>
      <c r="BX122" s="898" t="str">
        <f t="shared" ref="BX122:BX138" si="161">IF(AD122="yes",(AD$3*$BT122),"")</f>
        <v/>
      </c>
      <c r="BY122" s="898" t="str">
        <f t="shared" ref="BY122:BY138" si="162">IF(AE122="yes",(AE$3*$BT122),"")</f>
        <v/>
      </c>
      <c r="BZ122" s="898" t="str">
        <f t="shared" ref="BZ122:BZ138" si="163">IF(AF122="yes",(AF$3*$BT122),"")</f>
        <v/>
      </c>
      <c r="CA122" s="898" t="str">
        <f t="shared" ref="CA122:CA138" si="164">IF(AG122="yes",(AG$3*$BT122),"")</f>
        <v/>
      </c>
      <c r="CB122" s="898" t="str">
        <f t="shared" ref="CB122:CB138" si="165">IF(AH122="yes",(AH$3*$BT122),"")</f>
        <v/>
      </c>
      <c r="CC122" s="898" t="str">
        <f t="shared" ref="CC122:CC138" si="166">IF(AI122="yes",(AI$3*$BT122),"")</f>
        <v/>
      </c>
      <c r="CD122" s="898" t="str">
        <f t="shared" ref="CD122:CD138" si="167">IF(AJ122="yes",(AJ$3*$BT122),"")</f>
        <v/>
      </c>
      <c r="CE122" s="898" t="str">
        <f t="shared" ref="CE122:CE138" si="168">IF(AK122="yes",(AK$3*$BT122),"")</f>
        <v/>
      </c>
      <c r="CF122" s="898" t="str">
        <f t="shared" ref="CF122:CF138" si="169">IF(AL122="yes",(AL$3*$BT122),"")</f>
        <v/>
      </c>
      <c r="CG122" s="898" t="str">
        <f t="shared" ref="CG122:CG138" si="170">IF(AM122="yes",(AM$3*$BT122),"")</f>
        <v/>
      </c>
      <c r="CH122" s="898" t="str">
        <f t="shared" ref="CH122:CH138" si="171">IF(AN122="yes",(AN$3*$BT122),"")</f>
        <v/>
      </c>
      <c r="CI122" s="898" t="str">
        <f t="shared" ref="CI122:CI138" si="172">IF(AO122="yes",(AO$3*$BT122),"")</f>
        <v/>
      </c>
      <c r="CJ122" s="898" t="str">
        <f t="shared" ref="CJ122:CJ138" si="173">IF(AP122="yes",(AP$3*$BT122),"")</f>
        <v/>
      </c>
      <c r="CK122" s="898" t="str">
        <f t="shared" ref="CK122:CK138" si="174">IF(AQ122="yes",(AQ$3*$BT122),"")</f>
        <v/>
      </c>
      <c r="CL122" s="898" t="str">
        <f t="shared" ref="CL122:CL138" si="175">IF(AR122="yes",(AR$3*$BT122),"")</f>
        <v/>
      </c>
      <c r="CM122" s="898" t="str">
        <f t="shared" ref="CM122:CM138" si="176">IF(AS122="yes",(AS$3*$BT122),"")</f>
        <v/>
      </c>
      <c r="CN122" s="898" t="str">
        <f t="shared" ref="CN122:CN138" si="177">IF(AT122="yes",(AT$3*$BT122),"")</f>
        <v/>
      </c>
      <c r="CO122" s="898" t="str">
        <f t="shared" ref="CO122:CO138" si="178">IF(AU122="yes",(AU$3*$BT122),"")</f>
        <v/>
      </c>
      <c r="CP122" s="898" t="str">
        <f t="shared" ref="CP122:CP138" si="179">IF(AV122="yes",(AV$3*$BT122),"")</f>
        <v/>
      </c>
      <c r="CQ122" s="898" t="str">
        <f t="shared" ref="CQ122:CQ138" si="180">IF(AW122="yes",(AW$3*$BT122),"")</f>
        <v/>
      </c>
      <c r="CR122" s="898" t="str">
        <f t="shared" ref="CR122:CR138" si="181">IF(AX122="yes",(AX$3*$BT122),"")</f>
        <v/>
      </c>
      <c r="CS122" s="898" t="str">
        <f t="shared" ref="CS122:CS138" si="182">IF(AY122="yes",(AY$3*$BT122),"")</f>
        <v/>
      </c>
      <c r="CT122" s="898" t="str">
        <f t="shared" ref="CT122:CT138" si="183">IF(AZ122="yes",(AZ$3*$BT122),"")</f>
        <v/>
      </c>
      <c r="CU122" s="898" t="str">
        <f t="shared" ref="CU122:CU138" si="184">IF(BA122="yes",(BA$3*$BT122),"")</f>
        <v/>
      </c>
      <c r="CV122" s="898" t="str">
        <f t="shared" ref="CV122:CV138" si="185">IF(BB122="yes",(BB$3*$BT122),"")</f>
        <v/>
      </c>
      <c r="CW122" s="898" t="str">
        <f t="shared" ref="CW122:CW138" si="186">IF(BC122="yes",(BC$3*$BT122),"")</f>
        <v/>
      </c>
      <c r="CX122" s="898" t="str">
        <f t="shared" ref="CX122:CX138" si="187">IF(BD122="yes",(BD$3*$BT122),"")</f>
        <v/>
      </c>
      <c r="CY122" s="898" t="str">
        <f t="shared" ref="CY122:CY138" si="188">IF(BE122="yes",(BE$3*$BT122),"")</f>
        <v/>
      </c>
      <c r="CZ122" s="898" t="str">
        <f t="shared" ref="CZ122:CZ138" si="189">IF(BF122="yes",(BF$3*$BT122),"")</f>
        <v/>
      </c>
      <c r="DA122" s="898"/>
      <c r="DB122" s="898"/>
      <c r="DC122" s="898"/>
      <c r="DD122" s="898"/>
      <c r="DE122" s="898"/>
      <c r="DF122" s="898"/>
      <c r="DG122" s="898"/>
      <c r="DH122" s="898"/>
      <c r="DI122" s="898"/>
      <c r="DJ122" s="898"/>
      <c r="DK122" s="898"/>
      <c r="DL122" s="898"/>
      <c r="DM122" s="661">
        <f t="shared" si="104"/>
        <v>889650</v>
      </c>
      <c r="DN122" s="898">
        <f t="shared" si="105"/>
        <v>0</v>
      </c>
      <c r="DO122" s="516">
        <f t="shared" si="106"/>
        <v>0</v>
      </c>
      <c r="DP122" s="898">
        <f t="shared" si="107"/>
        <v>0</v>
      </c>
      <c r="DQ122" s="483" t="s">
        <v>3708</v>
      </c>
      <c r="DR122" s="483" t="s">
        <v>3709</v>
      </c>
      <c r="DS122" s="483" t="s">
        <v>3098</v>
      </c>
      <c r="DT122" s="632"/>
    </row>
    <row r="123" spans="1:124" s="613" customFormat="1" ht="99.75" x14ac:dyDescent="0.2">
      <c r="A123" s="484" t="str">
        <f t="shared" si="101"/>
        <v>Contribution towards allotments in Civic Zone, Marlowes (Hm02)</v>
      </c>
      <c r="B123" s="1163">
        <v>120</v>
      </c>
      <c r="C123" s="904" t="s">
        <v>3710</v>
      </c>
      <c r="D123" s="481" t="s">
        <v>2481</v>
      </c>
      <c r="E123" s="481" t="s">
        <v>53</v>
      </c>
      <c r="F123" s="481" t="s">
        <v>515</v>
      </c>
      <c r="G123" s="654" t="s">
        <v>533</v>
      </c>
      <c r="H123" s="484" t="s">
        <v>3711</v>
      </c>
      <c r="I123" s="654"/>
      <c r="J123" s="78" t="s">
        <v>3712</v>
      </c>
      <c r="K123" s="515" t="s">
        <v>3104</v>
      </c>
      <c r="L123" s="657" t="s">
        <v>1361</v>
      </c>
      <c r="M123" s="654" t="s">
        <v>2996</v>
      </c>
      <c r="N123" s="654" t="s">
        <v>81</v>
      </c>
      <c r="O123" s="657" t="s">
        <v>3331</v>
      </c>
      <c r="P123" s="657" t="s">
        <v>53</v>
      </c>
      <c r="Q123" s="654" t="s">
        <v>377</v>
      </c>
      <c r="R123" s="654"/>
      <c r="S123" s="654"/>
      <c r="T123" s="723">
        <v>35586</v>
      </c>
      <c r="U123" s="723"/>
      <c r="V123" s="654" t="s">
        <v>64</v>
      </c>
      <c r="W123" s="723">
        <f t="shared" si="157"/>
        <v>0</v>
      </c>
      <c r="X123" s="745">
        <f t="shared" si="158"/>
        <v>35586</v>
      </c>
      <c r="Y123" s="723" t="s">
        <v>3106</v>
      </c>
      <c r="Z123" s="723"/>
      <c r="AA123" s="652" t="s">
        <v>82</v>
      </c>
      <c r="AB123" s="893"/>
      <c r="AC123" s="746" t="s">
        <v>66</v>
      </c>
      <c r="AD123" s="893"/>
      <c r="AE123" s="893"/>
      <c r="AF123" s="893"/>
      <c r="AG123" s="746"/>
      <c r="AH123" s="893"/>
      <c r="AI123" s="893"/>
      <c r="AJ123" s="893"/>
      <c r="AK123" s="893"/>
      <c r="AL123" s="893"/>
      <c r="AM123" s="893"/>
      <c r="AN123" s="893"/>
      <c r="AO123" s="893"/>
      <c r="AP123" s="893"/>
      <c r="AQ123" s="893"/>
      <c r="AR123" s="893"/>
      <c r="AS123" s="893"/>
      <c r="AT123" s="893"/>
      <c r="AU123" s="893"/>
      <c r="AV123" s="893"/>
      <c r="AW123" s="893"/>
      <c r="AX123" s="893"/>
      <c r="AY123" s="893"/>
      <c r="AZ123" s="893"/>
      <c r="BA123" s="893"/>
      <c r="BB123" s="893"/>
      <c r="BC123" s="893"/>
      <c r="BD123" s="893"/>
      <c r="BE123" s="893"/>
      <c r="BF123" s="893"/>
      <c r="BG123" s="746"/>
      <c r="BH123" s="746"/>
      <c r="BI123" s="746"/>
      <c r="BJ123" s="746"/>
      <c r="BK123" s="746"/>
      <c r="BL123" s="746"/>
      <c r="BM123" s="746"/>
      <c r="BN123" s="746"/>
      <c r="BO123" s="746"/>
      <c r="BP123" s="746"/>
      <c r="BQ123" s="746"/>
      <c r="BR123" s="746"/>
      <c r="BS123" s="884">
        <f t="shared" si="102"/>
        <v>200</v>
      </c>
      <c r="BT123" s="661">
        <f t="shared" si="142"/>
        <v>177.93</v>
      </c>
      <c r="BU123" s="661"/>
      <c r="BV123" s="898" t="str">
        <f t="shared" si="159"/>
        <v/>
      </c>
      <c r="BW123" s="898">
        <f t="shared" si="160"/>
        <v>35586</v>
      </c>
      <c r="BX123" s="898" t="str">
        <f t="shared" si="161"/>
        <v/>
      </c>
      <c r="BY123" s="898" t="str">
        <f t="shared" si="162"/>
        <v/>
      </c>
      <c r="BZ123" s="898" t="str">
        <f t="shared" si="163"/>
        <v/>
      </c>
      <c r="CA123" s="898" t="str">
        <f t="shared" si="164"/>
        <v/>
      </c>
      <c r="CB123" s="898" t="str">
        <f t="shared" si="165"/>
        <v/>
      </c>
      <c r="CC123" s="898" t="str">
        <f t="shared" si="166"/>
        <v/>
      </c>
      <c r="CD123" s="898" t="str">
        <f t="shared" si="167"/>
        <v/>
      </c>
      <c r="CE123" s="898" t="str">
        <f t="shared" si="168"/>
        <v/>
      </c>
      <c r="CF123" s="898" t="str">
        <f t="shared" si="169"/>
        <v/>
      </c>
      <c r="CG123" s="898" t="str">
        <f t="shared" si="170"/>
        <v/>
      </c>
      <c r="CH123" s="898" t="str">
        <f t="shared" si="171"/>
        <v/>
      </c>
      <c r="CI123" s="898" t="str">
        <f t="shared" si="172"/>
        <v/>
      </c>
      <c r="CJ123" s="898" t="str">
        <f t="shared" si="173"/>
        <v/>
      </c>
      <c r="CK123" s="898" t="str">
        <f t="shared" si="174"/>
        <v/>
      </c>
      <c r="CL123" s="898" t="str">
        <f t="shared" si="175"/>
        <v/>
      </c>
      <c r="CM123" s="898" t="str">
        <f t="shared" si="176"/>
        <v/>
      </c>
      <c r="CN123" s="898" t="str">
        <f t="shared" si="177"/>
        <v/>
      </c>
      <c r="CO123" s="898" t="str">
        <f t="shared" si="178"/>
        <v/>
      </c>
      <c r="CP123" s="898" t="str">
        <f t="shared" si="179"/>
        <v/>
      </c>
      <c r="CQ123" s="898" t="str">
        <f t="shared" si="180"/>
        <v/>
      </c>
      <c r="CR123" s="898" t="str">
        <f t="shared" si="181"/>
        <v/>
      </c>
      <c r="CS123" s="898" t="str">
        <f t="shared" si="182"/>
        <v/>
      </c>
      <c r="CT123" s="898" t="str">
        <f t="shared" si="183"/>
        <v/>
      </c>
      <c r="CU123" s="898" t="str">
        <f t="shared" si="184"/>
        <v/>
      </c>
      <c r="CV123" s="898" t="str">
        <f t="shared" si="185"/>
        <v/>
      </c>
      <c r="CW123" s="898" t="str">
        <f t="shared" si="186"/>
        <v/>
      </c>
      <c r="CX123" s="898" t="str">
        <f t="shared" si="187"/>
        <v/>
      </c>
      <c r="CY123" s="898" t="str">
        <f t="shared" si="188"/>
        <v/>
      </c>
      <c r="CZ123" s="898" t="str">
        <f t="shared" si="189"/>
        <v/>
      </c>
      <c r="DA123" s="898"/>
      <c r="DB123" s="898"/>
      <c r="DC123" s="898"/>
      <c r="DD123" s="898"/>
      <c r="DE123" s="898"/>
      <c r="DF123" s="898"/>
      <c r="DG123" s="898"/>
      <c r="DH123" s="898"/>
      <c r="DI123" s="898"/>
      <c r="DJ123" s="898"/>
      <c r="DK123" s="898"/>
      <c r="DL123" s="898"/>
      <c r="DM123" s="661">
        <f t="shared" si="104"/>
        <v>35586</v>
      </c>
      <c r="DN123" s="898">
        <f t="shared" si="105"/>
        <v>0</v>
      </c>
      <c r="DO123" s="516">
        <f t="shared" si="106"/>
        <v>0</v>
      </c>
      <c r="DP123" s="898">
        <f t="shared" si="107"/>
        <v>0</v>
      </c>
      <c r="DQ123" s="483" t="s">
        <v>3708</v>
      </c>
      <c r="DR123" s="483" t="s">
        <v>3709</v>
      </c>
      <c r="DS123" s="483" t="s">
        <v>3098</v>
      </c>
      <c r="DT123" s="632"/>
    </row>
    <row r="124" spans="1:124" s="613" customFormat="1" ht="99.75" x14ac:dyDescent="0.2">
      <c r="A124" s="484" t="str">
        <f t="shared" si="101"/>
        <v>Contribution towards allotments in Hemel Hospital/Market Square (Hm03)</v>
      </c>
      <c r="B124" s="1163">
        <v>121</v>
      </c>
      <c r="C124" s="904" t="s">
        <v>3713</v>
      </c>
      <c r="D124" s="481" t="s">
        <v>2481</v>
      </c>
      <c r="E124" s="481" t="s">
        <v>53</v>
      </c>
      <c r="F124" s="481" t="s">
        <v>515</v>
      </c>
      <c r="G124" s="654" t="s">
        <v>533</v>
      </c>
      <c r="H124" s="484" t="s">
        <v>3714</v>
      </c>
      <c r="I124" s="654"/>
      <c r="J124" s="78" t="s">
        <v>3715</v>
      </c>
      <c r="K124" s="515" t="s">
        <v>3104</v>
      </c>
      <c r="L124" s="657" t="s">
        <v>1362</v>
      </c>
      <c r="M124" s="654" t="s">
        <v>2996</v>
      </c>
      <c r="N124" s="654" t="s">
        <v>81</v>
      </c>
      <c r="O124" s="657" t="s">
        <v>3331</v>
      </c>
      <c r="P124" s="657" t="s">
        <v>53</v>
      </c>
      <c r="Q124" s="654" t="s">
        <v>181</v>
      </c>
      <c r="R124" s="654"/>
      <c r="S124" s="654"/>
      <c r="T124" s="723">
        <v>80068.5</v>
      </c>
      <c r="U124" s="723"/>
      <c r="V124" s="654" t="s">
        <v>64</v>
      </c>
      <c r="W124" s="723">
        <f t="shared" si="157"/>
        <v>0</v>
      </c>
      <c r="X124" s="745">
        <f t="shared" si="158"/>
        <v>80068.5</v>
      </c>
      <c r="Y124" s="723" t="s">
        <v>3106</v>
      </c>
      <c r="Z124" s="723"/>
      <c r="AA124" s="652" t="s">
        <v>82</v>
      </c>
      <c r="AB124" s="893"/>
      <c r="AC124" s="893"/>
      <c r="AD124" s="746" t="s">
        <v>66</v>
      </c>
      <c r="AE124" s="893"/>
      <c r="AF124" s="893"/>
      <c r="AG124" s="746"/>
      <c r="AH124" s="893"/>
      <c r="AI124" s="893"/>
      <c r="AJ124" s="893"/>
      <c r="AK124" s="893"/>
      <c r="AL124" s="893"/>
      <c r="AM124" s="893"/>
      <c r="AN124" s="893"/>
      <c r="AO124" s="893"/>
      <c r="AP124" s="893"/>
      <c r="AQ124" s="893"/>
      <c r="AR124" s="893"/>
      <c r="AS124" s="893"/>
      <c r="AT124" s="893"/>
      <c r="AU124" s="893"/>
      <c r="AV124" s="893"/>
      <c r="AW124" s="893"/>
      <c r="AX124" s="893"/>
      <c r="AY124" s="893"/>
      <c r="AZ124" s="893"/>
      <c r="BA124" s="893"/>
      <c r="BB124" s="893"/>
      <c r="BC124" s="893"/>
      <c r="BD124" s="893"/>
      <c r="BE124" s="893"/>
      <c r="BF124" s="893"/>
      <c r="BG124" s="746"/>
      <c r="BH124" s="746"/>
      <c r="BI124" s="746"/>
      <c r="BJ124" s="746"/>
      <c r="BK124" s="746"/>
      <c r="BL124" s="746"/>
      <c r="BM124" s="746"/>
      <c r="BN124" s="746"/>
      <c r="BO124" s="746"/>
      <c r="BP124" s="746"/>
      <c r="BQ124" s="746"/>
      <c r="BR124" s="746"/>
      <c r="BS124" s="884">
        <f t="shared" si="102"/>
        <v>450</v>
      </c>
      <c r="BT124" s="661">
        <f t="shared" si="142"/>
        <v>177.93</v>
      </c>
      <c r="BU124" s="661"/>
      <c r="BV124" s="898" t="str">
        <f t="shared" si="159"/>
        <v/>
      </c>
      <c r="BW124" s="898" t="str">
        <f t="shared" si="160"/>
        <v/>
      </c>
      <c r="BX124" s="898">
        <f t="shared" si="161"/>
        <v>80068.5</v>
      </c>
      <c r="BY124" s="898" t="str">
        <f t="shared" si="162"/>
        <v/>
      </c>
      <c r="BZ124" s="898" t="str">
        <f t="shared" si="163"/>
        <v/>
      </c>
      <c r="CA124" s="898" t="str">
        <f t="shared" si="164"/>
        <v/>
      </c>
      <c r="CB124" s="898" t="str">
        <f t="shared" si="165"/>
        <v/>
      </c>
      <c r="CC124" s="898" t="str">
        <f t="shared" si="166"/>
        <v/>
      </c>
      <c r="CD124" s="898" t="str">
        <f t="shared" si="167"/>
        <v/>
      </c>
      <c r="CE124" s="898" t="str">
        <f t="shared" si="168"/>
        <v/>
      </c>
      <c r="CF124" s="898" t="str">
        <f t="shared" si="169"/>
        <v/>
      </c>
      <c r="CG124" s="898" t="str">
        <f t="shared" si="170"/>
        <v/>
      </c>
      <c r="CH124" s="898" t="str">
        <f t="shared" si="171"/>
        <v/>
      </c>
      <c r="CI124" s="898" t="str">
        <f t="shared" si="172"/>
        <v/>
      </c>
      <c r="CJ124" s="898" t="str">
        <f t="shared" si="173"/>
        <v/>
      </c>
      <c r="CK124" s="898" t="str">
        <f t="shared" si="174"/>
        <v/>
      </c>
      <c r="CL124" s="898" t="str">
        <f t="shared" si="175"/>
        <v/>
      </c>
      <c r="CM124" s="898" t="str">
        <f t="shared" si="176"/>
        <v/>
      </c>
      <c r="CN124" s="898" t="str">
        <f t="shared" si="177"/>
        <v/>
      </c>
      <c r="CO124" s="898" t="str">
        <f t="shared" si="178"/>
        <v/>
      </c>
      <c r="CP124" s="898" t="str">
        <f t="shared" si="179"/>
        <v/>
      </c>
      <c r="CQ124" s="898" t="str">
        <f t="shared" si="180"/>
        <v/>
      </c>
      <c r="CR124" s="898" t="str">
        <f t="shared" si="181"/>
        <v/>
      </c>
      <c r="CS124" s="898" t="str">
        <f t="shared" si="182"/>
        <v/>
      </c>
      <c r="CT124" s="898" t="str">
        <f t="shared" si="183"/>
        <v/>
      </c>
      <c r="CU124" s="898" t="str">
        <f t="shared" si="184"/>
        <v/>
      </c>
      <c r="CV124" s="898" t="str">
        <f t="shared" si="185"/>
        <v/>
      </c>
      <c r="CW124" s="898" t="str">
        <f t="shared" si="186"/>
        <v/>
      </c>
      <c r="CX124" s="898" t="str">
        <f t="shared" si="187"/>
        <v/>
      </c>
      <c r="CY124" s="898" t="str">
        <f t="shared" si="188"/>
        <v/>
      </c>
      <c r="CZ124" s="898" t="str">
        <f t="shared" si="189"/>
        <v/>
      </c>
      <c r="DA124" s="898"/>
      <c r="DB124" s="898"/>
      <c r="DC124" s="898"/>
      <c r="DD124" s="898"/>
      <c r="DE124" s="898"/>
      <c r="DF124" s="898"/>
      <c r="DG124" s="898"/>
      <c r="DH124" s="898"/>
      <c r="DI124" s="898"/>
      <c r="DJ124" s="898"/>
      <c r="DK124" s="898"/>
      <c r="DL124" s="898"/>
      <c r="DM124" s="661">
        <f t="shared" si="104"/>
        <v>80068.5</v>
      </c>
      <c r="DN124" s="898">
        <f t="shared" si="105"/>
        <v>0</v>
      </c>
      <c r="DO124" s="516">
        <f t="shared" si="106"/>
        <v>0</v>
      </c>
      <c r="DP124" s="898">
        <f t="shared" si="107"/>
        <v>0</v>
      </c>
      <c r="DQ124" s="483" t="s">
        <v>3708</v>
      </c>
      <c r="DR124" s="483" t="s">
        <v>3709</v>
      </c>
      <c r="DS124" s="483" t="s">
        <v>3098</v>
      </c>
      <c r="DT124" s="632"/>
    </row>
    <row r="125" spans="1:124" s="613" customFormat="1" ht="99.75" x14ac:dyDescent="0.2">
      <c r="A125" s="484" t="str">
        <f t="shared" si="101"/>
        <v>Contribution towards allotments in Paradise (Hm04)</v>
      </c>
      <c r="B125" s="1163">
        <v>122</v>
      </c>
      <c r="C125" s="904" t="s">
        <v>3716</v>
      </c>
      <c r="D125" s="481" t="s">
        <v>2481</v>
      </c>
      <c r="E125" s="481" t="s">
        <v>53</v>
      </c>
      <c r="F125" s="481" t="s">
        <v>515</v>
      </c>
      <c r="G125" s="654" t="s">
        <v>533</v>
      </c>
      <c r="H125" s="484" t="s">
        <v>3717</v>
      </c>
      <c r="I125" s="654"/>
      <c r="J125" s="78" t="s">
        <v>3718</v>
      </c>
      <c r="K125" s="515" t="s">
        <v>3104</v>
      </c>
      <c r="L125" s="657" t="s">
        <v>1363</v>
      </c>
      <c r="M125" s="654" t="s">
        <v>2996</v>
      </c>
      <c r="N125" s="654" t="s">
        <v>81</v>
      </c>
      <c r="O125" s="657" t="s">
        <v>3331</v>
      </c>
      <c r="P125" s="657" t="s">
        <v>53</v>
      </c>
      <c r="Q125" s="654" t="s">
        <v>559</v>
      </c>
      <c r="R125" s="654"/>
      <c r="S125" s="654"/>
      <c r="T125" s="723">
        <v>62275.5</v>
      </c>
      <c r="U125" s="723"/>
      <c r="V125" s="654" t="s">
        <v>64</v>
      </c>
      <c r="W125" s="723">
        <f t="shared" si="157"/>
        <v>0</v>
      </c>
      <c r="X125" s="745">
        <f t="shared" si="158"/>
        <v>62275.5</v>
      </c>
      <c r="Y125" s="723" t="s">
        <v>3106</v>
      </c>
      <c r="Z125" s="723"/>
      <c r="AA125" s="652" t="s">
        <v>82</v>
      </c>
      <c r="AB125" s="893"/>
      <c r="AC125" s="893"/>
      <c r="AD125" s="893"/>
      <c r="AE125" s="746" t="s">
        <v>66</v>
      </c>
      <c r="AF125" s="893"/>
      <c r="AG125" s="746"/>
      <c r="AH125" s="893"/>
      <c r="AI125" s="893"/>
      <c r="AJ125" s="893"/>
      <c r="AK125" s="893"/>
      <c r="AL125" s="893"/>
      <c r="AM125" s="893"/>
      <c r="AN125" s="893"/>
      <c r="AO125" s="893"/>
      <c r="AP125" s="893"/>
      <c r="AQ125" s="893"/>
      <c r="AR125" s="893"/>
      <c r="AS125" s="893"/>
      <c r="AT125" s="893"/>
      <c r="AU125" s="893"/>
      <c r="AV125" s="893"/>
      <c r="AW125" s="893"/>
      <c r="AX125" s="893"/>
      <c r="AY125" s="893"/>
      <c r="AZ125" s="893"/>
      <c r="BA125" s="893"/>
      <c r="BB125" s="893"/>
      <c r="BC125" s="893"/>
      <c r="BD125" s="893"/>
      <c r="BE125" s="893"/>
      <c r="BF125" s="893"/>
      <c r="BG125" s="746"/>
      <c r="BH125" s="746"/>
      <c r="BI125" s="746"/>
      <c r="BJ125" s="746"/>
      <c r="BK125" s="746"/>
      <c r="BL125" s="746"/>
      <c r="BM125" s="746"/>
      <c r="BN125" s="746"/>
      <c r="BO125" s="746"/>
      <c r="BP125" s="746"/>
      <c r="BQ125" s="746"/>
      <c r="BR125" s="746"/>
      <c r="BS125" s="884">
        <f t="shared" si="102"/>
        <v>350</v>
      </c>
      <c r="BT125" s="661">
        <f t="shared" si="142"/>
        <v>177.93</v>
      </c>
      <c r="BU125" s="661"/>
      <c r="BV125" s="898" t="str">
        <f t="shared" si="159"/>
        <v/>
      </c>
      <c r="BW125" s="898" t="str">
        <f t="shared" si="160"/>
        <v/>
      </c>
      <c r="BX125" s="898" t="str">
        <f t="shared" si="161"/>
        <v/>
      </c>
      <c r="BY125" s="898">
        <f t="shared" si="162"/>
        <v>62275.5</v>
      </c>
      <c r="BZ125" s="898" t="str">
        <f t="shared" si="163"/>
        <v/>
      </c>
      <c r="CA125" s="898" t="str">
        <f t="shared" si="164"/>
        <v/>
      </c>
      <c r="CB125" s="898" t="str">
        <f t="shared" si="165"/>
        <v/>
      </c>
      <c r="CC125" s="898" t="str">
        <f t="shared" si="166"/>
        <v/>
      </c>
      <c r="CD125" s="898" t="str">
        <f t="shared" si="167"/>
        <v/>
      </c>
      <c r="CE125" s="898" t="str">
        <f t="shared" si="168"/>
        <v/>
      </c>
      <c r="CF125" s="898" t="str">
        <f t="shared" si="169"/>
        <v/>
      </c>
      <c r="CG125" s="898" t="str">
        <f t="shared" si="170"/>
        <v/>
      </c>
      <c r="CH125" s="898" t="str">
        <f t="shared" si="171"/>
        <v/>
      </c>
      <c r="CI125" s="898" t="str">
        <f t="shared" si="172"/>
        <v/>
      </c>
      <c r="CJ125" s="898" t="str">
        <f t="shared" si="173"/>
        <v/>
      </c>
      <c r="CK125" s="898" t="str">
        <f t="shared" si="174"/>
        <v/>
      </c>
      <c r="CL125" s="898" t="str">
        <f t="shared" si="175"/>
        <v/>
      </c>
      <c r="CM125" s="898" t="str">
        <f t="shared" si="176"/>
        <v/>
      </c>
      <c r="CN125" s="898" t="str">
        <f t="shared" si="177"/>
        <v/>
      </c>
      <c r="CO125" s="898" t="str">
        <f t="shared" si="178"/>
        <v/>
      </c>
      <c r="CP125" s="898" t="str">
        <f t="shared" si="179"/>
        <v/>
      </c>
      <c r="CQ125" s="898" t="str">
        <f t="shared" si="180"/>
        <v/>
      </c>
      <c r="CR125" s="898" t="str">
        <f t="shared" si="181"/>
        <v/>
      </c>
      <c r="CS125" s="898" t="str">
        <f t="shared" si="182"/>
        <v/>
      </c>
      <c r="CT125" s="898" t="str">
        <f t="shared" si="183"/>
        <v/>
      </c>
      <c r="CU125" s="898" t="str">
        <f t="shared" si="184"/>
        <v/>
      </c>
      <c r="CV125" s="898" t="str">
        <f t="shared" si="185"/>
        <v/>
      </c>
      <c r="CW125" s="898" t="str">
        <f t="shared" si="186"/>
        <v/>
      </c>
      <c r="CX125" s="898" t="str">
        <f t="shared" si="187"/>
        <v/>
      </c>
      <c r="CY125" s="898" t="str">
        <f t="shared" si="188"/>
        <v/>
      </c>
      <c r="CZ125" s="898" t="str">
        <f t="shared" si="189"/>
        <v/>
      </c>
      <c r="DA125" s="898"/>
      <c r="DB125" s="898"/>
      <c r="DC125" s="898"/>
      <c r="DD125" s="898"/>
      <c r="DE125" s="898"/>
      <c r="DF125" s="898"/>
      <c r="DG125" s="898"/>
      <c r="DH125" s="898"/>
      <c r="DI125" s="898"/>
      <c r="DJ125" s="898"/>
      <c r="DK125" s="898"/>
      <c r="DL125" s="898"/>
      <c r="DM125" s="661">
        <f t="shared" si="104"/>
        <v>62275.5</v>
      </c>
      <c r="DN125" s="898">
        <f t="shared" si="105"/>
        <v>0</v>
      </c>
      <c r="DO125" s="516">
        <f t="shared" si="106"/>
        <v>0</v>
      </c>
      <c r="DP125" s="898">
        <f t="shared" si="107"/>
        <v>0</v>
      </c>
      <c r="DQ125" s="483" t="s">
        <v>3708</v>
      </c>
      <c r="DR125" s="483" t="s">
        <v>3709</v>
      </c>
      <c r="DS125" s="483" t="s">
        <v>3098</v>
      </c>
      <c r="DT125" s="632"/>
    </row>
    <row r="126" spans="1:124" s="613" customFormat="1" ht="99.75" x14ac:dyDescent="0.2">
      <c r="A126" s="484" t="str">
        <f t="shared" si="101"/>
        <v>Contribution towards allotments in Riverside (Hm06)</v>
      </c>
      <c r="B126" s="1163">
        <v>123</v>
      </c>
      <c r="C126" s="904" t="s">
        <v>3719</v>
      </c>
      <c r="D126" s="481" t="s">
        <v>2481</v>
      </c>
      <c r="E126" s="481" t="s">
        <v>53</v>
      </c>
      <c r="F126" s="481" t="s">
        <v>515</v>
      </c>
      <c r="G126" s="654" t="s">
        <v>533</v>
      </c>
      <c r="H126" s="484" t="s">
        <v>3720</v>
      </c>
      <c r="I126" s="654"/>
      <c r="J126" s="78" t="s">
        <v>3721</v>
      </c>
      <c r="K126" s="515" t="s">
        <v>3104</v>
      </c>
      <c r="L126" s="657" t="s">
        <v>1364</v>
      </c>
      <c r="M126" s="654" t="s">
        <v>2996</v>
      </c>
      <c r="N126" s="654" t="s">
        <v>81</v>
      </c>
      <c r="O126" s="657" t="s">
        <v>3331</v>
      </c>
      <c r="P126" s="657" t="s">
        <v>53</v>
      </c>
      <c r="Q126" s="654" t="s">
        <v>71</v>
      </c>
      <c r="R126" s="654"/>
      <c r="S126" s="654"/>
      <c r="T126" s="723">
        <v>88965</v>
      </c>
      <c r="U126" s="723"/>
      <c r="V126" s="654" t="s">
        <v>64</v>
      </c>
      <c r="W126" s="723">
        <f t="shared" si="157"/>
        <v>0</v>
      </c>
      <c r="X126" s="745">
        <f t="shared" si="158"/>
        <v>88965</v>
      </c>
      <c r="Y126" s="723" t="s">
        <v>3106</v>
      </c>
      <c r="Z126" s="723"/>
      <c r="AA126" s="652" t="s">
        <v>82</v>
      </c>
      <c r="AB126" s="893"/>
      <c r="AC126" s="893"/>
      <c r="AD126" s="893"/>
      <c r="AE126" s="893"/>
      <c r="AF126" s="746" t="s">
        <v>66</v>
      </c>
      <c r="AG126" s="746"/>
      <c r="AH126" s="893"/>
      <c r="AI126" s="893"/>
      <c r="AJ126" s="893"/>
      <c r="AK126" s="893"/>
      <c r="AL126" s="893"/>
      <c r="AM126" s="893"/>
      <c r="AN126" s="893"/>
      <c r="AO126" s="893"/>
      <c r="AP126" s="893"/>
      <c r="AQ126" s="893"/>
      <c r="AR126" s="893"/>
      <c r="AS126" s="893"/>
      <c r="AT126" s="893"/>
      <c r="AU126" s="893"/>
      <c r="AV126" s="893"/>
      <c r="AW126" s="893"/>
      <c r="AX126" s="893"/>
      <c r="AY126" s="893"/>
      <c r="AZ126" s="893"/>
      <c r="BA126" s="893"/>
      <c r="BB126" s="893"/>
      <c r="BC126" s="893"/>
      <c r="BD126" s="893"/>
      <c r="BE126" s="893"/>
      <c r="BF126" s="893"/>
      <c r="BG126" s="746"/>
      <c r="BH126" s="746"/>
      <c r="BI126" s="746"/>
      <c r="BJ126" s="746"/>
      <c r="BK126" s="746"/>
      <c r="BL126" s="746"/>
      <c r="BM126" s="746"/>
      <c r="BN126" s="746"/>
      <c r="BO126" s="746"/>
      <c r="BP126" s="746"/>
      <c r="BQ126" s="746"/>
      <c r="BR126" s="746"/>
      <c r="BS126" s="884">
        <f t="shared" si="102"/>
        <v>500</v>
      </c>
      <c r="BT126" s="661">
        <f t="shared" si="142"/>
        <v>177.93</v>
      </c>
      <c r="BU126" s="661"/>
      <c r="BV126" s="898" t="str">
        <f t="shared" si="159"/>
        <v/>
      </c>
      <c r="BW126" s="898" t="str">
        <f t="shared" si="160"/>
        <v/>
      </c>
      <c r="BX126" s="898" t="str">
        <f t="shared" si="161"/>
        <v/>
      </c>
      <c r="BY126" s="898" t="str">
        <f t="shared" si="162"/>
        <v/>
      </c>
      <c r="BZ126" s="898">
        <f t="shared" si="163"/>
        <v>88965</v>
      </c>
      <c r="CA126" s="898" t="str">
        <f t="shared" si="164"/>
        <v/>
      </c>
      <c r="CB126" s="898" t="str">
        <f t="shared" si="165"/>
        <v/>
      </c>
      <c r="CC126" s="898" t="str">
        <f t="shared" si="166"/>
        <v/>
      </c>
      <c r="CD126" s="898" t="str">
        <f t="shared" si="167"/>
        <v/>
      </c>
      <c r="CE126" s="898" t="str">
        <f t="shared" si="168"/>
        <v/>
      </c>
      <c r="CF126" s="898" t="str">
        <f t="shared" si="169"/>
        <v/>
      </c>
      <c r="CG126" s="898" t="str">
        <f t="shared" si="170"/>
        <v/>
      </c>
      <c r="CH126" s="898" t="str">
        <f t="shared" si="171"/>
        <v/>
      </c>
      <c r="CI126" s="898" t="str">
        <f t="shared" si="172"/>
        <v/>
      </c>
      <c r="CJ126" s="898" t="str">
        <f t="shared" si="173"/>
        <v/>
      </c>
      <c r="CK126" s="898" t="str">
        <f t="shared" si="174"/>
        <v/>
      </c>
      <c r="CL126" s="898" t="str">
        <f t="shared" si="175"/>
        <v/>
      </c>
      <c r="CM126" s="898" t="str">
        <f t="shared" si="176"/>
        <v/>
      </c>
      <c r="CN126" s="898" t="str">
        <f t="shared" si="177"/>
        <v/>
      </c>
      <c r="CO126" s="898" t="str">
        <f t="shared" si="178"/>
        <v/>
      </c>
      <c r="CP126" s="898" t="str">
        <f t="shared" si="179"/>
        <v/>
      </c>
      <c r="CQ126" s="898" t="str">
        <f t="shared" si="180"/>
        <v/>
      </c>
      <c r="CR126" s="898" t="str">
        <f t="shared" si="181"/>
        <v/>
      </c>
      <c r="CS126" s="898" t="str">
        <f t="shared" si="182"/>
        <v/>
      </c>
      <c r="CT126" s="898" t="str">
        <f t="shared" si="183"/>
        <v/>
      </c>
      <c r="CU126" s="898" t="str">
        <f t="shared" si="184"/>
        <v/>
      </c>
      <c r="CV126" s="898" t="str">
        <f t="shared" si="185"/>
        <v/>
      </c>
      <c r="CW126" s="898" t="str">
        <f t="shared" si="186"/>
        <v/>
      </c>
      <c r="CX126" s="898" t="str">
        <f t="shared" si="187"/>
        <v/>
      </c>
      <c r="CY126" s="898" t="str">
        <f t="shared" si="188"/>
        <v/>
      </c>
      <c r="CZ126" s="898" t="str">
        <f t="shared" si="189"/>
        <v/>
      </c>
      <c r="DA126" s="898"/>
      <c r="DB126" s="898"/>
      <c r="DC126" s="898"/>
      <c r="DD126" s="898"/>
      <c r="DE126" s="898"/>
      <c r="DF126" s="898"/>
      <c r="DG126" s="898"/>
      <c r="DH126" s="898"/>
      <c r="DI126" s="898"/>
      <c r="DJ126" s="898"/>
      <c r="DK126" s="898"/>
      <c r="DL126" s="898"/>
      <c r="DM126" s="661">
        <f t="shared" si="104"/>
        <v>88965</v>
      </c>
      <c r="DN126" s="898">
        <f t="shared" si="105"/>
        <v>0</v>
      </c>
      <c r="DO126" s="516">
        <f t="shared" si="106"/>
        <v>0</v>
      </c>
      <c r="DP126" s="898">
        <f t="shared" si="107"/>
        <v>0</v>
      </c>
      <c r="DQ126" s="483" t="s">
        <v>3708</v>
      </c>
      <c r="DR126" s="483" t="s">
        <v>3709</v>
      </c>
      <c r="DS126" s="483" t="s">
        <v>3098</v>
      </c>
      <c r="DT126" s="632"/>
    </row>
    <row r="127" spans="1:124" s="613" customFormat="1" ht="99.75" x14ac:dyDescent="0.2">
      <c r="A127" s="484" t="str">
        <f t="shared" si="101"/>
        <v>Contribution towards allotments in Symbio Site, Whiteleaf Road (Hm07)</v>
      </c>
      <c r="B127" s="1163">
        <v>124</v>
      </c>
      <c r="C127" s="904" t="s">
        <v>3722</v>
      </c>
      <c r="D127" s="481" t="s">
        <v>2481</v>
      </c>
      <c r="E127" s="481" t="s">
        <v>53</v>
      </c>
      <c r="F127" s="481" t="s">
        <v>515</v>
      </c>
      <c r="G127" s="654" t="s">
        <v>533</v>
      </c>
      <c r="H127" s="484" t="s">
        <v>3723</v>
      </c>
      <c r="I127" s="654"/>
      <c r="J127" s="78" t="s">
        <v>3724</v>
      </c>
      <c r="K127" s="515" t="s">
        <v>3104</v>
      </c>
      <c r="L127" s="657" t="s">
        <v>1366</v>
      </c>
      <c r="M127" s="654" t="s">
        <v>2996</v>
      </c>
      <c r="N127" s="654" t="s">
        <v>81</v>
      </c>
      <c r="O127" s="657" t="s">
        <v>3331</v>
      </c>
      <c r="P127" s="657" t="s">
        <v>53</v>
      </c>
      <c r="Q127" s="654" t="s">
        <v>380</v>
      </c>
      <c r="R127" s="654"/>
      <c r="S127" s="654"/>
      <c r="T127" s="723">
        <v>17793</v>
      </c>
      <c r="U127" s="723"/>
      <c r="V127" s="654" t="s">
        <v>64</v>
      </c>
      <c r="W127" s="723">
        <f t="shared" si="157"/>
        <v>0</v>
      </c>
      <c r="X127" s="745">
        <f t="shared" si="158"/>
        <v>17793</v>
      </c>
      <c r="Y127" s="723" t="s">
        <v>3106</v>
      </c>
      <c r="Z127" s="723"/>
      <c r="AA127" s="652" t="s">
        <v>82</v>
      </c>
      <c r="AB127" s="893"/>
      <c r="AC127" s="893"/>
      <c r="AD127" s="893"/>
      <c r="AE127" s="893"/>
      <c r="AF127" s="893"/>
      <c r="AG127" s="746"/>
      <c r="AH127" s="746" t="s">
        <v>66</v>
      </c>
      <c r="AI127" s="893"/>
      <c r="AJ127" s="893"/>
      <c r="AK127" s="893"/>
      <c r="AL127" s="893"/>
      <c r="AM127" s="893"/>
      <c r="AN127" s="893"/>
      <c r="AO127" s="893"/>
      <c r="AP127" s="893"/>
      <c r="AQ127" s="893"/>
      <c r="AR127" s="893"/>
      <c r="AS127" s="893"/>
      <c r="AT127" s="893"/>
      <c r="AU127" s="893"/>
      <c r="AV127" s="893"/>
      <c r="AW127" s="893"/>
      <c r="AX127" s="893"/>
      <c r="AY127" s="893"/>
      <c r="AZ127" s="893"/>
      <c r="BA127" s="893"/>
      <c r="BB127" s="893"/>
      <c r="BC127" s="893"/>
      <c r="BD127" s="893"/>
      <c r="BE127" s="893"/>
      <c r="BF127" s="893"/>
      <c r="BG127" s="746"/>
      <c r="BH127" s="746"/>
      <c r="BI127" s="746"/>
      <c r="BJ127" s="746"/>
      <c r="BK127" s="746"/>
      <c r="BL127" s="746"/>
      <c r="BM127" s="746"/>
      <c r="BN127" s="746"/>
      <c r="BO127" s="746"/>
      <c r="BP127" s="746"/>
      <c r="BQ127" s="746"/>
      <c r="BR127" s="746"/>
      <c r="BS127" s="884">
        <f t="shared" si="102"/>
        <v>100</v>
      </c>
      <c r="BT127" s="661">
        <f t="shared" si="142"/>
        <v>177.93</v>
      </c>
      <c r="BU127" s="661"/>
      <c r="BV127" s="898" t="str">
        <f t="shared" si="159"/>
        <v/>
      </c>
      <c r="BW127" s="898" t="str">
        <f t="shared" si="160"/>
        <v/>
      </c>
      <c r="BX127" s="898" t="str">
        <f t="shared" si="161"/>
        <v/>
      </c>
      <c r="BY127" s="898" t="str">
        <f t="shared" si="162"/>
        <v/>
      </c>
      <c r="BZ127" s="898" t="str">
        <f t="shared" si="163"/>
        <v/>
      </c>
      <c r="CA127" s="898" t="str">
        <f t="shared" si="164"/>
        <v/>
      </c>
      <c r="CB127" s="898">
        <f t="shared" si="165"/>
        <v>17793</v>
      </c>
      <c r="CC127" s="898" t="str">
        <f t="shared" si="166"/>
        <v/>
      </c>
      <c r="CD127" s="898" t="str">
        <f t="shared" si="167"/>
        <v/>
      </c>
      <c r="CE127" s="898" t="str">
        <f t="shared" si="168"/>
        <v/>
      </c>
      <c r="CF127" s="898" t="str">
        <f t="shared" si="169"/>
        <v/>
      </c>
      <c r="CG127" s="898" t="str">
        <f t="shared" si="170"/>
        <v/>
      </c>
      <c r="CH127" s="898" t="str">
        <f t="shared" si="171"/>
        <v/>
      </c>
      <c r="CI127" s="898" t="str">
        <f t="shared" si="172"/>
        <v/>
      </c>
      <c r="CJ127" s="898" t="str">
        <f t="shared" si="173"/>
        <v/>
      </c>
      <c r="CK127" s="898" t="str">
        <f t="shared" si="174"/>
        <v/>
      </c>
      <c r="CL127" s="898" t="str">
        <f t="shared" si="175"/>
        <v/>
      </c>
      <c r="CM127" s="898" t="str">
        <f t="shared" si="176"/>
        <v/>
      </c>
      <c r="CN127" s="898" t="str">
        <f t="shared" si="177"/>
        <v/>
      </c>
      <c r="CO127" s="898" t="str">
        <f t="shared" si="178"/>
        <v/>
      </c>
      <c r="CP127" s="898" t="str">
        <f t="shared" si="179"/>
        <v/>
      </c>
      <c r="CQ127" s="898" t="str">
        <f t="shared" si="180"/>
        <v/>
      </c>
      <c r="CR127" s="898" t="str">
        <f t="shared" si="181"/>
        <v/>
      </c>
      <c r="CS127" s="898" t="str">
        <f t="shared" si="182"/>
        <v/>
      </c>
      <c r="CT127" s="898" t="str">
        <f t="shared" si="183"/>
        <v/>
      </c>
      <c r="CU127" s="898" t="str">
        <f t="shared" si="184"/>
        <v/>
      </c>
      <c r="CV127" s="898" t="str">
        <f t="shared" si="185"/>
        <v/>
      </c>
      <c r="CW127" s="898" t="str">
        <f t="shared" si="186"/>
        <v/>
      </c>
      <c r="CX127" s="898" t="str">
        <f t="shared" si="187"/>
        <v/>
      </c>
      <c r="CY127" s="898" t="str">
        <f t="shared" si="188"/>
        <v/>
      </c>
      <c r="CZ127" s="898" t="str">
        <f t="shared" si="189"/>
        <v/>
      </c>
      <c r="DA127" s="898"/>
      <c r="DB127" s="898"/>
      <c r="DC127" s="898"/>
      <c r="DD127" s="898"/>
      <c r="DE127" s="898"/>
      <c r="DF127" s="898"/>
      <c r="DG127" s="898"/>
      <c r="DH127" s="898"/>
      <c r="DI127" s="898"/>
      <c r="DJ127" s="898"/>
      <c r="DK127" s="898"/>
      <c r="DL127" s="898"/>
      <c r="DM127" s="661">
        <f t="shared" si="104"/>
        <v>17793</v>
      </c>
      <c r="DN127" s="898">
        <f t="shared" si="105"/>
        <v>0</v>
      </c>
      <c r="DO127" s="516">
        <f t="shared" si="106"/>
        <v>0</v>
      </c>
      <c r="DP127" s="898">
        <f t="shared" si="107"/>
        <v>0</v>
      </c>
      <c r="DQ127" s="483" t="s">
        <v>3708</v>
      </c>
      <c r="DR127" s="483" t="s">
        <v>3709</v>
      </c>
      <c r="DS127" s="483" t="s">
        <v>3098</v>
      </c>
      <c r="DT127" s="632"/>
    </row>
    <row r="128" spans="1:124" s="613" customFormat="1" ht="99.75" x14ac:dyDescent="0.2">
      <c r="A128" s="484" t="str">
        <f t="shared" si="101"/>
        <v>Contribution towards allotments in Hemel Hempstead Station Gateway (Hm08)</v>
      </c>
      <c r="B128" s="1163">
        <v>125</v>
      </c>
      <c r="C128" s="904" t="s">
        <v>3725</v>
      </c>
      <c r="D128" s="481" t="s">
        <v>2481</v>
      </c>
      <c r="E128" s="481" t="s">
        <v>53</v>
      </c>
      <c r="F128" s="481" t="s">
        <v>515</v>
      </c>
      <c r="G128" s="654" t="s">
        <v>533</v>
      </c>
      <c r="H128" s="484" t="s">
        <v>3726</v>
      </c>
      <c r="I128" s="654"/>
      <c r="J128" s="78" t="s">
        <v>3727</v>
      </c>
      <c r="K128" s="515" t="s">
        <v>3104</v>
      </c>
      <c r="L128" s="657" t="s">
        <v>1367</v>
      </c>
      <c r="M128" s="654" t="s">
        <v>2996</v>
      </c>
      <c r="N128" s="654" t="s">
        <v>81</v>
      </c>
      <c r="O128" s="657" t="s">
        <v>3331</v>
      </c>
      <c r="P128" s="657" t="s">
        <v>53</v>
      </c>
      <c r="Q128" s="654" t="s">
        <v>382</v>
      </c>
      <c r="R128" s="654"/>
      <c r="S128" s="654"/>
      <c r="T128" s="723">
        <v>69392.7</v>
      </c>
      <c r="U128" s="723"/>
      <c r="V128" s="654" t="s">
        <v>64</v>
      </c>
      <c r="W128" s="723">
        <f t="shared" si="157"/>
        <v>0</v>
      </c>
      <c r="X128" s="745">
        <f t="shared" si="158"/>
        <v>69392.7</v>
      </c>
      <c r="Y128" s="723" t="s">
        <v>3106</v>
      </c>
      <c r="Z128" s="723"/>
      <c r="AA128" s="652" t="s">
        <v>82</v>
      </c>
      <c r="AB128" s="893"/>
      <c r="AC128" s="893"/>
      <c r="AD128" s="893"/>
      <c r="AE128" s="893"/>
      <c r="AF128" s="893"/>
      <c r="AG128" s="746"/>
      <c r="AH128" s="893"/>
      <c r="AI128" s="746" t="s">
        <v>66</v>
      </c>
      <c r="AJ128" s="893"/>
      <c r="AK128" s="893"/>
      <c r="AL128" s="893"/>
      <c r="AM128" s="893"/>
      <c r="AN128" s="893"/>
      <c r="AO128" s="893"/>
      <c r="AP128" s="893"/>
      <c r="AQ128" s="893"/>
      <c r="AR128" s="893"/>
      <c r="AS128" s="893"/>
      <c r="AT128" s="893"/>
      <c r="AU128" s="893"/>
      <c r="AV128" s="893"/>
      <c r="AW128" s="893"/>
      <c r="AX128" s="893"/>
      <c r="AY128" s="893"/>
      <c r="AZ128" s="893"/>
      <c r="BA128" s="893"/>
      <c r="BB128" s="893"/>
      <c r="BC128" s="893"/>
      <c r="BD128" s="893"/>
      <c r="BE128" s="893"/>
      <c r="BF128" s="893"/>
      <c r="BG128" s="746"/>
      <c r="BH128" s="746"/>
      <c r="BI128" s="746"/>
      <c r="BJ128" s="746"/>
      <c r="BK128" s="746"/>
      <c r="BL128" s="746"/>
      <c r="BM128" s="746"/>
      <c r="BN128" s="746"/>
      <c r="BO128" s="746"/>
      <c r="BP128" s="746"/>
      <c r="BQ128" s="746"/>
      <c r="BR128" s="746"/>
      <c r="BS128" s="884">
        <f t="shared" si="102"/>
        <v>390</v>
      </c>
      <c r="BT128" s="661">
        <f t="shared" si="142"/>
        <v>177.92999999999998</v>
      </c>
      <c r="BU128" s="661"/>
      <c r="BV128" s="898" t="str">
        <f t="shared" si="159"/>
        <v/>
      </c>
      <c r="BW128" s="898" t="str">
        <f t="shared" si="160"/>
        <v/>
      </c>
      <c r="BX128" s="898" t="str">
        <f t="shared" si="161"/>
        <v/>
      </c>
      <c r="BY128" s="898" t="str">
        <f t="shared" si="162"/>
        <v/>
      </c>
      <c r="BZ128" s="898" t="str">
        <f t="shared" si="163"/>
        <v/>
      </c>
      <c r="CA128" s="898" t="str">
        <f t="shared" si="164"/>
        <v/>
      </c>
      <c r="CB128" s="898" t="str">
        <f t="shared" si="165"/>
        <v/>
      </c>
      <c r="CC128" s="898">
        <f t="shared" si="166"/>
        <v>69392.7</v>
      </c>
      <c r="CD128" s="898" t="str">
        <f t="shared" si="167"/>
        <v/>
      </c>
      <c r="CE128" s="898" t="str">
        <f t="shared" si="168"/>
        <v/>
      </c>
      <c r="CF128" s="898" t="str">
        <f t="shared" si="169"/>
        <v/>
      </c>
      <c r="CG128" s="898" t="str">
        <f t="shared" si="170"/>
        <v/>
      </c>
      <c r="CH128" s="898" t="str">
        <f t="shared" si="171"/>
        <v/>
      </c>
      <c r="CI128" s="898" t="str">
        <f t="shared" si="172"/>
        <v/>
      </c>
      <c r="CJ128" s="898" t="str">
        <f t="shared" si="173"/>
        <v/>
      </c>
      <c r="CK128" s="898" t="str">
        <f t="shared" si="174"/>
        <v/>
      </c>
      <c r="CL128" s="898" t="str">
        <f t="shared" si="175"/>
        <v/>
      </c>
      <c r="CM128" s="898" t="str">
        <f t="shared" si="176"/>
        <v/>
      </c>
      <c r="CN128" s="898" t="str">
        <f t="shared" si="177"/>
        <v/>
      </c>
      <c r="CO128" s="898" t="str">
        <f t="shared" si="178"/>
        <v/>
      </c>
      <c r="CP128" s="898" t="str">
        <f t="shared" si="179"/>
        <v/>
      </c>
      <c r="CQ128" s="898" t="str">
        <f t="shared" si="180"/>
        <v/>
      </c>
      <c r="CR128" s="898" t="str">
        <f t="shared" si="181"/>
        <v/>
      </c>
      <c r="CS128" s="898" t="str">
        <f t="shared" si="182"/>
        <v/>
      </c>
      <c r="CT128" s="898" t="str">
        <f t="shared" si="183"/>
        <v/>
      </c>
      <c r="CU128" s="898" t="str">
        <f t="shared" si="184"/>
        <v/>
      </c>
      <c r="CV128" s="898" t="str">
        <f t="shared" si="185"/>
        <v/>
      </c>
      <c r="CW128" s="898" t="str">
        <f t="shared" si="186"/>
        <v/>
      </c>
      <c r="CX128" s="898" t="str">
        <f t="shared" si="187"/>
        <v/>
      </c>
      <c r="CY128" s="898" t="str">
        <f t="shared" si="188"/>
        <v/>
      </c>
      <c r="CZ128" s="898" t="str">
        <f t="shared" si="189"/>
        <v/>
      </c>
      <c r="DA128" s="898"/>
      <c r="DB128" s="898"/>
      <c r="DC128" s="898"/>
      <c r="DD128" s="898"/>
      <c r="DE128" s="898"/>
      <c r="DF128" s="898"/>
      <c r="DG128" s="898"/>
      <c r="DH128" s="898"/>
      <c r="DI128" s="898"/>
      <c r="DJ128" s="898"/>
      <c r="DK128" s="898"/>
      <c r="DL128" s="898"/>
      <c r="DM128" s="661">
        <f t="shared" si="104"/>
        <v>69392.7</v>
      </c>
      <c r="DN128" s="898">
        <f t="shared" si="105"/>
        <v>0</v>
      </c>
      <c r="DO128" s="516">
        <f t="shared" si="106"/>
        <v>0</v>
      </c>
      <c r="DP128" s="898">
        <f t="shared" si="107"/>
        <v>0</v>
      </c>
      <c r="DQ128" s="483" t="s">
        <v>3708</v>
      </c>
      <c r="DR128" s="483" t="s">
        <v>3709</v>
      </c>
      <c r="DS128" s="483" t="s">
        <v>3098</v>
      </c>
      <c r="DT128" s="632"/>
    </row>
    <row r="129" spans="1:124" s="613" customFormat="1" ht="99.75" x14ac:dyDescent="0.2">
      <c r="A129" s="484" t="str">
        <f t="shared" si="101"/>
        <v>Contribution towards allotments in National Grid and 339-353 London Road (Hm09)</v>
      </c>
      <c r="B129" s="1163">
        <v>126</v>
      </c>
      <c r="C129" s="904" t="s">
        <v>3728</v>
      </c>
      <c r="D129" s="481" t="s">
        <v>2481</v>
      </c>
      <c r="E129" s="481" t="s">
        <v>53</v>
      </c>
      <c r="F129" s="481" t="s">
        <v>515</v>
      </c>
      <c r="G129" s="654" t="s">
        <v>533</v>
      </c>
      <c r="H129" s="484" t="s">
        <v>3729</v>
      </c>
      <c r="I129" s="654"/>
      <c r="J129" s="78" t="s">
        <v>3730</v>
      </c>
      <c r="K129" s="515" t="s">
        <v>3104</v>
      </c>
      <c r="L129" s="657" t="s">
        <v>1365</v>
      </c>
      <c r="M129" s="654" t="s">
        <v>2996</v>
      </c>
      <c r="N129" s="654" t="s">
        <v>81</v>
      </c>
      <c r="O129" s="657" t="s">
        <v>3331</v>
      </c>
      <c r="P129" s="657" t="s">
        <v>53</v>
      </c>
      <c r="Q129" s="654" t="s">
        <v>187</v>
      </c>
      <c r="R129" s="654"/>
      <c r="S129" s="654"/>
      <c r="T129" s="723">
        <v>85406.399999999994</v>
      </c>
      <c r="U129" s="723"/>
      <c r="V129" s="654" t="s">
        <v>64</v>
      </c>
      <c r="W129" s="723">
        <f t="shared" si="157"/>
        <v>0</v>
      </c>
      <c r="X129" s="745">
        <f t="shared" si="158"/>
        <v>85406.399999999994</v>
      </c>
      <c r="Y129" s="723" t="s">
        <v>3106</v>
      </c>
      <c r="Z129" s="723"/>
      <c r="AA129" s="652" t="s">
        <v>82</v>
      </c>
      <c r="AB129" s="893"/>
      <c r="AC129" s="893"/>
      <c r="AD129" s="893"/>
      <c r="AE129" s="893"/>
      <c r="AF129" s="893"/>
      <c r="AG129" s="746" t="s">
        <v>66</v>
      </c>
      <c r="AH129" s="893"/>
      <c r="AI129" s="893"/>
      <c r="AJ129" s="893"/>
      <c r="AK129" s="893"/>
      <c r="AL129" s="893"/>
      <c r="AM129" s="893"/>
      <c r="AN129" s="893"/>
      <c r="AO129" s="893"/>
      <c r="AP129" s="893"/>
      <c r="AQ129" s="893"/>
      <c r="AR129" s="893"/>
      <c r="AS129" s="893"/>
      <c r="AT129" s="893"/>
      <c r="AU129" s="893"/>
      <c r="AV129" s="893"/>
      <c r="AW129" s="893"/>
      <c r="AX129" s="893"/>
      <c r="AY129" s="893"/>
      <c r="AZ129" s="893"/>
      <c r="BA129" s="893"/>
      <c r="BB129" s="893"/>
      <c r="BC129" s="893"/>
      <c r="BD129" s="893"/>
      <c r="BE129" s="893"/>
      <c r="BF129" s="893"/>
      <c r="BG129" s="746"/>
      <c r="BH129" s="746"/>
      <c r="BI129" s="746"/>
      <c r="BJ129" s="746"/>
      <c r="BK129" s="746"/>
      <c r="BL129" s="746"/>
      <c r="BM129" s="746"/>
      <c r="BN129" s="746"/>
      <c r="BO129" s="746"/>
      <c r="BP129" s="746"/>
      <c r="BQ129" s="746"/>
      <c r="BR129" s="746"/>
      <c r="BS129" s="884">
        <f t="shared" si="102"/>
        <v>480</v>
      </c>
      <c r="BT129" s="661">
        <f t="shared" si="142"/>
        <v>177.92999999999998</v>
      </c>
      <c r="BU129" s="661"/>
      <c r="BV129" s="898" t="str">
        <f t="shared" si="159"/>
        <v/>
      </c>
      <c r="BW129" s="898" t="str">
        <f t="shared" si="160"/>
        <v/>
      </c>
      <c r="BX129" s="898" t="str">
        <f t="shared" si="161"/>
        <v/>
      </c>
      <c r="BY129" s="898" t="str">
        <f t="shared" si="162"/>
        <v/>
      </c>
      <c r="BZ129" s="898" t="str">
        <f t="shared" si="163"/>
        <v/>
      </c>
      <c r="CA129" s="898">
        <f t="shared" si="164"/>
        <v>85406.399999999994</v>
      </c>
      <c r="CB129" s="898" t="str">
        <f t="shared" si="165"/>
        <v/>
      </c>
      <c r="CC129" s="898" t="str">
        <f t="shared" si="166"/>
        <v/>
      </c>
      <c r="CD129" s="898" t="str">
        <f t="shared" si="167"/>
        <v/>
      </c>
      <c r="CE129" s="898" t="str">
        <f t="shared" si="168"/>
        <v/>
      </c>
      <c r="CF129" s="898" t="str">
        <f t="shared" si="169"/>
        <v/>
      </c>
      <c r="CG129" s="898" t="str">
        <f t="shared" si="170"/>
        <v/>
      </c>
      <c r="CH129" s="898" t="str">
        <f t="shared" si="171"/>
        <v/>
      </c>
      <c r="CI129" s="898" t="str">
        <f t="shared" si="172"/>
        <v/>
      </c>
      <c r="CJ129" s="898" t="str">
        <f t="shared" si="173"/>
        <v/>
      </c>
      <c r="CK129" s="898" t="str">
        <f t="shared" si="174"/>
        <v/>
      </c>
      <c r="CL129" s="898" t="str">
        <f t="shared" si="175"/>
        <v/>
      </c>
      <c r="CM129" s="898" t="str">
        <f t="shared" si="176"/>
        <v/>
      </c>
      <c r="CN129" s="898" t="str">
        <f t="shared" si="177"/>
        <v/>
      </c>
      <c r="CO129" s="898" t="str">
        <f t="shared" si="178"/>
        <v/>
      </c>
      <c r="CP129" s="898" t="str">
        <f t="shared" si="179"/>
        <v/>
      </c>
      <c r="CQ129" s="898" t="str">
        <f t="shared" si="180"/>
        <v/>
      </c>
      <c r="CR129" s="898" t="str">
        <f t="shared" si="181"/>
        <v/>
      </c>
      <c r="CS129" s="898" t="str">
        <f t="shared" si="182"/>
        <v/>
      </c>
      <c r="CT129" s="898" t="str">
        <f t="shared" si="183"/>
        <v/>
      </c>
      <c r="CU129" s="898" t="str">
        <f t="shared" si="184"/>
        <v/>
      </c>
      <c r="CV129" s="898" t="str">
        <f t="shared" si="185"/>
        <v/>
      </c>
      <c r="CW129" s="898" t="str">
        <f t="shared" si="186"/>
        <v/>
      </c>
      <c r="CX129" s="898" t="str">
        <f t="shared" si="187"/>
        <v/>
      </c>
      <c r="CY129" s="898" t="str">
        <f t="shared" si="188"/>
        <v/>
      </c>
      <c r="CZ129" s="898" t="str">
        <f t="shared" si="189"/>
        <v/>
      </c>
      <c r="DA129" s="898"/>
      <c r="DB129" s="898"/>
      <c r="DC129" s="898"/>
      <c r="DD129" s="898"/>
      <c r="DE129" s="898"/>
      <c r="DF129" s="898"/>
      <c r="DG129" s="898"/>
      <c r="DH129" s="898"/>
      <c r="DI129" s="898"/>
      <c r="DJ129" s="898"/>
      <c r="DK129" s="898"/>
      <c r="DL129" s="898"/>
      <c r="DM129" s="661">
        <f t="shared" si="104"/>
        <v>85406.399999999994</v>
      </c>
      <c r="DN129" s="898">
        <f t="shared" si="105"/>
        <v>0</v>
      </c>
      <c r="DO129" s="516">
        <f t="shared" si="106"/>
        <v>0</v>
      </c>
      <c r="DP129" s="898">
        <f t="shared" si="107"/>
        <v>0</v>
      </c>
      <c r="DQ129" s="483" t="s">
        <v>3708</v>
      </c>
      <c r="DR129" s="483" t="s">
        <v>3709</v>
      </c>
      <c r="DS129" s="483" t="s">
        <v>3098</v>
      </c>
      <c r="DT129" s="632"/>
    </row>
    <row r="130" spans="1:124" s="613" customFormat="1" ht="99.75" x14ac:dyDescent="0.2">
      <c r="A130" s="484" t="str">
        <f t="shared" si="101"/>
        <v xml:space="preserve">Contribution towards allotments in Apsley Mills Retail Park (Hm10) </v>
      </c>
      <c r="B130" s="1163">
        <v>127</v>
      </c>
      <c r="C130" s="904" t="s">
        <v>3731</v>
      </c>
      <c r="D130" s="481" t="s">
        <v>2481</v>
      </c>
      <c r="E130" s="481" t="s">
        <v>53</v>
      </c>
      <c r="F130" s="481" t="s">
        <v>515</v>
      </c>
      <c r="G130" s="654" t="s">
        <v>533</v>
      </c>
      <c r="H130" s="484" t="s">
        <v>3732</v>
      </c>
      <c r="I130" s="654"/>
      <c r="J130" s="78" t="s">
        <v>3733</v>
      </c>
      <c r="K130" s="515" t="s">
        <v>3104</v>
      </c>
      <c r="L130" s="657" t="s">
        <v>3018</v>
      </c>
      <c r="M130" s="654" t="s">
        <v>2996</v>
      </c>
      <c r="N130" s="654" t="s">
        <v>81</v>
      </c>
      <c r="O130" s="657" t="s">
        <v>3331</v>
      </c>
      <c r="P130" s="657" t="s">
        <v>53</v>
      </c>
      <c r="Q130" s="654" t="s">
        <v>208</v>
      </c>
      <c r="R130" s="654"/>
      <c r="S130" s="654"/>
      <c r="T130" s="723">
        <v>88965</v>
      </c>
      <c r="U130" s="723"/>
      <c r="V130" s="654" t="s">
        <v>64</v>
      </c>
      <c r="W130" s="723">
        <f t="shared" si="157"/>
        <v>0</v>
      </c>
      <c r="X130" s="745">
        <f t="shared" si="158"/>
        <v>88965</v>
      </c>
      <c r="Y130" s="723" t="s">
        <v>3106</v>
      </c>
      <c r="Z130" s="723"/>
      <c r="AA130" s="652" t="s">
        <v>82</v>
      </c>
      <c r="AB130" s="893"/>
      <c r="AC130" s="893"/>
      <c r="AD130" s="893"/>
      <c r="AE130" s="893"/>
      <c r="AF130" s="893"/>
      <c r="AG130" s="746"/>
      <c r="AH130" s="893"/>
      <c r="AI130" s="893"/>
      <c r="AJ130" s="746" t="s">
        <v>66</v>
      </c>
      <c r="AK130" s="893"/>
      <c r="AL130" s="893"/>
      <c r="AM130" s="893"/>
      <c r="AN130" s="893"/>
      <c r="AO130" s="893"/>
      <c r="AP130" s="893"/>
      <c r="AQ130" s="893"/>
      <c r="AR130" s="893"/>
      <c r="AS130" s="893"/>
      <c r="AT130" s="893"/>
      <c r="AU130" s="893"/>
      <c r="AV130" s="893"/>
      <c r="AW130" s="893"/>
      <c r="AX130" s="893"/>
      <c r="AY130" s="893"/>
      <c r="AZ130" s="893"/>
      <c r="BA130" s="893"/>
      <c r="BB130" s="893"/>
      <c r="BC130" s="893"/>
      <c r="BD130" s="893"/>
      <c r="BE130" s="893"/>
      <c r="BF130" s="893"/>
      <c r="BG130" s="746"/>
      <c r="BH130" s="746"/>
      <c r="BI130" s="746"/>
      <c r="BJ130" s="746"/>
      <c r="BK130" s="746"/>
      <c r="BL130" s="746"/>
      <c r="BM130" s="746"/>
      <c r="BN130" s="746"/>
      <c r="BO130" s="746"/>
      <c r="BP130" s="746"/>
      <c r="BQ130" s="746"/>
      <c r="BR130" s="746"/>
      <c r="BS130" s="884">
        <f t="shared" si="102"/>
        <v>500</v>
      </c>
      <c r="BT130" s="661">
        <f t="shared" si="142"/>
        <v>177.93</v>
      </c>
      <c r="BU130" s="661"/>
      <c r="BV130" s="898" t="str">
        <f t="shared" si="159"/>
        <v/>
      </c>
      <c r="BW130" s="898" t="str">
        <f t="shared" si="160"/>
        <v/>
      </c>
      <c r="BX130" s="898" t="str">
        <f t="shared" si="161"/>
        <v/>
      </c>
      <c r="BY130" s="898" t="str">
        <f t="shared" si="162"/>
        <v/>
      </c>
      <c r="BZ130" s="898" t="str">
        <f t="shared" si="163"/>
        <v/>
      </c>
      <c r="CA130" s="898" t="str">
        <f t="shared" si="164"/>
        <v/>
      </c>
      <c r="CB130" s="898" t="str">
        <f t="shared" si="165"/>
        <v/>
      </c>
      <c r="CC130" s="898" t="str">
        <f t="shared" si="166"/>
        <v/>
      </c>
      <c r="CD130" s="898">
        <f t="shared" si="167"/>
        <v>88965</v>
      </c>
      <c r="CE130" s="898" t="str">
        <f t="shared" si="168"/>
        <v/>
      </c>
      <c r="CF130" s="898" t="str">
        <f t="shared" si="169"/>
        <v/>
      </c>
      <c r="CG130" s="898" t="str">
        <f t="shared" si="170"/>
        <v/>
      </c>
      <c r="CH130" s="898" t="str">
        <f t="shared" si="171"/>
        <v/>
      </c>
      <c r="CI130" s="898" t="str">
        <f t="shared" si="172"/>
        <v/>
      </c>
      <c r="CJ130" s="898" t="str">
        <f t="shared" si="173"/>
        <v/>
      </c>
      <c r="CK130" s="898" t="str">
        <f t="shared" si="174"/>
        <v/>
      </c>
      <c r="CL130" s="898" t="str">
        <f t="shared" si="175"/>
        <v/>
      </c>
      <c r="CM130" s="898" t="str">
        <f t="shared" si="176"/>
        <v/>
      </c>
      <c r="CN130" s="898" t="str">
        <f t="shared" si="177"/>
        <v/>
      </c>
      <c r="CO130" s="898" t="str">
        <f t="shared" si="178"/>
        <v/>
      </c>
      <c r="CP130" s="898" t="str">
        <f t="shared" si="179"/>
        <v/>
      </c>
      <c r="CQ130" s="898" t="str">
        <f t="shared" si="180"/>
        <v/>
      </c>
      <c r="CR130" s="898" t="str">
        <f t="shared" si="181"/>
        <v/>
      </c>
      <c r="CS130" s="898" t="str">
        <f t="shared" si="182"/>
        <v/>
      </c>
      <c r="CT130" s="898" t="str">
        <f t="shared" si="183"/>
        <v/>
      </c>
      <c r="CU130" s="898" t="str">
        <f t="shared" si="184"/>
        <v/>
      </c>
      <c r="CV130" s="898" t="str">
        <f t="shared" si="185"/>
        <v/>
      </c>
      <c r="CW130" s="898" t="str">
        <f t="shared" si="186"/>
        <v/>
      </c>
      <c r="CX130" s="898" t="str">
        <f t="shared" si="187"/>
        <v/>
      </c>
      <c r="CY130" s="898" t="str">
        <f t="shared" si="188"/>
        <v/>
      </c>
      <c r="CZ130" s="898" t="str">
        <f t="shared" si="189"/>
        <v/>
      </c>
      <c r="DA130" s="898"/>
      <c r="DB130" s="898"/>
      <c r="DC130" s="898"/>
      <c r="DD130" s="898"/>
      <c r="DE130" s="898"/>
      <c r="DF130" s="898"/>
      <c r="DG130" s="898"/>
      <c r="DH130" s="898"/>
      <c r="DI130" s="898"/>
      <c r="DJ130" s="898"/>
      <c r="DK130" s="898"/>
      <c r="DL130" s="898"/>
      <c r="DM130" s="661">
        <f t="shared" si="104"/>
        <v>88965</v>
      </c>
      <c r="DN130" s="898">
        <f t="shared" si="105"/>
        <v>0</v>
      </c>
      <c r="DO130" s="516">
        <f t="shared" si="106"/>
        <v>0</v>
      </c>
      <c r="DP130" s="898">
        <f t="shared" si="107"/>
        <v>0</v>
      </c>
      <c r="DQ130" s="483" t="s">
        <v>3708</v>
      </c>
      <c r="DR130" s="483" t="s">
        <v>3709</v>
      </c>
      <c r="DS130" s="483" t="s">
        <v>3098</v>
      </c>
      <c r="DT130" s="632"/>
    </row>
    <row r="131" spans="1:124" s="613" customFormat="1" ht="99.75" x14ac:dyDescent="0.2">
      <c r="A131" s="484" t="str">
        <f t="shared" si="101"/>
        <v>Contribution towards allotments in Shendish Manor and Fairfields (Hm11)</v>
      </c>
      <c r="B131" s="1163">
        <v>128</v>
      </c>
      <c r="C131" s="904" t="s">
        <v>3734</v>
      </c>
      <c r="D131" s="481" t="s">
        <v>2481</v>
      </c>
      <c r="E131" s="481" t="s">
        <v>53</v>
      </c>
      <c r="F131" s="481" t="s">
        <v>515</v>
      </c>
      <c r="G131" s="654" t="s">
        <v>533</v>
      </c>
      <c r="H131" s="484" t="s">
        <v>3735</v>
      </c>
      <c r="I131" s="654"/>
      <c r="J131" s="78" t="s">
        <v>3736</v>
      </c>
      <c r="K131" s="515" t="s">
        <v>3104</v>
      </c>
      <c r="L131" s="657" t="s">
        <v>1369</v>
      </c>
      <c r="M131" s="654" t="s">
        <v>2996</v>
      </c>
      <c r="N131" s="654" t="s">
        <v>81</v>
      </c>
      <c r="O131" s="657" t="s">
        <v>3331</v>
      </c>
      <c r="P131" s="657" t="s">
        <v>53</v>
      </c>
      <c r="Q131" s="654" t="s">
        <v>382</v>
      </c>
      <c r="R131" s="654"/>
      <c r="S131" s="654"/>
      <c r="T131" s="723">
        <v>88965</v>
      </c>
      <c r="U131" s="723"/>
      <c r="V131" s="654" t="s">
        <v>64</v>
      </c>
      <c r="W131" s="723">
        <f t="shared" si="157"/>
        <v>0</v>
      </c>
      <c r="X131" s="745">
        <f t="shared" si="158"/>
        <v>88965</v>
      </c>
      <c r="Y131" s="723" t="s">
        <v>3106</v>
      </c>
      <c r="Z131" s="723"/>
      <c r="AA131" s="652" t="s">
        <v>82</v>
      </c>
      <c r="AB131" s="893"/>
      <c r="AC131" s="893"/>
      <c r="AD131" s="893"/>
      <c r="AE131" s="893"/>
      <c r="AF131" s="893"/>
      <c r="AG131" s="746"/>
      <c r="AH131" s="893"/>
      <c r="AI131" s="893"/>
      <c r="AJ131" s="893"/>
      <c r="AK131" s="746" t="s">
        <v>66</v>
      </c>
      <c r="AL131" s="893"/>
      <c r="AM131" s="893"/>
      <c r="AN131" s="893"/>
      <c r="AO131" s="893"/>
      <c r="AP131" s="893"/>
      <c r="AQ131" s="893"/>
      <c r="AR131" s="893"/>
      <c r="AS131" s="893"/>
      <c r="AT131" s="893"/>
      <c r="AU131" s="893"/>
      <c r="AV131" s="893"/>
      <c r="AW131" s="893"/>
      <c r="AX131" s="893"/>
      <c r="AY131" s="893"/>
      <c r="AZ131" s="893"/>
      <c r="BA131" s="893"/>
      <c r="BB131" s="893"/>
      <c r="BC131" s="893"/>
      <c r="BD131" s="893"/>
      <c r="BE131" s="893"/>
      <c r="BF131" s="893"/>
      <c r="BG131" s="746"/>
      <c r="BH131" s="746"/>
      <c r="BI131" s="746"/>
      <c r="BJ131" s="746"/>
      <c r="BK131" s="746"/>
      <c r="BL131" s="746"/>
      <c r="BM131" s="746"/>
      <c r="BN131" s="746"/>
      <c r="BO131" s="746"/>
      <c r="BP131" s="746"/>
      <c r="BQ131" s="746"/>
      <c r="BR131" s="746"/>
      <c r="BS131" s="884">
        <f t="shared" si="102"/>
        <v>500</v>
      </c>
      <c r="BT131" s="661">
        <f t="shared" si="142"/>
        <v>177.93</v>
      </c>
      <c r="BU131" s="661"/>
      <c r="BV131" s="898" t="str">
        <f t="shared" si="159"/>
        <v/>
      </c>
      <c r="BW131" s="898" t="str">
        <f t="shared" si="160"/>
        <v/>
      </c>
      <c r="BX131" s="898" t="str">
        <f t="shared" si="161"/>
        <v/>
      </c>
      <c r="BY131" s="898" t="str">
        <f t="shared" si="162"/>
        <v/>
      </c>
      <c r="BZ131" s="898" t="str">
        <f t="shared" si="163"/>
        <v/>
      </c>
      <c r="CA131" s="898" t="str">
        <f t="shared" si="164"/>
        <v/>
      </c>
      <c r="CB131" s="898" t="str">
        <f t="shared" si="165"/>
        <v/>
      </c>
      <c r="CC131" s="898" t="str">
        <f t="shared" si="166"/>
        <v/>
      </c>
      <c r="CD131" s="898" t="str">
        <f t="shared" si="167"/>
        <v/>
      </c>
      <c r="CE131" s="898">
        <f t="shared" si="168"/>
        <v>88965</v>
      </c>
      <c r="CF131" s="898" t="str">
        <f t="shared" si="169"/>
        <v/>
      </c>
      <c r="CG131" s="898" t="str">
        <f t="shared" si="170"/>
        <v/>
      </c>
      <c r="CH131" s="898" t="str">
        <f t="shared" si="171"/>
        <v/>
      </c>
      <c r="CI131" s="898" t="str">
        <f t="shared" si="172"/>
        <v/>
      </c>
      <c r="CJ131" s="898" t="str">
        <f t="shared" si="173"/>
        <v/>
      </c>
      <c r="CK131" s="898" t="str">
        <f t="shared" si="174"/>
        <v/>
      </c>
      <c r="CL131" s="898" t="str">
        <f t="shared" si="175"/>
        <v/>
      </c>
      <c r="CM131" s="898" t="str">
        <f t="shared" si="176"/>
        <v/>
      </c>
      <c r="CN131" s="898" t="str">
        <f t="shared" si="177"/>
        <v/>
      </c>
      <c r="CO131" s="898" t="str">
        <f t="shared" si="178"/>
        <v/>
      </c>
      <c r="CP131" s="898" t="str">
        <f t="shared" si="179"/>
        <v/>
      </c>
      <c r="CQ131" s="898" t="str">
        <f t="shared" si="180"/>
        <v/>
      </c>
      <c r="CR131" s="898" t="str">
        <f t="shared" si="181"/>
        <v/>
      </c>
      <c r="CS131" s="898" t="str">
        <f t="shared" si="182"/>
        <v/>
      </c>
      <c r="CT131" s="898" t="str">
        <f t="shared" si="183"/>
        <v/>
      </c>
      <c r="CU131" s="898" t="str">
        <f t="shared" si="184"/>
        <v/>
      </c>
      <c r="CV131" s="898" t="str">
        <f t="shared" si="185"/>
        <v/>
      </c>
      <c r="CW131" s="898" t="str">
        <f t="shared" si="186"/>
        <v/>
      </c>
      <c r="CX131" s="898" t="str">
        <f t="shared" si="187"/>
        <v/>
      </c>
      <c r="CY131" s="898" t="str">
        <f t="shared" si="188"/>
        <v/>
      </c>
      <c r="CZ131" s="898" t="str">
        <f t="shared" si="189"/>
        <v/>
      </c>
      <c r="DA131" s="898"/>
      <c r="DB131" s="898"/>
      <c r="DC131" s="898"/>
      <c r="DD131" s="898"/>
      <c r="DE131" s="898"/>
      <c r="DF131" s="898"/>
      <c r="DG131" s="898"/>
      <c r="DH131" s="898"/>
      <c r="DI131" s="898"/>
      <c r="DJ131" s="898"/>
      <c r="DK131" s="898"/>
      <c r="DL131" s="898"/>
      <c r="DM131" s="661">
        <f t="shared" si="104"/>
        <v>88965</v>
      </c>
      <c r="DN131" s="898">
        <f t="shared" si="105"/>
        <v>0</v>
      </c>
      <c r="DO131" s="516">
        <f t="shared" si="106"/>
        <v>0</v>
      </c>
      <c r="DP131" s="898">
        <f t="shared" si="107"/>
        <v>0</v>
      </c>
      <c r="DQ131" s="483" t="s">
        <v>3708</v>
      </c>
      <c r="DR131" s="483" t="s">
        <v>3709</v>
      </c>
      <c r="DS131" s="483" t="s">
        <v>3098</v>
      </c>
      <c r="DT131" s="632"/>
    </row>
    <row r="132" spans="1:124" s="613" customFormat="1" ht="99.75" x14ac:dyDescent="0.2">
      <c r="A132" s="484" t="str">
        <f t="shared" ref="A132:A195" si="190">H132</f>
        <v>Contribution towards allotments in Plots 2/3 Kier Park, Maylands Avenue (Hm12)</v>
      </c>
      <c r="B132" s="1163">
        <v>129</v>
      </c>
      <c r="C132" s="904" t="s">
        <v>3737</v>
      </c>
      <c r="D132" s="481" t="s">
        <v>2481</v>
      </c>
      <c r="E132" s="481" t="s">
        <v>53</v>
      </c>
      <c r="F132" s="481" t="s">
        <v>515</v>
      </c>
      <c r="G132" s="654" t="s">
        <v>533</v>
      </c>
      <c r="H132" s="484" t="s">
        <v>3738</v>
      </c>
      <c r="I132" s="654"/>
      <c r="J132" s="78" t="s">
        <v>3739</v>
      </c>
      <c r="K132" s="515" t="s">
        <v>3104</v>
      </c>
      <c r="L132" s="657" t="s">
        <v>1371</v>
      </c>
      <c r="M132" s="654" t="s">
        <v>2996</v>
      </c>
      <c r="N132" s="654" t="s">
        <v>81</v>
      </c>
      <c r="O132" s="657" t="s">
        <v>3331</v>
      </c>
      <c r="P132" s="657" t="s">
        <v>53</v>
      </c>
      <c r="Q132" s="654" t="s">
        <v>570</v>
      </c>
      <c r="R132" s="654"/>
      <c r="S132" s="654"/>
      <c r="T132" s="723">
        <v>41635.620000000003</v>
      </c>
      <c r="U132" s="723"/>
      <c r="V132" s="654" t="s">
        <v>64</v>
      </c>
      <c r="W132" s="723">
        <f t="shared" si="157"/>
        <v>0</v>
      </c>
      <c r="X132" s="745">
        <f t="shared" si="158"/>
        <v>41635.620000000003</v>
      </c>
      <c r="Y132" s="723" t="s">
        <v>3106</v>
      </c>
      <c r="Z132" s="723"/>
      <c r="AA132" s="652" t="s">
        <v>82</v>
      </c>
      <c r="AB132" s="893"/>
      <c r="AC132" s="893"/>
      <c r="AD132" s="893"/>
      <c r="AE132" s="893"/>
      <c r="AF132" s="893"/>
      <c r="AG132" s="746"/>
      <c r="AH132" s="893"/>
      <c r="AI132" s="893"/>
      <c r="AJ132" s="893"/>
      <c r="AK132" s="893"/>
      <c r="AL132" s="893"/>
      <c r="AM132" s="893"/>
      <c r="AN132" s="746" t="s">
        <v>66</v>
      </c>
      <c r="AO132" s="893"/>
      <c r="AP132" s="893"/>
      <c r="AQ132" s="893"/>
      <c r="AR132" s="893"/>
      <c r="AS132" s="893"/>
      <c r="AT132" s="893"/>
      <c r="AU132" s="893"/>
      <c r="AV132" s="893"/>
      <c r="AW132" s="893"/>
      <c r="AX132" s="893"/>
      <c r="AY132" s="893"/>
      <c r="AZ132" s="893"/>
      <c r="BA132" s="893"/>
      <c r="BB132" s="893"/>
      <c r="BC132" s="893"/>
      <c r="BD132" s="893"/>
      <c r="BE132" s="893"/>
      <c r="BF132" s="893"/>
      <c r="BG132" s="746"/>
      <c r="BH132" s="746"/>
      <c r="BI132" s="746"/>
      <c r="BJ132" s="746"/>
      <c r="BK132" s="746"/>
      <c r="BL132" s="746"/>
      <c r="BM132" s="746"/>
      <c r="BN132" s="746"/>
      <c r="BO132" s="746"/>
      <c r="BP132" s="746"/>
      <c r="BQ132" s="746"/>
      <c r="BR132" s="746"/>
      <c r="BS132" s="884">
        <f t="shared" ref="BS132:BS195" si="191">SUMIF(AB132:BR132,"YES",$AB$3:$BR$3)</f>
        <v>234</v>
      </c>
      <c r="BT132" s="661">
        <f t="shared" ref="BT132:BT163" si="192">X132/BS132</f>
        <v>177.93</v>
      </c>
      <c r="BU132" s="661"/>
      <c r="BV132" s="898" t="str">
        <f t="shared" si="159"/>
        <v/>
      </c>
      <c r="BW132" s="898" t="str">
        <f t="shared" si="160"/>
        <v/>
      </c>
      <c r="BX132" s="898" t="str">
        <f t="shared" si="161"/>
        <v/>
      </c>
      <c r="BY132" s="898" t="str">
        <f t="shared" si="162"/>
        <v/>
      </c>
      <c r="BZ132" s="898" t="str">
        <f t="shared" si="163"/>
        <v/>
      </c>
      <c r="CA132" s="898" t="str">
        <f t="shared" si="164"/>
        <v/>
      </c>
      <c r="CB132" s="898" t="str">
        <f t="shared" si="165"/>
        <v/>
      </c>
      <c r="CC132" s="898" t="str">
        <f t="shared" si="166"/>
        <v/>
      </c>
      <c r="CD132" s="898" t="str">
        <f t="shared" si="167"/>
        <v/>
      </c>
      <c r="CE132" s="898" t="str">
        <f t="shared" si="168"/>
        <v/>
      </c>
      <c r="CF132" s="898" t="str">
        <f t="shared" si="169"/>
        <v/>
      </c>
      <c r="CG132" s="898" t="str">
        <f t="shared" si="170"/>
        <v/>
      </c>
      <c r="CH132" s="898">
        <f t="shared" si="171"/>
        <v>41635.620000000003</v>
      </c>
      <c r="CI132" s="898" t="str">
        <f t="shared" si="172"/>
        <v/>
      </c>
      <c r="CJ132" s="898" t="str">
        <f t="shared" si="173"/>
        <v/>
      </c>
      <c r="CK132" s="898" t="str">
        <f t="shared" si="174"/>
        <v/>
      </c>
      <c r="CL132" s="898" t="str">
        <f t="shared" si="175"/>
        <v/>
      </c>
      <c r="CM132" s="898" t="str">
        <f t="shared" si="176"/>
        <v/>
      </c>
      <c r="CN132" s="898" t="str">
        <f t="shared" si="177"/>
        <v/>
      </c>
      <c r="CO132" s="898" t="str">
        <f t="shared" si="178"/>
        <v/>
      </c>
      <c r="CP132" s="898" t="str">
        <f t="shared" si="179"/>
        <v/>
      </c>
      <c r="CQ132" s="898" t="str">
        <f t="shared" si="180"/>
        <v/>
      </c>
      <c r="CR132" s="898" t="str">
        <f t="shared" si="181"/>
        <v/>
      </c>
      <c r="CS132" s="898" t="str">
        <f t="shared" si="182"/>
        <v/>
      </c>
      <c r="CT132" s="898" t="str">
        <f t="shared" si="183"/>
        <v/>
      </c>
      <c r="CU132" s="898" t="str">
        <f t="shared" si="184"/>
        <v/>
      </c>
      <c r="CV132" s="898" t="str">
        <f t="shared" si="185"/>
        <v/>
      </c>
      <c r="CW132" s="898" t="str">
        <f t="shared" si="186"/>
        <v/>
      </c>
      <c r="CX132" s="898" t="str">
        <f t="shared" si="187"/>
        <v/>
      </c>
      <c r="CY132" s="898" t="str">
        <f t="shared" si="188"/>
        <v/>
      </c>
      <c r="CZ132" s="898" t="str">
        <f t="shared" si="189"/>
        <v/>
      </c>
      <c r="DA132" s="898"/>
      <c r="DB132" s="898"/>
      <c r="DC132" s="898"/>
      <c r="DD132" s="898"/>
      <c r="DE132" s="898"/>
      <c r="DF132" s="898"/>
      <c r="DG132" s="898"/>
      <c r="DH132" s="898"/>
      <c r="DI132" s="898"/>
      <c r="DJ132" s="898"/>
      <c r="DK132" s="898"/>
      <c r="DL132" s="898"/>
      <c r="DM132" s="661">
        <f t="shared" ref="DM132:DM195" si="193">SUM(BV132:CL132)</f>
        <v>41635.620000000003</v>
      </c>
      <c r="DN132" s="898">
        <f t="shared" ref="DN132:DN195" si="194">SUM(DI132:DL132)</f>
        <v>0</v>
      </c>
      <c r="DO132" s="516">
        <f t="shared" ref="DO132:DO195" si="195">SUM(CM132:CZ132)</f>
        <v>0</v>
      </c>
      <c r="DP132" s="898">
        <f t="shared" ref="DP132:DP195" si="196">SUM(DA132:DH132)</f>
        <v>0</v>
      </c>
      <c r="DQ132" s="483" t="s">
        <v>3708</v>
      </c>
      <c r="DR132" s="483" t="s">
        <v>3709</v>
      </c>
      <c r="DS132" s="483" t="s">
        <v>3098</v>
      </c>
      <c r="DT132" s="632"/>
    </row>
    <row r="133" spans="1:124" s="613" customFormat="1" ht="99.75" x14ac:dyDescent="0.2">
      <c r="A133" s="484" t="str">
        <f t="shared" si="190"/>
        <v xml:space="preserve">Contribution towards allotments in Polehanger Lane (Hm13) </v>
      </c>
      <c r="B133" s="1163">
        <v>130</v>
      </c>
      <c r="C133" s="904" t="s">
        <v>3740</v>
      </c>
      <c r="D133" s="481" t="s">
        <v>2481</v>
      </c>
      <c r="E133" s="481" t="s">
        <v>53</v>
      </c>
      <c r="F133" s="481" t="s">
        <v>515</v>
      </c>
      <c r="G133" s="654" t="s">
        <v>533</v>
      </c>
      <c r="H133" s="484" t="s">
        <v>3741</v>
      </c>
      <c r="I133" s="654"/>
      <c r="J133" s="78" t="s">
        <v>3742</v>
      </c>
      <c r="K133" s="515" t="s">
        <v>3104</v>
      </c>
      <c r="L133" s="657" t="s">
        <v>3590</v>
      </c>
      <c r="M133" s="654" t="s">
        <v>2996</v>
      </c>
      <c r="N133" s="654" t="s">
        <v>60</v>
      </c>
      <c r="O133" s="657" t="s">
        <v>3331</v>
      </c>
      <c r="P133" s="657" t="s">
        <v>53</v>
      </c>
      <c r="Q133" s="654" t="s">
        <v>390</v>
      </c>
      <c r="R133" s="654"/>
      <c r="S133" s="654"/>
      <c r="T133" s="723">
        <v>133447.5</v>
      </c>
      <c r="U133" s="723"/>
      <c r="V133" s="654" t="s">
        <v>64</v>
      </c>
      <c r="W133" s="723">
        <f t="shared" si="157"/>
        <v>0</v>
      </c>
      <c r="X133" s="745">
        <f t="shared" si="158"/>
        <v>133447.5</v>
      </c>
      <c r="Y133" s="723" t="s">
        <v>3106</v>
      </c>
      <c r="Z133" s="723"/>
      <c r="AA133" s="652" t="s">
        <v>82</v>
      </c>
      <c r="AB133" s="893"/>
      <c r="AC133" s="893"/>
      <c r="AD133" s="893"/>
      <c r="AE133" s="893"/>
      <c r="AF133" s="893"/>
      <c r="AG133" s="746"/>
      <c r="AH133" s="893"/>
      <c r="AI133" s="893"/>
      <c r="AJ133" s="893"/>
      <c r="AK133" s="893"/>
      <c r="AL133" s="746" t="s">
        <v>66</v>
      </c>
      <c r="AM133" s="893"/>
      <c r="AN133" s="893"/>
      <c r="AO133" s="893"/>
      <c r="AP133" s="893"/>
      <c r="AQ133" s="893"/>
      <c r="AR133" s="893"/>
      <c r="AS133" s="893"/>
      <c r="AT133" s="893"/>
      <c r="AU133" s="893"/>
      <c r="AV133" s="893"/>
      <c r="AW133" s="893"/>
      <c r="AX133" s="893"/>
      <c r="AY133" s="893"/>
      <c r="AZ133" s="893"/>
      <c r="BA133" s="893"/>
      <c r="BB133" s="893"/>
      <c r="BC133" s="893"/>
      <c r="BD133" s="893"/>
      <c r="BE133" s="893"/>
      <c r="BF133" s="893"/>
      <c r="BG133" s="746"/>
      <c r="BH133" s="746"/>
      <c r="BI133" s="746"/>
      <c r="BJ133" s="746"/>
      <c r="BK133" s="746"/>
      <c r="BL133" s="746"/>
      <c r="BM133" s="746"/>
      <c r="BN133" s="746"/>
      <c r="BO133" s="746"/>
      <c r="BP133" s="746"/>
      <c r="BQ133" s="746"/>
      <c r="BR133" s="746"/>
      <c r="BS133" s="884">
        <f t="shared" si="191"/>
        <v>750</v>
      </c>
      <c r="BT133" s="661">
        <f t="shared" si="192"/>
        <v>177.93</v>
      </c>
      <c r="BU133" s="661"/>
      <c r="BV133" s="898" t="str">
        <f t="shared" si="159"/>
        <v/>
      </c>
      <c r="BW133" s="898" t="str">
        <f t="shared" si="160"/>
        <v/>
      </c>
      <c r="BX133" s="898" t="str">
        <f t="shared" si="161"/>
        <v/>
      </c>
      <c r="BY133" s="898" t="str">
        <f t="shared" si="162"/>
        <v/>
      </c>
      <c r="BZ133" s="898" t="str">
        <f t="shared" si="163"/>
        <v/>
      </c>
      <c r="CA133" s="898" t="str">
        <f t="shared" si="164"/>
        <v/>
      </c>
      <c r="CB133" s="898" t="str">
        <f t="shared" si="165"/>
        <v/>
      </c>
      <c r="CC133" s="898" t="str">
        <f t="shared" si="166"/>
        <v/>
      </c>
      <c r="CD133" s="898" t="str">
        <f t="shared" si="167"/>
        <v/>
      </c>
      <c r="CE133" s="898" t="str">
        <f t="shared" si="168"/>
        <v/>
      </c>
      <c r="CF133" s="898">
        <f t="shared" si="169"/>
        <v>133447.5</v>
      </c>
      <c r="CG133" s="898" t="str">
        <f t="shared" si="170"/>
        <v/>
      </c>
      <c r="CH133" s="898" t="str">
        <f t="shared" si="171"/>
        <v/>
      </c>
      <c r="CI133" s="898" t="str">
        <f t="shared" si="172"/>
        <v/>
      </c>
      <c r="CJ133" s="898" t="str">
        <f t="shared" si="173"/>
        <v/>
      </c>
      <c r="CK133" s="898" t="str">
        <f t="shared" si="174"/>
        <v/>
      </c>
      <c r="CL133" s="898" t="str">
        <f t="shared" si="175"/>
        <v/>
      </c>
      <c r="CM133" s="898" t="str">
        <f t="shared" si="176"/>
        <v/>
      </c>
      <c r="CN133" s="898" t="str">
        <f t="shared" si="177"/>
        <v/>
      </c>
      <c r="CO133" s="898" t="str">
        <f t="shared" si="178"/>
        <v/>
      </c>
      <c r="CP133" s="898" t="str">
        <f t="shared" si="179"/>
        <v/>
      </c>
      <c r="CQ133" s="898" t="str">
        <f t="shared" si="180"/>
        <v/>
      </c>
      <c r="CR133" s="898" t="str">
        <f t="shared" si="181"/>
        <v/>
      </c>
      <c r="CS133" s="898" t="str">
        <f t="shared" si="182"/>
        <v/>
      </c>
      <c r="CT133" s="898" t="str">
        <f t="shared" si="183"/>
        <v/>
      </c>
      <c r="CU133" s="898" t="str">
        <f t="shared" si="184"/>
        <v/>
      </c>
      <c r="CV133" s="898" t="str">
        <f t="shared" si="185"/>
        <v/>
      </c>
      <c r="CW133" s="898" t="str">
        <f t="shared" si="186"/>
        <v/>
      </c>
      <c r="CX133" s="898" t="str">
        <f t="shared" si="187"/>
        <v/>
      </c>
      <c r="CY133" s="898" t="str">
        <f t="shared" si="188"/>
        <v/>
      </c>
      <c r="CZ133" s="898" t="str">
        <f t="shared" si="189"/>
        <v/>
      </c>
      <c r="DA133" s="898"/>
      <c r="DB133" s="898"/>
      <c r="DC133" s="898"/>
      <c r="DD133" s="898"/>
      <c r="DE133" s="898"/>
      <c r="DF133" s="898"/>
      <c r="DG133" s="898"/>
      <c r="DH133" s="898"/>
      <c r="DI133" s="898"/>
      <c r="DJ133" s="898"/>
      <c r="DK133" s="898"/>
      <c r="DL133" s="898"/>
      <c r="DM133" s="661">
        <f t="shared" si="193"/>
        <v>133447.5</v>
      </c>
      <c r="DN133" s="898">
        <f t="shared" si="194"/>
        <v>0</v>
      </c>
      <c r="DO133" s="516">
        <f t="shared" si="195"/>
        <v>0</v>
      </c>
      <c r="DP133" s="898">
        <f t="shared" si="196"/>
        <v>0</v>
      </c>
      <c r="DQ133" s="483" t="s">
        <v>3708</v>
      </c>
      <c r="DR133" s="483" t="s">
        <v>3709</v>
      </c>
      <c r="DS133" s="483" t="s">
        <v>3098</v>
      </c>
      <c r="DT133" s="632"/>
    </row>
    <row r="134" spans="1:124" s="613" customFormat="1" ht="99.75" x14ac:dyDescent="0.2">
      <c r="A134" s="484" t="str">
        <f t="shared" si="190"/>
        <v>Contribution towards allotments in Marchmont Farm (Hm14)</v>
      </c>
      <c r="B134" s="1163">
        <v>131</v>
      </c>
      <c r="C134" s="904" t="s">
        <v>3743</v>
      </c>
      <c r="D134" s="481" t="s">
        <v>2481</v>
      </c>
      <c r="E134" s="481" t="s">
        <v>53</v>
      </c>
      <c r="F134" s="481" t="s">
        <v>515</v>
      </c>
      <c r="G134" s="654" t="s">
        <v>533</v>
      </c>
      <c r="H134" s="484" t="s">
        <v>3744</v>
      </c>
      <c r="I134" s="654"/>
      <c r="J134" s="78" t="s">
        <v>3745</v>
      </c>
      <c r="K134" s="515" t="s">
        <v>3104</v>
      </c>
      <c r="L134" s="657" t="s">
        <v>2609</v>
      </c>
      <c r="M134" s="654" t="s">
        <v>2996</v>
      </c>
      <c r="N134" s="654" t="s">
        <v>81</v>
      </c>
      <c r="O134" s="657" t="s">
        <v>3331</v>
      </c>
      <c r="P134" s="657" t="s">
        <v>53</v>
      </c>
      <c r="Q134" s="654" t="s">
        <v>187</v>
      </c>
      <c r="R134" s="654"/>
      <c r="S134" s="654"/>
      <c r="T134" s="723">
        <v>62275.5</v>
      </c>
      <c r="U134" s="723"/>
      <c r="V134" s="654" t="s">
        <v>64</v>
      </c>
      <c r="W134" s="723">
        <f t="shared" si="157"/>
        <v>0</v>
      </c>
      <c r="X134" s="745">
        <f t="shared" si="158"/>
        <v>62275.5</v>
      </c>
      <c r="Y134" s="723" t="s">
        <v>3106</v>
      </c>
      <c r="Z134" s="723"/>
      <c r="AA134" s="652" t="s">
        <v>82</v>
      </c>
      <c r="AB134" s="893"/>
      <c r="AC134" s="893"/>
      <c r="AD134" s="893"/>
      <c r="AE134" s="893"/>
      <c r="AF134" s="893"/>
      <c r="AG134" s="746"/>
      <c r="AH134" s="893"/>
      <c r="AI134" s="893"/>
      <c r="AJ134" s="893"/>
      <c r="AK134" s="893"/>
      <c r="AL134" s="893"/>
      <c r="AM134" s="893"/>
      <c r="AN134" s="893"/>
      <c r="AO134" s="746" t="s">
        <v>66</v>
      </c>
      <c r="AP134" s="893"/>
      <c r="AQ134" s="893"/>
      <c r="AR134" s="893"/>
      <c r="AS134" s="893"/>
      <c r="AT134" s="893"/>
      <c r="AU134" s="893"/>
      <c r="AV134" s="893"/>
      <c r="AW134" s="893"/>
      <c r="AX134" s="893"/>
      <c r="AY134" s="893"/>
      <c r="AZ134" s="893"/>
      <c r="BA134" s="893"/>
      <c r="BB134" s="893"/>
      <c r="BC134" s="893"/>
      <c r="BD134" s="893"/>
      <c r="BE134" s="893"/>
      <c r="BF134" s="893"/>
      <c r="BG134" s="746"/>
      <c r="BH134" s="746"/>
      <c r="BI134" s="746"/>
      <c r="BJ134" s="746"/>
      <c r="BK134" s="746"/>
      <c r="BL134" s="746"/>
      <c r="BM134" s="746"/>
      <c r="BN134" s="746"/>
      <c r="BO134" s="746"/>
      <c r="BP134" s="746"/>
      <c r="BQ134" s="746"/>
      <c r="BR134" s="746"/>
      <c r="BS134" s="884">
        <f t="shared" si="191"/>
        <v>350</v>
      </c>
      <c r="BT134" s="661">
        <f t="shared" si="192"/>
        <v>177.93</v>
      </c>
      <c r="BU134" s="661"/>
      <c r="BV134" s="898" t="str">
        <f t="shared" si="159"/>
        <v/>
      </c>
      <c r="BW134" s="898" t="str">
        <f t="shared" si="160"/>
        <v/>
      </c>
      <c r="BX134" s="898" t="str">
        <f t="shared" si="161"/>
        <v/>
      </c>
      <c r="BY134" s="898" t="str">
        <f t="shared" si="162"/>
        <v/>
      </c>
      <c r="BZ134" s="898" t="str">
        <f t="shared" si="163"/>
        <v/>
      </c>
      <c r="CA134" s="898" t="str">
        <f t="shared" si="164"/>
        <v/>
      </c>
      <c r="CB134" s="898" t="str">
        <f t="shared" si="165"/>
        <v/>
      </c>
      <c r="CC134" s="898" t="str">
        <f t="shared" si="166"/>
        <v/>
      </c>
      <c r="CD134" s="898" t="str">
        <f t="shared" si="167"/>
        <v/>
      </c>
      <c r="CE134" s="898" t="str">
        <f t="shared" si="168"/>
        <v/>
      </c>
      <c r="CF134" s="898" t="str">
        <f t="shared" si="169"/>
        <v/>
      </c>
      <c r="CG134" s="898" t="str">
        <f t="shared" si="170"/>
        <v/>
      </c>
      <c r="CH134" s="898" t="str">
        <f t="shared" si="171"/>
        <v/>
      </c>
      <c r="CI134" s="898">
        <f t="shared" si="172"/>
        <v>62275.5</v>
      </c>
      <c r="CJ134" s="898" t="str">
        <f t="shared" si="173"/>
        <v/>
      </c>
      <c r="CK134" s="898" t="str">
        <f t="shared" si="174"/>
        <v/>
      </c>
      <c r="CL134" s="898" t="str">
        <f t="shared" si="175"/>
        <v/>
      </c>
      <c r="CM134" s="898" t="str">
        <f t="shared" si="176"/>
        <v/>
      </c>
      <c r="CN134" s="898" t="str">
        <f t="shared" si="177"/>
        <v/>
      </c>
      <c r="CO134" s="898" t="str">
        <f t="shared" si="178"/>
        <v/>
      </c>
      <c r="CP134" s="898" t="str">
        <f t="shared" si="179"/>
        <v/>
      </c>
      <c r="CQ134" s="898" t="str">
        <f t="shared" si="180"/>
        <v/>
      </c>
      <c r="CR134" s="898" t="str">
        <f t="shared" si="181"/>
        <v/>
      </c>
      <c r="CS134" s="898" t="str">
        <f t="shared" si="182"/>
        <v/>
      </c>
      <c r="CT134" s="898" t="str">
        <f t="shared" si="183"/>
        <v/>
      </c>
      <c r="CU134" s="898" t="str">
        <f t="shared" si="184"/>
        <v/>
      </c>
      <c r="CV134" s="898" t="str">
        <f t="shared" si="185"/>
        <v/>
      </c>
      <c r="CW134" s="898" t="str">
        <f t="shared" si="186"/>
        <v/>
      </c>
      <c r="CX134" s="898" t="str">
        <f t="shared" si="187"/>
        <v/>
      </c>
      <c r="CY134" s="898" t="str">
        <f t="shared" si="188"/>
        <v/>
      </c>
      <c r="CZ134" s="898" t="str">
        <f t="shared" si="189"/>
        <v/>
      </c>
      <c r="DA134" s="898"/>
      <c r="DB134" s="898"/>
      <c r="DC134" s="898"/>
      <c r="DD134" s="898"/>
      <c r="DE134" s="898"/>
      <c r="DF134" s="898"/>
      <c r="DG134" s="898"/>
      <c r="DH134" s="898"/>
      <c r="DI134" s="898"/>
      <c r="DJ134" s="898"/>
      <c r="DK134" s="898"/>
      <c r="DL134" s="898"/>
      <c r="DM134" s="661">
        <f t="shared" si="193"/>
        <v>62275.5</v>
      </c>
      <c r="DN134" s="898">
        <f t="shared" si="194"/>
        <v>0</v>
      </c>
      <c r="DO134" s="516">
        <f t="shared" si="195"/>
        <v>0</v>
      </c>
      <c r="DP134" s="898">
        <f t="shared" si="196"/>
        <v>0</v>
      </c>
      <c r="DQ134" s="483" t="s">
        <v>3708</v>
      </c>
      <c r="DR134" s="483" t="s">
        <v>3709</v>
      </c>
      <c r="DS134" s="483" t="s">
        <v>3098</v>
      </c>
      <c r="DT134" s="632"/>
    </row>
    <row r="135" spans="1:124" s="613" customFormat="1" ht="99.75" x14ac:dyDescent="0.2">
      <c r="A135" s="484" t="str">
        <f t="shared" si="190"/>
        <v xml:space="preserve">Contribution towards allotments in Old Town (Hm15) </v>
      </c>
      <c r="B135" s="1163">
        <v>132</v>
      </c>
      <c r="C135" s="904" t="s">
        <v>3746</v>
      </c>
      <c r="D135" s="481" t="s">
        <v>2481</v>
      </c>
      <c r="E135" s="481" t="s">
        <v>53</v>
      </c>
      <c r="F135" s="481" t="s">
        <v>515</v>
      </c>
      <c r="G135" s="654" t="s">
        <v>533</v>
      </c>
      <c r="H135" s="484" t="s">
        <v>3747</v>
      </c>
      <c r="I135" s="654"/>
      <c r="J135" s="78" t="s">
        <v>3748</v>
      </c>
      <c r="K135" s="515" t="s">
        <v>3104</v>
      </c>
      <c r="L135" s="657" t="s">
        <v>3066</v>
      </c>
      <c r="M135" s="654" t="s">
        <v>2996</v>
      </c>
      <c r="N135" s="654" t="s">
        <v>81</v>
      </c>
      <c r="O135" s="657" t="s">
        <v>3331</v>
      </c>
      <c r="P135" s="657" t="s">
        <v>53</v>
      </c>
      <c r="Q135" s="654" t="s">
        <v>392</v>
      </c>
      <c r="R135" s="654"/>
      <c r="S135" s="654"/>
      <c r="T135" s="723">
        <v>16013.7</v>
      </c>
      <c r="U135" s="723"/>
      <c r="V135" s="654" t="s">
        <v>64</v>
      </c>
      <c r="W135" s="723">
        <f t="shared" si="157"/>
        <v>0</v>
      </c>
      <c r="X135" s="745">
        <f t="shared" si="158"/>
        <v>16013.7</v>
      </c>
      <c r="Y135" s="723" t="s">
        <v>3106</v>
      </c>
      <c r="Z135" s="723"/>
      <c r="AA135" s="652" t="s">
        <v>82</v>
      </c>
      <c r="AB135" s="893"/>
      <c r="AC135" s="893"/>
      <c r="AD135" s="893"/>
      <c r="AE135" s="893"/>
      <c r="AF135" s="893"/>
      <c r="AG135" s="746"/>
      <c r="AH135" s="893"/>
      <c r="AI135" s="893"/>
      <c r="AJ135" s="893"/>
      <c r="AK135" s="893"/>
      <c r="AL135" s="893"/>
      <c r="AM135" s="893"/>
      <c r="AN135" s="893"/>
      <c r="AO135" s="893"/>
      <c r="AP135" s="893" t="s">
        <v>66</v>
      </c>
      <c r="AQ135" s="893"/>
      <c r="AR135" s="893"/>
      <c r="AS135" s="893"/>
      <c r="AT135" s="893"/>
      <c r="AU135" s="893"/>
      <c r="AV135" s="893"/>
      <c r="AW135" s="893"/>
      <c r="AX135" s="893"/>
      <c r="AY135" s="893"/>
      <c r="AZ135" s="893"/>
      <c r="BA135" s="893"/>
      <c r="BB135" s="893"/>
      <c r="BC135" s="893"/>
      <c r="BD135" s="893"/>
      <c r="BE135" s="893"/>
      <c r="BF135" s="893"/>
      <c r="BG135" s="746"/>
      <c r="BH135" s="746"/>
      <c r="BI135" s="746"/>
      <c r="BJ135" s="746"/>
      <c r="BK135" s="746"/>
      <c r="BL135" s="746"/>
      <c r="BM135" s="746"/>
      <c r="BN135" s="746"/>
      <c r="BO135" s="746"/>
      <c r="BP135" s="746"/>
      <c r="BQ135" s="746"/>
      <c r="BR135" s="746"/>
      <c r="BS135" s="884">
        <f t="shared" si="191"/>
        <v>90</v>
      </c>
      <c r="BT135" s="661">
        <f t="shared" si="192"/>
        <v>177.93</v>
      </c>
      <c r="BU135" s="661"/>
      <c r="BV135" s="898" t="str">
        <f t="shared" si="159"/>
        <v/>
      </c>
      <c r="BW135" s="898" t="str">
        <f t="shared" si="160"/>
        <v/>
      </c>
      <c r="BX135" s="898" t="str">
        <f t="shared" si="161"/>
        <v/>
      </c>
      <c r="BY135" s="898" t="str">
        <f t="shared" si="162"/>
        <v/>
      </c>
      <c r="BZ135" s="898" t="str">
        <f t="shared" si="163"/>
        <v/>
      </c>
      <c r="CA135" s="898" t="str">
        <f t="shared" si="164"/>
        <v/>
      </c>
      <c r="CB135" s="898" t="str">
        <f t="shared" si="165"/>
        <v/>
      </c>
      <c r="CC135" s="898" t="str">
        <f t="shared" si="166"/>
        <v/>
      </c>
      <c r="CD135" s="898" t="str">
        <f t="shared" si="167"/>
        <v/>
      </c>
      <c r="CE135" s="898" t="str">
        <f t="shared" si="168"/>
        <v/>
      </c>
      <c r="CF135" s="898" t="str">
        <f t="shared" si="169"/>
        <v/>
      </c>
      <c r="CG135" s="898" t="str">
        <f t="shared" si="170"/>
        <v/>
      </c>
      <c r="CH135" s="898" t="str">
        <f t="shared" si="171"/>
        <v/>
      </c>
      <c r="CI135" s="898" t="str">
        <f t="shared" si="172"/>
        <v/>
      </c>
      <c r="CJ135" s="898">
        <f t="shared" si="173"/>
        <v>16013.7</v>
      </c>
      <c r="CK135" s="898" t="str">
        <f t="shared" si="174"/>
        <v/>
      </c>
      <c r="CL135" s="898" t="str">
        <f t="shared" si="175"/>
        <v/>
      </c>
      <c r="CM135" s="898" t="str">
        <f t="shared" si="176"/>
        <v/>
      </c>
      <c r="CN135" s="898" t="str">
        <f t="shared" si="177"/>
        <v/>
      </c>
      <c r="CO135" s="898" t="str">
        <f t="shared" si="178"/>
        <v/>
      </c>
      <c r="CP135" s="898" t="str">
        <f t="shared" si="179"/>
        <v/>
      </c>
      <c r="CQ135" s="898" t="str">
        <f t="shared" si="180"/>
        <v/>
      </c>
      <c r="CR135" s="898" t="str">
        <f t="shared" si="181"/>
        <v/>
      </c>
      <c r="CS135" s="898" t="str">
        <f t="shared" si="182"/>
        <v/>
      </c>
      <c r="CT135" s="898" t="str">
        <f t="shared" si="183"/>
        <v/>
      </c>
      <c r="CU135" s="898" t="str">
        <f t="shared" si="184"/>
        <v/>
      </c>
      <c r="CV135" s="898" t="str">
        <f t="shared" si="185"/>
        <v/>
      </c>
      <c r="CW135" s="898" t="str">
        <f t="shared" si="186"/>
        <v/>
      </c>
      <c r="CX135" s="898" t="str">
        <f t="shared" si="187"/>
        <v/>
      </c>
      <c r="CY135" s="898" t="str">
        <f t="shared" si="188"/>
        <v/>
      </c>
      <c r="CZ135" s="898" t="str">
        <f t="shared" si="189"/>
        <v/>
      </c>
      <c r="DA135" s="898"/>
      <c r="DB135" s="898"/>
      <c r="DC135" s="898"/>
      <c r="DD135" s="898"/>
      <c r="DE135" s="898"/>
      <c r="DF135" s="898"/>
      <c r="DG135" s="898"/>
      <c r="DH135" s="898"/>
      <c r="DI135" s="898"/>
      <c r="DJ135" s="898"/>
      <c r="DK135" s="898"/>
      <c r="DL135" s="898"/>
      <c r="DM135" s="661">
        <f t="shared" si="193"/>
        <v>16013.7</v>
      </c>
      <c r="DN135" s="898">
        <f t="shared" si="194"/>
        <v>0</v>
      </c>
      <c r="DO135" s="516">
        <f t="shared" si="195"/>
        <v>0</v>
      </c>
      <c r="DP135" s="898">
        <f t="shared" si="196"/>
        <v>0</v>
      </c>
      <c r="DQ135" s="483" t="s">
        <v>3708</v>
      </c>
      <c r="DR135" s="483" t="s">
        <v>3709</v>
      </c>
      <c r="DS135" s="483" t="s">
        <v>3098</v>
      </c>
      <c r="DT135" s="632"/>
    </row>
    <row r="136" spans="1:124" s="613" customFormat="1" ht="99.75" x14ac:dyDescent="0.2">
      <c r="A136" s="484" t="str">
        <f t="shared" si="190"/>
        <v>Contribution towards allotments in Site to the south of Green Lane (Hm16)</v>
      </c>
      <c r="B136" s="1163">
        <v>133</v>
      </c>
      <c r="C136" s="904" t="s">
        <v>3749</v>
      </c>
      <c r="D136" s="481" t="s">
        <v>2481</v>
      </c>
      <c r="E136" s="481" t="s">
        <v>53</v>
      </c>
      <c r="F136" s="481" t="s">
        <v>515</v>
      </c>
      <c r="G136" s="654" t="s">
        <v>533</v>
      </c>
      <c r="H136" s="484" t="s">
        <v>3750</v>
      </c>
      <c r="I136" s="654"/>
      <c r="J136" s="78" t="s">
        <v>3751</v>
      </c>
      <c r="K136" s="515" t="s">
        <v>3104</v>
      </c>
      <c r="L136" s="657" t="s">
        <v>1374</v>
      </c>
      <c r="M136" s="654" t="s">
        <v>2996</v>
      </c>
      <c r="N136" s="654" t="s">
        <v>81</v>
      </c>
      <c r="O136" s="657" t="s">
        <v>3331</v>
      </c>
      <c r="P136" s="657" t="s">
        <v>53</v>
      </c>
      <c r="Q136" s="654" t="s">
        <v>377</v>
      </c>
      <c r="R136" s="654"/>
      <c r="S136" s="654"/>
      <c r="T136" s="723">
        <v>14234.4</v>
      </c>
      <c r="U136" s="723"/>
      <c r="V136" s="654" t="s">
        <v>64</v>
      </c>
      <c r="W136" s="723">
        <f t="shared" si="157"/>
        <v>0</v>
      </c>
      <c r="X136" s="745">
        <f t="shared" si="158"/>
        <v>14234.4</v>
      </c>
      <c r="Y136" s="723" t="s">
        <v>3106</v>
      </c>
      <c r="Z136" s="723"/>
      <c r="AA136" s="652" t="s">
        <v>82</v>
      </c>
      <c r="AB136" s="893"/>
      <c r="AC136" s="893"/>
      <c r="AD136" s="893"/>
      <c r="AE136" s="893"/>
      <c r="AF136" s="893"/>
      <c r="AG136" s="746"/>
      <c r="AH136" s="893"/>
      <c r="AI136" s="893"/>
      <c r="AJ136" s="893"/>
      <c r="AK136" s="893"/>
      <c r="AL136" s="893"/>
      <c r="AM136" s="893"/>
      <c r="AN136" s="893"/>
      <c r="AO136" s="893"/>
      <c r="AP136" s="893"/>
      <c r="AQ136" s="746" t="s">
        <v>66</v>
      </c>
      <c r="AR136" s="893"/>
      <c r="AS136" s="893"/>
      <c r="AT136" s="893"/>
      <c r="AU136" s="893"/>
      <c r="AV136" s="893"/>
      <c r="AW136" s="893"/>
      <c r="AX136" s="893"/>
      <c r="AY136" s="893"/>
      <c r="AZ136" s="893"/>
      <c r="BA136" s="893"/>
      <c r="BB136" s="893"/>
      <c r="BC136" s="893"/>
      <c r="BD136" s="893"/>
      <c r="BE136" s="893"/>
      <c r="BF136" s="893"/>
      <c r="BG136" s="746"/>
      <c r="BH136" s="746"/>
      <c r="BI136" s="746"/>
      <c r="BJ136" s="746"/>
      <c r="BK136" s="746"/>
      <c r="BL136" s="746"/>
      <c r="BM136" s="746"/>
      <c r="BN136" s="746"/>
      <c r="BO136" s="746"/>
      <c r="BP136" s="746"/>
      <c r="BQ136" s="746"/>
      <c r="BR136" s="746"/>
      <c r="BS136" s="884">
        <f t="shared" si="191"/>
        <v>80</v>
      </c>
      <c r="BT136" s="661">
        <f t="shared" si="192"/>
        <v>177.93</v>
      </c>
      <c r="BU136" s="661"/>
      <c r="BV136" s="898" t="str">
        <f t="shared" si="159"/>
        <v/>
      </c>
      <c r="BW136" s="898" t="str">
        <f t="shared" si="160"/>
        <v/>
      </c>
      <c r="BX136" s="898" t="str">
        <f t="shared" si="161"/>
        <v/>
      </c>
      <c r="BY136" s="898" t="str">
        <f t="shared" si="162"/>
        <v/>
      </c>
      <c r="BZ136" s="898" t="str">
        <f t="shared" si="163"/>
        <v/>
      </c>
      <c r="CA136" s="898" t="str">
        <f t="shared" si="164"/>
        <v/>
      </c>
      <c r="CB136" s="898" t="str">
        <f t="shared" si="165"/>
        <v/>
      </c>
      <c r="CC136" s="898" t="str">
        <f t="shared" si="166"/>
        <v/>
      </c>
      <c r="CD136" s="898" t="str">
        <f t="shared" si="167"/>
        <v/>
      </c>
      <c r="CE136" s="898" t="str">
        <f t="shared" si="168"/>
        <v/>
      </c>
      <c r="CF136" s="898" t="str">
        <f t="shared" si="169"/>
        <v/>
      </c>
      <c r="CG136" s="898" t="str">
        <f t="shared" si="170"/>
        <v/>
      </c>
      <c r="CH136" s="898" t="str">
        <f t="shared" si="171"/>
        <v/>
      </c>
      <c r="CI136" s="898" t="str">
        <f t="shared" si="172"/>
        <v/>
      </c>
      <c r="CJ136" s="898" t="str">
        <f t="shared" si="173"/>
        <v/>
      </c>
      <c r="CK136" s="898">
        <f t="shared" si="174"/>
        <v>14234.400000000001</v>
      </c>
      <c r="CL136" s="898" t="str">
        <f t="shared" si="175"/>
        <v/>
      </c>
      <c r="CM136" s="898" t="str">
        <f t="shared" si="176"/>
        <v/>
      </c>
      <c r="CN136" s="898" t="str">
        <f t="shared" si="177"/>
        <v/>
      </c>
      <c r="CO136" s="898" t="str">
        <f t="shared" si="178"/>
        <v/>
      </c>
      <c r="CP136" s="898" t="str">
        <f t="shared" si="179"/>
        <v/>
      </c>
      <c r="CQ136" s="898" t="str">
        <f t="shared" si="180"/>
        <v/>
      </c>
      <c r="CR136" s="898" t="str">
        <f t="shared" si="181"/>
        <v/>
      </c>
      <c r="CS136" s="898" t="str">
        <f t="shared" si="182"/>
        <v/>
      </c>
      <c r="CT136" s="898" t="str">
        <f t="shared" si="183"/>
        <v/>
      </c>
      <c r="CU136" s="898" t="str">
        <f t="shared" si="184"/>
        <v/>
      </c>
      <c r="CV136" s="898" t="str">
        <f t="shared" si="185"/>
        <v/>
      </c>
      <c r="CW136" s="898" t="str">
        <f t="shared" si="186"/>
        <v/>
      </c>
      <c r="CX136" s="898" t="str">
        <f t="shared" si="187"/>
        <v/>
      </c>
      <c r="CY136" s="898" t="str">
        <f t="shared" si="188"/>
        <v/>
      </c>
      <c r="CZ136" s="898" t="str">
        <f t="shared" si="189"/>
        <v/>
      </c>
      <c r="DA136" s="898"/>
      <c r="DB136" s="898"/>
      <c r="DC136" s="898"/>
      <c r="DD136" s="898"/>
      <c r="DE136" s="898"/>
      <c r="DF136" s="898"/>
      <c r="DG136" s="898"/>
      <c r="DH136" s="898"/>
      <c r="DI136" s="898"/>
      <c r="DJ136" s="898"/>
      <c r="DK136" s="898"/>
      <c r="DL136" s="898"/>
      <c r="DM136" s="661">
        <f t="shared" si="193"/>
        <v>14234.400000000001</v>
      </c>
      <c r="DN136" s="898">
        <f t="shared" si="194"/>
        <v>0</v>
      </c>
      <c r="DO136" s="516">
        <f t="shared" si="195"/>
        <v>0</v>
      </c>
      <c r="DP136" s="898">
        <f t="shared" si="196"/>
        <v>0</v>
      </c>
      <c r="DQ136" s="483" t="s">
        <v>3708</v>
      </c>
      <c r="DR136" s="483" t="s">
        <v>3709</v>
      </c>
      <c r="DS136" s="483" t="s">
        <v>3098</v>
      </c>
      <c r="DT136" s="632"/>
    </row>
    <row r="137" spans="1:124" s="613" customFormat="1" ht="99.75" x14ac:dyDescent="0.2">
      <c r="A137" s="484" t="str">
        <f t="shared" si="190"/>
        <v>Contribution towards allotments in Grovehill Local Centre (Henry Wells Square) (Grovehill NDP)</v>
      </c>
      <c r="B137" s="1163">
        <v>134</v>
      </c>
      <c r="C137" s="904" t="s">
        <v>3752</v>
      </c>
      <c r="D137" s="481" t="s">
        <v>2481</v>
      </c>
      <c r="E137" s="481" t="s">
        <v>53</v>
      </c>
      <c r="F137" s="481" t="s">
        <v>515</v>
      </c>
      <c r="G137" s="654" t="s">
        <v>533</v>
      </c>
      <c r="H137" s="484" t="s">
        <v>3753</v>
      </c>
      <c r="I137" s="654"/>
      <c r="J137" s="78" t="s">
        <v>3754</v>
      </c>
      <c r="K137" s="515" t="s">
        <v>3104</v>
      </c>
      <c r="L137" s="657" t="s">
        <v>3058</v>
      </c>
      <c r="M137" s="654" t="s">
        <v>2996</v>
      </c>
      <c r="N137" s="654" t="s">
        <v>81</v>
      </c>
      <c r="O137" s="657" t="s">
        <v>3331</v>
      </c>
      <c r="P137" s="657" t="s">
        <v>53</v>
      </c>
      <c r="Q137" s="654" t="s">
        <v>395</v>
      </c>
      <c r="R137" s="654"/>
      <c r="S137" s="654"/>
      <c r="T137" s="723">
        <v>35586</v>
      </c>
      <c r="U137" s="723"/>
      <c r="V137" s="654" t="s">
        <v>64</v>
      </c>
      <c r="W137" s="723">
        <f t="shared" si="157"/>
        <v>0</v>
      </c>
      <c r="X137" s="745">
        <f t="shared" si="158"/>
        <v>35586</v>
      </c>
      <c r="Y137" s="723" t="s">
        <v>3106</v>
      </c>
      <c r="Z137" s="723"/>
      <c r="AA137" s="652" t="s">
        <v>82</v>
      </c>
      <c r="AB137" s="893"/>
      <c r="AC137" s="893"/>
      <c r="AD137" s="893"/>
      <c r="AE137" s="893"/>
      <c r="AF137" s="893"/>
      <c r="AG137" s="746"/>
      <c r="AH137" s="893"/>
      <c r="AI137" s="893"/>
      <c r="AJ137" s="893"/>
      <c r="AK137" s="893"/>
      <c r="AL137" s="893"/>
      <c r="AM137" s="746" t="s">
        <v>66</v>
      </c>
      <c r="AN137" s="893"/>
      <c r="AO137" s="893"/>
      <c r="AP137" s="893"/>
      <c r="AQ137" s="893"/>
      <c r="AR137" s="893"/>
      <c r="AS137" s="893"/>
      <c r="AT137" s="893"/>
      <c r="AU137" s="893"/>
      <c r="AV137" s="893"/>
      <c r="AW137" s="893"/>
      <c r="AX137" s="893"/>
      <c r="AY137" s="893"/>
      <c r="AZ137" s="893"/>
      <c r="BA137" s="893"/>
      <c r="BB137" s="893"/>
      <c r="BC137" s="893"/>
      <c r="BD137" s="893"/>
      <c r="BE137" s="893"/>
      <c r="BF137" s="893"/>
      <c r="BG137" s="746"/>
      <c r="BH137" s="746"/>
      <c r="BI137" s="746"/>
      <c r="BJ137" s="746"/>
      <c r="BK137" s="746"/>
      <c r="BL137" s="746"/>
      <c r="BM137" s="746"/>
      <c r="BN137" s="746"/>
      <c r="BO137" s="746"/>
      <c r="BP137" s="746"/>
      <c r="BQ137" s="746"/>
      <c r="BR137" s="746"/>
      <c r="BS137" s="884">
        <f t="shared" si="191"/>
        <v>200</v>
      </c>
      <c r="BT137" s="661">
        <f t="shared" si="192"/>
        <v>177.93</v>
      </c>
      <c r="BU137" s="661"/>
      <c r="BV137" s="898" t="str">
        <f t="shared" si="159"/>
        <v/>
      </c>
      <c r="BW137" s="898" t="str">
        <f t="shared" si="160"/>
        <v/>
      </c>
      <c r="BX137" s="898" t="str">
        <f t="shared" si="161"/>
        <v/>
      </c>
      <c r="BY137" s="898" t="str">
        <f t="shared" si="162"/>
        <v/>
      </c>
      <c r="BZ137" s="898" t="str">
        <f t="shared" si="163"/>
        <v/>
      </c>
      <c r="CA137" s="898" t="str">
        <f t="shared" si="164"/>
        <v/>
      </c>
      <c r="CB137" s="898" t="str">
        <f t="shared" si="165"/>
        <v/>
      </c>
      <c r="CC137" s="898" t="str">
        <f t="shared" si="166"/>
        <v/>
      </c>
      <c r="CD137" s="898" t="str">
        <f t="shared" si="167"/>
        <v/>
      </c>
      <c r="CE137" s="898" t="str">
        <f t="shared" si="168"/>
        <v/>
      </c>
      <c r="CF137" s="898" t="str">
        <f t="shared" si="169"/>
        <v/>
      </c>
      <c r="CG137" s="898">
        <f t="shared" si="170"/>
        <v>35586</v>
      </c>
      <c r="CH137" s="898" t="str">
        <f t="shared" si="171"/>
        <v/>
      </c>
      <c r="CI137" s="898" t="str">
        <f t="shared" si="172"/>
        <v/>
      </c>
      <c r="CJ137" s="898" t="str">
        <f t="shared" si="173"/>
        <v/>
      </c>
      <c r="CK137" s="898" t="str">
        <f t="shared" si="174"/>
        <v/>
      </c>
      <c r="CL137" s="898" t="str">
        <f t="shared" si="175"/>
        <v/>
      </c>
      <c r="CM137" s="898" t="str">
        <f t="shared" si="176"/>
        <v/>
      </c>
      <c r="CN137" s="898" t="str">
        <f t="shared" si="177"/>
        <v/>
      </c>
      <c r="CO137" s="898" t="str">
        <f t="shared" si="178"/>
        <v/>
      </c>
      <c r="CP137" s="898" t="str">
        <f t="shared" si="179"/>
        <v/>
      </c>
      <c r="CQ137" s="898" t="str">
        <f t="shared" si="180"/>
        <v/>
      </c>
      <c r="CR137" s="898" t="str">
        <f t="shared" si="181"/>
        <v/>
      </c>
      <c r="CS137" s="898" t="str">
        <f t="shared" si="182"/>
        <v/>
      </c>
      <c r="CT137" s="898" t="str">
        <f t="shared" si="183"/>
        <v/>
      </c>
      <c r="CU137" s="898" t="str">
        <f t="shared" si="184"/>
        <v/>
      </c>
      <c r="CV137" s="898" t="str">
        <f t="shared" si="185"/>
        <v/>
      </c>
      <c r="CW137" s="898" t="str">
        <f t="shared" si="186"/>
        <v/>
      </c>
      <c r="CX137" s="898" t="str">
        <f t="shared" si="187"/>
        <v/>
      </c>
      <c r="CY137" s="898" t="str">
        <f t="shared" si="188"/>
        <v/>
      </c>
      <c r="CZ137" s="898" t="str">
        <f t="shared" si="189"/>
        <v/>
      </c>
      <c r="DA137" s="898"/>
      <c r="DB137" s="898"/>
      <c r="DC137" s="898"/>
      <c r="DD137" s="898"/>
      <c r="DE137" s="898"/>
      <c r="DF137" s="898"/>
      <c r="DG137" s="898"/>
      <c r="DH137" s="898"/>
      <c r="DI137" s="898"/>
      <c r="DJ137" s="898"/>
      <c r="DK137" s="898"/>
      <c r="DL137" s="898"/>
      <c r="DM137" s="661">
        <f t="shared" si="193"/>
        <v>35586</v>
      </c>
      <c r="DN137" s="898">
        <f t="shared" si="194"/>
        <v>0</v>
      </c>
      <c r="DO137" s="516">
        <f t="shared" si="195"/>
        <v>0</v>
      </c>
      <c r="DP137" s="898">
        <f t="shared" si="196"/>
        <v>0</v>
      </c>
      <c r="DQ137" s="483" t="s">
        <v>3708</v>
      </c>
      <c r="DR137" s="483" t="s">
        <v>3709</v>
      </c>
      <c r="DS137" s="483" t="s">
        <v>3098</v>
      </c>
      <c r="DT137" s="632"/>
    </row>
    <row r="138" spans="1:124" s="613" customFormat="1" ht="99.75" x14ac:dyDescent="0.2">
      <c r="A138" s="484" t="str">
        <f t="shared" si="190"/>
        <v>Contribution towards allotments across windfall sites</v>
      </c>
      <c r="B138" s="1163">
        <v>135</v>
      </c>
      <c r="C138" s="904" t="s">
        <v>3755</v>
      </c>
      <c r="D138" s="481" t="s">
        <v>2481</v>
      </c>
      <c r="E138" s="481" t="s">
        <v>53</v>
      </c>
      <c r="F138" s="481" t="s">
        <v>515</v>
      </c>
      <c r="G138" s="654" t="s">
        <v>533</v>
      </c>
      <c r="H138" s="484" t="s">
        <v>3756</v>
      </c>
      <c r="I138" s="654"/>
      <c r="J138" s="78" t="s">
        <v>3757</v>
      </c>
      <c r="K138" s="515" t="s">
        <v>3104</v>
      </c>
      <c r="L138" s="657" t="s">
        <v>310</v>
      </c>
      <c r="M138" s="654" t="s">
        <v>2996</v>
      </c>
      <c r="N138" s="654" t="s">
        <v>81</v>
      </c>
      <c r="O138" s="657" t="s">
        <v>3331</v>
      </c>
      <c r="P138" s="657" t="s">
        <v>53</v>
      </c>
      <c r="Q138" s="654" t="s">
        <v>225</v>
      </c>
      <c r="R138" s="654"/>
      <c r="S138" s="654"/>
      <c r="T138" s="723">
        <v>423473.4</v>
      </c>
      <c r="U138" s="723"/>
      <c r="V138" s="654" t="s">
        <v>64</v>
      </c>
      <c r="W138" s="723">
        <f t="shared" si="157"/>
        <v>0</v>
      </c>
      <c r="X138" s="745">
        <f t="shared" si="158"/>
        <v>423473.4</v>
      </c>
      <c r="Y138" s="723" t="s">
        <v>3106</v>
      </c>
      <c r="Z138" s="723"/>
      <c r="AA138" s="652" t="s">
        <v>82</v>
      </c>
      <c r="AB138" s="893"/>
      <c r="AC138" s="893"/>
      <c r="AD138" s="893"/>
      <c r="AE138" s="893"/>
      <c r="AF138" s="893"/>
      <c r="AG138" s="746"/>
      <c r="AH138" s="893"/>
      <c r="AI138" s="893"/>
      <c r="AJ138" s="893"/>
      <c r="AK138" s="893"/>
      <c r="AL138" s="893"/>
      <c r="AM138" s="893"/>
      <c r="AN138" s="893"/>
      <c r="AO138" s="893"/>
      <c r="AP138" s="893"/>
      <c r="AQ138" s="893"/>
      <c r="AR138" s="746" t="s">
        <v>66</v>
      </c>
      <c r="AS138" s="893"/>
      <c r="AT138" s="893"/>
      <c r="AU138" s="893"/>
      <c r="AV138" s="893"/>
      <c r="AW138" s="893"/>
      <c r="AX138" s="893"/>
      <c r="AY138" s="893"/>
      <c r="AZ138" s="893"/>
      <c r="BA138" s="893"/>
      <c r="BB138" s="893"/>
      <c r="BC138" s="893"/>
      <c r="BD138" s="893"/>
      <c r="BE138" s="893"/>
      <c r="BF138" s="893"/>
      <c r="BG138" s="746"/>
      <c r="BH138" s="746"/>
      <c r="BI138" s="746"/>
      <c r="BJ138" s="746"/>
      <c r="BK138" s="746"/>
      <c r="BL138" s="746"/>
      <c r="BM138" s="746"/>
      <c r="BN138" s="746"/>
      <c r="BO138" s="746"/>
      <c r="BP138" s="746"/>
      <c r="BQ138" s="746"/>
      <c r="BR138" s="746"/>
      <c r="BS138" s="884">
        <f t="shared" si="191"/>
        <v>2380</v>
      </c>
      <c r="BT138" s="661">
        <f t="shared" si="192"/>
        <v>177.93</v>
      </c>
      <c r="BU138" s="661"/>
      <c r="BV138" s="898" t="str">
        <f t="shared" si="159"/>
        <v/>
      </c>
      <c r="BW138" s="898" t="str">
        <f t="shared" si="160"/>
        <v/>
      </c>
      <c r="BX138" s="898" t="str">
        <f t="shared" si="161"/>
        <v/>
      </c>
      <c r="BY138" s="898" t="str">
        <f t="shared" si="162"/>
        <v/>
      </c>
      <c r="BZ138" s="898" t="str">
        <f t="shared" si="163"/>
        <v/>
      </c>
      <c r="CA138" s="898" t="str">
        <f t="shared" si="164"/>
        <v/>
      </c>
      <c r="CB138" s="898" t="str">
        <f t="shared" si="165"/>
        <v/>
      </c>
      <c r="CC138" s="898" t="str">
        <f t="shared" si="166"/>
        <v/>
      </c>
      <c r="CD138" s="898" t="str">
        <f t="shared" si="167"/>
        <v/>
      </c>
      <c r="CE138" s="898" t="str">
        <f t="shared" si="168"/>
        <v/>
      </c>
      <c r="CF138" s="898" t="str">
        <f t="shared" si="169"/>
        <v/>
      </c>
      <c r="CG138" s="898" t="str">
        <f t="shared" si="170"/>
        <v/>
      </c>
      <c r="CH138" s="898" t="str">
        <f t="shared" si="171"/>
        <v/>
      </c>
      <c r="CI138" s="898" t="str">
        <f t="shared" si="172"/>
        <v/>
      </c>
      <c r="CJ138" s="898" t="str">
        <f t="shared" si="173"/>
        <v/>
      </c>
      <c r="CK138" s="898" t="str">
        <f t="shared" si="174"/>
        <v/>
      </c>
      <c r="CL138" s="898">
        <f t="shared" si="175"/>
        <v>423473.4</v>
      </c>
      <c r="CM138" s="898" t="str">
        <f t="shared" si="176"/>
        <v/>
      </c>
      <c r="CN138" s="898" t="str">
        <f t="shared" si="177"/>
        <v/>
      </c>
      <c r="CO138" s="898" t="str">
        <f t="shared" si="178"/>
        <v/>
      </c>
      <c r="CP138" s="898" t="str">
        <f t="shared" si="179"/>
        <v/>
      </c>
      <c r="CQ138" s="898" t="str">
        <f t="shared" si="180"/>
        <v/>
      </c>
      <c r="CR138" s="898" t="str">
        <f t="shared" si="181"/>
        <v/>
      </c>
      <c r="CS138" s="898" t="str">
        <f t="shared" si="182"/>
        <v/>
      </c>
      <c r="CT138" s="898" t="str">
        <f t="shared" si="183"/>
        <v/>
      </c>
      <c r="CU138" s="898" t="str">
        <f t="shared" si="184"/>
        <v/>
      </c>
      <c r="CV138" s="898" t="str">
        <f t="shared" si="185"/>
        <v/>
      </c>
      <c r="CW138" s="898" t="str">
        <f t="shared" si="186"/>
        <v/>
      </c>
      <c r="CX138" s="898" t="str">
        <f t="shared" si="187"/>
        <v/>
      </c>
      <c r="CY138" s="898" t="str">
        <f t="shared" si="188"/>
        <v/>
      </c>
      <c r="CZ138" s="898" t="str">
        <f t="shared" si="189"/>
        <v/>
      </c>
      <c r="DA138" s="898"/>
      <c r="DB138" s="898"/>
      <c r="DC138" s="898"/>
      <c r="DD138" s="898"/>
      <c r="DE138" s="898"/>
      <c r="DF138" s="898"/>
      <c r="DG138" s="898"/>
      <c r="DH138" s="898"/>
      <c r="DI138" s="898"/>
      <c r="DJ138" s="898"/>
      <c r="DK138" s="898"/>
      <c r="DL138" s="898"/>
      <c r="DM138" s="661">
        <f t="shared" si="193"/>
        <v>423473.4</v>
      </c>
      <c r="DN138" s="898">
        <f t="shared" si="194"/>
        <v>0</v>
      </c>
      <c r="DO138" s="516">
        <f t="shared" si="195"/>
        <v>0</v>
      </c>
      <c r="DP138" s="898">
        <f t="shared" si="196"/>
        <v>0</v>
      </c>
      <c r="DQ138" s="483" t="s">
        <v>3708</v>
      </c>
      <c r="DR138" s="483" t="s">
        <v>3709</v>
      </c>
      <c r="DS138" s="483" t="s">
        <v>3098</v>
      </c>
      <c r="DT138" s="632"/>
    </row>
    <row r="139" spans="1:124" s="613" customFormat="1" ht="142.5" x14ac:dyDescent="0.2">
      <c r="A139" s="484" t="str">
        <f t="shared" si="190"/>
        <v>Contribution towards amenity greenspace in North Hemel Hempstead (H1)</v>
      </c>
      <c r="B139" s="1163">
        <v>136</v>
      </c>
      <c r="C139" s="904" t="s">
        <v>3758</v>
      </c>
      <c r="D139" s="511" t="s">
        <v>2182</v>
      </c>
      <c r="E139" s="511" t="s">
        <v>1385</v>
      </c>
      <c r="F139" s="511" t="s">
        <v>1331</v>
      </c>
      <c r="G139" s="654" t="s">
        <v>1332</v>
      </c>
      <c r="H139" s="484" t="s">
        <v>3759</v>
      </c>
      <c r="I139" s="654"/>
      <c r="J139" s="495" t="s">
        <v>3760</v>
      </c>
      <c r="K139" s="515" t="s">
        <v>3104</v>
      </c>
      <c r="L139" s="515" t="s">
        <v>1375</v>
      </c>
      <c r="M139" s="654" t="s">
        <v>3027</v>
      </c>
      <c r="N139" s="515" t="s">
        <v>60</v>
      </c>
      <c r="O139" s="515" t="s">
        <v>3477</v>
      </c>
      <c r="P139" s="654" t="s">
        <v>1385</v>
      </c>
      <c r="Q139" s="515" t="s">
        <v>3424</v>
      </c>
      <c r="R139" s="654"/>
      <c r="S139" s="654"/>
      <c r="T139" s="723">
        <v>345600</v>
      </c>
      <c r="U139" s="723"/>
      <c r="V139" s="516" t="s">
        <v>64</v>
      </c>
      <c r="W139" s="723">
        <f t="shared" si="157"/>
        <v>0</v>
      </c>
      <c r="X139" s="745">
        <f>T139</f>
        <v>345600</v>
      </c>
      <c r="Y139" s="723" t="s">
        <v>3106</v>
      </c>
      <c r="Z139" s="723"/>
      <c r="AA139" s="736" t="s">
        <v>82</v>
      </c>
      <c r="AB139" s="893"/>
      <c r="AC139" s="893"/>
      <c r="AD139" s="893"/>
      <c r="AE139" s="893"/>
      <c r="AF139" s="893"/>
      <c r="AG139" s="746"/>
      <c r="AH139" s="893"/>
      <c r="AI139" s="893"/>
      <c r="AJ139" s="893"/>
      <c r="AK139" s="893"/>
      <c r="AL139" s="893"/>
      <c r="AM139" s="893"/>
      <c r="AN139" s="893"/>
      <c r="AO139" s="893"/>
      <c r="AP139" s="893"/>
      <c r="AQ139" s="893"/>
      <c r="AR139" s="746"/>
      <c r="AS139" s="893"/>
      <c r="AT139" s="893"/>
      <c r="AU139" s="893"/>
      <c r="AV139" s="893"/>
      <c r="AW139" s="893"/>
      <c r="AX139" s="893"/>
      <c r="AY139" s="893"/>
      <c r="AZ139" s="893"/>
      <c r="BA139" s="893"/>
      <c r="BB139" s="893"/>
      <c r="BC139" s="893"/>
      <c r="BD139" s="893"/>
      <c r="BE139" s="893"/>
      <c r="BF139" s="893"/>
      <c r="BG139" s="746"/>
      <c r="BH139" s="746"/>
      <c r="BI139" s="746"/>
      <c r="BJ139" s="746"/>
      <c r="BK139" s="746"/>
      <c r="BL139" s="746"/>
      <c r="BM139" s="746"/>
      <c r="BN139" s="746"/>
      <c r="BO139" s="516" t="s">
        <v>66</v>
      </c>
      <c r="BP139" s="516"/>
      <c r="BQ139" s="516"/>
      <c r="BR139" s="746"/>
      <c r="BS139" s="884">
        <f t="shared" si="191"/>
        <v>1500</v>
      </c>
      <c r="BT139" s="661">
        <f t="shared" si="192"/>
        <v>230.4</v>
      </c>
      <c r="BU139" s="661"/>
      <c r="BV139" s="898"/>
      <c r="BW139" s="898"/>
      <c r="BX139" s="898"/>
      <c r="BY139" s="898"/>
      <c r="BZ139" s="898"/>
      <c r="CA139" s="898"/>
      <c r="CB139" s="898"/>
      <c r="CC139" s="898"/>
      <c r="CD139" s="898"/>
      <c r="CE139" s="898"/>
      <c r="CF139" s="898"/>
      <c r="CG139" s="898"/>
      <c r="CH139" s="898"/>
      <c r="CI139" s="898"/>
      <c r="CJ139" s="898"/>
      <c r="CK139" s="898"/>
      <c r="CL139" s="898"/>
      <c r="CM139" s="898"/>
      <c r="CN139" s="898"/>
      <c r="CO139" s="898"/>
      <c r="CP139" s="898"/>
      <c r="CQ139" s="898"/>
      <c r="CR139" s="898"/>
      <c r="CS139" s="898"/>
      <c r="CT139" s="898"/>
      <c r="CU139" s="898"/>
      <c r="CV139" s="898"/>
      <c r="CW139" s="898"/>
      <c r="CX139" s="898"/>
      <c r="CY139" s="898"/>
      <c r="CZ139" s="898"/>
      <c r="DA139" s="898"/>
      <c r="DB139" s="898"/>
      <c r="DC139" s="898"/>
      <c r="DD139" s="898"/>
      <c r="DE139" s="898"/>
      <c r="DF139" s="898"/>
      <c r="DG139" s="898"/>
      <c r="DH139" s="898"/>
      <c r="DI139" s="898">
        <f>X139</f>
        <v>345600</v>
      </c>
      <c r="DJ139" s="898"/>
      <c r="DK139" s="898"/>
      <c r="DL139" s="898"/>
      <c r="DM139" s="661">
        <f t="shared" si="193"/>
        <v>0</v>
      </c>
      <c r="DN139" s="898">
        <f t="shared" si="194"/>
        <v>345600</v>
      </c>
      <c r="DO139" s="516">
        <f t="shared" si="195"/>
        <v>0</v>
      </c>
      <c r="DP139" s="898">
        <f t="shared" si="196"/>
        <v>0</v>
      </c>
      <c r="DQ139" s="483" t="s">
        <v>3761</v>
      </c>
      <c r="DR139" s="483" t="s">
        <v>3762</v>
      </c>
      <c r="DS139" s="483" t="s">
        <v>3763</v>
      </c>
      <c r="DT139" s="632"/>
    </row>
    <row r="140" spans="1:124" s="613" customFormat="1" ht="142.5" x14ac:dyDescent="0.2">
      <c r="A140" s="484" t="str">
        <f t="shared" si="190"/>
        <v>Contribution towards amenity greenspace in East Hemel Hempstead (North) (H2)</v>
      </c>
      <c r="B140" s="1163">
        <v>137</v>
      </c>
      <c r="C140" s="904" t="s">
        <v>3764</v>
      </c>
      <c r="D140" s="511" t="s">
        <v>2182</v>
      </c>
      <c r="E140" s="511" t="s">
        <v>1385</v>
      </c>
      <c r="F140" s="511" t="s">
        <v>1331</v>
      </c>
      <c r="G140" s="654" t="s">
        <v>1332</v>
      </c>
      <c r="H140" s="484" t="s">
        <v>3765</v>
      </c>
      <c r="I140" s="654"/>
      <c r="J140" s="495" t="s">
        <v>3766</v>
      </c>
      <c r="K140" s="515" t="s">
        <v>3104</v>
      </c>
      <c r="L140" s="515" t="s">
        <v>1376</v>
      </c>
      <c r="M140" s="663" t="s">
        <v>3325</v>
      </c>
      <c r="N140" s="515" t="s">
        <v>60</v>
      </c>
      <c r="O140" s="515" t="s">
        <v>3477</v>
      </c>
      <c r="P140" s="654" t="s">
        <v>1385</v>
      </c>
      <c r="Q140" s="515" t="s">
        <v>3108</v>
      </c>
      <c r="R140" s="654"/>
      <c r="S140" s="654"/>
      <c r="T140" s="723">
        <v>368640</v>
      </c>
      <c r="U140" s="723"/>
      <c r="V140" s="516" t="s">
        <v>64</v>
      </c>
      <c r="W140" s="723">
        <f t="shared" si="157"/>
        <v>0</v>
      </c>
      <c r="X140" s="745">
        <f>T140</f>
        <v>368640</v>
      </c>
      <c r="Y140" s="723" t="s">
        <v>3106</v>
      </c>
      <c r="Z140" s="723"/>
      <c r="AA140" s="736" t="s">
        <v>82</v>
      </c>
      <c r="AB140" s="893"/>
      <c r="AC140" s="893"/>
      <c r="AD140" s="893"/>
      <c r="AE140" s="893"/>
      <c r="AF140" s="893"/>
      <c r="AG140" s="746"/>
      <c r="AH140" s="893"/>
      <c r="AI140" s="893"/>
      <c r="AJ140" s="893"/>
      <c r="AK140" s="893"/>
      <c r="AL140" s="893"/>
      <c r="AM140" s="893"/>
      <c r="AN140" s="893"/>
      <c r="AO140" s="893"/>
      <c r="AP140" s="893"/>
      <c r="AQ140" s="893"/>
      <c r="AR140" s="746"/>
      <c r="AS140" s="893"/>
      <c r="AT140" s="893"/>
      <c r="AU140" s="893"/>
      <c r="AV140" s="893"/>
      <c r="AW140" s="893"/>
      <c r="AX140" s="893"/>
      <c r="AY140" s="893"/>
      <c r="AZ140" s="893"/>
      <c r="BA140" s="893"/>
      <c r="BB140" s="893"/>
      <c r="BC140" s="893"/>
      <c r="BD140" s="893"/>
      <c r="BE140" s="893"/>
      <c r="BF140" s="893"/>
      <c r="BG140" s="746"/>
      <c r="BH140" s="746"/>
      <c r="BI140" s="746"/>
      <c r="BJ140" s="746"/>
      <c r="BK140" s="746"/>
      <c r="BL140" s="746"/>
      <c r="BM140" s="746"/>
      <c r="BN140" s="746"/>
      <c r="BO140" s="516"/>
      <c r="BP140" s="516" t="s">
        <v>66</v>
      </c>
      <c r="BQ140" s="516"/>
      <c r="BR140" s="746"/>
      <c r="BS140" s="884">
        <f t="shared" si="191"/>
        <v>1600</v>
      </c>
      <c r="BT140" s="661">
        <f t="shared" si="192"/>
        <v>230.4</v>
      </c>
      <c r="BU140" s="661"/>
      <c r="BV140" s="898"/>
      <c r="BW140" s="898"/>
      <c r="BX140" s="898"/>
      <c r="BY140" s="898"/>
      <c r="BZ140" s="898"/>
      <c r="CA140" s="898"/>
      <c r="CB140" s="898"/>
      <c r="CC140" s="898"/>
      <c r="CD140" s="898"/>
      <c r="CE140" s="898"/>
      <c r="CF140" s="898"/>
      <c r="CG140" s="898"/>
      <c r="CH140" s="898"/>
      <c r="CI140" s="898"/>
      <c r="CJ140" s="898"/>
      <c r="CK140" s="898"/>
      <c r="CL140" s="898"/>
      <c r="CM140" s="898"/>
      <c r="CN140" s="898"/>
      <c r="CO140" s="898"/>
      <c r="CP140" s="898"/>
      <c r="CQ140" s="898"/>
      <c r="CR140" s="898"/>
      <c r="CS140" s="898"/>
      <c r="CT140" s="898"/>
      <c r="CU140" s="898"/>
      <c r="CV140" s="898"/>
      <c r="CW140" s="898"/>
      <c r="CX140" s="898"/>
      <c r="CY140" s="898"/>
      <c r="CZ140" s="898"/>
      <c r="DA140" s="898"/>
      <c r="DB140" s="898"/>
      <c r="DC140" s="898"/>
      <c r="DD140" s="898"/>
      <c r="DE140" s="898"/>
      <c r="DF140" s="898"/>
      <c r="DG140" s="898"/>
      <c r="DH140" s="898"/>
      <c r="DI140" s="898"/>
      <c r="DJ140" s="898">
        <f>X140</f>
        <v>368640</v>
      </c>
      <c r="DK140" s="898"/>
      <c r="DL140" s="898"/>
      <c r="DM140" s="661">
        <f t="shared" si="193"/>
        <v>0</v>
      </c>
      <c r="DN140" s="898">
        <f t="shared" si="194"/>
        <v>368640</v>
      </c>
      <c r="DO140" s="516">
        <f t="shared" si="195"/>
        <v>0</v>
      </c>
      <c r="DP140" s="898">
        <f t="shared" si="196"/>
        <v>0</v>
      </c>
      <c r="DQ140" s="483" t="s">
        <v>3761</v>
      </c>
      <c r="DR140" s="483" t="s">
        <v>3762</v>
      </c>
      <c r="DS140" s="483" t="s">
        <v>3763</v>
      </c>
      <c r="DT140" s="632"/>
    </row>
    <row r="141" spans="1:124" s="613" customFormat="1" ht="114" x14ac:dyDescent="0.2">
      <c r="A141" s="484" t="str">
        <f t="shared" si="190"/>
        <v>Contribution towards amenity greenspace in East Hemel Hempstead (South) (H4)</v>
      </c>
      <c r="B141" s="1163">
        <v>138</v>
      </c>
      <c r="C141" s="904" t="s">
        <v>3767</v>
      </c>
      <c r="D141" s="511" t="s">
        <v>2182</v>
      </c>
      <c r="E141" s="511" t="s">
        <v>1385</v>
      </c>
      <c r="F141" s="511" t="s">
        <v>1331</v>
      </c>
      <c r="G141" s="654" t="s">
        <v>1332</v>
      </c>
      <c r="H141" s="484" t="s">
        <v>3768</v>
      </c>
      <c r="I141" s="654"/>
      <c r="J141" s="495" t="s">
        <v>3769</v>
      </c>
      <c r="K141" s="515" t="s">
        <v>3104</v>
      </c>
      <c r="L141" s="515" t="s">
        <v>1377</v>
      </c>
      <c r="M141" s="663" t="s">
        <v>3325</v>
      </c>
      <c r="N141" s="515" t="s">
        <v>60</v>
      </c>
      <c r="O141" s="515" t="s">
        <v>3477</v>
      </c>
      <c r="P141" s="654" t="s">
        <v>1385</v>
      </c>
      <c r="Q141" s="515" t="s">
        <v>3108</v>
      </c>
      <c r="R141" s="654"/>
      <c r="S141" s="654"/>
      <c r="T141" s="723">
        <v>552960</v>
      </c>
      <c r="U141" s="723"/>
      <c r="V141" s="516" t="s">
        <v>64</v>
      </c>
      <c r="W141" s="723">
        <f t="shared" si="157"/>
        <v>0</v>
      </c>
      <c r="X141" s="745">
        <f>T141</f>
        <v>552960</v>
      </c>
      <c r="Y141" s="723" t="s">
        <v>3106</v>
      </c>
      <c r="Z141" s="723"/>
      <c r="AA141" s="736" t="s">
        <v>82</v>
      </c>
      <c r="AB141" s="893"/>
      <c r="AC141" s="893"/>
      <c r="AD141" s="893"/>
      <c r="AE141" s="893"/>
      <c r="AF141" s="893"/>
      <c r="AG141" s="746"/>
      <c r="AH141" s="893"/>
      <c r="AI141" s="893"/>
      <c r="AJ141" s="893"/>
      <c r="AK141" s="893"/>
      <c r="AL141" s="893"/>
      <c r="AM141" s="893"/>
      <c r="AN141" s="893"/>
      <c r="AO141" s="893"/>
      <c r="AP141" s="893"/>
      <c r="AQ141" s="893"/>
      <c r="AR141" s="746"/>
      <c r="AS141" s="893"/>
      <c r="AT141" s="893"/>
      <c r="AU141" s="893"/>
      <c r="AV141" s="893"/>
      <c r="AW141" s="893"/>
      <c r="AX141" s="893"/>
      <c r="AY141" s="893"/>
      <c r="AZ141" s="893"/>
      <c r="BA141" s="893"/>
      <c r="BB141" s="893"/>
      <c r="BC141" s="893"/>
      <c r="BD141" s="893"/>
      <c r="BE141" s="893"/>
      <c r="BF141" s="893"/>
      <c r="BG141" s="746"/>
      <c r="BH141" s="746"/>
      <c r="BI141" s="746"/>
      <c r="BJ141" s="746"/>
      <c r="BK141" s="746"/>
      <c r="BL141" s="746"/>
      <c r="BM141" s="746"/>
      <c r="BN141" s="746"/>
      <c r="BO141" s="516"/>
      <c r="BP141" s="516"/>
      <c r="BQ141" s="516" t="s">
        <v>66</v>
      </c>
      <c r="BR141" s="746"/>
      <c r="BS141" s="884">
        <f t="shared" si="191"/>
        <v>2400</v>
      </c>
      <c r="BT141" s="661">
        <f t="shared" si="192"/>
        <v>230.4</v>
      </c>
      <c r="BU141" s="661"/>
      <c r="BV141" s="898"/>
      <c r="BW141" s="898"/>
      <c r="BX141" s="898"/>
      <c r="BY141" s="898"/>
      <c r="BZ141" s="898"/>
      <c r="CA141" s="898"/>
      <c r="CB141" s="898"/>
      <c r="CC141" s="898"/>
      <c r="CD141" s="898"/>
      <c r="CE141" s="898"/>
      <c r="CF141" s="898"/>
      <c r="CG141" s="898"/>
      <c r="CH141" s="898"/>
      <c r="CI141" s="898"/>
      <c r="CJ141" s="898"/>
      <c r="CK141" s="898"/>
      <c r="CL141" s="898"/>
      <c r="CM141" s="898"/>
      <c r="CN141" s="898"/>
      <c r="CO141" s="898"/>
      <c r="CP141" s="898"/>
      <c r="CQ141" s="898"/>
      <c r="CR141" s="898"/>
      <c r="CS141" s="898"/>
      <c r="CT141" s="898"/>
      <c r="CU141" s="898"/>
      <c r="CV141" s="898"/>
      <c r="CW141" s="898"/>
      <c r="CX141" s="898"/>
      <c r="CY141" s="898"/>
      <c r="CZ141" s="898"/>
      <c r="DA141" s="898"/>
      <c r="DB141" s="898"/>
      <c r="DC141" s="898"/>
      <c r="DD141" s="898"/>
      <c r="DE141" s="898"/>
      <c r="DF141" s="898"/>
      <c r="DG141" s="898"/>
      <c r="DH141" s="898"/>
      <c r="DI141" s="898"/>
      <c r="DJ141" s="898"/>
      <c r="DK141" s="898">
        <f>X141</f>
        <v>552960</v>
      </c>
      <c r="DL141" s="898"/>
      <c r="DM141" s="661">
        <f t="shared" si="193"/>
        <v>0</v>
      </c>
      <c r="DN141" s="898">
        <f t="shared" si="194"/>
        <v>552960</v>
      </c>
      <c r="DO141" s="516">
        <f t="shared" si="195"/>
        <v>0</v>
      </c>
      <c r="DP141" s="898">
        <f t="shared" si="196"/>
        <v>0</v>
      </c>
      <c r="DQ141" s="483" t="s">
        <v>3770</v>
      </c>
      <c r="DR141" s="483" t="s">
        <v>3762</v>
      </c>
      <c r="DS141" s="483" t="s">
        <v>3763</v>
      </c>
      <c r="DT141" s="632"/>
    </row>
    <row r="142" spans="1:124" s="613" customFormat="1" ht="114" x14ac:dyDescent="0.2">
      <c r="A142" s="484" t="str">
        <f t="shared" si="190"/>
        <v>Associated local green infrastructure requirements to support development at North Hemel Hempstead (Hm01) in accordance with the HGC Framework Plan. Contribution towards 7.2 hectares of amenity greenspace required to support growth at North Hemel Hempstead (Hm01)</v>
      </c>
      <c r="B142" s="1163">
        <v>139</v>
      </c>
      <c r="C142" s="904" t="s">
        <v>3771</v>
      </c>
      <c r="D142" s="481" t="s">
        <v>2481</v>
      </c>
      <c r="E142" s="481" t="s">
        <v>53</v>
      </c>
      <c r="F142" s="481" t="s">
        <v>515</v>
      </c>
      <c r="G142" s="654" t="s">
        <v>1332</v>
      </c>
      <c r="H142" s="484" t="s">
        <v>3772</v>
      </c>
      <c r="I142" s="654"/>
      <c r="J142" s="78" t="s">
        <v>3773</v>
      </c>
      <c r="K142" s="515" t="s">
        <v>3104</v>
      </c>
      <c r="L142" s="657" t="s">
        <v>1360</v>
      </c>
      <c r="M142" s="654" t="s">
        <v>3027</v>
      </c>
      <c r="N142" s="897" t="s">
        <v>60</v>
      </c>
      <c r="O142" s="657" t="s">
        <v>3331</v>
      </c>
      <c r="P142" s="657" t="s">
        <v>53</v>
      </c>
      <c r="Q142" s="654" t="s">
        <v>3707</v>
      </c>
      <c r="R142" s="654"/>
      <c r="S142" s="654"/>
      <c r="T142" s="723">
        <v>1518336</v>
      </c>
      <c r="U142" s="723"/>
      <c r="V142" s="654" t="s">
        <v>64</v>
      </c>
      <c r="W142" s="723">
        <f t="shared" si="157"/>
        <v>0</v>
      </c>
      <c r="X142" s="745">
        <f t="shared" ref="X142:X158" si="197">IF(ISTEXT(T142),T142,T142-U142)</f>
        <v>1518336</v>
      </c>
      <c r="Y142" s="723" t="s">
        <v>3106</v>
      </c>
      <c r="Z142" s="723"/>
      <c r="AA142" s="652" t="s">
        <v>82</v>
      </c>
      <c r="AB142" s="746" t="s">
        <v>66</v>
      </c>
      <c r="AC142" s="893"/>
      <c r="AD142" s="893"/>
      <c r="AE142" s="893"/>
      <c r="AF142" s="893"/>
      <c r="AG142" s="746"/>
      <c r="AH142" s="893"/>
      <c r="AI142" s="893"/>
      <c r="AJ142" s="893"/>
      <c r="AK142" s="893"/>
      <c r="AL142" s="893"/>
      <c r="AM142" s="893"/>
      <c r="AN142" s="893"/>
      <c r="AO142" s="893"/>
      <c r="AP142" s="893"/>
      <c r="AQ142" s="893"/>
      <c r="AR142" s="893"/>
      <c r="AS142" s="893"/>
      <c r="AT142" s="893"/>
      <c r="AU142" s="893"/>
      <c r="AV142" s="893"/>
      <c r="AW142" s="893"/>
      <c r="AX142" s="893"/>
      <c r="AY142" s="893"/>
      <c r="AZ142" s="893"/>
      <c r="BA142" s="893"/>
      <c r="BB142" s="893"/>
      <c r="BC142" s="893"/>
      <c r="BD142" s="893"/>
      <c r="BE142" s="893"/>
      <c r="BF142" s="893"/>
      <c r="BG142" s="746"/>
      <c r="BH142" s="746"/>
      <c r="BI142" s="746"/>
      <c r="BJ142" s="746"/>
      <c r="BK142" s="746"/>
      <c r="BL142" s="746"/>
      <c r="BM142" s="746"/>
      <c r="BN142" s="746"/>
      <c r="BO142" s="746"/>
      <c r="BP142" s="746"/>
      <c r="BQ142" s="746"/>
      <c r="BR142" s="746"/>
      <c r="BS142" s="884">
        <f t="shared" si="191"/>
        <v>5000</v>
      </c>
      <c r="BT142" s="661">
        <f t="shared" si="192"/>
        <v>303.66719999999998</v>
      </c>
      <c r="BU142" s="661"/>
      <c r="BV142" s="898">
        <f t="shared" ref="BV142:BV158" si="198">IF(AB142="yes",(AB$3*$BT142),"")</f>
        <v>1518336</v>
      </c>
      <c r="BW142" s="898" t="str">
        <f t="shared" ref="BW142:BW158" si="199">IF(AC142="yes",(AC$3*$BT142),"")</f>
        <v/>
      </c>
      <c r="BX142" s="898" t="str">
        <f t="shared" ref="BX142:BX158" si="200">IF(AD142="yes",(AD$3*$BT142),"")</f>
        <v/>
      </c>
      <c r="BY142" s="898" t="str">
        <f t="shared" ref="BY142:BY158" si="201">IF(AE142="yes",(AE$3*$BT142),"")</f>
        <v/>
      </c>
      <c r="BZ142" s="898" t="str">
        <f t="shared" ref="BZ142:BZ158" si="202">IF(AF142="yes",(AF$3*$BT142),"")</f>
        <v/>
      </c>
      <c r="CA142" s="898" t="str">
        <f t="shared" ref="CA142:CA158" si="203">IF(AG142="yes",(AG$3*$BT142),"")</f>
        <v/>
      </c>
      <c r="CB142" s="898" t="str">
        <f t="shared" ref="CB142:CB158" si="204">IF(AH142="yes",(AH$3*$BT142),"")</f>
        <v/>
      </c>
      <c r="CC142" s="898" t="str">
        <f t="shared" ref="CC142:CC158" si="205">IF(AI142="yes",(AI$3*$BT142),"")</f>
        <v/>
      </c>
      <c r="CD142" s="898" t="str">
        <f t="shared" ref="CD142:CD158" si="206">IF(AJ142="yes",(AJ$3*$BT142),"")</f>
        <v/>
      </c>
      <c r="CE142" s="898" t="str">
        <f t="shared" ref="CE142:CE158" si="207">IF(AK142="yes",(AK$3*$BT142),"")</f>
        <v/>
      </c>
      <c r="CF142" s="898" t="str">
        <f t="shared" ref="CF142:CF158" si="208">IF(AL142="yes",(AL$3*$BT142),"")</f>
        <v/>
      </c>
      <c r="CG142" s="898" t="str">
        <f t="shared" ref="CG142:CG158" si="209">IF(AM142="yes",(AM$3*$BT142),"")</f>
        <v/>
      </c>
      <c r="CH142" s="898" t="str">
        <f t="shared" ref="CH142:CH158" si="210">IF(AN142="yes",(AN$3*$BT142),"")</f>
        <v/>
      </c>
      <c r="CI142" s="898" t="str">
        <f t="shared" ref="CI142:CI158" si="211">IF(AO142="yes",(AO$3*$BT142),"")</f>
        <v/>
      </c>
      <c r="CJ142" s="898" t="str">
        <f t="shared" ref="CJ142:CJ158" si="212">IF(AP142="yes",(AP$3*$BT142),"")</f>
        <v/>
      </c>
      <c r="CK142" s="898" t="str">
        <f t="shared" ref="CK142:CK158" si="213">IF(AQ142="yes",(AQ$3*$BT142),"")</f>
        <v/>
      </c>
      <c r="CL142" s="898" t="str">
        <f t="shared" ref="CL142:CL158" si="214">IF(AR142="yes",(AR$3*$BT142),"")</f>
        <v/>
      </c>
      <c r="CM142" s="898" t="str">
        <f t="shared" ref="CM142:CM158" si="215">IF(AS142="yes",(AS$3*$BT142),"")</f>
        <v/>
      </c>
      <c r="CN142" s="898" t="str">
        <f t="shared" ref="CN142:CN158" si="216">IF(AT142="yes",(AT$3*$BT142),"")</f>
        <v/>
      </c>
      <c r="CO142" s="898" t="str">
        <f t="shared" ref="CO142:CO158" si="217">IF(AU142="yes",(AU$3*$BT142),"")</f>
        <v/>
      </c>
      <c r="CP142" s="898" t="str">
        <f t="shared" ref="CP142:CP158" si="218">IF(AV142="yes",(AV$3*$BT142),"")</f>
        <v/>
      </c>
      <c r="CQ142" s="898" t="str">
        <f t="shared" ref="CQ142:CQ158" si="219">IF(AW142="yes",(AW$3*$BT142),"")</f>
        <v/>
      </c>
      <c r="CR142" s="898" t="str">
        <f t="shared" ref="CR142:CR158" si="220">IF(AX142="yes",(AX$3*$BT142),"")</f>
        <v/>
      </c>
      <c r="CS142" s="898" t="str">
        <f t="shared" ref="CS142:CS158" si="221">IF(AY142="yes",(AY$3*$BT142),"")</f>
        <v/>
      </c>
      <c r="CT142" s="898" t="str">
        <f t="shared" ref="CT142:CT158" si="222">IF(AZ142="yes",(AZ$3*$BT142),"")</f>
        <v/>
      </c>
      <c r="CU142" s="898" t="str">
        <f t="shared" ref="CU142:CU158" si="223">IF(BA142="yes",(BA$3*$BT142),"")</f>
        <v/>
      </c>
      <c r="CV142" s="898" t="str">
        <f t="shared" ref="CV142:CV158" si="224">IF(BB142="yes",(BB$3*$BT142),"")</f>
        <v/>
      </c>
      <c r="CW142" s="898" t="str">
        <f t="shared" ref="CW142:CW158" si="225">IF(BC142="yes",(BC$3*$BT142),"")</f>
        <v/>
      </c>
      <c r="CX142" s="898" t="str">
        <f t="shared" ref="CX142:CX158" si="226">IF(BD142="yes",(BD$3*$BT142),"")</f>
        <v/>
      </c>
      <c r="CY142" s="898" t="str">
        <f t="shared" ref="CY142:CY158" si="227">IF(BE142="yes",(BE$3*$BT142),"")</f>
        <v/>
      </c>
      <c r="CZ142" s="898" t="str">
        <f t="shared" ref="CZ142:CZ158" si="228">IF(BF142="yes",(BF$3*$BT142),"")</f>
        <v/>
      </c>
      <c r="DA142" s="898"/>
      <c r="DB142" s="898"/>
      <c r="DC142" s="898"/>
      <c r="DD142" s="898"/>
      <c r="DE142" s="898"/>
      <c r="DF142" s="898"/>
      <c r="DG142" s="898"/>
      <c r="DH142" s="898"/>
      <c r="DI142" s="898"/>
      <c r="DJ142" s="898"/>
      <c r="DK142" s="898"/>
      <c r="DL142" s="898"/>
      <c r="DM142" s="661">
        <f t="shared" si="193"/>
        <v>1518336</v>
      </c>
      <c r="DN142" s="898">
        <f t="shared" si="194"/>
        <v>0</v>
      </c>
      <c r="DO142" s="516">
        <f t="shared" si="195"/>
        <v>0</v>
      </c>
      <c r="DP142" s="898">
        <f t="shared" si="196"/>
        <v>0</v>
      </c>
      <c r="DQ142" s="483" t="s">
        <v>3774</v>
      </c>
      <c r="DR142" s="483" t="s">
        <v>3775</v>
      </c>
      <c r="DS142" s="483" t="s">
        <v>3098</v>
      </c>
      <c r="DT142" s="632"/>
    </row>
    <row r="143" spans="1:124" s="613" customFormat="1" ht="99.75" x14ac:dyDescent="0.2">
      <c r="A143" s="484" t="str">
        <f t="shared" si="190"/>
        <v>Contribution towards amenity greenspace in Hemel Hospital/Market Square (Hm03)</v>
      </c>
      <c r="B143" s="1163">
        <v>140</v>
      </c>
      <c r="C143" s="904" t="s">
        <v>3776</v>
      </c>
      <c r="D143" s="481" t="s">
        <v>2481</v>
      </c>
      <c r="E143" s="481" t="s">
        <v>53</v>
      </c>
      <c r="F143" s="481" t="s">
        <v>515</v>
      </c>
      <c r="G143" s="654" t="s">
        <v>1332</v>
      </c>
      <c r="H143" s="484" t="s">
        <v>3777</v>
      </c>
      <c r="I143" s="654"/>
      <c r="J143" s="78" t="s">
        <v>3778</v>
      </c>
      <c r="K143" s="515" t="s">
        <v>3104</v>
      </c>
      <c r="L143" s="657" t="s">
        <v>1362</v>
      </c>
      <c r="M143" s="654" t="s">
        <v>2996</v>
      </c>
      <c r="N143" s="897" t="s">
        <v>60</v>
      </c>
      <c r="O143" s="657" t="s">
        <v>3331</v>
      </c>
      <c r="P143" s="657" t="s">
        <v>53</v>
      </c>
      <c r="Q143" s="654" t="s">
        <v>181</v>
      </c>
      <c r="R143" s="654"/>
      <c r="S143" s="654"/>
      <c r="T143" s="723">
        <v>136650.23999999999</v>
      </c>
      <c r="U143" s="723"/>
      <c r="V143" s="654" t="s">
        <v>64</v>
      </c>
      <c r="W143" s="723">
        <f t="shared" si="157"/>
        <v>0</v>
      </c>
      <c r="X143" s="745">
        <f t="shared" si="197"/>
        <v>136650.23999999999</v>
      </c>
      <c r="Y143" s="723" t="s">
        <v>3106</v>
      </c>
      <c r="Z143" s="723"/>
      <c r="AA143" s="652" t="s">
        <v>82</v>
      </c>
      <c r="AB143" s="893"/>
      <c r="AC143" s="893"/>
      <c r="AD143" s="746" t="s">
        <v>66</v>
      </c>
      <c r="AE143" s="893"/>
      <c r="AF143" s="893"/>
      <c r="AG143" s="746"/>
      <c r="AH143" s="893"/>
      <c r="AI143" s="893"/>
      <c r="AJ143" s="893"/>
      <c r="AK143" s="893"/>
      <c r="AL143" s="893"/>
      <c r="AM143" s="893"/>
      <c r="AN143" s="893"/>
      <c r="AO143" s="893"/>
      <c r="AP143" s="893"/>
      <c r="AQ143" s="893"/>
      <c r="AR143" s="893"/>
      <c r="AS143" s="893"/>
      <c r="AT143" s="893"/>
      <c r="AU143" s="893"/>
      <c r="AV143" s="893"/>
      <c r="AW143" s="893"/>
      <c r="AX143" s="893"/>
      <c r="AY143" s="893"/>
      <c r="AZ143" s="893"/>
      <c r="BA143" s="893"/>
      <c r="BB143" s="893"/>
      <c r="BC143" s="893"/>
      <c r="BD143" s="893"/>
      <c r="BE143" s="893"/>
      <c r="BF143" s="893"/>
      <c r="BG143" s="746"/>
      <c r="BH143" s="746"/>
      <c r="BI143" s="746"/>
      <c r="BJ143" s="746"/>
      <c r="BK143" s="746"/>
      <c r="BL143" s="746"/>
      <c r="BM143" s="746"/>
      <c r="BN143" s="746"/>
      <c r="BO143" s="746"/>
      <c r="BP143" s="746"/>
      <c r="BQ143" s="746"/>
      <c r="BR143" s="746"/>
      <c r="BS143" s="884">
        <f t="shared" si="191"/>
        <v>450</v>
      </c>
      <c r="BT143" s="661">
        <f t="shared" si="192"/>
        <v>303.66719999999998</v>
      </c>
      <c r="BU143" s="661"/>
      <c r="BV143" s="898" t="str">
        <f t="shared" si="198"/>
        <v/>
      </c>
      <c r="BW143" s="898" t="str">
        <f t="shared" si="199"/>
        <v/>
      </c>
      <c r="BX143" s="898">
        <f t="shared" si="200"/>
        <v>136650.23999999999</v>
      </c>
      <c r="BY143" s="898" t="str">
        <f t="shared" si="201"/>
        <v/>
      </c>
      <c r="BZ143" s="898" t="str">
        <f t="shared" si="202"/>
        <v/>
      </c>
      <c r="CA143" s="898" t="str">
        <f t="shared" si="203"/>
        <v/>
      </c>
      <c r="CB143" s="898" t="str">
        <f t="shared" si="204"/>
        <v/>
      </c>
      <c r="CC143" s="898" t="str">
        <f t="shared" si="205"/>
        <v/>
      </c>
      <c r="CD143" s="898" t="str">
        <f t="shared" si="206"/>
        <v/>
      </c>
      <c r="CE143" s="898" t="str">
        <f t="shared" si="207"/>
        <v/>
      </c>
      <c r="CF143" s="898" t="str">
        <f t="shared" si="208"/>
        <v/>
      </c>
      <c r="CG143" s="898" t="str">
        <f t="shared" si="209"/>
        <v/>
      </c>
      <c r="CH143" s="898" t="str">
        <f t="shared" si="210"/>
        <v/>
      </c>
      <c r="CI143" s="898" t="str">
        <f t="shared" si="211"/>
        <v/>
      </c>
      <c r="CJ143" s="898" t="str">
        <f t="shared" si="212"/>
        <v/>
      </c>
      <c r="CK143" s="898" t="str">
        <f t="shared" si="213"/>
        <v/>
      </c>
      <c r="CL143" s="898" t="str">
        <f t="shared" si="214"/>
        <v/>
      </c>
      <c r="CM143" s="898" t="str">
        <f t="shared" si="215"/>
        <v/>
      </c>
      <c r="CN143" s="898" t="str">
        <f t="shared" si="216"/>
        <v/>
      </c>
      <c r="CO143" s="898" t="str">
        <f t="shared" si="217"/>
        <v/>
      </c>
      <c r="CP143" s="898" t="str">
        <f t="shared" si="218"/>
        <v/>
      </c>
      <c r="CQ143" s="898" t="str">
        <f t="shared" si="219"/>
        <v/>
      </c>
      <c r="CR143" s="898" t="str">
        <f t="shared" si="220"/>
        <v/>
      </c>
      <c r="CS143" s="898" t="str">
        <f t="shared" si="221"/>
        <v/>
      </c>
      <c r="CT143" s="898" t="str">
        <f t="shared" si="222"/>
        <v/>
      </c>
      <c r="CU143" s="898" t="str">
        <f t="shared" si="223"/>
        <v/>
      </c>
      <c r="CV143" s="898" t="str">
        <f t="shared" si="224"/>
        <v/>
      </c>
      <c r="CW143" s="898" t="str">
        <f t="shared" si="225"/>
        <v/>
      </c>
      <c r="CX143" s="898" t="str">
        <f t="shared" si="226"/>
        <v/>
      </c>
      <c r="CY143" s="898" t="str">
        <f t="shared" si="227"/>
        <v/>
      </c>
      <c r="CZ143" s="898" t="str">
        <f t="shared" si="228"/>
        <v/>
      </c>
      <c r="DA143" s="898"/>
      <c r="DB143" s="898"/>
      <c r="DC143" s="898"/>
      <c r="DD143" s="898"/>
      <c r="DE143" s="898"/>
      <c r="DF143" s="898"/>
      <c r="DG143" s="898"/>
      <c r="DH143" s="898"/>
      <c r="DI143" s="898"/>
      <c r="DJ143" s="898"/>
      <c r="DK143" s="898"/>
      <c r="DL143" s="898"/>
      <c r="DM143" s="661">
        <f t="shared" si="193"/>
        <v>136650.23999999999</v>
      </c>
      <c r="DN143" s="898">
        <f t="shared" si="194"/>
        <v>0</v>
      </c>
      <c r="DO143" s="516">
        <f t="shared" si="195"/>
        <v>0</v>
      </c>
      <c r="DP143" s="898">
        <f t="shared" si="196"/>
        <v>0</v>
      </c>
      <c r="DQ143" s="483" t="s">
        <v>3774</v>
      </c>
      <c r="DR143" s="483" t="s">
        <v>3775</v>
      </c>
      <c r="DS143" s="483" t="s">
        <v>3098</v>
      </c>
      <c r="DT143" s="632"/>
    </row>
    <row r="144" spans="1:124" s="613" customFormat="1" ht="99.75" x14ac:dyDescent="0.2">
      <c r="A144" s="484" t="str">
        <f t="shared" si="190"/>
        <v>Contribution towards amenity greenspace in Paradise (Hm04)</v>
      </c>
      <c r="B144" s="1163">
        <v>141</v>
      </c>
      <c r="C144" s="904" t="s">
        <v>3779</v>
      </c>
      <c r="D144" s="481" t="s">
        <v>2481</v>
      </c>
      <c r="E144" s="481" t="s">
        <v>53</v>
      </c>
      <c r="F144" s="481" t="s">
        <v>515</v>
      </c>
      <c r="G144" s="654" t="s">
        <v>1332</v>
      </c>
      <c r="H144" s="484" t="s">
        <v>3780</v>
      </c>
      <c r="I144" s="654"/>
      <c r="J144" s="78" t="s">
        <v>3781</v>
      </c>
      <c r="K144" s="515" t="s">
        <v>3104</v>
      </c>
      <c r="L144" s="657" t="s">
        <v>1363</v>
      </c>
      <c r="M144" s="654" t="s">
        <v>2996</v>
      </c>
      <c r="N144" s="654" t="s">
        <v>60</v>
      </c>
      <c r="O144" s="657" t="s">
        <v>3331</v>
      </c>
      <c r="P144" s="657" t="s">
        <v>53</v>
      </c>
      <c r="Q144" s="654" t="s">
        <v>559</v>
      </c>
      <c r="R144" s="654"/>
      <c r="S144" s="654"/>
      <c r="T144" s="723">
        <v>106283.52</v>
      </c>
      <c r="U144" s="723"/>
      <c r="V144" s="654" t="s">
        <v>64</v>
      </c>
      <c r="W144" s="723">
        <f t="shared" si="157"/>
        <v>0</v>
      </c>
      <c r="X144" s="745">
        <f t="shared" si="197"/>
        <v>106283.52</v>
      </c>
      <c r="Y144" s="723" t="s">
        <v>3106</v>
      </c>
      <c r="Z144" s="723"/>
      <c r="AA144" s="652" t="s">
        <v>82</v>
      </c>
      <c r="AB144" s="893"/>
      <c r="AC144" s="893"/>
      <c r="AD144" s="893"/>
      <c r="AE144" s="746" t="s">
        <v>66</v>
      </c>
      <c r="AF144" s="893"/>
      <c r="AG144" s="746"/>
      <c r="AH144" s="893"/>
      <c r="AI144" s="893"/>
      <c r="AJ144" s="893"/>
      <c r="AK144" s="893"/>
      <c r="AL144" s="893"/>
      <c r="AM144" s="893"/>
      <c r="AN144" s="893"/>
      <c r="AO144" s="893"/>
      <c r="AP144" s="893"/>
      <c r="AQ144" s="893"/>
      <c r="AR144" s="893"/>
      <c r="AS144" s="893"/>
      <c r="AT144" s="893"/>
      <c r="AU144" s="893"/>
      <c r="AV144" s="893"/>
      <c r="AW144" s="893"/>
      <c r="AX144" s="893"/>
      <c r="AY144" s="893"/>
      <c r="AZ144" s="893"/>
      <c r="BA144" s="893"/>
      <c r="BB144" s="893"/>
      <c r="BC144" s="893"/>
      <c r="BD144" s="893"/>
      <c r="BE144" s="893"/>
      <c r="BF144" s="893"/>
      <c r="BG144" s="746"/>
      <c r="BH144" s="746"/>
      <c r="BI144" s="746"/>
      <c r="BJ144" s="746"/>
      <c r="BK144" s="746"/>
      <c r="BL144" s="746"/>
      <c r="BM144" s="746"/>
      <c r="BN144" s="746"/>
      <c r="BO144" s="746"/>
      <c r="BP144" s="746"/>
      <c r="BQ144" s="746"/>
      <c r="BR144" s="746"/>
      <c r="BS144" s="884">
        <f t="shared" si="191"/>
        <v>350</v>
      </c>
      <c r="BT144" s="661">
        <f t="shared" si="192"/>
        <v>303.66720000000004</v>
      </c>
      <c r="BU144" s="661"/>
      <c r="BV144" s="898" t="str">
        <f t="shared" si="198"/>
        <v/>
      </c>
      <c r="BW144" s="898" t="str">
        <f t="shared" si="199"/>
        <v/>
      </c>
      <c r="BX144" s="898" t="str">
        <f t="shared" si="200"/>
        <v/>
      </c>
      <c r="BY144" s="898">
        <f t="shared" si="201"/>
        <v>106283.52000000002</v>
      </c>
      <c r="BZ144" s="898" t="str">
        <f t="shared" si="202"/>
        <v/>
      </c>
      <c r="CA144" s="898" t="str">
        <f t="shared" si="203"/>
        <v/>
      </c>
      <c r="CB144" s="898" t="str">
        <f t="shared" si="204"/>
        <v/>
      </c>
      <c r="CC144" s="898" t="str">
        <f t="shared" si="205"/>
        <v/>
      </c>
      <c r="CD144" s="898" t="str">
        <f t="shared" si="206"/>
        <v/>
      </c>
      <c r="CE144" s="898" t="str">
        <f t="shared" si="207"/>
        <v/>
      </c>
      <c r="CF144" s="898" t="str">
        <f t="shared" si="208"/>
        <v/>
      </c>
      <c r="CG144" s="898" t="str">
        <f t="shared" si="209"/>
        <v/>
      </c>
      <c r="CH144" s="898" t="str">
        <f t="shared" si="210"/>
        <v/>
      </c>
      <c r="CI144" s="898" t="str">
        <f t="shared" si="211"/>
        <v/>
      </c>
      <c r="CJ144" s="898" t="str">
        <f t="shared" si="212"/>
        <v/>
      </c>
      <c r="CK144" s="898" t="str">
        <f t="shared" si="213"/>
        <v/>
      </c>
      <c r="CL144" s="898" t="str">
        <f t="shared" si="214"/>
        <v/>
      </c>
      <c r="CM144" s="898" t="str">
        <f t="shared" si="215"/>
        <v/>
      </c>
      <c r="CN144" s="898" t="str">
        <f t="shared" si="216"/>
        <v/>
      </c>
      <c r="CO144" s="898" t="str">
        <f t="shared" si="217"/>
        <v/>
      </c>
      <c r="CP144" s="898" t="str">
        <f t="shared" si="218"/>
        <v/>
      </c>
      <c r="CQ144" s="898" t="str">
        <f t="shared" si="219"/>
        <v/>
      </c>
      <c r="CR144" s="898" t="str">
        <f t="shared" si="220"/>
        <v/>
      </c>
      <c r="CS144" s="898" t="str">
        <f t="shared" si="221"/>
        <v/>
      </c>
      <c r="CT144" s="898" t="str">
        <f t="shared" si="222"/>
        <v/>
      </c>
      <c r="CU144" s="898" t="str">
        <f t="shared" si="223"/>
        <v/>
      </c>
      <c r="CV144" s="898" t="str">
        <f t="shared" si="224"/>
        <v/>
      </c>
      <c r="CW144" s="898" t="str">
        <f t="shared" si="225"/>
        <v/>
      </c>
      <c r="CX144" s="898" t="str">
        <f t="shared" si="226"/>
        <v/>
      </c>
      <c r="CY144" s="898" t="str">
        <f t="shared" si="227"/>
        <v/>
      </c>
      <c r="CZ144" s="898" t="str">
        <f t="shared" si="228"/>
        <v/>
      </c>
      <c r="DA144" s="898"/>
      <c r="DB144" s="898"/>
      <c r="DC144" s="898"/>
      <c r="DD144" s="898"/>
      <c r="DE144" s="898"/>
      <c r="DF144" s="898"/>
      <c r="DG144" s="898"/>
      <c r="DH144" s="898"/>
      <c r="DI144" s="898"/>
      <c r="DJ144" s="898"/>
      <c r="DK144" s="898"/>
      <c r="DL144" s="898"/>
      <c r="DM144" s="661">
        <f t="shared" si="193"/>
        <v>106283.52000000002</v>
      </c>
      <c r="DN144" s="898">
        <f t="shared" si="194"/>
        <v>0</v>
      </c>
      <c r="DO144" s="516">
        <f t="shared" si="195"/>
        <v>0</v>
      </c>
      <c r="DP144" s="898">
        <f t="shared" si="196"/>
        <v>0</v>
      </c>
      <c r="DQ144" s="483" t="s">
        <v>3774</v>
      </c>
      <c r="DR144" s="483" t="s">
        <v>3775</v>
      </c>
      <c r="DS144" s="483" t="s">
        <v>3098</v>
      </c>
      <c r="DT144" s="632"/>
    </row>
    <row r="145" spans="1:124" s="613" customFormat="1" ht="99.75" x14ac:dyDescent="0.2">
      <c r="A145" s="484" t="str">
        <f t="shared" si="190"/>
        <v>Contribution towards amenity greenspace in Civic Zone, Marlowes (Hm02)</v>
      </c>
      <c r="B145" s="1163">
        <v>142</v>
      </c>
      <c r="C145" s="904" t="s">
        <v>3782</v>
      </c>
      <c r="D145" s="481" t="s">
        <v>2481</v>
      </c>
      <c r="E145" s="481" t="s">
        <v>53</v>
      </c>
      <c r="F145" s="481" t="s">
        <v>515</v>
      </c>
      <c r="G145" s="654" t="s">
        <v>1332</v>
      </c>
      <c r="H145" s="484" t="s">
        <v>3783</v>
      </c>
      <c r="I145" s="654"/>
      <c r="J145" s="78" t="s">
        <v>3784</v>
      </c>
      <c r="K145" s="515" t="s">
        <v>3104</v>
      </c>
      <c r="L145" s="657" t="s">
        <v>1361</v>
      </c>
      <c r="M145" s="654" t="s">
        <v>2996</v>
      </c>
      <c r="N145" s="897" t="s">
        <v>60</v>
      </c>
      <c r="O145" s="657" t="s">
        <v>3331</v>
      </c>
      <c r="P145" s="657" t="s">
        <v>53</v>
      </c>
      <c r="Q145" s="654" t="s">
        <v>377</v>
      </c>
      <c r="R145" s="654"/>
      <c r="S145" s="654"/>
      <c r="T145" s="723">
        <v>60733.440000000002</v>
      </c>
      <c r="U145" s="723"/>
      <c r="V145" s="654" t="s">
        <v>64</v>
      </c>
      <c r="W145" s="723">
        <f t="shared" si="157"/>
        <v>0</v>
      </c>
      <c r="X145" s="745">
        <f t="shared" si="197"/>
        <v>60733.440000000002</v>
      </c>
      <c r="Y145" s="723" t="s">
        <v>3106</v>
      </c>
      <c r="Z145" s="723"/>
      <c r="AA145" s="652" t="s">
        <v>82</v>
      </c>
      <c r="AB145" s="893"/>
      <c r="AC145" s="746" t="s">
        <v>66</v>
      </c>
      <c r="AD145" s="893"/>
      <c r="AE145" s="893"/>
      <c r="AF145" s="893"/>
      <c r="AG145" s="746"/>
      <c r="AH145" s="893"/>
      <c r="AI145" s="893"/>
      <c r="AJ145" s="893"/>
      <c r="AK145" s="893"/>
      <c r="AL145" s="893"/>
      <c r="AM145" s="893"/>
      <c r="AN145" s="893"/>
      <c r="AO145" s="893"/>
      <c r="AP145" s="893"/>
      <c r="AQ145" s="893"/>
      <c r="AR145" s="893"/>
      <c r="AS145" s="893"/>
      <c r="AT145" s="893"/>
      <c r="AU145" s="893"/>
      <c r="AV145" s="893"/>
      <c r="AW145" s="893"/>
      <c r="AX145" s="893"/>
      <c r="AY145" s="893"/>
      <c r="AZ145" s="893"/>
      <c r="BA145" s="893"/>
      <c r="BB145" s="893"/>
      <c r="BC145" s="893"/>
      <c r="BD145" s="893"/>
      <c r="BE145" s="893"/>
      <c r="BF145" s="893"/>
      <c r="BG145" s="746"/>
      <c r="BH145" s="746"/>
      <c r="BI145" s="746"/>
      <c r="BJ145" s="746"/>
      <c r="BK145" s="746"/>
      <c r="BL145" s="746"/>
      <c r="BM145" s="746"/>
      <c r="BN145" s="746"/>
      <c r="BO145" s="746"/>
      <c r="BP145" s="746"/>
      <c r="BQ145" s="746"/>
      <c r="BR145" s="746"/>
      <c r="BS145" s="884">
        <f t="shared" si="191"/>
        <v>200</v>
      </c>
      <c r="BT145" s="661">
        <f t="shared" si="192"/>
        <v>303.66720000000004</v>
      </c>
      <c r="BU145" s="661"/>
      <c r="BV145" s="898" t="str">
        <f t="shared" si="198"/>
        <v/>
      </c>
      <c r="BW145" s="898">
        <f t="shared" si="199"/>
        <v>60733.44000000001</v>
      </c>
      <c r="BX145" s="898" t="str">
        <f t="shared" si="200"/>
        <v/>
      </c>
      <c r="BY145" s="898" t="str">
        <f t="shared" si="201"/>
        <v/>
      </c>
      <c r="BZ145" s="898" t="str">
        <f t="shared" si="202"/>
        <v/>
      </c>
      <c r="CA145" s="898" t="str">
        <f t="shared" si="203"/>
        <v/>
      </c>
      <c r="CB145" s="898" t="str">
        <f t="shared" si="204"/>
        <v/>
      </c>
      <c r="CC145" s="898" t="str">
        <f t="shared" si="205"/>
        <v/>
      </c>
      <c r="CD145" s="898" t="str">
        <f t="shared" si="206"/>
        <v/>
      </c>
      <c r="CE145" s="898" t="str">
        <f t="shared" si="207"/>
        <v/>
      </c>
      <c r="CF145" s="898" t="str">
        <f t="shared" si="208"/>
        <v/>
      </c>
      <c r="CG145" s="898" t="str">
        <f t="shared" si="209"/>
        <v/>
      </c>
      <c r="CH145" s="898" t="str">
        <f t="shared" si="210"/>
        <v/>
      </c>
      <c r="CI145" s="898" t="str">
        <f t="shared" si="211"/>
        <v/>
      </c>
      <c r="CJ145" s="898" t="str">
        <f t="shared" si="212"/>
        <v/>
      </c>
      <c r="CK145" s="898" t="str">
        <f t="shared" si="213"/>
        <v/>
      </c>
      <c r="CL145" s="898" t="str">
        <f t="shared" si="214"/>
        <v/>
      </c>
      <c r="CM145" s="898" t="str">
        <f t="shared" si="215"/>
        <v/>
      </c>
      <c r="CN145" s="898" t="str">
        <f t="shared" si="216"/>
        <v/>
      </c>
      <c r="CO145" s="898" t="str">
        <f t="shared" si="217"/>
        <v/>
      </c>
      <c r="CP145" s="898" t="str">
        <f t="shared" si="218"/>
        <v/>
      </c>
      <c r="CQ145" s="898" t="str">
        <f t="shared" si="219"/>
        <v/>
      </c>
      <c r="CR145" s="898" t="str">
        <f t="shared" si="220"/>
        <v/>
      </c>
      <c r="CS145" s="898" t="str">
        <f t="shared" si="221"/>
        <v/>
      </c>
      <c r="CT145" s="898" t="str">
        <f t="shared" si="222"/>
        <v/>
      </c>
      <c r="CU145" s="898" t="str">
        <f t="shared" si="223"/>
        <v/>
      </c>
      <c r="CV145" s="898" t="str">
        <f t="shared" si="224"/>
        <v/>
      </c>
      <c r="CW145" s="898" t="str">
        <f t="shared" si="225"/>
        <v/>
      </c>
      <c r="CX145" s="898" t="str">
        <f t="shared" si="226"/>
        <v/>
      </c>
      <c r="CY145" s="898" t="str">
        <f t="shared" si="227"/>
        <v/>
      </c>
      <c r="CZ145" s="898" t="str">
        <f t="shared" si="228"/>
        <v/>
      </c>
      <c r="DA145" s="898"/>
      <c r="DB145" s="898"/>
      <c r="DC145" s="898"/>
      <c r="DD145" s="898"/>
      <c r="DE145" s="898"/>
      <c r="DF145" s="898"/>
      <c r="DG145" s="898"/>
      <c r="DH145" s="898"/>
      <c r="DI145" s="898"/>
      <c r="DJ145" s="898"/>
      <c r="DK145" s="898"/>
      <c r="DL145" s="898"/>
      <c r="DM145" s="661">
        <f t="shared" si="193"/>
        <v>60733.44000000001</v>
      </c>
      <c r="DN145" s="898">
        <f t="shared" si="194"/>
        <v>0</v>
      </c>
      <c r="DO145" s="516">
        <f t="shared" si="195"/>
        <v>0</v>
      </c>
      <c r="DP145" s="898">
        <f t="shared" si="196"/>
        <v>0</v>
      </c>
      <c r="DQ145" s="483" t="s">
        <v>3774</v>
      </c>
      <c r="DR145" s="483" t="s">
        <v>3775</v>
      </c>
      <c r="DS145" s="483" t="s">
        <v>3098</v>
      </c>
      <c r="DT145" s="632"/>
    </row>
    <row r="146" spans="1:124" s="613" customFormat="1" ht="99.75" x14ac:dyDescent="0.2">
      <c r="A146" s="484" t="str">
        <f t="shared" si="190"/>
        <v>Contribution towards amenity greenspace in Riverside (Hm06)</v>
      </c>
      <c r="B146" s="1163">
        <v>143</v>
      </c>
      <c r="C146" s="904" t="s">
        <v>3785</v>
      </c>
      <c r="D146" s="481" t="s">
        <v>2481</v>
      </c>
      <c r="E146" s="481" t="s">
        <v>53</v>
      </c>
      <c r="F146" s="481" t="s">
        <v>515</v>
      </c>
      <c r="G146" s="654" t="s">
        <v>1332</v>
      </c>
      <c r="H146" s="484" t="s">
        <v>3786</v>
      </c>
      <c r="I146" s="654"/>
      <c r="J146" s="78" t="s">
        <v>3787</v>
      </c>
      <c r="K146" s="515" t="s">
        <v>3104</v>
      </c>
      <c r="L146" s="657" t="s">
        <v>1364</v>
      </c>
      <c r="M146" s="654" t="s">
        <v>2996</v>
      </c>
      <c r="N146" s="897" t="s">
        <v>8</v>
      </c>
      <c r="O146" s="657" t="s">
        <v>3331</v>
      </c>
      <c r="P146" s="657" t="s">
        <v>53</v>
      </c>
      <c r="Q146" s="654" t="s">
        <v>71</v>
      </c>
      <c r="R146" s="654"/>
      <c r="S146" s="654"/>
      <c r="T146" s="723">
        <v>151833.60000000001</v>
      </c>
      <c r="U146" s="723"/>
      <c r="V146" s="654" t="s">
        <v>64</v>
      </c>
      <c r="W146" s="723">
        <f t="shared" si="157"/>
        <v>0</v>
      </c>
      <c r="X146" s="745">
        <f t="shared" si="197"/>
        <v>151833.60000000001</v>
      </c>
      <c r="Y146" s="723" t="s">
        <v>3106</v>
      </c>
      <c r="Z146" s="723"/>
      <c r="AA146" s="652" t="s">
        <v>82</v>
      </c>
      <c r="AB146" s="893"/>
      <c r="AC146" s="893"/>
      <c r="AD146" s="893"/>
      <c r="AE146" s="893"/>
      <c r="AF146" s="746" t="s">
        <v>66</v>
      </c>
      <c r="AG146" s="746"/>
      <c r="AH146" s="893"/>
      <c r="AI146" s="893"/>
      <c r="AJ146" s="893"/>
      <c r="AK146" s="893"/>
      <c r="AL146" s="893"/>
      <c r="AM146" s="893"/>
      <c r="AN146" s="893"/>
      <c r="AO146" s="893"/>
      <c r="AP146" s="893"/>
      <c r="AQ146" s="893"/>
      <c r="AR146" s="893"/>
      <c r="AS146" s="893"/>
      <c r="AT146" s="893"/>
      <c r="AU146" s="893"/>
      <c r="AV146" s="893"/>
      <c r="AW146" s="893"/>
      <c r="AX146" s="893"/>
      <c r="AY146" s="893"/>
      <c r="AZ146" s="893"/>
      <c r="BA146" s="893"/>
      <c r="BB146" s="893"/>
      <c r="BC146" s="893"/>
      <c r="BD146" s="893"/>
      <c r="BE146" s="893"/>
      <c r="BF146" s="893"/>
      <c r="BG146" s="746"/>
      <c r="BH146" s="746"/>
      <c r="BI146" s="746"/>
      <c r="BJ146" s="746"/>
      <c r="BK146" s="746"/>
      <c r="BL146" s="746"/>
      <c r="BM146" s="746"/>
      <c r="BN146" s="746"/>
      <c r="BO146" s="746"/>
      <c r="BP146" s="746"/>
      <c r="BQ146" s="746"/>
      <c r="BR146" s="746"/>
      <c r="BS146" s="884">
        <f t="shared" si="191"/>
        <v>500</v>
      </c>
      <c r="BT146" s="661">
        <f t="shared" si="192"/>
        <v>303.66720000000004</v>
      </c>
      <c r="BU146" s="661"/>
      <c r="BV146" s="898" t="str">
        <f t="shared" si="198"/>
        <v/>
      </c>
      <c r="BW146" s="898" t="str">
        <f t="shared" si="199"/>
        <v/>
      </c>
      <c r="BX146" s="898" t="str">
        <f t="shared" si="200"/>
        <v/>
      </c>
      <c r="BY146" s="898" t="str">
        <f t="shared" si="201"/>
        <v/>
      </c>
      <c r="BZ146" s="898">
        <f t="shared" si="202"/>
        <v>151833.60000000001</v>
      </c>
      <c r="CA146" s="898" t="str">
        <f t="shared" si="203"/>
        <v/>
      </c>
      <c r="CB146" s="898" t="str">
        <f t="shared" si="204"/>
        <v/>
      </c>
      <c r="CC146" s="898" t="str">
        <f t="shared" si="205"/>
        <v/>
      </c>
      <c r="CD146" s="898" t="str">
        <f t="shared" si="206"/>
        <v/>
      </c>
      <c r="CE146" s="898" t="str">
        <f t="shared" si="207"/>
        <v/>
      </c>
      <c r="CF146" s="898" t="str">
        <f t="shared" si="208"/>
        <v/>
      </c>
      <c r="CG146" s="898" t="str">
        <f t="shared" si="209"/>
        <v/>
      </c>
      <c r="CH146" s="898" t="str">
        <f t="shared" si="210"/>
        <v/>
      </c>
      <c r="CI146" s="898" t="str">
        <f t="shared" si="211"/>
        <v/>
      </c>
      <c r="CJ146" s="898" t="str">
        <f t="shared" si="212"/>
        <v/>
      </c>
      <c r="CK146" s="898" t="str">
        <f t="shared" si="213"/>
        <v/>
      </c>
      <c r="CL146" s="898" t="str">
        <f t="shared" si="214"/>
        <v/>
      </c>
      <c r="CM146" s="898" t="str">
        <f t="shared" si="215"/>
        <v/>
      </c>
      <c r="CN146" s="898" t="str">
        <f t="shared" si="216"/>
        <v/>
      </c>
      <c r="CO146" s="898" t="str">
        <f t="shared" si="217"/>
        <v/>
      </c>
      <c r="CP146" s="898" t="str">
        <f t="shared" si="218"/>
        <v/>
      </c>
      <c r="CQ146" s="898" t="str">
        <f t="shared" si="219"/>
        <v/>
      </c>
      <c r="CR146" s="898" t="str">
        <f t="shared" si="220"/>
        <v/>
      </c>
      <c r="CS146" s="898" t="str">
        <f t="shared" si="221"/>
        <v/>
      </c>
      <c r="CT146" s="898" t="str">
        <f t="shared" si="222"/>
        <v/>
      </c>
      <c r="CU146" s="898" t="str">
        <f t="shared" si="223"/>
        <v/>
      </c>
      <c r="CV146" s="898" t="str">
        <f t="shared" si="224"/>
        <v/>
      </c>
      <c r="CW146" s="898" t="str">
        <f t="shared" si="225"/>
        <v/>
      </c>
      <c r="CX146" s="898" t="str">
        <f t="shared" si="226"/>
        <v/>
      </c>
      <c r="CY146" s="898" t="str">
        <f t="shared" si="227"/>
        <v/>
      </c>
      <c r="CZ146" s="898" t="str">
        <f t="shared" si="228"/>
        <v/>
      </c>
      <c r="DA146" s="898"/>
      <c r="DB146" s="898"/>
      <c r="DC146" s="898"/>
      <c r="DD146" s="898"/>
      <c r="DE146" s="898"/>
      <c r="DF146" s="898"/>
      <c r="DG146" s="898"/>
      <c r="DH146" s="898"/>
      <c r="DI146" s="898"/>
      <c r="DJ146" s="898"/>
      <c r="DK146" s="898"/>
      <c r="DL146" s="898"/>
      <c r="DM146" s="661">
        <f t="shared" si="193"/>
        <v>151833.60000000001</v>
      </c>
      <c r="DN146" s="898">
        <f t="shared" si="194"/>
        <v>0</v>
      </c>
      <c r="DO146" s="516">
        <f t="shared" si="195"/>
        <v>0</v>
      </c>
      <c r="DP146" s="898">
        <f t="shared" si="196"/>
        <v>0</v>
      </c>
      <c r="DQ146" s="483" t="s">
        <v>3774</v>
      </c>
      <c r="DR146" s="483" t="s">
        <v>3775</v>
      </c>
      <c r="DS146" s="483" t="s">
        <v>3098</v>
      </c>
      <c r="DT146" s="632"/>
    </row>
    <row r="147" spans="1:124" s="613" customFormat="1" ht="99.75" x14ac:dyDescent="0.2">
      <c r="A147" s="484" t="str">
        <f t="shared" si="190"/>
        <v>Contribution towards amenity greenspace in Symbio Site, Whiteleaf Road (Hm07)</v>
      </c>
      <c r="B147" s="1163">
        <v>144</v>
      </c>
      <c r="C147" s="904" t="s">
        <v>3788</v>
      </c>
      <c r="D147" s="481" t="s">
        <v>2481</v>
      </c>
      <c r="E147" s="481" t="s">
        <v>53</v>
      </c>
      <c r="F147" s="481" t="s">
        <v>515</v>
      </c>
      <c r="G147" s="654" t="s">
        <v>1332</v>
      </c>
      <c r="H147" s="484" t="s">
        <v>3789</v>
      </c>
      <c r="I147" s="654"/>
      <c r="J147" s="78" t="s">
        <v>3790</v>
      </c>
      <c r="K147" s="515" t="s">
        <v>3104</v>
      </c>
      <c r="L147" s="657" t="s">
        <v>1366</v>
      </c>
      <c r="M147" s="654" t="s">
        <v>2996</v>
      </c>
      <c r="N147" s="897" t="s">
        <v>60</v>
      </c>
      <c r="O147" s="657" t="s">
        <v>3331</v>
      </c>
      <c r="P147" s="657" t="s">
        <v>53</v>
      </c>
      <c r="Q147" s="654" t="s">
        <v>380</v>
      </c>
      <c r="R147" s="654"/>
      <c r="S147" s="654"/>
      <c r="T147" s="723">
        <v>30366.720000000001</v>
      </c>
      <c r="U147" s="723"/>
      <c r="V147" s="654" t="s">
        <v>64</v>
      </c>
      <c r="W147" s="723">
        <f t="shared" si="157"/>
        <v>0</v>
      </c>
      <c r="X147" s="745">
        <f t="shared" si="197"/>
        <v>30366.720000000001</v>
      </c>
      <c r="Y147" s="723" t="s">
        <v>3106</v>
      </c>
      <c r="Z147" s="723"/>
      <c r="AA147" s="652" t="s">
        <v>82</v>
      </c>
      <c r="AB147" s="893"/>
      <c r="AC147" s="893"/>
      <c r="AD147" s="893"/>
      <c r="AE147" s="893"/>
      <c r="AF147" s="893"/>
      <c r="AG147" s="746"/>
      <c r="AH147" s="746" t="s">
        <v>66</v>
      </c>
      <c r="AI147" s="893"/>
      <c r="AJ147" s="893"/>
      <c r="AK147" s="893"/>
      <c r="AL147" s="893"/>
      <c r="AM147" s="893"/>
      <c r="AN147" s="893"/>
      <c r="AO147" s="893"/>
      <c r="AP147" s="893"/>
      <c r="AQ147" s="893"/>
      <c r="AR147" s="893"/>
      <c r="AS147" s="893"/>
      <c r="AT147" s="893"/>
      <c r="AU147" s="893"/>
      <c r="AV147" s="893"/>
      <c r="AW147" s="893"/>
      <c r="AX147" s="893"/>
      <c r="AY147" s="893"/>
      <c r="AZ147" s="893"/>
      <c r="BA147" s="893"/>
      <c r="BB147" s="893"/>
      <c r="BC147" s="893"/>
      <c r="BD147" s="893"/>
      <c r="BE147" s="893"/>
      <c r="BF147" s="893"/>
      <c r="BG147" s="746"/>
      <c r="BH147" s="746"/>
      <c r="BI147" s="746"/>
      <c r="BJ147" s="746"/>
      <c r="BK147" s="746"/>
      <c r="BL147" s="746"/>
      <c r="BM147" s="746"/>
      <c r="BN147" s="746"/>
      <c r="BO147" s="746"/>
      <c r="BP147" s="746"/>
      <c r="BQ147" s="746"/>
      <c r="BR147" s="746"/>
      <c r="BS147" s="884">
        <f t="shared" si="191"/>
        <v>100</v>
      </c>
      <c r="BT147" s="661">
        <f t="shared" si="192"/>
        <v>303.66720000000004</v>
      </c>
      <c r="BU147" s="661"/>
      <c r="BV147" s="898" t="str">
        <f t="shared" si="198"/>
        <v/>
      </c>
      <c r="BW147" s="898" t="str">
        <f t="shared" si="199"/>
        <v/>
      </c>
      <c r="BX147" s="898" t="str">
        <f t="shared" si="200"/>
        <v/>
      </c>
      <c r="BY147" s="898" t="str">
        <f t="shared" si="201"/>
        <v/>
      </c>
      <c r="BZ147" s="898" t="str">
        <f t="shared" si="202"/>
        <v/>
      </c>
      <c r="CA147" s="898" t="str">
        <f t="shared" si="203"/>
        <v/>
      </c>
      <c r="CB147" s="898">
        <f t="shared" si="204"/>
        <v>30366.720000000005</v>
      </c>
      <c r="CC147" s="898" t="str">
        <f t="shared" si="205"/>
        <v/>
      </c>
      <c r="CD147" s="898" t="str">
        <f t="shared" si="206"/>
        <v/>
      </c>
      <c r="CE147" s="898" t="str">
        <f t="shared" si="207"/>
        <v/>
      </c>
      <c r="CF147" s="898" t="str">
        <f t="shared" si="208"/>
        <v/>
      </c>
      <c r="CG147" s="898" t="str">
        <f t="shared" si="209"/>
        <v/>
      </c>
      <c r="CH147" s="898" t="str">
        <f t="shared" si="210"/>
        <v/>
      </c>
      <c r="CI147" s="898" t="str">
        <f t="shared" si="211"/>
        <v/>
      </c>
      <c r="CJ147" s="898" t="str">
        <f t="shared" si="212"/>
        <v/>
      </c>
      <c r="CK147" s="898" t="str">
        <f t="shared" si="213"/>
        <v/>
      </c>
      <c r="CL147" s="898" t="str">
        <f t="shared" si="214"/>
        <v/>
      </c>
      <c r="CM147" s="898" t="str">
        <f t="shared" si="215"/>
        <v/>
      </c>
      <c r="CN147" s="898" t="str">
        <f t="shared" si="216"/>
        <v/>
      </c>
      <c r="CO147" s="898" t="str">
        <f t="shared" si="217"/>
        <v/>
      </c>
      <c r="CP147" s="898" t="str">
        <f t="shared" si="218"/>
        <v/>
      </c>
      <c r="CQ147" s="898" t="str">
        <f t="shared" si="219"/>
        <v/>
      </c>
      <c r="CR147" s="898" t="str">
        <f t="shared" si="220"/>
        <v/>
      </c>
      <c r="CS147" s="898" t="str">
        <f t="shared" si="221"/>
        <v/>
      </c>
      <c r="CT147" s="898" t="str">
        <f t="shared" si="222"/>
        <v/>
      </c>
      <c r="CU147" s="898" t="str">
        <f t="shared" si="223"/>
        <v/>
      </c>
      <c r="CV147" s="898" t="str">
        <f t="shared" si="224"/>
        <v/>
      </c>
      <c r="CW147" s="898" t="str">
        <f t="shared" si="225"/>
        <v/>
      </c>
      <c r="CX147" s="898" t="str">
        <f t="shared" si="226"/>
        <v/>
      </c>
      <c r="CY147" s="898" t="str">
        <f t="shared" si="227"/>
        <v/>
      </c>
      <c r="CZ147" s="898" t="str">
        <f t="shared" si="228"/>
        <v/>
      </c>
      <c r="DA147" s="898"/>
      <c r="DB147" s="898"/>
      <c r="DC147" s="898"/>
      <c r="DD147" s="898"/>
      <c r="DE147" s="898"/>
      <c r="DF147" s="898"/>
      <c r="DG147" s="898"/>
      <c r="DH147" s="898"/>
      <c r="DI147" s="898"/>
      <c r="DJ147" s="898"/>
      <c r="DK147" s="898"/>
      <c r="DL147" s="898"/>
      <c r="DM147" s="661">
        <f t="shared" si="193"/>
        <v>30366.720000000005</v>
      </c>
      <c r="DN147" s="898">
        <f t="shared" si="194"/>
        <v>0</v>
      </c>
      <c r="DO147" s="516">
        <f t="shared" si="195"/>
        <v>0</v>
      </c>
      <c r="DP147" s="898">
        <f t="shared" si="196"/>
        <v>0</v>
      </c>
      <c r="DQ147" s="483" t="s">
        <v>3774</v>
      </c>
      <c r="DR147" s="483" t="s">
        <v>3775</v>
      </c>
      <c r="DS147" s="483" t="s">
        <v>3098</v>
      </c>
      <c r="DT147" s="632"/>
    </row>
    <row r="148" spans="1:124" s="613" customFormat="1" ht="99.75" x14ac:dyDescent="0.2">
      <c r="A148" s="484" t="str">
        <f t="shared" si="190"/>
        <v>Contribution towards amenity greenspace in Hemel Hempstead Station Gateway (Hm08)</v>
      </c>
      <c r="B148" s="1163">
        <v>145</v>
      </c>
      <c r="C148" s="904" t="s">
        <v>3791</v>
      </c>
      <c r="D148" s="481" t="s">
        <v>2481</v>
      </c>
      <c r="E148" s="481" t="s">
        <v>53</v>
      </c>
      <c r="F148" s="481" t="s">
        <v>515</v>
      </c>
      <c r="G148" s="654" t="s">
        <v>1332</v>
      </c>
      <c r="H148" s="484" t="s">
        <v>3792</v>
      </c>
      <c r="I148" s="654"/>
      <c r="J148" s="78" t="s">
        <v>3793</v>
      </c>
      <c r="K148" s="515" t="s">
        <v>3104</v>
      </c>
      <c r="L148" s="657" t="s">
        <v>1367</v>
      </c>
      <c r="M148" s="654" t="s">
        <v>2996</v>
      </c>
      <c r="N148" s="897" t="s">
        <v>60</v>
      </c>
      <c r="O148" s="657" t="s">
        <v>3331</v>
      </c>
      <c r="P148" s="657" t="s">
        <v>53</v>
      </c>
      <c r="Q148" s="654" t="s">
        <v>382</v>
      </c>
      <c r="R148" s="654"/>
      <c r="S148" s="654"/>
      <c r="T148" s="723">
        <v>118430.208</v>
      </c>
      <c r="U148" s="723"/>
      <c r="V148" s="654" t="s">
        <v>64</v>
      </c>
      <c r="W148" s="723">
        <f t="shared" si="157"/>
        <v>0</v>
      </c>
      <c r="X148" s="745">
        <f t="shared" si="197"/>
        <v>118430.208</v>
      </c>
      <c r="Y148" s="723" t="s">
        <v>3106</v>
      </c>
      <c r="Z148" s="723"/>
      <c r="AA148" s="652" t="s">
        <v>82</v>
      </c>
      <c r="AB148" s="893"/>
      <c r="AC148" s="893"/>
      <c r="AD148" s="893"/>
      <c r="AE148" s="893"/>
      <c r="AF148" s="893"/>
      <c r="AG148" s="746"/>
      <c r="AH148" s="893"/>
      <c r="AI148" s="746" t="s">
        <v>66</v>
      </c>
      <c r="AJ148" s="893"/>
      <c r="AK148" s="893"/>
      <c r="AL148" s="893"/>
      <c r="AM148" s="893"/>
      <c r="AN148" s="893"/>
      <c r="AO148" s="893"/>
      <c r="AP148" s="893"/>
      <c r="AQ148" s="893"/>
      <c r="AR148" s="893"/>
      <c r="AS148" s="893"/>
      <c r="AT148" s="893"/>
      <c r="AU148" s="893"/>
      <c r="AV148" s="893"/>
      <c r="AW148" s="893"/>
      <c r="AX148" s="893"/>
      <c r="AY148" s="893"/>
      <c r="AZ148" s="893"/>
      <c r="BA148" s="893"/>
      <c r="BB148" s="893"/>
      <c r="BC148" s="893"/>
      <c r="BD148" s="893"/>
      <c r="BE148" s="893"/>
      <c r="BF148" s="893"/>
      <c r="BG148" s="746"/>
      <c r="BH148" s="746"/>
      <c r="BI148" s="746"/>
      <c r="BJ148" s="746"/>
      <c r="BK148" s="746"/>
      <c r="BL148" s="746"/>
      <c r="BM148" s="746"/>
      <c r="BN148" s="746"/>
      <c r="BO148" s="746"/>
      <c r="BP148" s="746"/>
      <c r="BQ148" s="746"/>
      <c r="BR148" s="746"/>
      <c r="BS148" s="884">
        <f t="shared" si="191"/>
        <v>390</v>
      </c>
      <c r="BT148" s="661">
        <f t="shared" si="192"/>
        <v>303.66719999999998</v>
      </c>
      <c r="BU148" s="661"/>
      <c r="BV148" s="898" t="str">
        <f t="shared" si="198"/>
        <v/>
      </c>
      <c r="BW148" s="898" t="str">
        <f t="shared" si="199"/>
        <v/>
      </c>
      <c r="BX148" s="898" t="str">
        <f t="shared" si="200"/>
        <v/>
      </c>
      <c r="BY148" s="898" t="str">
        <f t="shared" si="201"/>
        <v/>
      </c>
      <c r="BZ148" s="898" t="str">
        <f t="shared" si="202"/>
        <v/>
      </c>
      <c r="CA148" s="898" t="str">
        <f t="shared" si="203"/>
        <v/>
      </c>
      <c r="CB148" s="898" t="str">
        <f t="shared" si="204"/>
        <v/>
      </c>
      <c r="CC148" s="898">
        <f t="shared" si="205"/>
        <v>118430.208</v>
      </c>
      <c r="CD148" s="898" t="str">
        <f t="shared" si="206"/>
        <v/>
      </c>
      <c r="CE148" s="898" t="str">
        <f t="shared" si="207"/>
        <v/>
      </c>
      <c r="CF148" s="898" t="str">
        <f t="shared" si="208"/>
        <v/>
      </c>
      <c r="CG148" s="898" t="str">
        <f t="shared" si="209"/>
        <v/>
      </c>
      <c r="CH148" s="898" t="str">
        <f t="shared" si="210"/>
        <v/>
      </c>
      <c r="CI148" s="898" t="str">
        <f t="shared" si="211"/>
        <v/>
      </c>
      <c r="CJ148" s="898" t="str">
        <f t="shared" si="212"/>
        <v/>
      </c>
      <c r="CK148" s="898" t="str">
        <f t="shared" si="213"/>
        <v/>
      </c>
      <c r="CL148" s="898" t="str">
        <f t="shared" si="214"/>
        <v/>
      </c>
      <c r="CM148" s="898" t="str">
        <f t="shared" si="215"/>
        <v/>
      </c>
      <c r="CN148" s="898" t="str">
        <f t="shared" si="216"/>
        <v/>
      </c>
      <c r="CO148" s="898" t="str">
        <f t="shared" si="217"/>
        <v/>
      </c>
      <c r="CP148" s="898" t="str">
        <f t="shared" si="218"/>
        <v/>
      </c>
      <c r="CQ148" s="898" t="str">
        <f t="shared" si="219"/>
        <v/>
      </c>
      <c r="CR148" s="898" t="str">
        <f t="shared" si="220"/>
        <v/>
      </c>
      <c r="CS148" s="898" t="str">
        <f t="shared" si="221"/>
        <v/>
      </c>
      <c r="CT148" s="898" t="str">
        <f t="shared" si="222"/>
        <v/>
      </c>
      <c r="CU148" s="898" t="str">
        <f t="shared" si="223"/>
        <v/>
      </c>
      <c r="CV148" s="898" t="str">
        <f t="shared" si="224"/>
        <v/>
      </c>
      <c r="CW148" s="898" t="str">
        <f t="shared" si="225"/>
        <v/>
      </c>
      <c r="CX148" s="898" t="str">
        <f t="shared" si="226"/>
        <v/>
      </c>
      <c r="CY148" s="898" t="str">
        <f t="shared" si="227"/>
        <v/>
      </c>
      <c r="CZ148" s="898" t="str">
        <f t="shared" si="228"/>
        <v/>
      </c>
      <c r="DA148" s="898"/>
      <c r="DB148" s="898"/>
      <c r="DC148" s="898"/>
      <c r="DD148" s="898"/>
      <c r="DE148" s="898"/>
      <c r="DF148" s="898"/>
      <c r="DG148" s="898"/>
      <c r="DH148" s="898"/>
      <c r="DI148" s="898"/>
      <c r="DJ148" s="898"/>
      <c r="DK148" s="898"/>
      <c r="DL148" s="898"/>
      <c r="DM148" s="661">
        <f t="shared" si="193"/>
        <v>118430.208</v>
      </c>
      <c r="DN148" s="898">
        <f t="shared" si="194"/>
        <v>0</v>
      </c>
      <c r="DO148" s="516">
        <f t="shared" si="195"/>
        <v>0</v>
      </c>
      <c r="DP148" s="898">
        <f t="shared" si="196"/>
        <v>0</v>
      </c>
      <c r="DQ148" s="483" t="s">
        <v>3774</v>
      </c>
      <c r="DR148" s="483" t="s">
        <v>3775</v>
      </c>
      <c r="DS148" s="483" t="s">
        <v>3098</v>
      </c>
      <c r="DT148" s="632"/>
    </row>
    <row r="149" spans="1:124" s="613" customFormat="1" ht="99.75" x14ac:dyDescent="0.2">
      <c r="A149" s="484" t="str">
        <f t="shared" si="190"/>
        <v>Contribution towards amenity greenspace in National Grid and 339-353 London Road (Hm09)</v>
      </c>
      <c r="B149" s="1163">
        <v>146</v>
      </c>
      <c r="C149" s="904" t="s">
        <v>3794</v>
      </c>
      <c r="D149" s="481" t="s">
        <v>2481</v>
      </c>
      <c r="E149" s="481" t="s">
        <v>53</v>
      </c>
      <c r="F149" s="481" t="s">
        <v>515</v>
      </c>
      <c r="G149" s="654" t="s">
        <v>1332</v>
      </c>
      <c r="H149" s="484" t="s">
        <v>3795</v>
      </c>
      <c r="I149" s="654"/>
      <c r="J149" s="78" t="s">
        <v>3796</v>
      </c>
      <c r="K149" s="515" t="s">
        <v>3104</v>
      </c>
      <c r="L149" s="657" t="s">
        <v>1365</v>
      </c>
      <c r="M149" s="654" t="s">
        <v>2996</v>
      </c>
      <c r="N149" s="897" t="s">
        <v>60</v>
      </c>
      <c r="O149" s="657" t="s">
        <v>3331</v>
      </c>
      <c r="P149" s="657" t="s">
        <v>53</v>
      </c>
      <c r="Q149" s="654" t="s">
        <v>187</v>
      </c>
      <c r="R149" s="654"/>
      <c r="S149" s="654"/>
      <c r="T149" s="723">
        <v>145760.25599999999</v>
      </c>
      <c r="U149" s="723"/>
      <c r="V149" s="654" t="s">
        <v>64</v>
      </c>
      <c r="W149" s="723">
        <f t="shared" si="157"/>
        <v>0</v>
      </c>
      <c r="X149" s="745">
        <f t="shared" si="197"/>
        <v>145760.25599999999</v>
      </c>
      <c r="Y149" s="723" t="s">
        <v>3106</v>
      </c>
      <c r="Z149" s="723"/>
      <c r="AA149" s="652" t="s">
        <v>82</v>
      </c>
      <c r="AB149" s="893"/>
      <c r="AC149" s="893"/>
      <c r="AD149" s="893"/>
      <c r="AE149" s="893"/>
      <c r="AF149" s="893"/>
      <c r="AG149" s="746" t="s">
        <v>66</v>
      </c>
      <c r="AH149" s="893"/>
      <c r="AI149" s="893"/>
      <c r="AJ149" s="893"/>
      <c r="AK149" s="893"/>
      <c r="AL149" s="893"/>
      <c r="AM149" s="893"/>
      <c r="AN149" s="893"/>
      <c r="AO149" s="893"/>
      <c r="AP149" s="893"/>
      <c r="AQ149" s="893"/>
      <c r="AR149" s="893"/>
      <c r="AS149" s="893"/>
      <c r="AT149" s="893"/>
      <c r="AU149" s="893"/>
      <c r="AV149" s="893"/>
      <c r="AW149" s="893"/>
      <c r="AX149" s="893"/>
      <c r="AY149" s="893"/>
      <c r="AZ149" s="893"/>
      <c r="BA149" s="893"/>
      <c r="BB149" s="893"/>
      <c r="BC149" s="893"/>
      <c r="BD149" s="893"/>
      <c r="BE149" s="893"/>
      <c r="BF149" s="893"/>
      <c r="BG149" s="746"/>
      <c r="BH149" s="746"/>
      <c r="BI149" s="746"/>
      <c r="BJ149" s="746"/>
      <c r="BK149" s="746"/>
      <c r="BL149" s="746"/>
      <c r="BM149" s="746"/>
      <c r="BN149" s="746"/>
      <c r="BO149" s="746"/>
      <c r="BP149" s="746"/>
      <c r="BQ149" s="746"/>
      <c r="BR149" s="746"/>
      <c r="BS149" s="884">
        <f t="shared" si="191"/>
        <v>480</v>
      </c>
      <c r="BT149" s="661">
        <f t="shared" si="192"/>
        <v>303.66719999999998</v>
      </c>
      <c r="BU149" s="661"/>
      <c r="BV149" s="898" t="str">
        <f t="shared" si="198"/>
        <v/>
      </c>
      <c r="BW149" s="898" t="str">
        <f t="shared" si="199"/>
        <v/>
      </c>
      <c r="BX149" s="898" t="str">
        <f t="shared" si="200"/>
        <v/>
      </c>
      <c r="BY149" s="898" t="str">
        <f t="shared" si="201"/>
        <v/>
      </c>
      <c r="BZ149" s="898" t="str">
        <f t="shared" si="202"/>
        <v/>
      </c>
      <c r="CA149" s="898">
        <f t="shared" si="203"/>
        <v>145760.25599999999</v>
      </c>
      <c r="CB149" s="898" t="str">
        <f t="shared" si="204"/>
        <v/>
      </c>
      <c r="CC149" s="898" t="str">
        <f t="shared" si="205"/>
        <v/>
      </c>
      <c r="CD149" s="898" t="str">
        <f t="shared" si="206"/>
        <v/>
      </c>
      <c r="CE149" s="898" t="str">
        <f t="shared" si="207"/>
        <v/>
      </c>
      <c r="CF149" s="898" t="str">
        <f t="shared" si="208"/>
        <v/>
      </c>
      <c r="CG149" s="898" t="str">
        <f t="shared" si="209"/>
        <v/>
      </c>
      <c r="CH149" s="898" t="str">
        <f t="shared" si="210"/>
        <v/>
      </c>
      <c r="CI149" s="898" t="str">
        <f t="shared" si="211"/>
        <v/>
      </c>
      <c r="CJ149" s="898" t="str">
        <f t="shared" si="212"/>
        <v/>
      </c>
      <c r="CK149" s="898" t="str">
        <f t="shared" si="213"/>
        <v/>
      </c>
      <c r="CL149" s="898" t="str">
        <f t="shared" si="214"/>
        <v/>
      </c>
      <c r="CM149" s="898" t="str">
        <f t="shared" si="215"/>
        <v/>
      </c>
      <c r="CN149" s="898" t="str">
        <f t="shared" si="216"/>
        <v/>
      </c>
      <c r="CO149" s="898" t="str">
        <f t="shared" si="217"/>
        <v/>
      </c>
      <c r="CP149" s="898" t="str">
        <f t="shared" si="218"/>
        <v/>
      </c>
      <c r="CQ149" s="898" t="str">
        <f t="shared" si="219"/>
        <v/>
      </c>
      <c r="CR149" s="898" t="str">
        <f t="shared" si="220"/>
        <v/>
      </c>
      <c r="CS149" s="898" t="str">
        <f t="shared" si="221"/>
        <v/>
      </c>
      <c r="CT149" s="898" t="str">
        <f t="shared" si="222"/>
        <v/>
      </c>
      <c r="CU149" s="898" t="str">
        <f t="shared" si="223"/>
        <v/>
      </c>
      <c r="CV149" s="898" t="str">
        <f t="shared" si="224"/>
        <v/>
      </c>
      <c r="CW149" s="898" t="str">
        <f t="shared" si="225"/>
        <v/>
      </c>
      <c r="CX149" s="898" t="str">
        <f t="shared" si="226"/>
        <v/>
      </c>
      <c r="CY149" s="898" t="str">
        <f t="shared" si="227"/>
        <v/>
      </c>
      <c r="CZ149" s="898" t="str">
        <f t="shared" si="228"/>
        <v/>
      </c>
      <c r="DA149" s="898"/>
      <c r="DB149" s="898"/>
      <c r="DC149" s="898"/>
      <c r="DD149" s="898"/>
      <c r="DE149" s="898"/>
      <c r="DF149" s="898"/>
      <c r="DG149" s="898"/>
      <c r="DH149" s="898"/>
      <c r="DI149" s="898"/>
      <c r="DJ149" s="898"/>
      <c r="DK149" s="898"/>
      <c r="DL149" s="898"/>
      <c r="DM149" s="661">
        <f t="shared" si="193"/>
        <v>145760.25599999999</v>
      </c>
      <c r="DN149" s="898">
        <f t="shared" si="194"/>
        <v>0</v>
      </c>
      <c r="DO149" s="516">
        <f t="shared" si="195"/>
        <v>0</v>
      </c>
      <c r="DP149" s="898">
        <f t="shared" si="196"/>
        <v>0</v>
      </c>
      <c r="DQ149" s="483" t="s">
        <v>3774</v>
      </c>
      <c r="DR149" s="483" t="s">
        <v>3775</v>
      </c>
      <c r="DS149" s="483" t="s">
        <v>3098</v>
      </c>
      <c r="DT149" s="632"/>
    </row>
    <row r="150" spans="1:124" s="613" customFormat="1" ht="99.75" x14ac:dyDescent="0.2">
      <c r="A150" s="484" t="str">
        <f t="shared" si="190"/>
        <v xml:space="preserve">Contribution towards amenity greenspace in Apsley Mills Retail Park (Hm10) </v>
      </c>
      <c r="B150" s="1163">
        <v>147</v>
      </c>
      <c r="C150" s="904" t="s">
        <v>3797</v>
      </c>
      <c r="D150" s="481" t="s">
        <v>2481</v>
      </c>
      <c r="E150" s="481" t="s">
        <v>53</v>
      </c>
      <c r="F150" s="481" t="s">
        <v>515</v>
      </c>
      <c r="G150" s="654" t="s">
        <v>1332</v>
      </c>
      <c r="H150" s="484" t="s">
        <v>3798</v>
      </c>
      <c r="I150" s="654"/>
      <c r="J150" s="78" t="s">
        <v>3799</v>
      </c>
      <c r="K150" s="515" t="s">
        <v>3104</v>
      </c>
      <c r="L150" s="657" t="s">
        <v>3018</v>
      </c>
      <c r="M150" s="654" t="s">
        <v>2996</v>
      </c>
      <c r="N150" s="897" t="s">
        <v>60</v>
      </c>
      <c r="O150" s="657" t="s">
        <v>3331</v>
      </c>
      <c r="P150" s="657" t="s">
        <v>53</v>
      </c>
      <c r="Q150" s="654" t="s">
        <v>208</v>
      </c>
      <c r="R150" s="654"/>
      <c r="S150" s="654"/>
      <c r="T150" s="723">
        <v>151833.60000000001</v>
      </c>
      <c r="U150" s="723"/>
      <c r="V150" s="654" t="s">
        <v>64</v>
      </c>
      <c r="W150" s="723">
        <f t="shared" si="157"/>
        <v>0</v>
      </c>
      <c r="X150" s="745">
        <f t="shared" si="197"/>
        <v>151833.60000000001</v>
      </c>
      <c r="Y150" s="723" t="s">
        <v>3106</v>
      </c>
      <c r="Z150" s="723"/>
      <c r="AA150" s="652" t="s">
        <v>82</v>
      </c>
      <c r="AB150" s="893"/>
      <c r="AC150" s="893"/>
      <c r="AD150" s="893"/>
      <c r="AE150" s="893"/>
      <c r="AF150" s="893"/>
      <c r="AG150" s="746"/>
      <c r="AH150" s="893"/>
      <c r="AI150" s="893"/>
      <c r="AJ150" s="746" t="s">
        <v>66</v>
      </c>
      <c r="AK150" s="893"/>
      <c r="AL150" s="893"/>
      <c r="AM150" s="893"/>
      <c r="AN150" s="893"/>
      <c r="AO150" s="893"/>
      <c r="AP150" s="893"/>
      <c r="AQ150" s="893"/>
      <c r="AR150" s="893"/>
      <c r="AS150" s="893"/>
      <c r="AT150" s="893"/>
      <c r="AU150" s="893"/>
      <c r="AV150" s="893"/>
      <c r="AW150" s="893"/>
      <c r="AX150" s="893"/>
      <c r="AY150" s="893"/>
      <c r="AZ150" s="893"/>
      <c r="BA150" s="893"/>
      <c r="BB150" s="893"/>
      <c r="BC150" s="893"/>
      <c r="BD150" s="893"/>
      <c r="BE150" s="893"/>
      <c r="BF150" s="893"/>
      <c r="BG150" s="746"/>
      <c r="BH150" s="746"/>
      <c r="BI150" s="746"/>
      <c r="BJ150" s="746"/>
      <c r="BK150" s="746"/>
      <c r="BL150" s="746"/>
      <c r="BM150" s="746"/>
      <c r="BN150" s="746"/>
      <c r="BO150" s="746"/>
      <c r="BP150" s="746"/>
      <c r="BQ150" s="746"/>
      <c r="BR150" s="746"/>
      <c r="BS150" s="884">
        <f t="shared" si="191"/>
        <v>500</v>
      </c>
      <c r="BT150" s="661">
        <f t="shared" si="192"/>
        <v>303.66720000000004</v>
      </c>
      <c r="BU150" s="661"/>
      <c r="BV150" s="898" t="str">
        <f t="shared" si="198"/>
        <v/>
      </c>
      <c r="BW150" s="898" t="str">
        <f t="shared" si="199"/>
        <v/>
      </c>
      <c r="BX150" s="898" t="str">
        <f t="shared" si="200"/>
        <v/>
      </c>
      <c r="BY150" s="898" t="str">
        <f t="shared" si="201"/>
        <v/>
      </c>
      <c r="BZ150" s="898" t="str">
        <f t="shared" si="202"/>
        <v/>
      </c>
      <c r="CA150" s="898" t="str">
        <f t="shared" si="203"/>
        <v/>
      </c>
      <c r="CB150" s="898" t="str">
        <f t="shared" si="204"/>
        <v/>
      </c>
      <c r="CC150" s="898" t="str">
        <f t="shared" si="205"/>
        <v/>
      </c>
      <c r="CD150" s="898">
        <f t="shared" si="206"/>
        <v>151833.60000000001</v>
      </c>
      <c r="CE150" s="898" t="str">
        <f t="shared" si="207"/>
        <v/>
      </c>
      <c r="CF150" s="898" t="str">
        <f t="shared" si="208"/>
        <v/>
      </c>
      <c r="CG150" s="898" t="str">
        <f t="shared" si="209"/>
        <v/>
      </c>
      <c r="CH150" s="898" t="str">
        <f t="shared" si="210"/>
        <v/>
      </c>
      <c r="CI150" s="898" t="str">
        <f t="shared" si="211"/>
        <v/>
      </c>
      <c r="CJ150" s="898" t="str">
        <f t="shared" si="212"/>
        <v/>
      </c>
      <c r="CK150" s="898" t="str">
        <f t="shared" si="213"/>
        <v/>
      </c>
      <c r="CL150" s="898" t="str">
        <f t="shared" si="214"/>
        <v/>
      </c>
      <c r="CM150" s="898" t="str">
        <f t="shared" si="215"/>
        <v/>
      </c>
      <c r="CN150" s="898" t="str">
        <f t="shared" si="216"/>
        <v/>
      </c>
      <c r="CO150" s="898" t="str">
        <f t="shared" si="217"/>
        <v/>
      </c>
      <c r="CP150" s="898" t="str">
        <f t="shared" si="218"/>
        <v/>
      </c>
      <c r="CQ150" s="898" t="str">
        <f t="shared" si="219"/>
        <v/>
      </c>
      <c r="CR150" s="898" t="str">
        <f t="shared" si="220"/>
        <v/>
      </c>
      <c r="CS150" s="898" t="str">
        <f t="shared" si="221"/>
        <v/>
      </c>
      <c r="CT150" s="898" t="str">
        <f t="shared" si="222"/>
        <v/>
      </c>
      <c r="CU150" s="898" t="str">
        <f t="shared" si="223"/>
        <v/>
      </c>
      <c r="CV150" s="898" t="str">
        <f t="shared" si="224"/>
        <v/>
      </c>
      <c r="CW150" s="898" t="str">
        <f t="shared" si="225"/>
        <v/>
      </c>
      <c r="CX150" s="898" t="str">
        <f t="shared" si="226"/>
        <v/>
      </c>
      <c r="CY150" s="898" t="str">
        <f t="shared" si="227"/>
        <v/>
      </c>
      <c r="CZ150" s="898" t="str">
        <f t="shared" si="228"/>
        <v/>
      </c>
      <c r="DA150" s="898"/>
      <c r="DB150" s="898"/>
      <c r="DC150" s="898"/>
      <c r="DD150" s="898"/>
      <c r="DE150" s="898"/>
      <c r="DF150" s="898"/>
      <c r="DG150" s="898"/>
      <c r="DH150" s="898"/>
      <c r="DI150" s="898"/>
      <c r="DJ150" s="898"/>
      <c r="DK150" s="898"/>
      <c r="DL150" s="898"/>
      <c r="DM150" s="661">
        <f t="shared" si="193"/>
        <v>151833.60000000001</v>
      </c>
      <c r="DN150" s="898">
        <f t="shared" si="194"/>
        <v>0</v>
      </c>
      <c r="DO150" s="516">
        <f t="shared" si="195"/>
        <v>0</v>
      </c>
      <c r="DP150" s="898">
        <f t="shared" si="196"/>
        <v>0</v>
      </c>
      <c r="DQ150" s="483" t="s">
        <v>3774</v>
      </c>
      <c r="DR150" s="483" t="s">
        <v>3775</v>
      </c>
      <c r="DS150" s="483" t="s">
        <v>3098</v>
      </c>
      <c r="DT150" s="632"/>
    </row>
    <row r="151" spans="1:124" s="613" customFormat="1" ht="99.75" x14ac:dyDescent="0.2">
      <c r="A151" s="484" t="str">
        <f t="shared" si="190"/>
        <v>Contribution towards amenity greenspace in Plots 2/3 Kier Park, Maylands Avenue (Hm12)</v>
      </c>
      <c r="B151" s="1163">
        <v>148</v>
      </c>
      <c r="C151" s="904" t="s">
        <v>3800</v>
      </c>
      <c r="D151" s="481" t="s">
        <v>2481</v>
      </c>
      <c r="E151" s="481" t="s">
        <v>53</v>
      </c>
      <c r="F151" s="481" t="s">
        <v>515</v>
      </c>
      <c r="G151" s="654" t="s">
        <v>1332</v>
      </c>
      <c r="H151" s="484" t="s">
        <v>3801</v>
      </c>
      <c r="I151" s="654"/>
      <c r="J151" s="78" t="s">
        <v>3802</v>
      </c>
      <c r="K151" s="515" t="s">
        <v>3104</v>
      </c>
      <c r="L151" s="657" t="s">
        <v>1371</v>
      </c>
      <c r="M151" s="654" t="s">
        <v>2996</v>
      </c>
      <c r="N151" s="897" t="s">
        <v>60</v>
      </c>
      <c r="O151" s="657" t="s">
        <v>3331</v>
      </c>
      <c r="P151" s="657" t="s">
        <v>53</v>
      </c>
      <c r="Q151" s="654" t="s">
        <v>570</v>
      </c>
      <c r="R151" s="654"/>
      <c r="S151" s="654"/>
      <c r="T151" s="723">
        <v>71058.124799999991</v>
      </c>
      <c r="U151" s="723"/>
      <c r="V151" s="654" t="s">
        <v>64</v>
      </c>
      <c r="W151" s="723">
        <f t="shared" ref="W151:W182" si="229">T151-X151</f>
        <v>0</v>
      </c>
      <c r="X151" s="745">
        <f t="shared" si="197"/>
        <v>71058.124799999991</v>
      </c>
      <c r="Y151" s="723" t="s">
        <v>3106</v>
      </c>
      <c r="Z151" s="723"/>
      <c r="AA151" s="652" t="s">
        <v>82</v>
      </c>
      <c r="AB151" s="893"/>
      <c r="AC151" s="893"/>
      <c r="AD151" s="893"/>
      <c r="AE151" s="893"/>
      <c r="AF151" s="893"/>
      <c r="AG151" s="746"/>
      <c r="AH151" s="893"/>
      <c r="AI151" s="893"/>
      <c r="AJ151" s="893"/>
      <c r="AK151" s="893"/>
      <c r="AL151" s="893"/>
      <c r="AM151" s="893"/>
      <c r="AN151" s="746" t="s">
        <v>66</v>
      </c>
      <c r="AO151" s="893"/>
      <c r="AP151" s="893"/>
      <c r="AQ151" s="893"/>
      <c r="AR151" s="893"/>
      <c r="AS151" s="893"/>
      <c r="AT151" s="893"/>
      <c r="AU151" s="893"/>
      <c r="AV151" s="893"/>
      <c r="AW151" s="893"/>
      <c r="AX151" s="893"/>
      <c r="AY151" s="893"/>
      <c r="AZ151" s="893"/>
      <c r="BA151" s="893"/>
      <c r="BB151" s="893"/>
      <c r="BC151" s="893"/>
      <c r="BD151" s="893"/>
      <c r="BE151" s="893"/>
      <c r="BF151" s="893"/>
      <c r="BG151" s="746"/>
      <c r="BH151" s="746"/>
      <c r="BI151" s="746"/>
      <c r="BJ151" s="746"/>
      <c r="BK151" s="746"/>
      <c r="BL151" s="746"/>
      <c r="BM151" s="746"/>
      <c r="BN151" s="746"/>
      <c r="BO151" s="746"/>
      <c r="BP151" s="746"/>
      <c r="BQ151" s="746"/>
      <c r="BR151" s="746"/>
      <c r="BS151" s="884">
        <f t="shared" si="191"/>
        <v>234</v>
      </c>
      <c r="BT151" s="661">
        <f t="shared" si="192"/>
        <v>303.66719999999998</v>
      </c>
      <c r="BU151" s="661"/>
      <c r="BV151" s="898" t="str">
        <f t="shared" si="198"/>
        <v/>
      </c>
      <c r="BW151" s="898" t="str">
        <f t="shared" si="199"/>
        <v/>
      </c>
      <c r="BX151" s="898" t="str">
        <f t="shared" si="200"/>
        <v/>
      </c>
      <c r="BY151" s="898" t="str">
        <f t="shared" si="201"/>
        <v/>
      </c>
      <c r="BZ151" s="898" t="str">
        <f t="shared" si="202"/>
        <v/>
      </c>
      <c r="CA151" s="898" t="str">
        <f t="shared" si="203"/>
        <v/>
      </c>
      <c r="CB151" s="898" t="str">
        <f t="shared" si="204"/>
        <v/>
      </c>
      <c r="CC151" s="898" t="str">
        <f t="shared" si="205"/>
        <v/>
      </c>
      <c r="CD151" s="898" t="str">
        <f t="shared" si="206"/>
        <v/>
      </c>
      <c r="CE151" s="898" t="str">
        <f t="shared" si="207"/>
        <v/>
      </c>
      <c r="CF151" s="898" t="str">
        <f t="shared" si="208"/>
        <v/>
      </c>
      <c r="CG151" s="898" t="str">
        <f t="shared" si="209"/>
        <v/>
      </c>
      <c r="CH151" s="898">
        <f t="shared" si="210"/>
        <v>71058.124799999991</v>
      </c>
      <c r="CI151" s="898" t="str">
        <f t="shared" si="211"/>
        <v/>
      </c>
      <c r="CJ151" s="898" t="str">
        <f t="shared" si="212"/>
        <v/>
      </c>
      <c r="CK151" s="898" t="str">
        <f t="shared" si="213"/>
        <v/>
      </c>
      <c r="CL151" s="898" t="str">
        <f t="shared" si="214"/>
        <v/>
      </c>
      <c r="CM151" s="898" t="str">
        <f t="shared" si="215"/>
        <v/>
      </c>
      <c r="CN151" s="898" t="str">
        <f t="shared" si="216"/>
        <v/>
      </c>
      <c r="CO151" s="898" t="str">
        <f t="shared" si="217"/>
        <v/>
      </c>
      <c r="CP151" s="898" t="str">
        <f t="shared" si="218"/>
        <v/>
      </c>
      <c r="CQ151" s="898" t="str">
        <f t="shared" si="219"/>
        <v/>
      </c>
      <c r="CR151" s="898" t="str">
        <f t="shared" si="220"/>
        <v/>
      </c>
      <c r="CS151" s="898" t="str">
        <f t="shared" si="221"/>
        <v/>
      </c>
      <c r="CT151" s="898" t="str">
        <f t="shared" si="222"/>
        <v/>
      </c>
      <c r="CU151" s="898" t="str">
        <f t="shared" si="223"/>
        <v/>
      </c>
      <c r="CV151" s="898" t="str">
        <f t="shared" si="224"/>
        <v/>
      </c>
      <c r="CW151" s="898" t="str">
        <f t="shared" si="225"/>
        <v/>
      </c>
      <c r="CX151" s="898" t="str">
        <f t="shared" si="226"/>
        <v/>
      </c>
      <c r="CY151" s="898" t="str">
        <f t="shared" si="227"/>
        <v/>
      </c>
      <c r="CZ151" s="898" t="str">
        <f t="shared" si="228"/>
        <v/>
      </c>
      <c r="DA151" s="898"/>
      <c r="DB151" s="898"/>
      <c r="DC151" s="898"/>
      <c r="DD151" s="898"/>
      <c r="DE151" s="898"/>
      <c r="DF151" s="898"/>
      <c r="DG151" s="898"/>
      <c r="DH151" s="898"/>
      <c r="DI151" s="898"/>
      <c r="DJ151" s="898"/>
      <c r="DK151" s="898"/>
      <c r="DL151" s="898"/>
      <c r="DM151" s="661">
        <f t="shared" si="193"/>
        <v>71058.124799999991</v>
      </c>
      <c r="DN151" s="898">
        <f t="shared" si="194"/>
        <v>0</v>
      </c>
      <c r="DO151" s="516">
        <f t="shared" si="195"/>
        <v>0</v>
      </c>
      <c r="DP151" s="898">
        <f t="shared" si="196"/>
        <v>0</v>
      </c>
      <c r="DQ151" s="483" t="s">
        <v>3774</v>
      </c>
      <c r="DR151" s="483" t="s">
        <v>3775</v>
      </c>
      <c r="DS151" s="483" t="s">
        <v>3098</v>
      </c>
      <c r="DT151" s="632"/>
    </row>
    <row r="152" spans="1:124" s="613" customFormat="1" ht="99.75" x14ac:dyDescent="0.2">
      <c r="A152" s="484" t="str">
        <f t="shared" si="190"/>
        <v>Contribution towards amenity greenspace in Shendish Manor and Fairfields (Hm11)</v>
      </c>
      <c r="B152" s="1163">
        <v>149</v>
      </c>
      <c r="C152" s="904" t="s">
        <v>3803</v>
      </c>
      <c r="D152" s="481" t="s">
        <v>2481</v>
      </c>
      <c r="E152" s="481" t="s">
        <v>53</v>
      </c>
      <c r="F152" s="481" t="s">
        <v>515</v>
      </c>
      <c r="G152" s="654" t="s">
        <v>1332</v>
      </c>
      <c r="H152" s="484" t="s">
        <v>3804</v>
      </c>
      <c r="I152" s="654"/>
      <c r="J152" s="78" t="s">
        <v>3805</v>
      </c>
      <c r="K152" s="515" t="s">
        <v>3104</v>
      </c>
      <c r="L152" s="657" t="s">
        <v>1369</v>
      </c>
      <c r="M152" s="654" t="s">
        <v>2996</v>
      </c>
      <c r="N152" s="897" t="s">
        <v>60</v>
      </c>
      <c r="O152" s="657" t="s">
        <v>3331</v>
      </c>
      <c r="P152" s="657" t="s">
        <v>53</v>
      </c>
      <c r="Q152" s="654" t="s">
        <v>382</v>
      </c>
      <c r="R152" s="654"/>
      <c r="S152" s="654"/>
      <c r="T152" s="723">
        <v>151833.60000000001</v>
      </c>
      <c r="U152" s="723"/>
      <c r="V152" s="654" t="s">
        <v>64</v>
      </c>
      <c r="W152" s="723">
        <f t="shared" si="229"/>
        <v>0</v>
      </c>
      <c r="X152" s="745">
        <f t="shared" si="197"/>
        <v>151833.60000000001</v>
      </c>
      <c r="Y152" s="723" t="s">
        <v>3106</v>
      </c>
      <c r="Z152" s="723"/>
      <c r="AA152" s="652" t="s">
        <v>82</v>
      </c>
      <c r="AB152" s="893"/>
      <c r="AC152" s="893"/>
      <c r="AD152" s="893"/>
      <c r="AE152" s="893"/>
      <c r="AF152" s="893"/>
      <c r="AG152" s="746"/>
      <c r="AH152" s="893"/>
      <c r="AI152" s="893"/>
      <c r="AJ152" s="893"/>
      <c r="AK152" s="746" t="s">
        <v>66</v>
      </c>
      <c r="AL152" s="893"/>
      <c r="AM152" s="893"/>
      <c r="AN152" s="893"/>
      <c r="AO152" s="893"/>
      <c r="AP152" s="893"/>
      <c r="AQ152" s="893"/>
      <c r="AR152" s="893"/>
      <c r="AS152" s="893"/>
      <c r="AT152" s="893"/>
      <c r="AU152" s="893"/>
      <c r="AV152" s="893"/>
      <c r="AW152" s="893"/>
      <c r="AX152" s="893"/>
      <c r="AY152" s="893"/>
      <c r="AZ152" s="893"/>
      <c r="BA152" s="893"/>
      <c r="BB152" s="893"/>
      <c r="BC152" s="893"/>
      <c r="BD152" s="893"/>
      <c r="BE152" s="893"/>
      <c r="BF152" s="893"/>
      <c r="BG152" s="746"/>
      <c r="BH152" s="746"/>
      <c r="BI152" s="746"/>
      <c r="BJ152" s="746"/>
      <c r="BK152" s="746"/>
      <c r="BL152" s="746"/>
      <c r="BM152" s="746"/>
      <c r="BN152" s="746"/>
      <c r="BO152" s="746"/>
      <c r="BP152" s="746"/>
      <c r="BQ152" s="746"/>
      <c r="BR152" s="746"/>
      <c r="BS152" s="884">
        <f t="shared" si="191"/>
        <v>500</v>
      </c>
      <c r="BT152" s="661">
        <f t="shared" si="192"/>
        <v>303.66720000000004</v>
      </c>
      <c r="BU152" s="661"/>
      <c r="BV152" s="898" t="str">
        <f t="shared" si="198"/>
        <v/>
      </c>
      <c r="BW152" s="898" t="str">
        <f t="shared" si="199"/>
        <v/>
      </c>
      <c r="BX152" s="898" t="str">
        <f t="shared" si="200"/>
        <v/>
      </c>
      <c r="BY152" s="898" t="str">
        <f t="shared" si="201"/>
        <v/>
      </c>
      <c r="BZ152" s="898" t="str">
        <f t="shared" si="202"/>
        <v/>
      </c>
      <c r="CA152" s="898" t="str">
        <f t="shared" si="203"/>
        <v/>
      </c>
      <c r="CB152" s="898" t="str">
        <f t="shared" si="204"/>
        <v/>
      </c>
      <c r="CC152" s="898" t="str">
        <f t="shared" si="205"/>
        <v/>
      </c>
      <c r="CD152" s="898" t="str">
        <f t="shared" si="206"/>
        <v/>
      </c>
      <c r="CE152" s="898">
        <f t="shared" si="207"/>
        <v>151833.60000000001</v>
      </c>
      <c r="CF152" s="898" t="str">
        <f t="shared" si="208"/>
        <v/>
      </c>
      <c r="CG152" s="898" t="str">
        <f t="shared" si="209"/>
        <v/>
      </c>
      <c r="CH152" s="898" t="str">
        <f t="shared" si="210"/>
        <v/>
      </c>
      <c r="CI152" s="898" t="str">
        <f t="shared" si="211"/>
        <v/>
      </c>
      <c r="CJ152" s="898" t="str">
        <f t="shared" si="212"/>
        <v/>
      </c>
      <c r="CK152" s="898" t="str">
        <f t="shared" si="213"/>
        <v/>
      </c>
      <c r="CL152" s="898" t="str">
        <f t="shared" si="214"/>
        <v/>
      </c>
      <c r="CM152" s="898" t="str">
        <f t="shared" si="215"/>
        <v/>
      </c>
      <c r="CN152" s="898" t="str">
        <f t="shared" si="216"/>
        <v/>
      </c>
      <c r="CO152" s="898" t="str">
        <f t="shared" si="217"/>
        <v/>
      </c>
      <c r="CP152" s="898" t="str">
        <f t="shared" si="218"/>
        <v/>
      </c>
      <c r="CQ152" s="898" t="str">
        <f t="shared" si="219"/>
        <v/>
      </c>
      <c r="CR152" s="898" t="str">
        <f t="shared" si="220"/>
        <v/>
      </c>
      <c r="CS152" s="898" t="str">
        <f t="shared" si="221"/>
        <v/>
      </c>
      <c r="CT152" s="898" t="str">
        <f t="shared" si="222"/>
        <v/>
      </c>
      <c r="CU152" s="898" t="str">
        <f t="shared" si="223"/>
        <v/>
      </c>
      <c r="CV152" s="898" t="str">
        <f t="shared" si="224"/>
        <v/>
      </c>
      <c r="CW152" s="898" t="str">
        <f t="shared" si="225"/>
        <v/>
      </c>
      <c r="CX152" s="898" t="str">
        <f t="shared" si="226"/>
        <v/>
      </c>
      <c r="CY152" s="898" t="str">
        <f t="shared" si="227"/>
        <v/>
      </c>
      <c r="CZ152" s="898" t="str">
        <f t="shared" si="228"/>
        <v/>
      </c>
      <c r="DA152" s="898"/>
      <c r="DB152" s="898"/>
      <c r="DC152" s="898"/>
      <c r="DD152" s="898"/>
      <c r="DE152" s="898"/>
      <c r="DF152" s="898"/>
      <c r="DG152" s="898"/>
      <c r="DH152" s="898"/>
      <c r="DI152" s="898"/>
      <c r="DJ152" s="898"/>
      <c r="DK152" s="898"/>
      <c r="DL152" s="898"/>
      <c r="DM152" s="661">
        <f t="shared" si="193"/>
        <v>151833.60000000001</v>
      </c>
      <c r="DN152" s="898">
        <f t="shared" si="194"/>
        <v>0</v>
      </c>
      <c r="DO152" s="516">
        <f t="shared" si="195"/>
        <v>0</v>
      </c>
      <c r="DP152" s="898">
        <f t="shared" si="196"/>
        <v>0</v>
      </c>
      <c r="DQ152" s="483" t="s">
        <v>3774</v>
      </c>
      <c r="DR152" s="483" t="s">
        <v>3775</v>
      </c>
      <c r="DS152" s="483" t="s">
        <v>3098</v>
      </c>
      <c r="DT152" s="632"/>
    </row>
    <row r="153" spans="1:124" s="613" customFormat="1" ht="99.75" x14ac:dyDescent="0.2">
      <c r="A153" s="484" t="str">
        <f t="shared" si="190"/>
        <v xml:space="preserve">Contribution towards amenity greenspace in Polehanger Lane (Hm13) </v>
      </c>
      <c r="B153" s="1163">
        <v>150</v>
      </c>
      <c r="C153" s="904" t="s">
        <v>3806</v>
      </c>
      <c r="D153" s="481" t="s">
        <v>2481</v>
      </c>
      <c r="E153" s="481" t="s">
        <v>53</v>
      </c>
      <c r="F153" s="481" t="s">
        <v>515</v>
      </c>
      <c r="G153" s="654" t="s">
        <v>1332</v>
      </c>
      <c r="H153" s="484" t="s">
        <v>3807</v>
      </c>
      <c r="I153" s="654"/>
      <c r="J153" s="78" t="s">
        <v>3808</v>
      </c>
      <c r="K153" s="515" t="s">
        <v>3104</v>
      </c>
      <c r="L153" s="657" t="s">
        <v>3590</v>
      </c>
      <c r="M153" s="654" t="s">
        <v>2996</v>
      </c>
      <c r="N153" s="897" t="s">
        <v>60</v>
      </c>
      <c r="O153" s="657" t="s">
        <v>3331</v>
      </c>
      <c r="P153" s="657" t="s">
        <v>53</v>
      </c>
      <c r="Q153" s="654" t="s">
        <v>390</v>
      </c>
      <c r="R153" s="654"/>
      <c r="S153" s="654"/>
      <c r="T153" s="723">
        <v>227750.39999999999</v>
      </c>
      <c r="U153" s="723"/>
      <c r="V153" s="654" t="s">
        <v>64</v>
      </c>
      <c r="W153" s="723">
        <f t="shared" si="229"/>
        <v>0</v>
      </c>
      <c r="X153" s="745">
        <f t="shared" si="197"/>
        <v>227750.39999999999</v>
      </c>
      <c r="Y153" s="723" t="s">
        <v>3106</v>
      </c>
      <c r="Z153" s="723"/>
      <c r="AA153" s="652" t="s">
        <v>82</v>
      </c>
      <c r="AB153" s="893"/>
      <c r="AC153" s="893"/>
      <c r="AD153" s="893"/>
      <c r="AE153" s="893"/>
      <c r="AF153" s="893"/>
      <c r="AG153" s="746"/>
      <c r="AH153" s="893"/>
      <c r="AI153" s="893"/>
      <c r="AJ153" s="893"/>
      <c r="AK153" s="893"/>
      <c r="AL153" s="746" t="s">
        <v>66</v>
      </c>
      <c r="AM153" s="893"/>
      <c r="AN153" s="893"/>
      <c r="AO153" s="893"/>
      <c r="AP153" s="893"/>
      <c r="AQ153" s="893"/>
      <c r="AR153" s="893"/>
      <c r="AS153" s="893"/>
      <c r="AT153" s="893"/>
      <c r="AU153" s="893"/>
      <c r="AV153" s="893"/>
      <c r="AW153" s="893"/>
      <c r="AX153" s="893"/>
      <c r="AY153" s="893"/>
      <c r="AZ153" s="893"/>
      <c r="BA153" s="893"/>
      <c r="BB153" s="893"/>
      <c r="BC153" s="893"/>
      <c r="BD153" s="893"/>
      <c r="BE153" s="893"/>
      <c r="BF153" s="893"/>
      <c r="BG153" s="746"/>
      <c r="BH153" s="746"/>
      <c r="BI153" s="746"/>
      <c r="BJ153" s="746"/>
      <c r="BK153" s="746"/>
      <c r="BL153" s="746"/>
      <c r="BM153" s="746"/>
      <c r="BN153" s="746"/>
      <c r="BO153" s="746"/>
      <c r="BP153" s="746"/>
      <c r="BQ153" s="746"/>
      <c r="BR153" s="746"/>
      <c r="BS153" s="884">
        <f t="shared" si="191"/>
        <v>750</v>
      </c>
      <c r="BT153" s="661">
        <f t="shared" si="192"/>
        <v>303.66719999999998</v>
      </c>
      <c r="BU153" s="661"/>
      <c r="BV153" s="898" t="str">
        <f t="shared" si="198"/>
        <v/>
      </c>
      <c r="BW153" s="898" t="str">
        <f t="shared" si="199"/>
        <v/>
      </c>
      <c r="BX153" s="898" t="str">
        <f t="shared" si="200"/>
        <v/>
      </c>
      <c r="BY153" s="898" t="str">
        <f t="shared" si="201"/>
        <v/>
      </c>
      <c r="BZ153" s="898" t="str">
        <f t="shared" si="202"/>
        <v/>
      </c>
      <c r="CA153" s="898" t="str">
        <f t="shared" si="203"/>
        <v/>
      </c>
      <c r="CB153" s="898" t="str">
        <f t="shared" si="204"/>
        <v/>
      </c>
      <c r="CC153" s="898" t="str">
        <f t="shared" si="205"/>
        <v/>
      </c>
      <c r="CD153" s="898" t="str">
        <f t="shared" si="206"/>
        <v/>
      </c>
      <c r="CE153" s="898" t="str">
        <f t="shared" si="207"/>
        <v/>
      </c>
      <c r="CF153" s="898">
        <f t="shared" si="208"/>
        <v>227750.39999999999</v>
      </c>
      <c r="CG153" s="898" t="str">
        <f t="shared" si="209"/>
        <v/>
      </c>
      <c r="CH153" s="898" t="str">
        <f t="shared" si="210"/>
        <v/>
      </c>
      <c r="CI153" s="898" t="str">
        <f t="shared" si="211"/>
        <v/>
      </c>
      <c r="CJ153" s="898" t="str">
        <f t="shared" si="212"/>
        <v/>
      </c>
      <c r="CK153" s="898" t="str">
        <f t="shared" si="213"/>
        <v/>
      </c>
      <c r="CL153" s="898" t="str">
        <f t="shared" si="214"/>
        <v/>
      </c>
      <c r="CM153" s="898" t="str">
        <f t="shared" si="215"/>
        <v/>
      </c>
      <c r="CN153" s="898" t="str">
        <f t="shared" si="216"/>
        <v/>
      </c>
      <c r="CO153" s="898" t="str">
        <f t="shared" si="217"/>
        <v/>
      </c>
      <c r="CP153" s="898" t="str">
        <f t="shared" si="218"/>
        <v/>
      </c>
      <c r="CQ153" s="898" t="str">
        <f t="shared" si="219"/>
        <v/>
      </c>
      <c r="CR153" s="898" t="str">
        <f t="shared" si="220"/>
        <v/>
      </c>
      <c r="CS153" s="898" t="str">
        <f t="shared" si="221"/>
        <v/>
      </c>
      <c r="CT153" s="898" t="str">
        <f t="shared" si="222"/>
        <v/>
      </c>
      <c r="CU153" s="898" t="str">
        <f t="shared" si="223"/>
        <v/>
      </c>
      <c r="CV153" s="898" t="str">
        <f t="shared" si="224"/>
        <v/>
      </c>
      <c r="CW153" s="898" t="str">
        <f t="shared" si="225"/>
        <v/>
      </c>
      <c r="CX153" s="898" t="str">
        <f t="shared" si="226"/>
        <v/>
      </c>
      <c r="CY153" s="898" t="str">
        <f t="shared" si="227"/>
        <v/>
      </c>
      <c r="CZ153" s="898" t="str">
        <f t="shared" si="228"/>
        <v/>
      </c>
      <c r="DA153" s="898"/>
      <c r="DB153" s="898"/>
      <c r="DC153" s="898"/>
      <c r="DD153" s="898"/>
      <c r="DE153" s="898"/>
      <c r="DF153" s="898"/>
      <c r="DG153" s="898"/>
      <c r="DH153" s="898"/>
      <c r="DI153" s="898"/>
      <c r="DJ153" s="898"/>
      <c r="DK153" s="898"/>
      <c r="DL153" s="898"/>
      <c r="DM153" s="661">
        <f t="shared" si="193"/>
        <v>227750.39999999999</v>
      </c>
      <c r="DN153" s="898">
        <f t="shared" si="194"/>
        <v>0</v>
      </c>
      <c r="DO153" s="516">
        <f t="shared" si="195"/>
        <v>0</v>
      </c>
      <c r="DP153" s="898">
        <f t="shared" si="196"/>
        <v>0</v>
      </c>
      <c r="DQ153" s="483" t="s">
        <v>3774</v>
      </c>
      <c r="DR153" s="483" t="s">
        <v>3775</v>
      </c>
      <c r="DS153" s="483" t="s">
        <v>3098</v>
      </c>
      <c r="DT153" s="632"/>
    </row>
    <row r="154" spans="1:124" s="613" customFormat="1" ht="99.75" x14ac:dyDescent="0.2">
      <c r="A154" s="484" t="str">
        <f t="shared" si="190"/>
        <v>Contribution towards amenity greenspace in Marchmont Farm (Hm14)</v>
      </c>
      <c r="B154" s="1163">
        <v>151</v>
      </c>
      <c r="C154" s="904" t="s">
        <v>3809</v>
      </c>
      <c r="D154" s="481" t="s">
        <v>2481</v>
      </c>
      <c r="E154" s="481" t="s">
        <v>53</v>
      </c>
      <c r="F154" s="481" t="s">
        <v>515</v>
      </c>
      <c r="G154" s="654" t="s">
        <v>1332</v>
      </c>
      <c r="H154" s="484" t="s">
        <v>3810</v>
      </c>
      <c r="I154" s="654"/>
      <c r="J154" s="78" t="s">
        <v>3811</v>
      </c>
      <c r="K154" s="515" t="s">
        <v>3104</v>
      </c>
      <c r="L154" s="657" t="s">
        <v>1372</v>
      </c>
      <c r="M154" s="654" t="s">
        <v>2996</v>
      </c>
      <c r="N154" s="897" t="s">
        <v>60</v>
      </c>
      <c r="O154" s="657" t="s">
        <v>3331</v>
      </c>
      <c r="P154" s="657" t="s">
        <v>53</v>
      </c>
      <c r="Q154" s="654" t="s">
        <v>187</v>
      </c>
      <c r="R154" s="654"/>
      <c r="S154" s="654"/>
      <c r="T154" s="723">
        <v>106283.52</v>
      </c>
      <c r="U154" s="723"/>
      <c r="V154" s="654" t="s">
        <v>64</v>
      </c>
      <c r="W154" s="723">
        <f t="shared" si="229"/>
        <v>0</v>
      </c>
      <c r="X154" s="745">
        <f t="shared" si="197"/>
        <v>106283.52</v>
      </c>
      <c r="Y154" s="723" t="s">
        <v>3106</v>
      </c>
      <c r="Z154" s="723"/>
      <c r="AA154" s="652" t="s">
        <v>82</v>
      </c>
      <c r="AB154" s="893"/>
      <c r="AC154" s="893"/>
      <c r="AD154" s="893"/>
      <c r="AE154" s="893"/>
      <c r="AF154" s="893"/>
      <c r="AG154" s="746"/>
      <c r="AH154" s="893"/>
      <c r="AI154" s="893"/>
      <c r="AJ154" s="893"/>
      <c r="AK154" s="893"/>
      <c r="AL154" s="893"/>
      <c r="AM154" s="893"/>
      <c r="AN154" s="893"/>
      <c r="AO154" s="746" t="s">
        <v>66</v>
      </c>
      <c r="AP154" s="893"/>
      <c r="AQ154" s="893"/>
      <c r="AR154" s="893"/>
      <c r="AS154" s="893"/>
      <c r="AT154" s="893"/>
      <c r="AU154" s="893"/>
      <c r="AV154" s="893"/>
      <c r="AW154" s="893"/>
      <c r="AX154" s="893"/>
      <c r="AY154" s="893"/>
      <c r="AZ154" s="893"/>
      <c r="BA154" s="893"/>
      <c r="BB154" s="893"/>
      <c r="BC154" s="893"/>
      <c r="BD154" s="893"/>
      <c r="BE154" s="893"/>
      <c r="BF154" s="893"/>
      <c r="BG154" s="746"/>
      <c r="BH154" s="746"/>
      <c r="BI154" s="746"/>
      <c r="BJ154" s="746"/>
      <c r="BK154" s="746"/>
      <c r="BL154" s="746"/>
      <c r="BM154" s="746"/>
      <c r="BN154" s="746"/>
      <c r="BO154" s="746"/>
      <c r="BP154" s="746"/>
      <c r="BQ154" s="746"/>
      <c r="BR154" s="746"/>
      <c r="BS154" s="884">
        <f t="shared" si="191"/>
        <v>350</v>
      </c>
      <c r="BT154" s="661">
        <f t="shared" si="192"/>
        <v>303.66720000000004</v>
      </c>
      <c r="BU154" s="661"/>
      <c r="BV154" s="898" t="str">
        <f t="shared" si="198"/>
        <v/>
      </c>
      <c r="BW154" s="898" t="str">
        <f t="shared" si="199"/>
        <v/>
      </c>
      <c r="BX154" s="898" t="str">
        <f t="shared" si="200"/>
        <v/>
      </c>
      <c r="BY154" s="898" t="str">
        <f t="shared" si="201"/>
        <v/>
      </c>
      <c r="BZ154" s="898" t="str">
        <f t="shared" si="202"/>
        <v/>
      </c>
      <c r="CA154" s="898" t="str">
        <f t="shared" si="203"/>
        <v/>
      </c>
      <c r="CB154" s="898" t="str">
        <f t="shared" si="204"/>
        <v/>
      </c>
      <c r="CC154" s="898" t="str">
        <f t="shared" si="205"/>
        <v/>
      </c>
      <c r="CD154" s="898" t="str">
        <f t="shared" si="206"/>
        <v/>
      </c>
      <c r="CE154" s="898" t="str">
        <f t="shared" si="207"/>
        <v/>
      </c>
      <c r="CF154" s="898" t="str">
        <f t="shared" si="208"/>
        <v/>
      </c>
      <c r="CG154" s="898" t="str">
        <f t="shared" si="209"/>
        <v/>
      </c>
      <c r="CH154" s="898" t="str">
        <f t="shared" si="210"/>
        <v/>
      </c>
      <c r="CI154" s="898">
        <f t="shared" si="211"/>
        <v>106283.52000000002</v>
      </c>
      <c r="CJ154" s="898" t="str">
        <f t="shared" si="212"/>
        <v/>
      </c>
      <c r="CK154" s="898" t="str">
        <f t="shared" si="213"/>
        <v/>
      </c>
      <c r="CL154" s="898" t="str">
        <f t="shared" si="214"/>
        <v/>
      </c>
      <c r="CM154" s="898" t="str">
        <f t="shared" si="215"/>
        <v/>
      </c>
      <c r="CN154" s="898" t="str">
        <f t="shared" si="216"/>
        <v/>
      </c>
      <c r="CO154" s="898" t="str">
        <f t="shared" si="217"/>
        <v/>
      </c>
      <c r="CP154" s="898" t="str">
        <f t="shared" si="218"/>
        <v/>
      </c>
      <c r="CQ154" s="898" t="str">
        <f t="shared" si="219"/>
        <v/>
      </c>
      <c r="CR154" s="898" t="str">
        <f t="shared" si="220"/>
        <v/>
      </c>
      <c r="CS154" s="898" t="str">
        <f t="shared" si="221"/>
        <v/>
      </c>
      <c r="CT154" s="898" t="str">
        <f t="shared" si="222"/>
        <v/>
      </c>
      <c r="CU154" s="898" t="str">
        <f t="shared" si="223"/>
        <v/>
      </c>
      <c r="CV154" s="898" t="str">
        <f t="shared" si="224"/>
        <v/>
      </c>
      <c r="CW154" s="898" t="str">
        <f t="shared" si="225"/>
        <v/>
      </c>
      <c r="CX154" s="898" t="str">
        <f t="shared" si="226"/>
        <v/>
      </c>
      <c r="CY154" s="898" t="str">
        <f t="shared" si="227"/>
        <v/>
      </c>
      <c r="CZ154" s="898" t="str">
        <f t="shared" si="228"/>
        <v/>
      </c>
      <c r="DA154" s="898"/>
      <c r="DB154" s="898"/>
      <c r="DC154" s="898"/>
      <c r="DD154" s="898"/>
      <c r="DE154" s="898"/>
      <c r="DF154" s="898"/>
      <c r="DG154" s="898"/>
      <c r="DH154" s="898"/>
      <c r="DI154" s="898"/>
      <c r="DJ154" s="898"/>
      <c r="DK154" s="898"/>
      <c r="DL154" s="898"/>
      <c r="DM154" s="661">
        <f t="shared" si="193"/>
        <v>106283.52000000002</v>
      </c>
      <c r="DN154" s="898">
        <f t="shared" si="194"/>
        <v>0</v>
      </c>
      <c r="DO154" s="516">
        <f t="shared" si="195"/>
        <v>0</v>
      </c>
      <c r="DP154" s="898">
        <f t="shared" si="196"/>
        <v>0</v>
      </c>
      <c r="DQ154" s="483" t="s">
        <v>3774</v>
      </c>
      <c r="DR154" s="483" t="s">
        <v>3775</v>
      </c>
      <c r="DS154" s="483" t="s">
        <v>3098</v>
      </c>
      <c r="DT154" s="632"/>
    </row>
    <row r="155" spans="1:124" s="613" customFormat="1" ht="99.75" x14ac:dyDescent="0.2">
      <c r="A155" s="484" t="str">
        <f t="shared" si="190"/>
        <v xml:space="preserve">Contribution towards amenity greenspace in Old Town (Hm15) </v>
      </c>
      <c r="B155" s="1163">
        <v>152</v>
      </c>
      <c r="C155" s="904" t="s">
        <v>3812</v>
      </c>
      <c r="D155" s="481" t="s">
        <v>2481</v>
      </c>
      <c r="E155" s="481" t="s">
        <v>53</v>
      </c>
      <c r="F155" s="481" t="s">
        <v>515</v>
      </c>
      <c r="G155" s="654" t="s">
        <v>1332</v>
      </c>
      <c r="H155" s="484" t="s">
        <v>3813</v>
      </c>
      <c r="I155" s="654"/>
      <c r="J155" s="78" t="s">
        <v>3814</v>
      </c>
      <c r="K155" s="515" t="s">
        <v>3104</v>
      </c>
      <c r="L155" s="657" t="s">
        <v>3066</v>
      </c>
      <c r="M155" s="654" t="s">
        <v>2996</v>
      </c>
      <c r="N155" s="897" t="s">
        <v>60</v>
      </c>
      <c r="O155" s="657" t="s">
        <v>3331</v>
      </c>
      <c r="P155" s="657" t="s">
        <v>53</v>
      </c>
      <c r="Q155" s="654" t="s">
        <v>392</v>
      </c>
      <c r="R155" s="654"/>
      <c r="S155" s="654"/>
      <c r="T155" s="723">
        <v>27330.047999999999</v>
      </c>
      <c r="U155" s="723"/>
      <c r="V155" s="654" t="s">
        <v>64</v>
      </c>
      <c r="W155" s="723">
        <f t="shared" si="229"/>
        <v>0</v>
      </c>
      <c r="X155" s="745">
        <f t="shared" si="197"/>
        <v>27330.047999999999</v>
      </c>
      <c r="Y155" s="723" t="s">
        <v>3106</v>
      </c>
      <c r="Z155" s="723"/>
      <c r="AA155" s="652" t="s">
        <v>82</v>
      </c>
      <c r="AB155" s="893"/>
      <c r="AC155" s="893"/>
      <c r="AD155" s="893"/>
      <c r="AE155" s="893"/>
      <c r="AF155" s="893"/>
      <c r="AG155" s="746"/>
      <c r="AH155" s="893"/>
      <c r="AI155" s="893"/>
      <c r="AJ155" s="893"/>
      <c r="AK155" s="893"/>
      <c r="AL155" s="893"/>
      <c r="AM155" s="893"/>
      <c r="AN155" s="893"/>
      <c r="AO155" s="893"/>
      <c r="AP155" s="893" t="s">
        <v>66</v>
      </c>
      <c r="AQ155" s="893"/>
      <c r="AR155" s="893"/>
      <c r="AS155" s="893"/>
      <c r="AT155" s="893"/>
      <c r="AU155" s="893"/>
      <c r="AV155" s="893"/>
      <c r="AW155" s="893"/>
      <c r="AX155" s="893"/>
      <c r="AY155" s="893"/>
      <c r="AZ155" s="893"/>
      <c r="BA155" s="893"/>
      <c r="BB155" s="893"/>
      <c r="BC155" s="893"/>
      <c r="BD155" s="893"/>
      <c r="BE155" s="893"/>
      <c r="BF155" s="893"/>
      <c r="BG155" s="746"/>
      <c r="BH155" s="746"/>
      <c r="BI155" s="746"/>
      <c r="BJ155" s="746"/>
      <c r="BK155" s="746"/>
      <c r="BL155" s="746"/>
      <c r="BM155" s="746"/>
      <c r="BN155" s="746"/>
      <c r="BO155" s="746"/>
      <c r="BP155" s="746"/>
      <c r="BQ155" s="746"/>
      <c r="BR155" s="746"/>
      <c r="BS155" s="884">
        <f t="shared" si="191"/>
        <v>90</v>
      </c>
      <c r="BT155" s="661">
        <f t="shared" si="192"/>
        <v>303.66719999999998</v>
      </c>
      <c r="BU155" s="661"/>
      <c r="BV155" s="898" t="str">
        <f t="shared" si="198"/>
        <v/>
      </c>
      <c r="BW155" s="898" t="str">
        <f t="shared" si="199"/>
        <v/>
      </c>
      <c r="BX155" s="898" t="str">
        <f t="shared" si="200"/>
        <v/>
      </c>
      <c r="BY155" s="898" t="str">
        <f t="shared" si="201"/>
        <v/>
      </c>
      <c r="BZ155" s="898" t="str">
        <f t="shared" si="202"/>
        <v/>
      </c>
      <c r="CA155" s="898" t="str">
        <f t="shared" si="203"/>
        <v/>
      </c>
      <c r="CB155" s="898" t="str">
        <f t="shared" si="204"/>
        <v/>
      </c>
      <c r="CC155" s="898" t="str">
        <f t="shared" si="205"/>
        <v/>
      </c>
      <c r="CD155" s="898" t="str">
        <f t="shared" si="206"/>
        <v/>
      </c>
      <c r="CE155" s="898" t="str">
        <f t="shared" si="207"/>
        <v/>
      </c>
      <c r="CF155" s="898" t="str">
        <f t="shared" si="208"/>
        <v/>
      </c>
      <c r="CG155" s="898" t="str">
        <f t="shared" si="209"/>
        <v/>
      </c>
      <c r="CH155" s="898" t="str">
        <f t="shared" si="210"/>
        <v/>
      </c>
      <c r="CI155" s="898" t="str">
        <f t="shared" si="211"/>
        <v/>
      </c>
      <c r="CJ155" s="898">
        <f t="shared" si="212"/>
        <v>27330.047999999999</v>
      </c>
      <c r="CK155" s="898" t="str">
        <f t="shared" si="213"/>
        <v/>
      </c>
      <c r="CL155" s="898" t="str">
        <f t="shared" si="214"/>
        <v/>
      </c>
      <c r="CM155" s="898" t="str">
        <f t="shared" si="215"/>
        <v/>
      </c>
      <c r="CN155" s="898" t="str">
        <f t="shared" si="216"/>
        <v/>
      </c>
      <c r="CO155" s="898" t="str">
        <f t="shared" si="217"/>
        <v/>
      </c>
      <c r="CP155" s="898" t="str">
        <f t="shared" si="218"/>
        <v/>
      </c>
      <c r="CQ155" s="898" t="str">
        <f t="shared" si="219"/>
        <v/>
      </c>
      <c r="CR155" s="898" t="str">
        <f t="shared" si="220"/>
        <v/>
      </c>
      <c r="CS155" s="898" t="str">
        <f t="shared" si="221"/>
        <v/>
      </c>
      <c r="CT155" s="898" t="str">
        <f t="shared" si="222"/>
        <v/>
      </c>
      <c r="CU155" s="898" t="str">
        <f t="shared" si="223"/>
        <v/>
      </c>
      <c r="CV155" s="898" t="str">
        <f t="shared" si="224"/>
        <v/>
      </c>
      <c r="CW155" s="898" t="str">
        <f t="shared" si="225"/>
        <v/>
      </c>
      <c r="CX155" s="898" t="str">
        <f t="shared" si="226"/>
        <v/>
      </c>
      <c r="CY155" s="898" t="str">
        <f t="shared" si="227"/>
        <v/>
      </c>
      <c r="CZ155" s="898" t="str">
        <f t="shared" si="228"/>
        <v/>
      </c>
      <c r="DA155" s="898"/>
      <c r="DB155" s="898"/>
      <c r="DC155" s="898"/>
      <c r="DD155" s="898"/>
      <c r="DE155" s="898"/>
      <c r="DF155" s="898"/>
      <c r="DG155" s="898"/>
      <c r="DH155" s="898"/>
      <c r="DI155" s="898"/>
      <c r="DJ155" s="898"/>
      <c r="DK155" s="898"/>
      <c r="DL155" s="898"/>
      <c r="DM155" s="661">
        <f t="shared" si="193"/>
        <v>27330.047999999999</v>
      </c>
      <c r="DN155" s="898">
        <f t="shared" si="194"/>
        <v>0</v>
      </c>
      <c r="DO155" s="516">
        <f t="shared" si="195"/>
        <v>0</v>
      </c>
      <c r="DP155" s="898">
        <f t="shared" si="196"/>
        <v>0</v>
      </c>
      <c r="DQ155" s="483" t="s">
        <v>3774</v>
      </c>
      <c r="DR155" s="483" t="s">
        <v>3775</v>
      </c>
      <c r="DS155" s="483" t="s">
        <v>3098</v>
      </c>
      <c r="DT155" s="632"/>
    </row>
    <row r="156" spans="1:124" s="613" customFormat="1" ht="99.75" x14ac:dyDescent="0.2">
      <c r="A156" s="484" t="str">
        <f t="shared" si="190"/>
        <v>Contribution towards amenity greenspace in Site to the south of Green Lane (Hm16)</v>
      </c>
      <c r="B156" s="1163">
        <v>153</v>
      </c>
      <c r="C156" s="904" t="s">
        <v>3815</v>
      </c>
      <c r="D156" s="481" t="s">
        <v>2481</v>
      </c>
      <c r="E156" s="481" t="s">
        <v>53</v>
      </c>
      <c r="F156" s="481" t="s">
        <v>515</v>
      </c>
      <c r="G156" s="654" t="s">
        <v>1332</v>
      </c>
      <c r="H156" s="484" t="s">
        <v>3816</v>
      </c>
      <c r="I156" s="654"/>
      <c r="J156" s="78" t="s">
        <v>3817</v>
      </c>
      <c r="K156" s="515" t="s">
        <v>3104</v>
      </c>
      <c r="L156" s="657" t="s">
        <v>1374</v>
      </c>
      <c r="M156" s="654" t="s">
        <v>2996</v>
      </c>
      <c r="N156" s="897" t="s">
        <v>60</v>
      </c>
      <c r="O156" s="657" t="s">
        <v>3331</v>
      </c>
      <c r="P156" s="657" t="s">
        <v>53</v>
      </c>
      <c r="Q156" s="654" t="s">
        <v>377</v>
      </c>
      <c r="R156" s="654"/>
      <c r="S156" s="654"/>
      <c r="T156" s="723">
        <v>24293.376</v>
      </c>
      <c r="U156" s="723"/>
      <c r="V156" s="654" t="s">
        <v>64</v>
      </c>
      <c r="W156" s="723">
        <f t="shared" si="229"/>
        <v>0</v>
      </c>
      <c r="X156" s="745">
        <f t="shared" si="197"/>
        <v>24293.376</v>
      </c>
      <c r="Y156" s="723" t="s">
        <v>3106</v>
      </c>
      <c r="Z156" s="723"/>
      <c r="AA156" s="652" t="s">
        <v>82</v>
      </c>
      <c r="AB156" s="893"/>
      <c r="AC156" s="893"/>
      <c r="AD156" s="893"/>
      <c r="AE156" s="893"/>
      <c r="AF156" s="893"/>
      <c r="AG156" s="746"/>
      <c r="AH156" s="893"/>
      <c r="AI156" s="893"/>
      <c r="AJ156" s="893"/>
      <c r="AK156" s="893"/>
      <c r="AL156" s="893"/>
      <c r="AM156" s="893"/>
      <c r="AN156" s="893"/>
      <c r="AO156" s="893"/>
      <c r="AP156" s="893"/>
      <c r="AQ156" s="746" t="s">
        <v>66</v>
      </c>
      <c r="AR156" s="893"/>
      <c r="AS156" s="893"/>
      <c r="AT156" s="893"/>
      <c r="AU156" s="893"/>
      <c r="AV156" s="893"/>
      <c r="AW156" s="893"/>
      <c r="AX156" s="893"/>
      <c r="AY156" s="893"/>
      <c r="AZ156" s="893"/>
      <c r="BA156" s="893"/>
      <c r="BB156" s="893"/>
      <c r="BC156" s="893"/>
      <c r="BD156" s="893"/>
      <c r="BE156" s="893"/>
      <c r="BF156" s="893"/>
      <c r="BG156" s="746"/>
      <c r="BH156" s="746"/>
      <c r="BI156" s="746"/>
      <c r="BJ156" s="746"/>
      <c r="BK156" s="746"/>
      <c r="BL156" s="746"/>
      <c r="BM156" s="746"/>
      <c r="BN156" s="746"/>
      <c r="BO156" s="746"/>
      <c r="BP156" s="746"/>
      <c r="BQ156" s="746"/>
      <c r="BR156" s="746"/>
      <c r="BS156" s="884">
        <f t="shared" si="191"/>
        <v>80</v>
      </c>
      <c r="BT156" s="661">
        <f t="shared" si="192"/>
        <v>303.66719999999998</v>
      </c>
      <c r="BU156" s="661"/>
      <c r="BV156" s="898" t="str">
        <f t="shared" si="198"/>
        <v/>
      </c>
      <c r="BW156" s="898" t="str">
        <f t="shared" si="199"/>
        <v/>
      </c>
      <c r="BX156" s="898" t="str">
        <f t="shared" si="200"/>
        <v/>
      </c>
      <c r="BY156" s="898" t="str">
        <f t="shared" si="201"/>
        <v/>
      </c>
      <c r="BZ156" s="898" t="str">
        <f t="shared" si="202"/>
        <v/>
      </c>
      <c r="CA156" s="898" t="str">
        <f t="shared" si="203"/>
        <v/>
      </c>
      <c r="CB156" s="898" t="str">
        <f t="shared" si="204"/>
        <v/>
      </c>
      <c r="CC156" s="898" t="str">
        <f t="shared" si="205"/>
        <v/>
      </c>
      <c r="CD156" s="898" t="str">
        <f t="shared" si="206"/>
        <v/>
      </c>
      <c r="CE156" s="898" t="str">
        <f t="shared" si="207"/>
        <v/>
      </c>
      <c r="CF156" s="898" t="str">
        <f t="shared" si="208"/>
        <v/>
      </c>
      <c r="CG156" s="898" t="str">
        <f t="shared" si="209"/>
        <v/>
      </c>
      <c r="CH156" s="898" t="str">
        <f t="shared" si="210"/>
        <v/>
      </c>
      <c r="CI156" s="898" t="str">
        <f t="shared" si="211"/>
        <v/>
      </c>
      <c r="CJ156" s="898" t="str">
        <f t="shared" si="212"/>
        <v/>
      </c>
      <c r="CK156" s="898">
        <f t="shared" si="213"/>
        <v>24293.375999999997</v>
      </c>
      <c r="CL156" s="898" t="str">
        <f t="shared" si="214"/>
        <v/>
      </c>
      <c r="CM156" s="898" t="str">
        <f t="shared" si="215"/>
        <v/>
      </c>
      <c r="CN156" s="898" t="str">
        <f t="shared" si="216"/>
        <v/>
      </c>
      <c r="CO156" s="898" t="str">
        <f t="shared" si="217"/>
        <v/>
      </c>
      <c r="CP156" s="898" t="str">
        <f t="shared" si="218"/>
        <v/>
      </c>
      <c r="CQ156" s="898" t="str">
        <f t="shared" si="219"/>
        <v/>
      </c>
      <c r="CR156" s="898" t="str">
        <f t="shared" si="220"/>
        <v/>
      </c>
      <c r="CS156" s="898" t="str">
        <f t="shared" si="221"/>
        <v/>
      </c>
      <c r="CT156" s="898" t="str">
        <f t="shared" si="222"/>
        <v/>
      </c>
      <c r="CU156" s="898" t="str">
        <f t="shared" si="223"/>
        <v/>
      </c>
      <c r="CV156" s="898" t="str">
        <f t="shared" si="224"/>
        <v/>
      </c>
      <c r="CW156" s="898" t="str">
        <f t="shared" si="225"/>
        <v/>
      </c>
      <c r="CX156" s="898" t="str">
        <f t="shared" si="226"/>
        <v/>
      </c>
      <c r="CY156" s="898" t="str">
        <f t="shared" si="227"/>
        <v/>
      </c>
      <c r="CZ156" s="898" t="str">
        <f t="shared" si="228"/>
        <v/>
      </c>
      <c r="DA156" s="898"/>
      <c r="DB156" s="898"/>
      <c r="DC156" s="898"/>
      <c r="DD156" s="898"/>
      <c r="DE156" s="898"/>
      <c r="DF156" s="898"/>
      <c r="DG156" s="898"/>
      <c r="DH156" s="898"/>
      <c r="DI156" s="898"/>
      <c r="DJ156" s="898"/>
      <c r="DK156" s="898"/>
      <c r="DL156" s="898"/>
      <c r="DM156" s="661">
        <f t="shared" si="193"/>
        <v>24293.375999999997</v>
      </c>
      <c r="DN156" s="898">
        <f t="shared" si="194"/>
        <v>0</v>
      </c>
      <c r="DO156" s="516">
        <f t="shared" si="195"/>
        <v>0</v>
      </c>
      <c r="DP156" s="898">
        <f t="shared" si="196"/>
        <v>0</v>
      </c>
      <c r="DQ156" s="483" t="s">
        <v>3774</v>
      </c>
      <c r="DR156" s="483" t="s">
        <v>3775</v>
      </c>
      <c r="DS156" s="483" t="s">
        <v>3098</v>
      </c>
      <c r="DT156" s="632"/>
    </row>
    <row r="157" spans="1:124" s="613" customFormat="1" ht="99.75" x14ac:dyDescent="0.2">
      <c r="A157" s="484" t="str">
        <f t="shared" si="190"/>
        <v>Contribution towards amenity greenspace in Grovehill Local Centre (Henry Wells Square) (Grovehill NDP)</v>
      </c>
      <c r="B157" s="1163">
        <v>154</v>
      </c>
      <c r="C157" s="904" t="s">
        <v>3818</v>
      </c>
      <c r="D157" s="481" t="s">
        <v>2481</v>
      </c>
      <c r="E157" s="481" t="s">
        <v>53</v>
      </c>
      <c r="F157" s="481" t="s">
        <v>515</v>
      </c>
      <c r="G157" s="654" t="s">
        <v>1332</v>
      </c>
      <c r="H157" s="484" t="s">
        <v>3819</v>
      </c>
      <c r="I157" s="654"/>
      <c r="J157" s="78" t="s">
        <v>3820</v>
      </c>
      <c r="K157" s="515" t="s">
        <v>3104</v>
      </c>
      <c r="L157" s="657" t="s">
        <v>3058</v>
      </c>
      <c r="M157" s="654" t="s">
        <v>2996</v>
      </c>
      <c r="N157" s="897" t="s">
        <v>60</v>
      </c>
      <c r="O157" s="657" t="s">
        <v>3331</v>
      </c>
      <c r="P157" s="657" t="s">
        <v>53</v>
      </c>
      <c r="Q157" s="654" t="s">
        <v>395</v>
      </c>
      <c r="R157" s="654"/>
      <c r="S157" s="654"/>
      <c r="T157" s="723">
        <v>60733.440000000002</v>
      </c>
      <c r="U157" s="723"/>
      <c r="V157" s="654" t="s">
        <v>64</v>
      </c>
      <c r="W157" s="723">
        <f t="shared" si="229"/>
        <v>0</v>
      </c>
      <c r="X157" s="745">
        <f t="shared" si="197"/>
        <v>60733.440000000002</v>
      </c>
      <c r="Y157" s="723" t="s">
        <v>3106</v>
      </c>
      <c r="Z157" s="723"/>
      <c r="AA157" s="652" t="s">
        <v>82</v>
      </c>
      <c r="AB157" s="893"/>
      <c r="AC157" s="893"/>
      <c r="AD157" s="893"/>
      <c r="AE157" s="893"/>
      <c r="AF157" s="893"/>
      <c r="AG157" s="746"/>
      <c r="AH157" s="893"/>
      <c r="AI157" s="893"/>
      <c r="AJ157" s="893"/>
      <c r="AK157" s="893"/>
      <c r="AL157" s="893"/>
      <c r="AM157" s="746" t="s">
        <v>66</v>
      </c>
      <c r="AN157" s="893"/>
      <c r="AO157" s="893"/>
      <c r="AP157" s="893"/>
      <c r="AQ157" s="893"/>
      <c r="AR157" s="893"/>
      <c r="AS157" s="893"/>
      <c r="AT157" s="893"/>
      <c r="AU157" s="893"/>
      <c r="AV157" s="893"/>
      <c r="AW157" s="893"/>
      <c r="AX157" s="893"/>
      <c r="AY157" s="893"/>
      <c r="AZ157" s="893"/>
      <c r="BA157" s="893"/>
      <c r="BB157" s="893"/>
      <c r="BC157" s="893"/>
      <c r="BD157" s="893"/>
      <c r="BE157" s="893"/>
      <c r="BF157" s="893"/>
      <c r="BG157" s="746"/>
      <c r="BH157" s="746"/>
      <c r="BI157" s="746"/>
      <c r="BJ157" s="746"/>
      <c r="BK157" s="746"/>
      <c r="BL157" s="746"/>
      <c r="BM157" s="746"/>
      <c r="BN157" s="746"/>
      <c r="BO157" s="746"/>
      <c r="BP157" s="746"/>
      <c r="BQ157" s="746"/>
      <c r="BR157" s="746"/>
      <c r="BS157" s="884">
        <f t="shared" si="191"/>
        <v>200</v>
      </c>
      <c r="BT157" s="661">
        <f t="shared" si="192"/>
        <v>303.66720000000004</v>
      </c>
      <c r="BU157" s="661"/>
      <c r="BV157" s="898" t="str">
        <f t="shared" si="198"/>
        <v/>
      </c>
      <c r="BW157" s="898" t="str">
        <f t="shared" si="199"/>
        <v/>
      </c>
      <c r="BX157" s="898" t="str">
        <f t="shared" si="200"/>
        <v/>
      </c>
      <c r="BY157" s="898" t="str">
        <f t="shared" si="201"/>
        <v/>
      </c>
      <c r="BZ157" s="898" t="str">
        <f t="shared" si="202"/>
        <v/>
      </c>
      <c r="CA157" s="898" t="str">
        <f t="shared" si="203"/>
        <v/>
      </c>
      <c r="CB157" s="898" t="str">
        <f t="shared" si="204"/>
        <v/>
      </c>
      <c r="CC157" s="898" t="str">
        <f t="shared" si="205"/>
        <v/>
      </c>
      <c r="CD157" s="898" t="str">
        <f t="shared" si="206"/>
        <v/>
      </c>
      <c r="CE157" s="898" t="str">
        <f t="shared" si="207"/>
        <v/>
      </c>
      <c r="CF157" s="898" t="str">
        <f t="shared" si="208"/>
        <v/>
      </c>
      <c r="CG157" s="898">
        <f t="shared" si="209"/>
        <v>60733.44000000001</v>
      </c>
      <c r="CH157" s="898" t="str">
        <f t="shared" si="210"/>
        <v/>
      </c>
      <c r="CI157" s="898" t="str">
        <f t="shared" si="211"/>
        <v/>
      </c>
      <c r="CJ157" s="898" t="str">
        <f t="shared" si="212"/>
        <v/>
      </c>
      <c r="CK157" s="898" t="str">
        <f t="shared" si="213"/>
        <v/>
      </c>
      <c r="CL157" s="898" t="str">
        <f t="shared" si="214"/>
        <v/>
      </c>
      <c r="CM157" s="898" t="str">
        <f t="shared" si="215"/>
        <v/>
      </c>
      <c r="CN157" s="898" t="str">
        <f t="shared" si="216"/>
        <v/>
      </c>
      <c r="CO157" s="898" t="str">
        <f t="shared" si="217"/>
        <v/>
      </c>
      <c r="CP157" s="898" t="str">
        <f t="shared" si="218"/>
        <v/>
      </c>
      <c r="CQ157" s="898" t="str">
        <f t="shared" si="219"/>
        <v/>
      </c>
      <c r="CR157" s="898" t="str">
        <f t="shared" si="220"/>
        <v/>
      </c>
      <c r="CS157" s="898" t="str">
        <f t="shared" si="221"/>
        <v/>
      </c>
      <c r="CT157" s="898" t="str">
        <f t="shared" si="222"/>
        <v/>
      </c>
      <c r="CU157" s="898" t="str">
        <f t="shared" si="223"/>
        <v/>
      </c>
      <c r="CV157" s="898" t="str">
        <f t="shared" si="224"/>
        <v/>
      </c>
      <c r="CW157" s="898" t="str">
        <f t="shared" si="225"/>
        <v/>
      </c>
      <c r="CX157" s="898" t="str">
        <f t="shared" si="226"/>
        <v/>
      </c>
      <c r="CY157" s="898" t="str">
        <f t="shared" si="227"/>
        <v/>
      </c>
      <c r="CZ157" s="898" t="str">
        <f t="shared" si="228"/>
        <v/>
      </c>
      <c r="DA157" s="898"/>
      <c r="DB157" s="898"/>
      <c r="DC157" s="898"/>
      <c r="DD157" s="898"/>
      <c r="DE157" s="898"/>
      <c r="DF157" s="898"/>
      <c r="DG157" s="898"/>
      <c r="DH157" s="898"/>
      <c r="DI157" s="898"/>
      <c r="DJ157" s="898"/>
      <c r="DK157" s="898"/>
      <c r="DL157" s="898"/>
      <c r="DM157" s="661">
        <f t="shared" si="193"/>
        <v>60733.44000000001</v>
      </c>
      <c r="DN157" s="898">
        <f t="shared" si="194"/>
        <v>0</v>
      </c>
      <c r="DO157" s="516">
        <f t="shared" si="195"/>
        <v>0</v>
      </c>
      <c r="DP157" s="898">
        <f t="shared" si="196"/>
        <v>0</v>
      </c>
      <c r="DQ157" s="483" t="s">
        <v>3774</v>
      </c>
      <c r="DR157" s="483" t="s">
        <v>3775</v>
      </c>
      <c r="DS157" s="483" t="s">
        <v>3098</v>
      </c>
      <c r="DT157" s="632"/>
    </row>
    <row r="158" spans="1:124" s="613" customFormat="1" ht="142.5" x14ac:dyDescent="0.2">
      <c r="A158" s="484" t="str">
        <f t="shared" si="190"/>
        <v>Contribution towards amenity greenspace across windfall sites</v>
      </c>
      <c r="B158" s="1163">
        <v>155</v>
      </c>
      <c r="C158" s="904" t="s">
        <v>3821</v>
      </c>
      <c r="D158" s="481" t="s">
        <v>2481</v>
      </c>
      <c r="E158" s="481" t="s">
        <v>53</v>
      </c>
      <c r="F158" s="481" t="s">
        <v>515</v>
      </c>
      <c r="G158" s="654" t="s">
        <v>1332</v>
      </c>
      <c r="H158" s="484" t="s">
        <v>3822</v>
      </c>
      <c r="I158" s="654"/>
      <c r="J158" s="78" t="s">
        <v>3823</v>
      </c>
      <c r="K158" s="515" t="s">
        <v>3104</v>
      </c>
      <c r="L158" s="657" t="s">
        <v>310</v>
      </c>
      <c r="M158" s="654" t="s">
        <v>2996</v>
      </c>
      <c r="N158" s="654" t="s">
        <v>81</v>
      </c>
      <c r="O158" s="657" t="s">
        <v>3331</v>
      </c>
      <c r="P158" s="657" t="s">
        <v>53</v>
      </c>
      <c r="Q158" s="654" t="s">
        <v>225</v>
      </c>
      <c r="R158" s="654"/>
      <c r="S158" s="654"/>
      <c r="T158" s="723">
        <v>722727.93599999987</v>
      </c>
      <c r="U158" s="723"/>
      <c r="V158" s="654" t="s">
        <v>64</v>
      </c>
      <c r="W158" s="723">
        <f t="shared" si="229"/>
        <v>0</v>
      </c>
      <c r="X158" s="745">
        <f t="shared" si="197"/>
        <v>722727.93599999987</v>
      </c>
      <c r="Y158" s="723" t="s">
        <v>3106</v>
      </c>
      <c r="Z158" s="723"/>
      <c r="AA158" s="652" t="s">
        <v>82</v>
      </c>
      <c r="AB158" s="893"/>
      <c r="AC158" s="893"/>
      <c r="AD158" s="893"/>
      <c r="AE158" s="893"/>
      <c r="AF158" s="893"/>
      <c r="AG158" s="746"/>
      <c r="AH158" s="893"/>
      <c r="AI158" s="893"/>
      <c r="AJ158" s="893"/>
      <c r="AK158" s="893"/>
      <c r="AL158" s="893"/>
      <c r="AM158" s="893"/>
      <c r="AN158" s="893"/>
      <c r="AO158" s="893"/>
      <c r="AP158" s="893"/>
      <c r="AQ158" s="893"/>
      <c r="AR158" s="746" t="s">
        <v>66</v>
      </c>
      <c r="AS158" s="893"/>
      <c r="AT158" s="893"/>
      <c r="AU158" s="893"/>
      <c r="AV158" s="893"/>
      <c r="AW158" s="893"/>
      <c r="AX158" s="893"/>
      <c r="AY158" s="893"/>
      <c r="AZ158" s="893"/>
      <c r="BA158" s="893"/>
      <c r="BB158" s="893"/>
      <c r="BC158" s="893"/>
      <c r="BD158" s="893"/>
      <c r="BE158" s="893"/>
      <c r="BF158" s="893"/>
      <c r="BG158" s="746"/>
      <c r="BH158" s="746"/>
      <c r="BI158" s="746"/>
      <c r="BJ158" s="746"/>
      <c r="BK158" s="746"/>
      <c r="BL158" s="746"/>
      <c r="BM158" s="746"/>
      <c r="BN158" s="746"/>
      <c r="BO158" s="746"/>
      <c r="BP158" s="746"/>
      <c r="BQ158" s="746"/>
      <c r="BR158" s="746"/>
      <c r="BS158" s="884">
        <f t="shared" si="191"/>
        <v>2380</v>
      </c>
      <c r="BT158" s="661">
        <f t="shared" si="192"/>
        <v>303.66719999999992</v>
      </c>
      <c r="BU158" s="661"/>
      <c r="BV158" s="898" t="str">
        <f t="shared" si="198"/>
        <v/>
      </c>
      <c r="BW158" s="898" t="str">
        <f t="shared" si="199"/>
        <v/>
      </c>
      <c r="BX158" s="898" t="str">
        <f t="shared" si="200"/>
        <v/>
      </c>
      <c r="BY158" s="898" t="str">
        <f t="shared" si="201"/>
        <v/>
      </c>
      <c r="BZ158" s="898" t="str">
        <f t="shared" si="202"/>
        <v/>
      </c>
      <c r="CA158" s="898" t="str">
        <f t="shared" si="203"/>
        <v/>
      </c>
      <c r="CB158" s="898" t="str">
        <f t="shared" si="204"/>
        <v/>
      </c>
      <c r="CC158" s="898" t="str">
        <f t="shared" si="205"/>
        <v/>
      </c>
      <c r="CD158" s="898" t="str">
        <f t="shared" si="206"/>
        <v/>
      </c>
      <c r="CE158" s="898" t="str">
        <f t="shared" si="207"/>
        <v/>
      </c>
      <c r="CF158" s="898" t="str">
        <f t="shared" si="208"/>
        <v/>
      </c>
      <c r="CG158" s="898" t="str">
        <f t="shared" si="209"/>
        <v/>
      </c>
      <c r="CH158" s="898" t="str">
        <f t="shared" si="210"/>
        <v/>
      </c>
      <c r="CI158" s="898" t="str">
        <f t="shared" si="211"/>
        <v/>
      </c>
      <c r="CJ158" s="898" t="str">
        <f t="shared" si="212"/>
        <v/>
      </c>
      <c r="CK158" s="898" t="str">
        <f t="shared" si="213"/>
        <v/>
      </c>
      <c r="CL158" s="898">
        <f t="shared" si="214"/>
        <v>722727.93599999987</v>
      </c>
      <c r="CM158" s="898" t="str">
        <f t="shared" si="215"/>
        <v/>
      </c>
      <c r="CN158" s="898" t="str">
        <f t="shared" si="216"/>
        <v/>
      </c>
      <c r="CO158" s="898" t="str">
        <f t="shared" si="217"/>
        <v/>
      </c>
      <c r="CP158" s="898" t="str">
        <f t="shared" si="218"/>
        <v/>
      </c>
      <c r="CQ158" s="898" t="str">
        <f t="shared" si="219"/>
        <v/>
      </c>
      <c r="CR158" s="898" t="str">
        <f t="shared" si="220"/>
        <v/>
      </c>
      <c r="CS158" s="898" t="str">
        <f t="shared" si="221"/>
        <v/>
      </c>
      <c r="CT158" s="898" t="str">
        <f t="shared" si="222"/>
        <v/>
      </c>
      <c r="CU158" s="898" t="str">
        <f t="shared" si="223"/>
        <v/>
      </c>
      <c r="CV158" s="898" t="str">
        <f t="shared" si="224"/>
        <v/>
      </c>
      <c r="CW158" s="898" t="str">
        <f t="shared" si="225"/>
        <v/>
      </c>
      <c r="CX158" s="898" t="str">
        <f t="shared" si="226"/>
        <v/>
      </c>
      <c r="CY158" s="898" t="str">
        <f t="shared" si="227"/>
        <v/>
      </c>
      <c r="CZ158" s="898" t="str">
        <f t="shared" si="228"/>
        <v/>
      </c>
      <c r="DA158" s="898"/>
      <c r="DB158" s="898"/>
      <c r="DC158" s="898"/>
      <c r="DD158" s="898"/>
      <c r="DE158" s="898"/>
      <c r="DF158" s="898"/>
      <c r="DG158" s="898"/>
      <c r="DH158" s="898"/>
      <c r="DI158" s="898"/>
      <c r="DJ158" s="898"/>
      <c r="DK158" s="898"/>
      <c r="DL158" s="898"/>
      <c r="DM158" s="661">
        <f t="shared" si="193"/>
        <v>722727.93599999987</v>
      </c>
      <c r="DN158" s="898">
        <f t="shared" si="194"/>
        <v>0</v>
      </c>
      <c r="DO158" s="516">
        <f t="shared" si="195"/>
        <v>0</v>
      </c>
      <c r="DP158" s="898">
        <f t="shared" si="196"/>
        <v>0</v>
      </c>
      <c r="DQ158" s="483" t="s">
        <v>3761</v>
      </c>
      <c r="DR158" s="483" t="s">
        <v>3775</v>
      </c>
      <c r="DS158" s="483" t="s">
        <v>3098</v>
      </c>
      <c r="DT158" s="632"/>
    </row>
    <row r="159" spans="1:124" s="613" customFormat="1" ht="171" x14ac:dyDescent="0.2">
      <c r="A159" s="484" t="str">
        <f t="shared" si="190"/>
        <v>Contribution towards natural and semi-natural greenspace in North Hemel Hempstead (H1)</v>
      </c>
      <c r="B159" s="1163">
        <v>156</v>
      </c>
      <c r="C159" s="904" t="s">
        <v>3824</v>
      </c>
      <c r="D159" s="511" t="s">
        <v>2182</v>
      </c>
      <c r="E159" s="511" t="s">
        <v>1385</v>
      </c>
      <c r="F159" s="511" t="s">
        <v>1331</v>
      </c>
      <c r="G159" s="654" t="s">
        <v>1336</v>
      </c>
      <c r="H159" s="484" t="s">
        <v>3825</v>
      </c>
      <c r="I159" s="654"/>
      <c r="J159" s="484" t="s">
        <v>3826</v>
      </c>
      <c r="K159" s="515" t="s">
        <v>3104</v>
      </c>
      <c r="L159" s="515" t="s">
        <v>1375</v>
      </c>
      <c r="M159" s="654" t="s">
        <v>3027</v>
      </c>
      <c r="N159" s="515" t="s">
        <v>60</v>
      </c>
      <c r="O159" s="515" t="s">
        <v>3477</v>
      </c>
      <c r="P159" s="654" t="s">
        <v>1385</v>
      </c>
      <c r="Q159" s="515" t="s">
        <v>3424</v>
      </c>
      <c r="R159" s="654"/>
      <c r="S159" s="654"/>
      <c r="T159" s="723">
        <v>907200</v>
      </c>
      <c r="U159" s="723"/>
      <c r="V159" s="516" t="s">
        <v>64</v>
      </c>
      <c r="W159" s="723">
        <f t="shared" si="229"/>
        <v>0</v>
      </c>
      <c r="X159" s="745">
        <f>T159</f>
        <v>907200</v>
      </c>
      <c r="Y159" s="723" t="s">
        <v>3106</v>
      </c>
      <c r="Z159" s="723"/>
      <c r="AA159" s="736" t="s">
        <v>82</v>
      </c>
      <c r="AB159" s="893"/>
      <c r="AC159" s="893"/>
      <c r="AD159" s="893"/>
      <c r="AE159" s="893"/>
      <c r="AF159" s="893"/>
      <c r="AG159" s="746"/>
      <c r="AH159" s="893"/>
      <c r="AI159" s="893"/>
      <c r="AJ159" s="893"/>
      <c r="AK159" s="893"/>
      <c r="AL159" s="893"/>
      <c r="AM159" s="893"/>
      <c r="AN159" s="893"/>
      <c r="AO159" s="893"/>
      <c r="AP159" s="893"/>
      <c r="AQ159" s="893"/>
      <c r="AR159" s="746"/>
      <c r="AS159" s="893"/>
      <c r="AT159" s="893"/>
      <c r="AU159" s="893"/>
      <c r="AV159" s="893"/>
      <c r="AW159" s="893"/>
      <c r="AX159" s="893"/>
      <c r="AY159" s="893"/>
      <c r="AZ159" s="893"/>
      <c r="BA159" s="893"/>
      <c r="BB159" s="893"/>
      <c r="BC159" s="893"/>
      <c r="BD159" s="893"/>
      <c r="BE159" s="893"/>
      <c r="BF159" s="893"/>
      <c r="BG159" s="746"/>
      <c r="BH159" s="746"/>
      <c r="BI159" s="746"/>
      <c r="BJ159" s="746"/>
      <c r="BK159" s="746"/>
      <c r="BL159" s="746"/>
      <c r="BM159" s="746"/>
      <c r="BN159" s="746"/>
      <c r="BO159" s="746" t="s">
        <v>66</v>
      </c>
      <c r="BP159" s="746"/>
      <c r="BQ159" s="746"/>
      <c r="BR159" s="746"/>
      <c r="BS159" s="884">
        <f t="shared" si="191"/>
        <v>1500</v>
      </c>
      <c r="BT159" s="661">
        <f t="shared" si="192"/>
        <v>604.79999999999995</v>
      </c>
      <c r="BU159" s="661"/>
      <c r="BV159" s="898"/>
      <c r="BW159" s="898"/>
      <c r="BX159" s="898"/>
      <c r="BY159" s="898"/>
      <c r="BZ159" s="898"/>
      <c r="CA159" s="898"/>
      <c r="CB159" s="898"/>
      <c r="CC159" s="898"/>
      <c r="CD159" s="898"/>
      <c r="CE159" s="898"/>
      <c r="CF159" s="898"/>
      <c r="CG159" s="898"/>
      <c r="CH159" s="898"/>
      <c r="CI159" s="898"/>
      <c r="CJ159" s="898"/>
      <c r="CK159" s="898"/>
      <c r="CL159" s="898"/>
      <c r="CM159" s="898"/>
      <c r="CN159" s="898"/>
      <c r="CO159" s="898"/>
      <c r="CP159" s="898"/>
      <c r="CQ159" s="898"/>
      <c r="CR159" s="898"/>
      <c r="CS159" s="898"/>
      <c r="CT159" s="898"/>
      <c r="CU159" s="898"/>
      <c r="CV159" s="898"/>
      <c r="CW159" s="898"/>
      <c r="CX159" s="898"/>
      <c r="CY159" s="898"/>
      <c r="CZ159" s="898"/>
      <c r="DA159" s="898"/>
      <c r="DB159" s="898"/>
      <c r="DC159" s="898"/>
      <c r="DD159" s="898"/>
      <c r="DE159" s="898"/>
      <c r="DF159" s="898"/>
      <c r="DG159" s="898"/>
      <c r="DH159" s="898"/>
      <c r="DI159" s="898">
        <f>X159</f>
        <v>907200</v>
      </c>
      <c r="DJ159" s="898"/>
      <c r="DK159" s="898"/>
      <c r="DL159" s="898"/>
      <c r="DM159" s="661">
        <f t="shared" si="193"/>
        <v>0</v>
      </c>
      <c r="DN159" s="898">
        <f t="shared" si="194"/>
        <v>907200</v>
      </c>
      <c r="DO159" s="516">
        <f t="shared" si="195"/>
        <v>0</v>
      </c>
      <c r="DP159" s="898">
        <f t="shared" si="196"/>
        <v>0</v>
      </c>
      <c r="DQ159" s="483" t="s">
        <v>3827</v>
      </c>
      <c r="DR159" s="483" t="s">
        <v>3828</v>
      </c>
      <c r="DS159" s="483" t="s">
        <v>3763</v>
      </c>
      <c r="DT159" s="632"/>
    </row>
    <row r="160" spans="1:124" s="613" customFormat="1" ht="171" x14ac:dyDescent="0.2">
      <c r="A160" s="484" t="str">
        <f t="shared" si="190"/>
        <v>Contribution towards natural and semi-natural greenspace in East Hemel Hempstead (North) (H2)</v>
      </c>
      <c r="B160" s="1163">
        <v>157</v>
      </c>
      <c r="C160" s="904" t="s">
        <v>3829</v>
      </c>
      <c r="D160" s="511" t="s">
        <v>2182</v>
      </c>
      <c r="E160" s="511" t="s">
        <v>1385</v>
      </c>
      <c r="F160" s="511" t="s">
        <v>1331</v>
      </c>
      <c r="G160" s="654" t="s">
        <v>1336</v>
      </c>
      <c r="H160" s="484" t="s">
        <v>3830</v>
      </c>
      <c r="I160" s="654"/>
      <c r="J160" s="484" t="s">
        <v>3831</v>
      </c>
      <c r="K160" s="515" t="s">
        <v>3104</v>
      </c>
      <c r="L160" s="515" t="s">
        <v>1376</v>
      </c>
      <c r="M160" s="663" t="s">
        <v>3325</v>
      </c>
      <c r="N160" s="515" t="s">
        <v>60</v>
      </c>
      <c r="O160" s="515" t="s">
        <v>3477</v>
      </c>
      <c r="P160" s="654" t="s">
        <v>1385</v>
      </c>
      <c r="Q160" s="515" t="s">
        <v>3108</v>
      </c>
      <c r="R160" s="654"/>
      <c r="S160" s="654"/>
      <c r="T160" s="723">
        <v>967680</v>
      </c>
      <c r="U160" s="723"/>
      <c r="V160" s="516" t="s">
        <v>64</v>
      </c>
      <c r="W160" s="723">
        <f t="shared" si="229"/>
        <v>0</v>
      </c>
      <c r="X160" s="745">
        <f>T160</f>
        <v>967680</v>
      </c>
      <c r="Y160" s="723" t="s">
        <v>3106</v>
      </c>
      <c r="Z160" s="723"/>
      <c r="AA160" s="736" t="s">
        <v>82</v>
      </c>
      <c r="AB160" s="893"/>
      <c r="AC160" s="893"/>
      <c r="AD160" s="893"/>
      <c r="AE160" s="893"/>
      <c r="AF160" s="893"/>
      <c r="AG160" s="746"/>
      <c r="AH160" s="893"/>
      <c r="AI160" s="893"/>
      <c r="AJ160" s="893"/>
      <c r="AK160" s="893"/>
      <c r="AL160" s="893"/>
      <c r="AM160" s="893"/>
      <c r="AN160" s="893"/>
      <c r="AO160" s="893"/>
      <c r="AP160" s="893"/>
      <c r="AQ160" s="893"/>
      <c r="AR160" s="746"/>
      <c r="AS160" s="893"/>
      <c r="AT160" s="893"/>
      <c r="AU160" s="893"/>
      <c r="AV160" s="893"/>
      <c r="AW160" s="893"/>
      <c r="AX160" s="893"/>
      <c r="AY160" s="893"/>
      <c r="AZ160" s="893"/>
      <c r="BA160" s="893"/>
      <c r="BB160" s="893"/>
      <c r="BC160" s="893"/>
      <c r="BD160" s="893"/>
      <c r="BE160" s="893"/>
      <c r="BF160" s="893"/>
      <c r="BG160" s="746"/>
      <c r="BH160" s="746"/>
      <c r="BI160" s="746"/>
      <c r="BJ160" s="746"/>
      <c r="BK160" s="746"/>
      <c r="BL160" s="746"/>
      <c r="BM160" s="746"/>
      <c r="BN160" s="746"/>
      <c r="BO160" s="746"/>
      <c r="BP160" s="746" t="s">
        <v>66</v>
      </c>
      <c r="BQ160" s="746"/>
      <c r="BR160" s="746"/>
      <c r="BS160" s="884">
        <f t="shared" si="191"/>
        <v>1600</v>
      </c>
      <c r="BT160" s="661">
        <f t="shared" si="192"/>
        <v>604.79999999999995</v>
      </c>
      <c r="BU160" s="661"/>
      <c r="BV160" s="898"/>
      <c r="BW160" s="898"/>
      <c r="BX160" s="898"/>
      <c r="BY160" s="898"/>
      <c r="BZ160" s="898"/>
      <c r="CA160" s="898"/>
      <c r="CB160" s="898"/>
      <c r="CC160" s="898"/>
      <c r="CD160" s="898"/>
      <c r="CE160" s="898"/>
      <c r="CF160" s="898"/>
      <c r="CG160" s="898"/>
      <c r="CH160" s="898"/>
      <c r="CI160" s="898"/>
      <c r="CJ160" s="898"/>
      <c r="CK160" s="898"/>
      <c r="CL160" s="898"/>
      <c r="CM160" s="898"/>
      <c r="CN160" s="898"/>
      <c r="CO160" s="898"/>
      <c r="CP160" s="898"/>
      <c r="CQ160" s="898"/>
      <c r="CR160" s="898"/>
      <c r="CS160" s="898"/>
      <c r="CT160" s="898"/>
      <c r="CU160" s="898"/>
      <c r="CV160" s="898"/>
      <c r="CW160" s="898"/>
      <c r="CX160" s="898"/>
      <c r="CY160" s="898"/>
      <c r="CZ160" s="898"/>
      <c r="DA160" s="898"/>
      <c r="DB160" s="898"/>
      <c r="DC160" s="898"/>
      <c r="DD160" s="898"/>
      <c r="DE160" s="898"/>
      <c r="DF160" s="898"/>
      <c r="DG160" s="898"/>
      <c r="DH160" s="898"/>
      <c r="DI160" s="898"/>
      <c r="DJ160" s="898">
        <f>X160</f>
        <v>967680</v>
      </c>
      <c r="DK160" s="898"/>
      <c r="DL160" s="898"/>
      <c r="DM160" s="661">
        <f t="shared" si="193"/>
        <v>0</v>
      </c>
      <c r="DN160" s="898">
        <f t="shared" si="194"/>
        <v>967680</v>
      </c>
      <c r="DO160" s="516">
        <f t="shared" si="195"/>
        <v>0</v>
      </c>
      <c r="DP160" s="898">
        <f t="shared" si="196"/>
        <v>0</v>
      </c>
      <c r="DQ160" s="483" t="s">
        <v>3827</v>
      </c>
      <c r="DR160" s="483" t="s">
        <v>3828</v>
      </c>
      <c r="DS160" s="483" t="s">
        <v>3763</v>
      </c>
      <c r="DT160" s="632"/>
    </row>
    <row r="161" spans="1:124" s="613" customFormat="1" ht="171" x14ac:dyDescent="0.2">
      <c r="A161" s="484" t="str">
        <f t="shared" si="190"/>
        <v>Contribution towards natural and semi-natural greenspace in East Hemel Hempstead (South) (H4)</v>
      </c>
      <c r="B161" s="1163">
        <v>158</v>
      </c>
      <c r="C161" s="904" t="s">
        <v>3832</v>
      </c>
      <c r="D161" s="511" t="s">
        <v>2182</v>
      </c>
      <c r="E161" s="511" t="s">
        <v>1385</v>
      </c>
      <c r="F161" s="511" t="s">
        <v>1331</v>
      </c>
      <c r="G161" s="654" t="s">
        <v>1336</v>
      </c>
      <c r="H161" s="484" t="s">
        <v>3833</v>
      </c>
      <c r="I161" s="654"/>
      <c r="J161" s="484" t="s">
        <v>3834</v>
      </c>
      <c r="K161" s="515" t="s">
        <v>3104</v>
      </c>
      <c r="L161" s="515" t="s">
        <v>1377</v>
      </c>
      <c r="M161" s="663" t="s">
        <v>3325</v>
      </c>
      <c r="N161" s="515" t="s">
        <v>60</v>
      </c>
      <c r="O161" s="515" t="s">
        <v>3477</v>
      </c>
      <c r="P161" s="654" t="s">
        <v>1385</v>
      </c>
      <c r="Q161" s="515" t="s">
        <v>3108</v>
      </c>
      <c r="R161" s="654"/>
      <c r="S161" s="654"/>
      <c r="T161" s="723">
        <v>1451520</v>
      </c>
      <c r="U161" s="723"/>
      <c r="V161" s="516" t="s">
        <v>64</v>
      </c>
      <c r="W161" s="723">
        <f t="shared" si="229"/>
        <v>0</v>
      </c>
      <c r="X161" s="745">
        <f>T161</f>
        <v>1451520</v>
      </c>
      <c r="Y161" s="723" t="s">
        <v>3106</v>
      </c>
      <c r="Z161" s="723"/>
      <c r="AA161" s="736" t="s">
        <v>82</v>
      </c>
      <c r="AB161" s="893"/>
      <c r="AC161" s="893"/>
      <c r="AD161" s="893"/>
      <c r="AE161" s="893"/>
      <c r="AF161" s="893"/>
      <c r="AG161" s="746"/>
      <c r="AH161" s="893"/>
      <c r="AI161" s="893"/>
      <c r="AJ161" s="893"/>
      <c r="AK161" s="893"/>
      <c r="AL161" s="893"/>
      <c r="AM161" s="893"/>
      <c r="AN161" s="893"/>
      <c r="AO161" s="893"/>
      <c r="AP161" s="893"/>
      <c r="AQ161" s="893"/>
      <c r="AR161" s="746"/>
      <c r="AS161" s="893"/>
      <c r="AT161" s="893"/>
      <c r="AU161" s="893"/>
      <c r="AV161" s="893"/>
      <c r="AW161" s="893"/>
      <c r="AX161" s="893"/>
      <c r="AY161" s="893"/>
      <c r="AZ161" s="893"/>
      <c r="BA161" s="893"/>
      <c r="BB161" s="893"/>
      <c r="BC161" s="893"/>
      <c r="BD161" s="893"/>
      <c r="BE161" s="893"/>
      <c r="BF161" s="893"/>
      <c r="BG161" s="746"/>
      <c r="BH161" s="746"/>
      <c r="BI161" s="746"/>
      <c r="BJ161" s="746"/>
      <c r="BK161" s="746"/>
      <c r="BL161" s="746"/>
      <c r="BM161" s="746"/>
      <c r="BN161" s="746"/>
      <c r="BO161" s="746"/>
      <c r="BP161" s="746"/>
      <c r="BQ161" s="746" t="s">
        <v>66</v>
      </c>
      <c r="BR161" s="746"/>
      <c r="BS161" s="884">
        <f t="shared" si="191"/>
        <v>2400</v>
      </c>
      <c r="BT161" s="661">
        <f t="shared" si="192"/>
        <v>604.79999999999995</v>
      </c>
      <c r="BU161" s="661"/>
      <c r="BV161" s="898"/>
      <c r="BW161" s="898"/>
      <c r="BX161" s="898"/>
      <c r="BY161" s="898"/>
      <c r="BZ161" s="898"/>
      <c r="CA161" s="898"/>
      <c r="CB161" s="898"/>
      <c r="CC161" s="898"/>
      <c r="CD161" s="898"/>
      <c r="CE161" s="898"/>
      <c r="CF161" s="898"/>
      <c r="CG161" s="898"/>
      <c r="CH161" s="898"/>
      <c r="CI161" s="898"/>
      <c r="CJ161" s="898"/>
      <c r="CK161" s="898"/>
      <c r="CL161" s="898"/>
      <c r="CM161" s="898"/>
      <c r="CN161" s="898"/>
      <c r="CO161" s="898"/>
      <c r="CP161" s="898"/>
      <c r="CQ161" s="898"/>
      <c r="CR161" s="898"/>
      <c r="CS161" s="898"/>
      <c r="CT161" s="898"/>
      <c r="CU161" s="898"/>
      <c r="CV161" s="898"/>
      <c r="CW161" s="898"/>
      <c r="CX161" s="898"/>
      <c r="CY161" s="898"/>
      <c r="CZ161" s="898"/>
      <c r="DA161" s="898"/>
      <c r="DB161" s="898"/>
      <c r="DC161" s="898"/>
      <c r="DD161" s="898"/>
      <c r="DE161" s="898"/>
      <c r="DF161" s="898"/>
      <c r="DG161" s="898"/>
      <c r="DH161" s="898"/>
      <c r="DI161" s="898"/>
      <c r="DJ161" s="898"/>
      <c r="DK161" s="898">
        <f>X161</f>
        <v>1451520</v>
      </c>
      <c r="DL161" s="898"/>
      <c r="DM161" s="661">
        <f t="shared" si="193"/>
        <v>0</v>
      </c>
      <c r="DN161" s="898">
        <f t="shared" si="194"/>
        <v>1451520</v>
      </c>
      <c r="DO161" s="516">
        <f t="shared" si="195"/>
        <v>0</v>
      </c>
      <c r="DP161" s="898">
        <f t="shared" si="196"/>
        <v>0</v>
      </c>
      <c r="DQ161" s="483" t="s">
        <v>3827</v>
      </c>
      <c r="DR161" s="483" t="s">
        <v>3828</v>
      </c>
      <c r="DS161" s="483" t="s">
        <v>3763</v>
      </c>
      <c r="DT161" s="632"/>
    </row>
    <row r="162" spans="1:124" s="613" customFormat="1" ht="114" x14ac:dyDescent="0.2">
      <c r="A162" s="484" t="str">
        <f t="shared" si="190"/>
        <v>Associated local green infrastructure requirements to support development at North Hemel Hempstead (Hm01) in accordance with the HGC Framework Plan. Contribution towards 21.6 hectares of natural and semi-natural greenspace required to support growth at North Hemel Hempstead (Hm01)</v>
      </c>
      <c r="B162" s="1163">
        <v>159</v>
      </c>
      <c r="C162" s="904" t="s">
        <v>3835</v>
      </c>
      <c r="D162" s="481" t="s">
        <v>2481</v>
      </c>
      <c r="E162" s="481" t="s">
        <v>53</v>
      </c>
      <c r="F162" s="481" t="s">
        <v>515</v>
      </c>
      <c r="G162" s="654" t="s">
        <v>1336</v>
      </c>
      <c r="H162" s="484" t="s">
        <v>3836</v>
      </c>
      <c r="I162" s="654"/>
      <c r="J162" s="78" t="s">
        <v>3837</v>
      </c>
      <c r="K162" s="654" t="s">
        <v>3104</v>
      </c>
      <c r="L162" s="657" t="s">
        <v>1360</v>
      </c>
      <c r="M162" s="654" t="s">
        <v>3027</v>
      </c>
      <c r="N162" s="897" t="s">
        <v>60</v>
      </c>
      <c r="O162" s="657" t="s">
        <v>3331</v>
      </c>
      <c r="P162" s="657" t="s">
        <v>53</v>
      </c>
      <c r="Q162" s="654" t="s">
        <v>3707</v>
      </c>
      <c r="R162" s="654"/>
      <c r="S162" s="654"/>
      <c r="T162" s="723">
        <v>3985632</v>
      </c>
      <c r="U162" s="723"/>
      <c r="V162" s="654" t="s">
        <v>64</v>
      </c>
      <c r="W162" s="723">
        <f t="shared" si="229"/>
        <v>0</v>
      </c>
      <c r="X162" s="745">
        <f t="shared" ref="X162:X178" si="230">IF(ISTEXT(T162),T162,T162-U162)</f>
        <v>3985632</v>
      </c>
      <c r="Y162" s="723" t="s">
        <v>3106</v>
      </c>
      <c r="Z162" s="723"/>
      <c r="AA162" s="652" t="s">
        <v>82</v>
      </c>
      <c r="AB162" s="746" t="s">
        <v>66</v>
      </c>
      <c r="AC162" s="893"/>
      <c r="AD162" s="893"/>
      <c r="AE162" s="893"/>
      <c r="AF162" s="893"/>
      <c r="AG162" s="746"/>
      <c r="AH162" s="893"/>
      <c r="AI162" s="893"/>
      <c r="AJ162" s="893"/>
      <c r="AK162" s="893"/>
      <c r="AL162" s="893"/>
      <c r="AM162" s="893"/>
      <c r="AN162" s="893"/>
      <c r="AO162" s="893"/>
      <c r="AP162" s="893"/>
      <c r="AQ162" s="893"/>
      <c r="AR162" s="893"/>
      <c r="AS162" s="893"/>
      <c r="AT162" s="893"/>
      <c r="AU162" s="893"/>
      <c r="AV162" s="893"/>
      <c r="AW162" s="893"/>
      <c r="AX162" s="893"/>
      <c r="AY162" s="893"/>
      <c r="AZ162" s="893"/>
      <c r="BA162" s="893"/>
      <c r="BB162" s="893"/>
      <c r="BC162" s="893"/>
      <c r="BD162" s="893"/>
      <c r="BE162" s="893"/>
      <c r="BF162" s="893"/>
      <c r="BG162" s="746"/>
      <c r="BH162" s="746"/>
      <c r="BI162" s="746"/>
      <c r="BJ162" s="746"/>
      <c r="BK162" s="746"/>
      <c r="BL162" s="746"/>
      <c r="BM162" s="746"/>
      <c r="BN162" s="746"/>
      <c r="BO162" s="746"/>
      <c r="BP162" s="746"/>
      <c r="BQ162" s="746"/>
      <c r="BR162" s="746"/>
      <c r="BS162" s="884">
        <f t="shared" si="191"/>
        <v>5000</v>
      </c>
      <c r="BT162" s="661">
        <f t="shared" si="192"/>
        <v>797.12639999999999</v>
      </c>
      <c r="BU162" s="661"/>
      <c r="BV162" s="898">
        <f t="shared" ref="BV162:BV178" si="231">IF(AB162="yes",(AB$3*$BT162),"")</f>
        <v>3985632</v>
      </c>
      <c r="BW162" s="898" t="str">
        <f t="shared" ref="BW162:BW178" si="232">IF(AC162="yes",(AC$3*$BT162),"")</f>
        <v/>
      </c>
      <c r="BX162" s="898" t="str">
        <f t="shared" ref="BX162:BX178" si="233">IF(AD162="yes",(AD$3*$BT162),"")</f>
        <v/>
      </c>
      <c r="BY162" s="898" t="str">
        <f t="shared" ref="BY162:BY178" si="234">IF(AE162="yes",(AE$3*$BT162),"")</f>
        <v/>
      </c>
      <c r="BZ162" s="898" t="str">
        <f t="shared" ref="BZ162:BZ178" si="235">IF(AF162="yes",(AF$3*$BT162),"")</f>
        <v/>
      </c>
      <c r="CA162" s="898" t="str">
        <f t="shared" ref="CA162:CA178" si="236">IF(AG162="yes",(AG$3*$BT162),"")</f>
        <v/>
      </c>
      <c r="CB162" s="898" t="str">
        <f t="shared" ref="CB162:CB178" si="237">IF(AH162="yes",(AH$3*$BT162),"")</f>
        <v/>
      </c>
      <c r="CC162" s="898" t="str">
        <f t="shared" ref="CC162:CC178" si="238">IF(AI162="yes",(AI$3*$BT162),"")</f>
        <v/>
      </c>
      <c r="CD162" s="898" t="str">
        <f t="shared" ref="CD162:CD178" si="239">IF(AJ162="yes",(AJ$3*$BT162),"")</f>
        <v/>
      </c>
      <c r="CE162" s="898" t="str">
        <f t="shared" ref="CE162:CE178" si="240">IF(AK162="yes",(AK$3*$BT162),"")</f>
        <v/>
      </c>
      <c r="CF162" s="898" t="str">
        <f t="shared" ref="CF162:CF178" si="241">IF(AL162="yes",(AL$3*$BT162),"")</f>
        <v/>
      </c>
      <c r="CG162" s="898" t="str">
        <f t="shared" ref="CG162:CG178" si="242">IF(AM162="yes",(AM$3*$BT162),"")</f>
        <v/>
      </c>
      <c r="CH162" s="898" t="str">
        <f t="shared" ref="CH162:CH178" si="243">IF(AN162="yes",(AN$3*$BT162),"")</f>
        <v/>
      </c>
      <c r="CI162" s="898" t="str">
        <f t="shared" ref="CI162:CI178" si="244">IF(AO162="yes",(AO$3*$BT162),"")</f>
        <v/>
      </c>
      <c r="CJ162" s="898" t="str">
        <f t="shared" ref="CJ162:CJ178" si="245">IF(AP162="yes",(AP$3*$BT162),"")</f>
        <v/>
      </c>
      <c r="CK162" s="898" t="str">
        <f t="shared" ref="CK162:CK178" si="246">IF(AQ162="yes",(AQ$3*$BT162),"")</f>
        <v/>
      </c>
      <c r="CL162" s="898" t="str">
        <f t="shared" ref="CL162:CL178" si="247">IF(AR162="yes",(AR$3*$BT162),"")</f>
        <v/>
      </c>
      <c r="CM162" s="898" t="str">
        <f t="shared" ref="CM162:CM178" si="248">IF(AS162="yes",(AS$3*$BT162),"")</f>
        <v/>
      </c>
      <c r="CN162" s="898" t="str">
        <f t="shared" ref="CN162:CN178" si="249">IF(AT162="yes",(AT$3*$BT162),"")</f>
        <v/>
      </c>
      <c r="CO162" s="898" t="str">
        <f t="shared" ref="CO162:CO178" si="250">IF(AU162="yes",(AU$3*$BT162),"")</f>
        <v/>
      </c>
      <c r="CP162" s="898" t="str">
        <f t="shared" ref="CP162:CP178" si="251">IF(AV162="yes",(AV$3*$BT162),"")</f>
        <v/>
      </c>
      <c r="CQ162" s="898" t="str">
        <f t="shared" ref="CQ162:CQ178" si="252">IF(AW162="yes",(AW$3*$BT162),"")</f>
        <v/>
      </c>
      <c r="CR162" s="898" t="str">
        <f t="shared" ref="CR162:CR178" si="253">IF(AX162="yes",(AX$3*$BT162),"")</f>
        <v/>
      </c>
      <c r="CS162" s="898" t="str">
        <f t="shared" ref="CS162:CS178" si="254">IF(AY162="yes",(AY$3*$BT162),"")</f>
        <v/>
      </c>
      <c r="CT162" s="898" t="str">
        <f t="shared" ref="CT162:CT178" si="255">IF(AZ162="yes",(AZ$3*$BT162),"")</f>
        <v/>
      </c>
      <c r="CU162" s="898" t="str">
        <f t="shared" ref="CU162:CU178" si="256">IF(BA162="yes",(BA$3*$BT162),"")</f>
        <v/>
      </c>
      <c r="CV162" s="898" t="str">
        <f t="shared" ref="CV162:CV178" si="257">IF(BB162="yes",(BB$3*$BT162),"")</f>
        <v/>
      </c>
      <c r="CW162" s="898" t="str">
        <f t="shared" ref="CW162:CW178" si="258">IF(BC162="yes",(BC$3*$BT162),"")</f>
        <v/>
      </c>
      <c r="CX162" s="898" t="str">
        <f t="shared" ref="CX162:CX178" si="259">IF(BD162="yes",(BD$3*$BT162),"")</f>
        <v/>
      </c>
      <c r="CY162" s="898" t="str">
        <f t="shared" ref="CY162:CY178" si="260">IF(BE162="yes",(BE$3*$BT162),"")</f>
        <v/>
      </c>
      <c r="CZ162" s="898" t="str">
        <f t="shared" ref="CZ162:CZ178" si="261">IF(BF162="yes",(BF$3*$BT162),"")</f>
        <v/>
      </c>
      <c r="DA162" s="898"/>
      <c r="DB162" s="898"/>
      <c r="DC162" s="898"/>
      <c r="DD162" s="898"/>
      <c r="DE162" s="898"/>
      <c r="DF162" s="898"/>
      <c r="DG162" s="898"/>
      <c r="DH162" s="898"/>
      <c r="DI162" s="898"/>
      <c r="DJ162" s="898"/>
      <c r="DK162" s="898"/>
      <c r="DL162" s="898"/>
      <c r="DM162" s="661">
        <f t="shared" si="193"/>
        <v>3985632</v>
      </c>
      <c r="DN162" s="898">
        <f t="shared" si="194"/>
        <v>0</v>
      </c>
      <c r="DO162" s="516">
        <f t="shared" si="195"/>
        <v>0</v>
      </c>
      <c r="DP162" s="898">
        <f t="shared" si="196"/>
        <v>0</v>
      </c>
      <c r="DQ162" s="483" t="s">
        <v>3838</v>
      </c>
      <c r="DR162" s="483" t="s">
        <v>3839</v>
      </c>
      <c r="DS162" s="483" t="s">
        <v>3098</v>
      </c>
      <c r="DT162" s="632"/>
    </row>
    <row r="163" spans="1:124" s="613" customFormat="1" ht="99.75" x14ac:dyDescent="0.2">
      <c r="A163" s="484" t="str">
        <f t="shared" si="190"/>
        <v>Contribution towards natural and semi-natural greenspace in Hemel Hospital/Market Square (Hm03)</v>
      </c>
      <c r="B163" s="1163">
        <v>160</v>
      </c>
      <c r="C163" s="904" t="s">
        <v>3840</v>
      </c>
      <c r="D163" s="481" t="s">
        <v>2481</v>
      </c>
      <c r="E163" s="481" t="s">
        <v>53</v>
      </c>
      <c r="F163" s="481" t="s">
        <v>515</v>
      </c>
      <c r="G163" s="654" t="s">
        <v>1336</v>
      </c>
      <c r="H163" s="484" t="s">
        <v>3841</v>
      </c>
      <c r="I163" s="654"/>
      <c r="J163" s="78" t="s">
        <v>3842</v>
      </c>
      <c r="K163" s="654" t="s">
        <v>3104</v>
      </c>
      <c r="L163" s="657" t="s">
        <v>1362</v>
      </c>
      <c r="M163" s="654" t="s">
        <v>2996</v>
      </c>
      <c r="N163" s="897" t="s">
        <v>8</v>
      </c>
      <c r="O163" s="657" t="s">
        <v>3331</v>
      </c>
      <c r="P163" s="657" t="s">
        <v>53</v>
      </c>
      <c r="Q163" s="654" t="s">
        <v>181</v>
      </c>
      <c r="R163" s="654"/>
      <c r="S163" s="654"/>
      <c r="T163" s="723">
        <v>358706.88</v>
      </c>
      <c r="U163" s="723"/>
      <c r="V163" s="654" t="s">
        <v>64</v>
      </c>
      <c r="W163" s="723">
        <f t="shared" si="229"/>
        <v>0</v>
      </c>
      <c r="X163" s="745">
        <f t="shared" si="230"/>
        <v>358706.88</v>
      </c>
      <c r="Y163" s="723" t="s">
        <v>3106</v>
      </c>
      <c r="Z163" s="723"/>
      <c r="AA163" s="652" t="s">
        <v>82</v>
      </c>
      <c r="AB163" s="893"/>
      <c r="AC163" s="893"/>
      <c r="AD163" s="746" t="s">
        <v>66</v>
      </c>
      <c r="AE163" s="893"/>
      <c r="AF163" s="893"/>
      <c r="AG163" s="746"/>
      <c r="AH163" s="893"/>
      <c r="AI163" s="893"/>
      <c r="AJ163" s="893"/>
      <c r="AK163" s="893"/>
      <c r="AL163" s="893"/>
      <c r="AM163" s="893"/>
      <c r="AN163" s="893"/>
      <c r="AO163" s="893"/>
      <c r="AP163" s="893"/>
      <c r="AQ163" s="893"/>
      <c r="AR163" s="893"/>
      <c r="AS163" s="893"/>
      <c r="AT163" s="893"/>
      <c r="AU163" s="893"/>
      <c r="AV163" s="893"/>
      <c r="AW163" s="893"/>
      <c r="AX163" s="893"/>
      <c r="AY163" s="893"/>
      <c r="AZ163" s="893"/>
      <c r="BA163" s="893"/>
      <c r="BB163" s="893"/>
      <c r="BC163" s="893"/>
      <c r="BD163" s="893"/>
      <c r="BE163" s="893"/>
      <c r="BF163" s="893"/>
      <c r="BG163" s="746"/>
      <c r="BH163" s="746"/>
      <c r="BI163" s="746"/>
      <c r="BJ163" s="746"/>
      <c r="BK163" s="746"/>
      <c r="BL163" s="746"/>
      <c r="BM163" s="746"/>
      <c r="BN163" s="746"/>
      <c r="BO163" s="746"/>
      <c r="BP163" s="746"/>
      <c r="BQ163" s="746"/>
      <c r="BR163" s="746"/>
      <c r="BS163" s="884">
        <f t="shared" si="191"/>
        <v>450</v>
      </c>
      <c r="BT163" s="661">
        <f t="shared" si="192"/>
        <v>797.12639999999999</v>
      </c>
      <c r="BU163" s="661"/>
      <c r="BV163" s="898" t="str">
        <f t="shared" si="231"/>
        <v/>
      </c>
      <c r="BW163" s="898" t="str">
        <f t="shared" si="232"/>
        <v/>
      </c>
      <c r="BX163" s="898">
        <f t="shared" si="233"/>
        <v>358706.88</v>
      </c>
      <c r="BY163" s="898" t="str">
        <f t="shared" si="234"/>
        <v/>
      </c>
      <c r="BZ163" s="898" t="str">
        <f t="shared" si="235"/>
        <v/>
      </c>
      <c r="CA163" s="898" t="str">
        <f t="shared" si="236"/>
        <v/>
      </c>
      <c r="CB163" s="898" t="str">
        <f t="shared" si="237"/>
        <v/>
      </c>
      <c r="CC163" s="898" t="str">
        <f t="shared" si="238"/>
        <v/>
      </c>
      <c r="CD163" s="898" t="str">
        <f t="shared" si="239"/>
        <v/>
      </c>
      <c r="CE163" s="898" t="str">
        <f t="shared" si="240"/>
        <v/>
      </c>
      <c r="CF163" s="898" t="str">
        <f t="shared" si="241"/>
        <v/>
      </c>
      <c r="CG163" s="898" t="str">
        <f t="shared" si="242"/>
        <v/>
      </c>
      <c r="CH163" s="898" t="str">
        <f t="shared" si="243"/>
        <v/>
      </c>
      <c r="CI163" s="898" t="str">
        <f t="shared" si="244"/>
        <v/>
      </c>
      <c r="CJ163" s="898" t="str">
        <f t="shared" si="245"/>
        <v/>
      </c>
      <c r="CK163" s="898" t="str">
        <f t="shared" si="246"/>
        <v/>
      </c>
      <c r="CL163" s="898" t="str">
        <f t="shared" si="247"/>
        <v/>
      </c>
      <c r="CM163" s="898" t="str">
        <f t="shared" si="248"/>
        <v/>
      </c>
      <c r="CN163" s="898" t="str">
        <f t="shared" si="249"/>
        <v/>
      </c>
      <c r="CO163" s="898" t="str">
        <f t="shared" si="250"/>
        <v/>
      </c>
      <c r="CP163" s="898" t="str">
        <f t="shared" si="251"/>
        <v/>
      </c>
      <c r="CQ163" s="898" t="str">
        <f t="shared" si="252"/>
        <v/>
      </c>
      <c r="CR163" s="898" t="str">
        <f t="shared" si="253"/>
        <v/>
      </c>
      <c r="CS163" s="898" t="str">
        <f t="shared" si="254"/>
        <v/>
      </c>
      <c r="CT163" s="898" t="str">
        <f t="shared" si="255"/>
        <v/>
      </c>
      <c r="CU163" s="898" t="str">
        <f t="shared" si="256"/>
        <v/>
      </c>
      <c r="CV163" s="898" t="str">
        <f t="shared" si="257"/>
        <v/>
      </c>
      <c r="CW163" s="898" t="str">
        <f t="shared" si="258"/>
        <v/>
      </c>
      <c r="CX163" s="898" t="str">
        <f t="shared" si="259"/>
        <v/>
      </c>
      <c r="CY163" s="898" t="str">
        <f t="shared" si="260"/>
        <v/>
      </c>
      <c r="CZ163" s="898" t="str">
        <f t="shared" si="261"/>
        <v/>
      </c>
      <c r="DA163" s="898"/>
      <c r="DB163" s="898"/>
      <c r="DC163" s="898"/>
      <c r="DD163" s="898"/>
      <c r="DE163" s="898"/>
      <c r="DF163" s="898"/>
      <c r="DG163" s="898"/>
      <c r="DH163" s="898"/>
      <c r="DI163" s="898"/>
      <c r="DJ163" s="898"/>
      <c r="DK163" s="898"/>
      <c r="DL163" s="898"/>
      <c r="DM163" s="661">
        <f t="shared" si="193"/>
        <v>358706.88</v>
      </c>
      <c r="DN163" s="898">
        <f t="shared" si="194"/>
        <v>0</v>
      </c>
      <c r="DO163" s="516">
        <f t="shared" si="195"/>
        <v>0</v>
      </c>
      <c r="DP163" s="898">
        <f t="shared" si="196"/>
        <v>0</v>
      </c>
      <c r="DQ163" s="483" t="s">
        <v>3838</v>
      </c>
      <c r="DR163" s="483" t="s">
        <v>3839</v>
      </c>
      <c r="DS163" s="483" t="s">
        <v>3098</v>
      </c>
      <c r="DT163" s="632"/>
    </row>
    <row r="164" spans="1:124" s="613" customFormat="1" ht="99.75" x14ac:dyDescent="0.2">
      <c r="A164" s="484" t="str">
        <f t="shared" si="190"/>
        <v>Contribution towards natural and semi-natural greenspace in Paradise (Hm04)</v>
      </c>
      <c r="B164" s="1163">
        <v>161</v>
      </c>
      <c r="C164" s="904" t="s">
        <v>3843</v>
      </c>
      <c r="D164" s="481" t="s">
        <v>2481</v>
      </c>
      <c r="E164" s="481" t="s">
        <v>53</v>
      </c>
      <c r="F164" s="481" t="s">
        <v>515</v>
      </c>
      <c r="G164" s="654" t="s">
        <v>1336</v>
      </c>
      <c r="H164" s="484" t="s">
        <v>3844</v>
      </c>
      <c r="I164" s="654"/>
      <c r="J164" s="78" t="s">
        <v>3845</v>
      </c>
      <c r="K164" s="654" t="s">
        <v>3104</v>
      </c>
      <c r="L164" s="657" t="s">
        <v>1363</v>
      </c>
      <c r="M164" s="654" t="s">
        <v>2996</v>
      </c>
      <c r="N164" s="654" t="s">
        <v>8</v>
      </c>
      <c r="O164" s="657" t="s">
        <v>3331</v>
      </c>
      <c r="P164" s="657" t="s">
        <v>53</v>
      </c>
      <c r="Q164" s="654" t="s">
        <v>559</v>
      </c>
      <c r="R164" s="654"/>
      <c r="S164" s="654"/>
      <c r="T164" s="723">
        <v>278994.24</v>
      </c>
      <c r="U164" s="723"/>
      <c r="V164" s="654" t="s">
        <v>64</v>
      </c>
      <c r="W164" s="723">
        <f t="shared" si="229"/>
        <v>0</v>
      </c>
      <c r="X164" s="745">
        <f t="shared" si="230"/>
        <v>278994.24</v>
      </c>
      <c r="Y164" s="723" t="s">
        <v>3106</v>
      </c>
      <c r="Z164" s="723"/>
      <c r="AA164" s="652" t="s">
        <v>82</v>
      </c>
      <c r="AB164" s="893"/>
      <c r="AC164" s="893"/>
      <c r="AD164" s="893"/>
      <c r="AE164" s="746" t="s">
        <v>66</v>
      </c>
      <c r="AF164" s="893"/>
      <c r="AG164" s="746"/>
      <c r="AH164" s="893"/>
      <c r="AI164" s="893"/>
      <c r="AJ164" s="893"/>
      <c r="AK164" s="893"/>
      <c r="AL164" s="893"/>
      <c r="AM164" s="893"/>
      <c r="AN164" s="893"/>
      <c r="AO164" s="893"/>
      <c r="AP164" s="893"/>
      <c r="AQ164" s="893"/>
      <c r="AR164" s="893"/>
      <c r="AS164" s="893"/>
      <c r="AT164" s="893"/>
      <c r="AU164" s="893"/>
      <c r="AV164" s="893"/>
      <c r="AW164" s="893"/>
      <c r="AX164" s="893"/>
      <c r="AY164" s="893"/>
      <c r="AZ164" s="893"/>
      <c r="BA164" s="893"/>
      <c r="BB164" s="893"/>
      <c r="BC164" s="893"/>
      <c r="BD164" s="893"/>
      <c r="BE164" s="893"/>
      <c r="BF164" s="893"/>
      <c r="BG164" s="746"/>
      <c r="BH164" s="746"/>
      <c r="BI164" s="746"/>
      <c r="BJ164" s="746"/>
      <c r="BK164" s="746"/>
      <c r="BL164" s="746"/>
      <c r="BM164" s="746"/>
      <c r="BN164" s="746"/>
      <c r="BO164" s="746"/>
      <c r="BP164" s="746"/>
      <c r="BQ164" s="746"/>
      <c r="BR164" s="746"/>
      <c r="BS164" s="884">
        <f t="shared" si="191"/>
        <v>350</v>
      </c>
      <c r="BT164" s="661">
        <f t="shared" ref="BT164:BT195" si="262">X164/BS164</f>
        <v>797.12639999999999</v>
      </c>
      <c r="BU164" s="661"/>
      <c r="BV164" s="898" t="str">
        <f t="shared" si="231"/>
        <v/>
      </c>
      <c r="BW164" s="898" t="str">
        <f t="shared" si="232"/>
        <v/>
      </c>
      <c r="BX164" s="898" t="str">
        <f t="shared" si="233"/>
        <v/>
      </c>
      <c r="BY164" s="898">
        <f t="shared" si="234"/>
        <v>278994.24</v>
      </c>
      <c r="BZ164" s="898" t="str">
        <f t="shared" si="235"/>
        <v/>
      </c>
      <c r="CA164" s="898" t="str">
        <f t="shared" si="236"/>
        <v/>
      </c>
      <c r="CB164" s="898" t="str">
        <f t="shared" si="237"/>
        <v/>
      </c>
      <c r="CC164" s="898" t="str">
        <f t="shared" si="238"/>
        <v/>
      </c>
      <c r="CD164" s="898" t="str">
        <f t="shared" si="239"/>
        <v/>
      </c>
      <c r="CE164" s="898" t="str">
        <f t="shared" si="240"/>
        <v/>
      </c>
      <c r="CF164" s="898" t="str">
        <f t="shared" si="241"/>
        <v/>
      </c>
      <c r="CG164" s="898" t="str">
        <f t="shared" si="242"/>
        <v/>
      </c>
      <c r="CH164" s="898" t="str">
        <f t="shared" si="243"/>
        <v/>
      </c>
      <c r="CI164" s="898" t="str">
        <f t="shared" si="244"/>
        <v/>
      </c>
      <c r="CJ164" s="898" t="str">
        <f t="shared" si="245"/>
        <v/>
      </c>
      <c r="CK164" s="898" t="str">
        <f t="shared" si="246"/>
        <v/>
      </c>
      <c r="CL164" s="898" t="str">
        <f t="shared" si="247"/>
        <v/>
      </c>
      <c r="CM164" s="898" t="str">
        <f t="shared" si="248"/>
        <v/>
      </c>
      <c r="CN164" s="898" t="str">
        <f t="shared" si="249"/>
        <v/>
      </c>
      <c r="CO164" s="898" t="str">
        <f t="shared" si="250"/>
        <v/>
      </c>
      <c r="CP164" s="898" t="str">
        <f t="shared" si="251"/>
        <v/>
      </c>
      <c r="CQ164" s="898" t="str">
        <f t="shared" si="252"/>
        <v/>
      </c>
      <c r="CR164" s="898" t="str">
        <f t="shared" si="253"/>
        <v/>
      </c>
      <c r="CS164" s="898" t="str">
        <f t="shared" si="254"/>
        <v/>
      </c>
      <c r="CT164" s="898" t="str">
        <f t="shared" si="255"/>
        <v/>
      </c>
      <c r="CU164" s="898" t="str">
        <f t="shared" si="256"/>
        <v/>
      </c>
      <c r="CV164" s="898" t="str">
        <f t="shared" si="257"/>
        <v/>
      </c>
      <c r="CW164" s="898" t="str">
        <f t="shared" si="258"/>
        <v/>
      </c>
      <c r="CX164" s="898" t="str">
        <f t="shared" si="259"/>
        <v/>
      </c>
      <c r="CY164" s="898" t="str">
        <f t="shared" si="260"/>
        <v/>
      </c>
      <c r="CZ164" s="898" t="str">
        <f t="shared" si="261"/>
        <v/>
      </c>
      <c r="DA164" s="898"/>
      <c r="DB164" s="898"/>
      <c r="DC164" s="898"/>
      <c r="DD164" s="898"/>
      <c r="DE164" s="898"/>
      <c r="DF164" s="898"/>
      <c r="DG164" s="898"/>
      <c r="DH164" s="898"/>
      <c r="DI164" s="898"/>
      <c r="DJ164" s="898"/>
      <c r="DK164" s="898"/>
      <c r="DL164" s="898"/>
      <c r="DM164" s="661">
        <f t="shared" si="193"/>
        <v>278994.24</v>
      </c>
      <c r="DN164" s="898">
        <f t="shared" si="194"/>
        <v>0</v>
      </c>
      <c r="DO164" s="516">
        <f t="shared" si="195"/>
        <v>0</v>
      </c>
      <c r="DP164" s="898">
        <f t="shared" si="196"/>
        <v>0</v>
      </c>
      <c r="DQ164" s="483" t="s">
        <v>3838</v>
      </c>
      <c r="DR164" s="483" t="s">
        <v>3839</v>
      </c>
      <c r="DS164" s="483" t="s">
        <v>3098</v>
      </c>
      <c r="DT164" s="632"/>
    </row>
    <row r="165" spans="1:124" s="613" customFormat="1" ht="99.75" x14ac:dyDescent="0.2">
      <c r="A165" s="484" t="str">
        <f t="shared" si="190"/>
        <v>Contribution towards natural and semi-natural greenspace in Civic Zone, Marlowes (Hm02)</v>
      </c>
      <c r="B165" s="1163">
        <v>162</v>
      </c>
      <c r="C165" s="904" t="s">
        <v>3846</v>
      </c>
      <c r="D165" s="481" t="s">
        <v>2481</v>
      </c>
      <c r="E165" s="481" t="s">
        <v>53</v>
      </c>
      <c r="F165" s="481" t="s">
        <v>515</v>
      </c>
      <c r="G165" s="654" t="s">
        <v>1336</v>
      </c>
      <c r="H165" s="484" t="s">
        <v>3847</v>
      </c>
      <c r="I165" s="654"/>
      <c r="J165" s="78" t="s">
        <v>3848</v>
      </c>
      <c r="K165" s="654" t="s">
        <v>3104</v>
      </c>
      <c r="L165" s="657" t="s">
        <v>1361</v>
      </c>
      <c r="M165" s="654" t="s">
        <v>2996</v>
      </c>
      <c r="N165" s="897" t="s">
        <v>8</v>
      </c>
      <c r="O165" s="657" t="s">
        <v>3331</v>
      </c>
      <c r="P165" s="657" t="s">
        <v>53</v>
      </c>
      <c r="Q165" s="654" t="s">
        <v>377</v>
      </c>
      <c r="R165" s="654"/>
      <c r="S165" s="654"/>
      <c r="T165" s="723">
        <v>159425.28</v>
      </c>
      <c r="U165" s="723"/>
      <c r="V165" s="654" t="s">
        <v>64</v>
      </c>
      <c r="W165" s="723">
        <f t="shared" si="229"/>
        <v>0</v>
      </c>
      <c r="X165" s="745">
        <f t="shared" si="230"/>
        <v>159425.28</v>
      </c>
      <c r="Y165" s="723" t="s">
        <v>3106</v>
      </c>
      <c r="Z165" s="723"/>
      <c r="AA165" s="652" t="s">
        <v>82</v>
      </c>
      <c r="AB165" s="893"/>
      <c r="AC165" s="746" t="s">
        <v>66</v>
      </c>
      <c r="AD165" s="893"/>
      <c r="AE165" s="893"/>
      <c r="AF165" s="893"/>
      <c r="AG165" s="746"/>
      <c r="AH165" s="893"/>
      <c r="AI165" s="893"/>
      <c r="AJ165" s="893"/>
      <c r="AK165" s="893"/>
      <c r="AL165" s="893"/>
      <c r="AM165" s="893"/>
      <c r="AN165" s="893"/>
      <c r="AO165" s="893"/>
      <c r="AP165" s="893"/>
      <c r="AQ165" s="893"/>
      <c r="AR165" s="893"/>
      <c r="AS165" s="893"/>
      <c r="AT165" s="893"/>
      <c r="AU165" s="893"/>
      <c r="AV165" s="893"/>
      <c r="AW165" s="893"/>
      <c r="AX165" s="893"/>
      <c r="AY165" s="893"/>
      <c r="AZ165" s="893"/>
      <c r="BA165" s="893"/>
      <c r="BB165" s="893"/>
      <c r="BC165" s="893"/>
      <c r="BD165" s="893"/>
      <c r="BE165" s="893"/>
      <c r="BF165" s="893"/>
      <c r="BG165" s="746"/>
      <c r="BH165" s="746"/>
      <c r="BI165" s="746"/>
      <c r="BJ165" s="746"/>
      <c r="BK165" s="746"/>
      <c r="BL165" s="746"/>
      <c r="BM165" s="746"/>
      <c r="BN165" s="746"/>
      <c r="BO165" s="746"/>
      <c r="BP165" s="746"/>
      <c r="BQ165" s="746"/>
      <c r="BR165" s="746"/>
      <c r="BS165" s="884">
        <f t="shared" si="191"/>
        <v>200</v>
      </c>
      <c r="BT165" s="661">
        <f t="shared" si="262"/>
        <v>797.12639999999999</v>
      </c>
      <c r="BU165" s="661"/>
      <c r="BV165" s="898" t="str">
        <f t="shared" si="231"/>
        <v/>
      </c>
      <c r="BW165" s="898">
        <f t="shared" si="232"/>
        <v>159425.28</v>
      </c>
      <c r="BX165" s="898" t="str">
        <f t="shared" si="233"/>
        <v/>
      </c>
      <c r="BY165" s="898" t="str">
        <f t="shared" si="234"/>
        <v/>
      </c>
      <c r="BZ165" s="898" t="str">
        <f t="shared" si="235"/>
        <v/>
      </c>
      <c r="CA165" s="898" t="str">
        <f t="shared" si="236"/>
        <v/>
      </c>
      <c r="CB165" s="898" t="str">
        <f t="shared" si="237"/>
        <v/>
      </c>
      <c r="CC165" s="898" t="str">
        <f t="shared" si="238"/>
        <v/>
      </c>
      <c r="CD165" s="898" t="str">
        <f t="shared" si="239"/>
        <v/>
      </c>
      <c r="CE165" s="898" t="str">
        <f t="shared" si="240"/>
        <v/>
      </c>
      <c r="CF165" s="898" t="str">
        <f t="shared" si="241"/>
        <v/>
      </c>
      <c r="CG165" s="898" t="str">
        <f t="shared" si="242"/>
        <v/>
      </c>
      <c r="CH165" s="898" t="str">
        <f t="shared" si="243"/>
        <v/>
      </c>
      <c r="CI165" s="898" t="str">
        <f t="shared" si="244"/>
        <v/>
      </c>
      <c r="CJ165" s="898" t="str">
        <f t="shared" si="245"/>
        <v/>
      </c>
      <c r="CK165" s="898" t="str">
        <f t="shared" si="246"/>
        <v/>
      </c>
      <c r="CL165" s="898" t="str">
        <f t="shared" si="247"/>
        <v/>
      </c>
      <c r="CM165" s="898" t="str">
        <f t="shared" si="248"/>
        <v/>
      </c>
      <c r="CN165" s="898" t="str">
        <f t="shared" si="249"/>
        <v/>
      </c>
      <c r="CO165" s="898" t="str">
        <f t="shared" si="250"/>
        <v/>
      </c>
      <c r="CP165" s="898" t="str">
        <f t="shared" si="251"/>
        <v/>
      </c>
      <c r="CQ165" s="898" t="str">
        <f t="shared" si="252"/>
        <v/>
      </c>
      <c r="CR165" s="898" t="str">
        <f t="shared" si="253"/>
        <v/>
      </c>
      <c r="CS165" s="898" t="str">
        <f t="shared" si="254"/>
        <v/>
      </c>
      <c r="CT165" s="898" t="str">
        <f t="shared" si="255"/>
        <v/>
      </c>
      <c r="CU165" s="898" t="str">
        <f t="shared" si="256"/>
        <v/>
      </c>
      <c r="CV165" s="898" t="str">
        <f t="shared" si="257"/>
        <v/>
      </c>
      <c r="CW165" s="898" t="str">
        <f t="shared" si="258"/>
        <v/>
      </c>
      <c r="CX165" s="898" t="str">
        <f t="shared" si="259"/>
        <v/>
      </c>
      <c r="CY165" s="898" t="str">
        <f t="shared" si="260"/>
        <v/>
      </c>
      <c r="CZ165" s="898" t="str">
        <f t="shared" si="261"/>
        <v/>
      </c>
      <c r="DA165" s="898"/>
      <c r="DB165" s="898"/>
      <c r="DC165" s="898"/>
      <c r="DD165" s="898"/>
      <c r="DE165" s="898"/>
      <c r="DF165" s="898"/>
      <c r="DG165" s="898"/>
      <c r="DH165" s="898"/>
      <c r="DI165" s="898"/>
      <c r="DJ165" s="898"/>
      <c r="DK165" s="898"/>
      <c r="DL165" s="898"/>
      <c r="DM165" s="661">
        <f t="shared" si="193"/>
        <v>159425.28</v>
      </c>
      <c r="DN165" s="898">
        <f t="shared" si="194"/>
        <v>0</v>
      </c>
      <c r="DO165" s="516">
        <f t="shared" si="195"/>
        <v>0</v>
      </c>
      <c r="DP165" s="898">
        <f t="shared" si="196"/>
        <v>0</v>
      </c>
      <c r="DQ165" s="483" t="s">
        <v>3838</v>
      </c>
      <c r="DR165" s="483" t="s">
        <v>3839</v>
      </c>
      <c r="DS165" s="483" t="s">
        <v>3098</v>
      </c>
      <c r="DT165" s="632"/>
    </row>
    <row r="166" spans="1:124" s="613" customFormat="1" ht="99.75" x14ac:dyDescent="0.2">
      <c r="A166" s="484" t="str">
        <f t="shared" si="190"/>
        <v>Contribution towards natural and semi-natural greenspace in Riverside (Hm06)</v>
      </c>
      <c r="B166" s="1163">
        <v>163</v>
      </c>
      <c r="C166" s="904" t="s">
        <v>3849</v>
      </c>
      <c r="D166" s="481" t="s">
        <v>2481</v>
      </c>
      <c r="E166" s="481" t="s">
        <v>53</v>
      </c>
      <c r="F166" s="481" t="s">
        <v>515</v>
      </c>
      <c r="G166" s="654" t="s">
        <v>1336</v>
      </c>
      <c r="H166" s="484" t="s">
        <v>3850</v>
      </c>
      <c r="I166" s="654"/>
      <c r="J166" s="78" t="s">
        <v>3851</v>
      </c>
      <c r="K166" s="654" t="s">
        <v>3104</v>
      </c>
      <c r="L166" s="657" t="s">
        <v>1364</v>
      </c>
      <c r="M166" s="654" t="s">
        <v>2996</v>
      </c>
      <c r="N166" s="897" t="s">
        <v>81</v>
      </c>
      <c r="O166" s="657" t="s">
        <v>3331</v>
      </c>
      <c r="P166" s="657" t="s">
        <v>53</v>
      </c>
      <c r="Q166" s="654" t="s">
        <v>71</v>
      </c>
      <c r="R166" s="654"/>
      <c r="S166" s="654"/>
      <c r="T166" s="723">
        <v>398563.2</v>
      </c>
      <c r="U166" s="723"/>
      <c r="V166" s="654" t="s">
        <v>64</v>
      </c>
      <c r="W166" s="723">
        <f t="shared" si="229"/>
        <v>0</v>
      </c>
      <c r="X166" s="745">
        <f t="shared" si="230"/>
        <v>398563.2</v>
      </c>
      <c r="Y166" s="723" t="s">
        <v>3106</v>
      </c>
      <c r="Z166" s="723"/>
      <c r="AA166" s="652" t="s">
        <v>82</v>
      </c>
      <c r="AB166" s="893"/>
      <c r="AC166" s="893"/>
      <c r="AD166" s="893"/>
      <c r="AE166" s="893"/>
      <c r="AF166" s="746" t="s">
        <v>66</v>
      </c>
      <c r="AG166" s="746"/>
      <c r="AH166" s="893"/>
      <c r="AI166" s="893"/>
      <c r="AJ166" s="893"/>
      <c r="AK166" s="893"/>
      <c r="AL166" s="893"/>
      <c r="AM166" s="893"/>
      <c r="AN166" s="893"/>
      <c r="AO166" s="893"/>
      <c r="AP166" s="893"/>
      <c r="AQ166" s="893"/>
      <c r="AR166" s="893"/>
      <c r="AS166" s="893"/>
      <c r="AT166" s="893"/>
      <c r="AU166" s="893"/>
      <c r="AV166" s="893"/>
      <c r="AW166" s="893"/>
      <c r="AX166" s="893"/>
      <c r="AY166" s="893"/>
      <c r="AZ166" s="893"/>
      <c r="BA166" s="893"/>
      <c r="BB166" s="893"/>
      <c r="BC166" s="893"/>
      <c r="BD166" s="893"/>
      <c r="BE166" s="893"/>
      <c r="BF166" s="893"/>
      <c r="BG166" s="746"/>
      <c r="BH166" s="746"/>
      <c r="BI166" s="746"/>
      <c r="BJ166" s="746"/>
      <c r="BK166" s="746"/>
      <c r="BL166" s="746"/>
      <c r="BM166" s="746"/>
      <c r="BN166" s="746"/>
      <c r="BO166" s="746"/>
      <c r="BP166" s="746"/>
      <c r="BQ166" s="746"/>
      <c r="BR166" s="746"/>
      <c r="BS166" s="884">
        <f t="shared" si="191"/>
        <v>500</v>
      </c>
      <c r="BT166" s="661">
        <f t="shared" si="262"/>
        <v>797.12639999999999</v>
      </c>
      <c r="BU166" s="661"/>
      <c r="BV166" s="898" t="str">
        <f t="shared" si="231"/>
        <v/>
      </c>
      <c r="BW166" s="898" t="str">
        <f t="shared" si="232"/>
        <v/>
      </c>
      <c r="BX166" s="898" t="str">
        <f t="shared" si="233"/>
        <v/>
      </c>
      <c r="BY166" s="898" t="str">
        <f t="shared" si="234"/>
        <v/>
      </c>
      <c r="BZ166" s="898">
        <f t="shared" si="235"/>
        <v>398563.2</v>
      </c>
      <c r="CA166" s="898" t="str">
        <f t="shared" si="236"/>
        <v/>
      </c>
      <c r="CB166" s="898" t="str">
        <f t="shared" si="237"/>
        <v/>
      </c>
      <c r="CC166" s="898" t="str">
        <f t="shared" si="238"/>
        <v/>
      </c>
      <c r="CD166" s="898" t="str">
        <f t="shared" si="239"/>
        <v/>
      </c>
      <c r="CE166" s="898" t="str">
        <f t="shared" si="240"/>
        <v/>
      </c>
      <c r="CF166" s="898" t="str">
        <f t="shared" si="241"/>
        <v/>
      </c>
      <c r="CG166" s="898" t="str">
        <f t="shared" si="242"/>
        <v/>
      </c>
      <c r="CH166" s="898" t="str">
        <f t="shared" si="243"/>
        <v/>
      </c>
      <c r="CI166" s="898" t="str">
        <f t="shared" si="244"/>
        <v/>
      </c>
      <c r="CJ166" s="898" t="str">
        <f t="shared" si="245"/>
        <v/>
      </c>
      <c r="CK166" s="898" t="str">
        <f t="shared" si="246"/>
        <v/>
      </c>
      <c r="CL166" s="898" t="str">
        <f t="shared" si="247"/>
        <v/>
      </c>
      <c r="CM166" s="898" t="str">
        <f t="shared" si="248"/>
        <v/>
      </c>
      <c r="CN166" s="898" t="str">
        <f t="shared" si="249"/>
        <v/>
      </c>
      <c r="CO166" s="898" t="str">
        <f t="shared" si="250"/>
        <v/>
      </c>
      <c r="CP166" s="898" t="str">
        <f t="shared" si="251"/>
        <v/>
      </c>
      <c r="CQ166" s="898" t="str">
        <f t="shared" si="252"/>
        <v/>
      </c>
      <c r="CR166" s="898" t="str">
        <f t="shared" si="253"/>
        <v/>
      </c>
      <c r="CS166" s="898" t="str">
        <f t="shared" si="254"/>
        <v/>
      </c>
      <c r="CT166" s="898" t="str">
        <f t="shared" si="255"/>
        <v/>
      </c>
      <c r="CU166" s="898" t="str">
        <f t="shared" si="256"/>
        <v/>
      </c>
      <c r="CV166" s="898" t="str">
        <f t="shared" si="257"/>
        <v/>
      </c>
      <c r="CW166" s="898" t="str">
        <f t="shared" si="258"/>
        <v/>
      </c>
      <c r="CX166" s="898" t="str">
        <f t="shared" si="259"/>
        <v/>
      </c>
      <c r="CY166" s="898" t="str">
        <f t="shared" si="260"/>
        <v/>
      </c>
      <c r="CZ166" s="898" t="str">
        <f t="shared" si="261"/>
        <v/>
      </c>
      <c r="DA166" s="898"/>
      <c r="DB166" s="898"/>
      <c r="DC166" s="898"/>
      <c r="DD166" s="898"/>
      <c r="DE166" s="898"/>
      <c r="DF166" s="898"/>
      <c r="DG166" s="898"/>
      <c r="DH166" s="898"/>
      <c r="DI166" s="898"/>
      <c r="DJ166" s="898"/>
      <c r="DK166" s="898"/>
      <c r="DL166" s="898"/>
      <c r="DM166" s="661">
        <f t="shared" si="193"/>
        <v>398563.2</v>
      </c>
      <c r="DN166" s="898">
        <f t="shared" si="194"/>
        <v>0</v>
      </c>
      <c r="DO166" s="516">
        <f t="shared" si="195"/>
        <v>0</v>
      </c>
      <c r="DP166" s="898">
        <f t="shared" si="196"/>
        <v>0</v>
      </c>
      <c r="DQ166" s="483" t="s">
        <v>3838</v>
      </c>
      <c r="DR166" s="483" t="s">
        <v>3839</v>
      </c>
      <c r="DS166" s="483" t="s">
        <v>3098</v>
      </c>
      <c r="DT166" s="632"/>
    </row>
    <row r="167" spans="1:124" s="613" customFormat="1" ht="99.75" x14ac:dyDescent="0.2">
      <c r="A167" s="484" t="str">
        <f t="shared" si="190"/>
        <v>Contribution towards natural and semi-natural greenspace in Symbio Site, Whiteleaf Road (Hm07)</v>
      </c>
      <c r="B167" s="1163">
        <v>164</v>
      </c>
      <c r="C167" s="904" t="s">
        <v>3852</v>
      </c>
      <c r="D167" s="481" t="s">
        <v>2481</v>
      </c>
      <c r="E167" s="481" t="s">
        <v>53</v>
      </c>
      <c r="F167" s="481" t="s">
        <v>515</v>
      </c>
      <c r="G167" s="654" t="s">
        <v>1336</v>
      </c>
      <c r="H167" s="484" t="s">
        <v>3853</v>
      </c>
      <c r="I167" s="654"/>
      <c r="J167" s="78" t="s">
        <v>3854</v>
      </c>
      <c r="K167" s="654" t="s">
        <v>3104</v>
      </c>
      <c r="L167" s="657" t="s">
        <v>1366</v>
      </c>
      <c r="M167" s="654" t="s">
        <v>2996</v>
      </c>
      <c r="N167" s="897" t="s">
        <v>81</v>
      </c>
      <c r="O167" s="657" t="s">
        <v>3331</v>
      </c>
      <c r="P167" s="657" t="s">
        <v>53</v>
      </c>
      <c r="Q167" s="654" t="s">
        <v>380</v>
      </c>
      <c r="R167" s="654"/>
      <c r="S167" s="654"/>
      <c r="T167" s="723">
        <v>79712.639999999999</v>
      </c>
      <c r="U167" s="723"/>
      <c r="V167" s="654" t="s">
        <v>64</v>
      </c>
      <c r="W167" s="723">
        <f t="shared" si="229"/>
        <v>0</v>
      </c>
      <c r="X167" s="745">
        <f t="shared" si="230"/>
        <v>79712.639999999999</v>
      </c>
      <c r="Y167" s="723" t="s">
        <v>3106</v>
      </c>
      <c r="Z167" s="723"/>
      <c r="AA167" s="652" t="s">
        <v>82</v>
      </c>
      <c r="AB167" s="893"/>
      <c r="AC167" s="893"/>
      <c r="AD167" s="893"/>
      <c r="AE167" s="893"/>
      <c r="AF167" s="893"/>
      <c r="AG167" s="746"/>
      <c r="AH167" s="746" t="s">
        <v>66</v>
      </c>
      <c r="AI167" s="893"/>
      <c r="AJ167" s="893"/>
      <c r="AK167" s="893"/>
      <c r="AL167" s="893"/>
      <c r="AM167" s="893"/>
      <c r="AN167" s="893"/>
      <c r="AO167" s="893"/>
      <c r="AP167" s="893"/>
      <c r="AQ167" s="893"/>
      <c r="AR167" s="893"/>
      <c r="AS167" s="893"/>
      <c r="AT167" s="893"/>
      <c r="AU167" s="893"/>
      <c r="AV167" s="893"/>
      <c r="AW167" s="893"/>
      <c r="AX167" s="893"/>
      <c r="AY167" s="893"/>
      <c r="AZ167" s="893"/>
      <c r="BA167" s="893"/>
      <c r="BB167" s="893"/>
      <c r="BC167" s="893"/>
      <c r="BD167" s="893"/>
      <c r="BE167" s="893"/>
      <c r="BF167" s="893"/>
      <c r="BG167" s="746"/>
      <c r="BH167" s="746"/>
      <c r="BI167" s="746"/>
      <c r="BJ167" s="746"/>
      <c r="BK167" s="746"/>
      <c r="BL167" s="746"/>
      <c r="BM167" s="746"/>
      <c r="BN167" s="746"/>
      <c r="BO167" s="746"/>
      <c r="BP167" s="746"/>
      <c r="BQ167" s="746"/>
      <c r="BR167" s="746"/>
      <c r="BS167" s="884">
        <f t="shared" si="191"/>
        <v>100</v>
      </c>
      <c r="BT167" s="661">
        <f t="shared" si="262"/>
        <v>797.12639999999999</v>
      </c>
      <c r="BU167" s="661"/>
      <c r="BV167" s="898" t="str">
        <f t="shared" si="231"/>
        <v/>
      </c>
      <c r="BW167" s="898" t="str">
        <f t="shared" si="232"/>
        <v/>
      </c>
      <c r="BX167" s="898" t="str">
        <f t="shared" si="233"/>
        <v/>
      </c>
      <c r="BY167" s="898" t="str">
        <f t="shared" si="234"/>
        <v/>
      </c>
      <c r="BZ167" s="898" t="str">
        <f t="shared" si="235"/>
        <v/>
      </c>
      <c r="CA167" s="898" t="str">
        <f t="shared" si="236"/>
        <v/>
      </c>
      <c r="CB167" s="898">
        <f t="shared" si="237"/>
        <v>79712.639999999999</v>
      </c>
      <c r="CC167" s="898" t="str">
        <f t="shared" si="238"/>
        <v/>
      </c>
      <c r="CD167" s="898" t="str">
        <f t="shared" si="239"/>
        <v/>
      </c>
      <c r="CE167" s="898" t="str">
        <f t="shared" si="240"/>
        <v/>
      </c>
      <c r="CF167" s="898" t="str">
        <f t="shared" si="241"/>
        <v/>
      </c>
      <c r="CG167" s="898" t="str">
        <f t="shared" si="242"/>
        <v/>
      </c>
      <c r="CH167" s="898" t="str">
        <f t="shared" si="243"/>
        <v/>
      </c>
      <c r="CI167" s="898" t="str">
        <f t="shared" si="244"/>
        <v/>
      </c>
      <c r="CJ167" s="898" t="str">
        <f t="shared" si="245"/>
        <v/>
      </c>
      <c r="CK167" s="898" t="str">
        <f t="shared" si="246"/>
        <v/>
      </c>
      <c r="CL167" s="898" t="str">
        <f t="shared" si="247"/>
        <v/>
      </c>
      <c r="CM167" s="898" t="str">
        <f t="shared" si="248"/>
        <v/>
      </c>
      <c r="CN167" s="898" t="str">
        <f t="shared" si="249"/>
        <v/>
      </c>
      <c r="CO167" s="898" t="str">
        <f t="shared" si="250"/>
        <v/>
      </c>
      <c r="CP167" s="898" t="str">
        <f t="shared" si="251"/>
        <v/>
      </c>
      <c r="CQ167" s="898" t="str">
        <f t="shared" si="252"/>
        <v/>
      </c>
      <c r="CR167" s="898" t="str">
        <f t="shared" si="253"/>
        <v/>
      </c>
      <c r="CS167" s="898" t="str">
        <f t="shared" si="254"/>
        <v/>
      </c>
      <c r="CT167" s="898" t="str">
        <f t="shared" si="255"/>
        <v/>
      </c>
      <c r="CU167" s="898" t="str">
        <f t="shared" si="256"/>
        <v/>
      </c>
      <c r="CV167" s="898" t="str">
        <f t="shared" si="257"/>
        <v/>
      </c>
      <c r="CW167" s="898" t="str">
        <f t="shared" si="258"/>
        <v/>
      </c>
      <c r="CX167" s="898" t="str">
        <f t="shared" si="259"/>
        <v/>
      </c>
      <c r="CY167" s="898" t="str">
        <f t="shared" si="260"/>
        <v/>
      </c>
      <c r="CZ167" s="898" t="str">
        <f t="shared" si="261"/>
        <v/>
      </c>
      <c r="DA167" s="898"/>
      <c r="DB167" s="898"/>
      <c r="DC167" s="898"/>
      <c r="DD167" s="898"/>
      <c r="DE167" s="898"/>
      <c r="DF167" s="898"/>
      <c r="DG167" s="898"/>
      <c r="DH167" s="898"/>
      <c r="DI167" s="898"/>
      <c r="DJ167" s="898"/>
      <c r="DK167" s="898"/>
      <c r="DL167" s="898"/>
      <c r="DM167" s="661">
        <f t="shared" si="193"/>
        <v>79712.639999999999</v>
      </c>
      <c r="DN167" s="898">
        <f t="shared" si="194"/>
        <v>0</v>
      </c>
      <c r="DO167" s="516">
        <f t="shared" si="195"/>
        <v>0</v>
      </c>
      <c r="DP167" s="898">
        <f t="shared" si="196"/>
        <v>0</v>
      </c>
      <c r="DQ167" s="483" t="s">
        <v>3838</v>
      </c>
      <c r="DR167" s="483" t="s">
        <v>3839</v>
      </c>
      <c r="DS167" s="483" t="s">
        <v>3098</v>
      </c>
      <c r="DT167" s="632"/>
    </row>
    <row r="168" spans="1:124" s="613" customFormat="1" ht="99.75" x14ac:dyDescent="0.2">
      <c r="A168" s="484" t="str">
        <f t="shared" si="190"/>
        <v>Contribution towards natural and semi-natural greenspace in Hemel Hempstead Station Gateway (Hm08)</v>
      </c>
      <c r="B168" s="1163">
        <v>165</v>
      </c>
      <c r="C168" s="904" t="s">
        <v>3855</v>
      </c>
      <c r="D168" s="481" t="s">
        <v>2481</v>
      </c>
      <c r="E168" s="481" t="s">
        <v>53</v>
      </c>
      <c r="F168" s="481" t="s">
        <v>515</v>
      </c>
      <c r="G168" s="654" t="s">
        <v>1336</v>
      </c>
      <c r="H168" s="484" t="s">
        <v>3856</v>
      </c>
      <c r="I168" s="654"/>
      <c r="J168" s="78" t="s">
        <v>3857</v>
      </c>
      <c r="K168" s="654" t="s">
        <v>3104</v>
      </c>
      <c r="L168" s="657" t="s">
        <v>1367</v>
      </c>
      <c r="M168" s="654" t="s">
        <v>2996</v>
      </c>
      <c r="N168" s="897" t="s">
        <v>8</v>
      </c>
      <c r="O168" s="657" t="s">
        <v>3331</v>
      </c>
      <c r="P168" s="657" t="s">
        <v>53</v>
      </c>
      <c r="Q168" s="654" t="s">
        <v>382</v>
      </c>
      <c r="R168" s="654"/>
      <c r="S168" s="654"/>
      <c r="T168" s="723">
        <v>310879.29599999997</v>
      </c>
      <c r="U168" s="723"/>
      <c r="V168" s="654" t="s">
        <v>64</v>
      </c>
      <c r="W168" s="723">
        <f t="shared" si="229"/>
        <v>0</v>
      </c>
      <c r="X168" s="745">
        <f t="shared" si="230"/>
        <v>310879.29599999997</v>
      </c>
      <c r="Y168" s="723" t="s">
        <v>3106</v>
      </c>
      <c r="Z168" s="723"/>
      <c r="AA168" s="652" t="s">
        <v>82</v>
      </c>
      <c r="AB168" s="893"/>
      <c r="AC168" s="893"/>
      <c r="AD168" s="893"/>
      <c r="AE168" s="893"/>
      <c r="AF168" s="893"/>
      <c r="AG168" s="746"/>
      <c r="AH168" s="893"/>
      <c r="AI168" s="746" t="s">
        <v>66</v>
      </c>
      <c r="AJ168" s="893"/>
      <c r="AK168" s="893"/>
      <c r="AL168" s="893"/>
      <c r="AM168" s="893"/>
      <c r="AN168" s="893"/>
      <c r="AO168" s="893"/>
      <c r="AP168" s="893"/>
      <c r="AQ168" s="893"/>
      <c r="AR168" s="893"/>
      <c r="AS168" s="893"/>
      <c r="AT168" s="893"/>
      <c r="AU168" s="893"/>
      <c r="AV168" s="893"/>
      <c r="AW168" s="893"/>
      <c r="AX168" s="893"/>
      <c r="AY168" s="893"/>
      <c r="AZ168" s="893"/>
      <c r="BA168" s="893"/>
      <c r="BB168" s="893"/>
      <c r="BC168" s="893"/>
      <c r="BD168" s="893"/>
      <c r="BE168" s="893"/>
      <c r="BF168" s="893"/>
      <c r="BG168" s="746"/>
      <c r="BH168" s="746"/>
      <c r="BI168" s="746"/>
      <c r="BJ168" s="746"/>
      <c r="BK168" s="746"/>
      <c r="BL168" s="746"/>
      <c r="BM168" s="746"/>
      <c r="BN168" s="746"/>
      <c r="BO168" s="746"/>
      <c r="BP168" s="746"/>
      <c r="BQ168" s="746"/>
      <c r="BR168" s="746"/>
      <c r="BS168" s="884">
        <f t="shared" si="191"/>
        <v>390</v>
      </c>
      <c r="BT168" s="661">
        <f t="shared" si="262"/>
        <v>797.12639999999988</v>
      </c>
      <c r="BU168" s="661"/>
      <c r="BV168" s="898" t="str">
        <f t="shared" si="231"/>
        <v/>
      </c>
      <c r="BW168" s="898" t="str">
        <f t="shared" si="232"/>
        <v/>
      </c>
      <c r="BX168" s="898" t="str">
        <f t="shared" si="233"/>
        <v/>
      </c>
      <c r="BY168" s="898" t="str">
        <f t="shared" si="234"/>
        <v/>
      </c>
      <c r="BZ168" s="898" t="str">
        <f t="shared" si="235"/>
        <v/>
      </c>
      <c r="CA168" s="898" t="str">
        <f t="shared" si="236"/>
        <v/>
      </c>
      <c r="CB168" s="898" t="str">
        <f t="shared" si="237"/>
        <v/>
      </c>
      <c r="CC168" s="898">
        <f t="shared" si="238"/>
        <v>310879.29599999997</v>
      </c>
      <c r="CD168" s="898" t="str">
        <f t="shared" si="239"/>
        <v/>
      </c>
      <c r="CE168" s="898" t="str">
        <f t="shared" si="240"/>
        <v/>
      </c>
      <c r="CF168" s="898" t="str">
        <f t="shared" si="241"/>
        <v/>
      </c>
      <c r="CG168" s="898" t="str">
        <f t="shared" si="242"/>
        <v/>
      </c>
      <c r="CH168" s="898" t="str">
        <f t="shared" si="243"/>
        <v/>
      </c>
      <c r="CI168" s="898" t="str">
        <f t="shared" si="244"/>
        <v/>
      </c>
      <c r="CJ168" s="898" t="str">
        <f t="shared" si="245"/>
        <v/>
      </c>
      <c r="CK168" s="898" t="str">
        <f t="shared" si="246"/>
        <v/>
      </c>
      <c r="CL168" s="898" t="str">
        <f t="shared" si="247"/>
        <v/>
      </c>
      <c r="CM168" s="898" t="str">
        <f t="shared" si="248"/>
        <v/>
      </c>
      <c r="CN168" s="898" t="str">
        <f t="shared" si="249"/>
        <v/>
      </c>
      <c r="CO168" s="898" t="str">
        <f t="shared" si="250"/>
        <v/>
      </c>
      <c r="CP168" s="898" t="str">
        <f t="shared" si="251"/>
        <v/>
      </c>
      <c r="CQ168" s="898" t="str">
        <f t="shared" si="252"/>
        <v/>
      </c>
      <c r="CR168" s="898" t="str">
        <f t="shared" si="253"/>
        <v/>
      </c>
      <c r="CS168" s="898" t="str">
        <f t="shared" si="254"/>
        <v/>
      </c>
      <c r="CT168" s="898" t="str">
        <f t="shared" si="255"/>
        <v/>
      </c>
      <c r="CU168" s="898" t="str">
        <f t="shared" si="256"/>
        <v/>
      </c>
      <c r="CV168" s="898" t="str">
        <f t="shared" si="257"/>
        <v/>
      </c>
      <c r="CW168" s="898" t="str">
        <f t="shared" si="258"/>
        <v/>
      </c>
      <c r="CX168" s="898" t="str">
        <f t="shared" si="259"/>
        <v/>
      </c>
      <c r="CY168" s="898" t="str">
        <f t="shared" si="260"/>
        <v/>
      </c>
      <c r="CZ168" s="898" t="str">
        <f t="shared" si="261"/>
        <v/>
      </c>
      <c r="DA168" s="898"/>
      <c r="DB168" s="898"/>
      <c r="DC168" s="898"/>
      <c r="DD168" s="898"/>
      <c r="DE168" s="898"/>
      <c r="DF168" s="898"/>
      <c r="DG168" s="898"/>
      <c r="DH168" s="898"/>
      <c r="DI168" s="898"/>
      <c r="DJ168" s="898"/>
      <c r="DK168" s="898"/>
      <c r="DL168" s="898"/>
      <c r="DM168" s="661">
        <f t="shared" si="193"/>
        <v>310879.29599999997</v>
      </c>
      <c r="DN168" s="898">
        <f t="shared" si="194"/>
        <v>0</v>
      </c>
      <c r="DO168" s="516">
        <f t="shared" si="195"/>
        <v>0</v>
      </c>
      <c r="DP168" s="898">
        <f t="shared" si="196"/>
        <v>0</v>
      </c>
      <c r="DQ168" s="483" t="s">
        <v>3838</v>
      </c>
      <c r="DR168" s="483" t="s">
        <v>3839</v>
      </c>
      <c r="DS168" s="483" t="s">
        <v>3098</v>
      </c>
      <c r="DT168" s="632"/>
    </row>
    <row r="169" spans="1:124" s="613" customFormat="1" ht="99.75" x14ac:dyDescent="0.2">
      <c r="A169" s="484" t="str">
        <f t="shared" si="190"/>
        <v>Contribution towards natural and semi-natural greenspace in National Grid and 339-353 London Road (Hm09)</v>
      </c>
      <c r="B169" s="1163">
        <v>166</v>
      </c>
      <c r="C169" s="904" t="s">
        <v>3858</v>
      </c>
      <c r="D169" s="481" t="s">
        <v>2481</v>
      </c>
      <c r="E169" s="481" t="s">
        <v>53</v>
      </c>
      <c r="F169" s="481" t="s">
        <v>515</v>
      </c>
      <c r="G169" s="654" t="s">
        <v>1336</v>
      </c>
      <c r="H169" s="484" t="s">
        <v>3859</v>
      </c>
      <c r="I169" s="654"/>
      <c r="J169" s="78" t="s">
        <v>3860</v>
      </c>
      <c r="K169" s="654" t="s">
        <v>3104</v>
      </c>
      <c r="L169" s="657" t="s">
        <v>1365</v>
      </c>
      <c r="M169" s="654" t="s">
        <v>2996</v>
      </c>
      <c r="N169" s="897" t="s">
        <v>8</v>
      </c>
      <c r="O169" s="657" t="s">
        <v>3331</v>
      </c>
      <c r="P169" s="657" t="s">
        <v>53</v>
      </c>
      <c r="Q169" s="654" t="s">
        <v>187</v>
      </c>
      <c r="R169" s="654"/>
      <c r="S169" s="654"/>
      <c r="T169" s="723">
        <v>382620.67200000002</v>
      </c>
      <c r="U169" s="723"/>
      <c r="V169" s="654" t="s">
        <v>64</v>
      </c>
      <c r="W169" s="723">
        <f t="shared" si="229"/>
        <v>0</v>
      </c>
      <c r="X169" s="745">
        <f t="shared" si="230"/>
        <v>382620.67200000002</v>
      </c>
      <c r="Y169" s="723" t="s">
        <v>3106</v>
      </c>
      <c r="Z169" s="723"/>
      <c r="AA169" s="652" t="s">
        <v>82</v>
      </c>
      <c r="AB169" s="893"/>
      <c r="AC169" s="893"/>
      <c r="AD169" s="893"/>
      <c r="AE169" s="893"/>
      <c r="AF169" s="893"/>
      <c r="AG169" s="746" t="s">
        <v>66</v>
      </c>
      <c r="AH169" s="893"/>
      <c r="AI169" s="893"/>
      <c r="AJ169" s="893"/>
      <c r="AK169" s="893"/>
      <c r="AL169" s="893"/>
      <c r="AM169" s="893"/>
      <c r="AN169" s="893"/>
      <c r="AO169" s="893"/>
      <c r="AP169" s="893"/>
      <c r="AQ169" s="893"/>
      <c r="AR169" s="893"/>
      <c r="AS169" s="893"/>
      <c r="AT169" s="893"/>
      <c r="AU169" s="893"/>
      <c r="AV169" s="893"/>
      <c r="AW169" s="893"/>
      <c r="AX169" s="893"/>
      <c r="AY169" s="893"/>
      <c r="AZ169" s="893"/>
      <c r="BA169" s="893"/>
      <c r="BB169" s="893"/>
      <c r="BC169" s="893"/>
      <c r="BD169" s="893"/>
      <c r="BE169" s="893"/>
      <c r="BF169" s="893"/>
      <c r="BG169" s="746"/>
      <c r="BH169" s="746"/>
      <c r="BI169" s="746"/>
      <c r="BJ169" s="746"/>
      <c r="BK169" s="746"/>
      <c r="BL169" s="746"/>
      <c r="BM169" s="746"/>
      <c r="BN169" s="746"/>
      <c r="BO169" s="746"/>
      <c r="BP169" s="746"/>
      <c r="BQ169" s="746"/>
      <c r="BR169" s="746"/>
      <c r="BS169" s="884">
        <f t="shared" si="191"/>
        <v>480</v>
      </c>
      <c r="BT169" s="661">
        <f t="shared" si="262"/>
        <v>797.12639999999999</v>
      </c>
      <c r="BU169" s="661"/>
      <c r="BV169" s="898" t="str">
        <f t="shared" si="231"/>
        <v/>
      </c>
      <c r="BW169" s="898" t="str">
        <f t="shared" si="232"/>
        <v/>
      </c>
      <c r="BX169" s="898" t="str">
        <f t="shared" si="233"/>
        <v/>
      </c>
      <c r="BY169" s="898" t="str">
        <f t="shared" si="234"/>
        <v/>
      </c>
      <c r="BZ169" s="898" t="str">
        <f t="shared" si="235"/>
        <v/>
      </c>
      <c r="CA169" s="898">
        <f t="shared" si="236"/>
        <v>382620.67200000002</v>
      </c>
      <c r="CB169" s="898" t="str">
        <f t="shared" si="237"/>
        <v/>
      </c>
      <c r="CC169" s="898" t="str">
        <f t="shared" si="238"/>
        <v/>
      </c>
      <c r="CD169" s="898" t="str">
        <f t="shared" si="239"/>
        <v/>
      </c>
      <c r="CE169" s="898" t="str">
        <f t="shared" si="240"/>
        <v/>
      </c>
      <c r="CF169" s="898" t="str">
        <f t="shared" si="241"/>
        <v/>
      </c>
      <c r="CG169" s="898" t="str">
        <f t="shared" si="242"/>
        <v/>
      </c>
      <c r="CH169" s="898" t="str">
        <f t="shared" si="243"/>
        <v/>
      </c>
      <c r="CI169" s="898" t="str">
        <f t="shared" si="244"/>
        <v/>
      </c>
      <c r="CJ169" s="898" t="str">
        <f t="shared" si="245"/>
        <v/>
      </c>
      <c r="CK169" s="898" t="str">
        <f t="shared" si="246"/>
        <v/>
      </c>
      <c r="CL169" s="898" t="str">
        <f t="shared" si="247"/>
        <v/>
      </c>
      <c r="CM169" s="898" t="str">
        <f t="shared" si="248"/>
        <v/>
      </c>
      <c r="CN169" s="898" t="str">
        <f t="shared" si="249"/>
        <v/>
      </c>
      <c r="CO169" s="898" t="str">
        <f t="shared" si="250"/>
        <v/>
      </c>
      <c r="CP169" s="898" t="str">
        <f t="shared" si="251"/>
        <v/>
      </c>
      <c r="CQ169" s="898" t="str">
        <f t="shared" si="252"/>
        <v/>
      </c>
      <c r="CR169" s="898" t="str">
        <f t="shared" si="253"/>
        <v/>
      </c>
      <c r="CS169" s="898" t="str">
        <f t="shared" si="254"/>
        <v/>
      </c>
      <c r="CT169" s="898" t="str">
        <f t="shared" si="255"/>
        <v/>
      </c>
      <c r="CU169" s="898" t="str">
        <f t="shared" si="256"/>
        <v/>
      </c>
      <c r="CV169" s="898" t="str">
        <f t="shared" si="257"/>
        <v/>
      </c>
      <c r="CW169" s="898" t="str">
        <f t="shared" si="258"/>
        <v/>
      </c>
      <c r="CX169" s="898" t="str">
        <f t="shared" si="259"/>
        <v/>
      </c>
      <c r="CY169" s="898" t="str">
        <f t="shared" si="260"/>
        <v/>
      </c>
      <c r="CZ169" s="898" t="str">
        <f t="shared" si="261"/>
        <v/>
      </c>
      <c r="DA169" s="898"/>
      <c r="DB169" s="898"/>
      <c r="DC169" s="898"/>
      <c r="DD169" s="898"/>
      <c r="DE169" s="898"/>
      <c r="DF169" s="898"/>
      <c r="DG169" s="898"/>
      <c r="DH169" s="898"/>
      <c r="DI169" s="898"/>
      <c r="DJ169" s="898"/>
      <c r="DK169" s="898"/>
      <c r="DL169" s="898"/>
      <c r="DM169" s="661">
        <f t="shared" si="193"/>
        <v>382620.67200000002</v>
      </c>
      <c r="DN169" s="898">
        <f t="shared" si="194"/>
        <v>0</v>
      </c>
      <c r="DO169" s="516">
        <f t="shared" si="195"/>
        <v>0</v>
      </c>
      <c r="DP169" s="898">
        <f t="shared" si="196"/>
        <v>0</v>
      </c>
      <c r="DQ169" s="483" t="s">
        <v>3838</v>
      </c>
      <c r="DR169" s="483" t="s">
        <v>3839</v>
      </c>
      <c r="DS169" s="483" t="s">
        <v>3098</v>
      </c>
      <c r="DT169" s="632"/>
    </row>
    <row r="170" spans="1:124" s="613" customFormat="1" ht="99.75" x14ac:dyDescent="0.2">
      <c r="A170" s="484" t="str">
        <f t="shared" si="190"/>
        <v xml:space="preserve">Contribution towards natural and semi-natural greenspace in Apsley Mills Retail Park (Hm10) </v>
      </c>
      <c r="B170" s="1163">
        <v>167</v>
      </c>
      <c r="C170" s="904" t="s">
        <v>3861</v>
      </c>
      <c r="D170" s="481" t="s">
        <v>2481</v>
      </c>
      <c r="E170" s="481" t="s">
        <v>53</v>
      </c>
      <c r="F170" s="481" t="s">
        <v>515</v>
      </c>
      <c r="G170" s="654" t="s">
        <v>1336</v>
      </c>
      <c r="H170" s="484" t="s">
        <v>3862</v>
      </c>
      <c r="I170" s="654"/>
      <c r="J170" s="78" t="s">
        <v>3863</v>
      </c>
      <c r="K170" s="654" t="s">
        <v>3104</v>
      </c>
      <c r="L170" s="657" t="s">
        <v>3018</v>
      </c>
      <c r="M170" s="654" t="s">
        <v>2996</v>
      </c>
      <c r="N170" s="897" t="s">
        <v>60</v>
      </c>
      <c r="O170" s="657" t="s">
        <v>3331</v>
      </c>
      <c r="P170" s="657" t="s">
        <v>53</v>
      </c>
      <c r="Q170" s="654" t="s">
        <v>208</v>
      </c>
      <c r="R170" s="654"/>
      <c r="S170" s="654"/>
      <c r="T170" s="723">
        <v>398563.2</v>
      </c>
      <c r="U170" s="723"/>
      <c r="V170" s="654" t="s">
        <v>64</v>
      </c>
      <c r="W170" s="723">
        <f t="shared" si="229"/>
        <v>0</v>
      </c>
      <c r="X170" s="745">
        <f t="shared" si="230"/>
        <v>398563.2</v>
      </c>
      <c r="Y170" s="723" t="s">
        <v>3106</v>
      </c>
      <c r="Z170" s="723"/>
      <c r="AA170" s="652" t="s">
        <v>82</v>
      </c>
      <c r="AB170" s="893"/>
      <c r="AC170" s="893"/>
      <c r="AD170" s="893"/>
      <c r="AE170" s="893"/>
      <c r="AF170" s="893"/>
      <c r="AG170" s="746"/>
      <c r="AH170" s="893"/>
      <c r="AI170" s="893"/>
      <c r="AJ170" s="746" t="s">
        <v>66</v>
      </c>
      <c r="AK170" s="893"/>
      <c r="AL170" s="893"/>
      <c r="AM170" s="893"/>
      <c r="AN170" s="893"/>
      <c r="AO170" s="893"/>
      <c r="AP170" s="893"/>
      <c r="AQ170" s="893"/>
      <c r="AR170" s="893"/>
      <c r="AS170" s="893"/>
      <c r="AT170" s="893"/>
      <c r="AU170" s="893"/>
      <c r="AV170" s="893"/>
      <c r="AW170" s="893"/>
      <c r="AX170" s="893"/>
      <c r="AY170" s="893"/>
      <c r="AZ170" s="893"/>
      <c r="BA170" s="893"/>
      <c r="BB170" s="893"/>
      <c r="BC170" s="893"/>
      <c r="BD170" s="893"/>
      <c r="BE170" s="893"/>
      <c r="BF170" s="893"/>
      <c r="BG170" s="746"/>
      <c r="BH170" s="746"/>
      <c r="BI170" s="746"/>
      <c r="BJ170" s="746"/>
      <c r="BK170" s="746"/>
      <c r="BL170" s="746"/>
      <c r="BM170" s="746"/>
      <c r="BN170" s="746"/>
      <c r="BO170" s="746"/>
      <c r="BP170" s="746"/>
      <c r="BQ170" s="746"/>
      <c r="BR170" s="746"/>
      <c r="BS170" s="884">
        <f t="shared" si="191"/>
        <v>500</v>
      </c>
      <c r="BT170" s="661">
        <f t="shared" si="262"/>
        <v>797.12639999999999</v>
      </c>
      <c r="BU170" s="661"/>
      <c r="BV170" s="898" t="str">
        <f t="shared" si="231"/>
        <v/>
      </c>
      <c r="BW170" s="898" t="str">
        <f t="shared" si="232"/>
        <v/>
      </c>
      <c r="BX170" s="898" t="str">
        <f t="shared" si="233"/>
        <v/>
      </c>
      <c r="BY170" s="898" t="str">
        <f t="shared" si="234"/>
        <v/>
      </c>
      <c r="BZ170" s="898" t="str">
        <f t="shared" si="235"/>
        <v/>
      </c>
      <c r="CA170" s="898" t="str">
        <f t="shared" si="236"/>
        <v/>
      </c>
      <c r="CB170" s="898" t="str">
        <f t="shared" si="237"/>
        <v/>
      </c>
      <c r="CC170" s="898" t="str">
        <f t="shared" si="238"/>
        <v/>
      </c>
      <c r="CD170" s="898">
        <f t="shared" si="239"/>
        <v>398563.2</v>
      </c>
      <c r="CE170" s="898" t="str">
        <f t="shared" si="240"/>
        <v/>
      </c>
      <c r="CF170" s="898" t="str">
        <f t="shared" si="241"/>
        <v/>
      </c>
      <c r="CG170" s="898" t="str">
        <f t="shared" si="242"/>
        <v/>
      </c>
      <c r="CH170" s="898" t="str">
        <f t="shared" si="243"/>
        <v/>
      </c>
      <c r="CI170" s="898" t="str">
        <f t="shared" si="244"/>
        <v/>
      </c>
      <c r="CJ170" s="898" t="str">
        <f t="shared" si="245"/>
        <v/>
      </c>
      <c r="CK170" s="898" t="str">
        <f t="shared" si="246"/>
        <v/>
      </c>
      <c r="CL170" s="898" t="str">
        <f t="shared" si="247"/>
        <v/>
      </c>
      <c r="CM170" s="898" t="str">
        <f t="shared" si="248"/>
        <v/>
      </c>
      <c r="CN170" s="898" t="str">
        <f t="shared" si="249"/>
        <v/>
      </c>
      <c r="CO170" s="898" t="str">
        <f t="shared" si="250"/>
        <v/>
      </c>
      <c r="CP170" s="898" t="str">
        <f t="shared" si="251"/>
        <v/>
      </c>
      <c r="CQ170" s="898" t="str">
        <f t="shared" si="252"/>
        <v/>
      </c>
      <c r="CR170" s="898" t="str">
        <f t="shared" si="253"/>
        <v/>
      </c>
      <c r="CS170" s="898" t="str">
        <f t="shared" si="254"/>
        <v/>
      </c>
      <c r="CT170" s="898" t="str">
        <f t="shared" si="255"/>
        <v/>
      </c>
      <c r="CU170" s="898" t="str">
        <f t="shared" si="256"/>
        <v/>
      </c>
      <c r="CV170" s="898" t="str">
        <f t="shared" si="257"/>
        <v/>
      </c>
      <c r="CW170" s="898" t="str">
        <f t="shared" si="258"/>
        <v/>
      </c>
      <c r="CX170" s="898" t="str">
        <f t="shared" si="259"/>
        <v/>
      </c>
      <c r="CY170" s="898" t="str">
        <f t="shared" si="260"/>
        <v/>
      </c>
      <c r="CZ170" s="898" t="str">
        <f t="shared" si="261"/>
        <v/>
      </c>
      <c r="DA170" s="898"/>
      <c r="DB170" s="898"/>
      <c r="DC170" s="898"/>
      <c r="DD170" s="898"/>
      <c r="DE170" s="898"/>
      <c r="DF170" s="898"/>
      <c r="DG170" s="898"/>
      <c r="DH170" s="898"/>
      <c r="DI170" s="898"/>
      <c r="DJ170" s="898"/>
      <c r="DK170" s="898"/>
      <c r="DL170" s="898"/>
      <c r="DM170" s="661">
        <f t="shared" si="193"/>
        <v>398563.2</v>
      </c>
      <c r="DN170" s="898">
        <f t="shared" si="194"/>
        <v>0</v>
      </c>
      <c r="DO170" s="516">
        <f t="shared" si="195"/>
        <v>0</v>
      </c>
      <c r="DP170" s="898">
        <f t="shared" si="196"/>
        <v>0</v>
      </c>
      <c r="DQ170" s="483" t="s">
        <v>3838</v>
      </c>
      <c r="DR170" s="483" t="s">
        <v>3839</v>
      </c>
      <c r="DS170" s="483" t="s">
        <v>3098</v>
      </c>
      <c r="DT170" s="632"/>
    </row>
    <row r="171" spans="1:124" s="613" customFormat="1" ht="99.75" x14ac:dyDescent="0.2">
      <c r="A171" s="484" t="str">
        <f t="shared" si="190"/>
        <v>Contribution towards natural and semi-natural greenspace in Plots 2/3 Kier Park, Maylands Avenue (Hm12)</v>
      </c>
      <c r="B171" s="1163">
        <v>168</v>
      </c>
      <c r="C171" s="904" t="s">
        <v>3864</v>
      </c>
      <c r="D171" s="481" t="s">
        <v>2481</v>
      </c>
      <c r="E171" s="481" t="s">
        <v>53</v>
      </c>
      <c r="F171" s="481" t="s">
        <v>515</v>
      </c>
      <c r="G171" s="654" t="s">
        <v>1336</v>
      </c>
      <c r="H171" s="484" t="s">
        <v>3865</v>
      </c>
      <c r="I171" s="654"/>
      <c r="J171" s="78" t="s">
        <v>3866</v>
      </c>
      <c r="K171" s="654" t="s">
        <v>3104</v>
      </c>
      <c r="L171" s="657" t="s">
        <v>1371</v>
      </c>
      <c r="M171" s="654" t="s">
        <v>2996</v>
      </c>
      <c r="N171" s="897" t="s">
        <v>8</v>
      </c>
      <c r="O171" s="657" t="s">
        <v>3331</v>
      </c>
      <c r="P171" s="657" t="s">
        <v>53</v>
      </c>
      <c r="Q171" s="654" t="s">
        <v>570</v>
      </c>
      <c r="R171" s="654"/>
      <c r="S171" s="654"/>
      <c r="T171" s="723">
        <v>186527.57760000002</v>
      </c>
      <c r="U171" s="723"/>
      <c r="V171" s="654" t="s">
        <v>64</v>
      </c>
      <c r="W171" s="723">
        <f t="shared" si="229"/>
        <v>0</v>
      </c>
      <c r="X171" s="745">
        <f t="shared" si="230"/>
        <v>186527.57760000002</v>
      </c>
      <c r="Y171" s="723" t="s">
        <v>3106</v>
      </c>
      <c r="Z171" s="723"/>
      <c r="AA171" s="652" t="s">
        <v>82</v>
      </c>
      <c r="AB171" s="893"/>
      <c r="AC171" s="893"/>
      <c r="AD171" s="893"/>
      <c r="AE171" s="893"/>
      <c r="AF171" s="893"/>
      <c r="AG171" s="746"/>
      <c r="AH171" s="893"/>
      <c r="AI171" s="893"/>
      <c r="AJ171" s="893"/>
      <c r="AK171" s="893"/>
      <c r="AL171" s="893"/>
      <c r="AM171" s="893"/>
      <c r="AN171" s="746" t="s">
        <v>66</v>
      </c>
      <c r="AO171" s="893"/>
      <c r="AP171" s="893"/>
      <c r="AQ171" s="893"/>
      <c r="AR171" s="893"/>
      <c r="AS171" s="893"/>
      <c r="AT171" s="893"/>
      <c r="AU171" s="893"/>
      <c r="AV171" s="893"/>
      <c r="AW171" s="893"/>
      <c r="AX171" s="893"/>
      <c r="AY171" s="893"/>
      <c r="AZ171" s="893"/>
      <c r="BA171" s="893"/>
      <c r="BB171" s="893"/>
      <c r="BC171" s="893"/>
      <c r="BD171" s="893"/>
      <c r="BE171" s="893"/>
      <c r="BF171" s="893"/>
      <c r="BG171" s="746"/>
      <c r="BH171" s="746"/>
      <c r="BI171" s="746"/>
      <c r="BJ171" s="746"/>
      <c r="BK171" s="746"/>
      <c r="BL171" s="746"/>
      <c r="BM171" s="746"/>
      <c r="BN171" s="746"/>
      <c r="BO171" s="746"/>
      <c r="BP171" s="746"/>
      <c r="BQ171" s="746"/>
      <c r="BR171" s="746"/>
      <c r="BS171" s="884">
        <f t="shared" si="191"/>
        <v>234</v>
      </c>
      <c r="BT171" s="661">
        <f t="shared" si="262"/>
        <v>797.1264000000001</v>
      </c>
      <c r="BU171" s="661"/>
      <c r="BV171" s="898" t="str">
        <f t="shared" si="231"/>
        <v/>
      </c>
      <c r="BW171" s="898" t="str">
        <f t="shared" si="232"/>
        <v/>
      </c>
      <c r="BX171" s="898" t="str">
        <f t="shared" si="233"/>
        <v/>
      </c>
      <c r="BY171" s="898" t="str">
        <f t="shared" si="234"/>
        <v/>
      </c>
      <c r="BZ171" s="898" t="str">
        <f t="shared" si="235"/>
        <v/>
      </c>
      <c r="CA171" s="898" t="str">
        <f t="shared" si="236"/>
        <v/>
      </c>
      <c r="CB171" s="898" t="str">
        <f t="shared" si="237"/>
        <v/>
      </c>
      <c r="CC171" s="898" t="str">
        <f t="shared" si="238"/>
        <v/>
      </c>
      <c r="CD171" s="898" t="str">
        <f t="shared" si="239"/>
        <v/>
      </c>
      <c r="CE171" s="898" t="str">
        <f t="shared" si="240"/>
        <v/>
      </c>
      <c r="CF171" s="898" t="str">
        <f t="shared" si="241"/>
        <v/>
      </c>
      <c r="CG171" s="898" t="str">
        <f t="shared" si="242"/>
        <v/>
      </c>
      <c r="CH171" s="898">
        <f t="shared" si="243"/>
        <v>186527.57760000002</v>
      </c>
      <c r="CI171" s="898" t="str">
        <f t="shared" si="244"/>
        <v/>
      </c>
      <c r="CJ171" s="898" t="str">
        <f t="shared" si="245"/>
        <v/>
      </c>
      <c r="CK171" s="898" t="str">
        <f t="shared" si="246"/>
        <v/>
      </c>
      <c r="CL171" s="898" t="str">
        <f t="shared" si="247"/>
        <v/>
      </c>
      <c r="CM171" s="898" t="str">
        <f t="shared" si="248"/>
        <v/>
      </c>
      <c r="CN171" s="898" t="str">
        <f t="shared" si="249"/>
        <v/>
      </c>
      <c r="CO171" s="898" t="str">
        <f t="shared" si="250"/>
        <v/>
      </c>
      <c r="CP171" s="898" t="str">
        <f t="shared" si="251"/>
        <v/>
      </c>
      <c r="CQ171" s="898" t="str">
        <f t="shared" si="252"/>
        <v/>
      </c>
      <c r="CR171" s="898" t="str">
        <f t="shared" si="253"/>
        <v/>
      </c>
      <c r="CS171" s="898" t="str">
        <f t="shared" si="254"/>
        <v/>
      </c>
      <c r="CT171" s="898" t="str">
        <f t="shared" si="255"/>
        <v/>
      </c>
      <c r="CU171" s="898" t="str">
        <f t="shared" si="256"/>
        <v/>
      </c>
      <c r="CV171" s="898" t="str">
        <f t="shared" si="257"/>
        <v/>
      </c>
      <c r="CW171" s="898" t="str">
        <f t="shared" si="258"/>
        <v/>
      </c>
      <c r="CX171" s="898" t="str">
        <f t="shared" si="259"/>
        <v/>
      </c>
      <c r="CY171" s="898" t="str">
        <f t="shared" si="260"/>
        <v/>
      </c>
      <c r="CZ171" s="898" t="str">
        <f t="shared" si="261"/>
        <v/>
      </c>
      <c r="DA171" s="898"/>
      <c r="DB171" s="898"/>
      <c r="DC171" s="898"/>
      <c r="DD171" s="898"/>
      <c r="DE171" s="898"/>
      <c r="DF171" s="898"/>
      <c r="DG171" s="898"/>
      <c r="DH171" s="898"/>
      <c r="DI171" s="898"/>
      <c r="DJ171" s="898"/>
      <c r="DK171" s="898"/>
      <c r="DL171" s="898"/>
      <c r="DM171" s="661">
        <f t="shared" si="193"/>
        <v>186527.57760000002</v>
      </c>
      <c r="DN171" s="898">
        <f t="shared" si="194"/>
        <v>0</v>
      </c>
      <c r="DO171" s="516">
        <f t="shared" si="195"/>
        <v>0</v>
      </c>
      <c r="DP171" s="898">
        <f t="shared" si="196"/>
        <v>0</v>
      </c>
      <c r="DQ171" s="483" t="s">
        <v>3838</v>
      </c>
      <c r="DR171" s="483" t="s">
        <v>3839</v>
      </c>
      <c r="DS171" s="483" t="s">
        <v>3098</v>
      </c>
      <c r="DT171" s="632"/>
    </row>
    <row r="172" spans="1:124" s="613" customFormat="1" ht="99.75" x14ac:dyDescent="0.2">
      <c r="A172" s="484" t="str">
        <f t="shared" si="190"/>
        <v>Contribution towards natural and semi-natural greenspace in Shendish Manor and Fairfields (Hm11)</v>
      </c>
      <c r="B172" s="1163">
        <v>169</v>
      </c>
      <c r="C172" s="904" t="s">
        <v>3867</v>
      </c>
      <c r="D172" s="481" t="s">
        <v>2481</v>
      </c>
      <c r="E172" s="481" t="s">
        <v>53</v>
      </c>
      <c r="F172" s="481" t="s">
        <v>515</v>
      </c>
      <c r="G172" s="654" t="s">
        <v>1336</v>
      </c>
      <c r="H172" s="484" t="s">
        <v>3868</v>
      </c>
      <c r="I172" s="654"/>
      <c r="J172" s="78" t="s">
        <v>3869</v>
      </c>
      <c r="K172" s="654" t="s">
        <v>3104</v>
      </c>
      <c r="L172" s="657" t="s">
        <v>1369</v>
      </c>
      <c r="M172" s="654" t="s">
        <v>2996</v>
      </c>
      <c r="N172" s="897" t="s">
        <v>60</v>
      </c>
      <c r="O172" s="657" t="s">
        <v>3331</v>
      </c>
      <c r="P172" s="657" t="s">
        <v>53</v>
      </c>
      <c r="Q172" s="654" t="s">
        <v>382</v>
      </c>
      <c r="R172" s="654"/>
      <c r="S172" s="654"/>
      <c r="T172" s="723">
        <v>398563.2</v>
      </c>
      <c r="U172" s="723"/>
      <c r="V172" s="654" t="s">
        <v>64</v>
      </c>
      <c r="W172" s="723">
        <f t="shared" si="229"/>
        <v>0</v>
      </c>
      <c r="X172" s="745">
        <f t="shared" si="230"/>
        <v>398563.2</v>
      </c>
      <c r="Y172" s="723" t="s">
        <v>3106</v>
      </c>
      <c r="Z172" s="723"/>
      <c r="AA172" s="652" t="s">
        <v>82</v>
      </c>
      <c r="AB172" s="893"/>
      <c r="AC172" s="893"/>
      <c r="AD172" s="893"/>
      <c r="AE172" s="893"/>
      <c r="AF172" s="893"/>
      <c r="AG172" s="746"/>
      <c r="AH172" s="893"/>
      <c r="AI172" s="893"/>
      <c r="AJ172" s="893"/>
      <c r="AK172" s="746" t="s">
        <v>66</v>
      </c>
      <c r="AL172" s="893"/>
      <c r="AM172" s="893"/>
      <c r="AN172" s="893"/>
      <c r="AO172" s="893"/>
      <c r="AP172" s="893"/>
      <c r="AQ172" s="893"/>
      <c r="AR172" s="893"/>
      <c r="AS172" s="893"/>
      <c r="AT172" s="893"/>
      <c r="AU172" s="893"/>
      <c r="AV172" s="893"/>
      <c r="AW172" s="893"/>
      <c r="AX172" s="893"/>
      <c r="AY172" s="893"/>
      <c r="AZ172" s="893"/>
      <c r="BA172" s="893"/>
      <c r="BB172" s="893"/>
      <c r="BC172" s="893"/>
      <c r="BD172" s="893"/>
      <c r="BE172" s="893"/>
      <c r="BF172" s="893"/>
      <c r="BG172" s="746"/>
      <c r="BH172" s="746"/>
      <c r="BI172" s="746"/>
      <c r="BJ172" s="746"/>
      <c r="BK172" s="746"/>
      <c r="BL172" s="746"/>
      <c r="BM172" s="746"/>
      <c r="BN172" s="746"/>
      <c r="BO172" s="746"/>
      <c r="BP172" s="746"/>
      <c r="BQ172" s="746"/>
      <c r="BR172" s="746"/>
      <c r="BS172" s="884">
        <f t="shared" si="191"/>
        <v>500</v>
      </c>
      <c r="BT172" s="661">
        <f t="shared" si="262"/>
        <v>797.12639999999999</v>
      </c>
      <c r="BU172" s="661"/>
      <c r="BV172" s="898" t="str">
        <f t="shared" si="231"/>
        <v/>
      </c>
      <c r="BW172" s="898" t="str">
        <f t="shared" si="232"/>
        <v/>
      </c>
      <c r="BX172" s="898" t="str">
        <f t="shared" si="233"/>
        <v/>
      </c>
      <c r="BY172" s="898" t="str">
        <f t="shared" si="234"/>
        <v/>
      </c>
      <c r="BZ172" s="898" t="str">
        <f t="shared" si="235"/>
        <v/>
      </c>
      <c r="CA172" s="898" t="str">
        <f t="shared" si="236"/>
        <v/>
      </c>
      <c r="CB172" s="898" t="str">
        <f t="shared" si="237"/>
        <v/>
      </c>
      <c r="CC172" s="898" t="str">
        <f t="shared" si="238"/>
        <v/>
      </c>
      <c r="CD172" s="898" t="str">
        <f t="shared" si="239"/>
        <v/>
      </c>
      <c r="CE172" s="898">
        <f t="shared" si="240"/>
        <v>398563.2</v>
      </c>
      <c r="CF172" s="898" t="str">
        <f t="shared" si="241"/>
        <v/>
      </c>
      <c r="CG172" s="898" t="str">
        <f t="shared" si="242"/>
        <v/>
      </c>
      <c r="CH172" s="898" t="str">
        <f t="shared" si="243"/>
        <v/>
      </c>
      <c r="CI172" s="898" t="str">
        <f t="shared" si="244"/>
        <v/>
      </c>
      <c r="CJ172" s="898" t="str">
        <f t="shared" si="245"/>
        <v/>
      </c>
      <c r="CK172" s="898" t="str">
        <f t="shared" si="246"/>
        <v/>
      </c>
      <c r="CL172" s="898" t="str">
        <f t="shared" si="247"/>
        <v/>
      </c>
      <c r="CM172" s="898" t="str">
        <f t="shared" si="248"/>
        <v/>
      </c>
      <c r="CN172" s="898" t="str">
        <f t="shared" si="249"/>
        <v/>
      </c>
      <c r="CO172" s="898" t="str">
        <f t="shared" si="250"/>
        <v/>
      </c>
      <c r="CP172" s="898" t="str">
        <f t="shared" si="251"/>
        <v/>
      </c>
      <c r="CQ172" s="898" t="str">
        <f t="shared" si="252"/>
        <v/>
      </c>
      <c r="CR172" s="898" t="str">
        <f t="shared" si="253"/>
        <v/>
      </c>
      <c r="CS172" s="898" t="str">
        <f t="shared" si="254"/>
        <v/>
      </c>
      <c r="CT172" s="898" t="str">
        <f t="shared" si="255"/>
        <v/>
      </c>
      <c r="CU172" s="898" t="str">
        <f t="shared" si="256"/>
        <v/>
      </c>
      <c r="CV172" s="898" t="str">
        <f t="shared" si="257"/>
        <v/>
      </c>
      <c r="CW172" s="898" t="str">
        <f t="shared" si="258"/>
        <v/>
      </c>
      <c r="CX172" s="898" t="str">
        <f t="shared" si="259"/>
        <v/>
      </c>
      <c r="CY172" s="898" t="str">
        <f t="shared" si="260"/>
        <v/>
      </c>
      <c r="CZ172" s="898" t="str">
        <f t="shared" si="261"/>
        <v/>
      </c>
      <c r="DA172" s="898"/>
      <c r="DB172" s="898"/>
      <c r="DC172" s="898"/>
      <c r="DD172" s="898"/>
      <c r="DE172" s="898"/>
      <c r="DF172" s="898"/>
      <c r="DG172" s="898"/>
      <c r="DH172" s="898"/>
      <c r="DI172" s="898"/>
      <c r="DJ172" s="898"/>
      <c r="DK172" s="898"/>
      <c r="DL172" s="898"/>
      <c r="DM172" s="661">
        <f t="shared" si="193"/>
        <v>398563.2</v>
      </c>
      <c r="DN172" s="898">
        <f t="shared" si="194"/>
        <v>0</v>
      </c>
      <c r="DO172" s="516">
        <f t="shared" si="195"/>
        <v>0</v>
      </c>
      <c r="DP172" s="898">
        <f t="shared" si="196"/>
        <v>0</v>
      </c>
      <c r="DQ172" s="483" t="s">
        <v>3838</v>
      </c>
      <c r="DR172" s="483" t="s">
        <v>3839</v>
      </c>
      <c r="DS172" s="483" t="s">
        <v>3098</v>
      </c>
      <c r="DT172" s="632"/>
    </row>
    <row r="173" spans="1:124" s="613" customFormat="1" ht="99.75" x14ac:dyDescent="0.2">
      <c r="A173" s="484" t="str">
        <f t="shared" si="190"/>
        <v xml:space="preserve">Contribution towards natural and semi-natural greenspace in Polehanger Lane (Hm13) </v>
      </c>
      <c r="B173" s="1163">
        <v>170</v>
      </c>
      <c r="C173" s="904" t="s">
        <v>3870</v>
      </c>
      <c r="D173" s="481" t="s">
        <v>2481</v>
      </c>
      <c r="E173" s="481" t="s">
        <v>53</v>
      </c>
      <c r="F173" s="481" t="s">
        <v>515</v>
      </c>
      <c r="G173" s="654" t="s">
        <v>1336</v>
      </c>
      <c r="H173" s="484" t="s">
        <v>3871</v>
      </c>
      <c r="I173" s="654"/>
      <c r="J173" s="78" t="s">
        <v>3872</v>
      </c>
      <c r="K173" s="654" t="s">
        <v>3104</v>
      </c>
      <c r="L173" s="657" t="s">
        <v>3590</v>
      </c>
      <c r="M173" s="654" t="s">
        <v>2996</v>
      </c>
      <c r="N173" s="897" t="s">
        <v>60</v>
      </c>
      <c r="O173" s="657" t="s">
        <v>3331</v>
      </c>
      <c r="P173" s="657" t="s">
        <v>53</v>
      </c>
      <c r="Q173" s="654" t="s">
        <v>390</v>
      </c>
      <c r="R173" s="654"/>
      <c r="S173" s="654"/>
      <c r="T173" s="723">
        <v>597844.80000000005</v>
      </c>
      <c r="U173" s="723"/>
      <c r="V173" s="654" t="s">
        <v>64</v>
      </c>
      <c r="W173" s="723">
        <f t="shared" si="229"/>
        <v>0</v>
      </c>
      <c r="X173" s="745">
        <f t="shared" si="230"/>
        <v>597844.80000000005</v>
      </c>
      <c r="Y173" s="723" t="s">
        <v>3106</v>
      </c>
      <c r="Z173" s="723"/>
      <c r="AA173" s="652" t="s">
        <v>82</v>
      </c>
      <c r="AB173" s="893"/>
      <c r="AC173" s="893"/>
      <c r="AD173" s="893"/>
      <c r="AE173" s="893"/>
      <c r="AF173" s="893"/>
      <c r="AG173" s="746"/>
      <c r="AH173" s="893"/>
      <c r="AI173" s="893"/>
      <c r="AJ173" s="893"/>
      <c r="AK173" s="893"/>
      <c r="AL173" s="746" t="s">
        <v>66</v>
      </c>
      <c r="AM173" s="893"/>
      <c r="AN173" s="893"/>
      <c r="AO173" s="893"/>
      <c r="AP173" s="893"/>
      <c r="AQ173" s="893"/>
      <c r="AR173" s="893"/>
      <c r="AS173" s="893"/>
      <c r="AT173" s="893"/>
      <c r="AU173" s="893"/>
      <c r="AV173" s="893"/>
      <c r="AW173" s="893"/>
      <c r="AX173" s="893"/>
      <c r="AY173" s="893"/>
      <c r="AZ173" s="893"/>
      <c r="BA173" s="893"/>
      <c r="BB173" s="893"/>
      <c r="BC173" s="893"/>
      <c r="BD173" s="893"/>
      <c r="BE173" s="893"/>
      <c r="BF173" s="893"/>
      <c r="BG173" s="746"/>
      <c r="BH173" s="746"/>
      <c r="BI173" s="746"/>
      <c r="BJ173" s="746"/>
      <c r="BK173" s="746"/>
      <c r="BL173" s="746"/>
      <c r="BM173" s="746"/>
      <c r="BN173" s="746"/>
      <c r="BO173" s="746"/>
      <c r="BP173" s="746"/>
      <c r="BQ173" s="746"/>
      <c r="BR173" s="746"/>
      <c r="BS173" s="884">
        <f t="shared" si="191"/>
        <v>750</v>
      </c>
      <c r="BT173" s="661">
        <f t="shared" si="262"/>
        <v>797.1264000000001</v>
      </c>
      <c r="BU173" s="661"/>
      <c r="BV173" s="898" t="str">
        <f t="shared" si="231"/>
        <v/>
      </c>
      <c r="BW173" s="898" t="str">
        <f t="shared" si="232"/>
        <v/>
      </c>
      <c r="BX173" s="898" t="str">
        <f t="shared" si="233"/>
        <v/>
      </c>
      <c r="BY173" s="898" t="str">
        <f t="shared" si="234"/>
        <v/>
      </c>
      <c r="BZ173" s="898" t="str">
        <f t="shared" si="235"/>
        <v/>
      </c>
      <c r="CA173" s="898" t="str">
        <f t="shared" si="236"/>
        <v/>
      </c>
      <c r="CB173" s="898" t="str">
        <f t="shared" si="237"/>
        <v/>
      </c>
      <c r="CC173" s="898" t="str">
        <f t="shared" si="238"/>
        <v/>
      </c>
      <c r="CD173" s="898" t="str">
        <f t="shared" si="239"/>
        <v/>
      </c>
      <c r="CE173" s="898" t="str">
        <f t="shared" si="240"/>
        <v/>
      </c>
      <c r="CF173" s="898">
        <f t="shared" si="241"/>
        <v>597844.80000000005</v>
      </c>
      <c r="CG173" s="898" t="str">
        <f t="shared" si="242"/>
        <v/>
      </c>
      <c r="CH173" s="898" t="str">
        <f t="shared" si="243"/>
        <v/>
      </c>
      <c r="CI173" s="898" t="str">
        <f t="shared" si="244"/>
        <v/>
      </c>
      <c r="CJ173" s="898" t="str">
        <f t="shared" si="245"/>
        <v/>
      </c>
      <c r="CK173" s="898" t="str">
        <f t="shared" si="246"/>
        <v/>
      </c>
      <c r="CL173" s="898" t="str">
        <f t="shared" si="247"/>
        <v/>
      </c>
      <c r="CM173" s="898" t="str">
        <f t="shared" si="248"/>
        <v/>
      </c>
      <c r="CN173" s="898" t="str">
        <f t="shared" si="249"/>
        <v/>
      </c>
      <c r="CO173" s="898" t="str">
        <f t="shared" si="250"/>
        <v/>
      </c>
      <c r="CP173" s="898" t="str">
        <f t="shared" si="251"/>
        <v/>
      </c>
      <c r="CQ173" s="898" t="str">
        <f t="shared" si="252"/>
        <v/>
      </c>
      <c r="CR173" s="898" t="str">
        <f t="shared" si="253"/>
        <v/>
      </c>
      <c r="CS173" s="898" t="str">
        <f t="shared" si="254"/>
        <v/>
      </c>
      <c r="CT173" s="898" t="str">
        <f t="shared" si="255"/>
        <v/>
      </c>
      <c r="CU173" s="898" t="str">
        <f t="shared" si="256"/>
        <v/>
      </c>
      <c r="CV173" s="898" t="str">
        <f t="shared" si="257"/>
        <v/>
      </c>
      <c r="CW173" s="898" t="str">
        <f t="shared" si="258"/>
        <v/>
      </c>
      <c r="CX173" s="898" t="str">
        <f t="shared" si="259"/>
        <v/>
      </c>
      <c r="CY173" s="898" t="str">
        <f t="shared" si="260"/>
        <v/>
      </c>
      <c r="CZ173" s="898" t="str">
        <f t="shared" si="261"/>
        <v/>
      </c>
      <c r="DA173" s="898"/>
      <c r="DB173" s="898"/>
      <c r="DC173" s="898"/>
      <c r="DD173" s="898"/>
      <c r="DE173" s="898"/>
      <c r="DF173" s="898"/>
      <c r="DG173" s="898"/>
      <c r="DH173" s="898"/>
      <c r="DI173" s="898"/>
      <c r="DJ173" s="898"/>
      <c r="DK173" s="898"/>
      <c r="DL173" s="898"/>
      <c r="DM173" s="661">
        <f t="shared" si="193"/>
        <v>597844.80000000005</v>
      </c>
      <c r="DN173" s="898">
        <f t="shared" si="194"/>
        <v>0</v>
      </c>
      <c r="DO173" s="516">
        <f t="shared" si="195"/>
        <v>0</v>
      </c>
      <c r="DP173" s="898">
        <f t="shared" si="196"/>
        <v>0</v>
      </c>
      <c r="DQ173" s="483" t="s">
        <v>3838</v>
      </c>
      <c r="DR173" s="483" t="s">
        <v>3839</v>
      </c>
      <c r="DS173" s="483" t="s">
        <v>3098</v>
      </c>
      <c r="DT173" s="632"/>
    </row>
    <row r="174" spans="1:124" s="613" customFormat="1" ht="99.75" x14ac:dyDescent="0.2">
      <c r="A174" s="484" t="str">
        <f t="shared" si="190"/>
        <v>Contribution towards natural and semi-natural greenspace in Marchmont Farm (Hm14)</v>
      </c>
      <c r="B174" s="1163">
        <v>171</v>
      </c>
      <c r="C174" s="904" t="s">
        <v>3873</v>
      </c>
      <c r="D174" s="481" t="s">
        <v>2481</v>
      </c>
      <c r="E174" s="481" t="s">
        <v>53</v>
      </c>
      <c r="F174" s="481" t="s">
        <v>515</v>
      </c>
      <c r="G174" s="654" t="s">
        <v>1336</v>
      </c>
      <c r="H174" s="484" t="s">
        <v>3874</v>
      </c>
      <c r="I174" s="654"/>
      <c r="J174" s="78" t="s">
        <v>3875</v>
      </c>
      <c r="K174" s="654" t="s">
        <v>3104</v>
      </c>
      <c r="L174" s="657" t="s">
        <v>2609</v>
      </c>
      <c r="M174" s="654" t="s">
        <v>2996</v>
      </c>
      <c r="N174" s="897" t="s">
        <v>60</v>
      </c>
      <c r="O174" s="657" t="s">
        <v>3331</v>
      </c>
      <c r="P174" s="657" t="s">
        <v>53</v>
      </c>
      <c r="Q174" s="654" t="s">
        <v>187</v>
      </c>
      <c r="R174" s="654"/>
      <c r="S174" s="654"/>
      <c r="T174" s="723">
        <v>278994.24</v>
      </c>
      <c r="U174" s="723"/>
      <c r="V174" s="654" t="s">
        <v>64</v>
      </c>
      <c r="W174" s="723">
        <f t="shared" si="229"/>
        <v>0</v>
      </c>
      <c r="X174" s="745">
        <f t="shared" si="230"/>
        <v>278994.24</v>
      </c>
      <c r="Y174" s="723" t="s">
        <v>3106</v>
      </c>
      <c r="Z174" s="723"/>
      <c r="AA174" s="652" t="s">
        <v>82</v>
      </c>
      <c r="AB174" s="893"/>
      <c r="AC174" s="893"/>
      <c r="AD174" s="893"/>
      <c r="AE174" s="893"/>
      <c r="AF174" s="893"/>
      <c r="AG174" s="746"/>
      <c r="AH174" s="893"/>
      <c r="AI174" s="893"/>
      <c r="AJ174" s="893"/>
      <c r="AK174" s="893"/>
      <c r="AL174" s="893"/>
      <c r="AM174" s="893"/>
      <c r="AN174" s="893"/>
      <c r="AO174" s="746" t="s">
        <v>66</v>
      </c>
      <c r="AP174" s="893"/>
      <c r="AQ174" s="893"/>
      <c r="AR174" s="893"/>
      <c r="AS174" s="893"/>
      <c r="AT174" s="893"/>
      <c r="AU174" s="893"/>
      <c r="AV174" s="893"/>
      <c r="AW174" s="893"/>
      <c r="AX174" s="893"/>
      <c r="AY174" s="893"/>
      <c r="AZ174" s="893"/>
      <c r="BA174" s="893"/>
      <c r="BB174" s="893"/>
      <c r="BC174" s="893"/>
      <c r="BD174" s="893"/>
      <c r="BE174" s="893"/>
      <c r="BF174" s="893"/>
      <c r="BG174" s="746"/>
      <c r="BH174" s="746"/>
      <c r="BI174" s="746"/>
      <c r="BJ174" s="746"/>
      <c r="BK174" s="746"/>
      <c r="BL174" s="746"/>
      <c r="BM174" s="746"/>
      <c r="BN174" s="746"/>
      <c r="BO174" s="746"/>
      <c r="BP174" s="746"/>
      <c r="BQ174" s="746"/>
      <c r="BR174" s="746"/>
      <c r="BS174" s="884">
        <f t="shared" si="191"/>
        <v>350</v>
      </c>
      <c r="BT174" s="661">
        <f t="shared" si="262"/>
        <v>797.12639999999999</v>
      </c>
      <c r="BU174" s="661"/>
      <c r="BV174" s="898" t="str">
        <f t="shared" si="231"/>
        <v/>
      </c>
      <c r="BW174" s="898" t="str">
        <f t="shared" si="232"/>
        <v/>
      </c>
      <c r="BX174" s="898" t="str">
        <f t="shared" si="233"/>
        <v/>
      </c>
      <c r="BY174" s="898" t="str">
        <f t="shared" si="234"/>
        <v/>
      </c>
      <c r="BZ174" s="898" t="str">
        <f t="shared" si="235"/>
        <v/>
      </c>
      <c r="CA174" s="898" t="str">
        <f t="shared" si="236"/>
        <v/>
      </c>
      <c r="CB174" s="898" t="str">
        <f t="shared" si="237"/>
        <v/>
      </c>
      <c r="CC174" s="898" t="str">
        <f t="shared" si="238"/>
        <v/>
      </c>
      <c r="CD174" s="898" t="str">
        <f t="shared" si="239"/>
        <v/>
      </c>
      <c r="CE174" s="898" t="str">
        <f t="shared" si="240"/>
        <v/>
      </c>
      <c r="CF174" s="898" t="str">
        <f t="shared" si="241"/>
        <v/>
      </c>
      <c r="CG174" s="898" t="str">
        <f t="shared" si="242"/>
        <v/>
      </c>
      <c r="CH174" s="898" t="str">
        <f t="shared" si="243"/>
        <v/>
      </c>
      <c r="CI174" s="898">
        <f t="shared" si="244"/>
        <v>278994.24</v>
      </c>
      <c r="CJ174" s="898" t="str">
        <f t="shared" si="245"/>
        <v/>
      </c>
      <c r="CK174" s="898" t="str">
        <f t="shared" si="246"/>
        <v/>
      </c>
      <c r="CL174" s="898" t="str">
        <f t="shared" si="247"/>
        <v/>
      </c>
      <c r="CM174" s="898" t="str">
        <f t="shared" si="248"/>
        <v/>
      </c>
      <c r="CN174" s="898" t="str">
        <f t="shared" si="249"/>
        <v/>
      </c>
      <c r="CO174" s="898" t="str">
        <f t="shared" si="250"/>
        <v/>
      </c>
      <c r="CP174" s="898" t="str">
        <f t="shared" si="251"/>
        <v/>
      </c>
      <c r="CQ174" s="898" t="str">
        <f t="shared" si="252"/>
        <v/>
      </c>
      <c r="CR174" s="898" t="str">
        <f t="shared" si="253"/>
        <v/>
      </c>
      <c r="CS174" s="898" t="str">
        <f t="shared" si="254"/>
        <v/>
      </c>
      <c r="CT174" s="898" t="str">
        <f t="shared" si="255"/>
        <v/>
      </c>
      <c r="CU174" s="898" t="str">
        <f t="shared" si="256"/>
        <v/>
      </c>
      <c r="CV174" s="898" t="str">
        <f t="shared" si="257"/>
        <v/>
      </c>
      <c r="CW174" s="898" t="str">
        <f t="shared" si="258"/>
        <v/>
      </c>
      <c r="CX174" s="898" t="str">
        <f t="shared" si="259"/>
        <v/>
      </c>
      <c r="CY174" s="898" t="str">
        <f t="shared" si="260"/>
        <v/>
      </c>
      <c r="CZ174" s="898" t="str">
        <f t="shared" si="261"/>
        <v/>
      </c>
      <c r="DA174" s="898"/>
      <c r="DB174" s="898"/>
      <c r="DC174" s="898"/>
      <c r="DD174" s="898"/>
      <c r="DE174" s="898"/>
      <c r="DF174" s="898"/>
      <c r="DG174" s="898"/>
      <c r="DH174" s="898"/>
      <c r="DI174" s="898"/>
      <c r="DJ174" s="898"/>
      <c r="DK174" s="898"/>
      <c r="DL174" s="898"/>
      <c r="DM174" s="661">
        <f t="shared" si="193"/>
        <v>278994.24</v>
      </c>
      <c r="DN174" s="898">
        <f t="shared" si="194"/>
        <v>0</v>
      </c>
      <c r="DO174" s="516">
        <f t="shared" si="195"/>
        <v>0</v>
      </c>
      <c r="DP174" s="898">
        <f t="shared" si="196"/>
        <v>0</v>
      </c>
      <c r="DQ174" s="483" t="s">
        <v>3838</v>
      </c>
      <c r="DR174" s="483" t="s">
        <v>3839</v>
      </c>
      <c r="DS174" s="483" t="s">
        <v>3098</v>
      </c>
      <c r="DT174" s="632"/>
    </row>
    <row r="175" spans="1:124" s="613" customFormat="1" ht="99.75" x14ac:dyDescent="0.2">
      <c r="A175" s="484" t="str">
        <f t="shared" si="190"/>
        <v xml:space="preserve">Contribution towards natural and semi-natural greenspace in Old Town (Hm15) </v>
      </c>
      <c r="B175" s="1163">
        <v>172</v>
      </c>
      <c r="C175" s="904" t="s">
        <v>3876</v>
      </c>
      <c r="D175" s="481" t="s">
        <v>2481</v>
      </c>
      <c r="E175" s="481" t="s">
        <v>53</v>
      </c>
      <c r="F175" s="481" t="s">
        <v>515</v>
      </c>
      <c r="G175" s="654" t="s">
        <v>1336</v>
      </c>
      <c r="H175" s="484" t="s">
        <v>3877</v>
      </c>
      <c r="I175" s="654"/>
      <c r="J175" s="78" t="s">
        <v>3878</v>
      </c>
      <c r="K175" s="654" t="s">
        <v>3104</v>
      </c>
      <c r="L175" s="657" t="s">
        <v>3066</v>
      </c>
      <c r="M175" s="654" t="s">
        <v>2996</v>
      </c>
      <c r="N175" s="897" t="s">
        <v>8</v>
      </c>
      <c r="O175" s="657" t="s">
        <v>3331</v>
      </c>
      <c r="P175" s="657" t="s">
        <v>53</v>
      </c>
      <c r="Q175" s="654" t="s">
        <v>392</v>
      </c>
      <c r="R175" s="654"/>
      <c r="S175" s="654"/>
      <c r="T175" s="723">
        <v>71741.376000000004</v>
      </c>
      <c r="U175" s="723"/>
      <c r="V175" s="654" t="s">
        <v>64</v>
      </c>
      <c r="W175" s="723">
        <f t="shared" si="229"/>
        <v>0</v>
      </c>
      <c r="X175" s="745">
        <f t="shared" si="230"/>
        <v>71741.376000000004</v>
      </c>
      <c r="Y175" s="723" t="s">
        <v>3106</v>
      </c>
      <c r="Z175" s="723"/>
      <c r="AA175" s="652" t="s">
        <v>82</v>
      </c>
      <c r="AB175" s="893"/>
      <c r="AC175" s="893"/>
      <c r="AD175" s="893"/>
      <c r="AE175" s="893"/>
      <c r="AF175" s="893"/>
      <c r="AG175" s="746"/>
      <c r="AH175" s="893"/>
      <c r="AI175" s="893"/>
      <c r="AJ175" s="893"/>
      <c r="AK175" s="893"/>
      <c r="AL175" s="893"/>
      <c r="AM175" s="893"/>
      <c r="AN175" s="893"/>
      <c r="AO175" s="893"/>
      <c r="AP175" s="893" t="s">
        <v>66</v>
      </c>
      <c r="AQ175" s="893"/>
      <c r="AR175" s="893"/>
      <c r="AS175" s="893"/>
      <c r="AT175" s="893"/>
      <c r="AU175" s="893"/>
      <c r="AV175" s="893"/>
      <c r="AW175" s="893"/>
      <c r="AX175" s="893"/>
      <c r="AY175" s="893"/>
      <c r="AZ175" s="893"/>
      <c r="BA175" s="893"/>
      <c r="BB175" s="893"/>
      <c r="BC175" s="893"/>
      <c r="BD175" s="893"/>
      <c r="BE175" s="893"/>
      <c r="BF175" s="893"/>
      <c r="BG175" s="746"/>
      <c r="BH175" s="746"/>
      <c r="BI175" s="746"/>
      <c r="BJ175" s="746"/>
      <c r="BK175" s="746"/>
      <c r="BL175" s="746"/>
      <c r="BM175" s="746"/>
      <c r="BN175" s="746"/>
      <c r="BO175" s="746"/>
      <c r="BP175" s="746"/>
      <c r="BQ175" s="746"/>
      <c r="BR175" s="746"/>
      <c r="BS175" s="884">
        <f t="shared" si="191"/>
        <v>90</v>
      </c>
      <c r="BT175" s="661">
        <f t="shared" si="262"/>
        <v>797.12639999999999</v>
      </c>
      <c r="BU175" s="661"/>
      <c r="BV175" s="898" t="str">
        <f t="shared" si="231"/>
        <v/>
      </c>
      <c r="BW175" s="898" t="str">
        <f t="shared" si="232"/>
        <v/>
      </c>
      <c r="BX175" s="898" t="str">
        <f t="shared" si="233"/>
        <v/>
      </c>
      <c r="BY175" s="898" t="str">
        <f t="shared" si="234"/>
        <v/>
      </c>
      <c r="BZ175" s="898" t="str">
        <f t="shared" si="235"/>
        <v/>
      </c>
      <c r="CA175" s="898" t="str">
        <f t="shared" si="236"/>
        <v/>
      </c>
      <c r="CB175" s="898" t="str">
        <f t="shared" si="237"/>
        <v/>
      </c>
      <c r="CC175" s="898" t="str">
        <f t="shared" si="238"/>
        <v/>
      </c>
      <c r="CD175" s="898" t="str">
        <f t="shared" si="239"/>
        <v/>
      </c>
      <c r="CE175" s="898" t="str">
        <f t="shared" si="240"/>
        <v/>
      </c>
      <c r="CF175" s="898" t="str">
        <f t="shared" si="241"/>
        <v/>
      </c>
      <c r="CG175" s="898" t="str">
        <f t="shared" si="242"/>
        <v/>
      </c>
      <c r="CH175" s="898" t="str">
        <f t="shared" si="243"/>
        <v/>
      </c>
      <c r="CI175" s="898" t="str">
        <f t="shared" si="244"/>
        <v/>
      </c>
      <c r="CJ175" s="898">
        <f t="shared" si="245"/>
        <v>71741.376000000004</v>
      </c>
      <c r="CK175" s="898" t="str">
        <f t="shared" si="246"/>
        <v/>
      </c>
      <c r="CL175" s="898" t="str">
        <f t="shared" si="247"/>
        <v/>
      </c>
      <c r="CM175" s="898" t="str">
        <f t="shared" si="248"/>
        <v/>
      </c>
      <c r="CN175" s="898" t="str">
        <f t="shared" si="249"/>
        <v/>
      </c>
      <c r="CO175" s="898" t="str">
        <f t="shared" si="250"/>
        <v/>
      </c>
      <c r="CP175" s="898" t="str">
        <f t="shared" si="251"/>
        <v/>
      </c>
      <c r="CQ175" s="898" t="str">
        <f t="shared" si="252"/>
        <v/>
      </c>
      <c r="CR175" s="898" t="str">
        <f t="shared" si="253"/>
        <v/>
      </c>
      <c r="CS175" s="898" t="str">
        <f t="shared" si="254"/>
        <v/>
      </c>
      <c r="CT175" s="898" t="str">
        <f t="shared" si="255"/>
        <v/>
      </c>
      <c r="CU175" s="898" t="str">
        <f t="shared" si="256"/>
        <v/>
      </c>
      <c r="CV175" s="898" t="str">
        <f t="shared" si="257"/>
        <v/>
      </c>
      <c r="CW175" s="898" t="str">
        <f t="shared" si="258"/>
        <v/>
      </c>
      <c r="CX175" s="898" t="str">
        <f t="shared" si="259"/>
        <v/>
      </c>
      <c r="CY175" s="898" t="str">
        <f t="shared" si="260"/>
        <v/>
      </c>
      <c r="CZ175" s="898" t="str">
        <f t="shared" si="261"/>
        <v/>
      </c>
      <c r="DA175" s="898"/>
      <c r="DB175" s="898"/>
      <c r="DC175" s="898"/>
      <c r="DD175" s="898"/>
      <c r="DE175" s="898"/>
      <c r="DF175" s="898"/>
      <c r="DG175" s="898"/>
      <c r="DH175" s="898"/>
      <c r="DI175" s="898"/>
      <c r="DJ175" s="898"/>
      <c r="DK175" s="898"/>
      <c r="DL175" s="898"/>
      <c r="DM175" s="661">
        <f t="shared" si="193"/>
        <v>71741.376000000004</v>
      </c>
      <c r="DN175" s="898">
        <f t="shared" si="194"/>
        <v>0</v>
      </c>
      <c r="DO175" s="516">
        <f t="shared" si="195"/>
        <v>0</v>
      </c>
      <c r="DP175" s="898">
        <f t="shared" si="196"/>
        <v>0</v>
      </c>
      <c r="DQ175" s="483" t="s">
        <v>3838</v>
      </c>
      <c r="DR175" s="483" t="s">
        <v>3839</v>
      </c>
      <c r="DS175" s="483" t="s">
        <v>3098</v>
      </c>
      <c r="DT175" s="632"/>
    </row>
    <row r="176" spans="1:124" s="613" customFormat="1" ht="99.75" x14ac:dyDescent="0.2">
      <c r="A176" s="484" t="str">
        <f t="shared" si="190"/>
        <v>Contribution towards natural and semi-natural greenspace in Site to the south of Green Lane (Hm16)</v>
      </c>
      <c r="B176" s="1163">
        <v>173</v>
      </c>
      <c r="C176" s="904" t="s">
        <v>3879</v>
      </c>
      <c r="D176" s="481" t="s">
        <v>2481</v>
      </c>
      <c r="E176" s="481" t="s">
        <v>53</v>
      </c>
      <c r="F176" s="481" t="s">
        <v>515</v>
      </c>
      <c r="G176" s="654" t="s">
        <v>1336</v>
      </c>
      <c r="H176" s="484" t="s">
        <v>3880</v>
      </c>
      <c r="I176" s="654"/>
      <c r="J176" s="78" t="s">
        <v>3881</v>
      </c>
      <c r="K176" s="654" t="s">
        <v>3104</v>
      </c>
      <c r="L176" s="657" t="s">
        <v>1374</v>
      </c>
      <c r="M176" s="654" t="s">
        <v>2996</v>
      </c>
      <c r="N176" s="897" t="s">
        <v>8</v>
      </c>
      <c r="O176" s="657" t="s">
        <v>3331</v>
      </c>
      <c r="P176" s="657" t="s">
        <v>53</v>
      </c>
      <c r="Q176" s="654" t="s">
        <v>377</v>
      </c>
      <c r="R176" s="654"/>
      <c r="S176" s="654"/>
      <c r="T176" s="723">
        <v>63770.112000000001</v>
      </c>
      <c r="U176" s="723"/>
      <c r="V176" s="654" t="s">
        <v>64</v>
      </c>
      <c r="W176" s="723">
        <f t="shared" si="229"/>
        <v>0</v>
      </c>
      <c r="X176" s="745">
        <f t="shared" si="230"/>
        <v>63770.112000000001</v>
      </c>
      <c r="Y176" s="723" t="s">
        <v>3106</v>
      </c>
      <c r="Z176" s="723"/>
      <c r="AA176" s="652" t="s">
        <v>82</v>
      </c>
      <c r="AB176" s="893"/>
      <c r="AC176" s="893"/>
      <c r="AD176" s="893"/>
      <c r="AE176" s="893"/>
      <c r="AF176" s="893"/>
      <c r="AG176" s="746"/>
      <c r="AH176" s="893"/>
      <c r="AI176" s="893"/>
      <c r="AJ176" s="893"/>
      <c r="AK176" s="893"/>
      <c r="AL176" s="893"/>
      <c r="AM176" s="893"/>
      <c r="AN176" s="893"/>
      <c r="AO176" s="893"/>
      <c r="AP176" s="893"/>
      <c r="AQ176" s="746" t="s">
        <v>66</v>
      </c>
      <c r="AR176" s="893"/>
      <c r="AS176" s="893"/>
      <c r="AT176" s="893"/>
      <c r="AU176" s="893"/>
      <c r="AV176" s="893"/>
      <c r="AW176" s="893"/>
      <c r="AX176" s="893"/>
      <c r="AY176" s="893"/>
      <c r="AZ176" s="893"/>
      <c r="BA176" s="893"/>
      <c r="BB176" s="893"/>
      <c r="BC176" s="893"/>
      <c r="BD176" s="893"/>
      <c r="BE176" s="893"/>
      <c r="BF176" s="893"/>
      <c r="BG176" s="746"/>
      <c r="BH176" s="746"/>
      <c r="BI176" s="746"/>
      <c r="BJ176" s="746"/>
      <c r="BK176" s="746"/>
      <c r="BL176" s="746"/>
      <c r="BM176" s="746"/>
      <c r="BN176" s="746"/>
      <c r="BO176" s="746"/>
      <c r="BP176" s="746"/>
      <c r="BQ176" s="746"/>
      <c r="BR176" s="746"/>
      <c r="BS176" s="884">
        <f t="shared" si="191"/>
        <v>80</v>
      </c>
      <c r="BT176" s="661">
        <f t="shared" si="262"/>
        <v>797.12639999999999</v>
      </c>
      <c r="BU176" s="661"/>
      <c r="BV176" s="898" t="str">
        <f t="shared" si="231"/>
        <v/>
      </c>
      <c r="BW176" s="898" t="str">
        <f t="shared" si="232"/>
        <v/>
      </c>
      <c r="BX176" s="898" t="str">
        <f t="shared" si="233"/>
        <v/>
      </c>
      <c r="BY176" s="898" t="str">
        <f t="shared" si="234"/>
        <v/>
      </c>
      <c r="BZ176" s="898" t="str">
        <f t="shared" si="235"/>
        <v/>
      </c>
      <c r="CA176" s="898" t="str">
        <f t="shared" si="236"/>
        <v/>
      </c>
      <c r="CB176" s="898" t="str">
        <f t="shared" si="237"/>
        <v/>
      </c>
      <c r="CC176" s="898" t="str">
        <f t="shared" si="238"/>
        <v/>
      </c>
      <c r="CD176" s="898" t="str">
        <f t="shared" si="239"/>
        <v/>
      </c>
      <c r="CE176" s="898" t="str">
        <f t="shared" si="240"/>
        <v/>
      </c>
      <c r="CF176" s="898" t="str">
        <f t="shared" si="241"/>
        <v/>
      </c>
      <c r="CG176" s="898" t="str">
        <f t="shared" si="242"/>
        <v/>
      </c>
      <c r="CH176" s="898" t="str">
        <f t="shared" si="243"/>
        <v/>
      </c>
      <c r="CI176" s="898" t="str">
        <f t="shared" si="244"/>
        <v/>
      </c>
      <c r="CJ176" s="898" t="str">
        <f t="shared" si="245"/>
        <v/>
      </c>
      <c r="CK176" s="898">
        <f t="shared" si="246"/>
        <v>63770.112000000001</v>
      </c>
      <c r="CL176" s="898" t="str">
        <f t="shared" si="247"/>
        <v/>
      </c>
      <c r="CM176" s="898" t="str">
        <f t="shared" si="248"/>
        <v/>
      </c>
      <c r="CN176" s="898" t="str">
        <f t="shared" si="249"/>
        <v/>
      </c>
      <c r="CO176" s="898" t="str">
        <f t="shared" si="250"/>
        <v/>
      </c>
      <c r="CP176" s="898" t="str">
        <f t="shared" si="251"/>
        <v/>
      </c>
      <c r="CQ176" s="898" t="str">
        <f t="shared" si="252"/>
        <v/>
      </c>
      <c r="CR176" s="898" t="str">
        <f t="shared" si="253"/>
        <v/>
      </c>
      <c r="CS176" s="898" t="str">
        <f t="shared" si="254"/>
        <v/>
      </c>
      <c r="CT176" s="898" t="str">
        <f t="shared" si="255"/>
        <v/>
      </c>
      <c r="CU176" s="898" t="str">
        <f t="shared" si="256"/>
        <v/>
      </c>
      <c r="CV176" s="898" t="str">
        <f t="shared" si="257"/>
        <v/>
      </c>
      <c r="CW176" s="898" t="str">
        <f t="shared" si="258"/>
        <v/>
      </c>
      <c r="CX176" s="898" t="str">
        <f t="shared" si="259"/>
        <v/>
      </c>
      <c r="CY176" s="898" t="str">
        <f t="shared" si="260"/>
        <v/>
      </c>
      <c r="CZ176" s="898" t="str">
        <f t="shared" si="261"/>
        <v/>
      </c>
      <c r="DA176" s="898"/>
      <c r="DB176" s="898"/>
      <c r="DC176" s="898"/>
      <c r="DD176" s="898"/>
      <c r="DE176" s="898"/>
      <c r="DF176" s="898"/>
      <c r="DG176" s="898"/>
      <c r="DH176" s="898"/>
      <c r="DI176" s="898"/>
      <c r="DJ176" s="898"/>
      <c r="DK176" s="898"/>
      <c r="DL176" s="898"/>
      <c r="DM176" s="661">
        <f t="shared" si="193"/>
        <v>63770.112000000001</v>
      </c>
      <c r="DN176" s="898">
        <f t="shared" si="194"/>
        <v>0</v>
      </c>
      <c r="DO176" s="516">
        <f t="shared" si="195"/>
        <v>0</v>
      </c>
      <c r="DP176" s="898">
        <f t="shared" si="196"/>
        <v>0</v>
      </c>
      <c r="DQ176" s="483" t="s">
        <v>3838</v>
      </c>
      <c r="DR176" s="483" t="s">
        <v>3839</v>
      </c>
      <c r="DS176" s="483" t="s">
        <v>3098</v>
      </c>
      <c r="DT176" s="632"/>
    </row>
    <row r="177" spans="1:124" s="613" customFormat="1" ht="99.75" x14ac:dyDescent="0.2">
      <c r="A177" s="484" t="str">
        <f t="shared" si="190"/>
        <v>Contribution towards natural and semi-natural greenspace in Grovehill Local Centre (Henry Wells Square) (Grovehill NDP)</v>
      </c>
      <c r="B177" s="1163">
        <v>174</v>
      </c>
      <c r="C177" s="904" t="s">
        <v>3882</v>
      </c>
      <c r="D177" s="481" t="s">
        <v>2481</v>
      </c>
      <c r="E177" s="481" t="s">
        <v>53</v>
      </c>
      <c r="F177" s="481" t="s">
        <v>515</v>
      </c>
      <c r="G177" s="654" t="s">
        <v>1336</v>
      </c>
      <c r="H177" s="484" t="s">
        <v>3883</v>
      </c>
      <c r="I177" s="654"/>
      <c r="J177" s="78" t="s">
        <v>3884</v>
      </c>
      <c r="K177" s="654" t="s">
        <v>3104</v>
      </c>
      <c r="L177" s="657" t="s">
        <v>3058</v>
      </c>
      <c r="M177" s="654" t="s">
        <v>2996</v>
      </c>
      <c r="N177" s="897" t="s">
        <v>8</v>
      </c>
      <c r="O177" s="657" t="s">
        <v>3331</v>
      </c>
      <c r="P177" s="657" t="s">
        <v>53</v>
      </c>
      <c r="Q177" s="654" t="s">
        <v>395</v>
      </c>
      <c r="R177" s="654"/>
      <c r="S177" s="654"/>
      <c r="T177" s="723">
        <v>159425.28</v>
      </c>
      <c r="U177" s="723"/>
      <c r="V177" s="654" t="s">
        <v>64</v>
      </c>
      <c r="W177" s="723">
        <f t="shared" si="229"/>
        <v>0</v>
      </c>
      <c r="X177" s="745">
        <f t="shared" si="230"/>
        <v>159425.28</v>
      </c>
      <c r="Y177" s="723" t="s">
        <v>3106</v>
      </c>
      <c r="Z177" s="723"/>
      <c r="AA177" s="652" t="s">
        <v>82</v>
      </c>
      <c r="AB177" s="893"/>
      <c r="AC177" s="893"/>
      <c r="AD177" s="893"/>
      <c r="AE177" s="893"/>
      <c r="AF177" s="893"/>
      <c r="AG177" s="746"/>
      <c r="AH177" s="893"/>
      <c r="AI177" s="893"/>
      <c r="AJ177" s="893"/>
      <c r="AK177" s="893"/>
      <c r="AL177" s="893"/>
      <c r="AM177" s="746" t="s">
        <v>66</v>
      </c>
      <c r="AN177" s="893"/>
      <c r="AO177" s="893"/>
      <c r="AP177" s="893"/>
      <c r="AQ177" s="893"/>
      <c r="AR177" s="893"/>
      <c r="AS177" s="893"/>
      <c r="AT177" s="893"/>
      <c r="AU177" s="893"/>
      <c r="AV177" s="893"/>
      <c r="AW177" s="893"/>
      <c r="AX177" s="893"/>
      <c r="AY177" s="893"/>
      <c r="AZ177" s="893"/>
      <c r="BA177" s="893"/>
      <c r="BB177" s="893"/>
      <c r="BC177" s="893"/>
      <c r="BD177" s="893"/>
      <c r="BE177" s="893"/>
      <c r="BF177" s="893"/>
      <c r="BG177" s="746"/>
      <c r="BH177" s="746"/>
      <c r="BI177" s="746"/>
      <c r="BJ177" s="746"/>
      <c r="BK177" s="746"/>
      <c r="BL177" s="746"/>
      <c r="BM177" s="746"/>
      <c r="BN177" s="746"/>
      <c r="BO177" s="746"/>
      <c r="BP177" s="746"/>
      <c r="BQ177" s="746"/>
      <c r="BR177" s="746"/>
      <c r="BS177" s="884">
        <f t="shared" si="191"/>
        <v>200</v>
      </c>
      <c r="BT177" s="661">
        <f t="shared" si="262"/>
        <v>797.12639999999999</v>
      </c>
      <c r="BU177" s="661"/>
      <c r="BV177" s="898" t="str">
        <f t="shared" si="231"/>
        <v/>
      </c>
      <c r="BW177" s="898" t="str">
        <f t="shared" si="232"/>
        <v/>
      </c>
      <c r="BX177" s="898" t="str">
        <f t="shared" si="233"/>
        <v/>
      </c>
      <c r="BY177" s="898" t="str">
        <f t="shared" si="234"/>
        <v/>
      </c>
      <c r="BZ177" s="898" t="str">
        <f t="shared" si="235"/>
        <v/>
      </c>
      <c r="CA177" s="898" t="str">
        <f t="shared" si="236"/>
        <v/>
      </c>
      <c r="CB177" s="898" t="str">
        <f t="shared" si="237"/>
        <v/>
      </c>
      <c r="CC177" s="898" t="str">
        <f t="shared" si="238"/>
        <v/>
      </c>
      <c r="CD177" s="898" t="str">
        <f t="shared" si="239"/>
        <v/>
      </c>
      <c r="CE177" s="898" t="str">
        <f t="shared" si="240"/>
        <v/>
      </c>
      <c r="CF177" s="898" t="str">
        <f t="shared" si="241"/>
        <v/>
      </c>
      <c r="CG177" s="898">
        <f t="shared" si="242"/>
        <v>159425.28</v>
      </c>
      <c r="CH177" s="898" t="str">
        <f t="shared" si="243"/>
        <v/>
      </c>
      <c r="CI177" s="898" t="str">
        <f t="shared" si="244"/>
        <v/>
      </c>
      <c r="CJ177" s="898" t="str">
        <f t="shared" si="245"/>
        <v/>
      </c>
      <c r="CK177" s="898" t="str">
        <f t="shared" si="246"/>
        <v/>
      </c>
      <c r="CL177" s="898" t="str">
        <f t="shared" si="247"/>
        <v/>
      </c>
      <c r="CM177" s="898" t="str">
        <f t="shared" si="248"/>
        <v/>
      </c>
      <c r="CN177" s="898" t="str">
        <f t="shared" si="249"/>
        <v/>
      </c>
      <c r="CO177" s="898" t="str">
        <f t="shared" si="250"/>
        <v/>
      </c>
      <c r="CP177" s="898" t="str">
        <f t="shared" si="251"/>
        <v/>
      </c>
      <c r="CQ177" s="898" t="str">
        <f t="shared" si="252"/>
        <v/>
      </c>
      <c r="CR177" s="898" t="str">
        <f t="shared" si="253"/>
        <v/>
      </c>
      <c r="CS177" s="898" t="str">
        <f t="shared" si="254"/>
        <v/>
      </c>
      <c r="CT177" s="898" t="str">
        <f t="shared" si="255"/>
        <v/>
      </c>
      <c r="CU177" s="898" t="str">
        <f t="shared" si="256"/>
        <v/>
      </c>
      <c r="CV177" s="898" t="str">
        <f t="shared" si="257"/>
        <v/>
      </c>
      <c r="CW177" s="898" t="str">
        <f t="shared" si="258"/>
        <v/>
      </c>
      <c r="CX177" s="898" t="str">
        <f t="shared" si="259"/>
        <v/>
      </c>
      <c r="CY177" s="898" t="str">
        <f t="shared" si="260"/>
        <v/>
      </c>
      <c r="CZ177" s="898" t="str">
        <f t="shared" si="261"/>
        <v/>
      </c>
      <c r="DA177" s="898"/>
      <c r="DB177" s="898"/>
      <c r="DC177" s="898"/>
      <c r="DD177" s="898"/>
      <c r="DE177" s="898"/>
      <c r="DF177" s="898"/>
      <c r="DG177" s="898"/>
      <c r="DH177" s="898"/>
      <c r="DI177" s="898"/>
      <c r="DJ177" s="898"/>
      <c r="DK177" s="898"/>
      <c r="DL177" s="898"/>
      <c r="DM177" s="661">
        <f t="shared" si="193"/>
        <v>159425.28</v>
      </c>
      <c r="DN177" s="898">
        <f t="shared" si="194"/>
        <v>0</v>
      </c>
      <c r="DO177" s="516">
        <f t="shared" si="195"/>
        <v>0</v>
      </c>
      <c r="DP177" s="898">
        <f t="shared" si="196"/>
        <v>0</v>
      </c>
      <c r="DQ177" s="483" t="s">
        <v>3838</v>
      </c>
      <c r="DR177" s="483" t="s">
        <v>3839</v>
      </c>
      <c r="DS177" s="483" t="s">
        <v>3098</v>
      </c>
      <c r="DT177" s="632"/>
    </row>
    <row r="178" spans="1:124" s="613" customFormat="1" ht="99.75" x14ac:dyDescent="0.2">
      <c r="A178" s="484" t="str">
        <f t="shared" si="190"/>
        <v>Contribution towards natural and semi-natural greenspace across windfall sites</v>
      </c>
      <c r="B178" s="1163">
        <v>175</v>
      </c>
      <c r="C178" s="481" t="s">
        <v>3885</v>
      </c>
      <c r="D178" s="481" t="s">
        <v>2481</v>
      </c>
      <c r="E178" s="481" t="s">
        <v>53</v>
      </c>
      <c r="F178" s="481" t="s">
        <v>515</v>
      </c>
      <c r="G178" s="654" t="s">
        <v>1336</v>
      </c>
      <c r="H178" s="484" t="s">
        <v>3886</v>
      </c>
      <c r="I178" s="654"/>
      <c r="J178" s="78" t="s">
        <v>3887</v>
      </c>
      <c r="K178" s="654" t="s">
        <v>3104</v>
      </c>
      <c r="L178" s="657" t="s">
        <v>310</v>
      </c>
      <c r="M178" s="654" t="s">
        <v>2996</v>
      </c>
      <c r="N178" s="654" t="s">
        <v>551</v>
      </c>
      <c r="O178" s="657" t="s">
        <v>3331</v>
      </c>
      <c r="P178" s="657" t="s">
        <v>53</v>
      </c>
      <c r="Q178" s="654" t="s">
        <v>225</v>
      </c>
      <c r="R178" s="654"/>
      <c r="S178" s="654"/>
      <c r="T178" s="723">
        <v>1897160.8319999999</v>
      </c>
      <c r="U178" s="723"/>
      <c r="V178" s="654" t="s">
        <v>64</v>
      </c>
      <c r="W178" s="723">
        <f t="shared" si="229"/>
        <v>0</v>
      </c>
      <c r="X178" s="745">
        <f t="shared" si="230"/>
        <v>1897160.8319999999</v>
      </c>
      <c r="Y178" s="723" t="s">
        <v>3106</v>
      </c>
      <c r="Z178" s="723"/>
      <c r="AA178" s="652" t="s">
        <v>82</v>
      </c>
      <c r="AB178" s="893"/>
      <c r="AC178" s="893"/>
      <c r="AD178" s="893"/>
      <c r="AE178" s="893"/>
      <c r="AF178" s="893"/>
      <c r="AG178" s="746"/>
      <c r="AH178" s="893"/>
      <c r="AI178" s="893"/>
      <c r="AJ178" s="893"/>
      <c r="AK178" s="893"/>
      <c r="AL178" s="893"/>
      <c r="AM178" s="893"/>
      <c r="AN178" s="893"/>
      <c r="AO178" s="893"/>
      <c r="AP178" s="893"/>
      <c r="AQ178" s="893"/>
      <c r="AR178" s="746" t="s">
        <v>66</v>
      </c>
      <c r="AS178" s="893"/>
      <c r="AT178" s="893"/>
      <c r="AU178" s="893"/>
      <c r="AV178" s="893"/>
      <c r="AW178" s="893"/>
      <c r="AX178" s="893"/>
      <c r="AY178" s="893"/>
      <c r="AZ178" s="893"/>
      <c r="BA178" s="893"/>
      <c r="BB178" s="893"/>
      <c r="BC178" s="893"/>
      <c r="BD178" s="893"/>
      <c r="BE178" s="893"/>
      <c r="BF178" s="893"/>
      <c r="BG178" s="746"/>
      <c r="BH178" s="746"/>
      <c r="BI178" s="746"/>
      <c r="BJ178" s="746"/>
      <c r="BK178" s="746"/>
      <c r="BL178" s="746"/>
      <c r="BM178" s="746"/>
      <c r="BN178" s="746"/>
      <c r="BO178" s="746"/>
      <c r="BP178" s="746"/>
      <c r="BQ178" s="746"/>
      <c r="BR178" s="746"/>
      <c r="BS178" s="884">
        <f t="shared" si="191"/>
        <v>2380</v>
      </c>
      <c r="BT178" s="661">
        <f t="shared" si="262"/>
        <v>797.12639999999999</v>
      </c>
      <c r="BU178" s="661"/>
      <c r="BV178" s="898" t="str">
        <f t="shared" si="231"/>
        <v/>
      </c>
      <c r="BW178" s="898" t="str">
        <f t="shared" si="232"/>
        <v/>
      </c>
      <c r="BX178" s="898" t="str">
        <f t="shared" si="233"/>
        <v/>
      </c>
      <c r="BY178" s="898" t="str">
        <f t="shared" si="234"/>
        <v/>
      </c>
      <c r="BZ178" s="898" t="str">
        <f t="shared" si="235"/>
        <v/>
      </c>
      <c r="CA178" s="898" t="str">
        <f t="shared" si="236"/>
        <v/>
      </c>
      <c r="CB178" s="898" t="str">
        <f t="shared" si="237"/>
        <v/>
      </c>
      <c r="CC178" s="898" t="str">
        <f t="shared" si="238"/>
        <v/>
      </c>
      <c r="CD178" s="898" t="str">
        <f t="shared" si="239"/>
        <v/>
      </c>
      <c r="CE178" s="898" t="str">
        <f t="shared" si="240"/>
        <v/>
      </c>
      <c r="CF178" s="898" t="str">
        <f t="shared" si="241"/>
        <v/>
      </c>
      <c r="CG178" s="898" t="str">
        <f t="shared" si="242"/>
        <v/>
      </c>
      <c r="CH178" s="898" t="str">
        <f t="shared" si="243"/>
        <v/>
      </c>
      <c r="CI178" s="898" t="str">
        <f t="shared" si="244"/>
        <v/>
      </c>
      <c r="CJ178" s="898" t="str">
        <f t="shared" si="245"/>
        <v/>
      </c>
      <c r="CK178" s="898" t="str">
        <f t="shared" si="246"/>
        <v/>
      </c>
      <c r="CL178" s="898">
        <f t="shared" si="247"/>
        <v>1897160.8319999999</v>
      </c>
      <c r="CM178" s="898" t="str">
        <f t="shared" si="248"/>
        <v/>
      </c>
      <c r="CN178" s="898" t="str">
        <f t="shared" si="249"/>
        <v/>
      </c>
      <c r="CO178" s="898" t="str">
        <f t="shared" si="250"/>
        <v/>
      </c>
      <c r="CP178" s="898" t="str">
        <f t="shared" si="251"/>
        <v/>
      </c>
      <c r="CQ178" s="898" t="str">
        <f t="shared" si="252"/>
        <v/>
      </c>
      <c r="CR178" s="898" t="str">
        <f t="shared" si="253"/>
        <v/>
      </c>
      <c r="CS178" s="898" t="str">
        <f t="shared" si="254"/>
        <v/>
      </c>
      <c r="CT178" s="898" t="str">
        <f t="shared" si="255"/>
        <v/>
      </c>
      <c r="CU178" s="898" t="str">
        <f t="shared" si="256"/>
        <v/>
      </c>
      <c r="CV178" s="898" t="str">
        <f t="shared" si="257"/>
        <v/>
      </c>
      <c r="CW178" s="898" t="str">
        <f t="shared" si="258"/>
        <v/>
      </c>
      <c r="CX178" s="898" t="str">
        <f t="shared" si="259"/>
        <v/>
      </c>
      <c r="CY178" s="898" t="str">
        <f t="shared" si="260"/>
        <v/>
      </c>
      <c r="CZ178" s="898" t="str">
        <f t="shared" si="261"/>
        <v/>
      </c>
      <c r="DA178" s="898"/>
      <c r="DB178" s="898"/>
      <c r="DC178" s="898"/>
      <c r="DD178" s="898"/>
      <c r="DE178" s="898"/>
      <c r="DF178" s="898"/>
      <c r="DG178" s="898"/>
      <c r="DH178" s="898"/>
      <c r="DI178" s="898"/>
      <c r="DJ178" s="898"/>
      <c r="DK178" s="898"/>
      <c r="DL178" s="898"/>
      <c r="DM178" s="661">
        <f t="shared" si="193"/>
        <v>1897160.8319999999</v>
      </c>
      <c r="DN178" s="898">
        <f t="shared" si="194"/>
        <v>0</v>
      </c>
      <c r="DO178" s="516">
        <f t="shared" si="195"/>
        <v>0</v>
      </c>
      <c r="DP178" s="898">
        <f t="shared" si="196"/>
        <v>0</v>
      </c>
      <c r="DQ178" s="483" t="s">
        <v>3838</v>
      </c>
      <c r="DR178" s="483" t="s">
        <v>3839</v>
      </c>
      <c r="DS178" s="483" t="s">
        <v>3098</v>
      </c>
      <c r="DT178" s="632"/>
    </row>
    <row r="179" spans="1:124" s="613" customFormat="1" ht="156.75" x14ac:dyDescent="0.2">
      <c r="A179" s="484" t="str">
        <f t="shared" si="190"/>
        <v>Contribution towards public parks and gardens in North Hemel Hempstead (H1)</v>
      </c>
      <c r="B179" s="1163">
        <v>176</v>
      </c>
      <c r="C179" s="481" t="s">
        <v>3888</v>
      </c>
      <c r="D179" s="511" t="s">
        <v>2182</v>
      </c>
      <c r="E179" s="511" t="s">
        <v>1385</v>
      </c>
      <c r="F179" s="511" t="s">
        <v>1331</v>
      </c>
      <c r="G179" s="654" t="s">
        <v>521</v>
      </c>
      <c r="H179" s="484" t="s">
        <v>3889</v>
      </c>
      <c r="I179" s="775"/>
      <c r="J179" s="495" t="s">
        <v>3890</v>
      </c>
      <c r="K179" s="515" t="s">
        <v>3104</v>
      </c>
      <c r="L179" s="515" t="s">
        <v>1375</v>
      </c>
      <c r="M179" s="654" t="s">
        <v>3027</v>
      </c>
      <c r="N179" s="515" t="s">
        <v>60</v>
      </c>
      <c r="O179" s="515" t="s">
        <v>3477</v>
      </c>
      <c r="P179" s="654" t="s">
        <v>1385</v>
      </c>
      <c r="Q179" s="515" t="s">
        <v>3424</v>
      </c>
      <c r="R179" s="657"/>
      <c r="S179" s="657"/>
      <c r="T179" s="853">
        <v>1267200</v>
      </c>
      <c r="U179" s="854"/>
      <c r="V179" s="516" t="s">
        <v>64</v>
      </c>
      <c r="W179" s="723">
        <f t="shared" si="229"/>
        <v>0</v>
      </c>
      <c r="X179" s="745">
        <f>T179</f>
        <v>1267200</v>
      </c>
      <c r="Y179" s="723" t="s">
        <v>3106</v>
      </c>
      <c r="Z179" s="723"/>
      <c r="AA179" s="736" t="s">
        <v>82</v>
      </c>
      <c r="AB179" s="516"/>
      <c r="AC179" s="892"/>
      <c r="AD179" s="892"/>
      <c r="AE179" s="892"/>
      <c r="AF179" s="892"/>
      <c r="AG179" s="892"/>
      <c r="AH179" s="892"/>
      <c r="AI179" s="892"/>
      <c r="AJ179" s="892"/>
      <c r="AK179" s="892"/>
      <c r="AL179" s="892"/>
      <c r="AM179" s="657"/>
      <c r="AN179" s="892"/>
      <c r="AO179" s="661"/>
      <c r="AP179" s="892"/>
      <c r="AQ179" s="892"/>
      <c r="AR179" s="661"/>
      <c r="AS179" s="892"/>
      <c r="AT179" s="892"/>
      <c r="AU179" s="892"/>
      <c r="AV179" s="661"/>
      <c r="AW179" s="892"/>
      <c r="AX179" s="892"/>
      <c r="AY179" s="892"/>
      <c r="AZ179" s="661"/>
      <c r="BA179" s="892"/>
      <c r="BB179" s="661"/>
      <c r="BC179" s="661"/>
      <c r="BD179" s="892"/>
      <c r="BE179" s="661"/>
      <c r="BF179" s="661"/>
      <c r="BG179" s="746"/>
      <c r="BH179" s="746"/>
      <c r="BI179" s="746"/>
      <c r="BJ179" s="746"/>
      <c r="BK179" s="746"/>
      <c r="BL179" s="746"/>
      <c r="BM179" s="746"/>
      <c r="BN179" s="746"/>
      <c r="BO179" s="516" t="s">
        <v>66</v>
      </c>
      <c r="BP179" s="516"/>
      <c r="BQ179" s="516"/>
      <c r="BR179" s="892"/>
      <c r="BS179" s="884">
        <f t="shared" si="191"/>
        <v>1500</v>
      </c>
      <c r="BT179" s="661">
        <f t="shared" si="262"/>
        <v>844.8</v>
      </c>
      <c r="BU179" s="661"/>
      <c r="BV179" s="898"/>
      <c r="BW179" s="898"/>
      <c r="BX179" s="898"/>
      <c r="BY179" s="898"/>
      <c r="BZ179" s="898"/>
      <c r="CA179" s="898"/>
      <c r="CB179" s="898"/>
      <c r="CC179" s="898"/>
      <c r="CD179" s="898"/>
      <c r="CE179" s="898"/>
      <c r="CF179" s="898"/>
      <c r="CG179" s="898"/>
      <c r="CH179" s="898"/>
      <c r="CI179" s="898"/>
      <c r="CJ179" s="898"/>
      <c r="CK179" s="898"/>
      <c r="CL179" s="898"/>
      <c r="CM179" s="898"/>
      <c r="CN179" s="898"/>
      <c r="CO179" s="898"/>
      <c r="CP179" s="898"/>
      <c r="CQ179" s="898"/>
      <c r="CR179" s="898"/>
      <c r="CS179" s="898"/>
      <c r="CT179" s="898"/>
      <c r="CU179" s="898"/>
      <c r="CV179" s="898"/>
      <c r="CW179" s="898"/>
      <c r="CX179" s="898"/>
      <c r="CY179" s="898"/>
      <c r="CZ179" s="898"/>
      <c r="DA179" s="898"/>
      <c r="DB179" s="898"/>
      <c r="DC179" s="898"/>
      <c r="DD179" s="898"/>
      <c r="DE179" s="898"/>
      <c r="DF179" s="898"/>
      <c r="DG179" s="898"/>
      <c r="DH179" s="898"/>
      <c r="DI179" s="898">
        <f>X179</f>
        <v>1267200</v>
      </c>
      <c r="DJ179" s="898"/>
      <c r="DK179" s="898"/>
      <c r="DL179" s="898"/>
      <c r="DM179" s="661">
        <f t="shared" si="193"/>
        <v>0</v>
      </c>
      <c r="DN179" s="898">
        <f t="shared" si="194"/>
        <v>1267200</v>
      </c>
      <c r="DO179" s="516">
        <f t="shared" si="195"/>
        <v>0</v>
      </c>
      <c r="DP179" s="898">
        <f t="shared" si="196"/>
        <v>0</v>
      </c>
      <c r="DQ179" s="1217" t="s">
        <v>3891</v>
      </c>
      <c r="DR179" s="519" t="s">
        <v>3892</v>
      </c>
      <c r="DS179" s="519" t="s">
        <v>3763</v>
      </c>
      <c r="DT179" s="632"/>
    </row>
    <row r="180" spans="1:124" s="613" customFormat="1" ht="156.75" x14ac:dyDescent="0.2">
      <c r="A180" s="484" t="str">
        <f t="shared" si="190"/>
        <v>Contribution towards public parks and gardens in East Hemel Hempstead (H2)</v>
      </c>
      <c r="B180" s="1163">
        <v>177</v>
      </c>
      <c r="C180" s="481" t="s">
        <v>3893</v>
      </c>
      <c r="D180" s="511" t="s">
        <v>2182</v>
      </c>
      <c r="E180" s="511" t="s">
        <v>1385</v>
      </c>
      <c r="F180" s="511" t="s">
        <v>1331</v>
      </c>
      <c r="G180" s="654" t="s">
        <v>521</v>
      </c>
      <c r="H180" s="484" t="s">
        <v>3894</v>
      </c>
      <c r="I180" s="775"/>
      <c r="J180" s="495" t="s">
        <v>3895</v>
      </c>
      <c r="K180" s="515" t="s">
        <v>3104</v>
      </c>
      <c r="L180" s="515" t="s">
        <v>1376</v>
      </c>
      <c r="M180" s="663" t="s">
        <v>3325</v>
      </c>
      <c r="N180" s="515" t="s">
        <v>60</v>
      </c>
      <c r="O180" s="515" t="s">
        <v>3477</v>
      </c>
      <c r="P180" s="654" t="s">
        <v>1385</v>
      </c>
      <c r="Q180" s="515" t="s">
        <v>3108</v>
      </c>
      <c r="R180" s="657"/>
      <c r="S180" s="657"/>
      <c r="T180" s="853">
        <v>1351680</v>
      </c>
      <c r="U180" s="854"/>
      <c r="V180" s="516" t="s">
        <v>64</v>
      </c>
      <c r="W180" s="723">
        <f t="shared" si="229"/>
        <v>0</v>
      </c>
      <c r="X180" s="745">
        <f>T180</f>
        <v>1351680</v>
      </c>
      <c r="Y180" s="723" t="s">
        <v>3106</v>
      </c>
      <c r="Z180" s="723"/>
      <c r="AA180" s="736" t="s">
        <v>82</v>
      </c>
      <c r="AB180" s="516"/>
      <c r="AC180" s="892"/>
      <c r="AD180" s="892"/>
      <c r="AE180" s="892"/>
      <c r="AF180" s="892"/>
      <c r="AG180" s="892"/>
      <c r="AH180" s="892"/>
      <c r="AI180" s="892"/>
      <c r="AJ180" s="892"/>
      <c r="AK180" s="892"/>
      <c r="AL180" s="892"/>
      <c r="AM180" s="657"/>
      <c r="AN180" s="892"/>
      <c r="AO180" s="661"/>
      <c r="AP180" s="892"/>
      <c r="AQ180" s="892"/>
      <c r="AR180" s="661"/>
      <c r="AS180" s="892"/>
      <c r="AT180" s="892"/>
      <c r="AU180" s="892"/>
      <c r="AV180" s="661"/>
      <c r="AW180" s="892"/>
      <c r="AX180" s="892"/>
      <c r="AY180" s="892"/>
      <c r="AZ180" s="661"/>
      <c r="BA180" s="892"/>
      <c r="BB180" s="661"/>
      <c r="BC180" s="661"/>
      <c r="BD180" s="892"/>
      <c r="BE180" s="661"/>
      <c r="BF180" s="661"/>
      <c r="BG180" s="746"/>
      <c r="BH180" s="746"/>
      <c r="BI180" s="746"/>
      <c r="BJ180" s="746"/>
      <c r="BK180" s="746"/>
      <c r="BL180" s="746"/>
      <c r="BM180" s="746"/>
      <c r="BN180" s="746"/>
      <c r="BO180" s="516"/>
      <c r="BP180" s="516" t="s">
        <v>66</v>
      </c>
      <c r="BQ180" s="516"/>
      <c r="BR180" s="892"/>
      <c r="BS180" s="884">
        <f t="shared" si="191"/>
        <v>1600</v>
      </c>
      <c r="BT180" s="661">
        <f t="shared" si="262"/>
        <v>844.8</v>
      </c>
      <c r="BU180" s="661"/>
      <c r="BV180" s="898"/>
      <c r="BW180" s="898"/>
      <c r="BX180" s="898"/>
      <c r="BY180" s="898"/>
      <c r="BZ180" s="898"/>
      <c r="CA180" s="898"/>
      <c r="CB180" s="898"/>
      <c r="CC180" s="898"/>
      <c r="CD180" s="898"/>
      <c r="CE180" s="898"/>
      <c r="CF180" s="898"/>
      <c r="CG180" s="898"/>
      <c r="CH180" s="898"/>
      <c r="CI180" s="898"/>
      <c r="CJ180" s="898"/>
      <c r="CK180" s="898"/>
      <c r="CL180" s="898"/>
      <c r="CM180" s="898"/>
      <c r="CN180" s="898"/>
      <c r="CO180" s="898"/>
      <c r="CP180" s="898"/>
      <c r="CQ180" s="898"/>
      <c r="CR180" s="898"/>
      <c r="CS180" s="898"/>
      <c r="CT180" s="898"/>
      <c r="CU180" s="898"/>
      <c r="CV180" s="898"/>
      <c r="CW180" s="898"/>
      <c r="CX180" s="898"/>
      <c r="CY180" s="898"/>
      <c r="CZ180" s="898"/>
      <c r="DA180" s="898"/>
      <c r="DB180" s="898"/>
      <c r="DC180" s="898"/>
      <c r="DD180" s="898"/>
      <c r="DE180" s="898"/>
      <c r="DF180" s="898"/>
      <c r="DG180" s="898"/>
      <c r="DH180" s="898"/>
      <c r="DI180" s="898"/>
      <c r="DJ180" s="898">
        <f>X180</f>
        <v>1351680</v>
      </c>
      <c r="DK180" s="898"/>
      <c r="DL180" s="898"/>
      <c r="DM180" s="661">
        <f t="shared" si="193"/>
        <v>0</v>
      </c>
      <c r="DN180" s="898">
        <f t="shared" si="194"/>
        <v>1351680</v>
      </c>
      <c r="DO180" s="516">
        <f t="shared" si="195"/>
        <v>0</v>
      </c>
      <c r="DP180" s="898">
        <f t="shared" si="196"/>
        <v>0</v>
      </c>
      <c r="DQ180" s="1217" t="s">
        <v>3891</v>
      </c>
      <c r="DR180" s="519" t="s">
        <v>3892</v>
      </c>
      <c r="DS180" s="519" t="s">
        <v>3763</v>
      </c>
      <c r="DT180" s="632"/>
    </row>
    <row r="181" spans="1:124" s="613" customFormat="1" ht="156.75" x14ac:dyDescent="0.2">
      <c r="A181" s="484" t="str">
        <f t="shared" si="190"/>
        <v>Contribution towards public parks and gardens in East Hemel Hempstead (H4)</v>
      </c>
      <c r="B181" s="1163">
        <v>178</v>
      </c>
      <c r="C181" s="722" t="s">
        <v>3896</v>
      </c>
      <c r="D181" s="511" t="s">
        <v>2182</v>
      </c>
      <c r="E181" s="511" t="s">
        <v>1385</v>
      </c>
      <c r="F181" s="511" t="s">
        <v>1331</v>
      </c>
      <c r="G181" s="654" t="s">
        <v>521</v>
      </c>
      <c r="H181" s="484" t="s">
        <v>3897</v>
      </c>
      <c r="I181" s="775"/>
      <c r="J181" s="495" t="s">
        <v>3898</v>
      </c>
      <c r="K181" s="515" t="s">
        <v>3104</v>
      </c>
      <c r="L181" s="515" t="s">
        <v>1377</v>
      </c>
      <c r="M181" s="663" t="s">
        <v>3325</v>
      </c>
      <c r="N181" s="515" t="s">
        <v>60</v>
      </c>
      <c r="O181" s="515" t="s">
        <v>3477</v>
      </c>
      <c r="P181" s="654" t="s">
        <v>1385</v>
      </c>
      <c r="Q181" s="515" t="s">
        <v>3108</v>
      </c>
      <c r="R181" s="657"/>
      <c r="S181" s="657"/>
      <c r="T181" s="853">
        <v>2027520</v>
      </c>
      <c r="U181" s="854"/>
      <c r="V181" s="516" t="s">
        <v>64</v>
      </c>
      <c r="W181" s="723">
        <f t="shared" si="229"/>
        <v>0</v>
      </c>
      <c r="X181" s="745">
        <f>T181</f>
        <v>2027520</v>
      </c>
      <c r="Y181" s="723" t="s">
        <v>3106</v>
      </c>
      <c r="Z181" s="723"/>
      <c r="AA181" s="736" t="s">
        <v>82</v>
      </c>
      <c r="AB181" s="516"/>
      <c r="AC181" s="892"/>
      <c r="AD181" s="892"/>
      <c r="AE181" s="892"/>
      <c r="AF181" s="892"/>
      <c r="AG181" s="892"/>
      <c r="AH181" s="892"/>
      <c r="AI181" s="892"/>
      <c r="AJ181" s="892"/>
      <c r="AK181" s="892"/>
      <c r="AL181" s="892"/>
      <c r="AM181" s="657"/>
      <c r="AN181" s="892"/>
      <c r="AO181" s="661"/>
      <c r="AP181" s="892"/>
      <c r="AQ181" s="892"/>
      <c r="AR181" s="661"/>
      <c r="AS181" s="892"/>
      <c r="AT181" s="892"/>
      <c r="AU181" s="892"/>
      <c r="AV181" s="661"/>
      <c r="AW181" s="892"/>
      <c r="AX181" s="892"/>
      <c r="AY181" s="892"/>
      <c r="AZ181" s="661"/>
      <c r="BA181" s="892"/>
      <c r="BB181" s="661"/>
      <c r="BC181" s="661"/>
      <c r="BD181" s="892"/>
      <c r="BE181" s="661"/>
      <c r="BF181" s="661"/>
      <c r="BG181" s="746"/>
      <c r="BH181" s="746"/>
      <c r="BI181" s="746"/>
      <c r="BJ181" s="746"/>
      <c r="BK181" s="746"/>
      <c r="BL181" s="746"/>
      <c r="BM181" s="746"/>
      <c r="BN181" s="746"/>
      <c r="BO181" s="516"/>
      <c r="BP181" s="516"/>
      <c r="BQ181" s="516" t="s">
        <v>66</v>
      </c>
      <c r="BR181" s="892"/>
      <c r="BS181" s="884">
        <f t="shared" si="191"/>
        <v>2400</v>
      </c>
      <c r="BT181" s="661">
        <f t="shared" si="262"/>
        <v>844.8</v>
      </c>
      <c r="BU181" s="661"/>
      <c r="BV181" s="898"/>
      <c r="BW181" s="898"/>
      <c r="BX181" s="898"/>
      <c r="BY181" s="898"/>
      <c r="BZ181" s="898"/>
      <c r="CA181" s="898"/>
      <c r="CB181" s="898"/>
      <c r="CC181" s="898"/>
      <c r="CD181" s="898"/>
      <c r="CE181" s="898"/>
      <c r="CF181" s="898"/>
      <c r="CG181" s="898"/>
      <c r="CH181" s="898"/>
      <c r="CI181" s="898"/>
      <c r="CJ181" s="898"/>
      <c r="CK181" s="898"/>
      <c r="CL181" s="898"/>
      <c r="CM181" s="898"/>
      <c r="CN181" s="898"/>
      <c r="CO181" s="898"/>
      <c r="CP181" s="898"/>
      <c r="CQ181" s="898"/>
      <c r="CR181" s="898"/>
      <c r="CS181" s="898"/>
      <c r="CT181" s="898"/>
      <c r="CU181" s="898"/>
      <c r="CV181" s="898"/>
      <c r="CW181" s="898"/>
      <c r="CX181" s="898"/>
      <c r="CY181" s="898"/>
      <c r="CZ181" s="898"/>
      <c r="DA181" s="898"/>
      <c r="DB181" s="898"/>
      <c r="DC181" s="898"/>
      <c r="DD181" s="898"/>
      <c r="DE181" s="898"/>
      <c r="DF181" s="898"/>
      <c r="DG181" s="898"/>
      <c r="DH181" s="898"/>
      <c r="DI181" s="898"/>
      <c r="DJ181" s="898"/>
      <c r="DK181" s="898">
        <f>X181</f>
        <v>2027520</v>
      </c>
      <c r="DL181" s="898"/>
      <c r="DM181" s="661">
        <f t="shared" si="193"/>
        <v>0</v>
      </c>
      <c r="DN181" s="898">
        <f t="shared" si="194"/>
        <v>2027520</v>
      </c>
      <c r="DO181" s="516">
        <f t="shared" si="195"/>
        <v>0</v>
      </c>
      <c r="DP181" s="898">
        <f t="shared" si="196"/>
        <v>0</v>
      </c>
      <c r="DQ181" s="1217" t="s">
        <v>3891</v>
      </c>
      <c r="DR181" s="519" t="s">
        <v>3892</v>
      </c>
      <c r="DS181" s="519" t="s">
        <v>3763</v>
      </c>
      <c r="DT181" s="632"/>
    </row>
    <row r="182" spans="1:124" s="613" customFormat="1" ht="99.75" x14ac:dyDescent="0.2">
      <c r="A182" s="484" t="str">
        <f t="shared" si="190"/>
        <v>Contribution towards public parks and gardens in North Hemel Hempstead (Hm01)</v>
      </c>
      <c r="B182" s="1163">
        <v>179</v>
      </c>
      <c r="C182" s="481" t="s">
        <v>3899</v>
      </c>
      <c r="D182" s="481" t="s">
        <v>2481</v>
      </c>
      <c r="E182" s="481" t="s">
        <v>53</v>
      </c>
      <c r="F182" s="481" t="s">
        <v>515</v>
      </c>
      <c r="G182" s="654" t="s">
        <v>521</v>
      </c>
      <c r="H182" s="484" t="s">
        <v>3900</v>
      </c>
      <c r="I182" s="654"/>
      <c r="J182" s="78" t="s">
        <v>3901</v>
      </c>
      <c r="K182" s="515" t="s">
        <v>3104</v>
      </c>
      <c r="L182" s="657" t="s">
        <v>1360</v>
      </c>
      <c r="M182" s="654" t="s">
        <v>3027</v>
      </c>
      <c r="N182" s="897" t="s">
        <v>60</v>
      </c>
      <c r="O182" s="657" t="s">
        <v>3331</v>
      </c>
      <c r="P182" s="657" t="s">
        <v>53</v>
      </c>
      <c r="Q182" s="654" t="s">
        <v>3707</v>
      </c>
      <c r="R182" s="654"/>
      <c r="S182" s="654"/>
      <c r="T182" s="723">
        <v>5567232.0000000009</v>
      </c>
      <c r="U182" s="723"/>
      <c r="V182" s="654" t="s">
        <v>64</v>
      </c>
      <c r="W182" s="723">
        <f t="shared" si="229"/>
        <v>0</v>
      </c>
      <c r="X182" s="745">
        <f t="shared" ref="X182:X198" si="263">IF(ISTEXT(T182),T182,T182-U182)</f>
        <v>5567232.0000000009</v>
      </c>
      <c r="Y182" s="723" t="s">
        <v>3106</v>
      </c>
      <c r="Z182" s="723"/>
      <c r="AA182" s="652" t="s">
        <v>82</v>
      </c>
      <c r="AB182" s="746" t="s">
        <v>66</v>
      </c>
      <c r="AC182" s="893"/>
      <c r="AD182" s="893"/>
      <c r="AE182" s="893"/>
      <c r="AF182" s="893"/>
      <c r="AG182" s="746"/>
      <c r="AH182" s="893"/>
      <c r="AI182" s="893"/>
      <c r="AJ182" s="893"/>
      <c r="AK182" s="893"/>
      <c r="AL182" s="893"/>
      <c r="AM182" s="893"/>
      <c r="AN182" s="893"/>
      <c r="AO182" s="893"/>
      <c r="AP182" s="893"/>
      <c r="AQ182" s="893"/>
      <c r="AR182" s="893"/>
      <c r="AS182" s="893"/>
      <c r="AT182" s="893"/>
      <c r="AU182" s="893"/>
      <c r="AV182" s="893"/>
      <c r="AW182" s="893"/>
      <c r="AX182" s="893"/>
      <c r="AY182" s="893"/>
      <c r="AZ182" s="893"/>
      <c r="BA182" s="893"/>
      <c r="BB182" s="893"/>
      <c r="BC182" s="893"/>
      <c r="BD182" s="893"/>
      <c r="BE182" s="893"/>
      <c r="BF182" s="893"/>
      <c r="BG182" s="746"/>
      <c r="BH182" s="746"/>
      <c r="BI182" s="746"/>
      <c r="BJ182" s="746"/>
      <c r="BK182" s="746"/>
      <c r="BL182" s="746"/>
      <c r="BM182" s="746"/>
      <c r="BN182" s="746"/>
      <c r="BO182" s="746"/>
      <c r="BP182" s="746"/>
      <c r="BQ182" s="746"/>
      <c r="BR182" s="746"/>
      <c r="BS182" s="884">
        <f t="shared" si="191"/>
        <v>5000</v>
      </c>
      <c r="BT182" s="661">
        <f t="shared" si="262"/>
        <v>1113.4464000000003</v>
      </c>
      <c r="BU182" s="661"/>
      <c r="BV182" s="898">
        <f t="shared" ref="BV182:BV201" si="264">IF(AB182="yes",(AB$3*$BT182),"")</f>
        <v>5567232.0000000009</v>
      </c>
      <c r="BW182" s="898" t="str">
        <f t="shared" ref="BW182:BW201" si="265">IF(AC182="yes",(AC$3*$BT182),"")</f>
        <v/>
      </c>
      <c r="BX182" s="898" t="str">
        <f t="shared" ref="BX182:BX201" si="266">IF(AD182="yes",(AD$3*$BT182),"")</f>
        <v/>
      </c>
      <c r="BY182" s="898" t="str">
        <f t="shared" ref="BY182:BY201" si="267">IF(AE182="yes",(AE$3*$BT182),"")</f>
        <v/>
      </c>
      <c r="BZ182" s="898" t="str">
        <f t="shared" ref="BZ182:BZ201" si="268">IF(AF182="yes",(AF$3*$BT182),"")</f>
        <v/>
      </c>
      <c r="CA182" s="898" t="str">
        <f t="shared" ref="CA182:CA201" si="269">IF(AG182="yes",(AG$3*$BT182),"")</f>
        <v/>
      </c>
      <c r="CB182" s="898" t="str">
        <f t="shared" ref="CB182:CB201" si="270">IF(AH182="yes",(AH$3*$BT182),"")</f>
        <v/>
      </c>
      <c r="CC182" s="898" t="str">
        <f t="shared" ref="CC182:CC201" si="271">IF(AI182="yes",(AI$3*$BT182),"")</f>
        <v/>
      </c>
      <c r="CD182" s="898" t="str">
        <f t="shared" ref="CD182:CD201" si="272">IF(AJ182="yes",(AJ$3*$BT182),"")</f>
        <v/>
      </c>
      <c r="CE182" s="898" t="str">
        <f t="shared" ref="CE182:CE201" si="273">IF(AK182="yes",(AK$3*$BT182),"")</f>
        <v/>
      </c>
      <c r="CF182" s="898" t="str">
        <f t="shared" ref="CF182:CF201" si="274">IF(AL182="yes",(AL$3*$BT182),"")</f>
        <v/>
      </c>
      <c r="CG182" s="898" t="str">
        <f t="shared" ref="CG182:CG201" si="275">IF(AM182="yes",(AM$3*$BT182),"")</f>
        <v/>
      </c>
      <c r="CH182" s="898" t="str">
        <f t="shared" ref="CH182:CH201" si="276">IF(AN182="yes",(AN$3*$BT182),"")</f>
        <v/>
      </c>
      <c r="CI182" s="898" t="str">
        <f t="shared" ref="CI182:CI201" si="277">IF(AO182="yes",(AO$3*$BT182),"")</f>
        <v/>
      </c>
      <c r="CJ182" s="898" t="str">
        <f t="shared" ref="CJ182:CJ201" si="278">IF(AP182="yes",(AP$3*$BT182),"")</f>
        <v/>
      </c>
      <c r="CK182" s="898" t="str">
        <f t="shared" ref="CK182:CK201" si="279">IF(AQ182="yes",(AQ$3*$BT182),"")</f>
        <v/>
      </c>
      <c r="CL182" s="898" t="str">
        <f t="shared" ref="CL182:CL201" si="280">IF(AR182="yes",(AR$3*$BT182),"")</f>
        <v/>
      </c>
      <c r="CM182" s="898" t="str">
        <f t="shared" ref="CM182:CM201" si="281">IF(AS182="yes",(AS$3*$BT182),"")</f>
        <v/>
      </c>
      <c r="CN182" s="898" t="str">
        <f t="shared" ref="CN182:CN201" si="282">IF(AT182="yes",(AT$3*$BT182),"")</f>
        <v/>
      </c>
      <c r="CO182" s="898" t="str">
        <f t="shared" ref="CO182:CO201" si="283">IF(AU182="yes",(AU$3*$BT182),"")</f>
        <v/>
      </c>
      <c r="CP182" s="898" t="str">
        <f t="shared" ref="CP182:CP201" si="284">IF(AV182="yes",(AV$3*$BT182),"")</f>
        <v/>
      </c>
      <c r="CQ182" s="898" t="str">
        <f t="shared" ref="CQ182:CQ201" si="285">IF(AW182="yes",(AW$3*$BT182),"")</f>
        <v/>
      </c>
      <c r="CR182" s="898" t="str">
        <f t="shared" ref="CR182:CR201" si="286">IF(AX182="yes",(AX$3*$BT182),"")</f>
        <v/>
      </c>
      <c r="CS182" s="898" t="str">
        <f t="shared" ref="CS182:CS201" si="287">IF(AY182="yes",(AY$3*$BT182),"")</f>
        <v/>
      </c>
      <c r="CT182" s="898" t="str">
        <f t="shared" ref="CT182:CT201" si="288">IF(AZ182="yes",(AZ$3*$BT182),"")</f>
        <v/>
      </c>
      <c r="CU182" s="898" t="str">
        <f t="shared" ref="CU182:CU201" si="289">IF(BA182="yes",(BA$3*$BT182),"")</f>
        <v/>
      </c>
      <c r="CV182" s="898" t="str">
        <f t="shared" ref="CV182:CV201" si="290">IF(BB182="yes",(BB$3*$BT182),"")</f>
        <v/>
      </c>
      <c r="CW182" s="898" t="str">
        <f t="shared" ref="CW182:CW201" si="291">IF(BC182="yes",(BC$3*$BT182),"")</f>
        <v/>
      </c>
      <c r="CX182" s="898" t="str">
        <f t="shared" ref="CX182:CX201" si="292">IF(BD182="yes",(BD$3*$BT182),"")</f>
        <v/>
      </c>
      <c r="CY182" s="898" t="str">
        <f t="shared" ref="CY182:CY201" si="293">IF(BE182="yes",(BE$3*$BT182),"")</f>
        <v/>
      </c>
      <c r="CZ182" s="898" t="str">
        <f t="shared" ref="CZ182:CZ201" si="294">IF(BF182="yes",(BF$3*$BT182),"")</f>
        <v/>
      </c>
      <c r="DA182" s="898"/>
      <c r="DB182" s="898"/>
      <c r="DC182" s="898"/>
      <c r="DD182" s="898"/>
      <c r="DE182" s="898"/>
      <c r="DF182" s="898"/>
      <c r="DG182" s="898"/>
      <c r="DH182" s="898"/>
      <c r="DI182" s="898"/>
      <c r="DJ182" s="898"/>
      <c r="DK182" s="898"/>
      <c r="DL182" s="898"/>
      <c r="DM182" s="661">
        <f t="shared" si="193"/>
        <v>5567232.0000000009</v>
      </c>
      <c r="DN182" s="898">
        <f t="shared" si="194"/>
        <v>0</v>
      </c>
      <c r="DO182" s="516">
        <f t="shared" si="195"/>
        <v>0</v>
      </c>
      <c r="DP182" s="898">
        <f t="shared" si="196"/>
        <v>0</v>
      </c>
      <c r="DQ182" s="483" t="s">
        <v>3902</v>
      </c>
      <c r="DR182" s="483" t="s">
        <v>3903</v>
      </c>
      <c r="DS182" s="483" t="s">
        <v>3098</v>
      </c>
      <c r="DT182" s="632"/>
    </row>
    <row r="183" spans="1:124" s="613" customFormat="1" ht="99.75" x14ac:dyDescent="0.2">
      <c r="A183" s="484" t="str">
        <f t="shared" si="190"/>
        <v>Contribution towards public parks and gardens in Hemel Hospital/Market Square (Hm03)</v>
      </c>
      <c r="B183" s="1163">
        <v>180</v>
      </c>
      <c r="C183" s="481" t="s">
        <v>3904</v>
      </c>
      <c r="D183" s="481" t="s">
        <v>2481</v>
      </c>
      <c r="E183" s="481" t="s">
        <v>53</v>
      </c>
      <c r="F183" s="481" t="s">
        <v>515</v>
      </c>
      <c r="G183" s="654" t="s">
        <v>521</v>
      </c>
      <c r="H183" s="484" t="s">
        <v>3905</v>
      </c>
      <c r="I183" s="654"/>
      <c r="J183" s="78" t="s">
        <v>3906</v>
      </c>
      <c r="K183" s="515" t="s">
        <v>3104</v>
      </c>
      <c r="L183" s="657" t="s">
        <v>1362</v>
      </c>
      <c r="M183" s="654" t="s">
        <v>2996</v>
      </c>
      <c r="N183" s="897" t="s">
        <v>8</v>
      </c>
      <c r="O183" s="657" t="s">
        <v>3331</v>
      </c>
      <c r="P183" s="657" t="s">
        <v>53</v>
      </c>
      <c r="Q183" s="654" t="s">
        <v>181</v>
      </c>
      <c r="R183" s="654"/>
      <c r="S183" s="654"/>
      <c r="T183" s="723">
        <v>501050.88000000006</v>
      </c>
      <c r="U183" s="723"/>
      <c r="V183" s="654" t="s">
        <v>64</v>
      </c>
      <c r="W183" s="723">
        <f t="shared" ref="W183:W204" si="295">T183-X183</f>
        <v>0</v>
      </c>
      <c r="X183" s="745">
        <f t="shared" si="263"/>
        <v>501050.88000000006</v>
      </c>
      <c r="Y183" s="723" t="s">
        <v>3106</v>
      </c>
      <c r="Z183" s="723"/>
      <c r="AA183" s="652" t="s">
        <v>82</v>
      </c>
      <c r="AB183" s="893"/>
      <c r="AC183" s="893"/>
      <c r="AD183" s="746" t="s">
        <v>66</v>
      </c>
      <c r="AE183" s="893"/>
      <c r="AF183" s="893"/>
      <c r="AG183" s="746"/>
      <c r="AH183" s="893"/>
      <c r="AI183" s="893"/>
      <c r="AJ183" s="893"/>
      <c r="AK183" s="893"/>
      <c r="AL183" s="893"/>
      <c r="AM183" s="893"/>
      <c r="AN183" s="893"/>
      <c r="AO183" s="893"/>
      <c r="AP183" s="893"/>
      <c r="AQ183" s="893"/>
      <c r="AR183" s="893"/>
      <c r="AS183" s="893"/>
      <c r="AT183" s="893"/>
      <c r="AU183" s="893"/>
      <c r="AV183" s="893"/>
      <c r="AW183" s="893"/>
      <c r="AX183" s="893"/>
      <c r="AY183" s="893"/>
      <c r="AZ183" s="893"/>
      <c r="BA183" s="893"/>
      <c r="BB183" s="893"/>
      <c r="BC183" s="893"/>
      <c r="BD183" s="893"/>
      <c r="BE183" s="893"/>
      <c r="BF183" s="893"/>
      <c r="BG183" s="746"/>
      <c r="BH183" s="746"/>
      <c r="BI183" s="746"/>
      <c r="BJ183" s="746"/>
      <c r="BK183" s="746"/>
      <c r="BL183" s="746"/>
      <c r="BM183" s="746"/>
      <c r="BN183" s="746"/>
      <c r="BO183" s="746"/>
      <c r="BP183" s="746"/>
      <c r="BQ183" s="746"/>
      <c r="BR183" s="746"/>
      <c r="BS183" s="884">
        <f t="shared" si="191"/>
        <v>450</v>
      </c>
      <c r="BT183" s="661">
        <f t="shared" si="262"/>
        <v>1113.4464</v>
      </c>
      <c r="BU183" s="661"/>
      <c r="BV183" s="898" t="str">
        <f t="shared" si="264"/>
        <v/>
      </c>
      <c r="BW183" s="898" t="str">
        <f t="shared" si="265"/>
        <v/>
      </c>
      <c r="BX183" s="898">
        <f t="shared" si="266"/>
        <v>501050.88</v>
      </c>
      <c r="BY183" s="898" t="str">
        <f t="shared" si="267"/>
        <v/>
      </c>
      <c r="BZ183" s="898" t="str">
        <f t="shared" si="268"/>
        <v/>
      </c>
      <c r="CA183" s="898" t="str">
        <f t="shared" si="269"/>
        <v/>
      </c>
      <c r="CB183" s="898" t="str">
        <f t="shared" si="270"/>
        <v/>
      </c>
      <c r="CC183" s="898" t="str">
        <f t="shared" si="271"/>
        <v/>
      </c>
      <c r="CD183" s="898" t="str">
        <f t="shared" si="272"/>
        <v/>
      </c>
      <c r="CE183" s="898" t="str">
        <f t="shared" si="273"/>
        <v/>
      </c>
      <c r="CF183" s="898" t="str">
        <f t="shared" si="274"/>
        <v/>
      </c>
      <c r="CG183" s="898" t="str">
        <f t="shared" si="275"/>
        <v/>
      </c>
      <c r="CH183" s="898" t="str">
        <f t="shared" si="276"/>
        <v/>
      </c>
      <c r="CI183" s="898" t="str">
        <f t="shared" si="277"/>
        <v/>
      </c>
      <c r="CJ183" s="898" t="str">
        <f t="shared" si="278"/>
        <v/>
      </c>
      <c r="CK183" s="898" t="str">
        <f t="shared" si="279"/>
        <v/>
      </c>
      <c r="CL183" s="898" t="str">
        <f t="shared" si="280"/>
        <v/>
      </c>
      <c r="CM183" s="898" t="str">
        <f t="shared" si="281"/>
        <v/>
      </c>
      <c r="CN183" s="898" t="str">
        <f t="shared" si="282"/>
        <v/>
      </c>
      <c r="CO183" s="898" t="str">
        <f t="shared" si="283"/>
        <v/>
      </c>
      <c r="CP183" s="898" t="str">
        <f t="shared" si="284"/>
        <v/>
      </c>
      <c r="CQ183" s="898" t="str">
        <f t="shared" si="285"/>
        <v/>
      </c>
      <c r="CR183" s="898" t="str">
        <f t="shared" si="286"/>
        <v/>
      </c>
      <c r="CS183" s="898" t="str">
        <f t="shared" si="287"/>
        <v/>
      </c>
      <c r="CT183" s="898" t="str">
        <f t="shared" si="288"/>
        <v/>
      </c>
      <c r="CU183" s="898" t="str">
        <f t="shared" si="289"/>
        <v/>
      </c>
      <c r="CV183" s="898" t="str">
        <f t="shared" si="290"/>
        <v/>
      </c>
      <c r="CW183" s="898" t="str">
        <f t="shared" si="291"/>
        <v/>
      </c>
      <c r="CX183" s="898" t="str">
        <f t="shared" si="292"/>
        <v/>
      </c>
      <c r="CY183" s="898" t="str">
        <f t="shared" si="293"/>
        <v/>
      </c>
      <c r="CZ183" s="898" t="str">
        <f t="shared" si="294"/>
        <v/>
      </c>
      <c r="DA183" s="898"/>
      <c r="DB183" s="898"/>
      <c r="DC183" s="898"/>
      <c r="DD183" s="898"/>
      <c r="DE183" s="898"/>
      <c r="DF183" s="898"/>
      <c r="DG183" s="898"/>
      <c r="DH183" s="898"/>
      <c r="DI183" s="898"/>
      <c r="DJ183" s="898"/>
      <c r="DK183" s="898"/>
      <c r="DL183" s="898"/>
      <c r="DM183" s="661">
        <f t="shared" si="193"/>
        <v>501050.88</v>
      </c>
      <c r="DN183" s="898">
        <f t="shared" si="194"/>
        <v>0</v>
      </c>
      <c r="DO183" s="516">
        <f t="shared" si="195"/>
        <v>0</v>
      </c>
      <c r="DP183" s="898">
        <f t="shared" si="196"/>
        <v>0</v>
      </c>
      <c r="DQ183" s="483" t="s">
        <v>3902</v>
      </c>
      <c r="DR183" s="483" t="s">
        <v>3903</v>
      </c>
      <c r="DS183" s="483" t="s">
        <v>3098</v>
      </c>
      <c r="DT183" s="632"/>
    </row>
    <row r="184" spans="1:124" s="613" customFormat="1" ht="99.75" x14ac:dyDescent="0.2">
      <c r="A184" s="484" t="str">
        <f t="shared" si="190"/>
        <v>Contribution towards public parks and gardens in Paradise (Hm04)</v>
      </c>
      <c r="B184" s="1163">
        <v>181</v>
      </c>
      <c r="C184" s="481" t="s">
        <v>3907</v>
      </c>
      <c r="D184" s="481" t="s">
        <v>2481</v>
      </c>
      <c r="E184" s="481" t="s">
        <v>53</v>
      </c>
      <c r="F184" s="481" t="s">
        <v>515</v>
      </c>
      <c r="G184" s="654" t="s">
        <v>521</v>
      </c>
      <c r="H184" s="484" t="s">
        <v>3908</v>
      </c>
      <c r="I184" s="654"/>
      <c r="J184" s="78" t="s">
        <v>3909</v>
      </c>
      <c r="K184" s="515" t="s">
        <v>3104</v>
      </c>
      <c r="L184" s="657" t="s">
        <v>1363</v>
      </c>
      <c r="M184" s="654" t="s">
        <v>2996</v>
      </c>
      <c r="N184" s="654" t="s">
        <v>8</v>
      </c>
      <c r="O184" s="657" t="s">
        <v>3331</v>
      </c>
      <c r="P184" s="657" t="s">
        <v>53</v>
      </c>
      <c r="Q184" s="654" t="s">
        <v>559</v>
      </c>
      <c r="R184" s="654"/>
      <c r="S184" s="654"/>
      <c r="T184" s="723">
        <v>389706.23999999999</v>
      </c>
      <c r="U184" s="723"/>
      <c r="V184" s="654" t="s">
        <v>64</v>
      </c>
      <c r="W184" s="723">
        <f t="shared" si="295"/>
        <v>0</v>
      </c>
      <c r="X184" s="745">
        <f t="shared" si="263"/>
        <v>389706.23999999999</v>
      </c>
      <c r="Y184" s="723" t="s">
        <v>3106</v>
      </c>
      <c r="Z184" s="723"/>
      <c r="AA184" s="652" t="s">
        <v>82</v>
      </c>
      <c r="AB184" s="893"/>
      <c r="AC184" s="893"/>
      <c r="AD184" s="893"/>
      <c r="AE184" s="746" t="s">
        <v>66</v>
      </c>
      <c r="AF184" s="893"/>
      <c r="AG184" s="746"/>
      <c r="AH184" s="893"/>
      <c r="AI184" s="893"/>
      <c r="AJ184" s="893"/>
      <c r="AK184" s="893"/>
      <c r="AL184" s="893"/>
      <c r="AM184" s="893"/>
      <c r="AN184" s="893"/>
      <c r="AO184" s="893"/>
      <c r="AP184" s="893"/>
      <c r="AQ184" s="893"/>
      <c r="AR184" s="893"/>
      <c r="AS184" s="893"/>
      <c r="AT184" s="893"/>
      <c r="AU184" s="893"/>
      <c r="AV184" s="893"/>
      <c r="AW184" s="893"/>
      <c r="AX184" s="893"/>
      <c r="AY184" s="893"/>
      <c r="AZ184" s="893"/>
      <c r="BA184" s="893"/>
      <c r="BB184" s="893"/>
      <c r="BC184" s="893"/>
      <c r="BD184" s="893"/>
      <c r="BE184" s="893"/>
      <c r="BF184" s="893"/>
      <c r="BG184" s="746"/>
      <c r="BH184" s="746"/>
      <c r="BI184" s="746"/>
      <c r="BJ184" s="746"/>
      <c r="BK184" s="746"/>
      <c r="BL184" s="746"/>
      <c r="BM184" s="746"/>
      <c r="BN184" s="746"/>
      <c r="BO184" s="746"/>
      <c r="BP184" s="746"/>
      <c r="BQ184" s="746"/>
      <c r="BR184" s="746"/>
      <c r="BS184" s="884">
        <f t="shared" si="191"/>
        <v>350</v>
      </c>
      <c r="BT184" s="661">
        <f t="shared" si="262"/>
        <v>1113.4464</v>
      </c>
      <c r="BU184" s="661"/>
      <c r="BV184" s="898" t="str">
        <f t="shared" si="264"/>
        <v/>
      </c>
      <c r="BW184" s="898" t="str">
        <f t="shared" si="265"/>
        <v/>
      </c>
      <c r="BX184" s="898" t="str">
        <f t="shared" si="266"/>
        <v/>
      </c>
      <c r="BY184" s="898">
        <f t="shared" si="267"/>
        <v>389706.23999999999</v>
      </c>
      <c r="BZ184" s="898" t="str">
        <f t="shared" si="268"/>
        <v/>
      </c>
      <c r="CA184" s="898" t="str">
        <f t="shared" si="269"/>
        <v/>
      </c>
      <c r="CB184" s="898" t="str">
        <f t="shared" si="270"/>
        <v/>
      </c>
      <c r="CC184" s="898" t="str">
        <f t="shared" si="271"/>
        <v/>
      </c>
      <c r="CD184" s="898" t="str">
        <f t="shared" si="272"/>
        <v/>
      </c>
      <c r="CE184" s="898" t="str">
        <f t="shared" si="273"/>
        <v/>
      </c>
      <c r="CF184" s="898" t="str">
        <f t="shared" si="274"/>
        <v/>
      </c>
      <c r="CG184" s="898" t="str">
        <f t="shared" si="275"/>
        <v/>
      </c>
      <c r="CH184" s="898" t="str">
        <f t="shared" si="276"/>
        <v/>
      </c>
      <c r="CI184" s="898" t="str">
        <f t="shared" si="277"/>
        <v/>
      </c>
      <c r="CJ184" s="898" t="str">
        <f t="shared" si="278"/>
        <v/>
      </c>
      <c r="CK184" s="898" t="str">
        <f t="shared" si="279"/>
        <v/>
      </c>
      <c r="CL184" s="898" t="str">
        <f t="shared" si="280"/>
        <v/>
      </c>
      <c r="CM184" s="898" t="str">
        <f t="shared" si="281"/>
        <v/>
      </c>
      <c r="CN184" s="898" t="str">
        <f t="shared" si="282"/>
        <v/>
      </c>
      <c r="CO184" s="898" t="str">
        <f t="shared" si="283"/>
        <v/>
      </c>
      <c r="CP184" s="898" t="str">
        <f t="shared" si="284"/>
        <v/>
      </c>
      <c r="CQ184" s="898" t="str">
        <f t="shared" si="285"/>
        <v/>
      </c>
      <c r="CR184" s="898" t="str">
        <f t="shared" si="286"/>
        <v/>
      </c>
      <c r="CS184" s="898" t="str">
        <f t="shared" si="287"/>
        <v/>
      </c>
      <c r="CT184" s="898" t="str">
        <f t="shared" si="288"/>
        <v/>
      </c>
      <c r="CU184" s="898" t="str">
        <f t="shared" si="289"/>
        <v/>
      </c>
      <c r="CV184" s="898" t="str">
        <f t="shared" si="290"/>
        <v/>
      </c>
      <c r="CW184" s="898" t="str">
        <f t="shared" si="291"/>
        <v/>
      </c>
      <c r="CX184" s="898" t="str">
        <f t="shared" si="292"/>
        <v/>
      </c>
      <c r="CY184" s="898" t="str">
        <f t="shared" si="293"/>
        <v/>
      </c>
      <c r="CZ184" s="898" t="str">
        <f t="shared" si="294"/>
        <v/>
      </c>
      <c r="DA184" s="898"/>
      <c r="DB184" s="898"/>
      <c r="DC184" s="898"/>
      <c r="DD184" s="898"/>
      <c r="DE184" s="898"/>
      <c r="DF184" s="898"/>
      <c r="DG184" s="898"/>
      <c r="DH184" s="898"/>
      <c r="DI184" s="898"/>
      <c r="DJ184" s="898"/>
      <c r="DK184" s="898"/>
      <c r="DL184" s="898"/>
      <c r="DM184" s="661">
        <f t="shared" si="193"/>
        <v>389706.23999999999</v>
      </c>
      <c r="DN184" s="898">
        <f t="shared" si="194"/>
        <v>0</v>
      </c>
      <c r="DO184" s="516">
        <f t="shared" si="195"/>
        <v>0</v>
      </c>
      <c r="DP184" s="898">
        <f t="shared" si="196"/>
        <v>0</v>
      </c>
      <c r="DQ184" s="483" t="s">
        <v>3902</v>
      </c>
      <c r="DR184" s="483" t="s">
        <v>3903</v>
      </c>
      <c r="DS184" s="483" t="s">
        <v>3098</v>
      </c>
      <c r="DT184" s="632"/>
    </row>
    <row r="185" spans="1:124" s="613" customFormat="1" ht="99.75" x14ac:dyDescent="0.2">
      <c r="A185" s="484" t="str">
        <f t="shared" si="190"/>
        <v>Contribution towards public parks and gardens in Civic Zone, Marlowes (Hm02)</v>
      </c>
      <c r="B185" s="1163">
        <v>182</v>
      </c>
      <c r="C185" s="481" t="s">
        <v>3910</v>
      </c>
      <c r="D185" s="481" t="s">
        <v>2481</v>
      </c>
      <c r="E185" s="481" t="s">
        <v>53</v>
      </c>
      <c r="F185" s="481" t="s">
        <v>515</v>
      </c>
      <c r="G185" s="654" t="s">
        <v>521</v>
      </c>
      <c r="H185" s="484" t="s">
        <v>3911</v>
      </c>
      <c r="I185" s="654"/>
      <c r="J185" s="78" t="s">
        <v>3912</v>
      </c>
      <c r="K185" s="515" t="s">
        <v>3104</v>
      </c>
      <c r="L185" s="657" t="s">
        <v>1361</v>
      </c>
      <c r="M185" s="654" t="s">
        <v>2996</v>
      </c>
      <c r="N185" s="897" t="s">
        <v>8</v>
      </c>
      <c r="O185" s="657" t="s">
        <v>3331</v>
      </c>
      <c r="P185" s="657" t="s">
        <v>53</v>
      </c>
      <c r="Q185" s="654" t="s">
        <v>377</v>
      </c>
      <c r="R185" s="654"/>
      <c r="S185" s="654"/>
      <c r="T185" s="723">
        <v>222689.28</v>
      </c>
      <c r="U185" s="723"/>
      <c r="V185" s="654" t="s">
        <v>64</v>
      </c>
      <c r="W185" s="723">
        <f t="shared" si="295"/>
        <v>0</v>
      </c>
      <c r="X185" s="745">
        <f t="shared" si="263"/>
        <v>222689.28</v>
      </c>
      <c r="Y185" s="723" t="s">
        <v>3106</v>
      </c>
      <c r="Z185" s="723"/>
      <c r="AA185" s="652" t="s">
        <v>82</v>
      </c>
      <c r="AB185" s="893"/>
      <c r="AC185" s="746" t="s">
        <v>66</v>
      </c>
      <c r="AD185" s="893"/>
      <c r="AE185" s="893"/>
      <c r="AF185" s="893"/>
      <c r="AG185" s="746"/>
      <c r="AH185" s="893"/>
      <c r="AI185" s="893"/>
      <c r="AJ185" s="893"/>
      <c r="AK185" s="893"/>
      <c r="AL185" s="893"/>
      <c r="AM185" s="893"/>
      <c r="AN185" s="893"/>
      <c r="AO185" s="893"/>
      <c r="AP185" s="893"/>
      <c r="AQ185" s="893"/>
      <c r="AR185" s="893"/>
      <c r="AS185" s="893"/>
      <c r="AT185" s="893"/>
      <c r="AU185" s="893"/>
      <c r="AV185" s="893"/>
      <c r="AW185" s="893"/>
      <c r="AX185" s="893"/>
      <c r="AY185" s="893"/>
      <c r="AZ185" s="893"/>
      <c r="BA185" s="893"/>
      <c r="BB185" s="893"/>
      <c r="BC185" s="893"/>
      <c r="BD185" s="893"/>
      <c r="BE185" s="893"/>
      <c r="BF185" s="893"/>
      <c r="BG185" s="746"/>
      <c r="BH185" s="746"/>
      <c r="BI185" s="746"/>
      <c r="BJ185" s="746"/>
      <c r="BK185" s="746"/>
      <c r="BL185" s="746"/>
      <c r="BM185" s="746"/>
      <c r="BN185" s="746"/>
      <c r="BO185" s="746"/>
      <c r="BP185" s="746"/>
      <c r="BQ185" s="746"/>
      <c r="BR185" s="746"/>
      <c r="BS185" s="884">
        <f t="shared" si="191"/>
        <v>200</v>
      </c>
      <c r="BT185" s="661">
        <f t="shared" si="262"/>
        <v>1113.4464</v>
      </c>
      <c r="BU185" s="661"/>
      <c r="BV185" s="898" t="str">
        <f t="shared" si="264"/>
        <v/>
      </c>
      <c r="BW185" s="898">
        <f t="shared" si="265"/>
        <v>222689.28</v>
      </c>
      <c r="BX185" s="898" t="str">
        <f t="shared" si="266"/>
        <v/>
      </c>
      <c r="BY185" s="898" t="str">
        <f t="shared" si="267"/>
        <v/>
      </c>
      <c r="BZ185" s="898" t="str">
        <f t="shared" si="268"/>
        <v/>
      </c>
      <c r="CA185" s="898" t="str">
        <f t="shared" si="269"/>
        <v/>
      </c>
      <c r="CB185" s="898" t="str">
        <f t="shared" si="270"/>
        <v/>
      </c>
      <c r="CC185" s="898" t="str">
        <f t="shared" si="271"/>
        <v/>
      </c>
      <c r="CD185" s="898" t="str">
        <f t="shared" si="272"/>
        <v/>
      </c>
      <c r="CE185" s="898" t="str">
        <f t="shared" si="273"/>
        <v/>
      </c>
      <c r="CF185" s="898" t="str">
        <f t="shared" si="274"/>
        <v/>
      </c>
      <c r="CG185" s="898" t="str">
        <f t="shared" si="275"/>
        <v/>
      </c>
      <c r="CH185" s="898" t="str">
        <f t="shared" si="276"/>
        <v/>
      </c>
      <c r="CI185" s="898" t="str">
        <f t="shared" si="277"/>
        <v/>
      </c>
      <c r="CJ185" s="898" t="str">
        <f t="shared" si="278"/>
        <v/>
      </c>
      <c r="CK185" s="898" t="str">
        <f t="shared" si="279"/>
        <v/>
      </c>
      <c r="CL185" s="898" t="str">
        <f t="shared" si="280"/>
        <v/>
      </c>
      <c r="CM185" s="898" t="str">
        <f t="shared" si="281"/>
        <v/>
      </c>
      <c r="CN185" s="898" t="str">
        <f t="shared" si="282"/>
        <v/>
      </c>
      <c r="CO185" s="898" t="str">
        <f t="shared" si="283"/>
        <v/>
      </c>
      <c r="CP185" s="898" t="str">
        <f t="shared" si="284"/>
        <v/>
      </c>
      <c r="CQ185" s="898" t="str">
        <f t="shared" si="285"/>
        <v/>
      </c>
      <c r="CR185" s="898" t="str">
        <f t="shared" si="286"/>
        <v/>
      </c>
      <c r="CS185" s="898" t="str">
        <f t="shared" si="287"/>
        <v/>
      </c>
      <c r="CT185" s="898" t="str">
        <f t="shared" si="288"/>
        <v/>
      </c>
      <c r="CU185" s="898" t="str">
        <f t="shared" si="289"/>
        <v/>
      </c>
      <c r="CV185" s="898" t="str">
        <f t="shared" si="290"/>
        <v/>
      </c>
      <c r="CW185" s="898" t="str">
        <f t="shared" si="291"/>
        <v/>
      </c>
      <c r="CX185" s="898" t="str">
        <f t="shared" si="292"/>
        <v/>
      </c>
      <c r="CY185" s="898" t="str">
        <f t="shared" si="293"/>
        <v/>
      </c>
      <c r="CZ185" s="898" t="str">
        <f t="shared" si="294"/>
        <v/>
      </c>
      <c r="DA185" s="898"/>
      <c r="DB185" s="898"/>
      <c r="DC185" s="898"/>
      <c r="DD185" s="898"/>
      <c r="DE185" s="898"/>
      <c r="DF185" s="898"/>
      <c r="DG185" s="898"/>
      <c r="DH185" s="898"/>
      <c r="DI185" s="898"/>
      <c r="DJ185" s="898"/>
      <c r="DK185" s="898"/>
      <c r="DL185" s="898"/>
      <c r="DM185" s="661">
        <f t="shared" si="193"/>
        <v>222689.28</v>
      </c>
      <c r="DN185" s="898">
        <f t="shared" si="194"/>
        <v>0</v>
      </c>
      <c r="DO185" s="516">
        <f t="shared" si="195"/>
        <v>0</v>
      </c>
      <c r="DP185" s="898">
        <f t="shared" si="196"/>
        <v>0</v>
      </c>
      <c r="DQ185" s="483" t="s">
        <v>3902</v>
      </c>
      <c r="DR185" s="483" t="s">
        <v>3903</v>
      </c>
      <c r="DS185" s="483" t="s">
        <v>3098</v>
      </c>
      <c r="DT185" s="632"/>
    </row>
    <row r="186" spans="1:124" s="613" customFormat="1" ht="99.75" x14ac:dyDescent="0.2">
      <c r="A186" s="484" t="str">
        <f t="shared" si="190"/>
        <v>Contribution towards public parks and gardens in Riverside (Hm06)</v>
      </c>
      <c r="B186" s="1163">
        <v>183</v>
      </c>
      <c r="C186" s="481" t="s">
        <v>3913</v>
      </c>
      <c r="D186" s="481" t="s">
        <v>2481</v>
      </c>
      <c r="E186" s="481" t="s">
        <v>53</v>
      </c>
      <c r="F186" s="481" t="s">
        <v>515</v>
      </c>
      <c r="G186" s="654" t="s">
        <v>521</v>
      </c>
      <c r="H186" s="484" t="s">
        <v>3914</v>
      </c>
      <c r="I186" s="654"/>
      <c r="J186" s="78" t="s">
        <v>3915</v>
      </c>
      <c r="K186" s="515" t="s">
        <v>3104</v>
      </c>
      <c r="L186" s="657" t="s">
        <v>1364</v>
      </c>
      <c r="M186" s="654" t="s">
        <v>2996</v>
      </c>
      <c r="N186" s="897" t="s">
        <v>81</v>
      </c>
      <c r="O186" s="657" t="s">
        <v>3331</v>
      </c>
      <c r="P186" s="657" t="s">
        <v>53</v>
      </c>
      <c r="Q186" s="654" t="s">
        <v>71</v>
      </c>
      <c r="R186" s="654"/>
      <c r="S186" s="654"/>
      <c r="T186" s="723">
        <v>556723.19999999995</v>
      </c>
      <c r="U186" s="723"/>
      <c r="V186" s="654" t="s">
        <v>64</v>
      </c>
      <c r="W186" s="723">
        <f t="shared" si="295"/>
        <v>0</v>
      </c>
      <c r="X186" s="745">
        <f t="shared" si="263"/>
        <v>556723.19999999995</v>
      </c>
      <c r="Y186" s="723" t="s">
        <v>3106</v>
      </c>
      <c r="Z186" s="723"/>
      <c r="AA186" s="652" t="s">
        <v>82</v>
      </c>
      <c r="AB186" s="893"/>
      <c r="AC186" s="893"/>
      <c r="AD186" s="893"/>
      <c r="AE186" s="893"/>
      <c r="AF186" s="746" t="s">
        <v>66</v>
      </c>
      <c r="AG186" s="746"/>
      <c r="AH186" s="893"/>
      <c r="AI186" s="893"/>
      <c r="AJ186" s="893"/>
      <c r="AK186" s="893"/>
      <c r="AL186" s="893"/>
      <c r="AM186" s="893"/>
      <c r="AN186" s="893"/>
      <c r="AO186" s="893"/>
      <c r="AP186" s="893"/>
      <c r="AQ186" s="893"/>
      <c r="AR186" s="893"/>
      <c r="AS186" s="893"/>
      <c r="AT186" s="893"/>
      <c r="AU186" s="893"/>
      <c r="AV186" s="893"/>
      <c r="AW186" s="893"/>
      <c r="AX186" s="893"/>
      <c r="AY186" s="893"/>
      <c r="AZ186" s="893"/>
      <c r="BA186" s="893"/>
      <c r="BB186" s="893"/>
      <c r="BC186" s="893"/>
      <c r="BD186" s="893"/>
      <c r="BE186" s="893"/>
      <c r="BF186" s="893"/>
      <c r="BG186" s="746"/>
      <c r="BH186" s="746"/>
      <c r="BI186" s="746"/>
      <c r="BJ186" s="746"/>
      <c r="BK186" s="746"/>
      <c r="BL186" s="746"/>
      <c r="BM186" s="746"/>
      <c r="BN186" s="746"/>
      <c r="BO186" s="746"/>
      <c r="BP186" s="746"/>
      <c r="BQ186" s="746"/>
      <c r="BR186" s="746"/>
      <c r="BS186" s="884">
        <f t="shared" si="191"/>
        <v>500</v>
      </c>
      <c r="BT186" s="661">
        <f t="shared" si="262"/>
        <v>1113.4463999999998</v>
      </c>
      <c r="BU186" s="661"/>
      <c r="BV186" s="898" t="str">
        <f t="shared" si="264"/>
        <v/>
      </c>
      <c r="BW186" s="898" t="str">
        <f t="shared" si="265"/>
        <v/>
      </c>
      <c r="BX186" s="898" t="str">
        <f t="shared" si="266"/>
        <v/>
      </c>
      <c r="BY186" s="898" t="str">
        <f t="shared" si="267"/>
        <v/>
      </c>
      <c r="BZ186" s="898">
        <f t="shared" si="268"/>
        <v>556723.19999999995</v>
      </c>
      <c r="CA186" s="898" t="str">
        <f t="shared" si="269"/>
        <v/>
      </c>
      <c r="CB186" s="898" t="str">
        <f t="shared" si="270"/>
        <v/>
      </c>
      <c r="CC186" s="898" t="str">
        <f t="shared" si="271"/>
        <v/>
      </c>
      <c r="CD186" s="898" t="str">
        <f t="shared" si="272"/>
        <v/>
      </c>
      <c r="CE186" s="898" t="str">
        <f t="shared" si="273"/>
        <v/>
      </c>
      <c r="CF186" s="898" t="str">
        <f t="shared" si="274"/>
        <v/>
      </c>
      <c r="CG186" s="898" t="str">
        <f t="shared" si="275"/>
        <v/>
      </c>
      <c r="CH186" s="898" t="str">
        <f t="shared" si="276"/>
        <v/>
      </c>
      <c r="CI186" s="898" t="str">
        <f t="shared" si="277"/>
        <v/>
      </c>
      <c r="CJ186" s="898" t="str">
        <f t="shared" si="278"/>
        <v/>
      </c>
      <c r="CK186" s="898" t="str">
        <f t="shared" si="279"/>
        <v/>
      </c>
      <c r="CL186" s="898" t="str">
        <f t="shared" si="280"/>
        <v/>
      </c>
      <c r="CM186" s="898" t="str">
        <f t="shared" si="281"/>
        <v/>
      </c>
      <c r="CN186" s="898" t="str">
        <f t="shared" si="282"/>
        <v/>
      </c>
      <c r="CO186" s="898" t="str">
        <f t="shared" si="283"/>
        <v/>
      </c>
      <c r="CP186" s="898" t="str">
        <f t="shared" si="284"/>
        <v/>
      </c>
      <c r="CQ186" s="898" t="str">
        <f t="shared" si="285"/>
        <v/>
      </c>
      <c r="CR186" s="898" t="str">
        <f t="shared" si="286"/>
        <v/>
      </c>
      <c r="CS186" s="898" t="str">
        <f t="shared" si="287"/>
        <v/>
      </c>
      <c r="CT186" s="898" t="str">
        <f t="shared" si="288"/>
        <v/>
      </c>
      <c r="CU186" s="898" t="str">
        <f t="shared" si="289"/>
        <v/>
      </c>
      <c r="CV186" s="898" t="str">
        <f t="shared" si="290"/>
        <v/>
      </c>
      <c r="CW186" s="898" t="str">
        <f t="shared" si="291"/>
        <v/>
      </c>
      <c r="CX186" s="898" t="str">
        <f t="shared" si="292"/>
        <v/>
      </c>
      <c r="CY186" s="898" t="str">
        <f t="shared" si="293"/>
        <v/>
      </c>
      <c r="CZ186" s="898" t="str">
        <f t="shared" si="294"/>
        <v/>
      </c>
      <c r="DA186" s="898"/>
      <c r="DB186" s="898"/>
      <c r="DC186" s="898"/>
      <c r="DD186" s="898"/>
      <c r="DE186" s="898"/>
      <c r="DF186" s="898"/>
      <c r="DG186" s="898"/>
      <c r="DH186" s="898"/>
      <c r="DI186" s="898"/>
      <c r="DJ186" s="898"/>
      <c r="DK186" s="898"/>
      <c r="DL186" s="898"/>
      <c r="DM186" s="661">
        <f t="shared" si="193"/>
        <v>556723.19999999995</v>
      </c>
      <c r="DN186" s="898">
        <f t="shared" si="194"/>
        <v>0</v>
      </c>
      <c r="DO186" s="516">
        <f t="shared" si="195"/>
        <v>0</v>
      </c>
      <c r="DP186" s="898">
        <f t="shared" si="196"/>
        <v>0</v>
      </c>
      <c r="DQ186" s="483" t="s">
        <v>3902</v>
      </c>
      <c r="DR186" s="483" t="s">
        <v>3903</v>
      </c>
      <c r="DS186" s="483" t="s">
        <v>3098</v>
      </c>
      <c r="DT186" s="632"/>
    </row>
    <row r="187" spans="1:124" s="613" customFormat="1" ht="99.75" x14ac:dyDescent="0.2">
      <c r="A187" s="484" t="str">
        <f t="shared" si="190"/>
        <v>Contribution towards public parks and gardens in Symbio Site, Whiteleaf Road (Hm07)</v>
      </c>
      <c r="B187" s="1163">
        <v>184</v>
      </c>
      <c r="C187" s="481" t="s">
        <v>3916</v>
      </c>
      <c r="D187" s="481" t="s">
        <v>2481</v>
      </c>
      <c r="E187" s="481" t="s">
        <v>53</v>
      </c>
      <c r="F187" s="481" t="s">
        <v>515</v>
      </c>
      <c r="G187" s="654" t="s">
        <v>521</v>
      </c>
      <c r="H187" s="484" t="s">
        <v>3917</v>
      </c>
      <c r="I187" s="654"/>
      <c r="J187" s="78" t="s">
        <v>3918</v>
      </c>
      <c r="K187" s="515" t="s">
        <v>3104</v>
      </c>
      <c r="L187" s="657" t="s">
        <v>1366</v>
      </c>
      <c r="M187" s="654" t="s">
        <v>2996</v>
      </c>
      <c r="N187" s="897" t="s">
        <v>81</v>
      </c>
      <c r="O187" s="657" t="s">
        <v>3331</v>
      </c>
      <c r="P187" s="657" t="s">
        <v>53</v>
      </c>
      <c r="Q187" s="654" t="s">
        <v>380</v>
      </c>
      <c r="R187" s="654"/>
      <c r="S187" s="654"/>
      <c r="T187" s="723">
        <v>111344.64</v>
      </c>
      <c r="U187" s="723"/>
      <c r="V187" s="654" t="s">
        <v>64</v>
      </c>
      <c r="W187" s="723">
        <f t="shared" si="295"/>
        <v>0</v>
      </c>
      <c r="X187" s="745">
        <f t="shared" si="263"/>
        <v>111344.64</v>
      </c>
      <c r="Y187" s="723" t="s">
        <v>3106</v>
      </c>
      <c r="Z187" s="723"/>
      <c r="AA187" s="652" t="s">
        <v>82</v>
      </c>
      <c r="AB187" s="893"/>
      <c r="AC187" s="893"/>
      <c r="AD187" s="893"/>
      <c r="AE187" s="893"/>
      <c r="AF187" s="893"/>
      <c r="AG187" s="746"/>
      <c r="AH187" s="746" t="s">
        <v>66</v>
      </c>
      <c r="AI187" s="893"/>
      <c r="AJ187" s="893"/>
      <c r="AK187" s="893"/>
      <c r="AL187" s="893"/>
      <c r="AM187" s="893"/>
      <c r="AN187" s="893"/>
      <c r="AO187" s="893"/>
      <c r="AP187" s="893"/>
      <c r="AQ187" s="893"/>
      <c r="AR187" s="893"/>
      <c r="AS187" s="893"/>
      <c r="AT187" s="893"/>
      <c r="AU187" s="893"/>
      <c r="AV187" s="893"/>
      <c r="AW187" s="893"/>
      <c r="AX187" s="893"/>
      <c r="AY187" s="893"/>
      <c r="AZ187" s="893"/>
      <c r="BA187" s="893"/>
      <c r="BB187" s="893"/>
      <c r="BC187" s="893"/>
      <c r="BD187" s="893"/>
      <c r="BE187" s="893"/>
      <c r="BF187" s="893"/>
      <c r="BG187" s="746"/>
      <c r="BH187" s="746"/>
      <c r="BI187" s="746"/>
      <c r="BJ187" s="746"/>
      <c r="BK187" s="746"/>
      <c r="BL187" s="746"/>
      <c r="BM187" s="746"/>
      <c r="BN187" s="746"/>
      <c r="BO187" s="746"/>
      <c r="BP187" s="746"/>
      <c r="BQ187" s="746"/>
      <c r="BR187" s="746"/>
      <c r="BS187" s="884">
        <f t="shared" si="191"/>
        <v>100</v>
      </c>
      <c r="BT187" s="661">
        <f t="shared" si="262"/>
        <v>1113.4464</v>
      </c>
      <c r="BU187" s="661"/>
      <c r="BV187" s="898" t="str">
        <f t="shared" si="264"/>
        <v/>
      </c>
      <c r="BW187" s="898" t="str">
        <f t="shared" si="265"/>
        <v/>
      </c>
      <c r="BX187" s="898" t="str">
        <f t="shared" si="266"/>
        <v/>
      </c>
      <c r="BY187" s="898" t="str">
        <f t="shared" si="267"/>
        <v/>
      </c>
      <c r="BZ187" s="898" t="str">
        <f t="shared" si="268"/>
        <v/>
      </c>
      <c r="CA187" s="898" t="str">
        <f t="shared" si="269"/>
        <v/>
      </c>
      <c r="CB187" s="898">
        <f t="shared" si="270"/>
        <v>111344.64</v>
      </c>
      <c r="CC187" s="898" t="str">
        <f t="shared" si="271"/>
        <v/>
      </c>
      <c r="CD187" s="898" t="str">
        <f t="shared" si="272"/>
        <v/>
      </c>
      <c r="CE187" s="898" t="str">
        <f t="shared" si="273"/>
        <v/>
      </c>
      <c r="CF187" s="898" t="str">
        <f t="shared" si="274"/>
        <v/>
      </c>
      <c r="CG187" s="898" t="str">
        <f t="shared" si="275"/>
        <v/>
      </c>
      <c r="CH187" s="898" t="str">
        <f t="shared" si="276"/>
        <v/>
      </c>
      <c r="CI187" s="898" t="str">
        <f t="shared" si="277"/>
        <v/>
      </c>
      <c r="CJ187" s="898" t="str">
        <f t="shared" si="278"/>
        <v/>
      </c>
      <c r="CK187" s="898" t="str">
        <f t="shared" si="279"/>
        <v/>
      </c>
      <c r="CL187" s="898" t="str">
        <f t="shared" si="280"/>
        <v/>
      </c>
      <c r="CM187" s="898" t="str">
        <f t="shared" si="281"/>
        <v/>
      </c>
      <c r="CN187" s="898" t="str">
        <f t="shared" si="282"/>
        <v/>
      </c>
      <c r="CO187" s="898" t="str">
        <f t="shared" si="283"/>
        <v/>
      </c>
      <c r="CP187" s="898" t="str">
        <f t="shared" si="284"/>
        <v/>
      </c>
      <c r="CQ187" s="898" t="str">
        <f t="shared" si="285"/>
        <v/>
      </c>
      <c r="CR187" s="898" t="str">
        <f t="shared" si="286"/>
        <v/>
      </c>
      <c r="CS187" s="898" t="str">
        <f t="shared" si="287"/>
        <v/>
      </c>
      <c r="CT187" s="898" t="str">
        <f t="shared" si="288"/>
        <v/>
      </c>
      <c r="CU187" s="898" t="str">
        <f t="shared" si="289"/>
        <v/>
      </c>
      <c r="CV187" s="898" t="str">
        <f t="shared" si="290"/>
        <v/>
      </c>
      <c r="CW187" s="898" t="str">
        <f t="shared" si="291"/>
        <v/>
      </c>
      <c r="CX187" s="898" t="str">
        <f t="shared" si="292"/>
        <v/>
      </c>
      <c r="CY187" s="898" t="str">
        <f t="shared" si="293"/>
        <v/>
      </c>
      <c r="CZ187" s="898" t="str">
        <f t="shared" si="294"/>
        <v/>
      </c>
      <c r="DA187" s="898"/>
      <c r="DB187" s="898"/>
      <c r="DC187" s="898"/>
      <c r="DD187" s="898"/>
      <c r="DE187" s="898"/>
      <c r="DF187" s="898"/>
      <c r="DG187" s="898"/>
      <c r="DH187" s="898"/>
      <c r="DI187" s="898"/>
      <c r="DJ187" s="898"/>
      <c r="DK187" s="898"/>
      <c r="DL187" s="898"/>
      <c r="DM187" s="661">
        <f t="shared" si="193"/>
        <v>111344.64</v>
      </c>
      <c r="DN187" s="898">
        <f t="shared" si="194"/>
        <v>0</v>
      </c>
      <c r="DO187" s="516">
        <f t="shared" si="195"/>
        <v>0</v>
      </c>
      <c r="DP187" s="898">
        <f t="shared" si="196"/>
        <v>0</v>
      </c>
      <c r="DQ187" s="483" t="s">
        <v>3902</v>
      </c>
      <c r="DR187" s="483" t="s">
        <v>3903</v>
      </c>
      <c r="DS187" s="483" t="s">
        <v>3098</v>
      </c>
      <c r="DT187" s="632"/>
    </row>
    <row r="188" spans="1:124" s="613" customFormat="1" ht="99.75" x14ac:dyDescent="0.2">
      <c r="A188" s="484" t="str">
        <f t="shared" si="190"/>
        <v>Contribution towards public parks and gardens in Hemel Hempstead Station Gateway (Hm08)</v>
      </c>
      <c r="B188" s="1163">
        <v>185</v>
      </c>
      <c r="C188" s="481" t="s">
        <v>3919</v>
      </c>
      <c r="D188" s="481" t="s">
        <v>2481</v>
      </c>
      <c r="E188" s="481" t="s">
        <v>53</v>
      </c>
      <c r="F188" s="481" t="s">
        <v>515</v>
      </c>
      <c r="G188" s="654" t="s">
        <v>521</v>
      </c>
      <c r="H188" s="484" t="s">
        <v>3920</v>
      </c>
      <c r="I188" s="654"/>
      <c r="J188" s="78" t="s">
        <v>3921</v>
      </c>
      <c r="K188" s="515" t="s">
        <v>3104</v>
      </c>
      <c r="L188" s="657" t="s">
        <v>1367</v>
      </c>
      <c r="M188" s="654" t="s">
        <v>2996</v>
      </c>
      <c r="N188" s="897" t="s">
        <v>8</v>
      </c>
      <c r="O188" s="657" t="s">
        <v>3331</v>
      </c>
      <c r="P188" s="657" t="s">
        <v>53</v>
      </c>
      <c r="Q188" s="654" t="s">
        <v>382</v>
      </c>
      <c r="R188" s="654"/>
      <c r="S188" s="654"/>
      <c r="T188" s="723">
        <v>434244.09600000008</v>
      </c>
      <c r="U188" s="723"/>
      <c r="V188" s="654" t="s">
        <v>64</v>
      </c>
      <c r="W188" s="723">
        <f t="shared" si="295"/>
        <v>0</v>
      </c>
      <c r="X188" s="745">
        <f t="shared" si="263"/>
        <v>434244.09600000008</v>
      </c>
      <c r="Y188" s="723" t="s">
        <v>3106</v>
      </c>
      <c r="Z188" s="723"/>
      <c r="AA188" s="652" t="s">
        <v>82</v>
      </c>
      <c r="AB188" s="893"/>
      <c r="AC188" s="893"/>
      <c r="AD188" s="893"/>
      <c r="AE188" s="893"/>
      <c r="AF188" s="893"/>
      <c r="AG188" s="746"/>
      <c r="AH188" s="893"/>
      <c r="AI188" s="746" t="s">
        <v>66</v>
      </c>
      <c r="AJ188" s="893"/>
      <c r="AK188" s="893"/>
      <c r="AL188" s="893"/>
      <c r="AM188" s="893"/>
      <c r="AN188" s="893"/>
      <c r="AO188" s="893"/>
      <c r="AP188" s="893"/>
      <c r="AQ188" s="893"/>
      <c r="AR188" s="893"/>
      <c r="AS188" s="893"/>
      <c r="AT188" s="893"/>
      <c r="AU188" s="893"/>
      <c r="AV188" s="893"/>
      <c r="AW188" s="893"/>
      <c r="AX188" s="893"/>
      <c r="AY188" s="893"/>
      <c r="AZ188" s="893"/>
      <c r="BA188" s="893"/>
      <c r="BB188" s="893"/>
      <c r="BC188" s="893"/>
      <c r="BD188" s="893"/>
      <c r="BE188" s="893"/>
      <c r="BF188" s="893"/>
      <c r="BG188" s="746"/>
      <c r="BH188" s="746"/>
      <c r="BI188" s="746"/>
      <c r="BJ188" s="746"/>
      <c r="BK188" s="746"/>
      <c r="BL188" s="746"/>
      <c r="BM188" s="746"/>
      <c r="BN188" s="746"/>
      <c r="BO188" s="746"/>
      <c r="BP188" s="746"/>
      <c r="BQ188" s="746"/>
      <c r="BR188" s="746"/>
      <c r="BS188" s="884">
        <f t="shared" si="191"/>
        <v>390</v>
      </c>
      <c r="BT188" s="661">
        <f t="shared" si="262"/>
        <v>1113.4464000000003</v>
      </c>
      <c r="BU188" s="661"/>
      <c r="BV188" s="898" t="str">
        <f t="shared" si="264"/>
        <v/>
      </c>
      <c r="BW188" s="898" t="str">
        <f t="shared" si="265"/>
        <v/>
      </c>
      <c r="BX188" s="898" t="str">
        <f t="shared" si="266"/>
        <v/>
      </c>
      <c r="BY188" s="898" t="str">
        <f t="shared" si="267"/>
        <v/>
      </c>
      <c r="BZ188" s="898" t="str">
        <f t="shared" si="268"/>
        <v/>
      </c>
      <c r="CA188" s="898" t="str">
        <f t="shared" si="269"/>
        <v/>
      </c>
      <c r="CB188" s="898" t="str">
        <f t="shared" si="270"/>
        <v/>
      </c>
      <c r="CC188" s="898">
        <f t="shared" si="271"/>
        <v>434244.09600000008</v>
      </c>
      <c r="CD188" s="898" t="str">
        <f t="shared" si="272"/>
        <v/>
      </c>
      <c r="CE188" s="898" t="str">
        <f t="shared" si="273"/>
        <v/>
      </c>
      <c r="CF188" s="898" t="str">
        <f t="shared" si="274"/>
        <v/>
      </c>
      <c r="CG188" s="898" t="str">
        <f t="shared" si="275"/>
        <v/>
      </c>
      <c r="CH188" s="898" t="str">
        <f t="shared" si="276"/>
        <v/>
      </c>
      <c r="CI188" s="898" t="str">
        <f t="shared" si="277"/>
        <v/>
      </c>
      <c r="CJ188" s="898" t="str">
        <f t="shared" si="278"/>
        <v/>
      </c>
      <c r="CK188" s="898" t="str">
        <f t="shared" si="279"/>
        <v/>
      </c>
      <c r="CL188" s="898" t="str">
        <f t="shared" si="280"/>
        <v/>
      </c>
      <c r="CM188" s="898" t="str">
        <f t="shared" si="281"/>
        <v/>
      </c>
      <c r="CN188" s="898" t="str">
        <f t="shared" si="282"/>
        <v/>
      </c>
      <c r="CO188" s="898" t="str">
        <f t="shared" si="283"/>
        <v/>
      </c>
      <c r="CP188" s="898" t="str">
        <f t="shared" si="284"/>
        <v/>
      </c>
      <c r="CQ188" s="898" t="str">
        <f t="shared" si="285"/>
        <v/>
      </c>
      <c r="CR188" s="898" t="str">
        <f t="shared" si="286"/>
        <v/>
      </c>
      <c r="CS188" s="898" t="str">
        <f t="shared" si="287"/>
        <v/>
      </c>
      <c r="CT188" s="898" t="str">
        <f t="shared" si="288"/>
        <v/>
      </c>
      <c r="CU188" s="898" t="str">
        <f t="shared" si="289"/>
        <v/>
      </c>
      <c r="CV188" s="898" t="str">
        <f t="shared" si="290"/>
        <v/>
      </c>
      <c r="CW188" s="898" t="str">
        <f t="shared" si="291"/>
        <v/>
      </c>
      <c r="CX188" s="898" t="str">
        <f t="shared" si="292"/>
        <v/>
      </c>
      <c r="CY188" s="898" t="str">
        <f t="shared" si="293"/>
        <v/>
      </c>
      <c r="CZ188" s="898" t="str">
        <f t="shared" si="294"/>
        <v/>
      </c>
      <c r="DA188" s="898"/>
      <c r="DB188" s="898"/>
      <c r="DC188" s="898"/>
      <c r="DD188" s="898"/>
      <c r="DE188" s="898"/>
      <c r="DF188" s="898"/>
      <c r="DG188" s="898"/>
      <c r="DH188" s="898"/>
      <c r="DI188" s="898"/>
      <c r="DJ188" s="898"/>
      <c r="DK188" s="898"/>
      <c r="DL188" s="898"/>
      <c r="DM188" s="661">
        <f t="shared" si="193"/>
        <v>434244.09600000008</v>
      </c>
      <c r="DN188" s="898">
        <f t="shared" si="194"/>
        <v>0</v>
      </c>
      <c r="DO188" s="516">
        <f t="shared" si="195"/>
        <v>0</v>
      </c>
      <c r="DP188" s="898">
        <f t="shared" si="196"/>
        <v>0</v>
      </c>
      <c r="DQ188" s="483" t="s">
        <v>3902</v>
      </c>
      <c r="DR188" s="483" t="s">
        <v>3903</v>
      </c>
      <c r="DS188" s="483" t="s">
        <v>3098</v>
      </c>
      <c r="DT188" s="632"/>
    </row>
    <row r="189" spans="1:124" s="613" customFormat="1" ht="99.75" x14ac:dyDescent="0.2">
      <c r="A189" s="484" t="str">
        <f t="shared" si="190"/>
        <v>Contribution towards public parks and gardens in National Grid and 339-353 London Road (Hm09)</v>
      </c>
      <c r="B189" s="1163">
        <v>186</v>
      </c>
      <c r="C189" s="481" t="s">
        <v>3922</v>
      </c>
      <c r="D189" s="481" t="s">
        <v>2481</v>
      </c>
      <c r="E189" s="481" t="s">
        <v>53</v>
      </c>
      <c r="F189" s="481" t="s">
        <v>515</v>
      </c>
      <c r="G189" s="654" t="s">
        <v>521</v>
      </c>
      <c r="H189" s="484" t="s">
        <v>3923</v>
      </c>
      <c r="I189" s="654"/>
      <c r="J189" s="78" t="s">
        <v>3924</v>
      </c>
      <c r="K189" s="515" t="s">
        <v>3104</v>
      </c>
      <c r="L189" s="657" t="s">
        <v>1365</v>
      </c>
      <c r="M189" s="654" t="s">
        <v>2996</v>
      </c>
      <c r="N189" s="897" t="s">
        <v>81</v>
      </c>
      <c r="O189" s="657" t="s">
        <v>3331</v>
      </c>
      <c r="P189" s="657" t="s">
        <v>53</v>
      </c>
      <c r="Q189" s="654" t="s">
        <v>187</v>
      </c>
      <c r="R189" s="654"/>
      <c r="S189" s="654"/>
      <c r="T189" s="723">
        <v>534454.272</v>
      </c>
      <c r="U189" s="723"/>
      <c r="V189" s="654" t="s">
        <v>64</v>
      </c>
      <c r="W189" s="723">
        <f t="shared" si="295"/>
        <v>0</v>
      </c>
      <c r="X189" s="745">
        <f t="shared" si="263"/>
        <v>534454.272</v>
      </c>
      <c r="Y189" s="723" t="s">
        <v>3106</v>
      </c>
      <c r="Z189" s="723"/>
      <c r="AA189" s="652" t="s">
        <v>82</v>
      </c>
      <c r="AB189" s="893"/>
      <c r="AC189" s="893"/>
      <c r="AD189" s="893"/>
      <c r="AE189" s="893"/>
      <c r="AF189" s="893"/>
      <c r="AG189" s="746" t="s">
        <v>66</v>
      </c>
      <c r="AH189" s="893"/>
      <c r="AI189" s="893"/>
      <c r="AJ189" s="893"/>
      <c r="AK189" s="893"/>
      <c r="AL189" s="893"/>
      <c r="AM189" s="893"/>
      <c r="AN189" s="893"/>
      <c r="AO189" s="893"/>
      <c r="AP189" s="893"/>
      <c r="AQ189" s="893"/>
      <c r="AR189" s="893"/>
      <c r="AS189" s="893"/>
      <c r="AT189" s="893"/>
      <c r="AU189" s="893"/>
      <c r="AV189" s="893"/>
      <c r="AW189" s="893"/>
      <c r="AX189" s="893"/>
      <c r="AY189" s="893"/>
      <c r="AZ189" s="893"/>
      <c r="BA189" s="893"/>
      <c r="BB189" s="893"/>
      <c r="BC189" s="893"/>
      <c r="BD189" s="893"/>
      <c r="BE189" s="893"/>
      <c r="BF189" s="893"/>
      <c r="BG189" s="746"/>
      <c r="BH189" s="746"/>
      <c r="BI189" s="746"/>
      <c r="BJ189" s="746"/>
      <c r="BK189" s="746"/>
      <c r="BL189" s="746"/>
      <c r="BM189" s="746"/>
      <c r="BN189" s="746"/>
      <c r="BO189" s="746"/>
      <c r="BP189" s="746"/>
      <c r="BQ189" s="746"/>
      <c r="BR189" s="746"/>
      <c r="BS189" s="884">
        <f t="shared" si="191"/>
        <v>480</v>
      </c>
      <c r="BT189" s="661">
        <f t="shared" si="262"/>
        <v>1113.4464</v>
      </c>
      <c r="BU189" s="661"/>
      <c r="BV189" s="898" t="str">
        <f t="shared" si="264"/>
        <v/>
      </c>
      <c r="BW189" s="898" t="str">
        <f t="shared" si="265"/>
        <v/>
      </c>
      <c r="BX189" s="898" t="str">
        <f t="shared" si="266"/>
        <v/>
      </c>
      <c r="BY189" s="898" t="str">
        <f t="shared" si="267"/>
        <v/>
      </c>
      <c r="BZ189" s="898" t="str">
        <f t="shared" si="268"/>
        <v/>
      </c>
      <c r="CA189" s="898">
        <f t="shared" si="269"/>
        <v>534454.272</v>
      </c>
      <c r="CB189" s="898" t="str">
        <f t="shared" si="270"/>
        <v/>
      </c>
      <c r="CC189" s="898" t="str">
        <f t="shared" si="271"/>
        <v/>
      </c>
      <c r="CD189" s="898" t="str">
        <f t="shared" si="272"/>
        <v/>
      </c>
      <c r="CE189" s="898" t="str">
        <f t="shared" si="273"/>
        <v/>
      </c>
      <c r="CF189" s="898" t="str">
        <f t="shared" si="274"/>
        <v/>
      </c>
      <c r="CG189" s="898" t="str">
        <f t="shared" si="275"/>
        <v/>
      </c>
      <c r="CH189" s="898" t="str">
        <f t="shared" si="276"/>
        <v/>
      </c>
      <c r="CI189" s="898" t="str">
        <f t="shared" si="277"/>
        <v/>
      </c>
      <c r="CJ189" s="898" t="str">
        <f t="shared" si="278"/>
        <v/>
      </c>
      <c r="CK189" s="898" t="str">
        <f t="shared" si="279"/>
        <v/>
      </c>
      <c r="CL189" s="898" t="str">
        <f t="shared" si="280"/>
        <v/>
      </c>
      <c r="CM189" s="898" t="str">
        <f t="shared" si="281"/>
        <v/>
      </c>
      <c r="CN189" s="898" t="str">
        <f t="shared" si="282"/>
        <v/>
      </c>
      <c r="CO189" s="898" t="str">
        <f t="shared" si="283"/>
        <v/>
      </c>
      <c r="CP189" s="898" t="str">
        <f t="shared" si="284"/>
        <v/>
      </c>
      <c r="CQ189" s="898" t="str">
        <f t="shared" si="285"/>
        <v/>
      </c>
      <c r="CR189" s="898" t="str">
        <f t="shared" si="286"/>
        <v/>
      </c>
      <c r="CS189" s="898" t="str">
        <f t="shared" si="287"/>
        <v/>
      </c>
      <c r="CT189" s="898" t="str">
        <f t="shared" si="288"/>
        <v/>
      </c>
      <c r="CU189" s="898" t="str">
        <f t="shared" si="289"/>
        <v/>
      </c>
      <c r="CV189" s="898" t="str">
        <f t="shared" si="290"/>
        <v/>
      </c>
      <c r="CW189" s="898" t="str">
        <f t="shared" si="291"/>
        <v/>
      </c>
      <c r="CX189" s="898" t="str">
        <f t="shared" si="292"/>
        <v/>
      </c>
      <c r="CY189" s="898" t="str">
        <f t="shared" si="293"/>
        <v/>
      </c>
      <c r="CZ189" s="898" t="str">
        <f t="shared" si="294"/>
        <v/>
      </c>
      <c r="DA189" s="898"/>
      <c r="DB189" s="898"/>
      <c r="DC189" s="898"/>
      <c r="DD189" s="898"/>
      <c r="DE189" s="898"/>
      <c r="DF189" s="898"/>
      <c r="DG189" s="898"/>
      <c r="DH189" s="898"/>
      <c r="DI189" s="898"/>
      <c r="DJ189" s="898"/>
      <c r="DK189" s="898"/>
      <c r="DL189" s="898"/>
      <c r="DM189" s="661">
        <f t="shared" si="193"/>
        <v>534454.272</v>
      </c>
      <c r="DN189" s="898">
        <f t="shared" si="194"/>
        <v>0</v>
      </c>
      <c r="DO189" s="516">
        <f t="shared" si="195"/>
        <v>0</v>
      </c>
      <c r="DP189" s="898">
        <f t="shared" si="196"/>
        <v>0</v>
      </c>
      <c r="DQ189" s="483" t="s">
        <v>3902</v>
      </c>
      <c r="DR189" s="483" t="s">
        <v>3903</v>
      </c>
      <c r="DS189" s="483" t="s">
        <v>3098</v>
      </c>
      <c r="DT189" s="632"/>
    </row>
    <row r="190" spans="1:124" s="613" customFormat="1" ht="99.75" x14ac:dyDescent="0.2">
      <c r="A190" s="484" t="str">
        <f t="shared" si="190"/>
        <v xml:space="preserve">Contribution towards public parks and gardens in Apsley Mills Retail Park (Hm10) </v>
      </c>
      <c r="B190" s="1163">
        <v>187</v>
      </c>
      <c r="C190" s="481" t="s">
        <v>3925</v>
      </c>
      <c r="D190" s="481" t="s">
        <v>2481</v>
      </c>
      <c r="E190" s="481" t="s">
        <v>53</v>
      </c>
      <c r="F190" s="481" t="s">
        <v>515</v>
      </c>
      <c r="G190" s="654" t="s">
        <v>521</v>
      </c>
      <c r="H190" s="484" t="s">
        <v>3926</v>
      </c>
      <c r="I190" s="654"/>
      <c r="J190" s="78" t="s">
        <v>3927</v>
      </c>
      <c r="K190" s="515" t="s">
        <v>3104</v>
      </c>
      <c r="L190" s="657" t="s">
        <v>3018</v>
      </c>
      <c r="M190" s="654" t="s">
        <v>2996</v>
      </c>
      <c r="N190" s="897" t="s">
        <v>60</v>
      </c>
      <c r="O190" s="657" t="s">
        <v>3331</v>
      </c>
      <c r="P190" s="657" t="s">
        <v>53</v>
      </c>
      <c r="Q190" s="654" t="s">
        <v>208</v>
      </c>
      <c r="R190" s="654"/>
      <c r="S190" s="654"/>
      <c r="T190" s="723">
        <v>556723.19999999995</v>
      </c>
      <c r="U190" s="723"/>
      <c r="V190" s="654" t="s">
        <v>64</v>
      </c>
      <c r="W190" s="723">
        <f t="shared" si="295"/>
        <v>0</v>
      </c>
      <c r="X190" s="745">
        <f t="shared" si="263"/>
        <v>556723.19999999995</v>
      </c>
      <c r="Y190" s="723" t="s">
        <v>3106</v>
      </c>
      <c r="Z190" s="723"/>
      <c r="AA190" s="652" t="s">
        <v>82</v>
      </c>
      <c r="AB190" s="893"/>
      <c r="AC190" s="893"/>
      <c r="AD190" s="893"/>
      <c r="AE190" s="893"/>
      <c r="AF190" s="893"/>
      <c r="AG190" s="746"/>
      <c r="AH190" s="893"/>
      <c r="AI190" s="893"/>
      <c r="AJ190" s="746" t="s">
        <v>66</v>
      </c>
      <c r="AK190" s="893"/>
      <c r="AL190" s="893"/>
      <c r="AM190" s="893"/>
      <c r="AN190" s="893"/>
      <c r="AO190" s="893"/>
      <c r="AP190" s="893"/>
      <c r="AQ190" s="893"/>
      <c r="AR190" s="893"/>
      <c r="AS190" s="893"/>
      <c r="AT190" s="893"/>
      <c r="AU190" s="893"/>
      <c r="AV190" s="893"/>
      <c r="AW190" s="893"/>
      <c r="AX190" s="893"/>
      <c r="AY190" s="893"/>
      <c r="AZ190" s="893"/>
      <c r="BA190" s="893"/>
      <c r="BB190" s="893"/>
      <c r="BC190" s="893"/>
      <c r="BD190" s="893"/>
      <c r="BE190" s="893"/>
      <c r="BF190" s="893"/>
      <c r="BG190" s="746"/>
      <c r="BH190" s="746"/>
      <c r="BI190" s="746"/>
      <c r="BJ190" s="746"/>
      <c r="BK190" s="746"/>
      <c r="BL190" s="746"/>
      <c r="BM190" s="746"/>
      <c r="BN190" s="746"/>
      <c r="BO190" s="746"/>
      <c r="BP190" s="746"/>
      <c r="BQ190" s="746"/>
      <c r="BR190" s="746"/>
      <c r="BS190" s="884">
        <f t="shared" si="191"/>
        <v>500</v>
      </c>
      <c r="BT190" s="661">
        <f t="shared" si="262"/>
        <v>1113.4463999999998</v>
      </c>
      <c r="BU190" s="661"/>
      <c r="BV190" s="898" t="str">
        <f t="shared" si="264"/>
        <v/>
      </c>
      <c r="BW190" s="898" t="str">
        <f t="shared" si="265"/>
        <v/>
      </c>
      <c r="BX190" s="898" t="str">
        <f t="shared" si="266"/>
        <v/>
      </c>
      <c r="BY190" s="898" t="str">
        <f t="shared" si="267"/>
        <v/>
      </c>
      <c r="BZ190" s="898" t="str">
        <f t="shared" si="268"/>
        <v/>
      </c>
      <c r="CA190" s="898" t="str">
        <f t="shared" si="269"/>
        <v/>
      </c>
      <c r="CB190" s="898" t="str">
        <f t="shared" si="270"/>
        <v/>
      </c>
      <c r="CC190" s="898" t="str">
        <f t="shared" si="271"/>
        <v/>
      </c>
      <c r="CD190" s="898">
        <f t="shared" si="272"/>
        <v>556723.19999999995</v>
      </c>
      <c r="CE190" s="898" t="str">
        <f t="shared" si="273"/>
        <v/>
      </c>
      <c r="CF190" s="898" t="str">
        <f t="shared" si="274"/>
        <v/>
      </c>
      <c r="CG190" s="898" t="str">
        <f t="shared" si="275"/>
        <v/>
      </c>
      <c r="CH190" s="898" t="str">
        <f t="shared" si="276"/>
        <v/>
      </c>
      <c r="CI190" s="898" t="str">
        <f t="shared" si="277"/>
        <v/>
      </c>
      <c r="CJ190" s="898" t="str">
        <f t="shared" si="278"/>
        <v/>
      </c>
      <c r="CK190" s="898" t="str">
        <f t="shared" si="279"/>
        <v/>
      </c>
      <c r="CL190" s="898" t="str">
        <f t="shared" si="280"/>
        <v/>
      </c>
      <c r="CM190" s="898" t="str">
        <f t="shared" si="281"/>
        <v/>
      </c>
      <c r="CN190" s="898" t="str">
        <f t="shared" si="282"/>
        <v/>
      </c>
      <c r="CO190" s="898" t="str">
        <f t="shared" si="283"/>
        <v/>
      </c>
      <c r="CP190" s="898" t="str">
        <f t="shared" si="284"/>
        <v/>
      </c>
      <c r="CQ190" s="898" t="str">
        <f t="shared" si="285"/>
        <v/>
      </c>
      <c r="CR190" s="898" t="str">
        <f t="shared" si="286"/>
        <v/>
      </c>
      <c r="CS190" s="898" t="str">
        <f t="shared" si="287"/>
        <v/>
      </c>
      <c r="CT190" s="898" t="str">
        <f t="shared" si="288"/>
        <v/>
      </c>
      <c r="CU190" s="898" t="str">
        <f t="shared" si="289"/>
        <v/>
      </c>
      <c r="CV190" s="898" t="str">
        <f t="shared" si="290"/>
        <v/>
      </c>
      <c r="CW190" s="898" t="str">
        <f t="shared" si="291"/>
        <v/>
      </c>
      <c r="CX190" s="898" t="str">
        <f t="shared" si="292"/>
        <v/>
      </c>
      <c r="CY190" s="898" t="str">
        <f t="shared" si="293"/>
        <v/>
      </c>
      <c r="CZ190" s="898" t="str">
        <f t="shared" si="294"/>
        <v/>
      </c>
      <c r="DA190" s="898"/>
      <c r="DB190" s="898"/>
      <c r="DC190" s="898"/>
      <c r="DD190" s="898"/>
      <c r="DE190" s="898"/>
      <c r="DF190" s="898"/>
      <c r="DG190" s="898"/>
      <c r="DH190" s="898"/>
      <c r="DI190" s="898"/>
      <c r="DJ190" s="898"/>
      <c r="DK190" s="898"/>
      <c r="DL190" s="898"/>
      <c r="DM190" s="661">
        <f t="shared" si="193"/>
        <v>556723.19999999995</v>
      </c>
      <c r="DN190" s="898">
        <f t="shared" si="194"/>
        <v>0</v>
      </c>
      <c r="DO190" s="516">
        <f t="shared" si="195"/>
        <v>0</v>
      </c>
      <c r="DP190" s="898">
        <f t="shared" si="196"/>
        <v>0</v>
      </c>
      <c r="DQ190" s="483" t="s">
        <v>3902</v>
      </c>
      <c r="DR190" s="483" t="s">
        <v>3903</v>
      </c>
      <c r="DS190" s="483" t="s">
        <v>3098</v>
      </c>
      <c r="DT190" s="632"/>
    </row>
    <row r="191" spans="1:124" s="613" customFormat="1" ht="99.75" x14ac:dyDescent="0.2">
      <c r="A191" s="484" t="str">
        <f t="shared" si="190"/>
        <v>Contribution towards public parks and gardens in Plots 2/3 Kier Park, Maylands Avenue (Hm12)</v>
      </c>
      <c r="B191" s="1163">
        <v>188</v>
      </c>
      <c r="C191" s="481" t="s">
        <v>3928</v>
      </c>
      <c r="D191" s="481" t="s">
        <v>2481</v>
      </c>
      <c r="E191" s="481" t="s">
        <v>53</v>
      </c>
      <c r="F191" s="481" t="s">
        <v>515</v>
      </c>
      <c r="G191" s="654" t="s">
        <v>521</v>
      </c>
      <c r="H191" s="484" t="s">
        <v>3929</v>
      </c>
      <c r="I191" s="654"/>
      <c r="J191" s="78" t="s">
        <v>3930</v>
      </c>
      <c r="K191" s="515" t="s">
        <v>3104</v>
      </c>
      <c r="L191" s="657" t="s">
        <v>1371</v>
      </c>
      <c r="M191" s="654" t="s">
        <v>2996</v>
      </c>
      <c r="N191" s="897" t="s">
        <v>8</v>
      </c>
      <c r="O191" s="657" t="s">
        <v>3331</v>
      </c>
      <c r="P191" s="657" t="s">
        <v>53</v>
      </c>
      <c r="Q191" s="654" t="s">
        <v>570</v>
      </c>
      <c r="R191" s="654"/>
      <c r="S191" s="654"/>
      <c r="T191" s="723">
        <v>260546.45760000002</v>
      </c>
      <c r="U191" s="723"/>
      <c r="V191" s="654" t="s">
        <v>64</v>
      </c>
      <c r="W191" s="723">
        <f t="shared" si="295"/>
        <v>0</v>
      </c>
      <c r="X191" s="745">
        <f t="shared" si="263"/>
        <v>260546.45760000002</v>
      </c>
      <c r="Y191" s="723" t="s">
        <v>3106</v>
      </c>
      <c r="Z191" s="723"/>
      <c r="AA191" s="652" t="s">
        <v>82</v>
      </c>
      <c r="AB191" s="893"/>
      <c r="AC191" s="893"/>
      <c r="AD191" s="893"/>
      <c r="AE191" s="893"/>
      <c r="AF191" s="893"/>
      <c r="AG191" s="746"/>
      <c r="AH191" s="893"/>
      <c r="AI191" s="893"/>
      <c r="AJ191" s="893"/>
      <c r="AK191" s="893"/>
      <c r="AL191" s="893"/>
      <c r="AM191" s="893"/>
      <c r="AN191" s="746" t="s">
        <v>66</v>
      </c>
      <c r="AO191" s="893"/>
      <c r="AP191" s="893"/>
      <c r="AQ191" s="893"/>
      <c r="AR191" s="893"/>
      <c r="AS191" s="893"/>
      <c r="AT191" s="893"/>
      <c r="AU191" s="893"/>
      <c r="AV191" s="893"/>
      <c r="AW191" s="893"/>
      <c r="AX191" s="893"/>
      <c r="AY191" s="893"/>
      <c r="AZ191" s="893"/>
      <c r="BA191" s="893"/>
      <c r="BB191" s="893"/>
      <c r="BC191" s="893"/>
      <c r="BD191" s="893"/>
      <c r="BE191" s="893"/>
      <c r="BF191" s="893"/>
      <c r="BG191" s="746"/>
      <c r="BH191" s="746"/>
      <c r="BI191" s="746"/>
      <c r="BJ191" s="746"/>
      <c r="BK191" s="746"/>
      <c r="BL191" s="746"/>
      <c r="BM191" s="746"/>
      <c r="BN191" s="746"/>
      <c r="BO191" s="746"/>
      <c r="BP191" s="746"/>
      <c r="BQ191" s="746"/>
      <c r="BR191" s="746"/>
      <c r="BS191" s="884">
        <f t="shared" si="191"/>
        <v>234</v>
      </c>
      <c r="BT191" s="661">
        <f t="shared" si="262"/>
        <v>1113.4464</v>
      </c>
      <c r="BU191" s="661"/>
      <c r="BV191" s="898" t="str">
        <f t="shared" si="264"/>
        <v/>
      </c>
      <c r="BW191" s="898" t="str">
        <f t="shared" si="265"/>
        <v/>
      </c>
      <c r="BX191" s="898" t="str">
        <f t="shared" si="266"/>
        <v/>
      </c>
      <c r="BY191" s="898" t="str">
        <f t="shared" si="267"/>
        <v/>
      </c>
      <c r="BZ191" s="898" t="str">
        <f t="shared" si="268"/>
        <v/>
      </c>
      <c r="CA191" s="898" t="str">
        <f t="shared" si="269"/>
        <v/>
      </c>
      <c r="CB191" s="898" t="str">
        <f t="shared" si="270"/>
        <v/>
      </c>
      <c r="CC191" s="898" t="str">
        <f t="shared" si="271"/>
        <v/>
      </c>
      <c r="CD191" s="898" t="str">
        <f t="shared" si="272"/>
        <v/>
      </c>
      <c r="CE191" s="898" t="str">
        <f t="shared" si="273"/>
        <v/>
      </c>
      <c r="CF191" s="898" t="str">
        <f t="shared" si="274"/>
        <v/>
      </c>
      <c r="CG191" s="898" t="str">
        <f t="shared" si="275"/>
        <v/>
      </c>
      <c r="CH191" s="898">
        <f t="shared" si="276"/>
        <v>260546.45760000002</v>
      </c>
      <c r="CI191" s="898" t="str">
        <f t="shared" si="277"/>
        <v/>
      </c>
      <c r="CJ191" s="898" t="str">
        <f t="shared" si="278"/>
        <v/>
      </c>
      <c r="CK191" s="898" t="str">
        <f t="shared" si="279"/>
        <v/>
      </c>
      <c r="CL191" s="898" t="str">
        <f t="shared" si="280"/>
        <v/>
      </c>
      <c r="CM191" s="898" t="str">
        <f t="shared" si="281"/>
        <v/>
      </c>
      <c r="CN191" s="898" t="str">
        <f t="shared" si="282"/>
        <v/>
      </c>
      <c r="CO191" s="898" t="str">
        <f t="shared" si="283"/>
        <v/>
      </c>
      <c r="CP191" s="898" t="str">
        <f t="shared" si="284"/>
        <v/>
      </c>
      <c r="CQ191" s="898" t="str">
        <f t="shared" si="285"/>
        <v/>
      </c>
      <c r="CR191" s="898" t="str">
        <f t="shared" si="286"/>
        <v/>
      </c>
      <c r="CS191" s="898" t="str">
        <f t="shared" si="287"/>
        <v/>
      </c>
      <c r="CT191" s="898" t="str">
        <f t="shared" si="288"/>
        <v/>
      </c>
      <c r="CU191" s="898" t="str">
        <f t="shared" si="289"/>
        <v/>
      </c>
      <c r="CV191" s="898" t="str">
        <f t="shared" si="290"/>
        <v/>
      </c>
      <c r="CW191" s="898" t="str">
        <f t="shared" si="291"/>
        <v/>
      </c>
      <c r="CX191" s="898" t="str">
        <f t="shared" si="292"/>
        <v/>
      </c>
      <c r="CY191" s="898" t="str">
        <f t="shared" si="293"/>
        <v/>
      </c>
      <c r="CZ191" s="898" t="str">
        <f t="shared" si="294"/>
        <v/>
      </c>
      <c r="DA191" s="898"/>
      <c r="DB191" s="898"/>
      <c r="DC191" s="898"/>
      <c r="DD191" s="898"/>
      <c r="DE191" s="898"/>
      <c r="DF191" s="898"/>
      <c r="DG191" s="898"/>
      <c r="DH191" s="898"/>
      <c r="DI191" s="898"/>
      <c r="DJ191" s="898"/>
      <c r="DK191" s="898"/>
      <c r="DL191" s="898"/>
      <c r="DM191" s="661">
        <f t="shared" si="193"/>
        <v>260546.45760000002</v>
      </c>
      <c r="DN191" s="898">
        <f t="shared" si="194"/>
        <v>0</v>
      </c>
      <c r="DO191" s="516">
        <f t="shared" si="195"/>
        <v>0</v>
      </c>
      <c r="DP191" s="898">
        <f t="shared" si="196"/>
        <v>0</v>
      </c>
      <c r="DQ191" s="483" t="s">
        <v>3902</v>
      </c>
      <c r="DR191" s="483" t="s">
        <v>3903</v>
      </c>
      <c r="DS191" s="483" t="s">
        <v>3098</v>
      </c>
      <c r="DT191" s="632"/>
    </row>
    <row r="192" spans="1:124" s="613" customFormat="1" ht="99.75" x14ac:dyDescent="0.2">
      <c r="A192" s="484" t="str">
        <f t="shared" si="190"/>
        <v>Contribution towards public parks and gardens in Shendish Manor and Fairfields (Hm11)</v>
      </c>
      <c r="B192" s="1163">
        <v>189</v>
      </c>
      <c r="C192" s="481" t="s">
        <v>3931</v>
      </c>
      <c r="D192" s="481" t="s">
        <v>2481</v>
      </c>
      <c r="E192" s="481" t="s">
        <v>53</v>
      </c>
      <c r="F192" s="481" t="s">
        <v>515</v>
      </c>
      <c r="G192" s="654" t="s">
        <v>521</v>
      </c>
      <c r="H192" s="484" t="s">
        <v>3932</v>
      </c>
      <c r="I192" s="654"/>
      <c r="J192" s="78" t="s">
        <v>3933</v>
      </c>
      <c r="K192" s="515" t="s">
        <v>3104</v>
      </c>
      <c r="L192" s="657" t="s">
        <v>1369</v>
      </c>
      <c r="M192" s="654" t="s">
        <v>2996</v>
      </c>
      <c r="N192" s="897" t="s">
        <v>60</v>
      </c>
      <c r="O192" s="657" t="s">
        <v>3331</v>
      </c>
      <c r="P192" s="657" t="s">
        <v>53</v>
      </c>
      <c r="Q192" s="654" t="s">
        <v>382</v>
      </c>
      <c r="R192" s="654"/>
      <c r="S192" s="654"/>
      <c r="T192" s="723">
        <v>556723.19999999995</v>
      </c>
      <c r="U192" s="723"/>
      <c r="V192" s="654" t="s">
        <v>64</v>
      </c>
      <c r="W192" s="723">
        <f t="shared" si="295"/>
        <v>0</v>
      </c>
      <c r="X192" s="745">
        <f t="shared" si="263"/>
        <v>556723.19999999995</v>
      </c>
      <c r="Y192" s="723" t="s">
        <v>3106</v>
      </c>
      <c r="Z192" s="723"/>
      <c r="AA192" s="652" t="s">
        <v>82</v>
      </c>
      <c r="AB192" s="893"/>
      <c r="AC192" s="893"/>
      <c r="AD192" s="893"/>
      <c r="AE192" s="893"/>
      <c r="AF192" s="893"/>
      <c r="AG192" s="746"/>
      <c r="AH192" s="893"/>
      <c r="AI192" s="893"/>
      <c r="AJ192" s="893"/>
      <c r="AK192" s="746" t="s">
        <v>66</v>
      </c>
      <c r="AL192" s="893"/>
      <c r="AM192" s="893"/>
      <c r="AN192" s="893"/>
      <c r="AO192" s="893"/>
      <c r="AP192" s="893"/>
      <c r="AQ192" s="893"/>
      <c r="AR192" s="893"/>
      <c r="AS192" s="893"/>
      <c r="AT192" s="893"/>
      <c r="AU192" s="893"/>
      <c r="AV192" s="893"/>
      <c r="AW192" s="893"/>
      <c r="AX192" s="893"/>
      <c r="AY192" s="893"/>
      <c r="AZ192" s="893"/>
      <c r="BA192" s="893"/>
      <c r="BB192" s="893"/>
      <c r="BC192" s="893"/>
      <c r="BD192" s="893"/>
      <c r="BE192" s="893"/>
      <c r="BF192" s="893"/>
      <c r="BG192" s="746"/>
      <c r="BH192" s="746"/>
      <c r="BI192" s="746"/>
      <c r="BJ192" s="746"/>
      <c r="BK192" s="746"/>
      <c r="BL192" s="746"/>
      <c r="BM192" s="746"/>
      <c r="BN192" s="746"/>
      <c r="BO192" s="746"/>
      <c r="BP192" s="746"/>
      <c r="BQ192" s="746"/>
      <c r="BR192" s="746"/>
      <c r="BS192" s="884">
        <f t="shared" si="191"/>
        <v>500</v>
      </c>
      <c r="BT192" s="661">
        <f t="shared" si="262"/>
        <v>1113.4463999999998</v>
      </c>
      <c r="BU192" s="661"/>
      <c r="BV192" s="898" t="str">
        <f t="shared" si="264"/>
        <v/>
      </c>
      <c r="BW192" s="898" t="str">
        <f t="shared" si="265"/>
        <v/>
      </c>
      <c r="BX192" s="898" t="str">
        <f t="shared" si="266"/>
        <v/>
      </c>
      <c r="BY192" s="898" t="str">
        <f t="shared" si="267"/>
        <v/>
      </c>
      <c r="BZ192" s="898" t="str">
        <f t="shared" si="268"/>
        <v/>
      </c>
      <c r="CA192" s="898" t="str">
        <f t="shared" si="269"/>
        <v/>
      </c>
      <c r="CB192" s="898" t="str">
        <f t="shared" si="270"/>
        <v/>
      </c>
      <c r="CC192" s="898" t="str">
        <f t="shared" si="271"/>
        <v/>
      </c>
      <c r="CD192" s="898" t="str">
        <f t="shared" si="272"/>
        <v/>
      </c>
      <c r="CE192" s="898">
        <f t="shared" si="273"/>
        <v>556723.19999999995</v>
      </c>
      <c r="CF192" s="898" t="str">
        <f t="shared" si="274"/>
        <v/>
      </c>
      <c r="CG192" s="898" t="str">
        <f t="shared" si="275"/>
        <v/>
      </c>
      <c r="CH192" s="898" t="str">
        <f t="shared" si="276"/>
        <v/>
      </c>
      <c r="CI192" s="898" t="str">
        <f t="shared" si="277"/>
        <v/>
      </c>
      <c r="CJ192" s="898" t="str">
        <f t="shared" si="278"/>
        <v/>
      </c>
      <c r="CK192" s="898" t="str">
        <f t="shared" si="279"/>
        <v/>
      </c>
      <c r="CL192" s="898" t="str">
        <f t="shared" si="280"/>
        <v/>
      </c>
      <c r="CM192" s="898" t="str">
        <f t="shared" si="281"/>
        <v/>
      </c>
      <c r="CN192" s="898" t="str">
        <f t="shared" si="282"/>
        <v/>
      </c>
      <c r="CO192" s="898" t="str">
        <f t="shared" si="283"/>
        <v/>
      </c>
      <c r="CP192" s="898" t="str">
        <f t="shared" si="284"/>
        <v/>
      </c>
      <c r="CQ192" s="898" t="str">
        <f t="shared" si="285"/>
        <v/>
      </c>
      <c r="CR192" s="898" t="str">
        <f t="shared" si="286"/>
        <v/>
      </c>
      <c r="CS192" s="898" t="str">
        <f t="shared" si="287"/>
        <v/>
      </c>
      <c r="CT192" s="898" t="str">
        <f t="shared" si="288"/>
        <v/>
      </c>
      <c r="CU192" s="898" t="str">
        <f t="shared" si="289"/>
        <v/>
      </c>
      <c r="CV192" s="898" t="str">
        <f t="shared" si="290"/>
        <v/>
      </c>
      <c r="CW192" s="898" t="str">
        <f t="shared" si="291"/>
        <v/>
      </c>
      <c r="CX192" s="898" t="str">
        <f t="shared" si="292"/>
        <v/>
      </c>
      <c r="CY192" s="898" t="str">
        <f t="shared" si="293"/>
        <v/>
      </c>
      <c r="CZ192" s="898" t="str">
        <f t="shared" si="294"/>
        <v/>
      </c>
      <c r="DA192" s="898"/>
      <c r="DB192" s="898"/>
      <c r="DC192" s="898"/>
      <c r="DD192" s="898"/>
      <c r="DE192" s="898"/>
      <c r="DF192" s="898"/>
      <c r="DG192" s="898"/>
      <c r="DH192" s="898"/>
      <c r="DI192" s="898"/>
      <c r="DJ192" s="898"/>
      <c r="DK192" s="898"/>
      <c r="DL192" s="898"/>
      <c r="DM192" s="661">
        <f t="shared" si="193"/>
        <v>556723.19999999995</v>
      </c>
      <c r="DN192" s="898">
        <f t="shared" si="194"/>
        <v>0</v>
      </c>
      <c r="DO192" s="516">
        <f t="shared" si="195"/>
        <v>0</v>
      </c>
      <c r="DP192" s="898">
        <f t="shared" si="196"/>
        <v>0</v>
      </c>
      <c r="DQ192" s="483" t="s">
        <v>3902</v>
      </c>
      <c r="DR192" s="483" t="s">
        <v>3903</v>
      </c>
      <c r="DS192" s="483" t="s">
        <v>3098</v>
      </c>
      <c r="DT192" s="632"/>
    </row>
    <row r="193" spans="1:124" s="613" customFormat="1" ht="99.75" x14ac:dyDescent="0.2">
      <c r="A193" s="484" t="str">
        <f t="shared" si="190"/>
        <v xml:space="preserve">Contribution towards public parks and gardens in Polehanger Lane (Hm13) </v>
      </c>
      <c r="B193" s="1163">
        <v>190</v>
      </c>
      <c r="C193" s="481" t="s">
        <v>3934</v>
      </c>
      <c r="D193" s="481" t="s">
        <v>2481</v>
      </c>
      <c r="E193" s="481" t="s">
        <v>53</v>
      </c>
      <c r="F193" s="481" t="s">
        <v>515</v>
      </c>
      <c r="G193" s="654" t="s">
        <v>521</v>
      </c>
      <c r="H193" s="484" t="s">
        <v>3935</v>
      </c>
      <c r="I193" s="654"/>
      <c r="J193" s="78" t="s">
        <v>3936</v>
      </c>
      <c r="K193" s="515" t="s">
        <v>3104</v>
      </c>
      <c r="L193" s="657" t="s">
        <v>3590</v>
      </c>
      <c r="M193" s="654" t="s">
        <v>2996</v>
      </c>
      <c r="N193" s="897" t="s">
        <v>60</v>
      </c>
      <c r="O193" s="657" t="s">
        <v>3331</v>
      </c>
      <c r="P193" s="657" t="s">
        <v>53</v>
      </c>
      <c r="Q193" s="654" t="s">
        <v>390</v>
      </c>
      <c r="R193" s="654"/>
      <c r="S193" s="654"/>
      <c r="T193" s="723">
        <v>835084.80000000016</v>
      </c>
      <c r="U193" s="723"/>
      <c r="V193" s="654" t="s">
        <v>64</v>
      </c>
      <c r="W193" s="723">
        <f t="shared" si="295"/>
        <v>0</v>
      </c>
      <c r="X193" s="745">
        <f t="shared" si="263"/>
        <v>835084.80000000016</v>
      </c>
      <c r="Y193" s="723" t="s">
        <v>3106</v>
      </c>
      <c r="Z193" s="723"/>
      <c r="AA193" s="652" t="s">
        <v>82</v>
      </c>
      <c r="AB193" s="893"/>
      <c r="AC193" s="893"/>
      <c r="AD193" s="893"/>
      <c r="AE193" s="893"/>
      <c r="AF193" s="893"/>
      <c r="AG193" s="746"/>
      <c r="AH193" s="893"/>
      <c r="AI193" s="893"/>
      <c r="AJ193" s="893"/>
      <c r="AK193" s="893"/>
      <c r="AL193" s="746" t="s">
        <v>66</v>
      </c>
      <c r="AM193" s="893"/>
      <c r="AN193" s="893"/>
      <c r="AO193" s="893"/>
      <c r="AP193" s="893"/>
      <c r="AQ193" s="893"/>
      <c r="AR193" s="893"/>
      <c r="AS193" s="893"/>
      <c r="AT193" s="893"/>
      <c r="AU193" s="893"/>
      <c r="AV193" s="893"/>
      <c r="AW193" s="893"/>
      <c r="AX193" s="893"/>
      <c r="AY193" s="893"/>
      <c r="AZ193" s="893"/>
      <c r="BA193" s="893"/>
      <c r="BB193" s="893"/>
      <c r="BC193" s="893"/>
      <c r="BD193" s="893"/>
      <c r="BE193" s="893"/>
      <c r="BF193" s="893"/>
      <c r="BG193" s="746"/>
      <c r="BH193" s="746"/>
      <c r="BI193" s="746"/>
      <c r="BJ193" s="746"/>
      <c r="BK193" s="746"/>
      <c r="BL193" s="746"/>
      <c r="BM193" s="746"/>
      <c r="BN193" s="746"/>
      <c r="BO193" s="746"/>
      <c r="BP193" s="746"/>
      <c r="BQ193" s="746"/>
      <c r="BR193" s="746"/>
      <c r="BS193" s="884">
        <f t="shared" si="191"/>
        <v>750</v>
      </c>
      <c r="BT193" s="661">
        <f t="shared" si="262"/>
        <v>1113.4464000000003</v>
      </c>
      <c r="BU193" s="661"/>
      <c r="BV193" s="898" t="str">
        <f t="shared" si="264"/>
        <v/>
      </c>
      <c r="BW193" s="898" t="str">
        <f t="shared" si="265"/>
        <v/>
      </c>
      <c r="BX193" s="898" t="str">
        <f t="shared" si="266"/>
        <v/>
      </c>
      <c r="BY193" s="898" t="str">
        <f t="shared" si="267"/>
        <v/>
      </c>
      <c r="BZ193" s="898" t="str">
        <f t="shared" si="268"/>
        <v/>
      </c>
      <c r="CA193" s="898" t="str">
        <f t="shared" si="269"/>
        <v/>
      </c>
      <c r="CB193" s="898" t="str">
        <f t="shared" si="270"/>
        <v/>
      </c>
      <c r="CC193" s="898" t="str">
        <f t="shared" si="271"/>
        <v/>
      </c>
      <c r="CD193" s="898" t="str">
        <f t="shared" si="272"/>
        <v/>
      </c>
      <c r="CE193" s="898" t="str">
        <f t="shared" si="273"/>
        <v/>
      </c>
      <c r="CF193" s="898">
        <f t="shared" si="274"/>
        <v>835084.80000000016</v>
      </c>
      <c r="CG193" s="898" t="str">
        <f t="shared" si="275"/>
        <v/>
      </c>
      <c r="CH193" s="898" t="str">
        <f t="shared" si="276"/>
        <v/>
      </c>
      <c r="CI193" s="898" t="str">
        <f t="shared" si="277"/>
        <v/>
      </c>
      <c r="CJ193" s="898" t="str">
        <f t="shared" si="278"/>
        <v/>
      </c>
      <c r="CK193" s="898" t="str">
        <f t="shared" si="279"/>
        <v/>
      </c>
      <c r="CL193" s="898" t="str">
        <f t="shared" si="280"/>
        <v/>
      </c>
      <c r="CM193" s="898" t="str">
        <f t="shared" si="281"/>
        <v/>
      </c>
      <c r="CN193" s="898" t="str">
        <f t="shared" si="282"/>
        <v/>
      </c>
      <c r="CO193" s="898" t="str">
        <f t="shared" si="283"/>
        <v/>
      </c>
      <c r="CP193" s="898" t="str">
        <f t="shared" si="284"/>
        <v/>
      </c>
      <c r="CQ193" s="898" t="str">
        <f t="shared" si="285"/>
        <v/>
      </c>
      <c r="CR193" s="898" t="str">
        <f t="shared" si="286"/>
        <v/>
      </c>
      <c r="CS193" s="898" t="str">
        <f t="shared" si="287"/>
        <v/>
      </c>
      <c r="CT193" s="898" t="str">
        <f t="shared" si="288"/>
        <v/>
      </c>
      <c r="CU193" s="898" t="str">
        <f t="shared" si="289"/>
        <v/>
      </c>
      <c r="CV193" s="898" t="str">
        <f t="shared" si="290"/>
        <v/>
      </c>
      <c r="CW193" s="898" t="str">
        <f t="shared" si="291"/>
        <v/>
      </c>
      <c r="CX193" s="898" t="str">
        <f t="shared" si="292"/>
        <v/>
      </c>
      <c r="CY193" s="898" t="str">
        <f t="shared" si="293"/>
        <v/>
      </c>
      <c r="CZ193" s="898" t="str">
        <f t="shared" si="294"/>
        <v/>
      </c>
      <c r="DA193" s="898"/>
      <c r="DB193" s="898"/>
      <c r="DC193" s="898"/>
      <c r="DD193" s="898"/>
      <c r="DE193" s="898"/>
      <c r="DF193" s="898"/>
      <c r="DG193" s="898"/>
      <c r="DH193" s="898"/>
      <c r="DI193" s="898"/>
      <c r="DJ193" s="898"/>
      <c r="DK193" s="898"/>
      <c r="DL193" s="898"/>
      <c r="DM193" s="661">
        <f t="shared" si="193"/>
        <v>835084.80000000016</v>
      </c>
      <c r="DN193" s="898">
        <f t="shared" si="194"/>
        <v>0</v>
      </c>
      <c r="DO193" s="516">
        <f t="shared" si="195"/>
        <v>0</v>
      </c>
      <c r="DP193" s="898">
        <f t="shared" si="196"/>
        <v>0</v>
      </c>
      <c r="DQ193" s="483" t="s">
        <v>3902</v>
      </c>
      <c r="DR193" s="483" t="s">
        <v>3903</v>
      </c>
      <c r="DS193" s="483" t="s">
        <v>3098</v>
      </c>
      <c r="DT193" s="632"/>
    </row>
    <row r="194" spans="1:124" s="613" customFormat="1" ht="99.75" x14ac:dyDescent="0.2">
      <c r="A194" s="484" t="str">
        <f t="shared" si="190"/>
        <v>Contribution towards public parks and gardens in Marchmont Farm (Hm14)</v>
      </c>
      <c r="B194" s="1163">
        <v>191</v>
      </c>
      <c r="C194" s="481" t="s">
        <v>3937</v>
      </c>
      <c r="D194" s="481" t="s">
        <v>2481</v>
      </c>
      <c r="E194" s="481" t="s">
        <v>53</v>
      </c>
      <c r="F194" s="481" t="s">
        <v>515</v>
      </c>
      <c r="G194" s="654" t="s">
        <v>521</v>
      </c>
      <c r="H194" s="484" t="s">
        <v>3938</v>
      </c>
      <c r="I194" s="654"/>
      <c r="J194" s="78" t="s">
        <v>3939</v>
      </c>
      <c r="K194" s="515" t="s">
        <v>3104</v>
      </c>
      <c r="L194" s="657" t="s">
        <v>2609</v>
      </c>
      <c r="M194" s="654" t="s">
        <v>2996</v>
      </c>
      <c r="N194" s="897" t="s">
        <v>60</v>
      </c>
      <c r="O194" s="657" t="s">
        <v>3331</v>
      </c>
      <c r="P194" s="657" t="s">
        <v>53</v>
      </c>
      <c r="Q194" s="654" t="s">
        <v>187</v>
      </c>
      <c r="R194" s="654"/>
      <c r="S194" s="654"/>
      <c r="T194" s="723">
        <v>389706.23999999999</v>
      </c>
      <c r="U194" s="723"/>
      <c r="V194" s="654" t="s">
        <v>64</v>
      </c>
      <c r="W194" s="723">
        <f t="shared" si="295"/>
        <v>0</v>
      </c>
      <c r="X194" s="745">
        <f t="shared" si="263"/>
        <v>389706.23999999999</v>
      </c>
      <c r="Y194" s="723" t="s">
        <v>3106</v>
      </c>
      <c r="Z194" s="723"/>
      <c r="AA194" s="652" t="s">
        <v>82</v>
      </c>
      <c r="AB194" s="893"/>
      <c r="AC194" s="893"/>
      <c r="AD194" s="893"/>
      <c r="AE194" s="893"/>
      <c r="AF194" s="893"/>
      <c r="AG194" s="746"/>
      <c r="AH194" s="893"/>
      <c r="AI194" s="893"/>
      <c r="AJ194" s="893"/>
      <c r="AK194" s="893"/>
      <c r="AL194" s="893"/>
      <c r="AM194" s="893"/>
      <c r="AN194" s="893"/>
      <c r="AO194" s="746" t="s">
        <v>66</v>
      </c>
      <c r="AP194" s="893"/>
      <c r="AQ194" s="893"/>
      <c r="AR194" s="893"/>
      <c r="AS194" s="893"/>
      <c r="AT194" s="893"/>
      <c r="AU194" s="893"/>
      <c r="AV194" s="893"/>
      <c r="AW194" s="893"/>
      <c r="AX194" s="893"/>
      <c r="AY194" s="893"/>
      <c r="AZ194" s="893"/>
      <c r="BA194" s="893"/>
      <c r="BB194" s="893"/>
      <c r="BC194" s="893"/>
      <c r="BD194" s="893"/>
      <c r="BE194" s="893"/>
      <c r="BF194" s="893"/>
      <c r="BG194" s="746"/>
      <c r="BH194" s="746"/>
      <c r="BI194" s="746"/>
      <c r="BJ194" s="746"/>
      <c r="BK194" s="746"/>
      <c r="BL194" s="746"/>
      <c r="BM194" s="746"/>
      <c r="BN194" s="746"/>
      <c r="BO194" s="746"/>
      <c r="BP194" s="746"/>
      <c r="BQ194" s="746"/>
      <c r="BR194" s="746"/>
      <c r="BS194" s="884">
        <f t="shared" si="191"/>
        <v>350</v>
      </c>
      <c r="BT194" s="661">
        <f t="shared" si="262"/>
        <v>1113.4464</v>
      </c>
      <c r="BU194" s="661"/>
      <c r="BV194" s="898" t="str">
        <f t="shared" si="264"/>
        <v/>
      </c>
      <c r="BW194" s="898" t="str">
        <f t="shared" si="265"/>
        <v/>
      </c>
      <c r="BX194" s="898" t="str">
        <f t="shared" si="266"/>
        <v/>
      </c>
      <c r="BY194" s="898" t="str">
        <f t="shared" si="267"/>
        <v/>
      </c>
      <c r="BZ194" s="898" t="str">
        <f t="shared" si="268"/>
        <v/>
      </c>
      <c r="CA194" s="898" t="str">
        <f t="shared" si="269"/>
        <v/>
      </c>
      <c r="CB194" s="898" t="str">
        <f t="shared" si="270"/>
        <v/>
      </c>
      <c r="CC194" s="898" t="str">
        <f t="shared" si="271"/>
        <v/>
      </c>
      <c r="CD194" s="898" t="str">
        <f t="shared" si="272"/>
        <v/>
      </c>
      <c r="CE194" s="898" t="str">
        <f t="shared" si="273"/>
        <v/>
      </c>
      <c r="CF194" s="898" t="str">
        <f t="shared" si="274"/>
        <v/>
      </c>
      <c r="CG194" s="898" t="str">
        <f t="shared" si="275"/>
        <v/>
      </c>
      <c r="CH194" s="898" t="str">
        <f t="shared" si="276"/>
        <v/>
      </c>
      <c r="CI194" s="898">
        <f t="shared" si="277"/>
        <v>389706.23999999999</v>
      </c>
      <c r="CJ194" s="898" t="str">
        <f t="shared" si="278"/>
        <v/>
      </c>
      <c r="CK194" s="898" t="str">
        <f t="shared" si="279"/>
        <v/>
      </c>
      <c r="CL194" s="898" t="str">
        <f t="shared" si="280"/>
        <v/>
      </c>
      <c r="CM194" s="898" t="str">
        <f t="shared" si="281"/>
        <v/>
      </c>
      <c r="CN194" s="898" t="str">
        <f t="shared" si="282"/>
        <v/>
      </c>
      <c r="CO194" s="898" t="str">
        <f t="shared" si="283"/>
        <v/>
      </c>
      <c r="CP194" s="898" t="str">
        <f t="shared" si="284"/>
        <v/>
      </c>
      <c r="CQ194" s="898" t="str">
        <f t="shared" si="285"/>
        <v/>
      </c>
      <c r="CR194" s="898" t="str">
        <f t="shared" si="286"/>
        <v/>
      </c>
      <c r="CS194" s="898" t="str">
        <f t="shared" si="287"/>
        <v/>
      </c>
      <c r="CT194" s="898" t="str">
        <f t="shared" si="288"/>
        <v/>
      </c>
      <c r="CU194" s="898" t="str">
        <f t="shared" si="289"/>
        <v/>
      </c>
      <c r="CV194" s="898" t="str">
        <f t="shared" si="290"/>
        <v/>
      </c>
      <c r="CW194" s="898" t="str">
        <f t="shared" si="291"/>
        <v/>
      </c>
      <c r="CX194" s="898" t="str">
        <f t="shared" si="292"/>
        <v/>
      </c>
      <c r="CY194" s="898" t="str">
        <f t="shared" si="293"/>
        <v/>
      </c>
      <c r="CZ194" s="898" t="str">
        <f t="shared" si="294"/>
        <v/>
      </c>
      <c r="DA194" s="898"/>
      <c r="DB194" s="898"/>
      <c r="DC194" s="898"/>
      <c r="DD194" s="898"/>
      <c r="DE194" s="898"/>
      <c r="DF194" s="898"/>
      <c r="DG194" s="898"/>
      <c r="DH194" s="898"/>
      <c r="DI194" s="898"/>
      <c r="DJ194" s="898"/>
      <c r="DK194" s="898"/>
      <c r="DL194" s="898"/>
      <c r="DM194" s="661">
        <f t="shared" si="193"/>
        <v>389706.23999999999</v>
      </c>
      <c r="DN194" s="898">
        <f t="shared" si="194"/>
        <v>0</v>
      </c>
      <c r="DO194" s="516">
        <f t="shared" si="195"/>
        <v>0</v>
      </c>
      <c r="DP194" s="898">
        <f t="shared" si="196"/>
        <v>0</v>
      </c>
      <c r="DQ194" s="483" t="s">
        <v>3902</v>
      </c>
      <c r="DR194" s="483" t="s">
        <v>3903</v>
      </c>
      <c r="DS194" s="483" t="s">
        <v>3098</v>
      </c>
      <c r="DT194" s="632"/>
    </row>
    <row r="195" spans="1:124" s="613" customFormat="1" ht="99.75" x14ac:dyDescent="0.2">
      <c r="A195" s="484" t="str">
        <f t="shared" si="190"/>
        <v xml:space="preserve">Contribution towards public parks and gardens in Old Town (Hm15) </v>
      </c>
      <c r="B195" s="1163">
        <v>192</v>
      </c>
      <c r="C195" s="481" t="s">
        <v>3940</v>
      </c>
      <c r="D195" s="481" t="s">
        <v>2481</v>
      </c>
      <c r="E195" s="481" t="s">
        <v>53</v>
      </c>
      <c r="F195" s="481" t="s">
        <v>515</v>
      </c>
      <c r="G195" s="654" t="s">
        <v>521</v>
      </c>
      <c r="H195" s="484" t="s">
        <v>3941</v>
      </c>
      <c r="I195" s="654"/>
      <c r="J195" s="78" t="s">
        <v>3942</v>
      </c>
      <c r="K195" s="515" t="s">
        <v>3104</v>
      </c>
      <c r="L195" s="657" t="s">
        <v>3066</v>
      </c>
      <c r="M195" s="654" t="s">
        <v>2996</v>
      </c>
      <c r="N195" s="897" t="s">
        <v>8</v>
      </c>
      <c r="O195" s="657" t="s">
        <v>3331</v>
      </c>
      <c r="P195" s="657" t="s">
        <v>53</v>
      </c>
      <c r="Q195" s="654" t="s">
        <v>392</v>
      </c>
      <c r="R195" s="654"/>
      <c r="S195" s="654"/>
      <c r="T195" s="723">
        <v>100210.17600000001</v>
      </c>
      <c r="U195" s="723"/>
      <c r="V195" s="654" t="s">
        <v>64</v>
      </c>
      <c r="W195" s="723">
        <f t="shared" si="295"/>
        <v>0</v>
      </c>
      <c r="X195" s="745">
        <f t="shared" si="263"/>
        <v>100210.17600000001</v>
      </c>
      <c r="Y195" s="723" t="s">
        <v>3106</v>
      </c>
      <c r="Z195" s="723"/>
      <c r="AA195" s="652" t="s">
        <v>82</v>
      </c>
      <c r="AB195" s="893"/>
      <c r="AC195" s="893"/>
      <c r="AD195" s="893"/>
      <c r="AE195" s="893"/>
      <c r="AF195" s="893"/>
      <c r="AG195" s="746"/>
      <c r="AH195" s="893"/>
      <c r="AI195" s="893"/>
      <c r="AJ195" s="893"/>
      <c r="AK195" s="893"/>
      <c r="AL195" s="893"/>
      <c r="AM195" s="893"/>
      <c r="AN195" s="893"/>
      <c r="AO195" s="893"/>
      <c r="AP195" s="893" t="s">
        <v>66</v>
      </c>
      <c r="AQ195" s="893"/>
      <c r="AR195" s="893"/>
      <c r="AS195" s="893"/>
      <c r="AT195" s="893"/>
      <c r="AU195" s="893"/>
      <c r="AV195" s="893"/>
      <c r="AW195" s="893"/>
      <c r="AX195" s="893"/>
      <c r="AY195" s="893"/>
      <c r="AZ195" s="893"/>
      <c r="BA195" s="893"/>
      <c r="BB195" s="893"/>
      <c r="BC195" s="893"/>
      <c r="BD195" s="893"/>
      <c r="BE195" s="893"/>
      <c r="BF195" s="893"/>
      <c r="BG195" s="746"/>
      <c r="BH195" s="746"/>
      <c r="BI195" s="746"/>
      <c r="BJ195" s="746"/>
      <c r="BK195" s="746"/>
      <c r="BL195" s="746"/>
      <c r="BM195" s="746"/>
      <c r="BN195" s="746"/>
      <c r="BO195" s="746"/>
      <c r="BP195" s="746"/>
      <c r="BQ195" s="746"/>
      <c r="BR195" s="746"/>
      <c r="BS195" s="884">
        <f t="shared" si="191"/>
        <v>90</v>
      </c>
      <c r="BT195" s="661">
        <f t="shared" si="262"/>
        <v>1113.4464</v>
      </c>
      <c r="BU195" s="661"/>
      <c r="BV195" s="898" t="str">
        <f t="shared" si="264"/>
        <v/>
      </c>
      <c r="BW195" s="898" t="str">
        <f t="shared" si="265"/>
        <v/>
      </c>
      <c r="BX195" s="898" t="str">
        <f t="shared" si="266"/>
        <v/>
      </c>
      <c r="BY195" s="898" t="str">
        <f t="shared" si="267"/>
        <v/>
      </c>
      <c r="BZ195" s="898" t="str">
        <f t="shared" si="268"/>
        <v/>
      </c>
      <c r="CA195" s="898" t="str">
        <f t="shared" si="269"/>
        <v/>
      </c>
      <c r="CB195" s="898" t="str">
        <f t="shared" si="270"/>
        <v/>
      </c>
      <c r="CC195" s="898" t="str">
        <f t="shared" si="271"/>
        <v/>
      </c>
      <c r="CD195" s="898" t="str">
        <f t="shared" si="272"/>
        <v/>
      </c>
      <c r="CE195" s="898" t="str">
        <f t="shared" si="273"/>
        <v/>
      </c>
      <c r="CF195" s="898" t="str">
        <f t="shared" si="274"/>
        <v/>
      </c>
      <c r="CG195" s="898" t="str">
        <f t="shared" si="275"/>
        <v/>
      </c>
      <c r="CH195" s="898" t="str">
        <f t="shared" si="276"/>
        <v/>
      </c>
      <c r="CI195" s="898" t="str">
        <f t="shared" si="277"/>
        <v/>
      </c>
      <c r="CJ195" s="898">
        <f t="shared" si="278"/>
        <v>100210.17600000001</v>
      </c>
      <c r="CK195" s="898" t="str">
        <f t="shared" si="279"/>
        <v/>
      </c>
      <c r="CL195" s="898" t="str">
        <f t="shared" si="280"/>
        <v/>
      </c>
      <c r="CM195" s="898" t="str">
        <f t="shared" si="281"/>
        <v/>
      </c>
      <c r="CN195" s="898" t="str">
        <f t="shared" si="282"/>
        <v/>
      </c>
      <c r="CO195" s="898" t="str">
        <f t="shared" si="283"/>
        <v/>
      </c>
      <c r="CP195" s="898" t="str">
        <f t="shared" si="284"/>
        <v/>
      </c>
      <c r="CQ195" s="898" t="str">
        <f t="shared" si="285"/>
        <v/>
      </c>
      <c r="CR195" s="898" t="str">
        <f t="shared" si="286"/>
        <v/>
      </c>
      <c r="CS195" s="898" t="str">
        <f t="shared" si="287"/>
        <v/>
      </c>
      <c r="CT195" s="898" t="str">
        <f t="shared" si="288"/>
        <v/>
      </c>
      <c r="CU195" s="898" t="str">
        <f t="shared" si="289"/>
        <v/>
      </c>
      <c r="CV195" s="898" t="str">
        <f t="shared" si="290"/>
        <v/>
      </c>
      <c r="CW195" s="898" t="str">
        <f t="shared" si="291"/>
        <v/>
      </c>
      <c r="CX195" s="898" t="str">
        <f t="shared" si="292"/>
        <v/>
      </c>
      <c r="CY195" s="898" t="str">
        <f t="shared" si="293"/>
        <v/>
      </c>
      <c r="CZ195" s="898" t="str">
        <f t="shared" si="294"/>
        <v/>
      </c>
      <c r="DA195" s="898"/>
      <c r="DB195" s="898"/>
      <c r="DC195" s="898"/>
      <c r="DD195" s="898"/>
      <c r="DE195" s="898"/>
      <c r="DF195" s="898"/>
      <c r="DG195" s="898"/>
      <c r="DH195" s="898"/>
      <c r="DI195" s="898"/>
      <c r="DJ195" s="898"/>
      <c r="DK195" s="898"/>
      <c r="DL195" s="898"/>
      <c r="DM195" s="661">
        <f t="shared" si="193"/>
        <v>100210.17600000001</v>
      </c>
      <c r="DN195" s="898">
        <f t="shared" si="194"/>
        <v>0</v>
      </c>
      <c r="DO195" s="516">
        <f t="shared" si="195"/>
        <v>0</v>
      </c>
      <c r="DP195" s="898">
        <f t="shared" si="196"/>
        <v>0</v>
      </c>
      <c r="DQ195" s="483" t="s">
        <v>3902</v>
      </c>
      <c r="DR195" s="483" t="s">
        <v>3903</v>
      </c>
      <c r="DS195" s="483" t="s">
        <v>3098</v>
      </c>
      <c r="DT195" s="632"/>
    </row>
    <row r="196" spans="1:124" s="613" customFormat="1" ht="99.75" x14ac:dyDescent="0.2">
      <c r="A196" s="484" t="str">
        <f t="shared" ref="A196:A259" si="296">H196</f>
        <v>Contribution towards public parks and gardens in Site to the south of Green Lane (Hm16)</v>
      </c>
      <c r="B196" s="1163">
        <v>193</v>
      </c>
      <c r="C196" s="481" t="s">
        <v>3943</v>
      </c>
      <c r="D196" s="481" t="s">
        <v>2481</v>
      </c>
      <c r="E196" s="481" t="s">
        <v>53</v>
      </c>
      <c r="F196" s="481" t="s">
        <v>515</v>
      </c>
      <c r="G196" s="654" t="s">
        <v>521</v>
      </c>
      <c r="H196" s="484" t="s">
        <v>3944</v>
      </c>
      <c r="I196" s="654"/>
      <c r="J196" s="78" t="s">
        <v>3945</v>
      </c>
      <c r="K196" s="515" t="s">
        <v>3104</v>
      </c>
      <c r="L196" s="657" t="s">
        <v>1374</v>
      </c>
      <c r="M196" s="654" t="s">
        <v>2996</v>
      </c>
      <c r="N196" s="897" t="s">
        <v>8</v>
      </c>
      <c r="O196" s="657" t="s">
        <v>3331</v>
      </c>
      <c r="P196" s="657" t="s">
        <v>53</v>
      </c>
      <c r="Q196" s="654" t="s">
        <v>377</v>
      </c>
      <c r="R196" s="654"/>
      <c r="S196" s="654"/>
      <c r="T196" s="723">
        <v>89075.712</v>
      </c>
      <c r="U196" s="723"/>
      <c r="V196" s="654" t="s">
        <v>64</v>
      </c>
      <c r="W196" s="723">
        <f t="shared" si="295"/>
        <v>0</v>
      </c>
      <c r="X196" s="745">
        <f t="shared" si="263"/>
        <v>89075.712</v>
      </c>
      <c r="Y196" s="723" t="s">
        <v>3106</v>
      </c>
      <c r="Z196" s="723"/>
      <c r="AA196" s="652" t="s">
        <v>82</v>
      </c>
      <c r="AB196" s="893"/>
      <c r="AC196" s="893"/>
      <c r="AD196" s="893"/>
      <c r="AE196" s="893"/>
      <c r="AF196" s="893"/>
      <c r="AG196" s="746"/>
      <c r="AH196" s="893"/>
      <c r="AI196" s="893"/>
      <c r="AJ196" s="893"/>
      <c r="AK196" s="893"/>
      <c r="AL196" s="893"/>
      <c r="AM196" s="893"/>
      <c r="AN196" s="893"/>
      <c r="AO196" s="893"/>
      <c r="AP196" s="893"/>
      <c r="AQ196" s="746" t="s">
        <v>66</v>
      </c>
      <c r="AR196" s="893"/>
      <c r="AS196" s="893"/>
      <c r="AT196" s="893"/>
      <c r="AU196" s="893"/>
      <c r="AV196" s="893"/>
      <c r="AW196" s="893"/>
      <c r="AX196" s="893"/>
      <c r="AY196" s="893"/>
      <c r="AZ196" s="893"/>
      <c r="BA196" s="893"/>
      <c r="BB196" s="893"/>
      <c r="BC196" s="893"/>
      <c r="BD196" s="893"/>
      <c r="BE196" s="893"/>
      <c r="BF196" s="893"/>
      <c r="BG196" s="746"/>
      <c r="BH196" s="746"/>
      <c r="BI196" s="746"/>
      <c r="BJ196" s="746"/>
      <c r="BK196" s="746"/>
      <c r="BL196" s="746"/>
      <c r="BM196" s="746"/>
      <c r="BN196" s="746"/>
      <c r="BO196" s="746"/>
      <c r="BP196" s="746"/>
      <c r="BQ196" s="746"/>
      <c r="BR196" s="746"/>
      <c r="BS196" s="884">
        <f t="shared" ref="BS196:BS259" si="297">SUMIF(AB196:BR196,"YES",$AB$3:$BR$3)</f>
        <v>80</v>
      </c>
      <c r="BT196" s="661">
        <f t="shared" ref="BT196:BT198" si="298">X196/BS196</f>
        <v>1113.4464</v>
      </c>
      <c r="BU196" s="661"/>
      <c r="BV196" s="898" t="str">
        <f t="shared" si="264"/>
        <v/>
      </c>
      <c r="BW196" s="898" t="str">
        <f t="shared" si="265"/>
        <v/>
      </c>
      <c r="BX196" s="898" t="str">
        <f t="shared" si="266"/>
        <v/>
      </c>
      <c r="BY196" s="898" t="str">
        <f t="shared" si="267"/>
        <v/>
      </c>
      <c r="BZ196" s="898" t="str">
        <f t="shared" si="268"/>
        <v/>
      </c>
      <c r="CA196" s="898" t="str">
        <f t="shared" si="269"/>
        <v/>
      </c>
      <c r="CB196" s="898" t="str">
        <f t="shared" si="270"/>
        <v/>
      </c>
      <c r="CC196" s="898" t="str">
        <f t="shared" si="271"/>
        <v/>
      </c>
      <c r="CD196" s="898" t="str">
        <f t="shared" si="272"/>
        <v/>
      </c>
      <c r="CE196" s="898" t="str">
        <f t="shared" si="273"/>
        <v/>
      </c>
      <c r="CF196" s="898" t="str">
        <f t="shared" si="274"/>
        <v/>
      </c>
      <c r="CG196" s="898" t="str">
        <f t="shared" si="275"/>
        <v/>
      </c>
      <c r="CH196" s="898" t="str">
        <f t="shared" si="276"/>
        <v/>
      </c>
      <c r="CI196" s="898" t="str">
        <f t="shared" si="277"/>
        <v/>
      </c>
      <c r="CJ196" s="898" t="str">
        <f t="shared" si="278"/>
        <v/>
      </c>
      <c r="CK196" s="898">
        <f t="shared" si="279"/>
        <v>89075.712</v>
      </c>
      <c r="CL196" s="898" t="str">
        <f t="shared" si="280"/>
        <v/>
      </c>
      <c r="CM196" s="898" t="str">
        <f t="shared" si="281"/>
        <v/>
      </c>
      <c r="CN196" s="898" t="str">
        <f t="shared" si="282"/>
        <v/>
      </c>
      <c r="CO196" s="898" t="str">
        <f t="shared" si="283"/>
        <v/>
      </c>
      <c r="CP196" s="898" t="str">
        <f t="shared" si="284"/>
        <v/>
      </c>
      <c r="CQ196" s="898" t="str">
        <f t="shared" si="285"/>
        <v/>
      </c>
      <c r="CR196" s="898" t="str">
        <f t="shared" si="286"/>
        <v/>
      </c>
      <c r="CS196" s="898" t="str">
        <f t="shared" si="287"/>
        <v/>
      </c>
      <c r="CT196" s="898" t="str">
        <f t="shared" si="288"/>
        <v/>
      </c>
      <c r="CU196" s="898" t="str">
        <f t="shared" si="289"/>
        <v/>
      </c>
      <c r="CV196" s="898" t="str">
        <f t="shared" si="290"/>
        <v/>
      </c>
      <c r="CW196" s="898" t="str">
        <f t="shared" si="291"/>
        <v/>
      </c>
      <c r="CX196" s="898" t="str">
        <f t="shared" si="292"/>
        <v/>
      </c>
      <c r="CY196" s="898" t="str">
        <f t="shared" si="293"/>
        <v/>
      </c>
      <c r="CZ196" s="898" t="str">
        <f t="shared" si="294"/>
        <v/>
      </c>
      <c r="DA196" s="898"/>
      <c r="DB196" s="898"/>
      <c r="DC196" s="898"/>
      <c r="DD196" s="898"/>
      <c r="DE196" s="898"/>
      <c r="DF196" s="898"/>
      <c r="DG196" s="898"/>
      <c r="DH196" s="898"/>
      <c r="DI196" s="898"/>
      <c r="DJ196" s="898"/>
      <c r="DK196" s="898"/>
      <c r="DL196" s="898"/>
      <c r="DM196" s="661">
        <f t="shared" ref="DM196:DM259" si="299">SUM(BV196:CL196)</f>
        <v>89075.712</v>
      </c>
      <c r="DN196" s="898">
        <f t="shared" ref="DN196:DN259" si="300">SUM(DI196:DL196)</f>
        <v>0</v>
      </c>
      <c r="DO196" s="516">
        <f t="shared" ref="DO196:DO259" si="301">SUM(CM196:CZ196)</f>
        <v>0</v>
      </c>
      <c r="DP196" s="898">
        <f t="shared" ref="DP196:DP259" si="302">SUM(DA196:DH196)</f>
        <v>0</v>
      </c>
      <c r="DQ196" s="483" t="s">
        <v>3902</v>
      </c>
      <c r="DR196" s="483" t="s">
        <v>3903</v>
      </c>
      <c r="DS196" s="483" t="s">
        <v>3098</v>
      </c>
      <c r="DT196" s="632"/>
    </row>
    <row r="197" spans="1:124" s="613" customFormat="1" ht="99.75" x14ac:dyDescent="0.2">
      <c r="A197" s="484" t="str">
        <f t="shared" si="296"/>
        <v>Contribution towards public parks and gardens in Grovehill Local Centre (Henry Wells Square) (Grovehill NDP)</v>
      </c>
      <c r="B197" s="1163">
        <v>194</v>
      </c>
      <c r="C197" s="481" t="s">
        <v>3946</v>
      </c>
      <c r="D197" s="481" t="s">
        <v>2481</v>
      </c>
      <c r="E197" s="481" t="s">
        <v>53</v>
      </c>
      <c r="F197" s="481" t="s">
        <v>515</v>
      </c>
      <c r="G197" s="654" t="s">
        <v>521</v>
      </c>
      <c r="H197" s="484" t="s">
        <v>3947</v>
      </c>
      <c r="I197" s="654"/>
      <c r="J197" s="78" t="s">
        <v>3948</v>
      </c>
      <c r="K197" s="515" t="s">
        <v>3104</v>
      </c>
      <c r="L197" s="657" t="s">
        <v>3058</v>
      </c>
      <c r="M197" s="654" t="s">
        <v>2996</v>
      </c>
      <c r="N197" s="897" t="s">
        <v>8</v>
      </c>
      <c r="O197" s="657" t="s">
        <v>3331</v>
      </c>
      <c r="P197" s="657" t="s">
        <v>53</v>
      </c>
      <c r="Q197" s="654" t="s">
        <v>395</v>
      </c>
      <c r="R197" s="654"/>
      <c r="S197" s="654"/>
      <c r="T197" s="723">
        <v>222689.28</v>
      </c>
      <c r="U197" s="723"/>
      <c r="V197" s="654" t="s">
        <v>64</v>
      </c>
      <c r="W197" s="723">
        <f t="shared" si="295"/>
        <v>0</v>
      </c>
      <c r="X197" s="745">
        <f t="shared" si="263"/>
        <v>222689.28</v>
      </c>
      <c r="Y197" s="723" t="s">
        <v>3106</v>
      </c>
      <c r="Z197" s="723"/>
      <c r="AA197" s="652" t="s">
        <v>82</v>
      </c>
      <c r="AB197" s="893"/>
      <c r="AC197" s="893"/>
      <c r="AD197" s="893"/>
      <c r="AE197" s="893"/>
      <c r="AF197" s="893"/>
      <c r="AG197" s="746"/>
      <c r="AH197" s="893"/>
      <c r="AI197" s="893"/>
      <c r="AJ197" s="893"/>
      <c r="AK197" s="893"/>
      <c r="AL197" s="893"/>
      <c r="AM197" s="746" t="s">
        <v>66</v>
      </c>
      <c r="AN197" s="893"/>
      <c r="AO197" s="893"/>
      <c r="AP197" s="893"/>
      <c r="AQ197" s="893"/>
      <c r="AR197" s="893"/>
      <c r="AS197" s="893"/>
      <c r="AT197" s="893"/>
      <c r="AU197" s="893"/>
      <c r="AV197" s="893"/>
      <c r="AW197" s="893"/>
      <c r="AX197" s="893"/>
      <c r="AY197" s="893"/>
      <c r="AZ197" s="893"/>
      <c r="BA197" s="893"/>
      <c r="BB197" s="893"/>
      <c r="BC197" s="893"/>
      <c r="BD197" s="893"/>
      <c r="BE197" s="893"/>
      <c r="BF197" s="893"/>
      <c r="BG197" s="746"/>
      <c r="BH197" s="746"/>
      <c r="BI197" s="746"/>
      <c r="BJ197" s="746"/>
      <c r="BK197" s="746"/>
      <c r="BL197" s="746"/>
      <c r="BM197" s="746"/>
      <c r="BN197" s="746"/>
      <c r="BO197" s="746"/>
      <c r="BP197" s="746"/>
      <c r="BQ197" s="746"/>
      <c r="BR197" s="746"/>
      <c r="BS197" s="884">
        <f t="shared" si="297"/>
        <v>200</v>
      </c>
      <c r="BT197" s="661">
        <f t="shared" si="298"/>
        <v>1113.4464</v>
      </c>
      <c r="BU197" s="661"/>
      <c r="BV197" s="898" t="str">
        <f t="shared" si="264"/>
        <v/>
      </c>
      <c r="BW197" s="898" t="str">
        <f t="shared" si="265"/>
        <v/>
      </c>
      <c r="BX197" s="898" t="str">
        <f t="shared" si="266"/>
        <v/>
      </c>
      <c r="BY197" s="898" t="str">
        <f t="shared" si="267"/>
        <v/>
      </c>
      <c r="BZ197" s="898" t="str">
        <f t="shared" si="268"/>
        <v/>
      </c>
      <c r="CA197" s="898" t="str">
        <f t="shared" si="269"/>
        <v/>
      </c>
      <c r="CB197" s="898" t="str">
        <f t="shared" si="270"/>
        <v/>
      </c>
      <c r="CC197" s="898" t="str">
        <f t="shared" si="271"/>
        <v/>
      </c>
      <c r="CD197" s="898" t="str">
        <f t="shared" si="272"/>
        <v/>
      </c>
      <c r="CE197" s="898" t="str">
        <f t="shared" si="273"/>
        <v/>
      </c>
      <c r="CF197" s="898" t="str">
        <f t="shared" si="274"/>
        <v/>
      </c>
      <c r="CG197" s="898">
        <f t="shared" si="275"/>
        <v>222689.28</v>
      </c>
      <c r="CH197" s="898" t="str">
        <f t="shared" si="276"/>
        <v/>
      </c>
      <c r="CI197" s="898" t="str">
        <f t="shared" si="277"/>
        <v/>
      </c>
      <c r="CJ197" s="898" t="str">
        <f t="shared" si="278"/>
        <v/>
      </c>
      <c r="CK197" s="898" t="str">
        <f t="shared" si="279"/>
        <v/>
      </c>
      <c r="CL197" s="898" t="str">
        <f t="shared" si="280"/>
        <v/>
      </c>
      <c r="CM197" s="898" t="str">
        <f t="shared" si="281"/>
        <v/>
      </c>
      <c r="CN197" s="898" t="str">
        <f t="shared" si="282"/>
        <v/>
      </c>
      <c r="CO197" s="898" t="str">
        <f t="shared" si="283"/>
        <v/>
      </c>
      <c r="CP197" s="898" t="str">
        <f t="shared" si="284"/>
        <v/>
      </c>
      <c r="CQ197" s="898" t="str">
        <f t="shared" si="285"/>
        <v/>
      </c>
      <c r="CR197" s="898" t="str">
        <f t="shared" si="286"/>
        <v/>
      </c>
      <c r="CS197" s="898" t="str">
        <f t="shared" si="287"/>
        <v/>
      </c>
      <c r="CT197" s="898" t="str">
        <f t="shared" si="288"/>
        <v/>
      </c>
      <c r="CU197" s="898" t="str">
        <f t="shared" si="289"/>
        <v/>
      </c>
      <c r="CV197" s="898" t="str">
        <f t="shared" si="290"/>
        <v/>
      </c>
      <c r="CW197" s="898" t="str">
        <f t="shared" si="291"/>
        <v/>
      </c>
      <c r="CX197" s="898" t="str">
        <f t="shared" si="292"/>
        <v/>
      </c>
      <c r="CY197" s="898" t="str">
        <f t="shared" si="293"/>
        <v/>
      </c>
      <c r="CZ197" s="898" t="str">
        <f t="shared" si="294"/>
        <v/>
      </c>
      <c r="DA197" s="898"/>
      <c r="DB197" s="898"/>
      <c r="DC197" s="898"/>
      <c r="DD197" s="898"/>
      <c r="DE197" s="898"/>
      <c r="DF197" s="898"/>
      <c r="DG197" s="898"/>
      <c r="DH197" s="898"/>
      <c r="DI197" s="898"/>
      <c r="DJ197" s="898"/>
      <c r="DK197" s="898"/>
      <c r="DL197" s="898"/>
      <c r="DM197" s="661">
        <f t="shared" si="299"/>
        <v>222689.28</v>
      </c>
      <c r="DN197" s="898">
        <f t="shared" si="300"/>
        <v>0</v>
      </c>
      <c r="DO197" s="516">
        <f t="shared" si="301"/>
        <v>0</v>
      </c>
      <c r="DP197" s="898">
        <f t="shared" si="302"/>
        <v>0</v>
      </c>
      <c r="DQ197" s="483" t="s">
        <v>3902</v>
      </c>
      <c r="DR197" s="483" t="s">
        <v>3903</v>
      </c>
      <c r="DS197" s="483" t="s">
        <v>3098</v>
      </c>
      <c r="DT197" s="632"/>
    </row>
    <row r="198" spans="1:124" s="613" customFormat="1" ht="99.75" x14ac:dyDescent="0.2">
      <c r="A198" s="484" t="str">
        <f t="shared" si="296"/>
        <v>Contribution towards public parks and gardens across windfall sites</v>
      </c>
      <c r="B198" s="1163">
        <v>195</v>
      </c>
      <c r="C198" s="481" t="s">
        <v>3949</v>
      </c>
      <c r="D198" s="481" t="s">
        <v>2481</v>
      </c>
      <c r="E198" s="481" t="s">
        <v>53</v>
      </c>
      <c r="F198" s="481" t="s">
        <v>515</v>
      </c>
      <c r="G198" s="654" t="s">
        <v>521</v>
      </c>
      <c r="H198" s="484" t="s">
        <v>3950</v>
      </c>
      <c r="I198" s="654"/>
      <c r="J198" s="78" t="s">
        <v>3951</v>
      </c>
      <c r="K198" s="515" t="s">
        <v>3104</v>
      </c>
      <c r="L198" s="657" t="s">
        <v>310</v>
      </c>
      <c r="M198" s="654" t="s">
        <v>2996</v>
      </c>
      <c r="N198" s="657" t="s">
        <v>81</v>
      </c>
      <c r="O198" s="657" t="s">
        <v>3331</v>
      </c>
      <c r="P198" s="657" t="s">
        <v>53</v>
      </c>
      <c r="Q198" s="654" t="s">
        <v>225</v>
      </c>
      <c r="R198" s="654"/>
      <c r="S198" s="654"/>
      <c r="T198" s="723">
        <v>2650002.432</v>
      </c>
      <c r="U198" s="723"/>
      <c r="V198" s="654" t="s">
        <v>64</v>
      </c>
      <c r="W198" s="723">
        <f t="shared" si="295"/>
        <v>0</v>
      </c>
      <c r="X198" s="745">
        <f t="shared" si="263"/>
        <v>2650002.432</v>
      </c>
      <c r="Y198" s="723" t="s">
        <v>3106</v>
      </c>
      <c r="Z198" s="723"/>
      <c r="AA198" s="652" t="s">
        <v>82</v>
      </c>
      <c r="AB198" s="893"/>
      <c r="AC198" s="893"/>
      <c r="AD198" s="893"/>
      <c r="AE198" s="893"/>
      <c r="AF198" s="893"/>
      <c r="AG198" s="746"/>
      <c r="AH198" s="893"/>
      <c r="AI198" s="893"/>
      <c r="AJ198" s="893"/>
      <c r="AK198" s="893"/>
      <c r="AL198" s="893"/>
      <c r="AM198" s="893"/>
      <c r="AN198" s="893"/>
      <c r="AO198" s="893"/>
      <c r="AP198" s="893"/>
      <c r="AQ198" s="893"/>
      <c r="AR198" s="746" t="s">
        <v>66</v>
      </c>
      <c r="AS198" s="893"/>
      <c r="AT198" s="893"/>
      <c r="AU198" s="893"/>
      <c r="AV198" s="893"/>
      <c r="AW198" s="893"/>
      <c r="AX198" s="893"/>
      <c r="AY198" s="893"/>
      <c r="AZ198" s="893"/>
      <c r="BA198" s="893"/>
      <c r="BB198" s="893"/>
      <c r="BC198" s="893"/>
      <c r="BD198" s="893"/>
      <c r="BE198" s="893"/>
      <c r="BF198" s="893"/>
      <c r="BG198" s="746"/>
      <c r="BH198" s="746"/>
      <c r="BI198" s="746"/>
      <c r="BJ198" s="746"/>
      <c r="BK198" s="746"/>
      <c r="BL198" s="746"/>
      <c r="BM198" s="746"/>
      <c r="BN198" s="746"/>
      <c r="BO198" s="746"/>
      <c r="BP198" s="746"/>
      <c r="BQ198" s="746"/>
      <c r="BR198" s="746"/>
      <c r="BS198" s="884">
        <f t="shared" si="297"/>
        <v>2380</v>
      </c>
      <c r="BT198" s="661">
        <f t="shared" si="298"/>
        <v>1113.4464</v>
      </c>
      <c r="BU198" s="661"/>
      <c r="BV198" s="898" t="str">
        <f t="shared" si="264"/>
        <v/>
      </c>
      <c r="BW198" s="898" t="str">
        <f t="shared" si="265"/>
        <v/>
      </c>
      <c r="BX198" s="898" t="str">
        <f t="shared" si="266"/>
        <v/>
      </c>
      <c r="BY198" s="898" t="str">
        <f t="shared" si="267"/>
        <v/>
      </c>
      <c r="BZ198" s="898" t="str">
        <f t="shared" si="268"/>
        <v/>
      </c>
      <c r="CA198" s="898" t="str">
        <f t="shared" si="269"/>
        <v/>
      </c>
      <c r="CB198" s="898" t="str">
        <f t="shared" si="270"/>
        <v/>
      </c>
      <c r="CC198" s="898" t="str">
        <f t="shared" si="271"/>
        <v/>
      </c>
      <c r="CD198" s="898" t="str">
        <f t="shared" si="272"/>
        <v/>
      </c>
      <c r="CE198" s="898" t="str">
        <f t="shared" si="273"/>
        <v/>
      </c>
      <c r="CF198" s="898" t="str">
        <f t="shared" si="274"/>
        <v/>
      </c>
      <c r="CG198" s="898" t="str">
        <f t="shared" si="275"/>
        <v/>
      </c>
      <c r="CH198" s="898" t="str">
        <f t="shared" si="276"/>
        <v/>
      </c>
      <c r="CI198" s="898" t="str">
        <f t="shared" si="277"/>
        <v/>
      </c>
      <c r="CJ198" s="898" t="str">
        <f t="shared" si="278"/>
        <v/>
      </c>
      <c r="CK198" s="898" t="str">
        <f t="shared" si="279"/>
        <v/>
      </c>
      <c r="CL198" s="898">
        <f t="shared" si="280"/>
        <v>2650002.432</v>
      </c>
      <c r="CM198" s="898" t="str">
        <f t="shared" si="281"/>
        <v/>
      </c>
      <c r="CN198" s="898" t="str">
        <f t="shared" si="282"/>
        <v/>
      </c>
      <c r="CO198" s="898" t="str">
        <f t="shared" si="283"/>
        <v/>
      </c>
      <c r="CP198" s="898" t="str">
        <f t="shared" si="284"/>
        <v/>
      </c>
      <c r="CQ198" s="898" t="str">
        <f t="shared" si="285"/>
        <v/>
      </c>
      <c r="CR198" s="898" t="str">
        <f t="shared" si="286"/>
        <v/>
      </c>
      <c r="CS198" s="898" t="str">
        <f t="shared" si="287"/>
        <v/>
      </c>
      <c r="CT198" s="898" t="str">
        <f t="shared" si="288"/>
        <v/>
      </c>
      <c r="CU198" s="898" t="str">
        <f t="shared" si="289"/>
        <v/>
      </c>
      <c r="CV198" s="898" t="str">
        <f t="shared" si="290"/>
        <v/>
      </c>
      <c r="CW198" s="898" t="str">
        <f t="shared" si="291"/>
        <v/>
      </c>
      <c r="CX198" s="898" t="str">
        <f t="shared" si="292"/>
        <v/>
      </c>
      <c r="CY198" s="898" t="str">
        <f t="shared" si="293"/>
        <v/>
      </c>
      <c r="CZ198" s="898" t="str">
        <f t="shared" si="294"/>
        <v/>
      </c>
      <c r="DA198" s="898"/>
      <c r="DB198" s="898"/>
      <c r="DC198" s="898"/>
      <c r="DD198" s="898"/>
      <c r="DE198" s="898"/>
      <c r="DF198" s="898"/>
      <c r="DG198" s="898"/>
      <c r="DH198" s="898"/>
      <c r="DI198" s="898"/>
      <c r="DJ198" s="898"/>
      <c r="DK198" s="898"/>
      <c r="DL198" s="898"/>
      <c r="DM198" s="661">
        <f t="shared" si="299"/>
        <v>2650002.432</v>
      </c>
      <c r="DN198" s="898">
        <f t="shared" si="300"/>
        <v>0</v>
      </c>
      <c r="DO198" s="516">
        <f t="shared" si="301"/>
        <v>0</v>
      </c>
      <c r="DP198" s="898">
        <f t="shared" si="302"/>
        <v>0</v>
      </c>
      <c r="DQ198" s="483" t="s">
        <v>3902</v>
      </c>
      <c r="DR198" s="483" t="s">
        <v>3903</v>
      </c>
      <c r="DS198" s="483" t="s">
        <v>3098</v>
      </c>
      <c r="DT198" s="632"/>
    </row>
    <row r="199" spans="1:124" s="613" customFormat="1" ht="384.75" x14ac:dyDescent="0.2">
      <c r="A199" s="484" t="str">
        <f t="shared" si="296"/>
        <v>Healthcare Infrastructure investment to support development at North Hemel Hempstead (H1)</v>
      </c>
      <c r="B199" s="1163">
        <v>196</v>
      </c>
      <c r="C199" s="511" t="s">
        <v>3952</v>
      </c>
      <c r="D199" s="511" t="s">
        <v>2182</v>
      </c>
      <c r="E199" s="511" t="s">
        <v>1385</v>
      </c>
      <c r="F199" s="511" t="s">
        <v>1341</v>
      </c>
      <c r="G199" s="515" t="s">
        <v>154</v>
      </c>
      <c r="H199" s="513" t="s">
        <v>3953</v>
      </c>
      <c r="I199" s="515"/>
      <c r="J199" s="711" t="s">
        <v>3954</v>
      </c>
      <c r="K199" s="654" t="s">
        <v>58</v>
      </c>
      <c r="L199" s="515" t="s">
        <v>1375</v>
      </c>
      <c r="M199" s="654" t="s">
        <v>3027</v>
      </c>
      <c r="N199" s="742" t="s">
        <v>8</v>
      </c>
      <c r="O199" s="654" t="s">
        <v>3084</v>
      </c>
      <c r="P199" s="654" t="s">
        <v>3084</v>
      </c>
      <c r="Q199" s="515" t="s">
        <v>3359</v>
      </c>
      <c r="R199" s="654"/>
      <c r="S199" s="654"/>
      <c r="T199" s="723">
        <f>DI199</f>
        <v>2508000</v>
      </c>
      <c r="U199" s="523"/>
      <c r="V199" s="657" t="s">
        <v>3955</v>
      </c>
      <c r="W199" s="744">
        <f t="shared" si="295"/>
        <v>0</v>
      </c>
      <c r="X199" s="745">
        <f>T199</f>
        <v>2508000</v>
      </c>
      <c r="Y199" s="723" t="s">
        <v>3106</v>
      </c>
      <c r="Z199" s="723"/>
      <c r="AA199" s="712" t="s">
        <v>65</v>
      </c>
      <c r="AB199" s="516"/>
      <c r="AC199" s="516"/>
      <c r="AD199" s="516"/>
      <c r="AE199" s="516"/>
      <c r="AF199" s="516"/>
      <c r="AG199" s="516"/>
      <c r="AH199" s="516"/>
      <c r="AI199" s="516"/>
      <c r="AJ199" s="516"/>
      <c r="AK199" s="516"/>
      <c r="AL199" s="516"/>
      <c r="AM199" s="516"/>
      <c r="AN199" s="516"/>
      <c r="AO199" s="516"/>
      <c r="AP199" s="516"/>
      <c r="AQ199" s="516"/>
      <c r="AR199" s="516"/>
      <c r="AS199" s="516"/>
      <c r="AT199" s="516"/>
      <c r="AU199" s="516"/>
      <c r="AV199" s="516"/>
      <c r="AW199" s="516"/>
      <c r="AX199" s="516"/>
      <c r="AY199" s="516"/>
      <c r="AZ199" s="516"/>
      <c r="BA199" s="516"/>
      <c r="BB199" s="516"/>
      <c r="BC199" s="516"/>
      <c r="BD199" s="516"/>
      <c r="BE199" s="516"/>
      <c r="BF199" s="516"/>
      <c r="BG199" s="516"/>
      <c r="BH199" s="516"/>
      <c r="BI199" s="516"/>
      <c r="BJ199" s="524"/>
      <c r="BK199" s="524"/>
      <c r="BL199" s="516"/>
      <c r="BM199" s="516"/>
      <c r="BN199" s="516"/>
      <c r="BO199" s="516" t="s">
        <v>66</v>
      </c>
      <c r="BP199" s="516"/>
      <c r="BQ199" s="516"/>
      <c r="BR199" s="516"/>
      <c r="BS199" s="884">
        <f t="shared" si="297"/>
        <v>1500</v>
      </c>
      <c r="BT199" s="661">
        <v>1672</v>
      </c>
      <c r="BU199" s="661"/>
      <c r="BV199" s="898" t="str">
        <f t="shared" si="264"/>
        <v/>
      </c>
      <c r="BW199" s="898" t="str">
        <f t="shared" si="265"/>
        <v/>
      </c>
      <c r="BX199" s="898" t="str">
        <f t="shared" si="266"/>
        <v/>
      </c>
      <c r="BY199" s="898" t="str">
        <f t="shared" si="267"/>
        <v/>
      </c>
      <c r="BZ199" s="898" t="str">
        <f t="shared" si="268"/>
        <v/>
      </c>
      <c r="CA199" s="898" t="str">
        <f t="shared" si="269"/>
        <v/>
      </c>
      <c r="CB199" s="898" t="str">
        <f t="shared" si="270"/>
        <v/>
      </c>
      <c r="CC199" s="898" t="str">
        <f t="shared" si="271"/>
        <v/>
      </c>
      <c r="CD199" s="898" t="str">
        <f t="shared" si="272"/>
        <v/>
      </c>
      <c r="CE199" s="898" t="str">
        <f t="shared" si="273"/>
        <v/>
      </c>
      <c r="CF199" s="898" t="str">
        <f t="shared" si="274"/>
        <v/>
      </c>
      <c r="CG199" s="898" t="str">
        <f t="shared" si="275"/>
        <v/>
      </c>
      <c r="CH199" s="898" t="str">
        <f t="shared" si="276"/>
        <v/>
      </c>
      <c r="CI199" s="898" t="str">
        <f t="shared" si="277"/>
        <v/>
      </c>
      <c r="CJ199" s="898" t="str">
        <f t="shared" si="278"/>
        <v/>
      </c>
      <c r="CK199" s="898" t="str">
        <f t="shared" si="279"/>
        <v/>
      </c>
      <c r="CL199" s="898" t="str">
        <f t="shared" si="280"/>
        <v/>
      </c>
      <c r="CM199" s="898" t="str">
        <f t="shared" si="281"/>
        <v/>
      </c>
      <c r="CN199" s="898" t="str">
        <f t="shared" si="282"/>
        <v/>
      </c>
      <c r="CO199" s="898" t="str">
        <f t="shared" si="283"/>
        <v/>
      </c>
      <c r="CP199" s="898" t="str">
        <f t="shared" si="284"/>
        <v/>
      </c>
      <c r="CQ199" s="898" t="str">
        <f t="shared" si="285"/>
        <v/>
      </c>
      <c r="CR199" s="898" t="str">
        <f t="shared" si="286"/>
        <v/>
      </c>
      <c r="CS199" s="898" t="str">
        <f t="shared" si="287"/>
        <v/>
      </c>
      <c r="CT199" s="898" t="str">
        <f t="shared" si="288"/>
        <v/>
      </c>
      <c r="CU199" s="898" t="str">
        <f t="shared" si="289"/>
        <v/>
      </c>
      <c r="CV199" s="898" t="str">
        <f t="shared" si="290"/>
        <v/>
      </c>
      <c r="CW199" s="898" t="str">
        <f t="shared" si="291"/>
        <v/>
      </c>
      <c r="CX199" s="898" t="str">
        <f t="shared" si="292"/>
        <v/>
      </c>
      <c r="CY199" s="898" t="str">
        <f t="shared" si="293"/>
        <v/>
      </c>
      <c r="CZ199" s="898" t="str">
        <f t="shared" si="294"/>
        <v/>
      </c>
      <c r="DA199" s="898" t="str">
        <f t="shared" ref="DA199:DH201" si="303">IF(BG199="yes",(BG$3*$BT199),"")</f>
        <v/>
      </c>
      <c r="DB199" s="898" t="str">
        <f t="shared" si="303"/>
        <v/>
      </c>
      <c r="DC199" s="898" t="str">
        <f t="shared" si="303"/>
        <v/>
      </c>
      <c r="DD199" s="898" t="str">
        <f t="shared" si="303"/>
        <v/>
      </c>
      <c r="DE199" s="898" t="str">
        <f t="shared" si="303"/>
        <v/>
      </c>
      <c r="DF199" s="898" t="str">
        <f t="shared" si="303"/>
        <v/>
      </c>
      <c r="DG199" s="898" t="str">
        <f t="shared" si="303"/>
        <v/>
      </c>
      <c r="DH199" s="898" t="str">
        <f t="shared" si="303"/>
        <v/>
      </c>
      <c r="DI199" s="898">
        <f>1672*DI3</f>
        <v>2508000</v>
      </c>
      <c r="DJ199" s="898" t="str">
        <f>IF(BP199="yes",(BP$3*$BT199),"")</f>
        <v/>
      </c>
      <c r="DK199" s="898" t="str">
        <f>IF(BQ199="yes",(BQ$3*$BT199),"")</f>
        <v/>
      </c>
      <c r="DL199" s="898" t="str">
        <f>IF(BR199="yes",(BR$3*$BT199),"")</f>
        <v/>
      </c>
      <c r="DM199" s="661">
        <f t="shared" si="299"/>
        <v>0</v>
      </c>
      <c r="DN199" s="898">
        <f t="shared" si="300"/>
        <v>2508000</v>
      </c>
      <c r="DO199" s="516">
        <f t="shared" si="301"/>
        <v>0</v>
      </c>
      <c r="DP199" s="898">
        <f t="shared" si="302"/>
        <v>0</v>
      </c>
      <c r="DQ199" s="934" t="s">
        <v>3116</v>
      </c>
      <c r="DR199" s="935" t="s">
        <v>3956</v>
      </c>
      <c r="DS199" s="1218" t="s">
        <v>3117</v>
      </c>
      <c r="DT199" s="632"/>
    </row>
    <row r="200" spans="1:124" s="613" customFormat="1" ht="384.75" x14ac:dyDescent="0.2">
      <c r="A200" s="484" t="str">
        <f t="shared" si="296"/>
        <v>Healthcare Infrastructure investment to support development at East Hemel Hempstead (North) (H2)</v>
      </c>
      <c r="B200" s="1163">
        <v>197</v>
      </c>
      <c r="C200" s="511" t="s">
        <v>3957</v>
      </c>
      <c r="D200" s="511" t="s">
        <v>2182</v>
      </c>
      <c r="E200" s="511" t="s">
        <v>1385</v>
      </c>
      <c r="F200" s="511" t="s">
        <v>1341</v>
      </c>
      <c r="G200" s="515" t="s">
        <v>154</v>
      </c>
      <c r="H200" s="513" t="s">
        <v>3088</v>
      </c>
      <c r="I200" s="515"/>
      <c r="J200" s="711" t="s">
        <v>3089</v>
      </c>
      <c r="K200" s="654" t="s">
        <v>58</v>
      </c>
      <c r="L200" s="515" t="s">
        <v>1376</v>
      </c>
      <c r="M200" s="663" t="s">
        <v>3325</v>
      </c>
      <c r="N200" s="742" t="s">
        <v>60</v>
      </c>
      <c r="O200" s="654" t="s">
        <v>3084</v>
      </c>
      <c r="P200" s="654" t="s">
        <v>3084</v>
      </c>
      <c r="Q200" s="515" t="s">
        <v>169</v>
      </c>
      <c r="R200" s="654"/>
      <c r="S200" s="654"/>
      <c r="T200" s="724">
        <f>DJ200</f>
        <v>2675200</v>
      </c>
      <c r="U200" s="523"/>
      <c r="V200" s="657" t="s">
        <v>3955</v>
      </c>
      <c r="W200" s="744">
        <f t="shared" si="295"/>
        <v>0</v>
      </c>
      <c r="X200" s="745">
        <f>T200</f>
        <v>2675200</v>
      </c>
      <c r="Y200" s="723" t="s">
        <v>3106</v>
      </c>
      <c r="Z200" s="723"/>
      <c r="AA200" s="712" t="s">
        <v>65</v>
      </c>
      <c r="AB200" s="516"/>
      <c r="AC200" s="516"/>
      <c r="AD200" s="516"/>
      <c r="AE200" s="516"/>
      <c r="AF200" s="516"/>
      <c r="AG200" s="516"/>
      <c r="AH200" s="516"/>
      <c r="AI200" s="516"/>
      <c r="AJ200" s="516"/>
      <c r="AK200" s="516"/>
      <c r="AL200" s="516"/>
      <c r="AM200" s="516"/>
      <c r="AN200" s="516"/>
      <c r="AO200" s="516"/>
      <c r="AP200" s="516"/>
      <c r="AQ200" s="516"/>
      <c r="AR200" s="516"/>
      <c r="AS200" s="516"/>
      <c r="AT200" s="516"/>
      <c r="AU200" s="516"/>
      <c r="AV200" s="516"/>
      <c r="AW200" s="516"/>
      <c r="AX200" s="516"/>
      <c r="AY200" s="516"/>
      <c r="AZ200" s="516"/>
      <c r="BA200" s="516"/>
      <c r="BB200" s="516"/>
      <c r="BC200" s="516"/>
      <c r="BD200" s="516"/>
      <c r="BE200" s="516"/>
      <c r="BF200" s="516"/>
      <c r="BG200" s="516"/>
      <c r="BH200" s="516"/>
      <c r="BI200" s="516"/>
      <c r="BJ200" s="524"/>
      <c r="BK200" s="524"/>
      <c r="BL200" s="516"/>
      <c r="BM200" s="516"/>
      <c r="BN200" s="516"/>
      <c r="BO200" s="516"/>
      <c r="BP200" s="516" t="s">
        <v>66</v>
      </c>
      <c r="BQ200" s="516"/>
      <c r="BR200" s="516"/>
      <c r="BS200" s="884">
        <f t="shared" si="297"/>
        <v>1600</v>
      </c>
      <c r="BT200" s="661">
        <v>1672</v>
      </c>
      <c r="BU200" s="661"/>
      <c r="BV200" s="898" t="str">
        <f t="shared" si="264"/>
        <v/>
      </c>
      <c r="BW200" s="898" t="str">
        <f t="shared" si="265"/>
        <v/>
      </c>
      <c r="BX200" s="898" t="str">
        <f t="shared" si="266"/>
        <v/>
      </c>
      <c r="BY200" s="898" t="str">
        <f t="shared" si="267"/>
        <v/>
      </c>
      <c r="BZ200" s="898" t="str">
        <f t="shared" si="268"/>
        <v/>
      </c>
      <c r="CA200" s="898" t="str">
        <f t="shared" si="269"/>
        <v/>
      </c>
      <c r="CB200" s="898" t="str">
        <f t="shared" si="270"/>
        <v/>
      </c>
      <c r="CC200" s="898" t="str">
        <f t="shared" si="271"/>
        <v/>
      </c>
      <c r="CD200" s="898" t="str">
        <f t="shared" si="272"/>
        <v/>
      </c>
      <c r="CE200" s="898" t="str">
        <f t="shared" si="273"/>
        <v/>
      </c>
      <c r="CF200" s="898" t="str">
        <f t="shared" si="274"/>
        <v/>
      </c>
      <c r="CG200" s="898" t="str">
        <f t="shared" si="275"/>
        <v/>
      </c>
      <c r="CH200" s="898" t="str">
        <f t="shared" si="276"/>
        <v/>
      </c>
      <c r="CI200" s="898" t="str">
        <f t="shared" si="277"/>
        <v/>
      </c>
      <c r="CJ200" s="898" t="str">
        <f t="shared" si="278"/>
        <v/>
      </c>
      <c r="CK200" s="898" t="str">
        <f t="shared" si="279"/>
        <v/>
      </c>
      <c r="CL200" s="898" t="str">
        <f t="shared" si="280"/>
        <v/>
      </c>
      <c r="CM200" s="898" t="str">
        <f t="shared" si="281"/>
        <v/>
      </c>
      <c r="CN200" s="898" t="str">
        <f t="shared" si="282"/>
        <v/>
      </c>
      <c r="CO200" s="898" t="str">
        <f t="shared" si="283"/>
        <v/>
      </c>
      <c r="CP200" s="898" t="str">
        <f t="shared" si="284"/>
        <v/>
      </c>
      <c r="CQ200" s="898" t="str">
        <f t="shared" si="285"/>
        <v/>
      </c>
      <c r="CR200" s="898" t="str">
        <f t="shared" si="286"/>
        <v/>
      </c>
      <c r="CS200" s="898" t="str">
        <f t="shared" si="287"/>
        <v/>
      </c>
      <c r="CT200" s="898" t="str">
        <f t="shared" si="288"/>
        <v/>
      </c>
      <c r="CU200" s="898" t="str">
        <f t="shared" si="289"/>
        <v/>
      </c>
      <c r="CV200" s="898" t="str">
        <f t="shared" si="290"/>
        <v/>
      </c>
      <c r="CW200" s="898" t="str">
        <f t="shared" si="291"/>
        <v/>
      </c>
      <c r="CX200" s="898" t="str">
        <f t="shared" si="292"/>
        <v/>
      </c>
      <c r="CY200" s="898" t="str">
        <f t="shared" si="293"/>
        <v/>
      </c>
      <c r="CZ200" s="898" t="str">
        <f t="shared" si="294"/>
        <v/>
      </c>
      <c r="DA200" s="898" t="str">
        <f t="shared" si="303"/>
        <v/>
      </c>
      <c r="DB200" s="898" t="str">
        <f t="shared" si="303"/>
        <v/>
      </c>
      <c r="DC200" s="898" t="str">
        <f t="shared" si="303"/>
        <v/>
      </c>
      <c r="DD200" s="898" t="str">
        <f t="shared" si="303"/>
        <v/>
      </c>
      <c r="DE200" s="898" t="str">
        <f t="shared" si="303"/>
        <v/>
      </c>
      <c r="DF200" s="898" t="str">
        <f t="shared" si="303"/>
        <v/>
      </c>
      <c r="DG200" s="898" t="str">
        <f t="shared" si="303"/>
        <v/>
      </c>
      <c r="DH200" s="898" t="str">
        <f t="shared" si="303"/>
        <v/>
      </c>
      <c r="DI200" s="898" t="str">
        <f>IF(BO200="yes",(BO$3*$BT200),"")</f>
        <v/>
      </c>
      <c r="DJ200" s="898">
        <f>1672*DJ3</f>
        <v>2675200</v>
      </c>
      <c r="DK200" s="898" t="str">
        <f>IF(BQ200="yes",(BQ$3*$BT200),"")</f>
        <v/>
      </c>
      <c r="DL200" s="898" t="str">
        <f>IF(BR200="yes",(BR$3*$BT200),"")</f>
        <v/>
      </c>
      <c r="DM200" s="661">
        <f t="shared" si="299"/>
        <v>0</v>
      </c>
      <c r="DN200" s="898">
        <f t="shared" si="300"/>
        <v>2675200</v>
      </c>
      <c r="DO200" s="516">
        <f t="shared" si="301"/>
        <v>0</v>
      </c>
      <c r="DP200" s="898">
        <f t="shared" si="302"/>
        <v>0</v>
      </c>
      <c r="DQ200" s="934" t="s">
        <v>3116</v>
      </c>
      <c r="DR200" s="935" t="s">
        <v>3956</v>
      </c>
      <c r="DS200" s="936" t="s">
        <v>3091</v>
      </c>
      <c r="DT200" s="632"/>
    </row>
    <row r="201" spans="1:124" s="613" customFormat="1" ht="384.75" x14ac:dyDescent="0.2">
      <c r="A201" s="484" t="str">
        <f t="shared" si="296"/>
        <v>Healthcare Infrastructure investment to support development at East Hemel Hempstead (South) (H4)</v>
      </c>
      <c r="B201" s="1163">
        <v>198</v>
      </c>
      <c r="C201" s="511" t="s">
        <v>3958</v>
      </c>
      <c r="D201" s="511" t="s">
        <v>2182</v>
      </c>
      <c r="E201" s="511" t="s">
        <v>1385</v>
      </c>
      <c r="F201" s="511" t="s">
        <v>1341</v>
      </c>
      <c r="G201" s="515" t="s">
        <v>154</v>
      </c>
      <c r="H201" s="513" t="s">
        <v>3092</v>
      </c>
      <c r="I201" s="515"/>
      <c r="J201" s="711" t="s">
        <v>3093</v>
      </c>
      <c r="K201" s="654" t="s">
        <v>58</v>
      </c>
      <c r="L201" s="515" t="s">
        <v>1377</v>
      </c>
      <c r="M201" s="654" t="s">
        <v>3027</v>
      </c>
      <c r="N201" s="742" t="s">
        <v>81</v>
      </c>
      <c r="O201" s="654" t="s">
        <v>3084</v>
      </c>
      <c r="P201" s="654" t="s">
        <v>3084</v>
      </c>
      <c r="Q201" s="515" t="s">
        <v>169</v>
      </c>
      <c r="R201" s="654"/>
      <c r="S201" s="654"/>
      <c r="T201" s="724">
        <f>DK201</f>
        <v>4012800</v>
      </c>
      <c r="U201" s="523"/>
      <c r="V201" s="657" t="s">
        <v>3955</v>
      </c>
      <c r="W201" s="744">
        <f t="shared" si="295"/>
        <v>0</v>
      </c>
      <c r="X201" s="745">
        <f>T201</f>
        <v>4012800</v>
      </c>
      <c r="Y201" s="723" t="s">
        <v>3106</v>
      </c>
      <c r="Z201" s="723"/>
      <c r="AA201" s="712" t="s">
        <v>65</v>
      </c>
      <c r="AB201" s="516"/>
      <c r="AC201" s="516"/>
      <c r="AD201" s="516"/>
      <c r="AE201" s="516"/>
      <c r="AF201" s="516"/>
      <c r="AG201" s="516"/>
      <c r="AH201" s="516"/>
      <c r="AI201" s="516"/>
      <c r="AJ201" s="516"/>
      <c r="AK201" s="516"/>
      <c r="AL201" s="516"/>
      <c r="AM201" s="516"/>
      <c r="AN201" s="516"/>
      <c r="AO201" s="516"/>
      <c r="AP201" s="516"/>
      <c r="AQ201" s="516"/>
      <c r="AR201" s="516"/>
      <c r="AS201" s="516"/>
      <c r="AT201" s="516"/>
      <c r="AU201" s="516"/>
      <c r="AV201" s="516"/>
      <c r="AW201" s="516"/>
      <c r="AX201" s="516"/>
      <c r="AY201" s="516"/>
      <c r="AZ201" s="516"/>
      <c r="BA201" s="516"/>
      <c r="BB201" s="516"/>
      <c r="BC201" s="516"/>
      <c r="BD201" s="516"/>
      <c r="BE201" s="516"/>
      <c r="BF201" s="516"/>
      <c r="BG201" s="516"/>
      <c r="BH201" s="516"/>
      <c r="BI201" s="516"/>
      <c r="BJ201" s="524"/>
      <c r="BK201" s="524"/>
      <c r="BL201" s="516"/>
      <c r="BM201" s="516"/>
      <c r="BN201" s="516"/>
      <c r="BO201" s="516"/>
      <c r="BP201" s="516"/>
      <c r="BQ201" s="516" t="s">
        <v>66</v>
      </c>
      <c r="BR201" s="516"/>
      <c r="BS201" s="884">
        <f t="shared" si="297"/>
        <v>2400</v>
      </c>
      <c r="BT201" s="661">
        <v>1672</v>
      </c>
      <c r="BU201" s="661"/>
      <c r="BV201" s="898" t="str">
        <f t="shared" si="264"/>
        <v/>
      </c>
      <c r="BW201" s="898" t="str">
        <f t="shared" si="265"/>
        <v/>
      </c>
      <c r="BX201" s="898" t="str">
        <f t="shared" si="266"/>
        <v/>
      </c>
      <c r="BY201" s="898" t="str">
        <f t="shared" si="267"/>
        <v/>
      </c>
      <c r="BZ201" s="898" t="str">
        <f t="shared" si="268"/>
        <v/>
      </c>
      <c r="CA201" s="898" t="str">
        <f t="shared" si="269"/>
        <v/>
      </c>
      <c r="CB201" s="898" t="str">
        <f t="shared" si="270"/>
        <v/>
      </c>
      <c r="CC201" s="898" t="str">
        <f t="shared" si="271"/>
        <v/>
      </c>
      <c r="CD201" s="898" t="str">
        <f t="shared" si="272"/>
        <v/>
      </c>
      <c r="CE201" s="898" t="str">
        <f t="shared" si="273"/>
        <v/>
      </c>
      <c r="CF201" s="898" t="str">
        <f t="shared" si="274"/>
        <v/>
      </c>
      <c r="CG201" s="898" t="str">
        <f t="shared" si="275"/>
        <v/>
      </c>
      <c r="CH201" s="898" t="str">
        <f t="shared" si="276"/>
        <v/>
      </c>
      <c r="CI201" s="898" t="str">
        <f t="shared" si="277"/>
        <v/>
      </c>
      <c r="CJ201" s="898" t="str">
        <f t="shared" si="278"/>
        <v/>
      </c>
      <c r="CK201" s="898" t="str">
        <f t="shared" si="279"/>
        <v/>
      </c>
      <c r="CL201" s="898" t="str">
        <f t="shared" si="280"/>
        <v/>
      </c>
      <c r="CM201" s="898" t="str">
        <f t="shared" si="281"/>
        <v/>
      </c>
      <c r="CN201" s="898" t="str">
        <f t="shared" si="282"/>
        <v/>
      </c>
      <c r="CO201" s="898" t="str">
        <f t="shared" si="283"/>
        <v/>
      </c>
      <c r="CP201" s="898" t="str">
        <f t="shared" si="284"/>
        <v/>
      </c>
      <c r="CQ201" s="898" t="str">
        <f t="shared" si="285"/>
        <v/>
      </c>
      <c r="CR201" s="898" t="str">
        <f t="shared" si="286"/>
        <v/>
      </c>
      <c r="CS201" s="898" t="str">
        <f t="shared" si="287"/>
        <v/>
      </c>
      <c r="CT201" s="898" t="str">
        <f t="shared" si="288"/>
        <v/>
      </c>
      <c r="CU201" s="898" t="str">
        <f t="shared" si="289"/>
        <v/>
      </c>
      <c r="CV201" s="898" t="str">
        <f t="shared" si="290"/>
        <v/>
      </c>
      <c r="CW201" s="898" t="str">
        <f t="shared" si="291"/>
        <v/>
      </c>
      <c r="CX201" s="898" t="str">
        <f t="shared" si="292"/>
        <v/>
      </c>
      <c r="CY201" s="898" t="str">
        <f t="shared" si="293"/>
        <v/>
      </c>
      <c r="CZ201" s="898" t="str">
        <f t="shared" si="294"/>
        <v/>
      </c>
      <c r="DA201" s="898" t="str">
        <f t="shared" si="303"/>
        <v/>
      </c>
      <c r="DB201" s="898" t="str">
        <f t="shared" si="303"/>
        <v/>
      </c>
      <c r="DC201" s="898" t="str">
        <f t="shared" si="303"/>
        <v/>
      </c>
      <c r="DD201" s="898" t="str">
        <f t="shared" si="303"/>
        <v/>
      </c>
      <c r="DE201" s="898" t="str">
        <f t="shared" si="303"/>
        <v/>
      </c>
      <c r="DF201" s="898" t="str">
        <f t="shared" si="303"/>
        <v/>
      </c>
      <c r="DG201" s="898" t="str">
        <f t="shared" si="303"/>
        <v/>
      </c>
      <c r="DH201" s="898" t="str">
        <f t="shared" si="303"/>
        <v/>
      </c>
      <c r="DI201" s="898" t="str">
        <f>IF(BO201="yes",(BO$3*$BT201),"")</f>
        <v/>
      </c>
      <c r="DJ201" s="898" t="str">
        <f>IF(BP201="yes",(BP$3*$BT201),"")</f>
        <v/>
      </c>
      <c r="DK201" s="898">
        <f>1672*DK3</f>
        <v>4012800</v>
      </c>
      <c r="DL201" s="898" t="str">
        <f>IF(BR201="yes",(BR$3*$BT201),"")</f>
        <v/>
      </c>
      <c r="DM201" s="661">
        <f t="shared" si="299"/>
        <v>0</v>
      </c>
      <c r="DN201" s="898">
        <f t="shared" si="300"/>
        <v>4012800</v>
      </c>
      <c r="DO201" s="516">
        <f t="shared" si="301"/>
        <v>0</v>
      </c>
      <c r="DP201" s="898">
        <f t="shared" si="302"/>
        <v>0</v>
      </c>
      <c r="DQ201" s="934" t="s">
        <v>3116</v>
      </c>
      <c r="DR201" s="935" t="s">
        <v>3094</v>
      </c>
      <c r="DS201" s="936" t="s">
        <v>3091</v>
      </c>
      <c r="DT201" s="632"/>
    </row>
    <row r="202" spans="1:124" s="613" customFormat="1" ht="384.75" x14ac:dyDescent="0.2">
      <c r="A202" s="484" t="str">
        <f t="shared" si="296"/>
        <v>Healthcare Infrastructure investment to support development at North Hemel Hempstead (Hm01)</v>
      </c>
      <c r="B202" s="1163">
        <v>199</v>
      </c>
      <c r="C202" s="481" t="s">
        <v>3959</v>
      </c>
      <c r="D202" s="481" t="s">
        <v>2481</v>
      </c>
      <c r="E202" s="481" t="s">
        <v>53</v>
      </c>
      <c r="F202" s="481" t="s">
        <v>1341</v>
      </c>
      <c r="G202" s="654" t="s">
        <v>154</v>
      </c>
      <c r="H202" s="484" t="s">
        <v>3960</v>
      </c>
      <c r="I202" s="654"/>
      <c r="J202" s="495" t="s">
        <v>3961</v>
      </c>
      <c r="K202" s="654" t="s">
        <v>58</v>
      </c>
      <c r="L202" s="657" t="s">
        <v>1360</v>
      </c>
      <c r="M202" s="654" t="s">
        <v>3027</v>
      </c>
      <c r="N202" s="654" t="s">
        <v>60</v>
      </c>
      <c r="O202" s="654" t="s">
        <v>3084</v>
      </c>
      <c r="P202" s="654" t="s">
        <v>3084</v>
      </c>
      <c r="Q202" s="654" t="s">
        <v>62</v>
      </c>
      <c r="R202" s="654"/>
      <c r="S202" s="654"/>
      <c r="T202" s="723">
        <f>SUM(BV202:DL202)</f>
        <v>8360000</v>
      </c>
      <c r="U202" s="723"/>
      <c r="V202" s="657" t="s">
        <v>3955</v>
      </c>
      <c r="W202" s="723">
        <f t="shared" si="295"/>
        <v>0</v>
      </c>
      <c r="X202" s="745">
        <f>IF(ISTEXT(T202),T202,T202-U202)</f>
        <v>8360000</v>
      </c>
      <c r="Y202" s="723" t="s">
        <v>3106</v>
      </c>
      <c r="Z202" s="723"/>
      <c r="AA202" s="712" t="s">
        <v>65</v>
      </c>
      <c r="AB202" s="883" t="s">
        <v>66</v>
      </c>
      <c r="AC202" s="883"/>
      <c r="AD202" s="883"/>
      <c r="AE202" s="883"/>
      <c r="AF202" s="883"/>
      <c r="AG202" s="883"/>
      <c r="AH202" s="883"/>
      <c r="AI202" s="883"/>
      <c r="AJ202" s="883"/>
      <c r="AK202" s="883"/>
      <c r="AL202" s="883"/>
      <c r="AM202" s="883"/>
      <c r="AN202" s="883"/>
      <c r="AO202" s="883"/>
      <c r="AP202" s="883"/>
      <c r="AQ202" s="883"/>
      <c r="AR202" s="883"/>
      <c r="AS202" s="883"/>
      <c r="AT202" s="883"/>
      <c r="AU202" s="883"/>
      <c r="AV202" s="883"/>
      <c r="AW202" s="883"/>
      <c r="AX202" s="883"/>
      <c r="AY202" s="883"/>
      <c r="AZ202" s="883"/>
      <c r="BA202" s="883"/>
      <c r="BB202" s="883"/>
      <c r="BC202" s="883"/>
      <c r="BD202" s="883"/>
      <c r="BE202" s="883"/>
      <c r="BF202" s="883"/>
      <c r="BG202" s="746"/>
      <c r="BH202" s="746"/>
      <c r="BI202" s="746"/>
      <c r="BJ202" s="746"/>
      <c r="BK202" s="746"/>
      <c r="BL202" s="746"/>
      <c r="BM202" s="746"/>
      <c r="BN202" s="746"/>
      <c r="BO202" s="746"/>
      <c r="BP202" s="746"/>
      <c r="BQ202" s="746"/>
      <c r="BR202" s="746"/>
      <c r="BS202" s="884">
        <f t="shared" si="297"/>
        <v>5000</v>
      </c>
      <c r="BT202" s="661">
        <f>X202/BS202</f>
        <v>1672</v>
      </c>
      <c r="BU202" s="661"/>
      <c r="BV202" s="898">
        <f>BV$3*1672</f>
        <v>8360000</v>
      </c>
      <c r="BW202" s="898"/>
      <c r="BX202" s="898" t="str">
        <f t="shared" ref="BX202:CZ202" si="304">IF(AD202="yes",(AD$3*$BT202),"")</f>
        <v/>
      </c>
      <c r="BY202" s="898" t="str">
        <f t="shared" si="304"/>
        <v/>
      </c>
      <c r="BZ202" s="898" t="str">
        <f t="shared" si="304"/>
        <v/>
      </c>
      <c r="CA202" s="898" t="str">
        <f t="shared" si="304"/>
        <v/>
      </c>
      <c r="CB202" s="898" t="str">
        <f t="shared" si="304"/>
        <v/>
      </c>
      <c r="CC202" s="898" t="str">
        <f t="shared" si="304"/>
        <v/>
      </c>
      <c r="CD202" s="898" t="str">
        <f t="shared" si="304"/>
        <v/>
      </c>
      <c r="CE202" s="898" t="str">
        <f t="shared" si="304"/>
        <v/>
      </c>
      <c r="CF202" s="898" t="str">
        <f t="shared" si="304"/>
        <v/>
      </c>
      <c r="CG202" s="898" t="str">
        <f t="shared" si="304"/>
        <v/>
      </c>
      <c r="CH202" s="898" t="str">
        <f t="shared" si="304"/>
        <v/>
      </c>
      <c r="CI202" s="898" t="str">
        <f t="shared" si="304"/>
        <v/>
      </c>
      <c r="CJ202" s="898" t="str">
        <f t="shared" si="304"/>
        <v/>
      </c>
      <c r="CK202" s="898" t="str">
        <f t="shared" si="304"/>
        <v/>
      </c>
      <c r="CL202" s="898" t="str">
        <f t="shared" si="304"/>
        <v/>
      </c>
      <c r="CM202" s="898" t="str">
        <f t="shared" si="304"/>
        <v/>
      </c>
      <c r="CN202" s="898" t="str">
        <f t="shared" si="304"/>
        <v/>
      </c>
      <c r="CO202" s="898" t="str">
        <f t="shared" si="304"/>
        <v/>
      </c>
      <c r="CP202" s="898" t="str">
        <f t="shared" si="304"/>
        <v/>
      </c>
      <c r="CQ202" s="898" t="str">
        <f t="shared" si="304"/>
        <v/>
      </c>
      <c r="CR202" s="898" t="str">
        <f t="shared" si="304"/>
        <v/>
      </c>
      <c r="CS202" s="898" t="str">
        <f t="shared" si="304"/>
        <v/>
      </c>
      <c r="CT202" s="898" t="str">
        <f t="shared" si="304"/>
        <v/>
      </c>
      <c r="CU202" s="898" t="str">
        <f t="shared" si="304"/>
        <v/>
      </c>
      <c r="CV202" s="898" t="str">
        <f t="shared" si="304"/>
        <v/>
      </c>
      <c r="CW202" s="898" t="str">
        <f t="shared" si="304"/>
        <v/>
      </c>
      <c r="CX202" s="898" t="str">
        <f t="shared" si="304"/>
        <v/>
      </c>
      <c r="CY202" s="898" t="str">
        <f t="shared" si="304"/>
        <v/>
      </c>
      <c r="CZ202" s="898" t="str">
        <f t="shared" si="304"/>
        <v/>
      </c>
      <c r="DA202" s="898"/>
      <c r="DB202" s="898"/>
      <c r="DC202" s="898"/>
      <c r="DD202" s="898"/>
      <c r="DE202" s="898"/>
      <c r="DF202" s="898"/>
      <c r="DG202" s="898"/>
      <c r="DH202" s="898"/>
      <c r="DI202" s="898"/>
      <c r="DJ202" s="898"/>
      <c r="DK202" s="898"/>
      <c r="DL202" s="898"/>
      <c r="DM202" s="661">
        <f t="shared" si="299"/>
        <v>8360000</v>
      </c>
      <c r="DN202" s="898">
        <f t="shared" si="300"/>
        <v>0</v>
      </c>
      <c r="DO202" s="516">
        <f t="shared" si="301"/>
        <v>0</v>
      </c>
      <c r="DP202" s="898">
        <f t="shared" si="302"/>
        <v>0</v>
      </c>
      <c r="DQ202" s="934" t="s">
        <v>3116</v>
      </c>
      <c r="DR202" s="1219"/>
      <c r="DS202" s="1218" t="s">
        <v>3117</v>
      </c>
      <c r="DT202" s="632"/>
    </row>
    <row r="203" spans="1:124" s="613" customFormat="1" ht="384.75" x14ac:dyDescent="0.2">
      <c r="A203" s="484" t="str">
        <f t="shared" si="296"/>
        <v>Healthcare Infrastructure investment to support development at Shendish Manor and Fairfields (Hm11)</v>
      </c>
      <c r="B203" s="1163">
        <v>200</v>
      </c>
      <c r="C203" s="481" t="s">
        <v>3962</v>
      </c>
      <c r="D203" s="481" t="s">
        <v>2481</v>
      </c>
      <c r="E203" s="481" t="s">
        <v>53</v>
      </c>
      <c r="F203" s="481" t="s">
        <v>1341</v>
      </c>
      <c r="G203" s="654" t="s">
        <v>154</v>
      </c>
      <c r="H203" s="484" t="s">
        <v>3963</v>
      </c>
      <c r="I203" s="654"/>
      <c r="J203" s="495" t="s">
        <v>3964</v>
      </c>
      <c r="K203" s="654" t="s">
        <v>58</v>
      </c>
      <c r="L203" s="657" t="s">
        <v>1369</v>
      </c>
      <c r="M203" s="654" t="s">
        <v>2996</v>
      </c>
      <c r="N203" s="654" t="s">
        <v>60</v>
      </c>
      <c r="O203" s="654" t="s">
        <v>3084</v>
      </c>
      <c r="P203" s="654" t="s">
        <v>3084</v>
      </c>
      <c r="Q203" s="654" t="s">
        <v>159</v>
      </c>
      <c r="R203" s="654"/>
      <c r="S203" s="654"/>
      <c r="T203" s="723">
        <f>SUM(BV203:DL203)</f>
        <v>836000</v>
      </c>
      <c r="U203" s="723"/>
      <c r="V203" s="657" t="s">
        <v>3955</v>
      </c>
      <c r="W203" s="723">
        <f t="shared" si="295"/>
        <v>0</v>
      </c>
      <c r="X203" s="745">
        <f>IF(ISTEXT(T203),T203,T203-U203)</f>
        <v>836000</v>
      </c>
      <c r="Y203" s="723" t="s">
        <v>3106</v>
      </c>
      <c r="Z203" s="723"/>
      <c r="AA203" s="712" t="s">
        <v>65</v>
      </c>
      <c r="AB203" s="883"/>
      <c r="AC203" s="883"/>
      <c r="AD203" s="883"/>
      <c r="AE203" s="883"/>
      <c r="AF203" s="883"/>
      <c r="AG203" s="883"/>
      <c r="AH203" s="883"/>
      <c r="AI203" s="883"/>
      <c r="AJ203" s="883"/>
      <c r="AK203" s="883" t="s">
        <v>66</v>
      </c>
      <c r="AL203" s="883"/>
      <c r="AM203" s="883"/>
      <c r="AN203" s="883"/>
      <c r="AO203" s="883"/>
      <c r="AP203" s="883"/>
      <c r="AQ203" s="883"/>
      <c r="AR203" s="883"/>
      <c r="AS203" s="883"/>
      <c r="AT203" s="883"/>
      <c r="AU203" s="883"/>
      <c r="AV203" s="883"/>
      <c r="AW203" s="883"/>
      <c r="AX203" s="883"/>
      <c r="AY203" s="883"/>
      <c r="AZ203" s="883"/>
      <c r="BA203" s="883"/>
      <c r="BB203" s="883"/>
      <c r="BC203" s="883"/>
      <c r="BD203" s="883"/>
      <c r="BE203" s="883"/>
      <c r="BF203" s="883"/>
      <c r="BG203" s="746"/>
      <c r="BH203" s="746"/>
      <c r="BI203" s="746"/>
      <c r="BJ203" s="746"/>
      <c r="BK203" s="746"/>
      <c r="BL203" s="746"/>
      <c r="BM203" s="746"/>
      <c r="BN203" s="746"/>
      <c r="BO203" s="746"/>
      <c r="BP203" s="746"/>
      <c r="BQ203" s="746"/>
      <c r="BR203" s="746"/>
      <c r="BS203" s="884">
        <f t="shared" si="297"/>
        <v>500</v>
      </c>
      <c r="BT203" s="661">
        <f>X203/BS203</f>
        <v>1672</v>
      </c>
      <c r="BU203" s="661"/>
      <c r="BV203" s="898" t="str">
        <f t="shared" ref="BV203:CD204" si="305">IF(AB203="yes",(AB$3*$BT203),"")</f>
        <v/>
      </c>
      <c r="BW203" s="898" t="str">
        <f t="shared" si="305"/>
        <v/>
      </c>
      <c r="BX203" s="898" t="str">
        <f t="shared" si="305"/>
        <v/>
      </c>
      <c r="BY203" s="898" t="str">
        <f t="shared" si="305"/>
        <v/>
      </c>
      <c r="BZ203" s="898" t="str">
        <f t="shared" si="305"/>
        <v/>
      </c>
      <c r="CA203" s="898" t="str">
        <f t="shared" si="305"/>
        <v/>
      </c>
      <c r="CB203" s="898" t="str">
        <f t="shared" si="305"/>
        <v/>
      </c>
      <c r="CC203" s="898" t="str">
        <f t="shared" si="305"/>
        <v/>
      </c>
      <c r="CD203" s="898" t="str">
        <f t="shared" si="305"/>
        <v/>
      </c>
      <c r="CE203" s="898">
        <f>1672*CE$3</f>
        <v>836000</v>
      </c>
      <c r="CF203" s="898" t="str">
        <f t="shared" ref="CF203:CZ203" si="306">IF(AL203="yes",(AL$3*$BT203),"")</f>
        <v/>
      </c>
      <c r="CG203" s="898" t="str">
        <f t="shared" si="306"/>
        <v/>
      </c>
      <c r="CH203" s="898" t="str">
        <f t="shared" si="306"/>
        <v/>
      </c>
      <c r="CI203" s="898" t="str">
        <f t="shared" si="306"/>
        <v/>
      </c>
      <c r="CJ203" s="898" t="str">
        <f t="shared" si="306"/>
        <v/>
      </c>
      <c r="CK203" s="898" t="str">
        <f t="shared" si="306"/>
        <v/>
      </c>
      <c r="CL203" s="898" t="str">
        <f t="shared" si="306"/>
        <v/>
      </c>
      <c r="CM203" s="898" t="str">
        <f t="shared" si="306"/>
        <v/>
      </c>
      <c r="CN203" s="898" t="str">
        <f t="shared" si="306"/>
        <v/>
      </c>
      <c r="CO203" s="898" t="str">
        <f t="shared" si="306"/>
        <v/>
      </c>
      <c r="CP203" s="898" t="str">
        <f t="shared" si="306"/>
        <v/>
      </c>
      <c r="CQ203" s="898" t="str">
        <f t="shared" si="306"/>
        <v/>
      </c>
      <c r="CR203" s="898" t="str">
        <f t="shared" si="306"/>
        <v/>
      </c>
      <c r="CS203" s="898" t="str">
        <f t="shared" si="306"/>
        <v/>
      </c>
      <c r="CT203" s="898" t="str">
        <f t="shared" si="306"/>
        <v/>
      </c>
      <c r="CU203" s="898" t="str">
        <f t="shared" si="306"/>
        <v/>
      </c>
      <c r="CV203" s="898" t="str">
        <f t="shared" si="306"/>
        <v/>
      </c>
      <c r="CW203" s="898" t="str">
        <f t="shared" si="306"/>
        <v/>
      </c>
      <c r="CX203" s="898" t="str">
        <f t="shared" si="306"/>
        <v/>
      </c>
      <c r="CY203" s="898" t="str">
        <f t="shared" si="306"/>
        <v/>
      </c>
      <c r="CZ203" s="898" t="str">
        <f t="shared" si="306"/>
        <v/>
      </c>
      <c r="DA203" s="898"/>
      <c r="DB203" s="898"/>
      <c r="DC203" s="898"/>
      <c r="DD203" s="898"/>
      <c r="DE203" s="898"/>
      <c r="DF203" s="898"/>
      <c r="DG203" s="898"/>
      <c r="DH203" s="898"/>
      <c r="DI203" s="898"/>
      <c r="DJ203" s="898"/>
      <c r="DK203" s="898"/>
      <c r="DL203" s="898"/>
      <c r="DM203" s="661">
        <f t="shared" si="299"/>
        <v>836000</v>
      </c>
      <c r="DN203" s="898">
        <f t="shared" si="300"/>
        <v>0</v>
      </c>
      <c r="DO203" s="516">
        <f t="shared" si="301"/>
        <v>0</v>
      </c>
      <c r="DP203" s="898">
        <f t="shared" si="302"/>
        <v>0</v>
      </c>
      <c r="DQ203" s="934" t="s">
        <v>3116</v>
      </c>
      <c r="DR203" s="936"/>
      <c r="DS203" s="1218" t="s">
        <v>3117</v>
      </c>
      <c r="DT203" s="632"/>
    </row>
    <row r="204" spans="1:124" s="613" customFormat="1" ht="384.75" x14ac:dyDescent="0.2">
      <c r="A204" s="484" t="str">
        <f t="shared" si="296"/>
        <v>Healthcare Infrastructure investment to support development at Marchmont Farm (Hm14)</v>
      </c>
      <c r="B204" s="1163">
        <v>201</v>
      </c>
      <c r="C204" s="481" t="s">
        <v>3965</v>
      </c>
      <c r="D204" s="481" t="s">
        <v>2481</v>
      </c>
      <c r="E204" s="481" t="s">
        <v>53</v>
      </c>
      <c r="F204" s="481" t="s">
        <v>1341</v>
      </c>
      <c r="G204" s="654" t="s">
        <v>154</v>
      </c>
      <c r="H204" s="484" t="s">
        <v>3082</v>
      </c>
      <c r="I204" s="654"/>
      <c r="J204" s="495" t="s">
        <v>3966</v>
      </c>
      <c r="K204" s="654" t="s">
        <v>58</v>
      </c>
      <c r="L204" s="657" t="s">
        <v>2609</v>
      </c>
      <c r="M204" s="654" t="s">
        <v>2996</v>
      </c>
      <c r="N204" s="654" t="s">
        <v>81</v>
      </c>
      <c r="O204" s="654" t="s">
        <v>3084</v>
      </c>
      <c r="P204" s="654" t="s">
        <v>3084</v>
      </c>
      <c r="Q204" s="654" t="s">
        <v>187</v>
      </c>
      <c r="R204" s="654"/>
      <c r="S204" s="654"/>
      <c r="T204" s="723">
        <f>SUM(BV204:DL204)</f>
        <v>4898960</v>
      </c>
      <c r="U204" s="723"/>
      <c r="V204" s="657" t="s">
        <v>3955</v>
      </c>
      <c r="W204" s="723">
        <f t="shared" si="295"/>
        <v>0</v>
      </c>
      <c r="X204" s="745">
        <f>IF(ISTEXT(T204),T204,T204-U204)</f>
        <v>4898960</v>
      </c>
      <c r="Y204" s="723" t="s">
        <v>3106</v>
      </c>
      <c r="Z204" s="723"/>
      <c r="AA204" s="712" t="s">
        <v>65</v>
      </c>
      <c r="AB204" s="883"/>
      <c r="AC204" s="883"/>
      <c r="AD204" s="883"/>
      <c r="AE204" s="883"/>
      <c r="AF204" s="883"/>
      <c r="AG204" s="883"/>
      <c r="AH204" s="883"/>
      <c r="AI204" s="883"/>
      <c r="AJ204" s="883"/>
      <c r="AK204" s="883"/>
      <c r="AL204" s="883"/>
      <c r="AM204" s="883" t="s">
        <v>66</v>
      </c>
      <c r="AN204" s="883"/>
      <c r="AO204" s="883" t="s">
        <v>66</v>
      </c>
      <c r="AP204" s="883"/>
      <c r="AQ204" s="883"/>
      <c r="AR204" s="883" t="s">
        <v>66</v>
      </c>
      <c r="AS204" s="883"/>
      <c r="AT204" s="883"/>
      <c r="AU204" s="883"/>
      <c r="AV204" s="883"/>
      <c r="AW204" s="883"/>
      <c r="AX204" s="883"/>
      <c r="AY204" s="883"/>
      <c r="AZ204" s="883"/>
      <c r="BA204" s="883"/>
      <c r="BB204" s="883"/>
      <c r="BC204" s="883"/>
      <c r="BD204" s="883"/>
      <c r="BE204" s="883"/>
      <c r="BF204" s="883"/>
      <c r="BG204" s="746"/>
      <c r="BH204" s="746"/>
      <c r="BI204" s="746"/>
      <c r="BJ204" s="746"/>
      <c r="BK204" s="746"/>
      <c r="BL204" s="746"/>
      <c r="BM204" s="746"/>
      <c r="BN204" s="746"/>
      <c r="BO204" s="746"/>
      <c r="BP204" s="746"/>
      <c r="BQ204" s="746"/>
      <c r="BR204" s="746"/>
      <c r="BS204" s="884">
        <f t="shared" si="297"/>
        <v>2930</v>
      </c>
      <c r="BT204" s="661">
        <f>X204/BS204</f>
        <v>1672</v>
      </c>
      <c r="BU204" s="661"/>
      <c r="BV204" s="898" t="str">
        <f t="shared" si="305"/>
        <v/>
      </c>
      <c r="BW204" s="898" t="str">
        <f t="shared" si="305"/>
        <v/>
      </c>
      <c r="BX204" s="898" t="str">
        <f t="shared" si="305"/>
        <v/>
      </c>
      <c r="BY204" s="898" t="str">
        <f t="shared" si="305"/>
        <v/>
      </c>
      <c r="BZ204" s="898" t="str">
        <f t="shared" si="305"/>
        <v/>
      </c>
      <c r="CA204" s="898" t="str">
        <f t="shared" si="305"/>
        <v/>
      </c>
      <c r="CB204" s="898" t="str">
        <f t="shared" si="305"/>
        <v/>
      </c>
      <c r="CC204" s="898" t="str">
        <f t="shared" si="305"/>
        <v/>
      </c>
      <c r="CD204" s="898" t="str">
        <f t="shared" si="305"/>
        <v/>
      </c>
      <c r="CE204" s="898" t="str">
        <f>IF(AK204="yes",(AK$3*$BT204),"")</f>
        <v/>
      </c>
      <c r="CF204" s="898" t="str">
        <f>IF(AL204="yes",(AL$3*$BT204),"")</f>
        <v/>
      </c>
      <c r="CG204" s="898">
        <f>CG$3*1672</f>
        <v>334400</v>
      </c>
      <c r="CH204" s="898" t="str">
        <f>IF(AN204="yes",(AN$3*$BT204),"")</f>
        <v/>
      </c>
      <c r="CI204" s="898">
        <f>CI$3*1672</f>
        <v>585200</v>
      </c>
      <c r="CJ204" s="898" t="str">
        <f>IF(AP204="yes",(AP$3*$BT204),"")</f>
        <v/>
      </c>
      <c r="CK204" s="898" t="str">
        <f>IF(AQ204="yes",(AQ$3*$BT204),"")</f>
        <v/>
      </c>
      <c r="CL204" s="898">
        <f>CL$3*1672</f>
        <v>3979360</v>
      </c>
      <c r="CM204" s="898" t="str">
        <f t="shared" ref="CM204:CZ204" si="307">IF(AS204="yes",(AS$3*$BT204),"")</f>
        <v/>
      </c>
      <c r="CN204" s="898" t="str">
        <f t="shared" si="307"/>
        <v/>
      </c>
      <c r="CO204" s="898" t="str">
        <f t="shared" si="307"/>
        <v/>
      </c>
      <c r="CP204" s="898" t="str">
        <f t="shared" si="307"/>
        <v/>
      </c>
      <c r="CQ204" s="898" t="str">
        <f t="shared" si="307"/>
        <v/>
      </c>
      <c r="CR204" s="898" t="str">
        <f t="shared" si="307"/>
        <v/>
      </c>
      <c r="CS204" s="898" t="str">
        <f t="shared" si="307"/>
        <v/>
      </c>
      <c r="CT204" s="898" t="str">
        <f t="shared" si="307"/>
        <v/>
      </c>
      <c r="CU204" s="898" t="str">
        <f t="shared" si="307"/>
        <v/>
      </c>
      <c r="CV204" s="898" t="str">
        <f t="shared" si="307"/>
        <v/>
      </c>
      <c r="CW204" s="898" t="str">
        <f t="shared" si="307"/>
        <v/>
      </c>
      <c r="CX204" s="898" t="str">
        <f t="shared" si="307"/>
        <v/>
      </c>
      <c r="CY204" s="898" t="str">
        <f t="shared" si="307"/>
        <v/>
      </c>
      <c r="CZ204" s="898" t="str">
        <f t="shared" si="307"/>
        <v/>
      </c>
      <c r="DA204" s="898"/>
      <c r="DB204" s="898"/>
      <c r="DC204" s="898"/>
      <c r="DD204" s="898"/>
      <c r="DE204" s="898"/>
      <c r="DF204" s="898"/>
      <c r="DG204" s="898"/>
      <c r="DH204" s="898"/>
      <c r="DI204" s="898"/>
      <c r="DJ204" s="898"/>
      <c r="DK204" s="898"/>
      <c r="DL204" s="898"/>
      <c r="DM204" s="661">
        <f t="shared" si="299"/>
        <v>4898960</v>
      </c>
      <c r="DN204" s="898">
        <f t="shared" si="300"/>
        <v>0</v>
      </c>
      <c r="DO204" s="516">
        <f t="shared" si="301"/>
        <v>0</v>
      </c>
      <c r="DP204" s="898">
        <f t="shared" si="302"/>
        <v>0</v>
      </c>
      <c r="DQ204" s="934" t="s">
        <v>3116</v>
      </c>
      <c r="DR204" s="936" t="s">
        <v>3967</v>
      </c>
      <c r="DS204" s="1218" t="s">
        <v>3117</v>
      </c>
      <c r="DT204" s="632"/>
    </row>
    <row r="205" spans="1:124" s="613" customFormat="1" ht="142.5" x14ac:dyDescent="0.2">
      <c r="A205" s="484" t="str">
        <f t="shared" si="296"/>
        <v>Healthcare Infrastructure investment to support development in Hemel Hempstead Town Centre (Market square/Hospital site Hm03)</v>
      </c>
      <c r="B205" s="1163">
        <v>202</v>
      </c>
      <c r="C205" s="481" t="s">
        <v>3968</v>
      </c>
      <c r="D205" s="481" t="s">
        <v>2481</v>
      </c>
      <c r="E205" s="481" t="s">
        <v>53</v>
      </c>
      <c r="F205" s="481" t="s">
        <v>1341</v>
      </c>
      <c r="G205" s="654" t="s">
        <v>154</v>
      </c>
      <c r="H205" s="484" t="s">
        <v>3969</v>
      </c>
      <c r="I205" s="654"/>
      <c r="J205" s="1327" t="s">
        <v>3970</v>
      </c>
      <c r="K205" s="654" t="s">
        <v>58</v>
      </c>
      <c r="L205" s="852" t="s">
        <v>1362</v>
      </c>
      <c r="M205" s="654" t="s">
        <v>2996</v>
      </c>
      <c r="N205" s="654" t="s">
        <v>60</v>
      </c>
      <c r="O205" s="654" t="s">
        <v>3084</v>
      </c>
      <c r="P205" s="654" t="s">
        <v>3084</v>
      </c>
      <c r="Q205" s="654" t="s">
        <v>181</v>
      </c>
      <c r="R205" s="654"/>
      <c r="S205" s="654"/>
      <c r="T205" s="723" t="s">
        <v>191</v>
      </c>
      <c r="U205" s="723"/>
      <c r="V205" s="657" t="s">
        <v>3955</v>
      </c>
      <c r="W205" s="654"/>
      <c r="X205" s="745"/>
      <c r="Y205" s="723" t="s">
        <v>3106</v>
      </c>
      <c r="Z205" s="723"/>
      <c r="AA205" s="712" t="s">
        <v>65</v>
      </c>
      <c r="AB205" s="883"/>
      <c r="AC205" s="1319"/>
      <c r="AD205" s="883" t="s">
        <v>66</v>
      </c>
      <c r="AE205" s="1319"/>
      <c r="AF205" s="1319"/>
      <c r="AG205" s="883"/>
      <c r="AH205" s="883"/>
      <c r="AI205" s="883"/>
      <c r="AJ205" s="883"/>
      <c r="AK205" s="883"/>
      <c r="AL205" s="883"/>
      <c r="AM205" s="883"/>
      <c r="AN205" s="883"/>
      <c r="AO205" s="883"/>
      <c r="AP205" s="883"/>
      <c r="AQ205" s="883"/>
      <c r="AR205" s="883"/>
      <c r="AS205" s="883"/>
      <c r="AT205" s="883"/>
      <c r="AU205" s="883"/>
      <c r="AV205" s="883"/>
      <c r="AW205" s="883"/>
      <c r="AX205" s="883"/>
      <c r="AY205" s="883"/>
      <c r="AZ205" s="883"/>
      <c r="BA205" s="883"/>
      <c r="BB205" s="883"/>
      <c r="BC205" s="883"/>
      <c r="BD205" s="883"/>
      <c r="BE205" s="883"/>
      <c r="BF205" s="883"/>
      <c r="BG205" s="746"/>
      <c r="BH205" s="746"/>
      <c r="BI205" s="746"/>
      <c r="BJ205" s="746"/>
      <c r="BK205" s="746"/>
      <c r="BL205" s="746"/>
      <c r="BM205" s="746"/>
      <c r="BN205" s="746"/>
      <c r="BO205" s="746"/>
      <c r="BP205" s="746"/>
      <c r="BQ205" s="746"/>
      <c r="BR205" s="654"/>
      <c r="BS205" s="884">
        <f t="shared" si="297"/>
        <v>450</v>
      </c>
      <c r="BT205" s="661">
        <f>X205/BS205</f>
        <v>0</v>
      </c>
      <c r="BU205" s="661" t="e">
        <f>Y205/BT205</f>
        <v>#VALUE!</v>
      </c>
      <c r="BV205" s="898" t="str">
        <f t="shared" ref="BV205:DL205" si="308">IF(AB205="Yes", $X205*($BV$3/$BS205),"")</f>
        <v/>
      </c>
      <c r="BW205" s="898" t="str">
        <f t="shared" si="308"/>
        <v/>
      </c>
      <c r="BX205" s="898">
        <f t="shared" si="308"/>
        <v>0</v>
      </c>
      <c r="BY205" s="898" t="str">
        <f t="shared" si="308"/>
        <v/>
      </c>
      <c r="BZ205" s="898" t="str">
        <f t="shared" si="308"/>
        <v/>
      </c>
      <c r="CA205" s="898" t="str">
        <f t="shared" si="308"/>
        <v/>
      </c>
      <c r="CB205" s="898" t="str">
        <f t="shared" si="308"/>
        <v/>
      </c>
      <c r="CC205" s="898" t="str">
        <f t="shared" si="308"/>
        <v/>
      </c>
      <c r="CD205" s="898" t="str">
        <f t="shared" si="308"/>
        <v/>
      </c>
      <c r="CE205" s="898" t="str">
        <f t="shared" si="308"/>
        <v/>
      </c>
      <c r="CF205" s="898" t="str">
        <f t="shared" si="308"/>
        <v/>
      </c>
      <c r="CG205" s="898" t="str">
        <f t="shared" si="308"/>
        <v/>
      </c>
      <c r="CH205" s="898" t="str">
        <f t="shared" si="308"/>
        <v/>
      </c>
      <c r="CI205" s="898" t="str">
        <f t="shared" si="308"/>
        <v/>
      </c>
      <c r="CJ205" s="898" t="str">
        <f t="shared" si="308"/>
        <v/>
      </c>
      <c r="CK205" s="898" t="str">
        <f t="shared" si="308"/>
        <v/>
      </c>
      <c r="CL205" s="898" t="str">
        <f t="shared" si="308"/>
        <v/>
      </c>
      <c r="CM205" s="898" t="str">
        <f t="shared" si="308"/>
        <v/>
      </c>
      <c r="CN205" s="898" t="str">
        <f t="shared" si="308"/>
        <v/>
      </c>
      <c r="CO205" s="898" t="str">
        <f t="shared" si="308"/>
        <v/>
      </c>
      <c r="CP205" s="898" t="str">
        <f t="shared" si="308"/>
        <v/>
      </c>
      <c r="CQ205" s="898" t="str">
        <f t="shared" si="308"/>
        <v/>
      </c>
      <c r="CR205" s="898" t="str">
        <f t="shared" si="308"/>
        <v/>
      </c>
      <c r="CS205" s="898" t="str">
        <f t="shared" si="308"/>
        <v/>
      </c>
      <c r="CT205" s="898" t="str">
        <f t="shared" si="308"/>
        <v/>
      </c>
      <c r="CU205" s="898" t="str">
        <f t="shared" si="308"/>
        <v/>
      </c>
      <c r="CV205" s="898" t="str">
        <f t="shared" si="308"/>
        <v/>
      </c>
      <c r="CW205" s="898" t="str">
        <f t="shared" si="308"/>
        <v/>
      </c>
      <c r="CX205" s="898" t="str">
        <f t="shared" si="308"/>
        <v/>
      </c>
      <c r="CY205" s="898" t="str">
        <f t="shared" si="308"/>
        <v/>
      </c>
      <c r="CZ205" s="898" t="str">
        <f t="shared" si="308"/>
        <v/>
      </c>
      <c r="DA205" s="898" t="str">
        <f t="shared" si="308"/>
        <v/>
      </c>
      <c r="DB205" s="898" t="str">
        <f t="shared" si="308"/>
        <v/>
      </c>
      <c r="DC205" s="898" t="str">
        <f t="shared" si="308"/>
        <v/>
      </c>
      <c r="DD205" s="898" t="str">
        <f t="shared" si="308"/>
        <v/>
      </c>
      <c r="DE205" s="898" t="str">
        <f t="shared" si="308"/>
        <v/>
      </c>
      <c r="DF205" s="898" t="str">
        <f t="shared" si="308"/>
        <v/>
      </c>
      <c r="DG205" s="898" t="str">
        <f t="shared" si="308"/>
        <v/>
      </c>
      <c r="DH205" s="898" t="str">
        <f t="shared" si="308"/>
        <v/>
      </c>
      <c r="DI205" s="898" t="str">
        <f t="shared" si="308"/>
        <v/>
      </c>
      <c r="DJ205" s="898" t="str">
        <f t="shared" si="308"/>
        <v/>
      </c>
      <c r="DK205" s="898" t="str">
        <f t="shared" si="308"/>
        <v/>
      </c>
      <c r="DL205" s="898" t="str">
        <f t="shared" si="308"/>
        <v/>
      </c>
      <c r="DM205" s="661">
        <f t="shared" si="299"/>
        <v>0</v>
      </c>
      <c r="DN205" s="898">
        <f t="shared" si="300"/>
        <v>0</v>
      </c>
      <c r="DO205" s="516">
        <f t="shared" si="301"/>
        <v>0</v>
      </c>
      <c r="DP205" s="898">
        <f t="shared" si="302"/>
        <v>0</v>
      </c>
      <c r="DQ205" s="934" t="s">
        <v>3971</v>
      </c>
      <c r="DR205" s="936" t="s">
        <v>3972</v>
      </c>
      <c r="DS205" s="1218" t="s">
        <v>3117</v>
      </c>
      <c r="DT205" s="632"/>
    </row>
    <row r="206" spans="1:124" s="613" customFormat="1" ht="99.75" x14ac:dyDescent="0.2">
      <c r="A206" s="484" t="str">
        <f t="shared" si="296"/>
        <v>Hospital redevelopment and investment</v>
      </c>
      <c r="B206" s="1163">
        <v>203</v>
      </c>
      <c r="C206" s="902" t="s">
        <v>3973</v>
      </c>
      <c r="D206" s="902" t="s">
        <v>3207</v>
      </c>
      <c r="E206" s="481" t="s">
        <v>3415</v>
      </c>
      <c r="F206" s="710" t="s">
        <v>1341</v>
      </c>
      <c r="G206" s="713" t="s">
        <v>1343</v>
      </c>
      <c r="H206" s="941" t="s">
        <v>3974</v>
      </c>
      <c r="I206" s="676"/>
      <c r="J206" s="714" t="s">
        <v>3975</v>
      </c>
      <c r="K206" s="889" t="s">
        <v>3104</v>
      </c>
      <c r="L206" s="657" t="s">
        <v>63</v>
      </c>
      <c r="M206" s="725" t="s">
        <v>3976</v>
      </c>
      <c r="N206" s="654" t="s">
        <v>81</v>
      </c>
      <c r="O206" s="742" t="s">
        <v>3977</v>
      </c>
      <c r="P206" s="654" t="s">
        <v>3084</v>
      </c>
      <c r="Q206" s="543" t="s">
        <v>225</v>
      </c>
      <c r="R206" s="654"/>
      <c r="S206" s="654"/>
      <c r="T206" s="676" t="s">
        <v>3360</v>
      </c>
      <c r="U206" s="744"/>
      <c r="V206" s="657" t="s">
        <v>3978</v>
      </c>
      <c r="W206" s="744"/>
      <c r="X206" s="745"/>
      <c r="Y206" s="723" t="s">
        <v>3106</v>
      </c>
      <c r="Z206" s="723"/>
      <c r="AA206" s="712" t="s">
        <v>65</v>
      </c>
      <c r="AB206" s="654"/>
      <c r="AC206" s="654"/>
      <c r="AD206" s="654"/>
      <c r="AE206" s="654"/>
      <c r="AF206" s="654"/>
      <c r="AG206" s="654"/>
      <c r="AH206" s="654"/>
      <c r="AI206" s="654"/>
      <c r="AJ206" s="654"/>
      <c r="AK206" s="654"/>
      <c r="AL206" s="654"/>
      <c r="AM206" s="654"/>
      <c r="AN206" s="654"/>
      <c r="AO206" s="654"/>
      <c r="AP206" s="654"/>
      <c r="AQ206" s="654"/>
      <c r="AR206" s="654"/>
      <c r="AS206" s="654"/>
      <c r="AT206" s="654"/>
      <c r="AU206" s="654"/>
      <c r="AV206" s="654"/>
      <c r="AW206" s="654"/>
      <c r="AX206" s="654"/>
      <c r="AY206" s="654"/>
      <c r="AZ206" s="654"/>
      <c r="BA206" s="654"/>
      <c r="BB206" s="654"/>
      <c r="BC206" s="654"/>
      <c r="BD206" s="654"/>
      <c r="BE206" s="654"/>
      <c r="BF206" s="654"/>
      <c r="BG206" s="654"/>
      <c r="BH206" s="654"/>
      <c r="BI206" s="654"/>
      <c r="BJ206" s="654"/>
      <c r="BK206" s="654"/>
      <c r="BL206" s="654"/>
      <c r="BM206" s="654"/>
      <c r="BN206" s="654"/>
      <c r="BO206" s="654"/>
      <c r="BP206" s="654"/>
      <c r="BQ206" s="654"/>
      <c r="BR206" s="654"/>
      <c r="BS206" s="884">
        <f t="shared" si="297"/>
        <v>0</v>
      </c>
      <c r="BT206" s="661"/>
      <c r="BU206" s="661"/>
      <c r="BV206" s="898"/>
      <c r="BW206" s="898"/>
      <c r="BX206" s="898"/>
      <c r="BY206" s="898"/>
      <c r="BZ206" s="898"/>
      <c r="CA206" s="898"/>
      <c r="CB206" s="898"/>
      <c r="CC206" s="898"/>
      <c r="CD206" s="898"/>
      <c r="CE206" s="898"/>
      <c r="CF206" s="898"/>
      <c r="CG206" s="898"/>
      <c r="CH206" s="898"/>
      <c r="CI206" s="898"/>
      <c r="CJ206" s="898"/>
      <c r="CK206" s="898"/>
      <c r="CL206" s="898"/>
      <c r="CM206" s="898" t="str">
        <f t="shared" ref="CM206:CM217" si="309">IF(AS206="yes",(AS$3*$BT206),"")</f>
        <v/>
      </c>
      <c r="CN206" s="898" t="str">
        <f t="shared" ref="CN206:CN217" si="310">IF(AT206="yes",(AT$3*$BT206),"")</f>
        <v/>
      </c>
      <c r="CO206" s="898" t="str">
        <f t="shared" ref="CO206:CO217" si="311">IF(AU206="yes",(AU$3*$BT206),"")</f>
        <v/>
      </c>
      <c r="CP206" s="898" t="str">
        <f t="shared" ref="CP206:CP217" si="312">IF(AV206="yes",(AV$3*$BT206),"")</f>
        <v/>
      </c>
      <c r="CQ206" s="898" t="str">
        <f t="shared" ref="CQ206:CQ217" si="313">IF(AW206="yes",(AW$3*$BT206),"")</f>
        <v/>
      </c>
      <c r="CR206" s="898" t="str">
        <f t="shared" ref="CR206:CR217" si="314">IF(AX206="yes",(AX$3*$BT206),"")</f>
        <v/>
      </c>
      <c r="CS206" s="898" t="str">
        <f t="shared" ref="CS206:CS217" si="315">IF(AY206="yes",(AY$3*$BT206),"")</f>
        <v/>
      </c>
      <c r="CT206" s="898" t="str">
        <f t="shared" ref="CT206:CT217" si="316">IF(AZ206="yes",(AZ$3*$BT206),"")</f>
        <v/>
      </c>
      <c r="CU206" s="898" t="str">
        <f t="shared" ref="CU206:CU217" si="317">IF(BA206="yes",(BA$3*$BT206),"")</f>
        <v/>
      </c>
      <c r="CV206" s="898" t="str">
        <f t="shared" ref="CV206:CV217" si="318">IF(BB206="yes",(BB$3*$BT206),"")</f>
        <v/>
      </c>
      <c r="CW206" s="898" t="str">
        <f t="shared" ref="CW206:CW217" si="319">IF(BC206="yes",(BC$3*$BT206),"")</f>
        <v/>
      </c>
      <c r="CX206" s="898" t="str">
        <f t="shared" ref="CX206:CX217" si="320">IF(BD206="yes",(BD$3*$BT206),"")</f>
        <v/>
      </c>
      <c r="CY206" s="898" t="str">
        <f t="shared" ref="CY206:CY217" si="321">IF(BE206="yes",(BE$3*$BT206),"")</f>
        <v/>
      </c>
      <c r="CZ206" s="898" t="str">
        <f t="shared" ref="CZ206:CZ217" si="322">IF(BF206="yes",(BF$3*$BT206),"")</f>
        <v/>
      </c>
      <c r="DA206" s="723"/>
      <c r="DB206" s="723"/>
      <c r="DC206" s="723"/>
      <c r="DD206" s="723"/>
      <c r="DE206" s="723"/>
      <c r="DF206" s="723"/>
      <c r="DG206" s="723"/>
      <c r="DH206" s="723"/>
      <c r="DI206" s="723"/>
      <c r="DJ206" s="723"/>
      <c r="DK206" s="723"/>
      <c r="DL206" s="723"/>
      <c r="DM206" s="661">
        <f t="shared" si="299"/>
        <v>0</v>
      </c>
      <c r="DN206" s="898">
        <f t="shared" si="300"/>
        <v>0</v>
      </c>
      <c r="DO206" s="516">
        <f t="shared" si="301"/>
        <v>0</v>
      </c>
      <c r="DP206" s="898">
        <f t="shared" si="302"/>
        <v>0</v>
      </c>
      <c r="DQ206" s="1218" t="s">
        <v>3979</v>
      </c>
      <c r="DR206" s="1218" t="s">
        <v>3980</v>
      </c>
      <c r="DS206" s="1218" t="s">
        <v>3981</v>
      </c>
      <c r="DT206" s="632"/>
    </row>
    <row r="207" spans="1:124" s="613" customFormat="1" ht="60" x14ac:dyDescent="0.2">
      <c r="A207" s="484" t="str">
        <f t="shared" si="296"/>
        <v>Mental healthcare facilities</v>
      </c>
      <c r="B207" s="1163">
        <v>204</v>
      </c>
      <c r="C207" s="902" t="s">
        <v>3982</v>
      </c>
      <c r="D207" s="902" t="s">
        <v>3207</v>
      </c>
      <c r="E207" s="481" t="s">
        <v>3415</v>
      </c>
      <c r="F207" s="710" t="s">
        <v>1341</v>
      </c>
      <c r="G207" s="676" t="s">
        <v>1343</v>
      </c>
      <c r="H207" s="941" t="s">
        <v>3983</v>
      </c>
      <c r="I207" s="676"/>
      <c r="J207" s="714" t="s">
        <v>3984</v>
      </c>
      <c r="K207" s="889" t="s">
        <v>3104</v>
      </c>
      <c r="L207" s="657" t="s">
        <v>63</v>
      </c>
      <c r="M207" s="676" t="s">
        <v>3985</v>
      </c>
      <c r="N207" s="654" t="s">
        <v>81</v>
      </c>
      <c r="O207" s="742" t="s">
        <v>3986</v>
      </c>
      <c r="P207" s="654" t="s">
        <v>3084</v>
      </c>
      <c r="Q207" s="543" t="s">
        <v>225</v>
      </c>
      <c r="R207" s="654"/>
      <c r="S207" s="654"/>
      <c r="T207" s="744">
        <f>SUM(BV207:CL207,DI207:DK207)</f>
        <v>6118861.6799999997</v>
      </c>
      <c r="U207" s="744"/>
      <c r="V207" s="657" t="s">
        <v>64</v>
      </c>
      <c r="W207" s="744">
        <f>T207-X207</f>
        <v>0</v>
      </c>
      <c r="X207" s="745">
        <f>IF(ISTEXT(T207),T207,T207-U207)</f>
        <v>6118861.6799999997</v>
      </c>
      <c r="Y207" s="723" t="s">
        <v>3106</v>
      </c>
      <c r="Z207" s="723"/>
      <c r="AA207" s="712" t="s">
        <v>65</v>
      </c>
      <c r="AB207" s="654" t="s">
        <v>66</v>
      </c>
      <c r="AC207" s="654" t="s">
        <v>66</v>
      </c>
      <c r="AD207" s="654" t="s">
        <v>66</v>
      </c>
      <c r="AE207" s="654" t="s">
        <v>66</v>
      </c>
      <c r="AF207" s="654" t="s">
        <v>66</v>
      </c>
      <c r="AG207" s="654" t="s">
        <v>66</v>
      </c>
      <c r="AH207" s="654" t="s">
        <v>66</v>
      </c>
      <c r="AI207" s="654" t="s">
        <v>66</v>
      </c>
      <c r="AJ207" s="654" t="s">
        <v>66</v>
      </c>
      <c r="AK207" s="654" t="s">
        <v>66</v>
      </c>
      <c r="AL207" s="654" t="s">
        <v>66</v>
      </c>
      <c r="AM207" s="654" t="s">
        <v>66</v>
      </c>
      <c r="AN207" s="654" t="s">
        <v>66</v>
      </c>
      <c r="AO207" s="654" t="s">
        <v>66</v>
      </c>
      <c r="AP207" s="654" t="s">
        <v>66</v>
      </c>
      <c r="AQ207" s="654" t="s">
        <v>66</v>
      </c>
      <c r="AR207" s="654" t="s">
        <v>66</v>
      </c>
      <c r="AS207" s="654"/>
      <c r="AT207" s="654"/>
      <c r="AU207" s="654"/>
      <c r="AV207" s="654"/>
      <c r="AW207" s="654"/>
      <c r="AX207" s="654"/>
      <c r="AY207" s="654"/>
      <c r="AZ207" s="654"/>
      <c r="BA207" s="654"/>
      <c r="BB207" s="654"/>
      <c r="BC207" s="654"/>
      <c r="BD207" s="654"/>
      <c r="BE207" s="654"/>
      <c r="BF207" s="654"/>
      <c r="BG207" s="654"/>
      <c r="BH207" s="654"/>
      <c r="BI207" s="654"/>
      <c r="BJ207" s="654"/>
      <c r="BK207" s="654"/>
      <c r="BL207" s="654"/>
      <c r="BM207" s="654"/>
      <c r="BN207" s="654"/>
      <c r="BO207" s="654" t="s">
        <v>66</v>
      </c>
      <c r="BP207" s="654" t="s">
        <v>66</v>
      </c>
      <c r="BQ207" s="654" t="s">
        <v>66</v>
      </c>
      <c r="BR207" s="654"/>
      <c r="BS207" s="884">
        <f t="shared" si="297"/>
        <v>18054</v>
      </c>
      <c r="BT207" s="661">
        <f t="shared" ref="BT207:BT238" si="323">X207/BS207</f>
        <v>338.91999999999996</v>
      </c>
      <c r="BU207" s="661"/>
      <c r="BV207" s="898">
        <f t="shared" ref="BV207:CL207" si="324">338.92*BV$3</f>
        <v>1694600</v>
      </c>
      <c r="BW207" s="898">
        <f t="shared" si="324"/>
        <v>67784</v>
      </c>
      <c r="BX207" s="898">
        <f t="shared" si="324"/>
        <v>152514</v>
      </c>
      <c r="BY207" s="898">
        <f t="shared" si="324"/>
        <v>118622</v>
      </c>
      <c r="BZ207" s="898">
        <f t="shared" si="324"/>
        <v>169460</v>
      </c>
      <c r="CA207" s="898">
        <f t="shared" si="324"/>
        <v>162681.60000000001</v>
      </c>
      <c r="CB207" s="898">
        <f t="shared" si="324"/>
        <v>33892</v>
      </c>
      <c r="CC207" s="898">
        <f t="shared" si="324"/>
        <v>132178.80000000002</v>
      </c>
      <c r="CD207" s="898">
        <f t="shared" si="324"/>
        <v>169460</v>
      </c>
      <c r="CE207" s="898">
        <f t="shared" si="324"/>
        <v>169460</v>
      </c>
      <c r="CF207" s="898">
        <f t="shared" si="324"/>
        <v>254190</v>
      </c>
      <c r="CG207" s="898">
        <f t="shared" si="324"/>
        <v>67784</v>
      </c>
      <c r="CH207" s="898">
        <f t="shared" si="324"/>
        <v>79307.28</v>
      </c>
      <c r="CI207" s="898">
        <f t="shared" si="324"/>
        <v>118622</v>
      </c>
      <c r="CJ207" s="898">
        <f t="shared" si="324"/>
        <v>30502.800000000003</v>
      </c>
      <c r="CK207" s="898">
        <f t="shared" si="324"/>
        <v>27113.600000000002</v>
      </c>
      <c r="CL207" s="898">
        <f t="shared" si="324"/>
        <v>806629.60000000009</v>
      </c>
      <c r="CM207" s="898" t="str">
        <f t="shared" si="309"/>
        <v/>
      </c>
      <c r="CN207" s="898" t="str">
        <f t="shared" si="310"/>
        <v/>
      </c>
      <c r="CO207" s="898" t="str">
        <f t="shared" si="311"/>
        <v/>
      </c>
      <c r="CP207" s="898" t="str">
        <f t="shared" si="312"/>
        <v/>
      </c>
      <c r="CQ207" s="898" t="str">
        <f t="shared" si="313"/>
        <v/>
      </c>
      <c r="CR207" s="898" t="str">
        <f t="shared" si="314"/>
        <v/>
      </c>
      <c r="CS207" s="898" t="str">
        <f t="shared" si="315"/>
        <v/>
      </c>
      <c r="CT207" s="898" t="str">
        <f t="shared" si="316"/>
        <v/>
      </c>
      <c r="CU207" s="898" t="str">
        <f t="shared" si="317"/>
        <v/>
      </c>
      <c r="CV207" s="898" t="str">
        <f t="shared" si="318"/>
        <v/>
      </c>
      <c r="CW207" s="898" t="str">
        <f t="shared" si="319"/>
        <v/>
      </c>
      <c r="CX207" s="898" t="str">
        <f t="shared" si="320"/>
        <v/>
      </c>
      <c r="CY207" s="898" t="str">
        <f t="shared" si="321"/>
        <v/>
      </c>
      <c r="CZ207" s="898" t="str">
        <f t="shared" si="322"/>
        <v/>
      </c>
      <c r="DA207" s="723"/>
      <c r="DB207" s="723"/>
      <c r="DC207" s="723"/>
      <c r="DD207" s="723"/>
      <c r="DE207" s="723"/>
      <c r="DF207" s="723"/>
      <c r="DG207" s="723"/>
      <c r="DH207" s="723"/>
      <c r="DI207" s="723">
        <f>338.92*DI$3</f>
        <v>508380</v>
      </c>
      <c r="DJ207" s="723">
        <f>338.92*DJ$3</f>
        <v>542272</v>
      </c>
      <c r="DK207" s="723">
        <f>338.92*DK$3</f>
        <v>813408</v>
      </c>
      <c r="DL207" s="723"/>
      <c r="DM207" s="661">
        <f t="shared" si="299"/>
        <v>4254801.68</v>
      </c>
      <c r="DN207" s="898">
        <f t="shared" si="300"/>
        <v>1864060</v>
      </c>
      <c r="DO207" s="516">
        <f t="shared" si="301"/>
        <v>0</v>
      </c>
      <c r="DP207" s="898">
        <f t="shared" si="302"/>
        <v>0</v>
      </c>
      <c r="DQ207" s="1218" t="s">
        <v>3987</v>
      </c>
      <c r="DR207" s="1218" t="s">
        <v>3988</v>
      </c>
      <c r="DS207" s="1218" t="s">
        <v>3981</v>
      </c>
      <c r="DT207" s="632"/>
    </row>
    <row r="208" spans="1:124" s="613" customFormat="1" ht="60" x14ac:dyDescent="0.2">
      <c r="A208" s="484" t="str">
        <f t="shared" si="296"/>
        <v>Community healthcare facilities</v>
      </c>
      <c r="B208" s="1163">
        <v>205</v>
      </c>
      <c r="C208" s="722" t="s">
        <v>3989</v>
      </c>
      <c r="D208" s="902" t="s">
        <v>3207</v>
      </c>
      <c r="E208" s="481" t="s">
        <v>3415</v>
      </c>
      <c r="F208" s="710" t="s">
        <v>1341</v>
      </c>
      <c r="G208" s="713" t="s">
        <v>1343</v>
      </c>
      <c r="H208" s="941" t="s">
        <v>3990</v>
      </c>
      <c r="I208" s="676"/>
      <c r="J208" s="714" t="s">
        <v>3991</v>
      </c>
      <c r="K208" s="889" t="s">
        <v>3104</v>
      </c>
      <c r="L208" s="657" t="s">
        <v>63</v>
      </c>
      <c r="M208" s="676" t="s">
        <v>3985</v>
      </c>
      <c r="N208" s="654" t="s">
        <v>81</v>
      </c>
      <c r="O208" s="742" t="s">
        <v>3992</v>
      </c>
      <c r="P208" s="654" t="s">
        <v>3084</v>
      </c>
      <c r="Q208" s="543" t="s">
        <v>225</v>
      </c>
      <c r="R208" s="654"/>
      <c r="S208" s="654"/>
      <c r="T208" s="744">
        <f>SUM(BV208:CL208,DI208:DK208)</f>
        <v>6367284.7200000007</v>
      </c>
      <c r="U208" s="744"/>
      <c r="V208" s="657" t="s">
        <v>64</v>
      </c>
      <c r="W208" s="744">
        <f>T208-X208</f>
        <v>0</v>
      </c>
      <c r="X208" s="745">
        <f>IF(ISTEXT(T208),T208,T208-U208)</f>
        <v>6367284.7200000007</v>
      </c>
      <c r="Y208" s="723" t="s">
        <v>3106</v>
      </c>
      <c r="Z208" s="723"/>
      <c r="AA208" s="712" t="s">
        <v>65</v>
      </c>
      <c r="AB208" s="654" t="s">
        <v>66</v>
      </c>
      <c r="AC208" s="654" t="s">
        <v>66</v>
      </c>
      <c r="AD208" s="654" t="s">
        <v>66</v>
      </c>
      <c r="AE208" s="654" t="s">
        <v>66</v>
      </c>
      <c r="AF208" s="654" t="s">
        <v>66</v>
      </c>
      <c r="AG208" s="654" t="s">
        <v>66</v>
      </c>
      <c r="AH208" s="654" t="s">
        <v>66</v>
      </c>
      <c r="AI208" s="654" t="s">
        <v>66</v>
      </c>
      <c r="AJ208" s="654" t="s">
        <v>66</v>
      </c>
      <c r="AK208" s="654" t="s">
        <v>66</v>
      </c>
      <c r="AL208" s="654" t="s">
        <v>66</v>
      </c>
      <c r="AM208" s="654" t="s">
        <v>66</v>
      </c>
      <c r="AN208" s="654" t="s">
        <v>66</v>
      </c>
      <c r="AO208" s="654" t="s">
        <v>66</v>
      </c>
      <c r="AP208" s="654" t="s">
        <v>66</v>
      </c>
      <c r="AQ208" s="654" t="s">
        <v>66</v>
      </c>
      <c r="AR208" s="654" t="s">
        <v>66</v>
      </c>
      <c r="AS208" s="654"/>
      <c r="AT208" s="654"/>
      <c r="AU208" s="654"/>
      <c r="AV208" s="654"/>
      <c r="AW208" s="654"/>
      <c r="AX208" s="654"/>
      <c r="AY208" s="654"/>
      <c r="AZ208" s="654"/>
      <c r="BA208" s="654"/>
      <c r="BB208" s="654"/>
      <c r="BC208" s="654"/>
      <c r="BD208" s="654"/>
      <c r="BE208" s="654"/>
      <c r="BF208" s="654"/>
      <c r="BG208" s="654"/>
      <c r="BH208" s="654"/>
      <c r="BI208" s="654"/>
      <c r="BJ208" s="654"/>
      <c r="BK208" s="654"/>
      <c r="BL208" s="654"/>
      <c r="BM208" s="654"/>
      <c r="BN208" s="654"/>
      <c r="BO208" s="654" t="s">
        <v>66</v>
      </c>
      <c r="BP208" s="654" t="s">
        <v>66</v>
      </c>
      <c r="BQ208" s="654" t="s">
        <v>66</v>
      </c>
      <c r="BR208" s="654"/>
      <c r="BS208" s="884">
        <f t="shared" si="297"/>
        <v>18054</v>
      </c>
      <c r="BT208" s="661">
        <f t="shared" si="323"/>
        <v>352.68000000000006</v>
      </c>
      <c r="BU208" s="661"/>
      <c r="BV208" s="898">
        <f t="shared" ref="BV208:CL208" si="325">352.68*BV$3</f>
        <v>1763400</v>
      </c>
      <c r="BW208" s="898">
        <f t="shared" si="325"/>
        <v>70536</v>
      </c>
      <c r="BX208" s="898">
        <f t="shared" si="325"/>
        <v>158706</v>
      </c>
      <c r="BY208" s="898">
        <f t="shared" si="325"/>
        <v>123438</v>
      </c>
      <c r="BZ208" s="898">
        <f t="shared" si="325"/>
        <v>176340</v>
      </c>
      <c r="CA208" s="898">
        <f t="shared" si="325"/>
        <v>169286.39999999999</v>
      </c>
      <c r="CB208" s="898">
        <f t="shared" si="325"/>
        <v>35268</v>
      </c>
      <c r="CC208" s="898">
        <f t="shared" si="325"/>
        <v>137545.20000000001</v>
      </c>
      <c r="CD208" s="898">
        <f t="shared" si="325"/>
        <v>176340</v>
      </c>
      <c r="CE208" s="898">
        <f t="shared" si="325"/>
        <v>176340</v>
      </c>
      <c r="CF208" s="898">
        <f t="shared" si="325"/>
        <v>264510</v>
      </c>
      <c r="CG208" s="898">
        <f t="shared" si="325"/>
        <v>70536</v>
      </c>
      <c r="CH208" s="898">
        <f t="shared" si="325"/>
        <v>82527.12</v>
      </c>
      <c r="CI208" s="898">
        <f t="shared" si="325"/>
        <v>123438</v>
      </c>
      <c r="CJ208" s="898">
        <f t="shared" si="325"/>
        <v>31741.200000000001</v>
      </c>
      <c r="CK208" s="898">
        <f t="shared" si="325"/>
        <v>28214.400000000001</v>
      </c>
      <c r="CL208" s="898">
        <f t="shared" si="325"/>
        <v>839378.4</v>
      </c>
      <c r="CM208" s="898" t="str">
        <f t="shared" si="309"/>
        <v/>
      </c>
      <c r="CN208" s="898" t="str">
        <f t="shared" si="310"/>
        <v/>
      </c>
      <c r="CO208" s="898" t="str">
        <f t="shared" si="311"/>
        <v/>
      </c>
      <c r="CP208" s="898" t="str">
        <f t="shared" si="312"/>
        <v/>
      </c>
      <c r="CQ208" s="898" t="str">
        <f t="shared" si="313"/>
        <v/>
      </c>
      <c r="CR208" s="898" t="str">
        <f t="shared" si="314"/>
        <v/>
      </c>
      <c r="CS208" s="898" t="str">
        <f t="shared" si="315"/>
        <v/>
      </c>
      <c r="CT208" s="898" t="str">
        <f t="shared" si="316"/>
        <v/>
      </c>
      <c r="CU208" s="898" t="str">
        <f t="shared" si="317"/>
        <v/>
      </c>
      <c r="CV208" s="898" t="str">
        <f t="shared" si="318"/>
        <v/>
      </c>
      <c r="CW208" s="898" t="str">
        <f t="shared" si="319"/>
        <v/>
      </c>
      <c r="CX208" s="898" t="str">
        <f t="shared" si="320"/>
        <v/>
      </c>
      <c r="CY208" s="898" t="str">
        <f t="shared" si="321"/>
        <v/>
      </c>
      <c r="CZ208" s="898" t="str">
        <f t="shared" si="322"/>
        <v/>
      </c>
      <c r="DA208" s="723"/>
      <c r="DB208" s="723"/>
      <c r="DC208" s="723"/>
      <c r="DD208" s="723"/>
      <c r="DE208" s="723"/>
      <c r="DF208" s="723"/>
      <c r="DG208" s="723"/>
      <c r="DH208" s="723"/>
      <c r="DI208" s="723">
        <f>352.68*DI$3</f>
        <v>529020</v>
      </c>
      <c r="DJ208" s="723">
        <f>352.68*DJ$3</f>
        <v>564288</v>
      </c>
      <c r="DK208" s="723">
        <f>352.68*DK$3</f>
        <v>846432</v>
      </c>
      <c r="DL208" s="723"/>
      <c r="DM208" s="661">
        <f t="shared" si="299"/>
        <v>4427544.7200000007</v>
      </c>
      <c r="DN208" s="898">
        <f t="shared" si="300"/>
        <v>1939740</v>
      </c>
      <c r="DO208" s="516">
        <f t="shared" si="301"/>
        <v>0</v>
      </c>
      <c r="DP208" s="898">
        <f t="shared" si="302"/>
        <v>0</v>
      </c>
      <c r="DQ208" s="1218" t="s">
        <v>3993</v>
      </c>
      <c r="DR208" s="1218" t="s">
        <v>3994</v>
      </c>
      <c r="DS208" s="1218" t="s">
        <v>3981</v>
      </c>
      <c r="DT208" s="632"/>
    </row>
    <row r="209" spans="1:124" s="613" customFormat="1" ht="42.75" x14ac:dyDescent="0.2">
      <c r="A209" s="484" t="str">
        <f t="shared" si="296"/>
        <v>Adult Care Facilities at North Hemel Hempstead (H1)</v>
      </c>
      <c r="B209" s="1163">
        <v>206</v>
      </c>
      <c r="C209" s="722" t="s">
        <v>3995</v>
      </c>
      <c r="D209" s="722" t="s">
        <v>3369</v>
      </c>
      <c r="E209" s="722" t="s">
        <v>1385</v>
      </c>
      <c r="F209" s="511" t="s">
        <v>1341</v>
      </c>
      <c r="G209" s="654" t="s">
        <v>192</v>
      </c>
      <c r="H209" s="941" t="s">
        <v>3996</v>
      </c>
      <c r="I209" s="676"/>
      <c r="J209" s="484" t="s">
        <v>3997</v>
      </c>
      <c r="K209" s="654" t="s">
        <v>58</v>
      </c>
      <c r="L209" s="657" t="s">
        <v>1375</v>
      </c>
      <c r="M209" s="676" t="s">
        <v>3027</v>
      </c>
      <c r="N209" s="676" t="s">
        <v>60</v>
      </c>
      <c r="O209" s="654" t="s">
        <v>525</v>
      </c>
      <c r="P209" s="654" t="s">
        <v>61</v>
      </c>
      <c r="Q209" s="676" t="s">
        <v>3359</v>
      </c>
      <c r="R209" s="654"/>
      <c r="S209" s="654"/>
      <c r="T209" s="676" t="s">
        <v>3360</v>
      </c>
      <c r="U209" s="744"/>
      <c r="V209" s="654" t="s">
        <v>64</v>
      </c>
      <c r="W209" s="676"/>
      <c r="X209" s="745"/>
      <c r="Y209" s="723" t="s">
        <v>3106</v>
      </c>
      <c r="Z209" s="723"/>
      <c r="AA209" s="712" t="s">
        <v>65</v>
      </c>
      <c r="AB209" s="676"/>
      <c r="AC209" s="676"/>
      <c r="AD209" s="676"/>
      <c r="AE209" s="676"/>
      <c r="AF209" s="676"/>
      <c r="AG209" s="676"/>
      <c r="AH209" s="676"/>
      <c r="AI209" s="676"/>
      <c r="AJ209" s="676"/>
      <c r="AK209" s="676"/>
      <c r="AL209" s="676"/>
      <c r="AM209" s="676"/>
      <c r="AN209" s="676"/>
      <c r="AO209" s="676"/>
      <c r="AP209" s="676"/>
      <c r="AQ209" s="676"/>
      <c r="AR209" s="676"/>
      <c r="AS209" s="676"/>
      <c r="AT209" s="676"/>
      <c r="AU209" s="676"/>
      <c r="AV209" s="676"/>
      <c r="AW209" s="676"/>
      <c r="AX209" s="676"/>
      <c r="AY209" s="676"/>
      <c r="AZ209" s="676"/>
      <c r="BA209" s="676"/>
      <c r="BB209" s="676"/>
      <c r="BC209" s="676"/>
      <c r="BD209" s="676"/>
      <c r="BE209" s="676"/>
      <c r="BF209" s="676"/>
      <c r="BG209" s="676"/>
      <c r="BH209" s="676"/>
      <c r="BI209" s="676"/>
      <c r="BJ209" s="676"/>
      <c r="BK209" s="676"/>
      <c r="BL209" s="676"/>
      <c r="BM209" s="676"/>
      <c r="BN209" s="676"/>
      <c r="BO209" s="676" t="s">
        <v>66</v>
      </c>
      <c r="BP209" s="676"/>
      <c r="BQ209" s="676"/>
      <c r="BR209" s="676"/>
      <c r="BS209" s="884">
        <f t="shared" si="297"/>
        <v>1500</v>
      </c>
      <c r="BT209" s="661">
        <f t="shared" si="323"/>
        <v>0</v>
      </c>
      <c r="BU209" s="661"/>
      <c r="BV209" s="898" t="str">
        <f t="shared" ref="BV209:BV217" si="326">IF(AB209="yes",(AB$3*$BT209),"")</f>
        <v/>
      </c>
      <c r="BW209" s="898" t="str">
        <f t="shared" ref="BW209:BW217" si="327">IF(AC209="yes",(AC$3*$BT209),"")</f>
        <v/>
      </c>
      <c r="BX209" s="898" t="str">
        <f t="shared" ref="BX209:BX217" si="328">IF(AD209="yes",(AD$3*$BT209),"")</f>
        <v/>
      </c>
      <c r="BY209" s="898" t="str">
        <f t="shared" ref="BY209:BY217" si="329">IF(AE209="yes",(AE$3*$BT209),"")</f>
        <v/>
      </c>
      <c r="BZ209" s="898" t="str">
        <f t="shared" ref="BZ209:BZ217" si="330">IF(AF209="yes",(AF$3*$BT209),"")</f>
        <v/>
      </c>
      <c r="CA209" s="898" t="str">
        <f t="shared" ref="CA209:CA217" si="331">IF(AG209="yes",(AG$3*$BT209),"")</f>
        <v/>
      </c>
      <c r="CB209" s="898" t="str">
        <f t="shared" ref="CB209:CB217" si="332">IF(AH209="yes",(AH$3*$BT209),"")</f>
        <v/>
      </c>
      <c r="CC209" s="898" t="str">
        <f t="shared" ref="CC209:CC217" si="333">IF(AI209="yes",(AI$3*$BT209),"")</f>
        <v/>
      </c>
      <c r="CD209" s="898" t="str">
        <f t="shared" ref="CD209:CD217" si="334">IF(AJ209="yes",(AJ$3*$BT209),"")</f>
        <v/>
      </c>
      <c r="CE209" s="898" t="str">
        <f t="shared" ref="CE209:CE217" si="335">IF(AK209="yes",(AK$3*$BT209),"")</f>
        <v/>
      </c>
      <c r="CF209" s="898" t="str">
        <f t="shared" ref="CF209:CF217" si="336">IF(AL209="yes",(AL$3*$BT209),"")</f>
        <v/>
      </c>
      <c r="CG209" s="898" t="str">
        <f t="shared" ref="CG209:CG217" si="337">IF(AM209="yes",(AM$3*$BT209),"")</f>
        <v/>
      </c>
      <c r="CH209" s="898" t="str">
        <f t="shared" ref="CH209:CH217" si="338">IF(AN209="yes",(AN$3*$BT209),"")</f>
        <v/>
      </c>
      <c r="CI209" s="898" t="str">
        <f t="shared" ref="CI209:CI217" si="339">IF(AO209="yes",(AO$3*$BT209),"")</f>
        <v/>
      </c>
      <c r="CJ209" s="898" t="str">
        <f t="shared" ref="CJ209:CJ217" si="340">IF(AP209="yes",(AP$3*$BT209),"")</f>
        <v/>
      </c>
      <c r="CK209" s="898" t="str">
        <f t="shared" ref="CK209:CK217" si="341">IF(AQ209="yes",(AQ$3*$BT209),"")</f>
        <v/>
      </c>
      <c r="CL209" s="898" t="str">
        <f t="shared" ref="CL209:CL217" si="342">IF(AR209="yes",(AR$3*$BT209),"")</f>
        <v/>
      </c>
      <c r="CM209" s="898" t="str">
        <f t="shared" si="309"/>
        <v/>
      </c>
      <c r="CN209" s="898" t="str">
        <f t="shared" si="310"/>
        <v/>
      </c>
      <c r="CO209" s="898" t="str">
        <f t="shared" si="311"/>
        <v/>
      </c>
      <c r="CP209" s="898" t="str">
        <f t="shared" si="312"/>
        <v/>
      </c>
      <c r="CQ209" s="898" t="str">
        <f t="shared" si="313"/>
        <v/>
      </c>
      <c r="CR209" s="898" t="str">
        <f t="shared" si="314"/>
        <v/>
      </c>
      <c r="CS209" s="898" t="str">
        <f t="shared" si="315"/>
        <v/>
      </c>
      <c r="CT209" s="898" t="str">
        <f t="shared" si="316"/>
        <v/>
      </c>
      <c r="CU209" s="898" t="str">
        <f t="shared" si="317"/>
        <v/>
      </c>
      <c r="CV209" s="898" t="str">
        <f t="shared" si="318"/>
        <v/>
      </c>
      <c r="CW209" s="898" t="str">
        <f t="shared" si="319"/>
        <v/>
      </c>
      <c r="CX209" s="898" t="str">
        <f t="shared" si="320"/>
        <v/>
      </c>
      <c r="CY209" s="898" t="str">
        <f t="shared" si="321"/>
        <v/>
      </c>
      <c r="CZ209" s="898" t="str">
        <f t="shared" si="322"/>
        <v/>
      </c>
      <c r="DA209" s="898" t="str">
        <f t="shared" ref="DA209:DL209" si="343">IF(BG209="yes",(BG$3*$BT209),"")</f>
        <v/>
      </c>
      <c r="DB209" s="898" t="str">
        <f t="shared" si="343"/>
        <v/>
      </c>
      <c r="DC209" s="898" t="str">
        <f t="shared" si="343"/>
        <v/>
      </c>
      <c r="DD209" s="898" t="str">
        <f t="shared" si="343"/>
        <v/>
      </c>
      <c r="DE209" s="898" t="str">
        <f t="shared" si="343"/>
        <v/>
      </c>
      <c r="DF209" s="898" t="str">
        <f t="shared" si="343"/>
        <v/>
      </c>
      <c r="DG209" s="898" t="str">
        <f t="shared" si="343"/>
        <v/>
      </c>
      <c r="DH209" s="898" t="str">
        <f t="shared" si="343"/>
        <v/>
      </c>
      <c r="DI209" s="898">
        <f t="shared" si="343"/>
        <v>0</v>
      </c>
      <c r="DJ209" s="898" t="str">
        <f t="shared" si="343"/>
        <v/>
      </c>
      <c r="DK209" s="898" t="str">
        <f t="shared" si="343"/>
        <v/>
      </c>
      <c r="DL209" s="898" t="str">
        <f t="shared" si="343"/>
        <v/>
      </c>
      <c r="DM209" s="661">
        <f t="shared" si="299"/>
        <v>0</v>
      </c>
      <c r="DN209" s="898">
        <f t="shared" si="300"/>
        <v>0</v>
      </c>
      <c r="DO209" s="516">
        <f t="shared" si="301"/>
        <v>0</v>
      </c>
      <c r="DP209" s="898">
        <f t="shared" si="302"/>
        <v>0</v>
      </c>
      <c r="DQ209" s="1220" t="s">
        <v>3998</v>
      </c>
      <c r="DR209" s="1214"/>
      <c r="DS209" s="1215" t="s">
        <v>3999</v>
      </c>
      <c r="DT209" s="632"/>
    </row>
    <row r="210" spans="1:124" s="613" customFormat="1" ht="42.75" x14ac:dyDescent="0.2">
      <c r="A210" s="484" t="str">
        <f t="shared" si="296"/>
        <v>Adult Care Facilities at East Hemel Hempstead (North) (H2)</v>
      </c>
      <c r="B210" s="1163">
        <v>207</v>
      </c>
      <c r="C210" s="722" t="s">
        <v>4000</v>
      </c>
      <c r="D210" s="722" t="s">
        <v>3369</v>
      </c>
      <c r="E210" s="722" t="s">
        <v>1385</v>
      </c>
      <c r="F210" s="511" t="s">
        <v>1341</v>
      </c>
      <c r="G210" s="654" t="s">
        <v>192</v>
      </c>
      <c r="H210" s="941" t="s">
        <v>4001</v>
      </c>
      <c r="I210" s="676"/>
      <c r="J210" s="484" t="s">
        <v>3997</v>
      </c>
      <c r="K210" s="654" t="s">
        <v>58</v>
      </c>
      <c r="L210" s="515" t="s">
        <v>1376</v>
      </c>
      <c r="M210" s="676" t="s">
        <v>3027</v>
      </c>
      <c r="N210" s="676" t="s">
        <v>60</v>
      </c>
      <c r="O210" s="654" t="s">
        <v>525</v>
      </c>
      <c r="P210" s="654" t="s">
        <v>61</v>
      </c>
      <c r="Q210" s="676" t="s">
        <v>169</v>
      </c>
      <c r="R210" s="654"/>
      <c r="S210" s="654"/>
      <c r="T210" s="676" t="s">
        <v>3360</v>
      </c>
      <c r="U210" s="744"/>
      <c r="V210" s="654" t="s">
        <v>64</v>
      </c>
      <c r="W210" s="676"/>
      <c r="X210" s="745"/>
      <c r="Y210" s="723" t="s">
        <v>3106</v>
      </c>
      <c r="Z210" s="723"/>
      <c r="AA210" s="712" t="s">
        <v>65</v>
      </c>
      <c r="AB210" s="676"/>
      <c r="AC210" s="676"/>
      <c r="AD210" s="676"/>
      <c r="AE210" s="676"/>
      <c r="AF210" s="676"/>
      <c r="AG210" s="676"/>
      <c r="AH210" s="676"/>
      <c r="AI210" s="676"/>
      <c r="AJ210" s="676"/>
      <c r="AK210" s="676"/>
      <c r="AL210" s="676"/>
      <c r="AM210" s="676"/>
      <c r="AN210" s="676"/>
      <c r="AO210" s="676"/>
      <c r="AP210" s="676"/>
      <c r="AQ210" s="676"/>
      <c r="AR210" s="676"/>
      <c r="AS210" s="676"/>
      <c r="AT210" s="676"/>
      <c r="AU210" s="676"/>
      <c r="AV210" s="676"/>
      <c r="AW210" s="676"/>
      <c r="AX210" s="676"/>
      <c r="AY210" s="676"/>
      <c r="AZ210" s="676"/>
      <c r="BA210" s="676"/>
      <c r="BB210" s="676"/>
      <c r="BC210" s="676"/>
      <c r="BD210" s="676"/>
      <c r="BE210" s="676"/>
      <c r="BF210" s="676"/>
      <c r="BG210" s="676"/>
      <c r="BH210" s="676"/>
      <c r="BI210" s="676"/>
      <c r="BJ210" s="676"/>
      <c r="BK210" s="676"/>
      <c r="BL210" s="676"/>
      <c r="BM210" s="676"/>
      <c r="BN210" s="676"/>
      <c r="BO210" s="676"/>
      <c r="BP210" s="676" t="s">
        <v>66</v>
      </c>
      <c r="BQ210" s="676"/>
      <c r="BR210" s="676"/>
      <c r="BS210" s="884">
        <f t="shared" si="297"/>
        <v>1600</v>
      </c>
      <c r="BT210" s="661">
        <f t="shared" si="323"/>
        <v>0</v>
      </c>
      <c r="BU210" s="661"/>
      <c r="BV210" s="898" t="str">
        <f t="shared" si="326"/>
        <v/>
      </c>
      <c r="BW210" s="898" t="str">
        <f t="shared" si="327"/>
        <v/>
      </c>
      <c r="BX210" s="898" t="str">
        <f t="shared" si="328"/>
        <v/>
      </c>
      <c r="BY210" s="898" t="str">
        <f t="shared" si="329"/>
        <v/>
      </c>
      <c r="BZ210" s="898" t="str">
        <f t="shared" si="330"/>
        <v/>
      </c>
      <c r="CA210" s="898" t="str">
        <f t="shared" si="331"/>
        <v/>
      </c>
      <c r="CB210" s="898" t="str">
        <f t="shared" si="332"/>
        <v/>
      </c>
      <c r="CC210" s="898" t="str">
        <f t="shared" si="333"/>
        <v/>
      </c>
      <c r="CD210" s="898" t="str">
        <f t="shared" si="334"/>
        <v/>
      </c>
      <c r="CE210" s="898" t="str">
        <f t="shared" si="335"/>
        <v/>
      </c>
      <c r="CF210" s="898" t="str">
        <f t="shared" si="336"/>
        <v/>
      </c>
      <c r="CG210" s="898" t="str">
        <f t="shared" si="337"/>
        <v/>
      </c>
      <c r="CH210" s="898" t="str">
        <f t="shared" si="338"/>
        <v/>
      </c>
      <c r="CI210" s="898" t="str">
        <f t="shared" si="339"/>
        <v/>
      </c>
      <c r="CJ210" s="898" t="str">
        <f t="shared" si="340"/>
        <v/>
      </c>
      <c r="CK210" s="898" t="str">
        <f t="shared" si="341"/>
        <v/>
      </c>
      <c r="CL210" s="898" t="str">
        <f t="shared" si="342"/>
        <v/>
      </c>
      <c r="CM210" s="898" t="str">
        <f t="shared" si="309"/>
        <v/>
      </c>
      <c r="CN210" s="898" t="str">
        <f t="shared" si="310"/>
        <v/>
      </c>
      <c r="CO210" s="898" t="str">
        <f t="shared" si="311"/>
        <v/>
      </c>
      <c r="CP210" s="898" t="str">
        <f t="shared" si="312"/>
        <v/>
      </c>
      <c r="CQ210" s="898" t="str">
        <f t="shared" si="313"/>
        <v/>
      </c>
      <c r="CR210" s="898" t="str">
        <f t="shared" si="314"/>
        <v/>
      </c>
      <c r="CS210" s="898" t="str">
        <f t="shared" si="315"/>
        <v/>
      </c>
      <c r="CT210" s="898" t="str">
        <f t="shared" si="316"/>
        <v/>
      </c>
      <c r="CU210" s="898" t="str">
        <f t="shared" si="317"/>
        <v/>
      </c>
      <c r="CV210" s="898" t="str">
        <f t="shared" si="318"/>
        <v/>
      </c>
      <c r="CW210" s="898" t="str">
        <f t="shared" si="319"/>
        <v/>
      </c>
      <c r="CX210" s="898" t="str">
        <f t="shared" si="320"/>
        <v/>
      </c>
      <c r="CY210" s="898" t="str">
        <f t="shared" si="321"/>
        <v/>
      </c>
      <c r="CZ210" s="898" t="str">
        <f t="shared" si="322"/>
        <v/>
      </c>
      <c r="DA210" s="744"/>
      <c r="DB210" s="744"/>
      <c r="DC210" s="744"/>
      <c r="DD210" s="744"/>
      <c r="DE210" s="744"/>
      <c r="DF210" s="744"/>
      <c r="DG210" s="744"/>
      <c r="DH210" s="744"/>
      <c r="DI210" s="744"/>
      <c r="DJ210" s="744">
        <f>X210</f>
        <v>0</v>
      </c>
      <c r="DK210" s="744"/>
      <c r="DL210" s="744"/>
      <c r="DM210" s="661">
        <f t="shared" si="299"/>
        <v>0</v>
      </c>
      <c r="DN210" s="898">
        <f t="shared" si="300"/>
        <v>0</v>
      </c>
      <c r="DO210" s="516">
        <f t="shared" si="301"/>
        <v>0</v>
      </c>
      <c r="DP210" s="898">
        <f t="shared" si="302"/>
        <v>0</v>
      </c>
      <c r="DQ210" s="1220" t="s">
        <v>3998</v>
      </c>
      <c r="DR210" s="1214"/>
      <c r="DS210" s="1215" t="s">
        <v>3999</v>
      </c>
      <c r="DT210" s="632"/>
    </row>
    <row r="211" spans="1:124" s="613" customFormat="1" ht="42.75" x14ac:dyDescent="0.2">
      <c r="A211" s="484" t="str">
        <f t="shared" si="296"/>
        <v>Adult Care Facilities at East Hemel Hempstead (South) (H4)</v>
      </c>
      <c r="B211" s="1163">
        <v>208</v>
      </c>
      <c r="C211" s="481" t="s">
        <v>4002</v>
      </c>
      <c r="D211" s="722" t="s">
        <v>3369</v>
      </c>
      <c r="E211" s="722" t="s">
        <v>1385</v>
      </c>
      <c r="F211" s="511" t="s">
        <v>1341</v>
      </c>
      <c r="G211" s="654" t="s">
        <v>192</v>
      </c>
      <c r="H211" s="941" t="s">
        <v>4003</v>
      </c>
      <c r="I211" s="676"/>
      <c r="J211" s="484" t="s">
        <v>4004</v>
      </c>
      <c r="K211" s="654" t="s">
        <v>58</v>
      </c>
      <c r="L211" s="515" t="s">
        <v>1377</v>
      </c>
      <c r="M211" s="676" t="s">
        <v>3027</v>
      </c>
      <c r="N211" s="676" t="s">
        <v>60</v>
      </c>
      <c r="O211" s="654" t="s">
        <v>525</v>
      </c>
      <c r="P211" s="654" t="s">
        <v>61</v>
      </c>
      <c r="Q211" s="676" t="s">
        <v>169</v>
      </c>
      <c r="R211" s="654"/>
      <c r="S211" s="654"/>
      <c r="T211" s="676" t="s">
        <v>3360</v>
      </c>
      <c r="U211" s="744"/>
      <c r="V211" s="654" t="s">
        <v>64</v>
      </c>
      <c r="W211" s="676"/>
      <c r="X211" s="745"/>
      <c r="Y211" s="723" t="s">
        <v>3106</v>
      </c>
      <c r="Z211" s="723"/>
      <c r="AA211" s="712" t="s">
        <v>65</v>
      </c>
      <c r="AB211" s="676"/>
      <c r="AC211" s="676"/>
      <c r="AD211" s="676"/>
      <c r="AE211" s="676"/>
      <c r="AF211" s="676"/>
      <c r="AG211" s="676"/>
      <c r="AH211" s="676"/>
      <c r="AI211" s="676"/>
      <c r="AJ211" s="676"/>
      <c r="AK211" s="676"/>
      <c r="AL211" s="676"/>
      <c r="AM211" s="676"/>
      <c r="AN211" s="676"/>
      <c r="AO211" s="676"/>
      <c r="AP211" s="676"/>
      <c r="AQ211" s="676"/>
      <c r="AR211" s="676"/>
      <c r="AS211" s="676"/>
      <c r="AT211" s="676"/>
      <c r="AU211" s="676"/>
      <c r="AV211" s="676"/>
      <c r="AW211" s="676"/>
      <c r="AX211" s="676"/>
      <c r="AY211" s="676"/>
      <c r="AZ211" s="676"/>
      <c r="BA211" s="676"/>
      <c r="BB211" s="676"/>
      <c r="BC211" s="676"/>
      <c r="BD211" s="676"/>
      <c r="BE211" s="676"/>
      <c r="BF211" s="676"/>
      <c r="BG211" s="676"/>
      <c r="BH211" s="676"/>
      <c r="BI211" s="676"/>
      <c r="BJ211" s="676"/>
      <c r="BK211" s="676"/>
      <c r="BL211" s="676"/>
      <c r="BM211" s="676"/>
      <c r="BN211" s="676"/>
      <c r="BO211" s="676"/>
      <c r="BP211" s="676"/>
      <c r="BQ211" s="676" t="s">
        <v>66</v>
      </c>
      <c r="BR211" s="676"/>
      <c r="BS211" s="884">
        <f t="shared" si="297"/>
        <v>2400</v>
      </c>
      <c r="BT211" s="661">
        <f t="shared" si="323"/>
        <v>0</v>
      </c>
      <c r="BU211" s="661"/>
      <c r="BV211" s="898" t="str">
        <f t="shared" si="326"/>
        <v/>
      </c>
      <c r="BW211" s="898" t="str">
        <f t="shared" si="327"/>
        <v/>
      </c>
      <c r="BX211" s="898" t="str">
        <f t="shared" si="328"/>
        <v/>
      </c>
      <c r="BY211" s="898" t="str">
        <f t="shared" si="329"/>
        <v/>
      </c>
      <c r="BZ211" s="898" t="str">
        <f t="shared" si="330"/>
        <v/>
      </c>
      <c r="CA211" s="898" t="str">
        <f t="shared" si="331"/>
        <v/>
      </c>
      <c r="CB211" s="898" t="str">
        <f t="shared" si="332"/>
        <v/>
      </c>
      <c r="CC211" s="898" t="str">
        <f t="shared" si="333"/>
        <v/>
      </c>
      <c r="CD211" s="898" t="str">
        <f t="shared" si="334"/>
        <v/>
      </c>
      <c r="CE211" s="898" t="str">
        <f t="shared" si="335"/>
        <v/>
      </c>
      <c r="CF211" s="898" t="str">
        <f t="shared" si="336"/>
        <v/>
      </c>
      <c r="CG211" s="898" t="str">
        <f t="shared" si="337"/>
        <v/>
      </c>
      <c r="CH211" s="898" t="str">
        <f t="shared" si="338"/>
        <v/>
      </c>
      <c r="CI211" s="898" t="str">
        <f t="shared" si="339"/>
        <v/>
      </c>
      <c r="CJ211" s="898" t="str">
        <f t="shared" si="340"/>
        <v/>
      </c>
      <c r="CK211" s="898" t="str">
        <f t="shared" si="341"/>
        <v/>
      </c>
      <c r="CL211" s="898" t="str">
        <f t="shared" si="342"/>
        <v/>
      </c>
      <c r="CM211" s="898" t="str">
        <f t="shared" si="309"/>
        <v/>
      </c>
      <c r="CN211" s="898" t="str">
        <f t="shared" si="310"/>
        <v/>
      </c>
      <c r="CO211" s="898" t="str">
        <f t="shared" si="311"/>
        <v/>
      </c>
      <c r="CP211" s="898" t="str">
        <f t="shared" si="312"/>
        <v/>
      </c>
      <c r="CQ211" s="898" t="str">
        <f t="shared" si="313"/>
        <v/>
      </c>
      <c r="CR211" s="898" t="str">
        <f t="shared" si="314"/>
        <v/>
      </c>
      <c r="CS211" s="898" t="str">
        <f t="shared" si="315"/>
        <v/>
      </c>
      <c r="CT211" s="898" t="str">
        <f t="shared" si="316"/>
        <v/>
      </c>
      <c r="CU211" s="898" t="str">
        <f t="shared" si="317"/>
        <v/>
      </c>
      <c r="CV211" s="898" t="str">
        <f t="shared" si="318"/>
        <v/>
      </c>
      <c r="CW211" s="898" t="str">
        <f t="shared" si="319"/>
        <v/>
      </c>
      <c r="CX211" s="898" t="str">
        <f t="shared" si="320"/>
        <v/>
      </c>
      <c r="CY211" s="898" t="str">
        <f t="shared" si="321"/>
        <v/>
      </c>
      <c r="CZ211" s="898" t="str">
        <f t="shared" si="322"/>
        <v/>
      </c>
      <c r="DA211" s="744"/>
      <c r="DB211" s="744"/>
      <c r="DC211" s="744"/>
      <c r="DD211" s="744"/>
      <c r="DE211" s="744"/>
      <c r="DF211" s="744"/>
      <c r="DG211" s="744"/>
      <c r="DH211" s="744"/>
      <c r="DI211" s="744"/>
      <c r="DJ211" s="744"/>
      <c r="DK211" s="898">
        <f>X211</f>
        <v>0</v>
      </c>
      <c r="DL211" s="744"/>
      <c r="DM211" s="661">
        <f t="shared" si="299"/>
        <v>0</v>
      </c>
      <c r="DN211" s="898">
        <f t="shared" si="300"/>
        <v>0</v>
      </c>
      <c r="DO211" s="516">
        <f t="shared" si="301"/>
        <v>0</v>
      </c>
      <c r="DP211" s="898">
        <f t="shared" si="302"/>
        <v>0</v>
      </c>
      <c r="DQ211" s="1220" t="s">
        <v>3998</v>
      </c>
      <c r="DR211" s="1214"/>
      <c r="DS211" s="1215" t="s">
        <v>3999</v>
      </c>
      <c r="DT211" s="632"/>
    </row>
    <row r="212" spans="1:124" s="613" customFormat="1" ht="85.5" x14ac:dyDescent="0.2">
      <c r="A212" s="484" t="str">
        <f t="shared" si="296"/>
        <v>Adult Care Facilities at North Hemel Hempstead (Hm01)</v>
      </c>
      <c r="B212" s="1163">
        <v>209</v>
      </c>
      <c r="C212" s="481" t="s">
        <v>4005</v>
      </c>
      <c r="D212" s="481" t="s">
        <v>2481</v>
      </c>
      <c r="E212" s="481" t="s">
        <v>53</v>
      </c>
      <c r="F212" s="481" t="s">
        <v>1341</v>
      </c>
      <c r="G212" s="654" t="s">
        <v>192</v>
      </c>
      <c r="H212" s="484" t="s">
        <v>4006</v>
      </c>
      <c r="I212" s="654"/>
      <c r="J212" s="484" t="s">
        <v>4007</v>
      </c>
      <c r="K212" s="654" t="s">
        <v>58</v>
      </c>
      <c r="L212" s="657" t="s">
        <v>1360</v>
      </c>
      <c r="M212" s="654" t="s">
        <v>3027</v>
      </c>
      <c r="N212" s="654" t="s">
        <v>60</v>
      </c>
      <c r="O212" s="654" t="s">
        <v>525</v>
      </c>
      <c r="P212" s="654" t="s">
        <v>61</v>
      </c>
      <c r="Q212" s="654" t="s">
        <v>62</v>
      </c>
      <c r="R212" s="654"/>
      <c r="S212" s="654"/>
      <c r="T212" s="676" t="s">
        <v>3360</v>
      </c>
      <c r="U212" s="723"/>
      <c r="V212" s="654" t="s">
        <v>64</v>
      </c>
      <c r="W212" s="654"/>
      <c r="X212" s="745"/>
      <c r="Y212" s="723" t="s">
        <v>3106</v>
      </c>
      <c r="Z212" s="723"/>
      <c r="AA212" s="712" t="s">
        <v>65</v>
      </c>
      <c r="AB212" s="883" t="s">
        <v>66</v>
      </c>
      <c r="AC212" s="883"/>
      <c r="AD212" s="883"/>
      <c r="AE212" s="883"/>
      <c r="AF212" s="883"/>
      <c r="AG212" s="883"/>
      <c r="AH212" s="883"/>
      <c r="AI212" s="883"/>
      <c r="AJ212" s="883"/>
      <c r="AK212" s="883"/>
      <c r="AL212" s="883"/>
      <c r="AM212" s="883"/>
      <c r="AN212" s="883"/>
      <c r="AO212" s="883"/>
      <c r="AP212" s="883"/>
      <c r="AQ212" s="883"/>
      <c r="AR212" s="883"/>
      <c r="AS212" s="883"/>
      <c r="AT212" s="883"/>
      <c r="AU212" s="883"/>
      <c r="AV212" s="883"/>
      <c r="AW212" s="883"/>
      <c r="AX212" s="883"/>
      <c r="AY212" s="883"/>
      <c r="AZ212" s="883"/>
      <c r="BA212" s="883"/>
      <c r="BB212" s="883"/>
      <c r="BC212" s="883"/>
      <c r="BD212" s="883"/>
      <c r="BE212" s="883"/>
      <c r="BF212" s="883"/>
      <c r="BG212" s="746"/>
      <c r="BH212" s="746"/>
      <c r="BI212" s="746"/>
      <c r="BJ212" s="746"/>
      <c r="BK212" s="746"/>
      <c r="BL212" s="746"/>
      <c r="BM212" s="746"/>
      <c r="BN212" s="746"/>
      <c r="BO212" s="746"/>
      <c r="BP212" s="746"/>
      <c r="BQ212" s="746"/>
      <c r="BR212" s="746"/>
      <c r="BS212" s="884">
        <f t="shared" si="297"/>
        <v>5000</v>
      </c>
      <c r="BT212" s="661">
        <f t="shared" si="323"/>
        <v>0</v>
      </c>
      <c r="BU212" s="661"/>
      <c r="BV212" s="898">
        <f t="shared" si="326"/>
        <v>0</v>
      </c>
      <c r="BW212" s="898" t="str">
        <f t="shared" si="327"/>
        <v/>
      </c>
      <c r="BX212" s="898" t="str">
        <f t="shared" si="328"/>
        <v/>
      </c>
      <c r="BY212" s="898" t="str">
        <f t="shared" si="329"/>
        <v/>
      </c>
      <c r="BZ212" s="898" t="str">
        <f t="shared" si="330"/>
        <v/>
      </c>
      <c r="CA212" s="898" t="str">
        <f t="shared" si="331"/>
        <v/>
      </c>
      <c r="CB212" s="898" t="str">
        <f t="shared" si="332"/>
        <v/>
      </c>
      <c r="CC212" s="898" t="str">
        <f t="shared" si="333"/>
        <v/>
      </c>
      <c r="CD212" s="898" t="str">
        <f t="shared" si="334"/>
        <v/>
      </c>
      <c r="CE212" s="898" t="str">
        <f t="shared" si="335"/>
        <v/>
      </c>
      <c r="CF212" s="898" t="str">
        <f t="shared" si="336"/>
        <v/>
      </c>
      <c r="CG212" s="898" t="str">
        <f t="shared" si="337"/>
        <v/>
      </c>
      <c r="CH212" s="898" t="str">
        <f t="shared" si="338"/>
        <v/>
      </c>
      <c r="CI212" s="898" t="str">
        <f t="shared" si="339"/>
        <v/>
      </c>
      <c r="CJ212" s="898" t="str">
        <f t="shared" si="340"/>
        <v/>
      </c>
      <c r="CK212" s="898" t="str">
        <f t="shared" si="341"/>
        <v/>
      </c>
      <c r="CL212" s="898" t="str">
        <f t="shared" si="342"/>
        <v/>
      </c>
      <c r="CM212" s="898" t="str">
        <f t="shared" si="309"/>
        <v/>
      </c>
      <c r="CN212" s="898" t="str">
        <f t="shared" si="310"/>
        <v/>
      </c>
      <c r="CO212" s="898" t="str">
        <f t="shared" si="311"/>
        <v/>
      </c>
      <c r="CP212" s="898" t="str">
        <f t="shared" si="312"/>
        <v/>
      </c>
      <c r="CQ212" s="898" t="str">
        <f t="shared" si="313"/>
        <v/>
      </c>
      <c r="CR212" s="898" t="str">
        <f t="shared" si="314"/>
        <v/>
      </c>
      <c r="CS212" s="898" t="str">
        <f t="shared" si="315"/>
        <v/>
      </c>
      <c r="CT212" s="898" t="str">
        <f t="shared" si="316"/>
        <v/>
      </c>
      <c r="CU212" s="898" t="str">
        <f t="shared" si="317"/>
        <v/>
      </c>
      <c r="CV212" s="898" t="str">
        <f t="shared" si="318"/>
        <v/>
      </c>
      <c r="CW212" s="898" t="str">
        <f t="shared" si="319"/>
        <v/>
      </c>
      <c r="CX212" s="898" t="str">
        <f t="shared" si="320"/>
        <v/>
      </c>
      <c r="CY212" s="898" t="str">
        <f t="shared" si="321"/>
        <v/>
      </c>
      <c r="CZ212" s="898" t="str">
        <f t="shared" si="322"/>
        <v/>
      </c>
      <c r="DA212" s="898"/>
      <c r="DB212" s="898"/>
      <c r="DC212" s="898"/>
      <c r="DD212" s="898"/>
      <c r="DE212" s="898"/>
      <c r="DF212" s="898"/>
      <c r="DG212" s="898"/>
      <c r="DH212" s="898"/>
      <c r="DI212" s="898"/>
      <c r="DJ212" s="898"/>
      <c r="DK212" s="898"/>
      <c r="DL212" s="898"/>
      <c r="DM212" s="661">
        <f t="shared" si="299"/>
        <v>0</v>
      </c>
      <c r="DN212" s="898">
        <f t="shared" si="300"/>
        <v>0</v>
      </c>
      <c r="DO212" s="516">
        <f t="shared" si="301"/>
        <v>0</v>
      </c>
      <c r="DP212" s="898">
        <f t="shared" si="302"/>
        <v>0</v>
      </c>
      <c r="DQ212" s="1220" t="s">
        <v>3998</v>
      </c>
      <c r="DR212" s="483"/>
      <c r="DS212" s="1215" t="s">
        <v>4008</v>
      </c>
      <c r="DT212" s="632"/>
    </row>
    <row r="213" spans="1:124" s="613" customFormat="1" ht="42.75" x14ac:dyDescent="0.2">
      <c r="A213" s="484" t="str">
        <f t="shared" si="296"/>
        <v xml:space="preserve">Adult Care Facilities at Hemel Hempstead Hospital / Market Square (Hm03) </v>
      </c>
      <c r="B213" s="1163">
        <v>210</v>
      </c>
      <c r="C213" s="481" t="s">
        <v>4009</v>
      </c>
      <c r="D213" s="481" t="s">
        <v>2481</v>
      </c>
      <c r="E213" s="481" t="s">
        <v>53</v>
      </c>
      <c r="F213" s="481" t="s">
        <v>1341</v>
      </c>
      <c r="G213" s="654" t="s">
        <v>192</v>
      </c>
      <c r="H213" s="484" t="s">
        <v>4010</v>
      </c>
      <c r="I213" s="654"/>
      <c r="J213" s="484" t="s">
        <v>4011</v>
      </c>
      <c r="K213" s="654" t="s">
        <v>58</v>
      </c>
      <c r="L213" s="657" t="s">
        <v>1362</v>
      </c>
      <c r="M213" s="654" t="s">
        <v>2996</v>
      </c>
      <c r="N213" s="654" t="s">
        <v>60</v>
      </c>
      <c r="O213" s="654" t="s">
        <v>525</v>
      </c>
      <c r="P213" s="654" t="s">
        <v>61</v>
      </c>
      <c r="Q213" s="654" t="s">
        <v>181</v>
      </c>
      <c r="R213" s="654"/>
      <c r="S213" s="654"/>
      <c r="T213" s="676" t="s">
        <v>3360</v>
      </c>
      <c r="U213" s="723"/>
      <c r="V213" s="654" t="s">
        <v>64</v>
      </c>
      <c r="W213" s="654"/>
      <c r="X213" s="745"/>
      <c r="Y213" s="723" t="s">
        <v>3106</v>
      </c>
      <c r="Z213" s="723"/>
      <c r="AA213" s="712" t="s">
        <v>65</v>
      </c>
      <c r="AB213" s="883"/>
      <c r="AC213" s="883"/>
      <c r="AD213" s="883" t="s">
        <v>66</v>
      </c>
      <c r="AE213" s="883"/>
      <c r="AF213" s="883"/>
      <c r="AG213" s="883"/>
      <c r="AH213" s="883"/>
      <c r="AI213" s="883"/>
      <c r="AJ213" s="883"/>
      <c r="AK213" s="883"/>
      <c r="AL213" s="883"/>
      <c r="AM213" s="883"/>
      <c r="AN213" s="883"/>
      <c r="AO213" s="883"/>
      <c r="AP213" s="883"/>
      <c r="AQ213" s="883"/>
      <c r="AR213" s="883"/>
      <c r="AS213" s="883"/>
      <c r="AT213" s="883"/>
      <c r="AU213" s="883"/>
      <c r="AV213" s="883"/>
      <c r="AW213" s="883"/>
      <c r="AX213" s="883"/>
      <c r="AY213" s="883"/>
      <c r="AZ213" s="883"/>
      <c r="BA213" s="883"/>
      <c r="BB213" s="883"/>
      <c r="BC213" s="883"/>
      <c r="BD213" s="883"/>
      <c r="BE213" s="883"/>
      <c r="BF213" s="883"/>
      <c r="BG213" s="746"/>
      <c r="BH213" s="746"/>
      <c r="BI213" s="746"/>
      <c r="BJ213" s="746"/>
      <c r="BK213" s="746"/>
      <c r="BL213" s="746"/>
      <c r="BM213" s="746"/>
      <c r="BN213" s="746"/>
      <c r="BO213" s="746"/>
      <c r="BP213" s="746"/>
      <c r="BQ213" s="746"/>
      <c r="BR213" s="746"/>
      <c r="BS213" s="884">
        <f t="shared" si="297"/>
        <v>450</v>
      </c>
      <c r="BT213" s="661">
        <f t="shared" si="323"/>
        <v>0</v>
      </c>
      <c r="BU213" s="661"/>
      <c r="BV213" s="898" t="str">
        <f t="shared" si="326"/>
        <v/>
      </c>
      <c r="BW213" s="898" t="str">
        <f t="shared" si="327"/>
        <v/>
      </c>
      <c r="BX213" s="898">
        <f t="shared" si="328"/>
        <v>0</v>
      </c>
      <c r="BY213" s="898" t="str">
        <f t="shared" si="329"/>
        <v/>
      </c>
      <c r="BZ213" s="898" t="str">
        <f t="shared" si="330"/>
        <v/>
      </c>
      <c r="CA213" s="898" t="str">
        <f t="shared" si="331"/>
        <v/>
      </c>
      <c r="CB213" s="898" t="str">
        <f t="shared" si="332"/>
        <v/>
      </c>
      <c r="CC213" s="898" t="str">
        <f t="shared" si="333"/>
        <v/>
      </c>
      <c r="CD213" s="898" t="str">
        <f t="shared" si="334"/>
        <v/>
      </c>
      <c r="CE213" s="898" t="str">
        <f t="shared" si="335"/>
        <v/>
      </c>
      <c r="CF213" s="898" t="str">
        <f t="shared" si="336"/>
        <v/>
      </c>
      <c r="CG213" s="898" t="str">
        <f t="shared" si="337"/>
        <v/>
      </c>
      <c r="CH213" s="898" t="str">
        <f t="shared" si="338"/>
        <v/>
      </c>
      <c r="CI213" s="898" t="str">
        <f t="shared" si="339"/>
        <v/>
      </c>
      <c r="CJ213" s="898" t="str">
        <f t="shared" si="340"/>
        <v/>
      </c>
      <c r="CK213" s="898" t="str">
        <f t="shared" si="341"/>
        <v/>
      </c>
      <c r="CL213" s="898" t="str">
        <f t="shared" si="342"/>
        <v/>
      </c>
      <c r="CM213" s="898" t="str">
        <f t="shared" si="309"/>
        <v/>
      </c>
      <c r="CN213" s="898" t="str">
        <f t="shared" si="310"/>
        <v/>
      </c>
      <c r="CO213" s="898" t="str">
        <f t="shared" si="311"/>
        <v/>
      </c>
      <c r="CP213" s="898" t="str">
        <f t="shared" si="312"/>
        <v/>
      </c>
      <c r="CQ213" s="898" t="str">
        <f t="shared" si="313"/>
        <v/>
      </c>
      <c r="CR213" s="898" t="str">
        <f t="shared" si="314"/>
        <v/>
      </c>
      <c r="CS213" s="898" t="str">
        <f t="shared" si="315"/>
        <v/>
      </c>
      <c r="CT213" s="898" t="str">
        <f t="shared" si="316"/>
        <v/>
      </c>
      <c r="CU213" s="898" t="str">
        <f t="shared" si="317"/>
        <v/>
      </c>
      <c r="CV213" s="898" t="str">
        <f t="shared" si="318"/>
        <v/>
      </c>
      <c r="CW213" s="898" t="str">
        <f t="shared" si="319"/>
        <v/>
      </c>
      <c r="CX213" s="898" t="str">
        <f t="shared" si="320"/>
        <v/>
      </c>
      <c r="CY213" s="898" t="str">
        <f t="shared" si="321"/>
        <v/>
      </c>
      <c r="CZ213" s="898" t="str">
        <f t="shared" si="322"/>
        <v/>
      </c>
      <c r="DA213" s="898"/>
      <c r="DB213" s="898"/>
      <c r="DC213" s="898"/>
      <c r="DD213" s="898"/>
      <c r="DE213" s="898"/>
      <c r="DF213" s="898"/>
      <c r="DG213" s="898"/>
      <c r="DH213" s="898"/>
      <c r="DI213" s="898"/>
      <c r="DJ213" s="898"/>
      <c r="DK213" s="898"/>
      <c r="DL213" s="898"/>
      <c r="DM213" s="661">
        <f t="shared" si="299"/>
        <v>0</v>
      </c>
      <c r="DN213" s="898">
        <f t="shared" si="300"/>
        <v>0</v>
      </c>
      <c r="DO213" s="516">
        <f t="shared" si="301"/>
        <v>0</v>
      </c>
      <c r="DP213" s="898">
        <f t="shared" si="302"/>
        <v>0</v>
      </c>
      <c r="DQ213" s="1220" t="s">
        <v>3998</v>
      </c>
      <c r="DR213" s="483"/>
      <c r="DS213" s="1215" t="s">
        <v>4008</v>
      </c>
      <c r="DT213" s="632"/>
    </row>
    <row r="214" spans="1:124" s="613" customFormat="1" ht="42.75" x14ac:dyDescent="0.2">
      <c r="A214" s="484" t="str">
        <f t="shared" si="296"/>
        <v>Adult Care Facilities at Riverside (Hm06)</v>
      </c>
      <c r="B214" s="1163">
        <v>211</v>
      </c>
      <c r="C214" s="481" t="s">
        <v>4012</v>
      </c>
      <c r="D214" s="481" t="s">
        <v>2481</v>
      </c>
      <c r="E214" s="481" t="s">
        <v>53</v>
      </c>
      <c r="F214" s="481" t="s">
        <v>1341</v>
      </c>
      <c r="G214" s="654" t="s">
        <v>192</v>
      </c>
      <c r="H214" s="484" t="s">
        <v>4013</v>
      </c>
      <c r="I214" s="654"/>
      <c r="J214" s="484" t="s">
        <v>203</v>
      </c>
      <c r="K214" s="654" t="s">
        <v>58</v>
      </c>
      <c r="L214" s="657" t="s">
        <v>1364</v>
      </c>
      <c r="M214" s="654" t="s">
        <v>2996</v>
      </c>
      <c r="N214" s="654" t="s">
        <v>60</v>
      </c>
      <c r="O214" s="654" t="s">
        <v>525</v>
      </c>
      <c r="P214" s="654" t="s">
        <v>61</v>
      </c>
      <c r="Q214" s="654" t="s">
        <v>71</v>
      </c>
      <c r="R214" s="654"/>
      <c r="S214" s="654"/>
      <c r="T214" s="676" t="s">
        <v>3360</v>
      </c>
      <c r="U214" s="723"/>
      <c r="V214" s="654" t="s">
        <v>64</v>
      </c>
      <c r="W214" s="654"/>
      <c r="X214" s="745"/>
      <c r="Y214" s="723" t="s">
        <v>3106</v>
      </c>
      <c r="Z214" s="723"/>
      <c r="AA214" s="712" t="s">
        <v>65</v>
      </c>
      <c r="AB214" s="883"/>
      <c r="AC214" s="883"/>
      <c r="AD214" s="883"/>
      <c r="AE214" s="883"/>
      <c r="AF214" s="883" t="s">
        <v>66</v>
      </c>
      <c r="AG214" s="883"/>
      <c r="AH214" s="883"/>
      <c r="AI214" s="883"/>
      <c r="AJ214" s="883"/>
      <c r="AK214" s="883"/>
      <c r="AL214" s="883"/>
      <c r="AM214" s="883"/>
      <c r="AN214" s="883"/>
      <c r="AO214" s="883"/>
      <c r="AP214" s="883"/>
      <c r="AQ214" s="883"/>
      <c r="AR214" s="883"/>
      <c r="AS214" s="883"/>
      <c r="AT214" s="883"/>
      <c r="AU214" s="883"/>
      <c r="AV214" s="883"/>
      <c r="AW214" s="883"/>
      <c r="AX214" s="883"/>
      <c r="AY214" s="883"/>
      <c r="AZ214" s="883"/>
      <c r="BA214" s="883"/>
      <c r="BB214" s="883"/>
      <c r="BC214" s="883"/>
      <c r="BD214" s="883"/>
      <c r="BE214" s="883"/>
      <c r="BF214" s="883"/>
      <c r="BG214" s="746"/>
      <c r="BH214" s="746"/>
      <c r="BI214" s="746"/>
      <c r="BJ214" s="746"/>
      <c r="BK214" s="746"/>
      <c r="BL214" s="746"/>
      <c r="BM214" s="746"/>
      <c r="BN214" s="746"/>
      <c r="BO214" s="746"/>
      <c r="BP214" s="746"/>
      <c r="BQ214" s="746"/>
      <c r="BR214" s="746"/>
      <c r="BS214" s="884">
        <f t="shared" si="297"/>
        <v>500</v>
      </c>
      <c r="BT214" s="661">
        <f t="shared" si="323"/>
        <v>0</v>
      </c>
      <c r="BU214" s="661"/>
      <c r="BV214" s="898" t="str">
        <f t="shared" si="326"/>
        <v/>
      </c>
      <c r="BW214" s="898" t="str">
        <f t="shared" si="327"/>
        <v/>
      </c>
      <c r="BX214" s="898" t="str">
        <f t="shared" si="328"/>
        <v/>
      </c>
      <c r="BY214" s="898" t="str">
        <f t="shared" si="329"/>
        <v/>
      </c>
      <c r="BZ214" s="898">
        <f t="shared" si="330"/>
        <v>0</v>
      </c>
      <c r="CA214" s="898" t="str">
        <f t="shared" si="331"/>
        <v/>
      </c>
      <c r="CB214" s="898" t="str">
        <f t="shared" si="332"/>
        <v/>
      </c>
      <c r="CC214" s="898" t="str">
        <f t="shared" si="333"/>
        <v/>
      </c>
      <c r="CD214" s="898" t="str">
        <f t="shared" si="334"/>
        <v/>
      </c>
      <c r="CE214" s="898" t="str">
        <f t="shared" si="335"/>
        <v/>
      </c>
      <c r="CF214" s="898" t="str">
        <f t="shared" si="336"/>
        <v/>
      </c>
      <c r="CG214" s="898" t="str">
        <f t="shared" si="337"/>
        <v/>
      </c>
      <c r="CH214" s="898" t="str">
        <f t="shared" si="338"/>
        <v/>
      </c>
      <c r="CI214" s="898" t="str">
        <f t="shared" si="339"/>
        <v/>
      </c>
      <c r="CJ214" s="898" t="str">
        <f t="shared" si="340"/>
        <v/>
      </c>
      <c r="CK214" s="898" t="str">
        <f t="shared" si="341"/>
        <v/>
      </c>
      <c r="CL214" s="898" t="str">
        <f t="shared" si="342"/>
        <v/>
      </c>
      <c r="CM214" s="898" t="str">
        <f t="shared" si="309"/>
        <v/>
      </c>
      <c r="CN214" s="898" t="str">
        <f t="shared" si="310"/>
        <v/>
      </c>
      <c r="CO214" s="898" t="str">
        <f t="shared" si="311"/>
        <v/>
      </c>
      <c r="CP214" s="898" t="str">
        <f t="shared" si="312"/>
        <v/>
      </c>
      <c r="CQ214" s="898" t="str">
        <f t="shared" si="313"/>
        <v/>
      </c>
      <c r="CR214" s="898" t="str">
        <f t="shared" si="314"/>
        <v/>
      </c>
      <c r="CS214" s="898" t="str">
        <f t="shared" si="315"/>
        <v/>
      </c>
      <c r="CT214" s="898" t="str">
        <f t="shared" si="316"/>
        <v/>
      </c>
      <c r="CU214" s="898" t="str">
        <f t="shared" si="317"/>
        <v/>
      </c>
      <c r="CV214" s="898" t="str">
        <f t="shared" si="318"/>
        <v/>
      </c>
      <c r="CW214" s="898" t="str">
        <f t="shared" si="319"/>
        <v/>
      </c>
      <c r="CX214" s="898" t="str">
        <f t="shared" si="320"/>
        <v/>
      </c>
      <c r="CY214" s="898" t="str">
        <f t="shared" si="321"/>
        <v/>
      </c>
      <c r="CZ214" s="898" t="str">
        <f t="shared" si="322"/>
        <v/>
      </c>
      <c r="DA214" s="898"/>
      <c r="DB214" s="898"/>
      <c r="DC214" s="898"/>
      <c r="DD214" s="898"/>
      <c r="DE214" s="898"/>
      <c r="DF214" s="898"/>
      <c r="DG214" s="898"/>
      <c r="DH214" s="898"/>
      <c r="DI214" s="898"/>
      <c r="DJ214" s="898"/>
      <c r="DK214" s="898"/>
      <c r="DL214" s="898"/>
      <c r="DM214" s="661">
        <f t="shared" si="299"/>
        <v>0</v>
      </c>
      <c r="DN214" s="898">
        <f t="shared" si="300"/>
        <v>0</v>
      </c>
      <c r="DO214" s="516">
        <f t="shared" si="301"/>
        <v>0</v>
      </c>
      <c r="DP214" s="898">
        <f t="shared" si="302"/>
        <v>0</v>
      </c>
      <c r="DQ214" s="1220" t="s">
        <v>3998</v>
      </c>
      <c r="DR214" s="483"/>
      <c r="DS214" s="1215" t="s">
        <v>4008</v>
      </c>
      <c r="DT214" s="632"/>
    </row>
    <row r="215" spans="1:124" s="613" customFormat="1" ht="57" x14ac:dyDescent="0.2">
      <c r="A215" s="484" t="str">
        <f t="shared" si="296"/>
        <v xml:space="preserve">Adult Care Facilities at Apsley Mills Retail Park (Hm10) </v>
      </c>
      <c r="B215" s="1163">
        <v>212</v>
      </c>
      <c r="C215" s="481" t="s">
        <v>4014</v>
      </c>
      <c r="D215" s="481" t="s">
        <v>2481</v>
      </c>
      <c r="E215" s="481" t="s">
        <v>53</v>
      </c>
      <c r="F215" s="481" t="s">
        <v>1341</v>
      </c>
      <c r="G215" s="654" t="s">
        <v>192</v>
      </c>
      <c r="H215" s="484" t="s">
        <v>4015</v>
      </c>
      <c r="I215" s="654"/>
      <c r="J215" s="484" t="s">
        <v>206</v>
      </c>
      <c r="K215" s="654" t="s">
        <v>58</v>
      </c>
      <c r="L215" s="657" t="s">
        <v>1368</v>
      </c>
      <c r="M215" s="654" t="s">
        <v>2996</v>
      </c>
      <c r="N215" s="654" t="s">
        <v>60</v>
      </c>
      <c r="O215" s="654" t="s">
        <v>525</v>
      </c>
      <c r="P215" s="654" t="s">
        <v>61</v>
      </c>
      <c r="Q215" s="654" t="s">
        <v>208</v>
      </c>
      <c r="R215" s="654"/>
      <c r="S215" s="654"/>
      <c r="T215" s="676" t="s">
        <v>3360</v>
      </c>
      <c r="U215" s="723"/>
      <c r="V215" s="654" t="s">
        <v>64</v>
      </c>
      <c r="W215" s="654"/>
      <c r="X215" s="745"/>
      <c r="Y215" s="723" t="s">
        <v>3106</v>
      </c>
      <c r="Z215" s="723"/>
      <c r="AA215" s="712" t="s">
        <v>65</v>
      </c>
      <c r="AB215" s="883"/>
      <c r="AC215" s="883"/>
      <c r="AD215" s="883"/>
      <c r="AE215" s="883"/>
      <c r="AF215" s="883"/>
      <c r="AG215" s="883"/>
      <c r="AH215" s="883"/>
      <c r="AI215" s="883"/>
      <c r="AJ215" s="883" t="s">
        <v>66</v>
      </c>
      <c r="AK215" s="883"/>
      <c r="AL215" s="883"/>
      <c r="AM215" s="883"/>
      <c r="AN215" s="883"/>
      <c r="AO215" s="883"/>
      <c r="AP215" s="883"/>
      <c r="AQ215" s="883"/>
      <c r="AR215" s="883"/>
      <c r="AS215" s="883"/>
      <c r="AT215" s="883"/>
      <c r="AU215" s="883"/>
      <c r="AV215" s="883"/>
      <c r="AW215" s="883"/>
      <c r="AX215" s="883"/>
      <c r="AY215" s="883"/>
      <c r="AZ215" s="883"/>
      <c r="BA215" s="883"/>
      <c r="BB215" s="883"/>
      <c r="BC215" s="883"/>
      <c r="BD215" s="883"/>
      <c r="BE215" s="883"/>
      <c r="BF215" s="883"/>
      <c r="BG215" s="746"/>
      <c r="BH215" s="746"/>
      <c r="BI215" s="746"/>
      <c r="BJ215" s="746"/>
      <c r="BK215" s="746"/>
      <c r="BL215" s="746"/>
      <c r="BM215" s="746"/>
      <c r="BN215" s="746"/>
      <c r="BO215" s="746"/>
      <c r="BP215" s="746"/>
      <c r="BQ215" s="746"/>
      <c r="BR215" s="746"/>
      <c r="BS215" s="884">
        <f t="shared" si="297"/>
        <v>500</v>
      </c>
      <c r="BT215" s="661">
        <f t="shared" si="323"/>
        <v>0</v>
      </c>
      <c r="BU215" s="661"/>
      <c r="BV215" s="898" t="str">
        <f t="shared" si="326"/>
        <v/>
      </c>
      <c r="BW215" s="898" t="str">
        <f t="shared" si="327"/>
        <v/>
      </c>
      <c r="BX215" s="898" t="str">
        <f t="shared" si="328"/>
        <v/>
      </c>
      <c r="BY215" s="898" t="str">
        <f t="shared" si="329"/>
        <v/>
      </c>
      <c r="BZ215" s="898" t="str">
        <f t="shared" si="330"/>
        <v/>
      </c>
      <c r="CA215" s="898" t="str">
        <f t="shared" si="331"/>
        <v/>
      </c>
      <c r="CB215" s="898" t="str">
        <f t="shared" si="332"/>
        <v/>
      </c>
      <c r="CC215" s="898" t="str">
        <f t="shared" si="333"/>
        <v/>
      </c>
      <c r="CD215" s="898">
        <f t="shared" si="334"/>
        <v>0</v>
      </c>
      <c r="CE215" s="898" t="str">
        <f t="shared" si="335"/>
        <v/>
      </c>
      <c r="CF215" s="898" t="str">
        <f t="shared" si="336"/>
        <v/>
      </c>
      <c r="CG215" s="898" t="str">
        <f t="shared" si="337"/>
        <v/>
      </c>
      <c r="CH215" s="898" t="str">
        <f t="shared" si="338"/>
        <v/>
      </c>
      <c r="CI215" s="898" t="str">
        <f t="shared" si="339"/>
        <v/>
      </c>
      <c r="CJ215" s="898" t="str">
        <f t="shared" si="340"/>
        <v/>
      </c>
      <c r="CK215" s="898" t="str">
        <f t="shared" si="341"/>
        <v/>
      </c>
      <c r="CL215" s="898" t="str">
        <f t="shared" si="342"/>
        <v/>
      </c>
      <c r="CM215" s="898" t="str">
        <f t="shared" si="309"/>
        <v/>
      </c>
      <c r="CN215" s="898" t="str">
        <f t="shared" si="310"/>
        <v/>
      </c>
      <c r="CO215" s="898" t="str">
        <f t="shared" si="311"/>
        <v/>
      </c>
      <c r="CP215" s="898" t="str">
        <f t="shared" si="312"/>
        <v/>
      </c>
      <c r="CQ215" s="898" t="str">
        <f t="shared" si="313"/>
        <v/>
      </c>
      <c r="CR215" s="898" t="str">
        <f t="shared" si="314"/>
        <v/>
      </c>
      <c r="CS215" s="898" t="str">
        <f t="shared" si="315"/>
        <v/>
      </c>
      <c r="CT215" s="898" t="str">
        <f t="shared" si="316"/>
        <v/>
      </c>
      <c r="CU215" s="898" t="str">
        <f t="shared" si="317"/>
        <v/>
      </c>
      <c r="CV215" s="898" t="str">
        <f t="shared" si="318"/>
        <v/>
      </c>
      <c r="CW215" s="898" t="str">
        <f t="shared" si="319"/>
        <v/>
      </c>
      <c r="CX215" s="898" t="str">
        <f t="shared" si="320"/>
        <v/>
      </c>
      <c r="CY215" s="898" t="str">
        <f t="shared" si="321"/>
        <v/>
      </c>
      <c r="CZ215" s="898" t="str">
        <f t="shared" si="322"/>
        <v/>
      </c>
      <c r="DA215" s="898"/>
      <c r="DB215" s="898"/>
      <c r="DC215" s="898"/>
      <c r="DD215" s="898"/>
      <c r="DE215" s="898"/>
      <c r="DF215" s="898"/>
      <c r="DG215" s="898"/>
      <c r="DH215" s="898"/>
      <c r="DI215" s="898"/>
      <c r="DJ215" s="898"/>
      <c r="DK215" s="898"/>
      <c r="DL215" s="898"/>
      <c r="DM215" s="661">
        <f t="shared" si="299"/>
        <v>0</v>
      </c>
      <c r="DN215" s="898">
        <f t="shared" si="300"/>
        <v>0</v>
      </c>
      <c r="DO215" s="516">
        <f t="shared" si="301"/>
        <v>0</v>
      </c>
      <c r="DP215" s="898">
        <f t="shared" si="302"/>
        <v>0</v>
      </c>
      <c r="DQ215" s="1220" t="s">
        <v>3998</v>
      </c>
      <c r="DR215" s="483"/>
      <c r="DS215" s="1215" t="s">
        <v>4008</v>
      </c>
      <c r="DT215" s="632"/>
    </row>
    <row r="216" spans="1:124" s="613" customFormat="1" ht="57" x14ac:dyDescent="0.2">
      <c r="A216" s="484" t="str">
        <f t="shared" si="296"/>
        <v>Adult Care Facilities at Shendish Manor and Fairfields (Hm11)</v>
      </c>
      <c r="B216" s="1163">
        <v>213</v>
      </c>
      <c r="C216" s="902" t="s">
        <v>4016</v>
      </c>
      <c r="D216" s="481" t="s">
        <v>2481</v>
      </c>
      <c r="E216" s="481" t="s">
        <v>53</v>
      </c>
      <c r="F216" s="481" t="s">
        <v>1341</v>
      </c>
      <c r="G216" s="654" t="s">
        <v>192</v>
      </c>
      <c r="H216" s="484" t="s">
        <v>4017</v>
      </c>
      <c r="I216" s="654"/>
      <c r="J216" s="484" t="s">
        <v>210</v>
      </c>
      <c r="K216" s="654" t="s">
        <v>58</v>
      </c>
      <c r="L216" s="657" t="s">
        <v>1369</v>
      </c>
      <c r="M216" s="654" t="s">
        <v>2996</v>
      </c>
      <c r="N216" s="654" t="s">
        <v>60</v>
      </c>
      <c r="O216" s="654" t="s">
        <v>525</v>
      </c>
      <c r="P216" s="654" t="s">
        <v>61</v>
      </c>
      <c r="Q216" s="654" t="s">
        <v>159</v>
      </c>
      <c r="R216" s="654"/>
      <c r="S216" s="654"/>
      <c r="T216" s="676" t="s">
        <v>3360</v>
      </c>
      <c r="U216" s="723"/>
      <c r="V216" s="654" t="s">
        <v>64</v>
      </c>
      <c r="W216" s="654"/>
      <c r="X216" s="745"/>
      <c r="Y216" s="723" t="s">
        <v>3106</v>
      </c>
      <c r="Z216" s="723"/>
      <c r="AA216" s="712" t="s">
        <v>65</v>
      </c>
      <c r="AB216" s="883"/>
      <c r="AC216" s="883"/>
      <c r="AD216" s="883"/>
      <c r="AE216" s="883"/>
      <c r="AF216" s="883"/>
      <c r="AG216" s="883"/>
      <c r="AH216" s="883"/>
      <c r="AI216" s="883"/>
      <c r="AJ216" s="883"/>
      <c r="AK216" s="883" t="s">
        <v>66</v>
      </c>
      <c r="AL216" s="883"/>
      <c r="AM216" s="883"/>
      <c r="AN216" s="883"/>
      <c r="AO216" s="883"/>
      <c r="AP216" s="883"/>
      <c r="AQ216" s="883"/>
      <c r="AR216" s="883"/>
      <c r="AS216" s="883"/>
      <c r="AT216" s="883"/>
      <c r="AU216" s="883"/>
      <c r="AV216" s="883"/>
      <c r="AW216" s="883"/>
      <c r="AX216" s="883"/>
      <c r="AY216" s="883"/>
      <c r="AZ216" s="883"/>
      <c r="BA216" s="883"/>
      <c r="BB216" s="883"/>
      <c r="BC216" s="883"/>
      <c r="BD216" s="883"/>
      <c r="BE216" s="883"/>
      <c r="BF216" s="883"/>
      <c r="BG216" s="746"/>
      <c r="BH216" s="746"/>
      <c r="BI216" s="746"/>
      <c r="BJ216" s="746"/>
      <c r="BK216" s="746"/>
      <c r="BL216" s="746"/>
      <c r="BM216" s="746"/>
      <c r="BN216" s="746"/>
      <c r="BO216" s="746"/>
      <c r="BP216" s="746"/>
      <c r="BQ216" s="746"/>
      <c r="BR216" s="746"/>
      <c r="BS216" s="884">
        <f t="shared" si="297"/>
        <v>500</v>
      </c>
      <c r="BT216" s="661">
        <f t="shared" si="323"/>
        <v>0</v>
      </c>
      <c r="BU216" s="661"/>
      <c r="BV216" s="898" t="str">
        <f t="shared" si="326"/>
        <v/>
      </c>
      <c r="BW216" s="898" t="str">
        <f t="shared" si="327"/>
        <v/>
      </c>
      <c r="BX216" s="898" t="str">
        <f t="shared" si="328"/>
        <v/>
      </c>
      <c r="BY216" s="898" t="str">
        <f t="shared" si="329"/>
        <v/>
      </c>
      <c r="BZ216" s="898" t="str">
        <f t="shared" si="330"/>
        <v/>
      </c>
      <c r="CA216" s="898" t="str">
        <f t="shared" si="331"/>
        <v/>
      </c>
      <c r="CB216" s="898" t="str">
        <f t="shared" si="332"/>
        <v/>
      </c>
      <c r="CC216" s="898" t="str">
        <f t="shared" si="333"/>
        <v/>
      </c>
      <c r="CD216" s="898" t="str">
        <f t="shared" si="334"/>
        <v/>
      </c>
      <c r="CE216" s="898">
        <f t="shared" si="335"/>
        <v>0</v>
      </c>
      <c r="CF216" s="898" t="str">
        <f t="shared" si="336"/>
        <v/>
      </c>
      <c r="CG216" s="898" t="str">
        <f t="shared" si="337"/>
        <v/>
      </c>
      <c r="CH216" s="898" t="str">
        <f t="shared" si="338"/>
        <v/>
      </c>
      <c r="CI216" s="898" t="str">
        <f t="shared" si="339"/>
        <v/>
      </c>
      <c r="CJ216" s="898" t="str">
        <f t="shared" si="340"/>
        <v/>
      </c>
      <c r="CK216" s="898" t="str">
        <f t="shared" si="341"/>
        <v/>
      </c>
      <c r="CL216" s="898" t="str">
        <f t="shared" si="342"/>
        <v/>
      </c>
      <c r="CM216" s="898" t="str">
        <f t="shared" si="309"/>
        <v/>
      </c>
      <c r="CN216" s="898" t="str">
        <f t="shared" si="310"/>
        <v/>
      </c>
      <c r="CO216" s="898" t="str">
        <f t="shared" si="311"/>
        <v/>
      </c>
      <c r="CP216" s="898" t="str">
        <f t="shared" si="312"/>
        <v/>
      </c>
      <c r="CQ216" s="898" t="str">
        <f t="shared" si="313"/>
        <v/>
      </c>
      <c r="CR216" s="898" t="str">
        <f t="shared" si="314"/>
        <v/>
      </c>
      <c r="CS216" s="898" t="str">
        <f t="shared" si="315"/>
        <v/>
      </c>
      <c r="CT216" s="898" t="str">
        <f t="shared" si="316"/>
        <v/>
      </c>
      <c r="CU216" s="898" t="str">
        <f t="shared" si="317"/>
        <v/>
      </c>
      <c r="CV216" s="898" t="str">
        <f t="shared" si="318"/>
        <v/>
      </c>
      <c r="CW216" s="898" t="str">
        <f t="shared" si="319"/>
        <v/>
      </c>
      <c r="CX216" s="898" t="str">
        <f t="shared" si="320"/>
        <v/>
      </c>
      <c r="CY216" s="898" t="str">
        <f t="shared" si="321"/>
        <v/>
      </c>
      <c r="CZ216" s="898" t="str">
        <f t="shared" si="322"/>
        <v/>
      </c>
      <c r="DA216" s="898"/>
      <c r="DB216" s="898"/>
      <c r="DC216" s="898"/>
      <c r="DD216" s="898"/>
      <c r="DE216" s="898"/>
      <c r="DF216" s="898"/>
      <c r="DG216" s="898"/>
      <c r="DH216" s="898"/>
      <c r="DI216" s="898"/>
      <c r="DJ216" s="898"/>
      <c r="DK216" s="898"/>
      <c r="DL216" s="898"/>
      <c r="DM216" s="661">
        <f t="shared" si="299"/>
        <v>0</v>
      </c>
      <c r="DN216" s="898">
        <f t="shared" si="300"/>
        <v>0</v>
      </c>
      <c r="DO216" s="516">
        <f t="shared" si="301"/>
        <v>0</v>
      </c>
      <c r="DP216" s="898">
        <f t="shared" si="302"/>
        <v>0</v>
      </c>
      <c r="DQ216" s="1220" t="s">
        <v>3998</v>
      </c>
      <c r="DR216" s="483"/>
      <c r="DS216" s="1215" t="s">
        <v>4008</v>
      </c>
      <c r="DT216" s="632"/>
    </row>
    <row r="217" spans="1:124" s="613" customFormat="1" ht="199.5" x14ac:dyDescent="0.2">
      <c r="A217" s="484" t="str">
        <f t="shared" si="296"/>
        <v xml:space="preserve">Ambulance Hub </v>
      </c>
      <c r="B217" s="1163">
        <v>214</v>
      </c>
      <c r="C217" s="902" t="s">
        <v>4018</v>
      </c>
      <c r="D217" s="902" t="s">
        <v>4019</v>
      </c>
      <c r="E217" s="902" t="s">
        <v>912</v>
      </c>
      <c r="F217" s="710" t="s">
        <v>1341</v>
      </c>
      <c r="G217" s="725" t="s">
        <v>1342</v>
      </c>
      <c r="H217" s="714" t="s">
        <v>4020</v>
      </c>
      <c r="I217" s="725"/>
      <c r="J217" s="714" t="s">
        <v>4021</v>
      </c>
      <c r="K217" s="889" t="s">
        <v>3104</v>
      </c>
      <c r="L217" s="657" t="s">
        <v>63</v>
      </c>
      <c r="M217" s="725" t="s">
        <v>2996</v>
      </c>
      <c r="N217" s="654" t="s">
        <v>81</v>
      </c>
      <c r="O217" s="543" t="s">
        <v>4022</v>
      </c>
      <c r="P217" s="725" t="s">
        <v>4023</v>
      </c>
      <c r="Q217" s="676" t="s">
        <v>225</v>
      </c>
      <c r="R217" s="654"/>
      <c r="S217" s="654"/>
      <c r="T217" s="744">
        <v>16200000</v>
      </c>
      <c r="U217" s="744">
        <v>8100000</v>
      </c>
      <c r="V217" s="725" t="s">
        <v>4024</v>
      </c>
      <c r="W217" s="1157">
        <f>(T217-U217)-U217</f>
        <v>0</v>
      </c>
      <c r="X217" s="745">
        <f t="shared" ref="X217:X257" si="344">IF(ISTEXT(T217),T217,T217-U217)</f>
        <v>8100000</v>
      </c>
      <c r="Y217" s="723" t="s">
        <v>3106</v>
      </c>
      <c r="Z217" s="723"/>
      <c r="AA217" s="712" t="s">
        <v>65</v>
      </c>
      <c r="AB217" s="654" t="s">
        <v>66</v>
      </c>
      <c r="AC217" s="654" t="s">
        <v>66</v>
      </c>
      <c r="AD217" s="654" t="s">
        <v>66</v>
      </c>
      <c r="AE217" s="654" t="s">
        <v>66</v>
      </c>
      <c r="AF217" s="654" t="s">
        <v>66</v>
      </c>
      <c r="AG217" s="654" t="s">
        <v>66</v>
      </c>
      <c r="AH217" s="654" t="s">
        <v>66</v>
      </c>
      <c r="AI217" s="654" t="s">
        <v>66</v>
      </c>
      <c r="AJ217" s="654" t="s">
        <v>66</v>
      </c>
      <c r="AK217" s="654" t="s">
        <v>66</v>
      </c>
      <c r="AL217" s="654" t="s">
        <v>66</v>
      </c>
      <c r="AM217" s="654" t="s">
        <v>66</v>
      </c>
      <c r="AN217" s="654" t="s">
        <v>66</v>
      </c>
      <c r="AO217" s="654" t="s">
        <v>66</v>
      </c>
      <c r="AP217" s="654" t="s">
        <v>66</v>
      </c>
      <c r="AQ217" s="654" t="s">
        <v>66</v>
      </c>
      <c r="AR217" s="654" t="s">
        <v>66</v>
      </c>
      <c r="AS217" s="654" t="s">
        <v>66</v>
      </c>
      <c r="AT217" s="654" t="s">
        <v>66</v>
      </c>
      <c r="AU217" s="654" t="s">
        <v>66</v>
      </c>
      <c r="AV217" s="654" t="s">
        <v>66</v>
      </c>
      <c r="AW217" s="654" t="s">
        <v>66</v>
      </c>
      <c r="AX217" s="654" t="s">
        <v>66</v>
      </c>
      <c r="AY217" s="654" t="s">
        <v>66</v>
      </c>
      <c r="AZ217" s="654" t="s">
        <v>66</v>
      </c>
      <c r="BA217" s="654" t="s">
        <v>66</v>
      </c>
      <c r="BB217" s="654" t="s">
        <v>66</v>
      </c>
      <c r="BC217" s="654" t="s">
        <v>66</v>
      </c>
      <c r="BD217" s="654" t="s">
        <v>66</v>
      </c>
      <c r="BE217" s="654" t="s">
        <v>66</v>
      </c>
      <c r="BF217" s="654" t="s">
        <v>66</v>
      </c>
      <c r="BG217" s="654"/>
      <c r="BH217" s="654"/>
      <c r="BI217" s="654"/>
      <c r="BJ217" s="654"/>
      <c r="BK217" s="654"/>
      <c r="BL217" s="654"/>
      <c r="BM217" s="654"/>
      <c r="BN217" s="654"/>
      <c r="BO217" s="654" t="s">
        <v>66</v>
      </c>
      <c r="BP217" s="654" t="s">
        <v>66</v>
      </c>
      <c r="BQ217" s="654" t="s">
        <v>66</v>
      </c>
      <c r="BR217" s="654"/>
      <c r="BS217" s="884">
        <f t="shared" si="297"/>
        <v>22414</v>
      </c>
      <c r="BT217" s="661">
        <f t="shared" si="323"/>
        <v>361.38127955741948</v>
      </c>
      <c r="BU217" s="661" t="str">
        <f>IF(SUM(BV217:DL217)=X217, "GOOD", "ERROR")</f>
        <v>GOOD</v>
      </c>
      <c r="BV217" s="898">
        <f t="shared" si="326"/>
        <v>1806906.3977870974</v>
      </c>
      <c r="BW217" s="898">
        <f t="shared" si="327"/>
        <v>72276.255911483895</v>
      </c>
      <c r="BX217" s="898">
        <f t="shared" si="328"/>
        <v>162621.57580083876</v>
      </c>
      <c r="BY217" s="898">
        <f t="shared" si="329"/>
        <v>126483.44784509682</v>
      </c>
      <c r="BZ217" s="898">
        <f t="shared" si="330"/>
        <v>180690.63977870974</v>
      </c>
      <c r="CA217" s="898">
        <f t="shared" si="331"/>
        <v>173463.01418756135</v>
      </c>
      <c r="CB217" s="898">
        <f t="shared" si="332"/>
        <v>36138.127955741948</v>
      </c>
      <c r="CC217" s="898">
        <f t="shared" si="333"/>
        <v>140938.6990273936</v>
      </c>
      <c r="CD217" s="898">
        <f t="shared" si="334"/>
        <v>180690.63977870974</v>
      </c>
      <c r="CE217" s="898">
        <f t="shared" si="335"/>
        <v>180690.63977870974</v>
      </c>
      <c r="CF217" s="898">
        <f t="shared" si="336"/>
        <v>271035.95966806461</v>
      </c>
      <c r="CG217" s="898">
        <f t="shared" si="337"/>
        <v>72276.255911483895</v>
      </c>
      <c r="CH217" s="898">
        <f t="shared" si="338"/>
        <v>84563.219416436157</v>
      </c>
      <c r="CI217" s="898">
        <f t="shared" si="339"/>
        <v>126483.44784509682</v>
      </c>
      <c r="CJ217" s="898">
        <f t="shared" si="340"/>
        <v>32524.315160167753</v>
      </c>
      <c r="CK217" s="898">
        <f t="shared" si="341"/>
        <v>28910.502364593558</v>
      </c>
      <c r="CL217" s="898">
        <f t="shared" si="342"/>
        <v>860087.44534665835</v>
      </c>
      <c r="CM217" s="898">
        <f t="shared" si="309"/>
        <v>280070.49165700009</v>
      </c>
      <c r="CN217" s="898">
        <f t="shared" si="310"/>
        <v>36138.127955741948</v>
      </c>
      <c r="CO217" s="898">
        <f t="shared" si="311"/>
        <v>36138.127955741948</v>
      </c>
      <c r="CP217" s="898">
        <f t="shared" si="312"/>
        <v>109137.14642634068</v>
      </c>
      <c r="CQ217" s="898">
        <f t="shared" si="313"/>
        <v>90345.319889354869</v>
      </c>
      <c r="CR217" s="898">
        <f t="shared" si="314"/>
        <v>144552.51182296779</v>
      </c>
      <c r="CS217" s="898">
        <f t="shared" si="315"/>
        <v>505933.79138038727</v>
      </c>
      <c r="CT217" s="898">
        <f t="shared" si="316"/>
        <v>72637.637191041315</v>
      </c>
      <c r="CU217" s="898">
        <f t="shared" si="317"/>
        <v>78419.737663960026</v>
      </c>
      <c r="CV217" s="898">
        <f t="shared" si="318"/>
        <v>11202.819666280004</v>
      </c>
      <c r="CW217" s="898">
        <f t="shared" si="319"/>
        <v>24212.545730347105</v>
      </c>
      <c r="CX217" s="898">
        <f t="shared" si="320"/>
        <v>54207.191933612921</v>
      </c>
      <c r="CY217" s="898">
        <f t="shared" si="321"/>
        <v>11202.819666280004</v>
      </c>
      <c r="CZ217" s="898">
        <f t="shared" si="322"/>
        <v>121424.10993129294</v>
      </c>
      <c r="DA217" s="898" t="str">
        <f t="shared" ref="DA217:DL217" si="345">IF(BG217="yes",(BG$3*$BT217),"")</f>
        <v/>
      </c>
      <c r="DB217" s="898" t="str">
        <f t="shared" si="345"/>
        <v/>
      </c>
      <c r="DC217" s="898" t="str">
        <f t="shared" si="345"/>
        <v/>
      </c>
      <c r="DD217" s="898" t="str">
        <f t="shared" si="345"/>
        <v/>
      </c>
      <c r="DE217" s="898" t="str">
        <f t="shared" si="345"/>
        <v/>
      </c>
      <c r="DF217" s="898" t="str">
        <f t="shared" si="345"/>
        <v/>
      </c>
      <c r="DG217" s="898" t="str">
        <f t="shared" si="345"/>
        <v/>
      </c>
      <c r="DH217" s="898" t="str">
        <f t="shared" si="345"/>
        <v/>
      </c>
      <c r="DI217" s="898">
        <f t="shared" si="345"/>
        <v>542071.91933612921</v>
      </c>
      <c r="DJ217" s="898">
        <f t="shared" si="345"/>
        <v>578210.04729187116</v>
      </c>
      <c r="DK217" s="898">
        <f t="shared" si="345"/>
        <v>867315.07093780674</v>
      </c>
      <c r="DL217" s="898" t="str">
        <f t="shared" si="345"/>
        <v/>
      </c>
      <c r="DM217" s="661">
        <f t="shared" si="299"/>
        <v>4536780.5835638447</v>
      </c>
      <c r="DN217" s="898">
        <f t="shared" si="300"/>
        <v>1987597.0375658071</v>
      </c>
      <c r="DO217" s="898">
        <f t="shared" si="301"/>
        <v>1575622.3788703489</v>
      </c>
      <c r="DP217" s="898">
        <f t="shared" si="302"/>
        <v>0</v>
      </c>
      <c r="DQ217" s="1218" t="s">
        <v>4025</v>
      </c>
      <c r="DR217" s="1218" t="s">
        <v>4026</v>
      </c>
      <c r="DS217" s="1218" t="s">
        <v>4027</v>
      </c>
      <c r="DT217" s="632"/>
    </row>
    <row r="218" spans="1:124" s="613" customFormat="1" ht="171" x14ac:dyDescent="0.2">
      <c r="A218" s="484" t="str">
        <f t="shared" si="296"/>
        <v>Playing pitches provision to support development at North Hemel Hempstead (H1)</v>
      </c>
      <c r="B218" s="1163">
        <v>215</v>
      </c>
      <c r="C218" s="904" t="s">
        <v>4028</v>
      </c>
      <c r="D218" s="904" t="s">
        <v>3207</v>
      </c>
      <c r="E218" s="511" t="s">
        <v>1385</v>
      </c>
      <c r="F218" s="481" t="s">
        <v>329</v>
      </c>
      <c r="G218" s="515" t="s">
        <v>1344</v>
      </c>
      <c r="H218" s="513" t="s">
        <v>4029</v>
      </c>
      <c r="I218" s="515"/>
      <c r="J218" s="1328" t="s">
        <v>4030</v>
      </c>
      <c r="K218" s="654" t="s">
        <v>3104</v>
      </c>
      <c r="L218" s="515" t="s">
        <v>1375</v>
      </c>
      <c r="M218" s="654" t="s">
        <v>3027</v>
      </c>
      <c r="N218" s="654" t="s">
        <v>8</v>
      </c>
      <c r="O218" s="515" t="s">
        <v>525</v>
      </c>
      <c r="P218" s="654" t="s">
        <v>1385</v>
      </c>
      <c r="Q218" s="654" t="s">
        <v>3209</v>
      </c>
      <c r="R218" s="657"/>
      <c r="S218" s="657"/>
      <c r="T218" s="523">
        <v>3071524</v>
      </c>
      <c r="U218" s="523"/>
      <c r="V218" s="657" t="s">
        <v>64</v>
      </c>
      <c r="W218" s="723">
        <f t="shared" ref="W218:W257" si="346">T218-X218</f>
        <v>0</v>
      </c>
      <c r="X218" s="745">
        <f t="shared" si="344"/>
        <v>3071524</v>
      </c>
      <c r="Y218" s="723" t="s">
        <v>3106</v>
      </c>
      <c r="Z218" s="723"/>
      <c r="AA218" s="736" t="s">
        <v>82</v>
      </c>
      <c r="AB218" s="516"/>
      <c r="AC218" s="516"/>
      <c r="AD218" s="516"/>
      <c r="AE218" s="516"/>
      <c r="AF218" s="516"/>
      <c r="AG218" s="516"/>
      <c r="AH218" s="516"/>
      <c r="AI218" s="516"/>
      <c r="AJ218" s="516"/>
      <c r="AK218" s="516"/>
      <c r="AL218" s="516"/>
      <c r="AM218" s="516"/>
      <c r="AN218" s="516"/>
      <c r="AO218" s="516"/>
      <c r="AP218" s="516"/>
      <c r="AQ218" s="516"/>
      <c r="AR218" s="516"/>
      <c r="AS218" s="516"/>
      <c r="AT218" s="516"/>
      <c r="AU218" s="516"/>
      <c r="AV218" s="516"/>
      <c r="AW218" s="516"/>
      <c r="AX218" s="516"/>
      <c r="AY218" s="516"/>
      <c r="AZ218" s="516"/>
      <c r="BA218" s="516"/>
      <c r="BB218" s="516"/>
      <c r="BC218" s="516"/>
      <c r="BD218" s="516"/>
      <c r="BE218" s="516"/>
      <c r="BF218" s="516"/>
      <c r="BG218" s="516"/>
      <c r="BH218" s="516"/>
      <c r="BI218" s="516"/>
      <c r="BJ218" s="516"/>
      <c r="BK218" s="516"/>
      <c r="BL218" s="516"/>
      <c r="BM218" s="516"/>
      <c r="BN218" s="516"/>
      <c r="BO218" s="516" t="s">
        <v>66</v>
      </c>
      <c r="BP218" s="516"/>
      <c r="BQ218" s="516"/>
      <c r="BR218" s="516"/>
      <c r="BS218" s="884">
        <f t="shared" si="297"/>
        <v>1500</v>
      </c>
      <c r="BT218" s="661">
        <f t="shared" si="323"/>
        <v>2047.6826666666666</v>
      </c>
      <c r="BU218" s="661">
        <f t="shared" ref="BU218:BU258" si="347">SUM(BV218:DL218)</f>
        <v>3071524</v>
      </c>
      <c r="BV218" s="898" t="str">
        <f t="shared" ref="BV218:BV258" si="348">IF(AB218="Yes", $X218*($BV$3/$BS218),"")</f>
        <v/>
      </c>
      <c r="BW218" s="898" t="str">
        <f t="shared" ref="BW218:BW258" si="349">IF(AC218="Yes", $X218*($BW$3/$BS218),"")</f>
        <v/>
      </c>
      <c r="BX218" s="898" t="str">
        <f t="shared" ref="BX218:BX258" si="350">IF(AD218="Yes", $X218*($BX$3/$BS218),"")</f>
        <v/>
      </c>
      <c r="BY218" s="898" t="str">
        <f t="shared" ref="BY218:BY258" si="351">IF(AE218="Yes", $X218*($BY$3/$BS218),"")</f>
        <v/>
      </c>
      <c r="BZ218" s="898" t="str">
        <f t="shared" ref="BZ218:BZ258" si="352">IF(AF218="Yes", $X218*($BZ$3/$BS218),"")</f>
        <v/>
      </c>
      <c r="CA218" s="898" t="str">
        <f t="shared" ref="CA218:CA258" si="353">IF(AG218="Yes", $X218*($CA$3/$BS218),"")</f>
        <v/>
      </c>
      <c r="CB218" s="898" t="str">
        <f t="shared" ref="CB218:CB258" si="354">IF(AH218="Yes", $X218*($CB$3/$BS218),"")</f>
        <v/>
      </c>
      <c r="CC218" s="898" t="str">
        <f t="shared" ref="CC218:CC258" si="355">IF(AI218="Yes", $X218*($CC$3/$BS218),"")</f>
        <v/>
      </c>
      <c r="CD218" s="898" t="str">
        <f t="shared" ref="CD218:CD258" si="356">IF(AJ218="Yes", $X218*($CD$3/$BS218),"")</f>
        <v/>
      </c>
      <c r="CE218" s="898" t="str">
        <f t="shared" ref="CE218:CE258" si="357">IF(AK218="Yes", $X218*($CE$3/$BS218),"")</f>
        <v/>
      </c>
      <c r="CF218" s="898" t="str">
        <f t="shared" ref="CF218:CF258" si="358">IF(AL218="Yes", $X218*($CF$3/$BS218),"")</f>
        <v/>
      </c>
      <c r="CG218" s="898" t="str">
        <f t="shared" ref="CG218:CG258" si="359">IF(AM218="Yes", $X218*($CG$3/$BS218),"")</f>
        <v/>
      </c>
      <c r="CH218" s="898" t="str">
        <f t="shared" ref="CH218:CH258" si="360">IF(AN218="Yes", $X218*($CH$3/$BS218),"")</f>
        <v/>
      </c>
      <c r="CI218" s="898" t="str">
        <f t="shared" ref="CI218:CI258" si="361">IF(AO218="Yes", $X218*($CI$3/$BS218),"")</f>
        <v/>
      </c>
      <c r="CJ218" s="898" t="str">
        <f t="shared" ref="CJ218:CJ258" si="362">IF(AP218="Yes", $X218*($CJ$3/$BS218),"")</f>
        <v/>
      </c>
      <c r="CK218" s="898" t="str">
        <f t="shared" ref="CK218:CK258" si="363">IF(AQ218="Yes", $X218*($CK$3/$BS218),"")</f>
        <v/>
      </c>
      <c r="CL218" s="898" t="str">
        <f t="shared" ref="CL218:CL258" si="364">IF(AR218="Yes", $X218*($CL$3/$BS218),"")</f>
        <v/>
      </c>
      <c r="CM218" s="898" t="str">
        <f t="shared" ref="CM218:CM258" si="365">IF(AS218="Yes", $X218*($CM$3/$BS218),"")</f>
        <v/>
      </c>
      <c r="CN218" s="898" t="str">
        <f t="shared" ref="CN218:CN258" si="366">IF(AT218="Yes", $X218*($CN$3/$BS218),"")</f>
        <v/>
      </c>
      <c r="CO218" s="898" t="str">
        <f t="shared" ref="CO218:CO258" si="367">IF(AU218="Yes", $X218*($CO$3/$BS218),"")</f>
        <v/>
      </c>
      <c r="CP218" s="898" t="str">
        <f t="shared" ref="CP218:CP258" si="368">IF(AV218="Yes", $X218*($CP$3/$BS218),"")</f>
        <v/>
      </c>
      <c r="CQ218" s="898" t="str">
        <f t="shared" ref="CQ218:CQ258" si="369">IF(AW218="Yes", $X218*($CQ$3/$BS218),"")</f>
        <v/>
      </c>
      <c r="CR218" s="898" t="str">
        <f t="shared" ref="CR218:CR258" si="370">IF(AX218="Yes", $X218*($CR$3/$BS218),"")</f>
        <v/>
      </c>
      <c r="CS218" s="898" t="str">
        <f t="shared" ref="CS218:CS258" si="371">IF(AY218="Yes", $X218*($CS$3/$BS218),"")</f>
        <v/>
      </c>
      <c r="CT218" s="898" t="str">
        <f t="shared" ref="CT218:CT258" si="372">IF(AZ218="Yes", $X218*($CT$3/$BS218),"")</f>
        <v/>
      </c>
      <c r="CU218" s="898" t="str">
        <f t="shared" ref="CU218:CU258" si="373">IF(BA218="Yes", $X218*($CU$3/$BS218),"")</f>
        <v/>
      </c>
      <c r="CV218" s="898" t="str">
        <f t="shared" ref="CV218:CV258" si="374">IF(BB218="Yes", $X218*($CV$3/$BS218),"")</f>
        <v/>
      </c>
      <c r="CW218" s="898" t="str">
        <f t="shared" ref="CW218:CW258" si="375">IF(BC218="Yes", $X218*($CW$3/$BS218),"")</f>
        <v/>
      </c>
      <c r="CX218" s="898" t="str">
        <f t="shared" ref="CX218:CX258" si="376">IF(BD218="Yes", $X218*($CX$3/$BS218),"")</f>
        <v/>
      </c>
      <c r="CY218" s="898" t="str">
        <f t="shared" ref="CY218:CY258" si="377">IF(BE218="Yes", $X218*($CY$3/$BS218),"")</f>
        <v/>
      </c>
      <c r="CZ218" s="898" t="str">
        <f t="shared" ref="CZ218:CZ258" si="378">IF(BF218="Yes", $X218*($CZ$3/$BS218),"")</f>
        <v/>
      </c>
      <c r="DA218" s="898" t="str">
        <f t="shared" ref="DA218:DA258" si="379">IF(BG218="Yes", $X218*($DA$3/$BS218),"")</f>
        <v/>
      </c>
      <c r="DB218" s="898" t="str">
        <f t="shared" ref="DB218:DB258" si="380">IF(BH218="Yes", $X218*($DB$3/$BS218),"")</f>
        <v/>
      </c>
      <c r="DC218" s="898" t="str">
        <f t="shared" ref="DC218:DC258" si="381">IF(BI218="Yes", $X218*($DC$3/$BS218),"")</f>
        <v/>
      </c>
      <c r="DD218" s="898" t="str">
        <f t="shared" ref="DD218:DD258" si="382">IF(BJ218="Yes", $X218*($DD$3/$BS218),"")</f>
        <v/>
      </c>
      <c r="DE218" s="898" t="str">
        <f t="shared" ref="DE218:DE258" si="383">IF(BK218="Yes", $X218*($DE$3/$BS218),"")</f>
        <v/>
      </c>
      <c r="DF218" s="898" t="str">
        <f t="shared" ref="DF218:DF258" si="384">IF(BL218="Yes", $X218*($DF$3/$BS218),"")</f>
        <v/>
      </c>
      <c r="DG218" s="898" t="str">
        <f t="shared" ref="DG218:DG258" si="385">IF(BM218="Yes", $X218*($DG$3/$BS218),"")</f>
        <v/>
      </c>
      <c r="DH218" s="898" t="str">
        <f t="shared" ref="DH218:DH258" si="386">IF(BN218="Yes", $X218*($DH$3/$BS218),"")</f>
        <v/>
      </c>
      <c r="DI218" s="898">
        <f t="shared" ref="DI218:DI258" si="387">IF(BO218="Yes", $X218*($DI$3/$BS218),"")</f>
        <v>3071524</v>
      </c>
      <c r="DJ218" s="898" t="str">
        <f t="shared" ref="DJ218:DJ258" si="388">IF(BP218="Yes", $X218*($DJ$3/$BS218),"")</f>
        <v/>
      </c>
      <c r="DK218" s="898" t="str">
        <f t="shared" ref="DK218:DK258" si="389">IF(BQ218="Yes", $X218*($DK$3/$BS218),"")</f>
        <v/>
      </c>
      <c r="DL218" s="898" t="str">
        <f t="shared" ref="DL218:DL258" si="390">IF(BR218="Yes", $X218*($DL$3/$BS218),"")</f>
        <v/>
      </c>
      <c r="DM218" s="661">
        <f t="shared" si="299"/>
        <v>0</v>
      </c>
      <c r="DN218" s="898">
        <f t="shared" si="300"/>
        <v>3071524</v>
      </c>
      <c r="DO218" s="516">
        <f t="shared" si="301"/>
        <v>0</v>
      </c>
      <c r="DP218" s="898">
        <f t="shared" si="302"/>
        <v>0</v>
      </c>
      <c r="DQ218" s="522" t="s">
        <v>4031</v>
      </c>
      <c r="DR218" s="483" t="s">
        <v>4032</v>
      </c>
      <c r="DS218" s="522" t="s">
        <v>4033</v>
      </c>
      <c r="DT218" s="632"/>
    </row>
    <row r="219" spans="1:124" s="613" customFormat="1" ht="171" x14ac:dyDescent="0.2">
      <c r="A219" s="484" t="str">
        <f t="shared" si="296"/>
        <v>Playing pitches provision to support development at East Hemel Hempstead (North) (H2)</v>
      </c>
      <c r="B219" s="1163">
        <v>216</v>
      </c>
      <c r="C219" s="904" t="s">
        <v>4034</v>
      </c>
      <c r="D219" s="904" t="s">
        <v>3207</v>
      </c>
      <c r="E219" s="511" t="s">
        <v>1385</v>
      </c>
      <c r="F219" s="481" t="s">
        <v>329</v>
      </c>
      <c r="G219" s="515" t="s">
        <v>1344</v>
      </c>
      <c r="H219" s="513" t="s">
        <v>4035</v>
      </c>
      <c r="I219" s="515"/>
      <c r="J219" s="513" t="s">
        <v>4036</v>
      </c>
      <c r="K219" s="654" t="s">
        <v>3104</v>
      </c>
      <c r="L219" s="515" t="s">
        <v>1376</v>
      </c>
      <c r="M219" s="663" t="s">
        <v>3325</v>
      </c>
      <c r="N219" s="654" t="s">
        <v>8</v>
      </c>
      <c r="O219" s="515" t="s">
        <v>525</v>
      </c>
      <c r="P219" s="654" t="s">
        <v>1385</v>
      </c>
      <c r="Q219" s="654" t="s">
        <v>3209</v>
      </c>
      <c r="R219" s="657"/>
      <c r="S219" s="657"/>
      <c r="T219" s="523">
        <v>3276323</v>
      </c>
      <c r="U219" s="523"/>
      <c r="V219" s="657" t="s">
        <v>64</v>
      </c>
      <c r="W219" s="723">
        <f t="shared" si="346"/>
        <v>0</v>
      </c>
      <c r="X219" s="745">
        <f t="shared" si="344"/>
        <v>3276323</v>
      </c>
      <c r="Y219" s="723" t="s">
        <v>3106</v>
      </c>
      <c r="Z219" s="723"/>
      <c r="AA219" s="736" t="s">
        <v>82</v>
      </c>
      <c r="AB219" s="516"/>
      <c r="AC219" s="516"/>
      <c r="AD219" s="516"/>
      <c r="AE219" s="516"/>
      <c r="AF219" s="516"/>
      <c r="AG219" s="516"/>
      <c r="AH219" s="516"/>
      <c r="AI219" s="516"/>
      <c r="AJ219" s="516"/>
      <c r="AK219" s="516"/>
      <c r="AL219" s="516"/>
      <c r="AM219" s="516"/>
      <c r="AN219" s="516"/>
      <c r="AO219" s="516"/>
      <c r="AP219" s="516"/>
      <c r="AQ219" s="516"/>
      <c r="AR219" s="516"/>
      <c r="AS219" s="516"/>
      <c r="AT219" s="516"/>
      <c r="AU219" s="516"/>
      <c r="AV219" s="516"/>
      <c r="AW219" s="516"/>
      <c r="AX219" s="516"/>
      <c r="AY219" s="516"/>
      <c r="AZ219" s="516"/>
      <c r="BA219" s="516"/>
      <c r="BB219" s="516"/>
      <c r="BC219" s="516"/>
      <c r="BD219" s="516"/>
      <c r="BE219" s="516"/>
      <c r="BF219" s="516"/>
      <c r="BG219" s="516"/>
      <c r="BH219" s="516"/>
      <c r="BI219" s="516"/>
      <c r="BJ219" s="516"/>
      <c r="BK219" s="516"/>
      <c r="BL219" s="516"/>
      <c r="BM219" s="516"/>
      <c r="BN219" s="516"/>
      <c r="BO219" s="516"/>
      <c r="BP219" s="516" t="s">
        <v>66</v>
      </c>
      <c r="BQ219" s="516"/>
      <c r="BR219" s="516"/>
      <c r="BS219" s="884">
        <f t="shared" si="297"/>
        <v>1600</v>
      </c>
      <c r="BT219" s="661">
        <f t="shared" si="323"/>
        <v>2047.701875</v>
      </c>
      <c r="BU219" s="661">
        <f t="shared" si="347"/>
        <v>3276323</v>
      </c>
      <c r="BV219" s="898" t="str">
        <f t="shared" si="348"/>
        <v/>
      </c>
      <c r="BW219" s="898" t="str">
        <f t="shared" si="349"/>
        <v/>
      </c>
      <c r="BX219" s="898" t="str">
        <f t="shared" si="350"/>
        <v/>
      </c>
      <c r="BY219" s="898" t="str">
        <f t="shared" si="351"/>
        <v/>
      </c>
      <c r="BZ219" s="898" t="str">
        <f t="shared" si="352"/>
        <v/>
      </c>
      <c r="CA219" s="898" t="str">
        <f t="shared" si="353"/>
        <v/>
      </c>
      <c r="CB219" s="898" t="str">
        <f t="shared" si="354"/>
        <v/>
      </c>
      <c r="CC219" s="898" t="str">
        <f t="shared" si="355"/>
        <v/>
      </c>
      <c r="CD219" s="898" t="str">
        <f t="shared" si="356"/>
        <v/>
      </c>
      <c r="CE219" s="898" t="str">
        <f t="shared" si="357"/>
        <v/>
      </c>
      <c r="CF219" s="898" t="str">
        <f t="shared" si="358"/>
        <v/>
      </c>
      <c r="CG219" s="898" t="str">
        <f t="shared" si="359"/>
        <v/>
      </c>
      <c r="CH219" s="898" t="str">
        <f t="shared" si="360"/>
        <v/>
      </c>
      <c r="CI219" s="898" t="str">
        <f t="shared" si="361"/>
        <v/>
      </c>
      <c r="CJ219" s="898" t="str">
        <f t="shared" si="362"/>
        <v/>
      </c>
      <c r="CK219" s="898" t="str">
        <f t="shared" si="363"/>
        <v/>
      </c>
      <c r="CL219" s="898" t="str">
        <f t="shared" si="364"/>
        <v/>
      </c>
      <c r="CM219" s="898" t="str">
        <f t="shared" si="365"/>
        <v/>
      </c>
      <c r="CN219" s="898" t="str">
        <f t="shared" si="366"/>
        <v/>
      </c>
      <c r="CO219" s="898" t="str">
        <f t="shared" si="367"/>
        <v/>
      </c>
      <c r="CP219" s="898" t="str">
        <f t="shared" si="368"/>
        <v/>
      </c>
      <c r="CQ219" s="898" t="str">
        <f t="shared" si="369"/>
        <v/>
      </c>
      <c r="CR219" s="898" t="str">
        <f t="shared" si="370"/>
        <v/>
      </c>
      <c r="CS219" s="898" t="str">
        <f t="shared" si="371"/>
        <v/>
      </c>
      <c r="CT219" s="898" t="str">
        <f t="shared" si="372"/>
        <v/>
      </c>
      <c r="CU219" s="898" t="str">
        <f t="shared" si="373"/>
        <v/>
      </c>
      <c r="CV219" s="898" t="str">
        <f t="shared" si="374"/>
        <v/>
      </c>
      <c r="CW219" s="898" t="str">
        <f t="shared" si="375"/>
        <v/>
      </c>
      <c r="CX219" s="898" t="str">
        <f t="shared" si="376"/>
        <v/>
      </c>
      <c r="CY219" s="898" t="str">
        <f t="shared" si="377"/>
        <v/>
      </c>
      <c r="CZ219" s="898" t="str">
        <f t="shared" si="378"/>
        <v/>
      </c>
      <c r="DA219" s="898" t="str">
        <f t="shared" si="379"/>
        <v/>
      </c>
      <c r="DB219" s="898" t="str">
        <f t="shared" si="380"/>
        <v/>
      </c>
      <c r="DC219" s="898" t="str">
        <f t="shared" si="381"/>
        <v/>
      </c>
      <c r="DD219" s="898" t="str">
        <f t="shared" si="382"/>
        <v/>
      </c>
      <c r="DE219" s="898" t="str">
        <f t="shared" si="383"/>
        <v/>
      </c>
      <c r="DF219" s="898" t="str">
        <f t="shared" si="384"/>
        <v/>
      </c>
      <c r="DG219" s="898" t="str">
        <f t="shared" si="385"/>
        <v/>
      </c>
      <c r="DH219" s="898" t="str">
        <f t="shared" si="386"/>
        <v/>
      </c>
      <c r="DI219" s="898" t="str">
        <f t="shared" si="387"/>
        <v/>
      </c>
      <c r="DJ219" s="898">
        <f t="shared" si="388"/>
        <v>3276323</v>
      </c>
      <c r="DK219" s="898" t="str">
        <f t="shared" si="389"/>
        <v/>
      </c>
      <c r="DL219" s="898" t="str">
        <f t="shared" si="390"/>
        <v/>
      </c>
      <c r="DM219" s="661">
        <f t="shared" si="299"/>
        <v>0</v>
      </c>
      <c r="DN219" s="898">
        <f t="shared" si="300"/>
        <v>3276323</v>
      </c>
      <c r="DO219" s="516">
        <f t="shared" si="301"/>
        <v>0</v>
      </c>
      <c r="DP219" s="898">
        <f t="shared" si="302"/>
        <v>0</v>
      </c>
      <c r="DQ219" s="522" t="s">
        <v>4037</v>
      </c>
      <c r="DR219" s="483" t="s">
        <v>4032</v>
      </c>
      <c r="DS219" s="522" t="s">
        <v>4033</v>
      </c>
      <c r="DT219" s="632"/>
    </row>
    <row r="220" spans="1:124" s="613" customFormat="1" ht="171" x14ac:dyDescent="0.2">
      <c r="A220" s="484" t="str">
        <f t="shared" si="296"/>
        <v>Playing pitches provision to support development at East Hemel Hempstead (South) (H4)</v>
      </c>
      <c r="B220" s="1163">
        <v>217</v>
      </c>
      <c r="C220" s="904" t="s">
        <v>4038</v>
      </c>
      <c r="D220" s="904" t="s">
        <v>3207</v>
      </c>
      <c r="E220" s="511" t="s">
        <v>1385</v>
      </c>
      <c r="F220" s="481" t="s">
        <v>329</v>
      </c>
      <c r="G220" s="515" t="s">
        <v>1344</v>
      </c>
      <c r="H220" s="513" t="s">
        <v>4039</v>
      </c>
      <c r="I220" s="515"/>
      <c r="J220" s="513" t="s">
        <v>4040</v>
      </c>
      <c r="K220" s="654" t="s">
        <v>3104</v>
      </c>
      <c r="L220" s="515" t="s">
        <v>1377</v>
      </c>
      <c r="M220" s="663" t="s">
        <v>3325</v>
      </c>
      <c r="N220" s="654" t="s">
        <v>8</v>
      </c>
      <c r="O220" s="515" t="s">
        <v>525</v>
      </c>
      <c r="P220" s="654" t="s">
        <v>1385</v>
      </c>
      <c r="Q220" s="654" t="s">
        <v>3209</v>
      </c>
      <c r="R220" s="657"/>
      <c r="S220" s="657"/>
      <c r="T220" s="523">
        <v>4914551</v>
      </c>
      <c r="U220" s="523"/>
      <c r="V220" s="657" t="s">
        <v>64</v>
      </c>
      <c r="W220" s="723">
        <f t="shared" si="346"/>
        <v>0</v>
      </c>
      <c r="X220" s="745">
        <f t="shared" si="344"/>
        <v>4914551</v>
      </c>
      <c r="Y220" s="723" t="s">
        <v>3106</v>
      </c>
      <c r="Z220" s="723"/>
      <c r="AA220" s="736" t="s">
        <v>82</v>
      </c>
      <c r="AB220" s="516"/>
      <c r="AC220" s="516"/>
      <c r="AD220" s="516"/>
      <c r="AE220" s="516"/>
      <c r="AF220" s="516"/>
      <c r="AG220" s="516"/>
      <c r="AH220" s="516"/>
      <c r="AI220" s="516"/>
      <c r="AJ220" s="516"/>
      <c r="AK220" s="516"/>
      <c r="AL220" s="516"/>
      <c r="AM220" s="516"/>
      <c r="AN220" s="516"/>
      <c r="AO220" s="516"/>
      <c r="AP220" s="516"/>
      <c r="AQ220" s="516"/>
      <c r="AR220" s="516"/>
      <c r="AS220" s="516"/>
      <c r="AT220" s="516"/>
      <c r="AU220" s="516"/>
      <c r="AV220" s="516"/>
      <c r="AW220" s="516"/>
      <c r="AX220" s="516"/>
      <c r="AY220" s="516"/>
      <c r="AZ220" s="516"/>
      <c r="BA220" s="516"/>
      <c r="BB220" s="516"/>
      <c r="BC220" s="516"/>
      <c r="BD220" s="516"/>
      <c r="BE220" s="516"/>
      <c r="BF220" s="516"/>
      <c r="BG220" s="516"/>
      <c r="BH220" s="516"/>
      <c r="BI220" s="516"/>
      <c r="BJ220" s="516"/>
      <c r="BK220" s="516"/>
      <c r="BL220" s="516"/>
      <c r="BM220" s="516"/>
      <c r="BN220" s="516"/>
      <c r="BO220" s="516"/>
      <c r="BP220" s="516"/>
      <c r="BQ220" s="516" t="s">
        <v>66</v>
      </c>
      <c r="BR220" s="516"/>
      <c r="BS220" s="884">
        <f t="shared" si="297"/>
        <v>2400</v>
      </c>
      <c r="BT220" s="661">
        <f t="shared" si="323"/>
        <v>2047.7295833333333</v>
      </c>
      <c r="BU220" s="661">
        <f t="shared" si="347"/>
        <v>4914551</v>
      </c>
      <c r="BV220" s="898" t="str">
        <f t="shared" si="348"/>
        <v/>
      </c>
      <c r="BW220" s="898" t="str">
        <f t="shared" si="349"/>
        <v/>
      </c>
      <c r="BX220" s="898" t="str">
        <f t="shared" si="350"/>
        <v/>
      </c>
      <c r="BY220" s="898" t="str">
        <f t="shared" si="351"/>
        <v/>
      </c>
      <c r="BZ220" s="898" t="str">
        <f t="shared" si="352"/>
        <v/>
      </c>
      <c r="CA220" s="898" t="str">
        <f t="shared" si="353"/>
        <v/>
      </c>
      <c r="CB220" s="898" t="str">
        <f t="shared" si="354"/>
        <v/>
      </c>
      <c r="CC220" s="898" t="str">
        <f t="shared" si="355"/>
        <v/>
      </c>
      <c r="CD220" s="898" t="str">
        <f t="shared" si="356"/>
        <v/>
      </c>
      <c r="CE220" s="898" t="str">
        <f t="shared" si="357"/>
        <v/>
      </c>
      <c r="CF220" s="898" t="str">
        <f t="shared" si="358"/>
        <v/>
      </c>
      <c r="CG220" s="898" t="str">
        <f t="shared" si="359"/>
        <v/>
      </c>
      <c r="CH220" s="898" t="str">
        <f t="shared" si="360"/>
        <v/>
      </c>
      <c r="CI220" s="898" t="str">
        <f t="shared" si="361"/>
        <v/>
      </c>
      <c r="CJ220" s="898" t="str">
        <f t="shared" si="362"/>
        <v/>
      </c>
      <c r="CK220" s="898" t="str">
        <f t="shared" si="363"/>
        <v/>
      </c>
      <c r="CL220" s="898" t="str">
        <f t="shared" si="364"/>
        <v/>
      </c>
      <c r="CM220" s="898" t="str">
        <f t="shared" si="365"/>
        <v/>
      </c>
      <c r="CN220" s="898" t="str">
        <f t="shared" si="366"/>
        <v/>
      </c>
      <c r="CO220" s="898" t="str">
        <f t="shared" si="367"/>
        <v/>
      </c>
      <c r="CP220" s="898" t="str">
        <f t="shared" si="368"/>
        <v/>
      </c>
      <c r="CQ220" s="898" t="str">
        <f t="shared" si="369"/>
        <v/>
      </c>
      <c r="CR220" s="898" t="str">
        <f t="shared" si="370"/>
        <v/>
      </c>
      <c r="CS220" s="898" t="str">
        <f t="shared" si="371"/>
        <v/>
      </c>
      <c r="CT220" s="898" t="str">
        <f t="shared" si="372"/>
        <v/>
      </c>
      <c r="CU220" s="898" t="str">
        <f t="shared" si="373"/>
        <v/>
      </c>
      <c r="CV220" s="898" t="str">
        <f t="shared" si="374"/>
        <v/>
      </c>
      <c r="CW220" s="898" t="str">
        <f t="shared" si="375"/>
        <v/>
      </c>
      <c r="CX220" s="898" t="str">
        <f t="shared" si="376"/>
        <v/>
      </c>
      <c r="CY220" s="898" t="str">
        <f t="shared" si="377"/>
        <v/>
      </c>
      <c r="CZ220" s="898" t="str">
        <f t="shared" si="378"/>
        <v/>
      </c>
      <c r="DA220" s="898" t="str">
        <f t="shared" si="379"/>
        <v/>
      </c>
      <c r="DB220" s="898" t="str">
        <f t="shared" si="380"/>
        <v/>
      </c>
      <c r="DC220" s="898" t="str">
        <f t="shared" si="381"/>
        <v/>
      </c>
      <c r="DD220" s="898" t="str">
        <f t="shared" si="382"/>
        <v/>
      </c>
      <c r="DE220" s="898" t="str">
        <f t="shared" si="383"/>
        <v/>
      </c>
      <c r="DF220" s="898" t="str">
        <f t="shared" si="384"/>
        <v/>
      </c>
      <c r="DG220" s="898" t="str">
        <f t="shared" si="385"/>
        <v/>
      </c>
      <c r="DH220" s="898" t="str">
        <f t="shared" si="386"/>
        <v/>
      </c>
      <c r="DI220" s="898" t="str">
        <f t="shared" si="387"/>
        <v/>
      </c>
      <c r="DJ220" s="898" t="str">
        <f t="shared" si="388"/>
        <v/>
      </c>
      <c r="DK220" s="898">
        <f t="shared" si="389"/>
        <v>4914551</v>
      </c>
      <c r="DL220" s="898" t="str">
        <f t="shared" si="390"/>
        <v/>
      </c>
      <c r="DM220" s="661">
        <f t="shared" si="299"/>
        <v>0</v>
      </c>
      <c r="DN220" s="898">
        <f t="shared" si="300"/>
        <v>4914551</v>
      </c>
      <c r="DO220" s="516">
        <f t="shared" si="301"/>
        <v>0</v>
      </c>
      <c r="DP220" s="898">
        <f t="shared" si="302"/>
        <v>0</v>
      </c>
      <c r="DQ220" s="522" t="s">
        <v>4041</v>
      </c>
      <c r="DR220" s="483" t="s">
        <v>4032</v>
      </c>
      <c r="DS220" s="522" t="s">
        <v>4033</v>
      </c>
      <c r="DT220" s="632"/>
    </row>
    <row r="221" spans="1:124" s="613" customFormat="1" ht="156.75" x14ac:dyDescent="0.2">
      <c r="A221" s="484" t="str">
        <f t="shared" si="296"/>
        <v>Playing pitches provision to support development at North Hemel Hempstead (Hm01)</v>
      </c>
      <c r="B221" s="1163">
        <v>218</v>
      </c>
      <c r="C221" s="904" t="s">
        <v>4042</v>
      </c>
      <c r="D221" s="904" t="s">
        <v>3207</v>
      </c>
      <c r="E221" s="481" t="s">
        <v>53</v>
      </c>
      <c r="F221" s="481" t="s">
        <v>329</v>
      </c>
      <c r="G221" s="515" t="s">
        <v>1344</v>
      </c>
      <c r="H221" s="513" t="s">
        <v>4043</v>
      </c>
      <c r="I221" s="515"/>
      <c r="J221" s="513" t="s">
        <v>4044</v>
      </c>
      <c r="K221" s="654" t="s">
        <v>3104</v>
      </c>
      <c r="L221" s="657" t="s">
        <v>1360</v>
      </c>
      <c r="M221" s="657" t="s">
        <v>3027</v>
      </c>
      <c r="N221" s="654" t="s">
        <v>8</v>
      </c>
      <c r="O221" s="515" t="s">
        <v>525</v>
      </c>
      <c r="P221" s="664" t="s">
        <v>53</v>
      </c>
      <c r="Q221" s="654" t="s">
        <v>3209</v>
      </c>
      <c r="R221" s="657"/>
      <c r="S221" s="657"/>
      <c r="T221" s="723">
        <v>8348362</v>
      </c>
      <c r="U221" s="723"/>
      <c r="V221" s="657" t="s">
        <v>64</v>
      </c>
      <c r="W221" s="723">
        <f t="shared" si="346"/>
        <v>0</v>
      </c>
      <c r="X221" s="745">
        <f t="shared" si="344"/>
        <v>8348362</v>
      </c>
      <c r="Y221" s="723" t="s">
        <v>3106</v>
      </c>
      <c r="Z221" s="723"/>
      <c r="AA221" s="736" t="s">
        <v>82</v>
      </c>
      <c r="AB221" s="892" t="s">
        <v>66</v>
      </c>
      <c r="AC221" s="654"/>
      <c r="AD221" s="654"/>
      <c r="AE221" s="654"/>
      <c r="AF221" s="654"/>
      <c r="AG221" s="654"/>
      <c r="AH221" s="654"/>
      <c r="AI221" s="654"/>
      <c r="AJ221" s="654"/>
      <c r="AK221" s="654"/>
      <c r="AL221" s="654"/>
      <c r="AM221" s="654"/>
      <c r="AN221" s="654"/>
      <c r="AO221" s="654"/>
      <c r="AP221" s="654"/>
      <c r="AQ221" s="654"/>
      <c r="AR221" s="654"/>
      <c r="AS221" s="654"/>
      <c r="AT221" s="654"/>
      <c r="AU221" s="654"/>
      <c r="AV221" s="654"/>
      <c r="AW221" s="654"/>
      <c r="AX221" s="654"/>
      <c r="AY221" s="654"/>
      <c r="AZ221" s="654"/>
      <c r="BA221" s="654"/>
      <c r="BB221" s="654"/>
      <c r="BC221" s="654"/>
      <c r="BD221" s="654"/>
      <c r="BE221" s="654"/>
      <c r="BF221" s="654"/>
      <c r="BG221" s="654"/>
      <c r="BH221" s="654"/>
      <c r="BI221" s="654"/>
      <c r="BJ221" s="654"/>
      <c r="BK221" s="654"/>
      <c r="BL221" s="654"/>
      <c r="BM221" s="654"/>
      <c r="BN221" s="654"/>
      <c r="BO221" s="654"/>
      <c r="BP221" s="654"/>
      <c r="BQ221" s="654"/>
      <c r="BR221" s="654"/>
      <c r="BS221" s="884">
        <f t="shared" si="297"/>
        <v>5000</v>
      </c>
      <c r="BT221" s="661">
        <f t="shared" si="323"/>
        <v>1669.6723999999999</v>
      </c>
      <c r="BU221" s="661">
        <f t="shared" si="347"/>
        <v>8348362</v>
      </c>
      <c r="BV221" s="898">
        <f t="shared" si="348"/>
        <v>8348362</v>
      </c>
      <c r="BW221" s="898" t="str">
        <f t="shared" si="349"/>
        <v/>
      </c>
      <c r="BX221" s="898" t="str">
        <f t="shared" si="350"/>
        <v/>
      </c>
      <c r="BY221" s="898" t="str">
        <f t="shared" si="351"/>
        <v/>
      </c>
      <c r="BZ221" s="898" t="str">
        <f t="shared" si="352"/>
        <v/>
      </c>
      <c r="CA221" s="898" t="str">
        <f t="shared" si="353"/>
        <v/>
      </c>
      <c r="CB221" s="898" t="str">
        <f t="shared" si="354"/>
        <v/>
      </c>
      <c r="CC221" s="898" t="str">
        <f t="shared" si="355"/>
        <v/>
      </c>
      <c r="CD221" s="898" t="str">
        <f t="shared" si="356"/>
        <v/>
      </c>
      <c r="CE221" s="898" t="str">
        <f t="shared" si="357"/>
        <v/>
      </c>
      <c r="CF221" s="898" t="str">
        <f t="shared" si="358"/>
        <v/>
      </c>
      <c r="CG221" s="898" t="str">
        <f t="shared" si="359"/>
        <v/>
      </c>
      <c r="CH221" s="898" t="str">
        <f t="shared" si="360"/>
        <v/>
      </c>
      <c r="CI221" s="898" t="str">
        <f t="shared" si="361"/>
        <v/>
      </c>
      <c r="CJ221" s="898" t="str">
        <f t="shared" si="362"/>
        <v/>
      </c>
      <c r="CK221" s="898" t="str">
        <f t="shared" si="363"/>
        <v/>
      </c>
      <c r="CL221" s="898" t="str">
        <f t="shared" si="364"/>
        <v/>
      </c>
      <c r="CM221" s="898" t="str">
        <f t="shared" si="365"/>
        <v/>
      </c>
      <c r="CN221" s="898" t="str">
        <f t="shared" si="366"/>
        <v/>
      </c>
      <c r="CO221" s="898" t="str">
        <f t="shared" si="367"/>
        <v/>
      </c>
      <c r="CP221" s="898" t="str">
        <f t="shared" si="368"/>
        <v/>
      </c>
      <c r="CQ221" s="898" t="str">
        <f t="shared" si="369"/>
        <v/>
      </c>
      <c r="CR221" s="898" t="str">
        <f t="shared" si="370"/>
        <v/>
      </c>
      <c r="CS221" s="898" t="str">
        <f t="shared" si="371"/>
        <v/>
      </c>
      <c r="CT221" s="898" t="str">
        <f t="shared" si="372"/>
        <v/>
      </c>
      <c r="CU221" s="898" t="str">
        <f t="shared" si="373"/>
        <v/>
      </c>
      <c r="CV221" s="898" t="str">
        <f t="shared" si="374"/>
        <v/>
      </c>
      <c r="CW221" s="898" t="str">
        <f t="shared" si="375"/>
        <v/>
      </c>
      <c r="CX221" s="898" t="str">
        <f t="shared" si="376"/>
        <v/>
      </c>
      <c r="CY221" s="898" t="str">
        <f t="shared" si="377"/>
        <v/>
      </c>
      <c r="CZ221" s="898" t="str">
        <f t="shared" si="378"/>
        <v/>
      </c>
      <c r="DA221" s="898" t="str">
        <f t="shared" si="379"/>
        <v/>
      </c>
      <c r="DB221" s="898" t="str">
        <f t="shared" si="380"/>
        <v/>
      </c>
      <c r="DC221" s="898" t="str">
        <f t="shared" si="381"/>
        <v/>
      </c>
      <c r="DD221" s="898" t="str">
        <f t="shared" si="382"/>
        <v/>
      </c>
      <c r="DE221" s="898" t="str">
        <f t="shared" si="383"/>
        <v/>
      </c>
      <c r="DF221" s="898" t="str">
        <f t="shared" si="384"/>
        <v/>
      </c>
      <c r="DG221" s="898" t="str">
        <f t="shared" si="385"/>
        <v/>
      </c>
      <c r="DH221" s="898" t="str">
        <f t="shared" si="386"/>
        <v/>
      </c>
      <c r="DI221" s="898" t="str">
        <f t="shared" si="387"/>
        <v/>
      </c>
      <c r="DJ221" s="898" t="str">
        <f t="shared" si="388"/>
        <v/>
      </c>
      <c r="DK221" s="898" t="str">
        <f t="shared" si="389"/>
        <v/>
      </c>
      <c r="DL221" s="898" t="str">
        <f t="shared" si="390"/>
        <v/>
      </c>
      <c r="DM221" s="661">
        <f t="shared" si="299"/>
        <v>8348362</v>
      </c>
      <c r="DN221" s="898">
        <f t="shared" si="300"/>
        <v>0</v>
      </c>
      <c r="DO221" s="516">
        <f t="shared" si="301"/>
        <v>0</v>
      </c>
      <c r="DP221" s="898">
        <f t="shared" si="302"/>
        <v>0</v>
      </c>
      <c r="DQ221" s="610" t="s">
        <v>4045</v>
      </c>
      <c r="DR221" s="483" t="s">
        <v>4032</v>
      </c>
      <c r="DS221" s="522" t="s">
        <v>4033</v>
      </c>
      <c r="DT221" s="632"/>
    </row>
    <row r="222" spans="1:124" s="613" customFormat="1" ht="142.5" x14ac:dyDescent="0.2">
      <c r="A222" s="484" t="str">
        <f t="shared" si="296"/>
        <v>Playing pitches provision to support development at Civic Zone, Marlowes (Hm02)</v>
      </c>
      <c r="B222" s="1163">
        <v>219</v>
      </c>
      <c r="C222" s="904" t="s">
        <v>4046</v>
      </c>
      <c r="D222" s="904" t="s">
        <v>3207</v>
      </c>
      <c r="E222" s="481" t="s">
        <v>53</v>
      </c>
      <c r="F222" s="481" t="s">
        <v>329</v>
      </c>
      <c r="G222" s="515" t="s">
        <v>1344</v>
      </c>
      <c r="H222" s="513" t="s">
        <v>4047</v>
      </c>
      <c r="I222" s="515"/>
      <c r="J222" s="513" t="s">
        <v>4048</v>
      </c>
      <c r="K222" s="654" t="s">
        <v>3104</v>
      </c>
      <c r="L222" s="657" t="s">
        <v>1361</v>
      </c>
      <c r="M222" s="657" t="s">
        <v>2996</v>
      </c>
      <c r="N222" s="654" t="s">
        <v>81</v>
      </c>
      <c r="O222" s="515" t="s">
        <v>525</v>
      </c>
      <c r="P222" s="664" t="s">
        <v>53</v>
      </c>
      <c r="Q222" s="654" t="s">
        <v>3209</v>
      </c>
      <c r="R222" s="657"/>
      <c r="S222" s="657"/>
      <c r="T222" s="745">
        <v>333934</v>
      </c>
      <c r="U222" s="745"/>
      <c r="V222" s="657" t="s">
        <v>64</v>
      </c>
      <c r="W222" s="723">
        <f t="shared" si="346"/>
        <v>0</v>
      </c>
      <c r="X222" s="745">
        <f t="shared" si="344"/>
        <v>333934</v>
      </c>
      <c r="Y222" s="723" t="s">
        <v>3106</v>
      </c>
      <c r="Z222" s="723"/>
      <c r="AA222" s="736" t="s">
        <v>82</v>
      </c>
      <c r="AB222" s="654"/>
      <c r="AC222" s="654" t="s">
        <v>66</v>
      </c>
      <c r="AD222" s="654"/>
      <c r="AE222" s="654"/>
      <c r="AF222" s="654"/>
      <c r="AG222" s="654"/>
      <c r="AH222" s="654"/>
      <c r="AI222" s="654"/>
      <c r="AJ222" s="654"/>
      <c r="AK222" s="654"/>
      <c r="AL222" s="654"/>
      <c r="AM222" s="654"/>
      <c r="AN222" s="654"/>
      <c r="AO222" s="654"/>
      <c r="AP222" s="654"/>
      <c r="AQ222" s="654"/>
      <c r="AR222" s="654"/>
      <c r="AS222" s="654"/>
      <c r="AT222" s="654"/>
      <c r="AU222" s="654"/>
      <c r="AV222" s="654"/>
      <c r="AW222" s="654"/>
      <c r="AX222" s="654"/>
      <c r="AY222" s="654"/>
      <c r="AZ222" s="654"/>
      <c r="BA222" s="654"/>
      <c r="BB222" s="654"/>
      <c r="BC222" s="654"/>
      <c r="BD222" s="654"/>
      <c r="BE222" s="654"/>
      <c r="BF222" s="654"/>
      <c r="BG222" s="654"/>
      <c r="BH222" s="654"/>
      <c r="BI222" s="654"/>
      <c r="BJ222" s="654"/>
      <c r="BK222" s="654"/>
      <c r="BL222" s="654"/>
      <c r="BM222" s="654"/>
      <c r="BN222" s="654"/>
      <c r="BO222" s="654"/>
      <c r="BP222" s="654"/>
      <c r="BQ222" s="654"/>
      <c r="BR222" s="654"/>
      <c r="BS222" s="884">
        <f t="shared" si="297"/>
        <v>200</v>
      </c>
      <c r="BT222" s="661">
        <f t="shared" si="323"/>
        <v>1669.67</v>
      </c>
      <c r="BU222" s="661">
        <f t="shared" si="347"/>
        <v>333934</v>
      </c>
      <c r="BV222" s="898" t="str">
        <f t="shared" si="348"/>
        <v/>
      </c>
      <c r="BW222" s="898">
        <f t="shared" si="349"/>
        <v>333934</v>
      </c>
      <c r="BX222" s="898" t="str">
        <f t="shared" si="350"/>
        <v/>
      </c>
      <c r="BY222" s="898" t="str">
        <f t="shared" si="351"/>
        <v/>
      </c>
      <c r="BZ222" s="898" t="str">
        <f t="shared" si="352"/>
        <v/>
      </c>
      <c r="CA222" s="898" t="str">
        <f t="shared" si="353"/>
        <v/>
      </c>
      <c r="CB222" s="898" t="str">
        <f t="shared" si="354"/>
        <v/>
      </c>
      <c r="CC222" s="898" t="str">
        <f t="shared" si="355"/>
        <v/>
      </c>
      <c r="CD222" s="898" t="str">
        <f t="shared" si="356"/>
        <v/>
      </c>
      <c r="CE222" s="898" t="str">
        <f t="shared" si="357"/>
        <v/>
      </c>
      <c r="CF222" s="898" t="str">
        <f t="shared" si="358"/>
        <v/>
      </c>
      <c r="CG222" s="898" t="str">
        <f t="shared" si="359"/>
        <v/>
      </c>
      <c r="CH222" s="898" t="str">
        <f t="shared" si="360"/>
        <v/>
      </c>
      <c r="CI222" s="898" t="str">
        <f t="shared" si="361"/>
        <v/>
      </c>
      <c r="CJ222" s="898" t="str">
        <f t="shared" si="362"/>
        <v/>
      </c>
      <c r="CK222" s="898" t="str">
        <f t="shared" si="363"/>
        <v/>
      </c>
      <c r="CL222" s="898" t="str">
        <f t="shared" si="364"/>
        <v/>
      </c>
      <c r="CM222" s="898" t="str">
        <f t="shared" si="365"/>
        <v/>
      </c>
      <c r="CN222" s="898" t="str">
        <f t="shared" si="366"/>
        <v/>
      </c>
      <c r="CO222" s="898" t="str">
        <f t="shared" si="367"/>
        <v/>
      </c>
      <c r="CP222" s="898" t="str">
        <f t="shared" si="368"/>
        <v/>
      </c>
      <c r="CQ222" s="898" t="str">
        <f t="shared" si="369"/>
        <v/>
      </c>
      <c r="CR222" s="898" t="str">
        <f t="shared" si="370"/>
        <v/>
      </c>
      <c r="CS222" s="898" t="str">
        <f t="shared" si="371"/>
        <v/>
      </c>
      <c r="CT222" s="898" t="str">
        <f t="shared" si="372"/>
        <v/>
      </c>
      <c r="CU222" s="898" t="str">
        <f t="shared" si="373"/>
        <v/>
      </c>
      <c r="CV222" s="898" t="str">
        <f t="shared" si="374"/>
        <v/>
      </c>
      <c r="CW222" s="898" t="str">
        <f t="shared" si="375"/>
        <v/>
      </c>
      <c r="CX222" s="898" t="str">
        <f t="shared" si="376"/>
        <v/>
      </c>
      <c r="CY222" s="898" t="str">
        <f t="shared" si="377"/>
        <v/>
      </c>
      <c r="CZ222" s="898" t="str">
        <f t="shared" si="378"/>
        <v/>
      </c>
      <c r="DA222" s="898" t="str">
        <f t="shared" si="379"/>
        <v/>
      </c>
      <c r="DB222" s="898" t="str">
        <f t="shared" si="380"/>
        <v/>
      </c>
      <c r="DC222" s="898" t="str">
        <f t="shared" si="381"/>
        <v/>
      </c>
      <c r="DD222" s="898" t="str">
        <f t="shared" si="382"/>
        <v/>
      </c>
      <c r="DE222" s="898" t="str">
        <f t="shared" si="383"/>
        <v/>
      </c>
      <c r="DF222" s="898" t="str">
        <f t="shared" si="384"/>
        <v/>
      </c>
      <c r="DG222" s="898" t="str">
        <f t="shared" si="385"/>
        <v/>
      </c>
      <c r="DH222" s="898" t="str">
        <f t="shared" si="386"/>
        <v/>
      </c>
      <c r="DI222" s="898" t="str">
        <f t="shared" si="387"/>
        <v/>
      </c>
      <c r="DJ222" s="898" t="str">
        <f t="shared" si="388"/>
        <v/>
      </c>
      <c r="DK222" s="898" t="str">
        <f t="shared" si="389"/>
        <v/>
      </c>
      <c r="DL222" s="898" t="str">
        <f t="shared" si="390"/>
        <v/>
      </c>
      <c r="DM222" s="661">
        <f t="shared" si="299"/>
        <v>333934</v>
      </c>
      <c r="DN222" s="898">
        <f t="shared" si="300"/>
        <v>0</v>
      </c>
      <c r="DO222" s="516">
        <f t="shared" si="301"/>
        <v>0</v>
      </c>
      <c r="DP222" s="898">
        <f t="shared" si="302"/>
        <v>0</v>
      </c>
      <c r="DQ222" s="483" t="s">
        <v>4049</v>
      </c>
      <c r="DR222" s="483" t="s">
        <v>4032</v>
      </c>
      <c r="DS222" s="522" t="s">
        <v>4033</v>
      </c>
      <c r="DT222" s="632"/>
    </row>
    <row r="223" spans="1:124" s="613" customFormat="1" ht="142.5" x14ac:dyDescent="0.2">
      <c r="A223" s="484" t="str">
        <f t="shared" si="296"/>
        <v>Playing pitches provision to support development at Hemel Hempstead Hospital (Hm03) and Market Square (Hm05)</v>
      </c>
      <c r="B223" s="1163">
        <v>220</v>
      </c>
      <c r="C223" s="904" t="s">
        <v>4050</v>
      </c>
      <c r="D223" s="904" t="s">
        <v>3207</v>
      </c>
      <c r="E223" s="481" t="s">
        <v>53</v>
      </c>
      <c r="F223" s="481" t="s">
        <v>329</v>
      </c>
      <c r="G223" s="515" t="s">
        <v>1344</v>
      </c>
      <c r="H223" s="513" t="s">
        <v>4051</v>
      </c>
      <c r="I223" s="515"/>
      <c r="J223" s="513" t="s">
        <v>4052</v>
      </c>
      <c r="K223" s="654" t="s">
        <v>3104</v>
      </c>
      <c r="L223" s="657" t="s">
        <v>1362</v>
      </c>
      <c r="M223" s="654" t="s">
        <v>2996</v>
      </c>
      <c r="N223" s="654" t="s">
        <v>81</v>
      </c>
      <c r="O223" s="515" t="s">
        <v>525</v>
      </c>
      <c r="P223" s="664" t="s">
        <v>53</v>
      </c>
      <c r="Q223" s="654" t="s">
        <v>3209</v>
      </c>
      <c r="R223" s="657"/>
      <c r="S223" s="657"/>
      <c r="T223" s="723">
        <v>751353</v>
      </c>
      <c r="U223" s="723"/>
      <c r="V223" s="657" t="s">
        <v>64</v>
      </c>
      <c r="W223" s="723">
        <f t="shared" si="346"/>
        <v>0</v>
      </c>
      <c r="X223" s="745">
        <f t="shared" si="344"/>
        <v>751353</v>
      </c>
      <c r="Y223" s="723" t="s">
        <v>3106</v>
      </c>
      <c r="Z223" s="723"/>
      <c r="AA223" s="736" t="s">
        <v>82</v>
      </c>
      <c r="AB223" s="893"/>
      <c r="AC223" s="893"/>
      <c r="AD223" s="746" t="s">
        <v>66</v>
      </c>
      <c r="AE223" s="654"/>
      <c r="AF223" s="654"/>
      <c r="AG223" s="654"/>
      <c r="AH223" s="654"/>
      <c r="AI223" s="654"/>
      <c r="AJ223" s="654"/>
      <c r="AK223" s="654"/>
      <c r="AL223" s="654"/>
      <c r="AM223" s="654"/>
      <c r="AN223" s="654"/>
      <c r="AO223" s="654"/>
      <c r="AP223" s="654"/>
      <c r="AQ223" s="654"/>
      <c r="AR223" s="654"/>
      <c r="AS223" s="654"/>
      <c r="AT223" s="654"/>
      <c r="AU223" s="654"/>
      <c r="AV223" s="654"/>
      <c r="AW223" s="654"/>
      <c r="AX223" s="654"/>
      <c r="AY223" s="654"/>
      <c r="AZ223" s="654"/>
      <c r="BA223" s="654"/>
      <c r="BB223" s="654"/>
      <c r="BC223" s="654"/>
      <c r="BD223" s="654"/>
      <c r="BE223" s="654"/>
      <c r="BF223" s="654"/>
      <c r="BG223" s="654"/>
      <c r="BH223" s="654"/>
      <c r="BI223" s="654"/>
      <c r="BJ223" s="654"/>
      <c r="BK223" s="654"/>
      <c r="BL223" s="654"/>
      <c r="BM223" s="654"/>
      <c r="BN223" s="654"/>
      <c r="BO223" s="654"/>
      <c r="BP223" s="654"/>
      <c r="BQ223" s="654"/>
      <c r="BR223" s="654"/>
      <c r="BS223" s="884">
        <f t="shared" si="297"/>
        <v>450</v>
      </c>
      <c r="BT223" s="661">
        <f t="shared" si="323"/>
        <v>1669.6733333333334</v>
      </c>
      <c r="BU223" s="661">
        <f t="shared" si="347"/>
        <v>751353</v>
      </c>
      <c r="BV223" s="898" t="str">
        <f t="shared" si="348"/>
        <v/>
      </c>
      <c r="BW223" s="898" t="str">
        <f t="shared" si="349"/>
        <v/>
      </c>
      <c r="BX223" s="898">
        <f t="shared" si="350"/>
        <v>751353</v>
      </c>
      <c r="BY223" s="898" t="str">
        <f t="shared" si="351"/>
        <v/>
      </c>
      <c r="BZ223" s="898" t="str">
        <f t="shared" si="352"/>
        <v/>
      </c>
      <c r="CA223" s="898" t="str">
        <f t="shared" si="353"/>
        <v/>
      </c>
      <c r="CB223" s="898" t="str">
        <f t="shared" si="354"/>
        <v/>
      </c>
      <c r="CC223" s="898" t="str">
        <f t="shared" si="355"/>
        <v/>
      </c>
      <c r="CD223" s="898" t="str">
        <f t="shared" si="356"/>
        <v/>
      </c>
      <c r="CE223" s="898" t="str">
        <f t="shared" si="357"/>
        <v/>
      </c>
      <c r="CF223" s="898" t="str">
        <f t="shared" si="358"/>
        <v/>
      </c>
      <c r="CG223" s="898" t="str">
        <f t="shared" si="359"/>
        <v/>
      </c>
      <c r="CH223" s="898" t="str">
        <f t="shared" si="360"/>
        <v/>
      </c>
      <c r="CI223" s="898" t="str">
        <f t="shared" si="361"/>
        <v/>
      </c>
      <c r="CJ223" s="898" t="str">
        <f t="shared" si="362"/>
        <v/>
      </c>
      <c r="CK223" s="898" t="str">
        <f t="shared" si="363"/>
        <v/>
      </c>
      <c r="CL223" s="898" t="str">
        <f t="shared" si="364"/>
        <v/>
      </c>
      <c r="CM223" s="898" t="str">
        <f t="shared" si="365"/>
        <v/>
      </c>
      <c r="CN223" s="898" t="str">
        <f t="shared" si="366"/>
        <v/>
      </c>
      <c r="CO223" s="898" t="str">
        <f t="shared" si="367"/>
        <v/>
      </c>
      <c r="CP223" s="898" t="str">
        <f t="shared" si="368"/>
        <v/>
      </c>
      <c r="CQ223" s="898" t="str">
        <f t="shared" si="369"/>
        <v/>
      </c>
      <c r="CR223" s="898" t="str">
        <f t="shared" si="370"/>
        <v/>
      </c>
      <c r="CS223" s="898" t="str">
        <f t="shared" si="371"/>
        <v/>
      </c>
      <c r="CT223" s="898" t="str">
        <f t="shared" si="372"/>
        <v/>
      </c>
      <c r="CU223" s="898" t="str">
        <f t="shared" si="373"/>
        <v/>
      </c>
      <c r="CV223" s="898" t="str">
        <f t="shared" si="374"/>
        <v/>
      </c>
      <c r="CW223" s="898" t="str">
        <f t="shared" si="375"/>
        <v/>
      </c>
      <c r="CX223" s="898" t="str">
        <f t="shared" si="376"/>
        <v/>
      </c>
      <c r="CY223" s="898" t="str">
        <f t="shared" si="377"/>
        <v/>
      </c>
      <c r="CZ223" s="898" t="str">
        <f t="shared" si="378"/>
        <v/>
      </c>
      <c r="DA223" s="898" t="str">
        <f t="shared" si="379"/>
        <v/>
      </c>
      <c r="DB223" s="898" t="str">
        <f t="shared" si="380"/>
        <v/>
      </c>
      <c r="DC223" s="898" t="str">
        <f t="shared" si="381"/>
        <v/>
      </c>
      <c r="DD223" s="898" t="str">
        <f t="shared" si="382"/>
        <v/>
      </c>
      <c r="DE223" s="898" t="str">
        <f t="shared" si="383"/>
        <v/>
      </c>
      <c r="DF223" s="898" t="str">
        <f t="shared" si="384"/>
        <v/>
      </c>
      <c r="DG223" s="898" t="str">
        <f t="shared" si="385"/>
        <v/>
      </c>
      <c r="DH223" s="898" t="str">
        <f t="shared" si="386"/>
        <v/>
      </c>
      <c r="DI223" s="898" t="str">
        <f t="shared" si="387"/>
        <v/>
      </c>
      <c r="DJ223" s="898" t="str">
        <f t="shared" si="388"/>
        <v/>
      </c>
      <c r="DK223" s="898" t="str">
        <f t="shared" si="389"/>
        <v/>
      </c>
      <c r="DL223" s="898" t="str">
        <f t="shared" si="390"/>
        <v/>
      </c>
      <c r="DM223" s="661">
        <f t="shared" si="299"/>
        <v>751353</v>
      </c>
      <c r="DN223" s="898">
        <f t="shared" si="300"/>
        <v>0</v>
      </c>
      <c r="DO223" s="516">
        <f t="shared" si="301"/>
        <v>0</v>
      </c>
      <c r="DP223" s="898">
        <f t="shared" si="302"/>
        <v>0</v>
      </c>
      <c r="DQ223" s="610" t="s">
        <v>4053</v>
      </c>
      <c r="DR223" s="483" t="s">
        <v>4032</v>
      </c>
      <c r="DS223" s="522" t="s">
        <v>4033</v>
      </c>
      <c r="DT223" s="632"/>
    </row>
    <row r="224" spans="1:124" s="613" customFormat="1" ht="142.5" x14ac:dyDescent="0.2">
      <c r="A224" s="484" t="str">
        <f t="shared" si="296"/>
        <v>Playing pitches provision to support development at Paradise (Hm04)</v>
      </c>
      <c r="B224" s="1163">
        <v>221</v>
      </c>
      <c r="C224" s="904" t="s">
        <v>4054</v>
      </c>
      <c r="D224" s="904" t="s">
        <v>3207</v>
      </c>
      <c r="E224" s="481" t="s">
        <v>53</v>
      </c>
      <c r="F224" s="481" t="s">
        <v>329</v>
      </c>
      <c r="G224" s="515" t="s">
        <v>1344</v>
      </c>
      <c r="H224" s="513" t="s">
        <v>4055</v>
      </c>
      <c r="I224" s="515"/>
      <c r="J224" s="513" t="s">
        <v>4056</v>
      </c>
      <c r="K224" s="654" t="s">
        <v>3104</v>
      </c>
      <c r="L224" s="657" t="s">
        <v>1363</v>
      </c>
      <c r="M224" s="657" t="s">
        <v>2996</v>
      </c>
      <c r="N224" s="654" t="s">
        <v>81</v>
      </c>
      <c r="O224" s="515" t="s">
        <v>525</v>
      </c>
      <c r="P224" s="664" t="s">
        <v>53</v>
      </c>
      <c r="Q224" s="654" t="s">
        <v>3209</v>
      </c>
      <c r="R224" s="657"/>
      <c r="S224" s="657"/>
      <c r="T224" s="723">
        <v>584385</v>
      </c>
      <c r="U224" s="723"/>
      <c r="V224" s="657" t="s">
        <v>64</v>
      </c>
      <c r="W224" s="723">
        <f t="shared" si="346"/>
        <v>0</v>
      </c>
      <c r="X224" s="745">
        <f t="shared" si="344"/>
        <v>584385</v>
      </c>
      <c r="Y224" s="723" t="s">
        <v>3106</v>
      </c>
      <c r="Z224" s="723"/>
      <c r="AA224" s="736" t="s">
        <v>82</v>
      </c>
      <c r="AB224" s="654"/>
      <c r="AC224" s="654"/>
      <c r="AD224" s="654"/>
      <c r="AE224" s="892" t="s">
        <v>66</v>
      </c>
      <c r="AF224" s="654"/>
      <c r="AG224" s="654"/>
      <c r="AH224" s="654"/>
      <c r="AI224" s="654"/>
      <c r="AJ224" s="654"/>
      <c r="AK224" s="654"/>
      <c r="AL224" s="654"/>
      <c r="AM224" s="654"/>
      <c r="AN224" s="654"/>
      <c r="AO224" s="654"/>
      <c r="AP224" s="654"/>
      <c r="AQ224" s="654"/>
      <c r="AR224" s="654"/>
      <c r="AS224" s="654"/>
      <c r="AT224" s="654"/>
      <c r="AU224" s="654"/>
      <c r="AV224" s="654"/>
      <c r="AW224" s="654"/>
      <c r="AX224" s="654"/>
      <c r="AY224" s="654"/>
      <c r="AZ224" s="654"/>
      <c r="BA224" s="654"/>
      <c r="BB224" s="654"/>
      <c r="BC224" s="654"/>
      <c r="BD224" s="654"/>
      <c r="BE224" s="654"/>
      <c r="BF224" s="654"/>
      <c r="BG224" s="654"/>
      <c r="BH224" s="654"/>
      <c r="BI224" s="654"/>
      <c r="BJ224" s="654"/>
      <c r="BK224" s="654"/>
      <c r="BL224" s="654"/>
      <c r="BM224" s="654"/>
      <c r="BN224" s="654"/>
      <c r="BO224" s="654"/>
      <c r="BP224" s="654"/>
      <c r="BQ224" s="654"/>
      <c r="BR224" s="654"/>
      <c r="BS224" s="884">
        <f t="shared" si="297"/>
        <v>350</v>
      </c>
      <c r="BT224" s="661">
        <f t="shared" si="323"/>
        <v>1669.6714285714286</v>
      </c>
      <c r="BU224" s="661">
        <f t="shared" si="347"/>
        <v>584385</v>
      </c>
      <c r="BV224" s="898" t="str">
        <f t="shared" si="348"/>
        <v/>
      </c>
      <c r="BW224" s="898" t="str">
        <f t="shared" si="349"/>
        <v/>
      </c>
      <c r="BX224" s="898" t="str">
        <f t="shared" si="350"/>
        <v/>
      </c>
      <c r="BY224" s="898">
        <f t="shared" si="351"/>
        <v>584385</v>
      </c>
      <c r="BZ224" s="898" t="str">
        <f t="shared" si="352"/>
        <v/>
      </c>
      <c r="CA224" s="898" t="str">
        <f t="shared" si="353"/>
        <v/>
      </c>
      <c r="CB224" s="898" t="str">
        <f t="shared" si="354"/>
        <v/>
      </c>
      <c r="CC224" s="898" t="str">
        <f t="shared" si="355"/>
        <v/>
      </c>
      <c r="CD224" s="898" t="str">
        <f t="shared" si="356"/>
        <v/>
      </c>
      <c r="CE224" s="898" t="str">
        <f t="shared" si="357"/>
        <v/>
      </c>
      <c r="CF224" s="898" t="str">
        <f t="shared" si="358"/>
        <v/>
      </c>
      <c r="CG224" s="898" t="str">
        <f t="shared" si="359"/>
        <v/>
      </c>
      <c r="CH224" s="898" t="str">
        <f t="shared" si="360"/>
        <v/>
      </c>
      <c r="CI224" s="898" t="str">
        <f t="shared" si="361"/>
        <v/>
      </c>
      <c r="CJ224" s="898" t="str">
        <f t="shared" si="362"/>
        <v/>
      </c>
      <c r="CK224" s="898" t="str">
        <f t="shared" si="363"/>
        <v/>
      </c>
      <c r="CL224" s="898" t="str">
        <f t="shared" si="364"/>
        <v/>
      </c>
      <c r="CM224" s="898" t="str">
        <f t="shared" si="365"/>
        <v/>
      </c>
      <c r="CN224" s="898" t="str">
        <f t="shared" si="366"/>
        <v/>
      </c>
      <c r="CO224" s="898" t="str">
        <f t="shared" si="367"/>
        <v/>
      </c>
      <c r="CP224" s="898" t="str">
        <f t="shared" si="368"/>
        <v/>
      </c>
      <c r="CQ224" s="898" t="str">
        <f t="shared" si="369"/>
        <v/>
      </c>
      <c r="CR224" s="898" t="str">
        <f t="shared" si="370"/>
        <v/>
      </c>
      <c r="CS224" s="898" t="str">
        <f t="shared" si="371"/>
        <v/>
      </c>
      <c r="CT224" s="898" t="str">
        <f t="shared" si="372"/>
        <v/>
      </c>
      <c r="CU224" s="898" t="str">
        <f t="shared" si="373"/>
        <v/>
      </c>
      <c r="CV224" s="898" t="str">
        <f t="shared" si="374"/>
        <v/>
      </c>
      <c r="CW224" s="898" t="str">
        <f t="shared" si="375"/>
        <v/>
      </c>
      <c r="CX224" s="898" t="str">
        <f t="shared" si="376"/>
        <v/>
      </c>
      <c r="CY224" s="898" t="str">
        <f t="shared" si="377"/>
        <v/>
      </c>
      <c r="CZ224" s="898" t="str">
        <f t="shared" si="378"/>
        <v/>
      </c>
      <c r="DA224" s="898" t="str">
        <f t="shared" si="379"/>
        <v/>
      </c>
      <c r="DB224" s="898" t="str">
        <f t="shared" si="380"/>
        <v/>
      </c>
      <c r="DC224" s="898" t="str">
        <f t="shared" si="381"/>
        <v/>
      </c>
      <c r="DD224" s="898" t="str">
        <f t="shared" si="382"/>
        <v/>
      </c>
      <c r="DE224" s="898" t="str">
        <f t="shared" si="383"/>
        <v/>
      </c>
      <c r="DF224" s="898" t="str">
        <f t="shared" si="384"/>
        <v/>
      </c>
      <c r="DG224" s="898" t="str">
        <f t="shared" si="385"/>
        <v/>
      </c>
      <c r="DH224" s="898" t="str">
        <f t="shared" si="386"/>
        <v/>
      </c>
      <c r="DI224" s="898" t="str">
        <f t="shared" si="387"/>
        <v/>
      </c>
      <c r="DJ224" s="898" t="str">
        <f t="shared" si="388"/>
        <v/>
      </c>
      <c r="DK224" s="898" t="str">
        <f t="shared" si="389"/>
        <v/>
      </c>
      <c r="DL224" s="898" t="str">
        <f t="shared" si="390"/>
        <v/>
      </c>
      <c r="DM224" s="661">
        <f t="shared" si="299"/>
        <v>584385</v>
      </c>
      <c r="DN224" s="898">
        <f t="shared" si="300"/>
        <v>0</v>
      </c>
      <c r="DO224" s="516">
        <f t="shared" si="301"/>
        <v>0</v>
      </c>
      <c r="DP224" s="898">
        <f t="shared" si="302"/>
        <v>0</v>
      </c>
      <c r="DQ224" s="610" t="s">
        <v>4057</v>
      </c>
      <c r="DR224" s="483" t="s">
        <v>4032</v>
      </c>
      <c r="DS224" s="522" t="s">
        <v>4033</v>
      </c>
      <c r="DT224" s="632"/>
    </row>
    <row r="225" spans="1:124" s="613" customFormat="1" ht="142.5" x14ac:dyDescent="0.2">
      <c r="A225" s="484" t="str">
        <f t="shared" si="296"/>
        <v>Playing pitches provision to support development at Riverside (Hm06)</v>
      </c>
      <c r="B225" s="1163">
        <v>222</v>
      </c>
      <c r="C225" s="904" t="s">
        <v>4058</v>
      </c>
      <c r="D225" s="904" t="s">
        <v>3207</v>
      </c>
      <c r="E225" s="481" t="s">
        <v>53</v>
      </c>
      <c r="F225" s="481" t="s">
        <v>329</v>
      </c>
      <c r="G225" s="515" t="s">
        <v>1344</v>
      </c>
      <c r="H225" s="513" t="s">
        <v>4059</v>
      </c>
      <c r="I225" s="515"/>
      <c r="J225" s="513" t="s">
        <v>4060</v>
      </c>
      <c r="K225" s="654" t="s">
        <v>3104</v>
      </c>
      <c r="L225" s="657" t="s">
        <v>1364</v>
      </c>
      <c r="M225" s="657" t="s">
        <v>2996</v>
      </c>
      <c r="N225" s="654" t="s">
        <v>81</v>
      </c>
      <c r="O225" s="515" t="s">
        <v>525</v>
      </c>
      <c r="P225" s="664" t="s">
        <v>53</v>
      </c>
      <c r="Q225" s="654" t="s">
        <v>3209</v>
      </c>
      <c r="R225" s="657"/>
      <c r="S225" s="657"/>
      <c r="T225" s="745">
        <v>834836</v>
      </c>
      <c r="U225" s="745"/>
      <c r="V225" s="657" t="s">
        <v>64</v>
      </c>
      <c r="W225" s="723">
        <f t="shared" si="346"/>
        <v>0</v>
      </c>
      <c r="X225" s="745">
        <f t="shared" si="344"/>
        <v>834836</v>
      </c>
      <c r="Y225" s="723" t="s">
        <v>3106</v>
      </c>
      <c r="Z225" s="723"/>
      <c r="AA225" s="736" t="s">
        <v>82</v>
      </c>
      <c r="AB225" s="657"/>
      <c r="AC225" s="657"/>
      <c r="AD225" s="657"/>
      <c r="AE225" s="657"/>
      <c r="AF225" s="657" t="s">
        <v>66</v>
      </c>
      <c r="AG225" s="657"/>
      <c r="AH225" s="657"/>
      <c r="AI225" s="657"/>
      <c r="AJ225" s="657"/>
      <c r="AK225" s="657"/>
      <c r="AL225" s="657"/>
      <c r="AM225" s="657"/>
      <c r="AN225" s="657"/>
      <c r="AO225" s="657"/>
      <c r="AP225" s="657"/>
      <c r="AQ225" s="657"/>
      <c r="AR225" s="657"/>
      <c r="AS225" s="657"/>
      <c r="AT225" s="657"/>
      <c r="AU225" s="657"/>
      <c r="AV225" s="657"/>
      <c r="AW225" s="657"/>
      <c r="AX225" s="657"/>
      <c r="AY225" s="657"/>
      <c r="AZ225" s="657"/>
      <c r="BA225" s="657"/>
      <c r="BB225" s="657"/>
      <c r="BC225" s="657"/>
      <c r="BD225" s="657"/>
      <c r="BE225" s="657"/>
      <c r="BF225" s="657"/>
      <c r="BG225" s="657"/>
      <c r="BH225" s="657"/>
      <c r="BI225" s="657"/>
      <c r="BJ225" s="657"/>
      <c r="BK225" s="657"/>
      <c r="BL225" s="657"/>
      <c r="BM225" s="657"/>
      <c r="BN225" s="657"/>
      <c r="BO225" s="657"/>
      <c r="BP225" s="657"/>
      <c r="BQ225" s="657"/>
      <c r="BR225" s="657"/>
      <c r="BS225" s="884">
        <f t="shared" si="297"/>
        <v>500</v>
      </c>
      <c r="BT225" s="661">
        <f t="shared" si="323"/>
        <v>1669.672</v>
      </c>
      <c r="BU225" s="661">
        <f t="shared" si="347"/>
        <v>834836</v>
      </c>
      <c r="BV225" s="898" t="str">
        <f t="shared" si="348"/>
        <v/>
      </c>
      <c r="BW225" s="898" t="str">
        <f t="shared" si="349"/>
        <v/>
      </c>
      <c r="BX225" s="898" t="str">
        <f t="shared" si="350"/>
        <v/>
      </c>
      <c r="BY225" s="898" t="str">
        <f t="shared" si="351"/>
        <v/>
      </c>
      <c r="BZ225" s="898">
        <f t="shared" si="352"/>
        <v>834836</v>
      </c>
      <c r="CA225" s="898" t="str">
        <f t="shared" si="353"/>
        <v/>
      </c>
      <c r="CB225" s="898" t="str">
        <f t="shared" si="354"/>
        <v/>
      </c>
      <c r="CC225" s="898" t="str">
        <f t="shared" si="355"/>
        <v/>
      </c>
      <c r="CD225" s="898" t="str">
        <f t="shared" si="356"/>
        <v/>
      </c>
      <c r="CE225" s="898" t="str">
        <f t="shared" si="357"/>
        <v/>
      </c>
      <c r="CF225" s="898" t="str">
        <f t="shared" si="358"/>
        <v/>
      </c>
      <c r="CG225" s="898" t="str">
        <f t="shared" si="359"/>
        <v/>
      </c>
      <c r="CH225" s="898" t="str">
        <f t="shared" si="360"/>
        <v/>
      </c>
      <c r="CI225" s="898" t="str">
        <f t="shared" si="361"/>
        <v/>
      </c>
      <c r="CJ225" s="898" t="str">
        <f t="shared" si="362"/>
        <v/>
      </c>
      <c r="CK225" s="898" t="str">
        <f t="shared" si="363"/>
        <v/>
      </c>
      <c r="CL225" s="898" t="str">
        <f t="shared" si="364"/>
        <v/>
      </c>
      <c r="CM225" s="898" t="str">
        <f t="shared" si="365"/>
        <v/>
      </c>
      <c r="CN225" s="898" t="str">
        <f t="shared" si="366"/>
        <v/>
      </c>
      <c r="CO225" s="898" t="str">
        <f t="shared" si="367"/>
        <v/>
      </c>
      <c r="CP225" s="898" t="str">
        <f t="shared" si="368"/>
        <v/>
      </c>
      <c r="CQ225" s="898" t="str">
        <f t="shared" si="369"/>
        <v/>
      </c>
      <c r="CR225" s="898" t="str">
        <f t="shared" si="370"/>
        <v/>
      </c>
      <c r="CS225" s="898" t="str">
        <f t="shared" si="371"/>
        <v/>
      </c>
      <c r="CT225" s="898" t="str">
        <f t="shared" si="372"/>
        <v/>
      </c>
      <c r="CU225" s="898" t="str">
        <f t="shared" si="373"/>
        <v/>
      </c>
      <c r="CV225" s="898" t="str">
        <f t="shared" si="374"/>
        <v/>
      </c>
      <c r="CW225" s="898" t="str">
        <f t="shared" si="375"/>
        <v/>
      </c>
      <c r="CX225" s="898" t="str">
        <f t="shared" si="376"/>
        <v/>
      </c>
      <c r="CY225" s="898" t="str">
        <f t="shared" si="377"/>
        <v/>
      </c>
      <c r="CZ225" s="898" t="str">
        <f t="shared" si="378"/>
        <v/>
      </c>
      <c r="DA225" s="898" t="str">
        <f t="shared" si="379"/>
        <v/>
      </c>
      <c r="DB225" s="898" t="str">
        <f t="shared" si="380"/>
        <v/>
      </c>
      <c r="DC225" s="898" t="str">
        <f t="shared" si="381"/>
        <v/>
      </c>
      <c r="DD225" s="898" t="str">
        <f t="shared" si="382"/>
        <v/>
      </c>
      <c r="DE225" s="898" t="str">
        <f t="shared" si="383"/>
        <v/>
      </c>
      <c r="DF225" s="898" t="str">
        <f t="shared" si="384"/>
        <v/>
      </c>
      <c r="DG225" s="898" t="str">
        <f t="shared" si="385"/>
        <v/>
      </c>
      <c r="DH225" s="898" t="str">
        <f t="shared" si="386"/>
        <v/>
      </c>
      <c r="DI225" s="898" t="str">
        <f t="shared" si="387"/>
        <v/>
      </c>
      <c r="DJ225" s="898" t="str">
        <f t="shared" si="388"/>
        <v/>
      </c>
      <c r="DK225" s="898" t="str">
        <f t="shared" si="389"/>
        <v/>
      </c>
      <c r="DL225" s="898" t="str">
        <f t="shared" si="390"/>
        <v/>
      </c>
      <c r="DM225" s="661">
        <f t="shared" si="299"/>
        <v>834836</v>
      </c>
      <c r="DN225" s="898">
        <f t="shared" si="300"/>
        <v>0</v>
      </c>
      <c r="DO225" s="516">
        <f t="shared" si="301"/>
        <v>0</v>
      </c>
      <c r="DP225" s="898">
        <f t="shared" si="302"/>
        <v>0</v>
      </c>
      <c r="DQ225" s="522" t="s">
        <v>4061</v>
      </c>
      <c r="DR225" s="483" t="s">
        <v>4032</v>
      </c>
      <c r="DS225" s="522" t="s">
        <v>4033</v>
      </c>
      <c r="DT225" s="632"/>
    </row>
    <row r="226" spans="1:124" s="613" customFormat="1" ht="142.5" x14ac:dyDescent="0.2">
      <c r="A226" s="484" t="str">
        <f t="shared" si="296"/>
        <v>Playing pitches provision to support development at Symbio Site, Whiteleaf Road (Hm07)</v>
      </c>
      <c r="B226" s="1163">
        <v>223</v>
      </c>
      <c r="C226" s="904" t="s">
        <v>4062</v>
      </c>
      <c r="D226" s="904" t="s">
        <v>3207</v>
      </c>
      <c r="E226" s="481" t="s">
        <v>53</v>
      </c>
      <c r="F226" s="481" t="s">
        <v>329</v>
      </c>
      <c r="G226" s="515" t="s">
        <v>1344</v>
      </c>
      <c r="H226" s="513" t="s">
        <v>4063</v>
      </c>
      <c r="I226" s="515"/>
      <c r="J226" s="513" t="s">
        <v>4064</v>
      </c>
      <c r="K226" s="654" t="s">
        <v>3104</v>
      </c>
      <c r="L226" s="657" t="s">
        <v>1366</v>
      </c>
      <c r="M226" s="657" t="s">
        <v>2996</v>
      </c>
      <c r="N226" s="654" t="s">
        <v>81</v>
      </c>
      <c r="O226" s="515" t="s">
        <v>525</v>
      </c>
      <c r="P226" s="664" t="s">
        <v>53</v>
      </c>
      <c r="Q226" s="654" t="s">
        <v>3209</v>
      </c>
      <c r="R226" s="657"/>
      <c r="S226" s="657"/>
      <c r="T226" s="745">
        <v>166967</v>
      </c>
      <c r="U226" s="723"/>
      <c r="V226" s="657" t="s">
        <v>64</v>
      </c>
      <c r="W226" s="723">
        <f t="shared" si="346"/>
        <v>0</v>
      </c>
      <c r="X226" s="745">
        <f t="shared" si="344"/>
        <v>166967</v>
      </c>
      <c r="Y226" s="723" t="s">
        <v>3106</v>
      </c>
      <c r="Z226" s="723"/>
      <c r="AA226" s="736" t="s">
        <v>82</v>
      </c>
      <c r="AB226" s="654"/>
      <c r="AC226" s="654"/>
      <c r="AD226" s="654"/>
      <c r="AE226" s="654"/>
      <c r="AF226" s="654"/>
      <c r="AG226" s="654"/>
      <c r="AH226" s="892" t="s">
        <v>66</v>
      </c>
      <c r="AI226" s="654"/>
      <c r="AJ226" s="654"/>
      <c r="AK226" s="654"/>
      <c r="AL226" s="654"/>
      <c r="AM226" s="654"/>
      <c r="AN226" s="654"/>
      <c r="AO226" s="654"/>
      <c r="AP226" s="654"/>
      <c r="AQ226" s="654"/>
      <c r="AR226" s="654"/>
      <c r="AS226" s="654"/>
      <c r="AT226" s="654"/>
      <c r="AU226" s="654"/>
      <c r="AV226" s="654"/>
      <c r="AW226" s="654"/>
      <c r="AX226" s="654"/>
      <c r="AY226" s="654"/>
      <c r="AZ226" s="654"/>
      <c r="BA226" s="654"/>
      <c r="BB226" s="654"/>
      <c r="BC226" s="654"/>
      <c r="BD226" s="654"/>
      <c r="BE226" s="654"/>
      <c r="BF226" s="654"/>
      <c r="BG226" s="654"/>
      <c r="BH226" s="654"/>
      <c r="BI226" s="654"/>
      <c r="BJ226" s="654"/>
      <c r="BK226" s="654"/>
      <c r="BL226" s="654"/>
      <c r="BM226" s="654"/>
      <c r="BN226" s="654"/>
      <c r="BO226" s="654"/>
      <c r="BP226" s="654"/>
      <c r="BQ226" s="654"/>
      <c r="BR226" s="654"/>
      <c r="BS226" s="884">
        <f t="shared" si="297"/>
        <v>100</v>
      </c>
      <c r="BT226" s="661">
        <f t="shared" si="323"/>
        <v>1669.67</v>
      </c>
      <c r="BU226" s="661">
        <f t="shared" si="347"/>
        <v>166967</v>
      </c>
      <c r="BV226" s="898" t="str">
        <f t="shared" si="348"/>
        <v/>
      </c>
      <c r="BW226" s="898" t="str">
        <f t="shared" si="349"/>
        <v/>
      </c>
      <c r="BX226" s="898" t="str">
        <f t="shared" si="350"/>
        <v/>
      </c>
      <c r="BY226" s="898" t="str">
        <f t="shared" si="351"/>
        <v/>
      </c>
      <c r="BZ226" s="898" t="str">
        <f t="shared" si="352"/>
        <v/>
      </c>
      <c r="CA226" s="898" t="str">
        <f t="shared" si="353"/>
        <v/>
      </c>
      <c r="CB226" s="898">
        <f t="shared" si="354"/>
        <v>166967</v>
      </c>
      <c r="CC226" s="898" t="str">
        <f t="shared" si="355"/>
        <v/>
      </c>
      <c r="CD226" s="898" t="str">
        <f t="shared" si="356"/>
        <v/>
      </c>
      <c r="CE226" s="898" t="str">
        <f t="shared" si="357"/>
        <v/>
      </c>
      <c r="CF226" s="898" t="str">
        <f t="shared" si="358"/>
        <v/>
      </c>
      <c r="CG226" s="898" t="str">
        <f t="shared" si="359"/>
        <v/>
      </c>
      <c r="CH226" s="898" t="str">
        <f t="shared" si="360"/>
        <v/>
      </c>
      <c r="CI226" s="898" t="str">
        <f t="shared" si="361"/>
        <v/>
      </c>
      <c r="CJ226" s="898" t="str">
        <f t="shared" si="362"/>
        <v/>
      </c>
      <c r="CK226" s="898" t="str">
        <f t="shared" si="363"/>
        <v/>
      </c>
      <c r="CL226" s="898" t="str">
        <f t="shared" si="364"/>
        <v/>
      </c>
      <c r="CM226" s="898" t="str">
        <f t="shared" si="365"/>
        <v/>
      </c>
      <c r="CN226" s="898" t="str">
        <f t="shared" si="366"/>
        <v/>
      </c>
      <c r="CO226" s="898" t="str">
        <f t="shared" si="367"/>
        <v/>
      </c>
      <c r="CP226" s="898" t="str">
        <f t="shared" si="368"/>
        <v/>
      </c>
      <c r="CQ226" s="898" t="str">
        <f t="shared" si="369"/>
        <v/>
      </c>
      <c r="CR226" s="898" t="str">
        <f t="shared" si="370"/>
        <v/>
      </c>
      <c r="CS226" s="898" t="str">
        <f t="shared" si="371"/>
        <v/>
      </c>
      <c r="CT226" s="898" t="str">
        <f t="shared" si="372"/>
        <v/>
      </c>
      <c r="CU226" s="898" t="str">
        <f t="shared" si="373"/>
        <v/>
      </c>
      <c r="CV226" s="898" t="str">
        <f t="shared" si="374"/>
        <v/>
      </c>
      <c r="CW226" s="898" t="str">
        <f t="shared" si="375"/>
        <v/>
      </c>
      <c r="CX226" s="898" t="str">
        <f t="shared" si="376"/>
        <v/>
      </c>
      <c r="CY226" s="898" t="str">
        <f t="shared" si="377"/>
        <v/>
      </c>
      <c r="CZ226" s="898" t="str">
        <f t="shared" si="378"/>
        <v/>
      </c>
      <c r="DA226" s="898" t="str">
        <f t="shared" si="379"/>
        <v/>
      </c>
      <c r="DB226" s="898" t="str">
        <f t="shared" si="380"/>
        <v/>
      </c>
      <c r="DC226" s="898" t="str">
        <f t="shared" si="381"/>
        <v/>
      </c>
      <c r="DD226" s="898" t="str">
        <f t="shared" si="382"/>
        <v/>
      </c>
      <c r="DE226" s="898" t="str">
        <f t="shared" si="383"/>
        <v/>
      </c>
      <c r="DF226" s="898" t="str">
        <f t="shared" si="384"/>
        <v/>
      </c>
      <c r="DG226" s="898" t="str">
        <f t="shared" si="385"/>
        <v/>
      </c>
      <c r="DH226" s="898" t="str">
        <f t="shared" si="386"/>
        <v/>
      </c>
      <c r="DI226" s="898" t="str">
        <f t="shared" si="387"/>
        <v/>
      </c>
      <c r="DJ226" s="898" t="str">
        <f t="shared" si="388"/>
        <v/>
      </c>
      <c r="DK226" s="898" t="str">
        <f t="shared" si="389"/>
        <v/>
      </c>
      <c r="DL226" s="898" t="str">
        <f t="shared" si="390"/>
        <v/>
      </c>
      <c r="DM226" s="661">
        <f t="shared" si="299"/>
        <v>166967</v>
      </c>
      <c r="DN226" s="898">
        <f t="shared" si="300"/>
        <v>0</v>
      </c>
      <c r="DO226" s="516">
        <f t="shared" si="301"/>
        <v>0</v>
      </c>
      <c r="DP226" s="898">
        <f t="shared" si="302"/>
        <v>0</v>
      </c>
      <c r="DQ226" s="610" t="s">
        <v>4065</v>
      </c>
      <c r="DR226" s="483" t="s">
        <v>4032</v>
      </c>
      <c r="DS226" s="522" t="s">
        <v>4033</v>
      </c>
      <c r="DT226" s="632"/>
    </row>
    <row r="227" spans="1:124" s="613" customFormat="1" ht="142.5" x14ac:dyDescent="0.2">
      <c r="A227" s="484" t="str">
        <f t="shared" si="296"/>
        <v>Playing pitches provision to support development at Hemel Hempstead Station Gateway (Hm08)</v>
      </c>
      <c r="B227" s="1163">
        <v>224</v>
      </c>
      <c r="C227" s="904" t="s">
        <v>4066</v>
      </c>
      <c r="D227" s="904" t="s">
        <v>3207</v>
      </c>
      <c r="E227" s="481" t="s">
        <v>53</v>
      </c>
      <c r="F227" s="481" t="s">
        <v>329</v>
      </c>
      <c r="G227" s="515" t="s">
        <v>1344</v>
      </c>
      <c r="H227" s="513" t="s">
        <v>4067</v>
      </c>
      <c r="I227" s="515"/>
      <c r="J227" s="513" t="s">
        <v>4068</v>
      </c>
      <c r="K227" s="654" t="s">
        <v>3104</v>
      </c>
      <c r="L227" s="657" t="s">
        <v>1367</v>
      </c>
      <c r="M227" s="654" t="s">
        <v>2996</v>
      </c>
      <c r="N227" s="654" t="s">
        <v>81</v>
      </c>
      <c r="O227" s="515" t="s">
        <v>525</v>
      </c>
      <c r="P227" s="664" t="s">
        <v>53</v>
      </c>
      <c r="Q227" s="654" t="s">
        <v>3209</v>
      </c>
      <c r="R227" s="657"/>
      <c r="S227" s="657"/>
      <c r="T227" s="723">
        <v>651172</v>
      </c>
      <c r="U227" s="723"/>
      <c r="V227" s="657" t="s">
        <v>64</v>
      </c>
      <c r="W227" s="723">
        <f t="shared" si="346"/>
        <v>0</v>
      </c>
      <c r="X227" s="745">
        <f t="shared" si="344"/>
        <v>651172</v>
      </c>
      <c r="Y227" s="723" t="s">
        <v>3106</v>
      </c>
      <c r="Z227" s="723"/>
      <c r="AA227" s="736" t="s">
        <v>82</v>
      </c>
      <c r="AB227" s="654"/>
      <c r="AC227" s="654"/>
      <c r="AD227" s="654"/>
      <c r="AE227" s="654"/>
      <c r="AF227" s="654"/>
      <c r="AG227" s="654"/>
      <c r="AH227" s="654"/>
      <c r="AI227" s="746" t="s">
        <v>66</v>
      </c>
      <c r="AJ227" s="654"/>
      <c r="AK227" s="654"/>
      <c r="AL227" s="654"/>
      <c r="AM227" s="654"/>
      <c r="AN227" s="654"/>
      <c r="AO227" s="654"/>
      <c r="AP227" s="654"/>
      <c r="AQ227" s="654"/>
      <c r="AR227" s="654"/>
      <c r="AS227" s="654"/>
      <c r="AT227" s="654"/>
      <c r="AU227" s="654"/>
      <c r="AV227" s="654"/>
      <c r="AW227" s="654"/>
      <c r="AX227" s="654"/>
      <c r="AY227" s="654"/>
      <c r="AZ227" s="654"/>
      <c r="BA227" s="654"/>
      <c r="BB227" s="654"/>
      <c r="BC227" s="654"/>
      <c r="BD227" s="654"/>
      <c r="BE227" s="654"/>
      <c r="BF227" s="654"/>
      <c r="BG227" s="654"/>
      <c r="BH227" s="654"/>
      <c r="BI227" s="654"/>
      <c r="BJ227" s="654"/>
      <c r="BK227" s="654"/>
      <c r="BL227" s="654"/>
      <c r="BM227" s="654"/>
      <c r="BN227" s="654"/>
      <c r="BO227" s="654"/>
      <c r="BP227" s="654"/>
      <c r="BQ227" s="654"/>
      <c r="BR227" s="654"/>
      <c r="BS227" s="884">
        <f t="shared" si="297"/>
        <v>390</v>
      </c>
      <c r="BT227" s="661">
        <f t="shared" si="323"/>
        <v>1669.6717948717949</v>
      </c>
      <c r="BU227" s="661">
        <f t="shared" si="347"/>
        <v>651172</v>
      </c>
      <c r="BV227" s="898" t="str">
        <f t="shared" si="348"/>
        <v/>
      </c>
      <c r="BW227" s="898" t="str">
        <f t="shared" si="349"/>
        <v/>
      </c>
      <c r="BX227" s="898" t="str">
        <f t="shared" si="350"/>
        <v/>
      </c>
      <c r="BY227" s="898" t="str">
        <f t="shared" si="351"/>
        <v/>
      </c>
      <c r="BZ227" s="898" t="str">
        <f t="shared" si="352"/>
        <v/>
      </c>
      <c r="CA227" s="898" t="str">
        <f t="shared" si="353"/>
        <v/>
      </c>
      <c r="CB227" s="898" t="str">
        <f t="shared" si="354"/>
        <v/>
      </c>
      <c r="CC227" s="898">
        <f t="shared" si="355"/>
        <v>651172</v>
      </c>
      <c r="CD227" s="898" t="str">
        <f t="shared" si="356"/>
        <v/>
      </c>
      <c r="CE227" s="898" t="str">
        <f t="shared" si="357"/>
        <v/>
      </c>
      <c r="CF227" s="898" t="str">
        <f t="shared" si="358"/>
        <v/>
      </c>
      <c r="CG227" s="898" t="str">
        <f t="shared" si="359"/>
        <v/>
      </c>
      <c r="CH227" s="898" t="str">
        <f t="shared" si="360"/>
        <v/>
      </c>
      <c r="CI227" s="898" t="str">
        <f t="shared" si="361"/>
        <v/>
      </c>
      <c r="CJ227" s="898" t="str">
        <f t="shared" si="362"/>
        <v/>
      </c>
      <c r="CK227" s="898" t="str">
        <f t="shared" si="363"/>
        <v/>
      </c>
      <c r="CL227" s="898" t="str">
        <f t="shared" si="364"/>
        <v/>
      </c>
      <c r="CM227" s="898" t="str">
        <f t="shared" si="365"/>
        <v/>
      </c>
      <c r="CN227" s="898" t="str">
        <f t="shared" si="366"/>
        <v/>
      </c>
      <c r="CO227" s="898" t="str">
        <f t="shared" si="367"/>
        <v/>
      </c>
      <c r="CP227" s="898" t="str">
        <f t="shared" si="368"/>
        <v/>
      </c>
      <c r="CQ227" s="898" t="str">
        <f t="shared" si="369"/>
        <v/>
      </c>
      <c r="CR227" s="898" t="str">
        <f t="shared" si="370"/>
        <v/>
      </c>
      <c r="CS227" s="898" t="str">
        <f t="shared" si="371"/>
        <v/>
      </c>
      <c r="CT227" s="898" t="str">
        <f t="shared" si="372"/>
        <v/>
      </c>
      <c r="CU227" s="898" t="str">
        <f t="shared" si="373"/>
        <v/>
      </c>
      <c r="CV227" s="898" t="str">
        <f t="shared" si="374"/>
        <v/>
      </c>
      <c r="CW227" s="898" t="str">
        <f t="shared" si="375"/>
        <v/>
      </c>
      <c r="CX227" s="898" t="str">
        <f t="shared" si="376"/>
        <v/>
      </c>
      <c r="CY227" s="898" t="str">
        <f t="shared" si="377"/>
        <v/>
      </c>
      <c r="CZ227" s="898" t="str">
        <f t="shared" si="378"/>
        <v/>
      </c>
      <c r="DA227" s="898" t="str">
        <f t="shared" si="379"/>
        <v/>
      </c>
      <c r="DB227" s="898" t="str">
        <f t="shared" si="380"/>
        <v/>
      </c>
      <c r="DC227" s="898" t="str">
        <f t="shared" si="381"/>
        <v/>
      </c>
      <c r="DD227" s="898" t="str">
        <f t="shared" si="382"/>
        <v/>
      </c>
      <c r="DE227" s="898" t="str">
        <f t="shared" si="383"/>
        <v/>
      </c>
      <c r="DF227" s="898" t="str">
        <f t="shared" si="384"/>
        <v/>
      </c>
      <c r="DG227" s="898" t="str">
        <f t="shared" si="385"/>
        <v/>
      </c>
      <c r="DH227" s="898" t="str">
        <f t="shared" si="386"/>
        <v/>
      </c>
      <c r="DI227" s="898" t="str">
        <f t="shared" si="387"/>
        <v/>
      </c>
      <c r="DJ227" s="898" t="str">
        <f t="shared" si="388"/>
        <v/>
      </c>
      <c r="DK227" s="898" t="str">
        <f t="shared" si="389"/>
        <v/>
      </c>
      <c r="DL227" s="898" t="str">
        <f t="shared" si="390"/>
        <v/>
      </c>
      <c r="DM227" s="661">
        <f t="shared" si="299"/>
        <v>651172</v>
      </c>
      <c r="DN227" s="898">
        <f t="shared" si="300"/>
        <v>0</v>
      </c>
      <c r="DO227" s="516">
        <f t="shared" si="301"/>
        <v>0</v>
      </c>
      <c r="DP227" s="898">
        <f t="shared" si="302"/>
        <v>0</v>
      </c>
      <c r="DQ227" s="610" t="s">
        <v>4069</v>
      </c>
      <c r="DR227" s="483" t="s">
        <v>4032</v>
      </c>
      <c r="DS227" s="522" t="s">
        <v>4033</v>
      </c>
      <c r="DT227" s="632"/>
    </row>
    <row r="228" spans="1:124" s="613" customFormat="1" ht="142.5" x14ac:dyDescent="0.2">
      <c r="A228" s="484" t="str">
        <f t="shared" si="296"/>
        <v>Playing pitches provision to support development at National Grid and 339-353 London Road (Hm09)</v>
      </c>
      <c r="B228" s="1163">
        <v>225</v>
      </c>
      <c r="C228" s="904" t="s">
        <v>4070</v>
      </c>
      <c r="D228" s="904" t="s">
        <v>3207</v>
      </c>
      <c r="E228" s="481" t="s">
        <v>53</v>
      </c>
      <c r="F228" s="481" t="s">
        <v>329</v>
      </c>
      <c r="G228" s="515" t="s">
        <v>1344</v>
      </c>
      <c r="H228" s="513" t="s">
        <v>4071</v>
      </c>
      <c r="I228" s="515"/>
      <c r="J228" s="513" t="s">
        <v>4072</v>
      </c>
      <c r="K228" s="654" t="s">
        <v>3104</v>
      </c>
      <c r="L228" s="657" t="s">
        <v>1365</v>
      </c>
      <c r="M228" s="654" t="s">
        <v>2996</v>
      </c>
      <c r="N228" s="654" t="s">
        <v>81</v>
      </c>
      <c r="O228" s="515" t="s">
        <v>525</v>
      </c>
      <c r="P228" s="664" t="s">
        <v>53</v>
      </c>
      <c r="Q228" s="654" t="s">
        <v>3209</v>
      </c>
      <c r="R228" s="657"/>
      <c r="S228" s="657"/>
      <c r="T228" s="723">
        <v>801443</v>
      </c>
      <c r="U228" s="723"/>
      <c r="V228" s="657" t="s">
        <v>64</v>
      </c>
      <c r="W228" s="723">
        <f t="shared" si="346"/>
        <v>0</v>
      </c>
      <c r="X228" s="745">
        <f t="shared" si="344"/>
        <v>801443</v>
      </c>
      <c r="Y228" s="723" t="s">
        <v>3106</v>
      </c>
      <c r="Z228" s="723"/>
      <c r="AA228" s="736" t="s">
        <v>82</v>
      </c>
      <c r="AB228" s="654"/>
      <c r="AC228" s="654"/>
      <c r="AD228" s="654"/>
      <c r="AE228" s="654"/>
      <c r="AF228" s="654"/>
      <c r="AG228" s="746" t="s">
        <v>66</v>
      </c>
      <c r="AH228" s="654"/>
      <c r="AI228" s="654"/>
      <c r="AJ228" s="654"/>
      <c r="AK228" s="654"/>
      <c r="AL228" s="654"/>
      <c r="AM228" s="654"/>
      <c r="AN228" s="654"/>
      <c r="AO228" s="654"/>
      <c r="AP228" s="654"/>
      <c r="AQ228" s="654"/>
      <c r="AR228" s="654"/>
      <c r="AS228" s="654"/>
      <c r="AT228" s="654"/>
      <c r="AU228" s="654"/>
      <c r="AV228" s="654"/>
      <c r="AW228" s="654"/>
      <c r="AX228" s="654"/>
      <c r="AY228" s="654"/>
      <c r="AZ228" s="654"/>
      <c r="BA228" s="654"/>
      <c r="BB228" s="654"/>
      <c r="BC228" s="654"/>
      <c r="BD228" s="654"/>
      <c r="BE228" s="654"/>
      <c r="BF228" s="654"/>
      <c r="BG228" s="654"/>
      <c r="BH228" s="654"/>
      <c r="BI228" s="654"/>
      <c r="BJ228" s="654"/>
      <c r="BK228" s="654"/>
      <c r="BL228" s="654"/>
      <c r="BM228" s="654"/>
      <c r="BN228" s="654"/>
      <c r="BO228" s="654"/>
      <c r="BP228" s="654"/>
      <c r="BQ228" s="654"/>
      <c r="BR228" s="654"/>
      <c r="BS228" s="884">
        <f t="shared" si="297"/>
        <v>480</v>
      </c>
      <c r="BT228" s="661">
        <f t="shared" si="323"/>
        <v>1669.6729166666667</v>
      </c>
      <c r="BU228" s="661">
        <f t="shared" si="347"/>
        <v>801443</v>
      </c>
      <c r="BV228" s="898" t="str">
        <f t="shared" si="348"/>
        <v/>
      </c>
      <c r="BW228" s="898" t="str">
        <f t="shared" si="349"/>
        <v/>
      </c>
      <c r="BX228" s="898" t="str">
        <f t="shared" si="350"/>
        <v/>
      </c>
      <c r="BY228" s="898" t="str">
        <f t="shared" si="351"/>
        <v/>
      </c>
      <c r="BZ228" s="898" t="str">
        <f t="shared" si="352"/>
        <v/>
      </c>
      <c r="CA228" s="898">
        <f t="shared" si="353"/>
        <v>801443</v>
      </c>
      <c r="CB228" s="898" t="str">
        <f t="shared" si="354"/>
        <v/>
      </c>
      <c r="CC228" s="898" t="str">
        <f t="shared" si="355"/>
        <v/>
      </c>
      <c r="CD228" s="898" t="str">
        <f t="shared" si="356"/>
        <v/>
      </c>
      <c r="CE228" s="898" t="str">
        <f t="shared" si="357"/>
        <v/>
      </c>
      <c r="CF228" s="898" t="str">
        <f t="shared" si="358"/>
        <v/>
      </c>
      <c r="CG228" s="898" t="str">
        <f t="shared" si="359"/>
        <v/>
      </c>
      <c r="CH228" s="898" t="str">
        <f t="shared" si="360"/>
        <v/>
      </c>
      <c r="CI228" s="898" t="str">
        <f t="shared" si="361"/>
        <v/>
      </c>
      <c r="CJ228" s="898" t="str">
        <f t="shared" si="362"/>
        <v/>
      </c>
      <c r="CK228" s="898" t="str">
        <f t="shared" si="363"/>
        <v/>
      </c>
      <c r="CL228" s="898" t="str">
        <f t="shared" si="364"/>
        <v/>
      </c>
      <c r="CM228" s="898" t="str">
        <f t="shared" si="365"/>
        <v/>
      </c>
      <c r="CN228" s="898" t="str">
        <f t="shared" si="366"/>
        <v/>
      </c>
      <c r="CO228" s="898" t="str">
        <f t="shared" si="367"/>
        <v/>
      </c>
      <c r="CP228" s="898" t="str">
        <f t="shared" si="368"/>
        <v/>
      </c>
      <c r="CQ228" s="898" t="str">
        <f t="shared" si="369"/>
        <v/>
      </c>
      <c r="CR228" s="898" t="str">
        <f t="shared" si="370"/>
        <v/>
      </c>
      <c r="CS228" s="898" t="str">
        <f t="shared" si="371"/>
        <v/>
      </c>
      <c r="CT228" s="898" t="str">
        <f t="shared" si="372"/>
        <v/>
      </c>
      <c r="CU228" s="898" t="str">
        <f t="shared" si="373"/>
        <v/>
      </c>
      <c r="CV228" s="898" t="str">
        <f t="shared" si="374"/>
        <v/>
      </c>
      <c r="CW228" s="898" t="str">
        <f t="shared" si="375"/>
        <v/>
      </c>
      <c r="CX228" s="898" t="str">
        <f t="shared" si="376"/>
        <v/>
      </c>
      <c r="CY228" s="898" t="str">
        <f t="shared" si="377"/>
        <v/>
      </c>
      <c r="CZ228" s="898" t="str">
        <f t="shared" si="378"/>
        <v/>
      </c>
      <c r="DA228" s="898" t="str">
        <f t="shared" si="379"/>
        <v/>
      </c>
      <c r="DB228" s="898" t="str">
        <f t="shared" si="380"/>
        <v/>
      </c>
      <c r="DC228" s="898" t="str">
        <f t="shared" si="381"/>
        <v/>
      </c>
      <c r="DD228" s="898" t="str">
        <f t="shared" si="382"/>
        <v/>
      </c>
      <c r="DE228" s="898" t="str">
        <f t="shared" si="383"/>
        <v/>
      </c>
      <c r="DF228" s="898" t="str">
        <f t="shared" si="384"/>
        <v/>
      </c>
      <c r="DG228" s="898" t="str">
        <f t="shared" si="385"/>
        <v/>
      </c>
      <c r="DH228" s="898" t="str">
        <f t="shared" si="386"/>
        <v/>
      </c>
      <c r="DI228" s="898" t="str">
        <f t="shared" si="387"/>
        <v/>
      </c>
      <c r="DJ228" s="898" t="str">
        <f t="shared" si="388"/>
        <v/>
      </c>
      <c r="DK228" s="898" t="str">
        <f t="shared" si="389"/>
        <v/>
      </c>
      <c r="DL228" s="898" t="str">
        <f t="shared" si="390"/>
        <v/>
      </c>
      <c r="DM228" s="661">
        <f t="shared" si="299"/>
        <v>801443</v>
      </c>
      <c r="DN228" s="898">
        <f t="shared" si="300"/>
        <v>0</v>
      </c>
      <c r="DO228" s="516">
        <f t="shared" si="301"/>
        <v>0</v>
      </c>
      <c r="DP228" s="898">
        <f t="shared" si="302"/>
        <v>0</v>
      </c>
      <c r="DQ228" s="610" t="s">
        <v>4073</v>
      </c>
      <c r="DR228" s="483" t="s">
        <v>4032</v>
      </c>
      <c r="DS228" s="522" t="s">
        <v>4033</v>
      </c>
      <c r="DT228" s="632"/>
    </row>
    <row r="229" spans="1:124" s="613" customFormat="1" ht="142.5" x14ac:dyDescent="0.2">
      <c r="A229" s="484" t="str">
        <f t="shared" si="296"/>
        <v>Playing pitches provision to support development at Apsley Mills Retail Park (Hm10)</v>
      </c>
      <c r="B229" s="1163">
        <v>226</v>
      </c>
      <c r="C229" s="904" t="s">
        <v>4074</v>
      </c>
      <c r="D229" s="904" t="s">
        <v>3207</v>
      </c>
      <c r="E229" s="481" t="s">
        <v>53</v>
      </c>
      <c r="F229" s="481" t="s">
        <v>329</v>
      </c>
      <c r="G229" s="515" t="s">
        <v>1344</v>
      </c>
      <c r="H229" s="513" t="s">
        <v>4075</v>
      </c>
      <c r="I229" s="515"/>
      <c r="J229" s="513" t="s">
        <v>4076</v>
      </c>
      <c r="K229" s="654" t="s">
        <v>3104</v>
      </c>
      <c r="L229" s="657" t="s">
        <v>1368</v>
      </c>
      <c r="M229" s="654" t="s">
        <v>2996</v>
      </c>
      <c r="N229" s="654" t="s">
        <v>81</v>
      </c>
      <c r="O229" s="515" t="s">
        <v>525</v>
      </c>
      <c r="P229" s="664" t="s">
        <v>53</v>
      </c>
      <c r="Q229" s="654" t="s">
        <v>3209</v>
      </c>
      <c r="R229" s="657"/>
      <c r="S229" s="657"/>
      <c r="T229" s="745">
        <v>834836</v>
      </c>
      <c r="U229" s="723"/>
      <c r="V229" s="657" t="s">
        <v>64</v>
      </c>
      <c r="W229" s="723">
        <f t="shared" si="346"/>
        <v>0</v>
      </c>
      <c r="X229" s="745">
        <f t="shared" si="344"/>
        <v>834836</v>
      </c>
      <c r="Y229" s="723" t="s">
        <v>3106</v>
      </c>
      <c r="Z229" s="723"/>
      <c r="AA229" s="736" t="s">
        <v>82</v>
      </c>
      <c r="AB229" s="654"/>
      <c r="AC229" s="654"/>
      <c r="AD229" s="654"/>
      <c r="AE229" s="654"/>
      <c r="AF229" s="654"/>
      <c r="AG229" s="654"/>
      <c r="AH229" s="654"/>
      <c r="AI229" s="654"/>
      <c r="AJ229" s="654" t="s">
        <v>66</v>
      </c>
      <c r="AK229" s="654"/>
      <c r="AL229" s="654"/>
      <c r="AM229" s="654"/>
      <c r="AN229" s="654"/>
      <c r="AO229" s="654"/>
      <c r="AP229" s="654"/>
      <c r="AQ229" s="654"/>
      <c r="AR229" s="654"/>
      <c r="AS229" s="654"/>
      <c r="AT229" s="654"/>
      <c r="AU229" s="654"/>
      <c r="AV229" s="654"/>
      <c r="AW229" s="654"/>
      <c r="AX229" s="654"/>
      <c r="AY229" s="654"/>
      <c r="AZ229" s="654"/>
      <c r="BA229" s="654"/>
      <c r="BB229" s="654"/>
      <c r="BC229" s="654"/>
      <c r="BD229" s="654"/>
      <c r="BE229" s="654"/>
      <c r="BF229" s="654"/>
      <c r="BG229" s="654"/>
      <c r="BH229" s="654"/>
      <c r="BI229" s="654"/>
      <c r="BJ229" s="654"/>
      <c r="BK229" s="654"/>
      <c r="BL229" s="654"/>
      <c r="BM229" s="654"/>
      <c r="BN229" s="654"/>
      <c r="BO229" s="654"/>
      <c r="BP229" s="654"/>
      <c r="BQ229" s="654"/>
      <c r="BR229" s="654"/>
      <c r="BS229" s="884">
        <f t="shared" si="297"/>
        <v>500</v>
      </c>
      <c r="BT229" s="661">
        <f t="shared" si="323"/>
        <v>1669.672</v>
      </c>
      <c r="BU229" s="661">
        <f t="shared" si="347"/>
        <v>834836</v>
      </c>
      <c r="BV229" s="898" t="str">
        <f t="shared" si="348"/>
        <v/>
      </c>
      <c r="BW229" s="898" t="str">
        <f t="shared" si="349"/>
        <v/>
      </c>
      <c r="BX229" s="898" t="str">
        <f t="shared" si="350"/>
        <v/>
      </c>
      <c r="BY229" s="898" t="str">
        <f t="shared" si="351"/>
        <v/>
      </c>
      <c r="BZ229" s="898" t="str">
        <f t="shared" si="352"/>
        <v/>
      </c>
      <c r="CA229" s="898" t="str">
        <f t="shared" si="353"/>
        <v/>
      </c>
      <c r="CB229" s="898" t="str">
        <f t="shared" si="354"/>
        <v/>
      </c>
      <c r="CC229" s="898" t="str">
        <f t="shared" si="355"/>
        <v/>
      </c>
      <c r="CD229" s="898">
        <f t="shared" si="356"/>
        <v>834836</v>
      </c>
      <c r="CE229" s="898" t="str">
        <f t="shared" si="357"/>
        <v/>
      </c>
      <c r="CF229" s="898" t="str">
        <f t="shared" si="358"/>
        <v/>
      </c>
      <c r="CG229" s="898" t="str">
        <f t="shared" si="359"/>
        <v/>
      </c>
      <c r="CH229" s="898" t="str">
        <f t="shared" si="360"/>
        <v/>
      </c>
      <c r="CI229" s="898" t="str">
        <f t="shared" si="361"/>
        <v/>
      </c>
      <c r="CJ229" s="898" t="str">
        <f t="shared" si="362"/>
        <v/>
      </c>
      <c r="CK229" s="898" t="str">
        <f t="shared" si="363"/>
        <v/>
      </c>
      <c r="CL229" s="898" t="str">
        <f t="shared" si="364"/>
        <v/>
      </c>
      <c r="CM229" s="898" t="str">
        <f t="shared" si="365"/>
        <v/>
      </c>
      <c r="CN229" s="898" t="str">
        <f t="shared" si="366"/>
        <v/>
      </c>
      <c r="CO229" s="898" t="str">
        <f t="shared" si="367"/>
        <v/>
      </c>
      <c r="CP229" s="898" t="str">
        <f t="shared" si="368"/>
        <v/>
      </c>
      <c r="CQ229" s="898" t="str">
        <f t="shared" si="369"/>
        <v/>
      </c>
      <c r="CR229" s="898" t="str">
        <f t="shared" si="370"/>
        <v/>
      </c>
      <c r="CS229" s="898" t="str">
        <f t="shared" si="371"/>
        <v/>
      </c>
      <c r="CT229" s="898" t="str">
        <f t="shared" si="372"/>
        <v/>
      </c>
      <c r="CU229" s="898" t="str">
        <f t="shared" si="373"/>
        <v/>
      </c>
      <c r="CV229" s="898" t="str">
        <f t="shared" si="374"/>
        <v/>
      </c>
      <c r="CW229" s="898" t="str">
        <f t="shared" si="375"/>
        <v/>
      </c>
      <c r="CX229" s="898" t="str">
        <f t="shared" si="376"/>
        <v/>
      </c>
      <c r="CY229" s="898" t="str">
        <f t="shared" si="377"/>
        <v/>
      </c>
      <c r="CZ229" s="898" t="str">
        <f t="shared" si="378"/>
        <v/>
      </c>
      <c r="DA229" s="898" t="str">
        <f t="shared" si="379"/>
        <v/>
      </c>
      <c r="DB229" s="898" t="str">
        <f t="shared" si="380"/>
        <v/>
      </c>
      <c r="DC229" s="898" t="str">
        <f t="shared" si="381"/>
        <v/>
      </c>
      <c r="DD229" s="898" t="str">
        <f t="shared" si="382"/>
        <v/>
      </c>
      <c r="DE229" s="898" t="str">
        <f t="shared" si="383"/>
        <v/>
      </c>
      <c r="DF229" s="898" t="str">
        <f t="shared" si="384"/>
        <v/>
      </c>
      <c r="DG229" s="898" t="str">
        <f t="shared" si="385"/>
        <v/>
      </c>
      <c r="DH229" s="898" t="str">
        <f t="shared" si="386"/>
        <v/>
      </c>
      <c r="DI229" s="898" t="str">
        <f t="shared" si="387"/>
        <v/>
      </c>
      <c r="DJ229" s="898" t="str">
        <f t="shared" si="388"/>
        <v/>
      </c>
      <c r="DK229" s="898" t="str">
        <f t="shared" si="389"/>
        <v/>
      </c>
      <c r="DL229" s="898" t="str">
        <f t="shared" si="390"/>
        <v/>
      </c>
      <c r="DM229" s="661">
        <f t="shared" si="299"/>
        <v>834836</v>
      </c>
      <c r="DN229" s="898">
        <f t="shared" si="300"/>
        <v>0</v>
      </c>
      <c r="DO229" s="516">
        <f t="shared" si="301"/>
        <v>0</v>
      </c>
      <c r="DP229" s="898">
        <f t="shared" si="302"/>
        <v>0</v>
      </c>
      <c r="DQ229" s="522" t="s">
        <v>4061</v>
      </c>
      <c r="DR229" s="483" t="s">
        <v>4032</v>
      </c>
      <c r="DS229" s="522" t="s">
        <v>4033</v>
      </c>
      <c r="DT229" s="632"/>
    </row>
    <row r="230" spans="1:124" s="613" customFormat="1" ht="142.5" x14ac:dyDescent="0.2">
      <c r="A230" s="484" t="str">
        <f t="shared" si="296"/>
        <v>Playing pitches provision to support development at Shendish Manor and Fairfields (Hm11)</v>
      </c>
      <c r="B230" s="1163">
        <v>227</v>
      </c>
      <c r="C230" s="904" t="s">
        <v>4077</v>
      </c>
      <c r="D230" s="904" t="s">
        <v>3207</v>
      </c>
      <c r="E230" s="481" t="s">
        <v>53</v>
      </c>
      <c r="F230" s="481" t="s">
        <v>329</v>
      </c>
      <c r="G230" s="515" t="s">
        <v>1344</v>
      </c>
      <c r="H230" s="513" t="s">
        <v>4078</v>
      </c>
      <c r="I230" s="515"/>
      <c r="J230" s="513" t="s">
        <v>4079</v>
      </c>
      <c r="K230" s="654" t="s">
        <v>3104</v>
      </c>
      <c r="L230" s="657" t="s">
        <v>1369</v>
      </c>
      <c r="M230" s="657" t="s">
        <v>2996</v>
      </c>
      <c r="N230" s="654" t="s">
        <v>8</v>
      </c>
      <c r="O230" s="515" t="s">
        <v>525</v>
      </c>
      <c r="P230" s="664" t="s">
        <v>53</v>
      </c>
      <c r="Q230" s="654" t="s">
        <v>3209</v>
      </c>
      <c r="R230" s="657"/>
      <c r="S230" s="657"/>
      <c r="T230" s="745">
        <v>834836</v>
      </c>
      <c r="U230" s="745"/>
      <c r="V230" s="657" t="s">
        <v>64</v>
      </c>
      <c r="W230" s="723">
        <f t="shared" si="346"/>
        <v>0</v>
      </c>
      <c r="X230" s="745">
        <f t="shared" si="344"/>
        <v>834836</v>
      </c>
      <c r="Y230" s="723" t="s">
        <v>3106</v>
      </c>
      <c r="Z230" s="723"/>
      <c r="AA230" s="736" t="s">
        <v>82</v>
      </c>
      <c r="AB230" s="657"/>
      <c r="AC230" s="657"/>
      <c r="AD230" s="657"/>
      <c r="AE230" s="657"/>
      <c r="AF230" s="657"/>
      <c r="AG230" s="657"/>
      <c r="AH230" s="657"/>
      <c r="AI230" s="657"/>
      <c r="AJ230" s="657"/>
      <c r="AK230" s="657" t="s">
        <v>66</v>
      </c>
      <c r="AL230" s="657"/>
      <c r="AM230" s="657"/>
      <c r="AN230" s="657"/>
      <c r="AO230" s="657"/>
      <c r="AP230" s="657"/>
      <c r="AQ230" s="657"/>
      <c r="AR230" s="657"/>
      <c r="AS230" s="657"/>
      <c r="AT230" s="657"/>
      <c r="AU230" s="657"/>
      <c r="AV230" s="657"/>
      <c r="AW230" s="657"/>
      <c r="AX230" s="657"/>
      <c r="AY230" s="657"/>
      <c r="AZ230" s="657"/>
      <c r="BA230" s="657"/>
      <c r="BB230" s="657"/>
      <c r="BC230" s="657"/>
      <c r="BD230" s="657"/>
      <c r="BE230" s="657"/>
      <c r="BF230" s="657"/>
      <c r="BG230" s="657"/>
      <c r="BH230" s="657"/>
      <c r="BI230" s="657"/>
      <c r="BJ230" s="657"/>
      <c r="BK230" s="657"/>
      <c r="BL230" s="657"/>
      <c r="BM230" s="657"/>
      <c r="BN230" s="657"/>
      <c r="BO230" s="657"/>
      <c r="BP230" s="657"/>
      <c r="BQ230" s="657"/>
      <c r="BR230" s="657"/>
      <c r="BS230" s="884">
        <f t="shared" si="297"/>
        <v>500</v>
      </c>
      <c r="BT230" s="661">
        <f t="shared" si="323"/>
        <v>1669.672</v>
      </c>
      <c r="BU230" s="661">
        <f t="shared" si="347"/>
        <v>834836</v>
      </c>
      <c r="BV230" s="898" t="str">
        <f t="shared" si="348"/>
        <v/>
      </c>
      <c r="BW230" s="898" t="str">
        <f t="shared" si="349"/>
        <v/>
      </c>
      <c r="BX230" s="898" t="str">
        <f t="shared" si="350"/>
        <v/>
      </c>
      <c r="BY230" s="898" t="str">
        <f t="shared" si="351"/>
        <v/>
      </c>
      <c r="BZ230" s="898" t="str">
        <f t="shared" si="352"/>
        <v/>
      </c>
      <c r="CA230" s="898" t="str">
        <f t="shared" si="353"/>
        <v/>
      </c>
      <c r="CB230" s="898" t="str">
        <f t="shared" si="354"/>
        <v/>
      </c>
      <c r="CC230" s="898" t="str">
        <f t="shared" si="355"/>
        <v/>
      </c>
      <c r="CD230" s="898" t="str">
        <f t="shared" si="356"/>
        <v/>
      </c>
      <c r="CE230" s="898">
        <f t="shared" si="357"/>
        <v>834836</v>
      </c>
      <c r="CF230" s="898" t="str">
        <f t="shared" si="358"/>
        <v/>
      </c>
      <c r="CG230" s="898" t="str">
        <f t="shared" si="359"/>
        <v/>
      </c>
      <c r="CH230" s="898" t="str">
        <f t="shared" si="360"/>
        <v/>
      </c>
      <c r="CI230" s="898" t="str">
        <f t="shared" si="361"/>
        <v/>
      </c>
      <c r="CJ230" s="898" t="str">
        <f t="shared" si="362"/>
        <v/>
      </c>
      <c r="CK230" s="898" t="str">
        <f t="shared" si="363"/>
        <v/>
      </c>
      <c r="CL230" s="898" t="str">
        <f t="shared" si="364"/>
        <v/>
      </c>
      <c r="CM230" s="898" t="str">
        <f t="shared" si="365"/>
        <v/>
      </c>
      <c r="CN230" s="898" t="str">
        <f t="shared" si="366"/>
        <v/>
      </c>
      <c r="CO230" s="898" t="str">
        <f t="shared" si="367"/>
        <v/>
      </c>
      <c r="CP230" s="898" t="str">
        <f t="shared" si="368"/>
        <v/>
      </c>
      <c r="CQ230" s="898" t="str">
        <f t="shared" si="369"/>
        <v/>
      </c>
      <c r="CR230" s="898" t="str">
        <f t="shared" si="370"/>
        <v/>
      </c>
      <c r="CS230" s="898" t="str">
        <f t="shared" si="371"/>
        <v/>
      </c>
      <c r="CT230" s="898" t="str">
        <f t="shared" si="372"/>
        <v/>
      </c>
      <c r="CU230" s="898" t="str">
        <f t="shared" si="373"/>
        <v/>
      </c>
      <c r="CV230" s="898" t="str">
        <f t="shared" si="374"/>
        <v/>
      </c>
      <c r="CW230" s="898" t="str">
        <f t="shared" si="375"/>
        <v/>
      </c>
      <c r="CX230" s="898" t="str">
        <f t="shared" si="376"/>
        <v/>
      </c>
      <c r="CY230" s="898" t="str">
        <f t="shared" si="377"/>
        <v/>
      </c>
      <c r="CZ230" s="898" t="str">
        <f t="shared" si="378"/>
        <v/>
      </c>
      <c r="DA230" s="898" t="str">
        <f t="shared" si="379"/>
        <v/>
      </c>
      <c r="DB230" s="898" t="str">
        <f t="shared" si="380"/>
        <v/>
      </c>
      <c r="DC230" s="898" t="str">
        <f t="shared" si="381"/>
        <v/>
      </c>
      <c r="DD230" s="898" t="str">
        <f t="shared" si="382"/>
        <v/>
      </c>
      <c r="DE230" s="898" t="str">
        <f t="shared" si="383"/>
        <v/>
      </c>
      <c r="DF230" s="898" t="str">
        <f t="shared" si="384"/>
        <v/>
      </c>
      <c r="DG230" s="898" t="str">
        <f t="shared" si="385"/>
        <v/>
      </c>
      <c r="DH230" s="898" t="str">
        <f t="shared" si="386"/>
        <v/>
      </c>
      <c r="DI230" s="898" t="str">
        <f t="shared" si="387"/>
        <v/>
      </c>
      <c r="DJ230" s="898" t="str">
        <f t="shared" si="388"/>
        <v/>
      </c>
      <c r="DK230" s="898" t="str">
        <f t="shared" si="389"/>
        <v/>
      </c>
      <c r="DL230" s="898" t="str">
        <f t="shared" si="390"/>
        <v/>
      </c>
      <c r="DM230" s="661">
        <f t="shared" si="299"/>
        <v>834836</v>
      </c>
      <c r="DN230" s="898">
        <f t="shared" si="300"/>
        <v>0</v>
      </c>
      <c r="DO230" s="516">
        <f t="shared" si="301"/>
        <v>0</v>
      </c>
      <c r="DP230" s="898">
        <f t="shared" si="302"/>
        <v>0</v>
      </c>
      <c r="DQ230" s="522" t="s">
        <v>4061</v>
      </c>
      <c r="DR230" s="483" t="s">
        <v>4032</v>
      </c>
      <c r="DS230" s="522" t="s">
        <v>4033</v>
      </c>
      <c r="DT230" s="632"/>
    </row>
    <row r="231" spans="1:124" s="613" customFormat="1" ht="142.5" x14ac:dyDescent="0.2">
      <c r="A231" s="484" t="str">
        <f t="shared" si="296"/>
        <v xml:space="preserve">Playing pitches provision to support development at Plots 2/3 Kier Park, Maylands Avenue (Hm12) </v>
      </c>
      <c r="B231" s="1163">
        <v>228</v>
      </c>
      <c r="C231" s="904" t="s">
        <v>4080</v>
      </c>
      <c r="D231" s="904" t="s">
        <v>3207</v>
      </c>
      <c r="E231" s="481" t="s">
        <v>53</v>
      </c>
      <c r="F231" s="481" t="s">
        <v>329</v>
      </c>
      <c r="G231" s="515" t="s">
        <v>1344</v>
      </c>
      <c r="H231" s="513" t="s">
        <v>4081</v>
      </c>
      <c r="I231" s="515"/>
      <c r="J231" s="513" t="s">
        <v>4082</v>
      </c>
      <c r="K231" s="654" t="s">
        <v>3104</v>
      </c>
      <c r="L231" s="657" t="s">
        <v>3526</v>
      </c>
      <c r="M231" s="657" t="s">
        <v>2996</v>
      </c>
      <c r="N231" s="654" t="s">
        <v>81</v>
      </c>
      <c r="O231" s="515" t="s">
        <v>525</v>
      </c>
      <c r="P231" s="664" t="s">
        <v>53</v>
      </c>
      <c r="Q231" s="654" t="s">
        <v>3209</v>
      </c>
      <c r="R231" s="657"/>
      <c r="S231" s="657"/>
      <c r="T231" s="723">
        <v>390703</v>
      </c>
      <c r="U231" s="723"/>
      <c r="V231" s="657" t="s">
        <v>64</v>
      </c>
      <c r="W231" s="723">
        <f t="shared" si="346"/>
        <v>0</v>
      </c>
      <c r="X231" s="745">
        <f t="shared" si="344"/>
        <v>390703</v>
      </c>
      <c r="Y231" s="723" t="s">
        <v>3106</v>
      </c>
      <c r="Z231" s="723"/>
      <c r="AA231" s="736" t="s">
        <v>82</v>
      </c>
      <c r="AB231" s="654"/>
      <c r="AC231" s="654"/>
      <c r="AD231" s="654"/>
      <c r="AE231" s="654"/>
      <c r="AF231" s="654"/>
      <c r="AG231" s="654"/>
      <c r="AH231" s="654"/>
      <c r="AI231" s="654"/>
      <c r="AJ231" s="654"/>
      <c r="AK231" s="654"/>
      <c r="AL231" s="654"/>
      <c r="AM231" s="654"/>
      <c r="AN231" s="895" t="s">
        <v>66</v>
      </c>
      <c r="AO231" s="654"/>
      <c r="AP231" s="654"/>
      <c r="AQ231" s="654"/>
      <c r="AR231" s="654"/>
      <c r="AS231" s="654"/>
      <c r="AT231" s="654"/>
      <c r="AU231" s="654"/>
      <c r="AV231" s="654"/>
      <c r="AW231" s="654"/>
      <c r="AX231" s="654"/>
      <c r="AY231" s="654"/>
      <c r="AZ231" s="654"/>
      <c r="BA231" s="654"/>
      <c r="BB231" s="654"/>
      <c r="BC231" s="654"/>
      <c r="BD231" s="654"/>
      <c r="BE231" s="654"/>
      <c r="BF231" s="654"/>
      <c r="BG231" s="654"/>
      <c r="BH231" s="654"/>
      <c r="BI231" s="654"/>
      <c r="BJ231" s="654"/>
      <c r="BK231" s="654"/>
      <c r="BL231" s="654"/>
      <c r="BM231" s="654"/>
      <c r="BN231" s="654"/>
      <c r="BO231" s="654"/>
      <c r="BP231" s="654"/>
      <c r="BQ231" s="654"/>
      <c r="BR231" s="654"/>
      <c r="BS231" s="884">
        <f t="shared" si="297"/>
        <v>234</v>
      </c>
      <c r="BT231" s="661">
        <f t="shared" si="323"/>
        <v>1669.6709401709402</v>
      </c>
      <c r="BU231" s="661">
        <f t="shared" si="347"/>
        <v>390703</v>
      </c>
      <c r="BV231" s="898" t="str">
        <f t="shared" si="348"/>
        <v/>
      </c>
      <c r="BW231" s="898" t="str">
        <f t="shared" si="349"/>
        <v/>
      </c>
      <c r="BX231" s="898" t="str">
        <f t="shared" si="350"/>
        <v/>
      </c>
      <c r="BY231" s="898" t="str">
        <f t="shared" si="351"/>
        <v/>
      </c>
      <c r="BZ231" s="898" t="str">
        <f t="shared" si="352"/>
        <v/>
      </c>
      <c r="CA231" s="898" t="str">
        <f t="shared" si="353"/>
        <v/>
      </c>
      <c r="CB231" s="898" t="str">
        <f t="shared" si="354"/>
        <v/>
      </c>
      <c r="CC231" s="898" t="str">
        <f t="shared" si="355"/>
        <v/>
      </c>
      <c r="CD231" s="898" t="str">
        <f t="shared" si="356"/>
        <v/>
      </c>
      <c r="CE231" s="898" t="str">
        <f t="shared" si="357"/>
        <v/>
      </c>
      <c r="CF231" s="898" t="str">
        <f t="shared" si="358"/>
        <v/>
      </c>
      <c r="CG231" s="898" t="str">
        <f t="shared" si="359"/>
        <v/>
      </c>
      <c r="CH231" s="898">
        <f t="shared" si="360"/>
        <v>390703</v>
      </c>
      <c r="CI231" s="898" t="str">
        <f t="shared" si="361"/>
        <v/>
      </c>
      <c r="CJ231" s="898" t="str">
        <f t="shared" si="362"/>
        <v/>
      </c>
      <c r="CK231" s="898" t="str">
        <f t="shared" si="363"/>
        <v/>
      </c>
      <c r="CL231" s="898" t="str">
        <f t="shared" si="364"/>
        <v/>
      </c>
      <c r="CM231" s="898" t="str">
        <f t="shared" si="365"/>
        <v/>
      </c>
      <c r="CN231" s="898" t="str">
        <f t="shared" si="366"/>
        <v/>
      </c>
      <c r="CO231" s="898" t="str">
        <f t="shared" si="367"/>
        <v/>
      </c>
      <c r="CP231" s="898" t="str">
        <f t="shared" si="368"/>
        <v/>
      </c>
      <c r="CQ231" s="898" t="str">
        <f t="shared" si="369"/>
        <v/>
      </c>
      <c r="CR231" s="898" t="str">
        <f t="shared" si="370"/>
        <v/>
      </c>
      <c r="CS231" s="898" t="str">
        <f t="shared" si="371"/>
        <v/>
      </c>
      <c r="CT231" s="898" t="str">
        <f t="shared" si="372"/>
        <v/>
      </c>
      <c r="CU231" s="898" t="str">
        <f t="shared" si="373"/>
        <v/>
      </c>
      <c r="CV231" s="898" t="str">
        <f t="shared" si="374"/>
        <v/>
      </c>
      <c r="CW231" s="898" t="str">
        <f t="shared" si="375"/>
        <v/>
      </c>
      <c r="CX231" s="898" t="str">
        <f t="shared" si="376"/>
        <v/>
      </c>
      <c r="CY231" s="898" t="str">
        <f t="shared" si="377"/>
        <v/>
      </c>
      <c r="CZ231" s="898" t="str">
        <f t="shared" si="378"/>
        <v/>
      </c>
      <c r="DA231" s="898" t="str">
        <f t="shared" si="379"/>
        <v/>
      </c>
      <c r="DB231" s="898" t="str">
        <f t="shared" si="380"/>
        <v/>
      </c>
      <c r="DC231" s="898" t="str">
        <f t="shared" si="381"/>
        <v/>
      </c>
      <c r="DD231" s="898" t="str">
        <f t="shared" si="382"/>
        <v/>
      </c>
      <c r="DE231" s="898" t="str">
        <f t="shared" si="383"/>
        <v/>
      </c>
      <c r="DF231" s="898" t="str">
        <f t="shared" si="384"/>
        <v/>
      </c>
      <c r="DG231" s="898" t="str">
        <f t="shared" si="385"/>
        <v/>
      </c>
      <c r="DH231" s="898" t="str">
        <f t="shared" si="386"/>
        <v/>
      </c>
      <c r="DI231" s="898" t="str">
        <f t="shared" si="387"/>
        <v/>
      </c>
      <c r="DJ231" s="898" t="str">
        <f t="shared" si="388"/>
        <v/>
      </c>
      <c r="DK231" s="898" t="str">
        <f t="shared" si="389"/>
        <v/>
      </c>
      <c r="DL231" s="898" t="str">
        <f t="shared" si="390"/>
        <v/>
      </c>
      <c r="DM231" s="661">
        <f t="shared" si="299"/>
        <v>390703</v>
      </c>
      <c r="DN231" s="898">
        <f t="shared" si="300"/>
        <v>0</v>
      </c>
      <c r="DO231" s="516">
        <f t="shared" si="301"/>
        <v>0</v>
      </c>
      <c r="DP231" s="898">
        <f t="shared" si="302"/>
        <v>0</v>
      </c>
      <c r="DQ231" s="610" t="s">
        <v>4083</v>
      </c>
      <c r="DR231" s="483" t="s">
        <v>4032</v>
      </c>
      <c r="DS231" s="522" t="s">
        <v>4033</v>
      </c>
      <c r="DT231" s="632"/>
    </row>
    <row r="232" spans="1:124" s="613" customFormat="1" ht="142.5" x14ac:dyDescent="0.2">
      <c r="A232" s="484" t="str">
        <f t="shared" si="296"/>
        <v>Playing pitches provision to support development at Polehanger Lane (Hm13)</v>
      </c>
      <c r="B232" s="1163">
        <v>229</v>
      </c>
      <c r="C232" s="904" t="s">
        <v>4084</v>
      </c>
      <c r="D232" s="904" t="s">
        <v>3207</v>
      </c>
      <c r="E232" s="481" t="s">
        <v>53</v>
      </c>
      <c r="F232" s="481" t="s">
        <v>329</v>
      </c>
      <c r="G232" s="515" t="s">
        <v>1344</v>
      </c>
      <c r="H232" s="513" t="s">
        <v>4085</v>
      </c>
      <c r="I232" s="515"/>
      <c r="J232" s="513" t="s">
        <v>4086</v>
      </c>
      <c r="K232" s="654" t="s">
        <v>3104</v>
      </c>
      <c r="L232" s="657" t="s">
        <v>1370</v>
      </c>
      <c r="M232" s="654" t="s">
        <v>2996</v>
      </c>
      <c r="N232" s="654" t="s">
        <v>60</v>
      </c>
      <c r="O232" s="515" t="s">
        <v>525</v>
      </c>
      <c r="P232" s="664" t="s">
        <v>53</v>
      </c>
      <c r="Q232" s="654" t="s">
        <v>3209</v>
      </c>
      <c r="R232" s="657"/>
      <c r="S232" s="657"/>
      <c r="T232" s="723">
        <v>1252254</v>
      </c>
      <c r="U232" s="723"/>
      <c r="V232" s="657" t="s">
        <v>64</v>
      </c>
      <c r="W232" s="723">
        <f t="shared" si="346"/>
        <v>0</v>
      </c>
      <c r="X232" s="745">
        <f t="shared" si="344"/>
        <v>1252254</v>
      </c>
      <c r="Y232" s="723" t="s">
        <v>3106</v>
      </c>
      <c r="Z232" s="723"/>
      <c r="AA232" s="736" t="s">
        <v>82</v>
      </c>
      <c r="AB232" s="654"/>
      <c r="AC232" s="654"/>
      <c r="AD232" s="654"/>
      <c r="AE232" s="654"/>
      <c r="AF232" s="654"/>
      <c r="AG232" s="654"/>
      <c r="AH232" s="654"/>
      <c r="AI232" s="654"/>
      <c r="AJ232" s="654"/>
      <c r="AK232" s="654"/>
      <c r="AL232" s="893" t="s">
        <v>66</v>
      </c>
      <c r="AM232" s="654"/>
      <c r="AN232" s="654"/>
      <c r="AO232" s="654"/>
      <c r="AP232" s="654"/>
      <c r="AQ232" s="654"/>
      <c r="AR232" s="654"/>
      <c r="AS232" s="654"/>
      <c r="AT232" s="654"/>
      <c r="AU232" s="654"/>
      <c r="AV232" s="654"/>
      <c r="AW232" s="654"/>
      <c r="AX232" s="654"/>
      <c r="AY232" s="654"/>
      <c r="AZ232" s="654"/>
      <c r="BA232" s="654"/>
      <c r="BB232" s="654"/>
      <c r="BC232" s="654"/>
      <c r="BD232" s="654"/>
      <c r="BE232" s="654"/>
      <c r="BF232" s="654"/>
      <c r="BG232" s="654"/>
      <c r="BH232" s="654"/>
      <c r="BI232" s="654"/>
      <c r="BJ232" s="654"/>
      <c r="BK232" s="654"/>
      <c r="BL232" s="654"/>
      <c r="BM232" s="654"/>
      <c r="BN232" s="654"/>
      <c r="BO232" s="654"/>
      <c r="BP232" s="654"/>
      <c r="BQ232" s="654"/>
      <c r="BR232" s="654"/>
      <c r="BS232" s="884">
        <f t="shared" si="297"/>
        <v>750</v>
      </c>
      <c r="BT232" s="661">
        <f t="shared" si="323"/>
        <v>1669.672</v>
      </c>
      <c r="BU232" s="661">
        <f t="shared" si="347"/>
        <v>1252254</v>
      </c>
      <c r="BV232" s="898" t="str">
        <f t="shared" si="348"/>
        <v/>
      </c>
      <c r="BW232" s="898" t="str">
        <f t="shared" si="349"/>
        <v/>
      </c>
      <c r="BX232" s="898" t="str">
        <f t="shared" si="350"/>
        <v/>
      </c>
      <c r="BY232" s="898" t="str">
        <f t="shared" si="351"/>
        <v/>
      </c>
      <c r="BZ232" s="898" t="str">
        <f t="shared" si="352"/>
        <v/>
      </c>
      <c r="CA232" s="898" t="str">
        <f t="shared" si="353"/>
        <v/>
      </c>
      <c r="CB232" s="898" t="str">
        <f t="shared" si="354"/>
        <v/>
      </c>
      <c r="CC232" s="898" t="str">
        <f t="shared" si="355"/>
        <v/>
      </c>
      <c r="CD232" s="898" t="str">
        <f t="shared" si="356"/>
        <v/>
      </c>
      <c r="CE232" s="898" t="str">
        <f t="shared" si="357"/>
        <v/>
      </c>
      <c r="CF232" s="898">
        <f t="shared" si="358"/>
        <v>1252254</v>
      </c>
      <c r="CG232" s="898" t="str">
        <f t="shared" si="359"/>
        <v/>
      </c>
      <c r="CH232" s="898" t="str">
        <f t="shared" si="360"/>
        <v/>
      </c>
      <c r="CI232" s="898" t="str">
        <f t="shared" si="361"/>
        <v/>
      </c>
      <c r="CJ232" s="898" t="str">
        <f t="shared" si="362"/>
        <v/>
      </c>
      <c r="CK232" s="898" t="str">
        <f t="shared" si="363"/>
        <v/>
      </c>
      <c r="CL232" s="898" t="str">
        <f t="shared" si="364"/>
        <v/>
      </c>
      <c r="CM232" s="898" t="str">
        <f t="shared" si="365"/>
        <v/>
      </c>
      <c r="CN232" s="898" t="str">
        <f t="shared" si="366"/>
        <v/>
      </c>
      <c r="CO232" s="898" t="str">
        <f t="shared" si="367"/>
        <v/>
      </c>
      <c r="CP232" s="898" t="str">
        <f t="shared" si="368"/>
        <v/>
      </c>
      <c r="CQ232" s="898" t="str">
        <f t="shared" si="369"/>
        <v/>
      </c>
      <c r="CR232" s="898" t="str">
        <f t="shared" si="370"/>
        <v/>
      </c>
      <c r="CS232" s="898" t="str">
        <f t="shared" si="371"/>
        <v/>
      </c>
      <c r="CT232" s="898" t="str">
        <f t="shared" si="372"/>
        <v/>
      </c>
      <c r="CU232" s="898" t="str">
        <f t="shared" si="373"/>
        <v/>
      </c>
      <c r="CV232" s="898" t="str">
        <f t="shared" si="374"/>
        <v/>
      </c>
      <c r="CW232" s="898" t="str">
        <f t="shared" si="375"/>
        <v/>
      </c>
      <c r="CX232" s="898" t="str">
        <f t="shared" si="376"/>
        <v/>
      </c>
      <c r="CY232" s="898" t="str">
        <f t="shared" si="377"/>
        <v/>
      </c>
      <c r="CZ232" s="898" t="str">
        <f t="shared" si="378"/>
        <v/>
      </c>
      <c r="DA232" s="898" t="str">
        <f t="shared" si="379"/>
        <v/>
      </c>
      <c r="DB232" s="898" t="str">
        <f t="shared" si="380"/>
        <v/>
      </c>
      <c r="DC232" s="898" t="str">
        <f t="shared" si="381"/>
        <v/>
      </c>
      <c r="DD232" s="898" t="str">
        <f t="shared" si="382"/>
        <v/>
      </c>
      <c r="DE232" s="898" t="str">
        <f t="shared" si="383"/>
        <v/>
      </c>
      <c r="DF232" s="898" t="str">
        <f t="shared" si="384"/>
        <v/>
      </c>
      <c r="DG232" s="898" t="str">
        <f t="shared" si="385"/>
        <v/>
      </c>
      <c r="DH232" s="898" t="str">
        <f t="shared" si="386"/>
        <v/>
      </c>
      <c r="DI232" s="898" t="str">
        <f t="shared" si="387"/>
        <v/>
      </c>
      <c r="DJ232" s="898" t="str">
        <f t="shared" si="388"/>
        <v/>
      </c>
      <c r="DK232" s="898" t="str">
        <f t="shared" si="389"/>
        <v/>
      </c>
      <c r="DL232" s="898" t="str">
        <f t="shared" si="390"/>
        <v/>
      </c>
      <c r="DM232" s="661">
        <f t="shared" si="299"/>
        <v>1252254</v>
      </c>
      <c r="DN232" s="898">
        <f t="shared" si="300"/>
        <v>0</v>
      </c>
      <c r="DO232" s="516">
        <f t="shared" si="301"/>
        <v>0</v>
      </c>
      <c r="DP232" s="898">
        <f t="shared" si="302"/>
        <v>0</v>
      </c>
      <c r="DQ232" s="610" t="s">
        <v>4087</v>
      </c>
      <c r="DR232" s="483" t="s">
        <v>4032</v>
      </c>
      <c r="DS232" s="522" t="s">
        <v>4033</v>
      </c>
      <c r="DT232" s="632"/>
    </row>
    <row r="233" spans="1:124" s="613" customFormat="1" ht="142.5" x14ac:dyDescent="0.2">
      <c r="A233" s="484" t="str">
        <f t="shared" si="296"/>
        <v>Playing pitches provision to support development at Marchmont Farm (Hm14)</v>
      </c>
      <c r="B233" s="1163">
        <v>230</v>
      </c>
      <c r="C233" s="904" t="s">
        <v>4088</v>
      </c>
      <c r="D233" s="904" t="s">
        <v>3207</v>
      </c>
      <c r="E233" s="481" t="s">
        <v>53</v>
      </c>
      <c r="F233" s="481" t="s">
        <v>329</v>
      </c>
      <c r="G233" s="515" t="s">
        <v>1344</v>
      </c>
      <c r="H233" s="513" t="s">
        <v>4089</v>
      </c>
      <c r="I233" s="515"/>
      <c r="J233" s="513" t="s">
        <v>4090</v>
      </c>
      <c r="K233" s="654" t="s">
        <v>3104</v>
      </c>
      <c r="L233" s="657" t="s">
        <v>2609</v>
      </c>
      <c r="M233" s="657" t="s">
        <v>2996</v>
      </c>
      <c r="N233" s="654" t="s">
        <v>81</v>
      </c>
      <c r="O233" s="515" t="s">
        <v>525</v>
      </c>
      <c r="P233" s="664" t="s">
        <v>53</v>
      </c>
      <c r="Q233" s="654" t="s">
        <v>3209</v>
      </c>
      <c r="R233" s="657"/>
      <c r="S233" s="657"/>
      <c r="T233" s="723">
        <v>584385</v>
      </c>
      <c r="U233" s="723"/>
      <c r="V233" s="657" t="s">
        <v>64</v>
      </c>
      <c r="W233" s="723">
        <f t="shared" si="346"/>
        <v>0</v>
      </c>
      <c r="X233" s="745">
        <f t="shared" si="344"/>
        <v>584385</v>
      </c>
      <c r="Y233" s="723" t="s">
        <v>3106</v>
      </c>
      <c r="Z233" s="723"/>
      <c r="AA233" s="736" t="s">
        <v>82</v>
      </c>
      <c r="AB233" s="654"/>
      <c r="AC233" s="654"/>
      <c r="AD233" s="654"/>
      <c r="AE233" s="654"/>
      <c r="AF233" s="654"/>
      <c r="AG233" s="654"/>
      <c r="AH233" s="654"/>
      <c r="AI233" s="654"/>
      <c r="AJ233" s="654"/>
      <c r="AK233" s="654"/>
      <c r="AL233" s="654"/>
      <c r="AM233" s="654"/>
      <c r="AN233" s="654"/>
      <c r="AO233" s="895" t="s">
        <v>66</v>
      </c>
      <c r="AP233" s="654"/>
      <c r="AQ233" s="654"/>
      <c r="AR233" s="654"/>
      <c r="AS233" s="654"/>
      <c r="AT233" s="654"/>
      <c r="AU233" s="654"/>
      <c r="AV233" s="654"/>
      <c r="AW233" s="654"/>
      <c r="AX233" s="654"/>
      <c r="AY233" s="654"/>
      <c r="AZ233" s="654"/>
      <c r="BA233" s="654"/>
      <c r="BB233" s="654"/>
      <c r="BC233" s="654"/>
      <c r="BD233" s="654"/>
      <c r="BE233" s="654"/>
      <c r="BF233" s="654"/>
      <c r="BG233" s="654"/>
      <c r="BH233" s="654"/>
      <c r="BI233" s="654"/>
      <c r="BJ233" s="654"/>
      <c r="BK233" s="654"/>
      <c r="BL233" s="654"/>
      <c r="BM233" s="654"/>
      <c r="BN233" s="654"/>
      <c r="BO233" s="654"/>
      <c r="BP233" s="654"/>
      <c r="BQ233" s="654"/>
      <c r="BR233" s="654"/>
      <c r="BS233" s="884">
        <f t="shared" si="297"/>
        <v>350</v>
      </c>
      <c r="BT233" s="661">
        <f t="shared" si="323"/>
        <v>1669.6714285714286</v>
      </c>
      <c r="BU233" s="661">
        <f t="shared" si="347"/>
        <v>584385</v>
      </c>
      <c r="BV233" s="898" t="str">
        <f t="shared" si="348"/>
        <v/>
      </c>
      <c r="BW233" s="898" t="str">
        <f t="shared" si="349"/>
        <v/>
      </c>
      <c r="BX233" s="898" t="str">
        <f t="shared" si="350"/>
        <v/>
      </c>
      <c r="BY233" s="898" t="str">
        <f t="shared" si="351"/>
        <v/>
      </c>
      <c r="BZ233" s="898" t="str">
        <f t="shared" si="352"/>
        <v/>
      </c>
      <c r="CA233" s="898" t="str">
        <f t="shared" si="353"/>
        <v/>
      </c>
      <c r="CB233" s="898" t="str">
        <f t="shared" si="354"/>
        <v/>
      </c>
      <c r="CC233" s="898" t="str">
        <f t="shared" si="355"/>
        <v/>
      </c>
      <c r="CD233" s="898" t="str">
        <f t="shared" si="356"/>
        <v/>
      </c>
      <c r="CE233" s="898" t="str">
        <f t="shared" si="357"/>
        <v/>
      </c>
      <c r="CF233" s="898" t="str">
        <f t="shared" si="358"/>
        <v/>
      </c>
      <c r="CG233" s="898" t="str">
        <f t="shared" si="359"/>
        <v/>
      </c>
      <c r="CH233" s="898" t="str">
        <f t="shared" si="360"/>
        <v/>
      </c>
      <c r="CI233" s="898">
        <f t="shared" si="361"/>
        <v>584385</v>
      </c>
      <c r="CJ233" s="898" t="str">
        <f t="shared" si="362"/>
        <v/>
      </c>
      <c r="CK233" s="898" t="str">
        <f t="shared" si="363"/>
        <v/>
      </c>
      <c r="CL233" s="898" t="str">
        <f t="shared" si="364"/>
        <v/>
      </c>
      <c r="CM233" s="898" t="str">
        <f t="shared" si="365"/>
        <v/>
      </c>
      <c r="CN233" s="898" t="str">
        <f t="shared" si="366"/>
        <v/>
      </c>
      <c r="CO233" s="898" t="str">
        <f t="shared" si="367"/>
        <v/>
      </c>
      <c r="CP233" s="898" t="str">
        <f t="shared" si="368"/>
        <v/>
      </c>
      <c r="CQ233" s="898" t="str">
        <f t="shared" si="369"/>
        <v/>
      </c>
      <c r="CR233" s="898" t="str">
        <f t="shared" si="370"/>
        <v/>
      </c>
      <c r="CS233" s="898" t="str">
        <f t="shared" si="371"/>
        <v/>
      </c>
      <c r="CT233" s="898" t="str">
        <f t="shared" si="372"/>
        <v/>
      </c>
      <c r="CU233" s="898" t="str">
        <f t="shared" si="373"/>
        <v/>
      </c>
      <c r="CV233" s="898" t="str">
        <f t="shared" si="374"/>
        <v/>
      </c>
      <c r="CW233" s="898" t="str">
        <f t="shared" si="375"/>
        <v/>
      </c>
      <c r="CX233" s="898" t="str">
        <f t="shared" si="376"/>
        <v/>
      </c>
      <c r="CY233" s="898" t="str">
        <f t="shared" si="377"/>
        <v/>
      </c>
      <c r="CZ233" s="898" t="str">
        <f t="shared" si="378"/>
        <v/>
      </c>
      <c r="DA233" s="898" t="str">
        <f t="shared" si="379"/>
        <v/>
      </c>
      <c r="DB233" s="898" t="str">
        <f t="shared" si="380"/>
        <v/>
      </c>
      <c r="DC233" s="898" t="str">
        <f t="shared" si="381"/>
        <v/>
      </c>
      <c r="DD233" s="898" t="str">
        <f t="shared" si="382"/>
        <v/>
      </c>
      <c r="DE233" s="898" t="str">
        <f t="shared" si="383"/>
        <v/>
      </c>
      <c r="DF233" s="898" t="str">
        <f t="shared" si="384"/>
        <v/>
      </c>
      <c r="DG233" s="898" t="str">
        <f t="shared" si="385"/>
        <v/>
      </c>
      <c r="DH233" s="898" t="str">
        <f t="shared" si="386"/>
        <v/>
      </c>
      <c r="DI233" s="898" t="str">
        <f t="shared" si="387"/>
        <v/>
      </c>
      <c r="DJ233" s="898" t="str">
        <f t="shared" si="388"/>
        <v/>
      </c>
      <c r="DK233" s="898" t="str">
        <f t="shared" si="389"/>
        <v/>
      </c>
      <c r="DL233" s="898" t="str">
        <f t="shared" si="390"/>
        <v/>
      </c>
      <c r="DM233" s="661">
        <f t="shared" si="299"/>
        <v>584385</v>
      </c>
      <c r="DN233" s="898">
        <f t="shared" si="300"/>
        <v>0</v>
      </c>
      <c r="DO233" s="516">
        <f t="shared" si="301"/>
        <v>0</v>
      </c>
      <c r="DP233" s="898">
        <f t="shared" si="302"/>
        <v>0</v>
      </c>
      <c r="DQ233" s="610" t="s">
        <v>4057</v>
      </c>
      <c r="DR233" s="483" t="s">
        <v>4032</v>
      </c>
      <c r="DS233" s="522" t="s">
        <v>4033</v>
      </c>
      <c r="DT233" s="632"/>
    </row>
    <row r="234" spans="1:124" s="613" customFormat="1" ht="142.5" x14ac:dyDescent="0.2">
      <c r="A234" s="484" t="str">
        <f t="shared" si="296"/>
        <v>Playing pitches provision to support development at Old Town (Hm15)</v>
      </c>
      <c r="B234" s="1163">
        <v>231</v>
      </c>
      <c r="C234" s="904" t="s">
        <v>4091</v>
      </c>
      <c r="D234" s="904" t="s">
        <v>3207</v>
      </c>
      <c r="E234" s="481" t="s">
        <v>53</v>
      </c>
      <c r="F234" s="481" t="s">
        <v>329</v>
      </c>
      <c r="G234" s="515" t="s">
        <v>1344</v>
      </c>
      <c r="H234" s="513" t="s">
        <v>4092</v>
      </c>
      <c r="I234" s="515"/>
      <c r="J234" s="513" t="s">
        <v>4093</v>
      </c>
      <c r="K234" s="654" t="s">
        <v>3104</v>
      </c>
      <c r="L234" s="657" t="s">
        <v>2601</v>
      </c>
      <c r="M234" s="657" t="s">
        <v>2996</v>
      </c>
      <c r="N234" s="654" t="s">
        <v>81</v>
      </c>
      <c r="O234" s="515" t="s">
        <v>525</v>
      </c>
      <c r="P234" s="664" t="s">
        <v>53</v>
      </c>
      <c r="Q234" s="654" t="s">
        <v>3209</v>
      </c>
      <c r="R234" s="657"/>
      <c r="S234" s="657"/>
      <c r="T234" s="723">
        <v>150271</v>
      </c>
      <c r="U234" s="723"/>
      <c r="V234" s="657" t="s">
        <v>64</v>
      </c>
      <c r="W234" s="723">
        <f t="shared" si="346"/>
        <v>0</v>
      </c>
      <c r="X234" s="745">
        <f t="shared" si="344"/>
        <v>150271</v>
      </c>
      <c r="Y234" s="723" t="s">
        <v>3106</v>
      </c>
      <c r="Z234" s="723"/>
      <c r="AA234" s="736" t="s">
        <v>82</v>
      </c>
      <c r="AB234" s="654"/>
      <c r="AC234" s="654"/>
      <c r="AD234" s="654"/>
      <c r="AE234" s="654"/>
      <c r="AF234" s="654"/>
      <c r="AG234" s="654"/>
      <c r="AH234" s="654"/>
      <c r="AI234" s="654"/>
      <c r="AJ234" s="654"/>
      <c r="AK234" s="654"/>
      <c r="AL234" s="654"/>
      <c r="AM234" s="654"/>
      <c r="AN234" s="654"/>
      <c r="AO234" s="654"/>
      <c r="AP234" s="895" t="s">
        <v>66</v>
      </c>
      <c r="AQ234" s="654"/>
      <c r="AR234" s="654"/>
      <c r="AS234" s="654"/>
      <c r="AT234" s="654"/>
      <c r="AU234" s="654"/>
      <c r="AV234" s="654"/>
      <c r="AW234" s="654"/>
      <c r="AX234" s="654"/>
      <c r="AY234" s="654"/>
      <c r="AZ234" s="654"/>
      <c r="BA234" s="654"/>
      <c r="BB234" s="654"/>
      <c r="BC234" s="654"/>
      <c r="BD234" s="654"/>
      <c r="BE234" s="654"/>
      <c r="BF234" s="654"/>
      <c r="BG234" s="654"/>
      <c r="BH234" s="654"/>
      <c r="BI234" s="654"/>
      <c r="BJ234" s="654"/>
      <c r="BK234" s="654"/>
      <c r="BL234" s="654"/>
      <c r="BM234" s="654"/>
      <c r="BN234" s="654"/>
      <c r="BO234" s="654"/>
      <c r="BP234" s="654"/>
      <c r="BQ234" s="654"/>
      <c r="BR234" s="654"/>
      <c r="BS234" s="884">
        <f t="shared" si="297"/>
        <v>90</v>
      </c>
      <c r="BT234" s="661">
        <f t="shared" si="323"/>
        <v>1669.6777777777777</v>
      </c>
      <c r="BU234" s="661">
        <f t="shared" si="347"/>
        <v>150271</v>
      </c>
      <c r="BV234" s="898" t="str">
        <f t="shared" si="348"/>
        <v/>
      </c>
      <c r="BW234" s="898" t="str">
        <f t="shared" si="349"/>
        <v/>
      </c>
      <c r="BX234" s="898" t="str">
        <f t="shared" si="350"/>
        <v/>
      </c>
      <c r="BY234" s="898" t="str">
        <f t="shared" si="351"/>
        <v/>
      </c>
      <c r="BZ234" s="898" t="str">
        <f t="shared" si="352"/>
        <v/>
      </c>
      <c r="CA234" s="898" t="str">
        <f t="shared" si="353"/>
        <v/>
      </c>
      <c r="CB234" s="898" t="str">
        <f t="shared" si="354"/>
        <v/>
      </c>
      <c r="CC234" s="898" t="str">
        <f t="shared" si="355"/>
        <v/>
      </c>
      <c r="CD234" s="898" t="str">
        <f t="shared" si="356"/>
        <v/>
      </c>
      <c r="CE234" s="898" t="str">
        <f t="shared" si="357"/>
        <v/>
      </c>
      <c r="CF234" s="898" t="str">
        <f t="shared" si="358"/>
        <v/>
      </c>
      <c r="CG234" s="898" t="str">
        <f t="shared" si="359"/>
        <v/>
      </c>
      <c r="CH234" s="898" t="str">
        <f t="shared" si="360"/>
        <v/>
      </c>
      <c r="CI234" s="898" t="str">
        <f t="shared" si="361"/>
        <v/>
      </c>
      <c r="CJ234" s="898">
        <f t="shared" si="362"/>
        <v>150271</v>
      </c>
      <c r="CK234" s="898" t="str">
        <f t="shared" si="363"/>
        <v/>
      </c>
      <c r="CL234" s="898" t="str">
        <f t="shared" si="364"/>
        <v/>
      </c>
      <c r="CM234" s="898" t="str">
        <f t="shared" si="365"/>
        <v/>
      </c>
      <c r="CN234" s="898" t="str">
        <f t="shared" si="366"/>
        <v/>
      </c>
      <c r="CO234" s="898" t="str">
        <f t="shared" si="367"/>
        <v/>
      </c>
      <c r="CP234" s="898" t="str">
        <f t="shared" si="368"/>
        <v/>
      </c>
      <c r="CQ234" s="898" t="str">
        <f t="shared" si="369"/>
        <v/>
      </c>
      <c r="CR234" s="898" t="str">
        <f t="shared" si="370"/>
        <v/>
      </c>
      <c r="CS234" s="898" t="str">
        <f t="shared" si="371"/>
        <v/>
      </c>
      <c r="CT234" s="898" t="str">
        <f t="shared" si="372"/>
        <v/>
      </c>
      <c r="CU234" s="898" t="str">
        <f t="shared" si="373"/>
        <v/>
      </c>
      <c r="CV234" s="898" t="str">
        <f t="shared" si="374"/>
        <v/>
      </c>
      <c r="CW234" s="898" t="str">
        <f t="shared" si="375"/>
        <v/>
      </c>
      <c r="CX234" s="898" t="str">
        <f t="shared" si="376"/>
        <v/>
      </c>
      <c r="CY234" s="898" t="str">
        <f t="shared" si="377"/>
        <v/>
      </c>
      <c r="CZ234" s="898" t="str">
        <f t="shared" si="378"/>
        <v/>
      </c>
      <c r="DA234" s="898" t="str">
        <f t="shared" si="379"/>
        <v/>
      </c>
      <c r="DB234" s="898" t="str">
        <f t="shared" si="380"/>
        <v/>
      </c>
      <c r="DC234" s="898" t="str">
        <f t="shared" si="381"/>
        <v/>
      </c>
      <c r="DD234" s="898" t="str">
        <f t="shared" si="382"/>
        <v/>
      </c>
      <c r="DE234" s="898" t="str">
        <f t="shared" si="383"/>
        <v/>
      </c>
      <c r="DF234" s="898" t="str">
        <f t="shared" si="384"/>
        <v/>
      </c>
      <c r="DG234" s="898" t="str">
        <f t="shared" si="385"/>
        <v/>
      </c>
      <c r="DH234" s="898" t="str">
        <f t="shared" si="386"/>
        <v/>
      </c>
      <c r="DI234" s="898" t="str">
        <f t="shared" si="387"/>
        <v/>
      </c>
      <c r="DJ234" s="898" t="str">
        <f t="shared" si="388"/>
        <v/>
      </c>
      <c r="DK234" s="898" t="str">
        <f t="shared" si="389"/>
        <v/>
      </c>
      <c r="DL234" s="898" t="str">
        <f t="shared" si="390"/>
        <v/>
      </c>
      <c r="DM234" s="661">
        <f t="shared" si="299"/>
        <v>150271</v>
      </c>
      <c r="DN234" s="898">
        <f t="shared" si="300"/>
        <v>0</v>
      </c>
      <c r="DO234" s="516">
        <f t="shared" si="301"/>
        <v>0</v>
      </c>
      <c r="DP234" s="898">
        <f t="shared" si="302"/>
        <v>0</v>
      </c>
      <c r="DQ234" s="610" t="s">
        <v>4094</v>
      </c>
      <c r="DR234" s="483" t="s">
        <v>4032</v>
      </c>
      <c r="DS234" s="522" t="s">
        <v>4033</v>
      </c>
      <c r="DT234" s="632"/>
    </row>
    <row r="235" spans="1:124" s="613" customFormat="1" ht="142.5" x14ac:dyDescent="0.2">
      <c r="A235" s="484" t="str">
        <f t="shared" si="296"/>
        <v>Playing pitches provision to support development at Site to the south of Green Lane (Hm16)</v>
      </c>
      <c r="B235" s="1163">
        <v>232</v>
      </c>
      <c r="C235" s="904" t="s">
        <v>4095</v>
      </c>
      <c r="D235" s="904" t="s">
        <v>3207</v>
      </c>
      <c r="E235" s="481" t="s">
        <v>53</v>
      </c>
      <c r="F235" s="481" t="s">
        <v>329</v>
      </c>
      <c r="G235" s="515" t="s">
        <v>1344</v>
      </c>
      <c r="H235" s="513" t="s">
        <v>4096</v>
      </c>
      <c r="I235" s="515"/>
      <c r="J235" s="513" t="s">
        <v>4097</v>
      </c>
      <c r="K235" s="654" t="s">
        <v>3104</v>
      </c>
      <c r="L235" s="657" t="s">
        <v>1374</v>
      </c>
      <c r="M235" s="657" t="s">
        <v>2996</v>
      </c>
      <c r="N235" s="654" t="s">
        <v>81</v>
      </c>
      <c r="O235" s="515" t="s">
        <v>525</v>
      </c>
      <c r="P235" s="664" t="s">
        <v>53</v>
      </c>
      <c r="Q235" s="654" t="s">
        <v>3209</v>
      </c>
      <c r="R235" s="657"/>
      <c r="S235" s="657"/>
      <c r="T235" s="861">
        <v>133574</v>
      </c>
      <c r="U235" s="723"/>
      <c r="V235" s="657" t="s">
        <v>64</v>
      </c>
      <c r="W235" s="723">
        <f t="shared" si="346"/>
        <v>0</v>
      </c>
      <c r="X235" s="745">
        <f t="shared" si="344"/>
        <v>133574</v>
      </c>
      <c r="Y235" s="723" t="s">
        <v>3106</v>
      </c>
      <c r="Z235" s="723"/>
      <c r="AA235" s="736" t="s">
        <v>82</v>
      </c>
      <c r="AB235" s="654"/>
      <c r="AC235" s="654"/>
      <c r="AD235" s="654"/>
      <c r="AE235" s="654"/>
      <c r="AF235" s="654"/>
      <c r="AG235" s="654"/>
      <c r="AH235" s="654"/>
      <c r="AI235" s="654"/>
      <c r="AJ235" s="654"/>
      <c r="AK235" s="654"/>
      <c r="AL235" s="654"/>
      <c r="AM235" s="654"/>
      <c r="AN235" s="654"/>
      <c r="AO235" s="654"/>
      <c r="AP235" s="654"/>
      <c r="AQ235" s="895" t="s">
        <v>66</v>
      </c>
      <c r="AR235" s="654"/>
      <c r="AS235" s="654"/>
      <c r="AT235" s="654"/>
      <c r="AU235" s="654"/>
      <c r="AV235" s="654"/>
      <c r="AW235" s="654"/>
      <c r="AX235" s="654"/>
      <c r="AY235" s="654"/>
      <c r="AZ235" s="654"/>
      <c r="BA235" s="654"/>
      <c r="BB235" s="654"/>
      <c r="BC235" s="654"/>
      <c r="BD235" s="654"/>
      <c r="BE235" s="654"/>
      <c r="BF235" s="654"/>
      <c r="BG235" s="654"/>
      <c r="BH235" s="654"/>
      <c r="BI235" s="654"/>
      <c r="BJ235" s="654"/>
      <c r="BK235" s="654"/>
      <c r="BL235" s="654"/>
      <c r="BM235" s="654"/>
      <c r="BN235" s="654"/>
      <c r="BO235" s="654"/>
      <c r="BP235" s="654"/>
      <c r="BQ235" s="654"/>
      <c r="BR235" s="654"/>
      <c r="BS235" s="884">
        <f t="shared" si="297"/>
        <v>80</v>
      </c>
      <c r="BT235" s="661">
        <f t="shared" si="323"/>
        <v>1669.675</v>
      </c>
      <c r="BU235" s="661">
        <f t="shared" si="347"/>
        <v>133574</v>
      </c>
      <c r="BV235" s="898" t="str">
        <f t="shared" si="348"/>
        <v/>
      </c>
      <c r="BW235" s="898" t="str">
        <f t="shared" si="349"/>
        <v/>
      </c>
      <c r="BX235" s="898" t="str">
        <f t="shared" si="350"/>
        <v/>
      </c>
      <c r="BY235" s="898" t="str">
        <f t="shared" si="351"/>
        <v/>
      </c>
      <c r="BZ235" s="898" t="str">
        <f t="shared" si="352"/>
        <v/>
      </c>
      <c r="CA235" s="898" t="str">
        <f t="shared" si="353"/>
        <v/>
      </c>
      <c r="CB235" s="898" t="str">
        <f t="shared" si="354"/>
        <v/>
      </c>
      <c r="CC235" s="898" t="str">
        <f t="shared" si="355"/>
        <v/>
      </c>
      <c r="CD235" s="898" t="str">
        <f t="shared" si="356"/>
        <v/>
      </c>
      <c r="CE235" s="898" t="str">
        <f t="shared" si="357"/>
        <v/>
      </c>
      <c r="CF235" s="898" t="str">
        <f t="shared" si="358"/>
        <v/>
      </c>
      <c r="CG235" s="898" t="str">
        <f t="shared" si="359"/>
        <v/>
      </c>
      <c r="CH235" s="898" t="str">
        <f t="shared" si="360"/>
        <v/>
      </c>
      <c r="CI235" s="898" t="str">
        <f t="shared" si="361"/>
        <v/>
      </c>
      <c r="CJ235" s="898" t="str">
        <f t="shared" si="362"/>
        <v/>
      </c>
      <c r="CK235" s="898">
        <f t="shared" si="363"/>
        <v>133574</v>
      </c>
      <c r="CL235" s="898" t="str">
        <f t="shared" si="364"/>
        <v/>
      </c>
      <c r="CM235" s="898" t="str">
        <f t="shared" si="365"/>
        <v/>
      </c>
      <c r="CN235" s="898" t="str">
        <f t="shared" si="366"/>
        <v/>
      </c>
      <c r="CO235" s="898" t="str">
        <f t="shared" si="367"/>
        <v/>
      </c>
      <c r="CP235" s="898" t="str">
        <f t="shared" si="368"/>
        <v/>
      </c>
      <c r="CQ235" s="898" t="str">
        <f t="shared" si="369"/>
        <v/>
      </c>
      <c r="CR235" s="898" t="str">
        <f t="shared" si="370"/>
        <v/>
      </c>
      <c r="CS235" s="898" t="str">
        <f t="shared" si="371"/>
        <v/>
      </c>
      <c r="CT235" s="898" t="str">
        <f t="shared" si="372"/>
        <v/>
      </c>
      <c r="CU235" s="898" t="str">
        <f t="shared" si="373"/>
        <v/>
      </c>
      <c r="CV235" s="898" t="str">
        <f t="shared" si="374"/>
        <v/>
      </c>
      <c r="CW235" s="898" t="str">
        <f t="shared" si="375"/>
        <v/>
      </c>
      <c r="CX235" s="898" t="str">
        <f t="shared" si="376"/>
        <v/>
      </c>
      <c r="CY235" s="898" t="str">
        <f t="shared" si="377"/>
        <v/>
      </c>
      <c r="CZ235" s="898" t="str">
        <f t="shared" si="378"/>
        <v/>
      </c>
      <c r="DA235" s="898" t="str">
        <f t="shared" si="379"/>
        <v/>
      </c>
      <c r="DB235" s="898" t="str">
        <f t="shared" si="380"/>
        <v/>
      </c>
      <c r="DC235" s="898" t="str">
        <f t="shared" si="381"/>
        <v/>
      </c>
      <c r="DD235" s="898" t="str">
        <f t="shared" si="382"/>
        <v/>
      </c>
      <c r="DE235" s="898" t="str">
        <f t="shared" si="383"/>
        <v/>
      </c>
      <c r="DF235" s="898" t="str">
        <f t="shared" si="384"/>
        <v/>
      </c>
      <c r="DG235" s="898" t="str">
        <f t="shared" si="385"/>
        <v/>
      </c>
      <c r="DH235" s="898" t="str">
        <f t="shared" si="386"/>
        <v/>
      </c>
      <c r="DI235" s="898" t="str">
        <f t="shared" si="387"/>
        <v/>
      </c>
      <c r="DJ235" s="898" t="str">
        <f t="shared" si="388"/>
        <v/>
      </c>
      <c r="DK235" s="898" t="str">
        <f t="shared" si="389"/>
        <v/>
      </c>
      <c r="DL235" s="898" t="str">
        <f t="shared" si="390"/>
        <v/>
      </c>
      <c r="DM235" s="661">
        <f t="shared" si="299"/>
        <v>133574</v>
      </c>
      <c r="DN235" s="898">
        <f t="shared" si="300"/>
        <v>0</v>
      </c>
      <c r="DO235" s="516">
        <f t="shared" si="301"/>
        <v>0</v>
      </c>
      <c r="DP235" s="898">
        <f t="shared" si="302"/>
        <v>0</v>
      </c>
      <c r="DQ235" s="610" t="s">
        <v>4098</v>
      </c>
      <c r="DR235" s="483" t="s">
        <v>4032</v>
      </c>
      <c r="DS235" s="522" t="s">
        <v>4033</v>
      </c>
      <c r="DT235" s="632"/>
    </row>
    <row r="236" spans="1:124" s="613" customFormat="1" ht="142.5" x14ac:dyDescent="0.2">
      <c r="A236" s="484" t="str">
        <f t="shared" si="296"/>
        <v>Playing pitches provision to support development at Grovehill Local Centre</v>
      </c>
      <c r="B236" s="1163">
        <v>233</v>
      </c>
      <c r="C236" s="904" t="s">
        <v>4099</v>
      </c>
      <c r="D236" s="904" t="s">
        <v>3207</v>
      </c>
      <c r="E236" s="481" t="s">
        <v>53</v>
      </c>
      <c r="F236" s="481" t="s">
        <v>329</v>
      </c>
      <c r="G236" s="515" t="s">
        <v>1344</v>
      </c>
      <c r="H236" s="513" t="s">
        <v>4100</v>
      </c>
      <c r="I236" s="515"/>
      <c r="J236" s="513" t="s">
        <v>4101</v>
      </c>
      <c r="K236" s="654" t="s">
        <v>3104</v>
      </c>
      <c r="L236" s="657" t="s">
        <v>3058</v>
      </c>
      <c r="M236" s="657" t="s">
        <v>2996</v>
      </c>
      <c r="N236" s="654" t="s">
        <v>81</v>
      </c>
      <c r="O236" s="515" t="s">
        <v>525</v>
      </c>
      <c r="P236" s="664" t="s">
        <v>53</v>
      </c>
      <c r="Q236" s="654" t="s">
        <v>3209</v>
      </c>
      <c r="R236" s="657"/>
      <c r="S236" s="657"/>
      <c r="T236" s="745">
        <v>333934</v>
      </c>
      <c r="U236" s="723"/>
      <c r="V236" s="657" t="s">
        <v>64</v>
      </c>
      <c r="W236" s="723">
        <f t="shared" si="346"/>
        <v>0</v>
      </c>
      <c r="X236" s="745">
        <f t="shared" si="344"/>
        <v>333934</v>
      </c>
      <c r="Y236" s="723" t="s">
        <v>3106</v>
      </c>
      <c r="Z236" s="723"/>
      <c r="AA236" s="736" t="s">
        <v>82</v>
      </c>
      <c r="AB236" s="654"/>
      <c r="AC236" s="654"/>
      <c r="AD236" s="654"/>
      <c r="AE236" s="654"/>
      <c r="AF236" s="654"/>
      <c r="AG236" s="654"/>
      <c r="AH236" s="654"/>
      <c r="AI236" s="654"/>
      <c r="AJ236" s="654"/>
      <c r="AK236" s="654"/>
      <c r="AL236" s="654"/>
      <c r="AM236" s="654" t="s">
        <v>66</v>
      </c>
      <c r="AN236" s="654"/>
      <c r="AO236" s="654"/>
      <c r="AP236" s="654"/>
      <c r="AQ236" s="654"/>
      <c r="AR236" s="654"/>
      <c r="AS236" s="654"/>
      <c r="AT236" s="654"/>
      <c r="AU236" s="654"/>
      <c r="AV236" s="654"/>
      <c r="AW236" s="654"/>
      <c r="AX236" s="654"/>
      <c r="AY236" s="654"/>
      <c r="AZ236" s="654"/>
      <c r="BA236" s="654"/>
      <c r="BB236" s="654"/>
      <c r="BC236" s="654"/>
      <c r="BD236" s="654"/>
      <c r="BE236" s="654"/>
      <c r="BF236" s="654"/>
      <c r="BG236" s="654"/>
      <c r="BH236" s="654"/>
      <c r="BI236" s="654"/>
      <c r="BJ236" s="654"/>
      <c r="BK236" s="654"/>
      <c r="BL236" s="654"/>
      <c r="BM236" s="654"/>
      <c r="BN236" s="654"/>
      <c r="BO236" s="654"/>
      <c r="BP236" s="654"/>
      <c r="BQ236" s="654"/>
      <c r="BR236" s="654"/>
      <c r="BS236" s="884">
        <f t="shared" si="297"/>
        <v>200</v>
      </c>
      <c r="BT236" s="661">
        <f t="shared" si="323"/>
        <v>1669.67</v>
      </c>
      <c r="BU236" s="661">
        <f t="shared" si="347"/>
        <v>333934</v>
      </c>
      <c r="BV236" s="898" t="str">
        <f t="shared" si="348"/>
        <v/>
      </c>
      <c r="BW236" s="898" t="str">
        <f t="shared" si="349"/>
        <v/>
      </c>
      <c r="BX236" s="898" t="str">
        <f t="shared" si="350"/>
        <v/>
      </c>
      <c r="BY236" s="898" t="str">
        <f t="shared" si="351"/>
        <v/>
      </c>
      <c r="BZ236" s="898" t="str">
        <f t="shared" si="352"/>
        <v/>
      </c>
      <c r="CA236" s="898" t="str">
        <f t="shared" si="353"/>
        <v/>
      </c>
      <c r="CB236" s="898" t="str">
        <f t="shared" si="354"/>
        <v/>
      </c>
      <c r="CC236" s="898" t="str">
        <f t="shared" si="355"/>
        <v/>
      </c>
      <c r="CD236" s="898" t="str">
        <f t="shared" si="356"/>
        <v/>
      </c>
      <c r="CE236" s="898" t="str">
        <f t="shared" si="357"/>
        <v/>
      </c>
      <c r="CF236" s="898" t="str">
        <f t="shared" si="358"/>
        <v/>
      </c>
      <c r="CG236" s="898">
        <f t="shared" si="359"/>
        <v>333934</v>
      </c>
      <c r="CH236" s="898" t="str">
        <f t="shared" si="360"/>
        <v/>
      </c>
      <c r="CI236" s="898" t="str">
        <f t="shared" si="361"/>
        <v/>
      </c>
      <c r="CJ236" s="898" t="str">
        <f t="shared" si="362"/>
        <v/>
      </c>
      <c r="CK236" s="898" t="str">
        <f t="shared" si="363"/>
        <v/>
      </c>
      <c r="CL236" s="898" t="str">
        <f t="shared" si="364"/>
        <v/>
      </c>
      <c r="CM236" s="898" t="str">
        <f t="shared" si="365"/>
        <v/>
      </c>
      <c r="CN236" s="898" t="str">
        <f t="shared" si="366"/>
        <v/>
      </c>
      <c r="CO236" s="898" t="str">
        <f t="shared" si="367"/>
        <v/>
      </c>
      <c r="CP236" s="898" t="str">
        <f t="shared" si="368"/>
        <v/>
      </c>
      <c r="CQ236" s="898" t="str">
        <f t="shared" si="369"/>
        <v/>
      </c>
      <c r="CR236" s="898" t="str">
        <f t="shared" si="370"/>
        <v/>
      </c>
      <c r="CS236" s="898" t="str">
        <f t="shared" si="371"/>
        <v/>
      </c>
      <c r="CT236" s="898" t="str">
        <f t="shared" si="372"/>
        <v/>
      </c>
      <c r="CU236" s="898" t="str">
        <f t="shared" si="373"/>
        <v/>
      </c>
      <c r="CV236" s="898" t="str">
        <f t="shared" si="374"/>
        <v/>
      </c>
      <c r="CW236" s="898" t="str">
        <f t="shared" si="375"/>
        <v/>
      </c>
      <c r="CX236" s="898" t="str">
        <f t="shared" si="376"/>
        <v/>
      </c>
      <c r="CY236" s="898" t="str">
        <f t="shared" si="377"/>
        <v/>
      </c>
      <c r="CZ236" s="898" t="str">
        <f t="shared" si="378"/>
        <v/>
      </c>
      <c r="DA236" s="898" t="str">
        <f t="shared" si="379"/>
        <v/>
      </c>
      <c r="DB236" s="898" t="str">
        <f t="shared" si="380"/>
        <v/>
      </c>
      <c r="DC236" s="898" t="str">
        <f t="shared" si="381"/>
        <v/>
      </c>
      <c r="DD236" s="898" t="str">
        <f t="shared" si="382"/>
        <v/>
      </c>
      <c r="DE236" s="898" t="str">
        <f t="shared" si="383"/>
        <v/>
      </c>
      <c r="DF236" s="898" t="str">
        <f t="shared" si="384"/>
        <v/>
      </c>
      <c r="DG236" s="898" t="str">
        <f t="shared" si="385"/>
        <v/>
      </c>
      <c r="DH236" s="898" t="str">
        <f t="shared" si="386"/>
        <v/>
      </c>
      <c r="DI236" s="898" t="str">
        <f t="shared" si="387"/>
        <v/>
      </c>
      <c r="DJ236" s="898" t="str">
        <f t="shared" si="388"/>
        <v/>
      </c>
      <c r="DK236" s="898" t="str">
        <f t="shared" si="389"/>
        <v/>
      </c>
      <c r="DL236" s="898" t="str">
        <f t="shared" si="390"/>
        <v/>
      </c>
      <c r="DM236" s="661">
        <f t="shared" si="299"/>
        <v>333934</v>
      </c>
      <c r="DN236" s="898">
        <f t="shared" si="300"/>
        <v>0</v>
      </c>
      <c r="DO236" s="516">
        <f t="shared" si="301"/>
        <v>0</v>
      </c>
      <c r="DP236" s="898">
        <f t="shared" si="302"/>
        <v>0</v>
      </c>
      <c r="DQ236" s="483" t="s">
        <v>4049</v>
      </c>
      <c r="DR236" s="483" t="s">
        <v>4032</v>
      </c>
      <c r="DS236" s="522" t="s">
        <v>4033</v>
      </c>
      <c r="DT236" s="632"/>
    </row>
    <row r="237" spans="1:124" s="613" customFormat="1" ht="156.75" x14ac:dyDescent="0.2">
      <c r="A237" s="484" t="str">
        <f t="shared" si="296"/>
        <v>Playing pitches provision to support development of Windfall</v>
      </c>
      <c r="B237" s="1163">
        <v>234</v>
      </c>
      <c r="C237" s="904" t="s">
        <v>4102</v>
      </c>
      <c r="D237" s="904" t="s">
        <v>3207</v>
      </c>
      <c r="E237" s="481" t="s">
        <v>53</v>
      </c>
      <c r="F237" s="481" t="s">
        <v>329</v>
      </c>
      <c r="G237" s="515" t="s">
        <v>1344</v>
      </c>
      <c r="H237" s="513" t="s">
        <v>4103</v>
      </c>
      <c r="I237" s="515"/>
      <c r="J237" s="513" t="s">
        <v>4104</v>
      </c>
      <c r="K237" s="654" t="s">
        <v>3104</v>
      </c>
      <c r="L237" s="657" t="s">
        <v>347</v>
      </c>
      <c r="M237" s="654" t="s">
        <v>2996</v>
      </c>
      <c r="N237" s="654" t="s">
        <v>81</v>
      </c>
      <c r="O237" s="515" t="s">
        <v>525</v>
      </c>
      <c r="P237" s="664" t="s">
        <v>53</v>
      </c>
      <c r="Q237" s="654" t="s">
        <v>3209</v>
      </c>
      <c r="R237" s="654"/>
      <c r="S237" s="654"/>
      <c r="T237" s="723">
        <v>3973820</v>
      </c>
      <c r="U237" s="723"/>
      <c r="V237" s="657" t="s">
        <v>64</v>
      </c>
      <c r="W237" s="723">
        <f t="shared" si="346"/>
        <v>0</v>
      </c>
      <c r="X237" s="745">
        <f t="shared" si="344"/>
        <v>3973820</v>
      </c>
      <c r="Y237" s="723" t="s">
        <v>3106</v>
      </c>
      <c r="Z237" s="723"/>
      <c r="AA237" s="736" t="s">
        <v>82</v>
      </c>
      <c r="AB237" s="654"/>
      <c r="AC237" s="654"/>
      <c r="AD237" s="654"/>
      <c r="AE237" s="654"/>
      <c r="AF237" s="654"/>
      <c r="AG237" s="654"/>
      <c r="AH237" s="654"/>
      <c r="AI237" s="654"/>
      <c r="AJ237" s="654"/>
      <c r="AK237" s="654"/>
      <c r="AL237" s="654"/>
      <c r="AM237" s="654"/>
      <c r="AN237" s="654"/>
      <c r="AO237" s="654"/>
      <c r="AP237" s="654"/>
      <c r="AQ237" s="654"/>
      <c r="AR237" s="746" t="s">
        <v>66</v>
      </c>
      <c r="AS237" s="654"/>
      <c r="AT237" s="654"/>
      <c r="AU237" s="654"/>
      <c r="AV237" s="654"/>
      <c r="AW237" s="654"/>
      <c r="AX237" s="654"/>
      <c r="AY237" s="654"/>
      <c r="AZ237" s="654"/>
      <c r="BA237" s="654"/>
      <c r="BB237" s="654"/>
      <c r="BC237" s="654"/>
      <c r="BD237" s="654"/>
      <c r="BE237" s="654"/>
      <c r="BF237" s="654"/>
      <c r="BG237" s="654"/>
      <c r="BH237" s="654"/>
      <c r="BI237" s="654"/>
      <c r="BJ237" s="654"/>
      <c r="BK237" s="654"/>
      <c r="BL237" s="654"/>
      <c r="BM237" s="654"/>
      <c r="BN237" s="654"/>
      <c r="BO237" s="654"/>
      <c r="BP237" s="654"/>
      <c r="BQ237" s="654"/>
      <c r="BR237" s="654"/>
      <c r="BS237" s="884">
        <f t="shared" si="297"/>
        <v>2380</v>
      </c>
      <c r="BT237" s="661">
        <f t="shared" si="323"/>
        <v>1669.672268907563</v>
      </c>
      <c r="BU237" s="661">
        <f t="shared" si="347"/>
        <v>3973820</v>
      </c>
      <c r="BV237" s="898" t="str">
        <f t="shared" si="348"/>
        <v/>
      </c>
      <c r="BW237" s="898" t="str">
        <f t="shared" si="349"/>
        <v/>
      </c>
      <c r="BX237" s="898" t="str">
        <f t="shared" si="350"/>
        <v/>
      </c>
      <c r="BY237" s="898" t="str">
        <f t="shared" si="351"/>
        <v/>
      </c>
      <c r="BZ237" s="898" t="str">
        <f t="shared" si="352"/>
        <v/>
      </c>
      <c r="CA237" s="898" t="str">
        <f t="shared" si="353"/>
        <v/>
      </c>
      <c r="CB237" s="898" t="str">
        <f t="shared" si="354"/>
        <v/>
      </c>
      <c r="CC237" s="898" t="str">
        <f t="shared" si="355"/>
        <v/>
      </c>
      <c r="CD237" s="898" t="str">
        <f t="shared" si="356"/>
        <v/>
      </c>
      <c r="CE237" s="898" t="str">
        <f t="shared" si="357"/>
        <v/>
      </c>
      <c r="CF237" s="898" t="str">
        <f t="shared" si="358"/>
        <v/>
      </c>
      <c r="CG237" s="898" t="str">
        <f t="shared" si="359"/>
        <v/>
      </c>
      <c r="CH237" s="898" t="str">
        <f t="shared" si="360"/>
        <v/>
      </c>
      <c r="CI237" s="898" t="str">
        <f t="shared" si="361"/>
        <v/>
      </c>
      <c r="CJ237" s="898" t="str">
        <f t="shared" si="362"/>
        <v/>
      </c>
      <c r="CK237" s="898" t="str">
        <f t="shared" si="363"/>
        <v/>
      </c>
      <c r="CL237" s="898">
        <f t="shared" si="364"/>
        <v>3973820</v>
      </c>
      <c r="CM237" s="898" t="str">
        <f t="shared" si="365"/>
        <v/>
      </c>
      <c r="CN237" s="898" t="str">
        <f t="shared" si="366"/>
        <v/>
      </c>
      <c r="CO237" s="898" t="str">
        <f t="shared" si="367"/>
        <v/>
      </c>
      <c r="CP237" s="898" t="str">
        <f t="shared" si="368"/>
        <v/>
      </c>
      <c r="CQ237" s="898" t="str">
        <f t="shared" si="369"/>
        <v/>
      </c>
      <c r="CR237" s="898" t="str">
        <f t="shared" si="370"/>
        <v/>
      </c>
      <c r="CS237" s="898" t="str">
        <f t="shared" si="371"/>
        <v/>
      </c>
      <c r="CT237" s="898" t="str">
        <f t="shared" si="372"/>
        <v/>
      </c>
      <c r="CU237" s="898" t="str">
        <f t="shared" si="373"/>
        <v/>
      </c>
      <c r="CV237" s="898" t="str">
        <f t="shared" si="374"/>
        <v/>
      </c>
      <c r="CW237" s="898" t="str">
        <f t="shared" si="375"/>
        <v/>
      </c>
      <c r="CX237" s="898" t="str">
        <f t="shared" si="376"/>
        <v/>
      </c>
      <c r="CY237" s="898" t="str">
        <f t="shared" si="377"/>
        <v/>
      </c>
      <c r="CZ237" s="898" t="str">
        <f t="shared" si="378"/>
        <v/>
      </c>
      <c r="DA237" s="898" t="str">
        <f t="shared" si="379"/>
        <v/>
      </c>
      <c r="DB237" s="898" t="str">
        <f t="shared" si="380"/>
        <v/>
      </c>
      <c r="DC237" s="898" t="str">
        <f t="shared" si="381"/>
        <v/>
      </c>
      <c r="DD237" s="898" t="str">
        <f t="shared" si="382"/>
        <v/>
      </c>
      <c r="DE237" s="898" t="str">
        <f t="shared" si="383"/>
        <v/>
      </c>
      <c r="DF237" s="898" t="str">
        <f t="shared" si="384"/>
        <v/>
      </c>
      <c r="DG237" s="898" t="str">
        <f t="shared" si="385"/>
        <v/>
      </c>
      <c r="DH237" s="898" t="str">
        <f t="shared" si="386"/>
        <v/>
      </c>
      <c r="DI237" s="898" t="str">
        <f t="shared" si="387"/>
        <v/>
      </c>
      <c r="DJ237" s="898" t="str">
        <f t="shared" si="388"/>
        <v/>
      </c>
      <c r="DK237" s="898" t="str">
        <f t="shared" si="389"/>
        <v/>
      </c>
      <c r="DL237" s="898" t="str">
        <f t="shared" si="390"/>
        <v/>
      </c>
      <c r="DM237" s="661">
        <f t="shared" si="299"/>
        <v>3973820</v>
      </c>
      <c r="DN237" s="898">
        <f t="shared" si="300"/>
        <v>0</v>
      </c>
      <c r="DO237" s="516">
        <f t="shared" si="301"/>
        <v>0</v>
      </c>
      <c r="DP237" s="898">
        <f t="shared" si="302"/>
        <v>0</v>
      </c>
      <c r="DQ237" s="610" t="s">
        <v>4105</v>
      </c>
      <c r="DR237" s="483" t="s">
        <v>4032</v>
      </c>
      <c r="DS237" s="522" t="s">
        <v>4033</v>
      </c>
      <c r="DT237" s="632"/>
    </row>
    <row r="238" spans="1:124" s="613" customFormat="1" ht="171" x14ac:dyDescent="0.2">
      <c r="A238" s="484" t="str">
        <f t="shared" si="296"/>
        <v>Sports provision to support development at North Hemel Hempstead (H1)</v>
      </c>
      <c r="B238" s="1163">
        <v>235</v>
      </c>
      <c r="C238" s="904" t="s">
        <v>4106</v>
      </c>
      <c r="D238" s="511" t="s">
        <v>2182</v>
      </c>
      <c r="E238" s="511" t="s">
        <v>1385</v>
      </c>
      <c r="F238" s="481" t="s">
        <v>329</v>
      </c>
      <c r="G238" s="515" t="s">
        <v>1345</v>
      </c>
      <c r="H238" s="513" t="s">
        <v>4107</v>
      </c>
      <c r="I238" s="515"/>
      <c r="J238" s="1328" t="s">
        <v>4108</v>
      </c>
      <c r="K238" s="657" t="s">
        <v>3104</v>
      </c>
      <c r="L238" s="515" t="s">
        <v>1375</v>
      </c>
      <c r="M238" s="654" t="s">
        <v>3027</v>
      </c>
      <c r="N238" s="657" t="s">
        <v>8</v>
      </c>
      <c r="O238" s="515" t="s">
        <v>525</v>
      </c>
      <c r="P238" s="654" t="s">
        <v>1385</v>
      </c>
      <c r="Q238" s="654" t="s">
        <v>3209</v>
      </c>
      <c r="R238" s="657"/>
      <c r="S238" s="657"/>
      <c r="T238" s="523">
        <v>1676359</v>
      </c>
      <c r="U238" s="523"/>
      <c r="V238" s="657" t="s">
        <v>64</v>
      </c>
      <c r="W238" s="723">
        <f t="shared" si="346"/>
        <v>0</v>
      </c>
      <c r="X238" s="745">
        <f t="shared" si="344"/>
        <v>1676359</v>
      </c>
      <c r="Y238" s="723" t="s">
        <v>3106</v>
      </c>
      <c r="Z238" s="723"/>
      <c r="AA238" s="736" t="s">
        <v>82</v>
      </c>
      <c r="AB238" s="516"/>
      <c r="AC238" s="516"/>
      <c r="AD238" s="516"/>
      <c r="AE238" s="516"/>
      <c r="AF238" s="516"/>
      <c r="AG238" s="516"/>
      <c r="AH238" s="516"/>
      <c r="AI238" s="516"/>
      <c r="AJ238" s="516"/>
      <c r="AK238" s="516"/>
      <c r="AL238" s="516"/>
      <c r="AM238" s="516"/>
      <c r="AN238" s="516"/>
      <c r="AO238" s="516"/>
      <c r="AP238" s="516"/>
      <c r="AQ238" s="516"/>
      <c r="AR238" s="516"/>
      <c r="AS238" s="516"/>
      <c r="AT238" s="516"/>
      <c r="AU238" s="516"/>
      <c r="AV238" s="516"/>
      <c r="AW238" s="516"/>
      <c r="AX238" s="516"/>
      <c r="AY238" s="516"/>
      <c r="AZ238" s="516"/>
      <c r="BA238" s="516"/>
      <c r="BB238" s="516"/>
      <c r="BC238" s="516"/>
      <c r="BD238" s="516"/>
      <c r="BE238" s="516"/>
      <c r="BF238" s="516"/>
      <c r="BG238" s="516"/>
      <c r="BH238" s="516"/>
      <c r="BI238" s="516"/>
      <c r="BJ238" s="516"/>
      <c r="BK238" s="516"/>
      <c r="BL238" s="516"/>
      <c r="BM238" s="516"/>
      <c r="BN238" s="516"/>
      <c r="BO238" s="516" t="s">
        <v>66</v>
      </c>
      <c r="BP238" s="516"/>
      <c r="BQ238" s="516"/>
      <c r="BR238" s="516"/>
      <c r="BS238" s="884">
        <f t="shared" si="297"/>
        <v>1500</v>
      </c>
      <c r="BT238" s="661">
        <f t="shared" si="323"/>
        <v>1117.5726666666667</v>
      </c>
      <c r="BU238" s="661">
        <f t="shared" si="347"/>
        <v>1676359</v>
      </c>
      <c r="BV238" s="898" t="str">
        <f t="shared" si="348"/>
        <v/>
      </c>
      <c r="BW238" s="898" t="str">
        <f t="shared" si="349"/>
        <v/>
      </c>
      <c r="BX238" s="898" t="str">
        <f t="shared" si="350"/>
        <v/>
      </c>
      <c r="BY238" s="898" t="str">
        <f t="shared" si="351"/>
        <v/>
      </c>
      <c r="BZ238" s="898" t="str">
        <f t="shared" si="352"/>
        <v/>
      </c>
      <c r="CA238" s="898" t="str">
        <f t="shared" si="353"/>
        <v/>
      </c>
      <c r="CB238" s="898" t="str">
        <f t="shared" si="354"/>
        <v/>
      </c>
      <c r="CC238" s="898" t="str">
        <f t="shared" si="355"/>
        <v/>
      </c>
      <c r="CD238" s="898" t="str">
        <f t="shared" si="356"/>
        <v/>
      </c>
      <c r="CE238" s="898" t="str">
        <f t="shared" si="357"/>
        <v/>
      </c>
      <c r="CF238" s="898" t="str">
        <f t="shared" si="358"/>
        <v/>
      </c>
      <c r="CG238" s="898" t="str">
        <f t="shared" si="359"/>
        <v/>
      </c>
      <c r="CH238" s="898" t="str">
        <f t="shared" si="360"/>
        <v/>
      </c>
      <c r="CI238" s="898" t="str">
        <f t="shared" si="361"/>
        <v/>
      </c>
      <c r="CJ238" s="898" t="str">
        <f t="shared" si="362"/>
        <v/>
      </c>
      <c r="CK238" s="898" t="str">
        <f t="shared" si="363"/>
        <v/>
      </c>
      <c r="CL238" s="898" t="str">
        <f t="shared" si="364"/>
        <v/>
      </c>
      <c r="CM238" s="898" t="str">
        <f t="shared" si="365"/>
        <v/>
      </c>
      <c r="CN238" s="898" t="str">
        <f t="shared" si="366"/>
        <v/>
      </c>
      <c r="CO238" s="898" t="str">
        <f t="shared" si="367"/>
        <v/>
      </c>
      <c r="CP238" s="898" t="str">
        <f t="shared" si="368"/>
        <v/>
      </c>
      <c r="CQ238" s="898" t="str">
        <f t="shared" si="369"/>
        <v/>
      </c>
      <c r="CR238" s="898" t="str">
        <f t="shared" si="370"/>
        <v/>
      </c>
      <c r="CS238" s="898" t="str">
        <f t="shared" si="371"/>
        <v/>
      </c>
      <c r="CT238" s="898" t="str">
        <f t="shared" si="372"/>
        <v/>
      </c>
      <c r="CU238" s="898" t="str">
        <f t="shared" si="373"/>
        <v/>
      </c>
      <c r="CV238" s="898" t="str">
        <f t="shared" si="374"/>
        <v/>
      </c>
      <c r="CW238" s="898" t="str">
        <f t="shared" si="375"/>
        <v/>
      </c>
      <c r="CX238" s="898" t="str">
        <f t="shared" si="376"/>
        <v/>
      </c>
      <c r="CY238" s="898" t="str">
        <f t="shared" si="377"/>
        <v/>
      </c>
      <c r="CZ238" s="898" t="str">
        <f t="shared" si="378"/>
        <v/>
      </c>
      <c r="DA238" s="898" t="str">
        <f t="shared" si="379"/>
        <v/>
      </c>
      <c r="DB238" s="898" t="str">
        <f t="shared" si="380"/>
        <v/>
      </c>
      <c r="DC238" s="898" t="str">
        <f t="shared" si="381"/>
        <v/>
      </c>
      <c r="DD238" s="898" t="str">
        <f t="shared" si="382"/>
        <v/>
      </c>
      <c r="DE238" s="898" t="str">
        <f t="shared" si="383"/>
        <v/>
      </c>
      <c r="DF238" s="898" t="str">
        <f t="shared" si="384"/>
        <v/>
      </c>
      <c r="DG238" s="898" t="str">
        <f t="shared" si="385"/>
        <v/>
      </c>
      <c r="DH238" s="898" t="str">
        <f t="shared" si="386"/>
        <v/>
      </c>
      <c r="DI238" s="898">
        <f t="shared" si="387"/>
        <v>1676359</v>
      </c>
      <c r="DJ238" s="898" t="str">
        <f t="shared" si="388"/>
        <v/>
      </c>
      <c r="DK238" s="898" t="str">
        <f t="shared" si="389"/>
        <v/>
      </c>
      <c r="DL238" s="898" t="str">
        <f t="shared" si="390"/>
        <v/>
      </c>
      <c r="DM238" s="661">
        <f t="shared" si="299"/>
        <v>0</v>
      </c>
      <c r="DN238" s="898">
        <f t="shared" si="300"/>
        <v>1676359</v>
      </c>
      <c r="DO238" s="516">
        <f t="shared" si="301"/>
        <v>0</v>
      </c>
      <c r="DP238" s="898">
        <f t="shared" si="302"/>
        <v>0</v>
      </c>
      <c r="DQ238" s="522" t="s">
        <v>4109</v>
      </c>
      <c r="DR238" s="483" t="s">
        <v>4032</v>
      </c>
      <c r="DS238" s="522" t="s">
        <v>4110</v>
      </c>
      <c r="DT238" s="632"/>
    </row>
    <row r="239" spans="1:124" s="613" customFormat="1" ht="171" x14ac:dyDescent="0.2">
      <c r="A239" s="484" t="str">
        <f t="shared" si="296"/>
        <v>Sports provision to support development at East Hemel Hempstead (North) (H2)</v>
      </c>
      <c r="B239" s="1163">
        <v>236</v>
      </c>
      <c r="C239" s="904" t="s">
        <v>4111</v>
      </c>
      <c r="D239" s="511" t="s">
        <v>2182</v>
      </c>
      <c r="E239" s="511" t="s">
        <v>1385</v>
      </c>
      <c r="F239" s="481" t="s">
        <v>329</v>
      </c>
      <c r="G239" s="515" t="s">
        <v>1345</v>
      </c>
      <c r="H239" s="513" t="s">
        <v>4112</v>
      </c>
      <c r="I239" s="515"/>
      <c r="J239" s="513" t="s">
        <v>4113</v>
      </c>
      <c r="K239" s="657" t="s">
        <v>3104</v>
      </c>
      <c r="L239" s="515" t="s">
        <v>1376</v>
      </c>
      <c r="M239" s="663" t="s">
        <v>3325</v>
      </c>
      <c r="N239" s="657" t="s">
        <v>8</v>
      </c>
      <c r="O239" s="515" t="s">
        <v>525</v>
      </c>
      <c r="P239" s="654" t="s">
        <v>1385</v>
      </c>
      <c r="Q239" s="654" t="s">
        <v>3209</v>
      </c>
      <c r="R239" s="657"/>
      <c r="S239" s="657"/>
      <c r="T239" s="523">
        <v>1788917</v>
      </c>
      <c r="U239" s="523"/>
      <c r="V239" s="657" t="s">
        <v>64</v>
      </c>
      <c r="W239" s="723">
        <f t="shared" si="346"/>
        <v>0</v>
      </c>
      <c r="X239" s="745">
        <f t="shared" si="344"/>
        <v>1788917</v>
      </c>
      <c r="Y239" s="723" t="s">
        <v>3106</v>
      </c>
      <c r="Z239" s="723"/>
      <c r="AA239" s="736" t="s">
        <v>82</v>
      </c>
      <c r="AB239" s="516"/>
      <c r="AC239" s="516"/>
      <c r="AD239" s="516"/>
      <c r="AE239" s="516"/>
      <c r="AF239" s="516"/>
      <c r="AG239" s="516"/>
      <c r="AH239" s="516"/>
      <c r="AI239" s="516"/>
      <c r="AJ239" s="516"/>
      <c r="AK239" s="516"/>
      <c r="AL239" s="516"/>
      <c r="AM239" s="516"/>
      <c r="AN239" s="516"/>
      <c r="AO239" s="516"/>
      <c r="AP239" s="516"/>
      <c r="AQ239" s="516"/>
      <c r="AR239" s="516"/>
      <c r="AS239" s="516"/>
      <c r="AT239" s="516"/>
      <c r="AU239" s="516"/>
      <c r="AV239" s="516"/>
      <c r="AW239" s="516"/>
      <c r="AX239" s="516"/>
      <c r="AY239" s="516"/>
      <c r="AZ239" s="516"/>
      <c r="BA239" s="516"/>
      <c r="BB239" s="516"/>
      <c r="BC239" s="516"/>
      <c r="BD239" s="516"/>
      <c r="BE239" s="516"/>
      <c r="BF239" s="516"/>
      <c r="BG239" s="516"/>
      <c r="BH239" s="516"/>
      <c r="BI239" s="516"/>
      <c r="BJ239" s="516"/>
      <c r="BK239" s="516"/>
      <c r="BL239" s="516"/>
      <c r="BM239" s="516"/>
      <c r="BN239" s="516"/>
      <c r="BO239" s="516"/>
      <c r="BP239" s="516" t="s">
        <v>66</v>
      </c>
      <c r="BQ239" s="516"/>
      <c r="BR239" s="516"/>
      <c r="BS239" s="884">
        <f t="shared" si="297"/>
        <v>1600</v>
      </c>
      <c r="BT239" s="661">
        <f t="shared" ref="BT239:BT270" si="391">X239/BS239</f>
        <v>1118.0731249999999</v>
      </c>
      <c r="BU239" s="661">
        <f t="shared" si="347"/>
        <v>1788917</v>
      </c>
      <c r="BV239" s="898" t="str">
        <f t="shared" si="348"/>
        <v/>
      </c>
      <c r="BW239" s="898" t="str">
        <f t="shared" si="349"/>
        <v/>
      </c>
      <c r="BX239" s="898" t="str">
        <f t="shared" si="350"/>
        <v/>
      </c>
      <c r="BY239" s="898" t="str">
        <f t="shared" si="351"/>
        <v/>
      </c>
      <c r="BZ239" s="898" t="str">
        <f t="shared" si="352"/>
        <v/>
      </c>
      <c r="CA239" s="898" t="str">
        <f t="shared" si="353"/>
        <v/>
      </c>
      <c r="CB239" s="898" t="str">
        <f t="shared" si="354"/>
        <v/>
      </c>
      <c r="CC239" s="898" t="str">
        <f t="shared" si="355"/>
        <v/>
      </c>
      <c r="CD239" s="898" t="str">
        <f t="shared" si="356"/>
        <v/>
      </c>
      <c r="CE239" s="898" t="str">
        <f t="shared" si="357"/>
        <v/>
      </c>
      <c r="CF239" s="898" t="str">
        <f t="shared" si="358"/>
        <v/>
      </c>
      <c r="CG239" s="898" t="str">
        <f t="shared" si="359"/>
        <v/>
      </c>
      <c r="CH239" s="898" t="str">
        <f t="shared" si="360"/>
        <v/>
      </c>
      <c r="CI239" s="898" t="str">
        <f t="shared" si="361"/>
        <v/>
      </c>
      <c r="CJ239" s="898" t="str">
        <f t="shared" si="362"/>
        <v/>
      </c>
      <c r="CK239" s="898" t="str">
        <f t="shared" si="363"/>
        <v/>
      </c>
      <c r="CL239" s="898" t="str">
        <f t="shared" si="364"/>
        <v/>
      </c>
      <c r="CM239" s="898" t="str">
        <f t="shared" si="365"/>
        <v/>
      </c>
      <c r="CN239" s="898" t="str">
        <f t="shared" si="366"/>
        <v/>
      </c>
      <c r="CO239" s="898" t="str">
        <f t="shared" si="367"/>
        <v/>
      </c>
      <c r="CP239" s="898" t="str">
        <f t="shared" si="368"/>
        <v/>
      </c>
      <c r="CQ239" s="898" t="str">
        <f t="shared" si="369"/>
        <v/>
      </c>
      <c r="CR239" s="898" t="str">
        <f t="shared" si="370"/>
        <v/>
      </c>
      <c r="CS239" s="898" t="str">
        <f t="shared" si="371"/>
        <v/>
      </c>
      <c r="CT239" s="898" t="str">
        <f t="shared" si="372"/>
        <v/>
      </c>
      <c r="CU239" s="898" t="str">
        <f t="shared" si="373"/>
        <v/>
      </c>
      <c r="CV239" s="898" t="str">
        <f t="shared" si="374"/>
        <v/>
      </c>
      <c r="CW239" s="898" t="str">
        <f t="shared" si="375"/>
        <v/>
      </c>
      <c r="CX239" s="898" t="str">
        <f t="shared" si="376"/>
        <v/>
      </c>
      <c r="CY239" s="898" t="str">
        <f t="shared" si="377"/>
        <v/>
      </c>
      <c r="CZ239" s="898" t="str">
        <f t="shared" si="378"/>
        <v/>
      </c>
      <c r="DA239" s="898" t="str">
        <f t="shared" si="379"/>
        <v/>
      </c>
      <c r="DB239" s="898" t="str">
        <f t="shared" si="380"/>
        <v/>
      </c>
      <c r="DC239" s="898" t="str">
        <f t="shared" si="381"/>
        <v/>
      </c>
      <c r="DD239" s="898" t="str">
        <f t="shared" si="382"/>
        <v/>
      </c>
      <c r="DE239" s="898" t="str">
        <f t="shared" si="383"/>
        <v/>
      </c>
      <c r="DF239" s="898" t="str">
        <f t="shared" si="384"/>
        <v/>
      </c>
      <c r="DG239" s="898" t="str">
        <f t="shared" si="385"/>
        <v/>
      </c>
      <c r="DH239" s="898" t="str">
        <f t="shared" si="386"/>
        <v/>
      </c>
      <c r="DI239" s="898" t="str">
        <f t="shared" si="387"/>
        <v/>
      </c>
      <c r="DJ239" s="898">
        <f t="shared" si="388"/>
        <v>1788917</v>
      </c>
      <c r="DK239" s="898" t="str">
        <f t="shared" si="389"/>
        <v/>
      </c>
      <c r="DL239" s="898" t="str">
        <f t="shared" si="390"/>
        <v/>
      </c>
      <c r="DM239" s="661">
        <f t="shared" si="299"/>
        <v>0</v>
      </c>
      <c r="DN239" s="898">
        <f t="shared" si="300"/>
        <v>1788917</v>
      </c>
      <c r="DO239" s="516">
        <f t="shared" si="301"/>
        <v>0</v>
      </c>
      <c r="DP239" s="898">
        <f t="shared" si="302"/>
        <v>0</v>
      </c>
      <c r="DQ239" s="522" t="s">
        <v>4114</v>
      </c>
      <c r="DR239" s="483" t="s">
        <v>4032</v>
      </c>
      <c r="DS239" s="522" t="s">
        <v>4110</v>
      </c>
      <c r="DT239" s="632"/>
    </row>
    <row r="240" spans="1:124" s="613" customFormat="1" ht="171" x14ac:dyDescent="0.2">
      <c r="A240" s="484" t="str">
        <f t="shared" si="296"/>
        <v>Sports provision to support development at East Hemel Hempstead (South) (H4)</v>
      </c>
      <c r="B240" s="1163">
        <v>237</v>
      </c>
      <c r="C240" s="904" t="s">
        <v>4115</v>
      </c>
      <c r="D240" s="511" t="s">
        <v>2182</v>
      </c>
      <c r="E240" s="511" t="s">
        <v>1385</v>
      </c>
      <c r="F240" s="481" t="s">
        <v>329</v>
      </c>
      <c r="G240" s="515" t="s">
        <v>1345</v>
      </c>
      <c r="H240" s="513" t="s">
        <v>4116</v>
      </c>
      <c r="I240" s="515"/>
      <c r="J240" s="513" t="s">
        <v>4117</v>
      </c>
      <c r="K240" s="657" t="s">
        <v>3104</v>
      </c>
      <c r="L240" s="515" t="s">
        <v>1377</v>
      </c>
      <c r="M240" s="663" t="s">
        <v>3325</v>
      </c>
      <c r="N240" s="657" t="s">
        <v>8</v>
      </c>
      <c r="O240" s="515" t="s">
        <v>525</v>
      </c>
      <c r="P240" s="654" t="s">
        <v>1385</v>
      </c>
      <c r="Q240" s="654" t="s">
        <v>3209</v>
      </c>
      <c r="R240" s="657"/>
      <c r="S240" s="657"/>
      <c r="T240" s="523">
        <v>2682176</v>
      </c>
      <c r="U240" s="523"/>
      <c r="V240" s="657" t="s">
        <v>64</v>
      </c>
      <c r="W240" s="723">
        <f t="shared" si="346"/>
        <v>0</v>
      </c>
      <c r="X240" s="745">
        <f t="shared" si="344"/>
        <v>2682176</v>
      </c>
      <c r="Y240" s="723" t="s">
        <v>3106</v>
      </c>
      <c r="Z240" s="723"/>
      <c r="AA240" s="736" t="s">
        <v>82</v>
      </c>
      <c r="AB240" s="516"/>
      <c r="AC240" s="516"/>
      <c r="AD240" s="516"/>
      <c r="AE240" s="516"/>
      <c r="AF240" s="516"/>
      <c r="AG240" s="516"/>
      <c r="AH240" s="516"/>
      <c r="AI240" s="516"/>
      <c r="AJ240" s="516"/>
      <c r="AK240" s="516"/>
      <c r="AL240" s="516"/>
      <c r="AM240" s="516"/>
      <c r="AN240" s="516"/>
      <c r="AO240" s="516"/>
      <c r="AP240" s="516"/>
      <c r="AQ240" s="516"/>
      <c r="AR240" s="516"/>
      <c r="AS240" s="516"/>
      <c r="AT240" s="516"/>
      <c r="AU240" s="516"/>
      <c r="AV240" s="516"/>
      <c r="AW240" s="516"/>
      <c r="AX240" s="516"/>
      <c r="AY240" s="516"/>
      <c r="AZ240" s="516"/>
      <c r="BA240" s="516"/>
      <c r="BB240" s="516"/>
      <c r="BC240" s="516"/>
      <c r="BD240" s="516"/>
      <c r="BE240" s="516"/>
      <c r="BF240" s="516"/>
      <c r="BG240" s="516"/>
      <c r="BH240" s="516"/>
      <c r="BI240" s="516"/>
      <c r="BJ240" s="516"/>
      <c r="BK240" s="516"/>
      <c r="BL240" s="516"/>
      <c r="BM240" s="516"/>
      <c r="BN240" s="516"/>
      <c r="BO240" s="516"/>
      <c r="BP240" s="516"/>
      <c r="BQ240" s="516" t="s">
        <v>66</v>
      </c>
      <c r="BR240" s="516"/>
      <c r="BS240" s="884">
        <f t="shared" si="297"/>
        <v>2400</v>
      </c>
      <c r="BT240" s="661">
        <f t="shared" si="391"/>
        <v>1117.5733333333333</v>
      </c>
      <c r="BU240" s="661">
        <f t="shared" si="347"/>
        <v>2682176</v>
      </c>
      <c r="BV240" s="898" t="str">
        <f t="shared" si="348"/>
        <v/>
      </c>
      <c r="BW240" s="898" t="str">
        <f t="shared" si="349"/>
        <v/>
      </c>
      <c r="BX240" s="898" t="str">
        <f t="shared" si="350"/>
        <v/>
      </c>
      <c r="BY240" s="898" t="str">
        <f t="shared" si="351"/>
        <v/>
      </c>
      <c r="BZ240" s="898" t="str">
        <f t="shared" si="352"/>
        <v/>
      </c>
      <c r="CA240" s="898" t="str">
        <f t="shared" si="353"/>
        <v/>
      </c>
      <c r="CB240" s="898" t="str">
        <f t="shared" si="354"/>
        <v/>
      </c>
      <c r="CC240" s="898" t="str">
        <f t="shared" si="355"/>
        <v/>
      </c>
      <c r="CD240" s="898" t="str">
        <f t="shared" si="356"/>
        <v/>
      </c>
      <c r="CE240" s="898" t="str">
        <f t="shared" si="357"/>
        <v/>
      </c>
      <c r="CF240" s="898" t="str">
        <f t="shared" si="358"/>
        <v/>
      </c>
      <c r="CG240" s="898" t="str">
        <f t="shared" si="359"/>
        <v/>
      </c>
      <c r="CH240" s="898" t="str">
        <f t="shared" si="360"/>
        <v/>
      </c>
      <c r="CI240" s="898" t="str">
        <f t="shared" si="361"/>
        <v/>
      </c>
      <c r="CJ240" s="898" t="str">
        <f t="shared" si="362"/>
        <v/>
      </c>
      <c r="CK240" s="898" t="str">
        <f t="shared" si="363"/>
        <v/>
      </c>
      <c r="CL240" s="898" t="str">
        <f t="shared" si="364"/>
        <v/>
      </c>
      <c r="CM240" s="898" t="str">
        <f t="shared" si="365"/>
        <v/>
      </c>
      <c r="CN240" s="898" t="str">
        <f t="shared" si="366"/>
        <v/>
      </c>
      <c r="CO240" s="898" t="str">
        <f t="shared" si="367"/>
        <v/>
      </c>
      <c r="CP240" s="898" t="str">
        <f t="shared" si="368"/>
        <v/>
      </c>
      <c r="CQ240" s="898" t="str">
        <f t="shared" si="369"/>
        <v/>
      </c>
      <c r="CR240" s="898" t="str">
        <f t="shared" si="370"/>
        <v/>
      </c>
      <c r="CS240" s="898" t="str">
        <f t="shared" si="371"/>
        <v/>
      </c>
      <c r="CT240" s="898" t="str">
        <f t="shared" si="372"/>
        <v/>
      </c>
      <c r="CU240" s="898" t="str">
        <f t="shared" si="373"/>
        <v/>
      </c>
      <c r="CV240" s="898" t="str">
        <f t="shared" si="374"/>
        <v/>
      </c>
      <c r="CW240" s="898" t="str">
        <f t="shared" si="375"/>
        <v/>
      </c>
      <c r="CX240" s="898" t="str">
        <f t="shared" si="376"/>
        <v/>
      </c>
      <c r="CY240" s="898" t="str">
        <f t="shared" si="377"/>
        <v/>
      </c>
      <c r="CZ240" s="898" t="str">
        <f t="shared" si="378"/>
        <v/>
      </c>
      <c r="DA240" s="898" t="str">
        <f t="shared" si="379"/>
        <v/>
      </c>
      <c r="DB240" s="898" t="str">
        <f t="shared" si="380"/>
        <v/>
      </c>
      <c r="DC240" s="898" t="str">
        <f t="shared" si="381"/>
        <v/>
      </c>
      <c r="DD240" s="898" t="str">
        <f t="shared" si="382"/>
        <v/>
      </c>
      <c r="DE240" s="898" t="str">
        <f t="shared" si="383"/>
        <v/>
      </c>
      <c r="DF240" s="898" t="str">
        <f t="shared" si="384"/>
        <v/>
      </c>
      <c r="DG240" s="898" t="str">
        <f t="shared" si="385"/>
        <v/>
      </c>
      <c r="DH240" s="898" t="str">
        <f t="shared" si="386"/>
        <v/>
      </c>
      <c r="DI240" s="898" t="str">
        <f t="shared" si="387"/>
        <v/>
      </c>
      <c r="DJ240" s="898" t="str">
        <f t="shared" si="388"/>
        <v/>
      </c>
      <c r="DK240" s="898">
        <f t="shared" si="389"/>
        <v>2682176</v>
      </c>
      <c r="DL240" s="898" t="str">
        <f t="shared" si="390"/>
        <v/>
      </c>
      <c r="DM240" s="661">
        <f t="shared" si="299"/>
        <v>0</v>
      </c>
      <c r="DN240" s="898">
        <f t="shared" si="300"/>
        <v>2682176</v>
      </c>
      <c r="DO240" s="516">
        <f t="shared" si="301"/>
        <v>0</v>
      </c>
      <c r="DP240" s="898">
        <f t="shared" si="302"/>
        <v>0</v>
      </c>
      <c r="DQ240" s="522" t="s">
        <v>4118</v>
      </c>
      <c r="DR240" s="483" t="s">
        <v>4032</v>
      </c>
      <c r="DS240" s="522" t="s">
        <v>4110</v>
      </c>
      <c r="DT240" s="632"/>
    </row>
    <row r="241" spans="1:124" s="613" customFormat="1" ht="156.75" x14ac:dyDescent="0.2">
      <c r="A241" s="484" t="str">
        <f t="shared" si="296"/>
        <v>Sports provision to support development at North Hemel Hempstead (Hm01)</v>
      </c>
      <c r="B241" s="1163">
        <v>238</v>
      </c>
      <c r="C241" s="722" t="s">
        <v>4119</v>
      </c>
      <c r="D241" s="722" t="s">
        <v>3207</v>
      </c>
      <c r="E241" s="481" t="s">
        <v>53</v>
      </c>
      <c r="F241" s="481" t="s">
        <v>329</v>
      </c>
      <c r="G241" s="515" t="s">
        <v>1345</v>
      </c>
      <c r="H241" s="513" t="s">
        <v>4120</v>
      </c>
      <c r="I241" s="515"/>
      <c r="J241" s="513" t="s">
        <v>4121</v>
      </c>
      <c r="K241" s="657" t="s">
        <v>3104</v>
      </c>
      <c r="L241" s="657" t="s">
        <v>1360</v>
      </c>
      <c r="M241" s="657" t="s">
        <v>3027</v>
      </c>
      <c r="N241" s="657" t="s">
        <v>8</v>
      </c>
      <c r="O241" s="515" t="s">
        <v>525</v>
      </c>
      <c r="P241" s="664" t="s">
        <v>53</v>
      </c>
      <c r="Q241" s="654" t="s">
        <v>3209</v>
      </c>
      <c r="R241" s="657"/>
      <c r="S241" s="657"/>
      <c r="T241" s="744">
        <v>5562272</v>
      </c>
      <c r="U241" s="744"/>
      <c r="V241" s="657" t="s">
        <v>64</v>
      </c>
      <c r="W241" s="723">
        <f t="shared" si="346"/>
        <v>0</v>
      </c>
      <c r="X241" s="745">
        <f t="shared" si="344"/>
        <v>5562272</v>
      </c>
      <c r="Y241" s="723" t="s">
        <v>3106</v>
      </c>
      <c r="Z241" s="723"/>
      <c r="AA241" s="736" t="s">
        <v>82</v>
      </c>
      <c r="AB241" s="896" t="s">
        <v>66</v>
      </c>
      <c r="AC241" s="676"/>
      <c r="AD241" s="676"/>
      <c r="AE241" s="676"/>
      <c r="AF241" s="676"/>
      <c r="AG241" s="676"/>
      <c r="AH241" s="676"/>
      <c r="AI241" s="676"/>
      <c r="AJ241" s="676"/>
      <c r="AK241" s="676"/>
      <c r="AL241" s="676"/>
      <c r="AM241" s="676"/>
      <c r="AN241" s="676"/>
      <c r="AO241" s="676"/>
      <c r="AP241" s="676"/>
      <c r="AQ241" s="676"/>
      <c r="AR241" s="676"/>
      <c r="AS241" s="676"/>
      <c r="AT241" s="676"/>
      <c r="AU241" s="676"/>
      <c r="AV241" s="676"/>
      <c r="AW241" s="676"/>
      <c r="AX241" s="676"/>
      <c r="AY241" s="676"/>
      <c r="AZ241" s="676"/>
      <c r="BA241" s="676"/>
      <c r="BB241" s="676"/>
      <c r="BC241" s="676"/>
      <c r="BD241" s="676"/>
      <c r="BE241" s="676"/>
      <c r="BF241" s="676"/>
      <c r="BG241" s="676"/>
      <c r="BH241" s="676"/>
      <c r="BI241" s="676"/>
      <c r="BJ241" s="676"/>
      <c r="BK241" s="676"/>
      <c r="BL241" s="676"/>
      <c r="BM241" s="676"/>
      <c r="BN241" s="676"/>
      <c r="BO241" s="676"/>
      <c r="BP241" s="676"/>
      <c r="BQ241" s="676"/>
      <c r="BR241" s="676"/>
      <c r="BS241" s="884">
        <f t="shared" si="297"/>
        <v>5000</v>
      </c>
      <c r="BT241" s="661">
        <f t="shared" si="391"/>
        <v>1112.4544000000001</v>
      </c>
      <c r="BU241" s="661">
        <f t="shared" si="347"/>
        <v>5562272</v>
      </c>
      <c r="BV241" s="898">
        <f t="shared" si="348"/>
        <v>5562272</v>
      </c>
      <c r="BW241" s="898" t="str">
        <f t="shared" si="349"/>
        <v/>
      </c>
      <c r="BX241" s="898" t="str">
        <f t="shared" si="350"/>
        <v/>
      </c>
      <c r="BY241" s="898" t="str">
        <f t="shared" si="351"/>
        <v/>
      </c>
      <c r="BZ241" s="898" t="str">
        <f t="shared" si="352"/>
        <v/>
      </c>
      <c r="CA241" s="898" t="str">
        <f t="shared" si="353"/>
        <v/>
      </c>
      <c r="CB241" s="898" t="str">
        <f t="shared" si="354"/>
        <v/>
      </c>
      <c r="CC241" s="898" t="str">
        <f t="shared" si="355"/>
        <v/>
      </c>
      <c r="CD241" s="898" t="str">
        <f t="shared" si="356"/>
        <v/>
      </c>
      <c r="CE241" s="898" t="str">
        <f t="shared" si="357"/>
        <v/>
      </c>
      <c r="CF241" s="898" t="str">
        <f t="shared" si="358"/>
        <v/>
      </c>
      <c r="CG241" s="898" t="str">
        <f t="shared" si="359"/>
        <v/>
      </c>
      <c r="CH241" s="898" t="str">
        <f t="shared" si="360"/>
        <v/>
      </c>
      <c r="CI241" s="898" t="str">
        <f t="shared" si="361"/>
        <v/>
      </c>
      <c r="CJ241" s="898" t="str">
        <f t="shared" si="362"/>
        <v/>
      </c>
      <c r="CK241" s="898" t="str">
        <f t="shared" si="363"/>
        <v/>
      </c>
      <c r="CL241" s="898" t="str">
        <f t="shared" si="364"/>
        <v/>
      </c>
      <c r="CM241" s="898" t="str">
        <f t="shared" si="365"/>
        <v/>
      </c>
      <c r="CN241" s="898" t="str">
        <f t="shared" si="366"/>
        <v/>
      </c>
      <c r="CO241" s="898" t="str">
        <f t="shared" si="367"/>
        <v/>
      </c>
      <c r="CP241" s="898" t="str">
        <f t="shared" si="368"/>
        <v/>
      </c>
      <c r="CQ241" s="898" t="str">
        <f t="shared" si="369"/>
        <v/>
      </c>
      <c r="CR241" s="898" t="str">
        <f t="shared" si="370"/>
        <v/>
      </c>
      <c r="CS241" s="898" t="str">
        <f t="shared" si="371"/>
        <v/>
      </c>
      <c r="CT241" s="898" t="str">
        <f t="shared" si="372"/>
        <v/>
      </c>
      <c r="CU241" s="898" t="str">
        <f t="shared" si="373"/>
        <v/>
      </c>
      <c r="CV241" s="898" t="str">
        <f t="shared" si="374"/>
        <v/>
      </c>
      <c r="CW241" s="898" t="str">
        <f t="shared" si="375"/>
        <v/>
      </c>
      <c r="CX241" s="898" t="str">
        <f t="shared" si="376"/>
        <v/>
      </c>
      <c r="CY241" s="898" t="str">
        <f t="shared" si="377"/>
        <v/>
      </c>
      <c r="CZ241" s="898" t="str">
        <f t="shared" si="378"/>
        <v/>
      </c>
      <c r="DA241" s="898" t="str">
        <f t="shared" si="379"/>
        <v/>
      </c>
      <c r="DB241" s="898" t="str">
        <f t="shared" si="380"/>
        <v/>
      </c>
      <c r="DC241" s="898" t="str">
        <f t="shared" si="381"/>
        <v/>
      </c>
      <c r="DD241" s="898" t="str">
        <f t="shared" si="382"/>
        <v/>
      </c>
      <c r="DE241" s="898" t="str">
        <f t="shared" si="383"/>
        <v/>
      </c>
      <c r="DF241" s="898" t="str">
        <f t="shared" si="384"/>
        <v/>
      </c>
      <c r="DG241" s="898" t="str">
        <f t="shared" si="385"/>
        <v/>
      </c>
      <c r="DH241" s="898" t="str">
        <f t="shared" si="386"/>
        <v/>
      </c>
      <c r="DI241" s="898" t="str">
        <f t="shared" si="387"/>
        <v/>
      </c>
      <c r="DJ241" s="898" t="str">
        <f t="shared" si="388"/>
        <v/>
      </c>
      <c r="DK241" s="898" t="str">
        <f t="shared" si="389"/>
        <v/>
      </c>
      <c r="DL241" s="898" t="str">
        <f t="shared" si="390"/>
        <v/>
      </c>
      <c r="DM241" s="661">
        <f t="shared" si="299"/>
        <v>5562272</v>
      </c>
      <c r="DN241" s="898">
        <f t="shared" si="300"/>
        <v>0</v>
      </c>
      <c r="DO241" s="516">
        <f t="shared" si="301"/>
        <v>0</v>
      </c>
      <c r="DP241" s="898">
        <f t="shared" si="302"/>
        <v>0</v>
      </c>
      <c r="DQ241" s="860" t="s">
        <v>4122</v>
      </c>
      <c r="DR241" s="483" t="s">
        <v>4032</v>
      </c>
      <c r="DS241" s="522" t="s">
        <v>4110</v>
      </c>
      <c r="DT241" s="632"/>
    </row>
    <row r="242" spans="1:124" s="613" customFormat="1" ht="142.5" x14ac:dyDescent="0.2">
      <c r="A242" s="484" t="str">
        <f t="shared" si="296"/>
        <v>Sports provision to support development at Civic Zone, Marlowes (Hm02)</v>
      </c>
      <c r="B242" s="1163">
        <v>239</v>
      </c>
      <c r="C242" s="722" t="s">
        <v>4123</v>
      </c>
      <c r="D242" s="722" t="s">
        <v>3207</v>
      </c>
      <c r="E242" s="481" t="s">
        <v>53</v>
      </c>
      <c r="F242" s="481" t="s">
        <v>329</v>
      </c>
      <c r="G242" s="515" t="s">
        <v>1345</v>
      </c>
      <c r="H242" s="513" t="s">
        <v>4124</v>
      </c>
      <c r="I242" s="515"/>
      <c r="J242" s="513" t="s">
        <v>4125</v>
      </c>
      <c r="K242" s="657" t="s">
        <v>3104</v>
      </c>
      <c r="L242" s="657" t="s">
        <v>1361</v>
      </c>
      <c r="M242" s="657" t="s">
        <v>2996</v>
      </c>
      <c r="N242" s="657" t="s">
        <v>81</v>
      </c>
      <c r="O242" s="515" t="s">
        <v>525</v>
      </c>
      <c r="P242" s="664" t="s">
        <v>53</v>
      </c>
      <c r="Q242" s="654" t="s">
        <v>3209</v>
      </c>
      <c r="R242" s="657"/>
      <c r="S242" s="657"/>
      <c r="T242" s="745">
        <v>222491</v>
      </c>
      <c r="U242" s="745"/>
      <c r="V242" s="657" t="s">
        <v>64</v>
      </c>
      <c r="W242" s="723">
        <f t="shared" si="346"/>
        <v>0</v>
      </c>
      <c r="X242" s="745">
        <f t="shared" si="344"/>
        <v>222491</v>
      </c>
      <c r="Y242" s="723" t="s">
        <v>3106</v>
      </c>
      <c r="Z242" s="723"/>
      <c r="AA242" s="736" t="s">
        <v>82</v>
      </c>
      <c r="AB242" s="676"/>
      <c r="AC242" s="676" t="s">
        <v>66</v>
      </c>
      <c r="AD242" s="676"/>
      <c r="AE242" s="676"/>
      <c r="AF242" s="676"/>
      <c r="AG242" s="676"/>
      <c r="AH242" s="676"/>
      <c r="AI242" s="676"/>
      <c r="AJ242" s="676"/>
      <c r="AK242" s="676"/>
      <c r="AL242" s="676"/>
      <c r="AM242" s="676"/>
      <c r="AN242" s="676"/>
      <c r="AO242" s="676"/>
      <c r="AP242" s="676"/>
      <c r="AQ242" s="676"/>
      <c r="AR242" s="676"/>
      <c r="AS242" s="676"/>
      <c r="AT242" s="676"/>
      <c r="AU242" s="676"/>
      <c r="AV242" s="676"/>
      <c r="AW242" s="676"/>
      <c r="AX242" s="676"/>
      <c r="AY242" s="676"/>
      <c r="AZ242" s="676"/>
      <c r="BA242" s="676"/>
      <c r="BB242" s="676"/>
      <c r="BC242" s="676"/>
      <c r="BD242" s="676"/>
      <c r="BE242" s="676"/>
      <c r="BF242" s="676"/>
      <c r="BG242" s="676"/>
      <c r="BH242" s="676"/>
      <c r="BI242" s="676"/>
      <c r="BJ242" s="676"/>
      <c r="BK242" s="676"/>
      <c r="BL242" s="676"/>
      <c r="BM242" s="676"/>
      <c r="BN242" s="676"/>
      <c r="BO242" s="676"/>
      <c r="BP242" s="676"/>
      <c r="BQ242" s="676"/>
      <c r="BR242" s="676"/>
      <c r="BS242" s="884">
        <f t="shared" si="297"/>
        <v>200</v>
      </c>
      <c r="BT242" s="661">
        <f t="shared" si="391"/>
        <v>1112.4549999999999</v>
      </c>
      <c r="BU242" s="661">
        <f t="shared" si="347"/>
        <v>222491</v>
      </c>
      <c r="BV242" s="898" t="str">
        <f t="shared" si="348"/>
        <v/>
      </c>
      <c r="BW242" s="898">
        <f t="shared" si="349"/>
        <v>222491</v>
      </c>
      <c r="BX242" s="898" t="str">
        <f t="shared" si="350"/>
        <v/>
      </c>
      <c r="BY242" s="898" t="str">
        <f t="shared" si="351"/>
        <v/>
      </c>
      <c r="BZ242" s="898" t="str">
        <f t="shared" si="352"/>
        <v/>
      </c>
      <c r="CA242" s="898" t="str">
        <f t="shared" si="353"/>
        <v/>
      </c>
      <c r="CB242" s="898" t="str">
        <f t="shared" si="354"/>
        <v/>
      </c>
      <c r="CC242" s="898" t="str">
        <f t="shared" si="355"/>
        <v/>
      </c>
      <c r="CD242" s="898" t="str">
        <f t="shared" si="356"/>
        <v/>
      </c>
      <c r="CE242" s="898" t="str">
        <f t="shared" si="357"/>
        <v/>
      </c>
      <c r="CF242" s="898" t="str">
        <f t="shared" si="358"/>
        <v/>
      </c>
      <c r="CG242" s="898" t="str">
        <f t="shared" si="359"/>
        <v/>
      </c>
      <c r="CH242" s="898" t="str">
        <f t="shared" si="360"/>
        <v/>
      </c>
      <c r="CI242" s="898" t="str">
        <f t="shared" si="361"/>
        <v/>
      </c>
      <c r="CJ242" s="898" t="str">
        <f t="shared" si="362"/>
        <v/>
      </c>
      <c r="CK242" s="898" t="str">
        <f t="shared" si="363"/>
        <v/>
      </c>
      <c r="CL242" s="898" t="str">
        <f t="shared" si="364"/>
        <v/>
      </c>
      <c r="CM242" s="898" t="str">
        <f t="shared" si="365"/>
        <v/>
      </c>
      <c r="CN242" s="898" t="str">
        <f t="shared" si="366"/>
        <v/>
      </c>
      <c r="CO242" s="898" t="str">
        <f t="shared" si="367"/>
        <v/>
      </c>
      <c r="CP242" s="898" t="str">
        <f t="shared" si="368"/>
        <v/>
      </c>
      <c r="CQ242" s="898" t="str">
        <f t="shared" si="369"/>
        <v/>
      </c>
      <c r="CR242" s="898" t="str">
        <f t="shared" si="370"/>
        <v/>
      </c>
      <c r="CS242" s="898" t="str">
        <f t="shared" si="371"/>
        <v/>
      </c>
      <c r="CT242" s="898" t="str">
        <f t="shared" si="372"/>
        <v/>
      </c>
      <c r="CU242" s="898" t="str">
        <f t="shared" si="373"/>
        <v/>
      </c>
      <c r="CV242" s="898" t="str">
        <f t="shared" si="374"/>
        <v/>
      </c>
      <c r="CW242" s="898" t="str">
        <f t="shared" si="375"/>
        <v/>
      </c>
      <c r="CX242" s="898" t="str">
        <f t="shared" si="376"/>
        <v/>
      </c>
      <c r="CY242" s="898" t="str">
        <f t="shared" si="377"/>
        <v/>
      </c>
      <c r="CZ242" s="898" t="str">
        <f t="shared" si="378"/>
        <v/>
      </c>
      <c r="DA242" s="898" t="str">
        <f t="shared" si="379"/>
        <v/>
      </c>
      <c r="DB242" s="898" t="str">
        <f t="shared" si="380"/>
        <v/>
      </c>
      <c r="DC242" s="898" t="str">
        <f t="shared" si="381"/>
        <v/>
      </c>
      <c r="DD242" s="898" t="str">
        <f t="shared" si="382"/>
        <v/>
      </c>
      <c r="DE242" s="898" t="str">
        <f t="shared" si="383"/>
        <v/>
      </c>
      <c r="DF242" s="898" t="str">
        <f t="shared" si="384"/>
        <v/>
      </c>
      <c r="DG242" s="898" t="str">
        <f t="shared" si="385"/>
        <v/>
      </c>
      <c r="DH242" s="898" t="str">
        <f t="shared" si="386"/>
        <v/>
      </c>
      <c r="DI242" s="898" t="str">
        <f t="shared" si="387"/>
        <v/>
      </c>
      <c r="DJ242" s="898" t="str">
        <f t="shared" si="388"/>
        <v/>
      </c>
      <c r="DK242" s="898" t="str">
        <f t="shared" si="389"/>
        <v/>
      </c>
      <c r="DL242" s="898" t="str">
        <f t="shared" si="390"/>
        <v/>
      </c>
      <c r="DM242" s="661">
        <f t="shared" si="299"/>
        <v>222491</v>
      </c>
      <c r="DN242" s="898">
        <f t="shared" si="300"/>
        <v>0</v>
      </c>
      <c r="DO242" s="516">
        <f t="shared" si="301"/>
        <v>0</v>
      </c>
      <c r="DP242" s="898">
        <f t="shared" si="302"/>
        <v>0</v>
      </c>
      <c r="DQ242" s="1214" t="s">
        <v>4126</v>
      </c>
      <c r="DR242" s="483" t="s">
        <v>4032</v>
      </c>
      <c r="DS242" s="522" t="s">
        <v>4110</v>
      </c>
      <c r="DT242" s="632"/>
    </row>
    <row r="243" spans="1:124" s="613" customFormat="1" ht="142.5" x14ac:dyDescent="0.2">
      <c r="A243" s="484" t="str">
        <f t="shared" si="296"/>
        <v>Sports provision to support development at Hemel Hempstead Hospital / Market Square (Hm03)</v>
      </c>
      <c r="B243" s="1163">
        <v>240</v>
      </c>
      <c r="C243" s="722" t="s">
        <v>4127</v>
      </c>
      <c r="D243" s="722" t="s">
        <v>3207</v>
      </c>
      <c r="E243" s="481" t="s">
        <v>53</v>
      </c>
      <c r="F243" s="481" t="s">
        <v>329</v>
      </c>
      <c r="G243" s="515" t="s">
        <v>1345</v>
      </c>
      <c r="H243" s="513" t="s">
        <v>4128</v>
      </c>
      <c r="I243" s="515"/>
      <c r="J243" s="513" t="s">
        <v>4129</v>
      </c>
      <c r="K243" s="657" t="s">
        <v>3104</v>
      </c>
      <c r="L243" s="657" t="s">
        <v>1362</v>
      </c>
      <c r="M243" s="654" t="s">
        <v>2996</v>
      </c>
      <c r="N243" s="657" t="s">
        <v>81</v>
      </c>
      <c r="O243" s="515" t="s">
        <v>525</v>
      </c>
      <c r="P243" s="664" t="s">
        <v>53</v>
      </c>
      <c r="Q243" s="654" t="s">
        <v>3209</v>
      </c>
      <c r="R243" s="657"/>
      <c r="S243" s="657"/>
      <c r="T243" s="744">
        <v>500604</v>
      </c>
      <c r="U243" s="744"/>
      <c r="V243" s="657" t="s">
        <v>64</v>
      </c>
      <c r="W243" s="723">
        <f t="shared" si="346"/>
        <v>0</v>
      </c>
      <c r="X243" s="745">
        <f t="shared" si="344"/>
        <v>500604</v>
      </c>
      <c r="Y243" s="723" t="s">
        <v>3106</v>
      </c>
      <c r="Z243" s="723"/>
      <c r="AA243" s="652" t="s">
        <v>82</v>
      </c>
      <c r="AB243" s="893"/>
      <c r="AC243" s="893"/>
      <c r="AD243" s="746" t="s">
        <v>66</v>
      </c>
      <c r="AE243" s="676"/>
      <c r="AF243" s="676"/>
      <c r="AG243" s="676"/>
      <c r="AH243" s="676"/>
      <c r="AI243" s="676"/>
      <c r="AJ243" s="676"/>
      <c r="AK243" s="676"/>
      <c r="AL243" s="676"/>
      <c r="AM243" s="676"/>
      <c r="AN243" s="676"/>
      <c r="AO243" s="676"/>
      <c r="AP243" s="676"/>
      <c r="AQ243" s="676"/>
      <c r="AR243" s="676"/>
      <c r="AS243" s="676"/>
      <c r="AT243" s="676"/>
      <c r="AU243" s="676"/>
      <c r="AV243" s="676"/>
      <c r="AW243" s="676"/>
      <c r="AX243" s="676"/>
      <c r="AY243" s="676"/>
      <c r="AZ243" s="676"/>
      <c r="BA243" s="676"/>
      <c r="BB243" s="676"/>
      <c r="BC243" s="676"/>
      <c r="BD243" s="676"/>
      <c r="BE243" s="676"/>
      <c r="BF243" s="676"/>
      <c r="BG243" s="676"/>
      <c r="BH243" s="676"/>
      <c r="BI243" s="676"/>
      <c r="BJ243" s="676"/>
      <c r="BK243" s="676"/>
      <c r="BL243" s="676"/>
      <c r="BM243" s="676"/>
      <c r="BN243" s="676"/>
      <c r="BO243" s="676"/>
      <c r="BP243" s="676"/>
      <c r="BQ243" s="676"/>
      <c r="BR243" s="676"/>
      <c r="BS243" s="884">
        <f t="shared" si="297"/>
        <v>450</v>
      </c>
      <c r="BT243" s="661">
        <f t="shared" si="391"/>
        <v>1112.4533333333334</v>
      </c>
      <c r="BU243" s="661">
        <f t="shared" si="347"/>
        <v>500604</v>
      </c>
      <c r="BV243" s="898" t="str">
        <f t="shared" si="348"/>
        <v/>
      </c>
      <c r="BW243" s="898" t="str">
        <f t="shared" si="349"/>
        <v/>
      </c>
      <c r="BX243" s="898">
        <f t="shared" si="350"/>
        <v>500604</v>
      </c>
      <c r="BY243" s="898" t="str">
        <f t="shared" si="351"/>
        <v/>
      </c>
      <c r="BZ243" s="898" t="str">
        <f t="shared" si="352"/>
        <v/>
      </c>
      <c r="CA243" s="898" t="str">
        <f t="shared" si="353"/>
        <v/>
      </c>
      <c r="CB243" s="898" t="str">
        <f t="shared" si="354"/>
        <v/>
      </c>
      <c r="CC243" s="898" t="str">
        <f t="shared" si="355"/>
        <v/>
      </c>
      <c r="CD243" s="898" t="str">
        <f t="shared" si="356"/>
        <v/>
      </c>
      <c r="CE243" s="898" t="str">
        <f t="shared" si="357"/>
        <v/>
      </c>
      <c r="CF243" s="898" t="str">
        <f t="shared" si="358"/>
        <v/>
      </c>
      <c r="CG243" s="898" t="str">
        <f t="shared" si="359"/>
        <v/>
      </c>
      <c r="CH243" s="898" t="str">
        <f t="shared" si="360"/>
        <v/>
      </c>
      <c r="CI243" s="898" t="str">
        <f t="shared" si="361"/>
        <v/>
      </c>
      <c r="CJ243" s="898" t="str">
        <f t="shared" si="362"/>
        <v/>
      </c>
      <c r="CK243" s="898" t="str">
        <f t="shared" si="363"/>
        <v/>
      </c>
      <c r="CL243" s="898" t="str">
        <f t="shared" si="364"/>
        <v/>
      </c>
      <c r="CM243" s="898" t="str">
        <f t="shared" si="365"/>
        <v/>
      </c>
      <c r="CN243" s="898" t="str">
        <f t="shared" si="366"/>
        <v/>
      </c>
      <c r="CO243" s="898" t="str">
        <f t="shared" si="367"/>
        <v/>
      </c>
      <c r="CP243" s="898" t="str">
        <f t="shared" si="368"/>
        <v/>
      </c>
      <c r="CQ243" s="898" t="str">
        <f t="shared" si="369"/>
        <v/>
      </c>
      <c r="CR243" s="898" t="str">
        <f t="shared" si="370"/>
        <v/>
      </c>
      <c r="CS243" s="898" t="str">
        <f t="shared" si="371"/>
        <v/>
      </c>
      <c r="CT243" s="898" t="str">
        <f t="shared" si="372"/>
        <v/>
      </c>
      <c r="CU243" s="898" t="str">
        <f t="shared" si="373"/>
        <v/>
      </c>
      <c r="CV243" s="898" t="str">
        <f t="shared" si="374"/>
        <v/>
      </c>
      <c r="CW243" s="898" t="str">
        <f t="shared" si="375"/>
        <v/>
      </c>
      <c r="CX243" s="898" t="str">
        <f t="shared" si="376"/>
        <v/>
      </c>
      <c r="CY243" s="898" t="str">
        <f t="shared" si="377"/>
        <v/>
      </c>
      <c r="CZ243" s="898" t="str">
        <f t="shared" si="378"/>
        <v/>
      </c>
      <c r="DA243" s="898" t="str">
        <f t="shared" si="379"/>
        <v/>
      </c>
      <c r="DB243" s="898" t="str">
        <f t="shared" si="380"/>
        <v/>
      </c>
      <c r="DC243" s="898" t="str">
        <f t="shared" si="381"/>
        <v/>
      </c>
      <c r="DD243" s="898" t="str">
        <f t="shared" si="382"/>
        <v/>
      </c>
      <c r="DE243" s="898" t="str">
        <f t="shared" si="383"/>
        <v/>
      </c>
      <c r="DF243" s="898" t="str">
        <f t="shared" si="384"/>
        <v/>
      </c>
      <c r="DG243" s="898" t="str">
        <f t="shared" si="385"/>
        <v/>
      </c>
      <c r="DH243" s="898" t="str">
        <f t="shared" si="386"/>
        <v/>
      </c>
      <c r="DI243" s="898" t="str">
        <f t="shared" si="387"/>
        <v/>
      </c>
      <c r="DJ243" s="898" t="str">
        <f t="shared" si="388"/>
        <v/>
      </c>
      <c r="DK243" s="898" t="str">
        <f t="shared" si="389"/>
        <v/>
      </c>
      <c r="DL243" s="898" t="str">
        <f t="shared" si="390"/>
        <v/>
      </c>
      <c r="DM243" s="661">
        <f t="shared" si="299"/>
        <v>500604</v>
      </c>
      <c r="DN243" s="898">
        <f t="shared" si="300"/>
        <v>0</v>
      </c>
      <c r="DO243" s="516">
        <f t="shared" si="301"/>
        <v>0</v>
      </c>
      <c r="DP243" s="898">
        <f t="shared" si="302"/>
        <v>0</v>
      </c>
      <c r="DQ243" s="860" t="s">
        <v>4130</v>
      </c>
      <c r="DR243" s="483" t="s">
        <v>4032</v>
      </c>
      <c r="DS243" s="522" t="s">
        <v>4110</v>
      </c>
      <c r="DT243" s="632"/>
    </row>
    <row r="244" spans="1:124" s="613" customFormat="1" ht="142.5" x14ac:dyDescent="0.2">
      <c r="A244" s="484" t="str">
        <f t="shared" si="296"/>
        <v>Sports provision to support development at Paradise (Hm04)</v>
      </c>
      <c r="B244" s="1163">
        <v>241</v>
      </c>
      <c r="C244" s="722" t="s">
        <v>4131</v>
      </c>
      <c r="D244" s="722" t="s">
        <v>3207</v>
      </c>
      <c r="E244" s="481" t="s">
        <v>53</v>
      </c>
      <c r="F244" s="481" t="s">
        <v>329</v>
      </c>
      <c r="G244" s="515" t="s">
        <v>1345</v>
      </c>
      <c r="H244" s="513" t="s">
        <v>4132</v>
      </c>
      <c r="I244" s="515"/>
      <c r="J244" s="513" t="s">
        <v>4133</v>
      </c>
      <c r="K244" s="657" t="s">
        <v>3104</v>
      </c>
      <c r="L244" s="657" t="s">
        <v>1363</v>
      </c>
      <c r="M244" s="657" t="s">
        <v>2996</v>
      </c>
      <c r="N244" s="657" t="s">
        <v>81</v>
      </c>
      <c r="O244" s="515" t="s">
        <v>525</v>
      </c>
      <c r="P244" s="664" t="s">
        <v>53</v>
      </c>
      <c r="Q244" s="654" t="s">
        <v>3209</v>
      </c>
      <c r="R244" s="657"/>
      <c r="S244" s="657"/>
      <c r="T244" s="744">
        <v>389359</v>
      </c>
      <c r="U244" s="744"/>
      <c r="V244" s="657" t="s">
        <v>64</v>
      </c>
      <c r="W244" s="723">
        <f t="shared" si="346"/>
        <v>0</v>
      </c>
      <c r="X244" s="745">
        <f t="shared" si="344"/>
        <v>389359</v>
      </c>
      <c r="Y244" s="723" t="s">
        <v>3106</v>
      </c>
      <c r="Z244" s="723"/>
      <c r="AA244" s="736" t="s">
        <v>82</v>
      </c>
      <c r="AB244" s="676"/>
      <c r="AC244" s="676"/>
      <c r="AD244" s="676"/>
      <c r="AE244" s="896" t="s">
        <v>66</v>
      </c>
      <c r="AF244" s="676"/>
      <c r="AG244" s="676"/>
      <c r="AH244" s="676"/>
      <c r="AI244" s="676"/>
      <c r="AJ244" s="676"/>
      <c r="AK244" s="676"/>
      <c r="AL244" s="676"/>
      <c r="AM244" s="676"/>
      <c r="AN244" s="676"/>
      <c r="AO244" s="676"/>
      <c r="AP244" s="676"/>
      <c r="AQ244" s="676"/>
      <c r="AR244" s="676"/>
      <c r="AS244" s="676"/>
      <c r="AT244" s="676"/>
      <c r="AU244" s="676"/>
      <c r="AV244" s="676"/>
      <c r="AW244" s="676"/>
      <c r="AX244" s="676"/>
      <c r="AY244" s="676"/>
      <c r="AZ244" s="676"/>
      <c r="BA244" s="676"/>
      <c r="BB244" s="676"/>
      <c r="BC244" s="676"/>
      <c r="BD244" s="676"/>
      <c r="BE244" s="676"/>
      <c r="BF244" s="676"/>
      <c r="BG244" s="676"/>
      <c r="BH244" s="676"/>
      <c r="BI244" s="676"/>
      <c r="BJ244" s="676"/>
      <c r="BK244" s="676"/>
      <c r="BL244" s="676"/>
      <c r="BM244" s="676"/>
      <c r="BN244" s="676"/>
      <c r="BO244" s="676"/>
      <c r="BP244" s="676"/>
      <c r="BQ244" s="676"/>
      <c r="BR244" s="676"/>
      <c r="BS244" s="884">
        <f t="shared" si="297"/>
        <v>350</v>
      </c>
      <c r="BT244" s="661">
        <f t="shared" si="391"/>
        <v>1112.4542857142858</v>
      </c>
      <c r="BU244" s="661">
        <f t="shared" si="347"/>
        <v>389359</v>
      </c>
      <c r="BV244" s="898" t="str">
        <f t="shared" si="348"/>
        <v/>
      </c>
      <c r="BW244" s="898" t="str">
        <f t="shared" si="349"/>
        <v/>
      </c>
      <c r="BX244" s="898" t="str">
        <f t="shared" si="350"/>
        <v/>
      </c>
      <c r="BY244" s="898">
        <f t="shared" si="351"/>
        <v>389359</v>
      </c>
      <c r="BZ244" s="898" t="str">
        <f t="shared" si="352"/>
        <v/>
      </c>
      <c r="CA244" s="898" t="str">
        <f t="shared" si="353"/>
        <v/>
      </c>
      <c r="CB244" s="898" t="str">
        <f t="shared" si="354"/>
        <v/>
      </c>
      <c r="CC244" s="898" t="str">
        <f t="shared" si="355"/>
        <v/>
      </c>
      <c r="CD244" s="898" t="str">
        <f t="shared" si="356"/>
        <v/>
      </c>
      <c r="CE244" s="898" t="str">
        <f t="shared" si="357"/>
        <v/>
      </c>
      <c r="CF244" s="898" t="str">
        <f t="shared" si="358"/>
        <v/>
      </c>
      <c r="CG244" s="898" t="str">
        <f t="shared" si="359"/>
        <v/>
      </c>
      <c r="CH244" s="898" t="str">
        <f t="shared" si="360"/>
        <v/>
      </c>
      <c r="CI244" s="898" t="str">
        <f t="shared" si="361"/>
        <v/>
      </c>
      <c r="CJ244" s="898" t="str">
        <f t="shared" si="362"/>
        <v/>
      </c>
      <c r="CK244" s="898" t="str">
        <f t="shared" si="363"/>
        <v/>
      </c>
      <c r="CL244" s="898" t="str">
        <f t="shared" si="364"/>
        <v/>
      </c>
      <c r="CM244" s="898" t="str">
        <f t="shared" si="365"/>
        <v/>
      </c>
      <c r="CN244" s="898" t="str">
        <f t="shared" si="366"/>
        <v/>
      </c>
      <c r="CO244" s="898" t="str">
        <f t="shared" si="367"/>
        <v/>
      </c>
      <c r="CP244" s="898" t="str">
        <f t="shared" si="368"/>
        <v/>
      </c>
      <c r="CQ244" s="898" t="str">
        <f t="shared" si="369"/>
        <v/>
      </c>
      <c r="CR244" s="898" t="str">
        <f t="shared" si="370"/>
        <v/>
      </c>
      <c r="CS244" s="898" t="str">
        <f t="shared" si="371"/>
        <v/>
      </c>
      <c r="CT244" s="898" t="str">
        <f t="shared" si="372"/>
        <v/>
      </c>
      <c r="CU244" s="898" t="str">
        <f t="shared" si="373"/>
        <v/>
      </c>
      <c r="CV244" s="898" t="str">
        <f t="shared" si="374"/>
        <v/>
      </c>
      <c r="CW244" s="898" t="str">
        <f t="shared" si="375"/>
        <v/>
      </c>
      <c r="CX244" s="898" t="str">
        <f t="shared" si="376"/>
        <v/>
      </c>
      <c r="CY244" s="898" t="str">
        <f t="shared" si="377"/>
        <v/>
      </c>
      <c r="CZ244" s="898" t="str">
        <f t="shared" si="378"/>
        <v/>
      </c>
      <c r="DA244" s="898" t="str">
        <f t="shared" si="379"/>
        <v/>
      </c>
      <c r="DB244" s="898" t="str">
        <f t="shared" si="380"/>
        <v/>
      </c>
      <c r="DC244" s="898" t="str">
        <f t="shared" si="381"/>
        <v/>
      </c>
      <c r="DD244" s="898" t="str">
        <f t="shared" si="382"/>
        <v/>
      </c>
      <c r="DE244" s="898" t="str">
        <f t="shared" si="383"/>
        <v/>
      </c>
      <c r="DF244" s="898" t="str">
        <f t="shared" si="384"/>
        <v/>
      </c>
      <c r="DG244" s="898" t="str">
        <f t="shared" si="385"/>
        <v/>
      </c>
      <c r="DH244" s="898" t="str">
        <f t="shared" si="386"/>
        <v/>
      </c>
      <c r="DI244" s="898" t="str">
        <f t="shared" si="387"/>
        <v/>
      </c>
      <c r="DJ244" s="898" t="str">
        <f t="shared" si="388"/>
        <v/>
      </c>
      <c r="DK244" s="898" t="str">
        <f t="shared" si="389"/>
        <v/>
      </c>
      <c r="DL244" s="898" t="str">
        <f t="shared" si="390"/>
        <v/>
      </c>
      <c r="DM244" s="661">
        <f t="shared" si="299"/>
        <v>389359</v>
      </c>
      <c r="DN244" s="898">
        <f t="shared" si="300"/>
        <v>0</v>
      </c>
      <c r="DO244" s="516">
        <f t="shared" si="301"/>
        <v>0</v>
      </c>
      <c r="DP244" s="898">
        <f t="shared" si="302"/>
        <v>0</v>
      </c>
      <c r="DQ244" s="860" t="s">
        <v>4134</v>
      </c>
      <c r="DR244" s="483" t="s">
        <v>4032</v>
      </c>
      <c r="DS244" s="522" t="s">
        <v>4110</v>
      </c>
      <c r="DT244" s="632"/>
    </row>
    <row r="245" spans="1:124" s="613" customFormat="1" ht="142.5" x14ac:dyDescent="0.2">
      <c r="A245" s="484" t="str">
        <f t="shared" si="296"/>
        <v>Sports provision to support development at Riverside (Hm06)</v>
      </c>
      <c r="B245" s="1163">
        <v>242</v>
      </c>
      <c r="C245" s="904" t="s">
        <v>4135</v>
      </c>
      <c r="D245" s="722" t="s">
        <v>3207</v>
      </c>
      <c r="E245" s="481" t="s">
        <v>53</v>
      </c>
      <c r="F245" s="481" t="s">
        <v>329</v>
      </c>
      <c r="G245" s="515" t="s">
        <v>1345</v>
      </c>
      <c r="H245" s="513" t="s">
        <v>4136</v>
      </c>
      <c r="I245" s="515"/>
      <c r="J245" s="513" t="s">
        <v>4137</v>
      </c>
      <c r="K245" s="657" t="s">
        <v>3104</v>
      </c>
      <c r="L245" s="657" t="s">
        <v>1364</v>
      </c>
      <c r="M245" s="657" t="s">
        <v>2996</v>
      </c>
      <c r="N245" s="657" t="s">
        <v>81</v>
      </c>
      <c r="O245" s="515" t="s">
        <v>525</v>
      </c>
      <c r="P245" s="664" t="s">
        <v>53</v>
      </c>
      <c r="Q245" s="654" t="s">
        <v>3209</v>
      </c>
      <c r="R245" s="657"/>
      <c r="S245" s="657"/>
      <c r="T245" s="747">
        <v>556227</v>
      </c>
      <c r="U245" s="747"/>
      <c r="V245" s="657" t="s">
        <v>64</v>
      </c>
      <c r="W245" s="723">
        <f t="shared" si="346"/>
        <v>0</v>
      </c>
      <c r="X245" s="745">
        <f t="shared" si="344"/>
        <v>556227</v>
      </c>
      <c r="Y245" s="723" t="s">
        <v>3106</v>
      </c>
      <c r="Z245" s="723"/>
      <c r="AA245" s="736" t="s">
        <v>82</v>
      </c>
      <c r="AB245" s="713"/>
      <c r="AC245" s="713"/>
      <c r="AD245" s="713"/>
      <c r="AE245" s="713"/>
      <c r="AF245" s="713" t="s">
        <v>66</v>
      </c>
      <c r="AG245" s="713"/>
      <c r="AH245" s="713"/>
      <c r="AI245" s="713"/>
      <c r="AJ245" s="713"/>
      <c r="AK245" s="713"/>
      <c r="AL245" s="713"/>
      <c r="AM245" s="713"/>
      <c r="AN245" s="713"/>
      <c r="AO245" s="713"/>
      <c r="AP245" s="713"/>
      <c r="AQ245" s="713"/>
      <c r="AR245" s="713"/>
      <c r="AS245" s="713"/>
      <c r="AT245" s="713"/>
      <c r="AU245" s="713"/>
      <c r="AV245" s="713"/>
      <c r="AW245" s="713"/>
      <c r="AX245" s="713"/>
      <c r="AY245" s="713"/>
      <c r="AZ245" s="713"/>
      <c r="BA245" s="713"/>
      <c r="BB245" s="713"/>
      <c r="BC245" s="713"/>
      <c r="BD245" s="713"/>
      <c r="BE245" s="713"/>
      <c r="BF245" s="713"/>
      <c r="BG245" s="713"/>
      <c r="BH245" s="713"/>
      <c r="BI245" s="713"/>
      <c r="BJ245" s="713"/>
      <c r="BK245" s="713"/>
      <c r="BL245" s="713"/>
      <c r="BM245" s="713"/>
      <c r="BN245" s="713"/>
      <c r="BO245" s="713"/>
      <c r="BP245" s="713"/>
      <c r="BQ245" s="713"/>
      <c r="BR245" s="713"/>
      <c r="BS245" s="884">
        <f t="shared" si="297"/>
        <v>500</v>
      </c>
      <c r="BT245" s="661">
        <f t="shared" si="391"/>
        <v>1112.454</v>
      </c>
      <c r="BU245" s="661">
        <f t="shared" si="347"/>
        <v>556227</v>
      </c>
      <c r="BV245" s="898" t="str">
        <f t="shared" si="348"/>
        <v/>
      </c>
      <c r="BW245" s="898" t="str">
        <f t="shared" si="349"/>
        <v/>
      </c>
      <c r="BX245" s="898" t="str">
        <f t="shared" si="350"/>
        <v/>
      </c>
      <c r="BY245" s="898" t="str">
        <f t="shared" si="351"/>
        <v/>
      </c>
      <c r="BZ245" s="898">
        <f t="shared" si="352"/>
        <v>556227</v>
      </c>
      <c r="CA245" s="898" t="str">
        <f t="shared" si="353"/>
        <v/>
      </c>
      <c r="CB245" s="898" t="str">
        <f t="shared" si="354"/>
        <v/>
      </c>
      <c r="CC245" s="898" t="str">
        <f t="shared" si="355"/>
        <v/>
      </c>
      <c r="CD245" s="898" t="str">
        <f t="shared" si="356"/>
        <v/>
      </c>
      <c r="CE245" s="898" t="str">
        <f t="shared" si="357"/>
        <v/>
      </c>
      <c r="CF245" s="898" t="str">
        <f t="shared" si="358"/>
        <v/>
      </c>
      <c r="CG245" s="898" t="str">
        <f t="shared" si="359"/>
        <v/>
      </c>
      <c r="CH245" s="898" t="str">
        <f t="shared" si="360"/>
        <v/>
      </c>
      <c r="CI245" s="898" t="str">
        <f t="shared" si="361"/>
        <v/>
      </c>
      <c r="CJ245" s="898" t="str">
        <f t="shared" si="362"/>
        <v/>
      </c>
      <c r="CK245" s="898" t="str">
        <f t="shared" si="363"/>
        <v/>
      </c>
      <c r="CL245" s="898" t="str">
        <f t="shared" si="364"/>
        <v/>
      </c>
      <c r="CM245" s="898" t="str">
        <f t="shared" si="365"/>
        <v/>
      </c>
      <c r="CN245" s="898" t="str">
        <f t="shared" si="366"/>
        <v/>
      </c>
      <c r="CO245" s="898" t="str">
        <f t="shared" si="367"/>
        <v/>
      </c>
      <c r="CP245" s="898" t="str">
        <f t="shared" si="368"/>
        <v/>
      </c>
      <c r="CQ245" s="898" t="str">
        <f t="shared" si="369"/>
        <v/>
      </c>
      <c r="CR245" s="898" t="str">
        <f t="shared" si="370"/>
        <v/>
      </c>
      <c r="CS245" s="898" t="str">
        <f t="shared" si="371"/>
        <v/>
      </c>
      <c r="CT245" s="898" t="str">
        <f t="shared" si="372"/>
        <v/>
      </c>
      <c r="CU245" s="898" t="str">
        <f t="shared" si="373"/>
        <v/>
      </c>
      <c r="CV245" s="898" t="str">
        <f t="shared" si="374"/>
        <v/>
      </c>
      <c r="CW245" s="898" t="str">
        <f t="shared" si="375"/>
        <v/>
      </c>
      <c r="CX245" s="898" t="str">
        <f t="shared" si="376"/>
        <v/>
      </c>
      <c r="CY245" s="898" t="str">
        <f t="shared" si="377"/>
        <v/>
      </c>
      <c r="CZ245" s="898" t="str">
        <f t="shared" si="378"/>
        <v/>
      </c>
      <c r="DA245" s="898" t="str">
        <f t="shared" si="379"/>
        <v/>
      </c>
      <c r="DB245" s="898" t="str">
        <f t="shared" si="380"/>
        <v/>
      </c>
      <c r="DC245" s="898" t="str">
        <f t="shared" si="381"/>
        <v/>
      </c>
      <c r="DD245" s="898" t="str">
        <f t="shared" si="382"/>
        <v/>
      </c>
      <c r="DE245" s="898" t="str">
        <f t="shared" si="383"/>
        <v/>
      </c>
      <c r="DF245" s="898" t="str">
        <f t="shared" si="384"/>
        <v/>
      </c>
      <c r="DG245" s="898" t="str">
        <f t="shared" si="385"/>
        <v/>
      </c>
      <c r="DH245" s="898" t="str">
        <f t="shared" si="386"/>
        <v/>
      </c>
      <c r="DI245" s="898" t="str">
        <f t="shared" si="387"/>
        <v/>
      </c>
      <c r="DJ245" s="898" t="str">
        <f t="shared" si="388"/>
        <v/>
      </c>
      <c r="DK245" s="898" t="str">
        <f t="shared" si="389"/>
        <v/>
      </c>
      <c r="DL245" s="898" t="str">
        <f t="shared" si="390"/>
        <v/>
      </c>
      <c r="DM245" s="661">
        <f t="shared" si="299"/>
        <v>556227</v>
      </c>
      <c r="DN245" s="898">
        <f t="shared" si="300"/>
        <v>0</v>
      </c>
      <c r="DO245" s="516">
        <f t="shared" si="301"/>
        <v>0</v>
      </c>
      <c r="DP245" s="898">
        <f t="shared" si="302"/>
        <v>0</v>
      </c>
      <c r="DQ245" s="522" t="s">
        <v>4138</v>
      </c>
      <c r="DR245" s="483" t="s">
        <v>4032</v>
      </c>
      <c r="DS245" s="522" t="s">
        <v>4110</v>
      </c>
      <c r="DT245" s="632"/>
    </row>
    <row r="246" spans="1:124" s="613" customFormat="1" ht="142.5" x14ac:dyDescent="0.2">
      <c r="A246" s="484" t="str">
        <f t="shared" si="296"/>
        <v>Sports provision to support development at Symbio Site, Whiteleaf Road (Hm07)</v>
      </c>
      <c r="B246" s="1163">
        <v>243</v>
      </c>
      <c r="C246" s="904" t="s">
        <v>4139</v>
      </c>
      <c r="D246" s="722" t="s">
        <v>3207</v>
      </c>
      <c r="E246" s="481" t="s">
        <v>53</v>
      </c>
      <c r="F246" s="481" t="s">
        <v>329</v>
      </c>
      <c r="G246" s="515" t="s">
        <v>1345</v>
      </c>
      <c r="H246" s="513" t="s">
        <v>4140</v>
      </c>
      <c r="I246" s="515"/>
      <c r="J246" s="513" t="s">
        <v>4141</v>
      </c>
      <c r="K246" s="657" t="s">
        <v>3104</v>
      </c>
      <c r="L246" s="657" t="s">
        <v>1366</v>
      </c>
      <c r="M246" s="657" t="s">
        <v>2996</v>
      </c>
      <c r="N246" s="657" t="s">
        <v>81</v>
      </c>
      <c r="O246" s="515" t="s">
        <v>525</v>
      </c>
      <c r="P246" s="664" t="s">
        <v>53</v>
      </c>
      <c r="Q246" s="654" t="s">
        <v>3209</v>
      </c>
      <c r="R246" s="657"/>
      <c r="S246" s="657"/>
      <c r="T246" s="747">
        <v>111245</v>
      </c>
      <c r="U246" s="744"/>
      <c r="V246" s="657" t="s">
        <v>64</v>
      </c>
      <c r="W246" s="723">
        <f t="shared" si="346"/>
        <v>0</v>
      </c>
      <c r="X246" s="745">
        <f t="shared" si="344"/>
        <v>111245</v>
      </c>
      <c r="Y246" s="723" t="s">
        <v>3106</v>
      </c>
      <c r="Z246" s="723"/>
      <c r="AA246" s="736" t="s">
        <v>82</v>
      </c>
      <c r="AB246" s="676"/>
      <c r="AC246" s="676"/>
      <c r="AD246" s="676"/>
      <c r="AE246" s="676"/>
      <c r="AF246" s="676"/>
      <c r="AG246" s="676"/>
      <c r="AH246" s="896" t="s">
        <v>66</v>
      </c>
      <c r="AI246" s="676"/>
      <c r="AJ246" s="676"/>
      <c r="AK246" s="676"/>
      <c r="AL246" s="676"/>
      <c r="AM246" s="676"/>
      <c r="AN246" s="676"/>
      <c r="AO246" s="676"/>
      <c r="AP246" s="676"/>
      <c r="AQ246" s="676"/>
      <c r="AR246" s="676"/>
      <c r="AS246" s="676"/>
      <c r="AT246" s="676"/>
      <c r="AU246" s="676"/>
      <c r="AV246" s="676"/>
      <c r="AW246" s="676"/>
      <c r="AX246" s="676"/>
      <c r="AY246" s="676"/>
      <c r="AZ246" s="676"/>
      <c r="BA246" s="676"/>
      <c r="BB246" s="676"/>
      <c r="BC246" s="676"/>
      <c r="BD246" s="676"/>
      <c r="BE246" s="676"/>
      <c r="BF246" s="676"/>
      <c r="BG246" s="676"/>
      <c r="BH246" s="676"/>
      <c r="BI246" s="676"/>
      <c r="BJ246" s="676"/>
      <c r="BK246" s="676"/>
      <c r="BL246" s="676"/>
      <c r="BM246" s="676"/>
      <c r="BN246" s="676"/>
      <c r="BO246" s="676"/>
      <c r="BP246" s="676"/>
      <c r="BQ246" s="676"/>
      <c r="BR246" s="676"/>
      <c r="BS246" s="884">
        <f t="shared" si="297"/>
        <v>100</v>
      </c>
      <c r="BT246" s="661">
        <f t="shared" si="391"/>
        <v>1112.45</v>
      </c>
      <c r="BU246" s="661">
        <f t="shared" si="347"/>
        <v>111245</v>
      </c>
      <c r="BV246" s="898" t="str">
        <f t="shared" si="348"/>
        <v/>
      </c>
      <c r="BW246" s="898" t="str">
        <f t="shared" si="349"/>
        <v/>
      </c>
      <c r="BX246" s="898" t="str">
        <f t="shared" si="350"/>
        <v/>
      </c>
      <c r="BY246" s="898" t="str">
        <f t="shared" si="351"/>
        <v/>
      </c>
      <c r="BZ246" s="898" t="str">
        <f t="shared" si="352"/>
        <v/>
      </c>
      <c r="CA246" s="898" t="str">
        <f t="shared" si="353"/>
        <v/>
      </c>
      <c r="CB246" s="898">
        <f t="shared" si="354"/>
        <v>111245</v>
      </c>
      <c r="CC246" s="898" t="str">
        <f t="shared" si="355"/>
        <v/>
      </c>
      <c r="CD246" s="898" t="str">
        <f t="shared" si="356"/>
        <v/>
      </c>
      <c r="CE246" s="898" t="str">
        <f t="shared" si="357"/>
        <v/>
      </c>
      <c r="CF246" s="898" t="str">
        <f t="shared" si="358"/>
        <v/>
      </c>
      <c r="CG246" s="898" t="str">
        <f t="shared" si="359"/>
        <v/>
      </c>
      <c r="CH246" s="898" t="str">
        <f t="shared" si="360"/>
        <v/>
      </c>
      <c r="CI246" s="898" t="str">
        <f t="shared" si="361"/>
        <v/>
      </c>
      <c r="CJ246" s="898" t="str">
        <f t="shared" si="362"/>
        <v/>
      </c>
      <c r="CK246" s="898" t="str">
        <f t="shared" si="363"/>
        <v/>
      </c>
      <c r="CL246" s="898" t="str">
        <f t="shared" si="364"/>
        <v/>
      </c>
      <c r="CM246" s="898" t="str">
        <f t="shared" si="365"/>
        <v/>
      </c>
      <c r="CN246" s="898" t="str">
        <f t="shared" si="366"/>
        <v/>
      </c>
      <c r="CO246" s="898" t="str">
        <f t="shared" si="367"/>
        <v/>
      </c>
      <c r="CP246" s="898" t="str">
        <f t="shared" si="368"/>
        <v/>
      </c>
      <c r="CQ246" s="898" t="str">
        <f t="shared" si="369"/>
        <v/>
      </c>
      <c r="CR246" s="898" t="str">
        <f t="shared" si="370"/>
        <v/>
      </c>
      <c r="CS246" s="898" t="str">
        <f t="shared" si="371"/>
        <v/>
      </c>
      <c r="CT246" s="898" t="str">
        <f t="shared" si="372"/>
        <v/>
      </c>
      <c r="CU246" s="898" t="str">
        <f t="shared" si="373"/>
        <v/>
      </c>
      <c r="CV246" s="898" t="str">
        <f t="shared" si="374"/>
        <v/>
      </c>
      <c r="CW246" s="898" t="str">
        <f t="shared" si="375"/>
        <v/>
      </c>
      <c r="CX246" s="898" t="str">
        <f t="shared" si="376"/>
        <v/>
      </c>
      <c r="CY246" s="898" t="str">
        <f t="shared" si="377"/>
        <v/>
      </c>
      <c r="CZ246" s="898" t="str">
        <f t="shared" si="378"/>
        <v/>
      </c>
      <c r="DA246" s="898" t="str">
        <f t="shared" si="379"/>
        <v/>
      </c>
      <c r="DB246" s="898" t="str">
        <f t="shared" si="380"/>
        <v/>
      </c>
      <c r="DC246" s="898" t="str">
        <f t="shared" si="381"/>
        <v/>
      </c>
      <c r="DD246" s="898" t="str">
        <f t="shared" si="382"/>
        <v/>
      </c>
      <c r="DE246" s="898" t="str">
        <f t="shared" si="383"/>
        <v/>
      </c>
      <c r="DF246" s="898" t="str">
        <f t="shared" si="384"/>
        <v/>
      </c>
      <c r="DG246" s="898" t="str">
        <f t="shared" si="385"/>
        <v/>
      </c>
      <c r="DH246" s="898" t="str">
        <f t="shared" si="386"/>
        <v/>
      </c>
      <c r="DI246" s="898" t="str">
        <f t="shared" si="387"/>
        <v/>
      </c>
      <c r="DJ246" s="898" t="str">
        <f t="shared" si="388"/>
        <v/>
      </c>
      <c r="DK246" s="898" t="str">
        <f t="shared" si="389"/>
        <v/>
      </c>
      <c r="DL246" s="898" t="str">
        <f t="shared" si="390"/>
        <v/>
      </c>
      <c r="DM246" s="661">
        <f t="shared" si="299"/>
        <v>111245</v>
      </c>
      <c r="DN246" s="898">
        <f t="shared" si="300"/>
        <v>0</v>
      </c>
      <c r="DO246" s="516">
        <f t="shared" si="301"/>
        <v>0</v>
      </c>
      <c r="DP246" s="898">
        <f t="shared" si="302"/>
        <v>0</v>
      </c>
      <c r="DQ246" s="860" t="s">
        <v>4142</v>
      </c>
      <c r="DR246" s="483" t="s">
        <v>4032</v>
      </c>
      <c r="DS246" s="522" t="s">
        <v>4110</v>
      </c>
      <c r="DT246" s="632"/>
    </row>
    <row r="247" spans="1:124" s="613" customFormat="1" ht="142.5" x14ac:dyDescent="0.2">
      <c r="A247" s="484" t="str">
        <f t="shared" si="296"/>
        <v>Sports provision to support development at Hemel Hempstead Station Gateway (Hm08)</v>
      </c>
      <c r="B247" s="1163">
        <v>244</v>
      </c>
      <c r="C247" s="722" t="s">
        <v>4143</v>
      </c>
      <c r="D247" s="722" t="s">
        <v>3207</v>
      </c>
      <c r="E247" s="481" t="s">
        <v>53</v>
      </c>
      <c r="F247" s="481" t="s">
        <v>329</v>
      </c>
      <c r="G247" s="515" t="s">
        <v>1345</v>
      </c>
      <c r="H247" s="513" t="s">
        <v>4144</v>
      </c>
      <c r="I247" s="515"/>
      <c r="J247" s="513" t="s">
        <v>4145</v>
      </c>
      <c r="K247" s="657" t="s">
        <v>3104</v>
      </c>
      <c r="L247" s="657" t="s">
        <v>1367</v>
      </c>
      <c r="M247" s="654" t="s">
        <v>2996</v>
      </c>
      <c r="N247" s="657" t="s">
        <v>81</v>
      </c>
      <c r="O247" s="515" t="s">
        <v>525</v>
      </c>
      <c r="P247" s="664" t="s">
        <v>53</v>
      </c>
      <c r="Q247" s="654" t="s">
        <v>3209</v>
      </c>
      <c r="R247" s="657"/>
      <c r="S247" s="657"/>
      <c r="T247" s="744">
        <v>433857</v>
      </c>
      <c r="U247" s="744"/>
      <c r="V247" s="657" t="s">
        <v>64</v>
      </c>
      <c r="W247" s="723">
        <f t="shared" si="346"/>
        <v>0</v>
      </c>
      <c r="X247" s="745">
        <f t="shared" si="344"/>
        <v>433857</v>
      </c>
      <c r="Y247" s="723" t="s">
        <v>3106</v>
      </c>
      <c r="Z247" s="723"/>
      <c r="AA247" s="652" t="s">
        <v>82</v>
      </c>
      <c r="AB247" s="676"/>
      <c r="AC247" s="676"/>
      <c r="AD247" s="676"/>
      <c r="AE247" s="676"/>
      <c r="AF247" s="676"/>
      <c r="AG247" s="676"/>
      <c r="AH247" s="676"/>
      <c r="AI247" s="746" t="s">
        <v>66</v>
      </c>
      <c r="AJ247" s="676"/>
      <c r="AK247" s="676"/>
      <c r="AL247" s="676"/>
      <c r="AM247" s="676"/>
      <c r="AN247" s="676"/>
      <c r="AO247" s="676"/>
      <c r="AP247" s="676"/>
      <c r="AQ247" s="676"/>
      <c r="AR247" s="676"/>
      <c r="AS247" s="676"/>
      <c r="AT247" s="676"/>
      <c r="AU247" s="676"/>
      <c r="AV247" s="676"/>
      <c r="AW247" s="676"/>
      <c r="AX247" s="676"/>
      <c r="AY247" s="676"/>
      <c r="AZ247" s="676"/>
      <c r="BA247" s="676"/>
      <c r="BB247" s="676"/>
      <c r="BC247" s="676"/>
      <c r="BD247" s="676"/>
      <c r="BE247" s="676"/>
      <c r="BF247" s="676"/>
      <c r="BG247" s="676"/>
      <c r="BH247" s="676"/>
      <c r="BI247" s="676"/>
      <c r="BJ247" s="676"/>
      <c r="BK247" s="676"/>
      <c r="BL247" s="676"/>
      <c r="BM247" s="676"/>
      <c r="BN247" s="676"/>
      <c r="BO247" s="676"/>
      <c r="BP247" s="676"/>
      <c r="BQ247" s="676"/>
      <c r="BR247" s="676"/>
      <c r="BS247" s="884">
        <f t="shared" si="297"/>
        <v>390</v>
      </c>
      <c r="BT247" s="661">
        <f t="shared" si="391"/>
        <v>1112.4538461538461</v>
      </c>
      <c r="BU247" s="661">
        <f t="shared" si="347"/>
        <v>433857</v>
      </c>
      <c r="BV247" s="898" t="str">
        <f t="shared" si="348"/>
        <v/>
      </c>
      <c r="BW247" s="898" t="str">
        <f t="shared" si="349"/>
        <v/>
      </c>
      <c r="BX247" s="898" t="str">
        <f t="shared" si="350"/>
        <v/>
      </c>
      <c r="BY247" s="898" t="str">
        <f t="shared" si="351"/>
        <v/>
      </c>
      <c r="BZ247" s="898" t="str">
        <f t="shared" si="352"/>
        <v/>
      </c>
      <c r="CA247" s="898" t="str">
        <f t="shared" si="353"/>
        <v/>
      </c>
      <c r="CB247" s="898" t="str">
        <f t="shared" si="354"/>
        <v/>
      </c>
      <c r="CC247" s="898">
        <f t="shared" si="355"/>
        <v>433857</v>
      </c>
      <c r="CD247" s="898" t="str">
        <f t="shared" si="356"/>
        <v/>
      </c>
      <c r="CE247" s="898" t="str">
        <f t="shared" si="357"/>
        <v/>
      </c>
      <c r="CF247" s="898" t="str">
        <f t="shared" si="358"/>
        <v/>
      </c>
      <c r="CG247" s="898" t="str">
        <f t="shared" si="359"/>
        <v/>
      </c>
      <c r="CH247" s="898" t="str">
        <f t="shared" si="360"/>
        <v/>
      </c>
      <c r="CI247" s="898" t="str">
        <f t="shared" si="361"/>
        <v/>
      </c>
      <c r="CJ247" s="898" t="str">
        <f t="shared" si="362"/>
        <v/>
      </c>
      <c r="CK247" s="898" t="str">
        <f t="shared" si="363"/>
        <v/>
      </c>
      <c r="CL247" s="898" t="str">
        <f t="shared" si="364"/>
        <v/>
      </c>
      <c r="CM247" s="898" t="str">
        <f t="shared" si="365"/>
        <v/>
      </c>
      <c r="CN247" s="898" t="str">
        <f t="shared" si="366"/>
        <v/>
      </c>
      <c r="CO247" s="898" t="str">
        <f t="shared" si="367"/>
        <v/>
      </c>
      <c r="CP247" s="898" t="str">
        <f t="shared" si="368"/>
        <v/>
      </c>
      <c r="CQ247" s="898" t="str">
        <f t="shared" si="369"/>
        <v/>
      </c>
      <c r="CR247" s="898" t="str">
        <f t="shared" si="370"/>
        <v/>
      </c>
      <c r="CS247" s="898" t="str">
        <f t="shared" si="371"/>
        <v/>
      </c>
      <c r="CT247" s="898" t="str">
        <f t="shared" si="372"/>
        <v/>
      </c>
      <c r="CU247" s="898" t="str">
        <f t="shared" si="373"/>
        <v/>
      </c>
      <c r="CV247" s="898" t="str">
        <f t="shared" si="374"/>
        <v/>
      </c>
      <c r="CW247" s="898" t="str">
        <f t="shared" si="375"/>
        <v/>
      </c>
      <c r="CX247" s="898" t="str">
        <f t="shared" si="376"/>
        <v/>
      </c>
      <c r="CY247" s="898" t="str">
        <f t="shared" si="377"/>
        <v/>
      </c>
      <c r="CZ247" s="898" t="str">
        <f t="shared" si="378"/>
        <v/>
      </c>
      <c r="DA247" s="898" t="str">
        <f t="shared" si="379"/>
        <v/>
      </c>
      <c r="DB247" s="898" t="str">
        <f t="shared" si="380"/>
        <v/>
      </c>
      <c r="DC247" s="898" t="str">
        <f t="shared" si="381"/>
        <v/>
      </c>
      <c r="DD247" s="898" t="str">
        <f t="shared" si="382"/>
        <v/>
      </c>
      <c r="DE247" s="898" t="str">
        <f t="shared" si="383"/>
        <v/>
      </c>
      <c r="DF247" s="898" t="str">
        <f t="shared" si="384"/>
        <v/>
      </c>
      <c r="DG247" s="898" t="str">
        <f t="shared" si="385"/>
        <v/>
      </c>
      <c r="DH247" s="898" t="str">
        <f t="shared" si="386"/>
        <v/>
      </c>
      <c r="DI247" s="898" t="str">
        <f t="shared" si="387"/>
        <v/>
      </c>
      <c r="DJ247" s="898" t="str">
        <f t="shared" si="388"/>
        <v/>
      </c>
      <c r="DK247" s="898" t="str">
        <f t="shared" si="389"/>
        <v/>
      </c>
      <c r="DL247" s="898" t="str">
        <f t="shared" si="390"/>
        <v/>
      </c>
      <c r="DM247" s="661">
        <f t="shared" si="299"/>
        <v>433857</v>
      </c>
      <c r="DN247" s="898">
        <f t="shared" si="300"/>
        <v>0</v>
      </c>
      <c r="DO247" s="516">
        <f t="shared" si="301"/>
        <v>0</v>
      </c>
      <c r="DP247" s="898">
        <f t="shared" si="302"/>
        <v>0</v>
      </c>
      <c r="DQ247" s="860" t="s">
        <v>4146</v>
      </c>
      <c r="DR247" s="483" t="s">
        <v>4032</v>
      </c>
      <c r="DS247" s="522" t="s">
        <v>4110</v>
      </c>
      <c r="DT247" s="632"/>
    </row>
    <row r="248" spans="1:124" s="613" customFormat="1" ht="142.5" x14ac:dyDescent="0.2">
      <c r="A248" s="484" t="str">
        <f t="shared" si="296"/>
        <v>Sports provision to support development at National Grid and 339-353 London Road (Hm09)</v>
      </c>
      <c r="B248" s="1163">
        <v>245</v>
      </c>
      <c r="C248" s="722" t="s">
        <v>4147</v>
      </c>
      <c r="D248" s="722" t="s">
        <v>3207</v>
      </c>
      <c r="E248" s="481" t="s">
        <v>53</v>
      </c>
      <c r="F248" s="481" t="s">
        <v>329</v>
      </c>
      <c r="G248" s="515" t="s">
        <v>1345</v>
      </c>
      <c r="H248" s="513" t="s">
        <v>4148</v>
      </c>
      <c r="I248" s="515"/>
      <c r="J248" s="513" t="s">
        <v>4149</v>
      </c>
      <c r="K248" s="657" t="s">
        <v>3104</v>
      </c>
      <c r="L248" s="657" t="s">
        <v>1365</v>
      </c>
      <c r="M248" s="654" t="s">
        <v>2996</v>
      </c>
      <c r="N248" s="657" t="s">
        <v>81</v>
      </c>
      <c r="O248" s="515" t="s">
        <v>525</v>
      </c>
      <c r="P248" s="664" t="s">
        <v>53</v>
      </c>
      <c r="Q248" s="654" t="s">
        <v>3209</v>
      </c>
      <c r="R248" s="657"/>
      <c r="S248" s="657"/>
      <c r="T248" s="744">
        <v>533978</v>
      </c>
      <c r="U248" s="744"/>
      <c r="V248" s="657" t="s">
        <v>64</v>
      </c>
      <c r="W248" s="723">
        <f t="shared" si="346"/>
        <v>0</v>
      </c>
      <c r="X248" s="745">
        <f t="shared" si="344"/>
        <v>533978</v>
      </c>
      <c r="Y248" s="723" t="s">
        <v>3106</v>
      </c>
      <c r="Z248" s="723"/>
      <c r="AA248" s="652" t="s">
        <v>82</v>
      </c>
      <c r="AB248" s="676"/>
      <c r="AC248" s="676"/>
      <c r="AD248" s="676"/>
      <c r="AE248" s="676"/>
      <c r="AF248" s="676"/>
      <c r="AG248" s="746" t="s">
        <v>66</v>
      </c>
      <c r="AH248" s="676"/>
      <c r="AI248" s="676"/>
      <c r="AJ248" s="676"/>
      <c r="AK248" s="676"/>
      <c r="AL248" s="676"/>
      <c r="AM248" s="676"/>
      <c r="AN248" s="676"/>
      <c r="AO248" s="676"/>
      <c r="AP248" s="676"/>
      <c r="AQ248" s="676"/>
      <c r="AR248" s="676"/>
      <c r="AS248" s="676"/>
      <c r="AT248" s="676"/>
      <c r="AU248" s="676"/>
      <c r="AV248" s="676"/>
      <c r="AW248" s="676"/>
      <c r="AX248" s="676"/>
      <c r="AY248" s="676"/>
      <c r="AZ248" s="676"/>
      <c r="BA248" s="676"/>
      <c r="BB248" s="676"/>
      <c r="BC248" s="676"/>
      <c r="BD248" s="676"/>
      <c r="BE248" s="676"/>
      <c r="BF248" s="676"/>
      <c r="BG248" s="676"/>
      <c r="BH248" s="676"/>
      <c r="BI248" s="676"/>
      <c r="BJ248" s="676"/>
      <c r="BK248" s="676"/>
      <c r="BL248" s="676"/>
      <c r="BM248" s="676"/>
      <c r="BN248" s="676"/>
      <c r="BO248" s="676"/>
      <c r="BP248" s="676"/>
      <c r="BQ248" s="676"/>
      <c r="BR248" s="676"/>
      <c r="BS248" s="884">
        <f t="shared" si="297"/>
        <v>480</v>
      </c>
      <c r="BT248" s="661">
        <f t="shared" si="391"/>
        <v>1112.4541666666667</v>
      </c>
      <c r="BU248" s="661">
        <f t="shared" si="347"/>
        <v>533978</v>
      </c>
      <c r="BV248" s="898" t="str">
        <f t="shared" si="348"/>
        <v/>
      </c>
      <c r="BW248" s="898" t="str">
        <f t="shared" si="349"/>
        <v/>
      </c>
      <c r="BX248" s="898" t="str">
        <f t="shared" si="350"/>
        <v/>
      </c>
      <c r="BY248" s="898" t="str">
        <f t="shared" si="351"/>
        <v/>
      </c>
      <c r="BZ248" s="898" t="str">
        <f t="shared" si="352"/>
        <v/>
      </c>
      <c r="CA248" s="898">
        <f t="shared" si="353"/>
        <v>533978</v>
      </c>
      <c r="CB248" s="898" t="str">
        <f t="shared" si="354"/>
        <v/>
      </c>
      <c r="CC248" s="898" t="str">
        <f t="shared" si="355"/>
        <v/>
      </c>
      <c r="CD248" s="898" t="str">
        <f t="shared" si="356"/>
        <v/>
      </c>
      <c r="CE248" s="898" t="str">
        <f t="shared" si="357"/>
        <v/>
      </c>
      <c r="CF248" s="898" t="str">
        <f t="shared" si="358"/>
        <v/>
      </c>
      <c r="CG248" s="898" t="str">
        <f t="shared" si="359"/>
        <v/>
      </c>
      <c r="CH248" s="898" t="str">
        <f t="shared" si="360"/>
        <v/>
      </c>
      <c r="CI248" s="898" t="str">
        <f t="shared" si="361"/>
        <v/>
      </c>
      <c r="CJ248" s="898" t="str">
        <f t="shared" si="362"/>
        <v/>
      </c>
      <c r="CK248" s="898" t="str">
        <f t="shared" si="363"/>
        <v/>
      </c>
      <c r="CL248" s="898" t="str">
        <f t="shared" si="364"/>
        <v/>
      </c>
      <c r="CM248" s="898" t="str">
        <f t="shared" si="365"/>
        <v/>
      </c>
      <c r="CN248" s="898" t="str">
        <f t="shared" si="366"/>
        <v/>
      </c>
      <c r="CO248" s="898" t="str">
        <f t="shared" si="367"/>
        <v/>
      </c>
      <c r="CP248" s="898" t="str">
        <f t="shared" si="368"/>
        <v/>
      </c>
      <c r="CQ248" s="898" t="str">
        <f t="shared" si="369"/>
        <v/>
      </c>
      <c r="CR248" s="898" t="str">
        <f t="shared" si="370"/>
        <v/>
      </c>
      <c r="CS248" s="898" t="str">
        <f t="shared" si="371"/>
        <v/>
      </c>
      <c r="CT248" s="898" t="str">
        <f t="shared" si="372"/>
        <v/>
      </c>
      <c r="CU248" s="898" t="str">
        <f t="shared" si="373"/>
        <v/>
      </c>
      <c r="CV248" s="898" t="str">
        <f t="shared" si="374"/>
        <v/>
      </c>
      <c r="CW248" s="898" t="str">
        <f t="shared" si="375"/>
        <v/>
      </c>
      <c r="CX248" s="898" t="str">
        <f t="shared" si="376"/>
        <v/>
      </c>
      <c r="CY248" s="898" t="str">
        <f t="shared" si="377"/>
        <v/>
      </c>
      <c r="CZ248" s="898" t="str">
        <f t="shared" si="378"/>
        <v/>
      </c>
      <c r="DA248" s="898" t="str">
        <f t="shared" si="379"/>
        <v/>
      </c>
      <c r="DB248" s="898" t="str">
        <f t="shared" si="380"/>
        <v/>
      </c>
      <c r="DC248" s="898" t="str">
        <f t="shared" si="381"/>
        <v/>
      </c>
      <c r="DD248" s="898" t="str">
        <f t="shared" si="382"/>
        <v/>
      </c>
      <c r="DE248" s="898" t="str">
        <f t="shared" si="383"/>
        <v/>
      </c>
      <c r="DF248" s="898" t="str">
        <f t="shared" si="384"/>
        <v/>
      </c>
      <c r="DG248" s="898" t="str">
        <f t="shared" si="385"/>
        <v/>
      </c>
      <c r="DH248" s="898" t="str">
        <f t="shared" si="386"/>
        <v/>
      </c>
      <c r="DI248" s="898" t="str">
        <f t="shared" si="387"/>
        <v/>
      </c>
      <c r="DJ248" s="898" t="str">
        <f t="shared" si="388"/>
        <v/>
      </c>
      <c r="DK248" s="898" t="str">
        <f t="shared" si="389"/>
        <v/>
      </c>
      <c r="DL248" s="898" t="str">
        <f t="shared" si="390"/>
        <v/>
      </c>
      <c r="DM248" s="661">
        <f t="shared" si="299"/>
        <v>533978</v>
      </c>
      <c r="DN248" s="898">
        <f t="shared" si="300"/>
        <v>0</v>
      </c>
      <c r="DO248" s="516">
        <f t="shared" si="301"/>
        <v>0</v>
      </c>
      <c r="DP248" s="898">
        <f t="shared" si="302"/>
        <v>0</v>
      </c>
      <c r="DQ248" s="860" t="s">
        <v>4150</v>
      </c>
      <c r="DR248" s="483" t="s">
        <v>4032</v>
      </c>
      <c r="DS248" s="522" t="s">
        <v>4110</v>
      </c>
      <c r="DT248" s="632"/>
    </row>
    <row r="249" spans="1:124" s="613" customFormat="1" ht="142.5" x14ac:dyDescent="0.2">
      <c r="A249" s="484" t="str">
        <f t="shared" si="296"/>
        <v>Sports provision to support development at Apsley Mills Retail Park (Hm10)</v>
      </c>
      <c r="B249" s="1163">
        <v>246</v>
      </c>
      <c r="C249" s="904" t="s">
        <v>4151</v>
      </c>
      <c r="D249" s="722" t="s">
        <v>3207</v>
      </c>
      <c r="E249" s="481" t="s">
        <v>53</v>
      </c>
      <c r="F249" s="481" t="s">
        <v>329</v>
      </c>
      <c r="G249" s="515" t="s">
        <v>1345</v>
      </c>
      <c r="H249" s="513" t="s">
        <v>4152</v>
      </c>
      <c r="I249" s="515"/>
      <c r="J249" s="513" t="s">
        <v>4153</v>
      </c>
      <c r="K249" s="657" t="s">
        <v>3104</v>
      </c>
      <c r="L249" s="657" t="s">
        <v>1368</v>
      </c>
      <c r="M249" s="654" t="s">
        <v>2996</v>
      </c>
      <c r="N249" s="657" t="s">
        <v>81</v>
      </c>
      <c r="O249" s="515" t="s">
        <v>525</v>
      </c>
      <c r="P249" s="664" t="s">
        <v>53</v>
      </c>
      <c r="Q249" s="654" t="s">
        <v>3209</v>
      </c>
      <c r="R249" s="657"/>
      <c r="S249" s="657"/>
      <c r="T249" s="747">
        <v>556227</v>
      </c>
      <c r="U249" s="744"/>
      <c r="V249" s="657" t="s">
        <v>64</v>
      </c>
      <c r="W249" s="723">
        <f t="shared" si="346"/>
        <v>0</v>
      </c>
      <c r="X249" s="745">
        <f t="shared" si="344"/>
        <v>556227</v>
      </c>
      <c r="Y249" s="723" t="s">
        <v>3106</v>
      </c>
      <c r="Z249" s="723"/>
      <c r="AA249" s="736" t="s">
        <v>82</v>
      </c>
      <c r="AB249" s="676"/>
      <c r="AC249" s="676"/>
      <c r="AD249" s="676"/>
      <c r="AE249" s="676"/>
      <c r="AF249" s="676"/>
      <c r="AG249" s="676"/>
      <c r="AH249" s="676"/>
      <c r="AI249" s="676"/>
      <c r="AJ249" s="676" t="s">
        <v>66</v>
      </c>
      <c r="AK249" s="676"/>
      <c r="AL249" s="676"/>
      <c r="AM249" s="676"/>
      <c r="AN249" s="676"/>
      <c r="AO249" s="676"/>
      <c r="AP249" s="676"/>
      <c r="AQ249" s="676"/>
      <c r="AR249" s="676"/>
      <c r="AS249" s="676"/>
      <c r="AT249" s="676"/>
      <c r="AU249" s="676"/>
      <c r="AV249" s="676"/>
      <c r="AW249" s="676"/>
      <c r="AX249" s="676"/>
      <c r="AY249" s="676"/>
      <c r="AZ249" s="676"/>
      <c r="BA249" s="676"/>
      <c r="BB249" s="676"/>
      <c r="BC249" s="676"/>
      <c r="BD249" s="676"/>
      <c r="BE249" s="676"/>
      <c r="BF249" s="676"/>
      <c r="BG249" s="676"/>
      <c r="BH249" s="676"/>
      <c r="BI249" s="676"/>
      <c r="BJ249" s="676"/>
      <c r="BK249" s="676"/>
      <c r="BL249" s="676"/>
      <c r="BM249" s="676"/>
      <c r="BN249" s="676"/>
      <c r="BO249" s="676"/>
      <c r="BP249" s="676"/>
      <c r="BQ249" s="676"/>
      <c r="BR249" s="676"/>
      <c r="BS249" s="884">
        <f t="shared" si="297"/>
        <v>500</v>
      </c>
      <c r="BT249" s="661">
        <f t="shared" si="391"/>
        <v>1112.454</v>
      </c>
      <c r="BU249" s="661">
        <f t="shared" si="347"/>
        <v>556227</v>
      </c>
      <c r="BV249" s="898" t="str">
        <f t="shared" si="348"/>
        <v/>
      </c>
      <c r="BW249" s="898" t="str">
        <f t="shared" si="349"/>
        <v/>
      </c>
      <c r="BX249" s="898" t="str">
        <f t="shared" si="350"/>
        <v/>
      </c>
      <c r="BY249" s="898" t="str">
        <f t="shared" si="351"/>
        <v/>
      </c>
      <c r="BZ249" s="898" t="str">
        <f t="shared" si="352"/>
        <v/>
      </c>
      <c r="CA249" s="898" t="str">
        <f t="shared" si="353"/>
        <v/>
      </c>
      <c r="CB249" s="898" t="str">
        <f t="shared" si="354"/>
        <v/>
      </c>
      <c r="CC249" s="898" t="str">
        <f t="shared" si="355"/>
        <v/>
      </c>
      <c r="CD249" s="898">
        <f t="shared" si="356"/>
        <v>556227</v>
      </c>
      <c r="CE249" s="898" t="str">
        <f t="shared" si="357"/>
        <v/>
      </c>
      <c r="CF249" s="898" t="str">
        <f t="shared" si="358"/>
        <v/>
      </c>
      <c r="CG249" s="898" t="str">
        <f t="shared" si="359"/>
        <v/>
      </c>
      <c r="CH249" s="898" t="str">
        <f t="shared" si="360"/>
        <v/>
      </c>
      <c r="CI249" s="898" t="str">
        <f t="shared" si="361"/>
        <v/>
      </c>
      <c r="CJ249" s="898" t="str">
        <f t="shared" si="362"/>
        <v/>
      </c>
      <c r="CK249" s="898" t="str">
        <f t="shared" si="363"/>
        <v/>
      </c>
      <c r="CL249" s="898" t="str">
        <f t="shared" si="364"/>
        <v/>
      </c>
      <c r="CM249" s="898" t="str">
        <f t="shared" si="365"/>
        <v/>
      </c>
      <c r="CN249" s="898" t="str">
        <f t="shared" si="366"/>
        <v/>
      </c>
      <c r="CO249" s="898" t="str">
        <f t="shared" si="367"/>
        <v/>
      </c>
      <c r="CP249" s="898" t="str">
        <f t="shared" si="368"/>
        <v/>
      </c>
      <c r="CQ249" s="898" t="str">
        <f t="shared" si="369"/>
        <v/>
      </c>
      <c r="CR249" s="898" t="str">
        <f t="shared" si="370"/>
        <v/>
      </c>
      <c r="CS249" s="898" t="str">
        <f t="shared" si="371"/>
        <v/>
      </c>
      <c r="CT249" s="898" t="str">
        <f t="shared" si="372"/>
        <v/>
      </c>
      <c r="CU249" s="898" t="str">
        <f t="shared" si="373"/>
        <v/>
      </c>
      <c r="CV249" s="898" t="str">
        <f t="shared" si="374"/>
        <v/>
      </c>
      <c r="CW249" s="898" t="str">
        <f t="shared" si="375"/>
        <v/>
      </c>
      <c r="CX249" s="898" t="str">
        <f t="shared" si="376"/>
        <v/>
      </c>
      <c r="CY249" s="898" t="str">
        <f t="shared" si="377"/>
        <v/>
      </c>
      <c r="CZ249" s="898" t="str">
        <f t="shared" si="378"/>
        <v/>
      </c>
      <c r="DA249" s="898" t="str">
        <f t="shared" si="379"/>
        <v/>
      </c>
      <c r="DB249" s="898" t="str">
        <f t="shared" si="380"/>
        <v/>
      </c>
      <c r="DC249" s="898" t="str">
        <f t="shared" si="381"/>
        <v/>
      </c>
      <c r="DD249" s="898" t="str">
        <f t="shared" si="382"/>
        <v/>
      </c>
      <c r="DE249" s="898" t="str">
        <f t="shared" si="383"/>
        <v/>
      </c>
      <c r="DF249" s="898" t="str">
        <f t="shared" si="384"/>
        <v/>
      </c>
      <c r="DG249" s="898" t="str">
        <f t="shared" si="385"/>
        <v/>
      </c>
      <c r="DH249" s="898" t="str">
        <f t="shared" si="386"/>
        <v/>
      </c>
      <c r="DI249" s="898" t="str">
        <f t="shared" si="387"/>
        <v/>
      </c>
      <c r="DJ249" s="898" t="str">
        <f t="shared" si="388"/>
        <v/>
      </c>
      <c r="DK249" s="898" t="str">
        <f t="shared" si="389"/>
        <v/>
      </c>
      <c r="DL249" s="898" t="str">
        <f t="shared" si="390"/>
        <v/>
      </c>
      <c r="DM249" s="661">
        <f t="shared" si="299"/>
        <v>556227</v>
      </c>
      <c r="DN249" s="898">
        <f t="shared" si="300"/>
        <v>0</v>
      </c>
      <c r="DO249" s="516">
        <f t="shared" si="301"/>
        <v>0</v>
      </c>
      <c r="DP249" s="898">
        <f t="shared" si="302"/>
        <v>0</v>
      </c>
      <c r="DQ249" s="522" t="s">
        <v>4138</v>
      </c>
      <c r="DR249" s="483" t="s">
        <v>4032</v>
      </c>
      <c r="DS249" s="522" t="s">
        <v>4110</v>
      </c>
      <c r="DT249" s="632"/>
    </row>
    <row r="250" spans="1:124" s="613" customFormat="1" ht="156.75" x14ac:dyDescent="0.2">
      <c r="A250" s="484" t="str">
        <f t="shared" si="296"/>
        <v>Sports provision to support development at Shendish Manor and Fairfields (Hm11)</v>
      </c>
      <c r="B250" s="1163">
        <v>247</v>
      </c>
      <c r="C250" s="904" t="s">
        <v>4154</v>
      </c>
      <c r="D250" s="722" t="s">
        <v>3207</v>
      </c>
      <c r="E250" s="481" t="s">
        <v>53</v>
      </c>
      <c r="F250" s="481" t="s">
        <v>329</v>
      </c>
      <c r="G250" s="515" t="s">
        <v>1345</v>
      </c>
      <c r="H250" s="513" t="s">
        <v>4155</v>
      </c>
      <c r="I250" s="515"/>
      <c r="J250" s="513" t="s">
        <v>4156</v>
      </c>
      <c r="K250" s="657" t="s">
        <v>3104</v>
      </c>
      <c r="L250" s="657" t="s">
        <v>1369</v>
      </c>
      <c r="M250" s="657" t="s">
        <v>2996</v>
      </c>
      <c r="N250" s="657" t="s">
        <v>8</v>
      </c>
      <c r="O250" s="515" t="s">
        <v>525</v>
      </c>
      <c r="P250" s="664" t="s">
        <v>53</v>
      </c>
      <c r="Q250" s="654" t="s">
        <v>3209</v>
      </c>
      <c r="R250" s="657"/>
      <c r="S250" s="657"/>
      <c r="T250" s="747">
        <v>556227</v>
      </c>
      <c r="U250" s="747"/>
      <c r="V250" s="657" t="s">
        <v>64</v>
      </c>
      <c r="W250" s="723">
        <f t="shared" si="346"/>
        <v>0</v>
      </c>
      <c r="X250" s="745">
        <f t="shared" si="344"/>
        <v>556227</v>
      </c>
      <c r="Y250" s="723" t="s">
        <v>3106</v>
      </c>
      <c r="Z250" s="723"/>
      <c r="AA250" s="736" t="s">
        <v>82</v>
      </c>
      <c r="AB250" s="713"/>
      <c r="AC250" s="713"/>
      <c r="AD250" s="713"/>
      <c r="AE250" s="713"/>
      <c r="AF250" s="713"/>
      <c r="AG250" s="713"/>
      <c r="AH250" s="713"/>
      <c r="AI250" s="713"/>
      <c r="AJ250" s="713"/>
      <c r="AK250" s="713" t="s">
        <v>66</v>
      </c>
      <c r="AL250" s="713"/>
      <c r="AM250" s="713"/>
      <c r="AN250" s="713"/>
      <c r="AO250" s="713"/>
      <c r="AP250" s="713"/>
      <c r="AQ250" s="713"/>
      <c r="AR250" s="713"/>
      <c r="AS250" s="713"/>
      <c r="AT250" s="713"/>
      <c r="AU250" s="713"/>
      <c r="AV250" s="713"/>
      <c r="AW250" s="713"/>
      <c r="AX250" s="713"/>
      <c r="AY250" s="713"/>
      <c r="AZ250" s="713"/>
      <c r="BA250" s="713"/>
      <c r="BB250" s="713"/>
      <c r="BC250" s="713"/>
      <c r="BD250" s="713"/>
      <c r="BE250" s="713"/>
      <c r="BF250" s="713"/>
      <c r="BG250" s="713"/>
      <c r="BH250" s="713"/>
      <c r="BI250" s="713"/>
      <c r="BJ250" s="713"/>
      <c r="BK250" s="713"/>
      <c r="BL250" s="713"/>
      <c r="BM250" s="713"/>
      <c r="BN250" s="713"/>
      <c r="BO250" s="713"/>
      <c r="BP250" s="713"/>
      <c r="BQ250" s="713"/>
      <c r="BR250" s="713"/>
      <c r="BS250" s="884">
        <f t="shared" si="297"/>
        <v>500</v>
      </c>
      <c r="BT250" s="661">
        <f t="shared" si="391"/>
        <v>1112.454</v>
      </c>
      <c r="BU250" s="661">
        <f t="shared" si="347"/>
        <v>556227</v>
      </c>
      <c r="BV250" s="898" t="str">
        <f t="shared" si="348"/>
        <v/>
      </c>
      <c r="BW250" s="898" t="str">
        <f t="shared" si="349"/>
        <v/>
      </c>
      <c r="BX250" s="898" t="str">
        <f t="shared" si="350"/>
        <v/>
      </c>
      <c r="BY250" s="898" t="str">
        <f t="shared" si="351"/>
        <v/>
      </c>
      <c r="BZ250" s="898" t="str">
        <f t="shared" si="352"/>
        <v/>
      </c>
      <c r="CA250" s="898" t="str">
        <f t="shared" si="353"/>
        <v/>
      </c>
      <c r="CB250" s="898" t="str">
        <f t="shared" si="354"/>
        <v/>
      </c>
      <c r="CC250" s="898" t="str">
        <f t="shared" si="355"/>
        <v/>
      </c>
      <c r="CD250" s="898" t="str">
        <f t="shared" si="356"/>
        <v/>
      </c>
      <c r="CE250" s="898">
        <f t="shared" si="357"/>
        <v>556227</v>
      </c>
      <c r="CF250" s="898" t="str">
        <f t="shared" si="358"/>
        <v/>
      </c>
      <c r="CG250" s="898" t="str">
        <f t="shared" si="359"/>
        <v/>
      </c>
      <c r="CH250" s="898" t="str">
        <f t="shared" si="360"/>
        <v/>
      </c>
      <c r="CI250" s="898" t="str">
        <f t="shared" si="361"/>
        <v/>
      </c>
      <c r="CJ250" s="898" t="str">
        <f t="shared" si="362"/>
        <v/>
      </c>
      <c r="CK250" s="898" t="str">
        <f t="shared" si="363"/>
        <v/>
      </c>
      <c r="CL250" s="898" t="str">
        <f t="shared" si="364"/>
        <v/>
      </c>
      <c r="CM250" s="898" t="str">
        <f t="shared" si="365"/>
        <v/>
      </c>
      <c r="CN250" s="898" t="str">
        <f t="shared" si="366"/>
        <v/>
      </c>
      <c r="CO250" s="898" t="str">
        <f t="shared" si="367"/>
        <v/>
      </c>
      <c r="CP250" s="898" t="str">
        <f t="shared" si="368"/>
        <v/>
      </c>
      <c r="CQ250" s="898" t="str">
        <f t="shared" si="369"/>
        <v/>
      </c>
      <c r="CR250" s="898" t="str">
        <f t="shared" si="370"/>
        <v/>
      </c>
      <c r="CS250" s="898" t="str">
        <f t="shared" si="371"/>
        <v/>
      </c>
      <c r="CT250" s="898" t="str">
        <f t="shared" si="372"/>
        <v/>
      </c>
      <c r="CU250" s="898" t="str">
        <f t="shared" si="373"/>
        <v/>
      </c>
      <c r="CV250" s="898" t="str">
        <f t="shared" si="374"/>
        <v/>
      </c>
      <c r="CW250" s="898" t="str">
        <f t="shared" si="375"/>
        <v/>
      </c>
      <c r="CX250" s="898" t="str">
        <f t="shared" si="376"/>
        <v/>
      </c>
      <c r="CY250" s="898" t="str">
        <f t="shared" si="377"/>
        <v/>
      </c>
      <c r="CZ250" s="898" t="str">
        <f t="shared" si="378"/>
        <v/>
      </c>
      <c r="DA250" s="898" t="str">
        <f t="shared" si="379"/>
        <v/>
      </c>
      <c r="DB250" s="898" t="str">
        <f t="shared" si="380"/>
        <v/>
      </c>
      <c r="DC250" s="898" t="str">
        <f t="shared" si="381"/>
        <v/>
      </c>
      <c r="DD250" s="898" t="str">
        <f t="shared" si="382"/>
        <v/>
      </c>
      <c r="DE250" s="898" t="str">
        <f t="shared" si="383"/>
        <v/>
      </c>
      <c r="DF250" s="898" t="str">
        <f t="shared" si="384"/>
        <v/>
      </c>
      <c r="DG250" s="898" t="str">
        <f t="shared" si="385"/>
        <v/>
      </c>
      <c r="DH250" s="898" t="str">
        <f t="shared" si="386"/>
        <v/>
      </c>
      <c r="DI250" s="898" t="str">
        <f t="shared" si="387"/>
        <v/>
      </c>
      <c r="DJ250" s="898" t="str">
        <f t="shared" si="388"/>
        <v/>
      </c>
      <c r="DK250" s="898" t="str">
        <f t="shared" si="389"/>
        <v/>
      </c>
      <c r="DL250" s="898" t="str">
        <f t="shared" si="390"/>
        <v/>
      </c>
      <c r="DM250" s="661">
        <f t="shared" si="299"/>
        <v>556227</v>
      </c>
      <c r="DN250" s="898">
        <f t="shared" si="300"/>
        <v>0</v>
      </c>
      <c r="DO250" s="516">
        <f t="shared" si="301"/>
        <v>0</v>
      </c>
      <c r="DP250" s="898">
        <f t="shared" si="302"/>
        <v>0</v>
      </c>
      <c r="DQ250" s="522" t="s">
        <v>4138</v>
      </c>
      <c r="DR250" s="483" t="s">
        <v>4032</v>
      </c>
      <c r="DS250" s="522" t="s">
        <v>4110</v>
      </c>
      <c r="DT250" s="632"/>
    </row>
    <row r="251" spans="1:124" s="613" customFormat="1" ht="142.5" x14ac:dyDescent="0.2">
      <c r="A251" s="484" t="str">
        <f t="shared" si="296"/>
        <v xml:space="preserve">Sports provision to support development at Plots 2/3 Kier Park, Maylands Avenue (Hm12) </v>
      </c>
      <c r="B251" s="1163">
        <v>248</v>
      </c>
      <c r="C251" s="722" t="s">
        <v>4157</v>
      </c>
      <c r="D251" s="722" t="s">
        <v>3207</v>
      </c>
      <c r="E251" s="481" t="s">
        <v>53</v>
      </c>
      <c r="F251" s="481" t="s">
        <v>329</v>
      </c>
      <c r="G251" s="515" t="s">
        <v>1345</v>
      </c>
      <c r="H251" s="513" t="s">
        <v>4158</v>
      </c>
      <c r="I251" s="515"/>
      <c r="J251" s="513" t="s">
        <v>4159</v>
      </c>
      <c r="K251" s="657" t="s">
        <v>3104</v>
      </c>
      <c r="L251" s="657" t="s">
        <v>3526</v>
      </c>
      <c r="M251" s="657" t="s">
        <v>2996</v>
      </c>
      <c r="N251" s="657" t="s">
        <v>81</v>
      </c>
      <c r="O251" s="515" t="s">
        <v>525</v>
      </c>
      <c r="P251" s="664" t="s">
        <v>53</v>
      </c>
      <c r="Q251" s="654" t="s">
        <v>3209</v>
      </c>
      <c r="R251" s="657"/>
      <c r="S251" s="657"/>
      <c r="T251" s="744">
        <v>260314</v>
      </c>
      <c r="U251" s="744"/>
      <c r="V251" s="657" t="s">
        <v>64</v>
      </c>
      <c r="W251" s="723">
        <f t="shared" si="346"/>
        <v>0</v>
      </c>
      <c r="X251" s="745">
        <f t="shared" si="344"/>
        <v>260314</v>
      </c>
      <c r="Y251" s="723" t="s">
        <v>3106</v>
      </c>
      <c r="Z251" s="723"/>
      <c r="AA251" s="736" t="s">
        <v>82</v>
      </c>
      <c r="AB251" s="676"/>
      <c r="AC251" s="676"/>
      <c r="AD251" s="676"/>
      <c r="AE251" s="676"/>
      <c r="AF251" s="676"/>
      <c r="AG251" s="676"/>
      <c r="AH251" s="676"/>
      <c r="AI251" s="676"/>
      <c r="AJ251" s="676"/>
      <c r="AK251" s="676"/>
      <c r="AL251" s="676"/>
      <c r="AM251" s="676"/>
      <c r="AN251" s="895" t="s">
        <v>66</v>
      </c>
      <c r="AO251" s="676"/>
      <c r="AP251" s="676"/>
      <c r="AQ251" s="676"/>
      <c r="AR251" s="676"/>
      <c r="AS251" s="676"/>
      <c r="AT251" s="676"/>
      <c r="AU251" s="676"/>
      <c r="AV251" s="676"/>
      <c r="AW251" s="676"/>
      <c r="AX251" s="676"/>
      <c r="AY251" s="676"/>
      <c r="AZ251" s="676"/>
      <c r="BA251" s="676"/>
      <c r="BB251" s="676"/>
      <c r="BC251" s="676"/>
      <c r="BD251" s="676"/>
      <c r="BE251" s="676"/>
      <c r="BF251" s="676"/>
      <c r="BG251" s="676"/>
      <c r="BH251" s="676"/>
      <c r="BI251" s="676"/>
      <c r="BJ251" s="676"/>
      <c r="BK251" s="676"/>
      <c r="BL251" s="676"/>
      <c r="BM251" s="676"/>
      <c r="BN251" s="676"/>
      <c r="BO251" s="676"/>
      <c r="BP251" s="676"/>
      <c r="BQ251" s="676"/>
      <c r="BR251" s="676"/>
      <c r="BS251" s="884">
        <f t="shared" si="297"/>
        <v>234</v>
      </c>
      <c r="BT251" s="661">
        <f t="shared" si="391"/>
        <v>1112.4529914529915</v>
      </c>
      <c r="BU251" s="661">
        <f t="shared" si="347"/>
        <v>260314</v>
      </c>
      <c r="BV251" s="898" t="str">
        <f t="shared" si="348"/>
        <v/>
      </c>
      <c r="BW251" s="898" t="str">
        <f t="shared" si="349"/>
        <v/>
      </c>
      <c r="BX251" s="898" t="str">
        <f t="shared" si="350"/>
        <v/>
      </c>
      <c r="BY251" s="898" t="str">
        <f t="shared" si="351"/>
        <v/>
      </c>
      <c r="BZ251" s="898" t="str">
        <f t="shared" si="352"/>
        <v/>
      </c>
      <c r="CA251" s="898" t="str">
        <f t="shared" si="353"/>
        <v/>
      </c>
      <c r="CB251" s="898" t="str">
        <f t="shared" si="354"/>
        <v/>
      </c>
      <c r="CC251" s="898" t="str">
        <f t="shared" si="355"/>
        <v/>
      </c>
      <c r="CD251" s="898" t="str">
        <f t="shared" si="356"/>
        <v/>
      </c>
      <c r="CE251" s="898" t="str">
        <f t="shared" si="357"/>
        <v/>
      </c>
      <c r="CF251" s="898" t="str">
        <f t="shared" si="358"/>
        <v/>
      </c>
      <c r="CG251" s="898" t="str">
        <f t="shared" si="359"/>
        <v/>
      </c>
      <c r="CH251" s="898">
        <f t="shared" si="360"/>
        <v>260314</v>
      </c>
      <c r="CI251" s="898" t="str">
        <f t="shared" si="361"/>
        <v/>
      </c>
      <c r="CJ251" s="898" t="str">
        <f t="shared" si="362"/>
        <v/>
      </c>
      <c r="CK251" s="898" t="str">
        <f t="shared" si="363"/>
        <v/>
      </c>
      <c r="CL251" s="898" t="str">
        <f t="shared" si="364"/>
        <v/>
      </c>
      <c r="CM251" s="898" t="str">
        <f t="shared" si="365"/>
        <v/>
      </c>
      <c r="CN251" s="898" t="str">
        <f t="shared" si="366"/>
        <v/>
      </c>
      <c r="CO251" s="898" t="str">
        <f t="shared" si="367"/>
        <v/>
      </c>
      <c r="CP251" s="898" t="str">
        <f t="shared" si="368"/>
        <v/>
      </c>
      <c r="CQ251" s="898" t="str">
        <f t="shared" si="369"/>
        <v/>
      </c>
      <c r="CR251" s="898" t="str">
        <f t="shared" si="370"/>
        <v/>
      </c>
      <c r="CS251" s="898" t="str">
        <f t="shared" si="371"/>
        <v/>
      </c>
      <c r="CT251" s="898" t="str">
        <f t="shared" si="372"/>
        <v/>
      </c>
      <c r="CU251" s="898" t="str">
        <f t="shared" si="373"/>
        <v/>
      </c>
      <c r="CV251" s="898" t="str">
        <f t="shared" si="374"/>
        <v/>
      </c>
      <c r="CW251" s="898" t="str">
        <f t="shared" si="375"/>
        <v/>
      </c>
      <c r="CX251" s="898" t="str">
        <f t="shared" si="376"/>
        <v/>
      </c>
      <c r="CY251" s="898" t="str">
        <f t="shared" si="377"/>
        <v/>
      </c>
      <c r="CZ251" s="898" t="str">
        <f t="shared" si="378"/>
        <v/>
      </c>
      <c r="DA251" s="898" t="str">
        <f t="shared" si="379"/>
        <v/>
      </c>
      <c r="DB251" s="898" t="str">
        <f t="shared" si="380"/>
        <v/>
      </c>
      <c r="DC251" s="898" t="str">
        <f t="shared" si="381"/>
        <v/>
      </c>
      <c r="DD251" s="898" t="str">
        <f t="shared" si="382"/>
        <v/>
      </c>
      <c r="DE251" s="898" t="str">
        <f t="shared" si="383"/>
        <v/>
      </c>
      <c r="DF251" s="898" t="str">
        <f t="shared" si="384"/>
        <v/>
      </c>
      <c r="DG251" s="898" t="str">
        <f t="shared" si="385"/>
        <v/>
      </c>
      <c r="DH251" s="898" t="str">
        <f t="shared" si="386"/>
        <v/>
      </c>
      <c r="DI251" s="898" t="str">
        <f t="shared" si="387"/>
        <v/>
      </c>
      <c r="DJ251" s="898" t="str">
        <f t="shared" si="388"/>
        <v/>
      </c>
      <c r="DK251" s="898" t="str">
        <f t="shared" si="389"/>
        <v/>
      </c>
      <c r="DL251" s="898" t="str">
        <f t="shared" si="390"/>
        <v/>
      </c>
      <c r="DM251" s="661">
        <f t="shared" si="299"/>
        <v>260314</v>
      </c>
      <c r="DN251" s="898">
        <f t="shared" si="300"/>
        <v>0</v>
      </c>
      <c r="DO251" s="516">
        <f t="shared" si="301"/>
        <v>0</v>
      </c>
      <c r="DP251" s="898">
        <f t="shared" si="302"/>
        <v>0</v>
      </c>
      <c r="DQ251" s="860" t="s">
        <v>4160</v>
      </c>
      <c r="DR251" s="483" t="s">
        <v>4032</v>
      </c>
      <c r="DS251" s="522" t="s">
        <v>4110</v>
      </c>
      <c r="DT251" s="632"/>
    </row>
    <row r="252" spans="1:124" s="613" customFormat="1" ht="142.5" x14ac:dyDescent="0.2">
      <c r="A252" s="484" t="str">
        <f t="shared" si="296"/>
        <v>Sports provision to support development at Polehanger Lane (Hm13)</v>
      </c>
      <c r="B252" s="1163">
        <v>249</v>
      </c>
      <c r="C252" s="722" t="s">
        <v>4161</v>
      </c>
      <c r="D252" s="722" t="s">
        <v>3207</v>
      </c>
      <c r="E252" s="481" t="s">
        <v>53</v>
      </c>
      <c r="F252" s="481" t="s">
        <v>329</v>
      </c>
      <c r="G252" s="515" t="s">
        <v>1345</v>
      </c>
      <c r="H252" s="513" t="s">
        <v>4162</v>
      </c>
      <c r="I252" s="515"/>
      <c r="J252" s="513" t="s">
        <v>4163</v>
      </c>
      <c r="K252" s="657" t="s">
        <v>3104</v>
      </c>
      <c r="L252" s="657" t="s">
        <v>1370</v>
      </c>
      <c r="M252" s="654" t="s">
        <v>2996</v>
      </c>
      <c r="N252" s="657" t="s">
        <v>8</v>
      </c>
      <c r="O252" s="515" t="s">
        <v>525</v>
      </c>
      <c r="P252" s="664" t="s">
        <v>53</v>
      </c>
      <c r="Q252" s="654" t="s">
        <v>3209</v>
      </c>
      <c r="R252" s="657"/>
      <c r="S252" s="657"/>
      <c r="T252" s="744">
        <v>834341</v>
      </c>
      <c r="U252" s="744"/>
      <c r="V252" s="657" t="s">
        <v>64</v>
      </c>
      <c r="W252" s="723">
        <f t="shared" si="346"/>
        <v>0</v>
      </c>
      <c r="X252" s="745">
        <f t="shared" si="344"/>
        <v>834341</v>
      </c>
      <c r="Y252" s="723" t="s">
        <v>3106</v>
      </c>
      <c r="Z252" s="723"/>
      <c r="AA252" s="652" t="s">
        <v>82</v>
      </c>
      <c r="AB252" s="676"/>
      <c r="AC252" s="676"/>
      <c r="AD252" s="676"/>
      <c r="AE252" s="676"/>
      <c r="AF252" s="676"/>
      <c r="AG252" s="676"/>
      <c r="AH252" s="676"/>
      <c r="AI252" s="676"/>
      <c r="AJ252" s="676"/>
      <c r="AK252" s="676"/>
      <c r="AL252" s="893" t="s">
        <v>66</v>
      </c>
      <c r="AM252" s="676"/>
      <c r="AN252" s="676"/>
      <c r="AO252" s="676"/>
      <c r="AP252" s="676"/>
      <c r="AQ252" s="676"/>
      <c r="AR252" s="676"/>
      <c r="AS252" s="676"/>
      <c r="AT252" s="676"/>
      <c r="AU252" s="676"/>
      <c r="AV252" s="676"/>
      <c r="AW252" s="676"/>
      <c r="AX252" s="676"/>
      <c r="AY252" s="676"/>
      <c r="AZ252" s="676"/>
      <c r="BA252" s="676"/>
      <c r="BB252" s="676"/>
      <c r="BC252" s="676"/>
      <c r="BD252" s="676"/>
      <c r="BE252" s="676"/>
      <c r="BF252" s="676"/>
      <c r="BG252" s="676"/>
      <c r="BH252" s="676"/>
      <c r="BI252" s="676"/>
      <c r="BJ252" s="676"/>
      <c r="BK252" s="676"/>
      <c r="BL252" s="676"/>
      <c r="BM252" s="676"/>
      <c r="BN252" s="676"/>
      <c r="BO252" s="676"/>
      <c r="BP252" s="676"/>
      <c r="BQ252" s="676"/>
      <c r="BR252" s="676"/>
      <c r="BS252" s="884">
        <f t="shared" si="297"/>
        <v>750</v>
      </c>
      <c r="BT252" s="661">
        <f t="shared" si="391"/>
        <v>1112.4546666666668</v>
      </c>
      <c r="BU252" s="661">
        <f t="shared" si="347"/>
        <v>834341</v>
      </c>
      <c r="BV252" s="898" t="str">
        <f t="shared" si="348"/>
        <v/>
      </c>
      <c r="BW252" s="898" t="str">
        <f t="shared" si="349"/>
        <v/>
      </c>
      <c r="BX252" s="898" t="str">
        <f t="shared" si="350"/>
        <v/>
      </c>
      <c r="BY252" s="898" t="str">
        <f t="shared" si="351"/>
        <v/>
      </c>
      <c r="BZ252" s="898" t="str">
        <f t="shared" si="352"/>
        <v/>
      </c>
      <c r="CA252" s="898" t="str">
        <f t="shared" si="353"/>
        <v/>
      </c>
      <c r="CB252" s="898" t="str">
        <f t="shared" si="354"/>
        <v/>
      </c>
      <c r="CC252" s="898" t="str">
        <f t="shared" si="355"/>
        <v/>
      </c>
      <c r="CD252" s="898" t="str">
        <f t="shared" si="356"/>
        <v/>
      </c>
      <c r="CE252" s="898" t="str">
        <f t="shared" si="357"/>
        <v/>
      </c>
      <c r="CF252" s="898">
        <f t="shared" si="358"/>
        <v>834341</v>
      </c>
      <c r="CG252" s="898" t="str">
        <f t="shared" si="359"/>
        <v/>
      </c>
      <c r="CH252" s="898" t="str">
        <f t="shared" si="360"/>
        <v/>
      </c>
      <c r="CI252" s="898" t="str">
        <f t="shared" si="361"/>
        <v/>
      </c>
      <c r="CJ252" s="898" t="str">
        <f t="shared" si="362"/>
        <v/>
      </c>
      <c r="CK252" s="898" t="str">
        <f t="shared" si="363"/>
        <v/>
      </c>
      <c r="CL252" s="898" t="str">
        <f t="shared" si="364"/>
        <v/>
      </c>
      <c r="CM252" s="898" t="str">
        <f t="shared" si="365"/>
        <v/>
      </c>
      <c r="CN252" s="898" t="str">
        <f t="shared" si="366"/>
        <v/>
      </c>
      <c r="CO252" s="898" t="str">
        <f t="shared" si="367"/>
        <v/>
      </c>
      <c r="CP252" s="898" t="str">
        <f t="shared" si="368"/>
        <v/>
      </c>
      <c r="CQ252" s="898" t="str">
        <f t="shared" si="369"/>
        <v/>
      </c>
      <c r="CR252" s="898" t="str">
        <f t="shared" si="370"/>
        <v/>
      </c>
      <c r="CS252" s="898" t="str">
        <f t="shared" si="371"/>
        <v/>
      </c>
      <c r="CT252" s="898" t="str">
        <f t="shared" si="372"/>
        <v/>
      </c>
      <c r="CU252" s="898" t="str">
        <f t="shared" si="373"/>
        <v/>
      </c>
      <c r="CV252" s="898" t="str">
        <f t="shared" si="374"/>
        <v/>
      </c>
      <c r="CW252" s="898" t="str">
        <f t="shared" si="375"/>
        <v/>
      </c>
      <c r="CX252" s="898" t="str">
        <f t="shared" si="376"/>
        <v/>
      </c>
      <c r="CY252" s="898" t="str">
        <f t="shared" si="377"/>
        <v/>
      </c>
      <c r="CZ252" s="898" t="str">
        <f t="shared" si="378"/>
        <v/>
      </c>
      <c r="DA252" s="898" t="str">
        <f t="shared" si="379"/>
        <v/>
      </c>
      <c r="DB252" s="898" t="str">
        <f t="shared" si="380"/>
        <v/>
      </c>
      <c r="DC252" s="898" t="str">
        <f t="shared" si="381"/>
        <v/>
      </c>
      <c r="DD252" s="898" t="str">
        <f t="shared" si="382"/>
        <v/>
      </c>
      <c r="DE252" s="898" t="str">
        <f t="shared" si="383"/>
        <v/>
      </c>
      <c r="DF252" s="898" t="str">
        <f t="shared" si="384"/>
        <v/>
      </c>
      <c r="DG252" s="898" t="str">
        <f t="shared" si="385"/>
        <v/>
      </c>
      <c r="DH252" s="898" t="str">
        <f t="shared" si="386"/>
        <v/>
      </c>
      <c r="DI252" s="898" t="str">
        <f t="shared" si="387"/>
        <v/>
      </c>
      <c r="DJ252" s="898" t="str">
        <f t="shared" si="388"/>
        <v/>
      </c>
      <c r="DK252" s="898" t="str">
        <f t="shared" si="389"/>
        <v/>
      </c>
      <c r="DL252" s="898" t="str">
        <f t="shared" si="390"/>
        <v/>
      </c>
      <c r="DM252" s="661">
        <f t="shared" si="299"/>
        <v>834341</v>
      </c>
      <c r="DN252" s="898">
        <f t="shared" si="300"/>
        <v>0</v>
      </c>
      <c r="DO252" s="516">
        <f t="shared" si="301"/>
        <v>0</v>
      </c>
      <c r="DP252" s="898">
        <f t="shared" si="302"/>
        <v>0</v>
      </c>
      <c r="DQ252" s="860" t="s">
        <v>4164</v>
      </c>
      <c r="DR252" s="483" t="s">
        <v>4032</v>
      </c>
      <c r="DS252" s="522" t="s">
        <v>4110</v>
      </c>
      <c r="DT252" s="632"/>
    </row>
    <row r="253" spans="1:124" s="613" customFormat="1" ht="142.5" x14ac:dyDescent="0.2">
      <c r="A253" s="484" t="str">
        <f t="shared" si="296"/>
        <v>Sports provision to support development at Marchmont Farm (Hm14)</v>
      </c>
      <c r="B253" s="1163">
        <v>250</v>
      </c>
      <c r="C253" s="722" t="s">
        <v>4165</v>
      </c>
      <c r="D253" s="722" t="s">
        <v>3207</v>
      </c>
      <c r="E253" s="481" t="s">
        <v>53</v>
      </c>
      <c r="F253" s="481" t="s">
        <v>329</v>
      </c>
      <c r="G253" s="515" t="s">
        <v>1345</v>
      </c>
      <c r="H253" s="513" t="s">
        <v>4166</v>
      </c>
      <c r="I253" s="515"/>
      <c r="J253" s="513" t="s">
        <v>4167</v>
      </c>
      <c r="K253" s="657" t="s">
        <v>3104</v>
      </c>
      <c r="L253" s="657" t="s">
        <v>2609</v>
      </c>
      <c r="M253" s="657" t="s">
        <v>2996</v>
      </c>
      <c r="N253" s="657" t="s">
        <v>81</v>
      </c>
      <c r="O253" s="515" t="s">
        <v>525</v>
      </c>
      <c r="P253" s="664" t="s">
        <v>53</v>
      </c>
      <c r="Q253" s="654" t="s">
        <v>3209</v>
      </c>
      <c r="R253" s="657"/>
      <c r="S253" s="657"/>
      <c r="T253" s="744">
        <v>389359</v>
      </c>
      <c r="U253" s="744"/>
      <c r="V253" s="657" t="s">
        <v>64</v>
      </c>
      <c r="W253" s="723">
        <f t="shared" si="346"/>
        <v>0</v>
      </c>
      <c r="X253" s="745">
        <f t="shared" si="344"/>
        <v>389359</v>
      </c>
      <c r="Y253" s="723" t="s">
        <v>3106</v>
      </c>
      <c r="Z253" s="723"/>
      <c r="AA253" s="736" t="s">
        <v>82</v>
      </c>
      <c r="AB253" s="676"/>
      <c r="AC253" s="676"/>
      <c r="AD253" s="676"/>
      <c r="AE253" s="676"/>
      <c r="AF253" s="676"/>
      <c r="AG253" s="676"/>
      <c r="AH253" s="676"/>
      <c r="AI253" s="676"/>
      <c r="AJ253" s="676"/>
      <c r="AK253" s="676"/>
      <c r="AL253" s="676"/>
      <c r="AM253" s="676"/>
      <c r="AN253" s="676"/>
      <c r="AO253" s="895" t="s">
        <v>66</v>
      </c>
      <c r="AP253" s="676"/>
      <c r="AQ253" s="676"/>
      <c r="AR253" s="676"/>
      <c r="AS253" s="676"/>
      <c r="AT253" s="676"/>
      <c r="AU253" s="676"/>
      <c r="AV253" s="676"/>
      <c r="AW253" s="676"/>
      <c r="AX253" s="676"/>
      <c r="AY253" s="676"/>
      <c r="AZ253" s="676"/>
      <c r="BA253" s="676"/>
      <c r="BB253" s="676"/>
      <c r="BC253" s="676"/>
      <c r="BD253" s="676"/>
      <c r="BE253" s="676"/>
      <c r="BF253" s="676"/>
      <c r="BG253" s="676"/>
      <c r="BH253" s="676"/>
      <c r="BI253" s="676"/>
      <c r="BJ253" s="676"/>
      <c r="BK253" s="676"/>
      <c r="BL253" s="676"/>
      <c r="BM253" s="676"/>
      <c r="BN253" s="676"/>
      <c r="BO253" s="676"/>
      <c r="BP253" s="676"/>
      <c r="BQ253" s="676"/>
      <c r="BR253" s="676"/>
      <c r="BS253" s="884">
        <f t="shared" si="297"/>
        <v>350</v>
      </c>
      <c r="BT253" s="661">
        <f t="shared" si="391"/>
        <v>1112.4542857142858</v>
      </c>
      <c r="BU253" s="661">
        <f t="shared" si="347"/>
        <v>389359</v>
      </c>
      <c r="BV253" s="898" t="str">
        <f t="shared" si="348"/>
        <v/>
      </c>
      <c r="BW253" s="898" t="str">
        <f t="shared" si="349"/>
        <v/>
      </c>
      <c r="BX253" s="898" t="str">
        <f t="shared" si="350"/>
        <v/>
      </c>
      <c r="BY253" s="898" t="str">
        <f t="shared" si="351"/>
        <v/>
      </c>
      <c r="BZ253" s="898" t="str">
        <f t="shared" si="352"/>
        <v/>
      </c>
      <c r="CA253" s="898" t="str">
        <f t="shared" si="353"/>
        <v/>
      </c>
      <c r="CB253" s="898" t="str">
        <f t="shared" si="354"/>
        <v/>
      </c>
      <c r="CC253" s="898" t="str">
        <f t="shared" si="355"/>
        <v/>
      </c>
      <c r="CD253" s="898" t="str">
        <f t="shared" si="356"/>
        <v/>
      </c>
      <c r="CE253" s="898" t="str">
        <f t="shared" si="357"/>
        <v/>
      </c>
      <c r="CF253" s="898" t="str">
        <f t="shared" si="358"/>
        <v/>
      </c>
      <c r="CG253" s="898" t="str">
        <f t="shared" si="359"/>
        <v/>
      </c>
      <c r="CH253" s="898" t="str">
        <f t="shared" si="360"/>
        <v/>
      </c>
      <c r="CI253" s="898">
        <f t="shared" si="361"/>
        <v>389359</v>
      </c>
      <c r="CJ253" s="898" t="str">
        <f t="shared" si="362"/>
        <v/>
      </c>
      <c r="CK253" s="898" t="str">
        <f t="shared" si="363"/>
        <v/>
      </c>
      <c r="CL253" s="898" t="str">
        <f t="shared" si="364"/>
        <v/>
      </c>
      <c r="CM253" s="898" t="str">
        <f t="shared" si="365"/>
        <v/>
      </c>
      <c r="CN253" s="898" t="str">
        <f t="shared" si="366"/>
        <v/>
      </c>
      <c r="CO253" s="898" t="str">
        <f t="shared" si="367"/>
        <v/>
      </c>
      <c r="CP253" s="898" t="str">
        <f t="shared" si="368"/>
        <v/>
      </c>
      <c r="CQ253" s="898" t="str">
        <f t="shared" si="369"/>
        <v/>
      </c>
      <c r="CR253" s="898" t="str">
        <f t="shared" si="370"/>
        <v/>
      </c>
      <c r="CS253" s="898" t="str">
        <f t="shared" si="371"/>
        <v/>
      </c>
      <c r="CT253" s="898" t="str">
        <f t="shared" si="372"/>
        <v/>
      </c>
      <c r="CU253" s="898" t="str">
        <f t="shared" si="373"/>
        <v/>
      </c>
      <c r="CV253" s="898" t="str">
        <f t="shared" si="374"/>
        <v/>
      </c>
      <c r="CW253" s="898" t="str">
        <f t="shared" si="375"/>
        <v/>
      </c>
      <c r="CX253" s="898" t="str">
        <f t="shared" si="376"/>
        <v/>
      </c>
      <c r="CY253" s="898" t="str">
        <f t="shared" si="377"/>
        <v/>
      </c>
      <c r="CZ253" s="898" t="str">
        <f t="shared" si="378"/>
        <v/>
      </c>
      <c r="DA253" s="898" t="str">
        <f t="shared" si="379"/>
        <v/>
      </c>
      <c r="DB253" s="898" t="str">
        <f t="shared" si="380"/>
        <v/>
      </c>
      <c r="DC253" s="898" t="str">
        <f t="shared" si="381"/>
        <v/>
      </c>
      <c r="DD253" s="898" t="str">
        <f t="shared" si="382"/>
        <v/>
      </c>
      <c r="DE253" s="898" t="str">
        <f t="shared" si="383"/>
        <v/>
      </c>
      <c r="DF253" s="898" t="str">
        <f t="shared" si="384"/>
        <v/>
      </c>
      <c r="DG253" s="898" t="str">
        <f t="shared" si="385"/>
        <v/>
      </c>
      <c r="DH253" s="898" t="str">
        <f t="shared" si="386"/>
        <v/>
      </c>
      <c r="DI253" s="898" t="str">
        <f t="shared" si="387"/>
        <v/>
      </c>
      <c r="DJ253" s="898" t="str">
        <f t="shared" si="388"/>
        <v/>
      </c>
      <c r="DK253" s="898" t="str">
        <f t="shared" si="389"/>
        <v/>
      </c>
      <c r="DL253" s="898" t="str">
        <f t="shared" si="390"/>
        <v/>
      </c>
      <c r="DM253" s="661">
        <f t="shared" si="299"/>
        <v>389359</v>
      </c>
      <c r="DN253" s="898">
        <f t="shared" si="300"/>
        <v>0</v>
      </c>
      <c r="DO253" s="516">
        <f t="shared" si="301"/>
        <v>0</v>
      </c>
      <c r="DP253" s="898">
        <f t="shared" si="302"/>
        <v>0</v>
      </c>
      <c r="DQ253" s="860" t="s">
        <v>4134</v>
      </c>
      <c r="DR253" s="483" t="s">
        <v>4032</v>
      </c>
      <c r="DS253" s="522" t="s">
        <v>4110</v>
      </c>
      <c r="DT253" s="632"/>
    </row>
    <row r="254" spans="1:124" s="613" customFormat="1" ht="142.5" x14ac:dyDescent="0.2">
      <c r="A254" s="484" t="str">
        <f t="shared" si="296"/>
        <v>Sports provision to support development at Old Town (Hm15)</v>
      </c>
      <c r="B254" s="1163">
        <v>251</v>
      </c>
      <c r="C254" s="722" t="s">
        <v>4168</v>
      </c>
      <c r="D254" s="722" t="s">
        <v>3207</v>
      </c>
      <c r="E254" s="481" t="s">
        <v>53</v>
      </c>
      <c r="F254" s="481" t="s">
        <v>329</v>
      </c>
      <c r="G254" s="515" t="s">
        <v>1345</v>
      </c>
      <c r="H254" s="513" t="s">
        <v>4169</v>
      </c>
      <c r="I254" s="515"/>
      <c r="J254" s="513" t="s">
        <v>4170</v>
      </c>
      <c r="K254" s="657" t="s">
        <v>3104</v>
      </c>
      <c r="L254" s="657" t="s">
        <v>2601</v>
      </c>
      <c r="M254" s="657" t="s">
        <v>2996</v>
      </c>
      <c r="N254" s="657" t="s">
        <v>81</v>
      </c>
      <c r="O254" s="515" t="s">
        <v>525</v>
      </c>
      <c r="P254" s="664" t="s">
        <v>53</v>
      </c>
      <c r="Q254" s="654" t="s">
        <v>3209</v>
      </c>
      <c r="R254" s="657"/>
      <c r="S254" s="657"/>
      <c r="T254" s="744">
        <v>100121</v>
      </c>
      <c r="U254" s="744"/>
      <c r="V254" s="657" t="s">
        <v>64</v>
      </c>
      <c r="W254" s="723">
        <f t="shared" si="346"/>
        <v>0</v>
      </c>
      <c r="X254" s="745">
        <f t="shared" si="344"/>
        <v>100121</v>
      </c>
      <c r="Y254" s="723" t="s">
        <v>3106</v>
      </c>
      <c r="Z254" s="723"/>
      <c r="AA254" s="736" t="s">
        <v>82</v>
      </c>
      <c r="AB254" s="676"/>
      <c r="AC254" s="676"/>
      <c r="AD254" s="676"/>
      <c r="AE254" s="676"/>
      <c r="AF254" s="676"/>
      <c r="AG254" s="676"/>
      <c r="AH254" s="676"/>
      <c r="AI254" s="676"/>
      <c r="AJ254" s="676"/>
      <c r="AK254" s="676"/>
      <c r="AL254" s="676"/>
      <c r="AM254" s="676"/>
      <c r="AN254" s="676"/>
      <c r="AO254" s="676"/>
      <c r="AP254" s="895" t="s">
        <v>66</v>
      </c>
      <c r="AQ254" s="676"/>
      <c r="AR254" s="676"/>
      <c r="AS254" s="676"/>
      <c r="AT254" s="676"/>
      <c r="AU254" s="676"/>
      <c r="AV254" s="676"/>
      <c r="AW254" s="676"/>
      <c r="AX254" s="676"/>
      <c r="AY254" s="676"/>
      <c r="AZ254" s="676"/>
      <c r="BA254" s="676"/>
      <c r="BB254" s="676"/>
      <c r="BC254" s="676"/>
      <c r="BD254" s="676"/>
      <c r="BE254" s="676"/>
      <c r="BF254" s="676"/>
      <c r="BG254" s="676"/>
      <c r="BH254" s="676"/>
      <c r="BI254" s="676"/>
      <c r="BJ254" s="676"/>
      <c r="BK254" s="676"/>
      <c r="BL254" s="676"/>
      <c r="BM254" s="676"/>
      <c r="BN254" s="676"/>
      <c r="BO254" s="676"/>
      <c r="BP254" s="676"/>
      <c r="BQ254" s="676"/>
      <c r="BR254" s="676"/>
      <c r="BS254" s="884">
        <f t="shared" si="297"/>
        <v>90</v>
      </c>
      <c r="BT254" s="661">
        <f t="shared" si="391"/>
        <v>1112.4555555555555</v>
      </c>
      <c r="BU254" s="661">
        <f t="shared" si="347"/>
        <v>100121</v>
      </c>
      <c r="BV254" s="898" t="str">
        <f t="shared" si="348"/>
        <v/>
      </c>
      <c r="BW254" s="898" t="str">
        <f t="shared" si="349"/>
        <v/>
      </c>
      <c r="BX254" s="898" t="str">
        <f t="shared" si="350"/>
        <v/>
      </c>
      <c r="BY254" s="898" t="str">
        <f t="shared" si="351"/>
        <v/>
      </c>
      <c r="BZ254" s="898" t="str">
        <f t="shared" si="352"/>
        <v/>
      </c>
      <c r="CA254" s="898" t="str">
        <f t="shared" si="353"/>
        <v/>
      </c>
      <c r="CB254" s="898" t="str">
        <f t="shared" si="354"/>
        <v/>
      </c>
      <c r="CC254" s="898" t="str">
        <f t="shared" si="355"/>
        <v/>
      </c>
      <c r="CD254" s="898" t="str">
        <f t="shared" si="356"/>
        <v/>
      </c>
      <c r="CE254" s="898" t="str">
        <f t="shared" si="357"/>
        <v/>
      </c>
      <c r="CF254" s="898" t="str">
        <f t="shared" si="358"/>
        <v/>
      </c>
      <c r="CG254" s="898" t="str">
        <f t="shared" si="359"/>
        <v/>
      </c>
      <c r="CH254" s="898" t="str">
        <f t="shared" si="360"/>
        <v/>
      </c>
      <c r="CI254" s="898" t="str">
        <f t="shared" si="361"/>
        <v/>
      </c>
      <c r="CJ254" s="898">
        <f t="shared" si="362"/>
        <v>100121</v>
      </c>
      <c r="CK254" s="898" t="str">
        <f t="shared" si="363"/>
        <v/>
      </c>
      <c r="CL254" s="898" t="str">
        <f t="shared" si="364"/>
        <v/>
      </c>
      <c r="CM254" s="898" t="str">
        <f t="shared" si="365"/>
        <v/>
      </c>
      <c r="CN254" s="898" t="str">
        <f t="shared" si="366"/>
        <v/>
      </c>
      <c r="CO254" s="898" t="str">
        <f t="shared" si="367"/>
        <v/>
      </c>
      <c r="CP254" s="898" t="str">
        <f t="shared" si="368"/>
        <v/>
      </c>
      <c r="CQ254" s="898" t="str">
        <f t="shared" si="369"/>
        <v/>
      </c>
      <c r="CR254" s="898" t="str">
        <f t="shared" si="370"/>
        <v/>
      </c>
      <c r="CS254" s="898" t="str">
        <f t="shared" si="371"/>
        <v/>
      </c>
      <c r="CT254" s="898" t="str">
        <f t="shared" si="372"/>
        <v/>
      </c>
      <c r="CU254" s="898" t="str">
        <f t="shared" si="373"/>
        <v/>
      </c>
      <c r="CV254" s="898" t="str">
        <f t="shared" si="374"/>
        <v/>
      </c>
      <c r="CW254" s="898" t="str">
        <f t="shared" si="375"/>
        <v/>
      </c>
      <c r="CX254" s="898" t="str">
        <f t="shared" si="376"/>
        <v/>
      </c>
      <c r="CY254" s="898" t="str">
        <f t="shared" si="377"/>
        <v/>
      </c>
      <c r="CZ254" s="898" t="str">
        <f t="shared" si="378"/>
        <v/>
      </c>
      <c r="DA254" s="898" t="str">
        <f t="shared" si="379"/>
        <v/>
      </c>
      <c r="DB254" s="898" t="str">
        <f t="shared" si="380"/>
        <v/>
      </c>
      <c r="DC254" s="898" t="str">
        <f t="shared" si="381"/>
        <v/>
      </c>
      <c r="DD254" s="898" t="str">
        <f t="shared" si="382"/>
        <v/>
      </c>
      <c r="DE254" s="898" t="str">
        <f t="shared" si="383"/>
        <v/>
      </c>
      <c r="DF254" s="898" t="str">
        <f t="shared" si="384"/>
        <v/>
      </c>
      <c r="DG254" s="898" t="str">
        <f t="shared" si="385"/>
        <v/>
      </c>
      <c r="DH254" s="898" t="str">
        <f t="shared" si="386"/>
        <v/>
      </c>
      <c r="DI254" s="898" t="str">
        <f t="shared" si="387"/>
        <v/>
      </c>
      <c r="DJ254" s="898" t="str">
        <f t="shared" si="388"/>
        <v/>
      </c>
      <c r="DK254" s="898" t="str">
        <f t="shared" si="389"/>
        <v/>
      </c>
      <c r="DL254" s="898" t="str">
        <f t="shared" si="390"/>
        <v/>
      </c>
      <c r="DM254" s="661">
        <f t="shared" si="299"/>
        <v>100121</v>
      </c>
      <c r="DN254" s="898">
        <f t="shared" si="300"/>
        <v>0</v>
      </c>
      <c r="DO254" s="516">
        <f t="shared" si="301"/>
        <v>0</v>
      </c>
      <c r="DP254" s="898">
        <f t="shared" si="302"/>
        <v>0</v>
      </c>
      <c r="DQ254" s="860" t="s">
        <v>4171</v>
      </c>
      <c r="DR254" s="483" t="s">
        <v>4032</v>
      </c>
      <c r="DS254" s="522" t="s">
        <v>4110</v>
      </c>
      <c r="DT254" s="632"/>
    </row>
    <row r="255" spans="1:124" s="613" customFormat="1" ht="142.5" x14ac:dyDescent="0.2">
      <c r="A255" s="484" t="str">
        <f t="shared" si="296"/>
        <v>Sports provision to support development at Site to the south of Green Lane (Hm16)</v>
      </c>
      <c r="B255" s="1163">
        <v>252</v>
      </c>
      <c r="C255" s="904" t="s">
        <v>4172</v>
      </c>
      <c r="D255" s="722" t="s">
        <v>3207</v>
      </c>
      <c r="E255" s="481" t="s">
        <v>53</v>
      </c>
      <c r="F255" s="481" t="s">
        <v>329</v>
      </c>
      <c r="G255" s="515" t="s">
        <v>1345</v>
      </c>
      <c r="H255" s="513" t="s">
        <v>4173</v>
      </c>
      <c r="I255" s="515"/>
      <c r="J255" s="513" t="s">
        <v>4174</v>
      </c>
      <c r="K255" s="657" t="s">
        <v>3104</v>
      </c>
      <c r="L255" s="657" t="s">
        <v>1374</v>
      </c>
      <c r="M255" s="657" t="s">
        <v>2996</v>
      </c>
      <c r="N255" s="657" t="s">
        <v>81</v>
      </c>
      <c r="O255" s="515" t="s">
        <v>525</v>
      </c>
      <c r="P255" s="664" t="s">
        <v>53</v>
      </c>
      <c r="Q255" s="654" t="s">
        <v>3209</v>
      </c>
      <c r="R255" s="657"/>
      <c r="S255" s="657"/>
      <c r="T255" s="764">
        <v>88996</v>
      </c>
      <c r="U255" s="744"/>
      <c r="V255" s="657" t="s">
        <v>64</v>
      </c>
      <c r="W255" s="723">
        <f t="shared" si="346"/>
        <v>0</v>
      </c>
      <c r="X255" s="745">
        <f t="shared" si="344"/>
        <v>88996</v>
      </c>
      <c r="Y255" s="723" t="s">
        <v>3106</v>
      </c>
      <c r="Z255" s="723"/>
      <c r="AA255" s="736" t="s">
        <v>82</v>
      </c>
      <c r="AB255" s="676"/>
      <c r="AC255" s="676"/>
      <c r="AD255" s="676"/>
      <c r="AE255" s="676"/>
      <c r="AF255" s="676"/>
      <c r="AG255" s="676"/>
      <c r="AH255" s="676"/>
      <c r="AI255" s="676"/>
      <c r="AJ255" s="676"/>
      <c r="AK255" s="676"/>
      <c r="AL255" s="676"/>
      <c r="AM255" s="676"/>
      <c r="AN255" s="676"/>
      <c r="AO255" s="676"/>
      <c r="AP255" s="676"/>
      <c r="AQ255" s="895" t="s">
        <v>66</v>
      </c>
      <c r="AR255" s="676"/>
      <c r="AS255" s="676"/>
      <c r="AT255" s="676"/>
      <c r="AU255" s="676"/>
      <c r="AV255" s="676"/>
      <c r="AW255" s="676"/>
      <c r="AX255" s="676"/>
      <c r="AY255" s="676"/>
      <c r="AZ255" s="676"/>
      <c r="BA255" s="676"/>
      <c r="BB255" s="676"/>
      <c r="BC255" s="676"/>
      <c r="BD255" s="676"/>
      <c r="BE255" s="676"/>
      <c r="BF255" s="676"/>
      <c r="BG255" s="676"/>
      <c r="BH255" s="676"/>
      <c r="BI255" s="676"/>
      <c r="BJ255" s="676"/>
      <c r="BK255" s="676"/>
      <c r="BL255" s="676"/>
      <c r="BM255" s="676"/>
      <c r="BN255" s="676"/>
      <c r="BO255" s="676"/>
      <c r="BP255" s="676"/>
      <c r="BQ255" s="676"/>
      <c r="BR255" s="676"/>
      <c r="BS255" s="884">
        <f t="shared" si="297"/>
        <v>80</v>
      </c>
      <c r="BT255" s="661">
        <f t="shared" si="391"/>
        <v>1112.45</v>
      </c>
      <c r="BU255" s="661">
        <f t="shared" si="347"/>
        <v>88996</v>
      </c>
      <c r="BV255" s="898" t="str">
        <f t="shared" si="348"/>
        <v/>
      </c>
      <c r="BW255" s="898" t="str">
        <f t="shared" si="349"/>
        <v/>
      </c>
      <c r="BX255" s="898" t="str">
        <f t="shared" si="350"/>
        <v/>
      </c>
      <c r="BY255" s="898" t="str">
        <f t="shared" si="351"/>
        <v/>
      </c>
      <c r="BZ255" s="898" t="str">
        <f t="shared" si="352"/>
        <v/>
      </c>
      <c r="CA255" s="898" t="str">
        <f t="shared" si="353"/>
        <v/>
      </c>
      <c r="CB255" s="898" t="str">
        <f t="shared" si="354"/>
        <v/>
      </c>
      <c r="CC255" s="898" t="str">
        <f t="shared" si="355"/>
        <v/>
      </c>
      <c r="CD255" s="898" t="str">
        <f t="shared" si="356"/>
        <v/>
      </c>
      <c r="CE255" s="898" t="str">
        <f t="shared" si="357"/>
        <v/>
      </c>
      <c r="CF255" s="898" t="str">
        <f t="shared" si="358"/>
        <v/>
      </c>
      <c r="CG255" s="898" t="str">
        <f t="shared" si="359"/>
        <v/>
      </c>
      <c r="CH255" s="898" t="str">
        <f t="shared" si="360"/>
        <v/>
      </c>
      <c r="CI255" s="898" t="str">
        <f t="shared" si="361"/>
        <v/>
      </c>
      <c r="CJ255" s="898" t="str">
        <f t="shared" si="362"/>
        <v/>
      </c>
      <c r="CK255" s="898">
        <f t="shared" si="363"/>
        <v>88996</v>
      </c>
      <c r="CL255" s="898" t="str">
        <f t="shared" si="364"/>
        <v/>
      </c>
      <c r="CM255" s="898" t="str">
        <f t="shared" si="365"/>
        <v/>
      </c>
      <c r="CN255" s="898" t="str">
        <f t="shared" si="366"/>
        <v/>
      </c>
      <c r="CO255" s="898" t="str">
        <f t="shared" si="367"/>
        <v/>
      </c>
      <c r="CP255" s="898" t="str">
        <f t="shared" si="368"/>
        <v/>
      </c>
      <c r="CQ255" s="898" t="str">
        <f t="shared" si="369"/>
        <v/>
      </c>
      <c r="CR255" s="898" t="str">
        <f t="shared" si="370"/>
        <v/>
      </c>
      <c r="CS255" s="898" t="str">
        <f t="shared" si="371"/>
        <v/>
      </c>
      <c r="CT255" s="898" t="str">
        <f t="shared" si="372"/>
        <v/>
      </c>
      <c r="CU255" s="898" t="str">
        <f t="shared" si="373"/>
        <v/>
      </c>
      <c r="CV255" s="898" t="str">
        <f t="shared" si="374"/>
        <v/>
      </c>
      <c r="CW255" s="898" t="str">
        <f t="shared" si="375"/>
        <v/>
      </c>
      <c r="CX255" s="898" t="str">
        <f t="shared" si="376"/>
        <v/>
      </c>
      <c r="CY255" s="898" t="str">
        <f t="shared" si="377"/>
        <v/>
      </c>
      <c r="CZ255" s="898" t="str">
        <f t="shared" si="378"/>
        <v/>
      </c>
      <c r="DA255" s="898" t="str">
        <f t="shared" si="379"/>
        <v/>
      </c>
      <c r="DB255" s="898" t="str">
        <f t="shared" si="380"/>
        <v/>
      </c>
      <c r="DC255" s="898" t="str">
        <f t="shared" si="381"/>
        <v/>
      </c>
      <c r="DD255" s="898" t="str">
        <f t="shared" si="382"/>
        <v/>
      </c>
      <c r="DE255" s="898" t="str">
        <f t="shared" si="383"/>
        <v/>
      </c>
      <c r="DF255" s="898" t="str">
        <f t="shared" si="384"/>
        <v/>
      </c>
      <c r="DG255" s="898" t="str">
        <f t="shared" si="385"/>
        <v/>
      </c>
      <c r="DH255" s="898" t="str">
        <f t="shared" si="386"/>
        <v/>
      </c>
      <c r="DI255" s="898" t="str">
        <f t="shared" si="387"/>
        <v/>
      </c>
      <c r="DJ255" s="898" t="str">
        <f t="shared" si="388"/>
        <v/>
      </c>
      <c r="DK255" s="898" t="str">
        <f t="shared" si="389"/>
        <v/>
      </c>
      <c r="DL255" s="898" t="str">
        <f t="shared" si="390"/>
        <v/>
      </c>
      <c r="DM255" s="661">
        <f t="shared" si="299"/>
        <v>88996</v>
      </c>
      <c r="DN255" s="898">
        <f t="shared" si="300"/>
        <v>0</v>
      </c>
      <c r="DO255" s="516">
        <f t="shared" si="301"/>
        <v>0</v>
      </c>
      <c r="DP255" s="898">
        <f t="shared" si="302"/>
        <v>0</v>
      </c>
      <c r="DQ255" s="860" t="s">
        <v>4175</v>
      </c>
      <c r="DR255" s="483" t="s">
        <v>4032</v>
      </c>
      <c r="DS255" s="522" t="s">
        <v>4110</v>
      </c>
      <c r="DT255" s="632"/>
    </row>
    <row r="256" spans="1:124" s="613" customFormat="1" ht="142.5" x14ac:dyDescent="0.2">
      <c r="A256" s="484" t="str">
        <f t="shared" si="296"/>
        <v>Sports provision to support development at Grovehill Local Centre</v>
      </c>
      <c r="B256" s="1163">
        <v>253</v>
      </c>
      <c r="C256" s="722" t="s">
        <v>4176</v>
      </c>
      <c r="D256" s="722" t="s">
        <v>3207</v>
      </c>
      <c r="E256" s="481" t="s">
        <v>53</v>
      </c>
      <c r="F256" s="481" t="s">
        <v>329</v>
      </c>
      <c r="G256" s="515" t="s">
        <v>1345</v>
      </c>
      <c r="H256" s="513" t="s">
        <v>4177</v>
      </c>
      <c r="I256" s="515"/>
      <c r="J256" s="513" t="s">
        <v>4178</v>
      </c>
      <c r="K256" s="657" t="s">
        <v>3104</v>
      </c>
      <c r="L256" s="657" t="s">
        <v>3058</v>
      </c>
      <c r="M256" s="657" t="s">
        <v>2996</v>
      </c>
      <c r="N256" s="657" t="s">
        <v>81</v>
      </c>
      <c r="O256" s="515" t="s">
        <v>525</v>
      </c>
      <c r="P256" s="664" t="s">
        <v>53</v>
      </c>
      <c r="Q256" s="654" t="s">
        <v>3209</v>
      </c>
      <c r="R256" s="657"/>
      <c r="S256" s="657"/>
      <c r="T256" s="745">
        <v>222491</v>
      </c>
      <c r="U256" s="744"/>
      <c r="V256" s="657" t="s">
        <v>64</v>
      </c>
      <c r="W256" s="723">
        <f t="shared" si="346"/>
        <v>0</v>
      </c>
      <c r="X256" s="745">
        <f t="shared" si="344"/>
        <v>222491</v>
      </c>
      <c r="Y256" s="723" t="s">
        <v>3106</v>
      </c>
      <c r="Z256" s="723"/>
      <c r="AA256" s="736" t="s">
        <v>82</v>
      </c>
      <c r="AB256" s="676"/>
      <c r="AC256" s="676"/>
      <c r="AD256" s="676"/>
      <c r="AE256" s="676"/>
      <c r="AF256" s="676"/>
      <c r="AG256" s="676"/>
      <c r="AH256" s="676"/>
      <c r="AI256" s="676"/>
      <c r="AJ256" s="676"/>
      <c r="AK256" s="676"/>
      <c r="AL256" s="676"/>
      <c r="AM256" s="676" t="s">
        <v>66</v>
      </c>
      <c r="AN256" s="676"/>
      <c r="AO256" s="676"/>
      <c r="AP256" s="676"/>
      <c r="AQ256" s="676"/>
      <c r="AR256" s="676"/>
      <c r="AS256" s="676"/>
      <c r="AT256" s="676"/>
      <c r="AU256" s="676"/>
      <c r="AV256" s="676"/>
      <c r="AW256" s="676"/>
      <c r="AX256" s="676"/>
      <c r="AY256" s="676"/>
      <c r="AZ256" s="676"/>
      <c r="BA256" s="676"/>
      <c r="BB256" s="676"/>
      <c r="BC256" s="676"/>
      <c r="BD256" s="676"/>
      <c r="BE256" s="676"/>
      <c r="BF256" s="676"/>
      <c r="BG256" s="676"/>
      <c r="BH256" s="676"/>
      <c r="BI256" s="676"/>
      <c r="BJ256" s="676"/>
      <c r="BK256" s="676"/>
      <c r="BL256" s="676"/>
      <c r="BM256" s="676"/>
      <c r="BN256" s="676"/>
      <c r="BO256" s="676"/>
      <c r="BP256" s="676"/>
      <c r="BQ256" s="676"/>
      <c r="BR256" s="676"/>
      <c r="BS256" s="884">
        <f t="shared" si="297"/>
        <v>200</v>
      </c>
      <c r="BT256" s="661">
        <f t="shared" si="391"/>
        <v>1112.4549999999999</v>
      </c>
      <c r="BU256" s="661">
        <f t="shared" si="347"/>
        <v>222491</v>
      </c>
      <c r="BV256" s="898" t="str">
        <f t="shared" si="348"/>
        <v/>
      </c>
      <c r="BW256" s="898" t="str">
        <f t="shared" si="349"/>
        <v/>
      </c>
      <c r="BX256" s="898" t="str">
        <f t="shared" si="350"/>
        <v/>
      </c>
      <c r="BY256" s="898" t="str">
        <f t="shared" si="351"/>
        <v/>
      </c>
      <c r="BZ256" s="898" t="str">
        <f t="shared" si="352"/>
        <v/>
      </c>
      <c r="CA256" s="898" t="str">
        <f t="shared" si="353"/>
        <v/>
      </c>
      <c r="CB256" s="898" t="str">
        <f t="shared" si="354"/>
        <v/>
      </c>
      <c r="CC256" s="898" t="str">
        <f t="shared" si="355"/>
        <v/>
      </c>
      <c r="CD256" s="898" t="str">
        <f t="shared" si="356"/>
        <v/>
      </c>
      <c r="CE256" s="898" t="str">
        <f t="shared" si="357"/>
        <v/>
      </c>
      <c r="CF256" s="898" t="str">
        <f t="shared" si="358"/>
        <v/>
      </c>
      <c r="CG256" s="898">
        <f t="shared" si="359"/>
        <v>222491</v>
      </c>
      <c r="CH256" s="898" t="str">
        <f t="shared" si="360"/>
        <v/>
      </c>
      <c r="CI256" s="898" t="str">
        <f t="shared" si="361"/>
        <v/>
      </c>
      <c r="CJ256" s="898" t="str">
        <f t="shared" si="362"/>
        <v/>
      </c>
      <c r="CK256" s="898" t="str">
        <f t="shared" si="363"/>
        <v/>
      </c>
      <c r="CL256" s="898" t="str">
        <f t="shared" si="364"/>
        <v/>
      </c>
      <c r="CM256" s="898" t="str">
        <f t="shared" si="365"/>
        <v/>
      </c>
      <c r="CN256" s="898" t="str">
        <f t="shared" si="366"/>
        <v/>
      </c>
      <c r="CO256" s="898" t="str">
        <f t="shared" si="367"/>
        <v/>
      </c>
      <c r="CP256" s="898" t="str">
        <f t="shared" si="368"/>
        <v/>
      </c>
      <c r="CQ256" s="898" t="str">
        <f t="shared" si="369"/>
        <v/>
      </c>
      <c r="CR256" s="898" t="str">
        <f t="shared" si="370"/>
        <v/>
      </c>
      <c r="CS256" s="898" t="str">
        <f t="shared" si="371"/>
        <v/>
      </c>
      <c r="CT256" s="898" t="str">
        <f t="shared" si="372"/>
        <v/>
      </c>
      <c r="CU256" s="898" t="str">
        <f t="shared" si="373"/>
        <v/>
      </c>
      <c r="CV256" s="898" t="str">
        <f t="shared" si="374"/>
        <v/>
      </c>
      <c r="CW256" s="898" t="str">
        <f t="shared" si="375"/>
        <v/>
      </c>
      <c r="CX256" s="898" t="str">
        <f t="shared" si="376"/>
        <v/>
      </c>
      <c r="CY256" s="898" t="str">
        <f t="shared" si="377"/>
        <v/>
      </c>
      <c r="CZ256" s="898" t="str">
        <f t="shared" si="378"/>
        <v/>
      </c>
      <c r="DA256" s="898" t="str">
        <f t="shared" si="379"/>
        <v/>
      </c>
      <c r="DB256" s="898" t="str">
        <f t="shared" si="380"/>
        <v/>
      </c>
      <c r="DC256" s="898" t="str">
        <f t="shared" si="381"/>
        <v/>
      </c>
      <c r="DD256" s="898" t="str">
        <f t="shared" si="382"/>
        <v/>
      </c>
      <c r="DE256" s="898" t="str">
        <f t="shared" si="383"/>
        <v/>
      </c>
      <c r="DF256" s="898" t="str">
        <f t="shared" si="384"/>
        <v/>
      </c>
      <c r="DG256" s="898" t="str">
        <f t="shared" si="385"/>
        <v/>
      </c>
      <c r="DH256" s="898" t="str">
        <f t="shared" si="386"/>
        <v/>
      </c>
      <c r="DI256" s="898" t="str">
        <f t="shared" si="387"/>
        <v/>
      </c>
      <c r="DJ256" s="898" t="str">
        <f t="shared" si="388"/>
        <v/>
      </c>
      <c r="DK256" s="898" t="str">
        <f t="shared" si="389"/>
        <v/>
      </c>
      <c r="DL256" s="898" t="str">
        <f t="shared" si="390"/>
        <v/>
      </c>
      <c r="DM256" s="661">
        <f t="shared" si="299"/>
        <v>222491</v>
      </c>
      <c r="DN256" s="898">
        <f t="shared" si="300"/>
        <v>0</v>
      </c>
      <c r="DO256" s="516">
        <f t="shared" si="301"/>
        <v>0</v>
      </c>
      <c r="DP256" s="898">
        <f t="shared" si="302"/>
        <v>0</v>
      </c>
      <c r="DQ256" s="1214" t="s">
        <v>4126</v>
      </c>
      <c r="DR256" s="483" t="s">
        <v>4032</v>
      </c>
      <c r="DS256" s="522" t="s">
        <v>4110</v>
      </c>
      <c r="DT256" s="632"/>
    </row>
    <row r="257" spans="1:124" s="613" customFormat="1" ht="142.5" x14ac:dyDescent="0.2">
      <c r="A257" s="484" t="str">
        <f t="shared" si="296"/>
        <v>Sports provision to support development of Windfall</v>
      </c>
      <c r="B257" s="1163">
        <v>254</v>
      </c>
      <c r="C257" s="904" t="s">
        <v>4179</v>
      </c>
      <c r="D257" s="722" t="s">
        <v>3207</v>
      </c>
      <c r="E257" s="481" t="s">
        <v>53</v>
      </c>
      <c r="F257" s="481" t="s">
        <v>329</v>
      </c>
      <c r="G257" s="515" t="s">
        <v>1345</v>
      </c>
      <c r="H257" s="513" t="s">
        <v>4180</v>
      </c>
      <c r="I257" s="515"/>
      <c r="J257" s="513" t="s">
        <v>4181</v>
      </c>
      <c r="K257" s="657" t="s">
        <v>3104</v>
      </c>
      <c r="L257" s="657" t="s">
        <v>347</v>
      </c>
      <c r="M257" s="654" t="s">
        <v>2996</v>
      </c>
      <c r="N257" s="657" t="s">
        <v>81</v>
      </c>
      <c r="O257" s="515" t="s">
        <v>525</v>
      </c>
      <c r="P257" s="664" t="s">
        <v>53</v>
      </c>
      <c r="Q257" s="654" t="s">
        <v>3209</v>
      </c>
      <c r="R257" s="654"/>
      <c r="S257" s="654"/>
      <c r="T257" s="744">
        <v>2647641</v>
      </c>
      <c r="U257" s="744"/>
      <c r="V257" s="657" t="s">
        <v>64</v>
      </c>
      <c r="W257" s="723">
        <f t="shared" si="346"/>
        <v>0</v>
      </c>
      <c r="X257" s="745">
        <f t="shared" si="344"/>
        <v>2647641</v>
      </c>
      <c r="Y257" s="723" t="s">
        <v>3106</v>
      </c>
      <c r="Z257" s="723"/>
      <c r="AA257" s="652" t="s">
        <v>82</v>
      </c>
      <c r="AB257" s="676"/>
      <c r="AC257" s="676"/>
      <c r="AD257" s="676"/>
      <c r="AE257" s="676"/>
      <c r="AF257" s="676"/>
      <c r="AG257" s="676"/>
      <c r="AH257" s="676"/>
      <c r="AI257" s="676"/>
      <c r="AJ257" s="676"/>
      <c r="AK257" s="676"/>
      <c r="AL257" s="676"/>
      <c r="AM257" s="676"/>
      <c r="AN257" s="676"/>
      <c r="AO257" s="676"/>
      <c r="AP257" s="676"/>
      <c r="AQ257" s="676"/>
      <c r="AR257" s="746" t="s">
        <v>66</v>
      </c>
      <c r="AS257" s="676"/>
      <c r="AT257" s="676"/>
      <c r="AU257" s="676"/>
      <c r="AV257" s="676"/>
      <c r="AW257" s="676"/>
      <c r="AX257" s="676"/>
      <c r="AY257" s="676"/>
      <c r="AZ257" s="676"/>
      <c r="BA257" s="676"/>
      <c r="BB257" s="676"/>
      <c r="BC257" s="676"/>
      <c r="BD257" s="676"/>
      <c r="BE257" s="676"/>
      <c r="BF257" s="676"/>
      <c r="BG257" s="676"/>
      <c r="BH257" s="676"/>
      <c r="BI257" s="676"/>
      <c r="BJ257" s="676"/>
      <c r="BK257" s="676"/>
      <c r="BL257" s="676"/>
      <c r="BM257" s="676"/>
      <c r="BN257" s="676"/>
      <c r="BO257" s="676"/>
      <c r="BP257" s="676"/>
      <c r="BQ257" s="676"/>
      <c r="BR257" s="676"/>
      <c r="BS257" s="884">
        <f t="shared" si="297"/>
        <v>2380</v>
      </c>
      <c r="BT257" s="661">
        <f t="shared" si="391"/>
        <v>1112.4542016806722</v>
      </c>
      <c r="BU257" s="661">
        <f t="shared" si="347"/>
        <v>2647641</v>
      </c>
      <c r="BV257" s="898" t="str">
        <f t="shared" si="348"/>
        <v/>
      </c>
      <c r="BW257" s="898" t="str">
        <f t="shared" si="349"/>
        <v/>
      </c>
      <c r="BX257" s="898" t="str">
        <f t="shared" si="350"/>
        <v/>
      </c>
      <c r="BY257" s="898" t="str">
        <f t="shared" si="351"/>
        <v/>
      </c>
      <c r="BZ257" s="898" t="str">
        <f t="shared" si="352"/>
        <v/>
      </c>
      <c r="CA257" s="898" t="str">
        <f t="shared" si="353"/>
        <v/>
      </c>
      <c r="CB257" s="898" t="str">
        <f t="shared" si="354"/>
        <v/>
      </c>
      <c r="CC257" s="898" t="str">
        <f t="shared" si="355"/>
        <v/>
      </c>
      <c r="CD257" s="898" t="str">
        <f t="shared" si="356"/>
        <v/>
      </c>
      <c r="CE257" s="898" t="str">
        <f t="shared" si="357"/>
        <v/>
      </c>
      <c r="CF257" s="898" t="str">
        <f t="shared" si="358"/>
        <v/>
      </c>
      <c r="CG257" s="898" t="str">
        <f t="shared" si="359"/>
        <v/>
      </c>
      <c r="CH257" s="898" t="str">
        <f t="shared" si="360"/>
        <v/>
      </c>
      <c r="CI257" s="898" t="str">
        <f t="shared" si="361"/>
        <v/>
      </c>
      <c r="CJ257" s="898" t="str">
        <f t="shared" si="362"/>
        <v/>
      </c>
      <c r="CK257" s="898" t="str">
        <f t="shared" si="363"/>
        <v/>
      </c>
      <c r="CL257" s="898">
        <f t="shared" si="364"/>
        <v>2647641</v>
      </c>
      <c r="CM257" s="898" t="str">
        <f t="shared" si="365"/>
        <v/>
      </c>
      <c r="CN257" s="898" t="str">
        <f t="shared" si="366"/>
        <v/>
      </c>
      <c r="CO257" s="898" t="str">
        <f t="shared" si="367"/>
        <v/>
      </c>
      <c r="CP257" s="898" t="str">
        <f t="shared" si="368"/>
        <v/>
      </c>
      <c r="CQ257" s="898" t="str">
        <f t="shared" si="369"/>
        <v/>
      </c>
      <c r="CR257" s="898" t="str">
        <f t="shared" si="370"/>
        <v/>
      </c>
      <c r="CS257" s="898" t="str">
        <f t="shared" si="371"/>
        <v/>
      </c>
      <c r="CT257" s="898" t="str">
        <f t="shared" si="372"/>
        <v/>
      </c>
      <c r="CU257" s="898" t="str">
        <f t="shared" si="373"/>
        <v/>
      </c>
      <c r="CV257" s="898" t="str">
        <f t="shared" si="374"/>
        <v/>
      </c>
      <c r="CW257" s="898" t="str">
        <f t="shared" si="375"/>
        <v/>
      </c>
      <c r="CX257" s="898" t="str">
        <f t="shared" si="376"/>
        <v/>
      </c>
      <c r="CY257" s="898" t="str">
        <f t="shared" si="377"/>
        <v/>
      </c>
      <c r="CZ257" s="898" t="str">
        <f t="shared" si="378"/>
        <v/>
      </c>
      <c r="DA257" s="898" t="str">
        <f t="shared" si="379"/>
        <v/>
      </c>
      <c r="DB257" s="898" t="str">
        <f t="shared" si="380"/>
        <v/>
      </c>
      <c r="DC257" s="898" t="str">
        <f t="shared" si="381"/>
        <v/>
      </c>
      <c r="DD257" s="898" t="str">
        <f t="shared" si="382"/>
        <v/>
      </c>
      <c r="DE257" s="898" t="str">
        <f t="shared" si="383"/>
        <v/>
      </c>
      <c r="DF257" s="898" t="str">
        <f t="shared" si="384"/>
        <v/>
      </c>
      <c r="DG257" s="898" t="str">
        <f t="shared" si="385"/>
        <v/>
      </c>
      <c r="DH257" s="898" t="str">
        <f t="shared" si="386"/>
        <v/>
      </c>
      <c r="DI257" s="898" t="str">
        <f t="shared" si="387"/>
        <v/>
      </c>
      <c r="DJ257" s="898" t="str">
        <f t="shared" si="388"/>
        <v/>
      </c>
      <c r="DK257" s="898" t="str">
        <f t="shared" si="389"/>
        <v/>
      </c>
      <c r="DL257" s="898" t="str">
        <f t="shared" si="390"/>
        <v/>
      </c>
      <c r="DM257" s="661">
        <f t="shared" si="299"/>
        <v>2647641</v>
      </c>
      <c r="DN257" s="898">
        <f t="shared" si="300"/>
        <v>0</v>
      </c>
      <c r="DO257" s="516">
        <f t="shared" si="301"/>
        <v>0</v>
      </c>
      <c r="DP257" s="898">
        <f t="shared" si="302"/>
        <v>0</v>
      </c>
      <c r="DQ257" s="860" t="s">
        <v>4182</v>
      </c>
      <c r="DR257" s="483" t="s">
        <v>4032</v>
      </c>
      <c r="DS257" s="522" t="s">
        <v>4110</v>
      </c>
      <c r="DT257" s="632"/>
    </row>
    <row r="258" spans="1:124" ht="213.75" x14ac:dyDescent="0.2">
      <c r="A258" s="484" t="str">
        <f t="shared" si="296"/>
        <v>Additional types of sports provision required across the HGC programme area</v>
      </c>
      <c r="B258" s="1163">
        <v>255</v>
      </c>
      <c r="C258" s="722" t="s">
        <v>4183</v>
      </c>
      <c r="D258" s="904" t="s">
        <v>3207</v>
      </c>
      <c r="E258" s="481" t="s">
        <v>53</v>
      </c>
      <c r="F258" s="481" t="s">
        <v>329</v>
      </c>
      <c r="G258" s="515" t="s">
        <v>1345</v>
      </c>
      <c r="H258" s="513" t="s">
        <v>4184</v>
      </c>
      <c r="I258" s="515"/>
      <c r="J258" s="513" t="s">
        <v>4185</v>
      </c>
      <c r="K258" s="657" t="s">
        <v>3104</v>
      </c>
      <c r="L258" s="852" t="s">
        <v>3167</v>
      </c>
      <c r="M258" s="654" t="s">
        <v>2996</v>
      </c>
      <c r="N258" s="657" t="s">
        <v>8</v>
      </c>
      <c r="O258" s="515" t="s">
        <v>525</v>
      </c>
      <c r="P258" s="664" t="s">
        <v>53</v>
      </c>
      <c r="Q258" s="654" t="s">
        <v>3209</v>
      </c>
      <c r="R258" s="657"/>
      <c r="S258" s="657"/>
      <c r="T258" s="676" t="s">
        <v>3360</v>
      </c>
      <c r="U258" s="723"/>
      <c r="V258" s="657" t="s">
        <v>64</v>
      </c>
      <c r="W258" s="723"/>
      <c r="X258" s="745"/>
      <c r="Y258" s="723" t="s">
        <v>3106</v>
      </c>
      <c r="Z258" s="723"/>
      <c r="AA258" s="736" t="s">
        <v>82</v>
      </c>
      <c r="AB258" s="892" t="s">
        <v>66</v>
      </c>
      <c r="AC258" s="892" t="s">
        <v>66</v>
      </c>
      <c r="AD258" s="892" t="s">
        <v>66</v>
      </c>
      <c r="AE258" s="892" t="s">
        <v>66</v>
      </c>
      <c r="AF258" s="892" t="s">
        <v>66</v>
      </c>
      <c r="AG258" s="892" t="s">
        <v>66</v>
      </c>
      <c r="AH258" s="892" t="s">
        <v>66</v>
      </c>
      <c r="AI258" s="892" t="s">
        <v>66</v>
      </c>
      <c r="AJ258" s="892" t="s">
        <v>66</v>
      </c>
      <c r="AK258" s="892" t="s">
        <v>66</v>
      </c>
      <c r="AL258" s="892" t="s">
        <v>66</v>
      </c>
      <c r="AM258" s="892" t="s">
        <v>66</v>
      </c>
      <c r="AN258" s="892" t="s">
        <v>66</v>
      </c>
      <c r="AO258" s="892" t="s">
        <v>66</v>
      </c>
      <c r="AP258" s="892" t="s">
        <v>66</v>
      </c>
      <c r="AQ258" s="892" t="s">
        <v>66</v>
      </c>
      <c r="AR258" s="892" t="s">
        <v>66</v>
      </c>
      <c r="AS258" s="654"/>
      <c r="AT258" s="654"/>
      <c r="AU258" s="654"/>
      <c r="AV258" s="654"/>
      <c r="AW258" s="654"/>
      <c r="AX258" s="654"/>
      <c r="AY258" s="654"/>
      <c r="AZ258" s="654"/>
      <c r="BA258" s="654"/>
      <c r="BB258" s="654"/>
      <c r="BC258" s="654"/>
      <c r="BD258" s="654"/>
      <c r="BE258" s="654"/>
      <c r="BF258" s="654"/>
      <c r="BG258" s="654"/>
      <c r="BH258" s="654"/>
      <c r="BI258" s="654"/>
      <c r="BJ258" s="654"/>
      <c r="BK258" s="654"/>
      <c r="BL258" s="654"/>
      <c r="BM258" s="654"/>
      <c r="BN258" s="654"/>
      <c r="BO258" s="654" t="s">
        <v>66</v>
      </c>
      <c r="BP258" s="654" t="s">
        <v>66</v>
      </c>
      <c r="BQ258" s="654" t="s">
        <v>66</v>
      </c>
      <c r="BR258" s="654"/>
      <c r="BS258" s="884">
        <f t="shared" si="297"/>
        <v>18054</v>
      </c>
      <c r="BT258" s="661">
        <f t="shared" si="391"/>
        <v>0</v>
      </c>
      <c r="BU258" s="661">
        <f t="shared" si="347"/>
        <v>0</v>
      </c>
      <c r="BV258" s="898">
        <f t="shared" si="348"/>
        <v>0</v>
      </c>
      <c r="BW258" s="898">
        <f t="shared" si="349"/>
        <v>0</v>
      </c>
      <c r="BX258" s="898">
        <f t="shared" si="350"/>
        <v>0</v>
      </c>
      <c r="BY258" s="898">
        <f t="shared" si="351"/>
        <v>0</v>
      </c>
      <c r="BZ258" s="898">
        <f t="shared" si="352"/>
        <v>0</v>
      </c>
      <c r="CA258" s="898">
        <f t="shared" si="353"/>
        <v>0</v>
      </c>
      <c r="CB258" s="898">
        <f t="shared" si="354"/>
        <v>0</v>
      </c>
      <c r="CC258" s="898">
        <f t="shared" si="355"/>
        <v>0</v>
      </c>
      <c r="CD258" s="898">
        <f t="shared" si="356"/>
        <v>0</v>
      </c>
      <c r="CE258" s="898">
        <f t="shared" si="357"/>
        <v>0</v>
      </c>
      <c r="CF258" s="898">
        <f t="shared" si="358"/>
        <v>0</v>
      </c>
      <c r="CG258" s="898">
        <f t="shared" si="359"/>
        <v>0</v>
      </c>
      <c r="CH258" s="898">
        <f t="shared" si="360"/>
        <v>0</v>
      </c>
      <c r="CI258" s="898">
        <f t="shared" si="361"/>
        <v>0</v>
      </c>
      <c r="CJ258" s="898">
        <f t="shared" si="362"/>
        <v>0</v>
      </c>
      <c r="CK258" s="898">
        <f t="shared" si="363"/>
        <v>0</v>
      </c>
      <c r="CL258" s="898">
        <f t="shared" si="364"/>
        <v>0</v>
      </c>
      <c r="CM258" s="898" t="str">
        <f t="shared" si="365"/>
        <v/>
      </c>
      <c r="CN258" s="898" t="str">
        <f t="shared" si="366"/>
        <v/>
      </c>
      <c r="CO258" s="898" t="str">
        <f t="shared" si="367"/>
        <v/>
      </c>
      <c r="CP258" s="898" t="str">
        <f t="shared" si="368"/>
        <v/>
      </c>
      <c r="CQ258" s="898" t="str">
        <f t="shared" si="369"/>
        <v/>
      </c>
      <c r="CR258" s="898" t="str">
        <f t="shared" si="370"/>
        <v/>
      </c>
      <c r="CS258" s="898" t="str">
        <f t="shared" si="371"/>
        <v/>
      </c>
      <c r="CT258" s="898" t="str">
        <f t="shared" si="372"/>
        <v/>
      </c>
      <c r="CU258" s="898" t="str">
        <f t="shared" si="373"/>
        <v/>
      </c>
      <c r="CV258" s="898" t="str">
        <f t="shared" si="374"/>
        <v/>
      </c>
      <c r="CW258" s="898" t="str">
        <f t="shared" si="375"/>
        <v/>
      </c>
      <c r="CX258" s="898" t="str">
        <f t="shared" si="376"/>
        <v/>
      </c>
      <c r="CY258" s="898" t="str">
        <f t="shared" si="377"/>
        <v/>
      </c>
      <c r="CZ258" s="898" t="str">
        <f t="shared" si="378"/>
        <v/>
      </c>
      <c r="DA258" s="898" t="str">
        <f t="shared" si="379"/>
        <v/>
      </c>
      <c r="DB258" s="898" t="str">
        <f t="shared" si="380"/>
        <v/>
      </c>
      <c r="DC258" s="898" t="str">
        <f t="shared" si="381"/>
        <v/>
      </c>
      <c r="DD258" s="898" t="str">
        <f t="shared" si="382"/>
        <v/>
      </c>
      <c r="DE258" s="898" t="str">
        <f t="shared" si="383"/>
        <v/>
      </c>
      <c r="DF258" s="898" t="str">
        <f t="shared" si="384"/>
        <v/>
      </c>
      <c r="DG258" s="898" t="str">
        <f t="shared" si="385"/>
        <v/>
      </c>
      <c r="DH258" s="898" t="str">
        <f t="shared" si="386"/>
        <v/>
      </c>
      <c r="DI258" s="898">
        <f t="shared" si="387"/>
        <v>0</v>
      </c>
      <c r="DJ258" s="898">
        <f t="shared" si="388"/>
        <v>0</v>
      </c>
      <c r="DK258" s="898">
        <f t="shared" si="389"/>
        <v>0</v>
      </c>
      <c r="DL258" s="898" t="str">
        <f t="shared" si="390"/>
        <v/>
      </c>
      <c r="DM258" s="661">
        <f t="shared" si="299"/>
        <v>0</v>
      </c>
      <c r="DN258" s="898">
        <f t="shared" si="300"/>
        <v>0</v>
      </c>
      <c r="DO258" s="516">
        <f t="shared" si="301"/>
        <v>0</v>
      </c>
      <c r="DP258" s="898">
        <f t="shared" si="302"/>
        <v>0</v>
      </c>
      <c r="DQ258" s="610" t="s">
        <v>4186</v>
      </c>
      <c r="DR258" s="483" t="s">
        <v>4187</v>
      </c>
      <c r="DS258" s="522" t="s">
        <v>4110</v>
      </c>
      <c r="DT258" s="632"/>
    </row>
    <row r="259" spans="1:124" ht="90" x14ac:dyDescent="0.2">
      <c r="A259" s="484" t="str">
        <f t="shared" si="296"/>
        <v>Greening Streets</v>
      </c>
      <c r="B259" s="1163">
        <v>256</v>
      </c>
      <c r="C259" s="671" t="s">
        <v>4188</v>
      </c>
      <c r="D259" s="671" t="s">
        <v>2445</v>
      </c>
      <c r="E259" s="671" t="s">
        <v>53</v>
      </c>
      <c r="F259" s="671" t="s">
        <v>1346</v>
      </c>
      <c r="G259" s="543" t="s">
        <v>1348</v>
      </c>
      <c r="H259" s="495" t="s">
        <v>4189</v>
      </c>
      <c r="I259" s="543"/>
      <c r="J259" s="495" t="s">
        <v>4190</v>
      </c>
      <c r="K259" s="543" t="s">
        <v>3104</v>
      </c>
      <c r="L259" s="852" t="s">
        <v>3167</v>
      </c>
      <c r="M259" s="543" t="s">
        <v>2986</v>
      </c>
      <c r="N259" s="543" t="s">
        <v>81</v>
      </c>
      <c r="O259" s="543" t="s">
        <v>3331</v>
      </c>
      <c r="P259" s="657" t="s">
        <v>53</v>
      </c>
      <c r="Q259" s="543" t="s">
        <v>3170</v>
      </c>
      <c r="R259" s="542">
        <v>10470000</v>
      </c>
      <c r="S259" s="542">
        <v>15705000</v>
      </c>
      <c r="T259" s="745">
        <f t="shared" ref="T259:T267" si="392">(R259+S259)/2</f>
        <v>13087500</v>
      </c>
      <c r="U259" s="1155"/>
      <c r="V259" s="657" t="s">
        <v>3978</v>
      </c>
      <c r="W259" s="723">
        <f t="shared" ref="W259:W266" si="393">T259-X259</f>
        <v>0</v>
      </c>
      <c r="X259" s="745">
        <f t="shared" ref="X259:X266" si="394">IF(ISTEXT(T259),T259,T259-U259)</f>
        <v>13087500</v>
      </c>
      <c r="Y259" s="745" t="s">
        <v>3106</v>
      </c>
      <c r="Z259" s="745"/>
      <c r="AA259" s="736" t="s">
        <v>82</v>
      </c>
      <c r="AB259" s="543" t="s">
        <v>66</v>
      </c>
      <c r="AC259" s="543" t="s">
        <v>66</v>
      </c>
      <c r="AD259" s="543" t="s">
        <v>66</v>
      </c>
      <c r="AE259" s="543" t="s">
        <v>66</v>
      </c>
      <c r="AF259" s="543" t="s">
        <v>66</v>
      </c>
      <c r="AG259" s="543" t="s">
        <v>66</v>
      </c>
      <c r="AH259" s="543" t="s">
        <v>66</v>
      </c>
      <c r="AI259" s="543" t="s">
        <v>66</v>
      </c>
      <c r="AJ259" s="543" t="s">
        <v>66</v>
      </c>
      <c r="AK259" s="543" t="s">
        <v>66</v>
      </c>
      <c r="AL259" s="543" t="s">
        <v>66</v>
      </c>
      <c r="AM259" s="543" t="s">
        <v>66</v>
      </c>
      <c r="AN259" s="543" t="s">
        <v>66</v>
      </c>
      <c r="AO259" s="543" t="s">
        <v>66</v>
      </c>
      <c r="AP259" s="543" t="s">
        <v>66</v>
      </c>
      <c r="AQ259" s="543" t="s">
        <v>66</v>
      </c>
      <c r="AR259" s="543" t="s">
        <v>66</v>
      </c>
      <c r="AS259" s="543"/>
      <c r="AT259" s="543"/>
      <c r="AU259" s="543"/>
      <c r="AV259" s="543"/>
      <c r="AW259" s="543"/>
      <c r="AX259" s="543"/>
      <c r="AY259" s="543"/>
      <c r="AZ259" s="543"/>
      <c r="BA259" s="543"/>
      <c r="BB259" s="543"/>
      <c r="BC259" s="543"/>
      <c r="BD259" s="543"/>
      <c r="BE259" s="543"/>
      <c r="BF259" s="543"/>
      <c r="BG259" s="543"/>
      <c r="BH259" s="543"/>
      <c r="BI259" s="543"/>
      <c r="BJ259" s="543"/>
      <c r="BK259" s="543"/>
      <c r="BL259" s="543"/>
      <c r="BM259" s="543"/>
      <c r="BN259" s="543"/>
      <c r="BO259" s="543" t="s">
        <v>66</v>
      </c>
      <c r="BP259" s="543" t="s">
        <v>66</v>
      </c>
      <c r="BQ259" s="543" t="s">
        <v>66</v>
      </c>
      <c r="BR259" s="654"/>
      <c r="BS259" s="884">
        <f t="shared" si="297"/>
        <v>18054</v>
      </c>
      <c r="BT259" s="661">
        <f t="shared" si="391"/>
        <v>724.90860751080095</v>
      </c>
      <c r="BU259" s="661"/>
      <c r="BV259" s="898">
        <f t="shared" ref="BV259:DL259" si="395">IF(AB259="yes",(AB$3*$BT259),"")</f>
        <v>3624543.0375540047</v>
      </c>
      <c r="BW259" s="898">
        <f t="shared" si="395"/>
        <v>144981.72150216019</v>
      </c>
      <c r="BX259" s="898">
        <f t="shared" si="395"/>
        <v>326208.87337986042</v>
      </c>
      <c r="BY259" s="898">
        <f t="shared" si="395"/>
        <v>253718.01262878033</v>
      </c>
      <c r="BZ259" s="898">
        <f t="shared" si="395"/>
        <v>362454.30375540047</v>
      </c>
      <c r="CA259" s="898">
        <f t="shared" si="395"/>
        <v>347956.13160518446</v>
      </c>
      <c r="CB259" s="898">
        <f t="shared" si="395"/>
        <v>72490.860751080094</v>
      </c>
      <c r="CC259" s="898">
        <f t="shared" si="395"/>
        <v>282714.35692921234</v>
      </c>
      <c r="CD259" s="898">
        <f t="shared" si="395"/>
        <v>362454.30375540047</v>
      </c>
      <c r="CE259" s="898">
        <f t="shared" si="395"/>
        <v>362454.30375540047</v>
      </c>
      <c r="CF259" s="898">
        <f t="shared" si="395"/>
        <v>543681.4556331007</v>
      </c>
      <c r="CG259" s="898">
        <f t="shared" si="395"/>
        <v>144981.72150216019</v>
      </c>
      <c r="CH259" s="898">
        <f t="shared" si="395"/>
        <v>169628.61415752742</v>
      </c>
      <c r="CI259" s="898">
        <f t="shared" si="395"/>
        <v>253718.01262878033</v>
      </c>
      <c r="CJ259" s="898">
        <f t="shared" si="395"/>
        <v>65241.774675972083</v>
      </c>
      <c r="CK259" s="898">
        <f t="shared" si="395"/>
        <v>57992.688600864072</v>
      </c>
      <c r="CL259" s="898">
        <f t="shared" si="395"/>
        <v>1725282.4858757062</v>
      </c>
      <c r="CM259" s="898" t="str">
        <f t="shared" si="395"/>
        <v/>
      </c>
      <c r="CN259" s="898" t="str">
        <f t="shared" si="395"/>
        <v/>
      </c>
      <c r="CO259" s="898" t="str">
        <f t="shared" si="395"/>
        <v/>
      </c>
      <c r="CP259" s="898" t="str">
        <f t="shared" si="395"/>
        <v/>
      </c>
      <c r="CQ259" s="898" t="str">
        <f t="shared" si="395"/>
        <v/>
      </c>
      <c r="CR259" s="898" t="str">
        <f t="shared" si="395"/>
        <v/>
      </c>
      <c r="CS259" s="898" t="str">
        <f t="shared" si="395"/>
        <v/>
      </c>
      <c r="CT259" s="898" t="str">
        <f t="shared" si="395"/>
        <v/>
      </c>
      <c r="CU259" s="898" t="str">
        <f t="shared" si="395"/>
        <v/>
      </c>
      <c r="CV259" s="898" t="str">
        <f t="shared" si="395"/>
        <v/>
      </c>
      <c r="CW259" s="898" t="str">
        <f t="shared" si="395"/>
        <v/>
      </c>
      <c r="CX259" s="898" t="str">
        <f t="shared" si="395"/>
        <v/>
      </c>
      <c r="CY259" s="898" t="str">
        <f t="shared" si="395"/>
        <v/>
      </c>
      <c r="CZ259" s="898" t="str">
        <f t="shared" si="395"/>
        <v/>
      </c>
      <c r="DA259" s="898" t="str">
        <f t="shared" si="395"/>
        <v/>
      </c>
      <c r="DB259" s="898" t="str">
        <f t="shared" si="395"/>
        <v/>
      </c>
      <c r="DC259" s="898" t="str">
        <f t="shared" si="395"/>
        <v/>
      </c>
      <c r="DD259" s="898" t="str">
        <f t="shared" si="395"/>
        <v/>
      </c>
      <c r="DE259" s="898" t="str">
        <f t="shared" si="395"/>
        <v/>
      </c>
      <c r="DF259" s="898" t="str">
        <f t="shared" si="395"/>
        <v/>
      </c>
      <c r="DG259" s="898" t="str">
        <f t="shared" si="395"/>
        <v/>
      </c>
      <c r="DH259" s="898" t="str">
        <f t="shared" si="395"/>
        <v/>
      </c>
      <c r="DI259" s="898">
        <f t="shared" si="395"/>
        <v>1087362.9112662014</v>
      </c>
      <c r="DJ259" s="898">
        <f t="shared" si="395"/>
        <v>1159853.7720172815</v>
      </c>
      <c r="DK259" s="898">
        <f t="shared" si="395"/>
        <v>1739780.6580259223</v>
      </c>
      <c r="DL259" s="898" t="str">
        <f t="shared" si="395"/>
        <v/>
      </c>
      <c r="DM259" s="661">
        <f t="shared" si="299"/>
        <v>9100502.658690596</v>
      </c>
      <c r="DN259" s="898">
        <f t="shared" si="300"/>
        <v>3986997.3413094049</v>
      </c>
      <c r="DO259" s="516">
        <f t="shared" si="301"/>
        <v>0</v>
      </c>
      <c r="DP259" s="898">
        <f t="shared" si="302"/>
        <v>0</v>
      </c>
      <c r="DQ259" s="483"/>
      <c r="DR259" s="934" t="s">
        <v>4191</v>
      </c>
      <c r="DS259" s="483"/>
      <c r="DT259" s="632"/>
    </row>
    <row r="260" spans="1:124" ht="99.75" x14ac:dyDescent="0.2">
      <c r="A260" s="484" t="str">
        <f t="shared" ref="A260:A323" si="396">H260</f>
        <v>Greening Enterprise Places</v>
      </c>
      <c r="B260" s="1163">
        <v>257</v>
      </c>
      <c r="C260" s="671" t="s">
        <v>4192</v>
      </c>
      <c r="D260" s="671" t="s">
        <v>2445</v>
      </c>
      <c r="E260" s="671" t="s">
        <v>53</v>
      </c>
      <c r="F260" s="671" t="s">
        <v>1346</v>
      </c>
      <c r="G260" s="543" t="s">
        <v>1348</v>
      </c>
      <c r="H260" s="495" t="s">
        <v>4193</v>
      </c>
      <c r="I260" s="543"/>
      <c r="J260" s="495" t="s">
        <v>4194</v>
      </c>
      <c r="K260" s="543" t="s">
        <v>3104</v>
      </c>
      <c r="L260" s="543" t="s">
        <v>4195</v>
      </c>
      <c r="M260" s="543" t="s">
        <v>2986</v>
      </c>
      <c r="N260" s="543" t="s">
        <v>8</v>
      </c>
      <c r="O260" s="543" t="s">
        <v>3331</v>
      </c>
      <c r="P260" s="657" t="s">
        <v>53</v>
      </c>
      <c r="Q260" s="543" t="s">
        <v>3170</v>
      </c>
      <c r="R260" s="542">
        <v>100000</v>
      </c>
      <c r="S260" s="542">
        <v>150000</v>
      </c>
      <c r="T260" s="745">
        <f t="shared" si="392"/>
        <v>125000</v>
      </c>
      <c r="U260" s="642"/>
      <c r="V260" s="657" t="s">
        <v>3978</v>
      </c>
      <c r="W260" s="723">
        <f t="shared" si="393"/>
        <v>0</v>
      </c>
      <c r="X260" s="745">
        <f t="shared" si="394"/>
        <v>125000</v>
      </c>
      <c r="Y260" s="745" t="s">
        <v>3106</v>
      </c>
      <c r="Z260" s="745"/>
      <c r="AA260" s="736" t="s">
        <v>82</v>
      </c>
      <c r="AB260" s="543"/>
      <c r="AC260" s="543"/>
      <c r="AD260" s="543"/>
      <c r="AE260" s="543"/>
      <c r="AF260" s="543"/>
      <c r="AG260" s="543" t="s">
        <v>66</v>
      </c>
      <c r="AH260" s="543" t="s">
        <v>66</v>
      </c>
      <c r="AI260" s="543" t="s">
        <v>66</v>
      </c>
      <c r="AJ260" s="543" t="s">
        <v>66</v>
      </c>
      <c r="AK260" s="543" t="s">
        <v>66</v>
      </c>
      <c r="AL260" s="543"/>
      <c r="AM260" s="543"/>
      <c r="AN260" s="543"/>
      <c r="AO260" s="543"/>
      <c r="AP260" s="543"/>
      <c r="AQ260" s="543"/>
      <c r="AR260" s="543"/>
      <c r="AS260" s="543"/>
      <c r="AT260" s="543"/>
      <c r="AU260" s="543"/>
      <c r="AV260" s="543"/>
      <c r="AW260" s="543"/>
      <c r="AX260" s="543"/>
      <c r="AY260" s="543"/>
      <c r="AZ260" s="543"/>
      <c r="BA260" s="543"/>
      <c r="BB260" s="543"/>
      <c r="BC260" s="543"/>
      <c r="BD260" s="543"/>
      <c r="BE260" s="543"/>
      <c r="BF260" s="543"/>
      <c r="BG260" s="543"/>
      <c r="BH260" s="543"/>
      <c r="BI260" s="543"/>
      <c r="BJ260" s="543"/>
      <c r="BK260" s="543"/>
      <c r="BL260" s="543"/>
      <c r="BM260" s="543"/>
      <c r="BN260" s="543"/>
      <c r="BO260" s="543"/>
      <c r="BP260" s="543"/>
      <c r="BQ260" s="543"/>
      <c r="BR260" s="543"/>
      <c r="BS260" s="884">
        <f t="shared" ref="BS260:BS323" si="397">SUMIF(AB260:BR260,"YES",$AB$3:$BR$3)</f>
        <v>1970</v>
      </c>
      <c r="BT260" s="661">
        <f t="shared" si="391"/>
        <v>63.451776649746193</v>
      </c>
      <c r="BU260" s="661"/>
      <c r="BV260" s="898" t="str">
        <f t="shared" ref="BV260:CE266" si="398">IF(AB260="yes",(AB$3*$BT260),"")</f>
        <v/>
      </c>
      <c r="BW260" s="898" t="str">
        <f t="shared" si="398"/>
        <v/>
      </c>
      <c r="BX260" s="898" t="str">
        <f t="shared" si="398"/>
        <v/>
      </c>
      <c r="BY260" s="898" t="str">
        <f t="shared" si="398"/>
        <v/>
      </c>
      <c r="BZ260" s="898" t="str">
        <f t="shared" si="398"/>
        <v/>
      </c>
      <c r="CA260" s="898">
        <f t="shared" si="398"/>
        <v>30456.852791878173</v>
      </c>
      <c r="CB260" s="898">
        <f t="shared" si="398"/>
        <v>6345.1776649746189</v>
      </c>
      <c r="CC260" s="898">
        <f t="shared" si="398"/>
        <v>24746.192893401014</v>
      </c>
      <c r="CD260" s="898">
        <f t="shared" si="398"/>
        <v>31725.888324873096</v>
      </c>
      <c r="CE260" s="898">
        <f t="shared" si="398"/>
        <v>31725.888324873096</v>
      </c>
      <c r="CF260" s="898" t="str">
        <f t="shared" ref="CF260:CO266" si="399">IF(AL260="yes",(AL$3*$BT260),"")</f>
        <v/>
      </c>
      <c r="CG260" s="898" t="str">
        <f t="shared" si="399"/>
        <v/>
      </c>
      <c r="CH260" s="898" t="str">
        <f t="shared" si="399"/>
        <v/>
      </c>
      <c r="CI260" s="898" t="str">
        <f t="shared" si="399"/>
        <v/>
      </c>
      <c r="CJ260" s="898" t="str">
        <f t="shared" si="399"/>
        <v/>
      </c>
      <c r="CK260" s="898" t="str">
        <f t="shared" si="399"/>
        <v/>
      </c>
      <c r="CL260" s="898" t="str">
        <f t="shared" si="399"/>
        <v/>
      </c>
      <c r="CM260" s="898" t="str">
        <f t="shared" si="399"/>
        <v/>
      </c>
      <c r="CN260" s="898" t="str">
        <f t="shared" si="399"/>
        <v/>
      </c>
      <c r="CO260" s="898" t="str">
        <f t="shared" si="399"/>
        <v/>
      </c>
      <c r="CP260" s="898" t="str">
        <f t="shared" ref="CP260:CY266" si="400">IF(AV260="yes",(AV$3*$BT260),"")</f>
        <v/>
      </c>
      <c r="CQ260" s="898" t="str">
        <f t="shared" si="400"/>
        <v/>
      </c>
      <c r="CR260" s="898" t="str">
        <f t="shared" si="400"/>
        <v/>
      </c>
      <c r="CS260" s="898" t="str">
        <f t="shared" si="400"/>
        <v/>
      </c>
      <c r="CT260" s="898" t="str">
        <f t="shared" si="400"/>
        <v/>
      </c>
      <c r="CU260" s="898" t="str">
        <f t="shared" si="400"/>
        <v/>
      </c>
      <c r="CV260" s="898" t="str">
        <f t="shared" si="400"/>
        <v/>
      </c>
      <c r="CW260" s="898" t="str">
        <f t="shared" si="400"/>
        <v/>
      </c>
      <c r="CX260" s="898" t="str">
        <f t="shared" si="400"/>
        <v/>
      </c>
      <c r="CY260" s="898" t="str">
        <f t="shared" si="400"/>
        <v/>
      </c>
      <c r="CZ260" s="898" t="str">
        <f t="shared" ref="CZ260:CZ266" si="401">IF(BF260="yes",(BF$3*$BT260),"")</f>
        <v/>
      </c>
      <c r="DA260" s="642"/>
      <c r="DB260" s="642"/>
      <c r="DC260" s="642"/>
      <c r="DD260" s="642"/>
      <c r="DE260" s="642"/>
      <c r="DF260" s="642"/>
      <c r="DG260" s="642"/>
      <c r="DH260" s="642"/>
      <c r="DI260" s="642"/>
      <c r="DJ260" s="642"/>
      <c r="DK260" s="642"/>
      <c r="DL260" s="642"/>
      <c r="DM260" s="661">
        <f t="shared" ref="DM260:DM323" si="402">SUM(BV260:CL260)</f>
        <v>125000</v>
      </c>
      <c r="DN260" s="898">
        <f t="shared" ref="DN260:DN323" si="403">SUM(DI260:DL260)</f>
        <v>0</v>
      </c>
      <c r="DO260" s="516">
        <f t="shared" ref="DO260:DO323" si="404">SUM(CM260:CZ260)</f>
        <v>0</v>
      </c>
      <c r="DP260" s="898">
        <f t="shared" ref="DP260:DP323" si="405">SUM(DA260:DH260)</f>
        <v>0</v>
      </c>
      <c r="DQ260" s="483"/>
      <c r="DR260" s="934" t="s">
        <v>4196</v>
      </c>
      <c r="DS260" s="483"/>
      <c r="DT260" s="632"/>
    </row>
    <row r="261" spans="1:124" ht="90" x14ac:dyDescent="0.2">
      <c r="A261" s="484" t="str">
        <f t="shared" si="396"/>
        <v>Greening Hemel Hempstead Town Centre &amp; Local Centres</v>
      </c>
      <c r="B261" s="1163">
        <v>258</v>
      </c>
      <c r="C261" s="671" t="s">
        <v>4197</v>
      </c>
      <c r="D261" s="671" t="s">
        <v>2445</v>
      </c>
      <c r="E261" s="671" t="s">
        <v>53</v>
      </c>
      <c r="F261" s="671" t="s">
        <v>1346</v>
      </c>
      <c r="G261" s="543" t="s">
        <v>1348</v>
      </c>
      <c r="H261" s="495" t="s">
        <v>4198</v>
      </c>
      <c r="I261" s="543"/>
      <c r="J261" s="495" t="s">
        <v>4199</v>
      </c>
      <c r="K261" s="543" t="s">
        <v>3104</v>
      </c>
      <c r="L261" s="852" t="s">
        <v>3167</v>
      </c>
      <c r="M261" s="543" t="s">
        <v>2986</v>
      </c>
      <c r="N261" s="543" t="s">
        <v>8</v>
      </c>
      <c r="O261" s="543" t="s">
        <v>3331</v>
      </c>
      <c r="P261" s="657" t="s">
        <v>53</v>
      </c>
      <c r="Q261" s="543" t="s">
        <v>3170</v>
      </c>
      <c r="R261" s="542">
        <f>230000+30000</f>
        <v>260000</v>
      </c>
      <c r="S261" s="542">
        <f>345000+45000</f>
        <v>390000</v>
      </c>
      <c r="T261" s="723">
        <f t="shared" si="392"/>
        <v>325000</v>
      </c>
      <c r="U261" s="642"/>
      <c r="V261" s="657" t="s">
        <v>3978</v>
      </c>
      <c r="W261" s="723">
        <f t="shared" si="393"/>
        <v>0</v>
      </c>
      <c r="X261" s="745">
        <f t="shared" si="394"/>
        <v>325000</v>
      </c>
      <c r="Y261" s="745" t="s">
        <v>3106</v>
      </c>
      <c r="Z261" s="745"/>
      <c r="AA261" s="736" t="s">
        <v>82</v>
      </c>
      <c r="AB261" s="543" t="s">
        <v>66</v>
      </c>
      <c r="AC261" s="543" t="s">
        <v>66</v>
      </c>
      <c r="AD261" s="543" t="s">
        <v>66</v>
      </c>
      <c r="AE261" s="543" t="s">
        <v>66</v>
      </c>
      <c r="AF261" s="543" t="s">
        <v>66</v>
      </c>
      <c r="AG261" s="543" t="s">
        <v>66</v>
      </c>
      <c r="AH261" s="543" t="s">
        <v>66</v>
      </c>
      <c r="AI261" s="543" t="s">
        <v>66</v>
      </c>
      <c r="AJ261" s="543" t="s">
        <v>66</v>
      </c>
      <c r="AK261" s="543" t="s">
        <v>66</v>
      </c>
      <c r="AL261" s="543" t="s">
        <v>66</v>
      </c>
      <c r="AM261" s="543" t="s">
        <v>66</v>
      </c>
      <c r="AN261" s="543" t="s">
        <v>66</v>
      </c>
      <c r="AO261" s="543" t="s">
        <v>66</v>
      </c>
      <c r="AP261" s="543" t="s">
        <v>66</v>
      </c>
      <c r="AQ261" s="543" t="s">
        <v>66</v>
      </c>
      <c r="AR261" s="543" t="s">
        <v>66</v>
      </c>
      <c r="AS261" s="543"/>
      <c r="AT261" s="543"/>
      <c r="AU261" s="543"/>
      <c r="AV261" s="543"/>
      <c r="AW261" s="543"/>
      <c r="AX261" s="543"/>
      <c r="AY261" s="543"/>
      <c r="AZ261" s="543"/>
      <c r="BA261" s="543"/>
      <c r="BB261" s="543"/>
      <c r="BC261" s="543"/>
      <c r="BD261" s="543"/>
      <c r="BE261" s="543"/>
      <c r="BF261" s="543"/>
      <c r="BG261" s="543"/>
      <c r="BH261" s="543"/>
      <c r="BI261" s="543"/>
      <c r="BJ261" s="543"/>
      <c r="BK261" s="543"/>
      <c r="BL261" s="543"/>
      <c r="BM261" s="543"/>
      <c r="BN261" s="543"/>
      <c r="BO261" s="543" t="s">
        <v>66</v>
      </c>
      <c r="BP261" s="543" t="s">
        <v>66</v>
      </c>
      <c r="BQ261" s="543" t="s">
        <v>66</v>
      </c>
      <c r="BR261" s="654"/>
      <c r="BS261" s="884">
        <f t="shared" si="397"/>
        <v>18054</v>
      </c>
      <c r="BT261" s="661">
        <f t="shared" si="391"/>
        <v>18.001550902847015</v>
      </c>
      <c r="BU261" s="661"/>
      <c r="BV261" s="898">
        <f t="shared" si="398"/>
        <v>90007.754514235072</v>
      </c>
      <c r="BW261" s="898">
        <f t="shared" si="398"/>
        <v>3600.3101805694032</v>
      </c>
      <c r="BX261" s="898">
        <f t="shared" si="398"/>
        <v>8100.697906281157</v>
      </c>
      <c r="BY261" s="898">
        <f t="shared" si="398"/>
        <v>6300.5428159964549</v>
      </c>
      <c r="BZ261" s="898">
        <f t="shared" si="398"/>
        <v>9000.7754514235075</v>
      </c>
      <c r="CA261" s="898">
        <f t="shared" si="398"/>
        <v>8640.7444333665662</v>
      </c>
      <c r="CB261" s="898">
        <f t="shared" si="398"/>
        <v>1800.1550902847016</v>
      </c>
      <c r="CC261" s="898">
        <f t="shared" si="398"/>
        <v>7020.6048521103357</v>
      </c>
      <c r="CD261" s="898">
        <f t="shared" si="398"/>
        <v>9000.7754514235075</v>
      </c>
      <c r="CE261" s="898">
        <f t="shared" si="398"/>
        <v>9000.7754514235075</v>
      </c>
      <c r="CF261" s="898">
        <f t="shared" si="399"/>
        <v>13501.16317713526</v>
      </c>
      <c r="CG261" s="898">
        <f t="shared" si="399"/>
        <v>3600.3101805694032</v>
      </c>
      <c r="CH261" s="898">
        <f t="shared" si="399"/>
        <v>4212.3629112662011</v>
      </c>
      <c r="CI261" s="898">
        <f t="shared" si="399"/>
        <v>6300.5428159964549</v>
      </c>
      <c r="CJ261" s="898">
        <f t="shared" si="399"/>
        <v>1620.1395812562314</v>
      </c>
      <c r="CK261" s="898">
        <f t="shared" si="399"/>
        <v>1440.1240722277612</v>
      </c>
      <c r="CL261" s="898">
        <f t="shared" si="399"/>
        <v>42843.691148775899</v>
      </c>
      <c r="CM261" s="898" t="str">
        <f t="shared" si="399"/>
        <v/>
      </c>
      <c r="CN261" s="898" t="str">
        <f t="shared" si="399"/>
        <v/>
      </c>
      <c r="CO261" s="898" t="str">
        <f t="shared" si="399"/>
        <v/>
      </c>
      <c r="CP261" s="898" t="str">
        <f t="shared" si="400"/>
        <v/>
      </c>
      <c r="CQ261" s="898" t="str">
        <f t="shared" si="400"/>
        <v/>
      </c>
      <c r="CR261" s="898" t="str">
        <f t="shared" si="400"/>
        <v/>
      </c>
      <c r="CS261" s="898" t="str">
        <f t="shared" si="400"/>
        <v/>
      </c>
      <c r="CT261" s="898" t="str">
        <f t="shared" si="400"/>
        <v/>
      </c>
      <c r="CU261" s="898" t="str">
        <f t="shared" si="400"/>
        <v/>
      </c>
      <c r="CV261" s="898" t="str">
        <f t="shared" si="400"/>
        <v/>
      </c>
      <c r="CW261" s="898" t="str">
        <f t="shared" si="400"/>
        <v/>
      </c>
      <c r="CX261" s="898" t="str">
        <f t="shared" si="400"/>
        <v/>
      </c>
      <c r="CY261" s="898" t="str">
        <f t="shared" si="400"/>
        <v/>
      </c>
      <c r="CZ261" s="898" t="str">
        <f t="shared" si="401"/>
        <v/>
      </c>
      <c r="DA261" s="898" t="str">
        <f t="shared" ref="DA261:DL261" si="406">IF(BG261="yes",(BG$3*$BT261),"")</f>
        <v/>
      </c>
      <c r="DB261" s="898" t="str">
        <f t="shared" si="406"/>
        <v/>
      </c>
      <c r="DC261" s="898" t="str">
        <f t="shared" si="406"/>
        <v/>
      </c>
      <c r="DD261" s="898" t="str">
        <f t="shared" si="406"/>
        <v/>
      </c>
      <c r="DE261" s="898" t="str">
        <f t="shared" si="406"/>
        <v/>
      </c>
      <c r="DF261" s="898" t="str">
        <f t="shared" si="406"/>
        <v/>
      </c>
      <c r="DG261" s="898" t="str">
        <f t="shared" si="406"/>
        <v/>
      </c>
      <c r="DH261" s="898" t="str">
        <f t="shared" si="406"/>
        <v/>
      </c>
      <c r="DI261" s="898">
        <f t="shared" si="406"/>
        <v>27002.326354270521</v>
      </c>
      <c r="DJ261" s="898">
        <f t="shared" si="406"/>
        <v>28802.481444555226</v>
      </c>
      <c r="DK261" s="898">
        <f t="shared" si="406"/>
        <v>43203.722166832835</v>
      </c>
      <c r="DL261" s="898" t="str">
        <f t="shared" si="406"/>
        <v/>
      </c>
      <c r="DM261" s="661">
        <f t="shared" si="402"/>
        <v>225991.47003434142</v>
      </c>
      <c r="DN261" s="898">
        <f t="shared" si="403"/>
        <v>99008.529965658585</v>
      </c>
      <c r="DO261" s="516">
        <f t="shared" si="404"/>
        <v>0</v>
      </c>
      <c r="DP261" s="898">
        <f t="shared" si="405"/>
        <v>0</v>
      </c>
      <c r="DQ261" s="483"/>
      <c r="DR261" s="934" t="s">
        <v>4200</v>
      </c>
      <c r="DS261" s="483"/>
      <c r="DT261" s="632"/>
    </row>
    <row r="262" spans="1:124" ht="90" x14ac:dyDescent="0.2">
      <c r="A262" s="484" t="str">
        <f t="shared" si="396"/>
        <v>Expanding Hemel Hempstead's Urban Tree Canopy</v>
      </c>
      <c r="B262" s="1163">
        <v>259</v>
      </c>
      <c r="C262" s="671" t="s">
        <v>4201</v>
      </c>
      <c r="D262" s="671" t="s">
        <v>2445</v>
      </c>
      <c r="E262" s="671" t="s">
        <v>53</v>
      </c>
      <c r="F262" s="671" t="s">
        <v>1346</v>
      </c>
      <c r="G262" s="543" t="s">
        <v>1348</v>
      </c>
      <c r="H262" s="495" t="s">
        <v>4202</v>
      </c>
      <c r="I262" s="543"/>
      <c r="J262" s="495" t="s">
        <v>4203</v>
      </c>
      <c r="K262" s="543" t="s">
        <v>3104</v>
      </c>
      <c r="L262" s="543" t="s">
        <v>4204</v>
      </c>
      <c r="M262" s="543" t="s">
        <v>2986</v>
      </c>
      <c r="N262" s="543" t="s">
        <v>8</v>
      </c>
      <c r="O262" s="543" t="s">
        <v>3331</v>
      </c>
      <c r="P262" s="657" t="s">
        <v>53</v>
      </c>
      <c r="Q262" s="543" t="s">
        <v>3170</v>
      </c>
      <c r="R262" s="542">
        <v>1670000</v>
      </c>
      <c r="S262" s="542">
        <v>2505000</v>
      </c>
      <c r="T262" s="723">
        <f t="shared" si="392"/>
        <v>2087500</v>
      </c>
      <c r="U262" s="642"/>
      <c r="V262" s="657" t="s">
        <v>3978</v>
      </c>
      <c r="W262" s="723">
        <f t="shared" si="393"/>
        <v>0</v>
      </c>
      <c r="X262" s="745">
        <f t="shared" si="394"/>
        <v>2087500</v>
      </c>
      <c r="Y262" s="745" t="s">
        <v>3106</v>
      </c>
      <c r="Z262" s="745"/>
      <c r="AA262" s="736" t="s">
        <v>82</v>
      </c>
      <c r="AB262" s="543" t="s">
        <v>66</v>
      </c>
      <c r="AC262" s="543" t="s">
        <v>66</v>
      </c>
      <c r="AD262" s="543" t="s">
        <v>66</v>
      </c>
      <c r="AE262" s="543" t="s">
        <v>66</v>
      </c>
      <c r="AF262" s="543" t="s">
        <v>66</v>
      </c>
      <c r="AG262" s="543" t="s">
        <v>66</v>
      </c>
      <c r="AH262" s="543" t="s">
        <v>66</v>
      </c>
      <c r="AI262" s="543" t="s">
        <v>66</v>
      </c>
      <c r="AJ262" s="543" t="s">
        <v>66</v>
      </c>
      <c r="AK262" s="543" t="s">
        <v>66</v>
      </c>
      <c r="AL262" s="543" t="s">
        <v>66</v>
      </c>
      <c r="AM262" s="543" t="s">
        <v>66</v>
      </c>
      <c r="AN262" s="543" t="s">
        <v>66</v>
      </c>
      <c r="AO262" s="543" t="s">
        <v>66</v>
      </c>
      <c r="AP262" s="543" t="s">
        <v>66</v>
      </c>
      <c r="AQ262" s="543" t="s">
        <v>66</v>
      </c>
      <c r="AR262" s="543" t="s">
        <v>66</v>
      </c>
      <c r="AS262" s="543"/>
      <c r="AT262" s="543"/>
      <c r="AU262" s="543"/>
      <c r="AV262" s="543"/>
      <c r="AW262" s="543"/>
      <c r="AX262" s="543"/>
      <c r="AY262" s="543"/>
      <c r="AZ262" s="543"/>
      <c r="BA262" s="543"/>
      <c r="BB262" s="543"/>
      <c r="BC262" s="543"/>
      <c r="BD262" s="543"/>
      <c r="BE262" s="543"/>
      <c r="BF262" s="543"/>
      <c r="BG262" s="543"/>
      <c r="BH262" s="543"/>
      <c r="BI262" s="543"/>
      <c r="BJ262" s="543"/>
      <c r="BK262" s="543"/>
      <c r="BL262" s="543"/>
      <c r="BM262" s="543"/>
      <c r="BN262" s="543"/>
      <c r="BO262" s="543"/>
      <c r="BP262" s="543"/>
      <c r="BQ262" s="543"/>
      <c r="BR262" s="543"/>
      <c r="BS262" s="884">
        <f t="shared" si="397"/>
        <v>12554</v>
      </c>
      <c r="BT262" s="661">
        <f t="shared" si="391"/>
        <v>166.28166321491159</v>
      </c>
      <c r="BU262" s="661"/>
      <c r="BV262" s="898">
        <f t="shared" si="398"/>
        <v>831408.31607455795</v>
      </c>
      <c r="BW262" s="898">
        <f t="shared" si="398"/>
        <v>33256.332642982321</v>
      </c>
      <c r="BX262" s="898">
        <f t="shared" si="398"/>
        <v>74826.748446710219</v>
      </c>
      <c r="BY262" s="898">
        <f t="shared" si="398"/>
        <v>58198.582125219058</v>
      </c>
      <c r="BZ262" s="898">
        <f t="shared" si="398"/>
        <v>83140.831607455795</v>
      </c>
      <c r="CA262" s="898">
        <f t="shared" si="398"/>
        <v>79815.198343157565</v>
      </c>
      <c r="CB262" s="898">
        <f t="shared" si="398"/>
        <v>16628.16632149116</v>
      </c>
      <c r="CC262" s="898">
        <f t="shared" si="398"/>
        <v>64849.848653815519</v>
      </c>
      <c r="CD262" s="898">
        <f t="shared" si="398"/>
        <v>83140.831607455795</v>
      </c>
      <c r="CE262" s="898">
        <f t="shared" si="398"/>
        <v>83140.831607455795</v>
      </c>
      <c r="CF262" s="898">
        <f t="shared" si="399"/>
        <v>124711.24741118369</v>
      </c>
      <c r="CG262" s="898">
        <f t="shared" si="399"/>
        <v>33256.332642982321</v>
      </c>
      <c r="CH262" s="898">
        <f t="shared" si="399"/>
        <v>38909.909192289313</v>
      </c>
      <c r="CI262" s="898">
        <f t="shared" si="399"/>
        <v>58198.582125219058</v>
      </c>
      <c r="CJ262" s="898">
        <f t="shared" si="399"/>
        <v>14965.349689342043</v>
      </c>
      <c r="CK262" s="898">
        <f t="shared" si="399"/>
        <v>13302.533057192926</v>
      </c>
      <c r="CL262" s="898">
        <f t="shared" si="399"/>
        <v>395750.35845148959</v>
      </c>
      <c r="CM262" s="898" t="str">
        <f t="shared" si="399"/>
        <v/>
      </c>
      <c r="CN262" s="898" t="str">
        <f t="shared" si="399"/>
        <v/>
      </c>
      <c r="CO262" s="898" t="str">
        <f t="shared" si="399"/>
        <v/>
      </c>
      <c r="CP262" s="898" t="str">
        <f t="shared" si="400"/>
        <v/>
      </c>
      <c r="CQ262" s="898" t="str">
        <f t="shared" si="400"/>
        <v/>
      </c>
      <c r="CR262" s="898" t="str">
        <f t="shared" si="400"/>
        <v/>
      </c>
      <c r="CS262" s="898" t="str">
        <f t="shared" si="400"/>
        <v/>
      </c>
      <c r="CT262" s="898" t="str">
        <f t="shared" si="400"/>
        <v/>
      </c>
      <c r="CU262" s="898" t="str">
        <f t="shared" si="400"/>
        <v/>
      </c>
      <c r="CV262" s="898" t="str">
        <f t="shared" si="400"/>
        <v/>
      </c>
      <c r="CW262" s="898" t="str">
        <f t="shared" si="400"/>
        <v/>
      </c>
      <c r="CX262" s="898" t="str">
        <f t="shared" si="400"/>
        <v/>
      </c>
      <c r="CY262" s="898" t="str">
        <f t="shared" si="400"/>
        <v/>
      </c>
      <c r="CZ262" s="898" t="str">
        <f t="shared" si="401"/>
        <v/>
      </c>
      <c r="DA262" s="642"/>
      <c r="DB262" s="642"/>
      <c r="DC262" s="642"/>
      <c r="DD262" s="642"/>
      <c r="DE262" s="642"/>
      <c r="DF262" s="642"/>
      <c r="DG262" s="642"/>
      <c r="DH262" s="642"/>
      <c r="DI262" s="642"/>
      <c r="DJ262" s="642"/>
      <c r="DK262" s="642"/>
      <c r="DL262" s="642"/>
      <c r="DM262" s="661">
        <f t="shared" si="402"/>
        <v>2087500.0000000002</v>
      </c>
      <c r="DN262" s="898">
        <f t="shared" si="403"/>
        <v>0</v>
      </c>
      <c r="DO262" s="516">
        <f t="shared" si="404"/>
        <v>0</v>
      </c>
      <c r="DP262" s="898">
        <f t="shared" si="405"/>
        <v>0</v>
      </c>
      <c r="DQ262" s="483"/>
      <c r="DR262" s="934" t="s">
        <v>4205</v>
      </c>
      <c r="DS262" s="483"/>
      <c r="DT262" s="632"/>
    </row>
    <row r="263" spans="1:124" ht="99.75" x14ac:dyDescent="0.2">
      <c r="A263" s="484" t="str">
        <f t="shared" si="396"/>
        <v>Hemel’s Wildlife Corridors and Wildlife</v>
      </c>
      <c r="B263" s="1163">
        <v>260</v>
      </c>
      <c r="C263" s="671" t="s">
        <v>4206</v>
      </c>
      <c r="D263" s="671" t="s">
        <v>2445</v>
      </c>
      <c r="E263" s="671" t="s">
        <v>53</v>
      </c>
      <c r="F263" s="671" t="s">
        <v>1346</v>
      </c>
      <c r="G263" s="543" t="s">
        <v>1348</v>
      </c>
      <c r="H263" s="495" t="s">
        <v>4207</v>
      </c>
      <c r="I263" s="543"/>
      <c r="J263" s="495" t="s">
        <v>4208</v>
      </c>
      <c r="K263" s="543" t="s">
        <v>3104</v>
      </c>
      <c r="L263" s="852" t="s">
        <v>3167</v>
      </c>
      <c r="M263" s="543" t="s">
        <v>2986</v>
      </c>
      <c r="N263" s="543" t="s">
        <v>8</v>
      </c>
      <c r="O263" s="543" t="s">
        <v>3331</v>
      </c>
      <c r="P263" s="657" t="s">
        <v>53</v>
      </c>
      <c r="Q263" s="543" t="s">
        <v>3170</v>
      </c>
      <c r="R263" s="542">
        <f>480000+3000000</f>
        <v>3480000</v>
      </c>
      <c r="S263" s="542">
        <f>720000+4500000</f>
        <v>5220000</v>
      </c>
      <c r="T263" s="723">
        <f t="shared" si="392"/>
        <v>4350000</v>
      </c>
      <c r="U263" s="642"/>
      <c r="V263" s="657" t="s">
        <v>3978</v>
      </c>
      <c r="W263" s="723">
        <f t="shared" si="393"/>
        <v>0</v>
      </c>
      <c r="X263" s="745">
        <f t="shared" si="394"/>
        <v>4350000</v>
      </c>
      <c r="Y263" s="745" t="s">
        <v>3106</v>
      </c>
      <c r="Z263" s="745"/>
      <c r="AA263" s="736" t="s">
        <v>82</v>
      </c>
      <c r="AB263" s="543" t="s">
        <v>66</v>
      </c>
      <c r="AC263" s="543" t="s">
        <v>66</v>
      </c>
      <c r="AD263" s="543" t="s">
        <v>66</v>
      </c>
      <c r="AE263" s="543" t="s">
        <v>66</v>
      </c>
      <c r="AF263" s="543" t="s">
        <v>66</v>
      </c>
      <c r="AG263" s="543" t="s">
        <v>66</v>
      </c>
      <c r="AH263" s="543" t="s">
        <v>66</v>
      </c>
      <c r="AI263" s="543" t="s">
        <v>66</v>
      </c>
      <c r="AJ263" s="543" t="s">
        <v>66</v>
      </c>
      <c r="AK263" s="543" t="s">
        <v>66</v>
      </c>
      <c r="AL263" s="543" t="s">
        <v>66</v>
      </c>
      <c r="AM263" s="543" t="s">
        <v>66</v>
      </c>
      <c r="AN263" s="543" t="s">
        <v>66</v>
      </c>
      <c r="AO263" s="543" t="s">
        <v>66</v>
      </c>
      <c r="AP263" s="543" t="s">
        <v>66</v>
      </c>
      <c r="AQ263" s="543" t="s">
        <v>66</v>
      </c>
      <c r="AR263" s="543" t="s">
        <v>66</v>
      </c>
      <c r="AS263" s="543"/>
      <c r="AT263" s="543"/>
      <c r="AU263" s="543"/>
      <c r="AV263" s="543"/>
      <c r="AW263" s="543"/>
      <c r="AX263" s="543"/>
      <c r="AY263" s="543"/>
      <c r="AZ263" s="543"/>
      <c r="BA263" s="543"/>
      <c r="BB263" s="543"/>
      <c r="BC263" s="543"/>
      <c r="BD263" s="543"/>
      <c r="BE263" s="543"/>
      <c r="BF263" s="543"/>
      <c r="BG263" s="543"/>
      <c r="BH263" s="543"/>
      <c r="BI263" s="543"/>
      <c r="BJ263" s="543"/>
      <c r="BK263" s="543"/>
      <c r="BL263" s="543"/>
      <c r="BM263" s="543"/>
      <c r="BN263" s="543"/>
      <c r="BO263" s="543" t="s">
        <v>66</v>
      </c>
      <c r="BP263" s="543" t="s">
        <v>66</v>
      </c>
      <c r="BQ263" s="543" t="s">
        <v>66</v>
      </c>
      <c r="BR263" s="654"/>
      <c r="BS263" s="884">
        <f t="shared" si="397"/>
        <v>18054</v>
      </c>
      <c r="BT263" s="661">
        <f t="shared" si="391"/>
        <v>240.94383516118313</v>
      </c>
      <c r="BU263" s="661"/>
      <c r="BV263" s="898">
        <f t="shared" si="398"/>
        <v>1204719.1758059156</v>
      </c>
      <c r="BW263" s="898">
        <f t="shared" si="398"/>
        <v>48188.767032236625</v>
      </c>
      <c r="BX263" s="898">
        <f t="shared" si="398"/>
        <v>108424.7258225324</v>
      </c>
      <c r="BY263" s="898">
        <f t="shared" si="398"/>
        <v>84330.342306414095</v>
      </c>
      <c r="BZ263" s="898">
        <f t="shared" si="398"/>
        <v>120471.91758059156</v>
      </c>
      <c r="CA263" s="898">
        <f t="shared" si="398"/>
        <v>115653.04087736791</v>
      </c>
      <c r="CB263" s="898">
        <f t="shared" si="398"/>
        <v>24094.383516118312</v>
      </c>
      <c r="CC263" s="898">
        <f t="shared" si="398"/>
        <v>93968.095712861425</v>
      </c>
      <c r="CD263" s="898">
        <f t="shared" si="398"/>
        <v>120471.91758059156</v>
      </c>
      <c r="CE263" s="898">
        <f t="shared" si="398"/>
        <v>120471.91758059156</v>
      </c>
      <c r="CF263" s="898">
        <f t="shared" si="399"/>
        <v>180707.87637088736</v>
      </c>
      <c r="CG263" s="898">
        <f t="shared" si="399"/>
        <v>48188.767032236625</v>
      </c>
      <c r="CH263" s="898">
        <f t="shared" si="399"/>
        <v>56380.857427716852</v>
      </c>
      <c r="CI263" s="898">
        <f t="shared" si="399"/>
        <v>84330.342306414095</v>
      </c>
      <c r="CJ263" s="898">
        <f t="shared" si="399"/>
        <v>21684.94516450648</v>
      </c>
      <c r="CK263" s="898">
        <f t="shared" si="399"/>
        <v>19275.506812894651</v>
      </c>
      <c r="CL263" s="898">
        <f t="shared" si="399"/>
        <v>573446.32768361585</v>
      </c>
      <c r="CM263" s="898" t="str">
        <f t="shared" si="399"/>
        <v/>
      </c>
      <c r="CN263" s="898" t="str">
        <f t="shared" si="399"/>
        <v/>
      </c>
      <c r="CO263" s="898" t="str">
        <f t="shared" si="399"/>
        <v/>
      </c>
      <c r="CP263" s="898" t="str">
        <f t="shared" si="400"/>
        <v/>
      </c>
      <c r="CQ263" s="898" t="str">
        <f t="shared" si="400"/>
        <v/>
      </c>
      <c r="CR263" s="898" t="str">
        <f t="shared" si="400"/>
        <v/>
      </c>
      <c r="CS263" s="898" t="str">
        <f t="shared" si="400"/>
        <v/>
      </c>
      <c r="CT263" s="898" t="str">
        <f t="shared" si="400"/>
        <v/>
      </c>
      <c r="CU263" s="898" t="str">
        <f t="shared" si="400"/>
        <v/>
      </c>
      <c r="CV263" s="898" t="str">
        <f t="shared" si="400"/>
        <v/>
      </c>
      <c r="CW263" s="898" t="str">
        <f t="shared" si="400"/>
        <v/>
      </c>
      <c r="CX263" s="898" t="str">
        <f t="shared" si="400"/>
        <v/>
      </c>
      <c r="CY263" s="898" t="str">
        <f t="shared" si="400"/>
        <v/>
      </c>
      <c r="CZ263" s="898" t="str">
        <f t="shared" si="401"/>
        <v/>
      </c>
      <c r="DA263" s="898" t="str">
        <f t="shared" ref="DA263:DL263" si="407">IF(BG263="yes",(BG$3*$BT263),"")</f>
        <v/>
      </c>
      <c r="DB263" s="898" t="str">
        <f t="shared" si="407"/>
        <v/>
      </c>
      <c r="DC263" s="898" t="str">
        <f t="shared" si="407"/>
        <v/>
      </c>
      <c r="DD263" s="898" t="str">
        <f t="shared" si="407"/>
        <v/>
      </c>
      <c r="DE263" s="898" t="str">
        <f t="shared" si="407"/>
        <v/>
      </c>
      <c r="DF263" s="898" t="str">
        <f t="shared" si="407"/>
        <v/>
      </c>
      <c r="DG263" s="898" t="str">
        <f t="shared" si="407"/>
        <v/>
      </c>
      <c r="DH263" s="898" t="str">
        <f t="shared" si="407"/>
        <v/>
      </c>
      <c r="DI263" s="898">
        <f t="shared" si="407"/>
        <v>361415.75274177472</v>
      </c>
      <c r="DJ263" s="898">
        <f t="shared" si="407"/>
        <v>385510.136257893</v>
      </c>
      <c r="DK263" s="898">
        <f t="shared" si="407"/>
        <v>578265.20438683953</v>
      </c>
      <c r="DL263" s="898" t="str">
        <f t="shared" si="407"/>
        <v/>
      </c>
      <c r="DM263" s="661">
        <f t="shared" si="402"/>
        <v>3024808.9066134929</v>
      </c>
      <c r="DN263" s="898">
        <f t="shared" si="403"/>
        <v>1325191.0933865071</v>
      </c>
      <c r="DO263" s="516">
        <f t="shared" si="404"/>
        <v>0</v>
      </c>
      <c r="DP263" s="898">
        <f t="shared" si="405"/>
        <v>0</v>
      </c>
      <c r="DQ263" s="483"/>
      <c r="DR263" s="934"/>
      <c r="DS263" s="483"/>
      <c r="DT263" s="632"/>
    </row>
    <row r="264" spans="1:124" ht="90" x14ac:dyDescent="0.2">
      <c r="A264" s="484" t="str">
        <f t="shared" si="396"/>
        <v>Greening Schools</v>
      </c>
      <c r="B264" s="1163">
        <v>261</v>
      </c>
      <c r="C264" s="671" t="s">
        <v>4209</v>
      </c>
      <c r="D264" s="671" t="s">
        <v>2445</v>
      </c>
      <c r="E264" s="671" t="s">
        <v>53</v>
      </c>
      <c r="F264" s="671" t="s">
        <v>1346</v>
      </c>
      <c r="G264" s="543" t="s">
        <v>1348</v>
      </c>
      <c r="H264" s="495" t="s">
        <v>4210</v>
      </c>
      <c r="I264" s="543"/>
      <c r="J264" s="495" t="s">
        <v>4211</v>
      </c>
      <c r="K264" s="543" t="s">
        <v>3104</v>
      </c>
      <c r="L264" s="543" t="s">
        <v>4204</v>
      </c>
      <c r="M264" s="543" t="s">
        <v>2986</v>
      </c>
      <c r="N264" s="543" t="s">
        <v>81</v>
      </c>
      <c r="O264" s="515" t="s">
        <v>4212</v>
      </c>
      <c r="P264" s="657" t="s">
        <v>53</v>
      </c>
      <c r="Q264" s="543" t="s">
        <v>3170</v>
      </c>
      <c r="R264" s="542">
        <v>200000</v>
      </c>
      <c r="S264" s="542">
        <v>250000</v>
      </c>
      <c r="T264" s="723">
        <f t="shared" si="392"/>
        <v>225000</v>
      </c>
      <c r="U264" s="642"/>
      <c r="V264" s="657" t="s">
        <v>3978</v>
      </c>
      <c r="W264" s="723">
        <f t="shared" si="393"/>
        <v>0</v>
      </c>
      <c r="X264" s="745">
        <f t="shared" si="394"/>
        <v>225000</v>
      </c>
      <c r="Y264" s="745" t="s">
        <v>3106</v>
      </c>
      <c r="Z264" s="745"/>
      <c r="AA264" s="736" t="s">
        <v>82</v>
      </c>
      <c r="AB264" s="543" t="s">
        <v>66</v>
      </c>
      <c r="AC264" s="543" t="s">
        <v>66</v>
      </c>
      <c r="AD264" s="543" t="s">
        <v>66</v>
      </c>
      <c r="AE264" s="543" t="s">
        <v>66</v>
      </c>
      <c r="AF264" s="543" t="s">
        <v>66</v>
      </c>
      <c r="AG264" s="543" t="s">
        <v>66</v>
      </c>
      <c r="AH264" s="543" t="s">
        <v>66</v>
      </c>
      <c r="AI264" s="543" t="s">
        <v>66</v>
      </c>
      <c r="AJ264" s="543" t="s">
        <v>66</v>
      </c>
      <c r="AK264" s="543" t="s">
        <v>66</v>
      </c>
      <c r="AL264" s="543" t="s">
        <v>66</v>
      </c>
      <c r="AM264" s="543" t="s">
        <v>66</v>
      </c>
      <c r="AN264" s="543" t="s">
        <v>66</v>
      </c>
      <c r="AO264" s="543" t="s">
        <v>66</v>
      </c>
      <c r="AP264" s="543" t="s">
        <v>66</v>
      </c>
      <c r="AQ264" s="543" t="s">
        <v>66</v>
      </c>
      <c r="AR264" s="543" t="s">
        <v>66</v>
      </c>
      <c r="AS264" s="543"/>
      <c r="AT264" s="543"/>
      <c r="AU264" s="543"/>
      <c r="AV264" s="543"/>
      <c r="AW264" s="543"/>
      <c r="AX264" s="543"/>
      <c r="AY264" s="543"/>
      <c r="AZ264" s="543"/>
      <c r="BA264" s="543"/>
      <c r="BB264" s="543"/>
      <c r="BC264" s="543"/>
      <c r="BD264" s="543"/>
      <c r="BE264" s="543"/>
      <c r="BF264" s="543"/>
      <c r="BG264" s="543"/>
      <c r="BH264" s="543"/>
      <c r="BI264" s="543"/>
      <c r="BJ264" s="543"/>
      <c r="BK264" s="543"/>
      <c r="BL264" s="543"/>
      <c r="BM264" s="543"/>
      <c r="BN264" s="543"/>
      <c r="BO264" s="543"/>
      <c r="BP264" s="543"/>
      <c r="BQ264" s="543"/>
      <c r="BR264" s="543"/>
      <c r="BS264" s="884">
        <f t="shared" si="397"/>
        <v>12554</v>
      </c>
      <c r="BT264" s="661">
        <f t="shared" si="391"/>
        <v>17.922574478253942</v>
      </c>
      <c r="BU264" s="661"/>
      <c r="BV264" s="898">
        <f t="shared" si="398"/>
        <v>89612.872391269717</v>
      </c>
      <c r="BW264" s="898">
        <f t="shared" si="398"/>
        <v>3584.5148956507883</v>
      </c>
      <c r="BX264" s="898">
        <f t="shared" si="398"/>
        <v>8065.1585152142743</v>
      </c>
      <c r="BY264" s="898">
        <f t="shared" si="398"/>
        <v>6272.9010673888797</v>
      </c>
      <c r="BZ264" s="898">
        <f t="shared" si="398"/>
        <v>8961.2872391269702</v>
      </c>
      <c r="CA264" s="898">
        <f t="shared" si="398"/>
        <v>8602.835749561893</v>
      </c>
      <c r="CB264" s="898">
        <f t="shared" si="398"/>
        <v>1792.2574478253941</v>
      </c>
      <c r="CC264" s="898">
        <f t="shared" si="398"/>
        <v>6989.8040465190379</v>
      </c>
      <c r="CD264" s="898">
        <f t="shared" si="398"/>
        <v>8961.2872391269702</v>
      </c>
      <c r="CE264" s="898">
        <f t="shared" si="398"/>
        <v>8961.2872391269702</v>
      </c>
      <c r="CF264" s="898">
        <f t="shared" si="399"/>
        <v>13441.930858690457</v>
      </c>
      <c r="CG264" s="898">
        <f t="shared" si="399"/>
        <v>3584.5148956507883</v>
      </c>
      <c r="CH264" s="898">
        <f t="shared" si="399"/>
        <v>4193.8824279114224</v>
      </c>
      <c r="CI264" s="898">
        <f t="shared" si="399"/>
        <v>6272.9010673888797</v>
      </c>
      <c r="CJ264" s="898">
        <f t="shared" si="399"/>
        <v>1613.0317030428548</v>
      </c>
      <c r="CK264" s="898">
        <f t="shared" si="399"/>
        <v>1433.8059582603155</v>
      </c>
      <c r="CL264" s="898">
        <f t="shared" si="399"/>
        <v>42655.727258244384</v>
      </c>
      <c r="CM264" s="898" t="str">
        <f t="shared" si="399"/>
        <v/>
      </c>
      <c r="CN264" s="898" t="str">
        <f t="shared" si="399"/>
        <v/>
      </c>
      <c r="CO264" s="898" t="str">
        <f t="shared" si="399"/>
        <v/>
      </c>
      <c r="CP264" s="898" t="str">
        <f t="shared" si="400"/>
        <v/>
      </c>
      <c r="CQ264" s="898" t="str">
        <f t="shared" si="400"/>
        <v/>
      </c>
      <c r="CR264" s="898" t="str">
        <f t="shared" si="400"/>
        <v/>
      </c>
      <c r="CS264" s="898" t="str">
        <f t="shared" si="400"/>
        <v/>
      </c>
      <c r="CT264" s="898" t="str">
        <f t="shared" si="400"/>
        <v/>
      </c>
      <c r="CU264" s="898" t="str">
        <f t="shared" si="400"/>
        <v/>
      </c>
      <c r="CV264" s="898" t="str">
        <f t="shared" si="400"/>
        <v/>
      </c>
      <c r="CW264" s="898" t="str">
        <f t="shared" si="400"/>
        <v/>
      </c>
      <c r="CX264" s="898" t="str">
        <f t="shared" si="400"/>
        <v/>
      </c>
      <c r="CY264" s="898" t="str">
        <f t="shared" si="400"/>
        <v/>
      </c>
      <c r="CZ264" s="898" t="str">
        <f t="shared" si="401"/>
        <v/>
      </c>
      <c r="DA264" s="642"/>
      <c r="DB264" s="642"/>
      <c r="DC264" s="642"/>
      <c r="DD264" s="642"/>
      <c r="DE264" s="642"/>
      <c r="DF264" s="642"/>
      <c r="DG264" s="642"/>
      <c r="DH264" s="642"/>
      <c r="DI264" s="642"/>
      <c r="DJ264" s="642"/>
      <c r="DK264" s="642"/>
      <c r="DL264" s="642"/>
      <c r="DM264" s="661">
        <f t="shared" si="402"/>
        <v>225000.00000000006</v>
      </c>
      <c r="DN264" s="898">
        <f t="shared" si="403"/>
        <v>0</v>
      </c>
      <c r="DO264" s="516">
        <f t="shared" si="404"/>
        <v>0</v>
      </c>
      <c r="DP264" s="898">
        <f t="shared" si="405"/>
        <v>0</v>
      </c>
      <c r="DQ264" s="483"/>
      <c r="DR264" s="934" t="s">
        <v>4213</v>
      </c>
      <c r="DS264" s="483"/>
      <c r="DT264" s="632"/>
    </row>
    <row r="265" spans="1:124" ht="99.75" x14ac:dyDescent="0.2">
      <c r="A265" s="484" t="str">
        <f t="shared" si="396"/>
        <v>Green lunchtime Maylands</v>
      </c>
      <c r="B265" s="1163">
        <v>262</v>
      </c>
      <c r="C265" s="671" t="s">
        <v>4214</v>
      </c>
      <c r="D265" s="671" t="s">
        <v>2445</v>
      </c>
      <c r="E265" s="671" t="s">
        <v>53</v>
      </c>
      <c r="F265" s="671" t="s">
        <v>1346</v>
      </c>
      <c r="G265" s="543" t="s">
        <v>1348</v>
      </c>
      <c r="H265" s="495" t="s">
        <v>4215</v>
      </c>
      <c r="I265" s="543"/>
      <c r="J265" s="495" t="s">
        <v>4216</v>
      </c>
      <c r="K265" s="543" t="s">
        <v>3104</v>
      </c>
      <c r="L265" s="543" t="s">
        <v>4217</v>
      </c>
      <c r="M265" s="543" t="s">
        <v>2986</v>
      </c>
      <c r="N265" s="543" t="s">
        <v>81</v>
      </c>
      <c r="O265" s="543" t="s">
        <v>3331</v>
      </c>
      <c r="P265" s="657" t="s">
        <v>53</v>
      </c>
      <c r="Q265" s="543" t="s">
        <v>3170</v>
      </c>
      <c r="R265" s="542">
        <v>110000</v>
      </c>
      <c r="S265" s="542">
        <v>165000</v>
      </c>
      <c r="T265" s="723">
        <f t="shared" si="392"/>
        <v>137500</v>
      </c>
      <c r="U265" s="642"/>
      <c r="V265" s="657" t="s">
        <v>3978</v>
      </c>
      <c r="W265" s="723">
        <f t="shared" si="393"/>
        <v>0</v>
      </c>
      <c r="X265" s="745">
        <f t="shared" si="394"/>
        <v>137500</v>
      </c>
      <c r="Y265" s="745" t="s">
        <v>3106</v>
      </c>
      <c r="Z265" s="745"/>
      <c r="AA265" s="736" t="s">
        <v>82</v>
      </c>
      <c r="AB265" s="543"/>
      <c r="AC265" s="543"/>
      <c r="AD265" s="543"/>
      <c r="AE265" s="543"/>
      <c r="AF265" s="543"/>
      <c r="AG265" s="543"/>
      <c r="AH265" s="543"/>
      <c r="AI265" s="543"/>
      <c r="AJ265" s="543"/>
      <c r="AK265" s="543"/>
      <c r="AL265" s="543"/>
      <c r="AM265" s="543"/>
      <c r="AN265" s="543" t="s">
        <v>66</v>
      </c>
      <c r="AO265" s="543"/>
      <c r="AP265" s="543"/>
      <c r="AQ265" s="543"/>
      <c r="AR265" s="543"/>
      <c r="AS265" s="543"/>
      <c r="AT265" s="543"/>
      <c r="AU265" s="543"/>
      <c r="AV265" s="543"/>
      <c r="AW265" s="543"/>
      <c r="AX265" s="543"/>
      <c r="AY265" s="543"/>
      <c r="AZ265" s="543"/>
      <c r="BA265" s="543"/>
      <c r="BB265" s="543"/>
      <c r="BC265" s="543"/>
      <c r="BD265" s="543"/>
      <c r="BE265" s="543"/>
      <c r="BF265" s="543"/>
      <c r="BG265" s="543"/>
      <c r="BH265" s="543"/>
      <c r="BI265" s="543"/>
      <c r="BJ265" s="543"/>
      <c r="BK265" s="543"/>
      <c r="BL265" s="543"/>
      <c r="BM265" s="543"/>
      <c r="BN265" s="543"/>
      <c r="BO265" s="543" t="s">
        <v>66</v>
      </c>
      <c r="BP265" s="543" t="s">
        <v>66</v>
      </c>
      <c r="BQ265" s="543" t="s">
        <v>66</v>
      </c>
      <c r="BR265" s="543" t="s">
        <v>66</v>
      </c>
      <c r="BS265" s="884">
        <f t="shared" si="397"/>
        <v>8905</v>
      </c>
      <c r="BT265" s="661">
        <f t="shared" si="391"/>
        <v>15.440763615946098</v>
      </c>
      <c r="BU265" s="661"/>
      <c r="BV265" s="898" t="str">
        <f t="shared" si="398"/>
        <v/>
      </c>
      <c r="BW265" s="898" t="str">
        <f t="shared" si="398"/>
        <v/>
      </c>
      <c r="BX265" s="898" t="str">
        <f t="shared" si="398"/>
        <v/>
      </c>
      <c r="BY265" s="898" t="str">
        <f t="shared" si="398"/>
        <v/>
      </c>
      <c r="BZ265" s="898" t="str">
        <f t="shared" si="398"/>
        <v/>
      </c>
      <c r="CA265" s="898" t="str">
        <f t="shared" si="398"/>
        <v/>
      </c>
      <c r="CB265" s="898" t="str">
        <f t="shared" si="398"/>
        <v/>
      </c>
      <c r="CC265" s="898" t="str">
        <f t="shared" si="398"/>
        <v/>
      </c>
      <c r="CD265" s="898" t="str">
        <f t="shared" si="398"/>
        <v/>
      </c>
      <c r="CE265" s="898" t="str">
        <f t="shared" si="398"/>
        <v/>
      </c>
      <c r="CF265" s="898" t="str">
        <f t="shared" si="399"/>
        <v/>
      </c>
      <c r="CG265" s="898" t="str">
        <f t="shared" si="399"/>
        <v/>
      </c>
      <c r="CH265" s="898">
        <f t="shared" si="399"/>
        <v>3613.1386861313867</v>
      </c>
      <c r="CI265" s="898" t="str">
        <f t="shared" si="399"/>
        <v/>
      </c>
      <c r="CJ265" s="898" t="str">
        <f t="shared" si="399"/>
        <v/>
      </c>
      <c r="CK265" s="898" t="str">
        <f t="shared" si="399"/>
        <v/>
      </c>
      <c r="CL265" s="898" t="str">
        <f t="shared" si="399"/>
        <v/>
      </c>
      <c r="CM265" s="898" t="str">
        <f t="shared" si="399"/>
        <v/>
      </c>
      <c r="CN265" s="898" t="str">
        <f t="shared" si="399"/>
        <v/>
      </c>
      <c r="CO265" s="898" t="str">
        <f t="shared" si="399"/>
        <v/>
      </c>
      <c r="CP265" s="898" t="str">
        <f t="shared" si="400"/>
        <v/>
      </c>
      <c r="CQ265" s="898" t="str">
        <f t="shared" si="400"/>
        <v/>
      </c>
      <c r="CR265" s="898" t="str">
        <f t="shared" si="400"/>
        <v/>
      </c>
      <c r="CS265" s="898" t="str">
        <f t="shared" si="400"/>
        <v/>
      </c>
      <c r="CT265" s="898" t="str">
        <f t="shared" si="400"/>
        <v/>
      </c>
      <c r="CU265" s="898" t="str">
        <f t="shared" si="400"/>
        <v/>
      </c>
      <c r="CV265" s="898" t="str">
        <f t="shared" si="400"/>
        <v/>
      </c>
      <c r="CW265" s="898" t="str">
        <f t="shared" si="400"/>
        <v/>
      </c>
      <c r="CX265" s="898" t="str">
        <f t="shared" si="400"/>
        <v/>
      </c>
      <c r="CY265" s="898" t="str">
        <f t="shared" si="400"/>
        <v/>
      </c>
      <c r="CZ265" s="898" t="str">
        <f t="shared" si="401"/>
        <v/>
      </c>
      <c r="DA265" s="898" t="str">
        <f t="shared" ref="DA265:DL265" si="408">IF(BG265="yes",(BG$3*$BT265),"")</f>
        <v/>
      </c>
      <c r="DB265" s="898" t="str">
        <f t="shared" si="408"/>
        <v/>
      </c>
      <c r="DC265" s="898" t="str">
        <f t="shared" si="408"/>
        <v/>
      </c>
      <c r="DD265" s="898" t="str">
        <f t="shared" si="408"/>
        <v/>
      </c>
      <c r="DE265" s="898" t="str">
        <f t="shared" si="408"/>
        <v/>
      </c>
      <c r="DF265" s="898" t="str">
        <f t="shared" si="408"/>
        <v/>
      </c>
      <c r="DG265" s="898" t="str">
        <f t="shared" si="408"/>
        <v/>
      </c>
      <c r="DH265" s="898" t="str">
        <f t="shared" si="408"/>
        <v/>
      </c>
      <c r="DI265" s="898">
        <f t="shared" si="408"/>
        <v>23161.145423919148</v>
      </c>
      <c r="DJ265" s="898">
        <f t="shared" si="408"/>
        <v>24705.221785513757</v>
      </c>
      <c r="DK265" s="898">
        <f t="shared" si="408"/>
        <v>37057.832678270635</v>
      </c>
      <c r="DL265" s="898">
        <f t="shared" si="408"/>
        <v>48962.661426165076</v>
      </c>
      <c r="DM265" s="661">
        <f t="shared" si="402"/>
        <v>3613.1386861313867</v>
      </c>
      <c r="DN265" s="898">
        <f t="shared" si="403"/>
        <v>133886.86131386863</v>
      </c>
      <c r="DO265" s="516">
        <f t="shared" si="404"/>
        <v>0</v>
      </c>
      <c r="DP265" s="898">
        <f t="shared" si="405"/>
        <v>0</v>
      </c>
      <c r="DQ265" s="483"/>
      <c r="DR265" s="934" t="s">
        <v>4218</v>
      </c>
      <c r="DS265" s="483"/>
      <c r="DT265" s="632"/>
    </row>
    <row r="266" spans="1:124" ht="90" x14ac:dyDescent="0.2">
      <c r="A266" s="484" t="str">
        <f t="shared" si="396"/>
        <v xml:space="preserve"> Improving Parks in areas of higher deprivation</v>
      </c>
      <c r="B266" s="1163">
        <v>263</v>
      </c>
      <c r="C266" s="671" t="s">
        <v>4219</v>
      </c>
      <c r="D266" s="671" t="s">
        <v>2445</v>
      </c>
      <c r="E266" s="671" t="s">
        <v>53</v>
      </c>
      <c r="F266" s="671" t="s">
        <v>1346</v>
      </c>
      <c r="G266" s="543" t="s">
        <v>1348</v>
      </c>
      <c r="H266" s="495" t="s">
        <v>4220</v>
      </c>
      <c r="I266" s="543"/>
      <c r="J266" s="495" t="s">
        <v>4221</v>
      </c>
      <c r="K266" s="543" t="s">
        <v>3104</v>
      </c>
      <c r="L266" s="543" t="s">
        <v>4204</v>
      </c>
      <c r="M266" s="543" t="s">
        <v>2986</v>
      </c>
      <c r="N266" s="543" t="s">
        <v>81</v>
      </c>
      <c r="O266" s="543" t="s">
        <v>3331</v>
      </c>
      <c r="P266" s="657" t="s">
        <v>53</v>
      </c>
      <c r="Q266" s="543" t="s">
        <v>3170</v>
      </c>
      <c r="R266" s="542">
        <v>610000</v>
      </c>
      <c r="S266" s="542">
        <v>915000</v>
      </c>
      <c r="T266" s="723">
        <f t="shared" si="392"/>
        <v>762500</v>
      </c>
      <c r="U266" s="642"/>
      <c r="V266" s="657" t="s">
        <v>3978</v>
      </c>
      <c r="W266" s="723">
        <f t="shared" si="393"/>
        <v>0</v>
      </c>
      <c r="X266" s="745">
        <f t="shared" si="394"/>
        <v>762500</v>
      </c>
      <c r="Y266" s="745" t="s">
        <v>3106</v>
      </c>
      <c r="Z266" s="745"/>
      <c r="AA266" s="736" t="s">
        <v>82</v>
      </c>
      <c r="AB266" s="543" t="s">
        <v>66</v>
      </c>
      <c r="AC266" s="543" t="s">
        <v>66</v>
      </c>
      <c r="AD266" s="543" t="s">
        <v>66</v>
      </c>
      <c r="AE266" s="543" t="s">
        <v>66</v>
      </c>
      <c r="AF266" s="543" t="s">
        <v>66</v>
      </c>
      <c r="AG266" s="543" t="s">
        <v>66</v>
      </c>
      <c r="AH266" s="543" t="s">
        <v>66</v>
      </c>
      <c r="AI266" s="543" t="s">
        <v>66</v>
      </c>
      <c r="AJ266" s="543" t="s">
        <v>66</v>
      </c>
      <c r="AK266" s="543" t="s">
        <v>66</v>
      </c>
      <c r="AL266" s="543" t="s">
        <v>66</v>
      </c>
      <c r="AM266" s="543" t="s">
        <v>66</v>
      </c>
      <c r="AN266" s="543" t="s">
        <v>66</v>
      </c>
      <c r="AO266" s="543" t="s">
        <v>66</v>
      </c>
      <c r="AP266" s="543" t="s">
        <v>66</v>
      </c>
      <c r="AQ266" s="543" t="s">
        <v>66</v>
      </c>
      <c r="AR266" s="543" t="s">
        <v>66</v>
      </c>
      <c r="AS266" s="543"/>
      <c r="AT266" s="543"/>
      <c r="AU266" s="543"/>
      <c r="AV266" s="543"/>
      <c r="AW266" s="543"/>
      <c r="AX266" s="543"/>
      <c r="AY266" s="543"/>
      <c r="AZ266" s="543"/>
      <c r="BA266" s="543"/>
      <c r="BB266" s="543"/>
      <c r="BC266" s="543"/>
      <c r="BD266" s="543"/>
      <c r="BE266" s="543"/>
      <c r="BF266" s="543"/>
      <c r="BG266" s="543"/>
      <c r="BH266" s="543"/>
      <c r="BI266" s="543"/>
      <c r="BJ266" s="543"/>
      <c r="BK266" s="543"/>
      <c r="BL266" s="543"/>
      <c r="BM266" s="543"/>
      <c r="BN266" s="543"/>
      <c r="BO266" s="543"/>
      <c r="BP266" s="543"/>
      <c r="BQ266" s="543"/>
      <c r="BR266" s="543"/>
      <c r="BS266" s="884">
        <f t="shared" si="397"/>
        <v>12554</v>
      </c>
      <c r="BT266" s="661">
        <f t="shared" si="391"/>
        <v>60.737613509638365</v>
      </c>
      <c r="BU266" s="661"/>
      <c r="BV266" s="898">
        <f t="shared" si="398"/>
        <v>303688.06754819182</v>
      </c>
      <c r="BW266" s="898">
        <f t="shared" si="398"/>
        <v>12147.522701927674</v>
      </c>
      <c r="BX266" s="898">
        <f t="shared" si="398"/>
        <v>27331.926079337263</v>
      </c>
      <c r="BY266" s="898">
        <f t="shared" si="398"/>
        <v>21258.164728373427</v>
      </c>
      <c r="BZ266" s="898">
        <f t="shared" si="398"/>
        <v>30368.806754819183</v>
      </c>
      <c r="CA266" s="898">
        <f t="shared" si="398"/>
        <v>29154.054484626417</v>
      </c>
      <c r="CB266" s="898">
        <f t="shared" si="398"/>
        <v>6073.7613509638368</v>
      </c>
      <c r="CC266" s="898">
        <f t="shared" si="398"/>
        <v>23687.669268758964</v>
      </c>
      <c r="CD266" s="898">
        <f t="shared" si="398"/>
        <v>30368.806754819183</v>
      </c>
      <c r="CE266" s="898">
        <f t="shared" si="398"/>
        <v>30368.806754819183</v>
      </c>
      <c r="CF266" s="898">
        <f t="shared" si="399"/>
        <v>45553.210132228771</v>
      </c>
      <c r="CG266" s="898">
        <f t="shared" si="399"/>
        <v>12147.522701927674</v>
      </c>
      <c r="CH266" s="898">
        <f t="shared" si="399"/>
        <v>14212.601561255377</v>
      </c>
      <c r="CI266" s="898">
        <f t="shared" si="399"/>
        <v>21258.164728373427</v>
      </c>
      <c r="CJ266" s="898">
        <f t="shared" si="399"/>
        <v>5466.3852158674526</v>
      </c>
      <c r="CK266" s="898">
        <f t="shared" si="399"/>
        <v>4859.0090807710694</v>
      </c>
      <c r="CL266" s="898">
        <f t="shared" si="399"/>
        <v>144555.52015293931</v>
      </c>
      <c r="CM266" s="898" t="str">
        <f t="shared" si="399"/>
        <v/>
      </c>
      <c r="CN266" s="898" t="str">
        <f t="shared" si="399"/>
        <v/>
      </c>
      <c r="CO266" s="898" t="str">
        <f t="shared" si="399"/>
        <v/>
      </c>
      <c r="CP266" s="898" t="str">
        <f t="shared" si="400"/>
        <v/>
      </c>
      <c r="CQ266" s="898" t="str">
        <f t="shared" si="400"/>
        <v/>
      </c>
      <c r="CR266" s="898" t="str">
        <f t="shared" si="400"/>
        <v/>
      </c>
      <c r="CS266" s="898" t="str">
        <f t="shared" si="400"/>
        <v/>
      </c>
      <c r="CT266" s="898" t="str">
        <f t="shared" si="400"/>
        <v/>
      </c>
      <c r="CU266" s="898" t="str">
        <f t="shared" si="400"/>
        <v/>
      </c>
      <c r="CV266" s="898" t="str">
        <f t="shared" si="400"/>
        <v/>
      </c>
      <c r="CW266" s="898" t="str">
        <f t="shared" si="400"/>
        <v/>
      </c>
      <c r="CX266" s="898" t="str">
        <f t="shared" si="400"/>
        <v/>
      </c>
      <c r="CY266" s="898" t="str">
        <f t="shared" si="400"/>
        <v/>
      </c>
      <c r="CZ266" s="898" t="str">
        <f t="shared" si="401"/>
        <v/>
      </c>
      <c r="DA266" s="642"/>
      <c r="DB266" s="642"/>
      <c r="DC266" s="642"/>
      <c r="DD266" s="642"/>
      <c r="DE266" s="642"/>
      <c r="DF266" s="642"/>
      <c r="DG266" s="642"/>
      <c r="DH266" s="642"/>
      <c r="DI266" s="642"/>
      <c r="DJ266" s="642"/>
      <c r="DK266" s="642"/>
      <c r="DL266" s="642"/>
      <c r="DM266" s="661">
        <f t="shared" si="402"/>
        <v>762500</v>
      </c>
      <c r="DN266" s="898">
        <f t="shared" si="403"/>
        <v>0</v>
      </c>
      <c r="DO266" s="516">
        <f t="shared" si="404"/>
        <v>0</v>
      </c>
      <c r="DP266" s="898">
        <f t="shared" si="405"/>
        <v>0</v>
      </c>
      <c r="DQ266" s="483"/>
      <c r="DR266" s="934"/>
      <c r="DS266" s="483"/>
      <c r="DT266" s="632"/>
    </row>
    <row r="267" spans="1:124" ht="90" x14ac:dyDescent="0.2">
      <c r="A267" s="484" t="str">
        <f t="shared" si="396"/>
        <v xml:space="preserve">Parklets </v>
      </c>
      <c r="B267" s="1163">
        <v>264</v>
      </c>
      <c r="C267" s="671" t="s">
        <v>4222</v>
      </c>
      <c r="D267" s="671" t="s">
        <v>2445</v>
      </c>
      <c r="E267" s="671" t="s">
        <v>53</v>
      </c>
      <c r="F267" s="671" t="s">
        <v>1346</v>
      </c>
      <c r="G267" s="543" t="s">
        <v>1348</v>
      </c>
      <c r="H267" s="495" t="s">
        <v>4223</v>
      </c>
      <c r="I267" s="543"/>
      <c r="J267" s="495" t="s">
        <v>4224</v>
      </c>
      <c r="K267" s="543" t="s">
        <v>3104</v>
      </c>
      <c r="L267" s="543" t="s">
        <v>4204</v>
      </c>
      <c r="M267" s="543" t="s">
        <v>2986</v>
      </c>
      <c r="N267" s="543" t="s">
        <v>81</v>
      </c>
      <c r="O267" s="543" t="s">
        <v>3331</v>
      </c>
      <c r="P267" s="657" t="s">
        <v>53</v>
      </c>
      <c r="Q267" s="543" t="s">
        <v>3170</v>
      </c>
      <c r="R267" s="542">
        <v>390000</v>
      </c>
      <c r="S267" s="542">
        <v>650000</v>
      </c>
      <c r="T267" s="723">
        <f t="shared" si="392"/>
        <v>520000</v>
      </c>
      <c r="U267" s="642"/>
      <c r="V267" s="657" t="s">
        <v>3978</v>
      </c>
      <c r="W267" s="543"/>
      <c r="X267" s="745">
        <f>T267</f>
        <v>520000</v>
      </c>
      <c r="Y267" s="745" t="s">
        <v>3106</v>
      </c>
      <c r="Z267" s="745"/>
      <c r="AA267" s="736" t="s">
        <v>82</v>
      </c>
      <c r="AB267" s="543" t="s">
        <v>66</v>
      </c>
      <c r="AC267" s="543" t="s">
        <v>66</v>
      </c>
      <c r="AD267" s="543" t="s">
        <v>66</v>
      </c>
      <c r="AE267" s="543" t="s">
        <v>66</v>
      </c>
      <c r="AF267" s="543" t="s">
        <v>66</v>
      </c>
      <c r="AG267" s="543" t="s">
        <v>66</v>
      </c>
      <c r="AH267" s="543" t="s">
        <v>66</v>
      </c>
      <c r="AI267" s="543" t="s">
        <v>66</v>
      </c>
      <c r="AJ267" s="543" t="s">
        <v>66</v>
      </c>
      <c r="AK267" s="543" t="s">
        <v>66</v>
      </c>
      <c r="AL267" s="543" t="s">
        <v>66</v>
      </c>
      <c r="AM267" s="543" t="s">
        <v>66</v>
      </c>
      <c r="AN267" s="543" t="s">
        <v>66</v>
      </c>
      <c r="AO267" s="543" t="s">
        <v>66</v>
      </c>
      <c r="AP267" s="543" t="s">
        <v>66</v>
      </c>
      <c r="AQ267" s="543" t="s">
        <v>66</v>
      </c>
      <c r="AR267" s="543" t="s">
        <v>66</v>
      </c>
      <c r="AS267" s="543"/>
      <c r="AT267" s="543"/>
      <c r="AU267" s="543"/>
      <c r="AV267" s="543"/>
      <c r="AW267" s="543"/>
      <c r="AX267" s="543"/>
      <c r="AY267" s="543"/>
      <c r="AZ267" s="543"/>
      <c r="BA267" s="543"/>
      <c r="BB267" s="543"/>
      <c r="BC267" s="543"/>
      <c r="BD267" s="543"/>
      <c r="BE267" s="543"/>
      <c r="BF267" s="543"/>
      <c r="BG267" s="543"/>
      <c r="BH267" s="543"/>
      <c r="BI267" s="543"/>
      <c r="BJ267" s="543"/>
      <c r="BK267" s="543"/>
      <c r="BL267" s="543"/>
      <c r="BM267" s="543"/>
      <c r="BN267" s="543"/>
      <c r="BO267" s="543"/>
      <c r="BP267" s="543"/>
      <c r="BQ267" s="543"/>
      <c r="BR267" s="543"/>
      <c r="BS267" s="884">
        <f t="shared" si="397"/>
        <v>12554</v>
      </c>
      <c r="BT267" s="661">
        <f t="shared" si="391"/>
        <v>41.421061016409112</v>
      </c>
      <c r="BU267" s="661"/>
      <c r="BV267" s="898">
        <v>194621.37296532202</v>
      </c>
      <c r="BW267" s="898">
        <v>7784.8549186128803</v>
      </c>
      <c r="BX267" s="898">
        <v>17515.923566878981</v>
      </c>
      <c r="BY267" s="898">
        <v>13623.49610757254</v>
      </c>
      <c r="BZ267" s="898">
        <v>19462.137296532201</v>
      </c>
      <c r="CA267" s="898">
        <v>18683.651804670913</v>
      </c>
      <c r="CB267" s="898">
        <v>3892.4274593064401</v>
      </c>
      <c r="CC267" s="898">
        <v>15180.467091295117</v>
      </c>
      <c r="CD267" s="898">
        <v>19462.137296532201</v>
      </c>
      <c r="CE267" s="898">
        <v>40000</v>
      </c>
      <c r="CF267" s="898">
        <v>40000</v>
      </c>
      <c r="CG267" s="898">
        <v>7784.8549186128803</v>
      </c>
      <c r="CH267" s="898">
        <v>9108.2802547770698</v>
      </c>
      <c r="CI267" s="898">
        <v>13623.49610757254</v>
      </c>
      <c r="CJ267" s="898">
        <v>3503.1847133757965</v>
      </c>
      <c r="CK267" s="898">
        <v>3113.9419674451524</v>
      </c>
      <c r="CL267" s="898">
        <v>92639.77353149328</v>
      </c>
      <c r="CM267" s="898" t="str">
        <f t="shared" ref="CM267:CM276" si="409">IF(AS267="yes",(AS$3*$BT267),"")</f>
        <v/>
      </c>
      <c r="CN267" s="898" t="str">
        <f t="shared" ref="CN267:CN276" si="410">IF(AT267="yes",(AT$3*$BT267),"")</f>
        <v/>
      </c>
      <c r="CO267" s="898" t="str">
        <f t="shared" ref="CO267:CO276" si="411">IF(AU267="yes",(AU$3*$BT267),"")</f>
        <v/>
      </c>
      <c r="CP267" s="898" t="str">
        <f t="shared" ref="CP267:CP276" si="412">IF(AV267="yes",(AV$3*$BT267),"")</f>
        <v/>
      </c>
      <c r="CQ267" s="898" t="str">
        <f t="shared" ref="CQ267:CQ276" si="413">IF(AW267="yes",(AW$3*$BT267),"")</f>
        <v/>
      </c>
      <c r="CR267" s="898" t="str">
        <f t="shared" ref="CR267:CR276" si="414">IF(AX267="yes",(AX$3*$BT267),"")</f>
        <v/>
      </c>
      <c r="CS267" s="898" t="str">
        <f t="shared" ref="CS267:CS276" si="415">IF(AY267="yes",(AY$3*$BT267),"")</f>
        <v/>
      </c>
      <c r="CT267" s="898" t="str">
        <f t="shared" ref="CT267:CT276" si="416">IF(AZ267="yes",(AZ$3*$BT267),"")</f>
        <v/>
      </c>
      <c r="CU267" s="898" t="str">
        <f t="shared" ref="CU267:CU276" si="417">IF(BA267="yes",(BA$3*$BT267),"")</f>
        <v/>
      </c>
      <c r="CV267" s="898" t="str">
        <f t="shared" ref="CV267:CV276" si="418">IF(BB267="yes",(BB$3*$BT267),"")</f>
        <v/>
      </c>
      <c r="CW267" s="898" t="str">
        <f t="shared" ref="CW267:CW276" si="419">IF(BC267="yes",(BC$3*$BT267),"")</f>
        <v/>
      </c>
      <c r="CX267" s="898" t="str">
        <f t="shared" ref="CX267:CX276" si="420">IF(BD267="yes",(BD$3*$BT267),"")</f>
        <v/>
      </c>
      <c r="CY267" s="898" t="str">
        <f t="shared" ref="CY267:CY276" si="421">IF(BE267="yes",(BE$3*$BT267),"")</f>
        <v/>
      </c>
      <c r="CZ267" s="898" t="str">
        <f t="shared" ref="CZ267:CZ276" si="422">IF(BF267="yes",(BF$3*$BT267),"")</f>
        <v/>
      </c>
      <c r="DA267" s="642"/>
      <c r="DB267" s="642"/>
      <c r="DC267" s="642"/>
      <c r="DD267" s="642"/>
      <c r="DE267" s="642"/>
      <c r="DF267" s="642"/>
      <c r="DG267" s="642"/>
      <c r="DH267" s="642"/>
      <c r="DI267" s="642"/>
      <c r="DJ267" s="642"/>
      <c r="DK267" s="642"/>
      <c r="DL267" s="642"/>
      <c r="DM267" s="661">
        <f t="shared" si="402"/>
        <v>519999.99999999994</v>
      </c>
      <c r="DN267" s="898">
        <f t="shared" si="403"/>
        <v>0</v>
      </c>
      <c r="DO267" s="516">
        <f t="shared" si="404"/>
        <v>0</v>
      </c>
      <c r="DP267" s="898">
        <f t="shared" si="405"/>
        <v>0</v>
      </c>
      <c r="DQ267" s="483" t="s">
        <v>4225</v>
      </c>
      <c r="DR267" s="934"/>
      <c r="DS267" s="483"/>
      <c r="DT267" s="632"/>
    </row>
    <row r="268" spans="1:124" ht="90" x14ac:dyDescent="0.2">
      <c r="A268" s="484" t="str">
        <f t="shared" si="396"/>
        <v>Chalk Stream Restoration</v>
      </c>
      <c r="B268" s="1163">
        <v>265</v>
      </c>
      <c r="C268" s="671" t="s">
        <v>4226</v>
      </c>
      <c r="D268" s="671" t="s">
        <v>2445</v>
      </c>
      <c r="E268" s="671" t="s">
        <v>53</v>
      </c>
      <c r="F268" s="671" t="s">
        <v>1346</v>
      </c>
      <c r="G268" s="543" t="s">
        <v>1349</v>
      </c>
      <c r="H268" s="495" t="s">
        <v>4227</v>
      </c>
      <c r="I268" s="543"/>
      <c r="J268" s="495" t="s">
        <v>4228</v>
      </c>
      <c r="K268" s="543" t="s">
        <v>3104</v>
      </c>
      <c r="L268" s="543" t="s">
        <v>4204</v>
      </c>
      <c r="M268" s="543" t="s">
        <v>2986</v>
      </c>
      <c r="N268" s="543" t="s">
        <v>81</v>
      </c>
      <c r="O268" s="543" t="s">
        <v>4229</v>
      </c>
      <c r="P268" s="657" t="s">
        <v>53</v>
      </c>
      <c r="Q268" s="543" t="s">
        <v>3170</v>
      </c>
      <c r="R268" s="723">
        <v>450000</v>
      </c>
      <c r="S268" s="723">
        <v>450000</v>
      </c>
      <c r="T268" s="723">
        <v>450000</v>
      </c>
      <c r="U268" s="642">
        <v>225000</v>
      </c>
      <c r="V268" s="657" t="s">
        <v>3978</v>
      </c>
      <c r="W268" s="642">
        <f>(T268-U268)-X268</f>
        <v>0</v>
      </c>
      <c r="X268" s="745">
        <f t="shared" ref="X268:X299" si="423">IF(ISTEXT(T268),T268,T268-U268)</f>
        <v>225000</v>
      </c>
      <c r="Y268" s="745" t="s">
        <v>3106</v>
      </c>
      <c r="Z268" s="745"/>
      <c r="AA268" s="736" t="s">
        <v>82</v>
      </c>
      <c r="AB268" s="543" t="s">
        <v>66</v>
      </c>
      <c r="AC268" s="543" t="s">
        <v>66</v>
      </c>
      <c r="AD268" s="543" t="s">
        <v>66</v>
      </c>
      <c r="AE268" s="543" t="s">
        <v>66</v>
      </c>
      <c r="AF268" s="543" t="s">
        <v>66</v>
      </c>
      <c r="AG268" s="543" t="s">
        <v>66</v>
      </c>
      <c r="AH268" s="543" t="s">
        <v>66</v>
      </c>
      <c r="AI268" s="543" t="s">
        <v>66</v>
      </c>
      <c r="AJ268" s="543" t="s">
        <v>66</v>
      </c>
      <c r="AK268" s="543" t="s">
        <v>66</v>
      </c>
      <c r="AL268" s="543" t="s">
        <v>66</v>
      </c>
      <c r="AM268" s="543" t="s">
        <v>66</v>
      </c>
      <c r="AN268" s="543" t="s">
        <v>66</v>
      </c>
      <c r="AO268" s="543" t="s">
        <v>66</v>
      </c>
      <c r="AP268" s="543" t="s">
        <v>66</v>
      </c>
      <c r="AQ268" s="543" t="s">
        <v>66</v>
      </c>
      <c r="AR268" s="543" t="s">
        <v>66</v>
      </c>
      <c r="AS268" s="543"/>
      <c r="AT268" s="543"/>
      <c r="AU268" s="543"/>
      <c r="AV268" s="543"/>
      <c r="AW268" s="543"/>
      <c r="AX268" s="543"/>
      <c r="AY268" s="543"/>
      <c r="AZ268" s="543"/>
      <c r="BA268" s="543"/>
      <c r="BB268" s="543"/>
      <c r="BC268" s="543"/>
      <c r="BD268" s="543"/>
      <c r="BE268" s="543"/>
      <c r="BF268" s="543"/>
      <c r="BG268" s="543"/>
      <c r="BH268" s="543"/>
      <c r="BI268" s="543"/>
      <c r="BJ268" s="543"/>
      <c r="BK268" s="543"/>
      <c r="BL268" s="543"/>
      <c r="BM268" s="543"/>
      <c r="BN268" s="543"/>
      <c r="BO268" s="543"/>
      <c r="BP268" s="543"/>
      <c r="BQ268" s="543"/>
      <c r="BR268" s="543"/>
      <c r="BS268" s="884">
        <f t="shared" si="397"/>
        <v>12554</v>
      </c>
      <c r="BT268" s="661">
        <f t="shared" si="391"/>
        <v>17.922574478253942</v>
      </c>
      <c r="BU268" s="661"/>
      <c r="BV268" s="898">
        <f t="shared" ref="BV268:BV276" si="424">IF(AB268="yes",(AB$3*$BT268),"")</f>
        <v>89612.872391269717</v>
      </c>
      <c r="BW268" s="898">
        <f t="shared" ref="BW268:BW276" si="425">IF(AC268="yes",(AC$3*$BT268),"")</f>
        <v>3584.5148956507883</v>
      </c>
      <c r="BX268" s="898">
        <f t="shared" ref="BX268:BX276" si="426">IF(AD268="yes",(AD$3*$BT268),"")</f>
        <v>8065.1585152142743</v>
      </c>
      <c r="BY268" s="898">
        <f t="shared" ref="BY268:BY276" si="427">IF(AE268="yes",(AE$3*$BT268),"")</f>
        <v>6272.9010673888797</v>
      </c>
      <c r="BZ268" s="898">
        <f t="shared" ref="BZ268:BZ276" si="428">IF(AF268="yes",(AF$3*$BT268),"")</f>
        <v>8961.2872391269702</v>
      </c>
      <c r="CA268" s="898">
        <f t="shared" ref="CA268:CA276" si="429">IF(AG268="yes",(AG$3*$BT268),"")</f>
        <v>8602.835749561893</v>
      </c>
      <c r="CB268" s="898">
        <f t="shared" ref="CB268:CB276" si="430">IF(AH268="yes",(AH$3*$BT268),"")</f>
        <v>1792.2574478253941</v>
      </c>
      <c r="CC268" s="898">
        <f t="shared" ref="CC268:CC276" si="431">IF(AI268="yes",(AI$3*$BT268),"")</f>
        <v>6989.8040465190379</v>
      </c>
      <c r="CD268" s="898">
        <f t="shared" ref="CD268:CD276" si="432">IF(AJ268="yes",(AJ$3*$BT268),"")</f>
        <v>8961.2872391269702</v>
      </c>
      <c r="CE268" s="898">
        <f t="shared" ref="CE268:CE276" si="433">IF(AK268="yes",(AK$3*$BT268),"")</f>
        <v>8961.2872391269702</v>
      </c>
      <c r="CF268" s="898">
        <f t="shared" ref="CF268:CF276" si="434">IF(AL268="yes",(AL$3*$BT268),"")</f>
        <v>13441.930858690457</v>
      </c>
      <c r="CG268" s="898">
        <f t="shared" ref="CG268:CG276" si="435">IF(AM268="yes",(AM$3*$BT268),"")</f>
        <v>3584.5148956507883</v>
      </c>
      <c r="CH268" s="898">
        <f t="shared" ref="CH268:CH276" si="436">IF(AN268="yes",(AN$3*$BT268),"")</f>
        <v>4193.8824279114224</v>
      </c>
      <c r="CI268" s="898">
        <f t="shared" ref="CI268:CI276" si="437">IF(AO268="yes",(AO$3*$BT268),"")</f>
        <v>6272.9010673888797</v>
      </c>
      <c r="CJ268" s="898">
        <f t="shared" ref="CJ268:CJ276" si="438">IF(AP268="yes",(AP$3*$BT268),"")</f>
        <v>1613.0317030428548</v>
      </c>
      <c r="CK268" s="898">
        <f t="shared" ref="CK268:CK276" si="439">IF(AQ268="yes",(AQ$3*$BT268),"")</f>
        <v>1433.8059582603155</v>
      </c>
      <c r="CL268" s="898">
        <f t="shared" ref="CL268:CL276" si="440">IF(AR268="yes",(AR$3*$BT268),"")</f>
        <v>42655.727258244384</v>
      </c>
      <c r="CM268" s="898" t="str">
        <f t="shared" si="409"/>
        <v/>
      </c>
      <c r="CN268" s="898" t="str">
        <f t="shared" si="410"/>
        <v/>
      </c>
      <c r="CO268" s="898" t="str">
        <f t="shared" si="411"/>
        <v/>
      </c>
      <c r="CP268" s="898" t="str">
        <f t="shared" si="412"/>
        <v/>
      </c>
      <c r="CQ268" s="898" t="str">
        <f t="shared" si="413"/>
        <v/>
      </c>
      <c r="CR268" s="898" t="str">
        <f t="shared" si="414"/>
        <v/>
      </c>
      <c r="CS268" s="898" t="str">
        <f t="shared" si="415"/>
        <v/>
      </c>
      <c r="CT268" s="898" t="str">
        <f t="shared" si="416"/>
        <v/>
      </c>
      <c r="CU268" s="898" t="str">
        <f t="shared" si="417"/>
        <v/>
      </c>
      <c r="CV268" s="898" t="str">
        <f t="shared" si="418"/>
        <v/>
      </c>
      <c r="CW268" s="898" t="str">
        <f t="shared" si="419"/>
        <v/>
      </c>
      <c r="CX268" s="898" t="str">
        <f t="shared" si="420"/>
        <v/>
      </c>
      <c r="CY268" s="898" t="str">
        <f t="shared" si="421"/>
        <v/>
      </c>
      <c r="CZ268" s="898" t="str">
        <f t="shared" si="422"/>
        <v/>
      </c>
      <c r="DA268" s="642"/>
      <c r="DB268" s="642"/>
      <c r="DC268" s="642"/>
      <c r="DD268" s="642"/>
      <c r="DE268" s="642"/>
      <c r="DF268" s="642"/>
      <c r="DG268" s="642"/>
      <c r="DH268" s="642"/>
      <c r="DI268" s="642"/>
      <c r="DJ268" s="642"/>
      <c r="DK268" s="642"/>
      <c r="DL268" s="642"/>
      <c r="DM268" s="661">
        <f t="shared" si="402"/>
        <v>225000.00000000006</v>
      </c>
      <c r="DN268" s="898">
        <f t="shared" si="403"/>
        <v>0</v>
      </c>
      <c r="DO268" s="516">
        <f t="shared" si="404"/>
        <v>0</v>
      </c>
      <c r="DP268" s="898">
        <f t="shared" si="405"/>
        <v>0</v>
      </c>
      <c r="DQ268" s="483" t="s">
        <v>4230</v>
      </c>
      <c r="DR268" s="934"/>
      <c r="DS268" s="483"/>
      <c r="DT268" s="632"/>
    </row>
    <row r="269" spans="1:124" ht="114" x14ac:dyDescent="0.2">
      <c r="A269" s="484" t="str">
        <f t="shared" si="396"/>
        <v>Nickey Line: Keens Field Focus area of intervention</v>
      </c>
      <c r="B269" s="1163">
        <v>266</v>
      </c>
      <c r="C269" s="671" t="s">
        <v>4231</v>
      </c>
      <c r="D269" s="671" t="s">
        <v>2445</v>
      </c>
      <c r="E269" s="671" t="s">
        <v>53</v>
      </c>
      <c r="F269" s="671" t="s">
        <v>1346</v>
      </c>
      <c r="G269" s="543" t="s">
        <v>1347</v>
      </c>
      <c r="H269" s="495" t="s">
        <v>4232</v>
      </c>
      <c r="I269" s="543"/>
      <c r="J269" s="495" t="s">
        <v>4233</v>
      </c>
      <c r="K269" s="543" t="s">
        <v>3104</v>
      </c>
      <c r="L269" s="543" t="s">
        <v>4204</v>
      </c>
      <c r="M269" s="543" t="s">
        <v>2986</v>
      </c>
      <c r="N269" s="543" t="s">
        <v>81</v>
      </c>
      <c r="O269" s="515" t="s">
        <v>4212</v>
      </c>
      <c r="P269" s="543" t="s">
        <v>4234</v>
      </c>
      <c r="Q269" s="543" t="s">
        <v>3170</v>
      </c>
      <c r="R269" s="542">
        <v>780000</v>
      </c>
      <c r="S269" s="542">
        <v>1170000</v>
      </c>
      <c r="T269" s="723">
        <v>975000</v>
      </c>
      <c r="U269" s="642"/>
      <c r="V269" s="657" t="s">
        <v>3978</v>
      </c>
      <c r="W269" s="642">
        <f t="shared" ref="W269:W298" si="441">T269-X269</f>
        <v>0</v>
      </c>
      <c r="X269" s="745">
        <f t="shared" si="423"/>
        <v>975000</v>
      </c>
      <c r="Y269" s="745" t="s">
        <v>3106</v>
      </c>
      <c r="Z269" s="745"/>
      <c r="AA269" s="736" t="s">
        <v>82</v>
      </c>
      <c r="AB269" s="543" t="s">
        <v>66</v>
      </c>
      <c r="AC269" s="543" t="s">
        <v>66</v>
      </c>
      <c r="AD269" s="543" t="s">
        <v>66</v>
      </c>
      <c r="AE269" s="543" t="s">
        <v>66</v>
      </c>
      <c r="AF269" s="543" t="s">
        <v>66</v>
      </c>
      <c r="AG269" s="543" t="s">
        <v>66</v>
      </c>
      <c r="AH269" s="543" t="s">
        <v>66</v>
      </c>
      <c r="AI269" s="543" t="s">
        <v>66</v>
      </c>
      <c r="AJ269" s="543" t="s">
        <v>66</v>
      </c>
      <c r="AK269" s="543" t="s">
        <v>66</v>
      </c>
      <c r="AL269" s="543" t="s">
        <v>66</v>
      </c>
      <c r="AM269" s="543" t="s">
        <v>66</v>
      </c>
      <c r="AN269" s="543" t="s">
        <v>66</v>
      </c>
      <c r="AO269" s="543" t="s">
        <v>66</v>
      </c>
      <c r="AP269" s="543" t="s">
        <v>66</v>
      </c>
      <c r="AQ269" s="543" t="s">
        <v>66</v>
      </c>
      <c r="AR269" s="543" t="s">
        <v>66</v>
      </c>
      <c r="AS269" s="543"/>
      <c r="AT269" s="543"/>
      <c r="AU269" s="543"/>
      <c r="AV269" s="543"/>
      <c r="AW269" s="543"/>
      <c r="AX269" s="543"/>
      <c r="AY269" s="543"/>
      <c r="AZ269" s="543"/>
      <c r="BA269" s="543"/>
      <c r="BB269" s="543"/>
      <c r="BC269" s="543"/>
      <c r="BD269" s="543"/>
      <c r="BE269" s="543"/>
      <c r="BF269" s="543"/>
      <c r="BG269" s="543"/>
      <c r="BH269" s="543"/>
      <c r="BI269" s="543"/>
      <c r="BJ269" s="543"/>
      <c r="BK269" s="543"/>
      <c r="BL269" s="543"/>
      <c r="BM269" s="543"/>
      <c r="BN269" s="543"/>
      <c r="BO269" s="543"/>
      <c r="BP269" s="543"/>
      <c r="BQ269" s="543"/>
      <c r="BR269" s="543"/>
      <c r="BS269" s="884">
        <f t="shared" si="397"/>
        <v>12554</v>
      </c>
      <c r="BT269" s="661">
        <f t="shared" si="391"/>
        <v>77.664489405767085</v>
      </c>
      <c r="BU269" s="661"/>
      <c r="BV269" s="898">
        <f t="shared" si="424"/>
        <v>388322.44702883542</v>
      </c>
      <c r="BW269" s="898">
        <f t="shared" si="425"/>
        <v>15532.897881153418</v>
      </c>
      <c r="BX269" s="898">
        <f t="shared" si="426"/>
        <v>34949.02023259519</v>
      </c>
      <c r="BY269" s="898">
        <f t="shared" si="427"/>
        <v>27182.571292018481</v>
      </c>
      <c r="BZ269" s="898">
        <f t="shared" si="428"/>
        <v>38832.244702883545</v>
      </c>
      <c r="CA269" s="898">
        <f t="shared" si="429"/>
        <v>37278.954914768197</v>
      </c>
      <c r="CB269" s="898">
        <f t="shared" si="430"/>
        <v>7766.448940576709</v>
      </c>
      <c r="CC269" s="898">
        <f t="shared" si="431"/>
        <v>30289.150868249162</v>
      </c>
      <c r="CD269" s="898">
        <f t="shared" si="432"/>
        <v>38832.244702883545</v>
      </c>
      <c r="CE269" s="898">
        <f t="shared" si="433"/>
        <v>38832.244702883545</v>
      </c>
      <c r="CF269" s="898">
        <f t="shared" si="434"/>
        <v>58248.367054325317</v>
      </c>
      <c r="CG269" s="898">
        <f t="shared" si="435"/>
        <v>15532.897881153418</v>
      </c>
      <c r="CH269" s="898">
        <f t="shared" si="436"/>
        <v>18173.490520949497</v>
      </c>
      <c r="CI269" s="898">
        <f t="shared" si="437"/>
        <v>27182.571292018481</v>
      </c>
      <c r="CJ269" s="898">
        <f t="shared" si="438"/>
        <v>6989.8040465190379</v>
      </c>
      <c r="CK269" s="898">
        <f t="shared" si="439"/>
        <v>6213.1591524613668</v>
      </c>
      <c r="CL269" s="898">
        <f t="shared" si="440"/>
        <v>184841.48478572565</v>
      </c>
      <c r="CM269" s="898" t="str">
        <f t="shared" si="409"/>
        <v/>
      </c>
      <c r="CN269" s="898" t="str">
        <f t="shared" si="410"/>
        <v/>
      </c>
      <c r="CO269" s="898" t="str">
        <f t="shared" si="411"/>
        <v/>
      </c>
      <c r="CP269" s="898" t="str">
        <f t="shared" si="412"/>
        <v/>
      </c>
      <c r="CQ269" s="898" t="str">
        <f t="shared" si="413"/>
        <v/>
      </c>
      <c r="CR269" s="898" t="str">
        <f t="shared" si="414"/>
        <v/>
      </c>
      <c r="CS269" s="898" t="str">
        <f t="shared" si="415"/>
        <v/>
      </c>
      <c r="CT269" s="898" t="str">
        <f t="shared" si="416"/>
        <v/>
      </c>
      <c r="CU269" s="898" t="str">
        <f t="shared" si="417"/>
        <v/>
      </c>
      <c r="CV269" s="898" t="str">
        <f t="shared" si="418"/>
        <v/>
      </c>
      <c r="CW269" s="898" t="str">
        <f t="shared" si="419"/>
        <v/>
      </c>
      <c r="CX269" s="898" t="str">
        <f t="shared" si="420"/>
        <v/>
      </c>
      <c r="CY269" s="898" t="str">
        <f t="shared" si="421"/>
        <v/>
      </c>
      <c r="CZ269" s="898" t="str">
        <f t="shared" si="422"/>
        <v/>
      </c>
      <c r="DA269" s="642"/>
      <c r="DB269" s="642"/>
      <c r="DC269" s="642"/>
      <c r="DD269" s="642"/>
      <c r="DE269" s="642"/>
      <c r="DF269" s="642"/>
      <c r="DG269" s="642"/>
      <c r="DH269" s="642"/>
      <c r="DI269" s="642"/>
      <c r="DJ269" s="642"/>
      <c r="DK269" s="642"/>
      <c r="DL269" s="642"/>
      <c r="DM269" s="661">
        <f t="shared" si="402"/>
        <v>974999.99999999977</v>
      </c>
      <c r="DN269" s="898">
        <f t="shared" si="403"/>
        <v>0</v>
      </c>
      <c r="DO269" s="516">
        <f t="shared" si="404"/>
        <v>0</v>
      </c>
      <c r="DP269" s="898">
        <f t="shared" si="405"/>
        <v>0</v>
      </c>
      <c r="DQ269" s="483"/>
      <c r="DR269" s="934"/>
      <c r="DS269" s="483" t="s">
        <v>4235</v>
      </c>
      <c r="DT269" s="632"/>
    </row>
    <row r="270" spans="1:124" ht="114" x14ac:dyDescent="0.2">
      <c r="A270" s="484" t="str">
        <f t="shared" si="396"/>
        <v>Nickey Line: Paradise Fields Focus area of intervention</v>
      </c>
      <c r="B270" s="1163">
        <v>267</v>
      </c>
      <c r="C270" s="671" t="s">
        <v>4236</v>
      </c>
      <c r="D270" s="671" t="s">
        <v>2445</v>
      </c>
      <c r="E270" s="671" t="s">
        <v>53</v>
      </c>
      <c r="F270" s="671" t="s">
        <v>1346</v>
      </c>
      <c r="G270" s="543" t="s">
        <v>1347</v>
      </c>
      <c r="H270" s="495" t="s">
        <v>4237</v>
      </c>
      <c r="I270" s="543"/>
      <c r="J270" s="495" t="s">
        <v>4233</v>
      </c>
      <c r="K270" s="543" t="s">
        <v>3104</v>
      </c>
      <c r="L270" s="543" t="s">
        <v>4204</v>
      </c>
      <c r="M270" s="543" t="s">
        <v>2986</v>
      </c>
      <c r="N270" s="543" t="s">
        <v>81</v>
      </c>
      <c r="O270" s="515" t="s">
        <v>4212</v>
      </c>
      <c r="P270" s="543" t="s">
        <v>4234</v>
      </c>
      <c r="Q270" s="543" t="s">
        <v>3170</v>
      </c>
      <c r="R270" s="542">
        <v>740000</v>
      </c>
      <c r="S270" s="542">
        <v>1110000</v>
      </c>
      <c r="T270" s="723">
        <v>925000</v>
      </c>
      <c r="U270" s="642"/>
      <c r="V270" s="657" t="s">
        <v>3978</v>
      </c>
      <c r="W270" s="642">
        <f t="shared" si="441"/>
        <v>0</v>
      </c>
      <c r="X270" s="745">
        <f t="shared" si="423"/>
        <v>925000</v>
      </c>
      <c r="Y270" s="745" t="s">
        <v>3106</v>
      </c>
      <c r="Z270" s="745"/>
      <c r="AA270" s="736" t="s">
        <v>82</v>
      </c>
      <c r="AB270" s="543" t="s">
        <v>66</v>
      </c>
      <c r="AC270" s="543" t="s">
        <v>66</v>
      </c>
      <c r="AD270" s="543" t="s">
        <v>66</v>
      </c>
      <c r="AE270" s="543" t="s">
        <v>66</v>
      </c>
      <c r="AF270" s="543" t="s">
        <v>66</v>
      </c>
      <c r="AG270" s="543" t="s">
        <v>66</v>
      </c>
      <c r="AH270" s="543" t="s">
        <v>66</v>
      </c>
      <c r="AI270" s="543" t="s">
        <v>66</v>
      </c>
      <c r="AJ270" s="543" t="s">
        <v>66</v>
      </c>
      <c r="AK270" s="543" t="s">
        <v>66</v>
      </c>
      <c r="AL270" s="543" t="s">
        <v>66</v>
      </c>
      <c r="AM270" s="543" t="s">
        <v>66</v>
      </c>
      <c r="AN270" s="543" t="s">
        <v>66</v>
      </c>
      <c r="AO270" s="543" t="s">
        <v>66</v>
      </c>
      <c r="AP270" s="543" t="s">
        <v>66</v>
      </c>
      <c r="AQ270" s="543" t="s">
        <v>66</v>
      </c>
      <c r="AR270" s="543" t="s">
        <v>66</v>
      </c>
      <c r="AS270" s="543"/>
      <c r="AT270" s="543"/>
      <c r="AU270" s="543"/>
      <c r="AV270" s="543"/>
      <c r="AW270" s="543"/>
      <c r="AX270" s="543"/>
      <c r="AY270" s="543"/>
      <c r="AZ270" s="543"/>
      <c r="BA270" s="543"/>
      <c r="BB270" s="543"/>
      <c r="BC270" s="543"/>
      <c r="BD270" s="543"/>
      <c r="BE270" s="543"/>
      <c r="BF270" s="543"/>
      <c r="BG270" s="543"/>
      <c r="BH270" s="543"/>
      <c r="BI270" s="543"/>
      <c r="BJ270" s="543"/>
      <c r="BK270" s="543"/>
      <c r="BL270" s="543"/>
      <c r="BM270" s="543"/>
      <c r="BN270" s="543"/>
      <c r="BO270" s="543"/>
      <c r="BP270" s="543"/>
      <c r="BQ270" s="543"/>
      <c r="BR270" s="543"/>
      <c r="BS270" s="884">
        <f t="shared" si="397"/>
        <v>12554</v>
      </c>
      <c r="BT270" s="661">
        <f t="shared" si="391"/>
        <v>73.681695077266212</v>
      </c>
      <c r="BU270" s="661"/>
      <c r="BV270" s="898">
        <f t="shared" si="424"/>
        <v>368408.47538633109</v>
      </c>
      <c r="BW270" s="898">
        <f t="shared" si="425"/>
        <v>14736.339015453243</v>
      </c>
      <c r="BX270" s="898">
        <f t="shared" si="426"/>
        <v>33156.762784769795</v>
      </c>
      <c r="BY270" s="898">
        <f t="shared" si="427"/>
        <v>25788.593277043175</v>
      </c>
      <c r="BZ270" s="898">
        <f t="shared" si="428"/>
        <v>36840.847538633105</v>
      </c>
      <c r="CA270" s="898">
        <f t="shared" si="429"/>
        <v>35367.213637087785</v>
      </c>
      <c r="CB270" s="898">
        <f t="shared" si="430"/>
        <v>7368.1695077266213</v>
      </c>
      <c r="CC270" s="898">
        <f t="shared" si="431"/>
        <v>28735.861080133822</v>
      </c>
      <c r="CD270" s="898">
        <f t="shared" si="432"/>
        <v>36840.847538633105</v>
      </c>
      <c r="CE270" s="898">
        <f t="shared" si="433"/>
        <v>36840.847538633105</v>
      </c>
      <c r="CF270" s="898">
        <f t="shared" si="434"/>
        <v>55261.271307949661</v>
      </c>
      <c r="CG270" s="898">
        <f t="shared" si="435"/>
        <v>14736.339015453243</v>
      </c>
      <c r="CH270" s="898">
        <f t="shared" si="436"/>
        <v>17241.516648080295</v>
      </c>
      <c r="CI270" s="898">
        <f t="shared" si="437"/>
        <v>25788.593277043175</v>
      </c>
      <c r="CJ270" s="898">
        <f t="shared" si="438"/>
        <v>6631.3525569539588</v>
      </c>
      <c r="CK270" s="898">
        <f t="shared" si="439"/>
        <v>5894.5356061812972</v>
      </c>
      <c r="CL270" s="898">
        <f t="shared" si="440"/>
        <v>175362.43428389358</v>
      </c>
      <c r="CM270" s="898" t="str">
        <f t="shared" si="409"/>
        <v/>
      </c>
      <c r="CN270" s="898" t="str">
        <f t="shared" si="410"/>
        <v/>
      </c>
      <c r="CO270" s="898" t="str">
        <f t="shared" si="411"/>
        <v/>
      </c>
      <c r="CP270" s="898" t="str">
        <f t="shared" si="412"/>
        <v/>
      </c>
      <c r="CQ270" s="898" t="str">
        <f t="shared" si="413"/>
        <v/>
      </c>
      <c r="CR270" s="898" t="str">
        <f t="shared" si="414"/>
        <v/>
      </c>
      <c r="CS270" s="898" t="str">
        <f t="shared" si="415"/>
        <v/>
      </c>
      <c r="CT270" s="898" t="str">
        <f t="shared" si="416"/>
        <v/>
      </c>
      <c r="CU270" s="898" t="str">
        <f t="shared" si="417"/>
        <v/>
      </c>
      <c r="CV270" s="898" t="str">
        <f t="shared" si="418"/>
        <v/>
      </c>
      <c r="CW270" s="898" t="str">
        <f t="shared" si="419"/>
        <v/>
      </c>
      <c r="CX270" s="898" t="str">
        <f t="shared" si="420"/>
        <v/>
      </c>
      <c r="CY270" s="898" t="str">
        <f t="shared" si="421"/>
        <v/>
      </c>
      <c r="CZ270" s="898" t="str">
        <f t="shared" si="422"/>
        <v/>
      </c>
      <c r="DA270" s="642"/>
      <c r="DB270" s="642"/>
      <c r="DC270" s="642"/>
      <c r="DD270" s="642"/>
      <c r="DE270" s="642"/>
      <c r="DF270" s="642"/>
      <c r="DG270" s="642"/>
      <c r="DH270" s="642"/>
      <c r="DI270" s="642"/>
      <c r="DJ270" s="642"/>
      <c r="DK270" s="642"/>
      <c r="DL270" s="642"/>
      <c r="DM270" s="661">
        <f t="shared" si="402"/>
        <v>925000.00000000012</v>
      </c>
      <c r="DN270" s="898">
        <f t="shared" si="403"/>
        <v>0</v>
      </c>
      <c r="DO270" s="516">
        <f t="shared" si="404"/>
        <v>0</v>
      </c>
      <c r="DP270" s="898">
        <f t="shared" si="405"/>
        <v>0</v>
      </c>
      <c r="DQ270" s="483"/>
      <c r="DR270" s="934"/>
      <c r="DS270" s="483" t="s">
        <v>4235</v>
      </c>
      <c r="DT270" s="632"/>
    </row>
    <row r="271" spans="1:124" ht="90" x14ac:dyDescent="0.2">
      <c r="A271" s="484" t="str">
        <f t="shared" si="396"/>
        <v>Nickey Line: Maylands Focus area of intervention</v>
      </c>
      <c r="B271" s="1163">
        <v>268</v>
      </c>
      <c r="C271" s="671" t="s">
        <v>4238</v>
      </c>
      <c r="D271" s="671" t="s">
        <v>2445</v>
      </c>
      <c r="E271" s="671" t="s">
        <v>53</v>
      </c>
      <c r="F271" s="671" t="s">
        <v>1346</v>
      </c>
      <c r="G271" s="543" t="s">
        <v>1347</v>
      </c>
      <c r="H271" s="495" t="s">
        <v>4239</v>
      </c>
      <c r="I271" s="543"/>
      <c r="J271" s="495" t="s">
        <v>4240</v>
      </c>
      <c r="K271" s="543" t="s">
        <v>3104</v>
      </c>
      <c r="L271" s="543" t="s">
        <v>4241</v>
      </c>
      <c r="M271" s="543" t="s">
        <v>2986</v>
      </c>
      <c r="N271" s="543" t="s">
        <v>81</v>
      </c>
      <c r="O271" s="515" t="s">
        <v>4212</v>
      </c>
      <c r="P271" s="543" t="s">
        <v>4234</v>
      </c>
      <c r="Q271" s="543" t="s">
        <v>3170</v>
      </c>
      <c r="R271" s="542">
        <v>80000</v>
      </c>
      <c r="S271" s="542">
        <v>120000</v>
      </c>
      <c r="T271" s="723">
        <v>100000</v>
      </c>
      <c r="U271" s="642"/>
      <c r="V271" s="657" t="s">
        <v>3978</v>
      </c>
      <c r="W271" s="642">
        <f t="shared" si="441"/>
        <v>0</v>
      </c>
      <c r="X271" s="745">
        <f t="shared" si="423"/>
        <v>100000</v>
      </c>
      <c r="Y271" s="745" t="s">
        <v>3106</v>
      </c>
      <c r="Z271" s="745"/>
      <c r="AA271" s="776" t="s">
        <v>65</v>
      </c>
      <c r="AB271" s="543" t="s">
        <v>66</v>
      </c>
      <c r="AC271" s="543" t="s">
        <v>66</v>
      </c>
      <c r="AD271" s="543" t="s">
        <v>66</v>
      </c>
      <c r="AE271" s="543" t="s">
        <v>66</v>
      </c>
      <c r="AF271" s="543" t="s">
        <v>66</v>
      </c>
      <c r="AG271" s="543" t="s">
        <v>66</v>
      </c>
      <c r="AH271" s="543" t="s">
        <v>66</v>
      </c>
      <c r="AI271" s="543" t="s">
        <v>66</v>
      </c>
      <c r="AJ271" s="543" t="s">
        <v>66</v>
      </c>
      <c r="AK271" s="543" t="s">
        <v>66</v>
      </c>
      <c r="AL271" s="543" t="s">
        <v>66</v>
      </c>
      <c r="AM271" s="543" t="s">
        <v>66</v>
      </c>
      <c r="AN271" s="543" t="s">
        <v>66</v>
      </c>
      <c r="AO271" s="543" t="s">
        <v>66</v>
      </c>
      <c r="AP271" s="543" t="s">
        <v>66</v>
      </c>
      <c r="AQ271" s="543" t="s">
        <v>66</v>
      </c>
      <c r="AR271" s="543" t="s">
        <v>66</v>
      </c>
      <c r="AS271" s="543"/>
      <c r="AT271" s="543"/>
      <c r="AU271" s="543"/>
      <c r="AV271" s="543"/>
      <c r="AW271" s="543"/>
      <c r="AX271" s="543"/>
      <c r="AY271" s="543"/>
      <c r="AZ271" s="543"/>
      <c r="BA271" s="543"/>
      <c r="BB271" s="543"/>
      <c r="BC271" s="543"/>
      <c r="BD271" s="543"/>
      <c r="BE271" s="543"/>
      <c r="BF271" s="543"/>
      <c r="BG271" s="543"/>
      <c r="BH271" s="543"/>
      <c r="BI271" s="543"/>
      <c r="BJ271" s="543"/>
      <c r="BK271" s="543"/>
      <c r="BL271" s="543"/>
      <c r="BM271" s="543"/>
      <c r="BN271" s="543"/>
      <c r="BO271" s="543"/>
      <c r="BP271" s="543" t="s">
        <v>66</v>
      </c>
      <c r="BQ271" s="543"/>
      <c r="BR271" s="543" t="s">
        <v>66</v>
      </c>
      <c r="BS271" s="884">
        <f t="shared" si="397"/>
        <v>17325</v>
      </c>
      <c r="BT271" s="661">
        <f t="shared" ref="BT271:BT298" si="442">X271/BS271</f>
        <v>5.7720057720057723</v>
      </c>
      <c r="BU271" s="661"/>
      <c r="BV271" s="898">
        <f t="shared" si="424"/>
        <v>28860.028860028862</v>
      </c>
      <c r="BW271" s="898">
        <f t="shared" si="425"/>
        <v>1154.4011544011544</v>
      </c>
      <c r="BX271" s="898">
        <f t="shared" si="426"/>
        <v>2597.4025974025976</v>
      </c>
      <c r="BY271" s="898">
        <f t="shared" si="427"/>
        <v>2020.2020202020203</v>
      </c>
      <c r="BZ271" s="898">
        <f t="shared" si="428"/>
        <v>2886.002886002886</v>
      </c>
      <c r="CA271" s="898">
        <f t="shared" si="429"/>
        <v>2770.5627705627708</v>
      </c>
      <c r="CB271" s="898">
        <f t="shared" si="430"/>
        <v>577.20057720057719</v>
      </c>
      <c r="CC271" s="898">
        <f t="shared" si="431"/>
        <v>2251.0822510822513</v>
      </c>
      <c r="CD271" s="898">
        <f t="shared" si="432"/>
        <v>2886.002886002886</v>
      </c>
      <c r="CE271" s="898">
        <f t="shared" si="433"/>
        <v>2886.002886002886</v>
      </c>
      <c r="CF271" s="898">
        <f t="shared" si="434"/>
        <v>4329.0043290043295</v>
      </c>
      <c r="CG271" s="898">
        <f t="shared" si="435"/>
        <v>1154.4011544011544</v>
      </c>
      <c r="CH271" s="898">
        <f t="shared" si="436"/>
        <v>1350.6493506493507</v>
      </c>
      <c r="CI271" s="898">
        <f t="shared" si="437"/>
        <v>2020.2020202020203</v>
      </c>
      <c r="CJ271" s="898">
        <f t="shared" si="438"/>
        <v>519.48051948051955</v>
      </c>
      <c r="CK271" s="898">
        <f t="shared" si="439"/>
        <v>461.76046176046179</v>
      </c>
      <c r="CL271" s="898">
        <f t="shared" si="440"/>
        <v>13737.373737373739</v>
      </c>
      <c r="CM271" s="898" t="str">
        <f t="shared" si="409"/>
        <v/>
      </c>
      <c r="CN271" s="898" t="str">
        <f t="shared" si="410"/>
        <v/>
      </c>
      <c r="CO271" s="898" t="str">
        <f t="shared" si="411"/>
        <v/>
      </c>
      <c r="CP271" s="898" t="str">
        <f t="shared" si="412"/>
        <v/>
      </c>
      <c r="CQ271" s="898" t="str">
        <f t="shared" si="413"/>
        <v/>
      </c>
      <c r="CR271" s="898" t="str">
        <f t="shared" si="414"/>
        <v/>
      </c>
      <c r="CS271" s="898" t="str">
        <f t="shared" si="415"/>
        <v/>
      </c>
      <c r="CT271" s="898" t="str">
        <f t="shared" si="416"/>
        <v/>
      </c>
      <c r="CU271" s="898" t="str">
        <f t="shared" si="417"/>
        <v/>
      </c>
      <c r="CV271" s="898" t="str">
        <f t="shared" si="418"/>
        <v/>
      </c>
      <c r="CW271" s="898" t="str">
        <f t="shared" si="419"/>
        <v/>
      </c>
      <c r="CX271" s="898" t="str">
        <f t="shared" si="420"/>
        <v/>
      </c>
      <c r="CY271" s="898" t="str">
        <f t="shared" si="421"/>
        <v/>
      </c>
      <c r="CZ271" s="898" t="str">
        <f t="shared" si="422"/>
        <v/>
      </c>
      <c r="DA271" s="898" t="str">
        <f t="shared" ref="DA271:DL276" si="443">IF(BG271="yes",(BG$3*$BT271),"")</f>
        <v/>
      </c>
      <c r="DB271" s="898" t="str">
        <f t="shared" si="443"/>
        <v/>
      </c>
      <c r="DC271" s="898" t="str">
        <f t="shared" si="443"/>
        <v/>
      </c>
      <c r="DD271" s="898" t="str">
        <f t="shared" si="443"/>
        <v/>
      </c>
      <c r="DE271" s="898" t="str">
        <f t="shared" si="443"/>
        <v/>
      </c>
      <c r="DF271" s="898" t="str">
        <f t="shared" si="443"/>
        <v/>
      </c>
      <c r="DG271" s="898" t="str">
        <f t="shared" si="443"/>
        <v/>
      </c>
      <c r="DH271" s="898" t="str">
        <f t="shared" si="443"/>
        <v/>
      </c>
      <c r="DI271" s="898" t="str">
        <f t="shared" si="443"/>
        <v/>
      </c>
      <c r="DJ271" s="898">
        <f t="shared" si="443"/>
        <v>9235.209235209235</v>
      </c>
      <c r="DK271" s="898" t="str">
        <f t="shared" si="443"/>
        <v/>
      </c>
      <c r="DL271" s="898">
        <f t="shared" si="443"/>
        <v>18303.030303030304</v>
      </c>
      <c r="DM271" s="661">
        <f t="shared" si="402"/>
        <v>72461.760461760467</v>
      </c>
      <c r="DN271" s="898">
        <f t="shared" si="403"/>
        <v>27538.239538239541</v>
      </c>
      <c r="DO271" s="516">
        <f t="shared" si="404"/>
        <v>0</v>
      </c>
      <c r="DP271" s="898">
        <f t="shared" si="405"/>
        <v>0</v>
      </c>
      <c r="DQ271" s="483"/>
      <c r="DR271" s="934"/>
      <c r="DS271" s="483" t="s">
        <v>4235</v>
      </c>
      <c r="DT271" s="632"/>
    </row>
    <row r="272" spans="1:124" ht="57" x14ac:dyDescent="0.2">
      <c r="A272" s="484" t="str">
        <f t="shared" si="396"/>
        <v>Cambrian Way Local Mobility Hub</v>
      </c>
      <c r="B272" s="1163">
        <v>269</v>
      </c>
      <c r="C272" s="1156" t="s">
        <v>4242</v>
      </c>
      <c r="D272" s="481" t="s">
        <v>2481</v>
      </c>
      <c r="E272" s="481" t="s">
        <v>53</v>
      </c>
      <c r="F272" s="481" t="s">
        <v>655</v>
      </c>
      <c r="G272" s="775" t="s">
        <v>830</v>
      </c>
      <c r="H272" s="855" t="s">
        <v>831</v>
      </c>
      <c r="I272" s="775" t="str">
        <f t="shared" ref="I272:I335" si="444">IF(ISNUMBER(SEARCH("(", LEFT(J272, 1))),MID(J272,SEARCH("(",J272)+1,SEARCH(")",J272)-SEARCH("(",J272)-1), "")</f>
        <v>LS-1</v>
      </c>
      <c r="J272" s="855" t="s">
        <v>4243</v>
      </c>
      <c r="K272" s="664" t="s">
        <v>3104</v>
      </c>
      <c r="L272" s="852" t="s">
        <v>3167</v>
      </c>
      <c r="M272" s="515" t="s">
        <v>4244</v>
      </c>
      <c r="N272" s="775" t="s">
        <v>81</v>
      </c>
      <c r="O272" s="654" t="s">
        <v>3051</v>
      </c>
      <c r="P272" s="657" t="s">
        <v>61</v>
      </c>
      <c r="Q272" s="852" t="s">
        <v>122</v>
      </c>
      <c r="R272" s="657"/>
      <c r="S272" s="657"/>
      <c r="T272" s="854">
        <v>370629.1875</v>
      </c>
      <c r="U272" s="854"/>
      <c r="V272" s="657" t="s">
        <v>4245</v>
      </c>
      <c r="W272" s="642">
        <f t="shared" si="441"/>
        <v>0</v>
      </c>
      <c r="X272" s="745">
        <f t="shared" si="423"/>
        <v>370629.1875</v>
      </c>
      <c r="Y272" s="745" t="s">
        <v>3106</v>
      </c>
      <c r="Z272" s="745" t="str">
        <f>_xlfn.XLOOKUP(I272, 'CALCS Aecom (July 25 2025)'!F:F, 'CALCS Aecom (July 25 2025)'!W:W)</f>
        <v>Multiple Scenario 2 (Step 6)</v>
      </c>
      <c r="AA272" s="1332" t="s">
        <v>82</v>
      </c>
      <c r="AB272" s="516" t="s">
        <v>66</v>
      </c>
      <c r="AC272" s="516" t="s">
        <v>66</v>
      </c>
      <c r="AD272" s="516" t="s">
        <v>66</v>
      </c>
      <c r="AE272" s="516" t="s">
        <v>66</v>
      </c>
      <c r="AF272" s="516" t="s">
        <v>66</v>
      </c>
      <c r="AG272" s="516" t="s">
        <v>66</v>
      </c>
      <c r="AH272" s="516" t="s">
        <v>66</v>
      </c>
      <c r="AI272" s="516" t="s">
        <v>66</v>
      </c>
      <c r="AJ272" s="516" t="s">
        <v>66</v>
      </c>
      <c r="AK272" s="516" t="s">
        <v>66</v>
      </c>
      <c r="AL272" s="516" t="s">
        <v>66</v>
      </c>
      <c r="AM272" s="516" t="s">
        <v>66</v>
      </c>
      <c r="AN272" s="516" t="s">
        <v>66</v>
      </c>
      <c r="AO272" s="516" t="s">
        <v>66</v>
      </c>
      <c r="AP272" s="516" t="s">
        <v>66</v>
      </c>
      <c r="AQ272" s="516" t="s">
        <v>66</v>
      </c>
      <c r="AR272" s="516" t="s">
        <v>66</v>
      </c>
      <c r="AS272" s="892"/>
      <c r="AT272" s="892"/>
      <c r="AU272" s="892"/>
      <c r="AV272" s="661"/>
      <c r="AW272" s="892"/>
      <c r="AX272" s="892"/>
      <c r="AY272" s="892"/>
      <c r="AZ272" s="661"/>
      <c r="BA272" s="892"/>
      <c r="BB272" s="661"/>
      <c r="BC272" s="661"/>
      <c r="BD272" s="892"/>
      <c r="BE272" s="661"/>
      <c r="BF272" s="661"/>
      <c r="BG272" s="746"/>
      <c r="BH272" s="746"/>
      <c r="BI272" s="746"/>
      <c r="BJ272" s="746"/>
      <c r="BK272" s="746"/>
      <c r="BL272" s="746"/>
      <c r="BM272" s="746"/>
      <c r="BN272" s="746"/>
      <c r="BO272" s="516" t="s">
        <v>66</v>
      </c>
      <c r="BP272" s="516" t="s">
        <v>66</v>
      </c>
      <c r="BQ272" s="516" t="s">
        <v>66</v>
      </c>
      <c r="BR272" s="654"/>
      <c r="BS272" s="884">
        <f t="shared" si="397"/>
        <v>18054</v>
      </c>
      <c r="BT272" s="661">
        <f t="shared" si="442"/>
        <v>20.528923645729478</v>
      </c>
      <c r="BU272" s="661" t="str">
        <f t="shared" ref="BU272:BU284" si="445">IF(SUM(BV272:DL272)=X272, "GOOD", "ERROR")</f>
        <v>GOOD</v>
      </c>
      <c r="BV272" s="898">
        <f t="shared" si="424"/>
        <v>102644.61822864739</v>
      </c>
      <c r="BW272" s="898">
        <f t="shared" si="425"/>
        <v>4105.7847291458957</v>
      </c>
      <c r="BX272" s="898">
        <f t="shared" si="426"/>
        <v>9238.0156405782654</v>
      </c>
      <c r="BY272" s="898">
        <f t="shared" si="427"/>
        <v>7185.1232760053172</v>
      </c>
      <c r="BZ272" s="898">
        <f t="shared" si="428"/>
        <v>10264.46182286474</v>
      </c>
      <c r="CA272" s="898">
        <f t="shared" si="429"/>
        <v>9853.8833499501488</v>
      </c>
      <c r="CB272" s="898">
        <f t="shared" si="430"/>
        <v>2052.8923645729478</v>
      </c>
      <c r="CC272" s="898">
        <f t="shared" si="431"/>
        <v>8006.2802218344959</v>
      </c>
      <c r="CD272" s="898">
        <f t="shared" si="432"/>
        <v>10264.46182286474</v>
      </c>
      <c r="CE272" s="898">
        <f t="shared" si="433"/>
        <v>10264.46182286474</v>
      </c>
      <c r="CF272" s="898">
        <f t="shared" si="434"/>
        <v>15396.692734297108</v>
      </c>
      <c r="CG272" s="898">
        <f t="shared" si="435"/>
        <v>4105.7847291458957</v>
      </c>
      <c r="CH272" s="898">
        <f t="shared" si="436"/>
        <v>4803.7681331006979</v>
      </c>
      <c r="CI272" s="898">
        <f t="shared" si="437"/>
        <v>7185.1232760053172</v>
      </c>
      <c r="CJ272" s="898">
        <f t="shared" si="438"/>
        <v>1847.6031281156529</v>
      </c>
      <c r="CK272" s="898">
        <f t="shared" si="439"/>
        <v>1642.3138916583582</v>
      </c>
      <c r="CL272" s="898">
        <f t="shared" si="440"/>
        <v>48858.838276836155</v>
      </c>
      <c r="CM272" s="898" t="str">
        <f t="shared" si="409"/>
        <v/>
      </c>
      <c r="CN272" s="898" t="str">
        <f t="shared" si="410"/>
        <v/>
      </c>
      <c r="CO272" s="898" t="str">
        <f t="shared" si="411"/>
        <v/>
      </c>
      <c r="CP272" s="898" t="str">
        <f t="shared" si="412"/>
        <v/>
      </c>
      <c r="CQ272" s="898" t="str">
        <f t="shared" si="413"/>
        <v/>
      </c>
      <c r="CR272" s="898" t="str">
        <f t="shared" si="414"/>
        <v/>
      </c>
      <c r="CS272" s="898" t="str">
        <f t="shared" si="415"/>
        <v/>
      </c>
      <c r="CT272" s="898" t="str">
        <f t="shared" si="416"/>
        <v/>
      </c>
      <c r="CU272" s="898" t="str">
        <f t="shared" si="417"/>
        <v/>
      </c>
      <c r="CV272" s="898" t="str">
        <f t="shared" si="418"/>
        <v/>
      </c>
      <c r="CW272" s="898" t="str">
        <f t="shared" si="419"/>
        <v/>
      </c>
      <c r="CX272" s="898" t="str">
        <f t="shared" si="420"/>
        <v/>
      </c>
      <c r="CY272" s="898" t="str">
        <f t="shared" si="421"/>
        <v/>
      </c>
      <c r="CZ272" s="898" t="str">
        <f t="shared" si="422"/>
        <v/>
      </c>
      <c r="DA272" s="898" t="str">
        <f t="shared" si="443"/>
        <v/>
      </c>
      <c r="DB272" s="898" t="str">
        <f t="shared" si="443"/>
        <v/>
      </c>
      <c r="DC272" s="898" t="str">
        <f t="shared" si="443"/>
        <v/>
      </c>
      <c r="DD272" s="898" t="str">
        <f t="shared" si="443"/>
        <v/>
      </c>
      <c r="DE272" s="898" t="str">
        <f t="shared" si="443"/>
        <v/>
      </c>
      <c r="DF272" s="898" t="str">
        <f t="shared" si="443"/>
        <v/>
      </c>
      <c r="DG272" s="898" t="str">
        <f t="shared" si="443"/>
        <v/>
      </c>
      <c r="DH272" s="898" t="str">
        <f t="shared" si="443"/>
        <v/>
      </c>
      <c r="DI272" s="898">
        <f t="shared" si="443"/>
        <v>30793.385468594217</v>
      </c>
      <c r="DJ272" s="898">
        <f t="shared" si="443"/>
        <v>32846.277833167165</v>
      </c>
      <c r="DK272" s="898">
        <f t="shared" si="443"/>
        <v>49269.416749750744</v>
      </c>
      <c r="DL272" s="898" t="str">
        <f t="shared" si="443"/>
        <v/>
      </c>
      <c r="DM272" s="661">
        <f t="shared" si="402"/>
        <v>257720.10744848783</v>
      </c>
      <c r="DN272" s="898">
        <f t="shared" si="403"/>
        <v>112909.08005151212</v>
      </c>
      <c r="DO272" s="516">
        <f t="shared" si="404"/>
        <v>0</v>
      </c>
      <c r="DP272" s="898">
        <f t="shared" si="405"/>
        <v>0</v>
      </c>
      <c r="DQ272" s="860" t="s">
        <v>4246</v>
      </c>
      <c r="DR272" s="610" t="s">
        <v>4247</v>
      </c>
      <c r="DS272" s="1221" t="s">
        <v>4248</v>
      </c>
      <c r="DT272" s="632"/>
    </row>
    <row r="273" spans="1:124" ht="57" x14ac:dyDescent="0.2">
      <c r="A273" s="484" t="str">
        <f t="shared" si="396"/>
        <v>Keens Field Mobility Hub</v>
      </c>
      <c r="B273" s="1163">
        <v>270</v>
      </c>
      <c r="C273" s="1156" t="s">
        <v>4249</v>
      </c>
      <c r="D273" s="481" t="s">
        <v>2481</v>
      </c>
      <c r="E273" s="481" t="s">
        <v>53</v>
      </c>
      <c r="F273" s="481" t="s">
        <v>655</v>
      </c>
      <c r="G273" s="775" t="s">
        <v>830</v>
      </c>
      <c r="H273" s="855" t="s">
        <v>835</v>
      </c>
      <c r="I273" s="775" t="str">
        <f t="shared" si="444"/>
        <v>LS-2</v>
      </c>
      <c r="J273" s="855" t="s">
        <v>4250</v>
      </c>
      <c r="K273" s="664" t="s">
        <v>3104</v>
      </c>
      <c r="L273" s="852" t="s">
        <v>3167</v>
      </c>
      <c r="M273" s="515" t="s">
        <v>4244</v>
      </c>
      <c r="N273" s="775" t="s">
        <v>81</v>
      </c>
      <c r="O273" s="654" t="s">
        <v>3051</v>
      </c>
      <c r="P273" s="657" t="s">
        <v>61</v>
      </c>
      <c r="Q273" s="852" t="s">
        <v>122</v>
      </c>
      <c r="R273" s="657"/>
      <c r="S273" s="657"/>
      <c r="T273" s="854">
        <v>370629.1875</v>
      </c>
      <c r="U273" s="854"/>
      <c r="V273" s="657" t="s">
        <v>4245</v>
      </c>
      <c r="W273" s="642">
        <f t="shared" si="441"/>
        <v>0</v>
      </c>
      <c r="X273" s="745">
        <f t="shared" si="423"/>
        <v>370629.1875</v>
      </c>
      <c r="Y273" s="745" t="s">
        <v>3106</v>
      </c>
      <c r="Z273" s="745" t="str">
        <f>_xlfn.XLOOKUP(I273, 'CALCS Aecom (July 25 2025)'!F:F, 'CALCS Aecom (July 25 2025)'!W:W)</f>
        <v>Multiple Scenario 2 (Step 6)</v>
      </c>
      <c r="AA273" s="1332" t="s">
        <v>82</v>
      </c>
      <c r="AB273" s="516" t="s">
        <v>66</v>
      </c>
      <c r="AC273" s="516" t="s">
        <v>66</v>
      </c>
      <c r="AD273" s="516" t="s">
        <v>66</v>
      </c>
      <c r="AE273" s="516" t="s">
        <v>66</v>
      </c>
      <c r="AF273" s="516" t="s">
        <v>66</v>
      </c>
      <c r="AG273" s="516" t="s">
        <v>66</v>
      </c>
      <c r="AH273" s="516" t="s">
        <v>66</v>
      </c>
      <c r="AI273" s="516" t="s">
        <v>66</v>
      </c>
      <c r="AJ273" s="516" t="s">
        <v>66</v>
      </c>
      <c r="AK273" s="516" t="s">
        <v>66</v>
      </c>
      <c r="AL273" s="516" t="s">
        <v>66</v>
      </c>
      <c r="AM273" s="516" t="s">
        <v>66</v>
      </c>
      <c r="AN273" s="516" t="s">
        <v>66</v>
      </c>
      <c r="AO273" s="516" t="s">
        <v>66</v>
      </c>
      <c r="AP273" s="516" t="s">
        <v>66</v>
      </c>
      <c r="AQ273" s="516" t="s">
        <v>66</v>
      </c>
      <c r="AR273" s="516" t="s">
        <v>66</v>
      </c>
      <c r="AS273" s="892"/>
      <c r="AT273" s="892"/>
      <c r="AU273" s="892"/>
      <c r="AV273" s="661"/>
      <c r="AW273" s="892"/>
      <c r="AX273" s="892"/>
      <c r="AY273" s="892"/>
      <c r="AZ273" s="661"/>
      <c r="BA273" s="892"/>
      <c r="BB273" s="661"/>
      <c r="BC273" s="661"/>
      <c r="BD273" s="892"/>
      <c r="BE273" s="661"/>
      <c r="BF273" s="661"/>
      <c r="BG273" s="746"/>
      <c r="BH273" s="746"/>
      <c r="BI273" s="746"/>
      <c r="BJ273" s="746"/>
      <c r="BK273" s="746"/>
      <c r="BL273" s="746"/>
      <c r="BM273" s="746"/>
      <c r="BN273" s="746"/>
      <c r="BO273" s="516" t="s">
        <v>66</v>
      </c>
      <c r="BP273" s="516" t="s">
        <v>66</v>
      </c>
      <c r="BQ273" s="516" t="s">
        <v>66</v>
      </c>
      <c r="BR273" s="654"/>
      <c r="BS273" s="884">
        <f t="shared" si="397"/>
        <v>18054</v>
      </c>
      <c r="BT273" s="661">
        <f t="shared" si="442"/>
        <v>20.528923645729478</v>
      </c>
      <c r="BU273" s="661" t="str">
        <f t="shared" si="445"/>
        <v>GOOD</v>
      </c>
      <c r="BV273" s="898">
        <f t="shared" si="424"/>
        <v>102644.61822864739</v>
      </c>
      <c r="BW273" s="898">
        <f t="shared" si="425"/>
        <v>4105.7847291458957</v>
      </c>
      <c r="BX273" s="898">
        <f t="shared" si="426"/>
        <v>9238.0156405782654</v>
      </c>
      <c r="BY273" s="898">
        <f t="shared" si="427"/>
        <v>7185.1232760053172</v>
      </c>
      <c r="BZ273" s="898">
        <f t="shared" si="428"/>
        <v>10264.46182286474</v>
      </c>
      <c r="CA273" s="898">
        <f t="shared" si="429"/>
        <v>9853.8833499501488</v>
      </c>
      <c r="CB273" s="898">
        <f t="shared" si="430"/>
        <v>2052.8923645729478</v>
      </c>
      <c r="CC273" s="898">
        <f t="shared" si="431"/>
        <v>8006.2802218344959</v>
      </c>
      <c r="CD273" s="898">
        <f t="shared" si="432"/>
        <v>10264.46182286474</v>
      </c>
      <c r="CE273" s="898">
        <f t="shared" si="433"/>
        <v>10264.46182286474</v>
      </c>
      <c r="CF273" s="898">
        <f t="shared" si="434"/>
        <v>15396.692734297108</v>
      </c>
      <c r="CG273" s="898">
        <f t="shared" si="435"/>
        <v>4105.7847291458957</v>
      </c>
      <c r="CH273" s="898">
        <f t="shared" si="436"/>
        <v>4803.7681331006979</v>
      </c>
      <c r="CI273" s="898">
        <f t="shared" si="437"/>
        <v>7185.1232760053172</v>
      </c>
      <c r="CJ273" s="898">
        <f t="shared" si="438"/>
        <v>1847.6031281156529</v>
      </c>
      <c r="CK273" s="898">
        <f t="shared" si="439"/>
        <v>1642.3138916583582</v>
      </c>
      <c r="CL273" s="898">
        <f t="shared" si="440"/>
        <v>48858.838276836155</v>
      </c>
      <c r="CM273" s="898" t="str">
        <f t="shared" si="409"/>
        <v/>
      </c>
      <c r="CN273" s="898" t="str">
        <f t="shared" si="410"/>
        <v/>
      </c>
      <c r="CO273" s="898" t="str">
        <f t="shared" si="411"/>
        <v/>
      </c>
      <c r="CP273" s="898" t="str">
        <f t="shared" si="412"/>
        <v/>
      </c>
      <c r="CQ273" s="898" t="str">
        <f t="shared" si="413"/>
        <v/>
      </c>
      <c r="CR273" s="898" t="str">
        <f t="shared" si="414"/>
        <v/>
      </c>
      <c r="CS273" s="898" t="str">
        <f t="shared" si="415"/>
        <v/>
      </c>
      <c r="CT273" s="898" t="str">
        <f t="shared" si="416"/>
        <v/>
      </c>
      <c r="CU273" s="898" t="str">
        <f t="shared" si="417"/>
        <v/>
      </c>
      <c r="CV273" s="898" t="str">
        <f t="shared" si="418"/>
        <v/>
      </c>
      <c r="CW273" s="898" t="str">
        <f t="shared" si="419"/>
        <v/>
      </c>
      <c r="CX273" s="898" t="str">
        <f t="shared" si="420"/>
        <v/>
      </c>
      <c r="CY273" s="898" t="str">
        <f t="shared" si="421"/>
        <v/>
      </c>
      <c r="CZ273" s="898" t="str">
        <f t="shared" si="422"/>
        <v/>
      </c>
      <c r="DA273" s="898" t="str">
        <f t="shared" si="443"/>
        <v/>
      </c>
      <c r="DB273" s="898" t="str">
        <f t="shared" si="443"/>
        <v/>
      </c>
      <c r="DC273" s="898" t="str">
        <f t="shared" si="443"/>
        <v/>
      </c>
      <c r="DD273" s="898" t="str">
        <f t="shared" si="443"/>
        <v/>
      </c>
      <c r="DE273" s="898" t="str">
        <f t="shared" si="443"/>
        <v/>
      </c>
      <c r="DF273" s="898" t="str">
        <f t="shared" si="443"/>
        <v/>
      </c>
      <c r="DG273" s="898" t="str">
        <f t="shared" si="443"/>
        <v/>
      </c>
      <c r="DH273" s="898" t="str">
        <f t="shared" si="443"/>
        <v/>
      </c>
      <c r="DI273" s="898">
        <f t="shared" si="443"/>
        <v>30793.385468594217</v>
      </c>
      <c r="DJ273" s="898">
        <f t="shared" si="443"/>
        <v>32846.277833167165</v>
      </c>
      <c r="DK273" s="898">
        <f t="shared" si="443"/>
        <v>49269.416749750744</v>
      </c>
      <c r="DL273" s="898" t="str">
        <f t="shared" si="443"/>
        <v/>
      </c>
      <c r="DM273" s="661">
        <f t="shared" si="402"/>
        <v>257720.10744848783</v>
      </c>
      <c r="DN273" s="898">
        <f t="shared" si="403"/>
        <v>112909.08005151212</v>
      </c>
      <c r="DO273" s="516">
        <f t="shared" si="404"/>
        <v>0</v>
      </c>
      <c r="DP273" s="898">
        <f t="shared" si="405"/>
        <v>0</v>
      </c>
      <c r="DQ273" s="860" t="s">
        <v>4246</v>
      </c>
      <c r="DR273" s="610" t="s">
        <v>4247</v>
      </c>
      <c r="DS273" s="1221" t="s">
        <v>4248</v>
      </c>
      <c r="DT273" s="632"/>
    </row>
    <row r="274" spans="1:124" ht="57" x14ac:dyDescent="0.2">
      <c r="A274" s="484" t="str">
        <f t="shared" si="396"/>
        <v>Grovehill Local Mobility Hub</v>
      </c>
      <c r="B274" s="1163">
        <v>271</v>
      </c>
      <c r="C274" s="1156" t="s">
        <v>4251</v>
      </c>
      <c r="D274" s="481" t="s">
        <v>2481</v>
      </c>
      <c r="E274" s="481" t="s">
        <v>53</v>
      </c>
      <c r="F274" s="481" t="s">
        <v>655</v>
      </c>
      <c r="G274" s="775" t="s">
        <v>830</v>
      </c>
      <c r="H274" s="855" t="s">
        <v>837</v>
      </c>
      <c r="I274" s="775" t="str">
        <f t="shared" si="444"/>
        <v>LS-3</v>
      </c>
      <c r="J274" s="855" t="s">
        <v>4252</v>
      </c>
      <c r="K274" s="664" t="s">
        <v>3104</v>
      </c>
      <c r="L274" s="852" t="s">
        <v>3167</v>
      </c>
      <c r="M274" s="713" t="s">
        <v>2996</v>
      </c>
      <c r="N274" s="775" t="s">
        <v>81</v>
      </c>
      <c r="O274" s="654" t="s">
        <v>3051</v>
      </c>
      <c r="P274" s="657" t="s">
        <v>61</v>
      </c>
      <c r="Q274" s="852" t="s">
        <v>122</v>
      </c>
      <c r="R274" s="657"/>
      <c r="S274" s="657"/>
      <c r="T274" s="854">
        <v>370629.1875</v>
      </c>
      <c r="U274" s="854"/>
      <c r="V274" s="657" t="s">
        <v>4245</v>
      </c>
      <c r="W274" s="642">
        <f t="shared" si="441"/>
        <v>0</v>
      </c>
      <c r="X274" s="745">
        <f t="shared" si="423"/>
        <v>370629.1875</v>
      </c>
      <c r="Y274" s="745" t="s">
        <v>3106</v>
      </c>
      <c r="Z274" s="745" t="str">
        <f>_xlfn.XLOOKUP(I274, 'CALCS Aecom (July 25 2025)'!F:F, 'CALCS Aecom (July 25 2025)'!W:W)</f>
        <v>Multiple Scenario 2 (Step 6)</v>
      </c>
      <c r="AA274" s="1332" t="s">
        <v>82</v>
      </c>
      <c r="AB274" s="516" t="s">
        <v>66</v>
      </c>
      <c r="AC274" s="516" t="s">
        <v>66</v>
      </c>
      <c r="AD274" s="516" t="s">
        <v>66</v>
      </c>
      <c r="AE274" s="516" t="s">
        <v>66</v>
      </c>
      <c r="AF274" s="516" t="s">
        <v>66</v>
      </c>
      <c r="AG274" s="516" t="s">
        <v>66</v>
      </c>
      <c r="AH274" s="516" t="s">
        <v>66</v>
      </c>
      <c r="AI274" s="516" t="s">
        <v>66</v>
      </c>
      <c r="AJ274" s="516" t="s">
        <v>66</v>
      </c>
      <c r="AK274" s="516" t="s">
        <v>66</v>
      </c>
      <c r="AL274" s="516" t="s">
        <v>66</v>
      </c>
      <c r="AM274" s="516" t="s">
        <v>66</v>
      </c>
      <c r="AN274" s="516" t="s">
        <v>66</v>
      </c>
      <c r="AO274" s="516" t="s">
        <v>66</v>
      </c>
      <c r="AP274" s="516" t="s">
        <v>66</v>
      </c>
      <c r="AQ274" s="516" t="s">
        <v>66</v>
      </c>
      <c r="AR274" s="516" t="s">
        <v>66</v>
      </c>
      <c r="AS274" s="661"/>
      <c r="AT274" s="661"/>
      <c r="AU274" s="661"/>
      <c r="AV274" s="661"/>
      <c r="AW274" s="661"/>
      <c r="AX274" s="661"/>
      <c r="AY274" s="661"/>
      <c r="AZ274" s="661"/>
      <c r="BA274" s="661"/>
      <c r="BB274" s="661"/>
      <c r="BC274" s="661"/>
      <c r="BD274" s="661"/>
      <c r="BE274" s="661"/>
      <c r="BF274" s="661"/>
      <c r="BG274" s="746"/>
      <c r="BH274" s="746"/>
      <c r="BI274" s="746"/>
      <c r="BJ274" s="746"/>
      <c r="BK274" s="746"/>
      <c r="BL274" s="746"/>
      <c r="BM274" s="746"/>
      <c r="BN274" s="746"/>
      <c r="BO274" s="516" t="s">
        <v>66</v>
      </c>
      <c r="BP274" s="516" t="s">
        <v>66</v>
      </c>
      <c r="BQ274" s="516" t="s">
        <v>66</v>
      </c>
      <c r="BR274" s="654"/>
      <c r="BS274" s="884">
        <f t="shared" si="397"/>
        <v>18054</v>
      </c>
      <c r="BT274" s="661">
        <f t="shared" si="442"/>
        <v>20.528923645729478</v>
      </c>
      <c r="BU274" s="661" t="str">
        <f t="shared" si="445"/>
        <v>GOOD</v>
      </c>
      <c r="BV274" s="898">
        <f t="shared" si="424"/>
        <v>102644.61822864739</v>
      </c>
      <c r="BW274" s="898">
        <f t="shared" si="425"/>
        <v>4105.7847291458957</v>
      </c>
      <c r="BX274" s="898">
        <f t="shared" si="426"/>
        <v>9238.0156405782654</v>
      </c>
      <c r="BY274" s="898">
        <f t="shared" si="427"/>
        <v>7185.1232760053172</v>
      </c>
      <c r="BZ274" s="898">
        <f t="shared" si="428"/>
        <v>10264.46182286474</v>
      </c>
      <c r="CA274" s="898">
        <f t="shared" si="429"/>
        <v>9853.8833499501488</v>
      </c>
      <c r="CB274" s="898">
        <f t="shared" si="430"/>
        <v>2052.8923645729478</v>
      </c>
      <c r="CC274" s="898">
        <f t="shared" si="431"/>
        <v>8006.2802218344959</v>
      </c>
      <c r="CD274" s="898">
        <f t="shared" si="432"/>
        <v>10264.46182286474</v>
      </c>
      <c r="CE274" s="898">
        <f t="shared" si="433"/>
        <v>10264.46182286474</v>
      </c>
      <c r="CF274" s="898">
        <f t="shared" si="434"/>
        <v>15396.692734297108</v>
      </c>
      <c r="CG274" s="898">
        <f t="shared" si="435"/>
        <v>4105.7847291458957</v>
      </c>
      <c r="CH274" s="898">
        <f t="shared" si="436"/>
        <v>4803.7681331006979</v>
      </c>
      <c r="CI274" s="898">
        <f t="shared" si="437"/>
        <v>7185.1232760053172</v>
      </c>
      <c r="CJ274" s="898">
        <f t="shared" si="438"/>
        <v>1847.6031281156529</v>
      </c>
      <c r="CK274" s="898">
        <f t="shared" si="439"/>
        <v>1642.3138916583582</v>
      </c>
      <c r="CL274" s="898">
        <f t="shared" si="440"/>
        <v>48858.838276836155</v>
      </c>
      <c r="CM274" s="898" t="str">
        <f t="shared" si="409"/>
        <v/>
      </c>
      <c r="CN274" s="898" t="str">
        <f t="shared" si="410"/>
        <v/>
      </c>
      <c r="CO274" s="898" t="str">
        <f t="shared" si="411"/>
        <v/>
      </c>
      <c r="CP274" s="898" t="str">
        <f t="shared" si="412"/>
        <v/>
      </c>
      <c r="CQ274" s="898" t="str">
        <f t="shared" si="413"/>
        <v/>
      </c>
      <c r="CR274" s="898" t="str">
        <f t="shared" si="414"/>
        <v/>
      </c>
      <c r="CS274" s="898" t="str">
        <f t="shared" si="415"/>
        <v/>
      </c>
      <c r="CT274" s="898" t="str">
        <f t="shared" si="416"/>
        <v/>
      </c>
      <c r="CU274" s="898" t="str">
        <f t="shared" si="417"/>
        <v/>
      </c>
      <c r="CV274" s="898" t="str">
        <f t="shared" si="418"/>
        <v/>
      </c>
      <c r="CW274" s="898" t="str">
        <f t="shared" si="419"/>
        <v/>
      </c>
      <c r="CX274" s="898" t="str">
        <f t="shared" si="420"/>
        <v/>
      </c>
      <c r="CY274" s="898" t="str">
        <f t="shared" si="421"/>
        <v/>
      </c>
      <c r="CZ274" s="898" t="str">
        <f t="shared" si="422"/>
        <v/>
      </c>
      <c r="DA274" s="898" t="str">
        <f t="shared" si="443"/>
        <v/>
      </c>
      <c r="DB274" s="898" t="str">
        <f t="shared" si="443"/>
        <v/>
      </c>
      <c r="DC274" s="898" t="str">
        <f t="shared" si="443"/>
        <v/>
      </c>
      <c r="DD274" s="898" t="str">
        <f t="shared" si="443"/>
        <v/>
      </c>
      <c r="DE274" s="898" t="str">
        <f t="shared" si="443"/>
        <v/>
      </c>
      <c r="DF274" s="898" t="str">
        <f t="shared" si="443"/>
        <v/>
      </c>
      <c r="DG274" s="898" t="str">
        <f t="shared" si="443"/>
        <v/>
      </c>
      <c r="DH274" s="898" t="str">
        <f t="shared" si="443"/>
        <v/>
      </c>
      <c r="DI274" s="898">
        <f t="shared" si="443"/>
        <v>30793.385468594217</v>
      </c>
      <c r="DJ274" s="898">
        <f t="shared" si="443"/>
        <v>32846.277833167165</v>
      </c>
      <c r="DK274" s="898">
        <f t="shared" si="443"/>
        <v>49269.416749750744</v>
      </c>
      <c r="DL274" s="898" t="str">
        <f t="shared" si="443"/>
        <v/>
      </c>
      <c r="DM274" s="661">
        <f t="shared" si="402"/>
        <v>257720.10744848783</v>
      </c>
      <c r="DN274" s="898">
        <f t="shared" si="403"/>
        <v>112909.08005151212</v>
      </c>
      <c r="DO274" s="516">
        <f t="shared" si="404"/>
        <v>0</v>
      </c>
      <c r="DP274" s="898">
        <f t="shared" si="405"/>
        <v>0</v>
      </c>
      <c r="DQ274" s="860" t="s">
        <v>4246</v>
      </c>
      <c r="DR274" s="610" t="s">
        <v>4247</v>
      </c>
      <c r="DS274" s="1221" t="s">
        <v>4248</v>
      </c>
      <c r="DT274" s="632"/>
    </row>
    <row r="275" spans="1:124" ht="57" x14ac:dyDescent="0.2">
      <c r="A275" s="484" t="str">
        <f t="shared" si="396"/>
        <v>Woodhall Farm Local Mobility Hub</v>
      </c>
      <c r="B275" s="1163">
        <v>272</v>
      </c>
      <c r="C275" s="1156" t="s">
        <v>4253</v>
      </c>
      <c r="D275" s="481" t="s">
        <v>2481</v>
      </c>
      <c r="E275" s="481" t="s">
        <v>53</v>
      </c>
      <c r="F275" s="481" t="s">
        <v>655</v>
      </c>
      <c r="G275" s="775" t="s">
        <v>830</v>
      </c>
      <c r="H275" s="855" t="s">
        <v>840</v>
      </c>
      <c r="I275" s="775" t="str">
        <f t="shared" si="444"/>
        <v>LS-4</v>
      </c>
      <c r="J275" s="855" t="s">
        <v>4254</v>
      </c>
      <c r="K275" s="664" t="s">
        <v>3104</v>
      </c>
      <c r="L275" s="852" t="s">
        <v>3167</v>
      </c>
      <c r="M275" s="713" t="s">
        <v>2996</v>
      </c>
      <c r="N275" s="775" t="s">
        <v>81</v>
      </c>
      <c r="O275" s="654" t="s">
        <v>3051</v>
      </c>
      <c r="P275" s="657" t="s">
        <v>61</v>
      </c>
      <c r="Q275" s="852" t="s">
        <v>122</v>
      </c>
      <c r="R275" s="657"/>
      <c r="S275" s="657"/>
      <c r="T275" s="854">
        <v>370629.1875</v>
      </c>
      <c r="U275" s="854"/>
      <c r="V275" s="657" t="s">
        <v>4245</v>
      </c>
      <c r="W275" s="642">
        <f t="shared" si="441"/>
        <v>0</v>
      </c>
      <c r="X275" s="745">
        <f t="shared" si="423"/>
        <v>370629.1875</v>
      </c>
      <c r="Y275" s="745" t="s">
        <v>3106</v>
      </c>
      <c r="Z275" s="745" t="str">
        <f>_xlfn.XLOOKUP(I275, 'CALCS Aecom (July 25 2025)'!F:F, 'CALCS Aecom (July 25 2025)'!W:W)</f>
        <v>Multiple Scenario 2 (Step 6)</v>
      </c>
      <c r="AA275" s="1332" t="s">
        <v>82</v>
      </c>
      <c r="AB275" s="516" t="s">
        <v>66</v>
      </c>
      <c r="AC275" s="516" t="s">
        <v>66</v>
      </c>
      <c r="AD275" s="516" t="s">
        <v>66</v>
      </c>
      <c r="AE275" s="516" t="s">
        <v>66</v>
      </c>
      <c r="AF275" s="516" t="s">
        <v>66</v>
      </c>
      <c r="AG275" s="516" t="s">
        <v>66</v>
      </c>
      <c r="AH275" s="516" t="s">
        <v>66</v>
      </c>
      <c r="AI275" s="516" t="s">
        <v>66</v>
      </c>
      <c r="AJ275" s="516" t="s">
        <v>66</v>
      </c>
      <c r="AK275" s="516" t="s">
        <v>66</v>
      </c>
      <c r="AL275" s="516" t="s">
        <v>66</v>
      </c>
      <c r="AM275" s="516" t="s">
        <v>66</v>
      </c>
      <c r="AN275" s="516" t="s">
        <v>66</v>
      </c>
      <c r="AO275" s="516" t="s">
        <v>66</v>
      </c>
      <c r="AP275" s="516" t="s">
        <v>66</v>
      </c>
      <c r="AQ275" s="516" t="s">
        <v>66</v>
      </c>
      <c r="AR275" s="516" t="s">
        <v>66</v>
      </c>
      <c r="AS275" s="661"/>
      <c r="AT275" s="661"/>
      <c r="AU275" s="661"/>
      <c r="AV275" s="661"/>
      <c r="AW275" s="661"/>
      <c r="AX275" s="661"/>
      <c r="AY275" s="661"/>
      <c r="AZ275" s="661"/>
      <c r="BA275" s="661"/>
      <c r="BB275" s="661"/>
      <c r="BC275" s="661"/>
      <c r="BD275" s="661"/>
      <c r="BE275" s="661"/>
      <c r="BF275" s="661"/>
      <c r="BG275" s="746"/>
      <c r="BH275" s="746"/>
      <c r="BI275" s="746"/>
      <c r="BJ275" s="746"/>
      <c r="BK275" s="746"/>
      <c r="BL275" s="746"/>
      <c r="BM275" s="746"/>
      <c r="BN275" s="746"/>
      <c r="BO275" s="516" t="s">
        <v>66</v>
      </c>
      <c r="BP275" s="516" t="s">
        <v>66</v>
      </c>
      <c r="BQ275" s="516" t="s">
        <v>66</v>
      </c>
      <c r="BR275" s="654"/>
      <c r="BS275" s="884">
        <f t="shared" si="397"/>
        <v>18054</v>
      </c>
      <c r="BT275" s="661">
        <f t="shared" si="442"/>
        <v>20.528923645729478</v>
      </c>
      <c r="BU275" s="661" t="str">
        <f t="shared" si="445"/>
        <v>GOOD</v>
      </c>
      <c r="BV275" s="898">
        <f t="shared" si="424"/>
        <v>102644.61822864739</v>
      </c>
      <c r="BW275" s="898">
        <f t="shared" si="425"/>
        <v>4105.7847291458957</v>
      </c>
      <c r="BX275" s="898">
        <f t="shared" si="426"/>
        <v>9238.0156405782654</v>
      </c>
      <c r="BY275" s="898">
        <f t="shared" si="427"/>
        <v>7185.1232760053172</v>
      </c>
      <c r="BZ275" s="898">
        <f t="shared" si="428"/>
        <v>10264.46182286474</v>
      </c>
      <c r="CA275" s="898">
        <f t="shared" si="429"/>
        <v>9853.8833499501488</v>
      </c>
      <c r="CB275" s="898">
        <f t="shared" si="430"/>
        <v>2052.8923645729478</v>
      </c>
      <c r="CC275" s="898">
        <f t="shared" si="431"/>
        <v>8006.2802218344959</v>
      </c>
      <c r="CD275" s="898">
        <f t="shared" si="432"/>
        <v>10264.46182286474</v>
      </c>
      <c r="CE275" s="898">
        <f t="shared" si="433"/>
        <v>10264.46182286474</v>
      </c>
      <c r="CF275" s="898">
        <f t="shared" si="434"/>
        <v>15396.692734297108</v>
      </c>
      <c r="CG275" s="898">
        <f t="shared" si="435"/>
        <v>4105.7847291458957</v>
      </c>
      <c r="CH275" s="898">
        <f t="shared" si="436"/>
        <v>4803.7681331006979</v>
      </c>
      <c r="CI275" s="898">
        <f t="shared" si="437"/>
        <v>7185.1232760053172</v>
      </c>
      <c r="CJ275" s="898">
        <f t="shared" si="438"/>
        <v>1847.6031281156529</v>
      </c>
      <c r="CK275" s="898">
        <f t="shared" si="439"/>
        <v>1642.3138916583582</v>
      </c>
      <c r="CL275" s="898">
        <f t="shared" si="440"/>
        <v>48858.838276836155</v>
      </c>
      <c r="CM275" s="898" t="str">
        <f t="shared" si="409"/>
        <v/>
      </c>
      <c r="CN275" s="898" t="str">
        <f t="shared" si="410"/>
        <v/>
      </c>
      <c r="CO275" s="898" t="str">
        <f t="shared" si="411"/>
        <v/>
      </c>
      <c r="CP275" s="898" t="str">
        <f t="shared" si="412"/>
        <v/>
      </c>
      <c r="CQ275" s="898" t="str">
        <f t="shared" si="413"/>
        <v/>
      </c>
      <c r="CR275" s="898" t="str">
        <f t="shared" si="414"/>
        <v/>
      </c>
      <c r="CS275" s="898" t="str">
        <f t="shared" si="415"/>
        <v/>
      </c>
      <c r="CT275" s="898" t="str">
        <f t="shared" si="416"/>
        <v/>
      </c>
      <c r="CU275" s="898" t="str">
        <f t="shared" si="417"/>
        <v/>
      </c>
      <c r="CV275" s="898" t="str">
        <f t="shared" si="418"/>
        <v/>
      </c>
      <c r="CW275" s="898" t="str">
        <f t="shared" si="419"/>
        <v/>
      </c>
      <c r="CX275" s="898" t="str">
        <f t="shared" si="420"/>
        <v/>
      </c>
      <c r="CY275" s="898" t="str">
        <f t="shared" si="421"/>
        <v/>
      </c>
      <c r="CZ275" s="898" t="str">
        <f t="shared" si="422"/>
        <v/>
      </c>
      <c r="DA275" s="898" t="str">
        <f t="shared" si="443"/>
        <v/>
      </c>
      <c r="DB275" s="898" t="str">
        <f t="shared" si="443"/>
        <v/>
      </c>
      <c r="DC275" s="898" t="str">
        <f t="shared" si="443"/>
        <v/>
      </c>
      <c r="DD275" s="898" t="str">
        <f t="shared" si="443"/>
        <v/>
      </c>
      <c r="DE275" s="898" t="str">
        <f t="shared" si="443"/>
        <v/>
      </c>
      <c r="DF275" s="898" t="str">
        <f t="shared" si="443"/>
        <v/>
      </c>
      <c r="DG275" s="898" t="str">
        <f t="shared" si="443"/>
        <v/>
      </c>
      <c r="DH275" s="898" t="str">
        <f t="shared" si="443"/>
        <v/>
      </c>
      <c r="DI275" s="898">
        <f t="shared" si="443"/>
        <v>30793.385468594217</v>
      </c>
      <c r="DJ275" s="898">
        <f t="shared" si="443"/>
        <v>32846.277833167165</v>
      </c>
      <c r="DK275" s="898">
        <f t="shared" si="443"/>
        <v>49269.416749750744</v>
      </c>
      <c r="DL275" s="898" t="str">
        <f t="shared" si="443"/>
        <v/>
      </c>
      <c r="DM275" s="661">
        <f t="shared" si="402"/>
        <v>257720.10744848783</v>
      </c>
      <c r="DN275" s="898">
        <f t="shared" si="403"/>
        <v>112909.08005151212</v>
      </c>
      <c r="DO275" s="516">
        <f t="shared" si="404"/>
        <v>0</v>
      </c>
      <c r="DP275" s="898">
        <f t="shared" si="405"/>
        <v>0</v>
      </c>
      <c r="DQ275" s="860" t="s">
        <v>4246</v>
      </c>
      <c r="DR275" s="610" t="s">
        <v>4247</v>
      </c>
      <c r="DS275" s="1221" t="s">
        <v>4248</v>
      </c>
      <c r="DT275" s="632"/>
    </row>
    <row r="276" spans="1:124" ht="57" x14ac:dyDescent="0.2">
      <c r="A276" s="484" t="str">
        <f t="shared" si="396"/>
        <v>Adeyfield Local Mobility Hub</v>
      </c>
      <c r="B276" s="1163">
        <v>273</v>
      </c>
      <c r="C276" s="1156" t="s">
        <v>4255</v>
      </c>
      <c r="D276" s="481" t="s">
        <v>2481</v>
      </c>
      <c r="E276" s="481" t="s">
        <v>53</v>
      </c>
      <c r="F276" s="481" t="s">
        <v>655</v>
      </c>
      <c r="G276" s="775" t="s">
        <v>830</v>
      </c>
      <c r="H276" s="855" t="s">
        <v>842</v>
      </c>
      <c r="I276" s="775" t="str">
        <f t="shared" si="444"/>
        <v>LS-5</v>
      </c>
      <c r="J276" s="855" t="s">
        <v>4256</v>
      </c>
      <c r="K276" s="664" t="s">
        <v>3104</v>
      </c>
      <c r="L276" s="852" t="s">
        <v>3167</v>
      </c>
      <c r="M276" s="713" t="s">
        <v>2996</v>
      </c>
      <c r="N276" s="775" t="s">
        <v>81</v>
      </c>
      <c r="O276" s="654" t="s">
        <v>3051</v>
      </c>
      <c r="P276" s="657" t="s">
        <v>61</v>
      </c>
      <c r="Q276" s="852" t="s">
        <v>122</v>
      </c>
      <c r="R276" s="657"/>
      <c r="S276" s="657"/>
      <c r="T276" s="854">
        <v>370629.1875</v>
      </c>
      <c r="U276" s="854"/>
      <c r="V276" s="657" t="s">
        <v>4245</v>
      </c>
      <c r="W276" s="642">
        <f t="shared" si="441"/>
        <v>0</v>
      </c>
      <c r="X276" s="745">
        <f t="shared" si="423"/>
        <v>370629.1875</v>
      </c>
      <c r="Y276" s="745" t="s">
        <v>3106</v>
      </c>
      <c r="Z276" s="745" t="str">
        <f>_xlfn.XLOOKUP(I276, 'CALCS Aecom (July 25 2025)'!F:F, 'CALCS Aecom (July 25 2025)'!W:W)</f>
        <v>Multiple Scenario 2 (Step 6)</v>
      </c>
      <c r="AA276" s="1332" t="s">
        <v>82</v>
      </c>
      <c r="AB276" s="516" t="s">
        <v>66</v>
      </c>
      <c r="AC276" s="516" t="s">
        <v>66</v>
      </c>
      <c r="AD276" s="516" t="s">
        <v>66</v>
      </c>
      <c r="AE276" s="516" t="s">
        <v>66</v>
      </c>
      <c r="AF276" s="516" t="s">
        <v>66</v>
      </c>
      <c r="AG276" s="516" t="s">
        <v>66</v>
      </c>
      <c r="AH276" s="516" t="s">
        <v>66</v>
      </c>
      <c r="AI276" s="516" t="s">
        <v>66</v>
      </c>
      <c r="AJ276" s="516" t="s">
        <v>66</v>
      </c>
      <c r="AK276" s="516" t="s">
        <v>66</v>
      </c>
      <c r="AL276" s="516" t="s">
        <v>66</v>
      </c>
      <c r="AM276" s="516" t="s">
        <v>66</v>
      </c>
      <c r="AN276" s="516" t="s">
        <v>66</v>
      </c>
      <c r="AO276" s="516" t="s">
        <v>66</v>
      </c>
      <c r="AP276" s="516" t="s">
        <v>66</v>
      </c>
      <c r="AQ276" s="516" t="s">
        <v>66</v>
      </c>
      <c r="AR276" s="516" t="s">
        <v>66</v>
      </c>
      <c r="AS276" s="892"/>
      <c r="AT276" s="892"/>
      <c r="AU276" s="892"/>
      <c r="AV276" s="661"/>
      <c r="AW276" s="892"/>
      <c r="AX276" s="892"/>
      <c r="AY276" s="892"/>
      <c r="AZ276" s="661"/>
      <c r="BA276" s="892"/>
      <c r="BB276" s="661"/>
      <c r="BC276" s="661"/>
      <c r="BD276" s="892"/>
      <c r="BE276" s="661"/>
      <c r="BF276" s="661"/>
      <c r="BG276" s="746"/>
      <c r="BH276" s="746"/>
      <c r="BI276" s="746"/>
      <c r="BJ276" s="746"/>
      <c r="BK276" s="746"/>
      <c r="BL276" s="746"/>
      <c r="BM276" s="746"/>
      <c r="BN276" s="746"/>
      <c r="BO276" s="516" t="s">
        <v>66</v>
      </c>
      <c r="BP276" s="516" t="s">
        <v>66</v>
      </c>
      <c r="BQ276" s="516" t="s">
        <v>66</v>
      </c>
      <c r="BR276" s="654"/>
      <c r="BS276" s="884">
        <f t="shared" si="397"/>
        <v>18054</v>
      </c>
      <c r="BT276" s="661">
        <f t="shared" si="442"/>
        <v>20.528923645729478</v>
      </c>
      <c r="BU276" s="661" t="str">
        <f t="shared" si="445"/>
        <v>GOOD</v>
      </c>
      <c r="BV276" s="898">
        <f t="shared" si="424"/>
        <v>102644.61822864739</v>
      </c>
      <c r="BW276" s="898">
        <f t="shared" si="425"/>
        <v>4105.7847291458957</v>
      </c>
      <c r="BX276" s="898">
        <f t="shared" si="426"/>
        <v>9238.0156405782654</v>
      </c>
      <c r="BY276" s="898">
        <f t="shared" si="427"/>
        <v>7185.1232760053172</v>
      </c>
      <c r="BZ276" s="898">
        <f t="shared" si="428"/>
        <v>10264.46182286474</v>
      </c>
      <c r="CA276" s="898">
        <f t="shared" si="429"/>
        <v>9853.8833499501488</v>
      </c>
      <c r="CB276" s="898">
        <f t="shared" si="430"/>
        <v>2052.8923645729478</v>
      </c>
      <c r="CC276" s="898">
        <f t="shared" si="431"/>
        <v>8006.2802218344959</v>
      </c>
      <c r="CD276" s="898">
        <f t="shared" si="432"/>
        <v>10264.46182286474</v>
      </c>
      <c r="CE276" s="898">
        <f t="shared" si="433"/>
        <v>10264.46182286474</v>
      </c>
      <c r="CF276" s="898">
        <f t="shared" si="434"/>
        <v>15396.692734297108</v>
      </c>
      <c r="CG276" s="898">
        <f t="shared" si="435"/>
        <v>4105.7847291458957</v>
      </c>
      <c r="CH276" s="898">
        <f t="shared" si="436"/>
        <v>4803.7681331006979</v>
      </c>
      <c r="CI276" s="898">
        <f t="shared" si="437"/>
        <v>7185.1232760053172</v>
      </c>
      <c r="CJ276" s="898">
        <f t="shared" si="438"/>
        <v>1847.6031281156529</v>
      </c>
      <c r="CK276" s="898">
        <f t="shared" si="439"/>
        <v>1642.3138916583582</v>
      </c>
      <c r="CL276" s="898">
        <f t="shared" si="440"/>
        <v>48858.838276836155</v>
      </c>
      <c r="CM276" s="898" t="str">
        <f t="shared" si="409"/>
        <v/>
      </c>
      <c r="CN276" s="898" t="str">
        <f t="shared" si="410"/>
        <v/>
      </c>
      <c r="CO276" s="898" t="str">
        <f t="shared" si="411"/>
        <v/>
      </c>
      <c r="CP276" s="898" t="str">
        <f t="shared" si="412"/>
        <v/>
      </c>
      <c r="CQ276" s="898" t="str">
        <f t="shared" si="413"/>
        <v/>
      </c>
      <c r="CR276" s="898" t="str">
        <f t="shared" si="414"/>
        <v/>
      </c>
      <c r="CS276" s="898" t="str">
        <f t="shared" si="415"/>
        <v/>
      </c>
      <c r="CT276" s="898" t="str">
        <f t="shared" si="416"/>
        <v/>
      </c>
      <c r="CU276" s="898" t="str">
        <f t="shared" si="417"/>
        <v/>
      </c>
      <c r="CV276" s="898" t="str">
        <f t="shared" si="418"/>
        <v/>
      </c>
      <c r="CW276" s="898" t="str">
        <f t="shared" si="419"/>
        <v/>
      </c>
      <c r="CX276" s="898" t="str">
        <f t="shared" si="420"/>
        <v/>
      </c>
      <c r="CY276" s="898" t="str">
        <f t="shared" si="421"/>
        <v/>
      </c>
      <c r="CZ276" s="898" t="str">
        <f t="shared" si="422"/>
        <v/>
      </c>
      <c r="DA276" s="898" t="str">
        <f t="shared" si="443"/>
        <v/>
      </c>
      <c r="DB276" s="898" t="str">
        <f t="shared" si="443"/>
        <v/>
      </c>
      <c r="DC276" s="898" t="str">
        <f t="shared" si="443"/>
        <v/>
      </c>
      <c r="DD276" s="898" t="str">
        <f t="shared" si="443"/>
        <v/>
      </c>
      <c r="DE276" s="898" t="str">
        <f t="shared" si="443"/>
        <v/>
      </c>
      <c r="DF276" s="898" t="str">
        <f t="shared" si="443"/>
        <v/>
      </c>
      <c r="DG276" s="898" t="str">
        <f t="shared" si="443"/>
        <v/>
      </c>
      <c r="DH276" s="898" t="str">
        <f t="shared" si="443"/>
        <v/>
      </c>
      <c r="DI276" s="898">
        <f t="shared" si="443"/>
        <v>30793.385468594217</v>
      </c>
      <c r="DJ276" s="898">
        <f t="shared" si="443"/>
        <v>32846.277833167165</v>
      </c>
      <c r="DK276" s="898">
        <f t="shared" si="443"/>
        <v>49269.416749750744</v>
      </c>
      <c r="DL276" s="898" t="str">
        <f t="shared" si="443"/>
        <v/>
      </c>
      <c r="DM276" s="661">
        <f t="shared" si="402"/>
        <v>257720.10744848783</v>
      </c>
      <c r="DN276" s="898">
        <f t="shared" si="403"/>
        <v>112909.08005151212</v>
      </c>
      <c r="DO276" s="516">
        <f t="shared" si="404"/>
        <v>0</v>
      </c>
      <c r="DP276" s="898">
        <f t="shared" si="405"/>
        <v>0</v>
      </c>
      <c r="DQ276" s="860" t="s">
        <v>4246</v>
      </c>
      <c r="DR276" s="610" t="s">
        <v>4247</v>
      </c>
      <c r="DS276" s="1221" t="s">
        <v>4248</v>
      </c>
      <c r="DT276" s="632"/>
    </row>
    <row r="277" spans="1:124" ht="270.75" x14ac:dyDescent="0.2">
      <c r="A277" s="484" t="str">
        <f t="shared" si="396"/>
        <v>Maylands South Local Mobility Hub</v>
      </c>
      <c r="B277" s="1163">
        <v>274</v>
      </c>
      <c r="C277" s="1156" t="s">
        <v>4257</v>
      </c>
      <c r="D277" s="481" t="s">
        <v>2481</v>
      </c>
      <c r="E277" s="481" t="s">
        <v>53</v>
      </c>
      <c r="F277" s="481" t="s">
        <v>655</v>
      </c>
      <c r="G277" s="775" t="s">
        <v>830</v>
      </c>
      <c r="H277" s="855" t="s">
        <v>844</v>
      </c>
      <c r="I277" s="775" t="str">
        <f t="shared" si="444"/>
        <v>LS-6</v>
      </c>
      <c r="J277" s="855" t="s">
        <v>4258</v>
      </c>
      <c r="K277" s="664" t="s">
        <v>3104</v>
      </c>
      <c r="L277" s="852" t="s">
        <v>4259</v>
      </c>
      <c r="M277" s="543" t="s">
        <v>3005</v>
      </c>
      <c r="N277" s="775" t="s">
        <v>8</v>
      </c>
      <c r="O277" s="654" t="s">
        <v>3051</v>
      </c>
      <c r="P277" s="657" t="s">
        <v>61</v>
      </c>
      <c r="Q277" s="852" t="s">
        <v>122</v>
      </c>
      <c r="R277" s="657"/>
      <c r="S277" s="657"/>
      <c r="T277" s="854">
        <v>370629.1875</v>
      </c>
      <c r="U277" s="854"/>
      <c r="V277" s="657" t="s">
        <v>4245</v>
      </c>
      <c r="W277" s="642">
        <f t="shared" si="441"/>
        <v>0</v>
      </c>
      <c r="X277" s="745">
        <f t="shared" si="423"/>
        <v>370629.1875</v>
      </c>
      <c r="Y277" s="745" t="s">
        <v>4260</v>
      </c>
      <c r="Z277" s="745" t="str">
        <f>_xlfn.XLOOKUP(I277, 'CALCS Aecom (July 25 2025)'!F:F, 'CALCS Aecom (July 25 2025)'!W:W)</f>
        <v>Mutliple Scenario 2 (Step 5)</v>
      </c>
      <c r="AA277" s="1332" t="s">
        <v>82</v>
      </c>
      <c r="AB277" s="713" t="str">
        <f t="shared" ref="AB277:AK278" si="446">IF(BV277&gt;0, "Yes", "")</f>
        <v>Yes</v>
      </c>
      <c r="AC277" s="713" t="str">
        <f t="shared" si="446"/>
        <v>Yes</v>
      </c>
      <c r="AD277" s="713" t="str">
        <f t="shared" si="446"/>
        <v>Yes</v>
      </c>
      <c r="AE277" s="713" t="str">
        <f t="shared" si="446"/>
        <v>Yes</v>
      </c>
      <c r="AF277" s="713" t="str">
        <f t="shared" si="446"/>
        <v>Yes</v>
      </c>
      <c r="AG277" s="713" t="str">
        <f t="shared" si="446"/>
        <v>Yes</v>
      </c>
      <c r="AH277" s="713" t="str">
        <f t="shared" si="446"/>
        <v>Yes</v>
      </c>
      <c r="AI277" s="713" t="str">
        <f t="shared" si="446"/>
        <v>Yes</v>
      </c>
      <c r="AJ277" s="713" t="str">
        <f t="shared" si="446"/>
        <v>Yes</v>
      </c>
      <c r="AK277" s="713" t="str">
        <f t="shared" si="446"/>
        <v>Yes</v>
      </c>
      <c r="AL277" s="713" t="str">
        <f t="shared" ref="AL277:AR278" si="447">IF(CF277&gt;0, "Yes", "")</f>
        <v>Yes</v>
      </c>
      <c r="AM277" s="713" t="str">
        <f t="shared" si="447"/>
        <v>Yes</v>
      </c>
      <c r="AN277" s="713" t="str">
        <f t="shared" si="447"/>
        <v>Yes</v>
      </c>
      <c r="AO277" s="713" t="str">
        <f t="shared" si="447"/>
        <v>Yes</v>
      </c>
      <c r="AP277" s="713" t="str">
        <f t="shared" si="447"/>
        <v>Yes</v>
      </c>
      <c r="AQ277" s="713" t="str">
        <f t="shared" si="447"/>
        <v/>
      </c>
      <c r="AR277" s="713" t="str">
        <f t="shared" si="447"/>
        <v/>
      </c>
      <c r="AS277" s="661"/>
      <c r="AT277" s="661"/>
      <c r="AU277" s="661"/>
      <c r="AV277" s="661"/>
      <c r="AW277" s="661"/>
      <c r="AX277" s="661"/>
      <c r="AY277" s="661"/>
      <c r="AZ277" s="661"/>
      <c r="BA277" s="661"/>
      <c r="BB277" s="661"/>
      <c r="BC277" s="661"/>
      <c r="BD277" s="661"/>
      <c r="BE277" s="661"/>
      <c r="BF277" s="661"/>
      <c r="BG277" s="746"/>
      <c r="BH277" s="746"/>
      <c r="BI277" s="746"/>
      <c r="BJ277" s="746"/>
      <c r="BK277" s="746"/>
      <c r="BL277" s="746"/>
      <c r="BM277" s="746"/>
      <c r="BN277" s="746"/>
      <c r="BO277" s="892" t="str">
        <f t="shared" ref="BO277:BR278" si="448">IF(DI277&gt;0, "Yes", "")</f>
        <v/>
      </c>
      <c r="BP277" s="892" t="str">
        <f t="shared" si="448"/>
        <v/>
      </c>
      <c r="BQ277" s="892" t="str">
        <f t="shared" si="448"/>
        <v>Yes</v>
      </c>
      <c r="BR277" s="892" t="str">
        <f t="shared" si="448"/>
        <v>Yes</v>
      </c>
      <c r="BS277" s="884">
        <f t="shared" si="397"/>
        <v>15665</v>
      </c>
      <c r="BT277" s="661">
        <f t="shared" si="442"/>
        <v>23.65969917012448</v>
      </c>
      <c r="BU277" s="661" t="str">
        <f t="shared" si="445"/>
        <v>GOOD</v>
      </c>
      <c r="BV277" s="1149">
        <f>$X277*_xlfn.XLOOKUP($I277, 'CALCS Aecom (July 25 2025)'!$F:$F, 'CALCS Aecom (July 25 2025)'!BZ:BZ)</f>
        <v>53626.626896149355</v>
      </c>
      <c r="BW277" s="1149">
        <f>$X277*_xlfn.XLOOKUP($I277, 'CALCS Aecom (July 25 2025)'!$F:$F, 'CALCS Aecom (July 25 2025)'!CC:CC)</f>
        <v>2162.3639877479582</v>
      </c>
      <c r="BX277" s="1149">
        <f>$X277*_xlfn.XLOOKUP($I277, 'CALCS Aecom (July 25 2025)'!$F:$F, 'CALCS Aecom (July 25 2025)'!CI:CI)</f>
        <v>7352.0375583430578</v>
      </c>
      <c r="BY277" s="1149">
        <f>$X277*_xlfn.XLOOKUP($I277, 'CALCS Aecom (July 25 2025)'!$F:$F, 'CALCS Aecom (July 25 2025)'!BQ:BQ)</f>
        <v>8649.4559509918327</v>
      </c>
      <c r="BZ277" s="1149">
        <f>$X277*_xlfn.XLOOKUP($I277, 'CALCS Aecom (July 25 2025)'!$F:$F, 'CALCS Aecom (July 25 2025)'!BV:BV)</f>
        <v>16433.966306884482</v>
      </c>
      <c r="CA277" s="1149">
        <f>$X277*_xlfn.XLOOKUP($I277, 'CALCS Aecom (July 25 2025)'!$F:$F, 'CALCS Aecom (July 25 2025)'!BR:BR)</f>
        <v>6054.6191656942819</v>
      </c>
      <c r="CB277" s="1149">
        <f>$X277*_xlfn.XLOOKUP($I277, 'CALCS Aecom (July 25 2025)'!$F:$F, 'CALCS Aecom (July 25 2025)'!CD:CD)</f>
        <v>864.94559509918315</v>
      </c>
      <c r="CC277" s="1149">
        <f>$X277*_xlfn.XLOOKUP($I277, 'CALCS Aecom (July 25 2025)'!$F:$F, 'CALCS Aecom (July 25 2025)'!BT:BT)</f>
        <v>6487.0919632438736</v>
      </c>
      <c r="CD277" s="1149">
        <f>$X277*_xlfn.XLOOKUP($I277, 'CALCS Aecom (July 25 2025)'!$F:$F, 'CALCS Aecom (July 25 2025)'!BU:BU)</f>
        <v>15136.547914235707</v>
      </c>
      <c r="CE277" s="1149">
        <f>$X277*_xlfn.XLOOKUP($I277, 'CALCS Aecom (July 25 2025)'!$F:$F, 'CALCS Aecom (July 25 2025)'!BW:BW)</f>
        <v>24650.949460326719</v>
      </c>
      <c r="CF277" s="1149">
        <f>$X277*_xlfn.XLOOKUP($I277, 'CALCS Aecom (July 25 2025)'!$F:$F, 'CALCS Aecom (July 25 2025)'!BS:BS)</f>
        <v>9081.9287485414225</v>
      </c>
      <c r="CG277" s="1149">
        <f>$X277*_xlfn.XLOOKUP($I277, 'CALCS Aecom (July 25 2025)'!$F:$F, 'CALCS Aecom (July 25 2025)'!CE:CE)</f>
        <v>2162.3639877479582</v>
      </c>
      <c r="CH277" s="1149">
        <f>$X277*_xlfn.XLOOKUP($I277, 'CALCS Aecom (July 25 2025)'!$F:$F, 'CALCS Aecom (July 25 2025)'!CJ:CJ)</f>
        <v>9081.9287485414225</v>
      </c>
      <c r="CI277" s="1149">
        <f>$X277*_xlfn.XLOOKUP($I277, 'CALCS Aecom (July 25 2025)'!$F:$F, 'CALCS Aecom (July 25 2025)'!CB:CB)</f>
        <v>4324.7279754959163</v>
      </c>
      <c r="CJ277" s="1149">
        <f>$X277*_xlfn.XLOOKUP($I277, 'CALCS Aecom (July 25 2025)'!$F:$F, 'CALCS Aecom (July 25 2025)'!CF:CF)</f>
        <v>1297.4183926487749</v>
      </c>
      <c r="CK277" s="1149">
        <f>$X277*_xlfn.XLOOKUP($I277, 'CALCS Aecom (July 25 2025)'!$F:$F, 'CALCS Aecom (July 25 2025)'!CG:CG)</f>
        <v>0</v>
      </c>
      <c r="CL277" s="1149"/>
      <c r="CM277" s="898"/>
      <c r="CN277" s="898"/>
      <c r="CO277" s="898"/>
      <c r="CP277" s="898"/>
      <c r="CQ277" s="898"/>
      <c r="CR277" s="898"/>
      <c r="CS277" s="898"/>
      <c r="CT277" s="898"/>
      <c r="CU277" s="898"/>
      <c r="CV277" s="898"/>
      <c r="CW277" s="898"/>
      <c r="CX277" s="898"/>
      <c r="CY277" s="898"/>
      <c r="CZ277" s="898"/>
      <c r="DA277" s="898"/>
      <c r="DB277" s="898"/>
      <c r="DC277" s="898"/>
      <c r="DD277" s="898"/>
      <c r="DE277" s="898"/>
      <c r="DF277" s="898"/>
      <c r="DG277" s="898"/>
      <c r="DH277" s="898"/>
      <c r="DI277" s="1149">
        <f>$X277*_xlfn.XLOOKUP($I277, 'CALCS Aecom (July 25 2025)'!$F:$F, 'CALCS Aecom (July 25 2025)'!CA:CA)</f>
        <v>0</v>
      </c>
      <c r="DJ277" s="1149">
        <f>$X277*_xlfn.XLOOKUP($I277, 'CALCS Aecom (July 25 2025)'!$F:$F, 'CALCS Aecom (July 25 2025)'!BX:BX)</f>
        <v>0</v>
      </c>
      <c r="DK277" s="1149">
        <f>$X277*_xlfn.XLOOKUP($I277, 'CALCS Aecom (July 25 2025)'!$F:$F, 'CALCS Aecom (July 25 2025)'!BY:BY)</f>
        <v>134931.51283547259</v>
      </c>
      <c r="DL277" s="1149">
        <f>$X277*_xlfn.XLOOKUP($I277, 'CALCS Aecom (July 25 2025)'!$F:$F, 'CALCS Aecom (July 25 2025)'!CH:CH)</f>
        <v>68330.702012835478</v>
      </c>
      <c r="DM277" s="661">
        <f t="shared" si="402"/>
        <v>167366.97265169196</v>
      </c>
      <c r="DN277" s="898">
        <f t="shared" si="403"/>
        <v>203262.21484830807</v>
      </c>
      <c r="DO277" s="516">
        <f t="shared" si="404"/>
        <v>0</v>
      </c>
      <c r="DP277" s="898">
        <f t="shared" si="405"/>
        <v>0</v>
      </c>
      <c r="DQ277" s="860" t="s">
        <v>4246</v>
      </c>
      <c r="DR277" s="860" t="s">
        <v>4261</v>
      </c>
      <c r="DS277" s="1221" t="s">
        <v>4248</v>
      </c>
      <c r="DT277" s="632"/>
    </row>
    <row r="278" spans="1:124" ht="99.75" x14ac:dyDescent="0.2">
      <c r="A278" s="484" t="str">
        <f t="shared" si="396"/>
        <v>Jarman Park Local Mobility Hub</v>
      </c>
      <c r="B278" s="1163">
        <v>275</v>
      </c>
      <c r="C278" s="1156" t="s">
        <v>4262</v>
      </c>
      <c r="D278" s="481" t="s">
        <v>2481</v>
      </c>
      <c r="E278" s="481" t="s">
        <v>53</v>
      </c>
      <c r="F278" s="481" t="s">
        <v>655</v>
      </c>
      <c r="G278" s="775" t="s">
        <v>830</v>
      </c>
      <c r="H278" s="855" t="s">
        <v>847</v>
      </c>
      <c r="I278" s="775" t="str">
        <f t="shared" si="444"/>
        <v>LS-7</v>
      </c>
      <c r="J278" s="855" t="s">
        <v>4263</v>
      </c>
      <c r="K278" s="664" t="s">
        <v>3104</v>
      </c>
      <c r="L278" s="852" t="s">
        <v>4264</v>
      </c>
      <c r="M278" s="657" t="s">
        <v>2996</v>
      </c>
      <c r="N278" s="775" t="s">
        <v>81</v>
      </c>
      <c r="O278" s="654" t="s">
        <v>3051</v>
      </c>
      <c r="P278" s="657" t="s">
        <v>61</v>
      </c>
      <c r="Q278" s="852" t="s">
        <v>122</v>
      </c>
      <c r="R278" s="657"/>
      <c r="S278" s="657"/>
      <c r="T278" s="854">
        <v>370629.1875</v>
      </c>
      <c r="U278" s="854"/>
      <c r="V278" s="657" t="s">
        <v>4245</v>
      </c>
      <c r="W278" s="642">
        <f t="shared" si="441"/>
        <v>0</v>
      </c>
      <c r="X278" s="745">
        <f t="shared" si="423"/>
        <v>370629.1875</v>
      </c>
      <c r="Y278" s="745" t="s">
        <v>4260</v>
      </c>
      <c r="Z278" s="745" t="str">
        <f>_xlfn.XLOOKUP(I278, 'CALCS Aecom (July 25 2025)'!F:F, 'CALCS Aecom (July 25 2025)'!W:W)</f>
        <v>Mutliple Scenario 2 (Step 5)</v>
      </c>
      <c r="AA278" s="1330" t="s">
        <v>3220</v>
      </c>
      <c r="AB278" s="713" t="str">
        <f t="shared" si="446"/>
        <v>Yes</v>
      </c>
      <c r="AC278" s="713" t="str">
        <f t="shared" si="446"/>
        <v/>
      </c>
      <c r="AD278" s="713" t="str">
        <f t="shared" si="446"/>
        <v/>
      </c>
      <c r="AE278" s="713" t="str">
        <f t="shared" si="446"/>
        <v/>
      </c>
      <c r="AF278" s="713" t="str">
        <f t="shared" si="446"/>
        <v/>
      </c>
      <c r="AG278" s="713" t="str">
        <f t="shared" si="446"/>
        <v/>
      </c>
      <c r="AH278" s="713" t="str">
        <f t="shared" si="446"/>
        <v/>
      </c>
      <c r="AI278" s="713" t="str">
        <f t="shared" si="446"/>
        <v/>
      </c>
      <c r="AJ278" s="713" t="str">
        <f t="shared" si="446"/>
        <v/>
      </c>
      <c r="AK278" s="713" t="str">
        <f t="shared" si="446"/>
        <v>Yes</v>
      </c>
      <c r="AL278" s="713" t="str">
        <f t="shared" si="447"/>
        <v/>
      </c>
      <c r="AM278" s="713" t="str">
        <f t="shared" si="447"/>
        <v/>
      </c>
      <c r="AN278" s="713" t="str">
        <f t="shared" si="447"/>
        <v/>
      </c>
      <c r="AO278" s="713" t="str">
        <f t="shared" si="447"/>
        <v>Yes</v>
      </c>
      <c r="AP278" s="713" t="str">
        <f t="shared" si="447"/>
        <v/>
      </c>
      <c r="AQ278" s="713" t="str">
        <f t="shared" si="447"/>
        <v/>
      </c>
      <c r="AR278" s="713" t="str">
        <f t="shared" si="447"/>
        <v/>
      </c>
      <c r="AS278" s="892"/>
      <c r="AT278" s="892"/>
      <c r="AU278" s="892"/>
      <c r="AV278" s="661"/>
      <c r="AW278" s="892"/>
      <c r="AX278" s="892"/>
      <c r="AY278" s="892"/>
      <c r="AZ278" s="661"/>
      <c r="BA278" s="892"/>
      <c r="BB278" s="661"/>
      <c r="BC278" s="661"/>
      <c r="BD278" s="892"/>
      <c r="BE278" s="661"/>
      <c r="BF278" s="661"/>
      <c r="BG278" s="746"/>
      <c r="BH278" s="746"/>
      <c r="BI278" s="746"/>
      <c r="BJ278" s="746"/>
      <c r="BK278" s="746"/>
      <c r="BL278" s="746"/>
      <c r="BM278" s="746"/>
      <c r="BN278" s="746"/>
      <c r="BO278" s="892" t="str">
        <f t="shared" si="448"/>
        <v/>
      </c>
      <c r="BP278" s="892" t="str">
        <f t="shared" si="448"/>
        <v>Yes</v>
      </c>
      <c r="BQ278" s="892" t="str">
        <f t="shared" si="448"/>
        <v>Yes</v>
      </c>
      <c r="BR278" s="892" t="str">
        <f t="shared" si="448"/>
        <v>Yes</v>
      </c>
      <c r="BS278" s="884">
        <f t="shared" si="397"/>
        <v>13021</v>
      </c>
      <c r="BT278" s="661">
        <f t="shared" si="442"/>
        <v>28.463957261347055</v>
      </c>
      <c r="BU278" s="661" t="str">
        <f t="shared" si="445"/>
        <v>GOOD</v>
      </c>
      <c r="BV278" s="1149">
        <f>$X278*_xlfn.XLOOKUP($I278, 'CALCS Aecom (July 25 2025)'!$F:$F, 'CALCS Aecom (July 25 2025)'!BZ:BZ)</f>
        <v>74125.837500000009</v>
      </c>
      <c r="BW278" s="1149">
        <f>$X278*_xlfn.XLOOKUP($I278, 'CALCS Aecom (July 25 2025)'!$F:$F, 'CALCS Aecom (July 25 2025)'!CC:CC)</f>
        <v>0</v>
      </c>
      <c r="BX278" s="1149">
        <f>$X278*_xlfn.XLOOKUP($I278, 'CALCS Aecom (July 25 2025)'!$F:$F, 'CALCS Aecom (July 25 2025)'!CI:CI)</f>
        <v>0</v>
      </c>
      <c r="BY278" s="1149">
        <f>$X278*_xlfn.XLOOKUP($I278, 'CALCS Aecom (July 25 2025)'!$F:$F, 'CALCS Aecom (July 25 2025)'!BQ:BQ)</f>
        <v>0</v>
      </c>
      <c r="BZ278" s="1149">
        <f>$X278*_xlfn.XLOOKUP($I278, 'CALCS Aecom (July 25 2025)'!$F:$F, 'CALCS Aecom (July 25 2025)'!BV:BV)</f>
        <v>0</v>
      </c>
      <c r="CA278" s="1149">
        <f>$X278*_xlfn.XLOOKUP($I278, 'CALCS Aecom (July 25 2025)'!$F:$F, 'CALCS Aecom (July 25 2025)'!BR:BR)</f>
        <v>0</v>
      </c>
      <c r="CB278" s="1149">
        <f>$X278*_xlfn.XLOOKUP($I278, 'CALCS Aecom (July 25 2025)'!$F:$F, 'CALCS Aecom (July 25 2025)'!CD:CD)</f>
        <v>0</v>
      </c>
      <c r="CC278" s="1149">
        <f>$X278*_xlfn.XLOOKUP($I278, 'CALCS Aecom (July 25 2025)'!$F:$F, 'CALCS Aecom (July 25 2025)'!BT:BT)</f>
        <v>0</v>
      </c>
      <c r="CD278" s="1149">
        <f>$X278*_xlfn.XLOOKUP($I278, 'CALCS Aecom (July 25 2025)'!$F:$F, 'CALCS Aecom (July 25 2025)'!BU:BU)</f>
        <v>0</v>
      </c>
      <c r="CE278" s="1149">
        <f>$X278*_xlfn.XLOOKUP($I278, 'CALCS Aecom (July 25 2025)'!$F:$F, 'CALCS Aecom (July 25 2025)'!BW:BW)</f>
        <v>37062.918750000004</v>
      </c>
      <c r="CF278" s="1149">
        <f>$X278*_xlfn.XLOOKUP($I278, 'CALCS Aecom (July 25 2025)'!$F:$F, 'CALCS Aecom (July 25 2025)'!BS:BS)</f>
        <v>0</v>
      </c>
      <c r="CG278" s="1149">
        <f>$X278*_xlfn.XLOOKUP($I278, 'CALCS Aecom (July 25 2025)'!$F:$F, 'CALCS Aecom (July 25 2025)'!CE:CE)</f>
        <v>0</v>
      </c>
      <c r="CH278" s="1149">
        <f>$X278*_xlfn.XLOOKUP($I278, 'CALCS Aecom (July 25 2025)'!$F:$F, 'CALCS Aecom (July 25 2025)'!CJ:CJ)</f>
        <v>0</v>
      </c>
      <c r="CI278" s="1149">
        <f>$X278*_xlfn.XLOOKUP($I278, 'CALCS Aecom (July 25 2025)'!$F:$F, 'CALCS Aecom (July 25 2025)'!CB:CB)</f>
        <v>37062.918750000004</v>
      </c>
      <c r="CJ278" s="1149">
        <f>$X278*_xlfn.XLOOKUP($I278, 'CALCS Aecom (July 25 2025)'!$F:$F, 'CALCS Aecom (July 25 2025)'!CF:CF)</f>
        <v>0</v>
      </c>
      <c r="CK278" s="1149">
        <f>$X278*_xlfn.XLOOKUP($I278, 'CALCS Aecom (July 25 2025)'!$F:$F, 'CALCS Aecom (July 25 2025)'!CG:CG)</f>
        <v>0</v>
      </c>
      <c r="CL278" s="1149"/>
      <c r="CM278" s="898"/>
      <c r="CN278" s="898"/>
      <c r="CO278" s="898"/>
      <c r="CP278" s="898"/>
      <c r="CQ278" s="898"/>
      <c r="CR278" s="898"/>
      <c r="CS278" s="898"/>
      <c r="CT278" s="898"/>
      <c r="CU278" s="898"/>
      <c r="CV278" s="898"/>
      <c r="CW278" s="898"/>
      <c r="CX278" s="898"/>
      <c r="CY278" s="898"/>
      <c r="CZ278" s="898"/>
      <c r="DA278" s="898"/>
      <c r="DB278" s="898"/>
      <c r="DC278" s="898"/>
      <c r="DD278" s="898"/>
      <c r="DE278" s="898"/>
      <c r="DF278" s="898"/>
      <c r="DG278" s="898"/>
      <c r="DH278" s="898"/>
      <c r="DI278" s="1149">
        <f>$X278*_xlfn.XLOOKUP($I278, 'CALCS Aecom (July 25 2025)'!$F:$F, 'CALCS Aecom (July 25 2025)'!CA:CA)</f>
        <v>0</v>
      </c>
      <c r="DJ278" s="1149">
        <f>$X278*_xlfn.XLOOKUP($I278, 'CALCS Aecom (July 25 2025)'!$F:$F, 'CALCS Aecom (July 25 2025)'!BX:BX)</f>
        <v>37062.918750000004</v>
      </c>
      <c r="DK278" s="1149">
        <f>$X278*_xlfn.XLOOKUP($I278, 'CALCS Aecom (July 25 2025)'!$F:$F, 'CALCS Aecom (July 25 2025)'!BY:BY)</f>
        <v>148251.67500000002</v>
      </c>
      <c r="DL278" s="1149">
        <f>$X278*_xlfn.XLOOKUP($I278, 'CALCS Aecom (July 25 2025)'!$F:$F, 'CALCS Aecom (July 25 2025)'!CH:CH)</f>
        <v>37062.918750000004</v>
      </c>
      <c r="DM278" s="661">
        <f t="shared" si="402"/>
        <v>148251.67500000002</v>
      </c>
      <c r="DN278" s="898">
        <f t="shared" si="403"/>
        <v>222377.51250000004</v>
      </c>
      <c r="DO278" s="516">
        <f t="shared" si="404"/>
        <v>0</v>
      </c>
      <c r="DP278" s="898">
        <f t="shared" si="405"/>
        <v>0</v>
      </c>
      <c r="DQ278" s="860" t="s">
        <v>4246</v>
      </c>
      <c r="DR278" s="860" t="s">
        <v>4261</v>
      </c>
      <c r="DS278" s="1221" t="s">
        <v>4265</v>
      </c>
      <c r="DT278" s="632"/>
    </row>
    <row r="279" spans="1:124" ht="57" x14ac:dyDescent="0.2">
      <c r="A279" s="484" t="str">
        <f t="shared" si="396"/>
        <v>Bennetts End Local Mobility Hub</v>
      </c>
      <c r="B279" s="1163">
        <v>276</v>
      </c>
      <c r="C279" s="1156" t="s">
        <v>4266</v>
      </c>
      <c r="D279" s="481" t="s">
        <v>2481</v>
      </c>
      <c r="E279" s="481" t="s">
        <v>53</v>
      </c>
      <c r="F279" s="481" t="s">
        <v>655</v>
      </c>
      <c r="G279" s="775" t="s">
        <v>830</v>
      </c>
      <c r="H279" s="855" t="s">
        <v>849</v>
      </c>
      <c r="I279" s="775" t="str">
        <f t="shared" si="444"/>
        <v>LS-8</v>
      </c>
      <c r="J279" s="855" t="s">
        <v>4267</v>
      </c>
      <c r="K279" s="664" t="s">
        <v>3104</v>
      </c>
      <c r="L279" s="852" t="s">
        <v>3167</v>
      </c>
      <c r="M279" s="713" t="s">
        <v>2996</v>
      </c>
      <c r="N279" s="775" t="s">
        <v>81</v>
      </c>
      <c r="O279" s="654" t="s">
        <v>3051</v>
      </c>
      <c r="P279" s="657" t="s">
        <v>61</v>
      </c>
      <c r="Q279" s="852" t="s">
        <v>122</v>
      </c>
      <c r="R279" s="657"/>
      <c r="S279" s="657"/>
      <c r="T279" s="854">
        <v>370629.1875</v>
      </c>
      <c r="U279" s="854"/>
      <c r="V279" s="657" t="s">
        <v>4245</v>
      </c>
      <c r="W279" s="642">
        <f t="shared" si="441"/>
        <v>0</v>
      </c>
      <c r="X279" s="745">
        <f t="shared" si="423"/>
        <v>370629.1875</v>
      </c>
      <c r="Y279" s="745" t="s">
        <v>3106</v>
      </c>
      <c r="Z279" s="745" t="str">
        <f>_xlfn.XLOOKUP(I279, 'CALCS Aecom (July 25 2025)'!F:F, 'CALCS Aecom (July 25 2025)'!W:W)</f>
        <v>Multiple Scenario 2 (Step 6)</v>
      </c>
      <c r="AA279" s="1332" t="s">
        <v>82</v>
      </c>
      <c r="AB279" s="516" t="s">
        <v>66</v>
      </c>
      <c r="AC279" s="516" t="s">
        <v>66</v>
      </c>
      <c r="AD279" s="516" t="s">
        <v>66</v>
      </c>
      <c r="AE279" s="516" t="s">
        <v>66</v>
      </c>
      <c r="AF279" s="516" t="s">
        <v>66</v>
      </c>
      <c r="AG279" s="516" t="s">
        <v>66</v>
      </c>
      <c r="AH279" s="516" t="s">
        <v>66</v>
      </c>
      <c r="AI279" s="516" t="s">
        <v>66</v>
      </c>
      <c r="AJ279" s="516" t="s">
        <v>66</v>
      </c>
      <c r="AK279" s="516" t="s">
        <v>66</v>
      </c>
      <c r="AL279" s="516" t="s">
        <v>66</v>
      </c>
      <c r="AM279" s="516" t="s">
        <v>66</v>
      </c>
      <c r="AN279" s="516" t="s">
        <v>66</v>
      </c>
      <c r="AO279" s="516" t="s">
        <v>66</v>
      </c>
      <c r="AP279" s="516" t="s">
        <v>66</v>
      </c>
      <c r="AQ279" s="516" t="s">
        <v>66</v>
      </c>
      <c r="AR279" s="516" t="s">
        <v>66</v>
      </c>
      <c r="AS279" s="892"/>
      <c r="AT279" s="892"/>
      <c r="AU279" s="892"/>
      <c r="AV279" s="661"/>
      <c r="AW279" s="892"/>
      <c r="AX279" s="892"/>
      <c r="AY279" s="892"/>
      <c r="AZ279" s="661"/>
      <c r="BA279" s="892"/>
      <c r="BB279" s="661"/>
      <c r="BC279" s="661"/>
      <c r="BD279" s="892"/>
      <c r="BE279" s="661"/>
      <c r="BF279" s="661"/>
      <c r="BG279" s="746"/>
      <c r="BH279" s="746"/>
      <c r="BI279" s="746"/>
      <c r="BJ279" s="746"/>
      <c r="BK279" s="746"/>
      <c r="BL279" s="746"/>
      <c r="BM279" s="746"/>
      <c r="BN279" s="746"/>
      <c r="BO279" s="516" t="s">
        <v>66</v>
      </c>
      <c r="BP279" s="516" t="s">
        <v>66</v>
      </c>
      <c r="BQ279" s="516" t="s">
        <v>66</v>
      </c>
      <c r="BR279" s="654"/>
      <c r="BS279" s="884">
        <f t="shared" si="397"/>
        <v>18054</v>
      </c>
      <c r="BT279" s="661">
        <f t="shared" si="442"/>
        <v>20.528923645729478</v>
      </c>
      <c r="BU279" s="661" t="str">
        <f t="shared" si="445"/>
        <v>GOOD</v>
      </c>
      <c r="BV279" s="898">
        <f t="shared" ref="BV279:CE285" si="449">IF(AB279="yes",(AB$3*$BT279),"")</f>
        <v>102644.61822864739</v>
      </c>
      <c r="BW279" s="898">
        <f t="shared" si="449"/>
        <v>4105.7847291458957</v>
      </c>
      <c r="BX279" s="898">
        <f t="shared" si="449"/>
        <v>9238.0156405782654</v>
      </c>
      <c r="BY279" s="898">
        <f t="shared" si="449"/>
        <v>7185.1232760053172</v>
      </c>
      <c r="BZ279" s="898">
        <f t="shared" si="449"/>
        <v>10264.46182286474</v>
      </c>
      <c r="CA279" s="898">
        <f t="shared" si="449"/>
        <v>9853.8833499501488</v>
      </c>
      <c r="CB279" s="898">
        <f t="shared" si="449"/>
        <v>2052.8923645729478</v>
      </c>
      <c r="CC279" s="898">
        <f t="shared" si="449"/>
        <v>8006.2802218344959</v>
      </c>
      <c r="CD279" s="898">
        <f t="shared" si="449"/>
        <v>10264.46182286474</v>
      </c>
      <c r="CE279" s="898">
        <f t="shared" si="449"/>
        <v>10264.46182286474</v>
      </c>
      <c r="CF279" s="898">
        <f t="shared" ref="CF279:CO285" si="450">IF(AL279="yes",(AL$3*$BT279),"")</f>
        <v>15396.692734297108</v>
      </c>
      <c r="CG279" s="898">
        <f t="shared" si="450"/>
        <v>4105.7847291458957</v>
      </c>
      <c r="CH279" s="898">
        <f t="shared" si="450"/>
        <v>4803.7681331006979</v>
      </c>
      <c r="CI279" s="898">
        <f t="shared" si="450"/>
        <v>7185.1232760053172</v>
      </c>
      <c r="CJ279" s="898">
        <f t="shared" si="450"/>
        <v>1847.6031281156529</v>
      </c>
      <c r="CK279" s="898">
        <f t="shared" si="450"/>
        <v>1642.3138916583582</v>
      </c>
      <c r="CL279" s="898">
        <f t="shared" si="450"/>
        <v>48858.838276836155</v>
      </c>
      <c r="CM279" s="898" t="str">
        <f t="shared" si="450"/>
        <v/>
      </c>
      <c r="CN279" s="898" t="str">
        <f t="shared" si="450"/>
        <v/>
      </c>
      <c r="CO279" s="898" t="str">
        <f t="shared" si="450"/>
        <v/>
      </c>
      <c r="CP279" s="898" t="str">
        <f t="shared" ref="CP279:CY285" si="451">IF(AV279="yes",(AV$3*$BT279),"")</f>
        <v/>
      </c>
      <c r="CQ279" s="898" t="str">
        <f t="shared" si="451"/>
        <v/>
      </c>
      <c r="CR279" s="898" t="str">
        <f t="shared" si="451"/>
        <v/>
      </c>
      <c r="CS279" s="898" t="str">
        <f t="shared" si="451"/>
        <v/>
      </c>
      <c r="CT279" s="898" t="str">
        <f t="shared" si="451"/>
        <v/>
      </c>
      <c r="CU279" s="898" t="str">
        <f t="shared" si="451"/>
        <v/>
      </c>
      <c r="CV279" s="898" t="str">
        <f t="shared" si="451"/>
        <v/>
      </c>
      <c r="CW279" s="898" t="str">
        <f t="shared" si="451"/>
        <v/>
      </c>
      <c r="CX279" s="898" t="str">
        <f t="shared" si="451"/>
        <v/>
      </c>
      <c r="CY279" s="898" t="str">
        <f t="shared" si="451"/>
        <v/>
      </c>
      <c r="CZ279" s="898" t="str">
        <f t="shared" ref="CZ279:DI285" si="452">IF(BF279="yes",(BF$3*$BT279),"")</f>
        <v/>
      </c>
      <c r="DA279" s="898" t="str">
        <f t="shared" si="452"/>
        <v/>
      </c>
      <c r="DB279" s="898" t="str">
        <f t="shared" si="452"/>
        <v/>
      </c>
      <c r="DC279" s="898" t="str">
        <f t="shared" si="452"/>
        <v/>
      </c>
      <c r="DD279" s="898" t="str">
        <f t="shared" si="452"/>
        <v/>
      </c>
      <c r="DE279" s="898" t="str">
        <f t="shared" si="452"/>
        <v/>
      </c>
      <c r="DF279" s="898" t="str">
        <f t="shared" si="452"/>
        <v/>
      </c>
      <c r="DG279" s="898" t="str">
        <f t="shared" si="452"/>
        <v/>
      </c>
      <c r="DH279" s="898" t="str">
        <f t="shared" si="452"/>
        <v/>
      </c>
      <c r="DI279" s="898">
        <f t="shared" si="452"/>
        <v>30793.385468594217</v>
      </c>
      <c r="DJ279" s="898">
        <f t="shared" ref="DJ279:DL285" si="453">IF(BP279="yes",(BP$3*$BT279),"")</f>
        <v>32846.277833167165</v>
      </c>
      <c r="DK279" s="898">
        <f t="shared" si="453"/>
        <v>49269.416749750744</v>
      </c>
      <c r="DL279" s="898" t="str">
        <f t="shared" si="453"/>
        <v/>
      </c>
      <c r="DM279" s="661">
        <f t="shared" si="402"/>
        <v>257720.10744848783</v>
      </c>
      <c r="DN279" s="898">
        <f t="shared" si="403"/>
        <v>112909.08005151212</v>
      </c>
      <c r="DO279" s="516">
        <f t="shared" si="404"/>
        <v>0</v>
      </c>
      <c r="DP279" s="898">
        <f t="shared" si="405"/>
        <v>0</v>
      </c>
      <c r="DQ279" s="860" t="s">
        <v>4246</v>
      </c>
      <c r="DR279" s="610" t="s">
        <v>4247</v>
      </c>
      <c r="DS279" s="1221" t="s">
        <v>4248</v>
      </c>
      <c r="DT279" s="632"/>
    </row>
    <row r="280" spans="1:124" ht="57" x14ac:dyDescent="0.2">
      <c r="A280" s="484" t="str">
        <f t="shared" si="396"/>
        <v>Leverstock Green Local Mobility Hub</v>
      </c>
      <c r="B280" s="1163">
        <v>277</v>
      </c>
      <c r="C280" s="1156" t="s">
        <v>4268</v>
      </c>
      <c r="D280" s="481" t="s">
        <v>2481</v>
      </c>
      <c r="E280" s="481" t="s">
        <v>53</v>
      </c>
      <c r="F280" s="481" t="s">
        <v>655</v>
      </c>
      <c r="G280" s="775" t="s">
        <v>830</v>
      </c>
      <c r="H280" s="855" t="s">
        <v>851</v>
      </c>
      <c r="I280" s="775" t="str">
        <f t="shared" si="444"/>
        <v>LS-9</v>
      </c>
      <c r="J280" s="855" t="s">
        <v>4269</v>
      </c>
      <c r="K280" s="664" t="s">
        <v>3104</v>
      </c>
      <c r="L280" s="852" t="s">
        <v>3167</v>
      </c>
      <c r="M280" s="713" t="s">
        <v>2996</v>
      </c>
      <c r="N280" s="775" t="s">
        <v>81</v>
      </c>
      <c r="O280" s="654" t="s">
        <v>3051</v>
      </c>
      <c r="P280" s="657" t="s">
        <v>61</v>
      </c>
      <c r="Q280" s="852" t="s">
        <v>122</v>
      </c>
      <c r="R280" s="657"/>
      <c r="S280" s="657"/>
      <c r="T280" s="854">
        <v>370629.1875</v>
      </c>
      <c r="U280" s="854"/>
      <c r="V280" s="657" t="s">
        <v>4245</v>
      </c>
      <c r="W280" s="642">
        <f t="shared" si="441"/>
        <v>0</v>
      </c>
      <c r="X280" s="745">
        <f t="shared" si="423"/>
        <v>370629.1875</v>
      </c>
      <c r="Y280" s="745" t="s">
        <v>3106</v>
      </c>
      <c r="Z280" s="745" t="str">
        <f>_xlfn.XLOOKUP(I280, 'CALCS Aecom (July 25 2025)'!F:F, 'CALCS Aecom (July 25 2025)'!W:W)</f>
        <v>Multiple Scenario 2 (Step 6)</v>
      </c>
      <c r="AA280" s="736" t="s">
        <v>82</v>
      </c>
      <c r="AB280" s="516" t="s">
        <v>66</v>
      </c>
      <c r="AC280" s="516" t="s">
        <v>66</v>
      </c>
      <c r="AD280" s="516" t="s">
        <v>66</v>
      </c>
      <c r="AE280" s="516" t="s">
        <v>66</v>
      </c>
      <c r="AF280" s="516" t="s">
        <v>66</v>
      </c>
      <c r="AG280" s="516" t="s">
        <v>66</v>
      </c>
      <c r="AH280" s="516" t="s">
        <v>66</v>
      </c>
      <c r="AI280" s="516" t="s">
        <v>66</v>
      </c>
      <c r="AJ280" s="516" t="s">
        <v>66</v>
      </c>
      <c r="AK280" s="516" t="s">
        <v>66</v>
      </c>
      <c r="AL280" s="516" t="s">
        <v>66</v>
      </c>
      <c r="AM280" s="516" t="s">
        <v>66</v>
      </c>
      <c r="AN280" s="516" t="s">
        <v>66</v>
      </c>
      <c r="AO280" s="516" t="s">
        <v>66</v>
      </c>
      <c r="AP280" s="516" t="s">
        <v>66</v>
      </c>
      <c r="AQ280" s="516" t="s">
        <v>66</v>
      </c>
      <c r="AR280" s="516" t="s">
        <v>66</v>
      </c>
      <c r="AS280" s="661"/>
      <c r="AT280" s="661"/>
      <c r="AU280" s="661"/>
      <c r="AV280" s="661"/>
      <c r="AW280" s="661"/>
      <c r="AX280" s="661"/>
      <c r="AY280" s="661"/>
      <c r="AZ280" s="661"/>
      <c r="BA280" s="661"/>
      <c r="BB280" s="661"/>
      <c r="BC280" s="661"/>
      <c r="BD280" s="661"/>
      <c r="BE280" s="661"/>
      <c r="BF280" s="661"/>
      <c r="BG280" s="746"/>
      <c r="BH280" s="746"/>
      <c r="BI280" s="746"/>
      <c r="BJ280" s="746"/>
      <c r="BK280" s="746"/>
      <c r="BL280" s="746"/>
      <c r="BM280" s="746"/>
      <c r="BN280" s="746"/>
      <c r="BO280" s="516" t="s">
        <v>66</v>
      </c>
      <c r="BP280" s="516" t="s">
        <v>66</v>
      </c>
      <c r="BQ280" s="516" t="s">
        <v>66</v>
      </c>
      <c r="BR280" s="654"/>
      <c r="BS280" s="884">
        <f t="shared" si="397"/>
        <v>18054</v>
      </c>
      <c r="BT280" s="661">
        <f t="shared" si="442"/>
        <v>20.528923645729478</v>
      </c>
      <c r="BU280" s="661" t="str">
        <f t="shared" si="445"/>
        <v>GOOD</v>
      </c>
      <c r="BV280" s="898">
        <f t="shared" si="449"/>
        <v>102644.61822864739</v>
      </c>
      <c r="BW280" s="898">
        <f t="shared" si="449"/>
        <v>4105.7847291458957</v>
      </c>
      <c r="BX280" s="898">
        <f t="shared" si="449"/>
        <v>9238.0156405782654</v>
      </c>
      <c r="BY280" s="898">
        <f t="shared" si="449"/>
        <v>7185.1232760053172</v>
      </c>
      <c r="BZ280" s="898">
        <f t="shared" si="449"/>
        <v>10264.46182286474</v>
      </c>
      <c r="CA280" s="898">
        <f t="shared" si="449"/>
        <v>9853.8833499501488</v>
      </c>
      <c r="CB280" s="898">
        <f t="shared" si="449"/>
        <v>2052.8923645729478</v>
      </c>
      <c r="CC280" s="898">
        <f t="shared" si="449"/>
        <v>8006.2802218344959</v>
      </c>
      <c r="CD280" s="898">
        <f t="shared" si="449"/>
        <v>10264.46182286474</v>
      </c>
      <c r="CE280" s="898">
        <f t="shared" si="449"/>
        <v>10264.46182286474</v>
      </c>
      <c r="CF280" s="898">
        <f t="shared" si="450"/>
        <v>15396.692734297108</v>
      </c>
      <c r="CG280" s="898">
        <f t="shared" si="450"/>
        <v>4105.7847291458957</v>
      </c>
      <c r="CH280" s="898">
        <f t="shared" si="450"/>
        <v>4803.7681331006979</v>
      </c>
      <c r="CI280" s="898">
        <f t="shared" si="450"/>
        <v>7185.1232760053172</v>
      </c>
      <c r="CJ280" s="898">
        <f t="shared" si="450"/>
        <v>1847.6031281156529</v>
      </c>
      <c r="CK280" s="898">
        <f t="shared" si="450"/>
        <v>1642.3138916583582</v>
      </c>
      <c r="CL280" s="898">
        <f t="shared" si="450"/>
        <v>48858.838276836155</v>
      </c>
      <c r="CM280" s="898" t="str">
        <f t="shared" si="450"/>
        <v/>
      </c>
      <c r="CN280" s="898" t="str">
        <f t="shared" si="450"/>
        <v/>
      </c>
      <c r="CO280" s="898" t="str">
        <f t="shared" si="450"/>
        <v/>
      </c>
      <c r="CP280" s="898" t="str">
        <f t="shared" si="451"/>
        <v/>
      </c>
      <c r="CQ280" s="898" t="str">
        <f t="shared" si="451"/>
        <v/>
      </c>
      <c r="CR280" s="898" t="str">
        <f t="shared" si="451"/>
        <v/>
      </c>
      <c r="CS280" s="898" t="str">
        <f t="shared" si="451"/>
        <v/>
      </c>
      <c r="CT280" s="898" t="str">
        <f t="shared" si="451"/>
        <v/>
      </c>
      <c r="CU280" s="898" t="str">
        <f t="shared" si="451"/>
        <v/>
      </c>
      <c r="CV280" s="898" t="str">
        <f t="shared" si="451"/>
        <v/>
      </c>
      <c r="CW280" s="898" t="str">
        <f t="shared" si="451"/>
        <v/>
      </c>
      <c r="CX280" s="898" t="str">
        <f t="shared" si="451"/>
        <v/>
      </c>
      <c r="CY280" s="898" t="str">
        <f t="shared" si="451"/>
        <v/>
      </c>
      <c r="CZ280" s="898" t="str">
        <f t="shared" si="452"/>
        <v/>
      </c>
      <c r="DA280" s="898" t="str">
        <f t="shared" si="452"/>
        <v/>
      </c>
      <c r="DB280" s="898" t="str">
        <f t="shared" si="452"/>
        <v/>
      </c>
      <c r="DC280" s="898" t="str">
        <f t="shared" si="452"/>
        <v/>
      </c>
      <c r="DD280" s="898" t="str">
        <f t="shared" si="452"/>
        <v/>
      </c>
      <c r="DE280" s="898" t="str">
        <f t="shared" si="452"/>
        <v/>
      </c>
      <c r="DF280" s="898" t="str">
        <f t="shared" si="452"/>
        <v/>
      </c>
      <c r="DG280" s="898" t="str">
        <f t="shared" si="452"/>
        <v/>
      </c>
      <c r="DH280" s="898" t="str">
        <f t="shared" si="452"/>
        <v/>
      </c>
      <c r="DI280" s="898">
        <f t="shared" si="452"/>
        <v>30793.385468594217</v>
      </c>
      <c r="DJ280" s="898">
        <f t="shared" si="453"/>
        <v>32846.277833167165</v>
      </c>
      <c r="DK280" s="898">
        <f t="shared" si="453"/>
        <v>49269.416749750744</v>
      </c>
      <c r="DL280" s="898" t="str">
        <f t="shared" si="453"/>
        <v/>
      </c>
      <c r="DM280" s="661">
        <f t="shared" si="402"/>
        <v>257720.10744848783</v>
      </c>
      <c r="DN280" s="898">
        <f t="shared" si="403"/>
        <v>112909.08005151212</v>
      </c>
      <c r="DO280" s="516">
        <f t="shared" si="404"/>
        <v>0</v>
      </c>
      <c r="DP280" s="898">
        <f t="shared" si="405"/>
        <v>0</v>
      </c>
      <c r="DQ280" s="860" t="s">
        <v>4246</v>
      </c>
      <c r="DR280" s="610" t="s">
        <v>4247</v>
      </c>
      <c r="DS280" s="1221" t="s">
        <v>4248</v>
      </c>
      <c r="DT280" s="632"/>
    </row>
    <row r="281" spans="1:124" ht="57" x14ac:dyDescent="0.2">
      <c r="A281" s="484" t="str">
        <f t="shared" si="396"/>
        <v>Warners End Local Mobility Hub</v>
      </c>
      <c r="B281" s="1163">
        <v>278</v>
      </c>
      <c r="C281" s="1156" t="s">
        <v>4270</v>
      </c>
      <c r="D281" s="481" t="s">
        <v>2481</v>
      </c>
      <c r="E281" s="481" t="s">
        <v>53</v>
      </c>
      <c r="F281" s="481" t="s">
        <v>655</v>
      </c>
      <c r="G281" s="775" t="s">
        <v>830</v>
      </c>
      <c r="H281" s="855" t="s">
        <v>854</v>
      </c>
      <c r="I281" s="775" t="str">
        <f t="shared" si="444"/>
        <v>LS-10</v>
      </c>
      <c r="J281" s="855" t="s">
        <v>4271</v>
      </c>
      <c r="K281" s="664" t="s">
        <v>3104</v>
      </c>
      <c r="L281" s="852" t="s">
        <v>3167</v>
      </c>
      <c r="M281" s="713" t="s">
        <v>2996</v>
      </c>
      <c r="N281" s="775" t="s">
        <v>81</v>
      </c>
      <c r="O281" s="654" t="s">
        <v>3051</v>
      </c>
      <c r="P281" s="657" t="s">
        <v>61</v>
      </c>
      <c r="Q281" s="852" t="s">
        <v>122</v>
      </c>
      <c r="R281" s="657"/>
      <c r="S281" s="657"/>
      <c r="T281" s="854">
        <v>370629.1875</v>
      </c>
      <c r="U281" s="854"/>
      <c r="V281" s="657" t="s">
        <v>4245</v>
      </c>
      <c r="W281" s="642">
        <f t="shared" si="441"/>
        <v>0</v>
      </c>
      <c r="X281" s="745">
        <f t="shared" si="423"/>
        <v>370629.1875</v>
      </c>
      <c r="Y281" s="745" t="s">
        <v>3106</v>
      </c>
      <c r="Z281" s="745" t="str">
        <f>_xlfn.XLOOKUP(I281, 'CALCS Aecom (July 25 2025)'!F:F, 'CALCS Aecom (July 25 2025)'!W:W)</f>
        <v>Multiple Scenario 2 (Step 6)</v>
      </c>
      <c r="AA281" s="736" t="s">
        <v>82</v>
      </c>
      <c r="AB281" s="516" t="s">
        <v>66</v>
      </c>
      <c r="AC281" s="516" t="s">
        <v>66</v>
      </c>
      <c r="AD281" s="516" t="s">
        <v>66</v>
      </c>
      <c r="AE281" s="516" t="s">
        <v>66</v>
      </c>
      <c r="AF281" s="516" t="s">
        <v>66</v>
      </c>
      <c r="AG281" s="516" t="s">
        <v>66</v>
      </c>
      <c r="AH281" s="516" t="s">
        <v>66</v>
      </c>
      <c r="AI281" s="516" t="s">
        <v>66</v>
      </c>
      <c r="AJ281" s="516" t="s">
        <v>66</v>
      </c>
      <c r="AK281" s="516" t="s">
        <v>66</v>
      </c>
      <c r="AL281" s="516" t="s">
        <v>66</v>
      </c>
      <c r="AM281" s="516" t="s">
        <v>66</v>
      </c>
      <c r="AN281" s="516" t="s">
        <v>66</v>
      </c>
      <c r="AO281" s="516" t="s">
        <v>66</v>
      </c>
      <c r="AP281" s="516" t="s">
        <v>66</v>
      </c>
      <c r="AQ281" s="516" t="s">
        <v>66</v>
      </c>
      <c r="AR281" s="516" t="s">
        <v>66</v>
      </c>
      <c r="AS281" s="661"/>
      <c r="AT281" s="661"/>
      <c r="AU281" s="661"/>
      <c r="AV281" s="661"/>
      <c r="AW281" s="661"/>
      <c r="AX281" s="661"/>
      <c r="AY281" s="661"/>
      <c r="AZ281" s="661"/>
      <c r="BA281" s="661"/>
      <c r="BB281" s="661"/>
      <c r="BC281" s="661"/>
      <c r="BD281" s="661"/>
      <c r="BE281" s="661"/>
      <c r="BF281" s="661"/>
      <c r="BG281" s="746"/>
      <c r="BH281" s="746"/>
      <c r="BI281" s="746"/>
      <c r="BJ281" s="746"/>
      <c r="BK281" s="746"/>
      <c r="BL281" s="746"/>
      <c r="BM281" s="746"/>
      <c r="BN281" s="746"/>
      <c r="BO281" s="516" t="s">
        <v>66</v>
      </c>
      <c r="BP281" s="516" t="s">
        <v>66</v>
      </c>
      <c r="BQ281" s="516" t="s">
        <v>66</v>
      </c>
      <c r="BR281" s="654"/>
      <c r="BS281" s="884">
        <f t="shared" si="397"/>
        <v>18054</v>
      </c>
      <c r="BT281" s="661">
        <f t="shared" si="442"/>
        <v>20.528923645729478</v>
      </c>
      <c r="BU281" s="661" t="str">
        <f t="shared" si="445"/>
        <v>GOOD</v>
      </c>
      <c r="BV281" s="898">
        <f t="shared" si="449"/>
        <v>102644.61822864739</v>
      </c>
      <c r="BW281" s="898">
        <f t="shared" si="449"/>
        <v>4105.7847291458957</v>
      </c>
      <c r="BX281" s="898">
        <f t="shared" si="449"/>
        <v>9238.0156405782654</v>
      </c>
      <c r="BY281" s="898">
        <f t="shared" si="449"/>
        <v>7185.1232760053172</v>
      </c>
      <c r="BZ281" s="898">
        <f t="shared" si="449"/>
        <v>10264.46182286474</v>
      </c>
      <c r="CA281" s="898">
        <f t="shared" si="449"/>
        <v>9853.8833499501488</v>
      </c>
      <c r="CB281" s="898">
        <f t="shared" si="449"/>
        <v>2052.8923645729478</v>
      </c>
      <c r="CC281" s="898">
        <f t="shared" si="449"/>
        <v>8006.2802218344959</v>
      </c>
      <c r="CD281" s="898">
        <f t="shared" si="449"/>
        <v>10264.46182286474</v>
      </c>
      <c r="CE281" s="898">
        <f t="shared" si="449"/>
        <v>10264.46182286474</v>
      </c>
      <c r="CF281" s="898">
        <f t="shared" si="450"/>
        <v>15396.692734297108</v>
      </c>
      <c r="CG281" s="898">
        <f t="shared" si="450"/>
        <v>4105.7847291458957</v>
      </c>
      <c r="CH281" s="898">
        <f t="shared" si="450"/>
        <v>4803.7681331006979</v>
      </c>
      <c r="CI281" s="898">
        <f t="shared" si="450"/>
        <v>7185.1232760053172</v>
      </c>
      <c r="CJ281" s="898">
        <f t="shared" si="450"/>
        <v>1847.6031281156529</v>
      </c>
      <c r="CK281" s="898">
        <f t="shared" si="450"/>
        <v>1642.3138916583582</v>
      </c>
      <c r="CL281" s="898">
        <f t="shared" si="450"/>
        <v>48858.838276836155</v>
      </c>
      <c r="CM281" s="898" t="str">
        <f t="shared" si="450"/>
        <v/>
      </c>
      <c r="CN281" s="898" t="str">
        <f t="shared" si="450"/>
        <v/>
      </c>
      <c r="CO281" s="898" t="str">
        <f t="shared" si="450"/>
        <v/>
      </c>
      <c r="CP281" s="898" t="str">
        <f t="shared" si="451"/>
        <v/>
      </c>
      <c r="CQ281" s="898" t="str">
        <f t="shared" si="451"/>
        <v/>
      </c>
      <c r="CR281" s="898" t="str">
        <f t="shared" si="451"/>
        <v/>
      </c>
      <c r="CS281" s="898" t="str">
        <f t="shared" si="451"/>
        <v/>
      </c>
      <c r="CT281" s="898" t="str">
        <f t="shared" si="451"/>
        <v/>
      </c>
      <c r="CU281" s="898" t="str">
        <f t="shared" si="451"/>
        <v/>
      </c>
      <c r="CV281" s="898" t="str">
        <f t="shared" si="451"/>
        <v/>
      </c>
      <c r="CW281" s="898" t="str">
        <f t="shared" si="451"/>
        <v/>
      </c>
      <c r="CX281" s="898" t="str">
        <f t="shared" si="451"/>
        <v/>
      </c>
      <c r="CY281" s="898" t="str">
        <f t="shared" si="451"/>
        <v/>
      </c>
      <c r="CZ281" s="898" t="str">
        <f t="shared" si="452"/>
        <v/>
      </c>
      <c r="DA281" s="898" t="str">
        <f t="shared" si="452"/>
        <v/>
      </c>
      <c r="DB281" s="898" t="str">
        <f t="shared" si="452"/>
        <v/>
      </c>
      <c r="DC281" s="898" t="str">
        <f t="shared" si="452"/>
        <v/>
      </c>
      <c r="DD281" s="898" t="str">
        <f t="shared" si="452"/>
        <v/>
      </c>
      <c r="DE281" s="898" t="str">
        <f t="shared" si="452"/>
        <v/>
      </c>
      <c r="DF281" s="898" t="str">
        <f t="shared" si="452"/>
        <v/>
      </c>
      <c r="DG281" s="898" t="str">
        <f t="shared" si="452"/>
        <v/>
      </c>
      <c r="DH281" s="898" t="str">
        <f t="shared" si="452"/>
        <v/>
      </c>
      <c r="DI281" s="898">
        <f t="shared" si="452"/>
        <v>30793.385468594217</v>
      </c>
      <c r="DJ281" s="898">
        <f t="shared" si="453"/>
        <v>32846.277833167165</v>
      </c>
      <c r="DK281" s="898">
        <f t="shared" si="453"/>
        <v>49269.416749750744</v>
      </c>
      <c r="DL281" s="898" t="str">
        <f t="shared" si="453"/>
        <v/>
      </c>
      <c r="DM281" s="661">
        <f t="shared" si="402"/>
        <v>257720.10744848783</v>
      </c>
      <c r="DN281" s="898">
        <f t="shared" si="403"/>
        <v>112909.08005151212</v>
      </c>
      <c r="DO281" s="516">
        <f t="shared" si="404"/>
        <v>0</v>
      </c>
      <c r="DP281" s="898">
        <f t="shared" si="405"/>
        <v>0</v>
      </c>
      <c r="DQ281" s="860" t="s">
        <v>4246</v>
      </c>
      <c r="DR281" s="610" t="s">
        <v>4247</v>
      </c>
      <c r="DS281" s="1221" t="s">
        <v>4248</v>
      </c>
      <c r="DT281" s="632"/>
    </row>
    <row r="282" spans="1:124" ht="57" x14ac:dyDescent="0.2">
      <c r="A282" s="484" t="str">
        <f t="shared" si="396"/>
        <v>Galley Hill Local Mobility Hub</v>
      </c>
      <c r="B282" s="1163">
        <v>279</v>
      </c>
      <c r="C282" s="1156" t="s">
        <v>4272</v>
      </c>
      <c r="D282" s="481" t="s">
        <v>2481</v>
      </c>
      <c r="E282" s="481" t="s">
        <v>53</v>
      </c>
      <c r="F282" s="481" t="s">
        <v>655</v>
      </c>
      <c r="G282" s="775" t="s">
        <v>830</v>
      </c>
      <c r="H282" s="855" t="s">
        <v>856</v>
      </c>
      <c r="I282" s="775" t="str">
        <f t="shared" si="444"/>
        <v>LS-11</v>
      </c>
      <c r="J282" s="855" t="s">
        <v>4273</v>
      </c>
      <c r="K282" s="664" t="s">
        <v>3104</v>
      </c>
      <c r="L282" s="852" t="s">
        <v>3167</v>
      </c>
      <c r="M282" s="713" t="s">
        <v>2996</v>
      </c>
      <c r="N282" s="775" t="s">
        <v>81</v>
      </c>
      <c r="O282" s="654" t="s">
        <v>3051</v>
      </c>
      <c r="P282" s="657" t="s">
        <v>61</v>
      </c>
      <c r="Q282" s="852" t="s">
        <v>122</v>
      </c>
      <c r="R282" s="657"/>
      <c r="S282" s="657"/>
      <c r="T282" s="854">
        <v>370629.1875</v>
      </c>
      <c r="U282" s="854"/>
      <c r="V282" s="657" t="s">
        <v>4245</v>
      </c>
      <c r="W282" s="642">
        <f t="shared" si="441"/>
        <v>0</v>
      </c>
      <c r="X282" s="745">
        <f t="shared" si="423"/>
        <v>370629.1875</v>
      </c>
      <c r="Y282" s="745" t="s">
        <v>3106</v>
      </c>
      <c r="Z282" s="745" t="str">
        <f>_xlfn.XLOOKUP(I282, 'CALCS Aecom (July 25 2025)'!F:F, 'CALCS Aecom (July 25 2025)'!W:W)</f>
        <v>Multiple Scenario 2 (Step 6)</v>
      </c>
      <c r="AA282" s="736" t="s">
        <v>82</v>
      </c>
      <c r="AB282" s="516" t="s">
        <v>66</v>
      </c>
      <c r="AC282" s="516" t="s">
        <v>66</v>
      </c>
      <c r="AD282" s="516" t="s">
        <v>66</v>
      </c>
      <c r="AE282" s="516" t="s">
        <v>66</v>
      </c>
      <c r="AF282" s="516" t="s">
        <v>66</v>
      </c>
      <c r="AG282" s="516" t="s">
        <v>66</v>
      </c>
      <c r="AH282" s="516" t="s">
        <v>66</v>
      </c>
      <c r="AI282" s="516" t="s">
        <v>66</v>
      </c>
      <c r="AJ282" s="516" t="s">
        <v>66</v>
      </c>
      <c r="AK282" s="516" t="s">
        <v>66</v>
      </c>
      <c r="AL282" s="516" t="s">
        <v>66</v>
      </c>
      <c r="AM282" s="516" t="s">
        <v>66</v>
      </c>
      <c r="AN282" s="516" t="s">
        <v>66</v>
      </c>
      <c r="AO282" s="516" t="s">
        <v>66</v>
      </c>
      <c r="AP282" s="516" t="s">
        <v>66</v>
      </c>
      <c r="AQ282" s="516" t="s">
        <v>66</v>
      </c>
      <c r="AR282" s="516" t="s">
        <v>66</v>
      </c>
      <c r="AS282" s="661"/>
      <c r="AT282" s="661"/>
      <c r="AU282" s="661"/>
      <c r="AV282" s="661"/>
      <c r="AW282" s="661"/>
      <c r="AX282" s="661"/>
      <c r="AY282" s="661"/>
      <c r="AZ282" s="661"/>
      <c r="BA282" s="661"/>
      <c r="BB282" s="661"/>
      <c r="BC282" s="661"/>
      <c r="BD282" s="661"/>
      <c r="BE282" s="661"/>
      <c r="BF282" s="661"/>
      <c r="BG282" s="746"/>
      <c r="BH282" s="746"/>
      <c r="BI282" s="746"/>
      <c r="BJ282" s="746"/>
      <c r="BK282" s="746"/>
      <c r="BL282" s="746"/>
      <c r="BM282" s="746"/>
      <c r="BN282" s="746"/>
      <c r="BO282" s="516" t="s">
        <v>66</v>
      </c>
      <c r="BP282" s="516" t="s">
        <v>66</v>
      </c>
      <c r="BQ282" s="516" t="s">
        <v>66</v>
      </c>
      <c r="BR282" s="654"/>
      <c r="BS282" s="884">
        <f t="shared" si="397"/>
        <v>18054</v>
      </c>
      <c r="BT282" s="661">
        <f t="shared" si="442"/>
        <v>20.528923645729478</v>
      </c>
      <c r="BU282" s="661" t="str">
        <f t="shared" si="445"/>
        <v>GOOD</v>
      </c>
      <c r="BV282" s="898">
        <f t="shared" si="449"/>
        <v>102644.61822864739</v>
      </c>
      <c r="BW282" s="898">
        <f t="shared" si="449"/>
        <v>4105.7847291458957</v>
      </c>
      <c r="BX282" s="898">
        <f t="shared" si="449"/>
        <v>9238.0156405782654</v>
      </c>
      <c r="BY282" s="898">
        <f t="shared" si="449"/>
        <v>7185.1232760053172</v>
      </c>
      <c r="BZ282" s="898">
        <f t="shared" si="449"/>
        <v>10264.46182286474</v>
      </c>
      <c r="CA282" s="898">
        <f t="shared" si="449"/>
        <v>9853.8833499501488</v>
      </c>
      <c r="CB282" s="898">
        <f t="shared" si="449"/>
        <v>2052.8923645729478</v>
      </c>
      <c r="CC282" s="898">
        <f t="shared" si="449"/>
        <v>8006.2802218344959</v>
      </c>
      <c r="CD282" s="898">
        <f t="shared" si="449"/>
        <v>10264.46182286474</v>
      </c>
      <c r="CE282" s="898">
        <f t="shared" si="449"/>
        <v>10264.46182286474</v>
      </c>
      <c r="CF282" s="898">
        <f t="shared" si="450"/>
        <v>15396.692734297108</v>
      </c>
      <c r="CG282" s="898">
        <f t="shared" si="450"/>
        <v>4105.7847291458957</v>
      </c>
      <c r="CH282" s="898">
        <f t="shared" si="450"/>
        <v>4803.7681331006979</v>
      </c>
      <c r="CI282" s="898">
        <f t="shared" si="450"/>
        <v>7185.1232760053172</v>
      </c>
      <c r="CJ282" s="898">
        <f t="shared" si="450"/>
        <v>1847.6031281156529</v>
      </c>
      <c r="CK282" s="898">
        <f t="shared" si="450"/>
        <v>1642.3138916583582</v>
      </c>
      <c r="CL282" s="898">
        <f t="shared" si="450"/>
        <v>48858.838276836155</v>
      </c>
      <c r="CM282" s="898" t="str">
        <f t="shared" si="450"/>
        <v/>
      </c>
      <c r="CN282" s="898" t="str">
        <f t="shared" si="450"/>
        <v/>
      </c>
      <c r="CO282" s="898" t="str">
        <f t="shared" si="450"/>
        <v/>
      </c>
      <c r="CP282" s="898" t="str">
        <f t="shared" si="451"/>
        <v/>
      </c>
      <c r="CQ282" s="898" t="str">
        <f t="shared" si="451"/>
        <v/>
      </c>
      <c r="CR282" s="898" t="str">
        <f t="shared" si="451"/>
        <v/>
      </c>
      <c r="CS282" s="898" t="str">
        <f t="shared" si="451"/>
        <v/>
      </c>
      <c r="CT282" s="898" t="str">
        <f t="shared" si="451"/>
        <v/>
      </c>
      <c r="CU282" s="898" t="str">
        <f t="shared" si="451"/>
        <v/>
      </c>
      <c r="CV282" s="898" t="str">
        <f t="shared" si="451"/>
        <v/>
      </c>
      <c r="CW282" s="898" t="str">
        <f t="shared" si="451"/>
        <v/>
      </c>
      <c r="CX282" s="898" t="str">
        <f t="shared" si="451"/>
        <v/>
      </c>
      <c r="CY282" s="898" t="str">
        <f t="shared" si="451"/>
        <v/>
      </c>
      <c r="CZ282" s="898" t="str">
        <f t="shared" si="452"/>
        <v/>
      </c>
      <c r="DA282" s="898" t="str">
        <f t="shared" si="452"/>
        <v/>
      </c>
      <c r="DB282" s="898" t="str">
        <f t="shared" si="452"/>
        <v/>
      </c>
      <c r="DC282" s="898" t="str">
        <f t="shared" si="452"/>
        <v/>
      </c>
      <c r="DD282" s="898" t="str">
        <f t="shared" si="452"/>
        <v/>
      </c>
      <c r="DE282" s="898" t="str">
        <f t="shared" si="452"/>
        <v/>
      </c>
      <c r="DF282" s="898" t="str">
        <f t="shared" si="452"/>
        <v/>
      </c>
      <c r="DG282" s="898" t="str">
        <f t="shared" si="452"/>
        <v/>
      </c>
      <c r="DH282" s="898" t="str">
        <f t="shared" si="452"/>
        <v/>
      </c>
      <c r="DI282" s="898">
        <f t="shared" si="452"/>
        <v>30793.385468594217</v>
      </c>
      <c r="DJ282" s="898">
        <f t="shared" si="453"/>
        <v>32846.277833167165</v>
      </c>
      <c r="DK282" s="898">
        <f t="shared" si="453"/>
        <v>49269.416749750744</v>
      </c>
      <c r="DL282" s="898" t="str">
        <f t="shared" si="453"/>
        <v/>
      </c>
      <c r="DM282" s="661">
        <f t="shared" si="402"/>
        <v>257720.10744848783</v>
      </c>
      <c r="DN282" s="898">
        <f t="shared" si="403"/>
        <v>112909.08005151212</v>
      </c>
      <c r="DO282" s="516">
        <f t="shared" si="404"/>
        <v>0</v>
      </c>
      <c r="DP282" s="898">
        <f t="shared" si="405"/>
        <v>0</v>
      </c>
      <c r="DQ282" s="860" t="s">
        <v>4246</v>
      </c>
      <c r="DR282" s="610" t="s">
        <v>4247</v>
      </c>
      <c r="DS282" s="1221" t="s">
        <v>4248</v>
      </c>
      <c r="DT282" s="632"/>
    </row>
    <row r="283" spans="1:124" ht="57" x14ac:dyDescent="0.2">
      <c r="A283" s="484" t="str">
        <f t="shared" si="396"/>
        <v>Chaulden Local Mobility Hub</v>
      </c>
      <c r="B283" s="1163">
        <v>280</v>
      </c>
      <c r="C283" s="1156" t="s">
        <v>4274</v>
      </c>
      <c r="D283" s="481" t="s">
        <v>2481</v>
      </c>
      <c r="E283" s="481" t="s">
        <v>53</v>
      </c>
      <c r="F283" s="481" t="s">
        <v>655</v>
      </c>
      <c r="G283" s="775" t="s">
        <v>830</v>
      </c>
      <c r="H283" s="855" t="s">
        <v>859</v>
      </c>
      <c r="I283" s="775" t="str">
        <f t="shared" si="444"/>
        <v>LS-12</v>
      </c>
      <c r="J283" s="855" t="s">
        <v>4275</v>
      </c>
      <c r="K283" s="664" t="s">
        <v>3104</v>
      </c>
      <c r="L283" s="852" t="s">
        <v>3167</v>
      </c>
      <c r="M283" s="775" t="s">
        <v>2996</v>
      </c>
      <c r="N283" s="775" t="s">
        <v>81</v>
      </c>
      <c r="O283" s="654" t="s">
        <v>3051</v>
      </c>
      <c r="P283" s="657" t="s">
        <v>61</v>
      </c>
      <c r="Q283" s="852" t="s">
        <v>122</v>
      </c>
      <c r="R283" s="657"/>
      <c r="S283" s="657"/>
      <c r="T283" s="854">
        <v>370629.1875</v>
      </c>
      <c r="U283" s="854"/>
      <c r="V283" s="657" t="s">
        <v>4245</v>
      </c>
      <c r="W283" s="642">
        <f t="shared" si="441"/>
        <v>0</v>
      </c>
      <c r="X283" s="745">
        <f t="shared" si="423"/>
        <v>370629.1875</v>
      </c>
      <c r="Y283" s="745" t="s">
        <v>3106</v>
      </c>
      <c r="Z283" s="745" t="str">
        <f>_xlfn.XLOOKUP(I283, 'CALCS Aecom (July 25 2025)'!F:F, 'CALCS Aecom (July 25 2025)'!W:W)</f>
        <v>Multiple Scenario 2 (Step 6)</v>
      </c>
      <c r="AA283" s="736" t="s">
        <v>82</v>
      </c>
      <c r="AB283" s="516" t="s">
        <v>66</v>
      </c>
      <c r="AC283" s="516" t="s">
        <v>66</v>
      </c>
      <c r="AD283" s="516" t="s">
        <v>66</v>
      </c>
      <c r="AE283" s="516" t="s">
        <v>66</v>
      </c>
      <c r="AF283" s="516" t="s">
        <v>66</v>
      </c>
      <c r="AG283" s="516" t="s">
        <v>66</v>
      </c>
      <c r="AH283" s="516" t="s">
        <v>66</v>
      </c>
      <c r="AI283" s="516" t="s">
        <v>66</v>
      </c>
      <c r="AJ283" s="516" t="s">
        <v>66</v>
      </c>
      <c r="AK283" s="516" t="s">
        <v>66</v>
      </c>
      <c r="AL283" s="516" t="s">
        <v>66</v>
      </c>
      <c r="AM283" s="516" t="s">
        <v>66</v>
      </c>
      <c r="AN283" s="516" t="s">
        <v>66</v>
      </c>
      <c r="AO283" s="516" t="s">
        <v>66</v>
      </c>
      <c r="AP283" s="516" t="s">
        <v>66</v>
      </c>
      <c r="AQ283" s="516" t="s">
        <v>66</v>
      </c>
      <c r="AR283" s="516" t="s">
        <v>66</v>
      </c>
      <c r="AS283" s="661"/>
      <c r="AT283" s="661"/>
      <c r="AU283" s="661"/>
      <c r="AV283" s="661"/>
      <c r="AW283" s="661"/>
      <c r="AX283" s="661"/>
      <c r="AY283" s="661"/>
      <c r="AZ283" s="661"/>
      <c r="BA283" s="661"/>
      <c r="BB283" s="661"/>
      <c r="BC283" s="661"/>
      <c r="BD283" s="661"/>
      <c r="BE283" s="661"/>
      <c r="BF283" s="661"/>
      <c r="BG283" s="746"/>
      <c r="BH283" s="746"/>
      <c r="BI283" s="746"/>
      <c r="BJ283" s="746"/>
      <c r="BK283" s="746"/>
      <c r="BL283" s="746"/>
      <c r="BM283" s="746"/>
      <c r="BN283" s="746"/>
      <c r="BO283" s="516" t="s">
        <v>66</v>
      </c>
      <c r="BP283" s="516" t="s">
        <v>66</v>
      </c>
      <c r="BQ283" s="516" t="s">
        <v>66</v>
      </c>
      <c r="BR283" s="654"/>
      <c r="BS283" s="884">
        <f t="shared" si="397"/>
        <v>18054</v>
      </c>
      <c r="BT283" s="661">
        <f t="shared" si="442"/>
        <v>20.528923645729478</v>
      </c>
      <c r="BU283" s="661" t="str">
        <f t="shared" si="445"/>
        <v>GOOD</v>
      </c>
      <c r="BV283" s="898">
        <f t="shared" si="449"/>
        <v>102644.61822864739</v>
      </c>
      <c r="BW283" s="898">
        <f t="shared" si="449"/>
        <v>4105.7847291458957</v>
      </c>
      <c r="BX283" s="898">
        <f t="shared" si="449"/>
        <v>9238.0156405782654</v>
      </c>
      <c r="BY283" s="898">
        <f t="shared" si="449"/>
        <v>7185.1232760053172</v>
      </c>
      <c r="BZ283" s="898">
        <f t="shared" si="449"/>
        <v>10264.46182286474</v>
      </c>
      <c r="CA283" s="898">
        <f t="shared" si="449"/>
        <v>9853.8833499501488</v>
      </c>
      <c r="CB283" s="898">
        <f t="shared" si="449"/>
        <v>2052.8923645729478</v>
      </c>
      <c r="CC283" s="898">
        <f t="shared" si="449"/>
        <v>8006.2802218344959</v>
      </c>
      <c r="CD283" s="898">
        <f t="shared" si="449"/>
        <v>10264.46182286474</v>
      </c>
      <c r="CE283" s="898">
        <f t="shared" si="449"/>
        <v>10264.46182286474</v>
      </c>
      <c r="CF283" s="898">
        <f t="shared" si="450"/>
        <v>15396.692734297108</v>
      </c>
      <c r="CG283" s="898">
        <f t="shared" si="450"/>
        <v>4105.7847291458957</v>
      </c>
      <c r="CH283" s="898">
        <f t="shared" si="450"/>
        <v>4803.7681331006979</v>
      </c>
      <c r="CI283" s="898">
        <f t="shared" si="450"/>
        <v>7185.1232760053172</v>
      </c>
      <c r="CJ283" s="898">
        <f t="shared" si="450"/>
        <v>1847.6031281156529</v>
      </c>
      <c r="CK283" s="898">
        <f t="shared" si="450"/>
        <v>1642.3138916583582</v>
      </c>
      <c r="CL283" s="898">
        <f t="shared" si="450"/>
        <v>48858.838276836155</v>
      </c>
      <c r="CM283" s="898" t="str">
        <f t="shared" si="450"/>
        <v/>
      </c>
      <c r="CN283" s="898" t="str">
        <f t="shared" si="450"/>
        <v/>
      </c>
      <c r="CO283" s="898" t="str">
        <f t="shared" si="450"/>
        <v/>
      </c>
      <c r="CP283" s="898" t="str">
        <f t="shared" si="451"/>
        <v/>
      </c>
      <c r="CQ283" s="898" t="str">
        <f t="shared" si="451"/>
        <v/>
      </c>
      <c r="CR283" s="898" t="str">
        <f t="shared" si="451"/>
        <v/>
      </c>
      <c r="CS283" s="898" t="str">
        <f t="shared" si="451"/>
        <v/>
      </c>
      <c r="CT283" s="898" t="str">
        <f t="shared" si="451"/>
        <v/>
      </c>
      <c r="CU283" s="898" t="str">
        <f t="shared" si="451"/>
        <v/>
      </c>
      <c r="CV283" s="898" t="str">
        <f t="shared" si="451"/>
        <v/>
      </c>
      <c r="CW283" s="898" t="str">
        <f t="shared" si="451"/>
        <v/>
      </c>
      <c r="CX283" s="898" t="str">
        <f t="shared" si="451"/>
        <v/>
      </c>
      <c r="CY283" s="898" t="str">
        <f t="shared" si="451"/>
        <v/>
      </c>
      <c r="CZ283" s="898" t="str">
        <f t="shared" si="452"/>
        <v/>
      </c>
      <c r="DA283" s="898" t="str">
        <f t="shared" si="452"/>
        <v/>
      </c>
      <c r="DB283" s="898" t="str">
        <f t="shared" si="452"/>
        <v/>
      </c>
      <c r="DC283" s="898" t="str">
        <f t="shared" si="452"/>
        <v/>
      </c>
      <c r="DD283" s="898" t="str">
        <f t="shared" si="452"/>
        <v/>
      </c>
      <c r="DE283" s="898" t="str">
        <f t="shared" si="452"/>
        <v/>
      </c>
      <c r="DF283" s="898" t="str">
        <f t="shared" si="452"/>
        <v/>
      </c>
      <c r="DG283" s="898" t="str">
        <f t="shared" si="452"/>
        <v/>
      </c>
      <c r="DH283" s="898" t="str">
        <f t="shared" si="452"/>
        <v/>
      </c>
      <c r="DI283" s="898">
        <f t="shared" si="452"/>
        <v>30793.385468594217</v>
      </c>
      <c r="DJ283" s="898">
        <f t="shared" si="453"/>
        <v>32846.277833167165</v>
      </c>
      <c r="DK283" s="898">
        <f t="shared" si="453"/>
        <v>49269.416749750744</v>
      </c>
      <c r="DL283" s="898" t="str">
        <f t="shared" si="453"/>
        <v/>
      </c>
      <c r="DM283" s="661">
        <f t="shared" si="402"/>
        <v>257720.10744848783</v>
      </c>
      <c r="DN283" s="898">
        <f t="shared" si="403"/>
        <v>112909.08005151212</v>
      </c>
      <c r="DO283" s="516">
        <f t="shared" si="404"/>
        <v>0</v>
      </c>
      <c r="DP283" s="898">
        <f t="shared" si="405"/>
        <v>0</v>
      </c>
      <c r="DQ283" s="860" t="s">
        <v>4246</v>
      </c>
      <c r="DR283" s="610" t="s">
        <v>4247</v>
      </c>
      <c r="DS283" s="1221" t="s">
        <v>4248</v>
      </c>
      <c r="DT283" s="632"/>
    </row>
    <row r="284" spans="1:124" ht="57" x14ac:dyDescent="0.2">
      <c r="A284" s="484" t="str">
        <f t="shared" si="396"/>
        <v>Maylands Central Local Mobility Hub</v>
      </c>
      <c r="B284" s="1163">
        <v>281</v>
      </c>
      <c r="C284" s="1156" t="s">
        <v>4276</v>
      </c>
      <c r="D284" s="481" t="s">
        <v>2481</v>
      </c>
      <c r="E284" s="481" t="s">
        <v>53</v>
      </c>
      <c r="F284" s="481" t="s">
        <v>655</v>
      </c>
      <c r="G284" s="775" t="s">
        <v>830</v>
      </c>
      <c r="H284" s="855" t="s">
        <v>862</v>
      </c>
      <c r="I284" s="775" t="str">
        <f t="shared" si="444"/>
        <v>LS-13</v>
      </c>
      <c r="J284" s="855" t="s">
        <v>4277</v>
      </c>
      <c r="K284" s="664" t="s">
        <v>3104</v>
      </c>
      <c r="L284" s="852" t="s">
        <v>3167</v>
      </c>
      <c r="M284" s="713" t="s">
        <v>2996</v>
      </c>
      <c r="N284" s="775" t="s">
        <v>81</v>
      </c>
      <c r="O284" s="654" t="s">
        <v>3051</v>
      </c>
      <c r="P284" s="657" t="s">
        <v>61</v>
      </c>
      <c r="Q284" s="852" t="s">
        <v>122</v>
      </c>
      <c r="R284" s="657"/>
      <c r="S284" s="657"/>
      <c r="T284" s="854">
        <v>370629.1875</v>
      </c>
      <c r="U284" s="854"/>
      <c r="V284" s="657" t="s">
        <v>4245</v>
      </c>
      <c r="W284" s="642">
        <f t="shared" si="441"/>
        <v>0</v>
      </c>
      <c r="X284" s="745">
        <f t="shared" si="423"/>
        <v>370629.1875</v>
      </c>
      <c r="Y284" s="745" t="s">
        <v>3106</v>
      </c>
      <c r="Z284" s="745" t="str">
        <f>_xlfn.XLOOKUP(I284, 'CALCS Aecom (July 25 2025)'!F:F, 'CALCS Aecom (July 25 2025)'!W:W)</f>
        <v>Multiple Scenario 2 (Step 6)</v>
      </c>
      <c r="AA284" s="1332" t="s">
        <v>82</v>
      </c>
      <c r="AB284" s="516" t="s">
        <v>66</v>
      </c>
      <c r="AC284" s="516" t="s">
        <v>66</v>
      </c>
      <c r="AD284" s="516" t="s">
        <v>66</v>
      </c>
      <c r="AE284" s="516" t="s">
        <v>66</v>
      </c>
      <c r="AF284" s="516" t="s">
        <v>66</v>
      </c>
      <c r="AG284" s="516" t="s">
        <v>66</v>
      </c>
      <c r="AH284" s="516" t="s">
        <v>66</v>
      </c>
      <c r="AI284" s="516" t="s">
        <v>66</v>
      </c>
      <c r="AJ284" s="516" t="s">
        <v>66</v>
      </c>
      <c r="AK284" s="516" t="s">
        <v>66</v>
      </c>
      <c r="AL284" s="516" t="s">
        <v>66</v>
      </c>
      <c r="AM284" s="516" t="s">
        <v>66</v>
      </c>
      <c r="AN284" s="516" t="s">
        <v>66</v>
      </c>
      <c r="AO284" s="516" t="s">
        <v>66</v>
      </c>
      <c r="AP284" s="516" t="s">
        <v>66</v>
      </c>
      <c r="AQ284" s="516" t="s">
        <v>66</v>
      </c>
      <c r="AR284" s="516" t="s">
        <v>66</v>
      </c>
      <c r="AS284" s="892"/>
      <c r="AT284" s="892"/>
      <c r="AU284" s="892"/>
      <c r="AV284" s="661"/>
      <c r="AW284" s="892"/>
      <c r="AX284" s="892"/>
      <c r="AY284" s="892"/>
      <c r="AZ284" s="661"/>
      <c r="BA284" s="892"/>
      <c r="BB284" s="661"/>
      <c r="BC284" s="661"/>
      <c r="BD284" s="892"/>
      <c r="BE284" s="661"/>
      <c r="BF284" s="661"/>
      <c r="BG284" s="746"/>
      <c r="BH284" s="746"/>
      <c r="BI284" s="746"/>
      <c r="BJ284" s="746"/>
      <c r="BK284" s="746"/>
      <c r="BL284" s="746"/>
      <c r="BM284" s="746"/>
      <c r="BN284" s="746"/>
      <c r="BO284" s="516" t="s">
        <v>66</v>
      </c>
      <c r="BP284" s="516" t="s">
        <v>66</v>
      </c>
      <c r="BQ284" s="516" t="s">
        <v>66</v>
      </c>
      <c r="BR284" s="654"/>
      <c r="BS284" s="884">
        <f t="shared" si="397"/>
        <v>18054</v>
      </c>
      <c r="BT284" s="661">
        <f t="shared" si="442"/>
        <v>20.528923645729478</v>
      </c>
      <c r="BU284" s="661" t="str">
        <f t="shared" si="445"/>
        <v>GOOD</v>
      </c>
      <c r="BV284" s="898">
        <f t="shared" si="449"/>
        <v>102644.61822864739</v>
      </c>
      <c r="BW284" s="898">
        <f t="shared" si="449"/>
        <v>4105.7847291458957</v>
      </c>
      <c r="BX284" s="898">
        <f t="shared" si="449"/>
        <v>9238.0156405782654</v>
      </c>
      <c r="BY284" s="898">
        <f t="shared" si="449"/>
        <v>7185.1232760053172</v>
      </c>
      <c r="BZ284" s="898">
        <f t="shared" si="449"/>
        <v>10264.46182286474</v>
      </c>
      <c r="CA284" s="898">
        <f t="shared" si="449"/>
        <v>9853.8833499501488</v>
      </c>
      <c r="CB284" s="898">
        <f t="shared" si="449"/>
        <v>2052.8923645729478</v>
      </c>
      <c r="CC284" s="898">
        <f t="shared" si="449"/>
        <v>8006.2802218344959</v>
      </c>
      <c r="CD284" s="898">
        <f t="shared" si="449"/>
        <v>10264.46182286474</v>
      </c>
      <c r="CE284" s="898">
        <f t="shared" si="449"/>
        <v>10264.46182286474</v>
      </c>
      <c r="CF284" s="898">
        <f t="shared" si="450"/>
        <v>15396.692734297108</v>
      </c>
      <c r="CG284" s="898">
        <f t="shared" si="450"/>
        <v>4105.7847291458957</v>
      </c>
      <c r="CH284" s="898">
        <f t="shared" si="450"/>
        <v>4803.7681331006979</v>
      </c>
      <c r="CI284" s="898">
        <f t="shared" si="450"/>
        <v>7185.1232760053172</v>
      </c>
      <c r="CJ284" s="898">
        <f t="shared" si="450"/>
        <v>1847.6031281156529</v>
      </c>
      <c r="CK284" s="898">
        <f t="shared" si="450"/>
        <v>1642.3138916583582</v>
      </c>
      <c r="CL284" s="898">
        <f t="shared" si="450"/>
        <v>48858.838276836155</v>
      </c>
      <c r="CM284" s="898" t="str">
        <f t="shared" si="450"/>
        <v/>
      </c>
      <c r="CN284" s="898" t="str">
        <f t="shared" si="450"/>
        <v/>
      </c>
      <c r="CO284" s="898" t="str">
        <f t="shared" si="450"/>
        <v/>
      </c>
      <c r="CP284" s="898" t="str">
        <f t="shared" si="451"/>
        <v/>
      </c>
      <c r="CQ284" s="898" t="str">
        <f t="shared" si="451"/>
        <v/>
      </c>
      <c r="CR284" s="898" t="str">
        <f t="shared" si="451"/>
        <v/>
      </c>
      <c r="CS284" s="898" t="str">
        <f t="shared" si="451"/>
        <v/>
      </c>
      <c r="CT284" s="898" t="str">
        <f t="shared" si="451"/>
        <v/>
      </c>
      <c r="CU284" s="898" t="str">
        <f t="shared" si="451"/>
        <v/>
      </c>
      <c r="CV284" s="898" t="str">
        <f t="shared" si="451"/>
        <v/>
      </c>
      <c r="CW284" s="898" t="str">
        <f t="shared" si="451"/>
        <v/>
      </c>
      <c r="CX284" s="898" t="str">
        <f t="shared" si="451"/>
        <v/>
      </c>
      <c r="CY284" s="898" t="str">
        <f t="shared" si="451"/>
        <v/>
      </c>
      <c r="CZ284" s="898" t="str">
        <f t="shared" si="452"/>
        <v/>
      </c>
      <c r="DA284" s="898" t="str">
        <f t="shared" si="452"/>
        <v/>
      </c>
      <c r="DB284" s="898" t="str">
        <f t="shared" si="452"/>
        <v/>
      </c>
      <c r="DC284" s="898" t="str">
        <f t="shared" si="452"/>
        <v/>
      </c>
      <c r="DD284" s="898" t="str">
        <f t="shared" si="452"/>
        <v/>
      </c>
      <c r="DE284" s="898" t="str">
        <f t="shared" si="452"/>
        <v/>
      </c>
      <c r="DF284" s="898" t="str">
        <f t="shared" si="452"/>
        <v/>
      </c>
      <c r="DG284" s="898" t="str">
        <f t="shared" si="452"/>
        <v/>
      </c>
      <c r="DH284" s="898" t="str">
        <f t="shared" si="452"/>
        <v/>
      </c>
      <c r="DI284" s="898">
        <f t="shared" si="452"/>
        <v>30793.385468594217</v>
      </c>
      <c r="DJ284" s="898">
        <f t="shared" si="453"/>
        <v>32846.277833167165</v>
      </c>
      <c r="DK284" s="898">
        <f t="shared" si="453"/>
        <v>49269.416749750744</v>
      </c>
      <c r="DL284" s="898" t="str">
        <f t="shared" si="453"/>
        <v/>
      </c>
      <c r="DM284" s="661">
        <f t="shared" si="402"/>
        <v>257720.10744848783</v>
      </c>
      <c r="DN284" s="898">
        <f t="shared" si="403"/>
        <v>112909.08005151212</v>
      </c>
      <c r="DO284" s="516">
        <f t="shared" si="404"/>
        <v>0</v>
      </c>
      <c r="DP284" s="898">
        <f t="shared" si="405"/>
        <v>0</v>
      </c>
      <c r="DQ284" s="860" t="s">
        <v>4246</v>
      </c>
      <c r="DR284" s="610" t="s">
        <v>4247</v>
      </c>
      <c r="DS284" s="1221" t="s">
        <v>4248</v>
      </c>
      <c r="DT284" s="632"/>
    </row>
    <row r="285" spans="1:124" ht="156.75" x14ac:dyDescent="0.2">
      <c r="A285" s="484" t="str">
        <f t="shared" si="396"/>
        <v>Maylands Multi Modal Interchange (Metro Mobility Hub)</v>
      </c>
      <c r="B285" s="1163">
        <v>282</v>
      </c>
      <c r="C285" s="1156" t="s">
        <v>4278</v>
      </c>
      <c r="D285" s="481" t="s">
        <v>2481</v>
      </c>
      <c r="E285" s="481" t="s">
        <v>3415</v>
      </c>
      <c r="F285" s="481" t="s">
        <v>655</v>
      </c>
      <c r="G285" s="775" t="s">
        <v>830</v>
      </c>
      <c r="H285" s="855" t="s">
        <v>865</v>
      </c>
      <c r="I285" s="775" t="str">
        <f t="shared" si="444"/>
        <v>LS-14</v>
      </c>
      <c r="J285" s="855" t="s">
        <v>4279</v>
      </c>
      <c r="K285" s="664" t="s">
        <v>3104</v>
      </c>
      <c r="L285" s="515" t="s">
        <v>1378</v>
      </c>
      <c r="M285" s="543" t="s">
        <v>3005</v>
      </c>
      <c r="N285" s="775" t="s">
        <v>60</v>
      </c>
      <c r="O285" s="654" t="s">
        <v>525</v>
      </c>
      <c r="P285" s="657" t="s">
        <v>61</v>
      </c>
      <c r="Q285" s="852" t="s">
        <v>181</v>
      </c>
      <c r="R285" s="657"/>
      <c r="S285" s="657"/>
      <c r="T285" s="854">
        <v>877751.875</v>
      </c>
      <c r="U285" s="854"/>
      <c r="V285" s="657" t="s">
        <v>2989</v>
      </c>
      <c r="W285" s="642">
        <f t="shared" si="441"/>
        <v>0</v>
      </c>
      <c r="X285" s="745">
        <f t="shared" si="423"/>
        <v>877751.875</v>
      </c>
      <c r="Y285" s="745" t="s">
        <v>3106</v>
      </c>
      <c r="Z285" s="745" t="str">
        <f>_xlfn.XLOOKUP(I285, 'CALCS Aecom (July 25 2025)'!F:F, 'CALCS Aecom (July 25 2025)'!W:W)</f>
        <v>Single Scenario 1 (Step 1)</v>
      </c>
      <c r="AA285" s="1330" t="s">
        <v>3220</v>
      </c>
      <c r="AB285" s="661"/>
      <c r="AC285" s="661"/>
      <c r="AD285" s="661"/>
      <c r="AE285" s="661"/>
      <c r="AF285" s="661"/>
      <c r="AG285" s="661"/>
      <c r="AH285" s="661"/>
      <c r="AI285" s="661"/>
      <c r="AJ285" s="661"/>
      <c r="AK285" s="661"/>
      <c r="AL285" s="661"/>
      <c r="AM285" s="661"/>
      <c r="AN285" s="661"/>
      <c r="AO285" s="661"/>
      <c r="AP285" s="661"/>
      <c r="AQ285" s="661"/>
      <c r="AR285" s="661"/>
      <c r="AS285" s="661"/>
      <c r="AT285" s="661"/>
      <c r="AU285" s="661"/>
      <c r="AV285" s="661"/>
      <c r="AW285" s="661"/>
      <c r="AX285" s="661"/>
      <c r="AY285" s="661"/>
      <c r="AZ285" s="661"/>
      <c r="BA285" s="661"/>
      <c r="BB285" s="661"/>
      <c r="BC285" s="661"/>
      <c r="BD285" s="661"/>
      <c r="BE285" s="661"/>
      <c r="BF285" s="661"/>
      <c r="BG285" s="746"/>
      <c r="BH285" s="746"/>
      <c r="BI285" s="746"/>
      <c r="BJ285" s="746"/>
      <c r="BK285" s="746"/>
      <c r="BL285" s="746"/>
      <c r="BM285" s="746"/>
      <c r="BN285" s="746"/>
      <c r="BO285" s="892"/>
      <c r="BP285" s="516"/>
      <c r="BQ285" s="516"/>
      <c r="BR285" s="892" t="s">
        <v>66</v>
      </c>
      <c r="BS285" s="884">
        <f t="shared" si="397"/>
        <v>3171</v>
      </c>
      <c r="BT285" s="661">
        <f t="shared" si="442"/>
        <v>276.80601545253865</v>
      </c>
      <c r="BU285" s="661"/>
      <c r="BV285" s="898" t="str">
        <f t="shared" si="449"/>
        <v/>
      </c>
      <c r="BW285" s="898" t="str">
        <f t="shared" si="449"/>
        <v/>
      </c>
      <c r="BX285" s="898" t="str">
        <f t="shared" si="449"/>
        <v/>
      </c>
      <c r="BY285" s="898" t="str">
        <f t="shared" si="449"/>
        <v/>
      </c>
      <c r="BZ285" s="898" t="str">
        <f t="shared" si="449"/>
        <v/>
      </c>
      <c r="CA285" s="898" t="str">
        <f t="shared" si="449"/>
        <v/>
      </c>
      <c r="CB285" s="898" t="str">
        <f t="shared" si="449"/>
        <v/>
      </c>
      <c r="CC285" s="898" t="str">
        <f t="shared" si="449"/>
        <v/>
      </c>
      <c r="CD285" s="898" t="str">
        <f t="shared" si="449"/>
        <v/>
      </c>
      <c r="CE285" s="898" t="str">
        <f t="shared" si="449"/>
        <v/>
      </c>
      <c r="CF285" s="898" t="str">
        <f t="shared" si="450"/>
        <v/>
      </c>
      <c r="CG285" s="898" t="str">
        <f t="shared" si="450"/>
        <v/>
      </c>
      <c r="CH285" s="898" t="str">
        <f t="shared" si="450"/>
        <v/>
      </c>
      <c r="CI285" s="898" t="str">
        <f t="shared" si="450"/>
        <v/>
      </c>
      <c r="CJ285" s="898" t="str">
        <f t="shared" si="450"/>
        <v/>
      </c>
      <c r="CK285" s="898" t="str">
        <f t="shared" si="450"/>
        <v/>
      </c>
      <c r="CL285" s="898" t="str">
        <f t="shared" si="450"/>
        <v/>
      </c>
      <c r="CM285" s="898" t="str">
        <f t="shared" si="450"/>
        <v/>
      </c>
      <c r="CN285" s="898" t="str">
        <f t="shared" si="450"/>
        <v/>
      </c>
      <c r="CO285" s="898" t="str">
        <f t="shared" si="450"/>
        <v/>
      </c>
      <c r="CP285" s="898" t="str">
        <f t="shared" si="451"/>
        <v/>
      </c>
      <c r="CQ285" s="898" t="str">
        <f t="shared" si="451"/>
        <v/>
      </c>
      <c r="CR285" s="898" t="str">
        <f t="shared" si="451"/>
        <v/>
      </c>
      <c r="CS285" s="898" t="str">
        <f t="shared" si="451"/>
        <v/>
      </c>
      <c r="CT285" s="898" t="str">
        <f t="shared" si="451"/>
        <v/>
      </c>
      <c r="CU285" s="898" t="str">
        <f t="shared" si="451"/>
        <v/>
      </c>
      <c r="CV285" s="898" t="str">
        <f t="shared" si="451"/>
        <v/>
      </c>
      <c r="CW285" s="898" t="str">
        <f t="shared" si="451"/>
        <v/>
      </c>
      <c r="CX285" s="898" t="str">
        <f t="shared" si="451"/>
        <v/>
      </c>
      <c r="CY285" s="898" t="str">
        <f t="shared" si="451"/>
        <v/>
      </c>
      <c r="CZ285" s="898" t="str">
        <f t="shared" si="452"/>
        <v/>
      </c>
      <c r="DA285" s="898" t="str">
        <f t="shared" si="452"/>
        <v/>
      </c>
      <c r="DB285" s="898" t="str">
        <f t="shared" si="452"/>
        <v/>
      </c>
      <c r="DC285" s="898" t="str">
        <f t="shared" si="452"/>
        <v/>
      </c>
      <c r="DD285" s="898" t="str">
        <f t="shared" si="452"/>
        <v/>
      </c>
      <c r="DE285" s="898" t="str">
        <f t="shared" si="452"/>
        <v/>
      </c>
      <c r="DF285" s="898" t="str">
        <f t="shared" si="452"/>
        <v/>
      </c>
      <c r="DG285" s="898" t="str">
        <f t="shared" si="452"/>
        <v/>
      </c>
      <c r="DH285" s="898" t="str">
        <f t="shared" si="452"/>
        <v/>
      </c>
      <c r="DI285" s="898" t="str">
        <f t="shared" si="452"/>
        <v/>
      </c>
      <c r="DJ285" s="898" t="str">
        <f t="shared" si="453"/>
        <v/>
      </c>
      <c r="DK285" s="898" t="str">
        <f t="shared" si="453"/>
        <v/>
      </c>
      <c r="DL285" s="898">
        <f t="shared" si="453"/>
        <v>877751.875</v>
      </c>
      <c r="DM285" s="661">
        <f t="shared" si="402"/>
        <v>0</v>
      </c>
      <c r="DN285" s="898">
        <f t="shared" si="403"/>
        <v>877751.875</v>
      </c>
      <c r="DO285" s="516">
        <f t="shared" si="404"/>
        <v>0</v>
      </c>
      <c r="DP285" s="898">
        <f t="shared" si="405"/>
        <v>0</v>
      </c>
      <c r="DQ285" s="860" t="s">
        <v>4246</v>
      </c>
      <c r="DR285" s="1220" t="s">
        <v>4280</v>
      </c>
      <c r="DS285" s="1221" t="s">
        <v>4248</v>
      </c>
      <c r="DT285" s="632"/>
    </row>
    <row r="286" spans="1:124" ht="299.25" x14ac:dyDescent="0.2">
      <c r="A286" s="484" t="str">
        <f t="shared" si="396"/>
        <v>Plough Roundabout Link Break - bus priority</v>
      </c>
      <c r="B286" s="1163">
        <v>283</v>
      </c>
      <c r="C286" s="1156" t="s">
        <v>4281</v>
      </c>
      <c r="D286" s="481" t="s">
        <v>2481</v>
      </c>
      <c r="E286" s="481" t="s">
        <v>53</v>
      </c>
      <c r="F286" s="481" t="s">
        <v>655</v>
      </c>
      <c r="G286" s="665" t="s">
        <v>1350</v>
      </c>
      <c r="H286" s="855" t="s">
        <v>871</v>
      </c>
      <c r="I286" s="775" t="str">
        <f t="shared" si="444"/>
        <v>LS-16</v>
      </c>
      <c r="J286" s="855" t="s">
        <v>4282</v>
      </c>
      <c r="K286" s="664" t="s">
        <v>3104</v>
      </c>
      <c r="L286" s="852" t="s">
        <v>4283</v>
      </c>
      <c r="M286" s="657" t="s">
        <v>2996</v>
      </c>
      <c r="N286" s="775" t="s">
        <v>81</v>
      </c>
      <c r="O286" s="654" t="s">
        <v>3051</v>
      </c>
      <c r="P286" s="657" t="s">
        <v>61</v>
      </c>
      <c r="Q286" s="852" t="s">
        <v>181</v>
      </c>
      <c r="R286" s="657"/>
      <c r="S286" s="657"/>
      <c r="T286" s="854">
        <v>61693</v>
      </c>
      <c r="U286" s="854"/>
      <c r="V286" s="657" t="s">
        <v>4245</v>
      </c>
      <c r="W286" s="642">
        <f t="shared" si="441"/>
        <v>0</v>
      </c>
      <c r="X286" s="745">
        <f t="shared" si="423"/>
        <v>61693</v>
      </c>
      <c r="Y286" s="745" t="s">
        <v>4260</v>
      </c>
      <c r="Z286" s="745" t="str">
        <f>_xlfn.XLOOKUP(I286, 'CALCS Aecom (July 25 2025)'!F:F, 'CALCS Aecom (July 25 2025)'!W:W)</f>
        <v>Mutliple Scenario 2 (Step 5)</v>
      </c>
      <c r="AA286" s="1331" t="s">
        <v>3220</v>
      </c>
      <c r="AB286" s="713" t="str">
        <f t="shared" ref="AB286:AK288" si="454">IF(BV286&gt;0, "Yes", "")</f>
        <v>Yes</v>
      </c>
      <c r="AC286" s="713" t="str">
        <f t="shared" si="454"/>
        <v>Yes</v>
      </c>
      <c r="AD286" s="713" t="str">
        <f t="shared" si="454"/>
        <v>Yes</v>
      </c>
      <c r="AE286" s="713" t="str">
        <f t="shared" si="454"/>
        <v>Yes</v>
      </c>
      <c r="AF286" s="713" t="str">
        <f t="shared" si="454"/>
        <v>Yes</v>
      </c>
      <c r="AG286" s="713" t="str">
        <f t="shared" si="454"/>
        <v>Yes</v>
      </c>
      <c r="AH286" s="713" t="str">
        <f t="shared" si="454"/>
        <v>Yes</v>
      </c>
      <c r="AI286" s="713" t="str">
        <f t="shared" si="454"/>
        <v>Yes</v>
      </c>
      <c r="AJ286" s="713" t="str">
        <f t="shared" si="454"/>
        <v>Yes</v>
      </c>
      <c r="AK286" s="713" t="str">
        <f t="shared" si="454"/>
        <v>Yes</v>
      </c>
      <c r="AL286" s="713" t="str">
        <f t="shared" ref="AL286:AR288" si="455">IF(CF286&gt;0, "Yes", "")</f>
        <v>Yes</v>
      </c>
      <c r="AM286" s="713" t="str">
        <f t="shared" si="455"/>
        <v/>
      </c>
      <c r="AN286" s="713" t="str">
        <f t="shared" si="455"/>
        <v>Yes</v>
      </c>
      <c r="AO286" s="713" t="str">
        <f t="shared" si="455"/>
        <v>Yes</v>
      </c>
      <c r="AP286" s="713" t="str">
        <f t="shared" si="455"/>
        <v/>
      </c>
      <c r="AQ286" s="713" t="str">
        <f t="shared" si="455"/>
        <v>Yes</v>
      </c>
      <c r="AR286" s="713" t="str">
        <f t="shared" si="455"/>
        <v/>
      </c>
      <c r="AS286" s="661"/>
      <c r="AT286" s="661"/>
      <c r="AU286" s="661"/>
      <c r="AV286" s="661"/>
      <c r="AW286" s="661"/>
      <c r="AX286" s="661"/>
      <c r="AY286" s="661"/>
      <c r="AZ286" s="661"/>
      <c r="BA286" s="661"/>
      <c r="BB286" s="661"/>
      <c r="BC286" s="661"/>
      <c r="BD286" s="661"/>
      <c r="BE286" s="661"/>
      <c r="BF286" s="661"/>
      <c r="BG286" s="746"/>
      <c r="BH286" s="746"/>
      <c r="BI286" s="746"/>
      <c r="BJ286" s="746"/>
      <c r="BK286" s="746"/>
      <c r="BL286" s="746"/>
      <c r="BM286" s="746"/>
      <c r="BN286" s="746"/>
      <c r="BO286" s="892" t="str">
        <f t="shared" ref="BO286:BR288" si="456">IF(DI286&gt;0, "Yes", "")</f>
        <v>Yes</v>
      </c>
      <c r="BP286" s="892" t="str">
        <f t="shared" si="456"/>
        <v>Yes</v>
      </c>
      <c r="BQ286" s="892" t="str">
        <f t="shared" si="456"/>
        <v>Yes</v>
      </c>
      <c r="BR286" s="892" t="str">
        <f t="shared" si="456"/>
        <v>Yes</v>
      </c>
      <c r="BS286" s="884">
        <f t="shared" si="397"/>
        <v>18555</v>
      </c>
      <c r="BT286" s="661">
        <f t="shared" si="442"/>
        <v>3.324872002155753</v>
      </c>
      <c r="BU286" s="661" t="str">
        <f>IF(SUM(BV286:DL286)=X286, "GOOD", "ERROR")</f>
        <v>GOOD</v>
      </c>
      <c r="BV286" s="1149">
        <f>$X286*_xlfn.XLOOKUP($I286, 'CALCS Aecom (July 25 2025)'!$F:$F, 'CALCS Aecom (July 25 2025)'!BZ:BZ)</f>
        <v>2501.0675675675675</v>
      </c>
      <c r="BW286" s="1149">
        <f>$X286*_xlfn.XLOOKUP($I286, 'CALCS Aecom (July 25 2025)'!$F:$F, 'CALCS Aecom (July 25 2025)'!CC:CC)</f>
        <v>277.89639639639637</v>
      </c>
      <c r="BX286" s="1149">
        <f>$X286*_xlfn.XLOOKUP($I286, 'CALCS Aecom (July 25 2025)'!$F:$F, 'CALCS Aecom (July 25 2025)'!CI:CI)</f>
        <v>3056.8603603603606</v>
      </c>
      <c r="BY286" s="1149">
        <f>$X286*_xlfn.XLOOKUP($I286, 'CALCS Aecom (July 25 2025)'!$F:$F, 'CALCS Aecom (July 25 2025)'!BQ:BQ)</f>
        <v>10560.063063063064</v>
      </c>
      <c r="BZ286" s="1149">
        <f>$X286*_xlfn.XLOOKUP($I286, 'CALCS Aecom (July 25 2025)'!$F:$F, 'CALCS Aecom (July 25 2025)'!BV:BV)</f>
        <v>9170.5810810810817</v>
      </c>
      <c r="CA286" s="1149">
        <f>$X286*_xlfn.XLOOKUP($I286, 'CALCS Aecom (July 25 2025)'!$F:$F, 'CALCS Aecom (July 25 2025)'!BR:BR)</f>
        <v>6947.4099099099103</v>
      </c>
      <c r="CB286" s="1149">
        <f>$X286*_xlfn.XLOOKUP($I286, 'CALCS Aecom (July 25 2025)'!$F:$F, 'CALCS Aecom (July 25 2025)'!CD:CD)</f>
        <v>833.68918918918928</v>
      </c>
      <c r="CC286" s="1149">
        <f>$X286*_xlfn.XLOOKUP($I286, 'CALCS Aecom (July 25 2025)'!$F:$F, 'CALCS Aecom (July 25 2025)'!BT:BT)</f>
        <v>277.89639639639637</v>
      </c>
      <c r="CD286" s="1149">
        <f>$X286*_xlfn.XLOOKUP($I286, 'CALCS Aecom (July 25 2025)'!$F:$F, 'CALCS Aecom (July 25 2025)'!BU:BU)</f>
        <v>555.79279279279274</v>
      </c>
      <c r="CE286" s="1149">
        <f>$X286*_xlfn.XLOOKUP($I286, 'CALCS Aecom (July 25 2025)'!$F:$F, 'CALCS Aecom (July 25 2025)'!BW:BW)</f>
        <v>2501.0675675675675</v>
      </c>
      <c r="CF286" s="1149">
        <f>$X286*_xlfn.XLOOKUP($I286, 'CALCS Aecom (July 25 2025)'!$F:$F, 'CALCS Aecom (July 25 2025)'!BS:BS)</f>
        <v>3890.5495495495493</v>
      </c>
      <c r="CG286" s="1149">
        <f>$X286*_xlfn.XLOOKUP($I286, 'CALCS Aecom (July 25 2025)'!$F:$F, 'CALCS Aecom (July 25 2025)'!CE:CE)</f>
        <v>0</v>
      </c>
      <c r="CH286" s="1149">
        <f>$X286*_xlfn.XLOOKUP($I286, 'CALCS Aecom (July 25 2025)'!$F:$F, 'CALCS Aecom (July 25 2025)'!CJ:CJ)</f>
        <v>2223.171171171171</v>
      </c>
      <c r="CI286" s="1149">
        <f>$X286*_xlfn.XLOOKUP($I286, 'CALCS Aecom (July 25 2025)'!$F:$F, 'CALCS Aecom (July 25 2025)'!CB:CB)</f>
        <v>277.89639639639637</v>
      </c>
      <c r="CJ286" s="1149">
        <f>$X286*_xlfn.XLOOKUP($I286, 'CALCS Aecom (July 25 2025)'!$F:$F, 'CALCS Aecom (July 25 2025)'!CF:CF)</f>
        <v>0</v>
      </c>
      <c r="CK286" s="1149">
        <f>$X286*_xlfn.XLOOKUP($I286, 'CALCS Aecom (July 25 2025)'!$F:$F, 'CALCS Aecom (July 25 2025)'!CG:CG)</f>
        <v>555.79279279279274</v>
      </c>
      <c r="CL286" s="1149"/>
      <c r="CM286" s="898"/>
      <c r="CN286" s="898"/>
      <c r="CO286" s="898"/>
      <c r="CP286" s="898"/>
      <c r="CQ286" s="898"/>
      <c r="CR286" s="898"/>
      <c r="CS286" s="898"/>
      <c r="CT286" s="898"/>
      <c r="CU286" s="898"/>
      <c r="CV286" s="898"/>
      <c r="CW286" s="898"/>
      <c r="CX286" s="898"/>
      <c r="CY286" s="898"/>
      <c r="CZ286" s="898"/>
      <c r="DA286" s="898"/>
      <c r="DB286" s="898"/>
      <c r="DC286" s="898"/>
      <c r="DD286" s="898"/>
      <c r="DE286" s="898"/>
      <c r="DF286" s="898"/>
      <c r="DG286" s="898"/>
      <c r="DH286" s="898"/>
      <c r="DI286" s="1149">
        <f>$X286*_xlfn.XLOOKUP($I286, 'CALCS Aecom (July 25 2025)'!$F:$F, 'CALCS Aecom (July 25 2025)'!CA:CA)</f>
        <v>277.89639639639637</v>
      </c>
      <c r="DJ286" s="1149">
        <f>$X286*_xlfn.XLOOKUP($I286, 'CALCS Aecom (July 25 2025)'!$F:$F, 'CALCS Aecom (July 25 2025)'!BX:BX)</f>
        <v>833.68918918918928</v>
      </c>
      <c r="DK286" s="1149">
        <f>$X286*_xlfn.XLOOKUP($I286, 'CALCS Aecom (July 25 2025)'!$F:$F, 'CALCS Aecom (July 25 2025)'!BY:BY)</f>
        <v>833.68918918918928</v>
      </c>
      <c r="DL286" s="1149">
        <f>$X286*_xlfn.XLOOKUP($I286, 'CALCS Aecom (July 25 2025)'!$F:$F, 'CALCS Aecom (July 25 2025)'!CH:CH)</f>
        <v>16117.990990990991</v>
      </c>
      <c r="DM286" s="661">
        <f t="shared" si="402"/>
        <v>43629.734234234238</v>
      </c>
      <c r="DN286" s="898">
        <f t="shared" si="403"/>
        <v>18063.265765765766</v>
      </c>
      <c r="DO286" s="516">
        <f t="shared" si="404"/>
        <v>0</v>
      </c>
      <c r="DP286" s="898">
        <f t="shared" si="405"/>
        <v>0</v>
      </c>
      <c r="DQ286" s="860" t="s">
        <v>4246</v>
      </c>
      <c r="DR286" s="860" t="s">
        <v>4261</v>
      </c>
      <c r="DS286" s="1221" t="s">
        <v>4265</v>
      </c>
      <c r="DT286" s="632"/>
    </row>
    <row r="287" spans="1:124" ht="256.5" x14ac:dyDescent="0.2">
      <c r="A287" s="484" t="str">
        <f t="shared" si="396"/>
        <v xml:space="preserve">A414 St Albans Road (town centre approach) bus priority </v>
      </c>
      <c r="B287" s="1163">
        <v>284</v>
      </c>
      <c r="C287" s="1156" t="s">
        <v>4284</v>
      </c>
      <c r="D287" s="481" t="s">
        <v>2481</v>
      </c>
      <c r="E287" s="481" t="s">
        <v>53</v>
      </c>
      <c r="F287" s="481" t="s">
        <v>655</v>
      </c>
      <c r="G287" s="665" t="s">
        <v>1350</v>
      </c>
      <c r="H287" s="855" t="s">
        <v>873</v>
      </c>
      <c r="I287" s="775" t="str">
        <f t="shared" si="444"/>
        <v>LS-17</v>
      </c>
      <c r="J287" s="855" t="s">
        <v>4285</v>
      </c>
      <c r="K287" s="664" t="s">
        <v>3104</v>
      </c>
      <c r="L287" s="852" t="s">
        <v>4286</v>
      </c>
      <c r="M287" s="775" t="s">
        <v>2996</v>
      </c>
      <c r="N287" s="775" t="s">
        <v>81</v>
      </c>
      <c r="O287" s="664" t="s">
        <v>4287</v>
      </c>
      <c r="P287" s="657" t="s">
        <v>61</v>
      </c>
      <c r="Q287" s="852" t="s">
        <v>181</v>
      </c>
      <c r="R287" s="657"/>
      <c r="S287" s="657"/>
      <c r="T287" s="854">
        <v>68246</v>
      </c>
      <c r="U287" s="854"/>
      <c r="V287" s="657" t="s">
        <v>4245</v>
      </c>
      <c r="W287" s="642">
        <f t="shared" si="441"/>
        <v>0</v>
      </c>
      <c r="X287" s="745">
        <f t="shared" si="423"/>
        <v>68246</v>
      </c>
      <c r="Y287" s="745" t="s">
        <v>4260</v>
      </c>
      <c r="Z287" s="745" t="str">
        <f>_xlfn.XLOOKUP(I287, 'CALCS Aecom (July 25 2025)'!F:F, 'CALCS Aecom (July 25 2025)'!W:W)</f>
        <v>Mutliple Scenario 2 (Step 5)</v>
      </c>
      <c r="AA287" s="1331" t="s">
        <v>3220</v>
      </c>
      <c r="AB287" s="713" t="str">
        <f t="shared" si="454"/>
        <v>Yes</v>
      </c>
      <c r="AC287" s="713" t="str">
        <f t="shared" si="454"/>
        <v/>
      </c>
      <c r="AD287" s="713" t="str">
        <f t="shared" si="454"/>
        <v>Yes</v>
      </c>
      <c r="AE287" s="713" t="str">
        <f t="shared" si="454"/>
        <v/>
      </c>
      <c r="AF287" s="713" t="str">
        <f t="shared" si="454"/>
        <v/>
      </c>
      <c r="AG287" s="713" t="str">
        <f t="shared" si="454"/>
        <v>Yes</v>
      </c>
      <c r="AH287" s="713" t="str">
        <f t="shared" si="454"/>
        <v>Yes</v>
      </c>
      <c r="AI287" s="713" t="str">
        <f t="shared" si="454"/>
        <v>Yes</v>
      </c>
      <c r="AJ287" s="713" t="str">
        <f t="shared" si="454"/>
        <v>Yes</v>
      </c>
      <c r="AK287" s="713" t="str">
        <f t="shared" si="454"/>
        <v>Yes</v>
      </c>
      <c r="AL287" s="713" t="str">
        <f t="shared" si="455"/>
        <v>Yes</v>
      </c>
      <c r="AM287" s="713" t="str">
        <f t="shared" si="455"/>
        <v/>
      </c>
      <c r="AN287" s="713" t="str">
        <f t="shared" si="455"/>
        <v>Yes</v>
      </c>
      <c r="AO287" s="713" t="str">
        <f t="shared" si="455"/>
        <v/>
      </c>
      <c r="AP287" s="713" t="str">
        <f t="shared" si="455"/>
        <v/>
      </c>
      <c r="AQ287" s="713" t="str">
        <f t="shared" si="455"/>
        <v>Yes</v>
      </c>
      <c r="AR287" s="713" t="str">
        <f t="shared" si="455"/>
        <v/>
      </c>
      <c r="AS287" s="892"/>
      <c r="AT287" s="892"/>
      <c r="AU287" s="892"/>
      <c r="AV287" s="661"/>
      <c r="AW287" s="892"/>
      <c r="AX287" s="892"/>
      <c r="AY287" s="892"/>
      <c r="AZ287" s="661"/>
      <c r="BA287" s="892"/>
      <c r="BB287" s="661"/>
      <c r="BC287" s="661"/>
      <c r="BD287" s="892"/>
      <c r="BE287" s="661"/>
      <c r="BF287" s="661"/>
      <c r="BG287" s="746"/>
      <c r="BH287" s="746"/>
      <c r="BI287" s="746"/>
      <c r="BJ287" s="746"/>
      <c r="BK287" s="746"/>
      <c r="BL287" s="746"/>
      <c r="BM287" s="746"/>
      <c r="BN287" s="746"/>
      <c r="BO287" s="892" t="str">
        <f t="shared" si="456"/>
        <v>Yes</v>
      </c>
      <c r="BP287" s="892" t="str">
        <f t="shared" si="456"/>
        <v>Yes</v>
      </c>
      <c r="BQ287" s="892" t="str">
        <f t="shared" si="456"/>
        <v>Yes</v>
      </c>
      <c r="BR287" s="892" t="str">
        <f t="shared" si="456"/>
        <v>Yes</v>
      </c>
      <c r="BS287" s="884">
        <f t="shared" si="397"/>
        <v>17155</v>
      </c>
      <c r="BT287" s="661">
        <f t="shared" si="442"/>
        <v>3.978198775867094</v>
      </c>
      <c r="BU287" s="661" t="str">
        <f>IF(SUM(BV287:DL287)=X287, "GOOD", "ERROR")</f>
        <v>GOOD</v>
      </c>
      <c r="BV287" s="1149">
        <f>$X287*_xlfn.XLOOKUP($I287, 'CALCS Aecom (July 25 2025)'!$F:$F, 'CALCS Aecom (July 25 2025)'!BZ:BZ)</f>
        <v>2110.7010309278353</v>
      </c>
      <c r="BW287" s="1149">
        <f>$X287*_xlfn.XLOOKUP($I287, 'CALCS Aecom (July 25 2025)'!$F:$F, 'CALCS Aecom (July 25 2025)'!CC:CC)</f>
        <v>0</v>
      </c>
      <c r="BX287" s="1149">
        <f>$X287*_xlfn.XLOOKUP($I287, 'CALCS Aecom (July 25 2025)'!$F:$F, 'CALCS Aecom (July 25 2025)'!CI:CI)</f>
        <v>3048.7903780068727</v>
      </c>
      <c r="BY287" s="1149">
        <f>$X287*_xlfn.XLOOKUP($I287, 'CALCS Aecom (July 25 2025)'!$F:$F, 'CALCS Aecom (July 25 2025)'!BQ:BQ)</f>
        <v>0</v>
      </c>
      <c r="BZ287" s="1149">
        <f>$X287*_xlfn.XLOOKUP($I287, 'CALCS Aecom (July 25 2025)'!$F:$F, 'CALCS Aecom (July 25 2025)'!BV:BV)</f>
        <v>0</v>
      </c>
      <c r="CA287" s="1149">
        <f>$X287*_xlfn.XLOOKUP($I287, 'CALCS Aecom (July 25 2025)'!$F:$F, 'CALCS Aecom (July 25 2025)'!BR:BR)</f>
        <v>5863.0584192439865</v>
      </c>
      <c r="CB287" s="1149">
        <f>$X287*_xlfn.XLOOKUP($I287, 'CALCS Aecom (July 25 2025)'!$F:$F, 'CALCS Aecom (July 25 2025)'!CD:CD)</f>
        <v>703.56701030927832</v>
      </c>
      <c r="CC287" s="1149">
        <f>$X287*_xlfn.XLOOKUP($I287, 'CALCS Aecom (July 25 2025)'!$F:$F, 'CALCS Aecom (July 25 2025)'!BT:BT)</f>
        <v>5394.0137457044675</v>
      </c>
      <c r="CD287" s="1149">
        <f>$X287*_xlfn.XLOOKUP($I287, 'CALCS Aecom (July 25 2025)'!$F:$F, 'CALCS Aecom (July 25 2025)'!BU:BU)</f>
        <v>469.0446735395189</v>
      </c>
      <c r="CE287" s="1149">
        <f>$X287*_xlfn.XLOOKUP($I287, 'CALCS Aecom (July 25 2025)'!$F:$F, 'CALCS Aecom (July 25 2025)'!BW:BW)</f>
        <v>2110.7010309278353</v>
      </c>
      <c r="CF287" s="1149">
        <f>$X287*_xlfn.XLOOKUP($I287, 'CALCS Aecom (July 25 2025)'!$F:$F, 'CALCS Aecom (July 25 2025)'!BS:BS)</f>
        <v>3283.3127147766327</v>
      </c>
      <c r="CG287" s="1149">
        <f>$X287*_xlfn.XLOOKUP($I287, 'CALCS Aecom (July 25 2025)'!$F:$F, 'CALCS Aecom (July 25 2025)'!CE:CE)</f>
        <v>0</v>
      </c>
      <c r="CH287" s="1149">
        <f>$X287*_xlfn.XLOOKUP($I287, 'CALCS Aecom (July 25 2025)'!$F:$F, 'CALCS Aecom (July 25 2025)'!CJ:CJ)</f>
        <v>1876.1786941580756</v>
      </c>
      <c r="CI287" s="1149">
        <f>$X287*_xlfn.XLOOKUP($I287, 'CALCS Aecom (July 25 2025)'!$F:$F, 'CALCS Aecom (July 25 2025)'!CB:CB)</f>
        <v>0</v>
      </c>
      <c r="CJ287" s="1149">
        <f>$X287*_xlfn.XLOOKUP($I287, 'CALCS Aecom (July 25 2025)'!$F:$F, 'CALCS Aecom (July 25 2025)'!CF:CF)</f>
        <v>0</v>
      </c>
      <c r="CK287" s="1149">
        <f>$X287*_xlfn.XLOOKUP($I287, 'CALCS Aecom (July 25 2025)'!$F:$F, 'CALCS Aecom (July 25 2025)'!CG:CG)</f>
        <v>469.0446735395189</v>
      </c>
      <c r="CL287" s="1149"/>
      <c r="CM287" s="898"/>
      <c r="CN287" s="898"/>
      <c r="CO287" s="898"/>
      <c r="CP287" s="898"/>
      <c r="CQ287" s="898"/>
      <c r="CR287" s="898"/>
      <c r="CS287" s="898"/>
      <c r="CT287" s="898"/>
      <c r="CU287" s="898"/>
      <c r="CV287" s="898"/>
      <c r="CW287" s="898"/>
      <c r="CX287" s="898"/>
      <c r="CY287" s="898"/>
      <c r="CZ287" s="898"/>
      <c r="DA287" s="898"/>
      <c r="DB287" s="898"/>
      <c r="DC287" s="898"/>
      <c r="DD287" s="898"/>
      <c r="DE287" s="898"/>
      <c r="DF287" s="898"/>
      <c r="DG287" s="898"/>
      <c r="DH287" s="898"/>
      <c r="DI287" s="1149">
        <f>$X287*_xlfn.XLOOKUP($I287, 'CALCS Aecom (July 25 2025)'!$F:$F, 'CALCS Aecom (July 25 2025)'!CA:CA)</f>
        <v>234.52233676975945</v>
      </c>
      <c r="DJ287" s="1149">
        <f>$X287*_xlfn.XLOOKUP($I287, 'CALCS Aecom (July 25 2025)'!$F:$F, 'CALCS Aecom (July 25 2025)'!BX:BX)</f>
        <v>234.52233676975945</v>
      </c>
      <c r="DK287" s="1149">
        <f>$X287*_xlfn.XLOOKUP($I287, 'CALCS Aecom (July 25 2025)'!$F:$F, 'CALCS Aecom (July 25 2025)'!BY:BY)</f>
        <v>28846.247422680412</v>
      </c>
      <c r="DL287" s="1149">
        <f>$X287*_xlfn.XLOOKUP($I287, 'CALCS Aecom (July 25 2025)'!$F:$F, 'CALCS Aecom (July 25 2025)'!CH:CH)</f>
        <v>13602.295532646049</v>
      </c>
      <c r="DM287" s="661">
        <f t="shared" si="402"/>
        <v>25328.412371134022</v>
      </c>
      <c r="DN287" s="898">
        <f t="shared" si="403"/>
        <v>42917.587628865978</v>
      </c>
      <c r="DO287" s="516">
        <f t="shared" si="404"/>
        <v>0</v>
      </c>
      <c r="DP287" s="898">
        <f t="shared" si="405"/>
        <v>0</v>
      </c>
      <c r="DQ287" s="860" t="s">
        <v>4246</v>
      </c>
      <c r="DR287" s="860" t="s">
        <v>4261</v>
      </c>
      <c r="DS287" s="1221" t="s">
        <v>4265</v>
      </c>
      <c r="DT287" s="632"/>
    </row>
    <row r="288" spans="1:124" ht="85.5" x14ac:dyDescent="0.2">
      <c r="A288" s="484" t="str">
        <f t="shared" si="396"/>
        <v>Bus Only Traffic Filter - Station Road</v>
      </c>
      <c r="B288" s="1163">
        <v>285</v>
      </c>
      <c r="C288" s="1156" t="s">
        <v>4288</v>
      </c>
      <c r="D288" s="481" t="s">
        <v>2481</v>
      </c>
      <c r="E288" s="481" t="s">
        <v>53</v>
      </c>
      <c r="F288" s="481" t="s">
        <v>655</v>
      </c>
      <c r="G288" s="665" t="s">
        <v>1350</v>
      </c>
      <c r="H288" s="855" t="s">
        <v>875</v>
      </c>
      <c r="I288" s="775" t="str">
        <f t="shared" si="444"/>
        <v>LS-19</v>
      </c>
      <c r="J288" s="855" t="s">
        <v>4289</v>
      </c>
      <c r="K288" s="664" t="s">
        <v>3104</v>
      </c>
      <c r="L288" s="852" t="s">
        <v>4290</v>
      </c>
      <c r="M288" s="657" t="s">
        <v>2996</v>
      </c>
      <c r="N288" s="775" t="s">
        <v>81</v>
      </c>
      <c r="O288" s="654" t="s">
        <v>3051</v>
      </c>
      <c r="P288" s="657" t="s">
        <v>61</v>
      </c>
      <c r="Q288" s="852" t="s">
        <v>122</v>
      </c>
      <c r="R288" s="657"/>
      <c r="S288" s="657"/>
      <c r="T288" s="854">
        <v>109695</v>
      </c>
      <c r="U288" s="854"/>
      <c r="V288" s="657" t="s">
        <v>4245</v>
      </c>
      <c r="W288" s="642">
        <f t="shared" si="441"/>
        <v>0</v>
      </c>
      <c r="X288" s="745">
        <f t="shared" si="423"/>
        <v>109695</v>
      </c>
      <c r="Y288" s="745" t="s">
        <v>4260</v>
      </c>
      <c r="Z288" s="745" t="str">
        <f>_xlfn.XLOOKUP(I288, 'CALCS Aecom (July 25 2025)'!F:F, 'CALCS Aecom (July 25 2025)'!W:W)</f>
        <v>Mutliple Scenario 2 (Step 5)</v>
      </c>
      <c r="AA288" s="1331" t="s">
        <v>3220</v>
      </c>
      <c r="AB288" s="713" t="str">
        <f t="shared" si="454"/>
        <v>Yes</v>
      </c>
      <c r="AC288" s="713" t="str">
        <f t="shared" si="454"/>
        <v/>
      </c>
      <c r="AD288" s="713" t="str">
        <f t="shared" si="454"/>
        <v/>
      </c>
      <c r="AE288" s="713" t="str">
        <f t="shared" si="454"/>
        <v/>
      </c>
      <c r="AF288" s="713" t="str">
        <f t="shared" si="454"/>
        <v/>
      </c>
      <c r="AG288" s="713" t="str">
        <f t="shared" si="454"/>
        <v/>
      </c>
      <c r="AH288" s="713" t="str">
        <f t="shared" si="454"/>
        <v/>
      </c>
      <c r="AI288" s="713" t="str">
        <f t="shared" si="454"/>
        <v/>
      </c>
      <c r="AJ288" s="713" t="str">
        <f t="shared" si="454"/>
        <v/>
      </c>
      <c r="AK288" s="713" t="str">
        <f t="shared" si="454"/>
        <v>Yes</v>
      </c>
      <c r="AL288" s="713" t="str">
        <f t="shared" si="455"/>
        <v/>
      </c>
      <c r="AM288" s="713" t="str">
        <f t="shared" si="455"/>
        <v/>
      </c>
      <c r="AN288" s="713" t="str">
        <f t="shared" si="455"/>
        <v/>
      </c>
      <c r="AO288" s="713" t="str">
        <f t="shared" si="455"/>
        <v/>
      </c>
      <c r="AP288" s="713" t="str">
        <f t="shared" si="455"/>
        <v/>
      </c>
      <c r="AQ288" s="713" t="str">
        <f t="shared" si="455"/>
        <v/>
      </c>
      <c r="AR288" s="713" t="str">
        <f t="shared" si="455"/>
        <v/>
      </c>
      <c r="AS288" s="892"/>
      <c r="AT288" s="892"/>
      <c r="AU288" s="892"/>
      <c r="AV288" s="661"/>
      <c r="AW288" s="892"/>
      <c r="AX288" s="892"/>
      <c r="AY288" s="892"/>
      <c r="AZ288" s="661"/>
      <c r="BA288" s="892"/>
      <c r="BB288" s="661"/>
      <c r="BC288" s="661"/>
      <c r="BD288" s="892"/>
      <c r="BE288" s="661"/>
      <c r="BF288" s="661"/>
      <c r="BG288" s="746"/>
      <c r="BH288" s="746"/>
      <c r="BI288" s="746"/>
      <c r="BJ288" s="746"/>
      <c r="BK288" s="746"/>
      <c r="BL288" s="746"/>
      <c r="BM288" s="746"/>
      <c r="BN288" s="746"/>
      <c r="BO288" s="892" t="str">
        <f t="shared" si="456"/>
        <v>Yes</v>
      </c>
      <c r="BP288" s="892" t="str">
        <f t="shared" si="456"/>
        <v>Yes</v>
      </c>
      <c r="BQ288" s="892" t="str">
        <f t="shared" si="456"/>
        <v>Yes</v>
      </c>
      <c r="BR288" s="892" t="str">
        <f t="shared" si="456"/>
        <v/>
      </c>
      <c r="BS288" s="884">
        <f t="shared" si="397"/>
        <v>11000</v>
      </c>
      <c r="BT288" s="661">
        <f t="shared" si="442"/>
        <v>9.9722727272727276</v>
      </c>
      <c r="BU288" s="661" t="str">
        <f>IF(SUM(BV288:DL288)=X288, "GOOD", "ERROR")</f>
        <v>GOOD</v>
      </c>
      <c r="BV288" s="1149">
        <f>$X288*_xlfn.XLOOKUP($I288, 'CALCS Aecom (July 25 2025)'!$F:$F, 'CALCS Aecom (July 25 2025)'!BZ:BZ)</f>
        <v>24376.666666666664</v>
      </c>
      <c r="BW288" s="1149">
        <f>$X288*_xlfn.XLOOKUP($I288, 'CALCS Aecom (July 25 2025)'!$F:$F, 'CALCS Aecom (July 25 2025)'!CC:CC)</f>
        <v>0</v>
      </c>
      <c r="BX288" s="1149">
        <f>$X288*_xlfn.XLOOKUP($I288, 'CALCS Aecom (July 25 2025)'!$F:$F, 'CALCS Aecom (July 25 2025)'!CI:CI)</f>
        <v>0</v>
      </c>
      <c r="BY288" s="1149">
        <f>$X288*_xlfn.XLOOKUP($I288, 'CALCS Aecom (July 25 2025)'!$F:$F, 'CALCS Aecom (July 25 2025)'!BQ:BQ)</f>
        <v>0</v>
      </c>
      <c r="BZ288" s="1149">
        <f>$X288*_xlfn.XLOOKUP($I288, 'CALCS Aecom (July 25 2025)'!$F:$F, 'CALCS Aecom (July 25 2025)'!BV:BV)</f>
        <v>0</v>
      </c>
      <c r="CA288" s="1149">
        <f>$X288*_xlfn.XLOOKUP($I288, 'CALCS Aecom (July 25 2025)'!$F:$F, 'CALCS Aecom (July 25 2025)'!BR:BR)</f>
        <v>0</v>
      </c>
      <c r="CB288" s="1149">
        <f>$X288*_xlfn.XLOOKUP($I288, 'CALCS Aecom (July 25 2025)'!$F:$F, 'CALCS Aecom (July 25 2025)'!CD:CD)</f>
        <v>0</v>
      </c>
      <c r="CC288" s="1149">
        <f>$X288*_xlfn.XLOOKUP($I288, 'CALCS Aecom (July 25 2025)'!$F:$F, 'CALCS Aecom (July 25 2025)'!BT:BT)</f>
        <v>0</v>
      </c>
      <c r="CD288" s="1149">
        <f>$X288*_xlfn.XLOOKUP($I288, 'CALCS Aecom (July 25 2025)'!$F:$F, 'CALCS Aecom (July 25 2025)'!BU:BU)</f>
        <v>0</v>
      </c>
      <c r="CE288" s="1149">
        <f>$X288*_xlfn.XLOOKUP($I288, 'CALCS Aecom (July 25 2025)'!$F:$F, 'CALCS Aecom (July 25 2025)'!BW:BW)</f>
        <v>12188.333333333332</v>
      </c>
      <c r="CF288" s="1149">
        <f>$X288*_xlfn.XLOOKUP($I288, 'CALCS Aecom (July 25 2025)'!$F:$F, 'CALCS Aecom (July 25 2025)'!BS:BS)</f>
        <v>0</v>
      </c>
      <c r="CG288" s="1149">
        <f>$X288*_xlfn.XLOOKUP($I288, 'CALCS Aecom (July 25 2025)'!$F:$F, 'CALCS Aecom (July 25 2025)'!CE:CE)</f>
        <v>0</v>
      </c>
      <c r="CH288" s="1149">
        <f>$X288*_xlfn.XLOOKUP($I288, 'CALCS Aecom (July 25 2025)'!$F:$F, 'CALCS Aecom (July 25 2025)'!CJ:CJ)</f>
        <v>0</v>
      </c>
      <c r="CI288" s="1149">
        <f>$X288*_xlfn.XLOOKUP($I288, 'CALCS Aecom (July 25 2025)'!$F:$F, 'CALCS Aecom (July 25 2025)'!CB:CB)</f>
        <v>0</v>
      </c>
      <c r="CJ288" s="1149">
        <f>$X288*_xlfn.XLOOKUP($I288, 'CALCS Aecom (July 25 2025)'!$F:$F, 'CALCS Aecom (July 25 2025)'!CF:CF)</f>
        <v>0</v>
      </c>
      <c r="CK288" s="1149">
        <f>$X288*_xlfn.XLOOKUP($I288, 'CALCS Aecom (July 25 2025)'!$F:$F, 'CALCS Aecom (July 25 2025)'!CG:CG)</f>
        <v>0</v>
      </c>
      <c r="CL288" s="1149"/>
      <c r="CM288" s="898"/>
      <c r="CN288" s="898"/>
      <c r="CO288" s="898"/>
      <c r="CP288" s="898"/>
      <c r="CQ288" s="898"/>
      <c r="CR288" s="898"/>
      <c r="CS288" s="898"/>
      <c r="CT288" s="898"/>
      <c r="CU288" s="898"/>
      <c r="CV288" s="898"/>
      <c r="CW288" s="898"/>
      <c r="CX288" s="898"/>
      <c r="CY288" s="898"/>
      <c r="CZ288" s="898"/>
      <c r="DA288" s="898"/>
      <c r="DB288" s="898"/>
      <c r="DC288" s="898"/>
      <c r="DD288" s="898"/>
      <c r="DE288" s="898"/>
      <c r="DF288" s="898"/>
      <c r="DG288" s="898"/>
      <c r="DH288" s="898"/>
      <c r="DI288" s="1149">
        <f>$X288*_xlfn.XLOOKUP($I288, 'CALCS Aecom (July 25 2025)'!$F:$F, 'CALCS Aecom (July 25 2025)'!CA:CA)</f>
        <v>12188.333333333332</v>
      </c>
      <c r="DJ288" s="1149">
        <f>$X288*_xlfn.XLOOKUP($I288, 'CALCS Aecom (July 25 2025)'!$F:$F, 'CALCS Aecom (July 25 2025)'!BX:BX)</f>
        <v>12188.333333333332</v>
      </c>
      <c r="DK288" s="1149">
        <f>$X288*_xlfn.XLOOKUP($I288, 'CALCS Aecom (July 25 2025)'!$F:$F, 'CALCS Aecom (July 25 2025)'!BY:BY)</f>
        <v>48753.333333333328</v>
      </c>
      <c r="DL288" s="1149">
        <f>$X288*_xlfn.XLOOKUP($I288, 'CALCS Aecom (July 25 2025)'!$F:$F, 'CALCS Aecom (July 25 2025)'!CH:CH)</f>
        <v>0</v>
      </c>
      <c r="DM288" s="661">
        <f t="shared" si="402"/>
        <v>36565</v>
      </c>
      <c r="DN288" s="898">
        <f t="shared" si="403"/>
        <v>73130</v>
      </c>
      <c r="DO288" s="516">
        <f t="shared" si="404"/>
        <v>0</v>
      </c>
      <c r="DP288" s="898">
        <f t="shared" si="405"/>
        <v>0</v>
      </c>
      <c r="DQ288" s="860" t="s">
        <v>4246</v>
      </c>
      <c r="DR288" s="860" t="s">
        <v>4261</v>
      </c>
      <c r="DS288" s="1221" t="s">
        <v>4265</v>
      </c>
      <c r="DT288" s="632"/>
    </row>
    <row r="289" spans="1:124" ht="85.5" x14ac:dyDescent="0.2">
      <c r="A289" s="484" t="str">
        <f t="shared" si="396"/>
        <v>Bus Only Traffic Filters - wider Hemel Hempstead</v>
      </c>
      <c r="B289" s="1163">
        <v>286</v>
      </c>
      <c r="C289" s="1156" t="s">
        <v>4291</v>
      </c>
      <c r="D289" s="481" t="s">
        <v>2481</v>
      </c>
      <c r="E289" s="481" t="s">
        <v>53</v>
      </c>
      <c r="F289" s="481" t="s">
        <v>655</v>
      </c>
      <c r="G289" s="665" t="s">
        <v>1350</v>
      </c>
      <c r="H289" s="855" t="s">
        <v>877</v>
      </c>
      <c r="I289" s="775" t="str">
        <f t="shared" si="444"/>
        <v>LS-20</v>
      </c>
      <c r="J289" s="855" t="s">
        <v>4292</v>
      </c>
      <c r="K289" s="664" t="s">
        <v>3104</v>
      </c>
      <c r="L289" s="852" t="s">
        <v>3167</v>
      </c>
      <c r="M289" s="713" t="s">
        <v>2996</v>
      </c>
      <c r="N289" s="775" t="s">
        <v>81</v>
      </c>
      <c r="O289" s="654" t="s">
        <v>3051</v>
      </c>
      <c r="P289" s="657" t="s">
        <v>61</v>
      </c>
      <c r="Q289" s="775" t="s">
        <v>4293</v>
      </c>
      <c r="R289" s="657"/>
      <c r="S289" s="657"/>
      <c r="T289" s="854">
        <v>109695</v>
      </c>
      <c r="U289" s="856"/>
      <c r="V289" s="657" t="s">
        <v>4245</v>
      </c>
      <c r="W289" s="642">
        <f t="shared" si="441"/>
        <v>0</v>
      </c>
      <c r="X289" s="745">
        <f t="shared" si="423"/>
        <v>109695</v>
      </c>
      <c r="Y289" s="745" t="s">
        <v>3106</v>
      </c>
      <c r="Z289" s="745" t="str">
        <f>_xlfn.XLOOKUP(I289, 'CALCS Aecom (July 25 2025)'!F:F, 'CALCS Aecom (July 25 2025)'!W:W)</f>
        <v>Multiple Scenario 2 (Step 7)</v>
      </c>
      <c r="AA289" s="1331" t="s">
        <v>3220</v>
      </c>
      <c r="AB289" s="713" t="s">
        <v>66</v>
      </c>
      <c r="AC289" s="713" t="s">
        <v>66</v>
      </c>
      <c r="AD289" s="713" t="s">
        <v>66</v>
      </c>
      <c r="AE289" s="713" t="s">
        <v>66</v>
      </c>
      <c r="AF289" s="713" t="s">
        <v>66</v>
      </c>
      <c r="AG289" s="713" t="s">
        <v>66</v>
      </c>
      <c r="AH289" s="713" t="s">
        <v>66</v>
      </c>
      <c r="AI289" s="713" t="s">
        <v>66</v>
      </c>
      <c r="AJ289" s="713" t="s">
        <v>66</v>
      </c>
      <c r="AK289" s="713" t="s">
        <v>66</v>
      </c>
      <c r="AL289" s="713" t="s">
        <v>66</v>
      </c>
      <c r="AM289" s="713" t="s">
        <v>66</v>
      </c>
      <c r="AN289" s="713" t="s">
        <v>66</v>
      </c>
      <c r="AO289" s="713" t="s">
        <v>66</v>
      </c>
      <c r="AP289" s="713" t="s">
        <v>66</v>
      </c>
      <c r="AQ289" s="713" t="s">
        <v>66</v>
      </c>
      <c r="AR289" s="713" t="s">
        <v>66</v>
      </c>
      <c r="AS289" s="661"/>
      <c r="AT289" s="661"/>
      <c r="AU289" s="661"/>
      <c r="AV289" s="661"/>
      <c r="AW289" s="661"/>
      <c r="AX289" s="661"/>
      <c r="AY289" s="661"/>
      <c r="AZ289" s="661"/>
      <c r="BA289" s="661"/>
      <c r="BB289" s="661"/>
      <c r="BC289" s="661"/>
      <c r="BD289" s="661"/>
      <c r="BE289" s="661"/>
      <c r="BF289" s="661"/>
      <c r="BG289" s="746"/>
      <c r="BH289" s="746"/>
      <c r="BI289" s="746"/>
      <c r="BJ289" s="746"/>
      <c r="BK289" s="746"/>
      <c r="BL289" s="746"/>
      <c r="BM289" s="746"/>
      <c r="BN289" s="746"/>
      <c r="BO289" s="713" t="s">
        <v>66</v>
      </c>
      <c r="BP289" s="713" t="s">
        <v>66</v>
      </c>
      <c r="BQ289" s="713" t="s">
        <v>66</v>
      </c>
      <c r="BR289" s="713" t="s">
        <v>66</v>
      </c>
      <c r="BS289" s="884">
        <f t="shared" si="397"/>
        <v>21225</v>
      </c>
      <c r="BT289" s="661">
        <f t="shared" si="442"/>
        <v>5.1681978798586572</v>
      </c>
      <c r="BU289" s="661" t="str">
        <f>IF(SUM(BV289:DL289)=X289, "GOOD", "ERROR")</f>
        <v>GOOD</v>
      </c>
      <c r="BV289" s="898">
        <f t="shared" ref="BV289:DL289" si="457">IF(AB289="yes",(AB$3*$BT289),"")</f>
        <v>25840.989399293285</v>
      </c>
      <c r="BW289" s="898">
        <f t="shared" si="457"/>
        <v>1033.6395759717313</v>
      </c>
      <c r="BX289" s="898">
        <f t="shared" si="457"/>
        <v>2325.6890459363958</v>
      </c>
      <c r="BY289" s="898">
        <f t="shared" si="457"/>
        <v>1808.86925795053</v>
      </c>
      <c r="BZ289" s="898">
        <f t="shared" si="457"/>
        <v>2584.0989399293285</v>
      </c>
      <c r="CA289" s="898">
        <f t="shared" si="457"/>
        <v>2480.7349823321556</v>
      </c>
      <c r="CB289" s="898">
        <f t="shared" si="457"/>
        <v>516.81978798586567</v>
      </c>
      <c r="CC289" s="898">
        <f t="shared" si="457"/>
        <v>2015.5971731448763</v>
      </c>
      <c r="CD289" s="898">
        <f t="shared" si="457"/>
        <v>2584.0989399293285</v>
      </c>
      <c r="CE289" s="898">
        <f t="shared" si="457"/>
        <v>2584.0989399293285</v>
      </c>
      <c r="CF289" s="898">
        <f t="shared" si="457"/>
        <v>3876.1484098939927</v>
      </c>
      <c r="CG289" s="898">
        <f t="shared" si="457"/>
        <v>1033.6395759717313</v>
      </c>
      <c r="CH289" s="898">
        <f t="shared" si="457"/>
        <v>1209.3583038869258</v>
      </c>
      <c r="CI289" s="898">
        <f t="shared" si="457"/>
        <v>1808.86925795053</v>
      </c>
      <c r="CJ289" s="898">
        <f t="shared" si="457"/>
        <v>465.13780918727917</v>
      </c>
      <c r="CK289" s="898">
        <f t="shared" si="457"/>
        <v>413.45583038869256</v>
      </c>
      <c r="CL289" s="898">
        <f t="shared" si="457"/>
        <v>12300.310954063603</v>
      </c>
      <c r="CM289" s="898" t="str">
        <f t="shared" si="457"/>
        <v/>
      </c>
      <c r="CN289" s="898" t="str">
        <f t="shared" si="457"/>
        <v/>
      </c>
      <c r="CO289" s="898" t="str">
        <f t="shared" si="457"/>
        <v/>
      </c>
      <c r="CP289" s="898" t="str">
        <f t="shared" si="457"/>
        <v/>
      </c>
      <c r="CQ289" s="898" t="str">
        <f t="shared" si="457"/>
        <v/>
      </c>
      <c r="CR289" s="898" t="str">
        <f t="shared" si="457"/>
        <v/>
      </c>
      <c r="CS289" s="898" t="str">
        <f t="shared" si="457"/>
        <v/>
      </c>
      <c r="CT289" s="898" t="str">
        <f t="shared" si="457"/>
        <v/>
      </c>
      <c r="CU289" s="898" t="str">
        <f t="shared" si="457"/>
        <v/>
      </c>
      <c r="CV289" s="898" t="str">
        <f t="shared" si="457"/>
        <v/>
      </c>
      <c r="CW289" s="898" t="str">
        <f t="shared" si="457"/>
        <v/>
      </c>
      <c r="CX289" s="898" t="str">
        <f t="shared" si="457"/>
        <v/>
      </c>
      <c r="CY289" s="898" t="str">
        <f t="shared" si="457"/>
        <v/>
      </c>
      <c r="CZ289" s="898" t="str">
        <f t="shared" si="457"/>
        <v/>
      </c>
      <c r="DA289" s="898" t="str">
        <f t="shared" si="457"/>
        <v/>
      </c>
      <c r="DB289" s="898" t="str">
        <f t="shared" si="457"/>
        <v/>
      </c>
      <c r="DC289" s="898" t="str">
        <f t="shared" si="457"/>
        <v/>
      </c>
      <c r="DD289" s="898" t="str">
        <f t="shared" si="457"/>
        <v/>
      </c>
      <c r="DE289" s="898" t="str">
        <f t="shared" si="457"/>
        <v/>
      </c>
      <c r="DF289" s="898" t="str">
        <f t="shared" si="457"/>
        <v/>
      </c>
      <c r="DG289" s="898" t="str">
        <f t="shared" si="457"/>
        <v/>
      </c>
      <c r="DH289" s="898" t="str">
        <f t="shared" si="457"/>
        <v/>
      </c>
      <c r="DI289" s="898">
        <f t="shared" si="457"/>
        <v>7752.2968197879854</v>
      </c>
      <c r="DJ289" s="898">
        <f t="shared" si="457"/>
        <v>8269.1166077738508</v>
      </c>
      <c r="DK289" s="898">
        <f t="shared" si="457"/>
        <v>12403.674911660777</v>
      </c>
      <c r="DL289" s="898">
        <f t="shared" si="457"/>
        <v>16388.355477031801</v>
      </c>
      <c r="DM289" s="661">
        <f t="shared" si="402"/>
        <v>64881.556183745575</v>
      </c>
      <c r="DN289" s="898">
        <f t="shared" si="403"/>
        <v>44813.44381625441</v>
      </c>
      <c r="DO289" s="516">
        <f t="shared" si="404"/>
        <v>0</v>
      </c>
      <c r="DP289" s="898">
        <f t="shared" si="405"/>
        <v>0</v>
      </c>
      <c r="DQ289" s="860" t="s">
        <v>4246</v>
      </c>
      <c r="DR289" s="610" t="s">
        <v>4247</v>
      </c>
      <c r="DS289" s="1221" t="s">
        <v>4248</v>
      </c>
      <c r="DT289" s="632"/>
    </row>
    <row r="290" spans="1:124" ht="71.25" x14ac:dyDescent="0.2">
      <c r="A290" s="484" t="str">
        <f t="shared" si="396"/>
        <v>North Hemel Hempstead (Hm01) Local Mobility Hub - West</v>
      </c>
      <c r="B290" s="1163">
        <v>287</v>
      </c>
      <c r="C290" s="1156" t="s">
        <v>4294</v>
      </c>
      <c r="D290" s="481" t="s">
        <v>2481</v>
      </c>
      <c r="E290" s="481" t="s">
        <v>53</v>
      </c>
      <c r="F290" s="481" t="s">
        <v>655</v>
      </c>
      <c r="G290" s="775" t="s">
        <v>830</v>
      </c>
      <c r="H290" s="855" t="s">
        <v>4295</v>
      </c>
      <c r="I290" s="775" t="str">
        <f t="shared" si="444"/>
        <v>LS-22</v>
      </c>
      <c r="J290" s="673" t="s">
        <v>4296</v>
      </c>
      <c r="K290" s="664" t="s">
        <v>3104</v>
      </c>
      <c r="L290" s="775" t="s">
        <v>1360</v>
      </c>
      <c r="M290" s="657" t="s">
        <v>3027</v>
      </c>
      <c r="N290" s="775" t="s">
        <v>60</v>
      </c>
      <c r="O290" s="654" t="s">
        <v>525</v>
      </c>
      <c r="P290" s="657" t="s">
        <v>61</v>
      </c>
      <c r="Q290" s="852" t="s">
        <v>122</v>
      </c>
      <c r="R290" s="657"/>
      <c r="S290" s="657"/>
      <c r="T290" s="854">
        <v>370629.1875</v>
      </c>
      <c r="U290" s="854"/>
      <c r="V290" s="657" t="s">
        <v>2989</v>
      </c>
      <c r="W290" s="642">
        <f t="shared" si="441"/>
        <v>0</v>
      </c>
      <c r="X290" s="745">
        <f t="shared" si="423"/>
        <v>370629.1875</v>
      </c>
      <c r="Y290" s="745" t="s">
        <v>3106</v>
      </c>
      <c r="Z290" s="745" t="str">
        <f>_xlfn.XLOOKUP(I290, 'CALCS Aecom (July 25 2025)'!F:F, 'CALCS Aecom (July 25 2025)'!W:W)</f>
        <v>Single Scenario 1 (Step 1)</v>
      </c>
      <c r="AA290" s="650" t="s">
        <v>65</v>
      </c>
      <c r="AB290" s="516" t="s">
        <v>66</v>
      </c>
      <c r="AC290" s="892"/>
      <c r="AD290" s="892"/>
      <c r="AE290" s="892"/>
      <c r="AF290" s="892"/>
      <c r="AG290" s="892"/>
      <c r="AH290" s="892"/>
      <c r="AI290" s="892"/>
      <c r="AJ290" s="892"/>
      <c r="AK290" s="892"/>
      <c r="AL290" s="892"/>
      <c r="AM290" s="892"/>
      <c r="AN290" s="892"/>
      <c r="AO290" s="892"/>
      <c r="AP290" s="892"/>
      <c r="AQ290" s="892"/>
      <c r="AR290" s="892"/>
      <c r="AS290" s="892"/>
      <c r="AT290" s="892"/>
      <c r="AU290" s="892"/>
      <c r="AV290" s="892"/>
      <c r="AW290" s="892"/>
      <c r="AX290" s="892"/>
      <c r="AY290" s="892"/>
      <c r="AZ290" s="892"/>
      <c r="BA290" s="892"/>
      <c r="BB290" s="892"/>
      <c r="BC290" s="892"/>
      <c r="BD290" s="892"/>
      <c r="BE290" s="892"/>
      <c r="BF290" s="892"/>
      <c r="BG290" s="746"/>
      <c r="BH290" s="746"/>
      <c r="BI290" s="746"/>
      <c r="BJ290" s="746"/>
      <c r="BK290" s="746"/>
      <c r="BL290" s="746"/>
      <c r="BM290" s="746"/>
      <c r="BN290" s="746"/>
      <c r="BO290" s="892"/>
      <c r="BP290" s="892"/>
      <c r="BQ290" s="892"/>
      <c r="BR290" s="892"/>
      <c r="BS290" s="884">
        <f t="shared" si="397"/>
        <v>5000</v>
      </c>
      <c r="BT290" s="661">
        <f t="shared" si="442"/>
        <v>74.125837500000003</v>
      </c>
      <c r="BU290" s="661"/>
      <c r="BV290" s="898">
        <f t="shared" ref="BV290:BV299" si="458">IF(AB290="yes",(AB$3*$BT290),"")</f>
        <v>370629.1875</v>
      </c>
      <c r="BW290" s="898" t="str">
        <f t="shared" ref="BW290:BW299" si="459">IF(AC290="yes",(AC$3*$BT290),"")</f>
        <v/>
      </c>
      <c r="BX290" s="898" t="str">
        <f t="shared" ref="BX290:BX299" si="460">IF(AD290="yes",(AD$3*$BT290),"")</f>
        <v/>
      </c>
      <c r="BY290" s="898" t="str">
        <f t="shared" ref="BY290:BY299" si="461">IF(AE290="yes",(AE$3*$BT290),"")</f>
        <v/>
      </c>
      <c r="BZ290" s="898" t="str">
        <f t="shared" ref="BZ290:BZ299" si="462">IF(AF290="yes",(AF$3*$BT290),"")</f>
        <v/>
      </c>
      <c r="CA290" s="898" t="str">
        <f t="shared" ref="CA290:CA299" si="463">IF(AG290="yes",(AG$3*$BT290),"")</f>
        <v/>
      </c>
      <c r="CB290" s="898" t="str">
        <f t="shared" ref="CB290:CB299" si="464">IF(AH290="yes",(AH$3*$BT290),"")</f>
        <v/>
      </c>
      <c r="CC290" s="898" t="str">
        <f t="shared" ref="CC290:CC299" si="465">IF(AI290="yes",(AI$3*$BT290),"")</f>
        <v/>
      </c>
      <c r="CD290" s="898" t="str">
        <f t="shared" ref="CD290:CD299" si="466">IF(AJ290="yes",(AJ$3*$BT290),"")</f>
        <v/>
      </c>
      <c r="CE290" s="898" t="str">
        <f t="shared" ref="CE290:CE299" si="467">IF(AK290="yes",(AK$3*$BT290),"")</f>
        <v/>
      </c>
      <c r="CF290" s="898" t="str">
        <f t="shared" ref="CF290:CF299" si="468">IF(AL290="yes",(AL$3*$BT290),"")</f>
        <v/>
      </c>
      <c r="CG290" s="898" t="str">
        <f t="shared" ref="CG290:CG299" si="469">IF(AM290="yes",(AM$3*$BT290),"")</f>
        <v/>
      </c>
      <c r="CH290" s="898" t="str">
        <f t="shared" ref="CH290:CH299" si="470">IF(AN290="yes",(AN$3*$BT290),"")</f>
        <v/>
      </c>
      <c r="CI290" s="898" t="str">
        <f t="shared" ref="CI290:CI299" si="471">IF(AO290="yes",(AO$3*$BT290),"")</f>
        <v/>
      </c>
      <c r="CJ290" s="898" t="str">
        <f t="shared" ref="CJ290:CJ299" si="472">IF(AP290="yes",(AP$3*$BT290),"")</f>
        <v/>
      </c>
      <c r="CK290" s="898" t="str">
        <f t="shared" ref="CK290:CK299" si="473">IF(AQ290="yes",(AQ$3*$BT290),"")</f>
        <v/>
      </c>
      <c r="CL290" s="898" t="str">
        <f t="shared" ref="CL290:CL299" si="474">IF(AR290="yes",(AR$3*$BT290),"")</f>
        <v/>
      </c>
      <c r="CM290" s="898" t="str">
        <f t="shared" ref="CM290:CM299" si="475">IF(AS290="yes",(AS$3*$BT290),"")</f>
        <v/>
      </c>
      <c r="CN290" s="898" t="str">
        <f t="shared" ref="CN290:CN299" si="476">IF(AT290="yes",(AT$3*$BT290),"")</f>
        <v/>
      </c>
      <c r="CO290" s="898" t="str">
        <f t="shared" ref="CO290:CO299" si="477">IF(AU290="yes",(AU$3*$BT290),"")</f>
        <v/>
      </c>
      <c r="CP290" s="898" t="str">
        <f t="shared" ref="CP290:CP299" si="478">IF(AV290="yes",(AV$3*$BT290),"")</f>
        <v/>
      </c>
      <c r="CQ290" s="898" t="str">
        <f t="shared" ref="CQ290:CQ299" si="479">IF(AW290="yes",(AW$3*$BT290),"")</f>
        <v/>
      </c>
      <c r="CR290" s="898" t="str">
        <f t="shared" ref="CR290:CR299" si="480">IF(AX290="yes",(AX$3*$BT290),"")</f>
        <v/>
      </c>
      <c r="CS290" s="898" t="str">
        <f t="shared" ref="CS290:CS299" si="481">IF(AY290="yes",(AY$3*$BT290),"")</f>
        <v/>
      </c>
      <c r="CT290" s="898" t="str">
        <f t="shared" ref="CT290:CT299" si="482">IF(AZ290="yes",(AZ$3*$BT290),"")</f>
        <v/>
      </c>
      <c r="CU290" s="898" t="str">
        <f t="shared" ref="CU290:CU299" si="483">IF(BA290="yes",(BA$3*$BT290),"")</f>
        <v/>
      </c>
      <c r="CV290" s="898" t="str">
        <f t="shared" ref="CV290:CV299" si="484">IF(BB290="yes",(BB$3*$BT290),"")</f>
        <v/>
      </c>
      <c r="CW290" s="898" t="str">
        <f t="shared" ref="CW290:CW299" si="485">IF(BC290="yes",(BC$3*$BT290),"")</f>
        <v/>
      </c>
      <c r="CX290" s="898" t="str">
        <f t="shared" ref="CX290:CX299" si="486">IF(BD290="yes",(BD$3*$BT290),"")</f>
        <v/>
      </c>
      <c r="CY290" s="898" t="str">
        <f t="shared" ref="CY290:CY299" si="487">IF(BE290="yes",(BE$3*$BT290),"")</f>
        <v/>
      </c>
      <c r="CZ290" s="898" t="str">
        <f t="shared" ref="CZ290:CZ299" si="488">IF(BF290="yes",(BF$3*$BT290),"")</f>
        <v/>
      </c>
      <c r="DA290" s="898"/>
      <c r="DB290" s="898"/>
      <c r="DC290" s="898"/>
      <c r="DD290" s="898"/>
      <c r="DE290" s="898"/>
      <c r="DF290" s="898"/>
      <c r="DG290" s="898"/>
      <c r="DH290" s="898"/>
      <c r="DI290" s="898"/>
      <c r="DJ290" s="898"/>
      <c r="DK290" s="898"/>
      <c r="DL290" s="898"/>
      <c r="DM290" s="661">
        <f t="shared" si="402"/>
        <v>370629.1875</v>
      </c>
      <c r="DN290" s="898">
        <f t="shared" si="403"/>
        <v>0</v>
      </c>
      <c r="DO290" s="516">
        <f t="shared" si="404"/>
        <v>0</v>
      </c>
      <c r="DP290" s="898">
        <f t="shared" si="405"/>
        <v>0</v>
      </c>
      <c r="DQ290" s="860" t="s">
        <v>4246</v>
      </c>
      <c r="DR290" s="1220"/>
      <c r="DS290" s="1221" t="s">
        <v>4248</v>
      </c>
      <c r="DT290" s="632"/>
    </row>
    <row r="291" spans="1:124" ht="71.25" x14ac:dyDescent="0.2">
      <c r="A291" s="484" t="str">
        <f t="shared" si="396"/>
        <v>North Hemel Hempstead (Hm01) Local Mobility Hub - Central</v>
      </c>
      <c r="B291" s="1163">
        <v>288</v>
      </c>
      <c r="C291" s="1156" t="s">
        <v>4297</v>
      </c>
      <c r="D291" s="481" t="s">
        <v>2481</v>
      </c>
      <c r="E291" s="481" t="s">
        <v>53</v>
      </c>
      <c r="F291" s="481" t="s">
        <v>655</v>
      </c>
      <c r="G291" s="775" t="s">
        <v>830</v>
      </c>
      <c r="H291" s="855" t="s">
        <v>4298</v>
      </c>
      <c r="I291" s="775" t="str">
        <f t="shared" si="444"/>
        <v>LS-23</v>
      </c>
      <c r="J291" s="673" t="s">
        <v>4299</v>
      </c>
      <c r="K291" s="664" t="s">
        <v>3104</v>
      </c>
      <c r="L291" s="738" t="s">
        <v>1360</v>
      </c>
      <c r="M291" s="657" t="s">
        <v>3027</v>
      </c>
      <c r="N291" s="775" t="s">
        <v>60</v>
      </c>
      <c r="O291" s="654" t="s">
        <v>525</v>
      </c>
      <c r="P291" s="657" t="s">
        <v>61</v>
      </c>
      <c r="Q291" s="852" t="s">
        <v>122</v>
      </c>
      <c r="R291" s="657"/>
      <c r="S291" s="657"/>
      <c r="T291" s="854">
        <v>370629.1875</v>
      </c>
      <c r="U291" s="854"/>
      <c r="V291" s="657" t="s">
        <v>2989</v>
      </c>
      <c r="W291" s="642">
        <f t="shared" si="441"/>
        <v>0</v>
      </c>
      <c r="X291" s="745">
        <f t="shared" si="423"/>
        <v>370629.1875</v>
      </c>
      <c r="Y291" s="745" t="s">
        <v>3106</v>
      </c>
      <c r="Z291" s="745" t="str">
        <f>_xlfn.XLOOKUP(I291, 'CALCS Aecom (July 25 2025)'!F:F, 'CALCS Aecom (July 25 2025)'!W:W)</f>
        <v>Single Scenario 1 (Step 1)</v>
      </c>
      <c r="AA291" s="650" t="s">
        <v>65</v>
      </c>
      <c r="AB291" s="845" t="s">
        <v>66</v>
      </c>
      <c r="AC291" s="899"/>
      <c r="AD291" s="899"/>
      <c r="AE291" s="899"/>
      <c r="AF291" s="899"/>
      <c r="AG291" s="899"/>
      <c r="AH291" s="899"/>
      <c r="AI291" s="899"/>
      <c r="AJ291" s="899"/>
      <c r="AK291" s="899"/>
      <c r="AL291" s="899"/>
      <c r="AM291" s="899"/>
      <c r="AN291" s="899"/>
      <c r="AO291" s="899"/>
      <c r="AP291" s="899"/>
      <c r="AQ291" s="899"/>
      <c r="AR291" s="899"/>
      <c r="AS291" s="661"/>
      <c r="AT291" s="661"/>
      <c r="AU291" s="661"/>
      <c r="AV291" s="661"/>
      <c r="AW291" s="661"/>
      <c r="AX291" s="661"/>
      <c r="AY291" s="661"/>
      <c r="AZ291" s="661"/>
      <c r="BA291" s="661"/>
      <c r="BB291" s="661"/>
      <c r="BC291" s="661"/>
      <c r="BD291" s="661"/>
      <c r="BE291" s="661"/>
      <c r="BF291" s="661"/>
      <c r="BG291" s="746"/>
      <c r="BH291" s="746"/>
      <c r="BI291" s="746"/>
      <c r="BJ291" s="746"/>
      <c r="BK291" s="746"/>
      <c r="BL291" s="746"/>
      <c r="BM291" s="746"/>
      <c r="BN291" s="746"/>
      <c r="BO291" s="892"/>
      <c r="BP291" s="892"/>
      <c r="BQ291" s="892"/>
      <c r="BR291" s="892"/>
      <c r="BS291" s="884">
        <f t="shared" si="397"/>
        <v>5000</v>
      </c>
      <c r="BT291" s="661">
        <f t="shared" si="442"/>
        <v>74.125837500000003</v>
      </c>
      <c r="BU291" s="661"/>
      <c r="BV291" s="942">
        <f t="shared" si="458"/>
        <v>370629.1875</v>
      </c>
      <c r="BW291" s="942" t="str">
        <f t="shared" si="459"/>
        <v/>
      </c>
      <c r="BX291" s="942" t="str">
        <f t="shared" si="460"/>
        <v/>
      </c>
      <c r="BY291" s="942" t="str">
        <f t="shared" si="461"/>
        <v/>
      </c>
      <c r="BZ291" s="942" t="str">
        <f t="shared" si="462"/>
        <v/>
      </c>
      <c r="CA291" s="942" t="str">
        <f t="shared" si="463"/>
        <v/>
      </c>
      <c r="CB291" s="942" t="str">
        <f t="shared" si="464"/>
        <v/>
      </c>
      <c r="CC291" s="942" t="str">
        <f t="shared" si="465"/>
        <v/>
      </c>
      <c r="CD291" s="942" t="str">
        <f t="shared" si="466"/>
        <v/>
      </c>
      <c r="CE291" s="942" t="str">
        <f t="shared" si="467"/>
        <v/>
      </c>
      <c r="CF291" s="942" t="str">
        <f t="shared" si="468"/>
        <v/>
      </c>
      <c r="CG291" s="942" t="str">
        <f t="shared" si="469"/>
        <v/>
      </c>
      <c r="CH291" s="942" t="str">
        <f t="shared" si="470"/>
        <v/>
      </c>
      <c r="CI291" s="942" t="str">
        <f t="shared" si="471"/>
        <v/>
      </c>
      <c r="CJ291" s="942" t="str">
        <f t="shared" si="472"/>
        <v/>
      </c>
      <c r="CK291" s="942" t="str">
        <f t="shared" si="473"/>
        <v/>
      </c>
      <c r="CL291" s="942" t="str">
        <f t="shared" si="474"/>
        <v/>
      </c>
      <c r="CM291" s="898" t="str">
        <f t="shared" si="475"/>
        <v/>
      </c>
      <c r="CN291" s="898" t="str">
        <f t="shared" si="476"/>
        <v/>
      </c>
      <c r="CO291" s="898" t="str">
        <f t="shared" si="477"/>
        <v/>
      </c>
      <c r="CP291" s="898" t="str">
        <f t="shared" si="478"/>
        <v/>
      </c>
      <c r="CQ291" s="898" t="str">
        <f t="shared" si="479"/>
        <v/>
      </c>
      <c r="CR291" s="898" t="str">
        <f t="shared" si="480"/>
        <v/>
      </c>
      <c r="CS291" s="898" t="str">
        <f t="shared" si="481"/>
        <v/>
      </c>
      <c r="CT291" s="898" t="str">
        <f t="shared" si="482"/>
        <v/>
      </c>
      <c r="CU291" s="898" t="str">
        <f t="shared" si="483"/>
        <v/>
      </c>
      <c r="CV291" s="898" t="str">
        <f t="shared" si="484"/>
        <v/>
      </c>
      <c r="CW291" s="898" t="str">
        <f t="shared" si="485"/>
        <v/>
      </c>
      <c r="CX291" s="898" t="str">
        <f t="shared" si="486"/>
        <v/>
      </c>
      <c r="CY291" s="898" t="str">
        <f t="shared" si="487"/>
        <v/>
      </c>
      <c r="CZ291" s="898" t="str">
        <f t="shared" si="488"/>
        <v/>
      </c>
      <c r="DA291" s="898" t="str">
        <f t="shared" ref="DA291:DL298" si="489">IF(BG291="yes",(BG$3*$BT291),"")</f>
        <v/>
      </c>
      <c r="DB291" s="898" t="str">
        <f t="shared" si="489"/>
        <v/>
      </c>
      <c r="DC291" s="898" t="str">
        <f t="shared" si="489"/>
        <v/>
      </c>
      <c r="DD291" s="898" t="str">
        <f t="shared" si="489"/>
        <v/>
      </c>
      <c r="DE291" s="898" t="str">
        <f t="shared" si="489"/>
        <v/>
      </c>
      <c r="DF291" s="898" t="str">
        <f t="shared" si="489"/>
        <v/>
      </c>
      <c r="DG291" s="898" t="str">
        <f t="shared" si="489"/>
        <v/>
      </c>
      <c r="DH291" s="898" t="str">
        <f t="shared" si="489"/>
        <v/>
      </c>
      <c r="DI291" s="898" t="str">
        <f t="shared" si="489"/>
        <v/>
      </c>
      <c r="DJ291" s="898" t="str">
        <f t="shared" si="489"/>
        <v/>
      </c>
      <c r="DK291" s="898" t="str">
        <f t="shared" si="489"/>
        <v/>
      </c>
      <c r="DL291" s="898" t="str">
        <f t="shared" si="489"/>
        <v/>
      </c>
      <c r="DM291" s="661">
        <f t="shared" si="402"/>
        <v>370629.1875</v>
      </c>
      <c r="DN291" s="898">
        <f t="shared" si="403"/>
        <v>0</v>
      </c>
      <c r="DO291" s="516">
        <f t="shared" si="404"/>
        <v>0</v>
      </c>
      <c r="DP291" s="898">
        <f t="shared" si="405"/>
        <v>0</v>
      </c>
      <c r="DQ291" s="860" t="s">
        <v>4246</v>
      </c>
      <c r="DR291" s="1220"/>
      <c r="DS291" s="1221" t="s">
        <v>4248</v>
      </c>
      <c r="DT291" s="632"/>
    </row>
    <row r="292" spans="1:124" ht="85.5" x14ac:dyDescent="0.2">
      <c r="A292" s="484" t="str">
        <f t="shared" si="396"/>
        <v>North Hemel Hempstead (Hm01) Local Mobility Hub - East</v>
      </c>
      <c r="B292" s="1163">
        <v>289</v>
      </c>
      <c r="C292" s="1156" t="s">
        <v>4300</v>
      </c>
      <c r="D292" s="481" t="s">
        <v>2481</v>
      </c>
      <c r="E292" s="481" t="s">
        <v>53</v>
      </c>
      <c r="F292" s="481" t="s">
        <v>655</v>
      </c>
      <c r="G292" s="775" t="s">
        <v>830</v>
      </c>
      <c r="H292" s="855" t="s">
        <v>4301</v>
      </c>
      <c r="I292" s="775" t="str">
        <f t="shared" si="444"/>
        <v>LS-24</v>
      </c>
      <c r="J292" s="673" t="s">
        <v>4302</v>
      </c>
      <c r="K292" s="664" t="s">
        <v>3104</v>
      </c>
      <c r="L292" s="775" t="s">
        <v>1360</v>
      </c>
      <c r="M292" s="657" t="s">
        <v>3027</v>
      </c>
      <c r="N292" s="775" t="s">
        <v>60</v>
      </c>
      <c r="O292" s="654" t="s">
        <v>525</v>
      </c>
      <c r="P292" s="657" t="s">
        <v>61</v>
      </c>
      <c r="Q292" s="852" t="s">
        <v>122</v>
      </c>
      <c r="R292" s="657"/>
      <c r="S292" s="657"/>
      <c r="T292" s="854">
        <v>370629.1875</v>
      </c>
      <c r="U292" s="854"/>
      <c r="V292" s="657" t="s">
        <v>2989</v>
      </c>
      <c r="W292" s="642">
        <f t="shared" si="441"/>
        <v>0</v>
      </c>
      <c r="X292" s="745">
        <f t="shared" si="423"/>
        <v>370629.1875</v>
      </c>
      <c r="Y292" s="745" t="s">
        <v>3106</v>
      </c>
      <c r="Z292" s="745" t="str">
        <f>_xlfn.XLOOKUP(I292, 'CALCS Aecom (July 25 2025)'!F:F, 'CALCS Aecom (July 25 2025)'!W:W)</f>
        <v>Single Scenario 1 (Step 1)</v>
      </c>
      <c r="AA292" s="650" t="s">
        <v>65</v>
      </c>
      <c r="AB292" s="516"/>
      <c r="AC292" s="661"/>
      <c r="AD292" s="661"/>
      <c r="AE292" s="661"/>
      <c r="AF292" s="661"/>
      <c r="AG292" s="661"/>
      <c r="AH292" s="661"/>
      <c r="AI292" s="661"/>
      <c r="AJ292" s="661"/>
      <c r="AK292" s="661"/>
      <c r="AL292" s="661"/>
      <c r="AM292" s="661"/>
      <c r="AN292" s="661"/>
      <c r="AO292" s="661"/>
      <c r="AP292" s="661"/>
      <c r="AQ292" s="661"/>
      <c r="AR292" s="661"/>
      <c r="AS292" s="661"/>
      <c r="AT292" s="661"/>
      <c r="AU292" s="661"/>
      <c r="AV292" s="661"/>
      <c r="AW292" s="661"/>
      <c r="AX292" s="661"/>
      <c r="AY292" s="661"/>
      <c r="AZ292" s="661"/>
      <c r="BA292" s="661"/>
      <c r="BB292" s="661"/>
      <c r="BC292" s="661"/>
      <c r="BD292" s="661"/>
      <c r="BE292" s="661"/>
      <c r="BF292" s="661"/>
      <c r="BG292" s="746"/>
      <c r="BH292" s="746"/>
      <c r="BI292" s="746"/>
      <c r="BJ292" s="746"/>
      <c r="BK292" s="746"/>
      <c r="BL292" s="746"/>
      <c r="BM292" s="746"/>
      <c r="BN292" s="746"/>
      <c r="BO292" s="892" t="s">
        <v>66</v>
      </c>
      <c r="BP292" s="892"/>
      <c r="BQ292" s="892"/>
      <c r="BR292" s="892"/>
      <c r="BS292" s="884">
        <f t="shared" si="397"/>
        <v>1500</v>
      </c>
      <c r="BT292" s="661">
        <f t="shared" si="442"/>
        <v>247.08612500000001</v>
      </c>
      <c r="BU292" s="661"/>
      <c r="BV292" s="898" t="str">
        <f t="shared" si="458"/>
        <v/>
      </c>
      <c r="BW292" s="898" t="str">
        <f t="shared" si="459"/>
        <v/>
      </c>
      <c r="BX292" s="898" t="str">
        <f t="shared" si="460"/>
        <v/>
      </c>
      <c r="BY292" s="898" t="str">
        <f t="shared" si="461"/>
        <v/>
      </c>
      <c r="BZ292" s="898" t="str">
        <f t="shared" si="462"/>
        <v/>
      </c>
      <c r="CA292" s="898" t="str">
        <f t="shared" si="463"/>
        <v/>
      </c>
      <c r="CB292" s="898" t="str">
        <f t="shared" si="464"/>
        <v/>
      </c>
      <c r="CC292" s="898" t="str">
        <f t="shared" si="465"/>
        <v/>
      </c>
      <c r="CD292" s="898" t="str">
        <f t="shared" si="466"/>
        <v/>
      </c>
      <c r="CE292" s="898" t="str">
        <f t="shared" si="467"/>
        <v/>
      </c>
      <c r="CF292" s="898" t="str">
        <f t="shared" si="468"/>
        <v/>
      </c>
      <c r="CG292" s="898" t="str">
        <f t="shared" si="469"/>
        <v/>
      </c>
      <c r="CH292" s="898" t="str">
        <f t="shared" si="470"/>
        <v/>
      </c>
      <c r="CI292" s="898" t="str">
        <f t="shared" si="471"/>
        <v/>
      </c>
      <c r="CJ292" s="898" t="str">
        <f t="shared" si="472"/>
        <v/>
      </c>
      <c r="CK292" s="898" t="str">
        <f t="shared" si="473"/>
        <v/>
      </c>
      <c r="CL292" s="898" t="str">
        <f t="shared" si="474"/>
        <v/>
      </c>
      <c r="CM292" s="898" t="str">
        <f t="shared" si="475"/>
        <v/>
      </c>
      <c r="CN292" s="898" t="str">
        <f t="shared" si="476"/>
        <v/>
      </c>
      <c r="CO292" s="898" t="str">
        <f t="shared" si="477"/>
        <v/>
      </c>
      <c r="CP292" s="898" t="str">
        <f t="shared" si="478"/>
        <v/>
      </c>
      <c r="CQ292" s="898" t="str">
        <f t="shared" si="479"/>
        <v/>
      </c>
      <c r="CR292" s="898" t="str">
        <f t="shared" si="480"/>
        <v/>
      </c>
      <c r="CS292" s="898" t="str">
        <f t="shared" si="481"/>
        <v/>
      </c>
      <c r="CT292" s="898" t="str">
        <f t="shared" si="482"/>
        <v/>
      </c>
      <c r="CU292" s="898" t="str">
        <f t="shared" si="483"/>
        <v/>
      </c>
      <c r="CV292" s="898" t="str">
        <f t="shared" si="484"/>
        <v/>
      </c>
      <c r="CW292" s="898" t="str">
        <f t="shared" si="485"/>
        <v/>
      </c>
      <c r="CX292" s="898" t="str">
        <f t="shared" si="486"/>
        <v/>
      </c>
      <c r="CY292" s="898" t="str">
        <f t="shared" si="487"/>
        <v/>
      </c>
      <c r="CZ292" s="898" t="str">
        <f t="shared" si="488"/>
        <v/>
      </c>
      <c r="DA292" s="898" t="str">
        <f t="shared" si="489"/>
        <v/>
      </c>
      <c r="DB292" s="898" t="str">
        <f t="shared" si="489"/>
        <v/>
      </c>
      <c r="DC292" s="898" t="str">
        <f t="shared" si="489"/>
        <v/>
      </c>
      <c r="DD292" s="898" t="str">
        <f t="shared" si="489"/>
        <v/>
      </c>
      <c r="DE292" s="898" t="str">
        <f t="shared" si="489"/>
        <v/>
      </c>
      <c r="DF292" s="898" t="str">
        <f t="shared" si="489"/>
        <v/>
      </c>
      <c r="DG292" s="898" t="str">
        <f t="shared" si="489"/>
        <v/>
      </c>
      <c r="DH292" s="898" t="str">
        <f t="shared" si="489"/>
        <v/>
      </c>
      <c r="DI292" s="898">
        <f t="shared" si="489"/>
        <v>370629.1875</v>
      </c>
      <c r="DJ292" s="898" t="str">
        <f t="shared" si="489"/>
        <v/>
      </c>
      <c r="DK292" s="898" t="str">
        <f t="shared" si="489"/>
        <v/>
      </c>
      <c r="DL292" s="898" t="str">
        <f t="shared" si="489"/>
        <v/>
      </c>
      <c r="DM292" s="661">
        <f t="shared" si="402"/>
        <v>0</v>
      </c>
      <c r="DN292" s="898">
        <f t="shared" si="403"/>
        <v>370629.1875</v>
      </c>
      <c r="DO292" s="516">
        <f t="shared" si="404"/>
        <v>0</v>
      </c>
      <c r="DP292" s="898">
        <f t="shared" si="405"/>
        <v>0</v>
      </c>
      <c r="DQ292" s="860" t="s">
        <v>4246</v>
      </c>
      <c r="DR292" s="1220"/>
      <c r="DS292" s="1221" t="s">
        <v>4248</v>
      </c>
      <c r="DT292" s="632"/>
    </row>
    <row r="293" spans="1:124" ht="85.5" x14ac:dyDescent="0.2">
      <c r="A293" s="484" t="str">
        <f t="shared" si="396"/>
        <v>East Hemel Hempstead (North) (H2) Local Mobility Hub</v>
      </c>
      <c r="B293" s="1163">
        <v>290</v>
      </c>
      <c r="C293" s="1156" t="s">
        <v>4303</v>
      </c>
      <c r="D293" s="481" t="s">
        <v>4304</v>
      </c>
      <c r="E293" s="511" t="s">
        <v>1385</v>
      </c>
      <c r="F293" s="481" t="s">
        <v>655</v>
      </c>
      <c r="G293" s="775" t="s">
        <v>830</v>
      </c>
      <c r="H293" s="855" t="s">
        <v>4305</v>
      </c>
      <c r="I293" s="775" t="str">
        <f t="shared" si="444"/>
        <v>LS-25</v>
      </c>
      <c r="J293" s="673" t="s">
        <v>4306</v>
      </c>
      <c r="K293" s="664" t="s">
        <v>3104</v>
      </c>
      <c r="L293" s="775" t="s">
        <v>1376</v>
      </c>
      <c r="M293" s="775" t="s">
        <v>3325</v>
      </c>
      <c r="N293" s="775" t="s">
        <v>60</v>
      </c>
      <c r="O293" s="654" t="s">
        <v>525</v>
      </c>
      <c r="P293" s="657" t="s">
        <v>61</v>
      </c>
      <c r="Q293" s="852" t="s">
        <v>122</v>
      </c>
      <c r="R293" s="657"/>
      <c r="S293" s="657"/>
      <c r="T293" s="854">
        <v>370629.1875</v>
      </c>
      <c r="U293" s="854"/>
      <c r="V293" s="657" t="s">
        <v>2989</v>
      </c>
      <c r="W293" s="642">
        <f t="shared" si="441"/>
        <v>0</v>
      </c>
      <c r="X293" s="745">
        <f t="shared" si="423"/>
        <v>370629.1875</v>
      </c>
      <c r="Y293" s="745" t="s">
        <v>3106</v>
      </c>
      <c r="Z293" s="745" t="str">
        <f>_xlfn.XLOOKUP(I293, 'CALCS Aecom (July 25 2025)'!F:F, 'CALCS Aecom (July 25 2025)'!W:W)</f>
        <v>Single Scenario 1 (Step 1)</v>
      </c>
      <c r="AA293" s="650" t="s">
        <v>65</v>
      </c>
      <c r="AB293" s="892"/>
      <c r="AC293" s="661"/>
      <c r="AD293" s="661"/>
      <c r="AE293" s="661"/>
      <c r="AF293" s="661"/>
      <c r="AG293" s="661"/>
      <c r="AH293" s="661"/>
      <c r="AI293" s="661"/>
      <c r="AJ293" s="661"/>
      <c r="AK293" s="661"/>
      <c r="AL293" s="661"/>
      <c r="AM293" s="661"/>
      <c r="AN293" s="661"/>
      <c r="AO293" s="661"/>
      <c r="AP293" s="661"/>
      <c r="AQ293" s="661"/>
      <c r="AR293" s="661"/>
      <c r="AS293" s="661"/>
      <c r="AT293" s="661"/>
      <c r="AU293" s="661"/>
      <c r="AV293" s="661"/>
      <c r="AW293" s="661"/>
      <c r="AX293" s="661"/>
      <c r="AY293" s="661"/>
      <c r="AZ293" s="661"/>
      <c r="BA293" s="661"/>
      <c r="BB293" s="661"/>
      <c r="BC293" s="661"/>
      <c r="BD293" s="661"/>
      <c r="BE293" s="661"/>
      <c r="BF293" s="661"/>
      <c r="BG293" s="746"/>
      <c r="BH293" s="746"/>
      <c r="BI293" s="746"/>
      <c r="BJ293" s="746"/>
      <c r="BK293" s="746"/>
      <c r="BL293" s="746"/>
      <c r="BM293" s="746"/>
      <c r="BN293" s="746"/>
      <c r="BO293" s="892"/>
      <c r="BP293" s="516" t="s">
        <v>66</v>
      </c>
      <c r="BQ293" s="516"/>
      <c r="BR293" s="892"/>
      <c r="BS293" s="884">
        <f t="shared" si="397"/>
        <v>1600</v>
      </c>
      <c r="BT293" s="661">
        <f t="shared" si="442"/>
        <v>231.64324218749999</v>
      </c>
      <c r="BU293" s="661"/>
      <c r="BV293" s="898" t="str">
        <f t="shared" si="458"/>
        <v/>
      </c>
      <c r="BW293" s="898" t="str">
        <f t="shared" si="459"/>
        <v/>
      </c>
      <c r="BX293" s="898" t="str">
        <f t="shared" si="460"/>
        <v/>
      </c>
      <c r="BY293" s="898" t="str">
        <f t="shared" si="461"/>
        <v/>
      </c>
      <c r="BZ293" s="898" t="str">
        <f t="shared" si="462"/>
        <v/>
      </c>
      <c r="CA293" s="898" t="str">
        <f t="shared" si="463"/>
        <v/>
      </c>
      <c r="CB293" s="898" t="str">
        <f t="shared" si="464"/>
        <v/>
      </c>
      <c r="CC293" s="898" t="str">
        <f t="shared" si="465"/>
        <v/>
      </c>
      <c r="CD293" s="898" t="str">
        <f t="shared" si="466"/>
        <v/>
      </c>
      <c r="CE293" s="898" t="str">
        <f t="shared" si="467"/>
        <v/>
      </c>
      <c r="CF293" s="898" t="str">
        <f t="shared" si="468"/>
        <v/>
      </c>
      <c r="CG293" s="898" t="str">
        <f t="shared" si="469"/>
        <v/>
      </c>
      <c r="CH293" s="898" t="str">
        <f t="shared" si="470"/>
        <v/>
      </c>
      <c r="CI293" s="898" t="str">
        <f t="shared" si="471"/>
        <v/>
      </c>
      <c r="CJ293" s="898" t="str">
        <f t="shared" si="472"/>
        <v/>
      </c>
      <c r="CK293" s="898" t="str">
        <f t="shared" si="473"/>
        <v/>
      </c>
      <c r="CL293" s="898" t="str">
        <f t="shared" si="474"/>
        <v/>
      </c>
      <c r="CM293" s="898" t="str">
        <f t="shared" si="475"/>
        <v/>
      </c>
      <c r="CN293" s="898" t="str">
        <f t="shared" si="476"/>
        <v/>
      </c>
      <c r="CO293" s="898" t="str">
        <f t="shared" si="477"/>
        <v/>
      </c>
      <c r="CP293" s="898" t="str">
        <f t="shared" si="478"/>
        <v/>
      </c>
      <c r="CQ293" s="898" t="str">
        <f t="shared" si="479"/>
        <v/>
      </c>
      <c r="CR293" s="898" t="str">
        <f t="shared" si="480"/>
        <v/>
      </c>
      <c r="CS293" s="898" t="str">
        <f t="shared" si="481"/>
        <v/>
      </c>
      <c r="CT293" s="898" t="str">
        <f t="shared" si="482"/>
        <v/>
      </c>
      <c r="CU293" s="898" t="str">
        <f t="shared" si="483"/>
        <v/>
      </c>
      <c r="CV293" s="898" t="str">
        <f t="shared" si="484"/>
        <v/>
      </c>
      <c r="CW293" s="898" t="str">
        <f t="shared" si="485"/>
        <v/>
      </c>
      <c r="CX293" s="898" t="str">
        <f t="shared" si="486"/>
        <v/>
      </c>
      <c r="CY293" s="898" t="str">
        <f t="shared" si="487"/>
        <v/>
      </c>
      <c r="CZ293" s="898" t="str">
        <f t="shared" si="488"/>
        <v/>
      </c>
      <c r="DA293" s="898" t="str">
        <f t="shared" si="489"/>
        <v/>
      </c>
      <c r="DB293" s="898" t="str">
        <f t="shared" si="489"/>
        <v/>
      </c>
      <c r="DC293" s="898" t="str">
        <f t="shared" si="489"/>
        <v/>
      </c>
      <c r="DD293" s="898" t="str">
        <f t="shared" si="489"/>
        <v/>
      </c>
      <c r="DE293" s="898" t="str">
        <f t="shared" si="489"/>
        <v/>
      </c>
      <c r="DF293" s="898" t="str">
        <f t="shared" si="489"/>
        <v/>
      </c>
      <c r="DG293" s="898" t="str">
        <f t="shared" si="489"/>
        <v/>
      </c>
      <c r="DH293" s="898" t="str">
        <f t="shared" si="489"/>
        <v/>
      </c>
      <c r="DI293" s="898" t="str">
        <f t="shared" si="489"/>
        <v/>
      </c>
      <c r="DJ293" s="898">
        <f t="shared" si="489"/>
        <v>370629.1875</v>
      </c>
      <c r="DK293" s="898" t="str">
        <f t="shared" si="489"/>
        <v/>
      </c>
      <c r="DL293" s="898" t="str">
        <f t="shared" si="489"/>
        <v/>
      </c>
      <c r="DM293" s="661">
        <f t="shared" si="402"/>
        <v>0</v>
      </c>
      <c r="DN293" s="898">
        <f t="shared" si="403"/>
        <v>370629.1875</v>
      </c>
      <c r="DO293" s="516">
        <f t="shared" si="404"/>
        <v>0</v>
      </c>
      <c r="DP293" s="898">
        <f t="shared" si="405"/>
        <v>0</v>
      </c>
      <c r="DQ293" s="522" t="s">
        <v>2368</v>
      </c>
      <c r="DR293" s="1220"/>
      <c r="DS293" s="1221" t="s">
        <v>3010</v>
      </c>
      <c r="DT293" s="632"/>
    </row>
    <row r="294" spans="1:124" ht="85.5" x14ac:dyDescent="0.2">
      <c r="A294" s="484" t="str">
        <f t="shared" si="396"/>
        <v>East Hemel Hempstead (South) (H4) Local Mobility Hub</v>
      </c>
      <c r="B294" s="1163">
        <v>291</v>
      </c>
      <c r="C294" s="1156" t="s">
        <v>4307</v>
      </c>
      <c r="D294" s="481" t="s">
        <v>4304</v>
      </c>
      <c r="E294" s="511" t="s">
        <v>1385</v>
      </c>
      <c r="F294" s="481" t="s">
        <v>655</v>
      </c>
      <c r="G294" s="775" t="s">
        <v>830</v>
      </c>
      <c r="H294" s="855" t="s">
        <v>4308</v>
      </c>
      <c r="I294" s="775" t="str">
        <f t="shared" si="444"/>
        <v>LS-26</v>
      </c>
      <c r="J294" s="673" t="s">
        <v>4309</v>
      </c>
      <c r="K294" s="664" t="s">
        <v>3104</v>
      </c>
      <c r="L294" s="775" t="s">
        <v>1377</v>
      </c>
      <c r="M294" s="775" t="s">
        <v>3325</v>
      </c>
      <c r="N294" s="775" t="s">
        <v>60</v>
      </c>
      <c r="O294" s="654" t="s">
        <v>525</v>
      </c>
      <c r="P294" s="657" t="s">
        <v>61</v>
      </c>
      <c r="Q294" s="852" t="s">
        <v>122</v>
      </c>
      <c r="R294" s="657"/>
      <c r="S294" s="657"/>
      <c r="T294" s="854">
        <v>370629.1875</v>
      </c>
      <c r="U294" s="854"/>
      <c r="V294" s="657" t="s">
        <v>2989</v>
      </c>
      <c r="W294" s="642">
        <f t="shared" si="441"/>
        <v>0</v>
      </c>
      <c r="X294" s="745">
        <f t="shared" si="423"/>
        <v>370629.1875</v>
      </c>
      <c r="Y294" s="745" t="s">
        <v>3106</v>
      </c>
      <c r="Z294" s="745" t="str">
        <f>_xlfn.XLOOKUP(I294, 'CALCS Aecom (July 25 2025)'!F:F, 'CALCS Aecom (July 25 2025)'!W:W)</f>
        <v>Single Scenario 1 (Step 1)</v>
      </c>
      <c r="AA294" s="650" t="s">
        <v>65</v>
      </c>
      <c r="AB294" s="892"/>
      <c r="AC294" s="661"/>
      <c r="AD294" s="661"/>
      <c r="AE294" s="661"/>
      <c r="AF294" s="661"/>
      <c r="AG294" s="661"/>
      <c r="AH294" s="661"/>
      <c r="AI294" s="661"/>
      <c r="AJ294" s="661"/>
      <c r="AK294" s="661"/>
      <c r="AL294" s="661"/>
      <c r="AM294" s="661"/>
      <c r="AN294" s="661"/>
      <c r="AO294" s="661"/>
      <c r="AP294" s="661"/>
      <c r="AQ294" s="661"/>
      <c r="AR294" s="661"/>
      <c r="AS294" s="661"/>
      <c r="AT294" s="661"/>
      <c r="AU294" s="661"/>
      <c r="AV294" s="661"/>
      <c r="AW294" s="661"/>
      <c r="AX294" s="661"/>
      <c r="AY294" s="661"/>
      <c r="AZ294" s="661"/>
      <c r="BA294" s="661"/>
      <c r="BB294" s="661"/>
      <c r="BC294" s="661"/>
      <c r="BD294" s="661"/>
      <c r="BE294" s="661"/>
      <c r="BF294" s="661"/>
      <c r="BG294" s="746"/>
      <c r="BH294" s="746"/>
      <c r="BI294" s="746"/>
      <c r="BJ294" s="746"/>
      <c r="BK294" s="746"/>
      <c r="BL294" s="746"/>
      <c r="BM294" s="746"/>
      <c r="BN294" s="746"/>
      <c r="BO294" s="892"/>
      <c r="BP294" s="516"/>
      <c r="BQ294" s="516" t="s">
        <v>66</v>
      </c>
      <c r="BR294" s="892"/>
      <c r="BS294" s="884">
        <f t="shared" si="397"/>
        <v>2400</v>
      </c>
      <c r="BT294" s="661">
        <f t="shared" si="442"/>
        <v>154.428828125</v>
      </c>
      <c r="BU294" s="661"/>
      <c r="BV294" s="898" t="str">
        <f t="shared" si="458"/>
        <v/>
      </c>
      <c r="BW294" s="898" t="str">
        <f t="shared" si="459"/>
        <v/>
      </c>
      <c r="BX294" s="898" t="str">
        <f t="shared" si="460"/>
        <v/>
      </c>
      <c r="BY294" s="898" t="str">
        <f t="shared" si="461"/>
        <v/>
      </c>
      <c r="BZ294" s="898" t="str">
        <f t="shared" si="462"/>
        <v/>
      </c>
      <c r="CA294" s="898" t="str">
        <f t="shared" si="463"/>
        <v/>
      </c>
      <c r="CB294" s="898" t="str">
        <f t="shared" si="464"/>
        <v/>
      </c>
      <c r="CC294" s="898" t="str">
        <f t="shared" si="465"/>
        <v/>
      </c>
      <c r="CD294" s="898" t="str">
        <f t="shared" si="466"/>
        <v/>
      </c>
      <c r="CE294" s="898" t="str">
        <f t="shared" si="467"/>
        <v/>
      </c>
      <c r="CF294" s="898" t="str">
        <f t="shared" si="468"/>
        <v/>
      </c>
      <c r="CG294" s="898" t="str">
        <f t="shared" si="469"/>
        <v/>
      </c>
      <c r="CH294" s="898" t="str">
        <f t="shared" si="470"/>
        <v/>
      </c>
      <c r="CI294" s="898" t="str">
        <f t="shared" si="471"/>
        <v/>
      </c>
      <c r="CJ294" s="898" t="str">
        <f t="shared" si="472"/>
        <v/>
      </c>
      <c r="CK294" s="898" t="str">
        <f t="shared" si="473"/>
        <v/>
      </c>
      <c r="CL294" s="898" t="str">
        <f t="shared" si="474"/>
        <v/>
      </c>
      <c r="CM294" s="898" t="str">
        <f t="shared" si="475"/>
        <v/>
      </c>
      <c r="CN294" s="898" t="str">
        <f t="shared" si="476"/>
        <v/>
      </c>
      <c r="CO294" s="898" t="str">
        <f t="shared" si="477"/>
        <v/>
      </c>
      <c r="CP294" s="898" t="str">
        <f t="shared" si="478"/>
        <v/>
      </c>
      <c r="CQ294" s="898" t="str">
        <f t="shared" si="479"/>
        <v/>
      </c>
      <c r="CR294" s="898" t="str">
        <f t="shared" si="480"/>
        <v/>
      </c>
      <c r="CS294" s="898" t="str">
        <f t="shared" si="481"/>
        <v/>
      </c>
      <c r="CT294" s="898" t="str">
        <f t="shared" si="482"/>
        <v/>
      </c>
      <c r="CU294" s="898" t="str">
        <f t="shared" si="483"/>
        <v/>
      </c>
      <c r="CV294" s="898" t="str">
        <f t="shared" si="484"/>
        <v/>
      </c>
      <c r="CW294" s="898" t="str">
        <f t="shared" si="485"/>
        <v/>
      </c>
      <c r="CX294" s="898" t="str">
        <f t="shared" si="486"/>
        <v/>
      </c>
      <c r="CY294" s="898" t="str">
        <f t="shared" si="487"/>
        <v/>
      </c>
      <c r="CZ294" s="898" t="str">
        <f t="shared" si="488"/>
        <v/>
      </c>
      <c r="DA294" s="898" t="str">
        <f t="shared" si="489"/>
        <v/>
      </c>
      <c r="DB294" s="898" t="str">
        <f t="shared" si="489"/>
        <v/>
      </c>
      <c r="DC294" s="898" t="str">
        <f t="shared" si="489"/>
        <v/>
      </c>
      <c r="DD294" s="898" t="str">
        <f t="shared" si="489"/>
        <v/>
      </c>
      <c r="DE294" s="898" t="str">
        <f t="shared" si="489"/>
        <v/>
      </c>
      <c r="DF294" s="898" t="str">
        <f t="shared" si="489"/>
        <v/>
      </c>
      <c r="DG294" s="898" t="str">
        <f t="shared" si="489"/>
        <v/>
      </c>
      <c r="DH294" s="898" t="str">
        <f t="shared" si="489"/>
        <v/>
      </c>
      <c r="DI294" s="898" t="str">
        <f t="shared" si="489"/>
        <v/>
      </c>
      <c r="DJ294" s="898" t="str">
        <f t="shared" si="489"/>
        <v/>
      </c>
      <c r="DK294" s="898">
        <f t="shared" si="489"/>
        <v>370629.1875</v>
      </c>
      <c r="DL294" s="898" t="str">
        <f t="shared" si="489"/>
        <v/>
      </c>
      <c r="DM294" s="661">
        <f t="shared" si="402"/>
        <v>0</v>
      </c>
      <c r="DN294" s="898">
        <f t="shared" si="403"/>
        <v>370629.1875</v>
      </c>
      <c r="DO294" s="516">
        <f t="shared" si="404"/>
        <v>0</v>
      </c>
      <c r="DP294" s="898">
        <f t="shared" si="405"/>
        <v>0</v>
      </c>
      <c r="DQ294" s="860" t="s">
        <v>4246</v>
      </c>
      <c r="DR294" s="1220"/>
      <c r="DS294" s="1221" t="s">
        <v>3010</v>
      </c>
      <c r="DT294" s="632"/>
    </row>
    <row r="295" spans="1:124" ht="57" x14ac:dyDescent="0.2">
      <c r="A295" s="484" t="str">
        <f t="shared" si="396"/>
        <v>Marchmont Farm Local Mobility Hub</v>
      </c>
      <c r="B295" s="1163">
        <v>292</v>
      </c>
      <c r="C295" s="1156" t="s">
        <v>4310</v>
      </c>
      <c r="D295" s="481" t="s">
        <v>2481</v>
      </c>
      <c r="E295" s="481" t="s">
        <v>53</v>
      </c>
      <c r="F295" s="481" t="s">
        <v>655</v>
      </c>
      <c r="G295" s="775" t="s">
        <v>830</v>
      </c>
      <c r="H295" s="855" t="s">
        <v>889</v>
      </c>
      <c r="I295" s="775" t="str">
        <f t="shared" si="444"/>
        <v>LS-27</v>
      </c>
      <c r="J295" s="855" t="s">
        <v>4311</v>
      </c>
      <c r="K295" s="664" t="s">
        <v>3104</v>
      </c>
      <c r="L295" s="775" t="s">
        <v>2609</v>
      </c>
      <c r="M295" s="657" t="s">
        <v>2996</v>
      </c>
      <c r="N295" s="775" t="s">
        <v>60</v>
      </c>
      <c r="O295" s="654" t="s">
        <v>525</v>
      </c>
      <c r="P295" s="657" t="s">
        <v>61</v>
      </c>
      <c r="Q295" s="852" t="s">
        <v>122</v>
      </c>
      <c r="R295" s="657"/>
      <c r="S295" s="657"/>
      <c r="T295" s="854">
        <v>370629.1875</v>
      </c>
      <c r="U295" s="854"/>
      <c r="V295" s="657" t="s">
        <v>2989</v>
      </c>
      <c r="W295" s="642">
        <f t="shared" si="441"/>
        <v>0</v>
      </c>
      <c r="X295" s="745">
        <f t="shared" si="423"/>
        <v>370629.1875</v>
      </c>
      <c r="Y295" s="745" t="s">
        <v>3106</v>
      </c>
      <c r="Z295" s="745" t="str">
        <f>_xlfn.XLOOKUP(I295, 'CALCS Aecom (July 25 2025)'!F:F, 'CALCS Aecom (July 25 2025)'!W:W)</f>
        <v>Single Scenario 1 (Step 1)</v>
      </c>
      <c r="AA295" s="650" t="s">
        <v>65</v>
      </c>
      <c r="AB295" s="892"/>
      <c r="AC295" s="661"/>
      <c r="AD295" s="661"/>
      <c r="AE295" s="661"/>
      <c r="AF295" s="661"/>
      <c r="AG295" s="661"/>
      <c r="AH295" s="661"/>
      <c r="AI295" s="661"/>
      <c r="AJ295" s="661"/>
      <c r="AK295" s="661"/>
      <c r="AL295" s="661"/>
      <c r="AM295" s="661"/>
      <c r="AN295" s="661"/>
      <c r="AO295" s="661" t="s">
        <v>66</v>
      </c>
      <c r="AP295" s="661"/>
      <c r="AQ295" s="661"/>
      <c r="AR295" s="661"/>
      <c r="AS295" s="661"/>
      <c r="AT295" s="661"/>
      <c r="AU295" s="661"/>
      <c r="AV295" s="661"/>
      <c r="AW295" s="661"/>
      <c r="AX295" s="661"/>
      <c r="AY295" s="661"/>
      <c r="AZ295" s="661"/>
      <c r="BA295" s="661"/>
      <c r="BB295" s="661"/>
      <c r="BC295" s="661"/>
      <c r="BD295" s="661"/>
      <c r="BE295" s="661"/>
      <c r="BF295" s="661"/>
      <c r="BG295" s="746"/>
      <c r="BH295" s="746"/>
      <c r="BI295" s="746"/>
      <c r="BJ295" s="746"/>
      <c r="BK295" s="746"/>
      <c r="BL295" s="746"/>
      <c r="BM295" s="746"/>
      <c r="BN295" s="746"/>
      <c r="BO295" s="892"/>
      <c r="BP295" s="892"/>
      <c r="BQ295" s="892"/>
      <c r="BR295" s="892"/>
      <c r="BS295" s="884">
        <f t="shared" si="397"/>
        <v>350</v>
      </c>
      <c r="BT295" s="661">
        <f t="shared" si="442"/>
        <v>1058.9405357142857</v>
      </c>
      <c r="BU295" s="661"/>
      <c r="BV295" s="898" t="str">
        <f t="shared" si="458"/>
        <v/>
      </c>
      <c r="BW295" s="898" t="str">
        <f t="shared" si="459"/>
        <v/>
      </c>
      <c r="BX295" s="898" t="str">
        <f t="shared" si="460"/>
        <v/>
      </c>
      <c r="BY295" s="898" t="str">
        <f t="shared" si="461"/>
        <v/>
      </c>
      <c r="BZ295" s="898" t="str">
        <f t="shared" si="462"/>
        <v/>
      </c>
      <c r="CA295" s="898" t="str">
        <f t="shared" si="463"/>
        <v/>
      </c>
      <c r="CB295" s="898" t="str">
        <f t="shared" si="464"/>
        <v/>
      </c>
      <c r="CC295" s="898" t="str">
        <f t="shared" si="465"/>
        <v/>
      </c>
      <c r="CD295" s="898" t="str">
        <f t="shared" si="466"/>
        <v/>
      </c>
      <c r="CE295" s="898" t="str">
        <f t="shared" si="467"/>
        <v/>
      </c>
      <c r="CF295" s="898" t="str">
        <f t="shared" si="468"/>
        <v/>
      </c>
      <c r="CG295" s="898" t="str">
        <f t="shared" si="469"/>
        <v/>
      </c>
      <c r="CH295" s="898" t="str">
        <f t="shared" si="470"/>
        <v/>
      </c>
      <c r="CI295" s="898">
        <f t="shared" si="471"/>
        <v>370629.1875</v>
      </c>
      <c r="CJ295" s="898" t="str">
        <f t="shared" si="472"/>
        <v/>
      </c>
      <c r="CK295" s="898" t="str">
        <f t="shared" si="473"/>
        <v/>
      </c>
      <c r="CL295" s="898" t="str">
        <f t="shared" si="474"/>
        <v/>
      </c>
      <c r="CM295" s="898" t="str">
        <f t="shared" si="475"/>
        <v/>
      </c>
      <c r="CN295" s="898" t="str">
        <f t="shared" si="476"/>
        <v/>
      </c>
      <c r="CO295" s="898" t="str">
        <f t="shared" si="477"/>
        <v/>
      </c>
      <c r="CP295" s="898" t="str">
        <f t="shared" si="478"/>
        <v/>
      </c>
      <c r="CQ295" s="898" t="str">
        <f t="shared" si="479"/>
        <v/>
      </c>
      <c r="CR295" s="898" t="str">
        <f t="shared" si="480"/>
        <v/>
      </c>
      <c r="CS295" s="898" t="str">
        <f t="shared" si="481"/>
        <v/>
      </c>
      <c r="CT295" s="898" t="str">
        <f t="shared" si="482"/>
        <v/>
      </c>
      <c r="CU295" s="898" t="str">
        <f t="shared" si="483"/>
        <v/>
      </c>
      <c r="CV295" s="898" t="str">
        <f t="shared" si="484"/>
        <v/>
      </c>
      <c r="CW295" s="898" t="str">
        <f t="shared" si="485"/>
        <v/>
      </c>
      <c r="CX295" s="898" t="str">
        <f t="shared" si="486"/>
        <v/>
      </c>
      <c r="CY295" s="898" t="str">
        <f t="shared" si="487"/>
        <v/>
      </c>
      <c r="CZ295" s="898" t="str">
        <f t="shared" si="488"/>
        <v/>
      </c>
      <c r="DA295" s="898" t="str">
        <f t="shared" si="489"/>
        <v/>
      </c>
      <c r="DB295" s="898" t="str">
        <f t="shared" si="489"/>
        <v/>
      </c>
      <c r="DC295" s="898" t="str">
        <f t="shared" si="489"/>
        <v/>
      </c>
      <c r="DD295" s="898" t="str">
        <f t="shared" si="489"/>
        <v/>
      </c>
      <c r="DE295" s="898" t="str">
        <f t="shared" si="489"/>
        <v/>
      </c>
      <c r="DF295" s="898" t="str">
        <f t="shared" si="489"/>
        <v/>
      </c>
      <c r="DG295" s="898" t="str">
        <f t="shared" si="489"/>
        <v/>
      </c>
      <c r="DH295" s="898" t="str">
        <f t="shared" si="489"/>
        <v/>
      </c>
      <c r="DI295" s="898" t="str">
        <f t="shared" si="489"/>
        <v/>
      </c>
      <c r="DJ295" s="898" t="str">
        <f t="shared" si="489"/>
        <v/>
      </c>
      <c r="DK295" s="898" t="str">
        <f t="shared" si="489"/>
        <v/>
      </c>
      <c r="DL295" s="898" t="str">
        <f t="shared" si="489"/>
        <v/>
      </c>
      <c r="DM295" s="661">
        <f t="shared" si="402"/>
        <v>370629.1875</v>
      </c>
      <c r="DN295" s="898">
        <f t="shared" si="403"/>
        <v>0</v>
      </c>
      <c r="DO295" s="516">
        <f t="shared" si="404"/>
        <v>0</v>
      </c>
      <c r="DP295" s="898">
        <f t="shared" si="405"/>
        <v>0</v>
      </c>
      <c r="DQ295" s="860" t="s">
        <v>4246</v>
      </c>
      <c r="DR295" s="1220"/>
      <c r="DS295" s="1221" t="s">
        <v>4248</v>
      </c>
      <c r="DT295" s="632"/>
    </row>
    <row r="296" spans="1:124" ht="57" x14ac:dyDescent="0.2">
      <c r="A296" s="484" t="str">
        <f t="shared" si="396"/>
        <v>Polehanger Lane Local Mobility Hub</v>
      </c>
      <c r="B296" s="1163">
        <v>293</v>
      </c>
      <c r="C296" s="1156" t="s">
        <v>4312</v>
      </c>
      <c r="D296" s="481" t="s">
        <v>2481</v>
      </c>
      <c r="E296" s="481" t="s">
        <v>53</v>
      </c>
      <c r="F296" s="481" t="s">
        <v>655</v>
      </c>
      <c r="G296" s="775" t="s">
        <v>830</v>
      </c>
      <c r="H296" s="855" t="s">
        <v>891</v>
      </c>
      <c r="I296" s="775" t="str">
        <f t="shared" si="444"/>
        <v>LS-28</v>
      </c>
      <c r="J296" s="855" t="s">
        <v>4313</v>
      </c>
      <c r="K296" s="664" t="s">
        <v>3104</v>
      </c>
      <c r="L296" s="775" t="s">
        <v>1370</v>
      </c>
      <c r="M296" s="657" t="s">
        <v>2996</v>
      </c>
      <c r="N296" s="775" t="s">
        <v>60</v>
      </c>
      <c r="O296" s="654" t="s">
        <v>525</v>
      </c>
      <c r="P296" s="657" t="s">
        <v>61</v>
      </c>
      <c r="Q296" s="852" t="s">
        <v>122</v>
      </c>
      <c r="R296" s="657"/>
      <c r="S296" s="657"/>
      <c r="T296" s="854">
        <v>370629.1875</v>
      </c>
      <c r="U296" s="854"/>
      <c r="V296" s="657" t="s">
        <v>2989</v>
      </c>
      <c r="W296" s="642">
        <f t="shared" si="441"/>
        <v>0</v>
      </c>
      <c r="X296" s="745">
        <f t="shared" si="423"/>
        <v>370629.1875</v>
      </c>
      <c r="Y296" s="745" t="s">
        <v>3106</v>
      </c>
      <c r="Z296" s="745" t="str">
        <f>_xlfn.XLOOKUP(I296, 'CALCS Aecom (July 25 2025)'!F:F, 'CALCS Aecom (July 25 2025)'!W:W)</f>
        <v>Single Scenario 1 (Step 1)</v>
      </c>
      <c r="AA296" s="650" t="s">
        <v>65</v>
      </c>
      <c r="AB296" s="661"/>
      <c r="AC296" s="661"/>
      <c r="AD296" s="661"/>
      <c r="AE296" s="661"/>
      <c r="AF296" s="661"/>
      <c r="AG296" s="661"/>
      <c r="AH296" s="661"/>
      <c r="AI296" s="661"/>
      <c r="AJ296" s="661"/>
      <c r="AK296" s="661"/>
      <c r="AL296" s="892" t="s">
        <v>66</v>
      </c>
      <c r="AM296" s="661"/>
      <c r="AN296" s="661"/>
      <c r="AO296" s="661"/>
      <c r="AP296" s="661"/>
      <c r="AQ296" s="661"/>
      <c r="AR296" s="661"/>
      <c r="AS296" s="661"/>
      <c r="AT296" s="661"/>
      <c r="AU296" s="661"/>
      <c r="AV296" s="661"/>
      <c r="AW296" s="661"/>
      <c r="AX296" s="661"/>
      <c r="AY296" s="661"/>
      <c r="AZ296" s="661"/>
      <c r="BA296" s="661"/>
      <c r="BB296" s="661"/>
      <c r="BC296" s="661"/>
      <c r="BD296" s="661"/>
      <c r="BE296" s="661"/>
      <c r="BF296" s="661"/>
      <c r="BG296" s="746"/>
      <c r="BH296" s="746"/>
      <c r="BI296" s="746"/>
      <c r="BJ296" s="746"/>
      <c r="BK296" s="746"/>
      <c r="BL296" s="746"/>
      <c r="BM296" s="746"/>
      <c r="BN296" s="746"/>
      <c r="BO296" s="892"/>
      <c r="BP296" s="892"/>
      <c r="BQ296" s="892"/>
      <c r="BR296" s="892"/>
      <c r="BS296" s="884">
        <f t="shared" si="397"/>
        <v>750</v>
      </c>
      <c r="BT296" s="661">
        <f t="shared" si="442"/>
        <v>494.17225000000002</v>
      </c>
      <c r="BU296" s="661"/>
      <c r="BV296" s="898" t="str">
        <f t="shared" si="458"/>
        <v/>
      </c>
      <c r="BW296" s="898" t="str">
        <f t="shared" si="459"/>
        <v/>
      </c>
      <c r="BX296" s="898" t="str">
        <f t="shared" si="460"/>
        <v/>
      </c>
      <c r="BY296" s="898" t="str">
        <f t="shared" si="461"/>
        <v/>
      </c>
      <c r="BZ296" s="898" t="str">
        <f t="shared" si="462"/>
        <v/>
      </c>
      <c r="CA296" s="898" t="str">
        <f t="shared" si="463"/>
        <v/>
      </c>
      <c r="CB296" s="898" t="str">
        <f t="shared" si="464"/>
        <v/>
      </c>
      <c r="CC296" s="898" t="str">
        <f t="shared" si="465"/>
        <v/>
      </c>
      <c r="CD296" s="898" t="str">
        <f t="shared" si="466"/>
        <v/>
      </c>
      <c r="CE296" s="898" t="str">
        <f t="shared" si="467"/>
        <v/>
      </c>
      <c r="CF296" s="898">
        <f t="shared" si="468"/>
        <v>370629.1875</v>
      </c>
      <c r="CG296" s="898" t="str">
        <f t="shared" si="469"/>
        <v/>
      </c>
      <c r="CH296" s="898" t="str">
        <f t="shared" si="470"/>
        <v/>
      </c>
      <c r="CI296" s="898" t="str">
        <f t="shared" si="471"/>
        <v/>
      </c>
      <c r="CJ296" s="898" t="str">
        <f t="shared" si="472"/>
        <v/>
      </c>
      <c r="CK296" s="898" t="str">
        <f t="shared" si="473"/>
        <v/>
      </c>
      <c r="CL296" s="898" t="str">
        <f t="shared" si="474"/>
        <v/>
      </c>
      <c r="CM296" s="898" t="str">
        <f t="shared" si="475"/>
        <v/>
      </c>
      <c r="CN296" s="898" t="str">
        <f t="shared" si="476"/>
        <v/>
      </c>
      <c r="CO296" s="898" t="str">
        <f t="shared" si="477"/>
        <v/>
      </c>
      <c r="CP296" s="898" t="str">
        <f t="shared" si="478"/>
        <v/>
      </c>
      <c r="CQ296" s="898" t="str">
        <f t="shared" si="479"/>
        <v/>
      </c>
      <c r="CR296" s="898" t="str">
        <f t="shared" si="480"/>
        <v/>
      </c>
      <c r="CS296" s="898" t="str">
        <f t="shared" si="481"/>
        <v/>
      </c>
      <c r="CT296" s="898" t="str">
        <f t="shared" si="482"/>
        <v/>
      </c>
      <c r="CU296" s="898" t="str">
        <f t="shared" si="483"/>
        <v/>
      </c>
      <c r="CV296" s="898" t="str">
        <f t="shared" si="484"/>
        <v/>
      </c>
      <c r="CW296" s="898" t="str">
        <f t="shared" si="485"/>
        <v/>
      </c>
      <c r="CX296" s="898" t="str">
        <f t="shared" si="486"/>
        <v/>
      </c>
      <c r="CY296" s="898" t="str">
        <f t="shared" si="487"/>
        <v/>
      </c>
      <c r="CZ296" s="898" t="str">
        <f t="shared" si="488"/>
        <v/>
      </c>
      <c r="DA296" s="898" t="str">
        <f t="shared" si="489"/>
        <v/>
      </c>
      <c r="DB296" s="898" t="str">
        <f t="shared" si="489"/>
        <v/>
      </c>
      <c r="DC296" s="898" t="str">
        <f t="shared" si="489"/>
        <v/>
      </c>
      <c r="DD296" s="898" t="str">
        <f t="shared" si="489"/>
        <v/>
      </c>
      <c r="DE296" s="898" t="str">
        <f t="shared" si="489"/>
        <v/>
      </c>
      <c r="DF296" s="898" t="str">
        <f t="shared" si="489"/>
        <v/>
      </c>
      <c r="DG296" s="898" t="str">
        <f t="shared" si="489"/>
        <v/>
      </c>
      <c r="DH296" s="898" t="str">
        <f t="shared" si="489"/>
        <v/>
      </c>
      <c r="DI296" s="898" t="str">
        <f t="shared" si="489"/>
        <v/>
      </c>
      <c r="DJ296" s="898" t="str">
        <f t="shared" si="489"/>
        <v/>
      </c>
      <c r="DK296" s="898" t="str">
        <f t="shared" si="489"/>
        <v/>
      </c>
      <c r="DL296" s="898" t="str">
        <f t="shared" si="489"/>
        <v/>
      </c>
      <c r="DM296" s="661">
        <f t="shared" si="402"/>
        <v>370629.1875</v>
      </c>
      <c r="DN296" s="898">
        <f t="shared" si="403"/>
        <v>0</v>
      </c>
      <c r="DO296" s="516">
        <f t="shared" si="404"/>
        <v>0</v>
      </c>
      <c r="DP296" s="898">
        <f t="shared" si="405"/>
        <v>0</v>
      </c>
      <c r="DQ296" s="860" t="s">
        <v>4246</v>
      </c>
      <c r="DR296" s="1220"/>
      <c r="DS296" s="1221" t="s">
        <v>4248</v>
      </c>
      <c r="DT296" s="632"/>
    </row>
    <row r="297" spans="1:124" ht="57" x14ac:dyDescent="0.2">
      <c r="A297" s="484" t="str">
        <f t="shared" si="396"/>
        <v>Shendish Manor and Fairfields Local Mobility Hub</v>
      </c>
      <c r="B297" s="1163">
        <v>294</v>
      </c>
      <c r="C297" s="1156" t="s">
        <v>4314</v>
      </c>
      <c r="D297" s="481" t="s">
        <v>2481</v>
      </c>
      <c r="E297" s="481" t="s">
        <v>53</v>
      </c>
      <c r="F297" s="481" t="s">
        <v>655</v>
      </c>
      <c r="G297" s="775" t="s">
        <v>830</v>
      </c>
      <c r="H297" s="855" t="s">
        <v>893</v>
      </c>
      <c r="I297" s="775" t="str">
        <f t="shared" si="444"/>
        <v>LS-29</v>
      </c>
      <c r="J297" s="855" t="s">
        <v>4315</v>
      </c>
      <c r="K297" s="664" t="s">
        <v>3104</v>
      </c>
      <c r="L297" s="775" t="s">
        <v>1369</v>
      </c>
      <c r="M297" s="657" t="s">
        <v>2996</v>
      </c>
      <c r="N297" s="775" t="s">
        <v>60</v>
      </c>
      <c r="O297" s="654" t="s">
        <v>525</v>
      </c>
      <c r="P297" s="657" t="s">
        <v>61</v>
      </c>
      <c r="Q297" s="852" t="s">
        <v>122</v>
      </c>
      <c r="R297" s="657"/>
      <c r="S297" s="657"/>
      <c r="T297" s="854">
        <v>370629.1875</v>
      </c>
      <c r="U297" s="854"/>
      <c r="V297" s="657" t="s">
        <v>2989</v>
      </c>
      <c r="W297" s="642">
        <f t="shared" si="441"/>
        <v>0</v>
      </c>
      <c r="X297" s="745">
        <f t="shared" si="423"/>
        <v>370629.1875</v>
      </c>
      <c r="Y297" s="745" t="s">
        <v>3106</v>
      </c>
      <c r="Z297" s="745" t="str">
        <f>_xlfn.XLOOKUP(I297, 'CALCS Aecom (July 25 2025)'!F:F, 'CALCS Aecom (July 25 2025)'!W:W)</f>
        <v>Single Scenario 1 (Step 1)</v>
      </c>
      <c r="AA297" s="650" t="s">
        <v>65</v>
      </c>
      <c r="AB297" s="661"/>
      <c r="AC297" s="661"/>
      <c r="AD297" s="661"/>
      <c r="AE297" s="661"/>
      <c r="AF297" s="661"/>
      <c r="AG297" s="661"/>
      <c r="AH297" s="661"/>
      <c r="AI297" s="661"/>
      <c r="AJ297" s="661"/>
      <c r="AK297" s="892" t="s">
        <v>66</v>
      </c>
      <c r="AL297" s="661"/>
      <c r="AM297" s="661"/>
      <c r="AN297" s="661"/>
      <c r="AO297" s="661"/>
      <c r="AP297" s="661"/>
      <c r="AQ297" s="661"/>
      <c r="AR297" s="661"/>
      <c r="AS297" s="661"/>
      <c r="AT297" s="661"/>
      <c r="AU297" s="661"/>
      <c r="AV297" s="661"/>
      <c r="AW297" s="661"/>
      <c r="AX297" s="661"/>
      <c r="AY297" s="661"/>
      <c r="AZ297" s="661"/>
      <c r="BA297" s="661"/>
      <c r="BB297" s="661"/>
      <c r="BC297" s="661"/>
      <c r="BD297" s="661"/>
      <c r="BE297" s="661"/>
      <c r="BF297" s="661"/>
      <c r="BG297" s="746"/>
      <c r="BH297" s="746"/>
      <c r="BI297" s="746"/>
      <c r="BJ297" s="746"/>
      <c r="BK297" s="746"/>
      <c r="BL297" s="746"/>
      <c r="BM297" s="746"/>
      <c r="BN297" s="746"/>
      <c r="BO297" s="892"/>
      <c r="BP297" s="892"/>
      <c r="BQ297" s="892"/>
      <c r="BR297" s="892"/>
      <c r="BS297" s="884">
        <f t="shared" si="397"/>
        <v>500</v>
      </c>
      <c r="BT297" s="661">
        <f t="shared" si="442"/>
        <v>741.258375</v>
      </c>
      <c r="BU297" s="661"/>
      <c r="BV297" s="898" t="str">
        <f t="shared" si="458"/>
        <v/>
      </c>
      <c r="BW297" s="898" t="str">
        <f t="shared" si="459"/>
        <v/>
      </c>
      <c r="BX297" s="898" t="str">
        <f t="shared" si="460"/>
        <v/>
      </c>
      <c r="BY297" s="898" t="str">
        <f t="shared" si="461"/>
        <v/>
      </c>
      <c r="BZ297" s="898" t="str">
        <f t="shared" si="462"/>
        <v/>
      </c>
      <c r="CA297" s="898" t="str">
        <f t="shared" si="463"/>
        <v/>
      </c>
      <c r="CB297" s="898" t="str">
        <f t="shared" si="464"/>
        <v/>
      </c>
      <c r="CC297" s="898" t="str">
        <f t="shared" si="465"/>
        <v/>
      </c>
      <c r="CD297" s="898" t="str">
        <f t="shared" si="466"/>
        <v/>
      </c>
      <c r="CE297" s="898">
        <f t="shared" si="467"/>
        <v>370629.1875</v>
      </c>
      <c r="CF297" s="898" t="str">
        <f t="shared" si="468"/>
        <v/>
      </c>
      <c r="CG297" s="898" t="str">
        <f t="shared" si="469"/>
        <v/>
      </c>
      <c r="CH297" s="898" t="str">
        <f t="shared" si="470"/>
        <v/>
      </c>
      <c r="CI297" s="898" t="str">
        <f t="shared" si="471"/>
        <v/>
      </c>
      <c r="CJ297" s="898" t="str">
        <f t="shared" si="472"/>
        <v/>
      </c>
      <c r="CK297" s="898" t="str">
        <f t="shared" si="473"/>
        <v/>
      </c>
      <c r="CL297" s="898" t="str">
        <f t="shared" si="474"/>
        <v/>
      </c>
      <c r="CM297" s="898" t="str">
        <f t="shared" si="475"/>
        <v/>
      </c>
      <c r="CN297" s="898" t="str">
        <f t="shared" si="476"/>
        <v/>
      </c>
      <c r="CO297" s="898" t="str">
        <f t="shared" si="477"/>
        <v/>
      </c>
      <c r="CP297" s="898" t="str">
        <f t="shared" si="478"/>
        <v/>
      </c>
      <c r="CQ297" s="898" t="str">
        <f t="shared" si="479"/>
        <v/>
      </c>
      <c r="CR297" s="898" t="str">
        <f t="shared" si="480"/>
        <v/>
      </c>
      <c r="CS297" s="898" t="str">
        <f t="shared" si="481"/>
        <v/>
      </c>
      <c r="CT297" s="898" t="str">
        <f t="shared" si="482"/>
        <v/>
      </c>
      <c r="CU297" s="898" t="str">
        <f t="shared" si="483"/>
        <v/>
      </c>
      <c r="CV297" s="898" t="str">
        <f t="shared" si="484"/>
        <v/>
      </c>
      <c r="CW297" s="898" t="str">
        <f t="shared" si="485"/>
        <v/>
      </c>
      <c r="CX297" s="898" t="str">
        <f t="shared" si="486"/>
        <v/>
      </c>
      <c r="CY297" s="898" t="str">
        <f t="shared" si="487"/>
        <v/>
      </c>
      <c r="CZ297" s="898" t="str">
        <f t="shared" si="488"/>
        <v/>
      </c>
      <c r="DA297" s="898" t="str">
        <f t="shared" si="489"/>
        <v/>
      </c>
      <c r="DB297" s="898" t="str">
        <f t="shared" si="489"/>
        <v/>
      </c>
      <c r="DC297" s="898" t="str">
        <f t="shared" si="489"/>
        <v/>
      </c>
      <c r="DD297" s="898" t="str">
        <f t="shared" si="489"/>
        <v/>
      </c>
      <c r="DE297" s="898" t="str">
        <f t="shared" si="489"/>
        <v/>
      </c>
      <c r="DF297" s="898" t="str">
        <f t="shared" si="489"/>
        <v/>
      </c>
      <c r="DG297" s="898" t="str">
        <f t="shared" si="489"/>
        <v/>
      </c>
      <c r="DH297" s="898" t="str">
        <f t="shared" si="489"/>
        <v/>
      </c>
      <c r="DI297" s="898" t="str">
        <f t="shared" si="489"/>
        <v/>
      </c>
      <c r="DJ297" s="898" t="str">
        <f t="shared" si="489"/>
        <v/>
      </c>
      <c r="DK297" s="898" t="str">
        <f t="shared" si="489"/>
        <v/>
      </c>
      <c r="DL297" s="898" t="str">
        <f t="shared" si="489"/>
        <v/>
      </c>
      <c r="DM297" s="661">
        <f t="shared" si="402"/>
        <v>370629.1875</v>
      </c>
      <c r="DN297" s="898">
        <f t="shared" si="403"/>
        <v>0</v>
      </c>
      <c r="DO297" s="516">
        <f t="shared" si="404"/>
        <v>0</v>
      </c>
      <c r="DP297" s="898">
        <f t="shared" si="405"/>
        <v>0</v>
      </c>
      <c r="DQ297" s="860" t="s">
        <v>4246</v>
      </c>
      <c r="DR297" s="1220"/>
      <c r="DS297" s="1221" t="s">
        <v>4248</v>
      </c>
      <c r="DT297" s="632"/>
    </row>
    <row r="298" spans="1:124" ht="85.5" x14ac:dyDescent="0.2">
      <c r="A298" s="484" t="str">
        <f t="shared" si="396"/>
        <v>Hemel Hempstead Station Forecourt Enhancements (Metro Mobility Hub)</v>
      </c>
      <c r="B298" s="1163">
        <v>295</v>
      </c>
      <c r="C298" s="1156" t="s">
        <v>4316</v>
      </c>
      <c r="D298" s="481" t="s">
        <v>2481</v>
      </c>
      <c r="E298" s="481" t="s">
        <v>53</v>
      </c>
      <c r="F298" s="481" t="s">
        <v>655</v>
      </c>
      <c r="G298" s="775" t="s">
        <v>830</v>
      </c>
      <c r="H298" s="855" t="s">
        <v>895</v>
      </c>
      <c r="I298" s="775" t="str">
        <f t="shared" si="444"/>
        <v>LS-30</v>
      </c>
      <c r="J298" s="855" t="s">
        <v>4317</v>
      </c>
      <c r="K298" s="664" t="s">
        <v>3104</v>
      </c>
      <c r="L298" s="852" t="s">
        <v>3167</v>
      </c>
      <c r="M298" s="713" t="s">
        <v>2996</v>
      </c>
      <c r="N298" s="775" t="s">
        <v>81</v>
      </c>
      <c r="O298" s="657" t="s">
        <v>4318</v>
      </c>
      <c r="P298" s="657" t="s">
        <v>77</v>
      </c>
      <c r="Q298" s="852" t="s">
        <v>122</v>
      </c>
      <c r="R298" s="657"/>
      <c r="S298" s="657"/>
      <c r="T298" s="854">
        <v>720694</v>
      </c>
      <c r="U298" s="854"/>
      <c r="V298" s="657" t="s">
        <v>4245</v>
      </c>
      <c r="W298" s="642">
        <f t="shared" si="441"/>
        <v>0</v>
      </c>
      <c r="X298" s="745">
        <f t="shared" si="423"/>
        <v>720694</v>
      </c>
      <c r="Y298" s="745" t="s">
        <v>3106</v>
      </c>
      <c r="Z298" s="745" t="str">
        <f>_xlfn.XLOOKUP(I298, 'CALCS Aecom (July 25 2025)'!F:F, 'CALCS Aecom (July 25 2025)'!W:W)</f>
        <v>Multiple Scenario 2 (Step 8)</v>
      </c>
      <c r="AA298" s="1331" t="s">
        <v>3220</v>
      </c>
      <c r="AB298" s="661" t="s">
        <v>66</v>
      </c>
      <c r="AC298" s="661" t="s">
        <v>66</v>
      </c>
      <c r="AD298" s="661" t="s">
        <v>66</v>
      </c>
      <c r="AE298" s="661" t="s">
        <v>66</v>
      </c>
      <c r="AF298" s="661" t="s">
        <v>66</v>
      </c>
      <c r="AG298" s="661" t="s">
        <v>66</v>
      </c>
      <c r="AH298" s="661" t="s">
        <v>66</v>
      </c>
      <c r="AI298" s="661" t="s">
        <v>66</v>
      </c>
      <c r="AJ298" s="661" t="s">
        <v>66</v>
      </c>
      <c r="AK298" s="661" t="s">
        <v>66</v>
      </c>
      <c r="AL298" s="661" t="s">
        <v>66</v>
      </c>
      <c r="AM298" s="661" t="s">
        <v>66</v>
      </c>
      <c r="AN298" s="661" t="s">
        <v>66</v>
      </c>
      <c r="AO298" s="661" t="s">
        <v>66</v>
      </c>
      <c r="AP298" s="661" t="s">
        <v>66</v>
      </c>
      <c r="AQ298" s="661" t="s">
        <v>66</v>
      </c>
      <c r="AR298" s="661" t="s">
        <v>66</v>
      </c>
      <c r="AS298" s="661"/>
      <c r="AT298" s="661"/>
      <c r="AU298" s="661"/>
      <c r="AV298" s="661"/>
      <c r="AW298" s="661"/>
      <c r="AX298" s="661"/>
      <c r="AY298" s="661"/>
      <c r="AZ298" s="661"/>
      <c r="BA298" s="661"/>
      <c r="BB298" s="661"/>
      <c r="BC298" s="661"/>
      <c r="BD298" s="661"/>
      <c r="BE298" s="661"/>
      <c r="BF298" s="661"/>
      <c r="BG298" s="746"/>
      <c r="BH298" s="746"/>
      <c r="BI298" s="746"/>
      <c r="BJ298" s="746"/>
      <c r="BK298" s="746"/>
      <c r="BL298" s="746"/>
      <c r="BM298" s="746"/>
      <c r="BN298" s="746"/>
      <c r="BO298" s="661" t="s">
        <v>66</v>
      </c>
      <c r="BP298" s="661" t="s">
        <v>66</v>
      </c>
      <c r="BQ298" s="661" t="s">
        <v>66</v>
      </c>
      <c r="BR298" s="654"/>
      <c r="BS298" s="884">
        <f t="shared" si="397"/>
        <v>18054</v>
      </c>
      <c r="BT298" s="661">
        <f t="shared" si="442"/>
        <v>39.918799158081313</v>
      </c>
      <c r="BU298" s="661" t="str">
        <f t="shared" ref="BU298:BU305" si="490">IF(SUM(BV298:DL298)=X298, "GOOD", "ERROR")</f>
        <v>GOOD</v>
      </c>
      <c r="BV298" s="898">
        <f t="shared" si="458"/>
        <v>199593.99579040657</v>
      </c>
      <c r="BW298" s="898">
        <f t="shared" si="459"/>
        <v>7983.759831616263</v>
      </c>
      <c r="BX298" s="898">
        <f t="shared" si="460"/>
        <v>17963.45962113659</v>
      </c>
      <c r="BY298" s="898">
        <f t="shared" si="461"/>
        <v>13971.57970532846</v>
      </c>
      <c r="BZ298" s="898">
        <f t="shared" si="462"/>
        <v>19959.399579040655</v>
      </c>
      <c r="CA298" s="898">
        <f t="shared" si="463"/>
        <v>19161.023595879029</v>
      </c>
      <c r="CB298" s="898">
        <f t="shared" si="464"/>
        <v>3991.8799158081315</v>
      </c>
      <c r="CC298" s="898">
        <f t="shared" si="465"/>
        <v>15568.331671651713</v>
      </c>
      <c r="CD298" s="898">
        <f t="shared" si="466"/>
        <v>19959.399579040655</v>
      </c>
      <c r="CE298" s="898">
        <f t="shared" si="467"/>
        <v>19959.399579040655</v>
      </c>
      <c r="CF298" s="898">
        <f t="shared" si="468"/>
        <v>29939.099368560986</v>
      </c>
      <c r="CG298" s="898">
        <f t="shared" si="469"/>
        <v>7983.759831616263</v>
      </c>
      <c r="CH298" s="898">
        <f t="shared" si="470"/>
        <v>9340.9990029910277</v>
      </c>
      <c r="CI298" s="898">
        <f t="shared" si="471"/>
        <v>13971.57970532846</v>
      </c>
      <c r="CJ298" s="898">
        <f t="shared" si="472"/>
        <v>3592.6919242273184</v>
      </c>
      <c r="CK298" s="898">
        <f t="shared" si="473"/>
        <v>3193.5039326465048</v>
      </c>
      <c r="CL298" s="898">
        <f t="shared" si="474"/>
        <v>95006.741996233526</v>
      </c>
      <c r="CM298" s="898" t="str">
        <f t="shared" si="475"/>
        <v/>
      </c>
      <c r="CN298" s="898" t="str">
        <f t="shared" si="476"/>
        <v/>
      </c>
      <c r="CO298" s="898" t="str">
        <f t="shared" si="477"/>
        <v/>
      </c>
      <c r="CP298" s="898" t="str">
        <f t="shared" si="478"/>
        <v/>
      </c>
      <c r="CQ298" s="898" t="str">
        <f t="shared" si="479"/>
        <v/>
      </c>
      <c r="CR298" s="898" t="str">
        <f t="shared" si="480"/>
        <v/>
      </c>
      <c r="CS298" s="898" t="str">
        <f t="shared" si="481"/>
        <v/>
      </c>
      <c r="CT298" s="898" t="str">
        <f t="shared" si="482"/>
        <v/>
      </c>
      <c r="CU298" s="898" t="str">
        <f t="shared" si="483"/>
        <v/>
      </c>
      <c r="CV298" s="898" t="str">
        <f t="shared" si="484"/>
        <v/>
      </c>
      <c r="CW298" s="898" t="str">
        <f t="shared" si="485"/>
        <v/>
      </c>
      <c r="CX298" s="898" t="str">
        <f t="shared" si="486"/>
        <v/>
      </c>
      <c r="CY298" s="898" t="str">
        <f t="shared" si="487"/>
        <v/>
      </c>
      <c r="CZ298" s="898" t="str">
        <f t="shared" si="488"/>
        <v/>
      </c>
      <c r="DA298" s="898" t="str">
        <f t="shared" si="489"/>
        <v/>
      </c>
      <c r="DB298" s="898" t="str">
        <f t="shared" si="489"/>
        <v/>
      </c>
      <c r="DC298" s="898" t="str">
        <f t="shared" si="489"/>
        <v/>
      </c>
      <c r="DD298" s="898" t="str">
        <f t="shared" si="489"/>
        <v/>
      </c>
      <c r="DE298" s="898" t="str">
        <f t="shared" si="489"/>
        <v/>
      </c>
      <c r="DF298" s="898" t="str">
        <f t="shared" si="489"/>
        <v/>
      </c>
      <c r="DG298" s="898" t="str">
        <f t="shared" si="489"/>
        <v/>
      </c>
      <c r="DH298" s="898" t="str">
        <f t="shared" si="489"/>
        <v/>
      </c>
      <c r="DI298" s="898">
        <f t="shared" si="489"/>
        <v>59878.198737121973</v>
      </c>
      <c r="DJ298" s="898">
        <f t="shared" si="489"/>
        <v>63870.078652930104</v>
      </c>
      <c r="DK298" s="898">
        <f t="shared" si="489"/>
        <v>95805.117979395145</v>
      </c>
      <c r="DL298" s="898" t="str">
        <f t="shared" si="489"/>
        <v/>
      </c>
      <c r="DM298" s="661">
        <f t="shared" si="402"/>
        <v>501140.60463055276</v>
      </c>
      <c r="DN298" s="898">
        <f t="shared" si="403"/>
        <v>219553.39536944721</v>
      </c>
      <c r="DO298" s="516">
        <f t="shared" si="404"/>
        <v>0</v>
      </c>
      <c r="DP298" s="898">
        <f t="shared" si="405"/>
        <v>0</v>
      </c>
      <c r="DQ298" s="860" t="s">
        <v>4246</v>
      </c>
      <c r="DR298" s="610" t="s">
        <v>4247</v>
      </c>
      <c r="DS298" s="1221" t="s">
        <v>4248</v>
      </c>
      <c r="DT298" s="632"/>
    </row>
    <row r="299" spans="1:124" ht="57" x14ac:dyDescent="0.2">
      <c r="A299" s="484" t="str">
        <f t="shared" si="396"/>
        <v>Hemel Hempstead Station Upgrade</v>
      </c>
      <c r="B299" s="1163">
        <v>296</v>
      </c>
      <c r="C299" s="1156" t="s">
        <v>4319</v>
      </c>
      <c r="D299" s="481" t="s">
        <v>2481</v>
      </c>
      <c r="E299" s="481" t="s">
        <v>53</v>
      </c>
      <c r="F299" s="481" t="s">
        <v>655</v>
      </c>
      <c r="G299" s="775" t="s">
        <v>897</v>
      </c>
      <c r="H299" s="855" t="s">
        <v>898</v>
      </c>
      <c r="I299" s="775" t="str">
        <f t="shared" si="444"/>
        <v>LS-31</v>
      </c>
      <c r="J299" s="855" t="s">
        <v>4320</v>
      </c>
      <c r="K299" s="664" t="s">
        <v>3104</v>
      </c>
      <c r="L299" s="738" t="s">
        <v>63</v>
      </c>
      <c r="M299" s="657" t="s">
        <v>2996</v>
      </c>
      <c r="N299" s="775" t="s">
        <v>81</v>
      </c>
      <c r="O299" s="657" t="s">
        <v>4321</v>
      </c>
      <c r="P299" s="657" t="s">
        <v>77</v>
      </c>
      <c r="Q299" s="852" t="s">
        <v>181</v>
      </c>
      <c r="R299" s="661">
        <v>2000000</v>
      </c>
      <c r="S299" s="661">
        <v>9000000</v>
      </c>
      <c r="T299" s="853">
        <f>(R299+S299)/2</f>
        <v>5500000</v>
      </c>
      <c r="U299" s="740">
        <v>5500000</v>
      </c>
      <c r="V299" s="657" t="s">
        <v>718</v>
      </c>
      <c r="W299" s="723">
        <f>T299-U299</f>
        <v>0</v>
      </c>
      <c r="X299" s="745">
        <f t="shared" si="423"/>
        <v>0</v>
      </c>
      <c r="Y299" s="745"/>
      <c r="Z299" s="745"/>
      <c r="AA299" s="1331" t="s">
        <v>3220</v>
      </c>
      <c r="AB299" s="661"/>
      <c r="AC299" s="661"/>
      <c r="AD299" s="661"/>
      <c r="AE299" s="661"/>
      <c r="AF299" s="661"/>
      <c r="AG299" s="661"/>
      <c r="AH299" s="661"/>
      <c r="AI299" s="661"/>
      <c r="AJ299" s="661"/>
      <c r="AK299" s="661"/>
      <c r="AL299" s="661"/>
      <c r="AM299" s="661"/>
      <c r="AN299" s="661"/>
      <c r="AO299" s="661"/>
      <c r="AP299" s="661"/>
      <c r="AQ299" s="661"/>
      <c r="AR299" s="661"/>
      <c r="AS299" s="661"/>
      <c r="AT299" s="661"/>
      <c r="AU299" s="661"/>
      <c r="AV299" s="661"/>
      <c r="AW299" s="661"/>
      <c r="AX299" s="661"/>
      <c r="AY299" s="661"/>
      <c r="AZ299" s="661"/>
      <c r="BA299" s="661"/>
      <c r="BB299" s="661"/>
      <c r="BC299" s="661"/>
      <c r="BD299" s="661"/>
      <c r="BE299" s="661"/>
      <c r="BF299" s="661"/>
      <c r="BG299" s="896"/>
      <c r="BH299" s="896"/>
      <c r="BI299" s="896"/>
      <c r="BJ299" s="896"/>
      <c r="BK299" s="896"/>
      <c r="BL299" s="896"/>
      <c r="BM299" s="896"/>
      <c r="BN299" s="896"/>
      <c r="BO299" s="661"/>
      <c r="BP299" s="661"/>
      <c r="BQ299" s="661"/>
      <c r="BR299" s="661"/>
      <c r="BS299" s="884">
        <f t="shared" si="397"/>
        <v>0</v>
      </c>
      <c r="BT299" s="661"/>
      <c r="BU299" s="661" t="str">
        <f t="shared" si="490"/>
        <v>GOOD</v>
      </c>
      <c r="BV299" s="898" t="str">
        <f t="shared" si="458"/>
        <v/>
      </c>
      <c r="BW299" s="898" t="str">
        <f t="shared" si="459"/>
        <v/>
      </c>
      <c r="BX299" s="898" t="str">
        <f t="shared" si="460"/>
        <v/>
      </c>
      <c r="BY299" s="898" t="str">
        <f t="shared" si="461"/>
        <v/>
      </c>
      <c r="BZ299" s="898" t="str">
        <f t="shared" si="462"/>
        <v/>
      </c>
      <c r="CA299" s="898" t="str">
        <f t="shared" si="463"/>
        <v/>
      </c>
      <c r="CB299" s="898" t="str">
        <f t="shared" si="464"/>
        <v/>
      </c>
      <c r="CC299" s="898" t="str">
        <f t="shared" si="465"/>
        <v/>
      </c>
      <c r="CD299" s="898" t="str">
        <f t="shared" si="466"/>
        <v/>
      </c>
      <c r="CE299" s="898" t="str">
        <f t="shared" si="467"/>
        <v/>
      </c>
      <c r="CF299" s="898" t="str">
        <f t="shared" si="468"/>
        <v/>
      </c>
      <c r="CG299" s="898" t="str">
        <f t="shared" si="469"/>
        <v/>
      </c>
      <c r="CH299" s="898" t="str">
        <f t="shared" si="470"/>
        <v/>
      </c>
      <c r="CI299" s="898" t="str">
        <f t="shared" si="471"/>
        <v/>
      </c>
      <c r="CJ299" s="898" t="str">
        <f t="shared" si="472"/>
        <v/>
      </c>
      <c r="CK299" s="898" t="str">
        <f t="shared" si="473"/>
        <v/>
      </c>
      <c r="CL299" s="898" t="str">
        <f t="shared" si="474"/>
        <v/>
      </c>
      <c r="CM299" s="898" t="str">
        <f t="shared" si="475"/>
        <v/>
      </c>
      <c r="CN299" s="898" t="str">
        <f t="shared" si="476"/>
        <v/>
      </c>
      <c r="CO299" s="898" t="str">
        <f t="shared" si="477"/>
        <v/>
      </c>
      <c r="CP299" s="898" t="str">
        <f t="shared" si="478"/>
        <v/>
      </c>
      <c r="CQ299" s="898" t="str">
        <f t="shared" si="479"/>
        <v/>
      </c>
      <c r="CR299" s="898" t="str">
        <f t="shared" si="480"/>
        <v/>
      </c>
      <c r="CS299" s="898" t="str">
        <f t="shared" si="481"/>
        <v/>
      </c>
      <c r="CT299" s="898" t="str">
        <f t="shared" si="482"/>
        <v/>
      </c>
      <c r="CU299" s="898" t="str">
        <f t="shared" si="483"/>
        <v/>
      </c>
      <c r="CV299" s="898" t="str">
        <f t="shared" si="484"/>
        <v/>
      </c>
      <c r="CW299" s="898" t="str">
        <f t="shared" si="485"/>
        <v/>
      </c>
      <c r="CX299" s="898" t="str">
        <f t="shared" si="486"/>
        <v/>
      </c>
      <c r="CY299" s="898" t="str">
        <f t="shared" si="487"/>
        <v/>
      </c>
      <c r="CZ299" s="898" t="str">
        <f t="shared" si="488"/>
        <v/>
      </c>
      <c r="DA299" s="898"/>
      <c r="DB299" s="898"/>
      <c r="DC299" s="898"/>
      <c r="DD299" s="898"/>
      <c r="DE299" s="898"/>
      <c r="DF299" s="898"/>
      <c r="DG299" s="898"/>
      <c r="DH299" s="898"/>
      <c r="DI299" s="898" t="str">
        <f>IF(BO299="yes",(BO$3*$BT299),"")</f>
        <v/>
      </c>
      <c r="DJ299" s="898" t="str">
        <f>IF(BP299="yes",(BP$3*$BT299),"")</f>
        <v/>
      </c>
      <c r="DK299" s="898" t="str">
        <f>IF(BQ299="yes",(BQ$3*$BT299),"")</f>
        <v/>
      </c>
      <c r="DL299" s="898" t="str">
        <f>IF(BR299="yes",(BR$3*$BT299),"")</f>
        <v/>
      </c>
      <c r="DM299" s="661">
        <f t="shared" si="402"/>
        <v>0</v>
      </c>
      <c r="DN299" s="898">
        <f t="shared" si="403"/>
        <v>0</v>
      </c>
      <c r="DO299" s="516">
        <f t="shared" si="404"/>
        <v>0</v>
      </c>
      <c r="DP299" s="898">
        <f t="shared" si="405"/>
        <v>0</v>
      </c>
      <c r="DQ299" s="860" t="s">
        <v>4246</v>
      </c>
      <c r="DR299" s="1222" t="s">
        <v>3253</v>
      </c>
      <c r="DS299" s="1221" t="s">
        <v>4265</v>
      </c>
      <c r="DT299" s="632"/>
    </row>
    <row r="300" spans="1:124" ht="142.5" x14ac:dyDescent="0.2">
      <c r="A300" s="484" t="str">
        <f t="shared" si="396"/>
        <v>M1 Junction 8 enhancement - Phase 3 - M1 Junction 8 - current proposals</v>
      </c>
      <c r="B300" s="1163">
        <v>297</v>
      </c>
      <c r="C300" s="1156" t="s">
        <v>4322</v>
      </c>
      <c r="D300" s="481" t="s">
        <v>4323</v>
      </c>
      <c r="E300" s="511" t="s">
        <v>1385</v>
      </c>
      <c r="F300" s="481" t="s">
        <v>655</v>
      </c>
      <c r="G300" s="775" t="s">
        <v>900</v>
      </c>
      <c r="H300" s="855" t="s">
        <v>901</v>
      </c>
      <c r="I300" s="775" t="str">
        <f t="shared" si="444"/>
        <v>LS-32</v>
      </c>
      <c r="J300" s="855" t="s">
        <v>4324</v>
      </c>
      <c r="K300" s="664" t="s">
        <v>3104</v>
      </c>
      <c r="L300" s="852" t="s">
        <v>3167</v>
      </c>
      <c r="M300" s="543" t="s">
        <v>2986</v>
      </c>
      <c r="N300" s="775" t="s">
        <v>8</v>
      </c>
      <c r="O300" s="664" t="s">
        <v>4287</v>
      </c>
      <c r="P300" s="657" t="s">
        <v>61</v>
      </c>
      <c r="Q300" s="515" t="s">
        <v>2378</v>
      </c>
      <c r="R300" s="657"/>
      <c r="S300" s="657"/>
      <c r="T300" s="740">
        <v>106900000</v>
      </c>
      <c r="U300" s="740">
        <f>T300/2</f>
        <v>53450000</v>
      </c>
      <c r="V300" s="657" t="s">
        <v>4325</v>
      </c>
      <c r="W300" s="1157">
        <f>(T300-U300)-U300</f>
        <v>0</v>
      </c>
      <c r="X300" s="745">
        <f t="shared" ref="X300:X321" si="491">IF(ISTEXT(T300),T300,T300-U300)</f>
        <v>53450000</v>
      </c>
      <c r="Y300" s="745" t="s">
        <v>4260</v>
      </c>
      <c r="Z300" s="745" t="str">
        <f>_xlfn.XLOOKUP(I300, 'CALCS Aecom (July 25 2025)'!F:F, 'CALCS Aecom (July 25 2025)'!W:W)</f>
        <v>Mutliple Scenario 2 (Step 5)</v>
      </c>
      <c r="AA300" s="1322" t="s">
        <v>245</v>
      </c>
      <c r="AB300" s="713" t="str">
        <f t="shared" ref="AB300:AQ305" si="492">IF(BV300&gt;0, "Yes", "")</f>
        <v>Yes</v>
      </c>
      <c r="AC300" s="713" t="str">
        <f t="shared" si="492"/>
        <v>Yes</v>
      </c>
      <c r="AD300" s="713" t="str">
        <f t="shared" si="492"/>
        <v>Yes</v>
      </c>
      <c r="AE300" s="713" t="str">
        <f t="shared" si="492"/>
        <v>Yes</v>
      </c>
      <c r="AF300" s="713" t="str">
        <f t="shared" si="492"/>
        <v>Yes</v>
      </c>
      <c r="AG300" s="713" t="str">
        <f t="shared" si="492"/>
        <v>Yes</v>
      </c>
      <c r="AH300" s="713" t="str">
        <f t="shared" si="492"/>
        <v>Yes</v>
      </c>
      <c r="AI300" s="713" t="str">
        <f t="shared" si="492"/>
        <v>Yes</v>
      </c>
      <c r="AJ300" s="713" t="str">
        <f t="shared" si="492"/>
        <v>Yes</v>
      </c>
      <c r="AK300" s="713" t="str">
        <f t="shared" si="492"/>
        <v>Yes</v>
      </c>
      <c r="AL300" s="713" t="str">
        <f t="shared" si="492"/>
        <v>Yes</v>
      </c>
      <c r="AM300" s="713" t="str">
        <f t="shared" si="492"/>
        <v>Yes</v>
      </c>
      <c r="AN300" s="713" t="str">
        <f t="shared" si="492"/>
        <v>Yes</v>
      </c>
      <c r="AO300" s="713" t="str">
        <f t="shared" si="492"/>
        <v>Yes</v>
      </c>
      <c r="AP300" s="713" t="str">
        <f t="shared" si="492"/>
        <v>Yes</v>
      </c>
      <c r="AQ300" s="713" t="str">
        <f t="shared" si="492"/>
        <v>Yes</v>
      </c>
      <c r="AR300" s="661"/>
      <c r="AS300" s="661"/>
      <c r="AT300" s="661"/>
      <c r="AU300" s="661"/>
      <c r="AV300" s="661"/>
      <c r="AW300" s="661"/>
      <c r="AX300" s="661"/>
      <c r="AY300" s="661"/>
      <c r="AZ300" s="661"/>
      <c r="BA300" s="661"/>
      <c r="BB300" s="661"/>
      <c r="BC300" s="661"/>
      <c r="BD300" s="661"/>
      <c r="BE300" s="661"/>
      <c r="BF300" s="661"/>
      <c r="BG300" s="661"/>
      <c r="BH300" s="661"/>
      <c r="BI300" s="661"/>
      <c r="BJ300" s="661"/>
      <c r="BK300" s="661"/>
      <c r="BL300" s="661"/>
      <c r="BM300" s="661"/>
      <c r="BN300" s="661"/>
      <c r="BO300" s="892" t="str">
        <f t="shared" ref="BO300:BR305" si="493">IF(DI300&gt;0, "Yes", "")</f>
        <v>Yes</v>
      </c>
      <c r="BP300" s="892" t="str">
        <f t="shared" si="493"/>
        <v>Yes</v>
      </c>
      <c r="BQ300" s="892" t="str">
        <f t="shared" si="493"/>
        <v>Yes</v>
      </c>
      <c r="BR300" s="892" t="str">
        <f t="shared" si="493"/>
        <v>Yes</v>
      </c>
      <c r="BS300" s="884">
        <f t="shared" si="397"/>
        <v>18845</v>
      </c>
      <c r="BT300" s="661">
        <f t="shared" ref="BT300:BT331" si="494">X300/BS300</f>
        <v>2836.2960997612099</v>
      </c>
      <c r="BU300" s="661" t="str">
        <f t="shared" si="490"/>
        <v>GOOD</v>
      </c>
      <c r="BV300" s="1149">
        <f>$X300*_xlfn.XLOOKUP($I300, 'CALCS Aecom (July 25 2025)'!$F:$F, 'CALCS Aecom (July 25 2025)'!BZ:BZ)</f>
        <v>5124453.8834951455</v>
      </c>
      <c r="BW300" s="1149">
        <f>$X300*_xlfn.XLOOKUP($I300, 'CALCS Aecom (July 25 2025)'!$F:$F, 'CALCS Aecom (July 25 2025)'!CC:CC)</f>
        <v>194599.51456310682</v>
      </c>
      <c r="BX300" s="1149">
        <f>$X300*_xlfn.XLOOKUP($I300, 'CALCS Aecom (July 25 2025)'!$F:$F, 'CALCS Aecom (July 25 2025)'!CI:CI)</f>
        <v>518932.03883495141</v>
      </c>
      <c r="BY300" s="1149">
        <f>$X300*_xlfn.XLOOKUP($I300, 'CALCS Aecom (July 25 2025)'!$F:$F, 'CALCS Aecom (July 25 2025)'!BQ:BQ)</f>
        <v>616231.79611650482</v>
      </c>
      <c r="BZ300" s="1149">
        <f>$X300*_xlfn.XLOOKUP($I300, 'CALCS Aecom (July 25 2025)'!$F:$F, 'CALCS Aecom (July 25 2025)'!BV:BV)</f>
        <v>1200030.3398058254</v>
      </c>
      <c r="CA300" s="1149">
        <f>$X300*_xlfn.XLOOKUP($I300, 'CALCS Aecom (July 25 2025)'!$F:$F, 'CALCS Aecom (July 25 2025)'!BR:BR)</f>
        <v>421632.28155339806</v>
      </c>
      <c r="CB300" s="1149">
        <f>$X300*_xlfn.XLOOKUP($I300, 'CALCS Aecom (July 25 2025)'!$F:$F, 'CALCS Aecom (July 25 2025)'!CD:CD)</f>
        <v>32433.252427184463</v>
      </c>
      <c r="CC300" s="1149">
        <f>$X300*_xlfn.XLOOKUP($I300, 'CALCS Aecom (July 25 2025)'!$F:$F, 'CALCS Aecom (July 25 2025)'!BT:BT)</f>
        <v>454065.53398058249</v>
      </c>
      <c r="CD300" s="1149">
        <f>$X300*_xlfn.XLOOKUP($I300, 'CALCS Aecom (July 25 2025)'!$F:$F, 'CALCS Aecom (July 25 2025)'!BU:BU)</f>
        <v>1102730.5825242719</v>
      </c>
      <c r="CE300" s="1149">
        <f>$X300*_xlfn.XLOOKUP($I300, 'CALCS Aecom (July 25 2025)'!$F:$F, 'CALCS Aecom (July 25 2025)'!BW:BW)</f>
        <v>1654095.8737864078</v>
      </c>
      <c r="CF300" s="1149">
        <f>$X300*_xlfn.XLOOKUP($I300, 'CALCS Aecom (July 25 2025)'!$F:$F, 'CALCS Aecom (July 25 2025)'!BS:BS)</f>
        <v>648665.04854368931</v>
      </c>
      <c r="CG300" s="1149">
        <f>$X300*_xlfn.XLOOKUP($I300, 'CALCS Aecom (July 25 2025)'!$F:$F, 'CALCS Aecom (July 25 2025)'!CE:CE)</f>
        <v>194599.51456310682</v>
      </c>
      <c r="CH300" s="1149">
        <f>$X300*_xlfn.XLOOKUP($I300, 'CALCS Aecom (July 25 2025)'!$F:$F, 'CALCS Aecom (July 25 2025)'!CJ:CJ)</f>
        <v>648665.04854368931</v>
      </c>
      <c r="CI300" s="1149">
        <f>$X300*_xlfn.XLOOKUP($I300, 'CALCS Aecom (July 25 2025)'!$F:$F, 'CALCS Aecom (July 25 2025)'!CB:CB)</f>
        <v>389199.02912621363</v>
      </c>
      <c r="CJ300" s="1149">
        <f>$X300*_xlfn.XLOOKUP($I300, 'CALCS Aecom (July 25 2025)'!$F:$F, 'CALCS Aecom (July 25 2025)'!CF:CF)</f>
        <v>162166.26213592233</v>
      </c>
      <c r="CK300" s="1149">
        <f>$X300*_xlfn.XLOOKUP($I300, 'CALCS Aecom (July 25 2025)'!$F:$F, 'CALCS Aecom (July 25 2025)'!CG:CG)</f>
        <v>259466.01941747571</v>
      </c>
      <c r="CL300" s="1149"/>
      <c r="CM300" s="898"/>
      <c r="CN300" s="898"/>
      <c r="CO300" s="898"/>
      <c r="CP300" s="898"/>
      <c r="CQ300" s="898"/>
      <c r="CR300" s="898"/>
      <c r="CS300" s="898"/>
      <c r="CT300" s="898"/>
      <c r="CU300" s="898"/>
      <c r="CV300" s="898"/>
      <c r="CW300" s="898"/>
      <c r="CX300" s="898"/>
      <c r="CY300" s="898"/>
      <c r="CZ300" s="898"/>
      <c r="DA300" s="898"/>
      <c r="DB300" s="898"/>
      <c r="DC300" s="898"/>
      <c r="DD300" s="898"/>
      <c r="DE300" s="898"/>
      <c r="DF300" s="898"/>
      <c r="DG300" s="898"/>
      <c r="DH300" s="898"/>
      <c r="DI300" s="1149">
        <f>$X300*_xlfn.XLOOKUP($I300, 'CALCS Aecom (July 25 2025)'!$F:$F, 'CALCS Aecom (July 25 2025)'!CA:CA)</f>
        <v>3210891.990291262</v>
      </c>
      <c r="DJ300" s="1149">
        <f>$X300*_xlfn.XLOOKUP($I300, 'CALCS Aecom (July 25 2025)'!$F:$F, 'CALCS Aecom (July 25 2025)'!BX:BX)</f>
        <v>9957008.495145632</v>
      </c>
      <c r="DK300" s="1149">
        <f>$X300*_xlfn.XLOOKUP($I300, 'CALCS Aecom (July 25 2025)'!$F:$F, 'CALCS Aecom (July 25 2025)'!BY:BY)</f>
        <v>7621814.3203883488</v>
      </c>
      <c r="DL300" s="1149">
        <f>$X300*_xlfn.XLOOKUP($I300, 'CALCS Aecom (July 25 2025)'!$F:$F, 'CALCS Aecom (July 25 2025)'!CH:CH)</f>
        <v>19038319.174757279</v>
      </c>
      <c r="DM300" s="661">
        <f t="shared" si="402"/>
        <v>13621966.019417478</v>
      </c>
      <c r="DN300" s="898">
        <f t="shared" si="403"/>
        <v>39828033.98058252</v>
      </c>
      <c r="DO300" s="516">
        <f t="shared" si="404"/>
        <v>0</v>
      </c>
      <c r="DP300" s="898">
        <f t="shared" si="405"/>
        <v>0</v>
      </c>
      <c r="DQ300" s="1220" t="s">
        <v>4326</v>
      </c>
      <c r="DR300" s="860" t="s">
        <v>4327</v>
      </c>
      <c r="DS300" s="1221" t="s">
        <v>4328</v>
      </c>
      <c r="DT300" s="632"/>
    </row>
    <row r="301" spans="1:124" ht="71.25" x14ac:dyDescent="0.2">
      <c r="A301" s="484" t="str">
        <f t="shared" si="396"/>
        <v>M1 Junction 8 enhancement - Phase 1 Phoenix Gateway Roundabout (A414/Green Lane) re-configuration and signalisation</v>
      </c>
      <c r="B301" s="1163">
        <v>298</v>
      </c>
      <c r="C301" s="1156" t="s">
        <v>4329</v>
      </c>
      <c r="D301" s="481" t="s">
        <v>2481</v>
      </c>
      <c r="E301" s="481" t="s">
        <v>3415</v>
      </c>
      <c r="F301" s="481" t="s">
        <v>655</v>
      </c>
      <c r="G301" s="775" t="s">
        <v>900</v>
      </c>
      <c r="H301" s="855" t="s">
        <v>4330</v>
      </c>
      <c r="I301" s="775" t="str">
        <f t="shared" si="444"/>
        <v>LS-33</v>
      </c>
      <c r="J301" s="855" t="s">
        <v>4331</v>
      </c>
      <c r="K301" s="664" t="s">
        <v>3104</v>
      </c>
      <c r="L301" s="852" t="s">
        <v>3167</v>
      </c>
      <c r="M301" s="775" t="s">
        <v>3325</v>
      </c>
      <c r="N301" s="775" t="s">
        <v>8</v>
      </c>
      <c r="O301" s="664" t="s">
        <v>4287</v>
      </c>
      <c r="P301" s="657" t="s">
        <v>61</v>
      </c>
      <c r="Q301" s="852" t="s">
        <v>71</v>
      </c>
      <c r="R301" s="657"/>
      <c r="S301" s="657"/>
      <c r="T301" s="854">
        <v>1056500</v>
      </c>
      <c r="U301" s="516"/>
      <c r="V301" s="657" t="s">
        <v>4245</v>
      </c>
      <c r="W301" s="642">
        <f t="shared" ref="W301:W321" si="495">T301-X301</f>
        <v>0</v>
      </c>
      <c r="X301" s="745">
        <f t="shared" si="491"/>
        <v>1056500</v>
      </c>
      <c r="Y301" s="745" t="s">
        <v>4260</v>
      </c>
      <c r="Z301" s="745" t="str">
        <f>_xlfn.XLOOKUP(I301, 'CALCS Aecom (July 25 2025)'!F:F, 'CALCS Aecom (July 25 2025)'!W:W)</f>
        <v>Mutliple Scenario 2 (Step 5)</v>
      </c>
      <c r="AA301" s="1323" t="s">
        <v>245</v>
      </c>
      <c r="AB301" s="713" t="str">
        <f t="shared" si="492"/>
        <v>Yes</v>
      </c>
      <c r="AC301" s="713" t="str">
        <f t="shared" si="492"/>
        <v>Yes</v>
      </c>
      <c r="AD301" s="713" t="str">
        <f t="shared" si="492"/>
        <v>Yes</v>
      </c>
      <c r="AE301" s="713" t="str">
        <f t="shared" si="492"/>
        <v>Yes</v>
      </c>
      <c r="AF301" s="713" t="str">
        <f t="shared" si="492"/>
        <v>Yes</v>
      </c>
      <c r="AG301" s="713" t="str">
        <f t="shared" si="492"/>
        <v>Yes</v>
      </c>
      <c r="AH301" s="713" t="str">
        <f t="shared" si="492"/>
        <v>Yes</v>
      </c>
      <c r="AI301" s="713" t="str">
        <f t="shared" si="492"/>
        <v>Yes</v>
      </c>
      <c r="AJ301" s="713" t="str">
        <f t="shared" si="492"/>
        <v>Yes</v>
      </c>
      <c r="AK301" s="713" t="str">
        <f t="shared" si="492"/>
        <v>Yes</v>
      </c>
      <c r="AL301" s="713" t="str">
        <f t="shared" si="492"/>
        <v>Yes</v>
      </c>
      <c r="AM301" s="713" t="str">
        <f t="shared" si="492"/>
        <v>Yes</v>
      </c>
      <c r="AN301" s="713" t="str">
        <f t="shared" si="492"/>
        <v>Yes</v>
      </c>
      <c r="AO301" s="713" t="str">
        <f t="shared" si="492"/>
        <v>Yes</v>
      </c>
      <c r="AP301" s="713" t="str">
        <f t="shared" si="492"/>
        <v>Yes</v>
      </c>
      <c r="AQ301" s="713" t="str">
        <f t="shared" si="492"/>
        <v>Yes</v>
      </c>
      <c r="AR301" s="661"/>
      <c r="AS301" s="892"/>
      <c r="AT301" s="892"/>
      <c r="AU301" s="892"/>
      <c r="AV301" s="661"/>
      <c r="AW301" s="892"/>
      <c r="AX301" s="892"/>
      <c r="AY301" s="892"/>
      <c r="AZ301" s="661"/>
      <c r="BA301" s="892"/>
      <c r="BB301" s="661"/>
      <c r="BC301" s="661"/>
      <c r="BD301" s="892"/>
      <c r="BE301" s="661"/>
      <c r="BF301" s="661"/>
      <c r="BG301" s="746"/>
      <c r="BH301" s="746"/>
      <c r="BI301" s="746"/>
      <c r="BJ301" s="746"/>
      <c r="BK301" s="746"/>
      <c r="BL301" s="746"/>
      <c r="BM301" s="746"/>
      <c r="BN301" s="746"/>
      <c r="BO301" s="892" t="str">
        <f t="shared" si="493"/>
        <v>Yes</v>
      </c>
      <c r="BP301" s="892" t="str">
        <f t="shared" si="493"/>
        <v>Yes</v>
      </c>
      <c r="BQ301" s="892" t="str">
        <f t="shared" si="493"/>
        <v>Yes</v>
      </c>
      <c r="BR301" s="892" t="str">
        <f t="shared" si="493"/>
        <v>Yes</v>
      </c>
      <c r="BS301" s="884">
        <f t="shared" si="397"/>
        <v>18845</v>
      </c>
      <c r="BT301" s="661">
        <f t="shared" si="494"/>
        <v>56.06261607853542</v>
      </c>
      <c r="BU301" s="661" t="str">
        <f t="shared" si="490"/>
        <v>GOOD</v>
      </c>
      <c r="BV301" s="1149">
        <f>$X301*_xlfn.XLOOKUP($I301, 'CALCS Aecom (July 25 2025)'!$F:$F, 'CALCS Aecom (July 25 2025)'!BZ:BZ)</f>
        <v>101290.65533980583</v>
      </c>
      <c r="BW301" s="1149">
        <f>$X301*_xlfn.XLOOKUP($I301, 'CALCS Aecom (July 25 2025)'!$F:$F, 'CALCS Aecom (July 25 2025)'!CC:CC)</f>
        <v>3846.480582524272</v>
      </c>
      <c r="BX301" s="1149">
        <f>$X301*_xlfn.XLOOKUP($I301, 'CALCS Aecom (July 25 2025)'!$F:$F, 'CALCS Aecom (July 25 2025)'!CI:CI)</f>
        <v>10257.281553398057</v>
      </c>
      <c r="BY301" s="1149">
        <f>$X301*_xlfn.XLOOKUP($I301, 'CALCS Aecom (July 25 2025)'!$F:$F, 'CALCS Aecom (July 25 2025)'!BQ:BQ)</f>
        <v>12180.521844660194</v>
      </c>
      <c r="BZ301" s="1149">
        <f>$X301*_xlfn.XLOOKUP($I301, 'CALCS Aecom (July 25 2025)'!$F:$F, 'CALCS Aecom (July 25 2025)'!BV:BV)</f>
        <v>23719.963592233009</v>
      </c>
      <c r="CA301" s="1149">
        <f>$X301*_xlfn.XLOOKUP($I301, 'CALCS Aecom (July 25 2025)'!$F:$F, 'CALCS Aecom (July 25 2025)'!BR:BR)</f>
        <v>8334.0412621359228</v>
      </c>
      <c r="CB301" s="1149">
        <f>$X301*_xlfn.XLOOKUP($I301, 'CALCS Aecom (July 25 2025)'!$F:$F, 'CALCS Aecom (July 25 2025)'!CD:CD)</f>
        <v>641.08009708737859</v>
      </c>
      <c r="CC301" s="1149">
        <f>$X301*_xlfn.XLOOKUP($I301, 'CALCS Aecom (July 25 2025)'!$F:$F, 'CALCS Aecom (July 25 2025)'!BT:BT)</f>
        <v>8975.1213592232998</v>
      </c>
      <c r="CD301" s="1149">
        <f>$X301*_xlfn.XLOOKUP($I301, 'CALCS Aecom (July 25 2025)'!$F:$F, 'CALCS Aecom (July 25 2025)'!BU:BU)</f>
        <v>21796.723300970876</v>
      </c>
      <c r="CE301" s="1149">
        <f>$X301*_xlfn.XLOOKUP($I301, 'CALCS Aecom (July 25 2025)'!$F:$F, 'CALCS Aecom (July 25 2025)'!BW:BW)</f>
        <v>32695.084951456312</v>
      </c>
      <c r="CF301" s="1149">
        <f>$X301*_xlfn.XLOOKUP($I301, 'CALCS Aecom (July 25 2025)'!$F:$F, 'CALCS Aecom (July 25 2025)'!BS:BS)</f>
        <v>12821.601941747573</v>
      </c>
      <c r="CG301" s="1149">
        <f>$X301*_xlfn.XLOOKUP($I301, 'CALCS Aecom (July 25 2025)'!$F:$F, 'CALCS Aecom (July 25 2025)'!CE:CE)</f>
        <v>3846.480582524272</v>
      </c>
      <c r="CH301" s="1149">
        <f>$X301*_xlfn.XLOOKUP($I301, 'CALCS Aecom (July 25 2025)'!$F:$F, 'CALCS Aecom (July 25 2025)'!CJ:CJ)</f>
        <v>12821.601941747573</v>
      </c>
      <c r="CI301" s="1149">
        <f>$X301*_xlfn.XLOOKUP($I301, 'CALCS Aecom (July 25 2025)'!$F:$F, 'CALCS Aecom (July 25 2025)'!CB:CB)</f>
        <v>7692.961165048544</v>
      </c>
      <c r="CJ301" s="1149">
        <f>$X301*_xlfn.XLOOKUP($I301, 'CALCS Aecom (July 25 2025)'!$F:$F, 'CALCS Aecom (July 25 2025)'!CF:CF)</f>
        <v>3205.4004854368932</v>
      </c>
      <c r="CK301" s="1149">
        <f>$X301*_xlfn.XLOOKUP($I301, 'CALCS Aecom (July 25 2025)'!$F:$F, 'CALCS Aecom (July 25 2025)'!CG:CG)</f>
        <v>5128.6407766990287</v>
      </c>
      <c r="CL301" s="1149"/>
      <c r="CM301" s="898"/>
      <c r="CN301" s="898"/>
      <c r="CO301" s="898"/>
      <c r="CP301" s="898"/>
      <c r="CQ301" s="898"/>
      <c r="CR301" s="898"/>
      <c r="CS301" s="898"/>
      <c r="CT301" s="898"/>
      <c r="CU301" s="898"/>
      <c r="CV301" s="898"/>
      <c r="CW301" s="898"/>
      <c r="CX301" s="898"/>
      <c r="CY301" s="898"/>
      <c r="CZ301" s="898"/>
      <c r="DA301" s="898"/>
      <c r="DB301" s="898"/>
      <c r="DC301" s="898"/>
      <c r="DD301" s="898"/>
      <c r="DE301" s="898"/>
      <c r="DF301" s="898"/>
      <c r="DG301" s="898"/>
      <c r="DH301" s="898"/>
      <c r="DI301" s="1149">
        <f>$X301*_xlfn.XLOOKUP($I301, 'CALCS Aecom (July 25 2025)'!$F:$F, 'CALCS Aecom (July 25 2025)'!CA:CA)</f>
        <v>63466.929611650485</v>
      </c>
      <c r="DJ301" s="1149">
        <f>$X301*_xlfn.XLOOKUP($I301, 'CALCS Aecom (July 25 2025)'!$F:$F, 'CALCS Aecom (July 25 2025)'!BX:BX)</f>
        <v>196811.58980582524</v>
      </c>
      <c r="DK301" s="1149">
        <f>$X301*_xlfn.XLOOKUP($I301, 'CALCS Aecom (July 25 2025)'!$F:$F, 'CALCS Aecom (July 25 2025)'!BY:BY)</f>
        <v>150653.82281553396</v>
      </c>
      <c r="DL301" s="1149">
        <f>$X301*_xlfn.XLOOKUP($I301, 'CALCS Aecom (July 25 2025)'!$F:$F, 'CALCS Aecom (July 25 2025)'!CH:CH)</f>
        <v>376314.01699029125</v>
      </c>
      <c r="DM301" s="661">
        <f t="shared" si="402"/>
        <v>269253.64077669894</v>
      </c>
      <c r="DN301" s="898">
        <f t="shared" si="403"/>
        <v>787246.35922330094</v>
      </c>
      <c r="DO301" s="516">
        <f t="shared" si="404"/>
        <v>0</v>
      </c>
      <c r="DP301" s="898">
        <f t="shared" si="405"/>
        <v>0</v>
      </c>
      <c r="DQ301" s="522"/>
      <c r="DR301" s="860" t="s">
        <v>4327</v>
      </c>
      <c r="DS301" s="1221" t="s">
        <v>4248</v>
      </c>
      <c r="DT301" s="632"/>
    </row>
    <row r="302" spans="1:124" ht="256.5" x14ac:dyDescent="0.2">
      <c r="A302" s="484" t="str">
        <f t="shared" si="396"/>
        <v>A414 Dual Carriageway gap closure - Lamsey Street</v>
      </c>
      <c r="B302" s="1163">
        <v>299</v>
      </c>
      <c r="C302" s="1156" t="s">
        <v>4332</v>
      </c>
      <c r="D302" s="481" t="s">
        <v>2481</v>
      </c>
      <c r="E302" s="481" t="s">
        <v>53</v>
      </c>
      <c r="F302" s="481" t="s">
        <v>655</v>
      </c>
      <c r="G302" s="775" t="s">
        <v>900</v>
      </c>
      <c r="H302" s="855" t="s">
        <v>910</v>
      </c>
      <c r="I302" s="775" t="str">
        <f t="shared" si="444"/>
        <v>LS-35</v>
      </c>
      <c r="J302" s="855" t="s">
        <v>4333</v>
      </c>
      <c r="K302" s="664" t="s">
        <v>3104</v>
      </c>
      <c r="L302" s="852" t="s">
        <v>4286</v>
      </c>
      <c r="M302" s="657" t="s">
        <v>2996</v>
      </c>
      <c r="N302" s="775" t="s">
        <v>81</v>
      </c>
      <c r="O302" s="664" t="s">
        <v>4287</v>
      </c>
      <c r="P302" s="657" t="s">
        <v>61</v>
      </c>
      <c r="Q302" s="852" t="s">
        <v>122</v>
      </c>
      <c r="R302" s="657"/>
      <c r="S302" s="657"/>
      <c r="T302" s="854">
        <v>69251</v>
      </c>
      <c r="U302" s="854"/>
      <c r="V302" s="657" t="s">
        <v>4245</v>
      </c>
      <c r="W302" s="642">
        <f t="shared" si="495"/>
        <v>0</v>
      </c>
      <c r="X302" s="745">
        <f t="shared" si="491"/>
        <v>69251</v>
      </c>
      <c r="Y302" s="745" t="s">
        <v>4260</v>
      </c>
      <c r="Z302" s="745" t="str">
        <f>_xlfn.XLOOKUP(I302, 'CALCS Aecom (July 25 2025)'!F:F, 'CALCS Aecom (July 25 2025)'!W:W)</f>
        <v>Mutliple Scenario 2 (Step 5)</v>
      </c>
      <c r="AA302" s="650" t="s">
        <v>65</v>
      </c>
      <c r="AB302" s="713" t="str">
        <f t="shared" si="492"/>
        <v>Yes</v>
      </c>
      <c r="AC302" s="713" t="str">
        <f t="shared" si="492"/>
        <v/>
      </c>
      <c r="AD302" s="713" t="str">
        <f t="shared" si="492"/>
        <v>Yes</v>
      </c>
      <c r="AE302" s="713" t="str">
        <f t="shared" si="492"/>
        <v/>
      </c>
      <c r="AF302" s="713" t="str">
        <f t="shared" si="492"/>
        <v/>
      </c>
      <c r="AG302" s="713" t="str">
        <f t="shared" si="492"/>
        <v>Yes</v>
      </c>
      <c r="AH302" s="713" t="str">
        <f t="shared" si="492"/>
        <v>Yes</v>
      </c>
      <c r="AI302" s="713" t="str">
        <f t="shared" si="492"/>
        <v>Yes</v>
      </c>
      <c r="AJ302" s="713" t="str">
        <f t="shared" si="492"/>
        <v>Yes</v>
      </c>
      <c r="AK302" s="713" t="str">
        <f t="shared" si="492"/>
        <v>Yes</v>
      </c>
      <c r="AL302" s="713" t="str">
        <f t="shared" si="492"/>
        <v>Yes</v>
      </c>
      <c r="AM302" s="713" t="str">
        <f t="shared" si="492"/>
        <v/>
      </c>
      <c r="AN302" s="713" t="str">
        <f t="shared" si="492"/>
        <v>Yes</v>
      </c>
      <c r="AO302" s="713" t="str">
        <f t="shared" si="492"/>
        <v/>
      </c>
      <c r="AP302" s="713" t="str">
        <f t="shared" si="492"/>
        <v/>
      </c>
      <c r="AQ302" s="713" t="str">
        <f t="shared" si="492"/>
        <v>Yes</v>
      </c>
      <c r="AR302" s="713" t="str">
        <f>IF(CL302&gt;0, "Yes", "")</f>
        <v/>
      </c>
      <c r="AS302" s="661"/>
      <c r="AT302" s="661"/>
      <c r="AU302" s="661"/>
      <c r="AV302" s="661"/>
      <c r="AW302" s="661"/>
      <c r="AX302" s="661"/>
      <c r="AY302" s="661"/>
      <c r="AZ302" s="661"/>
      <c r="BA302" s="661"/>
      <c r="BB302" s="661"/>
      <c r="BC302" s="661"/>
      <c r="BD302" s="661"/>
      <c r="BE302" s="661"/>
      <c r="BF302" s="661"/>
      <c r="BG302" s="746"/>
      <c r="BH302" s="746"/>
      <c r="BI302" s="746"/>
      <c r="BJ302" s="746"/>
      <c r="BK302" s="746"/>
      <c r="BL302" s="746"/>
      <c r="BM302" s="746"/>
      <c r="BN302" s="746"/>
      <c r="BO302" s="892" t="str">
        <f t="shared" si="493"/>
        <v>Yes</v>
      </c>
      <c r="BP302" s="892" t="str">
        <f t="shared" si="493"/>
        <v>Yes</v>
      </c>
      <c r="BQ302" s="892" t="str">
        <f t="shared" si="493"/>
        <v>Yes</v>
      </c>
      <c r="BR302" s="892" t="str">
        <f t="shared" si="493"/>
        <v>Yes</v>
      </c>
      <c r="BS302" s="884">
        <f t="shared" si="397"/>
        <v>17155</v>
      </c>
      <c r="BT302" s="661">
        <f t="shared" si="494"/>
        <v>4.0367822792188868</v>
      </c>
      <c r="BU302" s="661" t="str">
        <f t="shared" si="490"/>
        <v>GOOD</v>
      </c>
      <c r="BV302" s="1149">
        <f>$X302*_xlfn.XLOOKUP($I302, 'CALCS Aecom (July 25 2025)'!$F:$F, 'CALCS Aecom (July 25 2025)'!BZ:BZ)</f>
        <v>2141.7835051546394</v>
      </c>
      <c r="BW302" s="1149">
        <f>$X302*_xlfn.XLOOKUP($I302, 'CALCS Aecom (July 25 2025)'!$F:$F, 'CALCS Aecom (July 25 2025)'!CC:CC)</f>
        <v>0</v>
      </c>
      <c r="BX302" s="1149">
        <f>$X302*_xlfn.XLOOKUP($I302, 'CALCS Aecom (July 25 2025)'!$F:$F, 'CALCS Aecom (July 25 2025)'!CI:CI)</f>
        <v>3093.6872852233678</v>
      </c>
      <c r="BY302" s="1149">
        <f>$X302*_xlfn.XLOOKUP($I302, 'CALCS Aecom (July 25 2025)'!$F:$F, 'CALCS Aecom (July 25 2025)'!BQ:BQ)</f>
        <v>0</v>
      </c>
      <c r="BZ302" s="1149">
        <f>$X302*_xlfn.XLOOKUP($I302, 'CALCS Aecom (July 25 2025)'!$F:$F, 'CALCS Aecom (July 25 2025)'!BV:BV)</f>
        <v>0</v>
      </c>
      <c r="CA302" s="1149">
        <f>$X302*_xlfn.XLOOKUP($I302, 'CALCS Aecom (July 25 2025)'!$F:$F, 'CALCS Aecom (July 25 2025)'!BR:BR)</f>
        <v>5949.3986254295532</v>
      </c>
      <c r="CB302" s="1149">
        <f>$X302*_xlfn.XLOOKUP($I302, 'CALCS Aecom (July 25 2025)'!$F:$F, 'CALCS Aecom (July 25 2025)'!CD:CD)</f>
        <v>713.92783505154637</v>
      </c>
      <c r="CC302" s="1149">
        <f>$X302*_xlfn.XLOOKUP($I302, 'CALCS Aecom (July 25 2025)'!$F:$F, 'CALCS Aecom (July 25 2025)'!BT:BT)</f>
        <v>5473.4467353951886</v>
      </c>
      <c r="CD302" s="1149">
        <f>$X302*_xlfn.XLOOKUP($I302, 'CALCS Aecom (July 25 2025)'!$F:$F, 'CALCS Aecom (July 25 2025)'!BU:BU)</f>
        <v>475.95189003436423</v>
      </c>
      <c r="CE302" s="1149">
        <f>$X302*_xlfn.XLOOKUP($I302, 'CALCS Aecom (July 25 2025)'!$F:$F, 'CALCS Aecom (July 25 2025)'!BW:BW)</f>
        <v>2141.7835051546394</v>
      </c>
      <c r="CF302" s="1149">
        <f>$X302*_xlfn.XLOOKUP($I302, 'CALCS Aecom (July 25 2025)'!$F:$F, 'CALCS Aecom (July 25 2025)'!BS:BS)</f>
        <v>3331.6632302405501</v>
      </c>
      <c r="CG302" s="1149">
        <f>$X302*_xlfn.XLOOKUP($I302, 'CALCS Aecom (July 25 2025)'!$F:$F, 'CALCS Aecom (July 25 2025)'!CE:CE)</f>
        <v>0</v>
      </c>
      <c r="CH302" s="1149">
        <f>$X302*_xlfn.XLOOKUP($I302, 'CALCS Aecom (July 25 2025)'!$F:$F, 'CALCS Aecom (July 25 2025)'!CJ:CJ)</f>
        <v>1903.8075601374569</v>
      </c>
      <c r="CI302" s="1149">
        <f>$X302*_xlfn.XLOOKUP($I302, 'CALCS Aecom (July 25 2025)'!$F:$F, 'CALCS Aecom (July 25 2025)'!CB:CB)</f>
        <v>0</v>
      </c>
      <c r="CJ302" s="1149">
        <f>$X302*_xlfn.XLOOKUP($I302, 'CALCS Aecom (July 25 2025)'!$F:$F, 'CALCS Aecom (July 25 2025)'!CF:CF)</f>
        <v>0</v>
      </c>
      <c r="CK302" s="1149">
        <f>$X302*_xlfn.XLOOKUP($I302, 'CALCS Aecom (July 25 2025)'!$F:$F, 'CALCS Aecom (July 25 2025)'!CG:CG)</f>
        <v>475.95189003436423</v>
      </c>
      <c r="CL302" s="1149"/>
      <c r="CM302" s="898"/>
      <c r="CN302" s="898"/>
      <c r="CO302" s="898"/>
      <c r="CP302" s="898"/>
      <c r="CQ302" s="898"/>
      <c r="CR302" s="898"/>
      <c r="CS302" s="898"/>
      <c r="CT302" s="898"/>
      <c r="CU302" s="898"/>
      <c r="CV302" s="898"/>
      <c r="CW302" s="898"/>
      <c r="CX302" s="898"/>
      <c r="CY302" s="898"/>
      <c r="CZ302" s="898"/>
      <c r="DA302" s="898"/>
      <c r="DB302" s="898"/>
      <c r="DC302" s="898"/>
      <c r="DD302" s="898"/>
      <c r="DE302" s="898"/>
      <c r="DF302" s="898"/>
      <c r="DG302" s="898"/>
      <c r="DH302" s="898"/>
      <c r="DI302" s="1149">
        <f>$X302*_xlfn.XLOOKUP($I302, 'CALCS Aecom (July 25 2025)'!$F:$F, 'CALCS Aecom (July 25 2025)'!CA:CA)</f>
        <v>237.97594501718211</v>
      </c>
      <c r="DJ302" s="1149">
        <f>$X302*_xlfn.XLOOKUP($I302, 'CALCS Aecom (July 25 2025)'!$F:$F, 'CALCS Aecom (July 25 2025)'!BX:BX)</f>
        <v>237.97594501718211</v>
      </c>
      <c r="DK302" s="1149">
        <f>$X302*_xlfn.XLOOKUP($I302, 'CALCS Aecom (July 25 2025)'!$F:$F, 'CALCS Aecom (July 25 2025)'!BY:BY)</f>
        <v>29271.041237113401</v>
      </c>
      <c r="DL302" s="1149">
        <f>$X302*_xlfn.XLOOKUP($I302, 'CALCS Aecom (July 25 2025)'!$F:$F, 'CALCS Aecom (July 25 2025)'!CH:CH)</f>
        <v>13802.604810996565</v>
      </c>
      <c r="DM302" s="661">
        <f t="shared" si="402"/>
        <v>25701.402061855671</v>
      </c>
      <c r="DN302" s="898">
        <f t="shared" si="403"/>
        <v>43549.597938144332</v>
      </c>
      <c r="DO302" s="516">
        <f t="shared" si="404"/>
        <v>0</v>
      </c>
      <c r="DP302" s="898">
        <f t="shared" si="405"/>
        <v>0</v>
      </c>
      <c r="DQ302" s="860" t="s">
        <v>4246</v>
      </c>
      <c r="DR302" s="860" t="s">
        <v>4261</v>
      </c>
      <c r="DS302" s="1221" t="s">
        <v>4265</v>
      </c>
      <c r="DT302" s="632"/>
    </row>
    <row r="303" spans="1:124" ht="285" x14ac:dyDescent="0.2">
      <c r="A303" s="484" t="str">
        <f t="shared" si="396"/>
        <v>A414 Dual Carriageway gap closure - Wood Crescent</v>
      </c>
      <c r="B303" s="1163">
        <v>300</v>
      </c>
      <c r="C303" s="1156" t="s">
        <v>4334</v>
      </c>
      <c r="D303" s="481" t="s">
        <v>2481</v>
      </c>
      <c r="E303" s="481" t="s">
        <v>53</v>
      </c>
      <c r="F303" s="481" t="s">
        <v>655</v>
      </c>
      <c r="G303" s="775" t="s">
        <v>900</v>
      </c>
      <c r="H303" s="855" t="s">
        <v>913</v>
      </c>
      <c r="I303" s="775" t="str">
        <f t="shared" si="444"/>
        <v>LS-36</v>
      </c>
      <c r="J303" s="855" t="s">
        <v>4335</v>
      </c>
      <c r="K303" s="664" t="s">
        <v>3104</v>
      </c>
      <c r="L303" s="852" t="s">
        <v>4336</v>
      </c>
      <c r="M303" s="657" t="s">
        <v>2996</v>
      </c>
      <c r="N303" s="775" t="s">
        <v>81</v>
      </c>
      <c r="O303" s="664" t="s">
        <v>4287</v>
      </c>
      <c r="P303" s="657" t="s">
        <v>61</v>
      </c>
      <c r="Q303" s="852" t="s">
        <v>122</v>
      </c>
      <c r="R303" s="657"/>
      <c r="S303" s="657"/>
      <c r="T303" s="854">
        <v>69251</v>
      </c>
      <c r="U303" s="854"/>
      <c r="V303" s="657" t="s">
        <v>4245</v>
      </c>
      <c r="W303" s="642">
        <f t="shared" si="495"/>
        <v>0</v>
      </c>
      <c r="X303" s="745">
        <f t="shared" si="491"/>
        <v>69251</v>
      </c>
      <c r="Y303" s="745" t="s">
        <v>4260</v>
      </c>
      <c r="Z303" s="745" t="str">
        <f>_xlfn.XLOOKUP(I303, 'CALCS Aecom (July 25 2025)'!F:F, 'CALCS Aecom (July 25 2025)'!W:W)</f>
        <v>Mutliple Scenario 2 (Step 5)</v>
      </c>
      <c r="AA303" s="650" t="s">
        <v>65</v>
      </c>
      <c r="AB303" s="713" t="str">
        <f t="shared" si="492"/>
        <v>Yes</v>
      </c>
      <c r="AC303" s="713" t="str">
        <f t="shared" si="492"/>
        <v>Yes</v>
      </c>
      <c r="AD303" s="713" t="str">
        <f t="shared" si="492"/>
        <v>Yes</v>
      </c>
      <c r="AE303" s="713" t="str">
        <f t="shared" si="492"/>
        <v>Yes</v>
      </c>
      <c r="AF303" s="713" t="str">
        <f t="shared" si="492"/>
        <v>Yes</v>
      </c>
      <c r="AG303" s="713" t="str">
        <f t="shared" si="492"/>
        <v>Yes</v>
      </c>
      <c r="AH303" s="713" t="str">
        <f t="shared" si="492"/>
        <v>Yes</v>
      </c>
      <c r="AI303" s="713" t="str">
        <f t="shared" si="492"/>
        <v>Yes</v>
      </c>
      <c r="AJ303" s="713" t="str">
        <f t="shared" si="492"/>
        <v>Yes</v>
      </c>
      <c r="AK303" s="713" t="str">
        <f t="shared" si="492"/>
        <v>Yes</v>
      </c>
      <c r="AL303" s="713" t="str">
        <f t="shared" si="492"/>
        <v>Yes</v>
      </c>
      <c r="AM303" s="713" t="str">
        <f t="shared" si="492"/>
        <v/>
      </c>
      <c r="AN303" s="713" t="str">
        <f t="shared" si="492"/>
        <v>Yes</v>
      </c>
      <c r="AO303" s="713" t="str">
        <f t="shared" si="492"/>
        <v/>
      </c>
      <c r="AP303" s="713" t="str">
        <f t="shared" si="492"/>
        <v/>
      </c>
      <c r="AQ303" s="713" t="str">
        <f t="shared" si="492"/>
        <v>Yes</v>
      </c>
      <c r="AR303" s="713" t="str">
        <f>IF(CL303&gt;0, "Yes", "")</f>
        <v/>
      </c>
      <c r="AS303" s="661"/>
      <c r="AT303" s="661"/>
      <c r="AU303" s="661"/>
      <c r="AV303" s="661"/>
      <c r="AW303" s="661"/>
      <c r="AX303" s="661"/>
      <c r="AY303" s="661"/>
      <c r="AZ303" s="661"/>
      <c r="BA303" s="661"/>
      <c r="BB303" s="661"/>
      <c r="BC303" s="661"/>
      <c r="BD303" s="661"/>
      <c r="BE303" s="661"/>
      <c r="BF303" s="661"/>
      <c r="BG303" s="746"/>
      <c r="BH303" s="746"/>
      <c r="BI303" s="746"/>
      <c r="BJ303" s="746"/>
      <c r="BK303" s="746"/>
      <c r="BL303" s="746"/>
      <c r="BM303" s="746"/>
      <c r="BN303" s="746"/>
      <c r="BO303" s="892" t="str">
        <f t="shared" si="493"/>
        <v>Yes</v>
      </c>
      <c r="BP303" s="892" t="str">
        <f t="shared" si="493"/>
        <v>Yes</v>
      </c>
      <c r="BQ303" s="892" t="str">
        <f t="shared" si="493"/>
        <v>Yes</v>
      </c>
      <c r="BR303" s="892" t="str">
        <f t="shared" si="493"/>
        <v>Yes</v>
      </c>
      <c r="BS303" s="884">
        <f t="shared" si="397"/>
        <v>18205</v>
      </c>
      <c r="BT303" s="661">
        <f t="shared" si="494"/>
        <v>3.8039549574292777</v>
      </c>
      <c r="BU303" s="661" t="str">
        <f t="shared" si="490"/>
        <v>GOOD</v>
      </c>
      <c r="BV303" s="1149">
        <f>$X303*_xlfn.XLOOKUP($I303, 'CALCS Aecom (July 25 2025)'!$F:$F, 'CALCS Aecom (July 25 2025)'!BZ:BZ)</f>
        <v>1918.793450881612</v>
      </c>
      <c r="BW303" s="1149">
        <f>$X303*_xlfn.XLOOKUP($I303, 'CALCS Aecom (July 25 2025)'!$F:$F, 'CALCS Aecom (July 25 2025)'!CC:CC)</f>
        <v>174.43576826196474</v>
      </c>
      <c r="BX303" s="1149">
        <f>$X303*_xlfn.XLOOKUP($I303, 'CALCS Aecom (July 25 2025)'!$F:$F, 'CALCS Aecom (July 25 2025)'!CI:CI)</f>
        <v>4012.0226700251892</v>
      </c>
      <c r="BY303" s="1149">
        <f>$X303*_xlfn.XLOOKUP($I303, 'CALCS Aecom (July 25 2025)'!$F:$F, 'CALCS Aecom (July 25 2025)'!BQ:BQ)</f>
        <v>5756.3803526448355</v>
      </c>
      <c r="BZ303" s="1149">
        <f>$X303*_xlfn.XLOOKUP($I303, 'CALCS Aecom (July 25 2025)'!$F:$F, 'CALCS Aecom (July 25 2025)'!BV:BV)</f>
        <v>8024.0453400503784</v>
      </c>
      <c r="CA303" s="1149">
        <f>$X303*_xlfn.XLOOKUP($I303, 'CALCS Aecom (July 25 2025)'!$F:$F, 'CALCS Aecom (July 25 2025)'!BR:BR)</f>
        <v>4360.8942065491183</v>
      </c>
      <c r="CB303" s="1149">
        <f>$X303*_xlfn.XLOOKUP($I303, 'CALCS Aecom (July 25 2025)'!$F:$F, 'CALCS Aecom (July 25 2025)'!CD:CD)</f>
        <v>523.30730478589419</v>
      </c>
      <c r="CC303" s="1149">
        <f>$X303*_xlfn.XLOOKUP($I303, 'CALCS Aecom (July 25 2025)'!$F:$F, 'CALCS Aecom (July 25 2025)'!BT:BT)</f>
        <v>4012.0226700251892</v>
      </c>
      <c r="CD303" s="1149">
        <f>$X303*_xlfn.XLOOKUP($I303, 'CALCS Aecom (July 25 2025)'!$F:$F, 'CALCS Aecom (July 25 2025)'!BU:BU)</f>
        <v>348.87153652392948</v>
      </c>
      <c r="CE303" s="1149">
        <f>$X303*_xlfn.XLOOKUP($I303, 'CALCS Aecom (July 25 2025)'!$F:$F, 'CALCS Aecom (July 25 2025)'!BW:BW)</f>
        <v>1569.9219143576825</v>
      </c>
      <c r="CF303" s="1149">
        <f>$X303*_xlfn.XLOOKUP($I303, 'CALCS Aecom (July 25 2025)'!$F:$F, 'CALCS Aecom (July 25 2025)'!BS:BS)</f>
        <v>4360.8942065491183</v>
      </c>
      <c r="CG303" s="1149">
        <f>$X303*_xlfn.XLOOKUP($I303, 'CALCS Aecom (July 25 2025)'!$F:$F, 'CALCS Aecom (July 25 2025)'!CE:CE)</f>
        <v>0</v>
      </c>
      <c r="CH303" s="1149">
        <f>$X303*_xlfn.XLOOKUP($I303, 'CALCS Aecom (July 25 2025)'!$F:$F, 'CALCS Aecom (July 25 2025)'!CJ:CJ)</f>
        <v>1395.4861460957179</v>
      </c>
      <c r="CI303" s="1149">
        <f>$X303*_xlfn.XLOOKUP($I303, 'CALCS Aecom (July 25 2025)'!$F:$F, 'CALCS Aecom (July 25 2025)'!CB:CB)</f>
        <v>0</v>
      </c>
      <c r="CJ303" s="1149">
        <f>$X303*_xlfn.XLOOKUP($I303, 'CALCS Aecom (July 25 2025)'!$F:$F, 'CALCS Aecom (July 25 2025)'!CF:CF)</f>
        <v>0</v>
      </c>
      <c r="CK303" s="1149">
        <f>$X303*_xlfn.XLOOKUP($I303, 'CALCS Aecom (July 25 2025)'!$F:$F, 'CALCS Aecom (July 25 2025)'!CG:CG)</f>
        <v>348.87153652392948</v>
      </c>
      <c r="CL303" s="1149"/>
      <c r="CM303" s="898"/>
      <c r="CN303" s="898"/>
      <c r="CO303" s="898"/>
      <c r="CP303" s="898"/>
      <c r="CQ303" s="898"/>
      <c r="CR303" s="898"/>
      <c r="CS303" s="898"/>
      <c r="CT303" s="898"/>
      <c r="CU303" s="898"/>
      <c r="CV303" s="898"/>
      <c r="CW303" s="898"/>
      <c r="CX303" s="898"/>
      <c r="CY303" s="898"/>
      <c r="CZ303" s="898"/>
      <c r="DA303" s="898"/>
      <c r="DB303" s="898"/>
      <c r="DC303" s="898"/>
      <c r="DD303" s="898"/>
      <c r="DE303" s="898"/>
      <c r="DF303" s="898"/>
      <c r="DG303" s="898"/>
      <c r="DH303" s="898"/>
      <c r="DI303" s="1149">
        <f>$X303*_xlfn.XLOOKUP($I303, 'CALCS Aecom (July 25 2025)'!$F:$F, 'CALCS Aecom (July 25 2025)'!CA:CA)</f>
        <v>174.43576826196474</v>
      </c>
      <c r="DJ303" s="1149">
        <f>$X303*_xlfn.XLOOKUP($I303, 'CALCS Aecom (July 25 2025)'!$F:$F, 'CALCS Aecom (July 25 2025)'!BX:BX)</f>
        <v>523.30730478589419</v>
      </c>
      <c r="DK303" s="1149">
        <f>$X303*_xlfn.XLOOKUP($I303, 'CALCS Aecom (July 25 2025)'!$F:$F, 'CALCS Aecom (July 25 2025)'!BY:BY)</f>
        <v>21455.599496221661</v>
      </c>
      <c r="DL303" s="1149">
        <f>$X303*_xlfn.XLOOKUP($I303, 'CALCS Aecom (July 25 2025)'!$F:$F, 'CALCS Aecom (July 25 2025)'!CH:CH)</f>
        <v>10291.710327455919</v>
      </c>
      <c r="DM303" s="661">
        <f t="shared" si="402"/>
        <v>36805.94710327455</v>
      </c>
      <c r="DN303" s="898">
        <f t="shared" si="403"/>
        <v>32445.052896725439</v>
      </c>
      <c r="DO303" s="516">
        <f t="shared" si="404"/>
        <v>0</v>
      </c>
      <c r="DP303" s="898">
        <f t="shared" si="405"/>
        <v>0</v>
      </c>
      <c r="DQ303" s="860" t="s">
        <v>4246</v>
      </c>
      <c r="DR303" s="860" t="s">
        <v>4261</v>
      </c>
      <c r="DS303" s="1221" t="s">
        <v>4265</v>
      </c>
      <c r="DT303" s="632"/>
    </row>
    <row r="304" spans="1:124" ht="285" x14ac:dyDescent="0.2">
      <c r="A304" s="484" t="str">
        <f t="shared" si="396"/>
        <v>A414 Dual Carriageway gap closure - St Albans Rd leading into Mariner Way &amp; Sandmere Close</v>
      </c>
      <c r="B304" s="1163">
        <v>301</v>
      </c>
      <c r="C304" s="1156" t="s">
        <v>4337</v>
      </c>
      <c r="D304" s="481" t="s">
        <v>2481</v>
      </c>
      <c r="E304" s="481" t="s">
        <v>53</v>
      </c>
      <c r="F304" s="481" t="s">
        <v>655</v>
      </c>
      <c r="G304" s="775" t="s">
        <v>900</v>
      </c>
      <c r="H304" s="855" t="s">
        <v>914</v>
      </c>
      <c r="I304" s="775" t="str">
        <f t="shared" si="444"/>
        <v>LS-37</v>
      </c>
      <c r="J304" s="855" t="s">
        <v>4338</v>
      </c>
      <c r="K304" s="664" t="s">
        <v>3104</v>
      </c>
      <c r="L304" s="852" t="s">
        <v>4339</v>
      </c>
      <c r="M304" s="657" t="s">
        <v>2996</v>
      </c>
      <c r="N304" s="775" t="s">
        <v>81</v>
      </c>
      <c r="O304" s="664" t="s">
        <v>4287</v>
      </c>
      <c r="P304" s="657" t="s">
        <v>61</v>
      </c>
      <c r="Q304" s="852" t="s">
        <v>122</v>
      </c>
      <c r="R304" s="657"/>
      <c r="S304" s="657"/>
      <c r="T304" s="854">
        <v>67129</v>
      </c>
      <c r="U304" s="854"/>
      <c r="V304" s="657" t="s">
        <v>4245</v>
      </c>
      <c r="W304" s="642">
        <f t="shared" si="495"/>
        <v>0</v>
      </c>
      <c r="X304" s="745">
        <f t="shared" si="491"/>
        <v>67129</v>
      </c>
      <c r="Y304" s="745" t="s">
        <v>4260</v>
      </c>
      <c r="Z304" s="745" t="str">
        <f>_xlfn.XLOOKUP(I304, 'CALCS Aecom (July 25 2025)'!F:F, 'CALCS Aecom (July 25 2025)'!W:W)</f>
        <v>Mutliple Scenario 2 (Step 5)</v>
      </c>
      <c r="AA304" s="650" t="s">
        <v>65</v>
      </c>
      <c r="AB304" s="713" t="str">
        <f t="shared" si="492"/>
        <v>Yes</v>
      </c>
      <c r="AC304" s="713" t="str">
        <f t="shared" si="492"/>
        <v>Yes</v>
      </c>
      <c r="AD304" s="713" t="str">
        <f t="shared" si="492"/>
        <v>Yes</v>
      </c>
      <c r="AE304" s="713" t="str">
        <f t="shared" si="492"/>
        <v>Yes</v>
      </c>
      <c r="AF304" s="713" t="str">
        <f t="shared" si="492"/>
        <v>Yes</v>
      </c>
      <c r="AG304" s="713" t="str">
        <f t="shared" si="492"/>
        <v>Yes</v>
      </c>
      <c r="AH304" s="713" t="str">
        <f t="shared" si="492"/>
        <v>Yes</v>
      </c>
      <c r="AI304" s="713" t="str">
        <f t="shared" si="492"/>
        <v>Yes</v>
      </c>
      <c r="AJ304" s="713" t="str">
        <f t="shared" si="492"/>
        <v>Yes</v>
      </c>
      <c r="AK304" s="713" t="str">
        <f t="shared" si="492"/>
        <v>Yes</v>
      </c>
      <c r="AL304" s="713" t="str">
        <f t="shared" si="492"/>
        <v>Yes</v>
      </c>
      <c r="AM304" s="713" t="str">
        <f t="shared" si="492"/>
        <v>Yes</v>
      </c>
      <c r="AN304" s="713" t="str">
        <f t="shared" si="492"/>
        <v/>
      </c>
      <c r="AO304" s="713" t="str">
        <f t="shared" si="492"/>
        <v>Yes</v>
      </c>
      <c r="AP304" s="713" t="str">
        <f t="shared" si="492"/>
        <v>Yes</v>
      </c>
      <c r="AQ304" s="713" t="str">
        <f t="shared" si="492"/>
        <v>Yes</v>
      </c>
      <c r="AR304" s="713" t="str">
        <f>IF(CL304&gt;0, "Yes", "")</f>
        <v/>
      </c>
      <c r="AS304" s="661"/>
      <c r="AT304" s="661"/>
      <c r="AU304" s="661"/>
      <c r="AV304" s="661"/>
      <c r="AW304" s="661"/>
      <c r="AX304" s="661"/>
      <c r="AY304" s="661"/>
      <c r="AZ304" s="661"/>
      <c r="BA304" s="661"/>
      <c r="BB304" s="661"/>
      <c r="BC304" s="661"/>
      <c r="BD304" s="661"/>
      <c r="BE304" s="661"/>
      <c r="BF304" s="661"/>
      <c r="BG304" s="746"/>
      <c r="BH304" s="746"/>
      <c r="BI304" s="746"/>
      <c r="BJ304" s="746"/>
      <c r="BK304" s="746"/>
      <c r="BL304" s="746"/>
      <c r="BM304" s="746"/>
      <c r="BN304" s="746"/>
      <c r="BO304" s="892" t="str">
        <f t="shared" si="493"/>
        <v/>
      </c>
      <c r="BP304" s="892" t="str">
        <f t="shared" si="493"/>
        <v>Yes</v>
      </c>
      <c r="BQ304" s="892" t="str">
        <f t="shared" si="493"/>
        <v>Yes</v>
      </c>
      <c r="BR304" s="892" t="str">
        <f t="shared" si="493"/>
        <v>Yes</v>
      </c>
      <c r="BS304" s="884">
        <f t="shared" si="397"/>
        <v>17111</v>
      </c>
      <c r="BT304" s="661">
        <f t="shared" si="494"/>
        <v>3.9231488516159194</v>
      </c>
      <c r="BU304" s="661" t="str">
        <f t="shared" si="490"/>
        <v>GOOD</v>
      </c>
      <c r="BV304" s="1149">
        <f>$X304*_xlfn.XLOOKUP($I304, 'CALCS Aecom (July 25 2025)'!$F:$F, 'CALCS Aecom (July 25 2025)'!BZ:BZ)</f>
        <v>6158.6238532110092</v>
      </c>
      <c r="BW304" s="1149">
        <f>$X304*_xlfn.XLOOKUP($I304, 'CALCS Aecom (July 25 2025)'!$F:$F, 'CALCS Aecom (July 25 2025)'!CC:CC)</f>
        <v>102.64373088685015</v>
      </c>
      <c r="BX304" s="1149">
        <f>$X304*_xlfn.XLOOKUP($I304, 'CALCS Aecom (July 25 2025)'!$F:$F, 'CALCS Aecom (July 25 2025)'!CI:CI)</f>
        <v>2155.5183486238534</v>
      </c>
      <c r="BY304" s="1149">
        <f>$X304*_xlfn.XLOOKUP($I304, 'CALCS Aecom (July 25 2025)'!$F:$F, 'CALCS Aecom (July 25 2025)'!BQ:BQ)</f>
        <v>2874.0244648318039</v>
      </c>
      <c r="BZ304" s="1149">
        <f>$X304*_xlfn.XLOOKUP($I304, 'CALCS Aecom (July 25 2025)'!$F:$F, 'CALCS Aecom (July 25 2025)'!BV:BV)</f>
        <v>4516.3241590214066</v>
      </c>
      <c r="CA304" s="1149">
        <f>$X304*_xlfn.XLOOKUP($I304, 'CALCS Aecom (July 25 2025)'!$F:$F, 'CALCS Aecom (July 25 2025)'!BR:BR)</f>
        <v>2258.1620795107033</v>
      </c>
      <c r="CB304" s="1149">
        <f>$X304*_xlfn.XLOOKUP($I304, 'CALCS Aecom (July 25 2025)'!$F:$F, 'CALCS Aecom (July 25 2025)'!CD:CD)</f>
        <v>205.2874617737003</v>
      </c>
      <c r="CC304" s="1149">
        <f>$X304*_xlfn.XLOOKUP($I304, 'CALCS Aecom (July 25 2025)'!$F:$F, 'CALCS Aecom (July 25 2025)'!BT:BT)</f>
        <v>2155.5183486238534</v>
      </c>
      <c r="CD304" s="1149">
        <f>$X304*_xlfn.XLOOKUP($I304, 'CALCS Aecom (July 25 2025)'!$F:$F, 'CALCS Aecom (July 25 2025)'!BU:BU)</f>
        <v>4105.7492354740061</v>
      </c>
      <c r="CE304" s="1149">
        <f>$X304*_xlfn.XLOOKUP($I304, 'CALCS Aecom (July 25 2025)'!$F:$F, 'CALCS Aecom (July 25 2025)'!BW:BW)</f>
        <v>6877.1299694189602</v>
      </c>
      <c r="CF304" s="1149">
        <f>$X304*_xlfn.XLOOKUP($I304, 'CALCS Aecom (July 25 2025)'!$F:$F, 'CALCS Aecom (July 25 2025)'!BS:BS)</f>
        <v>2463.4495412844039</v>
      </c>
      <c r="CG304" s="1149">
        <f>$X304*_xlfn.XLOOKUP($I304, 'CALCS Aecom (July 25 2025)'!$F:$F, 'CALCS Aecom (July 25 2025)'!CE:CE)</f>
        <v>307.93119266055049</v>
      </c>
      <c r="CH304" s="1149">
        <f>$X304*_xlfn.XLOOKUP($I304, 'CALCS Aecom (July 25 2025)'!$F:$F, 'CALCS Aecom (July 25 2025)'!CJ:CJ)</f>
        <v>0</v>
      </c>
      <c r="CI304" s="1149">
        <f>$X304*_xlfn.XLOOKUP($I304, 'CALCS Aecom (July 25 2025)'!$F:$F, 'CALCS Aecom (July 25 2025)'!CB:CB)</f>
        <v>615.86238532110099</v>
      </c>
      <c r="CJ304" s="1149">
        <f>$X304*_xlfn.XLOOKUP($I304, 'CALCS Aecom (July 25 2025)'!$F:$F, 'CALCS Aecom (July 25 2025)'!CF:CF)</f>
        <v>102.64373088685015</v>
      </c>
      <c r="CK304" s="1149">
        <f>$X304*_xlfn.XLOOKUP($I304, 'CALCS Aecom (July 25 2025)'!$F:$F, 'CALCS Aecom (July 25 2025)'!CG:CG)</f>
        <v>410.5749235474006</v>
      </c>
      <c r="CL304" s="1149"/>
      <c r="CM304" s="898"/>
      <c r="CN304" s="898"/>
      <c r="CO304" s="898"/>
      <c r="CP304" s="898"/>
      <c r="CQ304" s="898"/>
      <c r="CR304" s="898"/>
      <c r="CS304" s="898"/>
      <c r="CT304" s="898"/>
      <c r="CU304" s="898"/>
      <c r="CV304" s="898"/>
      <c r="CW304" s="898"/>
      <c r="CX304" s="898"/>
      <c r="CY304" s="898"/>
      <c r="CZ304" s="898"/>
      <c r="DA304" s="898"/>
      <c r="DB304" s="898"/>
      <c r="DC304" s="898"/>
      <c r="DD304" s="898"/>
      <c r="DE304" s="898"/>
      <c r="DF304" s="898"/>
      <c r="DG304" s="898"/>
      <c r="DH304" s="898"/>
      <c r="DI304" s="1149">
        <f>$X304*_xlfn.XLOOKUP($I304, 'CALCS Aecom (July 25 2025)'!$F:$F, 'CALCS Aecom (July 25 2025)'!CA:CA)</f>
        <v>0</v>
      </c>
      <c r="DJ304" s="1149">
        <f>$X304*_xlfn.XLOOKUP($I304, 'CALCS Aecom (July 25 2025)'!$F:$F, 'CALCS Aecom (July 25 2025)'!BX:BX)</f>
        <v>102.64373088685015</v>
      </c>
      <c r="DK304" s="1149">
        <f>$X304*_xlfn.XLOOKUP($I304, 'CALCS Aecom (July 25 2025)'!$F:$F, 'CALCS Aecom (July 25 2025)'!BY:BY)</f>
        <v>21863.114678899081</v>
      </c>
      <c r="DL304" s="1149">
        <f>$X304*_xlfn.XLOOKUP($I304, 'CALCS Aecom (July 25 2025)'!$F:$F, 'CALCS Aecom (July 25 2025)'!CH:CH)</f>
        <v>9853.7981651376158</v>
      </c>
      <c r="DM304" s="661">
        <f t="shared" si="402"/>
        <v>35309.443425076453</v>
      </c>
      <c r="DN304" s="898">
        <f t="shared" si="403"/>
        <v>31819.556574923547</v>
      </c>
      <c r="DO304" s="516">
        <f t="shared" si="404"/>
        <v>0</v>
      </c>
      <c r="DP304" s="898">
        <f t="shared" si="405"/>
        <v>0</v>
      </c>
      <c r="DQ304" s="860" t="s">
        <v>4246</v>
      </c>
      <c r="DR304" s="860" t="s">
        <v>4261</v>
      </c>
      <c r="DS304" s="1221" t="s">
        <v>4265</v>
      </c>
      <c r="DT304" s="632"/>
    </row>
    <row r="305" spans="1:124" ht="285" x14ac:dyDescent="0.2">
      <c r="A305" s="484" t="str">
        <f t="shared" si="396"/>
        <v>A414 Dual Carriageway gap closure - Rant Meadow</v>
      </c>
      <c r="B305" s="1163">
        <v>302</v>
      </c>
      <c r="C305" s="1156" t="s">
        <v>4340</v>
      </c>
      <c r="D305" s="481" t="s">
        <v>2481</v>
      </c>
      <c r="E305" s="481" t="s">
        <v>53</v>
      </c>
      <c r="F305" s="481" t="s">
        <v>655</v>
      </c>
      <c r="G305" s="775" t="s">
        <v>900</v>
      </c>
      <c r="H305" s="855" t="s">
        <v>915</v>
      </c>
      <c r="I305" s="775" t="str">
        <f t="shared" si="444"/>
        <v>LS-38</v>
      </c>
      <c r="J305" s="855" t="s">
        <v>4341</v>
      </c>
      <c r="K305" s="664" t="s">
        <v>3104</v>
      </c>
      <c r="L305" s="852" t="s">
        <v>4339</v>
      </c>
      <c r="M305" s="657" t="s">
        <v>2996</v>
      </c>
      <c r="N305" s="775" t="s">
        <v>81</v>
      </c>
      <c r="O305" s="664" t="s">
        <v>4287</v>
      </c>
      <c r="P305" s="657" t="s">
        <v>61</v>
      </c>
      <c r="Q305" s="852" t="s">
        <v>122</v>
      </c>
      <c r="R305" s="657"/>
      <c r="S305" s="657"/>
      <c r="T305" s="854">
        <v>69251</v>
      </c>
      <c r="U305" s="854"/>
      <c r="V305" s="657" t="s">
        <v>4245</v>
      </c>
      <c r="W305" s="642">
        <f t="shared" si="495"/>
        <v>0</v>
      </c>
      <c r="X305" s="745">
        <f t="shared" si="491"/>
        <v>69251</v>
      </c>
      <c r="Y305" s="745" t="s">
        <v>4260</v>
      </c>
      <c r="Z305" s="745" t="str">
        <f>_xlfn.XLOOKUP(I305, 'CALCS Aecom (July 25 2025)'!F:F, 'CALCS Aecom (July 25 2025)'!W:W)</f>
        <v>Mutliple Scenario 2 (Step 5)</v>
      </c>
      <c r="AA305" s="650" t="s">
        <v>65</v>
      </c>
      <c r="AB305" s="713" t="str">
        <f t="shared" si="492"/>
        <v>Yes</v>
      </c>
      <c r="AC305" s="713" t="str">
        <f t="shared" si="492"/>
        <v>Yes</v>
      </c>
      <c r="AD305" s="713" t="str">
        <f t="shared" si="492"/>
        <v>Yes</v>
      </c>
      <c r="AE305" s="713" t="str">
        <f t="shared" si="492"/>
        <v>Yes</v>
      </c>
      <c r="AF305" s="713" t="str">
        <f t="shared" si="492"/>
        <v>Yes</v>
      </c>
      <c r="AG305" s="713" t="str">
        <f t="shared" si="492"/>
        <v>Yes</v>
      </c>
      <c r="AH305" s="713" t="str">
        <f t="shared" si="492"/>
        <v>Yes</v>
      </c>
      <c r="AI305" s="713" t="str">
        <f t="shared" si="492"/>
        <v>Yes</v>
      </c>
      <c r="AJ305" s="713" t="str">
        <f t="shared" si="492"/>
        <v>Yes</v>
      </c>
      <c r="AK305" s="713" t="str">
        <f t="shared" si="492"/>
        <v>Yes</v>
      </c>
      <c r="AL305" s="713" t="str">
        <f t="shared" si="492"/>
        <v>Yes</v>
      </c>
      <c r="AM305" s="713" t="str">
        <f t="shared" si="492"/>
        <v>Yes</v>
      </c>
      <c r="AN305" s="713" t="str">
        <f t="shared" si="492"/>
        <v/>
      </c>
      <c r="AO305" s="713" t="str">
        <f t="shared" si="492"/>
        <v>Yes</v>
      </c>
      <c r="AP305" s="713" t="str">
        <f t="shared" si="492"/>
        <v>Yes</v>
      </c>
      <c r="AQ305" s="713" t="str">
        <f t="shared" si="492"/>
        <v>Yes</v>
      </c>
      <c r="AR305" s="713" t="str">
        <f>IF(CL305&gt;0, "Yes", "")</f>
        <v/>
      </c>
      <c r="AS305" s="892"/>
      <c r="AT305" s="892"/>
      <c r="AU305" s="892"/>
      <c r="AV305" s="661"/>
      <c r="AW305" s="892"/>
      <c r="AX305" s="892"/>
      <c r="AY305" s="892"/>
      <c r="AZ305" s="661"/>
      <c r="BA305" s="892"/>
      <c r="BB305" s="661"/>
      <c r="BC305" s="661"/>
      <c r="BD305" s="892"/>
      <c r="BE305" s="661"/>
      <c r="BF305" s="661"/>
      <c r="BG305" s="746"/>
      <c r="BH305" s="746"/>
      <c r="BI305" s="746"/>
      <c r="BJ305" s="746"/>
      <c r="BK305" s="746"/>
      <c r="BL305" s="746"/>
      <c r="BM305" s="746"/>
      <c r="BN305" s="746"/>
      <c r="BO305" s="892" t="str">
        <f t="shared" si="493"/>
        <v/>
      </c>
      <c r="BP305" s="892" t="str">
        <f t="shared" si="493"/>
        <v>Yes</v>
      </c>
      <c r="BQ305" s="892" t="str">
        <f t="shared" si="493"/>
        <v>Yes</v>
      </c>
      <c r="BR305" s="892" t="str">
        <f t="shared" si="493"/>
        <v>Yes</v>
      </c>
      <c r="BS305" s="884">
        <f t="shared" si="397"/>
        <v>17111</v>
      </c>
      <c r="BT305" s="661">
        <f t="shared" si="494"/>
        <v>4.0471626439132722</v>
      </c>
      <c r="BU305" s="661" t="str">
        <f t="shared" si="490"/>
        <v>GOOD</v>
      </c>
      <c r="BV305" s="1149">
        <f>$X305*_xlfn.XLOOKUP($I305, 'CALCS Aecom (July 25 2025)'!$F:$F, 'CALCS Aecom (July 25 2025)'!BZ:BZ)</f>
        <v>6353.3027522935781</v>
      </c>
      <c r="BW305" s="1149">
        <f>$X305*_xlfn.XLOOKUP($I305, 'CALCS Aecom (July 25 2025)'!$F:$F, 'CALCS Aecom (July 25 2025)'!CC:CC)</f>
        <v>105.88837920489297</v>
      </c>
      <c r="BX305" s="1149">
        <f>$X305*_xlfn.XLOOKUP($I305, 'CALCS Aecom (July 25 2025)'!$F:$F, 'CALCS Aecom (July 25 2025)'!CI:CI)</f>
        <v>2223.6559633027523</v>
      </c>
      <c r="BY305" s="1149">
        <f>$X305*_xlfn.XLOOKUP($I305, 'CALCS Aecom (July 25 2025)'!$F:$F, 'CALCS Aecom (July 25 2025)'!BQ:BQ)</f>
        <v>2964.8746177370031</v>
      </c>
      <c r="BZ305" s="1149">
        <f>$X305*_xlfn.XLOOKUP($I305, 'CALCS Aecom (July 25 2025)'!$F:$F, 'CALCS Aecom (July 25 2025)'!BV:BV)</f>
        <v>4659.0886850152901</v>
      </c>
      <c r="CA305" s="1149">
        <f>$X305*_xlfn.XLOOKUP($I305, 'CALCS Aecom (July 25 2025)'!$F:$F, 'CALCS Aecom (July 25 2025)'!BR:BR)</f>
        <v>2329.5443425076451</v>
      </c>
      <c r="CB305" s="1149">
        <f>$X305*_xlfn.XLOOKUP($I305, 'CALCS Aecom (July 25 2025)'!$F:$F, 'CALCS Aecom (July 25 2025)'!CD:CD)</f>
        <v>211.77675840978594</v>
      </c>
      <c r="CC305" s="1149">
        <f>$X305*_xlfn.XLOOKUP($I305, 'CALCS Aecom (July 25 2025)'!$F:$F, 'CALCS Aecom (July 25 2025)'!BT:BT)</f>
        <v>2223.6559633027523</v>
      </c>
      <c r="CD305" s="1149">
        <f>$X305*_xlfn.XLOOKUP($I305, 'CALCS Aecom (July 25 2025)'!$F:$F, 'CALCS Aecom (July 25 2025)'!BU:BU)</f>
        <v>4235.5351681957181</v>
      </c>
      <c r="CE305" s="1149">
        <f>$X305*_xlfn.XLOOKUP($I305, 'CALCS Aecom (July 25 2025)'!$F:$F, 'CALCS Aecom (July 25 2025)'!BW:BW)</f>
        <v>7094.5214067278284</v>
      </c>
      <c r="CF305" s="1149">
        <f>$X305*_xlfn.XLOOKUP($I305, 'CALCS Aecom (July 25 2025)'!$F:$F, 'CALCS Aecom (July 25 2025)'!BS:BS)</f>
        <v>2541.3211009174315</v>
      </c>
      <c r="CG305" s="1149">
        <f>$X305*_xlfn.XLOOKUP($I305, 'CALCS Aecom (July 25 2025)'!$F:$F, 'CALCS Aecom (July 25 2025)'!CE:CE)</f>
        <v>317.66513761467894</v>
      </c>
      <c r="CH305" s="1149">
        <f>$X305*_xlfn.XLOOKUP($I305, 'CALCS Aecom (July 25 2025)'!$F:$F, 'CALCS Aecom (July 25 2025)'!CJ:CJ)</f>
        <v>0</v>
      </c>
      <c r="CI305" s="1149">
        <f>$X305*_xlfn.XLOOKUP($I305, 'CALCS Aecom (July 25 2025)'!$F:$F, 'CALCS Aecom (July 25 2025)'!CB:CB)</f>
        <v>635.33027522935788</v>
      </c>
      <c r="CJ305" s="1149">
        <f>$X305*_xlfn.XLOOKUP($I305, 'CALCS Aecom (July 25 2025)'!$F:$F, 'CALCS Aecom (July 25 2025)'!CF:CF)</f>
        <v>105.88837920489297</v>
      </c>
      <c r="CK305" s="1149">
        <f>$X305*_xlfn.XLOOKUP($I305, 'CALCS Aecom (July 25 2025)'!$F:$F, 'CALCS Aecom (July 25 2025)'!CG:CG)</f>
        <v>423.55351681957188</v>
      </c>
      <c r="CL305" s="1149"/>
      <c r="CM305" s="898"/>
      <c r="CN305" s="898"/>
      <c r="CO305" s="898"/>
      <c r="CP305" s="898"/>
      <c r="CQ305" s="898"/>
      <c r="CR305" s="898"/>
      <c r="CS305" s="898"/>
      <c r="CT305" s="898"/>
      <c r="CU305" s="898"/>
      <c r="CV305" s="898"/>
      <c r="CW305" s="898"/>
      <c r="CX305" s="898"/>
      <c r="CY305" s="898"/>
      <c r="CZ305" s="898"/>
      <c r="DA305" s="898"/>
      <c r="DB305" s="898"/>
      <c r="DC305" s="898"/>
      <c r="DD305" s="898"/>
      <c r="DE305" s="898"/>
      <c r="DF305" s="898"/>
      <c r="DG305" s="898"/>
      <c r="DH305" s="898"/>
      <c r="DI305" s="1149">
        <f>$X305*_xlfn.XLOOKUP($I305, 'CALCS Aecom (July 25 2025)'!$F:$F, 'CALCS Aecom (July 25 2025)'!CA:CA)</f>
        <v>0</v>
      </c>
      <c r="DJ305" s="1149">
        <f>$X305*_xlfn.XLOOKUP($I305, 'CALCS Aecom (July 25 2025)'!$F:$F, 'CALCS Aecom (July 25 2025)'!BX:BX)</f>
        <v>105.88837920489297</v>
      </c>
      <c r="DK305" s="1149">
        <f>$X305*_xlfn.XLOOKUP($I305, 'CALCS Aecom (July 25 2025)'!$F:$F, 'CALCS Aecom (July 25 2025)'!BY:BY)</f>
        <v>22554.224770642202</v>
      </c>
      <c r="DL305" s="1149">
        <f>$X305*_xlfn.XLOOKUP($I305, 'CALCS Aecom (July 25 2025)'!$F:$F, 'CALCS Aecom (July 25 2025)'!CH:CH)</f>
        <v>10165.284403669726</v>
      </c>
      <c r="DM305" s="661">
        <f t="shared" si="402"/>
        <v>36425.602446483179</v>
      </c>
      <c r="DN305" s="898">
        <f t="shared" si="403"/>
        <v>32825.397553516821</v>
      </c>
      <c r="DO305" s="516">
        <f t="shared" si="404"/>
        <v>0</v>
      </c>
      <c r="DP305" s="898">
        <f t="shared" si="405"/>
        <v>0</v>
      </c>
      <c r="DQ305" s="860" t="s">
        <v>4246</v>
      </c>
      <c r="DR305" s="860" t="s">
        <v>4261</v>
      </c>
      <c r="DS305" s="1221" t="s">
        <v>4265</v>
      </c>
      <c r="DT305" s="632"/>
    </row>
    <row r="306" spans="1:124" ht="60" x14ac:dyDescent="0.2">
      <c r="A306" s="484" t="str">
        <f t="shared" si="396"/>
        <v>Cherry Tree Lane Quietway</v>
      </c>
      <c r="B306" s="1163">
        <v>303</v>
      </c>
      <c r="C306" s="1156" t="s">
        <v>4342</v>
      </c>
      <c r="D306" s="481" t="s">
        <v>2481</v>
      </c>
      <c r="E306" s="481" t="s">
        <v>3415</v>
      </c>
      <c r="F306" s="481" t="s">
        <v>655</v>
      </c>
      <c r="G306" s="775" t="s">
        <v>900</v>
      </c>
      <c r="H306" s="855" t="s">
        <v>916</v>
      </c>
      <c r="I306" s="775" t="str">
        <f t="shared" si="444"/>
        <v>LS-42</v>
      </c>
      <c r="J306" s="673" t="s">
        <v>4343</v>
      </c>
      <c r="K306" s="664" t="s">
        <v>3104</v>
      </c>
      <c r="L306" s="775" t="s">
        <v>4344</v>
      </c>
      <c r="M306" s="775" t="s">
        <v>3325</v>
      </c>
      <c r="N306" s="775" t="s">
        <v>81</v>
      </c>
      <c r="O306" s="654" t="s">
        <v>3051</v>
      </c>
      <c r="P306" s="657" t="s">
        <v>61</v>
      </c>
      <c r="Q306" s="852" t="s">
        <v>122</v>
      </c>
      <c r="R306" s="657"/>
      <c r="S306" s="657"/>
      <c r="T306" s="853">
        <v>522073</v>
      </c>
      <c r="U306" s="854"/>
      <c r="V306" s="657" t="s">
        <v>4245</v>
      </c>
      <c r="W306" s="642">
        <f t="shared" si="495"/>
        <v>0</v>
      </c>
      <c r="X306" s="745">
        <f t="shared" si="491"/>
        <v>522073</v>
      </c>
      <c r="Y306" s="745" t="s">
        <v>3106</v>
      </c>
      <c r="Z306" s="745" t="str">
        <f>_xlfn.XLOOKUP(I306, 'CALCS Aecom (July 25 2025)'!F:F, 'CALCS Aecom (July 25 2025)'!W:W)</f>
        <v>Multiple Scenario 1 (Step 3)</v>
      </c>
      <c r="AA306" s="1330" t="s">
        <v>3220</v>
      </c>
      <c r="AB306" s="892"/>
      <c r="AC306" s="892"/>
      <c r="AD306" s="892"/>
      <c r="AE306" s="892"/>
      <c r="AF306" s="892"/>
      <c r="AG306" s="892"/>
      <c r="AH306" s="892"/>
      <c r="AI306" s="892"/>
      <c r="AJ306" s="892"/>
      <c r="AK306" s="892"/>
      <c r="AL306" s="892"/>
      <c r="AM306" s="892"/>
      <c r="AN306" s="892"/>
      <c r="AO306" s="892"/>
      <c r="AP306" s="892"/>
      <c r="AQ306" s="892"/>
      <c r="AR306" s="661"/>
      <c r="AS306" s="892"/>
      <c r="AT306" s="892"/>
      <c r="AU306" s="892"/>
      <c r="AV306" s="661"/>
      <c r="AW306" s="892"/>
      <c r="AX306" s="892"/>
      <c r="AY306" s="892"/>
      <c r="AZ306" s="661"/>
      <c r="BA306" s="892"/>
      <c r="BB306" s="661"/>
      <c r="BC306" s="661"/>
      <c r="BD306" s="892"/>
      <c r="BE306" s="661"/>
      <c r="BF306" s="661"/>
      <c r="BG306" s="746"/>
      <c r="BH306" s="746"/>
      <c r="BI306" s="746"/>
      <c r="BJ306" s="746"/>
      <c r="BK306" s="746"/>
      <c r="BL306" s="746"/>
      <c r="BM306" s="746"/>
      <c r="BN306" s="746"/>
      <c r="BO306" s="892"/>
      <c r="BP306" s="516" t="s">
        <v>66</v>
      </c>
      <c r="BQ306" s="516"/>
      <c r="BR306" s="516" t="s">
        <v>66</v>
      </c>
      <c r="BS306" s="884">
        <f t="shared" si="397"/>
        <v>4771</v>
      </c>
      <c r="BT306" s="661">
        <f t="shared" si="494"/>
        <v>109.42632571787885</v>
      </c>
      <c r="BU306" s="661"/>
      <c r="BV306" s="898" t="str">
        <f t="shared" ref="BV306:CE310" si="496">IF(AB306="yes",(AB$3*$BT306),"")</f>
        <v/>
      </c>
      <c r="BW306" s="898" t="str">
        <f t="shared" si="496"/>
        <v/>
      </c>
      <c r="BX306" s="898" t="str">
        <f t="shared" si="496"/>
        <v/>
      </c>
      <c r="BY306" s="898" t="str">
        <f t="shared" si="496"/>
        <v/>
      </c>
      <c r="BZ306" s="898" t="str">
        <f t="shared" si="496"/>
        <v/>
      </c>
      <c r="CA306" s="898" t="str">
        <f t="shared" si="496"/>
        <v/>
      </c>
      <c r="CB306" s="898" t="str">
        <f t="shared" si="496"/>
        <v/>
      </c>
      <c r="CC306" s="898" t="str">
        <f t="shared" si="496"/>
        <v/>
      </c>
      <c r="CD306" s="898" t="str">
        <f t="shared" si="496"/>
        <v/>
      </c>
      <c r="CE306" s="898" t="str">
        <f t="shared" si="496"/>
        <v/>
      </c>
      <c r="CF306" s="898" t="str">
        <f t="shared" ref="CF306:CO310" si="497">IF(AL306="yes",(AL$3*$BT306),"")</f>
        <v/>
      </c>
      <c r="CG306" s="898" t="str">
        <f t="shared" si="497"/>
        <v/>
      </c>
      <c r="CH306" s="898" t="str">
        <f t="shared" si="497"/>
        <v/>
      </c>
      <c r="CI306" s="898" t="str">
        <f t="shared" si="497"/>
        <v/>
      </c>
      <c r="CJ306" s="898" t="str">
        <f t="shared" si="497"/>
        <v/>
      </c>
      <c r="CK306" s="898" t="str">
        <f t="shared" si="497"/>
        <v/>
      </c>
      <c r="CL306" s="898" t="str">
        <f t="shared" si="497"/>
        <v/>
      </c>
      <c r="CM306" s="898" t="str">
        <f t="shared" si="497"/>
        <v/>
      </c>
      <c r="CN306" s="898" t="str">
        <f t="shared" si="497"/>
        <v/>
      </c>
      <c r="CO306" s="898" t="str">
        <f t="shared" si="497"/>
        <v/>
      </c>
      <c r="CP306" s="898" t="str">
        <f t="shared" ref="CP306:CY310" si="498">IF(AV306="yes",(AV$3*$BT306),"")</f>
        <v/>
      </c>
      <c r="CQ306" s="898" t="str">
        <f t="shared" si="498"/>
        <v/>
      </c>
      <c r="CR306" s="898" t="str">
        <f t="shared" si="498"/>
        <v/>
      </c>
      <c r="CS306" s="898" t="str">
        <f t="shared" si="498"/>
        <v/>
      </c>
      <c r="CT306" s="898" t="str">
        <f t="shared" si="498"/>
        <v/>
      </c>
      <c r="CU306" s="898" t="str">
        <f t="shared" si="498"/>
        <v/>
      </c>
      <c r="CV306" s="898" t="str">
        <f t="shared" si="498"/>
        <v/>
      </c>
      <c r="CW306" s="898" t="str">
        <f t="shared" si="498"/>
        <v/>
      </c>
      <c r="CX306" s="898" t="str">
        <f t="shared" si="498"/>
        <v/>
      </c>
      <c r="CY306" s="898" t="str">
        <f t="shared" si="498"/>
        <v/>
      </c>
      <c r="CZ306" s="898" t="str">
        <f t="shared" ref="CZ306:DI310" si="499">IF(BF306="yes",(BF$3*$BT306),"")</f>
        <v/>
      </c>
      <c r="DA306" s="898" t="str">
        <f t="shared" si="499"/>
        <v/>
      </c>
      <c r="DB306" s="898" t="str">
        <f t="shared" si="499"/>
        <v/>
      </c>
      <c r="DC306" s="898" t="str">
        <f t="shared" si="499"/>
        <v/>
      </c>
      <c r="DD306" s="898" t="str">
        <f t="shared" si="499"/>
        <v/>
      </c>
      <c r="DE306" s="898" t="str">
        <f t="shared" si="499"/>
        <v/>
      </c>
      <c r="DF306" s="898" t="str">
        <f t="shared" si="499"/>
        <v/>
      </c>
      <c r="DG306" s="898" t="str">
        <f t="shared" si="499"/>
        <v/>
      </c>
      <c r="DH306" s="898" t="str">
        <f t="shared" si="499"/>
        <v/>
      </c>
      <c r="DI306" s="898" t="str">
        <f t="shared" si="499"/>
        <v/>
      </c>
      <c r="DJ306" s="898">
        <f t="shared" ref="DJ306:DL310" si="500">IF(BP306="yes",(BP$3*$BT306),"")</f>
        <v>175082.12114860618</v>
      </c>
      <c r="DK306" s="898" t="str">
        <f t="shared" si="500"/>
        <v/>
      </c>
      <c r="DL306" s="898">
        <f t="shared" si="500"/>
        <v>346990.87885139382</v>
      </c>
      <c r="DM306" s="661">
        <f t="shared" si="402"/>
        <v>0</v>
      </c>
      <c r="DN306" s="898">
        <f t="shared" si="403"/>
        <v>522073</v>
      </c>
      <c r="DO306" s="516">
        <f t="shared" si="404"/>
        <v>0</v>
      </c>
      <c r="DP306" s="898">
        <f t="shared" si="405"/>
        <v>0</v>
      </c>
      <c r="DQ306" s="860" t="s">
        <v>4246</v>
      </c>
      <c r="DR306" s="1220"/>
      <c r="DS306" s="1221" t="s">
        <v>4248</v>
      </c>
      <c r="DT306" s="632"/>
    </row>
    <row r="307" spans="1:124" ht="57" x14ac:dyDescent="0.2">
      <c r="A307" s="484" t="str">
        <f t="shared" si="396"/>
        <v>Punchbowl Lane Quietway</v>
      </c>
      <c r="B307" s="1163">
        <v>304</v>
      </c>
      <c r="C307" s="1156" t="s">
        <v>4345</v>
      </c>
      <c r="D307" s="481" t="s">
        <v>2481</v>
      </c>
      <c r="E307" s="481" t="s">
        <v>1385</v>
      </c>
      <c r="F307" s="481" t="s">
        <v>655</v>
      </c>
      <c r="G307" s="775" t="s">
        <v>900</v>
      </c>
      <c r="H307" s="855" t="s">
        <v>918</v>
      </c>
      <c r="I307" s="775" t="str">
        <f t="shared" si="444"/>
        <v>LS-43</v>
      </c>
      <c r="J307" s="673" t="s">
        <v>4346</v>
      </c>
      <c r="K307" s="664" t="s">
        <v>3104</v>
      </c>
      <c r="L307" s="775" t="s">
        <v>4344</v>
      </c>
      <c r="M307" s="775" t="s">
        <v>3325</v>
      </c>
      <c r="N307" s="775" t="s">
        <v>81</v>
      </c>
      <c r="O307" s="654" t="s">
        <v>3051</v>
      </c>
      <c r="P307" s="657" t="s">
        <v>61</v>
      </c>
      <c r="Q307" s="852" t="s">
        <v>122</v>
      </c>
      <c r="R307" s="657"/>
      <c r="S307" s="657"/>
      <c r="T307" s="853">
        <v>506253</v>
      </c>
      <c r="U307" s="854"/>
      <c r="V307" s="657" t="s">
        <v>4245</v>
      </c>
      <c r="W307" s="642">
        <f t="shared" si="495"/>
        <v>0</v>
      </c>
      <c r="X307" s="745">
        <f t="shared" si="491"/>
        <v>506253</v>
      </c>
      <c r="Y307" s="745" t="s">
        <v>3106</v>
      </c>
      <c r="Z307" s="745" t="str">
        <f>_xlfn.XLOOKUP(I307, 'CALCS Aecom (July 25 2025)'!F:F, 'CALCS Aecom (July 25 2025)'!W:W)</f>
        <v>Multiple Scenario 1 (Step 3)</v>
      </c>
      <c r="AA307" s="1330" t="s">
        <v>3220</v>
      </c>
      <c r="AB307" s="892"/>
      <c r="AC307" s="892"/>
      <c r="AD307" s="892"/>
      <c r="AE307" s="892"/>
      <c r="AF307" s="892"/>
      <c r="AG307" s="892"/>
      <c r="AH307" s="892"/>
      <c r="AI307" s="892"/>
      <c r="AJ307" s="892"/>
      <c r="AK307" s="892"/>
      <c r="AL307" s="892"/>
      <c r="AM307" s="892"/>
      <c r="AN307" s="892"/>
      <c r="AO307" s="892"/>
      <c r="AP307" s="892"/>
      <c r="AQ307" s="892"/>
      <c r="AR307" s="661"/>
      <c r="AS307" s="892"/>
      <c r="AT307" s="892"/>
      <c r="AU307" s="892"/>
      <c r="AV307" s="661"/>
      <c r="AW307" s="892"/>
      <c r="AX307" s="892"/>
      <c r="AY307" s="892"/>
      <c r="AZ307" s="661"/>
      <c r="BA307" s="892"/>
      <c r="BB307" s="661"/>
      <c r="BC307" s="661"/>
      <c r="BD307" s="892"/>
      <c r="BE307" s="661"/>
      <c r="BF307" s="661"/>
      <c r="BG307" s="746"/>
      <c r="BH307" s="746"/>
      <c r="BI307" s="746"/>
      <c r="BJ307" s="746"/>
      <c r="BK307" s="746"/>
      <c r="BL307" s="746"/>
      <c r="BM307" s="746"/>
      <c r="BN307" s="746"/>
      <c r="BO307" s="892"/>
      <c r="BP307" s="516" t="s">
        <v>66</v>
      </c>
      <c r="BQ307" s="516"/>
      <c r="BR307" s="516" t="s">
        <v>66</v>
      </c>
      <c r="BS307" s="884">
        <f t="shared" si="397"/>
        <v>4771</v>
      </c>
      <c r="BT307" s="661">
        <f t="shared" si="494"/>
        <v>106.11045902326556</v>
      </c>
      <c r="BU307" s="661"/>
      <c r="BV307" s="898" t="str">
        <f t="shared" si="496"/>
        <v/>
      </c>
      <c r="BW307" s="898" t="str">
        <f t="shared" si="496"/>
        <v/>
      </c>
      <c r="BX307" s="898" t="str">
        <f t="shared" si="496"/>
        <v/>
      </c>
      <c r="BY307" s="898" t="str">
        <f t="shared" si="496"/>
        <v/>
      </c>
      <c r="BZ307" s="898" t="str">
        <f t="shared" si="496"/>
        <v/>
      </c>
      <c r="CA307" s="898" t="str">
        <f t="shared" si="496"/>
        <v/>
      </c>
      <c r="CB307" s="898" t="str">
        <f t="shared" si="496"/>
        <v/>
      </c>
      <c r="CC307" s="898" t="str">
        <f t="shared" si="496"/>
        <v/>
      </c>
      <c r="CD307" s="898" t="str">
        <f t="shared" si="496"/>
        <v/>
      </c>
      <c r="CE307" s="898" t="str">
        <f t="shared" si="496"/>
        <v/>
      </c>
      <c r="CF307" s="898" t="str">
        <f t="shared" si="497"/>
        <v/>
      </c>
      <c r="CG307" s="898" t="str">
        <f t="shared" si="497"/>
        <v/>
      </c>
      <c r="CH307" s="898" t="str">
        <f t="shared" si="497"/>
        <v/>
      </c>
      <c r="CI307" s="898" t="str">
        <f t="shared" si="497"/>
        <v/>
      </c>
      <c r="CJ307" s="898" t="str">
        <f t="shared" si="497"/>
        <v/>
      </c>
      <c r="CK307" s="898" t="str">
        <f t="shared" si="497"/>
        <v/>
      </c>
      <c r="CL307" s="898" t="str">
        <f t="shared" si="497"/>
        <v/>
      </c>
      <c r="CM307" s="898" t="str">
        <f t="shared" si="497"/>
        <v/>
      </c>
      <c r="CN307" s="898" t="str">
        <f t="shared" si="497"/>
        <v/>
      </c>
      <c r="CO307" s="898" t="str">
        <f t="shared" si="497"/>
        <v/>
      </c>
      <c r="CP307" s="898" t="str">
        <f t="shared" si="498"/>
        <v/>
      </c>
      <c r="CQ307" s="898" t="str">
        <f t="shared" si="498"/>
        <v/>
      </c>
      <c r="CR307" s="898" t="str">
        <f t="shared" si="498"/>
        <v/>
      </c>
      <c r="CS307" s="898" t="str">
        <f t="shared" si="498"/>
        <v/>
      </c>
      <c r="CT307" s="898" t="str">
        <f t="shared" si="498"/>
        <v/>
      </c>
      <c r="CU307" s="898" t="str">
        <f t="shared" si="498"/>
        <v/>
      </c>
      <c r="CV307" s="898" t="str">
        <f t="shared" si="498"/>
        <v/>
      </c>
      <c r="CW307" s="898" t="str">
        <f t="shared" si="498"/>
        <v/>
      </c>
      <c r="CX307" s="898" t="str">
        <f t="shared" si="498"/>
        <v/>
      </c>
      <c r="CY307" s="898" t="str">
        <f t="shared" si="498"/>
        <v/>
      </c>
      <c r="CZ307" s="898" t="str">
        <f t="shared" si="499"/>
        <v/>
      </c>
      <c r="DA307" s="898" t="str">
        <f t="shared" si="499"/>
        <v/>
      </c>
      <c r="DB307" s="898" t="str">
        <f t="shared" si="499"/>
        <v/>
      </c>
      <c r="DC307" s="898" t="str">
        <f t="shared" si="499"/>
        <v/>
      </c>
      <c r="DD307" s="898" t="str">
        <f t="shared" si="499"/>
        <v/>
      </c>
      <c r="DE307" s="898" t="str">
        <f t="shared" si="499"/>
        <v/>
      </c>
      <c r="DF307" s="898" t="str">
        <f t="shared" si="499"/>
        <v/>
      </c>
      <c r="DG307" s="898" t="str">
        <f t="shared" si="499"/>
        <v/>
      </c>
      <c r="DH307" s="898" t="str">
        <f t="shared" si="499"/>
        <v/>
      </c>
      <c r="DI307" s="898" t="str">
        <f t="shared" si="499"/>
        <v/>
      </c>
      <c r="DJ307" s="898">
        <f t="shared" si="500"/>
        <v>169776.73443722489</v>
      </c>
      <c r="DK307" s="898" t="str">
        <f t="shared" si="500"/>
        <v/>
      </c>
      <c r="DL307" s="898">
        <f t="shared" si="500"/>
        <v>336476.26556277508</v>
      </c>
      <c r="DM307" s="661">
        <f t="shared" si="402"/>
        <v>0</v>
      </c>
      <c r="DN307" s="898">
        <f t="shared" si="403"/>
        <v>506253</v>
      </c>
      <c r="DO307" s="516">
        <f t="shared" si="404"/>
        <v>0</v>
      </c>
      <c r="DP307" s="898">
        <f t="shared" si="405"/>
        <v>0</v>
      </c>
      <c r="DQ307" s="860" t="s">
        <v>4246</v>
      </c>
      <c r="DR307" s="1220"/>
      <c r="DS307" s="1221" t="s">
        <v>4248</v>
      </c>
      <c r="DT307" s="632"/>
    </row>
    <row r="308" spans="1:124" ht="57" x14ac:dyDescent="0.2">
      <c r="A308" s="484" t="str">
        <f t="shared" si="396"/>
        <v>Hogg End Lane Quietway</v>
      </c>
      <c r="B308" s="1163">
        <v>305</v>
      </c>
      <c r="C308" s="1156" t="s">
        <v>4347</v>
      </c>
      <c r="D308" s="481" t="s">
        <v>2481</v>
      </c>
      <c r="E308" s="511" t="s">
        <v>1385</v>
      </c>
      <c r="F308" s="481" t="s">
        <v>655</v>
      </c>
      <c r="G308" s="775" t="s">
        <v>900</v>
      </c>
      <c r="H308" s="855" t="s">
        <v>920</v>
      </c>
      <c r="I308" s="775" t="str">
        <f t="shared" si="444"/>
        <v>LS-44</v>
      </c>
      <c r="J308" s="673" t="s">
        <v>4348</v>
      </c>
      <c r="K308" s="664" t="s">
        <v>3104</v>
      </c>
      <c r="L308" s="515" t="s">
        <v>1378</v>
      </c>
      <c r="M308" s="775" t="s">
        <v>3325</v>
      </c>
      <c r="N308" s="775" t="s">
        <v>60</v>
      </c>
      <c r="O308" s="654" t="s">
        <v>525</v>
      </c>
      <c r="P308" s="657" t="s">
        <v>61</v>
      </c>
      <c r="Q308" s="852" t="s">
        <v>122</v>
      </c>
      <c r="R308" s="657"/>
      <c r="S308" s="657"/>
      <c r="T308" s="853">
        <v>506253</v>
      </c>
      <c r="U308" s="854"/>
      <c r="V308" s="657" t="s">
        <v>2989</v>
      </c>
      <c r="W308" s="642">
        <f t="shared" si="495"/>
        <v>0</v>
      </c>
      <c r="X308" s="745">
        <f t="shared" si="491"/>
        <v>506253</v>
      </c>
      <c r="Y308" s="745" t="s">
        <v>3106</v>
      </c>
      <c r="Z308" s="745" t="str">
        <f>_xlfn.XLOOKUP(I308, 'CALCS Aecom (July 25 2025)'!F:F, 'CALCS Aecom (July 25 2025)'!W:W)</f>
        <v>Single Scenario 1 (Step 1)</v>
      </c>
      <c r="AA308" s="1330" t="s">
        <v>3220</v>
      </c>
      <c r="AB308" s="892"/>
      <c r="AC308" s="892"/>
      <c r="AD308" s="892"/>
      <c r="AE308" s="892"/>
      <c r="AF308" s="892"/>
      <c r="AG308" s="892"/>
      <c r="AH308" s="892"/>
      <c r="AI308" s="892"/>
      <c r="AJ308" s="892"/>
      <c r="AK308" s="892"/>
      <c r="AL308" s="892"/>
      <c r="AM308" s="892"/>
      <c r="AN308" s="892"/>
      <c r="AO308" s="892"/>
      <c r="AP308" s="892"/>
      <c r="AQ308" s="892"/>
      <c r="AR308" s="661"/>
      <c r="AS308" s="892"/>
      <c r="AT308" s="892"/>
      <c r="AU308" s="892"/>
      <c r="AV308" s="661"/>
      <c r="AW308" s="892"/>
      <c r="AX308" s="892"/>
      <c r="AY308" s="892"/>
      <c r="AZ308" s="661"/>
      <c r="BA308" s="892"/>
      <c r="BB308" s="661"/>
      <c r="BC308" s="661"/>
      <c r="BD308" s="892"/>
      <c r="BE308" s="661"/>
      <c r="BF308" s="661"/>
      <c r="BG308" s="746"/>
      <c r="BH308" s="746"/>
      <c r="BI308" s="746"/>
      <c r="BJ308" s="746"/>
      <c r="BK308" s="746"/>
      <c r="BL308" s="746"/>
      <c r="BM308" s="746"/>
      <c r="BN308" s="746"/>
      <c r="BO308" s="516"/>
      <c r="BP308" s="516"/>
      <c r="BQ308" s="516"/>
      <c r="BR308" s="892" t="s">
        <v>66</v>
      </c>
      <c r="BS308" s="884">
        <f t="shared" si="397"/>
        <v>3171</v>
      </c>
      <c r="BT308" s="661">
        <f t="shared" si="494"/>
        <v>159.65089877010408</v>
      </c>
      <c r="BU308" s="661"/>
      <c r="BV308" s="898" t="str">
        <f t="shared" si="496"/>
        <v/>
      </c>
      <c r="BW308" s="898" t="str">
        <f t="shared" si="496"/>
        <v/>
      </c>
      <c r="BX308" s="898" t="str">
        <f t="shared" si="496"/>
        <v/>
      </c>
      <c r="BY308" s="898" t="str">
        <f t="shared" si="496"/>
        <v/>
      </c>
      <c r="BZ308" s="898" t="str">
        <f t="shared" si="496"/>
        <v/>
      </c>
      <c r="CA308" s="898" t="str">
        <f t="shared" si="496"/>
        <v/>
      </c>
      <c r="CB308" s="898" t="str">
        <f t="shared" si="496"/>
        <v/>
      </c>
      <c r="CC308" s="898" t="str">
        <f t="shared" si="496"/>
        <v/>
      </c>
      <c r="CD308" s="898" t="str">
        <f t="shared" si="496"/>
        <v/>
      </c>
      <c r="CE308" s="898" t="str">
        <f t="shared" si="496"/>
        <v/>
      </c>
      <c r="CF308" s="898" t="str">
        <f t="shared" si="497"/>
        <v/>
      </c>
      <c r="CG308" s="898" t="str">
        <f t="shared" si="497"/>
        <v/>
      </c>
      <c r="CH308" s="898" t="str">
        <f t="shared" si="497"/>
        <v/>
      </c>
      <c r="CI308" s="898" t="str">
        <f t="shared" si="497"/>
        <v/>
      </c>
      <c r="CJ308" s="898" t="str">
        <f t="shared" si="497"/>
        <v/>
      </c>
      <c r="CK308" s="898" t="str">
        <f t="shared" si="497"/>
        <v/>
      </c>
      <c r="CL308" s="898" t="str">
        <f t="shared" si="497"/>
        <v/>
      </c>
      <c r="CM308" s="898" t="str">
        <f t="shared" si="497"/>
        <v/>
      </c>
      <c r="CN308" s="898" t="str">
        <f t="shared" si="497"/>
        <v/>
      </c>
      <c r="CO308" s="898" t="str">
        <f t="shared" si="497"/>
        <v/>
      </c>
      <c r="CP308" s="898" t="str">
        <f t="shared" si="498"/>
        <v/>
      </c>
      <c r="CQ308" s="898" t="str">
        <f t="shared" si="498"/>
        <v/>
      </c>
      <c r="CR308" s="898" t="str">
        <f t="shared" si="498"/>
        <v/>
      </c>
      <c r="CS308" s="898" t="str">
        <f t="shared" si="498"/>
        <v/>
      </c>
      <c r="CT308" s="898" t="str">
        <f t="shared" si="498"/>
        <v/>
      </c>
      <c r="CU308" s="898" t="str">
        <f t="shared" si="498"/>
        <v/>
      </c>
      <c r="CV308" s="898" t="str">
        <f t="shared" si="498"/>
        <v/>
      </c>
      <c r="CW308" s="898" t="str">
        <f t="shared" si="498"/>
        <v/>
      </c>
      <c r="CX308" s="898" t="str">
        <f t="shared" si="498"/>
        <v/>
      </c>
      <c r="CY308" s="898" t="str">
        <f t="shared" si="498"/>
        <v/>
      </c>
      <c r="CZ308" s="898" t="str">
        <f t="shared" si="499"/>
        <v/>
      </c>
      <c r="DA308" s="898" t="str">
        <f t="shared" si="499"/>
        <v/>
      </c>
      <c r="DB308" s="898" t="str">
        <f t="shared" si="499"/>
        <v/>
      </c>
      <c r="DC308" s="898" t="str">
        <f t="shared" si="499"/>
        <v/>
      </c>
      <c r="DD308" s="898" t="str">
        <f t="shared" si="499"/>
        <v/>
      </c>
      <c r="DE308" s="898" t="str">
        <f t="shared" si="499"/>
        <v/>
      </c>
      <c r="DF308" s="898" t="str">
        <f t="shared" si="499"/>
        <v/>
      </c>
      <c r="DG308" s="898" t="str">
        <f t="shared" si="499"/>
        <v/>
      </c>
      <c r="DH308" s="898" t="str">
        <f t="shared" si="499"/>
        <v/>
      </c>
      <c r="DI308" s="898" t="str">
        <f t="shared" si="499"/>
        <v/>
      </c>
      <c r="DJ308" s="898" t="str">
        <f t="shared" si="500"/>
        <v/>
      </c>
      <c r="DK308" s="898" t="str">
        <f t="shared" si="500"/>
        <v/>
      </c>
      <c r="DL308" s="898">
        <f t="shared" si="500"/>
        <v>506253.00000000006</v>
      </c>
      <c r="DM308" s="661">
        <f t="shared" si="402"/>
        <v>0</v>
      </c>
      <c r="DN308" s="898">
        <f t="shared" si="403"/>
        <v>506253.00000000006</v>
      </c>
      <c r="DO308" s="516">
        <f t="shared" si="404"/>
        <v>0</v>
      </c>
      <c r="DP308" s="898">
        <f t="shared" si="405"/>
        <v>0</v>
      </c>
      <c r="DQ308" s="860" t="s">
        <v>4246</v>
      </c>
      <c r="DR308" s="1220"/>
      <c r="DS308" s="1221" t="s">
        <v>4248</v>
      </c>
      <c r="DT308" s="632"/>
    </row>
    <row r="309" spans="1:124" ht="85.5" x14ac:dyDescent="0.2">
      <c r="A309" s="484" t="str">
        <f t="shared" si="396"/>
        <v xml:space="preserve">Green Lane Quietway </v>
      </c>
      <c r="B309" s="1163">
        <v>306</v>
      </c>
      <c r="C309" s="1156" t="s">
        <v>4349</v>
      </c>
      <c r="D309" s="481" t="s">
        <v>2481</v>
      </c>
      <c r="E309" s="481" t="s">
        <v>53</v>
      </c>
      <c r="F309" s="481" t="s">
        <v>655</v>
      </c>
      <c r="G309" s="775" t="s">
        <v>900</v>
      </c>
      <c r="H309" s="855" t="s">
        <v>922</v>
      </c>
      <c r="I309" s="775" t="str">
        <f t="shared" si="444"/>
        <v>LS-45</v>
      </c>
      <c r="J309" s="673" t="s">
        <v>4350</v>
      </c>
      <c r="K309" s="664" t="s">
        <v>3104</v>
      </c>
      <c r="L309" s="515" t="s">
        <v>1377</v>
      </c>
      <c r="M309" s="775" t="s">
        <v>3325</v>
      </c>
      <c r="N309" s="775" t="s">
        <v>81</v>
      </c>
      <c r="O309" s="664" t="s">
        <v>525</v>
      </c>
      <c r="P309" s="657" t="s">
        <v>61</v>
      </c>
      <c r="Q309" s="852" t="s">
        <v>122</v>
      </c>
      <c r="R309" s="657"/>
      <c r="S309" s="657"/>
      <c r="T309" s="853">
        <v>7594</v>
      </c>
      <c r="U309" s="854"/>
      <c r="V309" s="657" t="s">
        <v>2989</v>
      </c>
      <c r="W309" s="642">
        <f t="shared" si="495"/>
        <v>0</v>
      </c>
      <c r="X309" s="745">
        <f t="shared" si="491"/>
        <v>7594</v>
      </c>
      <c r="Y309" s="745" t="s">
        <v>3106</v>
      </c>
      <c r="Z309" s="745" t="str">
        <f>_xlfn.XLOOKUP(I309, 'CALCS Aecom (July 25 2025)'!F:F, 'CALCS Aecom (July 25 2025)'!W:W)</f>
        <v>Single Scenario 2 (Step 2)</v>
      </c>
      <c r="AA309" s="1330" t="s">
        <v>3220</v>
      </c>
      <c r="AB309" s="892"/>
      <c r="AC309" s="892"/>
      <c r="AD309" s="892"/>
      <c r="AE309" s="892"/>
      <c r="AF309" s="892"/>
      <c r="AG309" s="892"/>
      <c r="AH309" s="892"/>
      <c r="AI309" s="892"/>
      <c r="AJ309" s="892"/>
      <c r="AK309" s="892"/>
      <c r="AL309" s="892"/>
      <c r="AM309" s="892"/>
      <c r="AN309" s="892"/>
      <c r="AO309" s="892"/>
      <c r="AP309" s="892"/>
      <c r="AQ309" s="892"/>
      <c r="AR309" s="661"/>
      <c r="AS309" s="892"/>
      <c r="AT309" s="892"/>
      <c r="AU309" s="892"/>
      <c r="AV309" s="661"/>
      <c r="AW309" s="892"/>
      <c r="AX309" s="892"/>
      <c r="AY309" s="892"/>
      <c r="AZ309" s="661"/>
      <c r="BA309" s="892"/>
      <c r="BB309" s="661"/>
      <c r="BC309" s="661"/>
      <c r="BD309" s="892"/>
      <c r="BE309" s="661"/>
      <c r="BF309" s="661"/>
      <c r="BG309" s="746"/>
      <c r="BH309" s="746"/>
      <c r="BI309" s="746"/>
      <c r="BJ309" s="746"/>
      <c r="BK309" s="746"/>
      <c r="BL309" s="746"/>
      <c r="BM309" s="746"/>
      <c r="BN309" s="746"/>
      <c r="BO309" s="892"/>
      <c r="BP309" s="516"/>
      <c r="BQ309" s="516" t="s">
        <v>66</v>
      </c>
      <c r="BR309" s="892"/>
      <c r="BS309" s="884">
        <f t="shared" si="397"/>
        <v>2400</v>
      </c>
      <c r="BT309" s="661">
        <f t="shared" si="494"/>
        <v>3.1641666666666666</v>
      </c>
      <c r="BU309" s="661" t="str">
        <f>IF(SUM(BV309:DL309)=X309, "GOOD", "ERROR")</f>
        <v>GOOD</v>
      </c>
      <c r="BV309" s="898" t="str">
        <f t="shared" si="496"/>
        <v/>
      </c>
      <c r="BW309" s="898" t="str">
        <f t="shared" si="496"/>
        <v/>
      </c>
      <c r="BX309" s="898" t="str">
        <f t="shared" si="496"/>
        <v/>
      </c>
      <c r="BY309" s="898" t="str">
        <f t="shared" si="496"/>
        <v/>
      </c>
      <c r="BZ309" s="898" t="str">
        <f t="shared" si="496"/>
        <v/>
      </c>
      <c r="CA309" s="898" t="str">
        <f t="shared" si="496"/>
        <v/>
      </c>
      <c r="CB309" s="898" t="str">
        <f t="shared" si="496"/>
        <v/>
      </c>
      <c r="CC309" s="898" t="str">
        <f t="shared" si="496"/>
        <v/>
      </c>
      <c r="CD309" s="898" t="str">
        <f t="shared" si="496"/>
        <v/>
      </c>
      <c r="CE309" s="898" t="str">
        <f t="shared" si="496"/>
        <v/>
      </c>
      <c r="CF309" s="898" t="str">
        <f t="shared" si="497"/>
        <v/>
      </c>
      <c r="CG309" s="898" t="str">
        <f t="shared" si="497"/>
        <v/>
      </c>
      <c r="CH309" s="898" t="str">
        <f t="shared" si="497"/>
        <v/>
      </c>
      <c r="CI309" s="898" t="str">
        <f t="shared" si="497"/>
        <v/>
      </c>
      <c r="CJ309" s="898" t="str">
        <f t="shared" si="497"/>
        <v/>
      </c>
      <c r="CK309" s="898" t="str">
        <f t="shared" si="497"/>
        <v/>
      </c>
      <c r="CL309" s="898" t="str">
        <f t="shared" si="497"/>
        <v/>
      </c>
      <c r="CM309" s="898" t="str">
        <f t="shared" si="497"/>
        <v/>
      </c>
      <c r="CN309" s="898" t="str">
        <f t="shared" si="497"/>
        <v/>
      </c>
      <c r="CO309" s="898" t="str">
        <f t="shared" si="497"/>
        <v/>
      </c>
      <c r="CP309" s="898" t="str">
        <f t="shared" si="498"/>
        <v/>
      </c>
      <c r="CQ309" s="898" t="str">
        <f t="shared" si="498"/>
        <v/>
      </c>
      <c r="CR309" s="898" t="str">
        <f t="shared" si="498"/>
        <v/>
      </c>
      <c r="CS309" s="898" t="str">
        <f t="shared" si="498"/>
        <v/>
      </c>
      <c r="CT309" s="898" t="str">
        <f t="shared" si="498"/>
        <v/>
      </c>
      <c r="CU309" s="898" t="str">
        <f t="shared" si="498"/>
        <v/>
      </c>
      <c r="CV309" s="898" t="str">
        <f t="shared" si="498"/>
        <v/>
      </c>
      <c r="CW309" s="898" t="str">
        <f t="shared" si="498"/>
        <v/>
      </c>
      <c r="CX309" s="898" t="str">
        <f t="shared" si="498"/>
        <v/>
      </c>
      <c r="CY309" s="898" t="str">
        <f t="shared" si="498"/>
        <v/>
      </c>
      <c r="CZ309" s="898" t="str">
        <f t="shared" si="499"/>
        <v/>
      </c>
      <c r="DA309" s="898" t="str">
        <f t="shared" si="499"/>
        <v/>
      </c>
      <c r="DB309" s="898" t="str">
        <f t="shared" si="499"/>
        <v/>
      </c>
      <c r="DC309" s="898" t="str">
        <f t="shared" si="499"/>
        <v/>
      </c>
      <c r="DD309" s="898" t="str">
        <f t="shared" si="499"/>
        <v/>
      </c>
      <c r="DE309" s="898" t="str">
        <f t="shared" si="499"/>
        <v/>
      </c>
      <c r="DF309" s="898" t="str">
        <f t="shared" si="499"/>
        <v/>
      </c>
      <c r="DG309" s="898" t="str">
        <f t="shared" si="499"/>
        <v/>
      </c>
      <c r="DH309" s="898" t="str">
        <f t="shared" si="499"/>
        <v/>
      </c>
      <c r="DI309" s="898" t="str">
        <f t="shared" si="499"/>
        <v/>
      </c>
      <c r="DJ309" s="898" t="str">
        <f t="shared" si="500"/>
        <v/>
      </c>
      <c r="DK309" s="898">
        <f t="shared" si="500"/>
        <v>7594</v>
      </c>
      <c r="DL309" s="898" t="str">
        <f t="shared" si="500"/>
        <v/>
      </c>
      <c r="DM309" s="661">
        <f t="shared" si="402"/>
        <v>0</v>
      </c>
      <c r="DN309" s="898">
        <f t="shared" si="403"/>
        <v>7594</v>
      </c>
      <c r="DO309" s="516">
        <f t="shared" si="404"/>
        <v>0</v>
      </c>
      <c r="DP309" s="898">
        <f t="shared" si="405"/>
        <v>0</v>
      </c>
      <c r="DQ309" s="860" t="s">
        <v>4246</v>
      </c>
      <c r="DR309" s="1220"/>
      <c r="DS309" s="1221" t="s">
        <v>4248</v>
      </c>
      <c r="DT309" s="632"/>
    </row>
    <row r="310" spans="1:124" ht="57" x14ac:dyDescent="0.2">
      <c r="A310" s="484" t="str">
        <f t="shared" si="396"/>
        <v xml:space="preserve">Bunkers Lane Quietway </v>
      </c>
      <c r="B310" s="1163">
        <v>307</v>
      </c>
      <c r="C310" s="1156" t="s">
        <v>4351</v>
      </c>
      <c r="D310" s="481" t="s">
        <v>2481</v>
      </c>
      <c r="E310" s="481" t="s">
        <v>53</v>
      </c>
      <c r="F310" s="481" t="s">
        <v>655</v>
      </c>
      <c r="G310" s="775" t="s">
        <v>900</v>
      </c>
      <c r="H310" s="855" t="s">
        <v>924</v>
      </c>
      <c r="I310" s="775" t="str">
        <f t="shared" si="444"/>
        <v>LS-46</v>
      </c>
      <c r="J310" s="673" t="s">
        <v>4352</v>
      </c>
      <c r="K310" s="664" t="s">
        <v>3104</v>
      </c>
      <c r="L310" s="515" t="s">
        <v>1377</v>
      </c>
      <c r="M310" s="657" t="s">
        <v>2996</v>
      </c>
      <c r="N310" s="775" t="s">
        <v>81</v>
      </c>
      <c r="O310" s="664" t="s">
        <v>525</v>
      </c>
      <c r="P310" s="657" t="s">
        <v>61</v>
      </c>
      <c r="Q310" s="852" t="s">
        <v>122</v>
      </c>
      <c r="R310" s="657"/>
      <c r="S310" s="657"/>
      <c r="T310" s="853">
        <v>334760</v>
      </c>
      <c r="U310" s="854"/>
      <c r="V310" s="657" t="s">
        <v>2989</v>
      </c>
      <c r="W310" s="642">
        <f t="shared" si="495"/>
        <v>0</v>
      </c>
      <c r="X310" s="745">
        <f t="shared" si="491"/>
        <v>334760</v>
      </c>
      <c r="Y310" s="745" t="s">
        <v>3106</v>
      </c>
      <c r="Z310" s="745" t="str">
        <f>_xlfn.XLOOKUP(I310, 'CALCS Aecom (July 25 2025)'!F:F, 'CALCS Aecom (July 25 2025)'!W:W)</f>
        <v>Single Scenario 2 (Step 2)</v>
      </c>
      <c r="AA310" s="1330" t="s">
        <v>3220</v>
      </c>
      <c r="AB310" s="892"/>
      <c r="AC310" s="892"/>
      <c r="AD310" s="892"/>
      <c r="AE310" s="892"/>
      <c r="AF310" s="892"/>
      <c r="AG310" s="892"/>
      <c r="AH310" s="892"/>
      <c r="AI310" s="892"/>
      <c r="AJ310" s="892"/>
      <c r="AK310" s="892"/>
      <c r="AL310" s="892"/>
      <c r="AM310" s="892"/>
      <c r="AN310" s="892"/>
      <c r="AO310" s="892"/>
      <c r="AP310" s="892"/>
      <c r="AQ310" s="892"/>
      <c r="AR310" s="661"/>
      <c r="AS310" s="892"/>
      <c r="AT310" s="892"/>
      <c r="AU310" s="892"/>
      <c r="AV310" s="661"/>
      <c r="AW310" s="892"/>
      <c r="AX310" s="892"/>
      <c r="AY310" s="892"/>
      <c r="AZ310" s="661"/>
      <c r="BA310" s="892"/>
      <c r="BB310" s="661"/>
      <c r="BC310" s="661"/>
      <c r="BD310" s="892"/>
      <c r="BE310" s="661"/>
      <c r="BF310" s="661"/>
      <c r="BG310" s="746"/>
      <c r="BH310" s="746"/>
      <c r="BI310" s="746"/>
      <c r="BJ310" s="746"/>
      <c r="BK310" s="746"/>
      <c r="BL310" s="746"/>
      <c r="BM310" s="746"/>
      <c r="BN310" s="746"/>
      <c r="BO310" s="892"/>
      <c r="BP310" s="892"/>
      <c r="BQ310" s="892" t="s">
        <v>66</v>
      </c>
      <c r="BR310" s="892"/>
      <c r="BS310" s="884">
        <f t="shared" si="397"/>
        <v>2400</v>
      </c>
      <c r="BT310" s="661">
        <f t="shared" si="494"/>
        <v>139.48333333333332</v>
      </c>
      <c r="BU310" s="661" t="str">
        <f>IF(SUM(BV310:DL310)=X310, "GOOD", "ERROR")</f>
        <v>GOOD</v>
      </c>
      <c r="BV310" s="898" t="str">
        <f t="shared" si="496"/>
        <v/>
      </c>
      <c r="BW310" s="898" t="str">
        <f t="shared" si="496"/>
        <v/>
      </c>
      <c r="BX310" s="898" t="str">
        <f t="shared" si="496"/>
        <v/>
      </c>
      <c r="BY310" s="898" t="str">
        <f t="shared" si="496"/>
        <v/>
      </c>
      <c r="BZ310" s="898" t="str">
        <f t="shared" si="496"/>
        <v/>
      </c>
      <c r="CA310" s="898" t="str">
        <f t="shared" si="496"/>
        <v/>
      </c>
      <c r="CB310" s="898" t="str">
        <f t="shared" si="496"/>
        <v/>
      </c>
      <c r="CC310" s="898" t="str">
        <f t="shared" si="496"/>
        <v/>
      </c>
      <c r="CD310" s="898" t="str">
        <f t="shared" si="496"/>
        <v/>
      </c>
      <c r="CE310" s="898" t="str">
        <f t="shared" si="496"/>
        <v/>
      </c>
      <c r="CF310" s="898" t="str">
        <f t="shared" si="497"/>
        <v/>
      </c>
      <c r="CG310" s="898" t="str">
        <f t="shared" si="497"/>
        <v/>
      </c>
      <c r="CH310" s="898" t="str">
        <f t="shared" si="497"/>
        <v/>
      </c>
      <c r="CI310" s="898" t="str">
        <f t="shared" si="497"/>
        <v/>
      </c>
      <c r="CJ310" s="898" t="str">
        <f t="shared" si="497"/>
        <v/>
      </c>
      <c r="CK310" s="898" t="str">
        <f t="shared" si="497"/>
        <v/>
      </c>
      <c r="CL310" s="898" t="str">
        <f t="shared" si="497"/>
        <v/>
      </c>
      <c r="CM310" s="898" t="str">
        <f t="shared" si="497"/>
        <v/>
      </c>
      <c r="CN310" s="898" t="str">
        <f t="shared" si="497"/>
        <v/>
      </c>
      <c r="CO310" s="898" t="str">
        <f t="shared" si="497"/>
        <v/>
      </c>
      <c r="CP310" s="898" t="str">
        <f t="shared" si="498"/>
        <v/>
      </c>
      <c r="CQ310" s="898" t="str">
        <f t="shared" si="498"/>
        <v/>
      </c>
      <c r="CR310" s="898" t="str">
        <f t="shared" si="498"/>
        <v/>
      </c>
      <c r="CS310" s="898" t="str">
        <f t="shared" si="498"/>
        <v/>
      </c>
      <c r="CT310" s="898" t="str">
        <f t="shared" si="498"/>
        <v/>
      </c>
      <c r="CU310" s="898" t="str">
        <f t="shared" si="498"/>
        <v/>
      </c>
      <c r="CV310" s="898" t="str">
        <f t="shared" si="498"/>
        <v/>
      </c>
      <c r="CW310" s="898" t="str">
        <f t="shared" si="498"/>
        <v/>
      </c>
      <c r="CX310" s="898" t="str">
        <f t="shared" si="498"/>
        <v/>
      </c>
      <c r="CY310" s="898" t="str">
        <f t="shared" si="498"/>
        <v/>
      </c>
      <c r="CZ310" s="898" t="str">
        <f t="shared" si="499"/>
        <v/>
      </c>
      <c r="DA310" s="898" t="str">
        <f t="shared" si="499"/>
        <v/>
      </c>
      <c r="DB310" s="898" t="str">
        <f t="shared" si="499"/>
        <v/>
      </c>
      <c r="DC310" s="898" t="str">
        <f t="shared" si="499"/>
        <v/>
      </c>
      <c r="DD310" s="898" t="str">
        <f t="shared" si="499"/>
        <v/>
      </c>
      <c r="DE310" s="898" t="str">
        <f t="shared" si="499"/>
        <v/>
      </c>
      <c r="DF310" s="898" t="str">
        <f t="shared" si="499"/>
        <v/>
      </c>
      <c r="DG310" s="898" t="str">
        <f t="shared" si="499"/>
        <v/>
      </c>
      <c r="DH310" s="898" t="str">
        <f t="shared" si="499"/>
        <v/>
      </c>
      <c r="DI310" s="942" t="str">
        <f t="shared" si="499"/>
        <v/>
      </c>
      <c r="DJ310" s="942" t="str">
        <f t="shared" si="500"/>
        <v/>
      </c>
      <c r="DK310" s="942">
        <f t="shared" si="500"/>
        <v>334759.99999999994</v>
      </c>
      <c r="DL310" s="942" t="str">
        <f t="shared" si="500"/>
        <v/>
      </c>
      <c r="DM310" s="661">
        <f t="shared" si="402"/>
        <v>0</v>
      </c>
      <c r="DN310" s="898">
        <f t="shared" si="403"/>
        <v>334759.99999999994</v>
      </c>
      <c r="DO310" s="516">
        <f t="shared" si="404"/>
        <v>0</v>
      </c>
      <c r="DP310" s="898">
        <f t="shared" si="405"/>
        <v>0</v>
      </c>
      <c r="DQ310" s="860" t="s">
        <v>4246</v>
      </c>
      <c r="DR310" s="610"/>
      <c r="DS310" s="1221" t="s">
        <v>4265</v>
      </c>
      <c r="DT310" s="632"/>
    </row>
    <row r="311" spans="1:124" ht="57" x14ac:dyDescent="0.2">
      <c r="A311" s="484" t="str">
        <f t="shared" si="396"/>
        <v>Blackwater Lane Quietway</v>
      </c>
      <c r="B311" s="1163">
        <v>308</v>
      </c>
      <c r="C311" s="1156" t="s">
        <v>4353</v>
      </c>
      <c r="D311" s="481" t="s">
        <v>2481</v>
      </c>
      <c r="E311" s="481" t="s">
        <v>1385</v>
      </c>
      <c r="F311" s="481" t="s">
        <v>655</v>
      </c>
      <c r="G311" s="775" t="s">
        <v>900</v>
      </c>
      <c r="H311" s="855" t="s">
        <v>926</v>
      </c>
      <c r="I311" s="775" t="str">
        <f t="shared" si="444"/>
        <v>LS-47</v>
      </c>
      <c r="J311" s="673" t="s">
        <v>4354</v>
      </c>
      <c r="K311" s="664" t="s">
        <v>3104</v>
      </c>
      <c r="L311" s="515" t="s">
        <v>1377</v>
      </c>
      <c r="M311" s="713" t="s">
        <v>2996</v>
      </c>
      <c r="N311" s="775" t="s">
        <v>81</v>
      </c>
      <c r="O311" s="654" t="s">
        <v>3051</v>
      </c>
      <c r="P311" s="657" t="s">
        <v>61</v>
      </c>
      <c r="Q311" s="852" t="s">
        <v>122</v>
      </c>
      <c r="R311" s="657"/>
      <c r="S311" s="657"/>
      <c r="T311" s="853">
        <v>506253</v>
      </c>
      <c r="U311" s="854"/>
      <c r="V311" s="657" t="s">
        <v>4245</v>
      </c>
      <c r="W311" s="642">
        <f t="shared" si="495"/>
        <v>0</v>
      </c>
      <c r="X311" s="745">
        <f t="shared" si="491"/>
        <v>506253</v>
      </c>
      <c r="Y311" s="745" t="s">
        <v>3106</v>
      </c>
      <c r="Z311" s="745" t="str">
        <f>_xlfn.XLOOKUP(I311, 'CALCS Aecom (July 25 2025)'!F:F, 'CALCS Aecom (July 25 2025)'!W:W)</f>
        <v>Single Scenario 2 (Step 2)</v>
      </c>
      <c r="AA311" s="1330" t="s">
        <v>3220</v>
      </c>
      <c r="AB311" s="661"/>
      <c r="AC311" s="661"/>
      <c r="AD311" s="661"/>
      <c r="AE311" s="661"/>
      <c r="AF311" s="661"/>
      <c r="AG311" s="661"/>
      <c r="AH311" s="661"/>
      <c r="AI311" s="661"/>
      <c r="AJ311" s="661"/>
      <c r="AK311" s="661"/>
      <c r="AL311" s="661"/>
      <c r="AM311" s="661"/>
      <c r="AN311" s="661"/>
      <c r="AO311" s="661"/>
      <c r="AP311" s="661"/>
      <c r="AQ311" s="661"/>
      <c r="AR311" s="661"/>
      <c r="AS311" s="661"/>
      <c r="AT311" s="661"/>
      <c r="AU311" s="661"/>
      <c r="AV311" s="661"/>
      <c r="AW311" s="661"/>
      <c r="AX311" s="661"/>
      <c r="AY311" s="661"/>
      <c r="AZ311" s="661"/>
      <c r="BA311" s="661"/>
      <c r="BB311" s="661"/>
      <c r="BC311" s="661"/>
      <c r="BD311" s="661"/>
      <c r="BE311" s="661"/>
      <c r="BF311" s="661"/>
      <c r="BG311" s="746"/>
      <c r="BH311" s="746"/>
      <c r="BI311" s="746"/>
      <c r="BJ311" s="746"/>
      <c r="BK311" s="746"/>
      <c r="BL311" s="746"/>
      <c r="BM311" s="746"/>
      <c r="BN311" s="746"/>
      <c r="BO311" s="661"/>
      <c r="BP311" s="661"/>
      <c r="BQ311" s="661" t="s">
        <v>66</v>
      </c>
      <c r="BR311" s="661"/>
      <c r="BS311" s="884">
        <f t="shared" si="397"/>
        <v>2400</v>
      </c>
      <c r="BT311" s="661">
        <f t="shared" si="494"/>
        <v>210.93875</v>
      </c>
      <c r="BU311" s="661" t="str">
        <f>IF(SUM(BV311:DL311)=X311, "GOOD", "ERROR")</f>
        <v>GOOD</v>
      </c>
      <c r="BV311" s="898" t="str">
        <f t="shared" ref="BV311:BV320" si="501">IF(AB311="yes",(AB$3*$BT311),"")</f>
        <v/>
      </c>
      <c r="BW311" s="898" t="str">
        <f t="shared" ref="BW311:BW320" si="502">IF(AC311="yes",(AC$3*$BT311),"")</f>
        <v/>
      </c>
      <c r="BX311" s="898" t="str">
        <f t="shared" ref="BX311:BX320" si="503">IF(AD311="yes",(AD$3*$BT311),"")</f>
        <v/>
      </c>
      <c r="BY311" s="898" t="str">
        <f t="shared" ref="BY311:BY320" si="504">IF(AE311="yes",(AE$3*$BT311),"")</f>
        <v/>
      </c>
      <c r="BZ311" s="898" t="str">
        <f t="shared" ref="BZ311:BZ320" si="505">IF(AF311="yes",(AF$3*$BT311),"")</f>
        <v/>
      </c>
      <c r="CA311" s="898" t="str">
        <f t="shared" ref="CA311:CA320" si="506">IF(AG311="yes",(AG$3*$BT311),"")</f>
        <v/>
      </c>
      <c r="CB311" s="898" t="str">
        <f t="shared" ref="CB311:CB320" si="507">IF(AH311="yes",(AH$3*$BT311),"")</f>
        <v/>
      </c>
      <c r="CC311" s="898" t="str">
        <f t="shared" ref="CC311:CC320" si="508">IF(AI311="yes",(AI$3*$BT311),"")</f>
        <v/>
      </c>
      <c r="CD311" s="898" t="str">
        <f t="shared" ref="CD311:CD320" si="509">IF(AJ311="yes",(AJ$3*$BT311),"")</f>
        <v/>
      </c>
      <c r="CE311" s="898" t="str">
        <f t="shared" ref="CE311:CE320" si="510">IF(AK311="yes",(AK$3*$BT311),"")</f>
        <v/>
      </c>
      <c r="CF311" s="898" t="str">
        <f t="shared" ref="CF311:CF320" si="511">IF(AL311="yes",(AL$3*$BT311),"")</f>
        <v/>
      </c>
      <c r="CG311" s="898" t="str">
        <f t="shared" ref="CG311:CG320" si="512">IF(AM311="yes",(AM$3*$BT311),"")</f>
        <v/>
      </c>
      <c r="CH311" s="898" t="str">
        <f t="shared" ref="CH311:CH320" si="513">IF(AN311="yes",(AN$3*$BT311),"")</f>
        <v/>
      </c>
      <c r="CI311" s="898" t="str">
        <f t="shared" ref="CI311:CI320" si="514">IF(AO311="yes",(AO$3*$BT311),"")</f>
        <v/>
      </c>
      <c r="CJ311" s="898" t="str">
        <f t="shared" ref="CJ311:CJ320" si="515">IF(AP311="yes",(AP$3*$BT311),"")</f>
        <v/>
      </c>
      <c r="CK311" s="898" t="str">
        <f t="shared" ref="CK311:CK320" si="516">IF(AQ311="yes",(AQ$3*$BT311),"")</f>
        <v/>
      </c>
      <c r="CL311" s="898" t="str">
        <f t="shared" ref="CL311:CL320" si="517">IF(AR311="yes",(AR$3*$BT311),"")</f>
        <v/>
      </c>
      <c r="CM311" s="898" t="str">
        <f t="shared" ref="CM311:CM320" si="518">IF(AS311="yes",(AS$3*$BT311),"")</f>
        <v/>
      </c>
      <c r="CN311" s="898" t="str">
        <f t="shared" ref="CN311:CN320" si="519">IF(AT311="yes",(AT$3*$BT311),"")</f>
        <v/>
      </c>
      <c r="CO311" s="898" t="str">
        <f t="shared" ref="CO311:CO320" si="520">IF(AU311="yes",(AU$3*$BT311),"")</f>
        <v/>
      </c>
      <c r="CP311" s="898" t="str">
        <f t="shared" ref="CP311:CP320" si="521">IF(AV311="yes",(AV$3*$BT311),"")</f>
        <v/>
      </c>
      <c r="CQ311" s="898" t="str">
        <f t="shared" ref="CQ311:CQ320" si="522">IF(AW311="yes",(AW$3*$BT311),"")</f>
        <v/>
      </c>
      <c r="CR311" s="898" t="str">
        <f t="shared" ref="CR311:CR320" si="523">IF(AX311="yes",(AX$3*$BT311),"")</f>
        <v/>
      </c>
      <c r="CS311" s="898" t="str">
        <f t="shared" ref="CS311:CS320" si="524">IF(AY311="yes",(AY$3*$BT311),"")</f>
        <v/>
      </c>
      <c r="CT311" s="898" t="str">
        <f t="shared" ref="CT311:CT320" si="525">IF(AZ311="yes",(AZ$3*$BT311),"")</f>
        <v/>
      </c>
      <c r="CU311" s="898" t="str">
        <f t="shared" ref="CU311:CU320" si="526">IF(BA311="yes",(BA$3*$BT311),"")</f>
        <v/>
      </c>
      <c r="CV311" s="898" t="str">
        <f t="shared" ref="CV311:CV320" si="527">IF(BB311="yes",(BB$3*$BT311),"")</f>
        <v/>
      </c>
      <c r="CW311" s="898" t="str">
        <f t="shared" ref="CW311:CW320" si="528">IF(BC311="yes",(BC$3*$BT311),"")</f>
        <v/>
      </c>
      <c r="CX311" s="898" t="str">
        <f t="shared" ref="CX311:CX320" si="529">IF(BD311="yes",(BD$3*$BT311),"")</f>
        <v/>
      </c>
      <c r="CY311" s="898" t="str">
        <f t="shared" ref="CY311:CY320" si="530">IF(BE311="yes",(BE$3*$BT311),"")</f>
        <v/>
      </c>
      <c r="CZ311" s="898" t="str">
        <f t="shared" ref="CZ311:CZ320" si="531">IF(BF311="yes",(BF$3*$BT311),"")</f>
        <v/>
      </c>
      <c r="DA311" s="898"/>
      <c r="DB311" s="898"/>
      <c r="DC311" s="898"/>
      <c r="DD311" s="898"/>
      <c r="DE311" s="898"/>
      <c r="DF311" s="898"/>
      <c r="DG311" s="898"/>
      <c r="DH311" s="898"/>
      <c r="DI311" s="898" t="str">
        <f t="shared" ref="DI311:DI320" si="532">IF(BO311="yes",(BO$3*$BT311),"")</f>
        <v/>
      </c>
      <c r="DJ311" s="898" t="str">
        <f t="shared" ref="DJ311:DJ320" si="533">IF(BP311="yes",(BP$3*$BT311),"")</f>
        <v/>
      </c>
      <c r="DK311" s="898">
        <f t="shared" ref="DK311:DK320" si="534">IF(BQ311="yes",(BQ$3*$BT311),"")</f>
        <v>506253</v>
      </c>
      <c r="DL311" s="898" t="str">
        <f t="shared" ref="DL311:DL320" si="535">IF(BR311="yes",(BR$3*$BT311),"")</f>
        <v/>
      </c>
      <c r="DM311" s="661">
        <f t="shared" si="402"/>
        <v>0</v>
      </c>
      <c r="DN311" s="898">
        <f t="shared" si="403"/>
        <v>506253</v>
      </c>
      <c r="DO311" s="516">
        <f t="shared" si="404"/>
        <v>0</v>
      </c>
      <c r="DP311" s="898">
        <f t="shared" si="405"/>
        <v>0</v>
      </c>
      <c r="DQ311" s="860" t="s">
        <v>4246</v>
      </c>
      <c r="DR311" s="610" t="s">
        <v>4247</v>
      </c>
      <c r="DS311" s="1221" t="s">
        <v>4248</v>
      </c>
      <c r="DT311" s="632"/>
    </row>
    <row r="312" spans="1:124" ht="71.25" x14ac:dyDescent="0.2">
      <c r="A312" s="484" t="str">
        <f t="shared" si="396"/>
        <v>Berkhamsted Road Gateway Corridor</v>
      </c>
      <c r="B312" s="1163">
        <v>309</v>
      </c>
      <c r="C312" s="1156" t="s">
        <v>4355</v>
      </c>
      <c r="D312" s="481" t="s">
        <v>2481</v>
      </c>
      <c r="E312" s="481" t="s">
        <v>53</v>
      </c>
      <c r="F312" s="481" t="s">
        <v>655</v>
      </c>
      <c r="G312" s="775" t="s">
        <v>900</v>
      </c>
      <c r="H312" s="855" t="s">
        <v>928</v>
      </c>
      <c r="I312" s="775" t="str">
        <f t="shared" si="444"/>
        <v>LS-48</v>
      </c>
      <c r="J312" s="855" t="s">
        <v>4356</v>
      </c>
      <c r="K312" s="664" t="s">
        <v>3104</v>
      </c>
      <c r="L312" s="775" t="s">
        <v>1370</v>
      </c>
      <c r="M312" s="657" t="s">
        <v>2996</v>
      </c>
      <c r="N312" s="775" t="s">
        <v>81</v>
      </c>
      <c r="O312" s="664" t="s">
        <v>525</v>
      </c>
      <c r="P312" s="657" t="s">
        <v>61</v>
      </c>
      <c r="Q312" s="852" t="s">
        <v>122</v>
      </c>
      <c r="R312" s="657"/>
      <c r="S312" s="657"/>
      <c r="T312" s="853">
        <v>18984</v>
      </c>
      <c r="U312" s="854"/>
      <c r="V312" s="657" t="s">
        <v>2989</v>
      </c>
      <c r="W312" s="642">
        <f t="shared" si="495"/>
        <v>0</v>
      </c>
      <c r="X312" s="745">
        <f t="shared" si="491"/>
        <v>18984</v>
      </c>
      <c r="Y312" s="745" t="s">
        <v>3106</v>
      </c>
      <c r="Z312" s="745" t="str">
        <f>_xlfn.XLOOKUP(I312, 'CALCS Aecom (July 25 2025)'!F:F, 'CALCS Aecom (July 25 2025)'!W:W)</f>
        <v>Single Scenario 2 (Step 2)</v>
      </c>
      <c r="AA312" s="1330" t="s">
        <v>3220</v>
      </c>
      <c r="AB312" s="661"/>
      <c r="AC312" s="661"/>
      <c r="AD312" s="661"/>
      <c r="AE312" s="661"/>
      <c r="AF312" s="661"/>
      <c r="AG312" s="661"/>
      <c r="AH312" s="661"/>
      <c r="AI312" s="661"/>
      <c r="AJ312" s="661"/>
      <c r="AK312" s="661"/>
      <c r="AL312" s="892" t="s">
        <v>66</v>
      </c>
      <c r="AM312" s="661"/>
      <c r="AN312" s="661"/>
      <c r="AO312" s="661"/>
      <c r="AP312" s="661"/>
      <c r="AQ312" s="661"/>
      <c r="AR312" s="661"/>
      <c r="AS312" s="661"/>
      <c r="AT312" s="661"/>
      <c r="AU312" s="661"/>
      <c r="AV312" s="661"/>
      <c r="AW312" s="661"/>
      <c r="AX312" s="661"/>
      <c r="AY312" s="661"/>
      <c r="AZ312" s="661"/>
      <c r="BA312" s="661"/>
      <c r="BB312" s="661"/>
      <c r="BC312" s="661"/>
      <c r="BD312" s="661"/>
      <c r="BE312" s="661"/>
      <c r="BF312" s="661"/>
      <c r="BG312" s="746"/>
      <c r="BH312" s="746"/>
      <c r="BI312" s="746"/>
      <c r="BJ312" s="746"/>
      <c r="BK312" s="746"/>
      <c r="BL312" s="746"/>
      <c r="BM312" s="746"/>
      <c r="BN312" s="746"/>
      <c r="BO312" s="892"/>
      <c r="BP312" s="892"/>
      <c r="BQ312" s="892"/>
      <c r="BR312" s="892"/>
      <c r="BS312" s="884">
        <f t="shared" si="397"/>
        <v>750</v>
      </c>
      <c r="BT312" s="661">
        <f t="shared" si="494"/>
        <v>25.312000000000001</v>
      </c>
      <c r="BU312" s="661"/>
      <c r="BV312" s="898" t="str">
        <f t="shared" si="501"/>
        <v/>
      </c>
      <c r="BW312" s="898" t="str">
        <f t="shared" si="502"/>
        <v/>
      </c>
      <c r="BX312" s="898" t="str">
        <f t="shared" si="503"/>
        <v/>
      </c>
      <c r="BY312" s="898" t="str">
        <f t="shared" si="504"/>
        <v/>
      </c>
      <c r="BZ312" s="898" t="str">
        <f t="shared" si="505"/>
        <v/>
      </c>
      <c r="CA312" s="898" t="str">
        <f t="shared" si="506"/>
        <v/>
      </c>
      <c r="CB312" s="898" t="str">
        <f t="shared" si="507"/>
        <v/>
      </c>
      <c r="CC312" s="898" t="str">
        <f t="shared" si="508"/>
        <v/>
      </c>
      <c r="CD312" s="898" t="str">
        <f t="shared" si="509"/>
        <v/>
      </c>
      <c r="CE312" s="898" t="str">
        <f t="shared" si="510"/>
        <v/>
      </c>
      <c r="CF312" s="898">
        <f t="shared" si="511"/>
        <v>18984</v>
      </c>
      <c r="CG312" s="898" t="str">
        <f t="shared" si="512"/>
        <v/>
      </c>
      <c r="CH312" s="898" t="str">
        <f t="shared" si="513"/>
        <v/>
      </c>
      <c r="CI312" s="898" t="str">
        <f t="shared" si="514"/>
        <v/>
      </c>
      <c r="CJ312" s="898" t="str">
        <f t="shared" si="515"/>
        <v/>
      </c>
      <c r="CK312" s="898" t="str">
        <f t="shared" si="516"/>
        <v/>
      </c>
      <c r="CL312" s="898" t="str">
        <f t="shared" si="517"/>
        <v/>
      </c>
      <c r="CM312" s="898" t="str">
        <f t="shared" si="518"/>
        <v/>
      </c>
      <c r="CN312" s="898" t="str">
        <f t="shared" si="519"/>
        <v/>
      </c>
      <c r="CO312" s="898" t="str">
        <f t="shared" si="520"/>
        <v/>
      </c>
      <c r="CP312" s="898" t="str">
        <f t="shared" si="521"/>
        <v/>
      </c>
      <c r="CQ312" s="898" t="str">
        <f t="shared" si="522"/>
        <v/>
      </c>
      <c r="CR312" s="898" t="str">
        <f t="shared" si="523"/>
        <v/>
      </c>
      <c r="CS312" s="898" t="str">
        <f t="shared" si="524"/>
        <v/>
      </c>
      <c r="CT312" s="898" t="str">
        <f t="shared" si="525"/>
        <v/>
      </c>
      <c r="CU312" s="898" t="str">
        <f t="shared" si="526"/>
        <v/>
      </c>
      <c r="CV312" s="898" t="str">
        <f t="shared" si="527"/>
        <v/>
      </c>
      <c r="CW312" s="898" t="str">
        <f t="shared" si="528"/>
        <v/>
      </c>
      <c r="CX312" s="898" t="str">
        <f t="shared" si="529"/>
        <v/>
      </c>
      <c r="CY312" s="898" t="str">
        <f t="shared" si="530"/>
        <v/>
      </c>
      <c r="CZ312" s="898" t="str">
        <f t="shared" si="531"/>
        <v/>
      </c>
      <c r="DA312" s="898" t="str">
        <f t="shared" ref="DA312:DH318" si="536">IF(BG312="yes",(BG$3*$BT312),"")</f>
        <v/>
      </c>
      <c r="DB312" s="898" t="str">
        <f t="shared" si="536"/>
        <v/>
      </c>
      <c r="DC312" s="898" t="str">
        <f t="shared" si="536"/>
        <v/>
      </c>
      <c r="DD312" s="898" t="str">
        <f t="shared" si="536"/>
        <v/>
      </c>
      <c r="DE312" s="898" t="str">
        <f t="shared" si="536"/>
        <v/>
      </c>
      <c r="DF312" s="898" t="str">
        <f t="shared" si="536"/>
        <v/>
      </c>
      <c r="DG312" s="898" t="str">
        <f t="shared" si="536"/>
        <v/>
      </c>
      <c r="DH312" s="898" t="str">
        <f t="shared" si="536"/>
        <v/>
      </c>
      <c r="DI312" s="898" t="str">
        <f t="shared" si="532"/>
        <v/>
      </c>
      <c r="DJ312" s="898" t="str">
        <f t="shared" si="533"/>
        <v/>
      </c>
      <c r="DK312" s="898" t="str">
        <f t="shared" si="534"/>
        <v/>
      </c>
      <c r="DL312" s="898" t="str">
        <f t="shared" si="535"/>
        <v/>
      </c>
      <c r="DM312" s="661">
        <f t="shared" si="402"/>
        <v>18984</v>
      </c>
      <c r="DN312" s="898">
        <f t="shared" si="403"/>
        <v>0</v>
      </c>
      <c r="DO312" s="516">
        <f t="shared" si="404"/>
        <v>0</v>
      </c>
      <c r="DP312" s="898">
        <f t="shared" si="405"/>
        <v>0</v>
      </c>
      <c r="DQ312" s="860" t="s">
        <v>4246</v>
      </c>
      <c r="DR312" s="1220"/>
      <c r="DS312" s="1221" t="s">
        <v>4248</v>
      </c>
      <c r="DT312" s="632"/>
    </row>
    <row r="313" spans="1:124" ht="57" x14ac:dyDescent="0.2">
      <c r="A313" s="484" t="str">
        <f t="shared" si="396"/>
        <v>Fields End Lane/Pouchen End Lane Quietway</v>
      </c>
      <c r="B313" s="1163">
        <v>310</v>
      </c>
      <c r="C313" s="1156" t="s">
        <v>4357</v>
      </c>
      <c r="D313" s="481" t="s">
        <v>2481</v>
      </c>
      <c r="E313" s="481" t="s">
        <v>53</v>
      </c>
      <c r="F313" s="481" t="s">
        <v>655</v>
      </c>
      <c r="G313" s="775" t="s">
        <v>900</v>
      </c>
      <c r="H313" s="855" t="s">
        <v>930</v>
      </c>
      <c r="I313" s="775" t="str">
        <f t="shared" si="444"/>
        <v>LS-49</v>
      </c>
      <c r="J313" s="673" t="s">
        <v>4358</v>
      </c>
      <c r="K313" s="664" t="s">
        <v>3104</v>
      </c>
      <c r="L313" s="775" t="s">
        <v>1370</v>
      </c>
      <c r="M313" s="657" t="s">
        <v>2996</v>
      </c>
      <c r="N313" s="775" t="s">
        <v>81</v>
      </c>
      <c r="O313" s="664" t="s">
        <v>525</v>
      </c>
      <c r="P313" s="657" t="s">
        <v>61</v>
      </c>
      <c r="Q313" s="852" t="s">
        <v>122</v>
      </c>
      <c r="R313" s="657"/>
      <c r="S313" s="657"/>
      <c r="T313" s="853">
        <v>350580</v>
      </c>
      <c r="U313" s="854"/>
      <c r="V313" s="657" t="s">
        <v>2989</v>
      </c>
      <c r="W313" s="642">
        <f t="shared" si="495"/>
        <v>0</v>
      </c>
      <c r="X313" s="745">
        <f t="shared" si="491"/>
        <v>350580</v>
      </c>
      <c r="Y313" s="745" t="s">
        <v>3106</v>
      </c>
      <c r="Z313" s="745" t="str">
        <f>_xlfn.XLOOKUP(I313, 'CALCS Aecom (July 25 2025)'!F:F, 'CALCS Aecom (July 25 2025)'!W:W)</f>
        <v>Single Scenario 2 (Step 2)</v>
      </c>
      <c r="AA313" s="1330" t="s">
        <v>3220</v>
      </c>
      <c r="AB313" s="661"/>
      <c r="AC313" s="661"/>
      <c r="AD313" s="661"/>
      <c r="AE313" s="661"/>
      <c r="AF313" s="661"/>
      <c r="AG313" s="661"/>
      <c r="AH313" s="661"/>
      <c r="AI313" s="661"/>
      <c r="AJ313" s="661"/>
      <c r="AK313" s="661"/>
      <c r="AL313" s="892" t="s">
        <v>66</v>
      </c>
      <c r="AM313" s="661"/>
      <c r="AN313" s="661"/>
      <c r="AO313" s="661"/>
      <c r="AP313" s="661"/>
      <c r="AQ313" s="661"/>
      <c r="AR313" s="661"/>
      <c r="AS313" s="661"/>
      <c r="AT313" s="661"/>
      <c r="AU313" s="661"/>
      <c r="AV313" s="661"/>
      <c r="AW313" s="661"/>
      <c r="AX313" s="661"/>
      <c r="AY313" s="661"/>
      <c r="AZ313" s="661"/>
      <c r="BA313" s="661"/>
      <c r="BB313" s="661"/>
      <c r="BC313" s="661"/>
      <c r="BD313" s="661"/>
      <c r="BE313" s="661"/>
      <c r="BF313" s="661"/>
      <c r="BG313" s="746"/>
      <c r="BH313" s="746"/>
      <c r="BI313" s="746"/>
      <c r="BJ313" s="746"/>
      <c r="BK313" s="746"/>
      <c r="BL313" s="746"/>
      <c r="BM313" s="746"/>
      <c r="BN313" s="746"/>
      <c r="BO313" s="892"/>
      <c r="BP313" s="892"/>
      <c r="BQ313" s="892"/>
      <c r="BR313" s="892"/>
      <c r="BS313" s="884">
        <f t="shared" si="397"/>
        <v>750</v>
      </c>
      <c r="BT313" s="661">
        <f t="shared" si="494"/>
        <v>467.44</v>
      </c>
      <c r="BU313" s="661"/>
      <c r="BV313" s="898" t="str">
        <f t="shared" si="501"/>
        <v/>
      </c>
      <c r="BW313" s="898" t="str">
        <f t="shared" si="502"/>
        <v/>
      </c>
      <c r="BX313" s="898" t="str">
        <f t="shared" si="503"/>
        <v/>
      </c>
      <c r="BY313" s="898" t="str">
        <f t="shared" si="504"/>
        <v/>
      </c>
      <c r="BZ313" s="898" t="str">
        <f t="shared" si="505"/>
        <v/>
      </c>
      <c r="CA313" s="898" t="str">
        <f t="shared" si="506"/>
        <v/>
      </c>
      <c r="CB313" s="898" t="str">
        <f t="shared" si="507"/>
        <v/>
      </c>
      <c r="CC313" s="898" t="str">
        <f t="shared" si="508"/>
        <v/>
      </c>
      <c r="CD313" s="898" t="str">
        <f t="shared" si="509"/>
        <v/>
      </c>
      <c r="CE313" s="898" t="str">
        <f t="shared" si="510"/>
        <v/>
      </c>
      <c r="CF313" s="898">
        <f t="shared" si="511"/>
        <v>350580</v>
      </c>
      <c r="CG313" s="898" t="str">
        <f t="shared" si="512"/>
        <v/>
      </c>
      <c r="CH313" s="898" t="str">
        <f t="shared" si="513"/>
        <v/>
      </c>
      <c r="CI313" s="898" t="str">
        <f t="shared" si="514"/>
        <v/>
      </c>
      <c r="CJ313" s="898" t="str">
        <f t="shared" si="515"/>
        <v/>
      </c>
      <c r="CK313" s="898" t="str">
        <f t="shared" si="516"/>
        <v/>
      </c>
      <c r="CL313" s="898" t="str">
        <f t="shared" si="517"/>
        <v/>
      </c>
      <c r="CM313" s="898" t="str">
        <f t="shared" si="518"/>
        <v/>
      </c>
      <c r="CN313" s="898" t="str">
        <f t="shared" si="519"/>
        <v/>
      </c>
      <c r="CO313" s="898" t="str">
        <f t="shared" si="520"/>
        <v/>
      </c>
      <c r="CP313" s="898" t="str">
        <f t="shared" si="521"/>
        <v/>
      </c>
      <c r="CQ313" s="898" t="str">
        <f t="shared" si="522"/>
        <v/>
      </c>
      <c r="CR313" s="898" t="str">
        <f t="shared" si="523"/>
        <v/>
      </c>
      <c r="CS313" s="898" t="str">
        <f t="shared" si="524"/>
        <v/>
      </c>
      <c r="CT313" s="898" t="str">
        <f t="shared" si="525"/>
        <v/>
      </c>
      <c r="CU313" s="898" t="str">
        <f t="shared" si="526"/>
        <v/>
      </c>
      <c r="CV313" s="898" t="str">
        <f t="shared" si="527"/>
        <v/>
      </c>
      <c r="CW313" s="898" t="str">
        <f t="shared" si="528"/>
        <v/>
      </c>
      <c r="CX313" s="898" t="str">
        <f t="shared" si="529"/>
        <v/>
      </c>
      <c r="CY313" s="898" t="str">
        <f t="shared" si="530"/>
        <v/>
      </c>
      <c r="CZ313" s="898" t="str">
        <f t="shared" si="531"/>
        <v/>
      </c>
      <c r="DA313" s="898" t="str">
        <f t="shared" si="536"/>
        <v/>
      </c>
      <c r="DB313" s="898" t="str">
        <f t="shared" si="536"/>
        <v/>
      </c>
      <c r="DC313" s="898" t="str">
        <f t="shared" si="536"/>
        <v/>
      </c>
      <c r="DD313" s="898" t="str">
        <f t="shared" si="536"/>
        <v/>
      </c>
      <c r="DE313" s="898" t="str">
        <f t="shared" si="536"/>
        <v/>
      </c>
      <c r="DF313" s="898" t="str">
        <f t="shared" si="536"/>
        <v/>
      </c>
      <c r="DG313" s="898" t="str">
        <f t="shared" si="536"/>
        <v/>
      </c>
      <c r="DH313" s="898" t="str">
        <f t="shared" si="536"/>
        <v/>
      </c>
      <c r="DI313" s="898" t="str">
        <f t="shared" si="532"/>
        <v/>
      </c>
      <c r="DJ313" s="898" t="str">
        <f t="shared" si="533"/>
        <v/>
      </c>
      <c r="DK313" s="898" t="str">
        <f t="shared" si="534"/>
        <v/>
      </c>
      <c r="DL313" s="898" t="str">
        <f t="shared" si="535"/>
        <v/>
      </c>
      <c r="DM313" s="661">
        <f t="shared" si="402"/>
        <v>350580</v>
      </c>
      <c r="DN313" s="898">
        <f t="shared" si="403"/>
        <v>0</v>
      </c>
      <c r="DO313" s="516">
        <f t="shared" si="404"/>
        <v>0</v>
      </c>
      <c r="DP313" s="898">
        <f t="shared" si="405"/>
        <v>0</v>
      </c>
      <c r="DQ313" s="860" t="s">
        <v>4246</v>
      </c>
      <c r="DR313" s="1220"/>
      <c r="DS313" s="1221" t="s">
        <v>4248</v>
      </c>
      <c r="DT313" s="632"/>
    </row>
    <row r="314" spans="1:124" ht="57" x14ac:dyDescent="0.2">
      <c r="A314" s="484" t="str">
        <f t="shared" si="396"/>
        <v>Boxted Road Green Loop Crossing Point</v>
      </c>
      <c r="B314" s="1163">
        <v>311</v>
      </c>
      <c r="C314" s="1156" t="s">
        <v>4359</v>
      </c>
      <c r="D314" s="481" t="s">
        <v>2481</v>
      </c>
      <c r="E314" s="481" t="s">
        <v>53</v>
      </c>
      <c r="F314" s="481" t="s">
        <v>655</v>
      </c>
      <c r="G314" s="775" t="s">
        <v>932</v>
      </c>
      <c r="H314" s="855" t="s">
        <v>933</v>
      </c>
      <c r="I314" s="775" t="str">
        <f t="shared" si="444"/>
        <v>LS-50</v>
      </c>
      <c r="J314" s="673" t="s">
        <v>4360</v>
      </c>
      <c r="K314" s="664" t="s">
        <v>3104</v>
      </c>
      <c r="L314" s="775" t="s">
        <v>1370</v>
      </c>
      <c r="M314" s="657" t="s">
        <v>2996</v>
      </c>
      <c r="N314" s="775" t="s">
        <v>81</v>
      </c>
      <c r="O314" s="664" t="s">
        <v>525</v>
      </c>
      <c r="P314" s="657" t="s">
        <v>61</v>
      </c>
      <c r="Q314" s="852" t="s">
        <v>122</v>
      </c>
      <c r="R314" s="657"/>
      <c r="S314" s="657"/>
      <c r="T314" s="853">
        <v>34245</v>
      </c>
      <c r="U314" s="854"/>
      <c r="V314" s="657" t="s">
        <v>2989</v>
      </c>
      <c r="W314" s="642">
        <f t="shared" si="495"/>
        <v>0</v>
      </c>
      <c r="X314" s="745">
        <f t="shared" si="491"/>
        <v>34245</v>
      </c>
      <c r="Y314" s="745" t="s">
        <v>3106</v>
      </c>
      <c r="Z314" s="745" t="str">
        <f>_xlfn.XLOOKUP(I314, 'CALCS Aecom (July 25 2025)'!F:F, 'CALCS Aecom (July 25 2025)'!W:W)</f>
        <v>Single Scenario 2 (Step 2)</v>
      </c>
      <c r="AA314" s="1330" t="s">
        <v>3220</v>
      </c>
      <c r="AB314" s="661"/>
      <c r="AC314" s="661"/>
      <c r="AD314" s="661"/>
      <c r="AE314" s="661"/>
      <c r="AF314" s="661"/>
      <c r="AG314" s="661"/>
      <c r="AH314" s="661"/>
      <c r="AI314" s="661"/>
      <c r="AJ314" s="661"/>
      <c r="AK314" s="661"/>
      <c r="AL314" s="892" t="s">
        <v>66</v>
      </c>
      <c r="AM314" s="661"/>
      <c r="AN314" s="661"/>
      <c r="AO314" s="661"/>
      <c r="AP314" s="661"/>
      <c r="AQ314" s="661"/>
      <c r="AR314" s="661"/>
      <c r="AS314" s="661"/>
      <c r="AT314" s="661"/>
      <c r="AU314" s="661"/>
      <c r="AV314" s="661"/>
      <c r="AW314" s="661"/>
      <c r="AX314" s="661"/>
      <c r="AY314" s="661"/>
      <c r="AZ314" s="661"/>
      <c r="BA314" s="661"/>
      <c r="BB314" s="661"/>
      <c r="BC314" s="661"/>
      <c r="BD314" s="661"/>
      <c r="BE314" s="661"/>
      <c r="BF314" s="661"/>
      <c r="BG314" s="746"/>
      <c r="BH314" s="746"/>
      <c r="BI314" s="746"/>
      <c r="BJ314" s="746"/>
      <c r="BK314" s="746"/>
      <c r="BL314" s="746"/>
      <c r="BM314" s="746"/>
      <c r="BN314" s="746"/>
      <c r="BO314" s="892"/>
      <c r="BP314" s="892"/>
      <c r="BQ314" s="892"/>
      <c r="BR314" s="892"/>
      <c r="BS314" s="884">
        <f t="shared" si="397"/>
        <v>750</v>
      </c>
      <c r="BT314" s="661">
        <f t="shared" si="494"/>
        <v>45.66</v>
      </c>
      <c r="BU314" s="661"/>
      <c r="BV314" s="898" t="str">
        <f t="shared" si="501"/>
        <v/>
      </c>
      <c r="BW314" s="898" t="str">
        <f t="shared" si="502"/>
        <v/>
      </c>
      <c r="BX314" s="898" t="str">
        <f t="shared" si="503"/>
        <v/>
      </c>
      <c r="BY314" s="898" t="str">
        <f t="shared" si="504"/>
        <v/>
      </c>
      <c r="BZ314" s="898" t="str">
        <f t="shared" si="505"/>
        <v/>
      </c>
      <c r="CA314" s="898" t="str">
        <f t="shared" si="506"/>
        <v/>
      </c>
      <c r="CB314" s="898" t="str">
        <f t="shared" si="507"/>
        <v/>
      </c>
      <c r="CC314" s="898" t="str">
        <f t="shared" si="508"/>
        <v/>
      </c>
      <c r="CD314" s="898" t="str">
        <f t="shared" si="509"/>
        <v/>
      </c>
      <c r="CE314" s="898" t="str">
        <f t="shared" si="510"/>
        <v/>
      </c>
      <c r="CF314" s="898">
        <f t="shared" si="511"/>
        <v>34245</v>
      </c>
      <c r="CG314" s="898" t="str">
        <f t="shared" si="512"/>
        <v/>
      </c>
      <c r="CH314" s="898" t="str">
        <f t="shared" si="513"/>
        <v/>
      </c>
      <c r="CI314" s="898" t="str">
        <f t="shared" si="514"/>
        <v/>
      </c>
      <c r="CJ314" s="898" t="str">
        <f t="shared" si="515"/>
        <v/>
      </c>
      <c r="CK314" s="898" t="str">
        <f t="shared" si="516"/>
        <v/>
      </c>
      <c r="CL314" s="898" t="str">
        <f t="shared" si="517"/>
        <v/>
      </c>
      <c r="CM314" s="898" t="str">
        <f t="shared" si="518"/>
        <v/>
      </c>
      <c r="CN314" s="898" t="str">
        <f t="shared" si="519"/>
        <v/>
      </c>
      <c r="CO314" s="898" t="str">
        <f t="shared" si="520"/>
        <v/>
      </c>
      <c r="CP314" s="898" t="str">
        <f t="shared" si="521"/>
        <v/>
      </c>
      <c r="CQ314" s="898" t="str">
        <f t="shared" si="522"/>
        <v/>
      </c>
      <c r="CR314" s="898" t="str">
        <f t="shared" si="523"/>
        <v/>
      </c>
      <c r="CS314" s="898" t="str">
        <f t="shared" si="524"/>
        <v/>
      </c>
      <c r="CT314" s="898" t="str">
        <f t="shared" si="525"/>
        <v/>
      </c>
      <c r="CU314" s="898" t="str">
        <f t="shared" si="526"/>
        <v/>
      </c>
      <c r="CV314" s="898" t="str">
        <f t="shared" si="527"/>
        <v/>
      </c>
      <c r="CW314" s="898" t="str">
        <f t="shared" si="528"/>
        <v/>
      </c>
      <c r="CX314" s="898" t="str">
        <f t="shared" si="529"/>
        <v/>
      </c>
      <c r="CY314" s="898" t="str">
        <f t="shared" si="530"/>
        <v/>
      </c>
      <c r="CZ314" s="898" t="str">
        <f t="shared" si="531"/>
        <v/>
      </c>
      <c r="DA314" s="898" t="str">
        <f t="shared" si="536"/>
        <v/>
      </c>
      <c r="DB314" s="898" t="str">
        <f t="shared" si="536"/>
        <v/>
      </c>
      <c r="DC314" s="898" t="str">
        <f t="shared" si="536"/>
        <v/>
      </c>
      <c r="DD314" s="898" t="str">
        <f t="shared" si="536"/>
        <v/>
      </c>
      <c r="DE314" s="898" t="str">
        <f t="shared" si="536"/>
        <v/>
      </c>
      <c r="DF314" s="898" t="str">
        <f t="shared" si="536"/>
        <v/>
      </c>
      <c r="DG314" s="898" t="str">
        <f t="shared" si="536"/>
        <v/>
      </c>
      <c r="DH314" s="898" t="str">
        <f t="shared" si="536"/>
        <v/>
      </c>
      <c r="DI314" s="898" t="str">
        <f t="shared" si="532"/>
        <v/>
      </c>
      <c r="DJ314" s="898" t="str">
        <f t="shared" si="533"/>
        <v/>
      </c>
      <c r="DK314" s="898" t="str">
        <f t="shared" si="534"/>
        <v/>
      </c>
      <c r="DL314" s="898" t="str">
        <f t="shared" si="535"/>
        <v/>
      </c>
      <c r="DM314" s="661">
        <f t="shared" si="402"/>
        <v>34245</v>
      </c>
      <c r="DN314" s="898">
        <f t="shared" si="403"/>
        <v>0</v>
      </c>
      <c r="DO314" s="516">
        <f t="shared" si="404"/>
        <v>0</v>
      </c>
      <c r="DP314" s="898">
        <f t="shared" si="405"/>
        <v>0</v>
      </c>
      <c r="DQ314" s="860" t="s">
        <v>4246</v>
      </c>
      <c r="DR314" s="1220"/>
      <c r="DS314" s="1221" t="s">
        <v>4248</v>
      </c>
      <c r="DT314" s="632"/>
    </row>
    <row r="315" spans="1:124" ht="57" x14ac:dyDescent="0.2">
      <c r="A315" s="484" t="str">
        <f t="shared" si="396"/>
        <v>Polehanger Lane-Leighton Buzzard Road Green Loop</v>
      </c>
      <c r="B315" s="1163">
        <v>312</v>
      </c>
      <c r="C315" s="1156" t="s">
        <v>4361</v>
      </c>
      <c r="D315" s="481" t="s">
        <v>2481</v>
      </c>
      <c r="E315" s="481" t="s">
        <v>53</v>
      </c>
      <c r="F315" s="481" t="s">
        <v>655</v>
      </c>
      <c r="G315" s="775" t="s">
        <v>932</v>
      </c>
      <c r="H315" s="855" t="s">
        <v>935</v>
      </c>
      <c r="I315" s="775" t="str">
        <f t="shared" si="444"/>
        <v>LS-51</v>
      </c>
      <c r="J315" s="673" t="s">
        <v>4362</v>
      </c>
      <c r="K315" s="664" t="s">
        <v>3104</v>
      </c>
      <c r="L315" s="775" t="s">
        <v>1370</v>
      </c>
      <c r="M315" s="515" t="s">
        <v>2986</v>
      </c>
      <c r="N315" s="775" t="s">
        <v>81</v>
      </c>
      <c r="O315" s="664" t="s">
        <v>525</v>
      </c>
      <c r="P315" s="657" t="s">
        <v>77</v>
      </c>
      <c r="Q315" s="852" t="s">
        <v>122</v>
      </c>
      <c r="R315" s="657"/>
      <c r="S315" s="657"/>
      <c r="T315" s="853">
        <v>1481063</v>
      </c>
      <c r="U315" s="854"/>
      <c r="V315" s="657" t="s">
        <v>2989</v>
      </c>
      <c r="W315" s="642">
        <f t="shared" si="495"/>
        <v>0</v>
      </c>
      <c r="X315" s="745">
        <f t="shared" si="491"/>
        <v>1481063</v>
      </c>
      <c r="Y315" s="745" t="s">
        <v>3106</v>
      </c>
      <c r="Z315" s="745" t="str">
        <f>_xlfn.XLOOKUP(I315, 'CALCS Aecom (July 25 2025)'!F:F, 'CALCS Aecom (July 25 2025)'!W:W)</f>
        <v>Single Scenario 2 (Step 2)</v>
      </c>
      <c r="AA315" s="1330" t="s">
        <v>3220</v>
      </c>
      <c r="AB315" s="661"/>
      <c r="AC315" s="661"/>
      <c r="AD315" s="661"/>
      <c r="AE315" s="661"/>
      <c r="AF315" s="661"/>
      <c r="AG315" s="661"/>
      <c r="AH315" s="661"/>
      <c r="AI315" s="661"/>
      <c r="AJ315" s="661"/>
      <c r="AK315" s="661"/>
      <c r="AL315" s="892" t="s">
        <v>66</v>
      </c>
      <c r="AM315" s="661"/>
      <c r="AN315" s="661"/>
      <c r="AO315" s="661"/>
      <c r="AP315" s="661"/>
      <c r="AQ315" s="661"/>
      <c r="AR315" s="661"/>
      <c r="AS315" s="661"/>
      <c r="AT315" s="661"/>
      <c r="AU315" s="661"/>
      <c r="AV315" s="661"/>
      <c r="AW315" s="661"/>
      <c r="AX315" s="661"/>
      <c r="AY315" s="661"/>
      <c r="AZ315" s="661"/>
      <c r="BA315" s="661"/>
      <c r="BB315" s="661"/>
      <c r="BC315" s="661"/>
      <c r="BD315" s="661"/>
      <c r="BE315" s="661"/>
      <c r="BF315" s="661"/>
      <c r="BG315" s="746"/>
      <c r="BH315" s="746"/>
      <c r="BI315" s="746"/>
      <c r="BJ315" s="746"/>
      <c r="BK315" s="746"/>
      <c r="BL315" s="746"/>
      <c r="BM315" s="746"/>
      <c r="BN315" s="746"/>
      <c r="BO315" s="892"/>
      <c r="BP315" s="892"/>
      <c r="BQ315" s="892"/>
      <c r="BR315" s="892"/>
      <c r="BS315" s="884">
        <f t="shared" si="397"/>
        <v>750</v>
      </c>
      <c r="BT315" s="661">
        <f t="shared" si="494"/>
        <v>1974.7506666666666</v>
      </c>
      <c r="BU315" s="661"/>
      <c r="BV315" s="898" t="str">
        <f t="shared" si="501"/>
        <v/>
      </c>
      <c r="BW315" s="898" t="str">
        <f t="shared" si="502"/>
        <v/>
      </c>
      <c r="BX315" s="898" t="str">
        <f t="shared" si="503"/>
        <v/>
      </c>
      <c r="BY315" s="898" t="str">
        <f t="shared" si="504"/>
        <v/>
      </c>
      <c r="BZ315" s="898" t="str">
        <f t="shared" si="505"/>
        <v/>
      </c>
      <c r="CA315" s="898" t="str">
        <f t="shared" si="506"/>
        <v/>
      </c>
      <c r="CB315" s="898" t="str">
        <f t="shared" si="507"/>
        <v/>
      </c>
      <c r="CC315" s="898" t="str">
        <f t="shared" si="508"/>
        <v/>
      </c>
      <c r="CD315" s="898" t="str">
        <f t="shared" si="509"/>
        <v/>
      </c>
      <c r="CE315" s="898" t="str">
        <f t="shared" si="510"/>
        <v/>
      </c>
      <c r="CF315" s="898">
        <f t="shared" si="511"/>
        <v>1481063</v>
      </c>
      <c r="CG315" s="898" t="str">
        <f t="shared" si="512"/>
        <v/>
      </c>
      <c r="CH315" s="898" t="str">
        <f t="shared" si="513"/>
        <v/>
      </c>
      <c r="CI315" s="898" t="str">
        <f t="shared" si="514"/>
        <v/>
      </c>
      <c r="CJ315" s="898" t="str">
        <f t="shared" si="515"/>
        <v/>
      </c>
      <c r="CK315" s="898" t="str">
        <f t="shared" si="516"/>
        <v/>
      </c>
      <c r="CL315" s="898" t="str">
        <f t="shared" si="517"/>
        <v/>
      </c>
      <c r="CM315" s="898" t="str">
        <f t="shared" si="518"/>
        <v/>
      </c>
      <c r="CN315" s="898" t="str">
        <f t="shared" si="519"/>
        <v/>
      </c>
      <c r="CO315" s="898" t="str">
        <f t="shared" si="520"/>
        <v/>
      </c>
      <c r="CP315" s="898" t="str">
        <f t="shared" si="521"/>
        <v/>
      </c>
      <c r="CQ315" s="898" t="str">
        <f t="shared" si="522"/>
        <v/>
      </c>
      <c r="CR315" s="898" t="str">
        <f t="shared" si="523"/>
        <v/>
      </c>
      <c r="CS315" s="898" t="str">
        <f t="shared" si="524"/>
        <v/>
      </c>
      <c r="CT315" s="898" t="str">
        <f t="shared" si="525"/>
        <v/>
      </c>
      <c r="CU315" s="898" t="str">
        <f t="shared" si="526"/>
        <v/>
      </c>
      <c r="CV315" s="898" t="str">
        <f t="shared" si="527"/>
        <v/>
      </c>
      <c r="CW315" s="898" t="str">
        <f t="shared" si="528"/>
        <v/>
      </c>
      <c r="CX315" s="898" t="str">
        <f t="shared" si="529"/>
        <v/>
      </c>
      <c r="CY315" s="898" t="str">
        <f t="shared" si="530"/>
        <v/>
      </c>
      <c r="CZ315" s="898" t="str">
        <f t="shared" si="531"/>
        <v/>
      </c>
      <c r="DA315" s="898" t="str">
        <f t="shared" si="536"/>
        <v/>
      </c>
      <c r="DB315" s="898" t="str">
        <f t="shared" si="536"/>
        <v/>
      </c>
      <c r="DC315" s="898" t="str">
        <f t="shared" si="536"/>
        <v/>
      </c>
      <c r="DD315" s="898" t="str">
        <f t="shared" si="536"/>
        <v/>
      </c>
      <c r="DE315" s="898" t="str">
        <f t="shared" si="536"/>
        <v/>
      </c>
      <c r="DF315" s="898" t="str">
        <f t="shared" si="536"/>
        <v/>
      </c>
      <c r="DG315" s="898" t="str">
        <f t="shared" si="536"/>
        <v/>
      </c>
      <c r="DH315" s="898" t="str">
        <f t="shared" si="536"/>
        <v/>
      </c>
      <c r="DI315" s="898" t="str">
        <f t="shared" si="532"/>
        <v/>
      </c>
      <c r="DJ315" s="898" t="str">
        <f t="shared" si="533"/>
        <v/>
      </c>
      <c r="DK315" s="898" t="str">
        <f t="shared" si="534"/>
        <v/>
      </c>
      <c r="DL315" s="898" t="str">
        <f t="shared" si="535"/>
        <v/>
      </c>
      <c r="DM315" s="661">
        <f t="shared" si="402"/>
        <v>1481063</v>
      </c>
      <c r="DN315" s="898">
        <f t="shared" si="403"/>
        <v>0</v>
      </c>
      <c r="DO315" s="516">
        <f t="shared" si="404"/>
        <v>0</v>
      </c>
      <c r="DP315" s="898">
        <f t="shared" si="405"/>
        <v>0</v>
      </c>
      <c r="DQ315" s="860" t="s">
        <v>4246</v>
      </c>
      <c r="DR315" s="1220"/>
      <c r="DS315" s="1221" t="s">
        <v>4248</v>
      </c>
      <c r="DT315" s="632"/>
    </row>
    <row r="316" spans="1:124" ht="142.5" x14ac:dyDescent="0.2">
      <c r="A316" s="484" t="str">
        <f t="shared" si="396"/>
        <v>Holtsmere End Lane Quietway</v>
      </c>
      <c r="B316" s="1163">
        <v>313</v>
      </c>
      <c r="C316" s="1156" t="s">
        <v>4363</v>
      </c>
      <c r="D316" s="481" t="s">
        <v>2481</v>
      </c>
      <c r="E316" s="481" t="s">
        <v>53</v>
      </c>
      <c r="F316" s="481" t="s">
        <v>655</v>
      </c>
      <c r="G316" s="775" t="s">
        <v>900</v>
      </c>
      <c r="H316" s="855" t="s">
        <v>938</v>
      </c>
      <c r="I316" s="775" t="str">
        <f t="shared" si="444"/>
        <v>LS-52</v>
      </c>
      <c r="J316" s="673" t="s">
        <v>4364</v>
      </c>
      <c r="K316" s="664" t="s">
        <v>3104</v>
      </c>
      <c r="L316" s="775" t="s">
        <v>4365</v>
      </c>
      <c r="M316" s="775" t="s">
        <v>3325</v>
      </c>
      <c r="N316" s="775" t="s">
        <v>81</v>
      </c>
      <c r="O316" s="654" t="s">
        <v>3051</v>
      </c>
      <c r="P316" s="657" t="s">
        <v>61</v>
      </c>
      <c r="Q316" s="852" t="s">
        <v>122</v>
      </c>
      <c r="R316" s="657"/>
      <c r="S316" s="657"/>
      <c r="T316" s="853">
        <v>246798</v>
      </c>
      <c r="U316" s="854"/>
      <c r="V316" s="657" t="s">
        <v>4245</v>
      </c>
      <c r="W316" s="642">
        <f t="shared" si="495"/>
        <v>0</v>
      </c>
      <c r="X316" s="745">
        <f t="shared" si="491"/>
        <v>246798</v>
      </c>
      <c r="Y316" s="745" t="s">
        <v>3106</v>
      </c>
      <c r="Z316" s="745" t="str">
        <f>_xlfn.XLOOKUP(I316, 'CALCS Aecom (July 25 2025)'!F:F, 'CALCS Aecom (July 25 2025)'!W:W)</f>
        <v>Multiple Scenario 1 (Step 3)</v>
      </c>
      <c r="AA316" s="1330" t="s">
        <v>3220</v>
      </c>
      <c r="AB316" s="516" t="s">
        <v>66</v>
      </c>
      <c r="AC316" s="892"/>
      <c r="AD316" s="892"/>
      <c r="AE316" s="892"/>
      <c r="AF316" s="892"/>
      <c r="AG316" s="892"/>
      <c r="AH316" s="892"/>
      <c r="AI316" s="892"/>
      <c r="AJ316" s="892"/>
      <c r="AK316" s="892"/>
      <c r="AL316" s="892"/>
      <c r="AM316" s="892"/>
      <c r="AN316" s="892"/>
      <c r="AO316" s="892"/>
      <c r="AP316" s="892"/>
      <c r="AQ316" s="892"/>
      <c r="AR316" s="661"/>
      <c r="AS316" s="892"/>
      <c r="AT316" s="892"/>
      <c r="AU316" s="892"/>
      <c r="AV316" s="661"/>
      <c r="AW316" s="892"/>
      <c r="AX316" s="892"/>
      <c r="AY316" s="892"/>
      <c r="AZ316" s="661"/>
      <c r="BA316" s="892"/>
      <c r="BB316" s="661"/>
      <c r="BC316" s="661"/>
      <c r="BD316" s="892"/>
      <c r="BE316" s="661"/>
      <c r="BF316" s="661"/>
      <c r="BG316" s="746"/>
      <c r="BH316" s="746"/>
      <c r="BI316" s="746"/>
      <c r="BJ316" s="746"/>
      <c r="BK316" s="746"/>
      <c r="BL316" s="746"/>
      <c r="BM316" s="746"/>
      <c r="BN316" s="746"/>
      <c r="BO316" s="516" t="s">
        <v>66</v>
      </c>
      <c r="BP316" s="516"/>
      <c r="BQ316" s="516"/>
      <c r="BR316" s="892"/>
      <c r="BS316" s="884">
        <f t="shared" si="397"/>
        <v>6500</v>
      </c>
      <c r="BT316" s="661">
        <f t="shared" si="494"/>
        <v>37.968923076923076</v>
      </c>
      <c r="BU316" s="661"/>
      <c r="BV316" s="898">
        <f t="shared" si="501"/>
        <v>189844.61538461538</v>
      </c>
      <c r="BW316" s="898" t="str">
        <f t="shared" si="502"/>
        <v/>
      </c>
      <c r="BX316" s="898" t="str">
        <f t="shared" si="503"/>
        <v/>
      </c>
      <c r="BY316" s="898" t="str">
        <f t="shared" si="504"/>
        <v/>
      </c>
      <c r="BZ316" s="898" t="str">
        <f t="shared" si="505"/>
        <v/>
      </c>
      <c r="CA316" s="898" t="str">
        <f t="shared" si="506"/>
        <v/>
      </c>
      <c r="CB316" s="898" t="str">
        <f t="shared" si="507"/>
        <v/>
      </c>
      <c r="CC316" s="898" t="str">
        <f t="shared" si="508"/>
        <v/>
      </c>
      <c r="CD316" s="898" t="str">
        <f t="shared" si="509"/>
        <v/>
      </c>
      <c r="CE316" s="898" t="str">
        <f t="shared" si="510"/>
        <v/>
      </c>
      <c r="CF316" s="898" t="str">
        <f t="shared" si="511"/>
        <v/>
      </c>
      <c r="CG316" s="898" t="str">
        <f t="shared" si="512"/>
        <v/>
      </c>
      <c r="CH316" s="898" t="str">
        <f t="shared" si="513"/>
        <v/>
      </c>
      <c r="CI316" s="898" t="str">
        <f t="shared" si="514"/>
        <v/>
      </c>
      <c r="CJ316" s="898" t="str">
        <f t="shared" si="515"/>
        <v/>
      </c>
      <c r="CK316" s="898" t="str">
        <f t="shared" si="516"/>
        <v/>
      </c>
      <c r="CL316" s="898" t="str">
        <f t="shared" si="517"/>
        <v/>
      </c>
      <c r="CM316" s="898" t="str">
        <f t="shared" si="518"/>
        <v/>
      </c>
      <c r="CN316" s="898" t="str">
        <f t="shared" si="519"/>
        <v/>
      </c>
      <c r="CO316" s="898" t="str">
        <f t="shared" si="520"/>
        <v/>
      </c>
      <c r="CP316" s="898" t="str">
        <f t="shared" si="521"/>
        <v/>
      </c>
      <c r="CQ316" s="898" t="str">
        <f t="shared" si="522"/>
        <v/>
      </c>
      <c r="CR316" s="898" t="str">
        <f t="shared" si="523"/>
        <v/>
      </c>
      <c r="CS316" s="898" t="str">
        <f t="shared" si="524"/>
        <v/>
      </c>
      <c r="CT316" s="898" t="str">
        <f t="shared" si="525"/>
        <v/>
      </c>
      <c r="CU316" s="898" t="str">
        <f t="shared" si="526"/>
        <v/>
      </c>
      <c r="CV316" s="898" t="str">
        <f t="shared" si="527"/>
        <v/>
      </c>
      <c r="CW316" s="898" t="str">
        <f t="shared" si="528"/>
        <v/>
      </c>
      <c r="CX316" s="898" t="str">
        <f t="shared" si="529"/>
        <v/>
      </c>
      <c r="CY316" s="898" t="str">
        <f t="shared" si="530"/>
        <v/>
      </c>
      <c r="CZ316" s="898" t="str">
        <f t="shared" si="531"/>
        <v/>
      </c>
      <c r="DA316" s="898" t="str">
        <f t="shared" si="536"/>
        <v/>
      </c>
      <c r="DB316" s="898" t="str">
        <f t="shared" si="536"/>
        <v/>
      </c>
      <c r="DC316" s="898" t="str">
        <f t="shared" si="536"/>
        <v/>
      </c>
      <c r="DD316" s="898" t="str">
        <f t="shared" si="536"/>
        <v/>
      </c>
      <c r="DE316" s="898" t="str">
        <f t="shared" si="536"/>
        <v/>
      </c>
      <c r="DF316" s="898" t="str">
        <f t="shared" si="536"/>
        <v/>
      </c>
      <c r="DG316" s="898" t="str">
        <f t="shared" si="536"/>
        <v/>
      </c>
      <c r="DH316" s="898" t="str">
        <f t="shared" si="536"/>
        <v/>
      </c>
      <c r="DI316" s="898">
        <f t="shared" si="532"/>
        <v>56953.384615384617</v>
      </c>
      <c r="DJ316" s="898" t="str">
        <f t="shared" si="533"/>
        <v/>
      </c>
      <c r="DK316" s="898" t="str">
        <f t="shared" si="534"/>
        <v/>
      </c>
      <c r="DL316" s="898" t="str">
        <f t="shared" si="535"/>
        <v/>
      </c>
      <c r="DM316" s="661">
        <f t="shared" si="402"/>
        <v>189844.61538461538</v>
      </c>
      <c r="DN316" s="898">
        <f t="shared" si="403"/>
        <v>56953.384615384617</v>
      </c>
      <c r="DO316" s="516">
        <f t="shared" si="404"/>
        <v>0</v>
      </c>
      <c r="DP316" s="898">
        <f t="shared" si="405"/>
        <v>0</v>
      </c>
      <c r="DQ316" s="860" t="s">
        <v>4246</v>
      </c>
      <c r="DR316" s="1220"/>
      <c r="DS316" s="1221" t="s">
        <v>4248</v>
      </c>
      <c r="DT316" s="632"/>
    </row>
    <row r="317" spans="1:124" ht="57" x14ac:dyDescent="0.2">
      <c r="A317" s="484" t="str">
        <f t="shared" si="396"/>
        <v>Redbourn Road Green Loop Crossing Point</v>
      </c>
      <c r="B317" s="1163">
        <v>314</v>
      </c>
      <c r="C317" s="1156" t="s">
        <v>4366</v>
      </c>
      <c r="D317" s="481" t="s">
        <v>2481</v>
      </c>
      <c r="E317" s="481" t="s">
        <v>1385</v>
      </c>
      <c r="F317" s="481" t="s">
        <v>655</v>
      </c>
      <c r="G317" s="775" t="s">
        <v>932</v>
      </c>
      <c r="H317" s="855" t="s">
        <v>940</v>
      </c>
      <c r="I317" s="775" t="str">
        <f t="shared" si="444"/>
        <v>LS-53</v>
      </c>
      <c r="J317" s="673" t="s">
        <v>4367</v>
      </c>
      <c r="K317" s="664" t="s">
        <v>3104</v>
      </c>
      <c r="L317" s="775" t="s">
        <v>4368</v>
      </c>
      <c r="M317" s="543" t="s">
        <v>3005</v>
      </c>
      <c r="N317" s="775" t="s">
        <v>81</v>
      </c>
      <c r="O317" s="654" t="s">
        <v>3051</v>
      </c>
      <c r="P317" s="657" t="s">
        <v>61</v>
      </c>
      <c r="Q317" s="852" t="s">
        <v>122</v>
      </c>
      <c r="R317" s="657"/>
      <c r="S317" s="657"/>
      <c r="T317" s="853">
        <v>34245</v>
      </c>
      <c r="U317" s="854"/>
      <c r="V317" s="657" t="s">
        <v>4245</v>
      </c>
      <c r="W317" s="642">
        <f t="shared" si="495"/>
        <v>0</v>
      </c>
      <c r="X317" s="745">
        <f t="shared" si="491"/>
        <v>34245</v>
      </c>
      <c r="Y317" s="745" t="s">
        <v>3106</v>
      </c>
      <c r="Z317" s="745" t="str">
        <f>_xlfn.XLOOKUP(I317, 'CALCS Aecom (July 25 2025)'!F:F, 'CALCS Aecom (July 25 2025)'!W:W)</f>
        <v>Multiple Scenario 1 (Step 3)</v>
      </c>
      <c r="AA317" s="1330" t="s">
        <v>3220</v>
      </c>
      <c r="AB317" s="661"/>
      <c r="AC317" s="661"/>
      <c r="AD317" s="661"/>
      <c r="AE317" s="661"/>
      <c r="AF317" s="661"/>
      <c r="AG317" s="661"/>
      <c r="AH317" s="661"/>
      <c r="AI317" s="661"/>
      <c r="AJ317" s="661"/>
      <c r="AK317" s="661"/>
      <c r="AL317" s="661"/>
      <c r="AM317" s="661"/>
      <c r="AN317" s="661"/>
      <c r="AO317" s="661"/>
      <c r="AP317" s="661"/>
      <c r="AQ317" s="661"/>
      <c r="AR317" s="661"/>
      <c r="AS317" s="661"/>
      <c r="AT317" s="661"/>
      <c r="AU317" s="661"/>
      <c r="AV317" s="661"/>
      <c r="AW317" s="661"/>
      <c r="AX317" s="661"/>
      <c r="AY317" s="661"/>
      <c r="AZ317" s="661"/>
      <c r="BA317" s="661"/>
      <c r="BB317" s="661"/>
      <c r="BC317" s="661"/>
      <c r="BD317" s="661"/>
      <c r="BE317" s="661"/>
      <c r="BF317" s="661"/>
      <c r="BG317" s="746"/>
      <c r="BH317" s="746"/>
      <c r="BI317" s="746"/>
      <c r="BJ317" s="746"/>
      <c r="BK317" s="746"/>
      <c r="BL317" s="746"/>
      <c r="BM317" s="746"/>
      <c r="BN317" s="746"/>
      <c r="BO317" s="516" t="s">
        <v>66</v>
      </c>
      <c r="BP317" s="516" t="s">
        <v>66</v>
      </c>
      <c r="BQ317" s="516"/>
      <c r="BR317" s="516"/>
      <c r="BS317" s="884">
        <f t="shared" si="397"/>
        <v>3100</v>
      </c>
      <c r="BT317" s="661">
        <f t="shared" si="494"/>
        <v>11.046774193548387</v>
      </c>
      <c r="BU317" s="661"/>
      <c r="BV317" s="898" t="str">
        <f t="shared" si="501"/>
        <v/>
      </c>
      <c r="BW317" s="898" t="str">
        <f t="shared" si="502"/>
        <v/>
      </c>
      <c r="BX317" s="898" t="str">
        <f t="shared" si="503"/>
        <v/>
      </c>
      <c r="BY317" s="898" t="str">
        <f t="shared" si="504"/>
        <v/>
      </c>
      <c r="BZ317" s="898" t="str">
        <f t="shared" si="505"/>
        <v/>
      </c>
      <c r="CA317" s="898" t="str">
        <f t="shared" si="506"/>
        <v/>
      </c>
      <c r="CB317" s="898" t="str">
        <f t="shared" si="507"/>
        <v/>
      </c>
      <c r="CC317" s="898" t="str">
        <f t="shared" si="508"/>
        <v/>
      </c>
      <c r="CD317" s="898" t="str">
        <f t="shared" si="509"/>
        <v/>
      </c>
      <c r="CE317" s="898" t="str">
        <f t="shared" si="510"/>
        <v/>
      </c>
      <c r="CF317" s="898" t="str">
        <f t="shared" si="511"/>
        <v/>
      </c>
      <c r="CG317" s="898" t="str">
        <f t="shared" si="512"/>
        <v/>
      </c>
      <c r="CH317" s="898" t="str">
        <f t="shared" si="513"/>
        <v/>
      </c>
      <c r="CI317" s="898" t="str">
        <f t="shared" si="514"/>
        <v/>
      </c>
      <c r="CJ317" s="898" t="str">
        <f t="shared" si="515"/>
        <v/>
      </c>
      <c r="CK317" s="898" t="str">
        <f t="shared" si="516"/>
        <v/>
      </c>
      <c r="CL317" s="898" t="str">
        <f t="shared" si="517"/>
        <v/>
      </c>
      <c r="CM317" s="898" t="str">
        <f t="shared" si="518"/>
        <v/>
      </c>
      <c r="CN317" s="898" t="str">
        <f t="shared" si="519"/>
        <v/>
      </c>
      <c r="CO317" s="898" t="str">
        <f t="shared" si="520"/>
        <v/>
      </c>
      <c r="CP317" s="898" t="str">
        <f t="shared" si="521"/>
        <v/>
      </c>
      <c r="CQ317" s="898" t="str">
        <f t="shared" si="522"/>
        <v/>
      </c>
      <c r="CR317" s="898" t="str">
        <f t="shared" si="523"/>
        <v/>
      </c>
      <c r="CS317" s="898" t="str">
        <f t="shared" si="524"/>
        <v/>
      </c>
      <c r="CT317" s="898" t="str">
        <f t="shared" si="525"/>
        <v/>
      </c>
      <c r="CU317" s="898" t="str">
        <f t="shared" si="526"/>
        <v/>
      </c>
      <c r="CV317" s="898" t="str">
        <f t="shared" si="527"/>
        <v/>
      </c>
      <c r="CW317" s="898" t="str">
        <f t="shared" si="528"/>
        <v/>
      </c>
      <c r="CX317" s="898" t="str">
        <f t="shared" si="529"/>
        <v/>
      </c>
      <c r="CY317" s="898" t="str">
        <f t="shared" si="530"/>
        <v/>
      </c>
      <c r="CZ317" s="898" t="str">
        <f t="shared" si="531"/>
        <v/>
      </c>
      <c r="DA317" s="898" t="str">
        <f t="shared" si="536"/>
        <v/>
      </c>
      <c r="DB317" s="898" t="str">
        <f t="shared" si="536"/>
        <v/>
      </c>
      <c r="DC317" s="898" t="str">
        <f t="shared" si="536"/>
        <v/>
      </c>
      <c r="DD317" s="898" t="str">
        <f t="shared" si="536"/>
        <v/>
      </c>
      <c r="DE317" s="898" t="str">
        <f t="shared" si="536"/>
        <v/>
      </c>
      <c r="DF317" s="898" t="str">
        <f t="shared" si="536"/>
        <v/>
      </c>
      <c r="DG317" s="898" t="str">
        <f t="shared" si="536"/>
        <v/>
      </c>
      <c r="DH317" s="898" t="str">
        <f t="shared" si="536"/>
        <v/>
      </c>
      <c r="DI317" s="898">
        <f t="shared" si="532"/>
        <v>16570.16129032258</v>
      </c>
      <c r="DJ317" s="898">
        <f t="shared" si="533"/>
        <v>17674.83870967742</v>
      </c>
      <c r="DK317" s="898" t="str">
        <f t="shared" si="534"/>
        <v/>
      </c>
      <c r="DL317" s="898" t="str">
        <f t="shared" si="535"/>
        <v/>
      </c>
      <c r="DM317" s="661">
        <f t="shared" si="402"/>
        <v>0</v>
      </c>
      <c r="DN317" s="898">
        <f t="shared" si="403"/>
        <v>34245</v>
      </c>
      <c r="DO317" s="516">
        <f t="shared" si="404"/>
        <v>0</v>
      </c>
      <c r="DP317" s="898">
        <f t="shared" si="405"/>
        <v>0</v>
      </c>
      <c r="DQ317" s="860" t="s">
        <v>4246</v>
      </c>
      <c r="DR317" s="1220"/>
      <c r="DS317" s="1221" t="s">
        <v>4248</v>
      </c>
      <c r="DT317" s="632"/>
    </row>
    <row r="318" spans="1:124" ht="171" x14ac:dyDescent="0.2">
      <c r="A318" s="484" t="str">
        <f t="shared" si="396"/>
        <v>A4147 Hemel Hempstead Road Gateway Corridor</v>
      </c>
      <c r="B318" s="1163">
        <v>315</v>
      </c>
      <c r="C318" s="1156" t="s">
        <v>4369</v>
      </c>
      <c r="D318" s="481" t="s">
        <v>2481</v>
      </c>
      <c r="E318" s="481" t="s">
        <v>1385</v>
      </c>
      <c r="F318" s="481" t="s">
        <v>655</v>
      </c>
      <c r="G318" s="775" t="s">
        <v>932</v>
      </c>
      <c r="H318" s="855" t="s">
        <v>942</v>
      </c>
      <c r="I318" s="775" t="str">
        <f t="shared" si="444"/>
        <v>LS-54</v>
      </c>
      <c r="J318" s="673" t="s">
        <v>4370</v>
      </c>
      <c r="K318" s="664" t="s">
        <v>3104</v>
      </c>
      <c r="L318" s="775" t="s">
        <v>1377</v>
      </c>
      <c r="M318" s="543" t="s">
        <v>3005</v>
      </c>
      <c r="N318" s="775" t="s">
        <v>81</v>
      </c>
      <c r="O318" s="654" t="s">
        <v>3051</v>
      </c>
      <c r="P318" s="657" t="s">
        <v>61</v>
      </c>
      <c r="Q318" s="852" t="s">
        <v>122</v>
      </c>
      <c r="R318" s="657"/>
      <c r="S318" s="657"/>
      <c r="T318" s="853">
        <v>2369897</v>
      </c>
      <c r="U318" s="854"/>
      <c r="V318" s="657" t="s">
        <v>4245</v>
      </c>
      <c r="W318" s="642">
        <f t="shared" si="495"/>
        <v>0</v>
      </c>
      <c r="X318" s="745">
        <f t="shared" si="491"/>
        <v>2369897</v>
      </c>
      <c r="Y318" s="745" t="s">
        <v>3106</v>
      </c>
      <c r="Z318" s="745" t="str">
        <f>_xlfn.XLOOKUP(I318, 'CALCS Aecom (July 25 2025)'!F:F, 'CALCS Aecom (July 25 2025)'!W:W)</f>
        <v>Single Scenario 2 (Step 2)</v>
      </c>
      <c r="AA318" s="1330" t="s">
        <v>3220</v>
      </c>
      <c r="AB318" s="661"/>
      <c r="AC318" s="661"/>
      <c r="AD318" s="661"/>
      <c r="AE318" s="661"/>
      <c r="AF318" s="661"/>
      <c r="AG318" s="661"/>
      <c r="AH318" s="661"/>
      <c r="AI318" s="661"/>
      <c r="AJ318" s="661"/>
      <c r="AK318" s="661"/>
      <c r="AL318" s="661"/>
      <c r="AM318" s="661"/>
      <c r="AN318" s="661"/>
      <c r="AO318" s="661"/>
      <c r="AP318" s="661"/>
      <c r="AQ318" s="661"/>
      <c r="AR318" s="661"/>
      <c r="AS318" s="661"/>
      <c r="AT318" s="661"/>
      <c r="AU318" s="661"/>
      <c r="AV318" s="661"/>
      <c r="AW318" s="661"/>
      <c r="AX318" s="661"/>
      <c r="AY318" s="661"/>
      <c r="AZ318" s="661"/>
      <c r="BA318" s="661"/>
      <c r="BB318" s="661"/>
      <c r="BC318" s="661"/>
      <c r="BD318" s="661"/>
      <c r="BE318" s="661"/>
      <c r="BF318" s="661"/>
      <c r="BG318" s="746"/>
      <c r="BH318" s="746"/>
      <c r="BI318" s="746"/>
      <c r="BJ318" s="746"/>
      <c r="BK318" s="746"/>
      <c r="BL318" s="746"/>
      <c r="BM318" s="746"/>
      <c r="BN318" s="746"/>
      <c r="BO318" s="892"/>
      <c r="BP318" s="892"/>
      <c r="BQ318" s="892" t="s">
        <v>66</v>
      </c>
      <c r="BR318" s="892"/>
      <c r="BS318" s="884">
        <f t="shared" si="397"/>
        <v>2400</v>
      </c>
      <c r="BT318" s="661">
        <f t="shared" si="494"/>
        <v>987.45708333333334</v>
      </c>
      <c r="BU318" s="661"/>
      <c r="BV318" s="898" t="str">
        <f t="shared" si="501"/>
        <v/>
      </c>
      <c r="BW318" s="898" t="str">
        <f t="shared" si="502"/>
        <v/>
      </c>
      <c r="BX318" s="898" t="str">
        <f t="shared" si="503"/>
        <v/>
      </c>
      <c r="BY318" s="898" t="str">
        <f t="shared" si="504"/>
        <v/>
      </c>
      <c r="BZ318" s="898" t="str">
        <f t="shared" si="505"/>
        <v/>
      </c>
      <c r="CA318" s="898" t="str">
        <f t="shared" si="506"/>
        <v/>
      </c>
      <c r="CB318" s="898" t="str">
        <f t="shared" si="507"/>
        <v/>
      </c>
      <c r="CC318" s="898" t="str">
        <f t="shared" si="508"/>
        <v/>
      </c>
      <c r="CD318" s="898" t="str">
        <f t="shared" si="509"/>
        <v/>
      </c>
      <c r="CE318" s="898" t="str">
        <f t="shared" si="510"/>
        <v/>
      </c>
      <c r="CF318" s="898" t="str">
        <f t="shared" si="511"/>
        <v/>
      </c>
      <c r="CG318" s="898" t="str">
        <f t="shared" si="512"/>
        <v/>
      </c>
      <c r="CH318" s="898" t="str">
        <f t="shared" si="513"/>
        <v/>
      </c>
      <c r="CI318" s="898" t="str">
        <f t="shared" si="514"/>
        <v/>
      </c>
      <c r="CJ318" s="898" t="str">
        <f t="shared" si="515"/>
        <v/>
      </c>
      <c r="CK318" s="898" t="str">
        <f t="shared" si="516"/>
        <v/>
      </c>
      <c r="CL318" s="898" t="str">
        <f t="shared" si="517"/>
        <v/>
      </c>
      <c r="CM318" s="898" t="str">
        <f t="shared" si="518"/>
        <v/>
      </c>
      <c r="CN318" s="898" t="str">
        <f t="shared" si="519"/>
        <v/>
      </c>
      <c r="CO318" s="898" t="str">
        <f t="shared" si="520"/>
        <v/>
      </c>
      <c r="CP318" s="898" t="str">
        <f t="shared" si="521"/>
        <v/>
      </c>
      <c r="CQ318" s="898" t="str">
        <f t="shared" si="522"/>
        <v/>
      </c>
      <c r="CR318" s="898" t="str">
        <f t="shared" si="523"/>
        <v/>
      </c>
      <c r="CS318" s="898" t="str">
        <f t="shared" si="524"/>
        <v/>
      </c>
      <c r="CT318" s="898" t="str">
        <f t="shared" si="525"/>
        <v/>
      </c>
      <c r="CU318" s="898" t="str">
        <f t="shared" si="526"/>
        <v/>
      </c>
      <c r="CV318" s="898" t="str">
        <f t="shared" si="527"/>
        <v/>
      </c>
      <c r="CW318" s="898" t="str">
        <f t="shared" si="528"/>
        <v/>
      </c>
      <c r="CX318" s="898" t="str">
        <f t="shared" si="529"/>
        <v/>
      </c>
      <c r="CY318" s="898" t="str">
        <f t="shared" si="530"/>
        <v/>
      </c>
      <c r="CZ318" s="898" t="str">
        <f t="shared" si="531"/>
        <v/>
      </c>
      <c r="DA318" s="898" t="str">
        <f t="shared" si="536"/>
        <v/>
      </c>
      <c r="DB318" s="898" t="str">
        <f t="shared" si="536"/>
        <v/>
      </c>
      <c r="DC318" s="898" t="str">
        <f t="shared" si="536"/>
        <v/>
      </c>
      <c r="DD318" s="898" t="str">
        <f t="shared" si="536"/>
        <v/>
      </c>
      <c r="DE318" s="898" t="str">
        <f t="shared" si="536"/>
        <v/>
      </c>
      <c r="DF318" s="898" t="str">
        <f t="shared" si="536"/>
        <v/>
      </c>
      <c r="DG318" s="898" t="str">
        <f t="shared" si="536"/>
        <v/>
      </c>
      <c r="DH318" s="898" t="str">
        <f t="shared" si="536"/>
        <v/>
      </c>
      <c r="DI318" s="898" t="str">
        <f t="shared" si="532"/>
        <v/>
      </c>
      <c r="DJ318" s="898" t="str">
        <f t="shared" si="533"/>
        <v/>
      </c>
      <c r="DK318" s="898">
        <f t="shared" si="534"/>
        <v>2369897</v>
      </c>
      <c r="DL318" s="898" t="str">
        <f t="shared" si="535"/>
        <v/>
      </c>
      <c r="DM318" s="661">
        <f t="shared" si="402"/>
        <v>0</v>
      </c>
      <c r="DN318" s="898">
        <f t="shared" si="403"/>
        <v>2369897</v>
      </c>
      <c r="DO318" s="516">
        <f t="shared" si="404"/>
        <v>0</v>
      </c>
      <c r="DP318" s="898">
        <f t="shared" si="405"/>
        <v>0</v>
      </c>
      <c r="DQ318" s="860" t="s">
        <v>4246</v>
      </c>
      <c r="DR318" s="1220"/>
      <c r="DS318" s="1221" t="s">
        <v>4248</v>
      </c>
      <c r="DT318" s="632"/>
    </row>
    <row r="319" spans="1:124" ht="60" x14ac:dyDescent="0.2">
      <c r="A319" s="484" t="str">
        <f t="shared" si="396"/>
        <v>Bunkers Lane-Blackwater Lane Quietway Crossing Point</v>
      </c>
      <c r="B319" s="1163">
        <v>316</v>
      </c>
      <c r="C319" s="1156" t="s">
        <v>4371</v>
      </c>
      <c r="D319" s="481" t="s">
        <v>2481</v>
      </c>
      <c r="E319" s="481" t="s">
        <v>3415</v>
      </c>
      <c r="F319" s="481" t="s">
        <v>655</v>
      </c>
      <c r="G319" s="775" t="s">
        <v>932</v>
      </c>
      <c r="H319" s="855" t="s">
        <v>944</v>
      </c>
      <c r="I319" s="775" t="str">
        <f t="shared" si="444"/>
        <v>LS-55</v>
      </c>
      <c r="J319" s="673" t="s">
        <v>4372</v>
      </c>
      <c r="K319" s="664" t="s">
        <v>3104</v>
      </c>
      <c r="L319" s="775" t="s">
        <v>1377</v>
      </c>
      <c r="M319" s="515" t="s">
        <v>4244</v>
      </c>
      <c r="N319" s="775" t="s">
        <v>81</v>
      </c>
      <c r="O319" s="654" t="s">
        <v>3051</v>
      </c>
      <c r="P319" s="657" t="s">
        <v>61</v>
      </c>
      <c r="Q319" s="852" t="s">
        <v>122</v>
      </c>
      <c r="R319" s="657"/>
      <c r="S319" s="657"/>
      <c r="T319" s="853">
        <v>312611</v>
      </c>
      <c r="U319" s="854"/>
      <c r="V319" s="657" t="s">
        <v>4245</v>
      </c>
      <c r="W319" s="642">
        <f t="shared" si="495"/>
        <v>0</v>
      </c>
      <c r="X319" s="745">
        <f t="shared" si="491"/>
        <v>312611</v>
      </c>
      <c r="Y319" s="745" t="s">
        <v>3106</v>
      </c>
      <c r="Z319" s="745" t="str">
        <f>_xlfn.XLOOKUP(I319, 'CALCS Aecom (July 25 2025)'!F:F, 'CALCS Aecom (July 25 2025)'!W:W)</f>
        <v>Single Scenario 2 (Step 2)</v>
      </c>
      <c r="AA319" s="1330" t="s">
        <v>3220</v>
      </c>
      <c r="AB319" s="661"/>
      <c r="AC319" s="661"/>
      <c r="AD319" s="661"/>
      <c r="AE319" s="661"/>
      <c r="AF319" s="661"/>
      <c r="AG319" s="661"/>
      <c r="AH319" s="661"/>
      <c r="AI319" s="661"/>
      <c r="AJ319" s="661"/>
      <c r="AK319" s="661"/>
      <c r="AL319" s="661"/>
      <c r="AM319" s="661"/>
      <c r="AN319" s="661"/>
      <c r="AO319" s="661"/>
      <c r="AP319" s="661"/>
      <c r="AQ319" s="661"/>
      <c r="AR319" s="661"/>
      <c r="AS319" s="661"/>
      <c r="AT319" s="661"/>
      <c r="AU319" s="661"/>
      <c r="AV319" s="661"/>
      <c r="AW319" s="661"/>
      <c r="AX319" s="661"/>
      <c r="AY319" s="661"/>
      <c r="AZ319" s="661"/>
      <c r="BA319" s="661"/>
      <c r="BB319" s="661"/>
      <c r="BC319" s="661"/>
      <c r="BD319" s="661"/>
      <c r="BE319" s="661"/>
      <c r="BF319" s="661"/>
      <c r="BG319" s="746"/>
      <c r="BH319" s="746"/>
      <c r="BI319" s="746"/>
      <c r="BJ319" s="746"/>
      <c r="BK319" s="746"/>
      <c r="BL319" s="746"/>
      <c r="BM319" s="746"/>
      <c r="BN319" s="746"/>
      <c r="BO319" s="661"/>
      <c r="BP319" s="661"/>
      <c r="BQ319" s="661" t="s">
        <v>66</v>
      </c>
      <c r="BR319" s="661"/>
      <c r="BS319" s="884">
        <f t="shared" si="397"/>
        <v>2400</v>
      </c>
      <c r="BT319" s="661">
        <f t="shared" si="494"/>
        <v>130.25458333333333</v>
      </c>
      <c r="BU319" s="661" t="str">
        <f>IF(SUM(BV319:DL319)=X319, "GOOD", "ERROR")</f>
        <v>GOOD</v>
      </c>
      <c r="BV319" s="898" t="str">
        <f t="shared" si="501"/>
        <v/>
      </c>
      <c r="BW319" s="898" t="str">
        <f t="shared" si="502"/>
        <v/>
      </c>
      <c r="BX319" s="898" t="str">
        <f t="shared" si="503"/>
        <v/>
      </c>
      <c r="BY319" s="898" t="str">
        <f t="shared" si="504"/>
        <v/>
      </c>
      <c r="BZ319" s="898" t="str">
        <f t="shared" si="505"/>
        <v/>
      </c>
      <c r="CA319" s="898" t="str">
        <f t="shared" si="506"/>
        <v/>
      </c>
      <c r="CB319" s="898" t="str">
        <f t="shared" si="507"/>
        <v/>
      </c>
      <c r="CC319" s="898" t="str">
        <f t="shared" si="508"/>
        <v/>
      </c>
      <c r="CD319" s="898" t="str">
        <f t="shared" si="509"/>
        <v/>
      </c>
      <c r="CE319" s="898" t="str">
        <f t="shared" si="510"/>
        <v/>
      </c>
      <c r="CF319" s="898" t="str">
        <f t="shared" si="511"/>
        <v/>
      </c>
      <c r="CG319" s="898" t="str">
        <f t="shared" si="512"/>
        <v/>
      </c>
      <c r="CH319" s="898" t="str">
        <f t="shared" si="513"/>
        <v/>
      </c>
      <c r="CI319" s="898" t="str">
        <f t="shared" si="514"/>
        <v/>
      </c>
      <c r="CJ319" s="898" t="str">
        <f t="shared" si="515"/>
        <v/>
      </c>
      <c r="CK319" s="898" t="str">
        <f t="shared" si="516"/>
        <v/>
      </c>
      <c r="CL319" s="898" t="str">
        <f t="shared" si="517"/>
        <v/>
      </c>
      <c r="CM319" s="898" t="str">
        <f t="shared" si="518"/>
        <v/>
      </c>
      <c r="CN319" s="898" t="str">
        <f t="shared" si="519"/>
        <v/>
      </c>
      <c r="CO319" s="898" t="str">
        <f t="shared" si="520"/>
        <v/>
      </c>
      <c r="CP319" s="898" t="str">
        <f t="shared" si="521"/>
        <v/>
      </c>
      <c r="CQ319" s="898" t="str">
        <f t="shared" si="522"/>
        <v/>
      </c>
      <c r="CR319" s="898" t="str">
        <f t="shared" si="523"/>
        <v/>
      </c>
      <c r="CS319" s="898" t="str">
        <f t="shared" si="524"/>
        <v/>
      </c>
      <c r="CT319" s="898" t="str">
        <f t="shared" si="525"/>
        <v/>
      </c>
      <c r="CU319" s="898" t="str">
        <f t="shared" si="526"/>
        <v/>
      </c>
      <c r="CV319" s="898" t="str">
        <f t="shared" si="527"/>
        <v/>
      </c>
      <c r="CW319" s="898" t="str">
        <f t="shared" si="528"/>
        <v/>
      </c>
      <c r="CX319" s="898" t="str">
        <f t="shared" si="529"/>
        <v/>
      </c>
      <c r="CY319" s="898" t="str">
        <f t="shared" si="530"/>
        <v/>
      </c>
      <c r="CZ319" s="898" t="str">
        <f t="shared" si="531"/>
        <v/>
      </c>
      <c r="DA319" s="898"/>
      <c r="DB319" s="898"/>
      <c r="DC319" s="898"/>
      <c r="DD319" s="898"/>
      <c r="DE319" s="898"/>
      <c r="DF319" s="898"/>
      <c r="DG319" s="898"/>
      <c r="DH319" s="898"/>
      <c r="DI319" s="898" t="str">
        <f t="shared" si="532"/>
        <v/>
      </c>
      <c r="DJ319" s="898" t="str">
        <f t="shared" si="533"/>
        <v/>
      </c>
      <c r="DK319" s="898">
        <f t="shared" si="534"/>
        <v>312611</v>
      </c>
      <c r="DL319" s="898" t="str">
        <f t="shared" si="535"/>
        <v/>
      </c>
      <c r="DM319" s="661">
        <f t="shared" si="402"/>
        <v>0</v>
      </c>
      <c r="DN319" s="898">
        <f t="shared" si="403"/>
        <v>312611</v>
      </c>
      <c r="DO319" s="516">
        <f t="shared" si="404"/>
        <v>0</v>
      </c>
      <c r="DP319" s="898">
        <f t="shared" si="405"/>
        <v>0</v>
      </c>
      <c r="DQ319" s="860" t="s">
        <v>4246</v>
      </c>
      <c r="DR319" s="610" t="s">
        <v>4247</v>
      </c>
      <c r="DS319" s="1221" t="s">
        <v>4248</v>
      </c>
      <c r="DT319" s="632"/>
    </row>
    <row r="320" spans="1:124" ht="57" x14ac:dyDescent="0.2">
      <c r="A320" s="484" t="str">
        <f t="shared" si="396"/>
        <v>The Denes Centre Local Mobility Hub</v>
      </c>
      <c r="B320" s="1163">
        <v>317</v>
      </c>
      <c r="C320" s="1156" t="s">
        <v>4373</v>
      </c>
      <c r="D320" s="481" t="s">
        <v>2481</v>
      </c>
      <c r="E320" s="481" t="s">
        <v>53</v>
      </c>
      <c r="F320" s="481" t="s">
        <v>655</v>
      </c>
      <c r="G320" s="775" t="s">
        <v>830</v>
      </c>
      <c r="H320" s="855" t="s">
        <v>946</v>
      </c>
      <c r="I320" s="775" t="str">
        <f t="shared" si="444"/>
        <v>LS-56</v>
      </c>
      <c r="J320" s="855" t="s">
        <v>4374</v>
      </c>
      <c r="K320" s="664" t="s">
        <v>3104</v>
      </c>
      <c r="L320" s="852" t="s">
        <v>3167</v>
      </c>
      <c r="M320" s="713" t="s">
        <v>2996</v>
      </c>
      <c r="N320" s="775" t="s">
        <v>81</v>
      </c>
      <c r="O320" s="654" t="s">
        <v>3051</v>
      </c>
      <c r="P320" s="657" t="s">
        <v>61</v>
      </c>
      <c r="Q320" s="852" t="s">
        <v>122</v>
      </c>
      <c r="R320" s="657"/>
      <c r="S320" s="657"/>
      <c r="T320" s="853">
        <v>370629.19</v>
      </c>
      <c r="U320" s="854"/>
      <c r="V320" s="657" t="s">
        <v>4245</v>
      </c>
      <c r="W320" s="642">
        <f t="shared" si="495"/>
        <v>0</v>
      </c>
      <c r="X320" s="745">
        <f t="shared" si="491"/>
        <v>370629.19</v>
      </c>
      <c r="Y320" s="745" t="s">
        <v>3106</v>
      </c>
      <c r="Z320" s="745" t="str">
        <f>_xlfn.XLOOKUP(I320, 'CALCS Aecom (July 25 2025)'!F:F, 'CALCS Aecom (July 25 2025)'!W:W)</f>
        <v>Multiple Scenario 2 (Step 9)</v>
      </c>
      <c r="AA320" s="1332" t="s">
        <v>82</v>
      </c>
      <c r="AB320" s="661" t="s">
        <v>66</v>
      </c>
      <c r="AC320" s="661" t="s">
        <v>66</v>
      </c>
      <c r="AD320" s="661" t="s">
        <v>66</v>
      </c>
      <c r="AE320" s="661" t="s">
        <v>66</v>
      </c>
      <c r="AF320" s="661" t="s">
        <v>66</v>
      </c>
      <c r="AG320" s="661" t="s">
        <v>66</v>
      </c>
      <c r="AH320" s="661" t="s">
        <v>66</v>
      </c>
      <c r="AI320" s="661" t="s">
        <v>66</v>
      </c>
      <c r="AJ320" s="661" t="s">
        <v>66</v>
      </c>
      <c r="AK320" s="661" t="s">
        <v>66</v>
      </c>
      <c r="AL320" s="661" t="s">
        <v>66</v>
      </c>
      <c r="AM320" s="661" t="s">
        <v>66</v>
      </c>
      <c r="AN320" s="661" t="s">
        <v>66</v>
      </c>
      <c r="AO320" s="661" t="s">
        <v>66</v>
      </c>
      <c r="AP320" s="661" t="s">
        <v>66</v>
      </c>
      <c r="AQ320" s="661" t="s">
        <v>66</v>
      </c>
      <c r="AR320" s="661" t="s">
        <v>66</v>
      </c>
      <c r="AS320" s="661"/>
      <c r="AT320" s="661"/>
      <c r="AU320" s="661"/>
      <c r="AV320" s="661"/>
      <c r="AW320" s="661"/>
      <c r="AX320" s="661"/>
      <c r="AY320" s="661"/>
      <c r="AZ320" s="661"/>
      <c r="BA320" s="661"/>
      <c r="BB320" s="661"/>
      <c r="BC320" s="661"/>
      <c r="BD320" s="661"/>
      <c r="BE320" s="661"/>
      <c r="BF320" s="661"/>
      <c r="BG320" s="746"/>
      <c r="BH320" s="746"/>
      <c r="BI320" s="746"/>
      <c r="BJ320" s="746"/>
      <c r="BK320" s="746"/>
      <c r="BL320" s="746"/>
      <c r="BM320" s="746"/>
      <c r="BN320" s="746"/>
      <c r="BO320" s="661" t="s">
        <v>66</v>
      </c>
      <c r="BP320" s="661" t="s">
        <v>66</v>
      </c>
      <c r="BQ320" s="661" t="s">
        <v>66</v>
      </c>
      <c r="BR320" s="654"/>
      <c r="BS320" s="884">
        <f t="shared" si="397"/>
        <v>18054</v>
      </c>
      <c r="BT320" s="661">
        <f t="shared" si="494"/>
        <v>20.528923784202949</v>
      </c>
      <c r="BU320" s="661" t="str">
        <f>IF(SUM(BV320:DL320)=X320, "GOOD", "ERROR")</f>
        <v>GOOD</v>
      </c>
      <c r="BV320" s="898">
        <f t="shared" si="501"/>
        <v>102644.61892101474</v>
      </c>
      <c r="BW320" s="898">
        <f t="shared" si="502"/>
        <v>4105.7847568405896</v>
      </c>
      <c r="BX320" s="898">
        <f t="shared" si="503"/>
        <v>9238.0157028913272</v>
      </c>
      <c r="BY320" s="898">
        <f t="shared" si="504"/>
        <v>7185.123324471032</v>
      </c>
      <c r="BZ320" s="898">
        <f t="shared" si="505"/>
        <v>10264.461892101473</v>
      </c>
      <c r="CA320" s="898">
        <f t="shared" si="506"/>
        <v>9853.883416417415</v>
      </c>
      <c r="CB320" s="898">
        <f t="shared" si="507"/>
        <v>2052.8923784202948</v>
      </c>
      <c r="CC320" s="898">
        <f t="shared" si="508"/>
        <v>8006.2802758391499</v>
      </c>
      <c r="CD320" s="898">
        <f t="shared" si="509"/>
        <v>10264.461892101473</v>
      </c>
      <c r="CE320" s="898">
        <f t="shared" si="510"/>
        <v>10264.461892101473</v>
      </c>
      <c r="CF320" s="898">
        <f t="shared" si="511"/>
        <v>15396.692838152212</v>
      </c>
      <c r="CG320" s="898">
        <f t="shared" si="512"/>
        <v>4105.7847568405896</v>
      </c>
      <c r="CH320" s="898">
        <f t="shared" si="513"/>
        <v>4803.7681655034903</v>
      </c>
      <c r="CI320" s="898">
        <f t="shared" si="514"/>
        <v>7185.123324471032</v>
      </c>
      <c r="CJ320" s="898">
        <f t="shared" si="515"/>
        <v>1847.6031405782653</v>
      </c>
      <c r="CK320" s="898">
        <f t="shared" si="516"/>
        <v>1642.3139027362358</v>
      </c>
      <c r="CL320" s="898">
        <f t="shared" si="517"/>
        <v>48858.83860640302</v>
      </c>
      <c r="CM320" s="898" t="str">
        <f t="shared" si="518"/>
        <v/>
      </c>
      <c r="CN320" s="898" t="str">
        <f t="shared" si="519"/>
        <v/>
      </c>
      <c r="CO320" s="898" t="str">
        <f t="shared" si="520"/>
        <v/>
      </c>
      <c r="CP320" s="898" t="str">
        <f t="shared" si="521"/>
        <v/>
      </c>
      <c r="CQ320" s="898" t="str">
        <f t="shared" si="522"/>
        <v/>
      </c>
      <c r="CR320" s="898" t="str">
        <f t="shared" si="523"/>
        <v/>
      </c>
      <c r="CS320" s="898" t="str">
        <f t="shared" si="524"/>
        <v/>
      </c>
      <c r="CT320" s="898" t="str">
        <f t="shared" si="525"/>
        <v/>
      </c>
      <c r="CU320" s="898" t="str">
        <f t="shared" si="526"/>
        <v/>
      </c>
      <c r="CV320" s="898" t="str">
        <f t="shared" si="527"/>
        <v/>
      </c>
      <c r="CW320" s="898" t="str">
        <f t="shared" si="528"/>
        <v/>
      </c>
      <c r="CX320" s="898" t="str">
        <f t="shared" si="529"/>
        <v/>
      </c>
      <c r="CY320" s="898" t="str">
        <f t="shared" si="530"/>
        <v/>
      </c>
      <c r="CZ320" s="898" t="str">
        <f t="shared" si="531"/>
        <v/>
      </c>
      <c r="DA320" s="898" t="str">
        <f t="shared" ref="DA320:DH320" si="537">IF(BG320="yes",(BG$3*$BT320),"")</f>
        <v/>
      </c>
      <c r="DB320" s="898" t="str">
        <f t="shared" si="537"/>
        <v/>
      </c>
      <c r="DC320" s="898" t="str">
        <f t="shared" si="537"/>
        <v/>
      </c>
      <c r="DD320" s="898" t="str">
        <f t="shared" si="537"/>
        <v/>
      </c>
      <c r="DE320" s="898" t="str">
        <f t="shared" si="537"/>
        <v/>
      </c>
      <c r="DF320" s="898" t="str">
        <f t="shared" si="537"/>
        <v/>
      </c>
      <c r="DG320" s="898" t="str">
        <f t="shared" si="537"/>
        <v/>
      </c>
      <c r="DH320" s="898" t="str">
        <f t="shared" si="537"/>
        <v/>
      </c>
      <c r="DI320" s="898">
        <f t="shared" si="532"/>
        <v>30793.385676304424</v>
      </c>
      <c r="DJ320" s="898">
        <f t="shared" si="533"/>
        <v>32846.278054724717</v>
      </c>
      <c r="DK320" s="898">
        <f t="shared" si="534"/>
        <v>49269.417082087079</v>
      </c>
      <c r="DL320" s="898" t="str">
        <f t="shared" si="535"/>
        <v/>
      </c>
      <c r="DM320" s="661">
        <f t="shared" si="402"/>
        <v>257720.10918688378</v>
      </c>
      <c r="DN320" s="898">
        <f t="shared" si="403"/>
        <v>112909.08081311622</v>
      </c>
      <c r="DO320" s="516">
        <f t="shared" si="404"/>
        <v>0</v>
      </c>
      <c r="DP320" s="898">
        <f t="shared" si="405"/>
        <v>0</v>
      </c>
      <c r="DQ320" s="860" t="s">
        <v>4246</v>
      </c>
      <c r="DR320" s="610" t="s">
        <v>4247</v>
      </c>
      <c r="DS320" s="1221" t="s">
        <v>4248</v>
      </c>
      <c r="DT320" s="632"/>
    </row>
    <row r="321" spans="1:124" ht="256.5" x14ac:dyDescent="0.2">
      <c r="A321" s="484" t="str">
        <f t="shared" si="396"/>
        <v>Two Waters (London Road) Local Mobility Hub</v>
      </c>
      <c r="B321" s="1163">
        <v>318</v>
      </c>
      <c r="C321" s="1156" t="s">
        <v>4375</v>
      </c>
      <c r="D321" s="481" t="s">
        <v>2481</v>
      </c>
      <c r="E321" s="481" t="s">
        <v>53</v>
      </c>
      <c r="F321" s="481" t="s">
        <v>655</v>
      </c>
      <c r="G321" s="775" t="s">
        <v>830</v>
      </c>
      <c r="H321" s="855" t="s">
        <v>949</v>
      </c>
      <c r="I321" s="775" t="str">
        <f t="shared" si="444"/>
        <v>LS-57</v>
      </c>
      <c r="J321" s="855" t="s">
        <v>4376</v>
      </c>
      <c r="K321" s="664" t="s">
        <v>3104</v>
      </c>
      <c r="L321" s="852" t="s">
        <v>4377</v>
      </c>
      <c r="M321" s="657" t="s">
        <v>2996</v>
      </c>
      <c r="N321" s="775" t="s">
        <v>81</v>
      </c>
      <c r="O321" s="654" t="s">
        <v>3051</v>
      </c>
      <c r="P321" s="657" t="s">
        <v>61</v>
      </c>
      <c r="Q321" s="852" t="s">
        <v>122</v>
      </c>
      <c r="R321" s="657"/>
      <c r="S321" s="657"/>
      <c r="T321" s="853">
        <v>370629.19</v>
      </c>
      <c r="U321" s="854"/>
      <c r="V321" s="657" t="s">
        <v>4245</v>
      </c>
      <c r="W321" s="642">
        <f t="shared" si="495"/>
        <v>0</v>
      </c>
      <c r="X321" s="745">
        <f t="shared" si="491"/>
        <v>370629.19</v>
      </c>
      <c r="Y321" s="745" t="s">
        <v>4260</v>
      </c>
      <c r="Z321" s="745" t="str">
        <f>_xlfn.XLOOKUP(I321, 'CALCS Aecom (July 25 2025)'!F:F, 'CALCS Aecom (July 25 2025)'!W:W)</f>
        <v>Mutliple Scenario 2 (Step 5)</v>
      </c>
      <c r="AA321" s="650" t="s">
        <v>65</v>
      </c>
      <c r="AB321" s="713" t="str">
        <f t="shared" ref="AB321:AR321" si="538">IF(BV321&gt;0, "Yes", "")</f>
        <v>Yes</v>
      </c>
      <c r="AC321" s="713" t="str">
        <f t="shared" si="538"/>
        <v>Yes</v>
      </c>
      <c r="AD321" s="713" t="str">
        <f t="shared" si="538"/>
        <v>Yes</v>
      </c>
      <c r="AE321" s="713" t="str">
        <f t="shared" si="538"/>
        <v>Yes</v>
      </c>
      <c r="AF321" s="713" t="str">
        <f t="shared" si="538"/>
        <v>Yes</v>
      </c>
      <c r="AG321" s="713" t="str">
        <f t="shared" si="538"/>
        <v>Yes</v>
      </c>
      <c r="AH321" s="713" t="str">
        <f t="shared" si="538"/>
        <v>Yes</v>
      </c>
      <c r="AI321" s="713" t="str">
        <f t="shared" si="538"/>
        <v>Yes</v>
      </c>
      <c r="AJ321" s="713" t="str">
        <f t="shared" si="538"/>
        <v>Yes</v>
      </c>
      <c r="AK321" s="713" t="str">
        <f t="shared" si="538"/>
        <v>Yes</v>
      </c>
      <c r="AL321" s="713" t="str">
        <f t="shared" si="538"/>
        <v>Yes</v>
      </c>
      <c r="AM321" s="713" t="str">
        <f t="shared" si="538"/>
        <v>Yes</v>
      </c>
      <c r="AN321" s="713" t="str">
        <f t="shared" si="538"/>
        <v/>
      </c>
      <c r="AO321" s="713" t="str">
        <f t="shared" si="538"/>
        <v>Yes</v>
      </c>
      <c r="AP321" s="713" t="str">
        <f t="shared" si="538"/>
        <v/>
      </c>
      <c r="AQ321" s="713" t="str">
        <f t="shared" si="538"/>
        <v/>
      </c>
      <c r="AR321" s="713" t="str">
        <f t="shared" si="538"/>
        <v/>
      </c>
      <c r="AS321" s="661"/>
      <c r="AT321" s="661"/>
      <c r="AU321" s="661"/>
      <c r="AV321" s="661"/>
      <c r="AW321" s="661"/>
      <c r="AX321" s="661"/>
      <c r="AY321" s="661"/>
      <c r="AZ321" s="661"/>
      <c r="BA321" s="661"/>
      <c r="BB321" s="661"/>
      <c r="BC321" s="661"/>
      <c r="BD321" s="661"/>
      <c r="BE321" s="661"/>
      <c r="BF321" s="661"/>
      <c r="BG321" s="746"/>
      <c r="BH321" s="746"/>
      <c r="BI321" s="746"/>
      <c r="BJ321" s="746"/>
      <c r="BK321" s="746"/>
      <c r="BL321" s="746"/>
      <c r="BM321" s="746"/>
      <c r="BN321" s="746"/>
      <c r="BO321" s="892" t="str">
        <f>IF(DI321&gt;0, "Yes", "")</f>
        <v>Yes</v>
      </c>
      <c r="BP321" s="892" t="str">
        <f>IF(DJ321&gt;0, "Yes", "")</f>
        <v>Yes</v>
      </c>
      <c r="BQ321" s="892" t="str">
        <f>IF(DK321&gt;0, "Yes", "")</f>
        <v>Yes</v>
      </c>
      <c r="BR321" s="892" t="str">
        <f>IF(DL321&gt;0, "Yes", "")</f>
        <v/>
      </c>
      <c r="BS321" s="884">
        <f t="shared" si="397"/>
        <v>15270</v>
      </c>
      <c r="BT321" s="661">
        <f t="shared" si="494"/>
        <v>24.27172167648985</v>
      </c>
      <c r="BU321" s="661" t="str">
        <f>IF(SUM(BV321:DL321)=X321, "GOOD", "ERROR")</f>
        <v>GOOD</v>
      </c>
      <c r="BV321" s="1149">
        <f>$X321*_xlfn.XLOOKUP($I321, 'CALCS Aecom (July 25 2025)'!$F:$F, 'CALCS Aecom (July 25 2025)'!BZ:BZ)</f>
        <v>64187.178156424583</v>
      </c>
      <c r="BW321" s="1149">
        <f>$X321*_xlfn.XLOOKUP($I321, 'CALCS Aecom (July 25 2025)'!$F:$F, 'CALCS Aecom (July 25 2025)'!CC:CC)</f>
        <v>4141.1082681564249</v>
      </c>
      <c r="BX321" s="1149">
        <f>$X321*_xlfn.XLOOKUP($I321, 'CALCS Aecom (July 25 2025)'!$F:$F, 'CALCS Aecom (July 25 2025)'!CI:CI)</f>
        <v>6211.6624022346368</v>
      </c>
      <c r="BY321" s="1149">
        <f>$X321*_xlfn.XLOOKUP($I321, 'CALCS Aecom (July 25 2025)'!$F:$F, 'CALCS Aecom (July 25 2025)'!BQ:BQ)</f>
        <v>6211.6624022346368</v>
      </c>
      <c r="BZ321" s="1149">
        <f>$X321*_xlfn.XLOOKUP($I321, 'CALCS Aecom (July 25 2025)'!$F:$F, 'CALCS Aecom (July 25 2025)'!BV:BV)</f>
        <v>10352.770670391061</v>
      </c>
      <c r="CA321" s="1149">
        <f>$X321*_xlfn.XLOOKUP($I321, 'CALCS Aecom (July 25 2025)'!$F:$F, 'CALCS Aecom (July 25 2025)'!BR:BR)</f>
        <v>14493.878938547487</v>
      </c>
      <c r="CB321" s="1149">
        <f>$X321*_xlfn.XLOOKUP($I321, 'CALCS Aecom (July 25 2025)'!$F:$F, 'CALCS Aecom (July 25 2025)'!CD:CD)</f>
        <v>10352.770670391061</v>
      </c>
      <c r="CC321" s="1149">
        <f>$X321*_xlfn.XLOOKUP($I321, 'CALCS Aecom (July 25 2025)'!$F:$F, 'CALCS Aecom (July 25 2025)'!BT:BT)</f>
        <v>6211.6624022346368</v>
      </c>
      <c r="CD321" s="1149">
        <f>$X321*_xlfn.XLOOKUP($I321, 'CALCS Aecom (July 25 2025)'!$F:$F, 'CALCS Aecom (July 25 2025)'!BU:BU)</f>
        <v>37269.974413407821</v>
      </c>
      <c r="CE321" s="1149">
        <f>$X321*_xlfn.XLOOKUP($I321, 'CALCS Aecom (July 25 2025)'!$F:$F, 'CALCS Aecom (July 25 2025)'!BW:BW)</f>
        <v>173926.54726256983</v>
      </c>
      <c r="CF321" s="1149">
        <f>$X321*_xlfn.XLOOKUP($I321, 'CALCS Aecom (July 25 2025)'!$F:$F, 'CALCS Aecom (July 25 2025)'!BS:BS)</f>
        <v>8282.2165363128497</v>
      </c>
      <c r="CG321" s="1149">
        <f>$X321*_xlfn.XLOOKUP($I321, 'CALCS Aecom (July 25 2025)'!$F:$F, 'CALCS Aecom (July 25 2025)'!CE:CE)</f>
        <v>2070.5541340782124</v>
      </c>
      <c r="CH321" s="1149">
        <f>$X321*_xlfn.XLOOKUP($I321, 'CALCS Aecom (July 25 2025)'!$F:$F, 'CALCS Aecom (July 25 2025)'!CJ:CJ)</f>
        <v>0</v>
      </c>
      <c r="CI321" s="1149">
        <f>$X321*_xlfn.XLOOKUP($I321, 'CALCS Aecom (July 25 2025)'!$F:$F, 'CALCS Aecom (July 25 2025)'!CB:CB)</f>
        <v>2070.5541340782124</v>
      </c>
      <c r="CJ321" s="1149">
        <f>$X321*_xlfn.XLOOKUP($I321, 'CALCS Aecom (July 25 2025)'!$F:$F, 'CALCS Aecom (July 25 2025)'!CF:CF)</f>
        <v>0</v>
      </c>
      <c r="CK321" s="1149">
        <f>$X321*_xlfn.XLOOKUP($I321, 'CALCS Aecom (July 25 2025)'!$F:$F, 'CALCS Aecom (July 25 2025)'!CG:CG)</f>
        <v>0</v>
      </c>
      <c r="CL321" s="1149"/>
      <c r="CM321" s="898"/>
      <c r="CN321" s="898"/>
      <c r="CO321" s="898"/>
      <c r="CP321" s="898"/>
      <c r="CQ321" s="898"/>
      <c r="CR321" s="898"/>
      <c r="CS321" s="898"/>
      <c r="CT321" s="898"/>
      <c r="CU321" s="898"/>
      <c r="CV321" s="898"/>
      <c r="CW321" s="898"/>
      <c r="CX321" s="898"/>
      <c r="CY321" s="898"/>
      <c r="CZ321" s="898"/>
      <c r="DA321" s="898"/>
      <c r="DB321" s="898"/>
      <c r="DC321" s="898"/>
      <c r="DD321" s="898"/>
      <c r="DE321" s="898"/>
      <c r="DF321" s="898"/>
      <c r="DG321" s="898"/>
      <c r="DH321" s="898"/>
      <c r="DI321" s="1149">
        <f>$X321*_xlfn.XLOOKUP($I321, 'CALCS Aecom (July 25 2025)'!$F:$F, 'CALCS Aecom (July 25 2025)'!CA:CA)</f>
        <v>4141.1082681564249</v>
      </c>
      <c r="DJ321" s="1149">
        <f>$X321*_xlfn.XLOOKUP($I321, 'CALCS Aecom (July 25 2025)'!$F:$F, 'CALCS Aecom (July 25 2025)'!BX:BX)</f>
        <v>8282.2165363128497</v>
      </c>
      <c r="DK321" s="1149">
        <f>$X321*_xlfn.XLOOKUP($I321, 'CALCS Aecom (July 25 2025)'!$F:$F, 'CALCS Aecom (July 25 2025)'!BY:BY)</f>
        <v>12423.324804469274</v>
      </c>
      <c r="DL321" s="1149">
        <f>$X321*_xlfn.XLOOKUP($I321, 'CALCS Aecom (July 25 2025)'!$F:$F, 'CALCS Aecom (July 25 2025)'!CH:CH)</f>
        <v>0</v>
      </c>
      <c r="DM321" s="661">
        <f t="shared" si="402"/>
        <v>345782.54039106146</v>
      </c>
      <c r="DN321" s="898">
        <f t="shared" si="403"/>
        <v>24846.649608938547</v>
      </c>
      <c r="DO321" s="516">
        <f t="shared" si="404"/>
        <v>0</v>
      </c>
      <c r="DP321" s="898">
        <f t="shared" si="405"/>
        <v>0</v>
      </c>
      <c r="DQ321" s="860" t="s">
        <v>4246</v>
      </c>
      <c r="DR321" s="860" t="s">
        <v>4261</v>
      </c>
      <c r="DS321" s="1221" t="s">
        <v>4248</v>
      </c>
      <c r="DT321" s="632"/>
    </row>
    <row r="322" spans="1:124" ht="71.25" x14ac:dyDescent="0.2">
      <c r="A322" s="484" t="str">
        <f t="shared" si="396"/>
        <v xml:space="preserve">E-Bike Hire Scheme with E-Bike docking hubs (where not co-located at Mobility Hubs) - Hemel Hempstead Inner </v>
      </c>
      <c r="B322" s="1163">
        <v>319</v>
      </c>
      <c r="C322" s="1156" t="s">
        <v>4378</v>
      </c>
      <c r="D322" s="481" t="s">
        <v>2481</v>
      </c>
      <c r="E322" s="481" t="s">
        <v>912</v>
      </c>
      <c r="F322" s="481" t="s">
        <v>655</v>
      </c>
      <c r="G322" s="775" t="s">
        <v>932</v>
      </c>
      <c r="H322" s="673" t="s">
        <v>952</v>
      </c>
      <c r="I322" s="775" t="str">
        <f t="shared" si="444"/>
        <v>LS-58</v>
      </c>
      <c r="J322" s="673" t="s">
        <v>4379</v>
      </c>
      <c r="K322" s="664" t="s">
        <v>3104</v>
      </c>
      <c r="L322" s="852" t="s">
        <v>3167</v>
      </c>
      <c r="M322" s="515" t="s">
        <v>4244</v>
      </c>
      <c r="N322" s="775" t="s">
        <v>81</v>
      </c>
      <c r="O322" s="664" t="s">
        <v>291</v>
      </c>
      <c r="P322" s="657" t="s">
        <v>61</v>
      </c>
      <c r="Q322" s="852" t="s">
        <v>71</v>
      </c>
      <c r="R322" s="657"/>
      <c r="S322" s="657"/>
      <c r="T322" s="676" t="s">
        <v>3360</v>
      </c>
      <c r="U322" s="745"/>
      <c r="V322" s="657" t="s">
        <v>4245</v>
      </c>
      <c r="W322" s="642"/>
      <c r="X322" s="745"/>
      <c r="Y322" s="745" t="s">
        <v>3106</v>
      </c>
      <c r="Z322" s="745" t="str">
        <f>_xlfn.XLOOKUP(I322, 'CALCS Aecom (July 25 2025)'!F:F, 'CALCS Aecom (July 25 2025)'!W:W)</f>
        <v>Multiple Scenario 2 (Step 7)</v>
      </c>
      <c r="AA322" s="650" t="s">
        <v>65</v>
      </c>
      <c r="AB322" s="713" t="s">
        <v>66</v>
      </c>
      <c r="AC322" s="713" t="s">
        <v>66</v>
      </c>
      <c r="AD322" s="713" t="s">
        <v>66</v>
      </c>
      <c r="AE322" s="713" t="s">
        <v>66</v>
      </c>
      <c r="AF322" s="713" t="s">
        <v>66</v>
      </c>
      <c r="AG322" s="713" t="s">
        <v>66</v>
      </c>
      <c r="AH322" s="713" t="s">
        <v>66</v>
      </c>
      <c r="AI322" s="713" t="s">
        <v>66</v>
      </c>
      <c r="AJ322" s="713" t="s">
        <v>66</v>
      </c>
      <c r="AK322" s="713" t="s">
        <v>66</v>
      </c>
      <c r="AL322" s="713" t="s">
        <v>66</v>
      </c>
      <c r="AM322" s="713" t="s">
        <v>66</v>
      </c>
      <c r="AN322" s="713" t="s">
        <v>66</v>
      </c>
      <c r="AO322" s="713" t="s">
        <v>66</v>
      </c>
      <c r="AP322" s="713" t="s">
        <v>66</v>
      </c>
      <c r="AQ322" s="713" t="s">
        <v>66</v>
      </c>
      <c r="AR322" s="713" t="s">
        <v>66</v>
      </c>
      <c r="AS322" s="661"/>
      <c r="AT322" s="661"/>
      <c r="AU322" s="661"/>
      <c r="AV322" s="661"/>
      <c r="AW322" s="661"/>
      <c r="AX322" s="661"/>
      <c r="AY322" s="661"/>
      <c r="AZ322" s="661"/>
      <c r="BA322" s="661"/>
      <c r="BB322" s="661"/>
      <c r="BC322" s="661"/>
      <c r="BD322" s="661"/>
      <c r="BE322" s="661"/>
      <c r="BF322" s="661"/>
      <c r="BG322" s="746"/>
      <c r="BH322" s="746"/>
      <c r="BI322" s="746"/>
      <c r="BJ322" s="746"/>
      <c r="BK322" s="746"/>
      <c r="BL322" s="746"/>
      <c r="BM322" s="746"/>
      <c r="BN322" s="746"/>
      <c r="BO322" s="713" t="s">
        <v>66</v>
      </c>
      <c r="BP322" s="713" t="s">
        <v>66</v>
      </c>
      <c r="BQ322" s="713" t="s">
        <v>66</v>
      </c>
      <c r="BR322" s="713" t="s">
        <v>66</v>
      </c>
      <c r="BS322" s="884">
        <f t="shared" si="397"/>
        <v>21225</v>
      </c>
      <c r="BT322" s="661">
        <f t="shared" si="494"/>
        <v>0</v>
      </c>
      <c r="BU322" s="661" t="str">
        <f>IF(SUM(BV322:DL322)=X322, "GOOD", "ERROR")</f>
        <v>GOOD</v>
      </c>
      <c r="BV322" s="898">
        <f t="shared" ref="BV322:CE326" si="539">IF(AB322="yes",(AB$3*$BT322),"")</f>
        <v>0</v>
      </c>
      <c r="BW322" s="898">
        <f t="shared" si="539"/>
        <v>0</v>
      </c>
      <c r="BX322" s="898">
        <f t="shared" si="539"/>
        <v>0</v>
      </c>
      <c r="BY322" s="898">
        <f t="shared" si="539"/>
        <v>0</v>
      </c>
      <c r="BZ322" s="898">
        <f t="shared" si="539"/>
        <v>0</v>
      </c>
      <c r="CA322" s="898">
        <f t="shared" si="539"/>
        <v>0</v>
      </c>
      <c r="CB322" s="898">
        <f t="shared" si="539"/>
        <v>0</v>
      </c>
      <c r="CC322" s="898">
        <f t="shared" si="539"/>
        <v>0</v>
      </c>
      <c r="CD322" s="898">
        <f t="shared" si="539"/>
        <v>0</v>
      </c>
      <c r="CE322" s="898">
        <f t="shared" si="539"/>
        <v>0</v>
      </c>
      <c r="CF322" s="898">
        <f t="shared" ref="CF322:CO326" si="540">IF(AL322="yes",(AL$3*$BT322),"")</f>
        <v>0</v>
      </c>
      <c r="CG322" s="898">
        <f t="shared" si="540"/>
        <v>0</v>
      </c>
      <c r="CH322" s="898">
        <f t="shared" si="540"/>
        <v>0</v>
      </c>
      <c r="CI322" s="898">
        <f t="shared" si="540"/>
        <v>0</v>
      </c>
      <c r="CJ322" s="898">
        <f t="shared" si="540"/>
        <v>0</v>
      </c>
      <c r="CK322" s="898">
        <f t="shared" si="540"/>
        <v>0</v>
      </c>
      <c r="CL322" s="898">
        <f t="shared" si="540"/>
        <v>0</v>
      </c>
      <c r="CM322" s="898" t="str">
        <f t="shared" si="540"/>
        <v/>
      </c>
      <c r="CN322" s="898" t="str">
        <f t="shared" si="540"/>
        <v/>
      </c>
      <c r="CO322" s="898" t="str">
        <f t="shared" si="540"/>
        <v/>
      </c>
      <c r="CP322" s="898" t="str">
        <f t="shared" ref="CP322:CY326" si="541">IF(AV322="yes",(AV$3*$BT322),"")</f>
        <v/>
      </c>
      <c r="CQ322" s="898" t="str">
        <f t="shared" si="541"/>
        <v/>
      </c>
      <c r="CR322" s="898" t="str">
        <f t="shared" si="541"/>
        <v/>
      </c>
      <c r="CS322" s="898" t="str">
        <f t="shared" si="541"/>
        <v/>
      </c>
      <c r="CT322" s="898" t="str">
        <f t="shared" si="541"/>
        <v/>
      </c>
      <c r="CU322" s="898" t="str">
        <f t="shared" si="541"/>
        <v/>
      </c>
      <c r="CV322" s="898" t="str">
        <f t="shared" si="541"/>
        <v/>
      </c>
      <c r="CW322" s="898" t="str">
        <f t="shared" si="541"/>
        <v/>
      </c>
      <c r="CX322" s="898" t="str">
        <f t="shared" si="541"/>
        <v/>
      </c>
      <c r="CY322" s="898" t="str">
        <f t="shared" si="541"/>
        <v/>
      </c>
      <c r="CZ322" s="898" t="str">
        <f t="shared" ref="CZ322:DI326" si="542">IF(BF322="yes",(BF$3*$BT322),"")</f>
        <v/>
      </c>
      <c r="DA322" s="898" t="str">
        <f t="shared" si="542"/>
        <v/>
      </c>
      <c r="DB322" s="898" t="str">
        <f t="shared" si="542"/>
        <v/>
      </c>
      <c r="DC322" s="898" t="str">
        <f t="shared" si="542"/>
        <v/>
      </c>
      <c r="DD322" s="898" t="str">
        <f t="shared" si="542"/>
        <v/>
      </c>
      <c r="DE322" s="898" t="str">
        <f t="shared" si="542"/>
        <v/>
      </c>
      <c r="DF322" s="898" t="str">
        <f t="shared" si="542"/>
        <v/>
      </c>
      <c r="DG322" s="898" t="str">
        <f t="shared" si="542"/>
        <v/>
      </c>
      <c r="DH322" s="898" t="str">
        <f t="shared" si="542"/>
        <v/>
      </c>
      <c r="DI322" s="898">
        <f t="shared" si="542"/>
        <v>0</v>
      </c>
      <c r="DJ322" s="898">
        <f t="shared" ref="DJ322:DL326" si="543">IF(BP322="yes",(BP$3*$BT322),"")</f>
        <v>0</v>
      </c>
      <c r="DK322" s="898">
        <f t="shared" si="543"/>
        <v>0</v>
      </c>
      <c r="DL322" s="898">
        <f t="shared" si="543"/>
        <v>0</v>
      </c>
      <c r="DM322" s="661">
        <f t="shared" si="402"/>
        <v>0</v>
      </c>
      <c r="DN322" s="898">
        <f t="shared" si="403"/>
        <v>0</v>
      </c>
      <c r="DO322" s="516">
        <f t="shared" si="404"/>
        <v>0</v>
      </c>
      <c r="DP322" s="898">
        <f t="shared" si="405"/>
        <v>0</v>
      </c>
      <c r="DQ322" s="860" t="s">
        <v>4246</v>
      </c>
      <c r="DR322" s="610" t="s">
        <v>4247</v>
      </c>
      <c r="DS322" s="1221" t="s">
        <v>4248</v>
      </c>
      <c r="DT322" s="632"/>
    </row>
    <row r="323" spans="1:124" ht="57" x14ac:dyDescent="0.2">
      <c r="A323" s="484" t="str">
        <f t="shared" si="396"/>
        <v>Apsley Station Forecourt &amp; Cycle Provision</v>
      </c>
      <c r="B323" s="1163">
        <v>320</v>
      </c>
      <c r="C323" s="1156" t="s">
        <v>4380</v>
      </c>
      <c r="D323" s="481" t="s">
        <v>2481</v>
      </c>
      <c r="E323" s="481" t="s">
        <v>53</v>
      </c>
      <c r="F323" s="481" t="s">
        <v>655</v>
      </c>
      <c r="G323" s="775" t="s">
        <v>932</v>
      </c>
      <c r="H323" s="673" t="s">
        <v>954</v>
      </c>
      <c r="I323" s="775" t="str">
        <f t="shared" si="444"/>
        <v>LS-59</v>
      </c>
      <c r="J323" s="673" t="s">
        <v>4381</v>
      </c>
      <c r="K323" s="664" t="s">
        <v>3104</v>
      </c>
      <c r="L323" s="852" t="s">
        <v>3167</v>
      </c>
      <c r="M323" s="515" t="s">
        <v>4244</v>
      </c>
      <c r="N323" s="775" t="s">
        <v>81</v>
      </c>
      <c r="O323" s="657" t="s">
        <v>4318</v>
      </c>
      <c r="P323" s="657" t="s">
        <v>61</v>
      </c>
      <c r="Q323" s="852" t="s">
        <v>122</v>
      </c>
      <c r="R323" s="657"/>
      <c r="S323" s="657"/>
      <c r="T323" s="853">
        <v>37570</v>
      </c>
      <c r="U323" s="854"/>
      <c r="V323" s="657" t="s">
        <v>4245</v>
      </c>
      <c r="W323" s="642">
        <f>T323-X323</f>
        <v>0</v>
      </c>
      <c r="X323" s="745">
        <f>IF(ISTEXT(T323),T323,T323-U323)</f>
        <v>37570</v>
      </c>
      <c r="Y323" s="745" t="s">
        <v>3106</v>
      </c>
      <c r="Z323" s="745" t="str">
        <f>_xlfn.XLOOKUP(I323, 'CALCS Aecom (July 25 2025)'!F:F, 'CALCS Aecom (July 25 2025)'!W:W)</f>
        <v>Multiple Scenario 2 (Step 8)</v>
      </c>
      <c r="AA323" s="650" t="s">
        <v>65</v>
      </c>
      <c r="AB323" s="661" t="s">
        <v>66</v>
      </c>
      <c r="AC323" s="661" t="s">
        <v>66</v>
      </c>
      <c r="AD323" s="661" t="s">
        <v>66</v>
      </c>
      <c r="AE323" s="661" t="s">
        <v>66</v>
      </c>
      <c r="AF323" s="661" t="s">
        <v>66</v>
      </c>
      <c r="AG323" s="661" t="s">
        <v>66</v>
      </c>
      <c r="AH323" s="661" t="s">
        <v>66</v>
      </c>
      <c r="AI323" s="661" t="s">
        <v>66</v>
      </c>
      <c r="AJ323" s="661" t="s">
        <v>66</v>
      </c>
      <c r="AK323" s="661" t="s">
        <v>66</v>
      </c>
      <c r="AL323" s="661" t="s">
        <v>66</v>
      </c>
      <c r="AM323" s="661" t="s">
        <v>66</v>
      </c>
      <c r="AN323" s="661" t="s">
        <v>66</v>
      </c>
      <c r="AO323" s="661" t="s">
        <v>66</v>
      </c>
      <c r="AP323" s="661" t="s">
        <v>66</v>
      </c>
      <c r="AQ323" s="661" t="s">
        <v>66</v>
      </c>
      <c r="AR323" s="661" t="s">
        <v>66</v>
      </c>
      <c r="AS323" s="661"/>
      <c r="AT323" s="661"/>
      <c r="AU323" s="661"/>
      <c r="AV323" s="661"/>
      <c r="AW323" s="661"/>
      <c r="AX323" s="661"/>
      <c r="AY323" s="661"/>
      <c r="AZ323" s="661"/>
      <c r="BA323" s="661"/>
      <c r="BB323" s="661"/>
      <c r="BC323" s="661"/>
      <c r="BD323" s="661"/>
      <c r="BE323" s="661"/>
      <c r="BF323" s="661"/>
      <c r="BG323" s="746"/>
      <c r="BH323" s="746"/>
      <c r="BI323" s="746"/>
      <c r="BJ323" s="746"/>
      <c r="BK323" s="746"/>
      <c r="BL323" s="746"/>
      <c r="BM323" s="746"/>
      <c r="BN323" s="746"/>
      <c r="BO323" s="661" t="s">
        <v>66</v>
      </c>
      <c r="BP323" s="661" t="s">
        <v>66</v>
      </c>
      <c r="BQ323" s="661" t="s">
        <v>66</v>
      </c>
      <c r="BR323" s="661" t="s">
        <v>66</v>
      </c>
      <c r="BS323" s="884">
        <f t="shared" si="397"/>
        <v>21225</v>
      </c>
      <c r="BT323" s="661">
        <f t="shared" si="494"/>
        <v>1.7700824499411072</v>
      </c>
      <c r="BU323" s="661" t="str">
        <f>IF(SUM(BV323:DL323)=X323, "GOOD", "ERROR")</f>
        <v>GOOD</v>
      </c>
      <c r="BV323" s="898">
        <f t="shared" si="539"/>
        <v>8850.4122497055359</v>
      </c>
      <c r="BW323" s="898">
        <f t="shared" si="539"/>
        <v>354.01648998822145</v>
      </c>
      <c r="BX323" s="898">
        <f t="shared" si="539"/>
        <v>796.53710247349829</v>
      </c>
      <c r="BY323" s="898">
        <f t="shared" si="539"/>
        <v>619.52885747938751</v>
      </c>
      <c r="BZ323" s="898">
        <f t="shared" si="539"/>
        <v>885.04122497055357</v>
      </c>
      <c r="CA323" s="898">
        <f t="shared" si="539"/>
        <v>849.63957597173146</v>
      </c>
      <c r="CB323" s="898">
        <f t="shared" si="539"/>
        <v>177.00824499411073</v>
      </c>
      <c r="CC323" s="898">
        <f t="shared" si="539"/>
        <v>690.33215547703185</v>
      </c>
      <c r="CD323" s="898">
        <f t="shared" si="539"/>
        <v>885.04122497055357</v>
      </c>
      <c r="CE323" s="898">
        <f t="shared" si="539"/>
        <v>885.04122497055357</v>
      </c>
      <c r="CF323" s="898">
        <f t="shared" si="540"/>
        <v>1327.5618374558303</v>
      </c>
      <c r="CG323" s="898">
        <f t="shared" si="540"/>
        <v>354.01648998822145</v>
      </c>
      <c r="CH323" s="898">
        <f t="shared" si="540"/>
        <v>414.19929328621907</v>
      </c>
      <c r="CI323" s="898">
        <f t="shared" si="540"/>
        <v>619.52885747938751</v>
      </c>
      <c r="CJ323" s="898">
        <f t="shared" si="540"/>
        <v>159.30742049469964</v>
      </c>
      <c r="CK323" s="898">
        <f t="shared" si="540"/>
        <v>141.60659599528859</v>
      </c>
      <c r="CL323" s="898">
        <f t="shared" si="540"/>
        <v>4212.7962308598353</v>
      </c>
      <c r="CM323" s="898" t="str">
        <f t="shared" si="540"/>
        <v/>
      </c>
      <c r="CN323" s="898" t="str">
        <f t="shared" si="540"/>
        <v/>
      </c>
      <c r="CO323" s="898" t="str">
        <f t="shared" si="540"/>
        <v/>
      </c>
      <c r="CP323" s="898" t="str">
        <f t="shared" si="541"/>
        <v/>
      </c>
      <c r="CQ323" s="898" t="str">
        <f t="shared" si="541"/>
        <v/>
      </c>
      <c r="CR323" s="898" t="str">
        <f t="shared" si="541"/>
        <v/>
      </c>
      <c r="CS323" s="898" t="str">
        <f t="shared" si="541"/>
        <v/>
      </c>
      <c r="CT323" s="898" t="str">
        <f t="shared" si="541"/>
        <v/>
      </c>
      <c r="CU323" s="898" t="str">
        <f t="shared" si="541"/>
        <v/>
      </c>
      <c r="CV323" s="898" t="str">
        <f t="shared" si="541"/>
        <v/>
      </c>
      <c r="CW323" s="898" t="str">
        <f t="shared" si="541"/>
        <v/>
      </c>
      <c r="CX323" s="898" t="str">
        <f t="shared" si="541"/>
        <v/>
      </c>
      <c r="CY323" s="898" t="str">
        <f t="shared" si="541"/>
        <v/>
      </c>
      <c r="CZ323" s="898" t="str">
        <f t="shared" si="542"/>
        <v/>
      </c>
      <c r="DA323" s="898" t="str">
        <f t="shared" si="542"/>
        <v/>
      </c>
      <c r="DB323" s="898" t="str">
        <f t="shared" si="542"/>
        <v/>
      </c>
      <c r="DC323" s="898" t="str">
        <f t="shared" si="542"/>
        <v/>
      </c>
      <c r="DD323" s="898" t="str">
        <f t="shared" si="542"/>
        <v/>
      </c>
      <c r="DE323" s="898" t="str">
        <f t="shared" si="542"/>
        <v/>
      </c>
      <c r="DF323" s="898" t="str">
        <f t="shared" si="542"/>
        <v/>
      </c>
      <c r="DG323" s="898" t="str">
        <f t="shared" si="542"/>
        <v/>
      </c>
      <c r="DH323" s="898" t="str">
        <f t="shared" si="542"/>
        <v/>
      </c>
      <c r="DI323" s="898">
        <f t="shared" si="542"/>
        <v>2655.1236749116606</v>
      </c>
      <c r="DJ323" s="898">
        <f t="shared" si="543"/>
        <v>2832.1319199057716</v>
      </c>
      <c r="DK323" s="898">
        <f t="shared" si="543"/>
        <v>4248.197879858657</v>
      </c>
      <c r="DL323" s="898">
        <f t="shared" si="543"/>
        <v>5612.931448763251</v>
      </c>
      <c r="DM323" s="661">
        <f t="shared" si="402"/>
        <v>22221.615076560662</v>
      </c>
      <c r="DN323" s="898">
        <f t="shared" si="403"/>
        <v>15348.38492343934</v>
      </c>
      <c r="DO323" s="516">
        <f t="shared" si="404"/>
        <v>0</v>
      </c>
      <c r="DP323" s="898">
        <f t="shared" si="405"/>
        <v>0</v>
      </c>
      <c r="DQ323" s="860" t="s">
        <v>4246</v>
      </c>
      <c r="DR323" s="610" t="s">
        <v>4247</v>
      </c>
      <c r="DS323" s="1221" t="s">
        <v>4248</v>
      </c>
      <c r="DT323" s="632"/>
    </row>
    <row r="324" spans="1:124" ht="185.25" x14ac:dyDescent="0.2">
      <c r="A324" s="484" t="str">
        <f t="shared" ref="A324:A387" si="544">H324</f>
        <v xml:space="preserve">B487 Hemel Hempstead Road Gateway Corridor </v>
      </c>
      <c r="B324" s="1163">
        <v>321</v>
      </c>
      <c r="C324" s="1156" t="s">
        <v>4382</v>
      </c>
      <c r="D324" s="481" t="s">
        <v>2481</v>
      </c>
      <c r="E324" s="481" t="s">
        <v>1385</v>
      </c>
      <c r="F324" s="481" t="s">
        <v>655</v>
      </c>
      <c r="G324" s="775" t="s">
        <v>932</v>
      </c>
      <c r="H324" s="673" t="s">
        <v>957</v>
      </c>
      <c r="I324" s="775" t="str">
        <f t="shared" si="444"/>
        <v>LS-61</v>
      </c>
      <c r="J324" s="673" t="s">
        <v>4383</v>
      </c>
      <c r="K324" s="664" t="s">
        <v>3104</v>
      </c>
      <c r="L324" s="775" t="s">
        <v>4368</v>
      </c>
      <c r="M324" s="543" t="s">
        <v>3005</v>
      </c>
      <c r="N324" s="775" t="s">
        <v>81</v>
      </c>
      <c r="O324" s="654" t="s">
        <v>3051</v>
      </c>
      <c r="P324" s="657" t="s">
        <v>61</v>
      </c>
      <c r="Q324" s="852" t="s">
        <v>122</v>
      </c>
      <c r="R324" s="657"/>
      <c r="S324" s="657"/>
      <c r="T324" s="853">
        <v>2287654</v>
      </c>
      <c r="U324" s="854"/>
      <c r="V324" s="657" t="s">
        <v>4245</v>
      </c>
      <c r="W324" s="642">
        <f>T324-X324</f>
        <v>0</v>
      </c>
      <c r="X324" s="745">
        <f>IF(ISTEXT(T324),T324,T324-U324)</f>
        <v>2287654</v>
      </c>
      <c r="Y324" s="745" t="s">
        <v>3106</v>
      </c>
      <c r="Z324" s="745" t="str">
        <f>_xlfn.XLOOKUP(I324, 'CALCS Aecom (July 25 2025)'!F:F, 'CALCS Aecom (July 25 2025)'!W:W)</f>
        <v>Multiple Scenario 1 (Step 3)</v>
      </c>
      <c r="AA324" s="1330" t="s">
        <v>3220</v>
      </c>
      <c r="AB324" s="713"/>
      <c r="AC324" s="713"/>
      <c r="AD324" s="713"/>
      <c r="AE324" s="713"/>
      <c r="AF324" s="713"/>
      <c r="AG324" s="713"/>
      <c r="AH324" s="713"/>
      <c r="AI324" s="713"/>
      <c r="AJ324" s="713"/>
      <c r="AK324" s="713"/>
      <c r="AL324" s="713"/>
      <c r="AM324" s="713"/>
      <c r="AN324" s="713"/>
      <c r="AO324" s="713"/>
      <c r="AP324" s="713"/>
      <c r="AQ324" s="713"/>
      <c r="AR324" s="713"/>
      <c r="AS324" s="661"/>
      <c r="AT324" s="661"/>
      <c r="AU324" s="661"/>
      <c r="AV324" s="661"/>
      <c r="AW324" s="661"/>
      <c r="AX324" s="661"/>
      <c r="AY324" s="661"/>
      <c r="AZ324" s="661"/>
      <c r="BA324" s="661"/>
      <c r="BB324" s="661"/>
      <c r="BC324" s="661"/>
      <c r="BD324" s="661"/>
      <c r="BE324" s="661"/>
      <c r="BF324" s="661"/>
      <c r="BG324" s="746"/>
      <c r="BH324" s="746"/>
      <c r="BI324" s="746"/>
      <c r="BJ324" s="746"/>
      <c r="BK324" s="746"/>
      <c r="BL324" s="746"/>
      <c r="BM324" s="746"/>
      <c r="BN324" s="746"/>
      <c r="BO324" s="892" t="s">
        <v>66</v>
      </c>
      <c r="BP324" s="892" t="s">
        <v>66</v>
      </c>
      <c r="BQ324" s="892"/>
      <c r="BR324" s="892"/>
      <c r="BS324" s="884">
        <f t="shared" ref="BS324:BS387" si="545">SUMIF(AB324:BR324,"YES",$AB$3:$BR$3)</f>
        <v>3100</v>
      </c>
      <c r="BT324" s="661">
        <f t="shared" si="494"/>
        <v>737.95290322580649</v>
      </c>
      <c r="BU324" s="661"/>
      <c r="BV324" s="898" t="str">
        <f t="shared" si="539"/>
        <v/>
      </c>
      <c r="BW324" s="898" t="str">
        <f t="shared" si="539"/>
        <v/>
      </c>
      <c r="BX324" s="898" t="str">
        <f t="shared" si="539"/>
        <v/>
      </c>
      <c r="BY324" s="898" t="str">
        <f t="shared" si="539"/>
        <v/>
      </c>
      <c r="BZ324" s="898" t="str">
        <f t="shared" si="539"/>
        <v/>
      </c>
      <c r="CA324" s="898" t="str">
        <f t="shared" si="539"/>
        <v/>
      </c>
      <c r="CB324" s="898" t="str">
        <f t="shared" si="539"/>
        <v/>
      </c>
      <c r="CC324" s="898" t="str">
        <f t="shared" si="539"/>
        <v/>
      </c>
      <c r="CD324" s="898" t="str">
        <f t="shared" si="539"/>
        <v/>
      </c>
      <c r="CE324" s="898" t="str">
        <f t="shared" si="539"/>
        <v/>
      </c>
      <c r="CF324" s="898" t="str">
        <f t="shared" si="540"/>
        <v/>
      </c>
      <c r="CG324" s="898" t="str">
        <f t="shared" si="540"/>
        <v/>
      </c>
      <c r="CH324" s="898" t="str">
        <f t="shared" si="540"/>
        <v/>
      </c>
      <c r="CI324" s="898" t="str">
        <f t="shared" si="540"/>
        <v/>
      </c>
      <c r="CJ324" s="898" t="str">
        <f t="shared" si="540"/>
        <v/>
      </c>
      <c r="CK324" s="898" t="str">
        <f t="shared" si="540"/>
        <v/>
      </c>
      <c r="CL324" s="898" t="str">
        <f t="shared" si="540"/>
        <v/>
      </c>
      <c r="CM324" s="898" t="str">
        <f t="shared" si="540"/>
        <v/>
      </c>
      <c r="CN324" s="898" t="str">
        <f t="shared" si="540"/>
        <v/>
      </c>
      <c r="CO324" s="898" t="str">
        <f t="shared" si="540"/>
        <v/>
      </c>
      <c r="CP324" s="898" t="str">
        <f t="shared" si="541"/>
        <v/>
      </c>
      <c r="CQ324" s="898" t="str">
        <f t="shared" si="541"/>
        <v/>
      </c>
      <c r="CR324" s="898" t="str">
        <f t="shared" si="541"/>
        <v/>
      </c>
      <c r="CS324" s="898" t="str">
        <f t="shared" si="541"/>
        <v/>
      </c>
      <c r="CT324" s="898" t="str">
        <f t="shared" si="541"/>
        <v/>
      </c>
      <c r="CU324" s="898" t="str">
        <f t="shared" si="541"/>
        <v/>
      </c>
      <c r="CV324" s="898" t="str">
        <f t="shared" si="541"/>
        <v/>
      </c>
      <c r="CW324" s="898" t="str">
        <f t="shared" si="541"/>
        <v/>
      </c>
      <c r="CX324" s="898" t="str">
        <f t="shared" si="541"/>
        <v/>
      </c>
      <c r="CY324" s="898" t="str">
        <f t="shared" si="541"/>
        <v/>
      </c>
      <c r="CZ324" s="898" t="str">
        <f t="shared" si="542"/>
        <v/>
      </c>
      <c r="DA324" s="898" t="str">
        <f t="shared" si="542"/>
        <v/>
      </c>
      <c r="DB324" s="898" t="str">
        <f t="shared" si="542"/>
        <v/>
      </c>
      <c r="DC324" s="898" t="str">
        <f t="shared" si="542"/>
        <v/>
      </c>
      <c r="DD324" s="898" t="str">
        <f t="shared" si="542"/>
        <v/>
      </c>
      <c r="DE324" s="898" t="str">
        <f t="shared" si="542"/>
        <v/>
      </c>
      <c r="DF324" s="898" t="str">
        <f t="shared" si="542"/>
        <v/>
      </c>
      <c r="DG324" s="898" t="str">
        <f t="shared" si="542"/>
        <v/>
      </c>
      <c r="DH324" s="898" t="str">
        <f t="shared" si="542"/>
        <v/>
      </c>
      <c r="DI324" s="898">
        <f t="shared" si="542"/>
        <v>1106929.3548387098</v>
      </c>
      <c r="DJ324" s="898">
        <f t="shared" si="543"/>
        <v>1180724.6451612904</v>
      </c>
      <c r="DK324" s="898" t="str">
        <f t="shared" si="543"/>
        <v/>
      </c>
      <c r="DL324" s="898" t="str">
        <f t="shared" si="543"/>
        <v/>
      </c>
      <c r="DM324" s="661">
        <f t="shared" ref="DM324:DM387" si="546">SUM(BV324:CL324)</f>
        <v>0</v>
      </c>
      <c r="DN324" s="898">
        <f t="shared" ref="DN324:DN387" si="547">SUM(DI324:DL324)</f>
        <v>2287654</v>
      </c>
      <c r="DO324" s="516">
        <f t="shared" ref="DO324:DO387" si="548">SUM(CM324:CZ324)</f>
        <v>0</v>
      </c>
      <c r="DP324" s="898">
        <f t="shared" ref="DP324:DP387" si="549">SUM(DA324:DH324)</f>
        <v>0</v>
      </c>
      <c r="DQ324" s="860" t="s">
        <v>4246</v>
      </c>
      <c r="DR324" s="860" t="s">
        <v>4261</v>
      </c>
      <c r="DS324" s="1221" t="s">
        <v>4248</v>
      </c>
      <c r="DT324" s="632"/>
    </row>
    <row r="325" spans="1:124" ht="85.5" x14ac:dyDescent="0.2">
      <c r="A325" s="484" t="str">
        <f t="shared" si="544"/>
        <v>St Albans-Hemel Hempstead Bus Connectivity</v>
      </c>
      <c r="B325" s="1163">
        <v>322</v>
      </c>
      <c r="C325" s="1156" t="s">
        <v>4384</v>
      </c>
      <c r="D325" s="481" t="s">
        <v>2481</v>
      </c>
      <c r="E325" s="481" t="s">
        <v>3415</v>
      </c>
      <c r="F325" s="481" t="s">
        <v>655</v>
      </c>
      <c r="G325" s="665" t="s">
        <v>1350</v>
      </c>
      <c r="H325" s="673" t="s">
        <v>959</v>
      </c>
      <c r="I325" s="775" t="str">
        <f t="shared" si="444"/>
        <v>LS-62</v>
      </c>
      <c r="J325" s="855" t="s">
        <v>4385</v>
      </c>
      <c r="K325" s="664" t="s">
        <v>3104</v>
      </c>
      <c r="L325" s="852" t="s">
        <v>3167</v>
      </c>
      <c r="M325" s="713" t="s">
        <v>2996</v>
      </c>
      <c r="N325" s="775" t="s">
        <v>81</v>
      </c>
      <c r="O325" s="664" t="s">
        <v>3043</v>
      </c>
      <c r="P325" s="657" t="s">
        <v>77</v>
      </c>
      <c r="Q325" s="852" t="s">
        <v>71</v>
      </c>
      <c r="R325" s="657"/>
      <c r="S325" s="657"/>
      <c r="T325" s="676" t="s">
        <v>3360</v>
      </c>
      <c r="U325" s="745"/>
      <c r="V325" s="657" t="s">
        <v>4325</v>
      </c>
      <c r="W325" s="642"/>
      <c r="X325" s="745"/>
      <c r="Y325" s="745" t="s">
        <v>3106</v>
      </c>
      <c r="Z325" s="745" t="str">
        <f>_xlfn.XLOOKUP(I325, 'CALCS Aecom (July 25 2025)'!F:F, 'CALCS Aecom (July 25 2025)'!W:W)</f>
        <v>Multiple Scenario 2 (Step 7)</v>
      </c>
      <c r="AA325" s="1331" t="s">
        <v>3220</v>
      </c>
      <c r="AB325" s="713" t="s">
        <v>66</v>
      </c>
      <c r="AC325" s="713" t="s">
        <v>66</v>
      </c>
      <c r="AD325" s="713" t="s">
        <v>66</v>
      </c>
      <c r="AE325" s="713" t="s">
        <v>66</v>
      </c>
      <c r="AF325" s="713" t="s">
        <v>66</v>
      </c>
      <c r="AG325" s="713" t="s">
        <v>66</v>
      </c>
      <c r="AH325" s="713" t="s">
        <v>66</v>
      </c>
      <c r="AI325" s="713" t="s">
        <v>66</v>
      </c>
      <c r="AJ325" s="713" t="s">
        <v>66</v>
      </c>
      <c r="AK325" s="713" t="s">
        <v>66</v>
      </c>
      <c r="AL325" s="713" t="s">
        <v>66</v>
      </c>
      <c r="AM325" s="713" t="s">
        <v>66</v>
      </c>
      <c r="AN325" s="713" t="s">
        <v>66</v>
      </c>
      <c r="AO325" s="713" t="s">
        <v>66</v>
      </c>
      <c r="AP325" s="713" t="s">
        <v>66</v>
      </c>
      <c r="AQ325" s="713" t="s">
        <v>66</v>
      </c>
      <c r="AR325" s="713" t="s">
        <v>66</v>
      </c>
      <c r="AS325" s="661"/>
      <c r="AT325" s="661"/>
      <c r="AU325" s="661"/>
      <c r="AV325" s="661"/>
      <c r="AW325" s="661"/>
      <c r="AX325" s="661"/>
      <c r="AY325" s="661"/>
      <c r="AZ325" s="661"/>
      <c r="BA325" s="661"/>
      <c r="BB325" s="661"/>
      <c r="BC325" s="661"/>
      <c r="BD325" s="661"/>
      <c r="BE325" s="661"/>
      <c r="BF325" s="661"/>
      <c r="BG325" s="746"/>
      <c r="BH325" s="746"/>
      <c r="BI325" s="746"/>
      <c r="BJ325" s="746"/>
      <c r="BK325" s="746"/>
      <c r="BL325" s="746"/>
      <c r="BM325" s="746"/>
      <c r="BN325" s="746"/>
      <c r="BO325" s="713" t="s">
        <v>66</v>
      </c>
      <c r="BP325" s="713" t="s">
        <v>66</v>
      </c>
      <c r="BQ325" s="713" t="s">
        <v>66</v>
      </c>
      <c r="BR325" s="713" t="s">
        <v>66</v>
      </c>
      <c r="BS325" s="884">
        <f t="shared" si="545"/>
        <v>21225</v>
      </c>
      <c r="BT325" s="661">
        <f t="shared" si="494"/>
        <v>0</v>
      </c>
      <c r="BU325" s="661" t="str">
        <f t="shared" ref="BU325:BU332" si="550">IF(SUM(BV325:DL325)=X325, "GOOD", "ERROR")</f>
        <v>GOOD</v>
      </c>
      <c r="BV325" s="898">
        <f t="shared" si="539"/>
        <v>0</v>
      </c>
      <c r="BW325" s="898">
        <f t="shared" si="539"/>
        <v>0</v>
      </c>
      <c r="BX325" s="898">
        <f t="shared" si="539"/>
        <v>0</v>
      </c>
      <c r="BY325" s="898">
        <f t="shared" si="539"/>
        <v>0</v>
      </c>
      <c r="BZ325" s="898">
        <f t="shared" si="539"/>
        <v>0</v>
      </c>
      <c r="CA325" s="898">
        <f t="shared" si="539"/>
        <v>0</v>
      </c>
      <c r="CB325" s="898">
        <f t="shared" si="539"/>
        <v>0</v>
      </c>
      <c r="CC325" s="898">
        <f t="shared" si="539"/>
        <v>0</v>
      </c>
      <c r="CD325" s="898">
        <f t="shared" si="539"/>
        <v>0</v>
      </c>
      <c r="CE325" s="898">
        <f t="shared" si="539"/>
        <v>0</v>
      </c>
      <c r="CF325" s="898">
        <f t="shared" si="540"/>
        <v>0</v>
      </c>
      <c r="CG325" s="898">
        <f t="shared" si="540"/>
        <v>0</v>
      </c>
      <c r="CH325" s="898">
        <f t="shared" si="540"/>
        <v>0</v>
      </c>
      <c r="CI325" s="898">
        <f t="shared" si="540"/>
        <v>0</v>
      </c>
      <c r="CJ325" s="898">
        <f t="shared" si="540"/>
        <v>0</v>
      </c>
      <c r="CK325" s="898">
        <f t="shared" si="540"/>
        <v>0</v>
      </c>
      <c r="CL325" s="898">
        <f t="shared" si="540"/>
        <v>0</v>
      </c>
      <c r="CM325" s="898" t="str">
        <f t="shared" si="540"/>
        <v/>
      </c>
      <c r="CN325" s="898" t="str">
        <f t="shared" si="540"/>
        <v/>
      </c>
      <c r="CO325" s="898" t="str">
        <f t="shared" si="540"/>
        <v/>
      </c>
      <c r="CP325" s="898" t="str">
        <f t="shared" si="541"/>
        <v/>
      </c>
      <c r="CQ325" s="898" t="str">
        <f t="shared" si="541"/>
        <v/>
      </c>
      <c r="CR325" s="898" t="str">
        <f t="shared" si="541"/>
        <v/>
      </c>
      <c r="CS325" s="898" t="str">
        <f t="shared" si="541"/>
        <v/>
      </c>
      <c r="CT325" s="898" t="str">
        <f t="shared" si="541"/>
        <v/>
      </c>
      <c r="CU325" s="898" t="str">
        <f t="shared" si="541"/>
        <v/>
      </c>
      <c r="CV325" s="898" t="str">
        <f t="shared" si="541"/>
        <v/>
      </c>
      <c r="CW325" s="898" t="str">
        <f t="shared" si="541"/>
        <v/>
      </c>
      <c r="CX325" s="898" t="str">
        <f t="shared" si="541"/>
        <v/>
      </c>
      <c r="CY325" s="898" t="str">
        <f t="shared" si="541"/>
        <v/>
      </c>
      <c r="CZ325" s="898" t="str">
        <f t="shared" si="542"/>
        <v/>
      </c>
      <c r="DA325" s="898" t="str">
        <f t="shared" si="542"/>
        <v/>
      </c>
      <c r="DB325" s="898" t="str">
        <f t="shared" si="542"/>
        <v/>
      </c>
      <c r="DC325" s="898" t="str">
        <f t="shared" si="542"/>
        <v/>
      </c>
      <c r="DD325" s="898" t="str">
        <f t="shared" si="542"/>
        <v/>
      </c>
      <c r="DE325" s="898" t="str">
        <f t="shared" si="542"/>
        <v/>
      </c>
      <c r="DF325" s="898" t="str">
        <f t="shared" si="542"/>
        <v/>
      </c>
      <c r="DG325" s="898" t="str">
        <f t="shared" si="542"/>
        <v/>
      </c>
      <c r="DH325" s="898" t="str">
        <f t="shared" si="542"/>
        <v/>
      </c>
      <c r="DI325" s="898">
        <f t="shared" si="542"/>
        <v>0</v>
      </c>
      <c r="DJ325" s="898">
        <f t="shared" si="543"/>
        <v>0</v>
      </c>
      <c r="DK325" s="898">
        <f t="shared" si="543"/>
        <v>0</v>
      </c>
      <c r="DL325" s="898">
        <f t="shared" si="543"/>
        <v>0</v>
      </c>
      <c r="DM325" s="661">
        <f t="shared" si="546"/>
        <v>0</v>
      </c>
      <c r="DN325" s="898">
        <f t="shared" si="547"/>
        <v>0</v>
      </c>
      <c r="DO325" s="516">
        <f t="shared" si="548"/>
        <v>0</v>
      </c>
      <c r="DP325" s="898">
        <f t="shared" si="549"/>
        <v>0</v>
      </c>
      <c r="DQ325" s="860" t="s">
        <v>4246</v>
      </c>
      <c r="DR325" s="610" t="s">
        <v>4247</v>
      </c>
      <c r="DS325" s="1221" t="s">
        <v>4248</v>
      </c>
      <c r="DT325" s="632"/>
    </row>
    <row r="326" spans="1:124" ht="85.5" x14ac:dyDescent="0.2">
      <c r="A326" s="484" t="str">
        <f t="shared" si="544"/>
        <v>Northern Hemel Hempstead-Watford Town Centre, Croxley and Rickmansworth Connectivity</v>
      </c>
      <c r="B326" s="1163">
        <v>323</v>
      </c>
      <c r="C326" s="1156" t="s">
        <v>4386</v>
      </c>
      <c r="D326" s="481" t="s">
        <v>2481</v>
      </c>
      <c r="E326" s="481" t="s">
        <v>53</v>
      </c>
      <c r="F326" s="481" t="s">
        <v>655</v>
      </c>
      <c r="G326" s="665" t="s">
        <v>1350</v>
      </c>
      <c r="H326" s="673" t="s">
        <v>961</v>
      </c>
      <c r="I326" s="775" t="str">
        <f t="shared" si="444"/>
        <v>LS-63</v>
      </c>
      <c r="J326" s="673" t="s">
        <v>4387</v>
      </c>
      <c r="K326" s="664" t="s">
        <v>3104</v>
      </c>
      <c r="L326" s="852" t="s">
        <v>3167</v>
      </c>
      <c r="M326" s="713" t="s">
        <v>2996</v>
      </c>
      <c r="N326" s="775" t="s">
        <v>81</v>
      </c>
      <c r="O326" s="664" t="s">
        <v>3043</v>
      </c>
      <c r="P326" s="657" t="s">
        <v>77</v>
      </c>
      <c r="Q326" s="852" t="s">
        <v>71</v>
      </c>
      <c r="R326" s="657"/>
      <c r="S326" s="657"/>
      <c r="T326" s="676" t="s">
        <v>3360</v>
      </c>
      <c r="U326" s="745"/>
      <c r="V326" s="657" t="s">
        <v>4245</v>
      </c>
      <c r="W326" s="642"/>
      <c r="X326" s="745"/>
      <c r="Y326" s="745" t="s">
        <v>3106</v>
      </c>
      <c r="Z326" s="745" t="str">
        <f>_xlfn.XLOOKUP(I326, 'CALCS Aecom (July 25 2025)'!F:F, 'CALCS Aecom (July 25 2025)'!W:W)</f>
        <v>Multiple Scenario 2 (Step 7)</v>
      </c>
      <c r="AA326" s="1331" t="s">
        <v>3220</v>
      </c>
      <c r="AB326" s="713" t="s">
        <v>66</v>
      </c>
      <c r="AC326" s="713" t="s">
        <v>66</v>
      </c>
      <c r="AD326" s="713" t="s">
        <v>66</v>
      </c>
      <c r="AE326" s="713" t="s">
        <v>66</v>
      </c>
      <c r="AF326" s="713" t="s">
        <v>66</v>
      </c>
      <c r="AG326" s="713" t="s">
        <v>66</v>
      </c>
      <c r="AH326" s="713" t="s">
        <v>66</v>
      </c>
      <c r="AI326" s="713" t="s">
        <v>66</v>
      </c>
      <c r="AJ326" s="713" t="s">
        <v>66</v>
      </c>
      <c r="AK326" s="713" t="s">
        <v>66</v>
      </c>
      <c r="AL326" s="713" t="s">
        <v>66</v>
      </c>
      <c r="AM326" s="713" t="s">
        <v>66</v>
      </c>
      <c r="AN326" s="713" t="s">
        <v>66</v>
      </c>
      <c r="AO326" s="713" t="s">
        <v>66</v>
      </c>
      <c r="AP326" s="713" t="s">
        <v>66</v>
      </c>
      <c r="AQ326" s="713" t="s">
        <v>66</v>
      </c>
      <c r="AR326" s="713" t="s">
        <v>66</v>
      </c>
      <c r="AS326" s="892"/>
      <c r="AT326" s="892"/>
      <c r="AU326" s="892"/>
      <c r="AV326" s="661"/>
      <c r="AW326" s="892"/>
      <c r="AX326" s="892"/>
      <c r="AY326" s="892"/>
      <c r="AZ326" s="661"/>
      <c r="BA326" s="892"/>
      <c r="BB326" s="661"/>
      <c r="BC326" s="661"/>
      <c r="BD326" s="892"/>
      <c r="BE326" s="661"/>
      <c r="BF326" s="661"/>
      <c r="BG326" s="746"/>
      <c r="BH326" s="746"/>
      <c r="BI326" s="746"/>
      <c r="BJ326" s="746"/>
      <c r="BK326" s="746"/>
      <c r="BL326" s="746"/>
      <c r="BM326" s="746"/>
      <c r="BN326" s="746"/>
      <c r="BO326" s="713" t="s">
        <v>66</v>
      </c>
      <c r="BP326" s="713" t="s">
        <v>66</v>
      </c>
      <c r="BQ326" s="713" t="s">
        <v>66</v>
      </c>
      <c r="BR326" s="713" t="s">
        <v>66</v>
      </c>
      <c r="BS326" s="884">
        <f t="shared" si="545"/>
        <v>21225</v>
      </c>
      <c r="BT326" s="661">
        <f t="shared" si="494"/>
        <v>0</v>
      </c>
      <c r="BU326" s="661" t="str">
        <f t="shared" si="550"/>
        <v>GOOD</v>
      </c>
      <c r="BV326" s="898">
        <f t="shared" si="539"/>
        <v>0</v>
      </c>
      <c r="BW326" s="898">
        <f t="shared" si="539"/>
        <v>0</v>
      </c>
      <c r="BX326" s="898">
        <f t="shared" si="539"/>
        <v>0</v>
      </c>
      <c r="BY326" s="898">
        <f t="shared" si="539"/>
        <v>0</v>
      </c>
      <c r="BZ326" s="898">
        <f t="shared" si="539"/>
        <v>0</v>
      </c>
      <c r="CA326" s="898">
        <f t="shared" si="539"/>
        <v>0</v>
      </c>
      <c r="CB326" s="898">
        <f t="shared" si="539"/>
        <v>0</v>
      </c>
      <c r="CC326" s="898">
        <f t="shared" si="539"/>
        <v>0</v>
      </c>
      <c r="CD326" s="898">
        <f t="shared" si="539"/>
        <v>0</v>
      </c>
      <c r="CE326" s="898">
        <f t="shared" si="539"/>
        <v>0</v>
      </c>
      <c r="CF326" s="898">
        <f t="shared" si="540"/>
        <v>0</v>
      </c>
      <c r="CG326" s="898">
        <f t="shared" si="540"/>
        <v>0</v>
      </c>
      <c r="CH326" s="898">
        <f t="shared" si="540"/>
        <v>0</v>
      </c>
      <c r="CI326" s="898">
        <f t="shared" si="540"/>
        <v>0</v>
      </c>
      <c r="CJ326" s="898">
        <f t="shared" si="540"/>
        <v>0</v>
      </c>
      <c r="CK326" s="898">
        <f t="shared" si="540"/>
        <v>0</v>
      </c>
      <c r="CL326" s="898">
        <f t="shared" si="540"/>
        <v>0</v>
      </c>
      <c r="CM326" s="898" t="str">
        <f t="shared" si="540"/>
        <v/>
      </c>
      <c r="CN326" s="898" t="str">
        <f t="shared" si="540"/>
        <v/>
      </c>
      <c r="CO326" s="898" t="str">
        <f t="shared" si="540"/>
        <v/>
      </c>
      <c r="CP326" s="898" t="str">
        <f t="shared" si="541"/>
        <v/>
      </c>
      <c r="CQ326" s="898" t="str">
        <f t="shared" si="541"/>
        <v/>
      </c>
      <c r="CR326" s="898" t="str">
        <f t="shared" si="541"/>
        <v/>
      </c>
      <c r="CS326" s="898" t="str">
        <f t="shared" si="541"/>
        <v/>
      </c>
      <c r="CT326" s="898" t="str">
        <f t="shared" si="541"/>
        <v/>
      </c>
      <c r="CU326" s="898" t="str">
        <f t="shared" si="541"/>
        <v/>
      </c>
      <c r="CV326" s="898" t="str">
        <f t="shared" si="541"/>
        <v/>
      </c>
      <c r="CW326" s="898" t="str">
        <f t="shared" si="541"/>
        <v/>
      </c>
      <c r="CX326" s="898" t="str">
        <f t="shared" si="541"/>
        <v/>
      </c>
      <c r="CY326" s="898" t="str">
        <f t="shared" si="541"/>
        <v/>
      </c>
      <c r="CZ326" s="898" t="str">
        <f t="shared" si="542"/>
        <v/>
      </c>
      <c r="DA326" s="898" t="str">
        <f t="shared" si="542"/>
        <v/>
      </c>
      <c r="DB326" s="898" t="str">
        <f t="shared" si="542"/>
        <v/>
      </c>
      <c r="DC326" s="898" t="str">
        <f t="shared" si="542"/>
        <v/>
      </c>
      <c r="DD326" s="898" t="str">
        <f t="shared" si="542"/>
        <v/>
      </c>
      <c r="DE326" s="898" t="str">
        <f t="shared" si="542"/>
        <v/>
      </c>
      <c r="DF326" s="898" t="str">
        <f t="shared" si="542"/>
        <v/>
      </c>
      <c r="DG326" s="898" t="str">
        <f t="shared" si="542"/>
        <v/>
      </c>
      <c r="DH326" s="898" t="str">
        <f t="shared" si="542"/>
        <v/>
      </c>
      <c r="DI326" s="898">
        <f t="shared" si="542"/>
        <v>0</v>
      </c>
      <c r="DJ326" s="898">
        <f t="shared" si="543"/>
        <v>0</v>
      </c>
      <c r="DK326" s="898">
        <f t="shared" si="543"/>
        <v>0</v>
      </c>
      <c r="DL326" s="898">
        <f t="shared" si="543"/>
        <v>0</v>
      </c>
      <c r="DM326" s="661">
        <f t="shared" si="546"/>
        <v>0</v>
      </c>
      <c r="DN326" s="898">
        <f t="shared" si="547"/>
        <v>0</v>
      </c>
      <c r="DO326" s="516">
        <f t="shared" si="548"/>
        <v>0</v>
      </c>
      <c r="DP326" s="898">
        <f t="shared" si="549"/>
        <v>0</v>
      </c>
      <c r="DQ326" s="860" t="s">
        <v>4246</v>
      </c>
      <c r="DR326" s="610" t="s">
        <v>4247</v>
      </c>
      <c r="DS326" s="1221" t="s">
        <v>4248</v>
      </c>
      <c r="DT326" s="632"/>
    </row>
    <row r="327" spans="1:124" ht="270.75" x14ac:dyDescent="0.2">
      <c r="A327" s="484" t="str">
        <f t="shared" si="544"/>
        <v>B440 Leighton Buzzard Road Gateway Corridor (Piccotts End to Link Road/Galley Hill</v>
      </c>
      <c r="B327" s="1163">
        <v>324</v>
      </c>
      <c r="C327" s="1156" t="s">
        <v>4388</v>
      </c>
      <c r="D327" s="481" t="s">
        <v>2481</v>
      </c>
      <c r="E327" s="481" t="s">
        <v>53</v>
      </c>
      <c r="F327" s="481" t="s">
        <v>655</v>
      </c>
      <c r="G327" s="775" t="s">
        <v>932</v>
      </c>
      <c r="H327" s="673" t="s">
        <v>963</v>
      </c>
      <c r="I327" s="775" t="str">
        <f t="shared" si="444"/>
        <v>LS-64</v>
      </c>
      <c r="J327" s="673" t="s">
        <v>4389</v>
      </c>
      <c r="K327" s="664" t="s">
        <v>3104</v>
      </c>
      <c r="L327" s="852" t="s">
        <v>4390</v>
      </c>
      <c r="M327" s="515" t="s">
        <v>3005</v>
      </c>
      <c r="N327" s="775" t="s">
        <v>81</v>
      </c>
      <c r="O327" s="654" t="s">
        <v>3051</v>
      </c>
      <c r="P327" s="657" t="s">
        <v>61</v>
      </c>
      <c r="Q327" s="852" t="s">
        <v>122</v>
      </c>
      <c r="R327" s="657"/>
      <c r="S327" s="657"/>
      <c r="T327" s="853">
        <v>1635197</v>
      </c>
      <c r="U327" s="854"/>
      <c r="V327" s="657" t="s">
        <v>4245</v>
      </c>
      <c r="W327" s="642">
        <f t="shared" ref="W327:W358" si="551">T327-X327</f>
        <v>0</v>
      </c>
      <c r="X327" s="745">
        <f t="shared" ref="X327:X358" si="552">IF(ISTEXT(T327),T327,T327-U327)</f>
        <v>1635197</v>
      </c>
      <c r="Y327" s="745" t="s">
        <v>4260</v>
      </c>
      <c r="Z327" s="745" t="str">
        <f>_xlfn.XLOOKUP(I327, 'CALCS Aecom (July 25 2025)'!F:F, 'CALCS Aecom (July 25 2025)'!W:W)</f>
        <v>Mutliple Scenario 2 (Step 5)</v>
      </c>
      <c r="AA327" s="1330" t="s">
        <v>3220</v>
      </c>
      <c r="AB327" s="713" t="str">
        <f t="shared" ref="AB327:AK328" si="553">IF(BV327&gt;0, "Yes", "")</f>
        <v>Yes</v>
      </c>
      <c r="AC327" s="713" t="str">
        <f t="shared" si="553"/>
        <v>Yes</v>
      </c>
      <c r="AD327" s="713" t="str">
        <f t="shared" si="553"/>
        <v>Yes</v>
      </c>
      <c r="AE327" s="713" t="str">
        <f t="shared" si="553"/>
        <v>Yes</v>
      </c>
      <c r="AF327" s="713" t="str">
        <f t="shared" si="553"/>
        <v>Yes</v>
      </c>
      <c r="AG327" s="713" t="str">
        <f t="shared" si="553"/>
        <v>Yes</v>
      </c>
      <c r="AH327" s="713" t="str">
        <f t="shared" si="553"/>
        <v/>
      </c>
      <c r="AI327" s="713" t="str">
        <f t="shared" si="553"/>
        <v>Yes</v>
      </c>
      <c r="AJ327" s="713" t="str">
        <f t="shared" si="553"/>
        <v>Yes</v>
      </c>
      <c r="AK327" s="713" t="str">
        <f t="shared" si="553"/>
        <v>Yes</v>
      </c>
      <c r="AL327" s="713" t="str">
        <f t="shared" ref="AL327:AR328" si="554">IF(CF327&gt;0, "Yes", "")</f>
        <v/>
      </c>
      <c r="AM327" s="713" t="str">
        <f t="shared" si="554"/>
        <v>Yes</v>
      </c>
      <c r="AN327" s="713" t="str">
        <f t="shared" si="554"/>
        <v>Yes</v>
      </c>
      <c r="AO327" s="713" t="str">
        <f t="shared" si="554"/>
        <v>Yes</v>
      </c>
      <c r="AP327" s="713" t="str">
        <f t="shared" si="554"/>
        <v>Yes</v>
      </c>
      <c r="AQ327" s="713" t="str">
        <f t="shared" si="554"/>
        <v/>
      </c>
      <c r="AR327" s="713" t="str">
        <f t="shared" si="554"/>
        <v/>
      </c>
      <c r="AS327" s="661"/>
      <c r="AT327" s="661"/>
      <c r="AU327" s="661"/>
      <c r="AV327" s="661"/>
      <c r="AW327" s="661"/>
      <c r="AX327" s="661"/>
      <c r="AY327" s="661"/>
      <c r="AZ327" s="661"/>
      <c r="BA327" s="661"/>
      <c r="BB327" s="661"/>
      <c r="BC327" s="661"/>
      <c r="BD327" s="661"/>
      <c r="BE327" s="661"/>
      <c r="BF327" s="661"/>
      <c r="BG327" s="746"/>
      <c r="BH327" s="746"/>
      <c r="BI327" s="746"/>
      <c r="BJ327" s="746"/>
      <c r="BK327" s="746"/>
      <c r="BL327" s="746"/>
      <c r="BM327" s="746"/>
      <c r="BN327" s="746"/>
      <c r="BO327" s="892" t="str">
        <f t="shared" ref="BO327:BR328" si="555">IF(DI327&gt;0, "Yes", "")</f>
        <v>Yes</v>
      </c>
      <c r="BP327" s="892" t="str">
        <f t="shared" si="555"/>
        <v>Yes</v>
      </c>
      <c r="BQ327" s="892" t="str">
        <f t="shared" si="555"/>
        <v>Yes</v>
      </c>
      <c r="BR327" s="892" t="str">
        <f t="shared" si="555"/>
        <v>Yes</v>
      </c>
      <c r="BS327" s="884">
        <f t="shared" si="545"/>
        <v>17915</v>
      </c>
      <c r="BT327" s="661">
        <f t="shared" si="494"/>
        <v>91.27530002790958</v>
      </c>
      <c r="BU327" s="661" t="str">
        <f t="shared" si="550"/>
        <v>GOOD</v>
      </c>
      <c r="BV327" s="1149">
        <f>$X327*_xlfn.XLOOKUP($I327, 'CALCS Aecom (July 25 2025)'!$F:$F, 'CALCS Aecom (July 25 2025)'!BZ:BZ)</f>
        <v>90844.277777777766</v>
      </c>
      <c r="BW327" s="1149">
        <f>$X327*_xlfn.XLOOKUP($I327, 'CALCS Aecom (July 25 2025)'!$F:$F, 'CALCS Aecom (July 25 2025)'!CC:CC)</f>
        <v>45422.138888888883</v>
      </c>
      <c r="BX327" s="1149">
        <f>$X327*_xlfn.XLOOKUP($I327, 'CALCS Aecom (July 25 2025)'!$F:$F, 'CALCS Aecom (July 25 2025)'!CI:CI)</f>
        <v>113555.34722222223</v>
      </c>
      <c r="BY327" s="1149">
        <f>$X327*_xlfn.XLOOKUP($I327, 'CALCS Aecom (July 25 2025)'!$F:$F, 'CALCS Aecom (July 25 2025)'!BQ:BQ)</f>
        <v>45422.138888888883</v>
      </c>
      <c r="BZ327" s="1149">
        <f>$X327*_xlfn.XLOOKUP($I327, 'CALCS Aecom (July 25 2025)'!$F:$F, 'CALCS Aecom (July 25 2025)'!BV:BV)</f>
        <v>22711.069444444442</v>
      </c>
      <c r="CA327" s="1149">
        <f>$X327*_xlfn.XLOOKUP($I327, 'CALCS Aecom (July 25 2025)'!$F:$F, 'CALCS Aecom (July 25 2025)'!BR:BR)</f>
        <v>22711.069444444442</v>
      </c>
      <c r="CB327" s="1149">
        <f>$X327*_xlfn.XLOOKUP($I327, 'CALCS Aecom (July 25 2025)'!$F:$F, 'CALCS Aecom (July 25 2025)'!CD:CD)</f>
        <v>0</v>
      </c>
      <c r="CC327" s="1149">
        <f>$X327*_xlfn.XLOOKUP($I327, 'CALCS Aecom (July 25 2025)'!$F:$F, 'CALCS Aecom (July 25 2025)'!BT:BT)</f>
        <v>22711.069444444442</v>
      </c>
      <c r="CD327" s="1149">
        <f>$X327*_xlfn.XLOOKUP($I327, 'CALCS Aecom (July 25 2025)'!$F:$F, 'CALCS Aecom (July 25 2025)'!BU:BU)</f>
        <v>45422.138888888883</v>
      </c>
      <c r="CE327" s="1149">
        <f>$X327*_xlfn.XLOOKUP($I327, 'CALCS Aecom (July 25 2025)'!$F:$F, 'CALCS Aecom (July 25 2025)'!BW:BW)</f>
        <v>249821.76388888891</v>
      </c>
      <c r="CF327" s="1149">
        <f>$X327*_xlfn.XLOOKUP($I327, 'CALCS Aecom (July 25 2025)'!$F:$F, 'CALCS Aecom (July 25 2025)'!BS:BS)</f>
        <v>0</v>
      </c>
      <c r="CG327" s="1149">
        <f>$X327*_xlfn.XLOOKUP($I327, 'CALCS Aecom (July 25 2025)'!$F:$F, 'CALCS Aecom (July 25 2025)'!CE:CE)</f>
        <v>90844.277777777766</v>
      </c>
      <c r="CH327" s="1149">
        <f>$X327*_xlfn.XLOOKUP($I327, 'CALCS Aecom (July 25 2025)'!$F:$F, 'CALCS Aecom (July 25 2025)'!CJ:CJ)</f>
        <v>45422.138888888883</v>
      </c>
      <c r="CI327" s="1149">
        <f>$X327*_xlfn.XLOOKUP($I327, 'CALCS Aecom (July 25 2025)'!$F:$F, 'CALCS Aecom (July 25 2025)'!CB:CB)</f>
        <v>136266.41666666666</v>
      </c>
      <c r="CJ327" s="1149">
        <f>$X327*_xlfn.XLOOKUP($I327, 'CALCS Aecom (July 25 2025)'!$F:$F, 'CALCS Aecom (July 25 2025)'!CF:CF)</f>
        <v>22711.069444444442</v>
      </c>
      <c r="CK327" s="1149">
        <f>$X327*_xlfn.XLOOKUP($I327, 'CALCS Aecom (July 25 2025)'!$F:$F, 'CALCS Aecom (July 25 2025)'!CG:CG)</f>
        <v>0</v>
      </c>
      <c r="CL327" s="1149"/>
      <c r="CM327" s="898"/>
      <c r="CN327" s="898"/>
      <c r="CO327" s="898"/>
      <c r="CP327" s="898"/>
      <c r="CQ327" s="898"/>
      <c r="CR327" s="898"/>
      <c r="CS327" s="898"/>
      <c r="CT327" s="898"/>
      <c r="CU327" s="898"/>
      <c r="CV327" s="898"/>
      <c r="CW327" s="898"/>
      <c r="CX327" s="898"/>
      <c r="CY327" s="898"/>
      <c r="CZ327" s="898"/>
      <c r="DA327" s="898"/>
      <c r="DB327" s="898"/>
      <c r="DC327" s="898"/>
      <c r="DD327" s="898"/>
      <c r="DE327" s="898"/>
      <c r="DF327" s="898"/>
      <c r="DG327" s="898"/>
      <c r="DH327" s="898"/>
      <c r="DI327" s="1149">
        <f>$X327*_xlfn.XLOOKUP($I327, 'CALCS Aecom (July 25 2025)'!$F:$F, 'CALCS Aecom (July 25 2025)'!CA:CA)</f>
        <v>181688.55555555553</v>
      </c>
      <c r="DJ327" s="1149">
        <f>$X327*_xlfn.XLOOKUP($I327, 'CALCS Aecom (July 25 2025)'!$F:$F, 'CALCS Aecom (July 25 2025)'!BX:BX)</f>
        <v>227110.69444444447</v>
      </c>
      <c r="DK327" s="1149">
        <f>$X327*_xlfn.XLOOKUP($I327, 'CALCS Aecom (July 25 2025)'!$F:$F, 'CALCS Aecom (July 25 2025)'!BY:BY)</f>
        <v>113555.34722222223</v>
      </c>
      <c r="DL327" s="1149">
        <f>$X327*_xlfn.XLOOKUP($I327, 'CALCS Aecom (July 25 2025)'!$F:$F, 'CALCS Aecom (July 25 2025)'!CH:CH)</f>
        <v>158977.48611111112</v>
      </c>
      <c r="DM327" s="661">
        <f t="shared" si="546"/>
        <v>953864.91666666663</v>
      </c>
      <c r="DN327" s="898">
        <f t="shared" si="547"/>
        <v>681332.08333333337</v>
      </c>
      <c r="DO327" s="516">
        <f t="shared" si="548"/>
        <v>0</v>
      </c>
      <c r="DP327" s="898">
        <f t="shared" si="549"/>
        <v>0</v>
      </c>
      <c r="DQ327" s="860" t="s">
        <v>4246</v>
      </c>
      <c r="DR327" s="860" t="s">
        <v>4261</v>
      </c>
      <c r="DS327" s="1221" t="s">
        <v>4248</v>
      </c>
      <c r="DT327" s="632"/>
    </row>
    <row r="328" spans="1:124" ht="256.5" x14ac:dyDescent="0.2">
      <c r="A328" s="484" t="str">
        <f t="shared" si="544"/>
        <v>Marlowes - West Herts College Local Mobility Hub</v>
      </c>
      <c r="B328" s="1163">
        <v>325</v>
      </c>
      <c r="C328" s="1156" t="s">
        <v>4391</v>
      </c>
      <c r="D328" s="481" t="s">
        <v>2481</v>
      </c>
      <c r="E328" s="481" t="s">
        <v>53</v>
      </c>
      <c r="F328" s="481" t="s">
        <v>655</v>
      </c>
      <c r="G328" s="775" t="s">
        <v>830</v>
      </c>
      <c r="H328" s="673" t="s">
        <v>971</v>
      </c>
      <c r="I328" s="775" t="str">
        <f t="shared" si="444"/>
        <v>LS-68</v>
      </c>
      <c r="J328" s="673" t="s">
        <v>4392</v>
      </c>
      <c r="K328" s="664" t="s">
        <v>3104</v>
      </c>
      <c r="L328" s="852" t="s">
        <v>4393</v>
      </c>
      <c r="M328" s="657" t="s">
        <v>2996</v>
      </c>
      <c r="N328" s="775" t="s">
        <v>81</v>
      </c>
      <c r="O328" s="654" t="s">
        <v>3051</v>
      </c>
      <c r="P328" s="657" t="s">
        <v>61</v>
      </c>
      <c r="Q328" s="852" t="s">
        <v>122</v>
      </c>
      <c r="R328" s="657"/>
      <c r="S328" s="657"/>
      <c r="T328" s="854">
        <v>370629.1875</v>
      </c>
      <c r="U328" s="854"/>
      <c r="V328" s="657" t="s">
        <v>4245</v>
      </c>
      <c r="W328" s="642">
        <f t="shared" si="551"/>
        <v>0</v>
      </c>
      <c r="X328" s="745">
        <f t="shared" si="552"/>
        <v>370629.1875</v>
      </c>
      <c r="Y328" s="745" t="s">
        <v>4260</v>
      </c>
      <c r="Z328" s="745" t="str">
        <f>_xlfn.XLOOKUP(I328, 'CALCS Aecom (July 25 2025)'!F:F, 'CALCS Aecom (July 25 2025)'!W:W)</f>
        <v>Mutliple Scenario 2 (Step 5)</v>
      </c>
      <c r="AA328" s="776" t="s">
        <v>65</v>
      </c>
      <c r="AB328" s="713" t="str">
        <f t="shared" si="553"/>
        <v>Yes</v>
      </c>
      <c r="AC328" s="713" t="str">
        <f t="shared" si="553"/>
        <v>Yes</v>
      </c>
      <c r="AD328" s="713" t="str">
        <f t="shared" si="553"/>
        <v>Yes</v>
      </c>
      <c r="AE328" s="713" t="str">
        <f t="shared" si="553"/>
        <v>Yes</v>
      </c>
      <c r="AF328" s="713" t="str">
        <f t="shared" si="553"/>
        <v>Yes</v>
      </c>
      <c r="AG328" s="713" t="str">
        <f t="shared" si="553"/>
        <v>Yes</v>
      </c>
      <c r="AH328" s="713" t="str">
        <f t="shared" si="553"/>
        <v/>
      </c>
      <c r="AI328" s="713" t="str">
        <f t="shared" si="553"/>
        <v>Yes</v>
      </c>
      <c r="AJ328" s="713" t="str">
        <f t="shared" si="553"/>
        <v/>
      </c>
      <c r="AK328" s="713" t="str">
        <f t="shared" si="553"/>
        <v>Yes</v>
      </c>
      <c r="AL328" s="713" t="str">
        <f t="shared" si="554"/>
        <v>Yes</v>
      </c>
      <c r="AM328" s="713" t="str">
        <f t="shared" si="554"/>
        <v/>
      </c>
      <c r="AN328" s="713" t="str">
        <f t="shared" si="554"/>
        <v>Yes</v>
      </c>
      <c r="AO328" s="713" t="str">
        <f t="shared" si="554"/>
        <v>Yes</v>
      </c>
      <c r="AP328" s="713" t="str">
        <f t="shared" si="554"/>
        <v/>
      </c>
      <c r="AQ328" s="713" t="str">
        <f t="shared" si="554"/>
        <v/>
      </c>
      <c r="AR328" s="713" t="str">
        <f t="shared" si="554"/>
        <v/>
      </c>
      <c r="AS328" s="661"/>
      <c r="AT328" s="661"/>
      <c r="AU328" s="661"/>
      <c r="AV328" s="661"/>
      <c r="AW328" s="661"/>
      <c r="AX328" s="661"/>
      <c r="AY328" s="661"/>
      <c r="AZ328" s="661"/>
      <c r="BA328" s="661"/>
      <c r="BB328" s="661"/>
      <c r="BC328" s="661"/>
      <c r="BD328" s="661"/>
      <c r="BE328" s="661"/>
      <c r="BF328" s="661"/>
      <c r="BG328" s="746"/>
      <c r="BH328" s="746"/>
      <c r="BI328" s="746"/>
      <c r="BJ328" s="746"/>
      <c r="BK328" s="746"/>
      <c r="BL328" s="746"/>
      <c r="BM328" s="746"/>
      <c r="BN328" s="746"/>
      <c r="BO328" s="892" t="str">
        <f t="shared" si="555"/>
        <v>Yes</v>
      </c>
      <c r="BP328" s="892" t="str">
        <f t="shared" si="555"/>
        <v>Yes</v>
      </c>
      <c r="BQ328" s="892" t="str">
        <f t="shared" si="555"/>
        <v>Yes</v>
      </c>
      <c r="BR328" s="892" t="str">
        <f t="shared" si="555"/>
        <v>Yes</v>
      </c>
      <c r="BS328" s="884">
        <f t="shared" si="545"/>
        <v>17875</v>
      </c>
      <c r="BT328" s="661">
        <f t="shared" si="494"/>
        <v>20.734500000000001</v>
      </c>
      <c r="BU328" s="661" t="str">
        <f t="shared" si="550"/>
        <v>GOOD</v>
      </c>
      <c r="BV328" s="1149">
        <f>$X328*_xlfn.XLOOKUP($I328, 'CALCS Aecom (July 25 2025)'!$F:$F, 'CALCS Aecom (July 25 2025)'!BZ:BZ)</f>
        <v>28003.560213019286</v>
      </c>
      <c r="BW328" s="1149">
        <f>$X328*_xlfn.XLOOKUP($I328, 'CALCS Aecom (July 25 2025)'!$F:$F, 'CALCS Aecom (July 25 2025)'!CC:CC)</f>
        <v>5091.5564023671432</v>
      </c>
      <c r="BX328" s="1149">
        <f>$X328*_xlfn.XLOOKUP($I328, 'CALCS Aecom (July 25 2025)'!$F:$F, 'CALCS Aecom (July 25 2025)'!CI:CI)</f>
        <v>257123.5983195407</v>
      </c>
      <c r="BY328" s="1149">
        <f>$X328*_xlfn.XLOOKUP($I328, 'CALCS Aecom (July 25 2025)'!$F:$F, 'CALCS Aecom (July 25 2025)'!BQ:BQ)</f>
        <v>20366.225609468573</v>
      </c>
      <c r="BZ328" s="1149">
        <f>$X328*_xlfn.XLOOKUP($I328, 'CALCS Aecom (July 25 2025)'!$F:$F, 'CALCS Aecom (July 25 2025)'!BV:BV)</f>
        <v>2545.7782011835716</v>
      </c>
      <c r="CA328" s="1149">
        <f>$X328*_xlfn.XLOOKUP($I328, 'CALCS Aecom (July 25 2025)'!$F:$F, 'CALCS Aecom (July 25 2025)'!BR:BR)</f>
        <v>2545.7782011835716</v>
      </c>
      <c r="CB328" s="1149">
        <f>$X328*_xlfn.XLOOKUP($I328, 'CALCS Aecom (July 25 2025)'!$F:$F, 'CALCS Aecom (July 25 2025)'!CD:CD)</f>
        <v>0</v>
      </c>
      <c r="CC328" s="1149">
        <f>$X328*_xlfn.XLOOKUP($I328, 'CALCS Aecom (July 25 2025)'!$F:$F, 'CALCS Aecom (July 25 2025)'!BT:BT)</f>
        <v>2545.7782011835716</v>
      </c>
      <c r="CD328" s="1149">
        <f>$X328*_xlfn.XLOOKUP($I328, 'CALCS Aecom (July 25 2025)'!$F:$F, 'CALCS Aecom (July 25 2025)'!BU:BU)</f>
        <v>0</v>
      </c>
      <c r="CE328" s="1149">
        <f>$X328*_xlfn.XLOOKUP($I328, 'CALCS Aecom (July 25 2025)'!$F:$F, 'CALCS Aecom (July 25 2025)'!BW:BW)</f>
        <v>2545.7782011835716</v>
      </c>
      <c r="CF328" s="1149">
        <f>$X328*_xlfn.XLOOKUP($I328, 'CALCS Aecom (July 25 2025)'!$F:$F, 'CALCS Aecom (July 25 2025)'!BS:BS)</f>
        <v>5091.5564023671432</v>
      </c>
      <c r="CG328" s="1149">
        <f>$X328*_xlfn.XLOOKUP($I328, 'CALCS Aecom (July 25 2025)'!$F:$F, 'CALCS Aecom (July 25 2025)'!CE:CE)</f>
        <v>0</v>
      </c>
      <c r="CH328" s="1149">
        <f>$X328*_xlfn.XLOOKUP($I328, 'CALCS Aecom (July 25 2025)'!$F:$F, 'CALCS Aecom (July 25 2025)'!CJ:CJ)</f>
        <v>1491.3483283821381</v>
      </c>
      <c r="CI328" s="1149">
        <f>$X328*_xlfn.XLOOKUP($I328, 'CALCS Aecom (July 25 2025)'!$F:$F, 'CALCS Aecom (July 25 2025)'!CB:CB)</f>
        <v>2545.7782011835716</v>
      </c>
      <c r="CJ328" s="1149">
        <f>$X328*_xlfn.XLOOKUP($I328, 'CALCS Aecom (July 25 2025)'!$F:$F, 'CALCS Aecom (July 25 2025)'!CF:CF)</f>
        <v>0</v>
      </c>
      <c r="CK328" s="1149">
        <f>$X328*_xlfn.XLOOKUP($I328, 'CALCS Aecom (July 25 2025)'!$F:$F, 'CALCS Aecom (July 25 2025)'!CG:CG)</f>
        <v>0</v>
      </c>
      <c r="CL328" s="1149"/>
      <c r="CM328" s="898"/>
      <c r="CN328" s="898"/>
      <c r="CO328" s="898"/>
      <c r="CP328" s="898"/>
      <c r="CQ328" s="898"/>
      <c r="CR328" s="898"/>
      <c r="CS328" s="898"/>
      <c r="CT328" s="898"/>
      <c r="CU328" s="898"/>
      <c r="CV328" s="898"/>
      <c r="CW328" s="898"/>
      <c r="CX328" s="898"/>
      <c r="CY328" s="898"/>
      <c r="CZ328" s="898"/>
      <c r="DA328" s="898"/>
      <c r="DB328" s="898"/>
      <c r="DC328" s="898"/>
      <c r="DD328" s="898"/>
      <c r="DE328" s="898"/>
      <c r="DF328" s="898"/>
      <c r="DG328" s="898"/>
      <c r="DH328" s="898"/>
      <c r="DI328" s="1149">
        <f>$X328*_xlfn.XLOOKUP($I328, 'CALCS Aecom (July 25 2025)'!$F:$F, 'CALCS Aecom (July 25 2025)'!CA:CA)</f>
        <v>5091.5564023671432</v>
      </c>
      <c r="DJ328" s="1149">
        <f>$X328*_xlfn.XLOOKUP($I328, 'CALCS Aecom (July 25 2025)'!$F:$F, 'CALCS Aecom (July 25 2025)'!BX:BX)</f>
        <v>10183.112804734286</v>
      </c>
      <c r="DK328" s="1149">
        <f>$X328*_xlfn.XLOOKUP($I328, 'CALCS Aecom (July 25 2025)'!$F:$F, 'CALCS Aecom (July 25 2025)'!BY:BY)</f>
        <v>12728.891005917856</v>
      </c>
      <c r="DL328" s="1149">
        <f>$X328*_xlfn.XLOOKUP($I328, 'CALCS Aecom (July 25 2025)'!$F:$F, 'CALCS Aecom (July 25 2025)'!CH:CH)</f>
        <v>12728.891005917856</v>
      </c>
      <c r="DM328" s="661">
        <f t="shared" si="546"/>
        <v>329896.73628106294</v>
      </c>
      <c r="DN328" s="898">
        <f t="shared" si="547"/>
        <v>40732.451218937145</v>
      </c>
      <c r="DO328" s="516">
        <f t="shared" si="548"/>
        <v>0</v>
      </c>
      <c r="DP328" s="898">
        <f t="shared" si="549"/>
        <v>0</v>
      </c>
      <c r="DQ328" s="860" t="s">
        <v>4246</v>
      </c>
      <c r="DR328" s="860" t="s">
        <v>4261</v>
      </c>
      <c r="DS328" s="1221" t="s">
        <v>4248</v>
      </c>
      <c r="DT328" s="632"/>
    </row>
    <row r="329" spans="1:124" ht="57" x14ac:dyDescent="0.2">
      <c r="A329" s="484" t="str">
        <f t="shared" si="544"/>
        <v>West of Hemel Local Mobility Hub</v>
      </c>
      <c r="B329" s="1163">
        <v>326</v>
      </c>
      <c r="C329" s="1156" t="s">
        <v>4394</v>
      </c>
      <c r="D329" s="481" t="s">
        <v>2481</v>
      </c>
      <c r="E329" s="481" t="s">
        <v>912</v>
      </c>
      <c r="F329" s="481" t="s">
        <v>655</v>
      </c>
      <c r="G329" s="775" t="s">
        <v>830</v>
      </c>
      <c r="H329" s="673" t="s">
        <v>973</v>
      </c>
      <c r="I329" s="775" t="str">
        <f t="shared" si="444"/>
        <v>LS-69</v>
      </c>
      <c r="J329" s="673" t="s">
        <v>4395</v>
      </c>
      <c r="K329" s="664" t="s">
        <v>3104</v>
      </c>
      <c r="L329" s="852" t="s">
        <v>3167</v>
      </c>
      <c r="M329" s="713" t="s">
        <v>2996</v>
      </c>
      <c r="N329" s="775" t="s">
        <v>60</v>
      </c>
      <c r="O329" s="654" t="s">
        <v>3051</v>
      </c>
      <c r="P329" s="657" t="s">
        <v>61</v>
      </c>
      <c r="Q329" s="852" t="s">
        <v>122</v>
      </c>
      <c r="R329" s="657"/>
      <c r="S329" s="657"/>
      <c r="T329" s="854">
        <v>370629.1875</v>
      </c>
      <c r="U329" s="854"/>
      <c r="V329" s="657" t="s">
        <v>4245</v>
      </c>
      <c r="W329" s="642">
        <f t="shared" si="551"/>
        <v>0</v>
      </c>
      <c r="X329" s="745">
        <f t="shared" si="552"/>
        <v>370629.1875</v>
      </c>
      <c r="Y329" s="745" t="s">
        <v>3106</v>
      </c>
      <c r="Z329" s="745" t="str">
        <f>_xlfn.XLOOKUP(I329, 'CALCS Aecom (July 25 2025)'!F:F, 'CALCS Aecom (July 25 2025)'!W:W)</f>
        <v>Multiple Scenario 2 (Step 6)</v>
      </c>
      <c r="AA329" s="736" t="s">
        <v>82</v>
      </c>
      <c r="AB329" s="516" t="s">
        <v>66</v>
      </c>
      <c r="AC329" s="516" t="s">
        <v>66</v>
      </c>
      <c r="AD329" s="516" t="s">
        <v>66</v>
      </c>
      <c r="AE329" s="516" t="s">
        <v>66</v>
      </c>
      <c r="AF329" s="516" t="s">
        <v>66</v>
      </c>
      <c r="AG329" s="516" t="s">
        <v>66</v>
      </c>
      <c r="AH329" s="516" t="s">
        <v>66</v>
      </c>
      <c r="AI329" s="516" t="s">
        <v>66</v>
      </c>
      <c r="AJ329" s="516" t="s">
        <v>66</v>
      </c>
      <c r="AK329" s="516" t="s">
        <v>66</v>
      </c>
      <c r="AL329" s="516" t="s">
        <v>66</v>
      </c>
      <c r="AM329" s="516" t="s">
        <v>66</v>
      </c>
      <c r="AN329" s="516" t="s">
        <v>66</v>
      </c>
      <c r="AO329" s="516" t="s">
        <v>66</v>
      </c>
      <c r="AP329" s="516" t="s">
        <v>66</v>
      </c>
      <c r="AQ329" s="516" t="s">
        <v>66</v>
      </c>
      <c r="AR329" s="516" t="s">
        <v>66</v>
      </c>
      <c r="AS329" s="661"/>
      <c r="AT329" s="661"/>
      <c r="AU329" s="661"/>
      <c r="AV329" s="661"/>
      <c r="AW329" s="661"/>
      <c r="AX329" s="661"/>
      <c r="AY329" s="661"/>
      <c r="AZ329" s="661"/>
      <c r="BA329" s="661"/>
      <c r="BB329" s="661"/>
      <c r="BC329" s="661"/>
      <c r="BD329" s="661"/>
      <c r="BE329" s="661"/>
      <c r="BF329" s="661"/>
      <c r="BG329" s="746"/>
      <c r="BH329" s="746"/>
      <c r="BI329" s="746"/>
      <c r="BJ329" s="746"/>
      <c r="BK329" s="746"/>
      <c r="BL329" s="746"/>
      <c r="BM329" s="746"/>
      <c r="BN329" s="746"/>
      <c r="BO329" s="516" t="s">
        <v>66</v>
      </c>
      <c r="BP329" s="516" t="s">
        <v>66</v>
      </c>
      <c r="BQ329" s="516" t="s">
        <v>66</v>
      </c>
      <c r="BR329" s="654"/>
      <c r="BS329" s="884">
        <f t="shared" si="545"/>
        <v>18054</v>
      </c>
      <c r="BT329" s="661">
        <f t="shared" si="494"/>
        <v>20.528923645729478</v>
      </c>
      <c r="BU329" s="661" t="str">
        <f t="shared" si="550"/>
        <v>GOOD</v>
      </c>
      <c r="BV329" s="898">
        <f t="shared" ref="BV329:CE330" si="556">IF(AB329="yes",(AB$3*$BT329),"")</f>
        <v>102644.61822864739</v>
      </c>
      <c r="BW329" s="898">
        <f t="shared" si="556"/>
        <v>4105.7847291458957</v>
      </c>
      <c r="BX329" s="898">
        <f t="shared" si="556"/>
        <v>9238.0156405782654</v>
      </c>
      <c r="BY329" s="898">
        <f t="shared" si="556"/>
        <v>7185.1232760053172</v>
      </c>
      <c r="BZ329" s="898">
        <f t="shared" si="556"/>
        <v>10264.46182286474</v>
      </c>
      <c r="CA329" s="898">
        <f t="shared" si="556"/>
        <v>9853.8833499501488</v>
      </c>
      <c r="CB329" s="898">
        <f t="shared" si="556"/>
        <v>2052.8923645729478</v>
      </c>
      <c r="CC329" s="898">
        <f t="shared" si="556"/>
        <v>8006.2802218344959</v>
      </c>
      <c r="CD329" s="898">
        <f t="shared" si="556"/>
        <v>10264.46182286474</v>
      </c>
      <c r="CE329" s="898">
        <f t="shared" si="556"/>
        <v>10264.46182286474</v>
      </c>
      <c r="CF329" s="898">
        <f t="shared" ref="CF329:CO330" si="557">IF(AL329="yes",(AL$3*$BT329),"")</f>
        <v>15396.692734297108</v>
      </c>
      <c r="CG329" s="898">
        <f t="shared" si="557"/>
        <v>4105.7847291458957</v>
      </c>
      <c r="CH329" s="898">
        <f t="shared" si="557"/>
        <v>4803.7681331006979</v>
      </c>
      <c r="CI329" s="898">
        <f t="shared" si="557"/>
        <v>7185.1232760053172</v>
      </c>
      <c r="CJ329" s="898">
        <f t="shared" si="557"/>
        <v>1847.6031281156529</v>
      </c>
      <c r="CK329" s="898">
        <f t="shared" si="557"/>
        <v>1642.3138916583582</v>
      </c>
      <c r="CL329" s="898">
        <f t="shared" si="557"/>
        <v>48858.838276836155</v>
      </c>
      <c r="CM329" s="898" t="str">
        <f t="shared" si="557"/>
        <v/>
      </c>
      <c r="CN329" s="898" t="str">
        <f t="shared" si="557"/>
        <v/>
      </c>
      <c r="CO329" s="898" t="str">
        <f t="shared" si="557"/>
        <v/>
      </c>
      <c r="CP329" s="898" t="str">
        <f t="shared" ref="CP329:CY330" si="558">IF(AV329="yes",(AV$3*$BT329),"")</f>
        <v/>
      </c>
      <c r="CQ329" s="898" t="str">
        <f t="shared" si="558"/>
        <v/>
      </c>
      <c r="CR329" s="898" t="str">
        <f t="shared" si="558"/>
        <v/>
      </c>
      <c r="CS329" s="898" t="str">
        <f t="shared" si="558"/>
        <v/>
      </c>
      <c r="CT329" s="898" t="str">
        <f t="shared" si="558"/>
        <v/>
      </c>
      <c r="CU329" s="898" t="str">
        <f t="shared" si="558"/>
        <v/>
      </c>
      <c r="CV329" s="898" t="str">
        <f t="shared" si="558"/>
        <v/>
      </c>
      <c r="CW329" s="898" t="str">
        <f t="shared" si="558"/>
        <v/>
      </c>
      <c r="CX329" s="898" t="str">
        <f t="shared" si="558"/>
        <v/>
      </c>
      <c r="CY329" s="898" t="str">
        <f t="shared" si="558"/>
        <v/>
      </c>
      <c r="CZ329" s="898" t="str">
        <f t="shared" ref="CZ329:DI330" si="559">IF(BF329="yes",(BF$3*$BT329),"")</f>
        <v/>
      </c>
      <c r="DA329" s="898" t="str">
        <f t="shared" si="559"/>
        <v/>
      </c>
      <c r="DB329" s="898" t="str">
        <f t="shared" si="559"/>
        <v/>
      </c>
      <c r="DC329" s="898" t="str">
        <f t="shared" si="559"/>
        <v/>
      </c>
      <c r="DD329" s="898" t="str">
        <f t="shared" si="559"/>
        <v/>
      </c>
      <c r="DE329" s="898" t="str">
        <f t="shared" si="559"/>
        <v/>
      </c>
      <c r="DF329" s="898" t="str">
        <f t="shared" si="559"/>
        <v/>
      </c>
      <c r="DG329" s="898" t="str">
        <f t="shared" si="559"/>
        <v/>
      </c>
      <c r="DH329" s="898" t="str">
        <f t="shared" si="559"/>
        <v/>
      </c>
      <c r="DI329" s="898">
        <f t="shared" si="559"/>
        <v>30793.385468594217</v>
      </c>
      <c r="DJ329" s="898">
        <f t="shared" ref="DJ329:DL330" si="560">IF(BP329="yes",(BP$3*$BT329),"")</f>
        <v>32846.277833167165</v>
      </c>
      <c r="DK329" s="898">
        <f t="shared" si="560"/>
        <v>49269.416749750744</v>
      </c>
      <c r="DL329" s="898" t="str">
        <f t="shared" si="560"/>
        <v/>
      </c>
      <c r="DM329" s="661">
        <f t="shared" si="546"/>
        <v>257720.10744848783</v>
      </c>
      <c r="DN329" s="898">
        <f t="shared" si="547"/>
        <v>112909.08005151212</v>
      </c>
      <c r="DO329" s="516">
        <f t="shared" si="548"/>
        <v>0</v>
      </c>
      <c r="DP329" s="898">
        <f t="shared" si="549"/>
        <v>0</v>
      </c>
      <c r="DQ329" s="860" t="s">
        <v>4246</v>
      </c>
      <c r="DR329" s="610" t="s">
        <v>4247</v>
      </c>
      <c r="DS329" s="1221" t="s">
        <v>4248</v>
      </c>
      <c r="DT329" s="632"/>
    </row>
    <row r="330" spans="1:124" ht="57" x14ac:dyDescent="0.2">
      <c r="A330" s="484" t="str">
        <f t="shared" si="544"/>
        <v>A414 Maylands Avenue Roundabout - signalisation and bus-only hamburger</v>
      </c>
      <c r="B330" s="1163">
        <v>327</v>
      </c>
      <c r="C330" s="1156" t="s">
        <v>4396</v>
      </c>
      <c r="D330" s="481" t="s">
        <v>2481</v>
      </c>
      <c r="E330" s="481" t="s">
        <v>53</v>
      </c>
      <c r="F330" s="481" t="s">
        <v>655</v>
      </c>
      <c r="G330" s="665" t="s">
        <v>1350</v>
      </c>
      <c r="H330" s="673" t="s">
        <v>4397</v>
      </c>
      <c r="I330" s="775" t="str">
        <f t="shared" si="444"/>
        <v>LS-71</v>
      </c>
      <c r="J330" s="673" t="s">
        <v>4398</v>
      </c>
      <c r="K330" s="664" t="s">
        <v>3104</v>
      </c>
      <c r="L330" s="852" t="s">
        <v>3167</v>
      </c>
      <c r="M330" s="515" t="s">
        <v>4244</v>
      </c>
      <c r="N330" s="775" t="s">
        <v>81</v>
      </c>
      <c r="O330" s="664" t="s">
        <v>4287</v>
      </c>
      <c r="P330" s="657" t="s">
        <v>61</v>
      </c>
      <c r="Q330" s="852" t="s">
        <v>181</v>
      </c>
      <c r="R330" s="657"/>
      <c r="S330" s="657"/>
      <c r="T330" s="853">
        <v>9492614</v>
      </c>
      <c r="U330" s="854"/>
      <c r="V330" s="657" t="s">
        <v>4325</v>
      </c>
      <c r="W330" s="642">
        <f t="shared" si="551"/>
        <v>0</v>
      </c>
      <c r="X330" s="745">
        <f t="shared" si="552"/>
        <v>9492614</v>
      </c>
      <c r="Y330" s="745" t="s">
        <v>3106</v>
      </c>
      <c r="Z330" s="745" t="str">
        <f>_xlfn.XLOOKUP(I330, 'CALCS Aecom (July 25 2025)'!F:F, 'CALCS Aecom (July 25 2025)'!W:W)</f>
        <v>Multiple Scenario 2 (Step 8)</v>
      </c>
      <c r="AA330" s="1330" t="s">
        <v>3220</v>
      </c>
      <c r="AB330" s="661" t="s">
        <v>66</v>
      </c>
      <c r="AC330" s="661" t="s">
        <v>66</v>
      </c>
      <c r="AD330" s="661" t="s">
        <v>66</v>
      </c>
      <c r="AE330" s="661" t="s">
        <v>66</v>
      </c>
      <c r="AF330" s="661" t="s">
        <v>66</v>
      </c>
      <c r="AG330" s="661" t="s">
        <v>66</v>
      </c>
      <c r="AH330" s="661" t="s">
        <v>66</v>
      </c>
      <c r="AI330" s="661" t="s">
        <v>66</v>
      </c>
      <c r="AJ330" s="661" t="s">
        <v>66</v>
      </c>
      <c r="AK330" s="661" t="s">
        <v>66</v>
      </c>
      <c r="AL330" s="661" t="s">
        <v>66</v>
      </c>
      <c r="AM330" s="661" t="s">
        <v>66</v>
      </c>
      <c r="AN330" s="661" t="s">
        <v>66</v>
      </c>
      <c r="AO330" s="661" t="s">
        <v>66</v>
      </c>
      <c r="AP330" s="661" t="s">
        <v>66</v>
      </c>
      <c r="AQ330" s="661" t="s">
        <v>66</v>
      </c>
      <c r="AR330" s="661" t="s">
        <v>66</v>
      </c>
      <c r="AS330" s="661"/>
      <c r="AT330" s="661"/>
      <c r="AU330" s="661"/>
      <c r="AV330" s="661"/>
      <c r="AW330" s="661"/>
      <c r="AX330" s="661"/>
      <c r="AY330" s="661"/>
      <c r="AZ330" s="661"/>
      <c r="BA330" s="661"/>
      <c r="BB330" s="661"/>
      <c r="BC330" s="661"/>
      <c r="BD330" s="661"/>
      <c r="BE330" s="661"/>
      <c r="BF330" s="661"/>
      <c r="BG330" s="661"/>
      <c r="BH330" s="661"/>
      <c r="BI330" s="661"/>
      <c r="BJ330" s="661"/>
      <c r="BK330" s="661"/>
      <c r="BL330" s="661"/>
      <c r="BM330" s="661"/>
      <c r="BN330" s="661"/>
      <c r="BO330" s="661" t="s">
        <v>66</v>
      </c>
      <c r="BP330" s="661" t="s">
        <v>66</v>
      </c>
      <c r="BQ330" s="661" t="s">
        <v>66</v>
      </c>
      <c r="BR330" s="661" t="s">
        <v>66</v>
      </c>
      <c r="BS330" s="884">
        <f t="shared" si="545"/>
        <v>21225</v>
      </c>
      <c r="BT330" s="661">
        <f t="shared" si="494"/>
        <v>447.23740871613666</v>
      </c>
      <c r="BU330" s="661" t="str">
        <f t="shared" si="550"/>
        <v>GOOD</v>
      </c>
      <c r="BV330" s="898">
        <f t="shared" si="556"/>
        <v>2236187.0435806834</v>
      </c>
      <c r="BW330" s="898">
        <f t="shared" si="556"/>
        <v>89447.481743227327</v>
      </c>
      <c r="BX330" s="898">
        <f t="shared" si="556"/>
        <v>201256.83392226149</v>
      </c>
      <c r="BY330" s="898">
        <f t="shared" si="556"/>
        <v>156533.09305064782</v>
      </c>
      <c r="BZ330" s="898">
        <f t="shared" si="556"/>
        <v>223618.70435806832</v>
      </c>
      <c r="CA330" s="898">
        <f t="shared" si="556"/>
        <v>214673.95618374558</v>
      </c>
      <c r="CB330" s="898">
        <f t="shared" si="556"/>
        <v>44723.740871613663</v>
      </c>
      <c r="CC330" s="898">
        <f t="shared" si="556"/>
        <v>174422.5893992933</v>
      </c>
      <c r="CD330" s="898">
        <f t="shared" si="556"/>
        <v>223618.70435806832</v>
      </c>
      <c r="CE330" s="898">
        <f t="shared" si="556"/>
        <v>223618.70435806832</v>
      </c>
      <c r="CF330" s="898">
        <f t="shared" si="557"/>
        <v>335428.0565371025</v>
      </c>
      <c r="CG330" s="898">
        <f t="shared" si="557"/>
        <v>89447.481743227327</v>
      </c>
      <c r="CH330" s="898">
        <f t="shared" si="557"/>
        <v>104653.55363957598</v>
      </c>
      <c r="CI330" s="898">
        <f t="shared" si="557"/>
        <v>156533.09305064782</v>
      </c>
      <c r="CJ330" s="898">
        <f t="shared" si="557"/>
        <v>40251.366784452301</v>
      </c>
      <c r="CK330" s="898">
        <f t="shared" si="557"/>
        <v>35778.992697290931</v>
      </c>
      <c r="CL330" s="898">
        <f t="shared" si="557"/>
        <v>1064425.0327444053</v>
      </c>
      <c r="CM330" s="898" t="str">
        <f t="shared" si="557"/>
        <v/>
      </c>
      <c r="CN330" s="898" t="str">
        <f t="shared" si="557"/>
        <v/>
      </c>
      <c r="CO330" s="898" t="str">
        <f t="shared" si="557"/>
        <v/>
      </c>
      <c r="CP330" s="898" t="str">
        <f t="shared" si="558"/>
        <v/>
      </c>
      <c r="CQ330" s="898" t="str">
        <f t="shared" si="558"/>
        <v/>
      </c>
      <c r="CR330" s="898" t="str">
        <f t="shared" si="558"/>
        <v/>
      </c>
      <c r="CS330" s="898" t="str">
        <f t="shared" si="558"/>
        <v/>
      </c>
      <c r="CT330" s="898" t="str">
        <f t="shared" si="558"/>
        <v/>
      </c>
      <c r="CU330" s="898" t="str">
        <f t="shared" si="558"/>
        <v/>
      </c>
      <c r="CV330" s="898" t="str">
        <f t="shared" si="558"/>
        <v/>
      </c>
      <c r="CW330" s="898" t="str">
        <f t="shared" si="558"/>
        <v/>
      </c>
      <c r="CX330" s="898" t="str">
        <f t="shared" si="558"/>
        <v/>
      </c>
      <c r="CY330" s="898" t="str">
        <f t="shared" si="558"/>
        <v/>
      </c>
      <c r="CZ330" s="898" t="str">
        <f t="shared" si="559"/>
        <v/>
      </c>
      <c r="DA330" s="898" t="str">
        <f t="shared" si="559"/>
        <v/>
      </c>
      <c r="DB330" s="898" t="str">
        <f t="shared" si="559"/>
        <v/>
      </c>
      <c r="DC330" s="898" t="str">
        <f t="shared" si="559"/>
        <v/>
      </c>
      <c r="DD330" s="898" t="str">
        <f t="shared" si="559"/>
        <v/>
      </c>
      <c r="DE330" s="898" t="str">
        <f t="shared" si="559"/>
        <v/>
      </c>
      <c r="DF330" s="898" t="str">
        <f t="shared" si="559"/>
        <v/>
      </c>
      <c r="DG330" s="898" t="str">
        <f t="shared" si="559"/>
        <v/>
      </c>
      <c r="DH330" s="898" t="str">
        <f t="shared" si="559"/>
        <v/>
      </c>
      <c r="DI330" s="898">
        <f t="shared" si="559"/>
        <v>670856.113074205</v>
      </c>
      <c r="DJ330" s="898">
        <f t="shared" si="560"/>
        <v>715579.85394581861</v>
      </c>
      <c r="DK330" s="898">
        <f t="shared" si="560"/>
        <v>1073369.7809187279</v>
      </c>
      <c r="DL330" s="898">
        <f t="shared" si="560"/>
        <v>1418189.8230388693</v>
      </c>
      <c r="DM330" s="661">
        <f t="shared" si="546"/>
        <v>5614618.4290223792</v>
      </c>
      <c r="DN330" s="898">
        <f t="shared" si="547"/>
        <v>3877995.5709776208</v>
      </c>
      <c r="DO330" s="516">
        <f t="shared" si="548"/>
        <v>0</v>
      </c>
      <c r="DP330" s="898">
        <f t="shared" si="549"/>
        <v>0</v>
      </c>
      <c r="DQ330" s="860" t="s">
        <v>4246</v>
      </c>
      <c r="DR330" s="610" t="s">
        <v>4247</v>
      </c>
      <c r="DS330" s="1221" t="s">
        <v>4248</v>
      </c>
      <c r="DT330" s="632"/>
    </row>
    <row r="331" spans="1:124" ht="313.5" x14ac:dyDescent="0.2">
      <c r="A331" s="484" t="str">
        <f t="shared" si="544"/>
        <v>A414 Rant Meadow to Bennetts End Road bus priority lane</v>
      </c>
      <c r="B331" s="1163">
        <v>328</v>
      </c>
      <c r="C331" s="1156" t="s">
        <v>4399</v>
      </c>
      <c r="D331" s="481" t="s">
        <v>2481</v>
      </c>
      <c r="E331" s="481" t="s">
        <v>912</v>
      </c>
      <c r="F331" s="481" t="s">
        <v>655</v>
      </c>
      <c r="G331" s="665" t="s">
        <v>1350</v>
      </c>
      <c r="H331" s="673" t="s">
        <v>979</v>
      </c>
      <c r="I331" s="775" t="str">
        <f t="shared" si="444"/>
        <v>LS-72</v>
      </c>
      <c r="J331" s="673" t="s">
        <v>4400</v>
      </c>
      <c r="K331" s="664" t="s">
        <v>3104</v>
      </c>
      <c r="L331" s="852" t="s">
        <v>4401</v>
      </c>
      <c r="M331" s="657" t="s">
        <v>2996</v>
      </c>
      <c r="N331" s="775" t="s">
        <v>81</v>
      </c>
      <c r="O331" s="654" t="s">
        <v>3051</v>
      </c>
      <c r="P331" s="657" t="s">
        <v>2988</v>
      </c>
      <c r="Q331" s="852" t="s">
        <v>122</v>
      </c>
      <c r="R331" s="657"/>
      <c r="S331" s="657"/>
      <c r="T331" s="853">
        <v>1603637</v>
      </c>
      <c r="U331" s="854"/>
      <c r="V331" s="657" t="s">
        <v>4245</v>
      </c>
      <c r="W331" s="642">
        <f t="shared" si="551"/>
        <v>0</v>
      </c>
      <c r="X331" s="745">
        <f t="shared" si="552"/>
        <v>1603637</v>
      </c>
      <c r="Y331" s="745" t="s">
        <v>4260</v>
      </c>
      <c r="Z331" s="745" t="str">
        <f>_xlfn.XLOOKUP(I331, 'CALCS Aecom (July 25 2025)'!F:F, 'CALCS Aecom (July 25 2025)'!W:W)</f>
        <v>Mutliple Scenario 2 (Step 5)</v>
      </c>
      <c r="AA331" s="650" t="s">
        <v>65</v>
      </c>
      <c r="AB331" s="713" t="str">
        <f t="shared" ref="AB331:AR331" si="561">IF(BV331&gt;0, "Yes", "")</f>
        <v>Yes</v>
      </c>
      <c r="AC331" s="713" t="str">
        <f t="shared" si="561"/>
        <v>Yes</v>
      </c>
      <c r="AD331" s="713" t="str">
        <f t="shared" si="561"/>
        <v>Yes</v>
      </c>
      <c r="AE331" s="713" t="str">
        <f t="shared" si="561"/>
        <v>Yes</v>
      </c>
      <c r="AF331" s="713" t="str">
        <f t="shared" si="561"/>
        <v>Yes</v>
      </c>
      <c r="AG331" s="713" t="str">
        <f t="shared" si="561"/>
        <v>Yes</v>
      </c>
      <c r="AH331" s="713" t="str">
        <f t="shared" si="561"/>
        <v>Yes</v>
      </c>
      <c r="AI331" s="713" t="str">
        <f t="shared" si="561"/>
        <v>Yes</v>
      </c>
      <c r="AJ331" s="713" t="str">
        <f t="shared" si="561"/>
        <v>Yes</v>
      </c>
      <c r="AK331" s="713" t="str">
        <f t="shared" si="561"/>
        <v>Yes</v>
      </c>
      <c r="AL331" s="713" t="str">
        <f t="shared" si="561"/>
        <v>Yes</v>
      </c>
      <c r="AM331" s="713" t="str">
        <f t="shared" si="561"/>
        <v>Yes</v>
      </c>
      <c r="AN331" s="713" t="str">
        <f t="shared" si="561"/>
        <v>Yes</v>
      </c>
      <c r="AO331" s="713" t="str">
        <f t="shared" si="561"/>
        <v>Yes</v>
      </c>
      <c r="AP331" s="713" t="str">
        <f t="shared" si="561"/>
        <v>Yes</v>
      </c>
      <c r="AQ331" s="713" t="str">
        <f t="shared" si="561"/>
        <v>Yes</v>
      </c>
      <c r="AR331" s="713" t="str">
        <f t="shared" si="561"/>
        <v/>
      </c>
      <c r="AS331" s="661"/>
      <c r="AT331" s="661"/>
      <c r="AU331" s="661"/>
      <c r="AV331" s="661"/>
      <c r="AW331" s="661"/>
      <c r="AX331" s="661"/>
      <c r="AY331" s="661"/>
      <c r="AZ331" s="661"/>
      <c r="BA331" s="661"/>
      <c r="BB331" s="661"/>
      <c r="BC331" s="661"/>
      <c r="BD331" s="661"/>
      <c r="BE331" s="661"/>
      <c r="BF331" s="661"/>
      <c r="BG331" s="746"/>
      <c r="BH331" s="746"/>
      <c r="BI331" s="746"/>
      <c r="BJ331" s="746"/>
      <c r="BK331" s="746"/>
      <c r="BL331" s="746"/>
      <c r="BM331" s="746"/>
      <c r="BN331" s="746"/>
      <c r="BO331" s="892" t="str">
        <f>IF(DI331&gt;0, "Yes", "")</f>
        <v/>
      </c>
      <c r="BP331" s="892" t="str">
        <f>IF(DJ331&gt;0, "Yes", "")</f>
        <v>Yes</v>
      </c>
      <c r="BQ331" s="892" t="str">
        <f>IF(DK331&gt;0, "Yes", "")</f>
        <v>Yes</v>
      </c>
      <c r="BR331" s="892" t="str">
        <f>IF(DL331&gt;0, "Yes", "")</f>
        <v>Yes</v>
      </c>
      <c r="BS331" s="884">
        <f t="shared" si="545"/>
        <v>17345</v>
      </c>
      <c r="BT331" s="661">
        <f t="shared" si="494"/>
        <v>92.455289708849818</v>
      </c>
      <c r="BU331" s="661" t="str">
        <f t="shared" si="550"/>
        <v>GOOD</v>
      </c>
      <c r="BV331" s="1149">
        <f>$X331*_xlfn.XLOOKUP($I331, 'CALCS Aecom (July 25 2025)'!$F:$F, 'CALCS Aecom (July 25 2025)'!BZ:BZ)</f>
        <v>147023.88943669363</v>
      </c>
      <c r="BW331" s="1149">
        <f>$X331*_xlfn.XLOOKUP($I331, 'CALCS Aecom (July 25 2025)'!$F:$F, 'CALCS Aecom (July 25 2025)'!CC:CC)</f>
        <v>2450.3981572782272</v>
      </c>
      <c r="BX331" s="1149">
        <f>$X331*_xlfn.XLOOKUP($I331, 'CALCS Aecom (July 25 2025)'!$F:$F, 'CALCS Aecom (July 25 2025)'!CI:CI)</f>
        <v>51458.361302842772</v>
      </c>
      <c r="BY331" s="1149">
        <f>$X331*_xlfn.XLOOKUP($I331, 'CALCS Aecom (July 25 2025)'!$F:$F, 'CALCS Aecom (July 25 2025)'!BQ:BQ)</f>
        <v>68611.148403790357</v>
      </c>
      <c r="BZ331" s="1149">
        <f>$X331*_xlfn.XLOOKUP($I331, 'CALCS Aecom (July 25 2025)'!$F:$F, 'CALCS Aecom (July 25 2025)'!BV:BV)</f>
        <v>107817.51892024199</v>
      </c>
      <c r="CA331" s="1149">
        <f>$X331*_xlfn.XLOOKUP($I331, 'CALCS Aecom (July 25 2025)'!$F:$F, 'CALCS Aecom (July 25 2025)'!BR:BR)</f>
        <v>53908.759460120993</v>
      </c>
      <c r="CB331" s="1149">
        <f>$X331*_xlfn.XLOOKUP($I331, 'CALCS Aecom (July 25 2025)'!$F:$F, 'CALCS Aecom (July 25 2025)'!CD:CD)</f>
        <v>4900.7963145564545</v>
      </c>
      <c r="CC331" s="1149">
        <f>$X331*_xlfn.XLOOKUP($I331, 'CALCS Aecom (July 25 2025)'!$F:$F, 'CALCS Aecom (July 25 2025)'!BT:BT)</f>
        <v>51458.361302842772</v>
      </c>
      <c r="CD331" s="1149">
        <f>$X331*_xlfn.XLOOKUP($I331, 'CALCS Aecom (July 25 2025)'!$F:$F, 'CALCS Aecom (July 25 2025)'!BU:BU)</f>
        <v>98015.926291129086</v>
      </c>
      <c r="CE331" s="1149">
        <f>$X331*_xlfn.XLOOKUP($I331, 'CALCS Aecom (July 25 2025)'!$F:$F, 'CALCS Aecom (July 25 2025)'!BW:BW)</f>
        <v>164176.67653764121</v>
      </c>
      <c r="CF331" s="1149">
        <f>$X331*_xlfn.XLOOKUP($I331, 'CALCS Aecom (July 25 2025)'!$F:$F, 'CALCS Aecom (July 25 2025)'!BS:BS)</f>
        <v>58809.555774677443</v>
      </c>
      <c r="CG331" s="1149">
        <f>$X331*_xlfn.XLOOKUP($I331, 'CALCS Aecom (July 25 2025)'!$F:$F, 'CALCS Aecom (July 25 2025)'!CE:CE)</f>
        <v>7351.1944718346804</v>
      </c>
      <c r="CH331" s="1149">
        <f>$X331*_xlfn.XLOOKUP($I331, 'CALCS Aecom (July 25 2025)'!$F:$F, 'CALCS Aecom (July 25 2025)'!CJ:CJ)</f>
        <v>1076.6051400398619</v>
      </c>
      <c r="CI331" s="1149">
        <f>$X331*_xlfn.XLOOKUP($I331, 'CALCS Aecom (July 25 2025)'!$F:$F, 'CALCS Aecom (July 25 2025)'!CB:CB)</f>
        <v>14702.388943669361</v>
      </c>
      <c r="CJ331" s="1149">
        <f>$X331*_xlfn.XLOOKUP($I331, 'CALCS Aecom (July 25 2025)'!$F:$F, 'CALCS Aecom (July 25 2025)'!CF:CF)</f>
        <v>2450.3981572782272</v>
      </c>
      <c r="CK331" s="1149">
        <f>$X331*_xlfn.XLOOKUP($I331, 'CALCS Aecom (July 25 2025)'!$F:$F, 'CALCS Aecom (July 25 2025)'!CG:CG)</f>
        <v>9801.592629112909</v>
      </c>
      <c r="CL331" s="1149"/>
      <c r="CM331" s="898"/>
      <c r="CN331" s="898"/>
      <c r="CO331" s="898"/>
      <c r="CP331" s="898"/>
      <c r="CQ331" s="898"/>
      <c r="CR331" s="898"/>
      <c r="CS331" s="898"/>
      <c r="CT331" s="898"/>
      <c r="CU331" s="898"/>
      <c r="CV331" s="898"/>
      <c r="CW331" s="898"/>
      <c r="CX331" s="898"/>
      <c r="CY331" s="898"/>
      <c r="CZ331" s="898"/>
      <c r="DA331" s="898"/>
      <c r="DB331" s="898"/>
      <c r="DC331" s="898"/>
      <c r="DD331" s="898"/>
      <c r="DE331" s="898"/>
      <c r="DF331" s="898"/>
      <c r="DG331" s="898"/>
      <c r="DH331" s="898"/>
      <c r="DI331" s="1149">
        <f>$X331*_xlfn.XLOOKUP($I331, 'CALCS Aecom (July 25 2025)'!$F:$F, 'CALCS Aecom (July 25 2025)'!CA:CA)</f>
        <v>0</v>
      </c>
      <c r="DJ331" s="1149">
        <f>$X331*_xlfn.XLOOKUP($I331, 'CALCS Aecom (July 25 2025)'!$F:$F, 'CALCS Aecom (July 25 2025)'!BX:BX)</f>
        <v>2450.3981572782272</v>
      </c>
      <c r="DK331" s="1149">
        <f>$X331*_xlfn.XLOOKUP($I331, 'CALCS Aecom (July 25 2025)'!$F:$F, 'CALCS Aecom (July 25 2025)'!BY:BY)</f>
        <v>521934.80750026234</v>
      </c>
      <c r="DL331" s="1149">
        <f>$X331*_xlfn.XLOOKUP($I331, 'CALCS Aecom (July 25 2025)'!$F:$F, 'CALCS Aecom (July 25 2025)'!CH:CH)</f>
        <v>235238.22309870977</v>
      </c>
      <c r="DM331" s="661">
        <f t="shared" si="546"/>
        <v>844013.57124374982</v>
      </c>
      <c r="DN331" s="898">
        <f t="shared" si="547"/>
        <v>759623.4287562503</v>
      </c>
      <c r="DO331" s="516">
        <f t="shared" si="548"/>
        <v>0</v>
      </c>
      <c r="DP331" s="898">
        <f t="shared" si="549"/>
        <v>0</v>
      </c>
      <c r="DQ331" s="860" t="s">
        <v>4246</v>
      </c>
      <c r="DR331" s="860" t="s">
        <v>4261</v>
      </c>
      <c r="DS331" s="1221" t="s">
        <v>4265</v>
      </c>
      <c r="DT331" s="632"/>
    </row>
    <row r="332" spans="1:124" ht="57" x14ac:dyDescent="0.2">
      <c r="A332" s="484" t="str">
        <f t="shared" si="544"/>
        <v>Upgraded Town Centre Riverside Bus Interchange</v>
      </c>
      <c r="B332" s="1163">
        <v>329</v>
      </c>
      <c r="C332" s="1156" t="s">
        <v>4402</v>
      </c>
      <c r="D332" s="481" t="s">
        <v>2481</v>
      </c>
      <c r="E332" s="481" t="s">
        <v>53</v>
      </c>
      <c r="F332" s="481" t="s">
        <v>655</v>
      </c>
      <c r="G332" s="665" t="s">
        <v>1350</v>
      </c>
      <c r="H332" s="673" t="s">
        <v>981</v>
      </c>
      <c r="I332" s="775" t="str">
        <f t="shared" si="444"/>
        <v>LS-73</v>
      </c>
      <c r="J332" s="673" t="s">
        <v>4403</v>
      </c>
      <c r="K332" s="664" t="s">
        <v>3104</v>
      </c>
      <c r="L332" s="852" t="s">
        <v>3167</v>
      </c>
      <c r="M332" s="713" t="s">
        <v>2996</v>
      </c>
      <c r="N332" s="775" t="s">
        <v>81</v>
      </c>
      <c r="O332" s="664" t="s">
        <v>3043</v>
      </c>
      <c r="P332" s="657" t="s">
        <v>77</v>
      </c>
      <c r="Q332" s="852" t="s">
        <v>181</v>
      </c>
      <c r="R332" s="657"/>
      <c r="S332" s="657"/>
      <c r="T332" s="853">
        <v>877752</v>
      </c>
      <c r="U332" s="854"/>
      <c r="V332" s="657" t="s">
        <v>4245</v>
      </c>
      <c r="W332" s="642">
        <f t="shared" si="551"/>
        <v>0</v>
      </c>
      <c r="X332" s="745">
        <f t="shared" si="552"/>
        <v>877752</v>
      </c>
      <c r="Y332" s="745" t="s">
        <v>3106</v>
      </c>
      <c r="Z332" s="745" t="str">
        <f>_xlfn.XLOOKUP(I332, 'CALCS Aecom (July 25 2025)'!F:F, 'CALCS Aecom (July 25 2025)'!W:W)</f>
        <v>Multiple Scenario 2 (Step 8)</v>
      </c>
      <c r="AA332" s="1331" t="s">
        <v>3220</v>
      </c>
      <c r="AB332" s="661" t="s">
        <v>66</v>
      </c>
      <c r="AC332" s="661" t="s">
        <v>66</v>
      </c>
      <c r="AD332" s="661" t="s">
        <v>66</v>
      </c>
      <c r="AE332" s="661" t="s">
        <v>66</v>
      </c>
      <c r="AF332" s="661" t="s">
        <v>66</v>
      </c>
      <c r="AG332" s="661" t="s">
        <v>66</v>
      </c>
      <c r="AH332" s="661" t="s">
        <v>66</v>
      </c>
      <c r="AI332" s="661" t="s">
        <v>66</v>
      </c>
      <c r="AJ332" s="661" t="s">
        <v>66</v>
      </c>
      <c r="AK332" s="661" t="s">
        <v>66</v>
      </c>
      <c r="AL332" s="661" t="s">
        <v>66</v>
      </c>
      <c r="AM332" s="661" t="s">
        <v>66</v>
      </c>
      <c r="AN332" s="661" t="s">
        <v>66</v>
      </c>
      <c r="AO332" s="661" t="s">
        <v>66</v>
      </c>
      <c r="AP332" s="661" t="s">
        <v>66</v>
      </c>
      <c r="AQ332" s="661" t="s">
        <v>66</v>
      </c>
      <c r="AR332" s="661" t="s">
        <v>66</v>
      </c>
      <c r="AS332" s="661"/>
      <c r="AT332" s="661"/>
      <c r="AU332" s="661"/>
      <c r="AV332" s="661"/>
      <c r="AW332" s="661"/>
      <c r="AX332" s="661"/>
      <c r="AY332" s="661"/>
      <c r="AZ332" s="661"/>
      <c r="BA332" s="661"/>
      <c r="BB332" s="661"/>
      <c r="BC332" s="661"/>
      <c r="BD332" s="661"/>
      <c r="BE332" s="661"/>
      <c r="BF332" s="661"/>
      <c r="BG332" s="661"/>
      <c r="BH332" s="661"/>
      <c r="BI332" s="661"/>
      <c r="BJ332" s="661"/>
      <c r="BK332" s="661"/>
      <c r="BL332" s="661"/>
      <c r="BM332" s="661"/>
      <c r="BN332" s="661"/>
      <c r="BO332" s="661" t="s">
        <v>66</v>
      </c>
      <c r="BP332" s="661" t="s">
        <v>66</v>
      </c>
      <c r="BQ332" s="661" t="s">
        <v>66</v>
      </c>
      <c r="BR332" s="661" t="s">
        <v>66</v>
      </c>
      <c r="BS332" s="884">
        <f t="shared" si="545"/>
        <v>21225</v>
      </c>
      <c r="BT332" s="661">
        <f t="shared" ref="BT332:BT363" si="562">X332/BS332</f>
        <v>41.354628975265015</v>
      </c>
      <c r="BU332" s="661" t="str">
        <f t="shared" si="550"/>
        <v>GOOD</v>
      </c>
      <c r="BV332" s="898">
        <f t="shared" ref="BV332:BV351" si="563">IF(AB332="yes",(AB$3*$BT332),"")</f>
        <v>206773.14487632507</v>
      </c>
      <c r="BW332" s="898">
        <f t="shared" ref="BW332:BW351" si="564">IF(AC332="yes",(AC$3*$BT332),"")</f>
        <v>8270.9257950530027</v>
      </c>
      <c r="BX332" s="898">
        <f t="shared" ref="BX332:BX351" si="565">IF(AD332="yes",(AD$3*$BT332),"")</f>
        <v>18609.583038869256</v>
      </c>
      <c r="BY332" s="898">
        <f t="shared" ref="BY332:BY351" si="566">IF(AE332="yes",(AE$3*$BT332),"")</f>
        <v>14474.120141342755</v>
      </c>
      <c r="BZ332" s="898">
        <f t="shared" ref="BZ332:BZ351" si="567">IF(AF332="yes",(AF$3*$BT332),"")</f>
        <v>20677.314487632506</v>
      </c>
      <c r="CA332" s="898">
        <f t="shared" ref="CA332:CA351" si="568">IF(AG332="yes",(AG$3*$BT332),"")</f>
        <v>19850.221908127209</v>
      </c>
      <c r="CB332" s="898">
        <f t="shared" ref="CB332:CB351" si="569">IF(AH332="yes",(AH$3*$BT332),"")</f>
        <v>4135.4628975265014</v>
      </c>
      <c r="CC332" s="898">
        <f t="shared" ref="CC332:CC351" si="570">IF(AI332="yes",(AI$3*$BT332),"")</f>
        <v>16128.305300353357</v>
      </c>
      <c r="CD332" s="898">
        <f t="shared" ref="CD332:CD351" si="571">IF(AJ332="yes",(AJ$3*$BT332),"")</f>
        <v>20677.314487632506</v>
      </c>
      <c r="CE332" s="898">
        <f t="shared" ref="CE332:CE351" si="572">IF(AK332="yes",(AK$3*$BT332),"")</f>
        <v>20677.314487632506</v>
      </c>
      <c r="CF332" s="898">
        <f t="shared" ref="CF332:CF351" si="573">IF(AL332="yes",(AL$3*$BT332),"")</f>
        <v>31015.971731448761</v>
      </c>
      <c r="CG332" s="898">
        <f t="shared" ref="CG332:CG351" si="574">IF(AM332="yes",(AM$3*$BT332),"")</f>
        <v>8270.9257950530027</v>
      </c>
      <c r="CH332" s="898">
        <f t="shared" ref="CH332:CH351" si="575">IF(AN332="yes",(AN$3*$BT332),"")</f>
        <v>9676.9831802120134</v>
      </c>
      <c r="CI332" s="898">
        <f t="shared" ref="CI332:CI351" si="576">IF(AO332="yes",(AO$3*$BT332),"")</f>
        <v>14474.120141342755</v>
      </c>
      <c r="CJ332" s="898">
        <f t="shared" ref="CJ332:CJ351" si="577">IF(AP332="yes",(AP$3*$BT332),"")</f>
        <v>3721.9166077738514</v>
      </c>
      <c r="CK332" s="898">
        <f t="shared" ref="CK332:CK351" si="578">IF(AQ332="yes",(AQ$3*$BT332),"")</f>
        <v>3308.3703180212015</v>
      </c>
      <c r="CL332" s="898">
        <f t="shared" ref="CL332:CL351" si="579">IF(AR332="yes",(AR$3*$BT332),"")</f>
        <v>98424.016961130736</v>
      </c>
      <c r="CM332" s="898" t="str">
        <f t="shared" ref="CM332:CM351" si="580">IF(AS332="yes",(AS$3*$BT332),"")</f>
        <v/>
      </c>
      <c r="CN332" s="898" t="str">
        <f t="shared" ref="CN332:CN351" si="581">IF(AT332="yes",(AT$3*$BT332),"")</f>
        <v/>
      </c>
      <c r="CO332" s="898" t="str">
        <f t="shared" ref="CO332:CO351" si="582">IF(AU332="yes",(AU$3*$BT332),"")</f>
        <v/>
      </c>
      <c r="CP332" s="898" t="str">
        <f t="shared" ref="CP332:CP351" si="583">IF(AV332="yes",(AV$3*$BT332),"")</f>
        <v/>
      </c>
      <c r="CQ332" s="898" t="str">
        <f t="shared" ref="CQ332:CQ351" si="584">IF(AW332="yes",(AW$3*$BT332),"")</f>
        <v/>
      </c>
      <c r="CR332" s="898" t="str">
        <f t="shared" ref="CR332:CR351" si="585">IF(AX332="yes",(AX$3*$BT332),"")</f>
        <v/>
      </c>
      <c r="CS332" s="898" t="str">
        <f t="shared" ref="CS332:CS351" si="586">IF(AY332="yes",(AY$3*$BT332),"")</f>
        <v/>
      </c>
      <c r="CT332" s="898" t="str">
        <f t="shared" ref="CT332:CT351" si="587">IF(AZ332="yes",(AZ$3*$BT332),"")</f>
        <v/>
      </c>
      <c r="CU332" s="898" t="str">
        <f t="shared" ref="CU332:CU351" si="588">IF(BA332="yes",(BA$3*$BT332),"")</f>
        <v/>
      </c>
      <c r="CV332" s="898" t="str">
        <f t="shared" ref="CV332:CV351" si="589">IF(BB332="yes",(BB$3*$BT332),"")</f>
        <v/>
      </c>
      <c r="CW332" s="898" t="str">
        <f t="shared" ref="CW332:CW351" si="590">IF(BC332="yes",(BC$3*$BT332),"")</f>
        <v/>
      </c>
      <c r="CX332" s="898" t="str">
        <f t="shared" ref="CX332:CX351" si="591">IF(BD332="yes",(BD$3*$BT332),"")</f>
        <v/>
      </c>
      <c r="CY332" s="898" t="str">
        <f t="shared" ref="CY332:CY351" si="592">IF(BE332="yes",(BE$3*$BT332),"")</f>
        <v/>
      </c>
      <c r="CZ332" s="898" t="str">
        <f t="shared" ref="CZ332:CZ351" si="593">IF(BF332="yes",(BF$3*$BT332),"")</f>
        <v/>
      </c>
      <c r="DA332" s="898" t="str">
        <f t="shared" ref="DA332:DA351" si="594">IF(BG332="yes",(BG$3*$BT332),"")</f>
        <v/>
      </c>
      <c r="DB332" s="898" t="str">
        <f t="shared" ref="DB332:DB351" si="595">IF(BH332="yes",(BH$3*$BT332),"")</f>
        <v/>
      </c>
      <c r="DC332" s="898" t="str">
        <f t="shared" ref="DC332:DC351" si="596">IF(BI332="yes",(BI$3*$BT332),"")</f>
        <v/>
      </c>
      <c r="DD332" s="898" t="str">
        <f t="shared" ref="DD332:DD351" si="597">IF(BJ332="yes",(BJ$3*$BT332),"")</f>
        <v/>
      </c>
      <c r="DE332" s="898" t="str">
        <f t="shared" ref="DE332:DE351" si="598">IF(BK332="yes",(BK$3*$BT332),"")</f>
        <v/>
      </c>
      <c r="DF332" s="898" t="str">
        <f t="shared" ref="DF332:DF351" si="599">IF(BL332="yes",(BL$3*$BT332),"")</f>
        <v/>
      </c>
      <c r="DG332" s="898" t="str">
        <f t="shared" ref="DG332:DG351" si="600">IF(BM332="yes",(BM$3*$BT332),"")</f>
        <v/>
      </c>
      <c r="DH332" s="898" t="str">
        <f t="shared" ref="DH332:DH351" si="601">IF(BN332="yes",(BN$3*$BT332),"")</f>
        <v/>
      </c>
      <c r="DI332" s="898">
        <f t="shared" ref="DI332:DI351" si="602">IF(BO332="yes",(BO$3*$BT332),"")</f>
        <v>62031.943462897521</v>
      </c>
      <c r="DJ332" s="898">
        <f t="shared" ref="DJ332:DJ351" si="603">IF(BP332="yes",(BP$3*$BT332),"")</f>
        <v>66167.406360424022</v>
      </c>
      <c r="DK332" s="898">
        <f t="shared" ref="DK332:DK351" si="604">IF(BQ332="yes",(BQ$3*$BT332),"")</f>
        <v>99251.10954063604</v>
      </c>
      <c r="DL332" s="898">
        <f t="shared" ref="DL332:DL351" si="605">IF(BR332="yes",(BR$3*$BT332),"")</f>
        <v>131135.52848056535</v>
      </c>
      <c r="DM332" s="661">
        <f t="shared" si="546"/>
        <v>519166.01215547702</v>
      </c>
      <c r="DN332" s="898">
        <f t="shared" si="547"/>
        <v>358585.98784452293</v>
      </c>
      <c r="DO332" s="516">
        <f t="shared" si="548"/>
        <v>0</v>
      </c>
      <c r="DP332" s="898">
        <f t="shared" si="549"/>
        <v>0</v>
      </c>
      <c r="DQ332" s="860" t="s">
        <v>4246</v>
      </c>
      <c r="DR332" s="610" t="s">
        <v>4247</v>
      </c>
      <c r="DS332" s="1221" t="s">
        <v>4248</v>
      </c>
      <c r="DT332" s="632"/>
    </row>
    <row r="333" spans="1:124" ht="71.25" x14ac:dyDescent="0.2">
      <c r="A333" s="484" t="str">
        <f t="shared" si="544"/>
        <v>Western Access Plaza to Aspley Station</v>
      </c>
      <c r="B333" s="1163">
        <v>330</v>
      </c>
      <c r="C333" s="1156" t="s">
        <v>4404</v>
      </c>
      <c r="D333" s="481" t="s">
        <v>2481</v>
      </c>
      <c r="E333" s="481" t="s">
        <v>53</v>
      </c>
      <c r="F333" s="481" t="s">
        <v>655</v>
      </c>
      <c r="G333" s="665" t="s">
        <v>897</v>
      </c>
      <c r="H333" s="673" t="s">
        <v>983</v>
      </c>
      <c r="I333" s="775" t="str">
        <f t="shared" si="444"/>
        <v>LS-74</v>
      </c>
      <c r="J333" s="673" t="s">
        <v>4405</v>
      </c>
      <c r="K333" s="664" t="s">
        <v>3104</v>
      </c>
      <c r="L333" s="852" t="s">
        <v>1369</v>
      </c>
      <c r="M333" s="657" t="s">
        <v>2996</v>
      </c>
      <c r="N333" s="775" t="s">
        <v>60</v>
      </c>
      <c r="O333" s="657" t="s">
        <v>4318</v>
      </c>
      <c r="P333" s="657" t="s">
        <v>61</v>
      </c>
      <c r="Q333" s="852" t="s">
        <v>181</v>
      </c>
      <c r="R333" s="745">
        <v>10000000</v>
      </c>
      <c r="S333" s="745">
        <v>15000000</v>
      </c>
      <c r="T333" s="853">
        <f>(R333+S333)/2</f>
        <v>12500000</v>
      </c>
      <c r="U333" s="854"/>
      <c r="V333" s="657" t="s">
        <v>4325</v>
      </c>
      <c r="W333" s="642">
        <f t="shared" si="551"/>
        <v>0</v>
      </c>
      <c r="X333" s="745">
        <f t="shared" si="552"/>
        <v>12500000</v>
      </c>
      <c r="Y333" s="745" t="s">
        <v>3106</v>
      </c>
      <c r="Z333" s="745" t="str">
        <f>_xlfn.XLOOKUP(I333, 'CALCS Aecom (July 25 2025)'!F:F, 'CALCS Aecom (July 25 2025)'!W:W)</f>
        <v>Single Scenario 1 (Step 1)</v>
      </c>
      <c r="AA333" s="1324" t="s">
        <v>245</v>
      </c>
      <c r="AB333" s="892"/>
      <c r="AC333" s="892"/>
      <c r="AD333" s="892"/>
      <c r="AE333" s="892"/>
      <c r="AF333" s="892"/>
      <c r="AG333" s="892"/>
      <c r="AH333" s="892"/>
      <c r="AI333" s="892"/>
      <c r="AJ333" s="892"/>
      <c r="AK333" s="892" t="s">
        <v>66</v>
      </c>
      <c r="AL333" s="892"/>
      <c r="AM333" s="892"/>
      <c r="AN333" s="892"/>
      <c r="AO333" s="892"/>
      <c r="AP333" s="892"/>
      <c r="AQ333" s="892"/>
      <c r="AR333" s="661"/>
      <c r="AS333" s="892"/>
      <c r="AT333" s="892"/>
      <c r="AU333" s="892"/>
      <c r="AV333" s="661"/>
      <c r="AW333" s="892"/>
      <c r="AX333" s="892"/>
      <c r="AY333" s="892"/>
      <c r="AZ333" s="661"/>
      <c r="BA333" s="892"/>
      <c r="BB333" s="661"/>
      <c r="BC333" s="661"/>
      <c r="BD333" s="892"/>
      <c r="BE333" s="661"/>
      <c r="BF333" s="661"/>
      <c r="BG333" s="746"/>
      <c r="BH333" s="746"/>
      <c r="BI333" s="746"/>
      <c r="BJ333" s="746"/>
      <c r="BK333" s="746"/>
      <c r="BL333" s="746"/>
      <c r="BM333" s="746"/>
      <c r="BN333" s="746"/>
      <c r="BO333" s="892"/>
      <c r="BP333" s="892"/>
      <c r="BQ333" s="892"/>
      <c r="BR333" s="892"/>
      <c r="BS333" s="884">
        <f t="shared" si="545"/>
        <v>500</v>
      </c>
      <c r="BT333" s="661">
        <f t="shared" si="562"/>
        <v>25000</v>
      </c>
      <c r="BU333" s="661"/>
      <c r="BV333" s="942" t="str">
        <f t="shared" si="563"/>
        <v/>
      </c>
      <c r="BW333" s="942" t="str">
        <f t="shared" si="564"/>
        <v/>
      </c>
      <c r="BX333" s="942" t="str">
        <f t="shared" si="565"/>
        <v/>
      </c>
      <c r="BY333" s="942" t="str">
        <f t="shared" si="566"/>
        <v/>
      </c>
      <c r="BZ333" s="942" t="str">
        <f t="shared" si="567"/>
        <v/>
      </c>
      <c r="CA333" s="942" t="str">
        <f t="shared" si="568"/>
        <v/>
      </c>
      <c r="CB333" s="942" t="str">
        <f t="shared" si="569"/>
        <v/>
      </c>
      <c r="CC333" s="942" t="str">
        <f t="shared" si="570"/>
        <v/>
      </c>
      <c r="CD333" s="942" t="str">
        <f t="shared" si="571"/>
        <v/>
      </c>
      <c r="CE333" s="942">
        <f t="shared" si="572"/>
        <v>12500000</v>
      </c>
      <c r="CF333" s="942" t="str">
        <f t="shared" si="573"/>
        <v/>
      </c>
      <c r="CG333" s="942" t="str">
        <f t="shared" si="574"/>
        <v/>
      </c>
      <c r="CH333" s="942" t="str">
        <f t="shared" si="575"/>
        <v/>
      </c>
      <c r="CI333" s="942" t="str">
        <f t="shared" si="576"/>
        <v/>
      </c>
      <c r="CJ333" s="942" t="str">
        <f t="shared" si="577"/>
        <v/>
      </c>
      <c r="CK333" s="942" t="str">
        <f t="shared" si="578"/>
        <v/>
      </c>
      <c r="CL333" s="942" t="str">
        <f t="shared" si="579"/>
        <v/>
      </c>
      <c r="CM333" s="898" t="str">
        <f t="shared" si="580"/>
        <v/>
      </c>
      <c r="CN333" s="898" t="str">
        <f t="shared" si="581"/>
        <v/>
      </c>
      <c r="CO333" s="898" t="str">
        <f t="shared" si="582"/>
        <v/>
      </c>
      <c r="CP333" s="898" t="str">
        <f t="shared" si="583"/>
        <v/>
      </c>
      <c r="CQ333" s="898" t="str">
        <f t="shared" si="584"/>
        <v/>
      </c>
      <c r="CR333" s="898" t="str">
        <f t="shared" si="585"/>
        <v/>
      </c>
      <c r="CS333" s="898" t="str">
        <f t="shared" si="586"/>
        <v/>
      </c>
      <c r="CT333" s="898" t="str">
        <f t="shared" si="587"/>
        <v/>
      </c>
      <c r="CU333" s="898" t="str">
        <f t="shared" si="588"/>
        <v/>
      </c>
      <c r="CV333" s="898" t="str">
        <f t="shared" si="589"/>
        <v/>
      </c>
      <c r="CW333" s="898" t="str">
        <f t="shared" si="590"/>
        <v/>
      </c>
      <c r="CX333" s="898" t="str">
        <f t="shared" si="591"/>
        <v/>
      </c>
      <c r="CY333" s="898" t="str">
        <f t="shared" si="592"/>
        <v/>
      </c>
      <c r="CZ333" s="898" t="str">
        <f t="shared" si="593"/>
        <v/>
      </c>
      <c r="DA333" s="898" t="str">
        <f t="shared" si="594"/>
        <v/>
      </c>
      <c r="DB333" s="898" t="str">
        <f t="shared" si="595"/>
        <v/>
      </c>
      <c r="DC333" s="898" t="str">
        <f t="shared" si="596"/>
        <v/>
      </c>
      <c r="DD333" s="898" t="str">
        <f t="shared" si="597"/>
        <v/>
      </c>
      <c r="DE333" s="898" t="str">
        <f t="shared" si="598"/>
        <v/>
      </c>
      <c r="DF333" s="898" t="str">
        <f t="shared" si="599"/>
        <v/>
      </c>
      <c r="DG333" s="898" t="str">
        <f t="shared" si="600"/>
        <v/>
      </c>
      <c r="DH333" s="898" t="str">
        <f t="shared" si="601"/>
        <v/>
      </c>
      <c r="DI333" s="898" t="str">
        <f t="shared" si="602"/>
        <v/>
      </c>
      <c r="DJ333" s="898" t="str">
        <f t="shared" si="603"/>
        <v/>
      </c>
      <c r="DK333" s="898" t="str">
        <f t="shared" si="604"/>
        <v/>
      </c>
      <c r="DL333" s="898" t="str">
        <f t="shared" si="605"/>
        <v/>
      </c>
      <c r="DM333" s="661">
        <f t="shared" si="546"/>
        <v>12500000</v>
      </c>
      <c r="DN333" s="898">
        <f t="shared" si="547"/>
        <v>0</v>
      </c>
      <c r="DO333" s="516">
        <f t="shared" si="548"/>
        <v>0</v>
      </c>
      <c r="DP333" s="898">
        <f t="shared" si="549"/>
        <v>0</v>
      </c>
      <c r="DQ333" s="860"/>
      <c r="DR333" s="1220"/>
      <c r="DS333" s="1221" t="s">
        <v>4265</v>
      </c>
      <c r="DT333" s="632"/>
    </row>
    <row r="334" spans="1:124" ht="57" x14ac:dyDescent="0.2">
      <c r="A334" s="484" t="str">
        <f t="shared" si="544"/>
        <v>Better routes for active modes crossing the Grand Union Canal in Apsley</v>
      </c>
      <c r="B334" s="1163">
        <v>331</v>
      </c>
      <c r="C334" s="1156" t="s">
        <v>4406</v>
      </c>
      <c r="D334" s="481" t="s">
        <v>2481</v>
      </c>
      <c r="E334" s="481" t="s">
        <v>53</v>
      </c>
      <c r="F334" s="481" t="s">
        <v>655</v>
      </c>
      <c r="G334" s="665" t="s">
        <v>932</v>
      </c>
      <c r="H334" s="673" t="s">
        <v>1743</v>
      </c>
      <c r="I334" s="775" t="str">
        <f t="shared" si="444"/>
        <v>LS-75</v>
      </c>
      <c r="J334" s="673" t="s">
        <v>4407</v>
      </c>
      <c r="K334" s="664" t="s">
        <v>3104</v>
      </c>
      <c r="L334" s="852" t="s">
        <v>3167</v>
      </c>
      <c r="M334" s="515" t="s">
        <v>4244</v>
      </c>
      <c r="N334" s="775" t="s">
        <v>81</v>
      </c>
      <c r="O334" s="515" t="s">
        <v>4212</v>
      </c>
      <c r="P334" s="657" t="s">
        <v>61</v>
      </c>
      <c r="Q334" s="852" t="s">
        <v>181</v>
      </c>
      <c r="R334" s="657"/>
      <c r="S334" s="657"/>
      <c r="T334" s="853">
        <v>13506750</v>
      </c>
      <c r="U334" s="854"/>
      <c r="V334" s="657" t="s">
        <v>4325</v>
      </c>
      <c r="W334" s="642">
        <f t="shared" si="551"/>
        <v>0</v>
      </c>
      <c r="X334" s="745">
        <f t="shared" si="552"/>
        <v>13506750</v>
      </c>
      <c r="Y334" s="745" t="s">
        <v>3106</v>
      </c>
      <c r="Z334" s="745" t="str">
        <f>_xlfn.XLOOKUP(I334, 'CALCS Aecom (July 25 2025)'!F:F, 'CALCS Aecom (July 25 2025)'!W:W)</f>
        <v>Multiple Scenario 2 (Step 9)</v>
      </c>
      <c r="AA334" s="1332" t="s">
        <v>82</v>
      </c>
      <c r="AB334" s="661" t="s">
        <v>66</v>
      </c>
      <c r="AC334" s="661" t="s">
        <v>66</v>
      </c>
      <c r="AD334" s="661" t="s">
        <v>66</v>
      </c>
      <c r="AE334" s="661" t="s">
        <v>66</v>
      </c>
      <c r="AF334" s="661" t="s">
        <v>66</v>
      </c>
      <c r="AG334" s="661" t="s">
        <v>66</v>
      </c>
      <c r="AH334" s="661" t="s">
        <v>66</v>
      </c>
      <c r="AI334" s="661" t="s">
        <v>66</v>
      </c>
      <c r="AJ334" s="661" t="s">
        <v>66</v>
      </c>
      <c r="AK334" s="661" t="s">
        <v>66</v>
      </c>
      <c r="AL334" s="661" t="s">
        <v>66</v>
      </c>
      <c r="AM334" s="661" t="s">
        <v>66</v>
      </c>
      <c r="AN334" s="661" t="s">
        <v>66</v>
      </c>
      <c r="AO334" s="661" t="s">
        <v>66</v>
      </c>
      <c r="AP334" s="661" t="s">
        <v>66</v>
      </c>
      <c r="AQ334" s="661" t="s">
        <v>66</v>
      </c>
      <c r="AR334" s="661" t="s">
        <v>66</v>
      </c>
      <c r="AS334" s="657"/>
      <c r="AT334" s="657"/>
      <c r="AU334" s="657"/>
      <c r="AV334" s="657"/>
      <c r="AW334" s="657"/>
      <c r="AX334" s="657"/>
      <c r="AY334" s="657"/>
      <c r="AZ334" s="657"/>
      <c r="BA334" s="657"/>
      <c r="BB334" s="657"/>
      <c r="BC334" s="657"/>
      <c r="BD334" s="657"/>
      <c r="BE334" s="657"/>
      <c r="BF334" s="657"/>
      <c r="BG334" s="746"/>
      <c r="BH334" s="746"/>
      <c r="BI334" s="746"/>
      <c r="BJ334" s="746"/>
      <c r="BK334" s="746"/>
      <c r="BL334" s="746"/>
      <c r="BM334" s="746"/>
      <c r="BN334" s="746"/>
      <c r="BO334" s="661" t="s">
        <v>66</v>
      </c>
      <c r="BP334" s="661" t="s">
        <v>66</v>
      </c>
      <c r="BQ334" s="661" t="s">
        <v>66</v>
      </c>
      <c r="BR334" s="661" t="s">
        <v>66</v>
      </c>
      <c r="BS334" s="884">
        <f t="shared" si="545"/>
        <v>21225</v>
      </c>
      <c r="BT334" s="661">
        <f t="shared" si="562"/>
        <v>636.36042402826854</v>
      </c>
      <c r="BU334" s="661" t="str">
        <f t="shared" ref="BU334:BU365" si="606">IF(SUM(BV334:DL334)=X334, "GOOD", "ERROR")</f>
        <v>GOOD</v>
      </c>
      <c r="BV334" s="898">
        <f t="shared" si="563"/>
        <v>3181802.1201413427</v>
      </c>
      <c r="BW334" s="898">
        <f t="shared" si="564"/>
        <v>127272.08480565371</v>
      </c>
      <c r="BX334" s="898">
        <f t="shared" si="565"/>
        <v>286362.19081272086</v>
      </c>
      <c r="BY334" s="898">
        <f t="shared" si="566"/>
        <v>222726.148409894</v>
      </c>
      <c r="BZ334" s="898">
        <f t="shared" si="567"/>
        <v>318180.21201413427</v>
      </c>
      <c r="CA334" s="898">
        <f t="shared" si="568"/>
        <v>305453.00353356887</v>
      </c>
      <c r="CB334" s="898">
        <f t="shared" si="569"/>
        <v>63636.042402826854</v>
      </c>
      <c r="CC334" s="898">
        <f t="shared" si="570"/>
        <v>248180.56537102474</v>
      </c>
      <c r="CD334" s="898">
        <f t="shared" si="571"/>
        <v>318180.21201413427</v>
      </c>
      <c r="CE334" s="898">
        <f t="shared" si="572"/>
        <v>318180.21201413427</v>
      </c>
      <c r="CF334" s="898">
        <f t="shared" si="573"/>
        <v>477270.31802120141</v>
      </c>
      <c r="CG334" s="898">
        <f t="shared" si="574"/>
        <v>127272.08480565371</v>
      </c>
      <c r="CH334" s="898">
        <f t="shared" si="575"/>
        <v>148908.33922261483</v>
      </c>
      <c r="CI334" s="898">
        <f t="shared" si="576"/>
        <v>222726.148409894</v>
      </c>
      <c r="CJ334" s="898">
        <f t="shared" si="577"/>
        <v>57272.438162544167</v>
      </c>
      <c r="CK334" s="898">
        <f t="shared" si="578"/>
        <v>50908.833922261481</v>
      </c>
      <c r="CL334" s="898">
        <f t="shared" si="579"/>
        <v>1514537.8091872791</v>
      </c>
      <c r="CM334" s="898" t="str">
        <f t="shared" si="580"/>
        <v/>
      </c>
      <c r="CN334" s="898" t="str">
        <f t="shared" si="581"/>
        <v/>
      </c>
      <c r="CO334" s="898" t="str">
        <f t="shared" si="582"/>
        <v/>
      </c>
      <c r="CP334" s="898" t="str">
        <f t="shared" si="583"/>
        <v/>
      </c>
      <c r="CQ334" s="898" t="str">
        <f t="shared" si="584"/>
        <v/>
      </c>
      <c r="CR334" s="898" t="str">
        <f t="shared" si="585"/>
        <v/>
      </c>
      <c r="CS334" s="898" t="str">
        <f t="shared" si="586"/>
        <v/>
      </c>
      <c r="CT334" s="898" t="str">
        <f t="shared" si="587"/>
        <v/>
      </c>
      <c r="CU334" s="898" t="str">
        <f t="shared" si="588"/>
        <v/>
      </c>
      <c r="CV334" s="898" t="str">
        <f t="shared" si="589"/>
        <v/>
      </c>
      <c r="CW334" s="898" t="str">
        <f t="shared" si="590"/>
        <v/>
      </c>
      <c r="CX334" s="898" t="str">
        <f t="shared" si="591"/>
        <v/>
      </c>
      <c r="CY334" s="898" t="str">
        <f t="shared" si="592"/>
        <v/>
      </c>
      <c r="CZ334" s="898" t="str">
        <f t="shared" si="593"/>
        <v/>
      </c>
      <c r="DA334" s="898" t="str">
        <f t="shared" si="594"/>
        <v/>
      </c>
      <c r="DB334" s="898" t="str">
        <f t="shared" si="595"/>
        <v/>
      </c>
      <c r="DC334" s="898" t="str">
        <f t="shared" si="596"/>
        <v/>
      </c>
      <c r="DD334" s="898" t="str">
        <f t="shared" si="597"/>
        <v/>
      </c>
      <c r="DE334" s="898" t="str">
        <f t="shared" si="598"/>
        <v/>
      </c>
      <c r="DF334" s="898" t="str">
        <f t="shared" si="599"/>
        <v/>
      </c>
      <c r="DG334" s="898" t="str">
        <f t="shared" si="600"/>
        <v/>
      </c>
      <c r="DH334" s="898" t="str">
        <f t="shared" si="601"/>
        <v/>
      </c>
      <c r="DI334" s="898">
        <f t="shared" si="602"/>
        <v>954540.63604240282</v>
      </c>
      <c r="DJ334" s="898">
        <f t="shared" si="603"/>
        <v>1018176.6784452297</v>
      </c>
      <c r="DK334" s="898">
        <f t="shared" si="604"/>
        <v>1527265.0176678444</v>
      </c>
      <c r="DL334" s="898">
        <f t="shared" si="605"/>
        <v>2017898.9045936395</v>
      </c>
      <c r="DM334" s="661">
        <f t="shared" si="546"/>
        <v>7988868.7632508827</v>
      </c>
      <c r="DN334" s="898">
        <f t="shared" si="547"/>
        <v>5517881.2367491163</v>
      </c>
      <c r="DO334" s="516">
        <f t="shared" si="548"/>
        <v>0</v>
      </c>
      <c r="DP334" s="898">
        <f t="shared" si="549"/>
        <v>0</v>
      </c>
      <c r="DQ334" s="860" t="s">
        <v>4408</v>
      </c>
      <c r="DR334" s="610" t="s">
        <v>4247</v>
      </c>
      <c r="DS334" s="1221" t="s">
        <v>4248</v>
      </c>
      <c r="DT334" s="632"/>
    </row>
    <row r="335" spans="1:124" ht="57" x14ac:dyDescent="0.2">
      <c r="A335" s="484" t="str">
        <f t="shared" si="544"/>
        <v>A4147 Hemel Hempstead-St Albans cycle route</v>
      </c>
      <c r="B335" s="1163">
        <v>332</v>
      </c>
      <c r="C335" s="1156" t="s">
        <v>4409</v>
      </c>
      <c r="D335" s="481" t="s">
        <v>2481</v>
      </c>
      <c r="E335" s="481" t="s">
        <v>1385</v>
      </c>
      <c r="F335" s="481" t="s">
        <v>655</v>
      </c>
      <c r="G335" s="665" t="s">
        <v>932</v>
      </c>
      <c r="H335" s="673" t="s">
        <v>987</v>
      </c>
      <c r="I335" s="775" t="str">
        <f t="shared" si="444"/>
        <v>LS-76</v>
      </c>
      <c r="J335" s="673" t="s">
        <v>4410</v>
      </c>
      <c r="K335" s="664" t="s">
        <v>3104</v>
      </c>
      <c r="L335" s="775" t="s">
        <v>1377</v>
      </c>
      <c r="M335" s="515" t="s">
        <v>4244</v>
      </c>
      <c r="N335" s="775" t="s">
        <v>81</v>
      </c>
      <c r="O335" s="654" t="s">
        <v>3051</v>
      </c>
      <c r="P335" s="657" t="s">
        <v>61</v>
      </c>
      <c r="Q335" s="852" t="s">
        <v>181</v>
      </c>
      <c r="R335" s="657"/>
      <c r="S335" s="657"/>
      <c r="T335" s="853">
        <v>2961580</v>
      </c>
      <c r="U335" s="854"/>
      <c r="V335" s="657" t="s">
        <v>4245</v>
      </c>
      <c r="W335" s="642">
        <f t="shared" si="551"/>
        <v>0</v>
      </c>
      <c r="X335" s="745">
        <f t="shared" si="552"/>
        <v>2961580</v>
      </c>
      <c r="Y335" s="745" t="s">
        <v>3106</v>
      </c>
      <c r="Z335" s="745" t="str">
        <f>_xlfn.XLOOKUP(I335, 'CALCS Aecom (July 25 2025)'!F:F, 'CALCS Aecom (July 25 2025)'!W:W)</f>
        <v>Single Scenario 2 (Step 2)</v>
      </c>
      <c r="AA335" s="650" t="s">
        <v>65</v>
      </c>
      <c r="AB335" s="661"/>
      <c r="AC335" s="661"/>
      <c r="AD335" s="661"/>
      <c r="AE335" s="661"/>
      <c r="AF335" s="661"/>
      <c r="AG335" s="661"/>
      <c r="AH335" s="661"/>
      <c r="AI335" s="661"/>
      <c r="AJ335" s="661"/>
      <c r="AK335" s="661"/>
      <c r="AL335" s="661"/>
      <c r="AM335" s="661"/>
      <c r="AN335" s="661"/>
      <c r="AO335" s="661"/>
      <c r="AP335" s="661"/>
      <c r="AQ335" s="661"/>
      <c r="AR335" s="661"/>
      <c r="AS335" s="661"/>
      <c r="AT335" s="661"/>
      <c r="AU335" s="661"/>
      <c r="AV335" s="661"/>
      <c r="AW335" s="661"/>
      <c r="AX335" s="661"/>
      <c r="AY335" s="661"/>
      <c r="AZ335" s="661"/>
      <c r="BA335" s="661"/>
      <c r="BB335" s="661"/>
      <c r="BC335" s="661"/>
      <c r="BD335" s="661"/>
      <c r="BE335" s="661"/>
      <c r="BF335" s="661"/>
      <c r="BG335" s="661"/>
      <c r="BH335" s="661"/>
      <c r="BI335" s="661"/>
      <c r="BJ335" s="661"/>
      <c r="BK335" s="661"/>
      <c r="BL335" s="661"/>
      <c r="BM335" s="661"/>
      <c r="BN335" s="661"/>
      <c r="BO335" s="661"/>
      <c r="BP335" s="661"/>
      <c r="BQ335" s="661" t="s">
        <v>66</v>
      </c>
      <c r="BR335" s="661"/>
      <c r="BS335" s="884">
        <f t="shared" si="545"/>
        <v>2400</v>
      </c>
      <c r="BT335" s="661">
        <f t="shared" si="562"/>
        <v>1233.9916666666666</v>
      </c>
      <c r="BU335" s="661" t="str">
        <f t="shared" si="606"/>
        <v>GOOD</v>
      </c>
      <c r="BV335" s="898" t="str">
        <f t="shared" si="563"/>
        <v/>
      </c>
      <c r="BW335" s="898" t="str">
        <f t="shared" si="564"/>
        <v/>
      </c>
      <c r="BX335" s="898" t="str">
        <f t="shared" si="565"/>
        <v/>
      </c>
      <c r="BY335" s="898" t="str">
        <f t="shared" si="566"/>
        <v/>
      </c>
      <c r="BZ335" s="898" t="str">
        <f t="shared" si="567"/>
        <v/>
      </c>
      <c r="CA335" s="898" t="str">
        <f t="shared" si="568"/>
        <v/>
      </c>
      <c r="CB335" s="898" t="str">
        <f t="shared" si="569"/>
        <v/>
      </c>
      <c r="CC335" s="898" t="str">
        <f t="shared" si="570"/>
        <v/>
      </c>
      <c r="CD335" s="898" t="str">
        <f t="shared" si="571"/>
        <v/>
      </c>
      <c r="CE335" s="898" t="str">
        <f t="shared" si="572"/>
        <v/>
      </c>
      <c r="CF335" s="898" t="str">
        <f t="shared" si="573"/>
        <v/>
      </c>
      <c r="CG335" s="898" t="str">
        <f t="shared" si="574"/>
        <v/>
      </c>
      <c r="CH335" s="898" t="str">
        <f t="shared" si="575"/>
        <v/>
      </c>
      <c r="CI335" s="898" t="str">
        <f t="shared" si="576"/>
        <v/>
      </c>
      <c r="CJ335" s="898" t="str">
        <f t="shared" si="577"/>
        <v/>
      </c>
      <c r="CK335" s="898" t="str">
        <f t="shared" si="578"/>
        <v/>
      </c>
      <c r="CL335" s="898" t="str">
        <f t="shared" si="579"/>
        <v/>
      </c>
      <c r="CM335" s="898" t="str">
        <f t="shared" si="580"/>
        <v/>
      </c>
      <c r="CN335" s="898" t="str">
        <f t="shared" si="581"/>
        <v/>
      </c>
      <c r="CO335" s="898" t="str">
        <f t="shared" si="582"/>
        <v/>
      </c>
      <c r="CP335" s="898" t="str">
        <f t="shared" si="583"/>
        <v/>
      </c>
      <c r="CQ335" s="898" t="str">
        <f t="shared" si="584"/>
        <v/>
      </c>
      <c r="CR335" s="898" t="str">
        <f t="shared" si="585"/>
        <v/>
      </c>
      <c r="CS335" s="898" t="str">
        <f t="shared" si="586"/>
        <v/>
      </c>
      <c r="CT335" s="898" t="str">
        <f t="shared" si="587"/>
        <v/>
      </c>
      <c r="CU335" s="898" t="str">
        <f t="shared" si="588"/>
        <v/>
      </c>
      <c r="CV335" s="898" t="str">
        <f t="shared" si="589"/>
        <v/>
      </c>
      <c r="CW335" s="898" t="str">
        <f t="shared" si="590"/>
        <v/>
      </c>
      <c r="CX335" s="898" t="str">
        <f t="shared" si="591"/>
        <v/>
      </c>
      <c r="CY335" s="898" t="str">
        <f t="shared" si="592"/>
        <v/>
      </c>
      <c r="CZ335" s="898" t="str">
        <f t="shared" si="593"/>
        <v/>
      </c>
      <c r="DA335" s="898" t="str">
        <f t="shared" si="594"/>
        <v/>
      </c>
      <c r="DB335" s="898" t="str">
        <f t="shared" si="595"/>
        <v/>
      </c>
      <c r="DC335" s="898" t="str">
        <f t="shared" si="596"/>
        <v/>
      </c>
      <c r="DD335" s="898" t="str">
        <f t="shared" si="597"/>
        <v/>
      </c>
      <c r="DE335" s="898" t="str">
        <f t="shared" si="598"/>
        <v/>
      </c>
      <c r="DF335" s="898" t="str">
        <f t="shared" si="599"/>
        <v/>
      </c>
      <c r="DG335" s="898" t="str">
        <f t="shared" si="600"/>
        <v/>
      </c>
      <c r="DH335" s="898" t="str">
        <f t="shared" si="601"/>
        <v/>
      </c>
      <c r="DI335" s="898" t="str">
        <f t="shared" si="602"/>
        <v/>
      </c>
      <c r="DJ335" s="898" t="str">
        <f t="shared" si="603"/>
        <v/>
      </c>
      <c r="DK335" s="898">
        <f t="shared" si="604"/>
        <v>2961579.9999999995</v>
      </c>
      <c r="DL335" s="898" t="str">
        <f t="shared" si="605"/>
        <v/>
      </c>
      <c r="DM335" s="661">
        <f t="shared" si="546"/>
        <v>0</v>
      </c>
      <c r="DN335" s="898">
        <f t="shared" si="547"/>
        <v>2961579.9999999995</v>
      </c>
      <c r="DO335" s="516">
        <f t="shared" si="548"/>
        <v>0</v>
      </c>
      <c r="DP335" s="898">
        <f t="shared" si="549"/>
        <v>0</v>
      </c>
      <c r="DQ335" s="860" t="s">
        <v>4246</v>
      </c>
      <c r="DR335" s="610" t="s">
        <v>4247</v>
      </c>
      <c r="DS335" s="1221" t="s">
        <v>4248</v>
      </c>
      <c r="DT335" s="632"/>
    </row>
    <row r="336" spans="1:124" ht="57" x14ac:dyDescent="0.2">
      <c r="A336" s="484" t="str">
        <f t="shared" si="544"/>
        <v>Kingsland Road-Horsecroft Road crossing</v>
      </c>
      <c r="B336" s="1163">
        <v>333</v>
      </c>
      <c r="C336" s="1156" t="s">
        <v>4411</v>
      </c>
      <c r="D336" s="481" t="s">
        <v>2481</v>
      </c>
      <c r="E336" s="481" t="s">
        <v>53</v>
      </c>
      <c r="F336" s="481" t="s">
        <v>655</v>
      </c>
      <c r="G336" s="775" t="s">
        <v>932</v>
      </c>
      <c r="H336" s="673" t="s">
        <v>989</v>
      </c>
      <c r="I336" s="775" t="str">
        <f t="shared" ref="I336:I399" si="607">IF(ISNUMBER(SEARCH("(", LEFT(J336, 1))),MID(J336,SEARCH("(",J336)+1,SEARCH(")",J336)-SEARCH("(",J336)-1), "")</f>
        <v>SG2-1</v>
      </c>
      <c r="J336" s="855" t="s">
        <v>990</v>
      </c>
      <c r="K336" s="664" t="s">
        <v>3104</v>
      </c>
      <c r="L336" s="852" t="s">
        <v>3167</v>
      </c>
      <c r="M336" s="515" t="s">
        <v>4244</v>
      </c>
      <c r="N336" s="775" t="s">
        <v>81</v>
      </c>
      <c r="O336" s="515" t="s">
        <v>4212</v>
      </c>
      <c r="P336" s="657" t="s">
        <v>61</v>
      </c>
      <c r="Q336" s="852" t="s">
        <v>71</v>
      </c>
      <c r="R336" s="657"/>
      <c r="S336" s="657"/>
      <c r="T336" s="853">
        <v>69610</v>
      </c>
      <c r="U336" s="854"/>
      <c r="V336" s="657" t="s">
        <v>4245</v>
      </c>
      <c r="W336" s="642">
        <f t="shared" si="551"/>
        <v>0</v>
      </c>
      <c r="X336" s="745">
        <f t="shared" si="552"/>
        <v>69610</v>
      </c>
      <c r="Y336" s="745" t="s">
        <v>3106</v>
      </c>
      <c r="Z336" s="745" t="str">
        <f>_xlfn.XLOOKUP(I336, 'CALCS Aecom (July 25 2025)'!F:F, 'CALCS Aecom (July 25 2025)'!W:W)</f>
        <v>Multiple Scenario 2 (Step 9)</v>
      </c>
      <c r="AA336" s="1332" t="s">
        <v>82</v>
      </c>
      <c r="AB336" s="661" t="s">
        <v>66</v>
      </c>
      <c r="AC336" s="661" t="s">
        <v>66</v>
      </c>
      <c r="AD336" s="661" t="s">
        <v>66</v>
      </c>
      <c r="AE336" s="661" t="s">
        <v>66</v>
      </c>
      <c r="AF336" s="661" t="s">
        <v>66</v>
      </c>
      <c r="AG336" s="661" t="s">
        <v>66</v>
      </c>
      <c r="AH336" s="661" t="s">
        <v>66</v>
      </c>
      <c r="AI336" s="661" t="s">
        <v>66</v>
      </c>
      <c r="AJ336" s="661" t="s">
        <v>66</v>
      </c>
      <c r="AK336" s="661" t="s">
        <v>66</v>
      </c>
      <c r="AL336" s="661" t="s">
        <v>66</v>
      </c>
      <c r="AM336" s="661" t="s">
        <v>66</v>
      </c>
      <c r="AN336" s="661" t="s">
        <v>66</v>
      </c>
      <c r="AO336" s="661" t="s">
        <v>66</v>
      </c>
      <c r="AP336" s="661" t="s">
        <v>66</v>
      </c>
      <c r="AQ336" s="661" t="s">
        <v>66</v>
      </c>
      <c r="AR336" s="661" t="s">
        <v>66</v>
      </c>
      <c r="AS336" s="657"/>
      <c r="AT336" s="657"/>
      <c r="AU336" s="657"/>
      <c r="AV336" s="657"/>
      <c r="AW336" s="657"/>
      <c r="AX336" s="657"/>
      <c r="AY336" s="657"/>
      <c r="AZ336" s="657"/>
      <c r="BA336" s="657"/>
      <c r="BB336" s="657"/>
      <c r="BC336" s="657"/>
      <c r="BD336" s="657"/>
      <c r="BE336" s="657"/>
      <c r="BF336" s="657"/>
      <c r="BG336" s="746"/>
      <c r="BH336" s="746"/>
      <c r="BI336" s="746"/>
      <c r="BJ336" s="746"/>
      <c r="BK336" s="746"/>
      <c r="BL336" s="746"/>
      <c r="BM336" s="746"/>
      <c r="BN336" s="746"/>
      <c r="BO336" s="661" t="s">
        <v>66</v>
      </c>
      <c r="BP336" s="661" t="s">
        <v>66</v>
      </c>
      <c r="BQ336" s="661" t="s">
        <v>66</v>
      </c>
      <c r="BR336" s="661" t="s">
        <v>66</v>
      </c>
      <c r="BS336" s="884">
        <f t="shared" si="545"/>
        <v>21225</v>
      </c>
      <c r="BT336" s="661">
        <f t="shared" si="562"/>
        <v>3.27962308598351</v>
      </c>
      <c r="BU336" s="661" t="str">
        <f t="shared" si="606"/>
        <v>GOOD</v>
      </c>
      <c r="BV336" s="898">
        <f t="shared" si="563"/>
        <v>16398.115429917551</v>
      </c>
      <c r="BW336" s="898">
        <f t="shared" si="564"/>
        <v>655.924617196702</v>
      </c>
      <c r="BX336" s="898">
        <f t="shared" si="565"/>
        <v>1475.8303886925796</v>
      </c>
      <c r="BY336" s="898">
        <f t="shared" si="566"/>
        <v>1147.8680800942286</v>
      </c>
      <c r="BZ336" s="898">
        <f t="shared" si="567"/>
        <v>1639.811542991755</v>
      </c>
      <c r="CA336" s="898">
        <f t="shared" si="568"/>
        <v>1574.2190812720848</v>
      </c>
      <c r="CB336" s="898">
        <f t="shared" si="569"/>
        <v>327.962308598351</v>
      </c>
      <c r="CC336" s="898">
        <f t="shared" si="570"/>
        <v>1279.0530035335689</v>
      </c>
      <c r="CD336" s="898">
        <f t="shared" si="571"/>
        <v>1639.811542991755</v>
      </c>
      <c r="CE336" s="898">
        <f t="shared" si="572"/>
        <v>1639.811542991755</v>
      </c>
      <c r="CF336" s="898">
        <f t="shared" si="573"/>
        <v>2459.7173144876324</v>
      </c>
      <c r="CG336" s="898">
        <f t="shared" si="574"/>
        <v>655.924617196702</v>
      </c>
      <c r="CH336" s="898">
        <f t="shared" si="575"/>
        <v>767.43180212014136</v>
      </c>
      <c r="CI336" s="898">
        <f t="shared" si="576"/>
        <v>1147.8680800942286</v>
      </c>
      <c r="CJ336" s="898">
        <f t="shared" si="577"/>
        <v>295.16607773851592</v>
      </c>
      <c r="CK336" s="898">
        <f t="shared" si="578"/>
        <v>262.36984687868079</v>
      </c>
      <c r="CL336" s="898">
        <f t="shared" si="579"/>
        <v>7805.5029446407543</v>
      </c>
      <c r="CM336" s="898" t="str">
        <f t="shared" si="580"/>
        <v/>
      </c>
      <c r="CN336" s="898" t="str">
        <f t="shared" si="581"/>
        <v/>
      </c>
      <c r="CO336" s="898" t="str">
        <f t="shared" si="582"/>
        <v/>
      </c>
      <c r="CP336" s="898" t="str">
        <f t="shared" si="583"/>
        <v/>
      </c>
      <c r="CQ336" s="898" t="str">
        <f t="shared" si="584"/>
        <v/>
      </c>
      <c r="CR336" s="898" t="str">
        <f t="shared" si="585"/>
        <v/>
      </c>
      <c r="CS336" s="898" t="str">
        <f t="shared" si="586"/>
        <v/>
      </c>
      <c r="CT336" s="898" t="str">
        <f t="shared" si="587"/>
        <v/>
      </c>
      <c r="CU336" s="898" t="str">
        <f t="shared" si="588"/>
        <v/>
      </c>
      <c r="CV336" s="898" t="str">
        <f t="shared" si="589"/>
        <v/>
      </c>
      <c r="CW336" s="898" t="str">
        <f t="shared" si="590"/>
        <v/>
      </c>
      <c r="CX336" s="898" t="str">
        <f t="shared" si="591"/>
        <v/>
      </c>
      <c r="CY336" s="898" t="str">
        <f t="shared" si="592"/>
        <v/>
      </c>
      <c r="CZ336" s="898" t="str">
        <f t="shared" si="593"/>
        <v/>
      </c>
      <c r="DA336" s="898" t="str">
        <f t="shared" si="594"/>
        <v/>
      </c>
      <c r="DB336" s="898" t="str">
        <f t="shared" si="595"/>
        <v/>
      </c>
      <c r="DC336" s="898" t="str">
        <f t="shared" si="596"/>
        <v/>
      </c>
      <c r="DD336" s="898" t="str">
        <f t="shared" si="597"/>
        <v/>
      </c>
      <c r="DE336" s="898" t="str">
        <f t="shared" si="598"/>
        <v/>
      </c>
      <c r="DF336" s="898" t="str">
        <f t="shared" si="599"/>
        <v/>
      </c>
      <c r="DG336" s="898" t="str">
        <f t="shared" si="600"/>
        <v/>
      </c>
      <c r="DH336" s="898" t="str">
        <f t="shared" si="601"/>
        <v/>
      </c>
      <c r="DI336" s="898">
        <f t="shared" si="602"/>
        <v>4919.4346289752648</v>
      </c>
      <c r="DJ336" s="898">
        <f t="shared" si="603"/>
        <v>5247.396937573616</v>
      </c>
      <c r="DK336" s="898">
        <f t="shared" si="604"/>
        <v>7871.095406360424</v>
      </c>
      <c r="DL336" s="898">
        <f t="shared" si="605"/>
        <v>10399.684805653711</v>
      </c>
      <c r="DM336" s="661">
        <f t="shared" si="546"/>
        <v>41172.388221436995</v>
      </c>
      <c r="DN336" s="898">
        <f t="shared" si="547"/>
        <v>28437.611778563019</v>
      </c>
      <c r="DO336" s="516">
        <f t="shared" si="548"/>
        <v>0</v>
      </c>
      <c r="DP336" s="898">
        <f t="shared" si="549"/>
        <v>0</v>
      </c>
      <c r="DQ336" s="860" t="s">
        <v>4246</v>
      </c>
      <c r="DR336" s="610" t="s">
        <v>4247</v>
      </c>
      <c r="DS336" s="1221" t="s">
        <v>4248</v>
      </c>
      <c r="DT336" s="632"/>
    </row>
    <row r="337" spans="1:124" ht="57" x14ac:dyDescent="0.2">
      <c r="A337" s="484" t="str">
        <f t="shared" si="544"/>
        <v>Traffic calming on Kingsland Road and Horsecroft Road</v>
      </c>
      <c r="B337" s="1163">
        <v>334</v>
      </c>
      <c r="C337" s="1156" t="s">
        <v>4412</v>
      </c>
      <c r="D337" s="481" t="s">
        <v>2481</v>
      </c>
      <c r="E337" s="481" t="s">
        <v>53</v>
      </c>
      <c r="F337" s="481" t="s">
        <v>655</v>
      </c>
      <c r="G337" s="775" t="s">
        <v>900</v>
      </c>
      <c r="H337" s="673" t="s">
        <v>993</v>
      </c>
      <c r="I337" s="775" t="str">
        <f t="shared" si="607"/>
        <v>SG2-3</v>
      </c>
      <c r="J337" s="673" t="s">
        <v>994</v>
      </c>
      <c r="K337" s="664" t="s">
        <v>3104</v>
      </c>
      <c r="L337" s="852" t="s">
        <v>3167</v>
      </c>
      <c r="M337" s="713" t="s">
        <v>2996</v>
      </c>
      <c r="N337" s="775" t="s">
        <v>81</v>
      </c>
      <c r="O337" s="654" t="s">
        <v>3051</v>
      </c>
      <c r="P337" s="657" t="s">
        <v>61</v>
      </c>
      <c r="Q337" s="852" t="s">
        <v>71</v>
      </c>
      <c r="R337" s="657"/>
      <c r="S337" s="657"/>
      <c r="T337" s="853">
        <v>199337</v>
      </c>
      <c r="U337" s="854"/>
      <c r="V337" s="657" t="s">
        <v>4245</v>
      </c>
      <c r="W337" s="642">
        <f t="shared" si="551"/>
        <v>0</v>
      </c>
      <c r="X337" s="745">
        <f t="shared" si="552"/>
        <v>199337</v>
      </c>
      <c r="Y337" s="745" t="s">
        <v>3106</v>
      </c>
      <c r="Z337" s="745" t="str">
        <f>_xlfn.XLOOKUP(I337, 'CALCS Aecom (July 25 2025)'!F:F, 'CALCS Aecom (July 25 2025)'!W:W)</f>
        <v>Multiple Scenario 2 (Step 9)</v>
      </c>
      <c r="AA337" s="1332" t="s">
        <v>82</v>
      </c>
      <c r="AB337" s="661" t="s">
        <v>66</v>
      </c>
      <c r="AC337" s="661" t="s">
        <v>66</v>
      </c>
      <c r="AD337" s="661" t="s">
        <v>66</v>
      </c>
      <c r="AE337" s="661" t="s">
        <v>66</v>
      </c>
      <c r="AF337" s="661" t="s">
        <v>66</v>
      </c>
      <c r="AG337" s="661" t="s">
        <v>66</v>
      </c>
      <c r="AH337" s="661" t="s">
        <v>66</v>
      </c>
      <c r="AI337" s="661" t="s">
        <v>66</v>
      </c>
      <c r="AJ337" s="661" t="s">
        <v>66</v>
      </c>
      <c r="AK337" s="661" t="s">
        <v>66</v>
      </c>
      <c r="AL337" s="661" t="s">
        <v>66</v>
      </c>
      <c r="AM337" s="661" t="s">
        <v>66</v>
      </c>
      <c r="AN337" s="661" t="s">
        <v>66</v>
      </c>
      <c r="AO337" s="661" t="s">
        <v>66</v>
      </c>
      <c r="AP337" s="661" t="s">
        <v>66</v>
      </c>
      <c r="AQ337" s="661" t="s">
        <v>66</v>
      </c>
      <c r="AR337" s="661" t="s">
        <v>66</v>
      </c>
      <c r="AS337" s="892"/>
      <c r="AT337" s="892"/>
      <c r="AU337" s="892"/>
      <c r="AV337" s="661"/>
      <c r="AW337" s="892"/>
      <c r="AX337" s="892"/>
      <c r="AY337" s="892"/>
      <c r="AZ337" s="661"/>
      <c r="BA337" s="892"/>
      <c r="BB337" s="661"/>
      <c r="BC337" s="661"/>
      <c r="BD337" s="892"/>
      <c r="BE337" s="661"/>
      <c r="BF337" s="661"/>
      <c r="BG337" s="746"/>
      <c r="BH337" s="746"/>
      <c r="BI337" s="746"/>
      <c r="BJ337" s="746"/>
      <c r="BK337" s="746"/>
      <c r="BL337" s="746"/>
      <c r="BM337" s="746"/>
      <c r="BN337" s="746"/>
      <c r="BO337" s="661" t="s">
        <v>66</v>
      </c>
      <c r="BP337" s="661" t="s">
        <v>66</v>
      </c>
      <c r="BQ337" s="661" t="s">
        <v>66</v>
      </c>
      <c r="BR337" s="661" t="s">
        <v>66</v>
      </c>
      <c r="BS337" s="884">
        <f t="shared" si="545"/>
        <v>21225</v>
      </c>
      <c r="BT337" s="661">
        <f t="shared" si="562"/>
        <v>9.3916136631330982</v>
      </c>
      <c r="BU337" s="661" t="str">
        <f t="shared" si="606"/>
        <v>GOOD</v>
      </c>
      <c r="BV337" s="898">
        <f t="shared" si="563"/>
        <v>46958.068315665492</v>
      </c>
      <c r="BW337" s="898">
        <f t="shared" si="564"/>
        <v>1878.3227326266197</v>
      </c>
      <c r="BX337" s="898">
        <f t="shared" si="565"/>
        <v>4226.2261484098944</v>
      </c>
      <c r="BY337" s="898">
        <f t="shared" si="566"/>
        <v>3287.0647820965842</v>
      </c>
      <c r="BZ337" s="898">
        <f t="shared" si="567"/>
        <v>4695.8068315665487</v>
      </c>
      <c r="CA337" s="898">
        <f t="shared" si="568"/>
        <v>4507.9745583038875</v>
      </c>
      <c r="CB337" s="898">
        <f t="shared" si="569"/>
        <v>939.16136631330983</v>
      </c>
      <c r="CC337" s="898">
        <f t="shared" si="570"/>
        <v>3662.7293286219083</v>
      </c>
      <c r="CD337" s="898">
        <f t="shared" si="571"/>
        <v>4695.8068315665487</v>
      </c>
      <c r="CE337" s="898">
        <f t="shared" si="572"/>
        <v>4695.8068315665487</v>
      </c>
      <c r="CF337" s="898">
        <f t="shared" si="573"/>
        <v>7043.7102473498235</v>
      </c>
      <c r="CG337" s="898">
        <f t="shared" si="574"/>
        <v>1878.3227326266197</v>
      </c>
      <c r="CH337" s="898">
        <f t="shared" si="575"/>
        <v>2197.637597173145</v>
      </c>
      <c r="CI337" s="898">
        <f t="shared" si="576"/>
        <v>3287.0647820965842</v>
      </c>
      <c r="CJ337" s="898">
        <f t="shared" si="577"/>
        <v>845.2452296819788</v>
      </c>
      <c r="CK337" s="898">
        <f t="shared" si="578"/>
        <v>751.32909305064788</v>
      </c>
      <c r="CL337" s="898">
        <f t="shared" si="579"/>
        <v>22352.040518256774</v>
      </c>
      <c r="CM337" s="898" t="str">
        <f t="shared" si="580"/>
        <v/>
      </c>
      <c r="CN337" s="898" t="str">
        <f t="shared" si="581"/>
        <v/>
      </c>
      <c r="CO337" s="898" t="str">
        <f t="shared" si="582"/>
        <v/>
      </c>
      <c r="CP337" s="898" t="str">
        <f t="shared" si="583"/>
        <v/>
      </c>
      <c r="CQ337" s="898" t="str">
        <f t="shared" si="584"/>
        <v/>
      </c>
      <c r="CR337" s="898" t="str">
        <f t="shared" si="585"/>
        <v/>
      </c>
      <c r="CS337" s="898" t="str">
        <f t="shared" si="586"/>
        <v/>
      </c>
      <c r="CT337" s="898" t="str">
        <f t="shared" si="587"/>
        <v/>
      </c>
      <c r="CU337" s="898" t="str">
        <f t="shared" si="588"/>
        <v/>
      </c>
      <c r="CV337" s="898" t="str">
        <f t="shared" si="589"/>
        <v/>
      </c>
      <c r="CW337" s="898" t="str">
        <f t="shared" si="590"/>
        <v/>
      </c>
      <c r="CX337" s="898" t="str">
        <f t="shared" si="591"/>
        <v/>
      </c>
      <c r="CY337" s="898" t="str">
        <f t="shared" si="592"/>
        <v/>
      </c>
      <c r="CZ337" s="898" t="str">
        <f t="shared" si="593"/>
        <v/>
      </c>
      <c r="DA337" s="898" t="str">
        <f t="shared" si="594"/>
        <v/>
      </c>
      <c r="DB337" s="898" t="str">
        <f t="shared" si="595"/>
        <v/>
      </c>
      <c r="DC337" s="898" t="str">
        <f t="shared" si="596"/>
        <v/>
      </c>
      <c r="DD337" s="898" t="str">
        <f t="shared" si="597"/>
        <v/>
      </c>
      <c r="DE337" s="898" t="str">
        <f t="shared" si="598"/>
        <v/>
      </c>
      <c r="DF337" s="898" t="str">
        <f t="shared" si="599"/>
        <v/>
      </c>
      <c r="DG337" s="898" t="str">
        <f t="shared" si="600"/>
        <v/>
      </c>
      <c r="DH337" s="898" t="str">
        <f t="shared" si="601"/>
        <v/>
      </c>
      <c r="DI337" s="898">
        <f t="shared" si="602"/>
        <v>14087.420494699647</v>
      </c>
      <c r="DJ337" s="898">
        <f t="shared" si="603"/>
        <v>15026.581861012957</v>
      </c>
      <c r="DK337" s="898">
        <f t="shared" si="604"/>
        <v>22539.872791519436</v>
      </c>
      <c r="DL337" s="898">
        <f t="shared" si="605"/>
        <v>29780.806925795056</v>
      </c>
      <c r="DM337" s="661">
        <f t="shared" si="546"/>
        <v>117902.3179269729</v>
      </c>
      <c r="DN337" s="898">
        <f t="shared" si="547"/>
        <v>81434.682073027099</v>
      </c>
      <c r="DO337" s="516">
        <f t="shared" si="548"/>
        <v>0</v>
      </c>
      <c r="DP337" s="898">
        <f t="shared" si="549"/>
        <v>0</v>
      </c>
      <c r="DQ337" s="860" t="s">
        <v>4246</v>
      </c>
      <c r="DR337" s="610" t="s">
        <v>4247</v>
      </c>
      <c r="DS337" s="1221" t="s">
        <v>4248</v>
      </c>
      <c r="DT337" s="632"/>
    </row>
    <row r="338" spans="1:124" ht="71.25" x14ac:dyDescent="0.2">
      <c r="A338" s="484" t="str">
        <f t="shared" si="544"/>
        <v>Pedestrian route enhancements on Fishery Passage</v>
      </c>
      <c r="B338" s="1163">
        <v>335</v>
      </c>
      <c r="C338" s="1156" t="s">
        <v>4413</v>
      </c>
      <c r="D338" s="481" t="s">
        <v>2481</v>
      </c>
      <c r="E338" s="481" t="s">
        <v>53</v>
      </c>
      <c r="F338" s="481" t="s">
        <v>655</v>
      </c>
      <c r="G338" s="775" t="s">
        <v>932</v>
      </c>
      <c r="H338" s="673" t="s">
        <v>995</v>
      </c>
      <c r="I338" s="775" t="str">
        <f t="shared" si="607"/>
        <v>SG2-4</v>
      </c>
      <c r="J338" s="673" t="s">
        <v>996</v>
      </c>
      <c r="K338" s="664" t="s">
        <v>3104</v>
      </c>
      <c r="L338" s="852" t="s">
        <v>3167</v>
      </c>
      <c r="M338" s="515" t="s">
        <v>4244</v>
      </c>
      <c r="N338" s="775" t="s">
        <v>81</v>
      </c>
      <c r="O338" s="654" t="s">
        <v>3051</v>
      </c>
      <c r="P338" s="657" t="s">
        <v>61</v>
      </c>
      <c r="Q338" s="852" t="s">
        <v>71</v>
      </c>
      <c r="R338" s="657"/>
      <c r="S338" s="657"/>
      <c r="T338" s="853">
        <v>26051</v>
      </c>
      <c r="U338" s="854"/>
      <c r="V338" s="657" t="s">
        <v>4245</v>
      </c>
      <c r="W338" s="642">
        <f t="shared" si="551"/>
        <v>0</v>
      </c>
      <c r="X338" s="745">
        <f t="shared" si="552"/>
        <v>26051</v>
      </c>
      <c r="Y338" s="745" t="s">
        <v>3106</v>
      </c>
      <c r="Z338" s="745" t="str">
        <f>_xlfn.XLOOKUP(I338, 'CALCS Aecom (July 25 2025)'!F:F, 'CALCS Aecom (July 25 2025)'!W:W)</f>
        <v>Multiple Scenario 2 (Step 9)</v>
      </c>
      <c r="AA338" s="1332" t="s">
        <v>82</v>
      </c>
      <c r="AB338" s="661" t="s">
        <v>66</v>
      </c>
      <c r="AC338" s="661" t="s">
        <v>66</v>
      </c>
      <c r="AD338" s="661" t="s">
        <v>66</v>
      </c>
      <c r="AE338" s="661" t="s">
        <v>66</v>
      </c>
      <c r="AF338" s="661" t="s">
        <v>66</v>
      </c>
      <c r="AG338" s="661" t="s">
        <v>66</v>
      </c>
      <c r="AH338" s="661" t="s">
        <v>66</v>
      </c>
      <c r="AI338" s="661" t="s">
        <v>66</v>
      </c>
      <c r="AJ338" s="661" t="s">
        <v>66</v>
      </c>
      <c r="AK338" s="661" t="s">
        <v>66</v>
      </c>
      <c r="AL338" s="661" t="s">
        <v>66</v>
      </c>
      <c r="AM338" s="661" t="s">
        <v>66</v>
      </c>
      <c r="AN338" s="661" t="s">
        <v>66</v>
      </c>
      <c r="AO338" s="661" t="s">
        <v>66</v>
      </c>
      <c r="AP338" s="661" t="s">
        <v>66</v>
      </c>
      <c r="AQ338" s="661" t="s">
        <v>66</v>
      </c>
      <c r="AR338" s="661" t="s">
        <v>66</v>
      </c>
      <c r="AS338" s="892"/>
      <c r="AT338" s="892"/>
      <c r="AU338" s="892"/>
      <c r="AV338" s="661"/>
      <c r="AW338" s="892"/>
      <c r="AX338" s="892"/>
      <c r="AY338" s="892"/>
      <c r="AZ338" s="661"/>
      <c r="BA338" s="892"/>
      <c r="BB338" s="661"/>
      <c r="BC338" s="661"/>
      <c r="BD338" s="892"/>
      <c r="BE338" s="661"/>
      <c r="BF338" s="661"/>
      <c r="BG338" s="746"/>
      <c r="BH338" s="746"/>
      <c r="BI338" s="746"/>
      <c r="BJ338" s="746"/>
      <c r="BK338" s="746"/>
      <c r="BL338" s="746"/>
      <c r="BM338" s="746"/>
      <c r="BN338" s="746"/>
      <c r="BO338" s="661" t="s">
        <v>66</v>
      </c>
      <c r="BP338" s="661" t="s">
        <v>66</v>
      </c>
      <c r="BQ338" s="661" t="s">
        <v>66</v>
      </c>
      <c r="BR338" s="661" t="s">
        <v>66</v>
      </c>
      <c r="BS338" s="884">
        <f t="shared" si="545"/>
        <v>21225</v>
      </c>
      <c r="BT338" s="661">
        <f t="shared" si="562"/>
        <v>1.2273733804475855</v>
      </c>
      <c r="BU338" s="661" t="str">
        <f t="shared" si="606"/>
        <v>GOOD</v>
      </c>
      <c r="BV338" s="898">
        <f t="shared" si="563"/>
        <v>6136.8669022379272</v>
      </c>
      <c r="BW338" s="898">
        <f t="shared" si="564"/>
        <v>245.47467608951709</v>
      </c>
      <c r="BX338" s="898">
        <f t="shared" si="565"/>
        <v>552.31802120141344</v>
      </c>
      <c r="BY338" s="898">
        <f t="shared" si="566"/>
        <v>429.58068315665491</v>
      </c>
      <c r="BZ338" s="898">
        <f t="shared" si="567"/>
        <v>613.68669022379277</v>
      </c>
      <c r="CA338" s="898">
        <f t="shared" si="568"/>
        <v>589.13922261484106</v>
      </c>
      <c r="CB338" s="898">
        <f t="shared" si="569"/>
        <v>122.73733804475854</v>
      </c>
      <c r="CC338" s="898">
        <f t="shared" si="570"/>
        <v>478.67561837455833</v>
      </c>
      <c r="CD338" s="898">
        <f t="shared" si="571"/>
        <v>613.68669022379277</v>
      </c>
      <c r="CE338" s="898">
        <f t="shared" si="572"/>
        <v>613.68669022379277</v>
      </c>
      <c r="CF338" s="898">
        <f t="shared" si="573"/>
        <v>920.53003533568915</v>
      </c>
      <c r="CG338" s="898">
        <f t="shared" si="574"/>
        <v>245.47467608951709</v>
      </c>
      <c r="CH338" s="898">
        <f t="shared" si="575"/>
        <v>287.20537102473503</v>
      </c>
      <c r="CI338" s="898">
        <f t="shared" si="576"/>
        <v>429.58068315665491</v>
      </c>
      <c r="CJ338" s="898">
        <f t="shared" si="577"/>
        <v>110.46360424028269</v>
      </c>
      <c r="CK338" s="898">
        <f t="shared" si="578"/>
        <v>98.189870435806839</v>
      </c>
      <c r="CL338" s="898">
        <f t="shared" si="579"/>
        <v>2921.1486454652536</v>
      </c>
      <c r="CM338" s="898" t="str">
        <f t="shared" si="580"/>
        <v/>
      </c>
      <c r="CN338" s="898" t="str">
        <f t="shared" si="581"/>
        <v/>
      </c>
      <c r="CO338" s="898" t="str">
        <f t="shared" si="582"/>
        <v/>
      </c>
      <c r="CP338" s="898" t="str">
        <f t="shared" si="583"/>
        <v/>
      </c>
      <c r="CQ338" s="898" t="str">
        <f t="shared" si="584"/>
        <v/>
      </c>
      <c r="CR338" s="898" t="str">
        <f t="shared" si="585"/>
        <v/>
      </c>
      <c r="CS338" s="898" t="str">
        <f t="shared" si="586"/>
        <v/>
      </c>
      <c r="CT338" s="898" t="str">
        <f t="shared" si="587"/>
        <v/>
      </c>
      <c r="CU338" s="898" t="str">
        <f t="shared" si="588"/>
        <v/>
      </c>
      <c r="CV338" s="898" t="str">
        <f t="shared" si="589"/>
        <v/>
      </c>
      <c r="CW338" s="898" t="str">
        <f t="shared" si="590"/>
        <v/>
      </c>
      <c r="CX338" s="898" t="str">
        <f t="shared" si="591"/>
        <v/>
      </c>
      <c r="CY338" s="898" t="str">
        <f t="shared" si="592"/>
        <v/>
      </c>
      <c r="CZ338" s="898" t="str">
        <f t="shared" si="593"/>
        <v/>
      </c>
      <c r="DA338" s="898" t="str">
        <f t="shared" si="594"/>
        <v/>
      </c>
      <c r="DB338" s="898" t="str">
        <f t="shared" si="595"/>
        <v/>
      </c>
      <c r="DC338" s="898" t="str">
        <f t="shared" si="596"/>
        <v/>
      </c>
      <c r="DD338" s="898" t="str">
        <f t="shared" si="597"/>
        <v/>
      </c>
      <c r="DE338" s="898" t="str">
        <f t="shared" si="598"/>
        <v/>
      </c>
      <c r="DF338" s="898" t="str">
        <f t="shared" si="599"/>
        <v/>
      </c>
      <c r="DG338" s="898" t="str">
        <f t="shared" si="600"/>
        <v/>
      </c>
      <c r="DH338" s="898" t="str">
        <f t="shared" si="601"/>
        <v/>
      </c>
      <c r="DI338" s="898">
        <f t="shared" si="602"/>
        <v>1841.0600706713783</v>
      </c>
      <c r="DJ338" s="898">
        <f t="shared" si="603"/>
        <v>1963.7974087161367</v>
      </c>
      <c r="DK338" s="898">
        <f t="shared" si="604"/>
        <v>2945.6961130742052</v>
      </c>
      <c r="DL338" s="898">
        <f t="shared" si="605"/>
        <v>3892.0009893992938</v>
      </c>
      <c r="DM338" s="661">
        <f t="shared" si="546"/>
        <v>15408.445418138988</v>
      </c>
      <c r="DN338" s="898">
        <f t="shared" si="547"/>
        <v>10642.554581861014</v>
      </c>
      <c r="DO338" s="516">
        <f t="shared" si="548"/>
        <v>0</v>
      </c>
      <c r="DP338" s="898">
        <f t="shared" si="549"/>
        <v>0</v>
      </c>
      <c r="DQ338" s="860" t="s">
        <v>4246</v>
      </c>
      <c r="DR338" s="610" t="s">
        <v>4247</v>
      </c>
      <c r="DS338" s="1221" t="s">
        <v>4248</v>
      </c>
      <c r="DT338" s="632"/>
    </row>
    <row r="339" spans="1:124" ht="57" x14ac:dyDescent="0.2">
      <c r="A339" s="484" t="str">
        <f t="shared" si="544"/>
        <v>Wayfinding signage on Horsecroft Road and Kingsland Road</v>
      </c>
      <c r="B339" s="1163">
        <v>336</v>
      </c>
      <c r="C339" s="1156" t="s">
        <v>4414</v>
      </c>
      <c r="D339" s="481" t="s">
        <v>2481</v>
      </c>
      <c r="E339" s="481" t="s">
        <v>53</v>
      </c>
      <c r="F339" s="481" t="s">
        <v>655</v>
      </c>
      <c r="G339" s="775" t="s">
        <v>932</v>
      </c>
      <c r="H339" s="673" t="s">
        <v>997</v>
      </c>
      <c r="I339" s="775" t="str">
        <f t="shared" si="607"/>
        <v>SG2-5</v>
      </c>
      <c r="J339" s="673" t="s">
        <v>998</v>
      </c>
      <c r="K339" s="664" t="s">
        <v>3104</v>
      </c>
      <c r="L339" s="852" t="s">
        <v>3167</v>
      </c>
      <c r="M339" s="515" t="s">
        <v>4244</v>
      </c>
      <c r="N339" s="775" t="s">
        <v>81</v>
      </c>
      <c r="O339" s="654" t="s">
        <v>3051</v>
      </c>
      <c r="P339" s="657" t="s">
        <v>61</v>
      </c>
      <c r="Q339" s="852" t="s">
        <v>71</v>
      </c>
      <c r="R339" s="657"/>
      <c r="S339" s="657"/>
      <c r="T339" s="853">
        <v>17402</v>
      </c>
      <c r="U339" s="854"/>
      <c r="V339" s="657" t="s">
        <v>4245</v>
      </c>
      <c r="W339" s="642">
        <f t="shared" si="551"/>
        <v>0</v>
      </c>
      <c r="X339" s="745">
        <f t="shared" si="552"/>
        <v>17402</v>
      </c>
      <c r="Y339" s="745" t="s">
        <v>3106</v>
      </c>
      <c r="Z339" s="745" t="str">
        <f>_xlfn.XLOOKUP(I339, 'CALCS Aecom (July 25 2025)'!F:F, 'CALCS Aecom (July 25 2025)'!W:W)</f>
        <v>Multiple Scenario 2 (Step 9)</v>
      </c>
      <c r="AA339" s="1332" t="s">
        <v>82</v>
      </c>
      <c r="AB339" s="661" t="s">
        <v>66</v>
      </c>
      <c r="AC339" s="661" t="s">
        <v>66</v>
      </c>
      <c r="AD339" s="661" t="s">
        <v>66</v>
      </c>
      <c r="AE339" s="661" t="s">
        <v>66</v>
      </c>
      <c r="AF339" s="661" t="s">
        <v>66</v>
      </c>
      <c r="AG339" s="661" t="s">
        <v>66</v>
      </c>
      <c r="AH339" s="661" t="s">
        <v>66</v>
      </c>
      <c r="AI339" s="661" t="s">
        <v>66</v>
      </c>
      <c r="AJ339" s="661" t="s">
        <v>66</v>
      </c>
      <c r="AK339" s="661" t="s">
        <v>66</v>
      </c>
      <c r="AL339" s="661" t="s">
        <v>66</v>
      </c>
      <c r="AM339" s="661" t="s">
        <v>66</v>
      </c>
      <c r="AN339" s="661" t="s">
        <v>66</v>
      </c>
      <c r="AO339" s="661" t="s">
        <v>66</v>
      </c>
      <c r="AP339" s="661" t="s">
        <v>66</v>
      </c>
      <c r="AQ339" s="661" t="s">
        <v>66</v>
      </c>
      <c r="AR339" s="661" t="s">
        <v>66</v>
      </c>
      <c r="AS339" s="657"/>
      <c r="AT339" s="657"/>
      <c r="AU339" s="657"/>
      <c r="AV339" s="657"/>
      <c r="AW339" s="657"/>
      <c r="AX339" s="657"/>
      <c r="AY339" s="657"/>
      <c r="AZ339" s="657"/>
      <c r="BA339" s="657"/>
      <c r="BB339" s="657"/>
      <c r="BC339" s="657"/>
      <c r="BD339" s="657"/>
      <c r="BE339" s="657"/>
      <c r="BF339" s="657"/>
      <c r="BG339" s="746"/>
      <c r="BH339" s="746"/>
      <c r="BI339" s="746"/>
      <c r="BJ339" s="746"/>
      <c r="BK339" s="746"/>
      <c r="BL339" s="746"/>
      <c r="BM339" s="746"/>
      <c r="BN339" s="746"/>
      <c r="BO339" s="661" t="s">
        <v>66</v>
      </c>
      <c r="BP339" s="661" t="s">
        <v>66</v>
      </c>
      <c r="BQ339" s="661" t="s">
        <v>66</v>
      </c>
      <c r="BR339" s="661" t="s">
        <v>66</v>
      </c>
      <c r="BS339" s="884">
        <f t="shared" si="545"/>
        <v>21225</v>
      </c>
      <c r="BT339" s="661">
        <f t="shared" si="562"/>
        <v>0.81988221436984687</v>
      </c>
      <c r="BU339" s="661" t="str">
        <f t="shared" si="606"/>
        <v>GOOD</v>
      </c>
      <c r="BV339" s="898">
        <f t="shared" si="563"/>
        <v>4099.4110718492348</v>
      </c>
      <c r="BW339" s="898">
        <f t="shared" si="564"/>
        <v>163.97644287396938</v>
      </c>
      <c r="BX339" s="898">
        <f t="shared" si="565"/>
        <v>368.94699646643107</v>
      </c>
      <c r="BY339" s="898">
        <f t="shared" si="566"/>
        <v>286.95877502944643</v>
      </c>
      <c r="BZ339" s="898">
        <f t="shared" si="567"/>
        <v>409.94110718492345</v>
      </c>
      <c r="CA339" s="898">
        <f t="shared" si="568"/>
        <v>393.54346289752652</v>
      </c>
      <c r="CB339" s="898">
        <f t="shared" si="569"/>
        <v>81.988221436984688</v>
      </c>
      <c r="CC339" s="898">
        <f t="shared" si="570"/>
        <v>319.75406360424029</v>
      </c>
      <c r="CD339" s="898">
        <f t="shared" si="571"/>
        <v>409.94110718492345</v>
      </c>
      <c r="CE339" s="898">
        <f t="shared" si="572"/>
        <v>409.94110718492345</v>
      </c>
      <c r="CF339" s="898">
        <f t="shared" si="573"/>
        <v>614.91166077738512</v>
      </c>
      <c r="CG339" s="898">
        <f t="shared" si="574"/>
        <v>163.97644287396938</v>
      </c>
      <c r="CH339" s="898">
        <f t="shared" si="575"/>
        <v>191.85243816254416</v>
      </c>
      <c r="CI339" s="898">
        <f t="shared" si="576"/>
        <v>286.95877502944643</v>
      </c>
      <c r="CJ339" s="898">
        <f t="shared" si="577"/>
        <v>73.789399293286223</v>
      </c>
      <c r="CK339" s="898">
        <f t="shared" si="578"/>
        <v>65.590577149587745</v>
      </c>
      <c r="CL339" s="898">
        <f t="shared" si="579"/>
        <v>1951.3196702002356</v>
      </c>
      <c r="CM339" s="898" t="str">
        <f t="shared" si="580"/>
        <v/>
      </c>
      <c r="CN339" s="898" t="str">
        <f t="shared" si="581"/>
        <v/>
      </c>
      <c r="CO339" s="898" t="str">
        <f t="shared" si="582"/>
        <v/>
      </c>
      <c r="CP339" s="898" t="str">
        <f t="shared" si="583"/>
        <v/>
      </c>
      <c r="CQ339" s="898" t="str">
        <f t="shared" si="584"/>
        <v/>
      </c>
      <c r="CR339" s="898" t="str">
        <f t="shared" si="585"/>
        <v/>
      </c>
      <c r="CS339" s="898" t="str">
        <f t="shared" si="586"/>
        <v/>
      </c>
      <c r="CT339" s="898" t="str">
        <f t="shared" si="587"/>
        <v/>
      </c>
      <c r="CU339" s="898" t="str">
        <f t="shared" si="588"/>
        <v/>
      </c>
      <c r="CV339" s="898" t="str">
        <f t="shared" si="589"/>
        <v/>
      </c>
      <c r="CW339" s="898" t="str">
        <f t="shared" si="590"/>
        <v/>
      </c>
      <c r="CX339" s="898" t="str">
        <f t="shared" si="591"/>
        <v/>
      </c>
      <c r="CY339" s="898" t="str">
        <f t="shared" si="592"/>
        <v/>
      </c>
      <c r="CZ339" s="898" t="str">
        <f t="shared" si="593"/>
        <v/>
      </c>
      <c r="DA339" s="898" t="str">
        <f t="shared" si="594"/>
        <v/>
      </c>
      <c r="DB339" s="898" t="str">
        <f t="shared" si="595"/>
        <v/>
      </c>
      <c r="DC339" s="898" t="str">
        <f t="shared" si="596"/>
        <v/>
      </c>
      <c r="DD339" s="898" t="str">
        <f t="shared" si="597"/>
        <v/>
      </c>
      <c r="DE339" s="898" t="str">
        <f t="shared" si="598"/>
        <v/>
      </c>
      <c r="DF339" s="898" t="str">
        <f t="shared" si="599"/>
        <v/>
      </c>
      <c r="DG339" s="898" t="str">
        <f t="shared" si="600"/>
        <v/>
      </c>
      <c r="DH339" s="898" t="str">
        <f t="shared" si="601"/>
        <v/>
      </c>
      <c r="DI339" s="898">
        <f t="shared" si="602"/>
        <v>1229.8233215547702</v>
      </c>
      <c r="DJ339" s="898">
        <f t="shared" si="603"/>
        <v>1311.811542991755</v>
      </c>
      <c r="DK339" s="898">
        <f t="shared" si="604"/>
        <v>1967.7173144876324</v>
      </c>
      <c r="DL339" s="898">
        <f t="shared" si="605"/>
        <v>2599.8465017667845</v>
      </c>
      <c r="DM339" s="661">
        <f t="shared" si="546"/>
        <v>10292.801319199056</v>
      </c>
      <c r="DN339" s="898">
        <f t="shared" si="547"/>
        <v>7109.1986808009424</v>
      </c>
      <c r="DO339" s="516">
        <f t="shared" si="548"/>
        <v>0</v>
      </c>
      <c r="DP339" s="898">
        <f t="shared" si="549"/>
        <v>0</v>
      </c>
      <c r="DQ339" s="860" t="s">
        <v>4246</v>
      </c>
      <c r="DR339" s="610" t="s">
        <v>4247</v>
      </c>
      <c r="DS339" s="1221" t="s">
        <v>4248</v>
      </c>
      <c r="DT339" s="632"/>
    </row>
    <row r="340" spans="1:124" ht="57" x14ac:dyDescent="0.2">
      <c r="A340" s="484" t="str">
        <f t="shared" si="544"/>
        <v>Cycle parking stands at bus stop on Fishery Road</v>
      </c>
      <c r="B340" s="1163">
        <v>337</v>
      </c>
      <c r="C340" s="1156" t="s">
        <v>4415</v>
      </c>
      <c r="D340" s="481" t="s">
        <v>2481</v>
      </c>
      <c r="E340" s="481" t="s">
        <v>53</v>
      </c>
      <c r="F340" s="481" t="s">
        <v>655</v>
      </c>
      <c r="G340" s="775" t="s">
        <v>932</v>
      </c>
      <c r="H340" s="673" t="s">
        <v>999</v>
      </c>
      <c r="I340" s="775" t="str">
        <f t="shared" si="607"/>
        <v>SG2-6</v>
      </c>
      <c r="J340" s="673" t="s">
        <v>1000</v>
      </c>
      <c r="K340" s="664" t="s">
        <v>3104</v>
      </c>
      <c r="L340" s="852" t="s">
        <v>3167</v>
      </c>
      <c r="M340" s="515" t="s">
        <v>4244</v>
      </c>
      <c r="N340" s="775" t="s">
        <v>81</v>
      </c>
      <c r="O340" s="654" t="s">
        <v>3051</v>
      </c>
      <c r="P340" s="657" t="s">
        <v>61</v>
      </c>
      <c r="Q340" s="852" t="s">
        <v>71</v>
      </c>
      <c r="R340" s="657"/>
      <c r="S340" s="657"/>
      <c r="T340" s="853">
        <v>598</v>
      </c>
      <c r="U340" s="854"/>
      <c r="V340" s="657" t="s">
        <v>4245</v>
      </c>
      <c r="W340" s="642">
        <f t="shared" si="551"/>
        <v>0</v>
      </c>
      <c r="X340" s="745">
        <f t="shared" si="552"/>
        <v>598</v>
      </c>
      <c r="Y340" s="745" t="s">
        <v>3106</v>
      </c>
      <c r="Z340" s="745" t="str">
        <f>_xlfn.XLOOKUP(I340, 'CALCS Aecom (July 25 2025)'!F:F, 'CALCS Aecom (July 25 2025)'!W:W)</f>
        <v>Multiple Scenario 2 (Step 6)</v>
      </c>
      <c r="AA340" s="650" t="s">
        <v>65</v>
      </c>
      <c r="AB340" s="516" t="s">
        <v>66</v>
      </c>
      <c r="AC340" s="516" t="s">
        <v>66</v>
      </c>
      <c r="AD340" s="516" t="s">
        <v>66</v>
      </c>
      <c r="AE340" s="516" t="s">
        <v>66</v>
      </c>
      <c r="AF340" s="516" t="s">
        <v>66</v>
      </c>
      <c r="AG340" s="516" t="s">
        <v>66</v>
      </c>
      <c r="AH340" s="516" t="s">
        <v>66</v>
      </c>
      <c r="AI340" s="516" t="s">
        <v>66</v>
      </c>
      <c r="AJ340" s="516" t="s">
        <v>66</v>
      </c>
      <c r="AK340" s="516" t="s">
        <v>66</v>
      </c>
      <c r="AL340" s="516" t="s">
        <v>66</v>
      </c>
      <c r="AM340" s="516" t="s">
        <v>66</v>
      </c>
      <c r="AN340" s="516" t="s">
        <v>66</v>
      </c>
      <c r="AO340" s="516" t="s">
        <v>66</v>
      </c>
      <c r="AP340" s="516" t="s">
        <v>66</v>
      </c>
      <c r="AQ340" s="516" t="s">
        <v>66</v>
      </c>
      <c r="AR340" s="516" t="s">
        <v>66</v>
      </c>
      <c r="AS340" s="892"/>
      <c r="AT340" s="892"/>
      <c r="AU340" s="892"/>
      <c r="AV340" s="661"/>
      <c r="AW340" s="892"/>
      <c r="AX340" s="892"/>
      <c r="AY340" s="892"/>
      <c r="AZ340" s="661"/>
      <c r="BA340" s="892"/>
      <c r="BB340" s="661"/>
      <c r="BC340" s="661"/>
      <c r="BD340" s="892"/>
      <c r="BE340" s="661"/>
      <c r="BF340" s="661"/>
      <c r="BG340" s="746"/>
      <c r="BH340" s="746"/>
      <c r="BI340" s="746"/>
      <c r="BJ340" s="746"/>
      <c r="BK340" s="746"/>
      <c r="BL340" s="746"/>
      <c r="BM340" s="746"/>
      <c r="BN340" s="746"/>
      <c r="BO340" s="516" t="s">
        <v>66</v>
      </c>
      <c r="BP340" s="516" t="s">
        <v>66</v>
      </c>
      <c r="BQ340" s="516" t="s">
        <v>66</v>
      </c>
      <c r="BR340" s="516" t="s">
        <v>66</v>
      </c>
      <c r="BS340" s="884">
        <f t="shared" si="545"/>
        <v>21225</v>
      </c>
      <c r="BT340" s="661">
        <f t="shared" si="562"/>
        <v>2.8174322732626621E-2</v>
      </c>
      <c r="BU340" s="661" t="str">
        <f t="shared" si="606"/>
        <v>GOOD</v>
      </c>
      <c r="BV340" s="898">
        <f t="shared" si="563"/>
        <v>140.8716136631331</v>
      </c>
      <c r="BW340" s="898">
        <f t="shared" si="564"/>
        <v>5.634864546525324</v>
      </c>
      <c r="BX340" s="898">
        <f t="shared" si="565"/>
        <v>12.67844522968198</v>
      </c>
      <c r="BY340" s="898">
        <f t="shared" si="566"/>
        <v>9.8610129564193176</v>
      </c>
      <c r="BZ340" s="898">
        <f t="shared" si="567"/>
        <v>14.08716136631331</v>
      </c>
      <c r="CA340" s="898">
        <f t="shared" si="568"/>
        <v>13.523674911660779</v>
      </c>
      <c r="CB340" s="898">
        <f t="shared" si="569"/>
        <v>2.817432273262662</v>
      </c>
      <c r="CC340" s="898">
        <f t="shared" si="570"/>
        <v>10.987985865724383</v>
      </c>
      <c r="CD340" s="898">
        <f t="shared" si="571"/>
        <v>14.08716136631331</v>
      </c>
      <c r="CE340" s="898">
        <f t="shared" si="572"/>
        <v>14.08716136631331</v>
      </c>
      <c r="CF340" s="898">
        <f t="shared" si="573"/>
        <v>21.130742049469966</v>
      </c>
      <c r="CG340" s="898">
        <f t="shared" si="574"/>
        <v>5.634864546525324</v>
      </c>
      <c r="CH340" s="898">
        <f t="shared" si="575"/>
        <v>6.5927915194346296</v>
      </c>
      <c r="CI340" s="898">
        <f t="shared" si="576"/>
        <v>9.8610129564193176</v>
      </c>
      <c r="CJ340" s="898">
        <f t="shared" si="577"/>
        <v>2.5356890459363957</v>
      </c>
      <c r="CK340" s="898">
        <f t="shared" si="578"/>
        <v>2.2539458186101298</v>
      </c>
      <c r="CL340" s="898">
        <f t="shared" si="579"/>
        <v>67.054888103651351</v>
      </c>
      <c r="CM340" s="898" t="str">
        <f t="shared" si="580"/>
        <v/>
      </c>
      <c r="CN340" s="898" t="str">
        <f t="shared" si="581"/>
        <v/>
      </c>
      <c r="CO340" s="898" t="str">
        <f t="shared" si="582"/>
        <v/>
      </c>
      <c r="CP340" s="898" t="str">
        <f t="shared" si="583"/>
        <v/>
      </c>
      <c r="CQ340" s="898" t="str">
        <f t="shared" si="584"/>
        <v/>
      </c>
      <c r="CR340" s="898" t="str">
        <f t="shared" si="585"/>
        <v/>
      </c>
      <c r="CS340" s="898" t="str">
        <f t="shared" si="586"/>
        <v/>
      </c>
      <c r="CT340" s="898" t="str">
        <f t="shared" si="587"/>
        <v/>
      </c>
      <c r="CU340" s="898" t="str">
        <f t="shared" si="588"/>
        <v/>
      </c>
      <c r="CV340" s="898" t="str">
        <f t="shared" si="589"/>
        <v/>
      </c>
      <c r="CW340" s="898" t="str">
        <f t="shared" si="590"/>
        <v/>
      </c>
      <c r="CX340" s="898" t="str">
        <f t="shared" si="591"/>
        <v/>
      </c>
      <c r="CY340" s="898" t="str">
        <f t="shared" si="592"/>
        <v/>
      </c>
      <c r="CZ340" s="898" t="str">
        <f t="shared" si="593"/>
        <v/>
      </c>
      <c r="DA340" s="898" t="str">
        <f t="shared" si="594"/>
        <v/>
      </c>
      <c r="DB340" s="898" t="str">
        <f t="shared" si="595"/>
        <v/>
      </c>
      <c r="DC340" s="898" t="str">
        <f t="shared" si="596"/>
        <v/>
      </c>
      <c r="DD340" s="898" t="str">
        <f t="shared" si="597"/>
        <v/>
      </c>
      <c r="DE340" s="898" t="str">
        <f t="shared" si="598"/>
        <v/>
      </c>
      <c r="DF340" s="898" t="str">
        <f t="shared" si="599"/>
        <v/>
      </c>
      <c r="DG340" s="898" t="str">
        <f t="shared" si="600"/>
        <v/>
      </c>
      <c r="DH340" s="898" t="str">
        <f t="shared" si="601"/>
        <v/>
      </c>
      <c r="DI340" s="898">
        <f t="shared" si="602"/>
        <v>42.261484098939931</v>
      </c>
      <c r="DJ340" s="898">
        <f t="shared" si="603"/>
        <v>45.078916372202592</v>
      </c>
      <c r="DK340" s="898">
        <f t="shared" si="604"/>
        <v>67.618374558303884</v>
      </c>
      <c r="DL340" s="898">
        <f t="shared" si="605"/>
        <v>89.340777385159015</v>
      </c>
      <c r="DM340" s="661">
        <f t="shared" si="546"/>
        <v>353.70044758539461</v>
      </c>
      <c r="DN340" s="898">
        <f t="shared" si="547"/>
        <v>244.29955241460542</v>
      </c>
      <c r="DO340" s="516">
        <f t="shared" si="548"/>
        <v>0</v>
      </c>
      <c r="DP340" s="898">
        <f t="shared" si="549"/>
        <v>0</v>
      </c>
      <c r="DQ340" s="860" t="s">
        <v>4246</v>
      </c>
      <c r="DR340" s="610" t="s">
        <v>4247</v>
      </c>
      <c r="DS340" s="1221" t="s">
        <v>4248</v>
      </c>
      <c r="DT340" s="632"/>
    </row>
    <row r="341" spans="1:124" ht="57" x14ac:dyDescent="0.2">
      <c r="A341" s="484" t="str">
        <f t="shared" si="544"/>
        <v xml:space="preserve">Crossing improvements around Cowper Road </v>
      </c>
      <c r="B341" s="1163">
        <v>338</v>
      </c>
      <c r="C341" s="1156" t="s">
        <v>4416</v>
      </c>
      <c r="D341" s="481" t="s">
        <v>2481</v>
      </c>
      <c r="E341" s="481" t="s">
        <v>53</v>
      </c>
      <c r="F341" s="481" t="s">
        <v>655</v>
      </c>
      <c r="G341" s="775" t="s">
        <v>932</v>
      </c>
      <c r="H341" s="673" t="s">
        <v>1001</v>
      </c>
      <c r="I341" s="775" t="str">
        <f t="shared" si="607"/>
        <v>SG3-1</v>
      </c>
      <c r="J341" s="673" t="s">
        <v>1002</v>
      </c>
      <c r="K341" s="664" t="s">
        <v>3104</v>
      </c>
      <c r="L341" s="852" t="s">
        <v>3167</v>
      </c>
      <c r="M341" s="515" t="s">
        <v>4244</v>
      </c>
      <c r="N341" s="775" t="s">
        <v>81</v>
      </c>
      <c r="O341" s="654" t="s">
        <v>3051</v>
      </c>
      <c r="P341" s="657" t="s">
        <v>61</v>
      </c>
      <c r="Q341" s="852" t="s">
        <v>71</v>
      </c>
      <c r="R341" s="657"/>
      <c r="S341" s="657"/>
      <c r="T341" s="853">
        <v>8814</v>
      </c>
      <c r="U341" s="854"/>
      <c r="V341" s="657" t="s">
        <v>4245</v>
      </c>
      <c r="W341" s="642">
        <f t="shared" si="551"/>
        <v>0</v>
      </c>
      <c r="X341" s="745">
        <f t="shared" si="552"/>
        <v>8814</v>
      </c>
      <c r="Y341" s="745" t="s">
        <v>3106</v>
      </c>
      <c r="Z341" s="745" t="str">
        <f>_xlfn.XLOOKUP(I341, 'CALCS Aecom (July 25 2025)'!F:F, 'CALCS Aecom (July 25 2025)'!W:W)</f>
        <v>Multiple Scenario 2 (Step 9)</v>
      </c>
      <c r="AA341" s="1332" t="s">
        <v>82</v>
      </c>
      <c r="AB341" s="661" t="s">
        <v>66</v>
      </c>
      <c r="AC341" s="661" t="s">
        <v>66</v>
      </c>
      <c r="AD341" s="661" t="s">
        <v>66</v>
      </c>
      <c r="AE341" s="661" t="s">
        <v>66</v>
      </c>
      <c r="AF341" s="661" t="s">
        <v>66</v>
      </c>
      <c r="AG341" s="661" t="s">
        <v>66</v>
      </c>
      <c r="AH341" s="661" t="s">
        <v>66</v>
      </c>
      <c r="AI341" s="661" t="s">
        <v>66</v>
      </c>
      <c r="AJ341" s="661" t="s">
        <v>66</v>
      </c>
      <c r="AK341" s="661" t="s">
        <v>66</v>
      </c>
      <c r="AL341" s="661" t="s">
        <v>66</v>
      </c>
      <c r="AM341" s="661" t="s">
        <v>66</v>
      </c>
      <c r="AN341" s="661" t="s">
        <v>66</v>
      </c>
      <c r="AO341" s="661" t="s">
        <v>66</v>
      </c>
      <c r="AP341" s="661" t="s">
        <v>66</v>
      </c>
      <c r="AQ341" s="661" t="s">
        <v>66</v>
      </c>
      <c r="AR341" s="661" t="s">
        <v>66</v>
      </c>
      <c r="AS341" s="892"/>
      <c r="AT341" s="892"/>
      <c r="AU341" s="892"/>
      <c r="AV341" s="661"/>
      <c r="AW341" s="892"/>
      <c r="AX341" s="892"/>
      <c r="AY341" s="892"/>
      <c r="AZ341" s="661"/>
      <c r="BA341" s="892"/>
      <c r="BB341" s="661"/>
      <c r="BC341" s="661"/>
      <c r="BD341" s="892"/>
      <c r="BE341" s="661"/>
      <c r="BF341" s="661"/>
      <c r="BG341" s="746"/>
      <c r="BH341" s="746"/>
      <c r="BI341" s="746"/>
      <c r="BJ341" s="746"/>
      <c r="BK341" s="746"/>
      <c r="BL341" s="746"/>
      <c r="BM341" s="746"/>
      <c r="BN341" s="746"/>
      <c r="BO341" s="661" t="s">
        <v>66</v>
      </c>
      <c r="BP341" s="661" t="s">
        <v>66</v>
      </c>
      <c r="BQ341" s="661" t="s">
        <v>66</v>
      </c>
      <c r="BR341" s="661" t="s">
        <v>66</v>
      </c>
      <c r="BS341" s="884">
        <f t="shared" si="545"/>
        <v>21225</v>
      </c>
      <c r="BT341" s="661">
        <f t="shared" si="562"/>
        <v>0.41526501766784452</v>
      </c>
      <c r="BU341" s="661" t="str">
        <f t="shared" si="606"/>
        <v>GOOD</v>
      </c>
      <c r="BV341" s="898">
        <f t="shared" si="563"/>
        <v>2076.3250883392225</v>
      </c>
      <c r="BW341" s="898">
        <f t="shared" si="564"/>
        <v>83.053003533568898</v>
      </c>
      <c r="BX341" s="898">
        <f t="shared" si="565"/>
        <v>186.86925795053003</v>
      </c>
      <c r="BY341" s="898">
        <f t="shared" si="566"/>
        <v>145.34275618374559</v>
      </c>
      <c r="BZ341" s="898">
        <f t="shared" si="567"/>
        <v>207.63250883392226</v>
      </c>
      <c r="CA341" s="898">
        <f t="shared" si="568"/>
        <v>199.32720848056536</v>
      </c>
      <c r="CB341" s="898">
        <f t="shared" si="569"/>
        <v>41.526501766784449</v>
      </c>
      <c r="CC341" s="898">
        <f t="shared" si="570"/>
        <v>161.95335689045936</v>
      </c>
      <c r="CD341" s="898">
        <f t="shared" si="571"/>
        <v>207.63250883392226</v>
      </c>
      <c r="CE341" s="898">
        <f t="shared" si="572"/>
        <v>207.63250883392226</v>
      </c>
      <c r="CF341" s="898">
        <f t="shared" si="573"/>
        <v>311.44876325088336</v>
      </c>
      <c r="CG341" s="898">
        <f t="shared" si="574"/>
        <v>83.053003533568898</v>
      </c>
      <c r="CH341" s="898">
        <f t="shared" si="575"/>
        <v>97.172014134275614</v>
      </c>
      <c r="CI341" s="898">
        <f t="shared" si="576"/>
        <v>145.34275618374559</v>
      </c>
      <c r="CJ341" s="898">
        <f t="shared" si="577"/>
        <v>37.373851590106007</v>
      </c>
      <c r="CK341" s="898">
        <f t="shared" si="578"/>
        <v>33.221201413427565</v>
      </c>
      <c r="CL341" s="898">
        <f t="shared" si="579"/>
        <v>988.3307420494699</v>
      </c>
      <c r="CM341" s="898" t="str">
        <f t="shared" si="580"/>
        <v/>
      </c>
      <c r="CN341" s="898" t="str">
        <f t="shared" si="581"/>
        <v/>
      </c>
      <c r="CO341" s="898" t="str">
        <f t="shared" si="582"/>
        <v/>
      </c>
      <c r="CP341" s="898" t="str">
        <f t="shared" si="583"/>
        <v/>
      </c>
      <c r="CQ341" s="898" t="str">
        <f t="shared" si="584"/>
        <v/>
      </c>
      <c r="CR341" s="898" t="str">
        <f t="shared" si="585"/>
        <v/>
      </c>
      <c r="CS341" s="898" t="str">
        <f t="shared" si="586"/>
        <v/>
      </c>
      <c r="CT341" s="898" t="str">
        <f t="shared" si="587"/>
        <v/>
      </c>
      <c r="CU341" s="898" t="str">
        <f t="shared" si="588"/>
        <v/>
      </c>
      <c r="CV341" s="898" t="str">
        <f t="shared" si="589"/>
        <v/>
      </c>
      <c r="CW341" s="898" t="str">
        <f t="shared" si="590"/>
        <v/>
      </c>
      <c r="CX341" s="898" t="str">
        <f t="shared" si="591"/>
        <v/>
      </c>
      <c r="CY341" s="898" t="str">
        <f t="shared" si="592"/>
        <v/>
      </c>
      <c r="CZ341" s="898" t="str">
        <f t="shared" si="593"/>
        <v/>
      </c>
      <c r="DA341" s="898" t="str">
        <f t="shared" si="594"/>
        <v/>
      </c>
      <c r="DB341" s="898" t="str">
        <f t="shared" si="595"/>
        <v/>
      </c>
      <c r="DC341" s="898" t="str">
        <f t="shared" si="596"/>
        <v/>
      </c>
      <c r="DD341" s="898" t="str">
        <f t="shared" si="597"/>
        <v/>
      </c>
      <c r="DE341" s="898" t="str">
        <f t="shared" si="598"/>
        <v/>
      </c>
      <c r="DF341" s="898" t="str">
        <f t="shared" si="599"/>
        <v/>
      </c>
      <c r="DG341" s="898" t="str">
        <f t="shared" si="600"/>
        <v/>
      </c>
      <c r="DH341" s="898" t="str">
        <f t="shared" si="601"/>
        <v/>
      </c>
      <c r="DI341" s="898">
        <f t="shared" si="602"/>
        <v>622.89752650176672</v>
      </c>
      <c r="DJ341" s="898">
        <f t="shared" si="603"/>
        <v>664.42402826855118</v>
      </c>
      <c r="DK341" s="898">
        <f t="shared" si="604"/>
        <v>996.63604240282689</v>
      </c>
      <c r="DL341" s="898">
        <f t="shared" si="605"/>
        <v>1316.805371024735</v>
      </c>
      <c r="DM341" s="661">
        <f t="shared" si="546"/>
        <v>5213.2370318021194</v>
      </c>
      <c r="DN341" s="898">
        <f t="shared" si="547"/>
        <v>3600.7629681978797</v>
      </c>
      <c r="DO341" s="516">
        <f t="shared" si="548"/>
        <v>0</v>
      </c>
      <c r="DP341" s="898">
        <f t="shared" si="549"/>
        <v>0</v>
      </c>
      <c r="DQ341" s="860" t="s">
        <v>4246</v>
      </c>
      <c r="DR341" s="610" t="s">
        <v>4247</v>
      </c>
      <c r="DS341" s="1221" t="s">
        <v>4248</v>
      </c>
      <c r="DT341" s="632"/>
    </row>
    <row r="342" spans="1:124" ht="57" x14ac:dyDescent="0.2">
      <c r="A342" s="484" t="str">
        <f t="shared" si="544"/>
        <v>Crossing improvements around along Gravel Hill Terrace</v>
      </c>
      <c r="B342" s="1163">
        <v>339</v>
      </c>
      <c r="C342" s="1156" t="s">
        <v>4417</v>
      </c>
      <c r="D342" s="481" t="s">
        <v>2481</v>
      </c>
      <c r="E342" s="481" t="s">
        <v>53</v>
      </c>
      <c r="F342" s="481" t="s">
        <v>655</v>
      </c>
      <c r="G342" s="775" t="s">
        <v>932</v>
      </c>
      <c r="H342" s="673" t="s">
        <v>1003</v>
      </c>
      <c r="I342" s="775" t="str">
        <f t="shared" si="607"/>
        <v>SG3-2</v>
      </c>
      <c r="J342" s="673" t="s">
        <v>1004</v>
      </c>
      <c r="K342" s="664" t="s">
        <v>3104</v>
      </c>
      <c r="L342" s="852" t="s">
        <v>3167</v>
      </c>
      <c r="M342" s="515" t="s">
        <v>4244</v>
      </c>
      <c r="N342" s="775" t="s">
        <v>81</v>
      </c>
      <c r="O342" s="654" t="s">
        <v>3051</v>
      </c>
      <c r="P342" s="657" t="s">
        <v>61</v>
      </c>
      <c r="Q342" s="852" t="s">
        <v>71</v>
      </c>
      <c r="R342" s="657"/>
      <c r="S342" s="657"/>
      <c r="T342" s="853">
        <v>16560</v>
      </c>
      <c r="U342" s="854"/>
      <c r="V342" s="657" t="s">
        <v>4245</v>
      </c>
      <c r="W342" s="642">
        <f t="shared" si="551"/>
        <v>0</v>
      </c>
      <c r="X342" s="745">
        <f t="shared" si="552"/>
        <v>16560</v>
      </c>
      <c r="Y342" s="745" t="s">
        <v>3106</v>
      </c>
      <c r="Z342" s="745" t="str">
        <f>_xlfn.XLOOKUP(I342, 'CALCS Aecom (July 25 2025)'!F:F, 'CALCS Aecom (July 25 2025)'!W:W)</f>
        <v>Multiple Scenario 2 (Step 6)</v>
      </c>
      <c r="AA342" s="650" t="s">
        <v>65</v>
      </c>
      <c r="AB342" s="516" t="s">
        <v>66</v>
      </c>
      <c r="AC342" s="516" t="s">
        <v>66</v>
      </c>
      <c r="AD342" s="516" t="s">
        <v>66</v>
      </c>
      <c r="AE342" s="516" t="s">
        <v>66</v>
      </c>
      <c r="AF342" s="516" t="s">
        <v>66</v>
      </c>
      <c r="AG342" s="516" t="s">
        <v>66</v>
      </c>
      <c r="AH342" s="516" t="s">
        <v>66</v>
      </c>
      <c r="AI342" s="516" t="s">
        <v>66</v>
      </c>
      <c r="AJ342" s="516" t="s">
        <v>66</v>
      </c>
      <c r="AK342" s="516" t="s">
        <v>66</v>
      </c>
      <c r="AL342" s="516" t="s">
        <v>66</v>
      </c>
      <c r="AM342" s="516" t="s">
        <v>66</v>
      </c>
      <c r="AN342" s="516" t="s">
        <v>66</v>
      </c>
      <c r="AO342" s="516" t="s">
        <v>66</v>
      </c>
      <c r="AP342" s="516" t="s">
        <v>66</v>
      </c>
      <c r="AQ342" s="516" t="s">
        <v>66</v>
      </c>
      <c r="AR342" s="516" t="s">
        <v>66</v>
      </c>
      <c r="AS342" s="892"/>
      <c r="AT342" s="892"/>
      <c r="AU342" s="892"/>
      <c r="AV342" s="661"/>
      <c r="AW342" s="892"/>
      <c r="AX342" s="892"/>
      <c r="AY342" s="892"/>
      <c r="AZ342" s="661"/>
      <c r="BA342" s="892"/>
      <c r="BB342" s="661"/>
      <c r="BC342" s="661"/>
      <c r="BD342" s="892"/>
      <c r="BE342" s="661"/>
      <c r="BF342" s="661"/>
      <c r="BG342" s="746"/>
      <c r="BH342" s="746"/>
      <c r="BI342" s="746"/>
      <c r="BJ342" s="746"/>
      <c r="BK342" s="746"/>
      <c r="BL342" s="746"/>
      <c r="BM342" s="746"/>
      <c r="BN342" s="746"/>
      <c r="BO342" s="516" t="s">
        <v>66</v>
      </c>
      <c r="BP342" s="516" t="s">
        <v>66</v>
      </c>
      <c r="BQ342" s="516" t="s">
        <v>66</v>
      </c>
      <c r="BR342" s="516" t="s">
        <v>66</v>
      </c>
      <c r="BS342" s="884">
        <f t="shared" si="545"/>
        <v>21225</v>
      </c>
      <c r="BT342" s="661">
        <f t="shared" si="562"/>
        <v>0.78021201413427566</v>
      </c>
      <c r="BU342" s="661" t="str">
        <f t="shared" si="606"/>
        <v>GOOD</v>
      </c>
      <c r="BV342" s="898">
        <f t="shared" si="563"/>
        <v>3901.0600706713781</v>
      </c>
      <c r="BW342" s="898">
        <f t="shared" si="564"/>
        <v>156.04240282685512</v>
      </c>
      <c r="BX342" s="898">
        <f t="shared" si="565"/>
        <v>351.09540636042402</v>
      </c>
      <c r="BY342" s="898">
        <f t="shared" si="566"/>
        <v>273.07420494699647</v>
      </c>
      <c r="BZ342" s="898">
        <f t="shared" si="567"/>
        <v>390.10600706713785</v>
      </c>
      <c r="CA342" s="898">
        <f t="shared" si="568"/>
        <v>374.50176678445234</v>
      </c>
      <c r="CB342" s="898">
        <f t="shared" si="569"/>
        <v>78.021201413427562</v>
      </c>
      <c r="CC342" s="898">
        <f t="shared" si="570"/>
        <v>304.28268551236749</v>
      </c>
      <c r="CD342" s="898">
        <f t="shared" si="571"/>
        <v>390.10600706713785</v>
      </c>
      <c r="CE342" s="898">
        <f t="shared" si="572"/>
        <v>390.10600706713785</v>
      </c>
      <c r="CF342" s="898">
        <f t="shared" si="573"/>
        <v>585.15901060070678</v>
      </c>
      <c r="CG342" s="898">
        <f t="shared" si="574"/>
        <v>156.04240282685512</v>
      </c>
      <c r="CH342" s="898">
        <f t="shared" si="575"/>
        <v>182.5696113074205</v>
      </c>
      <c r="CI342" s="898">
        <f t="shared" si="576"/>
        <v>273.07420494699647</v>
      </c>
      <c r="CJ342" s="898">
        <f t="shared" si="577"/>
        <v>70.219081272084807</v>
      </c>
      <c r="CK342" s="898">
        <f t="shared" si="578"/>
        <v>62.416961130742052</v>
      </c>
      <c r="CL342" s="898">
        <f t="shared" si="579"/>
        <v>1856.904593639576</v>
      </c>
      <c r="CM342" s="898" t="str">
        <f t="shared" si="580"/>
        <v/>
      </c>
      <c r="CN342" s="898" t="str">
        <f t="shared" si="581"/>
        <v/>
      </c>
      <c r="CO342" s="898" t="str">
        <f t="shared" si="582"/>
        <v/>
      </c>
      <c r="CP342" s="898" t="str">
        <f t="shared" si="583"/>
        <v/>
      </c>
      <c r="CQ342" s="898" t="str">
        <f t="shared" si="584"/>
        <v/>
      </c>
      <c r="CR342" s="898" t="str">
        <f t="shared" si="585"/>
        <v/>
      </c>
      <c r="CS342" s="898" t="str">
        <f t="shared" si="586"/>
        <v/>
      </c>
      <c r="CT342" s="898" t="str">
        <f t="shared" si="587"/>
        <v/>
      </c>
      <c r="CU342" s="898" t="str">
        <f t="shared" si="588"/>
        <v/>
      </c>
      <c r="CV342" s="898" t="str">
        <f t="shared" si="589"/>
        <v/>
      </c>
      <c r="CW342" s="898" t="str">
        <f t="shared" si="590"/>
        <v/>
      </c>
      <c r="CX342" s="898" t="str">
        <f t="shared" si="591"/>
        <v/>
      </c>
      <c r="CY342" s="898" t="str">
        <f t="shared" si="592"/>
        <v/>
      </c>
      <c r="CZ342" s="898" t="str">
        <f t="shared" si="593"/>
        <v/>
      </c>
      <c r="DA342" s="898" t="str">
        <f t="shared" si="594"/>
        <v/>
      </c>
      <c r="DB342" s="898" t="str">
        <f t="shared" si="595"/>
        <v/>
      </c>
      <c r="DC342" s="898" t="str">
        <f t="shared" si="596"/>
        <v/>
      </c>
      <c r="DD342" s="898" t="str">
        <f t="shared" si="597"/>
        <v/>
      </c>
      <c r="DE342" s="898" t="str">
        <f t="shared" si="598"/>
        <v/>
      </c>
      <c r="DF342" s="898" t="str">
        <f t="shared" si="599"/>
        <v/>
      </c>
      <c r="DG342" s="898" t="str">
        <f t="shared" si="600"/>
        <v/>
      </c>
      <c r="DH342" s="898" t="str">
        <f t="shared" si="601"/>
        <v/>
      </c>
      <c r="DI342" s="898">
        <f t="shared" si="602"/>
        <v>1170.3180212014136</v>
      </c>
      <c r="DJ342" s="898">
        <f t="shared" si="603"/>
        <v>1248.339222614841</v>
      </c>
      <c r="DK342" s="898">
        <f t="shared" si="604"/>
        <v>1872.5088339222616</v>
      </c>
      <c r="DL342" s="898">
        <f t="shared" si="605"/>
        <v>2474.0522968197879</v>
      </c>
      <c r="DM342" s="661">
        <f t="shared" si="546"/>
        <v>9794.7816254416975</v>
      </c>
      <c r="DN342" s="898">
        <f t="shared" si="547"/>
        <v>6765.2183745583043</v>
      </c>
      <c r="DO342" s="516">
        <f t="shared" si="548"/>
        <v>0</v>
      </c>
      <c r="DP342" s="898">
        <f t="shared" si="549"/>
        <v>0</v>
      </c>
      <c r="DQ342" s="860" t="s">
        <v>4246</v>
      </c>
      <c r="DR342" s="610" t="s">
        <v>4247</v>
      </c>
      <c r="DS342" s="1221" t="s">
        <v>4248</v>
      </c>
      <c r="DT342" s="632"/>
    </row>
    <row r="343" spans="1:124" ht="57" x14ac:dyDescent="0.2">
      <c r="A343" s="484" t="str">
        <f t="shared" si="544"/>
        <v>Marked parking bays on Cowper Road</v>
      </c>
      <c r="B343" s="1163">
        <v>340</v>
      </c>
      <c r="C343" s="1156" t="s">
        <v>4418</v>
      </c>
      <c r="D343" s="481" t="s">
        <v>2481</v>
      </c>
      <c r="E343" s="481" t="s">
        <v>53</v>
      </c>
      <c r="F343" s="481" t="s">
        <v>655</v>
      </c>
      <c r="G343" s="775" t="s">
        <v>900</v>
      </c>
      <c r="H343" s="673" t="s">
        <v>1007</v>
      </c>
      <c r="I343" s="775" t="str">
        <f t="shared" si="607"/>
        <v>SG3-4</v>
      </c>
      <c r="J343" s="673" t="s">
        <v>1008</v>
      </c>
      <c r="K343" s="664" t="s">
        <v>3104</v>
      </c>
      <c r="L343" s="852" t="s">
        <v>3167</v>
      </c>
      <c r="M343" s="713" t="s">
        <v>2996</v>
      </c>
      <c r="N343" s="775" t="s">
        <v>81</v>
      </c>
      <c r="O343" s="654" t="s">
        <v>3051</v>
      </c>
      <c r="P343" s="657" t="s">
        <v>77</v>
      </c>
      <c r="Q343" s="852" t="s">
        <v>71</v>
      </c>
      <c r="R343" s="657"/>
      <c r="S343" s="657"/>
      <c r="T343" s="853">
        <v>158204</v>
      </c>
      <c r="U343" s="854"/>
      <c r="V343" s="657" t="s">
        <v>4245</v>
      </c>
      <c r="W343" s="642">
        <f t="shared" si="551"/>
        <v>0</v>
      </c>
      <c r="X343" s="745">
        <f t="shared" si="552"/>
        <v>158204</v>
      </c>
      <c r="Y343" s="745" t="s">
        <v>3106</v>
      </c>
      <c r="Z343" s="745" t="str">
        <f>_xlfn.XLOOKUP(I343, 'CALCS Aecom (July 25 2025)'!F:F, 'CALCS Aecom (July 25 2025)'!W:W)</f>
        <v>Multiple Scenario 2 (Step 9)</v>
      </c>
      <c r="AA343" s="1332" t="s">
        <v>82</v>
      </c>
      <c r="AB343" s="661" t="s">
        <v>66</v>
      </c>
      <c r="AC343" s="661" t="s">
        <v>66</v>
      </c>
      <c r="AD343" s="661" t="s">
        <v>66</v>
      </c>
      <c r="AE343" s="661" t="s">
        <v>66</v>
      </c>
      <c r="AF343" s="661" t="s">
        <v>66</v>
      </c>
      <c r="AG343" s="661" t="s">
        <v>66</v>
      </c>
      <c r="AH343" s="661" t="s">
        <v>66</v>
      </c>
      <c r="AI343" s="661" t="s">
        <v>66</v>
      </c>
      <c r="AJ343" s="661" t="s">
        <v>66</v>
      </c>
      <c r="AK343" s="661" t="s">
        <v>66</v>
      </c>
      <c r="AL343" s="661" t="s">
        <v>66</v>
      </c>
      <c r="AM343" s="661" t="s">
        <v>66</v>
      </c>
      <c r="AN343" s="661" t="s">
        <v>66</v>
      </c>
      <c r="AO343" s="661" t="s">
        <v>66</v>
      </c>
      <c r="AP343" s="661" t="s">
        <v>66</v>
      </c>
      <c r="AQ343" s="661" t="s">
        <v>66</v>
      </c>
      <c r="AR343" s="661" t="s">
        <v>66</v>
      </c>
      <c r="AS343" s="892"/>
      <c r="AT343" s="892"/>
      <c r="AU343" s="892"/>
      <c r="AV343" s="661"/>
      <c r="AW343" s="892"/>
      <c r="AX343" s="892"/>
      <c r="AY343" s="892"/>
      <c r="AZ343" s="661"/>
      <c r="BA343" s="892"/>
      <c r="BB343" s="661"/>
      <c r="BC343" s="661"/>
      <c r="BD343" s="892"/>
      <c r="BE343" s="661"/>
      <c r="BF343" s="661"/>
      <c r="BG343" s="746"/>
      <c r="BH343" s="746"/>
      <c r="BI343" s="746"/>
      <c r="BJ343" s="746"/>
      <c r="BK343" s="746"/>
      <c r="BL343" s="746"/>
      <c r="BM343" s="746"/>
      <c r="BN343" s="746"/>
      <c r="BO343" s="661" t="s">
        <v>66</v>
      </c>
      <c r="BP343" s="661" t="s">
        <v>66</v>
      </c>
      <c r="BQ343" s="661" t="s">
        <v>66</v>
      </c>
      <c r="BR343" s="661" t="s">
        <v>66</v>
      </c>
      <c r="BS343" s="884">
        <f t="shared" si="545"/>
        <v>21225</v>
      </c>
      <c r="BT343" s="661">
        <f t="shared" si="562"/>
        <v>7.4536631330977619</v>
      </c>
      <c r="BU343" s="661" t="str">
        <f t="shared" si="606"/>
        <v>GOOD</v>
      </c>
      <c r="BV343" s="898">
        <f t="shared" si="563"/>
        <v>37268.315665488808</v>
      </c>
      <c r="BW343" s="898">
        <f t="shared" si="564"/>
        <v>1490.7326266195523</v>
      </c>
      <c r="BX343" s="898">
        <f t="shared" si="565"/>
        <v>3354.1484098939927</v>
      </c>
      <c r="BY343" s="898">
        <f t="shared" si="566"/>
        <v>2608.7820965842166</v>
      </c>
      <c r="BZ343" s="898">
        <f t="shared" si="567"/>
        <v>3726.8315665488808</v>
      </c>
      <c r="CA343" s="898">
        <f t="shared" si="568"/>
        <v>3577.7583038869257</v>
      </c>
      <c r="CB343" s="898">
        <f t="shared" si="569"/>
        <v>745.36631330977616</v>
      </c>
      <c r="CC343" s="898">
        <f t="shared" si="570"/>
        <v>2906.9286219081273</v>
      </c>
      <c r="CD343" s="898">
        <f t="shared" si="571"/>
        <v>3726.8315665488808</v>
      </c>
      <c r="CE343" s="898">
        <f t="shared" si="572"/>
        <v>3726.8315665488808</v>
      </c>
      <c r="CF343" s="898">
        <f t="shared" si="573"/>
        <v>5590.2473498233212</v>
      </c>
      <c r="CG343" s="898">
        <f t="shared" si="574"/>
        <v>1490.7326266195523</v>
      </c>
      <c r="CH343" s="898">
        <f t="shared" si="575"/>
        <v>1744.1571731448762</v>
      </c>
      <c r="CI343" s="898">
        <f t="shared" si="576"/>
        <v>2608.7820965842166</v>
      </c>
      <c r="CJ343" s="898">
        <f t="shared" si="577"/>
        <v>670.82968197879859</v>
      </c>
      <c r="CK343" s="898">
        <f t="shared" si="578"/>
        <v>596.29305064782091</v>
      </c>
      <c r="CL343" s="898">
        <f t="shared" si="579"/>
        <v>17739.718256772674</v>
      </c>
      <c r="CM343" s="898" t="str">
        <f t="shared" si="580"/>
        <v/>
      </c>
      <c r="CN343" s="898" t="str">
        <f t="shared" si="581"/>
        <v/>
      </c>
      <c r="CO343" s="898" t="str">
        <f t="shared" si="582"/>
        <v/>
      </c>
      <c r="CP343" s="898" t="str">
        <f t="shared" si="583"/>
        <v/>
      </c>
      <c r="CQ343" s="898" t="str">
        <f t="shared" si="584"/>
        <v/>
      </c>
      <c r="CR343" s="898" t="str">
        <f t="shared" si="585"/>
        <v/>
      </c>
      <c r="CS343" s="898" t="str">
        <f t="shared" si="586"/>
        <v/>
      </c>
      <c r="CT343" s="898" t="str">
        <f t="shared" si="587"/>
        <v/>
      </c>
      <c r="CU343" s="898" t="str">
        <f t="shared" si="588"/>
        <v/>
      </c>
      <c r="CV343" s="898" t="str">
        <f t="shared" si="589"/>
        <v/>
      </c>
      <c r="CW343" s="898" t="str">
        <f t="shared" si="590"/>
        <v/>
      </c>
      <c r="CX343" s="898" t="str">
        <f t="shared" si="591"/>
        <v/>
      </c>
      <c r="CY343" s="898" t="str">
        <f t="shared" si="592"/>
        <v/>
      </c>
      <c r="CZ343" s="898" t="str">
        <f t="shared" si="593"/>
        <v/>
      </c>
      <c r="DA343" s="898" t="str">
        <f t="shared" si="594"/>
        <v/>
      </c>
      <c r="DB343" s="898" t="str">
        <f t="shared" si="595"/>
        <v/>
      </c>
      <c r="DC343" s="898" t="str">
        <f t="shared" si="596"/>
        <v/>
      </c>
      <c r="DD343" s="898" t="str">
        <f t="shared" si="597"/>
        <v/>
      </c>
      <c r="DE343" s="898" t="str">
        <f t="shared" si="598"/>
        <v/>
      </c>
      <c r="DF343" s="898" t="str">
        <f t="shared" si="599"/>
        <v/>
      </c>
      <c r="DG343" s="898" t="str">
        <f t="shared" si="600"/>
        <v/>
      </c>
      <c r="DH343" s="898" t="str">
        <f t="shared" si="601"/>
        <v/>
      </c>
      <c r="DI343" s="898">
        <f t="shared" si="602"/>
        <v>11180.494699646642</v>
      </c>
      <c r="DJ343" s="898">
        <f t="shared" si="603"/>
        <v>11925.861012956419</v>
      </c>
      <c r="DK343" s="898">
        <f t="shared" si="604"/>
        <v>17888.791519434628</v>
      </c>
      <c r="DL343" s="898">
        <f t="shared" si="605"/>
        <v>23635.565795053004</v>
      </c>
      <c r="DM343" s="661">
        <f t="shared" si="546"/>
        <v>93573.286972909264</v>
      </c>
      <c r="DN343" s="898">
        <f t="shared" si="547"/>
        <v>64630.713027090693</v>
      </c>
      <c r="DO343" s="516">
        <f t="shared" si="548"/>
        <v>0</v>
      </c>
      <c r="DP343" s="898">
        <f t="shared" si="549"/>
        <v>0</v>
      </c>
      <c r="DQ343" s="860" t="s">
        <v>4246</v>
      </c>
      <c r="DR343" s="610" t="s">
        <v>4247</v>
      </c>
      <c r="DS343" s="1221" t="s">
        <v>4248</v>
      </c>
      <c r="DT343" s="632"/>
    </row>
    <row r="344" spans="1:124" ht="57" x14ac:dyDescent="0.2">
      <c r="A344" s="484" t="str">
        <f t="shared" si="544"/>
        <v>Cycle hanger storage on Cowper Road</v>
      </c>
      <c r="B344" s="1163">
        <v>341</v>
      </c>
      <c r="C344" s="1156" t="s">
        <v>4419</v>
      </c>
      <c r="D344" s="481" t="s">
        <v>2481</v>
      </c>
      <c r="E344" s="481" t="s">
        <v>53</v>
      </c>
      <c r="F344" s="481" t="s">
        <v>655</v>
      </c>
      <c r="G344" s="775" t="s">
        <v>932</v>
      </c>
      <c r="H344" s="673" t="s">
        <v>1009</v>
      </c>
      <c r="I344" s="775" t="str">
        <f t="shared" si="607"/>
        <v>SG3-5</v>
      </c>
      <c r="J344" s="673" t="s">
        <v>1010</v>
      </c>
      <c r="K344" s="664" t="s">
        <v>3104</v>
      </c>
      <c r="L344" s="852" t="s">
        <v>3167</v>
      </c>
      <c r="M344" s="515" t="s">
        <v>4244</v>
      </c>
      <c r="N344" s="775" t="s">
        <v>81</v>
      </c>
      <c r="O344" s="654" t="s">
        <v>3051</v>
      </c>
      <c r="P344" s="657" t="s">
        <v>61</v>
      </c>
      <c r="Q344" s="852" t="s">
        <v>71</v>
      </c>
      <c r="R344" s="657"/>
      <c r="S344" s="657"/>
      <c r="T344" s="853">
        <v>33318</v>
      </c>
      <c r="U344" s="854"/>
      <c r="V344" s="657" t="s">
        <v>4245</v>
      </c>
      <c r="W344" s="642">
        <f t="shared" si="551"/>
        <v>0</v>
      </c>
      <c r="X344" s="745">
        <f t="shared" si="552"/>
        <v>33318</v>
      </c>
      <c r="Y344" s="745" t="s">
        <v>3106</v>
      </c>
      <c r="Z344" s="745" t="str">
        <f>_xlfn.XLOOKUP(I344, 'CALCS Aecom (July 25 2025)'!F:F, 'CALCS Aecom (July 25 2025)'!W:W)</f>
        <v>Multiple Scenario 2 (Step 9)</v>
      </c>
      <c r="AA344" s="1332" t="s">
        <v>82</v>
      </c>
      <c r="AB344" s="661" t="s">
        <v>66</v>
      </c>
      <c r="AC344" s="661" t="s">
        <v>66</v>
      </c>
      <c r="AD344" s="661" t="s">
        <v>66</v>
      </c>
      <c r="AE344" s="661" t="s">
        <v>66</v>
      </c>
      <c r="AF344" s="661" t="s">
        <v>66</v>
      </c>
      <c r="AG344" s="661" t="s">
        <v>66</v>
      </c>
      <c r="AH344" s="661" t="s">
        <v>66</v>
      </c>
      <c r="AI344" s="661" t="s">
        <v>66</v>
      </c>
      <c r="AJ344" s="661" t="s">
        <v>66</v>
      </c>
      <c r="AK344" s="661" t="s">
        <v>66</v>
      </c>
      <c r="AL344" s="661" t="s">
        <v>66</v>
      </c>
      <c r="AM344" s="661" t="s">
        <v>66</v>
      </c>
      <c r="AN344" s="661" t="s">
        <v>66</v>
      </c>
      <c r="AO344" s="661" t="s">
        <v>66</v>
      </c>
      <c r="AP344" s="661" t="s">
        <v>66</v>
      </c>
      <c r="AQ344" s="661" t="s">
        <v>66</v>
      </c>
      <c r="AR344" s="661" t="s">
        <v>66</v>
      </c>
      <c r="AS344" s="892"/>
      <c r="AT344" s="892"/>
      <c r="AU344" s="892"/>
      <c r="AV344" s="661"/>
      <c r="AW344" s="892"/>
      <c r="AX344" s="892"/>
      <c r="AY344" s="892"/>
      <c r="AZ344" s="661"/>
      <c r="BA344" s="892"/>
      <c r="BB344" s="661"/>
      <c r="BC344" s="661"/>
      <c r="BD344" s="892"/>
      <c r="BE344" s="661"/>
      <c r="BF344" s="661"/>
      <c r="BG344" s="746"/>
      <c r="BH344" s="746"/>
      <c r="BI344" s="746"/>
      <c r="BJ344" s="746"/>
      <c r="BK344" s="746"/>
      <c r="BL344" s="746"/>
      <c r="BM344" s="746"/>
      <c r="BN344" s="746"/>
      <c r="BO344" s="661" t="s">
        <v>66</v>
      </c>
      <c r="BP344" s="661" t="s">
        <v>66</v>
      </c>
      <c r="BQ344" s="661" t="s">
        <v>66</v>
      </c>
      <c r="BR344" s="661" t="s">
        <v>66</v>
      </c>
      <c r="BS344" s="884">
        <f t="shared" si="545"/>
        <v>21225</v>
      </c>
      <c r="BT344" s="661">
        <f t="shared" si="562"/>
        <v>1.5697526501766785</v>
      </c>
      <c r="BU344" s="661" t="str">
        <f t="shared" si="606"/>
        <v>GOOD</v>
      </c>
      <c r="BV344" s="898">
        <f t="shared" si="563"/>
        <v>7848.7632508833931</v>
      </c>
      <c r="BW344" s="898">
        <f t="shared" si="564"/>
        <v>313.9505300353357</v>
      </c>
      <c r="BX344" s="898">
        <f t="shared" si="565"/>
        <v>706.38869257950535</v>
      </c>
      <c r="BY344" s="898">
        <f t="shared" si="566"/>
        <v>549.41342756183747</v>
      </c>
      <c r="BZ344" s="898">
        <f t="shared" si="567"/>
        <v>784.87632508833929</v>
      </c>
      <c r="CA344" s="898">
        <f t="shared" si="568"/>
        <v>753.48127208480571</v>
      </c>
      <c r="CB344" s="898">
        <f t="shared" si="569"/>
        <v>156.97526501766785</v>
      </c>
      <c r="CC344" s="898">
        <f t="shared" si="570"/>
        <v>612.20353356890462</v>
      </c>
      <c r="CD344" s="898">
        <f t="shared" si="571"/>
        <v>784.87632508833929</v>
      </c>
      <c r="CE344" s="898">
        <f t="shared" si="572"/>
        <v>784.87632508833929</v>
      </c>
      <c r="CF344" s="898">
        <f t="shared" si="573"/>
        <v>1177.3144876325089</v>
      </c>
      <c r="CG344" s="898">
        <f t="shared" si="574"/>
        <v>313.9505300353357</v>
      </c>
      <c r="CH344" s="898">
        <f t="shared" si="575"/>
        <v>367.32212014134279</v>
      </c>
      <c r="CI344" s="898">
        <f t="shared" si="576"/>
        <v>549.41342756183747</v>
      </c>
      <c r="CJ344" s="898">
        <f t="shared" si="577"/>
        <v>141.27773851590106</v>
      </c>
      <c r="CK344" s="898">
        <f t="shared" si="578"/>
        <v>125.58021201413428</v>
      </c>
      <c r="CL344" s="898">
        <f t="shared" si="579"/>
        <v>3736.0113074204951</v>
      </c>
      <c r="CM344" s="898" t="str">
        <f t="shared" si="580"/>
        <v/>
      </c>
      <c r="CN344" s="898" t="str">
        <f t="shared" si="581"/>
        <v/>
      </c>
      <c r="CO344" s="898" t="str">
        <f t="shared" si="582"/>
        <v/>
      </c>
      <c r="CP344" s="898" t="str">
        <f t="shared" si="583"/>
        <v/>
      </c>
      <c r="CQ344" s="898" t="str">
        <f t="shared" si="584"/>
        <v/>
      </c>
      <c r="CR344" s="898" t="str">
        <f t="shared" si="585"/>
        <v/>
      </c>
      <c r="CS344" s="898" t="str">
        <f t="shared" si="586"/>
        <v/>
      </c>
      <c r="CT344" s="898" t="str">
        <f t="shared" si="587"/>
        <v/>
      </c>
      <c r="CU344" s="898" t="str">
        <f t="shared" si="588"/>
        <v/>
      </c>
      <c r="CV344" s="898" t="str">
        <f t="shared" si="589"/>
        <v/>
      </c>
      <c r="CW344" s="898" t="str">
        <f t="shared" si="590"/>
        <v/>
      </c>
      <c r="CX344" s="898" t="str">
        <f t="shared" si="591"/>
        <v/>
      </c>
      <c r="CY344" s="898" t="str">
        <f t="shared" si="592"/>
        <v/>
      </c>
      <c r="CZ344" s="898" t="str">
        <f t="shared" si="593"/>
        <v/>
      </c>
      <c r="DA344" s="898" t="str">
        <f t="shared" si="594"/>
        <v/>
      </c>
      <c r="DB344" s="898" t="str">
        <f t="shared" si="595"/>
        <v/>
      </c>
      <c r="DC344" s="898" t="str">
        <f t="shared" si="596"/>
        <v/>
      </c>
      <c r="DD344" s="898" t="str">
        <f t="shared" si="597"/>
        <v/>
      </c>
      <c r="DE344" s="898" t="str">
        <f t="shared" si="598"/>
        <v/>
      </c>
      <c r="DF344" s="898" t="str">
        <f t="shared" si="599"/>
        <v/>
      </c>
      <c r="DG344" s="898" t="str">
        <f t="shared" si="600"/>
        <v/>
      </c>
      <c r="DH344" s="898" t="str">
        <f t="shared" si="601"/>
        <v/>
      </c>
      <c r="DI344" s="898">
        <f t="shared" si="602"/>
        <v>2354.6289752650177</v>
      </c>
      <c r="DJ344" s="898">
        <f t="shared" si="603"/>
        <v>2511.6042402826856</v>
      </c>
      <c r="DK344" s="898">
        <f t="shared" si="604"/>
        <v>3767.4063604240287</v>
      </c>
      <c r="DL344" s="898">
        <f t="shared" si="605"/>
        <v>4977.6856537102476</v>
      </c>
      <c r="DM344" s="661">
        <f t="shared" si="546"/>
        <v>19706.674770318023</v>
      </c>
      <c r="DN344" s="898">
        <f t="shared" si="547"/>
        <v>13611.325229681981</v>
      </c>
      <c r="DO344" s="516">
        <f t="shared" si="548"/>
        <v>0</v>
      </c>
      <c r="DP344" s="898">
        <f t="shared" si="549"/>
        <v>0</v>
      </c>
      <c r="DQ344" s="860" t="s">
        <v>4246</v>
      </c>
      <c r="DR344" s="610" t="s">
        <v>4247</v>
      </c>
      <c r="DS344" s="1221" t="s">
        <v>4248</v>
      </c>
      <c r="DT344" s="632"/>
    </row>
    <row r="345" spans="1:124" ht="57" x14ac:dyDescent="0.2">
      <c r="A345" s="484" t="str">
        <f t="shared" si="544"/>
        <v>Junction crossing improvements on Cowper Road</v>
      </c>
      <c r="B345" s="1163">
        <v>342</v>
      </c>
      <c r="C345" s="1156" t="s">
        <v>4420</v>
      </c>
      <c r="D345" s="481" t="s">
        <v>2481</v>
      </c>
      <c r="E345" s="481" t="s">
        <v>53</v>
      </c>
      <c r="F345" s="481" t="s">
        <v>655</v>
      </c>
      <c r="G345" s="775" t="s">
        <v>932</v>
      </c>
      <c r="H345" s="673" t="s">
        <v>1011</v>
      </c>
      <c r="I345" s="775" t="str">
        <f t="shared" si="607"/>
        <v>SG4-1</v>
      </c>
      <c r="J345" s="673" t="s">
        <v>1012</v>
      </c>
      <c r="K345" s="664" t="s">
        <v>3104</v>
      </c>
      <c r="L345" s="852" t="s">
        <v>3167</v>
      </c>
      <c r="M345" s="515" t="s">
        <v>4244</v>
      </c>
      <c r="N345" s="775" t="s">
        <v>81</v>
      </c>
      <c r="O345" s="654" t="s">
        <v>3051</v>
      </c>
      <c r="P345" s="657" t="s">
        <v>61</v>
      </c>
      <c r="Q345" s="852" t="s">
        <v>71</v>
      </c>
      <c r="R345" s="657"/>
      <c r="S345" s="657"/>
      <c r="T345" s="853">
        <v>2585</v>
      </c>
      <c r="U345" s="854"/>
      <c r="V345" s="657" t="s">
        <v>4245</v>
      </c>
      <c r="W345" s="642">
        <f t="shared" si="551"/>
        <v>0</v>
      </c>
      <c r="X345" s="745">
        <f t="shared" si="552"/>
        <v>2585</v>
      </c>
      <c r="Y345" s="745" t="s">
        <v>3106</v>
      </c>
      <c r="Z345" s="745" t="str">
        <f>_xlfn.XLOOKUP(I345, 'CALCS Aecom (July 25 2025)'!F:F, 'CALCS Aecom (July 25 2025)'!W:W)</f>
        <v>Multiple Scenario 2 (Step 9)</v>
      </c>
      <c r="AA345" s="1332" t="s">
        <v>82</v>
      </c>
      <c r="AB345" s="661" t="s">
        <v>66</v>
      </c>
      <c r="AC345" s="661" t="s">
        <v>66</v>
      </c>
      <c r="AD345" s="661" t="s">
        <v>66</v>
      </c>
      <c r="AE345" s="661" t="s">
        <v>66</v>
      </c>
      <c r="AF345" s="661" t="s">
        <v>66</v>
      </c>
      <c r="AG345" s="661" t="s">
        <v>66</v>
      </c>
      <c r="AH345" s="661" t="s">
        <v>66</v>
      </c>
      <c r="AI345" s="661" t="s">
        <v>66</v>
      </c>
      <c r="AJ345" s="661" t="s">
        <v>66</v>
      </c>
      <c r="AK345" s="661" t="s">
        <v>66</v>
      </c>
      <c r="AL345" s="661" t="s">
        <v>66</v>
      </c>
      <c r="AM345" s="661" t="s">
        <v>66</v>
      </c>
      <c r="AN345" s="661" t="s">
        <v>66</v>
      </c>
      <c r="AO345" s="661" t="s">
        <v>66</v>
      </c>
      <c r="AP345" s="661" t="s">
        <v>66</v>
      </c>
      <c r="AQ345" s="661" t="s">
        <v>66</v>
      </c>
      <c r="AR345" s="661" t="s">
        <v>66</v>
      </c>
      <c r="AS345" s="892"/>
      <c r="AT345" s="892"/>
      <c r="AU345" s="892"/>
      <c r="AV345" s="661"/>
      <c r="AW345" s="892"/>
      <c r="AX345" s="892"/>
      <c r="AY345" s="892"/>
      <c r="AZ345" s="661"/>
      <c r="BA345" s="892"/>
      <c r="BB345" s="661"/>
      <c r="BC345" s="661"/>
      <c r="BD345" s="892"/>
      <c r="BE345" s="661"/>
      <c r="BF345" s="661"/>
      <c r="BG345" s="746"/>
      <c r="BH345" s="746"/>
      <c r="BI345" s="746"/>
      <c r="BJ345" s="746"/>
      <c r="BK345" s="746"/>
      <c r="BL345" s="746"/>
      <c r="BM345" s="746"/>
      <c r="BN345" s="746"/>
      <c r="BO345" s="661" t="s">
        <v>66</v>
      </c>
      <c r="BP345" s="661" t="s">
        <v>66</v>
      </c>
      <c r="BQ345" s="661" t="s">
        <v>66</v>
      </c>
      <c r="BR345" s="661" t="s">
        <v>66</v>
      </c>
      <c r="BS345" s="884">
        <f t="shared" si="545"/>
        <v>21225</v>
      </c>
      <c r="BT345" s="661">
        <f t="shared" si="562"/>
        <v>0.12179034157832744</v>
      </c>
      <c r="BU345" s="661" t="str">
        <f t="shared" si="606"/>
        <v>GOOD</v>
      </c>
      <c r="BV345" s="898">
        <f t="shared" si="563"/>
        <v>608.95170789163717</v>
      </c>
      <c r="BW345" s="898">
        <f t="shared" si="564"/>
        <v>24.358068315665488</v>
      </c>
      <c r="BX345" s="898">
        <f t="shared" si="565"/>
        <v>54.805653710247348</v>
      </c>
      <c r="BY345" s="898">
        <f t="shared" si="566"/>
        <v>42.626619552414603</v>
      </c>
      <c r="BZ345" s="898">
        <f t="shared" si="567"/>
        <v>60.895170789163721</v>
      </c>
      <c r="CA345" s="898">
        <f t="shared" si="568"/>
        <v>58.459363957597169</v>
      </c>
      <c r="CB345" s="898">
        <f t="shared" si="569"/>
        <v>12.179034157832744</v>
      </c>
      <c r="CC345" s="898">
        <f t="shared" si="570"/>
        <v>47.4982332155477</v>
      </c>
      <c r="CD345" s="898">
        <f t="shared" si="571"/>
        <v>60.895170789163721</v>
      </c>
      <c r="CE345" s="898">
        <f t="shared" si="572"/>
        <v>60.895170789163721</v>
      </c>
      <c r="CF345" s="898">
        <f t="shared" si="573"/>
        <v>91.342756183745578</v>
      </c>
      <c r="CG345" s="898">
        <f t="shared" si="574"/>
        <v>24.358068315665488</v>
      </c>
      <c r="CH345" s="898">
        <f t="shared" si="575"/>
        <v>28.498939929328621</v>
      </c>
      <c r="CI345" s="898">
        <f t="shared" si="576"/>
        <v>42.626619552414603</v>
      </c>
      <c r="CJ345" s="898">
        <f t="shared" si="577"/>
        <v>10.96113074204947</v>
      </c>
      <c r="CK345" s="898">
        <f t="shared" si="578"/>
        <v>9.7432273262661955</v>
      </c>
      <c r="CL345" s="898">
        <f t="shared" si="579"/>
        <v>289.8610129564193</v>
      </c>
      <c r="CM345" s="898" t="str">
        <f t="shared" si="580"/>
        <v/>
      </c>
      <c r="CN345" s="898" t="str">
        <f t="shared" si="581"/>
        <v/>
      </c>
      <c r="CO345" s="898" t="str">
        <f t="shared" si="582"/>
        <v/>
      </c>
      <c r="CP345" s="898" t="str">
        <f t="shared" si="583"/>
        <v/>
      </c>
      <c r="CQ345" s="898" t="str">
        <f t="shared" si="584"/>
        <v/>
      </c>
      <c r="CR345" s="898" t="str">
        <f t="shared" si="585"/>
        <v/>
      </c>
      <c r="CS345" s="898" t="str">
        <f t="shared" si="586"/>
        <v/>
      </c>
      <c r="CT345" s="898" t="str">
        <f t="shared" si="587"/>
        <v/>
      </c>
      <c r="CU345" s="898" t="str">
        <f t="shared" si="588"/>
        <v/>
      </c>
      <c r="CV345" s="898" t="str">
        <f t="shared" si="589"/>
        <v/>
      </c>
      <c r="CW345" s="898" t="str">
        <f t="shared" si="590"/>
        <v/>
      </c>
      <c r="CX345" s="898" t="str">
        <f t="shared" si="591"/>
        <v/>
      </c>
      <c r="CY345" s="898" t="str">
        <f t="shared" si="592"/>
        <v/>
      </c>
      <c r="CZ345" s="898" t="str">
        <f t="shared" si="593"/>
        <v/>
      </c>
      <c r="DA345" s="898" t="str">
        <f t="shared" si="594"/>
        <v/>
      </c>
      <c r="DB345" s="898" t="str">
        <f t="shared" si="595"/>
        <v/>
      </c>
      <c r="DC345" s="898" t="str">
        <f t="shared" si="596"/>
        <v/>
      </c>
      <c r="DD345" s="898" t="str">
        <f t="shared" si="597"/>
        <v/>
      </c>
      <c r="DE345" s="898" t="str">
        <f t="shared" si="598"/>
        <v/>
      </c>
      <c r="DF345" s="898" t="str">
        <f t="shared" si="599"/>
        <v/>
      </c>
      <c r="DG345" s="898" t="str">
        <f t="shared" si="600"/>
        <v/>
      </c>
      <c r="DH345" s="898" t="str">
        <f t="shared" si="601"/>
        <v/>
      </c>
      <c r="DI345" s="898">
        <f t="shared" si="602"/>
        <v>182.68551236749116</v>
      </c>
      <c r="DJ345" s="898">
        <f t="shared" si="603"/>
        <v>194.8645465253239</v>
      </c>
      <c r="DK345" s="898">
        <f t="shared" si="604"/>
        <v>292.29681978798584</v>
      </c>
      <c r="DL345" s="898">
        <f t="shared" si="605"/>
        <v>386.19717314487633</v>
      </c>
      <c r="DM345" s="661">
        <f t="shared" si="546"/>
        <v>1528.9559481743222</v>
      </c>
      <c r="DN345" s="898">
        <f t="shared" si="547"/>
        <v>1056.0440518256773</v>
      </c>
      <c r="DO345" s="516">
        <f t="shared" si="548"/>
        <v>0</v>
      </c>
      <c r="DP345" s="898">
        <f t="shared" si="549"/>
        <v>0</v>
      </c>
      <c r="DQ345" s="860" t="s">
        <v>4246</v>
      </c>
      <c r="DR345" s="610" t="s">
        <v>4247</v>
      </c>
      <c r="DS345" s="1221" t="s">
        <v>4248</v>
      </c>
      <c r="DT345" s="632"/>
    </row>
    <row r="346" spans="1:124" ht="57" x14ac:dyDescent="0.2">
      <c r="A346" s="484" t="str">
        <f t="shared" si="544"/>
        <v>Beechfield Road-Cornfields alleyway crossing</v>
      </c>
      <c r="B346" s="1163">
        <v>343</v>
      </c>
      <c r="C346" s="1156" t="s">
        <v>4421</v>
      </c>
      <c r="D346" s="481" t="s">
        <v>2481</v>
      </c>
      <c r="E346" s="481" t="s">
        <v>53</v>
      </c>
      <c r="F346" s="481" t="s">
        <v>655</v>
      </c>
      <c r="G346" s="775" t="s">
        <v>932</v>
      </c>
      <c r="H346" s="673" t="s">
        <v>1013</v>
      </c>
      <c r="I346" s="775" t="str">
        <f t="shared" si="607"/>
        <v>SG4-2</v>
      </c>
      <c r="J346" s="673" t="s">
        <v>1014</v>
      </c>
      <c r="K346" s="664" t="s">
        <v>3104</v>
      </c>
      <c r="L346" s="852" t="s">
        <v>3167</v>
      </c>
      <c r="M346" s="515" t="s">
        <v>4244</v>
      </c>
      <c r="N346" s="775" t="s">
        <v>81</v>
      </c>
      <c r="O346" s="654" t="s">
        <v>3051</v>
      </c>
      <c r="P346" s="657" t="s">
        <v>61</v>
      </c>
      <c r="Q346" s="852" t="s">
        <v>71</v>
      </c>
      <c r="R346" s="657"/>
      <c r="S346" s="657"/>
      <c r="T346" s="853">
        <v>34245</v>
      </c>
      <c r="U346" s="854"/>
      <c r="V346" s="657" t="s">
        <v>4245</v>
      </c>
      <c r="W346" s="642">
        <f t="shared" si="551"/>
        <v>0</v>
      </c>
      <c r="X346" s="745">
        <f t="shared" si="552"/>
        <v>34245</v>
      </c>
      <c r="Y346" s="745" t="s">
        <v>3106</v>
      </c>
      <c r="Z346" s="745" t="str">
        <f>_xlfn.XLOOKUP(I346, 'CALCS Aecom (July 25 2025)'!F:F, 'CALCS Aecom (July 25 2025)'!W:W)</f>
        <v>Multiple Scenario 2 (Step 9)</v>
      </c>
      <c r="AA346" s="1332" t="s">
        <v>82</v>
      </c>
      <c r="AB346" s="661" t="s">
        <v>66</v>
      </c>
      <c r="AC346" s="661" t="s">
        <v>66</v>
      </c>
      <c r="AD346" s="661" t="s">
        <v>66</v>
      </c>
      <c r="AE346" s="661" t="s">
        <v>66</v>
      </c>
      <c r="AF346" s="661" t="s">
        <v>66</v>
      </c>
      <c r="AG346" s="661" t="s">
        <v>66</v>
      </c>
      <c r="AH346" s="661" t="s">
        <v>66</v>
      </c>
      <c r="AI346" s="661" t="s">
        <v>66</v>
      </c>
      <c r="AJ346" s="661" t="s">
        <v>66</v>
      </c>
      <c r="AK346" s="661" t="s">
        <v>66</v>
      </c>
      <c r="AL346" s="661" t="s">
        <v>66</v>
      </c>
      <c r="AM346" s="661" t="s">
        <v>66</v>
      </c>
      <c r="AN346" s="661" t="s">
        <v>66</v>
      </c>
      <c r="AO346" s="661" t="s">
        <v>66</v>
      </c>
      <c r="AP346" s="661" t="s">
        <v>66</v>
      </c>
      <c r="AQ346" s="661" t="s">
        <v>66</v>
      </c>
      <c r="AR346" s="661" t="s">
        <v>66</v>
      </c>
      <c r="AS346" s="892"/>
      <c r="AT346" s="892"/>
      <c r="AU346" s="892"/>
      <c r="AV346" s="661"/>
      <c r="AW346" s="892"/>
      <c r="AX346" s="892"/>
      <c r="AY346" s="892"/>
      <c r="AZ346" s="661"/>
      <c r="BA346" s="892"/>
      <c r="BB346" s="661"/>
      <c r="BC346" s="661"/>
      <c r="BD346" s="892"/>
      <c r="BE346" s="661"/>
      <c r="BF346" s="661"/>
      <c r="BG346" s="746"/>
      <c r="BH346" s="746"/>
      <c r="BI346" s="746"/>
      <c r="BJ346" s="746"/>
      <c r="BK346" s="746"/>
      <c r="BL346" s="746"/>
      <c r="BM346" s="746"/>
      <c r="BN346" s="746"/>
      <c r="BO346" s="661" t="s">
        <v>66</v>
      </c>
      <c r="BP346" s="661" t="s">
        <v>66</v>
      </c>
      <c r="BQ346" s="661" t="s">
        <v>66</v>
      </c>
      <c r="BR346" s="661" t="s">
        <v>66</v>
      </c>
      <c r="BS346" s="884">
        <f t="shared" si="545"/>
        <v>21225</v>
      </c>
      <c r="BT346" s="661">
        <f t="shared" si="562"/>
        <v>1.6134275618374558</v>
      </c>
      <c r="BU346" s="661" t="str">
        <f t="shared" si="606"/>
        <v>GOOD</v>
      </c>
      <c r="BV346" s="898">
        <f t="shared" si="563"/>
        <v>8067.1378091872793</v>
      </c>
      <c r="BW346" s="898">
        <f t="shared" si="564"/>
        <v>322.68551236749119</v>
      </c>
      <c r="BX346" s="898">
        <f t="shared" si="565"/>
        <v>726.0424028268551</v>
      </c>
      <c r="BY346" s="898">
        <f t="shared" si="566"/>
        <v>564.69964664310953</v>
      </c>
      <c r="BZ346" s="898">
        <f t="shared" si="567"/>
        <v>806.71378091872793</v>
      </c>
      <c r="CA346" s="898">
        <f t="shared" si="568"/>
        <v>774.44522968197884</v>
      </c>
      <c r="CB346" s="898">
        <f t="shared" si="569"/>
        <v>161.34275618374559</v>
      </c>
      <c r="CC346" s="898">
        <f t="shared" si="570"/>
        <v>629.23674911660783</v>
      </c>
      <c r="CD346" s="898">
        <f t="shared" si="571"/>
        <v>806.71378091872793</v>
      </c>
      <c r="CE346" s="898">
        <f t="shared" si="572"/>
        <v>806.71378091872793</v>
      </c>
      <c r="CF346" s="898">
        <f t="shared" si="573"/>
        <v>1210.0706713780919</v>
      </c>
      <c r="CG346" s="898">
        <f t="shared" si="574"/>
        <v>322.68551236749119</v>
      </c>
      <c r="CH346" s="898">
        <f t="shared" si="575"/>
        <v>377.54204946996464</v>
      </c>
      <c r="CI346" s="898">
        <f t="shared" si="576"/>
        <v>564.69964664310953</v>
      </c>
      <c r="CJ346" s="898">
        <f t="shared" si="577"/>
        <v>145.20848056537102</v>
      </c>
      <c r="CK346" s="898">
        <f t="shared" si="578"/>
        <v>129.07420494699647</v>
      </c>
      <c r="CL346" s="898">
        <f t="shared" si="579"/>
        <v>3839.9575971731447</v>
      </c>
      <c r="CM346" s="898" t="str">
        <f t="shared" si="580"/>
        <v/>
      </c>
      <c r="CN346" s="898" t="str">
        <f t="shared" si="581"/>
        <v/>
      </c>
      <c r="CO346" s="898" t="str">
        <f t="shared" si="582"/>
        <v/>
      </c>
      <c r="CP346" s="898" t="str">
        <f t="shared" si="583"/>
        <v/>
      </c>
      <c r="CQ346" s="898" t="str">
        <f t="shared" si="584"/>
        <v/>
      </c>
      <c r="CR346" s="898" t="str">
        <f t="shared" si="585"/>
        <v/>
      </c>
      <c r="CS346" s="898" t="str">
        <f t="shared" si="586"/>
        <v/>
      </c>
      <c r="CT346" s="898" t="str">
        <f t="shared" si="587"/>
        <v/>
      </c>
      <c r="CU346" s="898" t="str">
        <f t="shared" si="588"/>
        <v/>
      </c>
      <c r="CV346" s="898" t="str">
        <f t="shared" si="589"/>
        <v/>
      </c>
      <c r="CW346" s="898" t="str">
        <f t="shared" si="590"/>
        <v/>
      </c>
      <c r="CX346" s="898" t="str">
        <f t="shared" si="591"/>
        <v/>
      </c>
      <c r="CY346" s="898" t="str">
        <f t="shared" si="592"/>
        <v/>
      </c>
      <c r="CZ346" s="898" t="str">
        <f t="shared" si="593"/>
        <v/>
      </c>
      <c r="DA346" s="898" t="str">
        <f t="shared" si="594"/>
        <v/>
      </c>
      <c r="DB346" s="898" t="str">
        <f t="shared" si="595"/>
        <v/>
      </c>
      <c r="DC346" s="898" t="str">
        <f t="shared" si="596"/>
        <v/>
      </c>
      <c r="DD346" s="898" t="str">
        <f t="shared" si="597"/>
        <v/>
      </c>
      <c r="DE346" s="898" t="str">
        <f t="shared" si="598"/>
        <v/>
      </c>
      <c r="DF346" s="898" t="str">
        <f t="shared" si="599"/>
        <v/>
      </c>
      <c r="DG346" s="898" t="str">
        <f t="shared" si="600"/>
        <v/>
      </c>
      <c r="DH346" s="898" t="str">
        <f t="shared" si="601"/>
        <v/>
      </c>
      <c r="DI346" s="898">
        <f t="shared" si="602"/>
        <v>2420.1413427561838</v>
      </c>
      <c r="DJ346" s="898">
        <f t="shared" si="603"/>
        <v>2581.4840989399295</v>
      </c>
      <c r="DK346" s="898">
        <f t="shared" si="604"/>
        <v>3872.226148409894</v>
      </c>
      <c r="DL346" s="898">
        <f t="shared" si="605"/>
        <v>5116.1787985865722</v>
      </c>
      <c r="DM346" s="661">
        <f t="shared" si="546"/>
        <v>20254.969611307417</v>
      </c>
      <c r="DN346" s="898">
        <f t="shared" si="547"/>
        <v>13990.030388692579</v>
      </c>
      <c r="DO346" s="516">
        <f t="shared" si="548"/>
        <v>0</v>
      </c>
      <c r="DP346" s="898">
        <f t="shared" si="549"/>
        <v>0</v>
      </c>
      <c r="DQ346" s="860" t="s">
        <v>4246</v>
      </c>
      <c r="DR346" s="610" t="s">
        <v>4247</v>
      </c>
      <c r="DS346" s="1221" t="s">
        <v>4248</v>
      </c>
      <c r="DT346" s="632"/>
    </row>
    <row r="347" spans="1:124" ht="57" x14ac:dyDescent="0.2">
      <c r="A347" s="484" t="str">
        <f t="shared" si="544"/>
        <v>Junction crossing improvements on Crouchfield</v>
      </c>
      <c r="B347" s="1163">
        <v>344</v>
      </c>
      <c r="C347" s="1156" t="s">
        <v>4422</v>
      </c>
      <c r="D347" s="481" t="s">
        <v>2481</v>
      </c>
      <c r="E347" s="481" t="s">
        <v>53</v>
      </c>
      <c r="F347" s="481" t="s">
        <v>655</v>
      </c>
      <c r="G347" s="775" t="s">
        <v>932</v>
      </c>
      <c r="H347" s="673" t="s">
        <v>1015</v>
      </c>
      <c r="I347" s="775" t="str">
        <f t="shared" si="607"/>
        <v>SG4-3</v>
      </c>
      <c r="J347" s="673" t="s">
        <v>1016</v>
      </c>
      <c r="K347" s="664" t="s">
        <v>3104</v>
      </c>
      <c r="L347" s="852" t="s">
        <v>3167</v>
      </c>
      <c r="M347" s="515" t="s">
        <v>4244</v>
      </c>
      <c r="N347" s="775" t="s">
        <v>81</v>
      </c>
      <c r="O347" s="654" t="s">
        <v>3051</v>
      </c>
      <c r="P347" s="657" t="s">
        <v>61</v>
      </c>
      <c r="Q347" s="852" t="s">
        <v>71</v>
      </c>
      <c r="R347" s="657"/>
      <c r="S347" s="657"/>
      <c r="T347" s="853">
        <v>162108</v>
      </c>
      <c r="U347" s="854"/>
      <c r="V347" s="657" t="s">
        <v>4245</v>
      </c>
      <c r="W347" s="642">
        <f t="shared" si="551"/>
        <v>0</v>
      </c>
      <c r="X347" s="745">
        <f t="shared" si="552"/>
        <v>162108</v>
      </c>
      <c r="Y347" s="745" t="s">
        <v>3106</v>
      </c>
      <c r="Z347" s="745" t="str">
        <f>_xlfn.XLOOKUP(I347, 'CALCS Aecom (July 25 2025)'!F:F, 'CALCS Aecom (July 25 2025)'!W:W)</f>
        <v>Multiple Scenario 2 (Step 9)</v>
      </c>
      <c r="AA347" s="1332" t="s">
        <v>82</v>
      </c>
      <c r="AB347" s="661" t="s">
        <v>66</v>
      </c>
      <c r="AC347" s="661" t="s">
        <v>66</v>
      </c>
      <c r="AD347" s="661" t="s">
        <v>66</v>
      </c>
      <c r="AE347" s="661" t="s">
        <v>66</v>
      </c>
      <c r="AF347" s="661" t="s">
        <v>66</v>
      </c>
      <c r="AG347" s="661" t="s">
        <v>66</v>
      </c>
      <c r="AH347" s="661" t="s">
        <v>66</v>
      </c>
      <c r="AI347" s="661" t="s">
        <v>66</v>
      </c>
      <c r="AJ347" s="661" t="s">
        <v>66</v>
      </c>
      <c r="AK347" s="661" t="s">
        <v>66</v>
      </c>
      <c r="AL347" s="661" t="s">
        <v>66</v>
      </c>
      <c r="AM347" s="661" t="s">
        <v>66</v>
      </c>
      <c r="AN347" s="661" t="s">
        <v>66</v>
      </c>
      <c r="AO347" s="661" t="s">
        <v>66</v>
      </c>
      <c r="AP347" s="661" t="s">
        <v>66</v>
      </c>
      <c r="AQ347" s="661" t="s">
        <v>66</v>
      </c>
      <c r="AR347" s="661" t="s">
        <v>66</v>
      </c>
      <c r="AS347" s="892"/>
      <c r="AT347" s="892"/>
      <c r="AU347" s="892"/>
      <c r="AV347" s="661"/>
      <c r="AW347" s="892"/>
      <c r="AX347" s="892"/>
      <c r="AY347" s="892"/>
      <c r="AZ347" s="661"/>
      <c r="BA347" s="892"/>
      <c r="BB347" s="661"/>
      <c r="BC347" s="661"/>
      <c r="BD347" s="892"/>
      <c r="BE347" s="661"/>
      <c r="BF347" s="661"/>
      <c r="BG347" s="746"/>
      <c r="BH347" s="746"/>
      <c r="BI347" s="746"/>
      <c r="BJ347" s="746"/>
      <c r="BK347" s="746"/>
      <c r="BL347" s="746"/>
      <c r="BM347" s="746"/>
      <c r="BN347" s="746"/>
      <c r="BO347" s="661" t="s">
        <v>66</v>
      </c>
      <c r="BP347" s="661" t="s">
        <v>66</v>
      </c>
      <c r="BQ347" s="661" t="s">
        <v>66</v>
      </c>
      <c r="BR347" s="661" t="s">
        <v>66</v>
      </c>
      <c r="BS347" s="884">
        <f t="shared" si="545"/>
        <v>21225</v>
      </c>
      <c r="BT347" s="661">
        <f t="shared" si="562"/>
        <v>7.6375971731448766</v>
      </c>
      <c r="BU347" s="661" t="str">
        <f t="shared" si="606"/>
        <v>GOOD</v>
      </c>
      <c r="BV347" s="898">
        <f t="shared" si="563"/>
        <v>38187.985865724382</v>
      </c>
      <c r="BW347" s="898">
        <f t="shared" si="564"/>
        <v>1527.5194346289754</v>
      </c>
      <c r="BX347" s="898">
        <f t="shared" si="565"/>
        <v>3436.9187279151943</v>
      </c>
      <c r="BY347" s="898">
        <f t="shared" si="566"/>
        <v>2673.159010600707</v>
      </c>
      <c r="BZ347" s="898">
        <f t="shared" si="567"/>
        <v>3818.7985865724381</v>
      </c>
      <c r="CA347" s="898">
        <f t="shared" si="568"/>
        <v>3666.0466431095406</v>
      </c>
      <c r="CB347" s="898">
        <f t="shared" si="569"/>
        <v>763.75971731448772</v>
      </c>
      <c r="CC347" s="898">
        <f t="shared" si="570"/>
        <v>2978.6628975265021</v>
      </c>
      <c r="CD347" s="898">
        <f t="shared" si="571"/>
        <v>3818.7985865724381</v>
      </c>
      <c r="CE347" s="898">
        <f t="shared" si="572"/>
        <v>3818.7985865724381</v>
      </c>
      <c r="CF347" s="898">
        <f t="shared" si="573"/>
        <v>5728.1978798586579</v>
      </c>
      <c r="CG347" s="898">
        <f t="shared" si="574"/>
        <v>1527.5194346289754</v>
      </c>
      <c r="CH347" s="898">
        <f t="shared" si="575"/>
        <v>1787.1977385159012</v>
      </c>
      <c r="CI347" s="898">
        <f t="shared" si="576"/>
        <v>2673.159010600707</v>
      </c>
      <c r="CJ347" s="898">
        <f t="shared" si="577"/>
        <v>687.38374558303894</v>
      </c>
      <c r="CK347" s="898">
        <f t="shared" si="578"/>
        <v>611.00777385159017</v>
      </c>
      <c r="CL347" s="898">
        <f t="shared" si="579"/>
        <v>18177.481272084806</v>
      </c>
      <c r="CM347" s="898" t="str">
        <f t="shared" si="580"/>
        <v/>
      </c>
      <c r="CN347" s="898" t="str">
        <f t="shared" si="581"/>
        <v/>
      </c>
      <c r="CO347" s="898" t="str">
        <f t="shared" si="582"/>
        <v/>
      </c>
      <c r="CP347" s="898" t="str">
        <f t="shared" si="583"/>
        <v/>
      </c>
      <c r="CQ347" s="898" t="str">
        <f t="shared" si="584"/>
        <v/>
      </c>
      <c r="CR347" s="898" t="str">
        <f t="shared" si="585"/>
        <v/>
      </c>
      <c r="CS347" s="898" t="str">
        <f t="shared" si="586"/>
        <v/>
      </c>
      <c r="CT347" s="898" t="str">
        <f t="shared" si="587"/>
        <v/>
      </c>
      <c r="CU347" s="898" t="str">
        <f t="shared" si="588"/>
        <v/>
      </c>
      <c r="CV347" s="898" t="str">
        <f t="shared" si="589"/>
        <v/>
      </c>
      <c r="CW347" s="898" t="str">
        <f t="shared" si="590"/>
        <v/>
      </c>
      <c r="CX347" s="898" t="str">
        <f t="shared" si="591"/>
        <v/>
      </c>
      <c r="CY347" s="898" t="str">
        <f t="shared" si="592"/>
        <v/>
      </c>
      <c r="CZ347" s="898" t="str">
        <f t="shared" si="593"/>
        <v/>
      </c>
      <c r="DA347" s="898" t="str">
        <f t="shared" si="594"/>
        <v/>
      </c>
      <c r="DB347" s="898" t="str">
        <f t="shared" si="595"/>
        <v/>
      </c>
      <c r="DC347" s="898" t="str">
        <f t="shared" si="596"/>
        <v/>
      </c>
      <c r="DD347" s="898" t="str">
        <f t="shared" si="597"/>
        <v/>
      </c>
      <c r="DE347" s="898" t="str">
        <f t="shared" si="598"/>
        <v/>
      </c>
      <c r="DF347" s="898" t="str">
        <f t="shared" si="599"/>
        <v/>
      </c>
      <c r="DG347" s="898" t="str">
        <f t="shared" si="600"/>
        <v/>
      </c>
      <c r="DH347" s="898" t="str">
        <f t="shared" si="601"/>
        <v/>
      </c>
      <c r="DI347" s="898">
        <f t="shared" si="602"/>
        <v>11456.395759717316</v>
      </c>
      <c r="DJ347" s="898">
        <f t="shared" si="603"/>
        <v>12220.155477031803</v>
      </c>
      <c r="DK347" s="898">
        <f t="shared" si="604"/>
        <v>18330.233215547705</v>
      </c>
      <c r="DL347" s="898">
        <f t="shared" si="605"/>
        <v>24218.820636042405</v>
      </c>
      <c r="DM347" s="661">
        <f t="shared" si="546"/>
        <v>95882.394911660784</v>
      </c>
      <c r="DN347" s="898">
        <f t="shared" si="547"/>
        <v>66225.605088339231</v>
      </c>
      <c r="DO347" s="516">
        <f t="shared" si="548"/>
        <v>0</v>
      </c>
      <c r="DP347" s="898">
        <f t="shared" si="549"/>
        <v>0</v>
      </c>
      <c r="DQ347" s="860" t="s">
        <v>4246</v>
      </c>
      <c r="DR347" s="610" t="s">
        <v>4247</v>
      </c>
      <c r="DS347" s="1221" t="s">
        <v>4248</v>
      </c>
      <c r="DT347" s="632"/>
    </row>
    <row r="348" spans="1:124" ht="57" x14ac:dyDescent="0.2">
      <c r="A348" s="484" t="str">
        <f t="shared" si="544"/>
        <v>Footway widening approaching The Cornfields</v>
      </c>
      <c r="B348" s="1163">
        <v>345</v>
      </c>
      <c r="C348" s="1156" t="s">
        <v>4423</v>
      </c>
      <c r="D348" s="481" t="s">
        <v>2481</v>
      </c>
      <c r="E348" s="481" t="s">
        <v>53</v>
      </c>
      <c r="F348" s="481" t="s">
        <v>655</v>
      </c>
      <c r="G348" s="775" t="s">
        <v>932</v>
      </c>
      <c r="H348" s="673" t="s">
        <v>1017</v>
      </c>
      <c r="I348" s="775" t="str">
        <f t="shared" si="607"/>
        <v>SG4-4</v>
      </c>
      <c r="J348" s="673" t="s">
        <v>1018</v>
      </c>
      <c r="K348" s="664" t="s">
        <v>3104</v>
      </c>
      <c r="L348" s="852" t="s">
        <v>3167</v>
      </c>
      <c r="M348" s="515" t="s">
        <v>4244</v>
      </c>
      <c r="N348" s="775" t="s">
        <v>81</v>
      </c>
      <c r="O348" s="654" t="s">
        <v>3051</v>
      </c>
      <c r="P348" s="657" t="s">
        <v>61</v>
      </c>
      <c r="Q348" s="852" t="s">
        <v>71</v>
      </c>
      <c r="R348" s="657"/>
      <c r="S348" s="657"/>
      <c r="T348" s="853">
        <v>29796</v>
      </c>
      <c r="U348" s="854"/>
      <c r="V348" s="657" t="s">
        <v>4245</v>
      </c>
      <c r="W348" s="642">
        <f t="shared" si="551"/>
        <v>0</v>
      </c>
      <c r="X348" s="745">
        <f t="shared" si="552"/>
        <v>29796</v>
      </c>
      <c r="Y348" s="745" t="s">
        <v>3106</v>
      </c>
      <c r="Z348" s="745" t="str">
        <f>_xlfn.XLOOKUP(I348, 'CALCS Aecom (July 25 2025)'!F:F, 'CALCS Aecom (July 25 2025)'!W:W)</f>
        <v>Multiple Scenario 2 (Step 9)</v>
      </c>
      <c r="AA348" s="1332" t="s">
        <v>82</v>
      </c>
      <c r="AB348" s="661" t="s">
        <v>66</v>
      </c>
      <c r="AC348" s="661" t="s">
        <v>66</v>
      </c>
      <c r="AD348" s="661" t="s">
        <v>66</v>
      </c>
      <c r="AE348" s="661" t="s">
        <v>66</v>
      </c>
      <c r="AF348" s="661" t="s">
        <v>66</v>
      </c>
      <c r="AG348" s="661" t="s">
        <v>66</v>
      </c>
      <c r="AH348" s="661" t="s">
        <v>66</v>
      </c>
      <c r="AI348" s="661" t="s">
        <v>66</v>
      </c>
      <c r="AJ348" s="661" t="s">
        <v>66</v>
      </c>
      <c r="AK348" s="661" t="s">
        <v>66</v>
      </c>
      <c r="AL348" s="661" t="s">
        <v>66</v>
      </c>
      <c r="AM348" s="661" t="s">
        <v>66</v>
      </c>
      <c r="AN348" s="661" t="s">
        <v>66</v>
      </c>
      <c r="AO348" s="661" t="s">
        <v>66</v>
      </c>
      <c r="AP348" s="661" t="s">
        <v>66</v>
      </c>
      <c r="AQ348" s="661" t="s">
        <v>66</v>
      </c>
      <c r="AR348" s="661" t="s">
        <v>66</v>
      </c>
      <c r="AS348" s="892"/>
      <c r="AT348" s="892"/>
      <c r="AU348" s="892"/>
      <c r="AV348" s="661"/>
      <c r="AW348" s="892"/>
      <c r="AX348" s="892"/>
      <c r="AY348" s="892"/>
      <c r="AZ348" s="661"/>
      <c r="BA348" s="892"/>
      <c r="BB348" s="661"/>
      <c r="BC348" s="661"/>
      <c r="BD348" s="892"/>
      <c r="BE348" s="661"/>
      <c r="BF348" s="661"/>
      <c r="BG348" s="746"/>
      <c r="BH348" s="746"/>
      <c r="BI348" s="746"/>
      <c r="BJ348" s="746"/>
      <c r="BK348" s="746"/>
      <c r="BL348" s="746"/>
      <c r="BM348" s="746"/>
      <c r="BN348" s="746"/>
      <c r="BO348" s="661" t="s">
        <v>66</v>
      </c>
      <c r="BP348" s="661" t="s">
        <v>66</v>
      </c>
      <c r="BQ348" s="661" t="s">
        <v>66</v>
      </c>
      <c r="BR348" s="661" t="s">
        <v>66</v>
      </c>
      <c r="BS348" s="884">
        <f t="shared" si="545"/>
        <v>21225</v>
      </c>
      <c r="BT348" s="661">
        <f t="shared" si="562"/>
        <v>1.4038162544169612</v>
      </c>
      <c r="BU348" s="661" t="str">
        <f t="shared" si="606"/>
        <v>GOOD</v>
      </c>
      <c r="BV348" s="898">
        <f t="shared" si="563"/>
        <v>7019.0812720848062</v>
      </c>
      <c r="BW348" s="898">
        <f t="shared" si="564"/>
        <v>280.76325088339223</v>
      </c>
      <c r="BX348" s="898">
        <f t="shared" si="565"/>
        <v>631.71731448763251</v>
      </c>
      <c r="BY348" s="898">
        <f t="shared" si="566"/>
        <v>491.33568904593642</v>
      </c>
      <c r="BZ348" s="898">
        <f t="shared" si="567"/>
        <v>701.90812720848066</v>
      </c>
      <c r="CA348" s="898">
        <f t="shared" si="568"/>
        <v>673.83180212014145</v>
      </c>
      <c r="CB348" s="898">
        <f t="shared" si="569"/>
        <v>140.38162544169612</v>
      </c>
      <c r="CC348" s="898">
        <f t="shared" si="570"/>
        <v>547.48833922261485</v>
      </c>
      <c r="CD348" s="898">
        <f t="shared" si="571"/>
        <v>701.90812720848066</v>
      </c>
      <c r="CE348" s="898">
        <f t="shared" si="572"/>
        <v>701.90812720848066</v>
      </c>
      <c r="CF348" s="898">
        <f t="shared" si="573"/>
        <v>1052.8621908127209</v>
      </c>
      <c r="CG348" s="898">
        <f t="shared" si="574"/>
        <v>280.76325088339223</v>
      </c>
      <c r="CH348" s="898">
        <f t="shared" si="575"/>
        <v>328.49300353356892</v>
      </c>
      <c r="CI348" s="898">
        <f t="shared" si="576"/>
        <v>491.33568904593642</v>
      </c>
      <c r="CJ348" s="898">
        <f t="shared" si="577"/>
        <v>126.34346289752651</v>
      </c>
      <c r="CK348" s="898">
        <f t="shared" si="578"/>
        <v>112.3053003533569</v>
      </c>
      <c r="CL348" s="898">
        <f t="shared" si="579"/>
        <v>3341.0826855123678</v>
      </c>
      <c r="CM348" s="898" t="str">
        <f t="shared" si="580"/>
        <v/>
      </c>
      <c r="CN348" s="898" t="str">
        <f t="shared" si="581"/>
        <v/>
      </c>
      <c r="CO348" s="898" t="str">
        <f t="shared" si="582"/>
        <v/>
      </c>
      <c r="CP348" s="898" t="str">
        <f t="shared" si="583"/>
        <v/>
      </c>
      <c r="CQ348" s="898" t="str">
        <f t="shared" si="584"/>
        <v/>
      </c>
      <c r="CR348" s="898" t="str">
        <f t="shared" si="585"/>
        <v/>
      </c>
      <c r="CS348" s="898" t="str">
        <f t="shared" si="586"/>
        <v/>
      </c>
      <c r="CT348" s="898" t="str">
        <f t="shared" si="587"/>
        <v/>
      </c>
      <c r="CU348" s="898" t="str">
        <f t="shared" si="588"/>
        <v/>
      </c>
      <c r="CV348" s="898" t="str">
        <f t="shared" si="589"/>
        <v/>
      </c>
      <c r="CW348" s="898" t="str">
        <f t="shared" si="590"/>
        <v/>
      </c>
      <c r="CX348" s="898" t="str">
        <f t="shared" si="591"/>
        <v/>
      </c>
      <c r="CY348" s="898" t="str">
        <f t="shared" si="592"/>
        <v/>
      </c>
      <c r="CZ348" s="898" t="str">
        <f t="shared" si="593"/>
        <v/>
      </c>
      <c r="DA348" s="898" t="str">
        <f t="shared" si="594"/>
        <v/>
      </c>
      <c r="DB348" s="898" t="str">
        <f t="shared" si="595"/>
        <v/>
      </c>
      <c r="DC348" s="898" t="str">
        <f t="shared" si="596"/>
        <v/>
      </c>
      <c r="DD348" s="898" t="str">
        <f t="shared" si="597"/>
        <v/>
      </c>
      <c r="DE348" s="898" t="str">
        <f t="shared" si="598"/>
        <v/>
      </c>
      <c r="DF348" s="898" t="str">
        <f t="shared" si="599"/>
        <v/>
      </c>
      <c r="DG348" s="898" t="str">
        <f t="shared" si="600"/>
        <v/>
      </c>
      <c r="DH348" s="898" t="str">
        <f t="shared" si="601"/>
        <v/>
      </c>
      <c r="DI348" s="898">
        <f t="shared" si="602"/>
        <v>2105.7243816254418</v>
      </c>
      <c r="DJ348" s="898">
        <f t="shared" si="603"/>
        <v>2246.1060070671379</v>
      </c>
      <c r="DK348" s="898">
        <f t="shared" si="604"/>
        <v>3369.159010600707</v>
      </c>
      <c r="DL348" s="898">
        <f t="shared" si="605"/>
        <v>4451.5013427561844</v>
      </c>
      <c r="DM348" s="661">
        <f t="shared" si="546"/>
        <v>17623.509257950529</v>
      </c>
      <c r="DN348" s="898">
        <f t="shared" si="547"/>
        <v>12172.490742049471</v>
      </c>
      <c r="DO348" s="516">
        <f t="shared" si="548"/>
        <v>0</v>
      </c>
      <c r="DP348" s="898">
        <f t="shared" si="549"/>
        <v>0</v>
      </c>
      <c r="DQ348" s="860" t="s">
        <v>4246</v>
      </c>
      <c r="DR348" s="610" t="s">
        <v>4247</v>
      </c>
      <c r="DS348" s="1221" t="s">
        <v>4248</v>
      </c>
      <c r="DT348" s="632"/>
    </row>
    <row r="349" spans="1:124" ht="57" x14ac:dyDescent="0.2">
      <c r="A349" s="484" t="str">
        <f t="shared" si="544"/>
        <v>Footpath width vegetation cut-back</v>
      </c>
      <c r="B349" s="1163">
        <v>346</v>
      </c>
      <c r="C349" s="1156" t="s">
        <v>4424</v>
      </c>
      <c r="D349" s="481" t="s">
        <v>2481</v>
      </c>
      <c r="E349" s="481" t="s">
        <v>53</v>
      </c>
      <c r="F349" s="481" t="s">
        <v>655</v>
      </c>
      <c r="G349" s="775" t="s">
        <v>932</v>
      </c>
      <c r="H349" s="673" t="s">
        <v>1019</v>
      </c>
      <c r="I349" s="775" t="str">
        <f t="shared" si="607"/>
        <v>SG4-5</v>
      </c>
      <c r="J349" s="673" t="s">
        <v>1020</v>
      </c>
      <c r="K349" s="664" t="s">
        <v>3104</v>
      </c>
      <c r="L349" s="852" t="s">
        <v>3167</v>
      </c>
      <c r="M349" s="515" t="s">
        <v>4244</v>
      </c>
      <c r="N349" s="775" t="s">
        <v>81</v>
      </c>
      <c r="O349" s="654" t="s">
        <v>3051</v>
      </c>
      <c r="P349" s="657" t="s">
        <v>61</v>
      </c>
      <c r="Q349" s="852" t="s">
        <v>71</v>
      </c>
      <c r="R349" s="657"/>
      <c r="S349" s="657"/>
      <c r="T349" s="853">
        <v>5749</v>
      </c>
      <c r="U349" s="854"/>
      <c r="V349" s="657" t="s">
        <v>4245</v>
      </c>
      <c r="W349" s="642">
        <f t="shared" si="551"/>
        <v>0</v>
      </c>
      <c r="X349" s="745">
        <f t="shared" si="552"/>
        <v>5749</v>
      </c>
      <c r="Y349" s="745" t="s">
        <v>3106</v>
      </c>
      <c r="Z349" s="745" t="str">
        <f>_xlfn.XLOOKUP(I349, 'CALCS Aecom (July 25 2025)'!F:F, 'CALCS Aecom (July 25 2025)'!W:W)</f>
        <v>Multiple Scenario 2 (Step 9)</v>
      </c>
      <c r="AA349" s="1332" t="s">
        <v>82</v>
      </c>
      <c r="AB349" s="661" t="s">
        <v>66</v>
      </c>
      <c r="AC349" s="661" t="s">
        <v>66</v>
      </c>
      <c r="AD349" s="661" t="s">
        <v>66</v>
      </c>
      <c r="AE349" s="661" t="s">
        <v>66</v>
      </c>
      <c r="AF349" s="661" t="s">
        <v>66</v>
      </c>
      <c r="AG349" s="661" t="s">
        <v>66</v>
      </c>
      <c r="AH349" s="661" t="s">
        <v>66</v>
      </c>
      <c r="AI349" s="661" t="s">
        <v>66</v>
      </c>
      <c r="AJ349" s="661" t="s">
        <v>66</v>
      </c>
      <c r="AK349" s="661" t="s">
        <v>66</v>
      </c>
      <c r="AL349" s="661" t="s">
        <v>66</v>
      </c>
      <c r="AM349" s="661" t="s">
        <v>66</v>
      </c>
      <c r="AN349" s="661" t="s">
        <v>66</v>
      </c>
      <c r="AO349" s="661" t="s">
        <v>66</v>
      </c>
      <c r="AP349" s="661" t="s">
        <v>66</v>
      </c>
      <c r="AQ349" s="661" t="s">
        <v>66</v>
      </c>
      <c r="AR349" s="661" t="s">
        <v>66</v>
      </c>
      <c r="AS349" s="892"/>
      <c r="AT349" s="892"/>
      <c r="AU349" s="892"/>
      <c r="AV349" s="661"/>
      <c r="AW349" s="892"/>
      <c r="AX349" s="892"/>
      <c r="AY349" s="892"/>
      <c r="AZ349" s="661"/>
      <c r="BA349" s="892"/>
      <c r="BB349" s="661"/>
      <c r="BC349" s="661"/>
      <c r="BD349" s="892"/>
      <c r="BE349" s="661"/>
      <c r="BF349" s="661"/>
      <c r="BG349" s="746"/>
      <c r="BH349" s="746"/>
      <c r="BI349" s="746"/>
      <c r="BJ349" s="746"/>
      <c r="BK349" s="746"/>
      <c r="BL349" s="746"/>
      <c r="BM349" s="746"/>
      <c r="BN349" s="746"/>
      <c r="BO349" s="661" t="s">
        <v>66</v>
      </c>
      <c r="BP349" s="661" t="s">
        <v>66</v>
      </c>
      <c r="BQ349" s="661" t="s">
        <v>66</v>
      </c>
      <c r="BR349" s="661" t="s">
        <v>66</v>
      </c>
      <c r="BS349" s="884">
        <f t="shared" si="545"/>
        <v>21225</v>
      </c>
      <c r="BT349" s="661">
        <f t="shared" si="562"/>
        <v>0.2708598351001178</v>
      </c>
      <c r="BU349" s="661" t="str">
        <f t="shared" si="606"/>
        <v>GOOD</v>
      </c>
      <c r="BV349" s="898">
        <f t="shared" si="563"/>
        <v>1354.2991755005889</v>
      </c>
      <c r="BW349" s="898">
        <f t="shared" si="564"/>
        <v>54.171967020023558</v>
      </c>
      <c r="BX349" s="898">
        <f t="shared" si="565"/>
        <v>121.886925795053</v>
      </c>
      <c r="BY349" s="898">
        <f t="shared" si="566"/>
        <v>94.800942285041231</v>
      </c>
      <c r="BZ349" s="898">
        <f t="shared" si="567"/>
        <v>135.42991755005889</v>
      </c>
      <c r="CA349" s="898">
        <f t="shared" si="568"/>
        <v>130.01272084805655</v>
      </c>
      <c r="CB349" s="898">
        <f t="shared" si="569"/>
        <v>27.085983510011779</v>
      </c>
      <c r="CC349" s="898">
        <f t="shared" si="570"/>
        <v>105.63533568904595</v>
      </c>
      <c r="CD349" s="898">
        <f t="shared" si="571"/>
        <v>135.42991755005889</v>
      </c>
      <c r="CE349" s="898">
        <f t="shared" si="572"/>
        <v>135.42991755005889</v>
      </c>
      <c r="CF349" s="898">
        <f t="shared" si="573"/>
        <v>203.14487632508835</v>
      </c>
      <c r="CG349" s="898">
        <f t="shared" si="574"/>
        <v>54.171967020023558</v>
      </c>
      <c r="CH349" s="898">
        <f t="shared" si="575"/>
        <v>63.381201413427561</v>
      </c>
      <c r="CI349" s="898">
        <f t="shared" si="576"/>
        <v>94.800942285041231</v>
      </c>
      <c r="CJ349" s="898">
        <f t="shared" si="577"/>
        <v>24.377385159010601</v>
      </c>
      <c r="CK349" s="898">
        <f t="shared" si="578"/>
        <v>21.668786808009422</v>
      </c>
      <c r="CL349" s="898">
        <f t="shared" si="579"/>
        <v>644.6464075382803</v>
      </c>
      <c r="CM349" s="898" t="str">
        <f t="shared" si="580"/>
        <v/>
      </c>
      <c r="CN349" s="898" t="str">
        <f t="shared" si="581"/>
        <v/>
      </c>
      <c r="CO349" s="898" t="str">
        <f t="shared" si="582"/>
        <v/>
      </c>
      <c r="CP349" s="898" t="str">
        <f t="shared" si="583"/>
        <v/>
      </c>
      <c r="CQ349" s="898" t="str">
        <f t="shared" si="584"/>
        <v/>
      </c>
      <c r="CR349" s="898" t="str">
        <f t="shared" si="585"/>
        <v/>
      </c>
      <c r="CS349" s="898" t="str">
        <f t="shared" si="586"/>
        <v/>
      </c>
      <c r="CT349" s="898" t="str">
        <f t="shared" si="587"/>
        <v/>
      </c>
      <c r="CU349" s="898" t="str">
        <f t="shared" si="588"/>
        <v/>
      </c>
      <c r="CV349" s="898" t="str">
        <f t="shared" si="589"/>
        <v/>
      </c>
      <c r="CW349" s="898" t="str">
        <f t="shared" si="590"/>
        <v/>
      </c>
      <c r="CX349" s="898" t="str">
        <f t="shared" si="591"/>
        <v/>
      </c>
      <c r="CY349" s="898" t="str">
        <f t="shared" si="592"/>
        <v/>
      </c>
      <c r="CZ349" s="898" t="str">
        <f t="shared" si="593"/>
        <v/>
      </c>
      <c r="DA349" s="898" t="str">
        <f t="shared" si="594"/>
        <v/>
      </c>
      <c r="DB349" s="898" t="str">
        <f t="shared" si="595"/>
        <v/>
      </c>
      <c r="DC349" s="898" t="str">
        <f t="shared" si="596"/>
        <v/>
      </c>
      <c r="DD349" s="898" t="str">
        <f t="shared" si="597"/>
        <v/>
      </c>
      <c r="DE349" s="898" t="str">
        <f t="shared" si="598"/>
        <v/>
      </c>
      <c r="DF349" s="898" t="str">
        <f t="shared" si="599"/>
        <v/>
      </c>
      <c r="DG349" s="898" t="str">
        <f t="shared" si="600"/>
        <v/>
      </c>
      <c r="DH349" s="898" t="str">
        <f t="shared" si="601"/>
        <v/>
      </c>
      <c r="DI349" s="898">
        <f t="shared" si="602"/>
        <v>406.28975265017669</v>
      </c>
      <c r="DJ349" s="898">
        <f t="shared" si="603"/>
        <v>433.37573616018847</v>
      </c>
      <c r="DK349" s="898">
        <f t="shared" si="604"/>
        <v>650.06360424028276</v>
      </c>
      <c r="DL349" s="898">
        <f t="shared" si="605"/>
        <v>858.89653710247353</v>
      </c>
      <c r="DM349" s="661">
        <f t="shared" si="546"/>
        <v>3400.3743698468788</v>
      </c>
      <c r="DN349" s="898">
        <f t="shared" si="547"/>
        <v>2348.6256301531212</v>
      </c>
      <c r="DO349" s="516">
        <f t="shared" si="548"/>
        <v>0</v>
      </c>
      <c r="DP349" s="898">
        <f t="shared" si="549"/>
        <v>0</v>
      </c>
      <c r="DQ349" s="860" t="s">
        <v>4246</v>
      </c>
      <c r="DR349" s="610" t="s">
        <v>4247</v>
      </c>
      <c r="DS349" s="1221" t="s">
        <v>4248</v>
      </c>
      <c r="DT349" s="632"/>
    </row>
    <row r="350" spans="1:124" ht="57" x14ac:dyDescent="0.2">
      <c r="A350" s="484" t="str">
        <f t="shared" si="544"/>
        <v>Pedestrian route street lighting enhancements</v>
      </c>
      <c r="B350" s="1163">
        <v>347</v>
      </c>
      <c r="C350" s="1156" t="s">
        <v>4425</v>
      </c>
      <c r="D350" s="481" t="s">
        <v>2481</v>
      </c>
      <c r="E350" s="481" t="s">
        <v>53</v>
      </c>
      <c r="F350" s="481" t="s">
        <v>655</v>
      </c>
      <c r="G350" s="775" t="s">
        <v>932</v>
      </c>
      <c r="H350" s="673" t="s">
        <v>1021</v>
      </c>
      <c r="I350" s="775" t="str">
        <f t="shared" si="607"/>
        <v>SG4-6</v>
      </c>
      <c r="J350" s="673" t="s">
        <v>1022</v>
      </c>
      <c r="K350" s="664" t="s">
        <v>3104</v>
      </c>
      <c r="L350" s="852" t="s">
        <v>3167</v>
      </c>
      <c r="M350" s="515" t="s">
        <v>4244</v>
      </c>
      <c r="N350" s="775" t="s">
        <v>81</v>
      </c>
      <c r="O350" s="654" t="s">
        <v>3051</v>
      </c>
      <c r="P350" s="657" t="s">
        <v>61</v>
      </c>
      <c r="Q350" s="852" t="s">
        <v>71</v>
      </c>
      <c r="R350" s="657"/>
      <c r="S350" s="657"/>
      <c r="T350" s="853">
        <v>3705</v>
      </c>
      <c r="U350" s="854"/>
      <c r="V350" s="657" t="s">
        <v>4245</v>
      </c>
      <c r="W350" s="642">
        <f t="shared" si="551"/>
        <v>0</v>
      </c>
      <c r="X350" s="745">
        <f t="shared" si="552"/>
        <v>3705</v>
      </c>
      <c r="Y350" s="745" t="s">
        <v>3106</v>
      </c>
      <c r="Z350" s="745" t="str">
        <f>_xlfn.XLOOKUP(I350, 'CALCS Aecom (July 25 2025)'!F:F, 'CALCS Aecom (July 25 2025)'!W:W)</f>
        <v>Multiple Scenario 2 (Step 9)</v>
      </c>
      <c r="AA350" s="1332" t="s">
        <v>82</v>
      </c>
      <c r="AB350" s="661" t="s">
        <v>66</v>
      </c>
      <c r="AC350" s="661" t="s">
        <v>66</v>
      </c>
      <c r="AD350" s="661" t="s">
        <v>66</v>
      </c>
      <c r="AE350" s="661" t="s">
        <v>66</v>
      </c>
      <c r="AF350" s="661" t="s">
        <v>66</v>
      </c>
      <c r="AG350" s="661" t="s">
        <v>66</v>
      </c>
      <c r="AH350" s="661" t="s">
        <v>66</v>
      </c>
      <c r="AI350" s="661" t="s">
        <v>66</v>
      </c>
      <c r="AJ350" s="661" t="s">
        <v>66</v>
      </c>
      <c r="AK350" s="661" t="s">
        <v>66</v>
      </c>
      <c r="AL350" s="661" t="s">
        <v>66</v>
      </c>
      <c r="AM350" s="661" t="s">
        <v>66</v>
      </c>
      <c r="AN350" s="661" t="s">
        <v>66</v>
      </c>
      <c r="AO350" s="661" t="s">
        <v>66</v>
      </c>
      <c r="AP350" s="661" t="s">
        <v>66</v>
      </c>
      <c r="AQ350" s="661" t="s">
        <v>66</v>
      </c>
      <c r="AR350" s="661" t="s">
        <v>66</v>
      </c>
      <c r="AS350" s="892"/>
      <c r="AT350" s="892"/>
      <c r="AU350" s="892"/>
      <c r="AV350" s="661"/>
      <c r="AW350" s="892"/>
      <c r="AX350" s="892"/>
      <c r="AY350" s="892"/>
      <c r="AZ350" s="661"/>
      <c r="BA350" s="892"/>
      <c r="BB350" s="661"/>
      <c r="BC350" s="661"/>
      <c r="BD350" s="892"/>
      <c r="BE350" s="661"/>
      <c r="BF350" s="661"/>
      <c r="BG350" s="746"/>
      <c r="BH350" s="746"/>
      <c r="BI350" s="746"/>
      <c r="BJ350" s="746"/>
      <c r="BK350" s="746"/>
      <c r="BL350" s="746"/>
      <c r="BM350" s="746"/>
      <c r="BN350" s="746"/>
      <c r="BO350" s="661" t="s">
        <v>66</v>
      </c>
      <c r="BP350" s="661" t="s">
        <v>66</v>
      </c>
      <c r="BQ350" s="661" t="s">
        <v>66</v>
      </c>
      <c r="BR350" s="661" t="s">
        <v>66</v>
      </c>
      <c r="BS350" s="884">
        <f t="shared" si="545"/>
        <v>21225</v>
      </c>
      <c r="BT350" s="661">
        <f t="shared" si="562"/>
        <v>0.17455830388692581</v>
      </c>
      <c r="BU350" s="661" t="str">
        <f t="shared" si="606"/>
        <v>GOOD</v>
      </c>
      <c r="BV350" s="898">
        <f t="shared" si="563"/>
        <v>872.79151943462909</v>
      </c>
      <c r="BW350" s="898">
        <f t="shared" si="564"/>
        <v>34.911660777385158</v>
      </c>
      <c r="BX350" s="898">
        <f t="shared" si="565"/>
        <v>78.551236749116612</v>
      </c>
      <c r="BY350" s="898">
        <f t="shared" si="566"/>
        <v>61.095406360424036</v>
      </c>
      <c r="BZ350" s="898">
        <f t="shared" si="567"/>
        <v>87.279151943462907</v>
      </c>
      <c r="CA350" s="898">
        <f t="shared" si="568"/>
        <v>83.787985865724394</v>
      </c>
      <c r="CB350" s="898">
        <f t="shared" si="569"/>
        <v>17.455830388692579</v>
      </c>
      <c r="CC350" s="898">
        <f t="shared" si="570"/>
        <v>68.077738515901061</v>
      </c>
      <c r="CD350" s="898">
        <f t="shared" si="571"/>
        <v>87.279151943462907</v>
      </c>
      <c r="CE350" s="898">
        <f t="shared" si="572"/>
        <v>87.279151943462907</v>
      </c>
      <c r="CF350" s="898">
        <f t="shared" si="573"/>
        <v>130.91872791519435</v>
      </c>
      <c r="CG350" s="898">
        <f t="shared" si="574"/>
        <v>34.911660777385158</v>
      </c>
      <c r="CH350" s="898">
        <f t="shared" si="575"/>
        <v>40.846643109540636</v>
      </c>
      <c r="CI350" s="898">
        <f t="shared" si="576"/>
        <v>61.095406360424036</v>
      </c>
      <c r="CJ350" s="898">
        <f t="shared" si="577"/>
        <v>15.710247349823323</v>
      </c>
      <c r="CK350" s="898">
        <f t="shared" si="578"/>
        <v>13.964664310954065</v>
      </c>
      <c r="CL350" s="898">
        <f t="shared" si="579"/>
        <v>415.44876325088342</v>
      </c>
      <c r="CM350" s="898" t="str">
        <f t="shared" si="580"/>
        <v/>
      </c>
      <c r="CN350" s="898" t="str">
        <f t="shared" si="581"/>
        <v/>
      </c>
      <c r="CO350" s="898" t="str">
        <f t="shared" si="582"/>
        <v/>
      </c>
      <c r="CP350" s="898" t="str">
        <f t="shared" si="583"/>
        <v/>
      </c>
      <c r="CQ350" s="898" t="str">
        <f t="shared" si="584"/>
        <v/>
      </c>
      <c r="CR350" s="898" t="str">
        <f t="shared" si="585"/>
        <v/>
      </c>
      <c r="CS350" s="898" t="str">
        <f t="shared" si="586"/>
        <v/>
      </c>
      <c r="CT350" s="898" t="str">
        <f t="shared" si="587"/>
        <v/>
      </c>
      <c r="CU350" s="898" t="str">
        <f t="shared" si="588"/>
        <v/>
      </c>
      <c r="CV350" s="898" t="str">
        <f t="shared" si="589"/>
        <v/>
      </c>
      <c r="CW350" s="898" t="str">
        <f t="shared" si="590"/>
        <v/>
      </c>
      <c r="CX350" s="898" t="str">
        <f t="shared" si="591"/>
        <v/>
      </c>
      <c r="CY350" s="898" t="str">
        <f t="shared" si="592"/>
        <v/>
      </c>
      <c r="CZ350" s="898" t="str">
        <f t="shared" si="593"/>
        <v/>
      </c>
      <c r="DA350" s="898" t="str">
        <f t="shared" si="594"/>
        <v/>
      </c>
      <c r="DB350" s="898" t="str">
        <f t="shared" si="595"/>
        <v/>
      </c>
      <c r="DC350" s="898" t="str">
        <f t="shared" si="596"/>
        <v/>
      </c>
      <c r="DD350" s="898" t="str">
        <f t="shared" si="597"/>
        <v/>
      </c>
      <c r="DE350" s="898" t="str">
        <f t="shared" si="598"/>
        <v/>
      </c>
      <c r="DF350" s="898" t="str">
        <f t="shared" si="599"/>
        <v/>
      </c>
      <c r="DG350" s="898" t="str">
        <f t="shared" si="600"/>
        <v/>
      </c>
      <c r="DH350" s="898" t="str">
        <f t="shared" si="601"/>
        <v/>
      </c>
      <c r="DI350" s="898">
        <f t="shared" si="602"/>
        <v>261.83745583038871</v>
      </c>
      <c r="DJ350" s="898">
        <f t="shared" si="603"/>
        <v>279.29328621908127</v>
      </c>
      <c r="DK350" s="898">
        <f t="shared" si="604"/>
        <v>418.93992932862193</v>
      </c>
      <c r="DL350" s="898">
        <f t="shared" si="605"/>
        <v>553.52438162544172</v>
      </c>
      <c r="DM350" s="661">
        <f t="shared" si="546"/>
        <v>2191.4049469964662</v>
      </c>
      <c r="DN350" s="898">
        <f t="shared" si="547"/>
        <v>1513.5950530035336</v>
      </c>
      <c r="DO350" s="516">
        <f t="shared" si="548"/>
        <v>0</v>
      </c>
      <c r="DP350" s="898">
        <f t="shared" si="549"/>
        <v>0</v>
      </c>
      <c r="DQ350" s="860" t="s">
        <v>4246</v>
      </c>
      <c r="DR350" s="610" t="s">
        <v>4247</v>
      </c>
      <c r="DS350" s="1221" t="s">
        <v>4248</v>
      </c>
      <c r="DT350" s="632"/>
    </row>
    <row r="351" spans="1:124" ht="57" x14ac:dyDescent="0.2">
      <c r="A351" s="484" t="str">
        <f t="shared" si="544"/>
        <v>Glenview Gardens cycle hanger storage</v>
      </c>
      <c r="B351" s="1163">
        <v>348</v>
      </c>
      <c r="C351" s="1156" t="s">
        <v>4426</v>
      </c>
      <c r="D351" s="481" t="s">
        <v>2481</v>
      </c>
      <c r="E351" s="481" t="s">
        <v>53</v>
      </c>
      <c r="F351" s="481" t="s">
        <v>655</v>
      </c>
      <c r="G351" s="775" t="s">
        <v>932</v>
      </c>
      <c r="H351" s="673" t="s">
        <v>1023</v>
      </c>
      <c r="I351" s="775" t="str">
        <f t="shared" si="607"/>
        <v>SG4-7</v>
      </c>
      <c r="J351" s="673" t="s">
        <v>4427</v>
      </c>
      <c r="K351" s="664" t="s">
        <v>3104</v>
      </c>
      <c r="L351" s="852" t="s">
        <v>3167</v>
      </c>
      <c r="M351" s="515" t="s">
        <v>4244</v>
      </c>
      <c r="N351" s="775" t="s">
        <v>81</v>
      </c>
      <c r="O351" s="654" t="s">
        <v>3051</v>
      </c>
      <c r="P351" s="657" t="s">
        <v>61</v>
      </c>
      <c r="Q351" s="852" t="s">
        <v>71</v>
      </c>
      <c r="R351" s="657"/>
      <c r="S351" s="657"/>
      <c r="T351" s="853">
        <v>16659</v>
      </c>
      <c r="U351" s="854"/>
      <c r="V351" s="657" t="s">
        <v>4245</v>
      </c>
      <c r="W351" s="642">
        <f t="shared" si="551"/>
        <v>0</v>
      </c>
      <c r="X351" s="745">
        <f t="shared" si="552"/>
        <v>16659</v>
      </c>
      <c r="Y351" s="745" t="s">
        <v>3106</v>
      </c>
      <c r="Z351" s="745" t="str">
        <f>_xlfn.XLOOKUP(I351, 'CALCS Aecom (July 25 2025)'!F:F, 'CALCS Aecom (July 25 2025)'!W:W)</f>
        <v>Multiple Scenario 2 (Step 6)</v>
      </c>
      <c r="AA351" s="650" t="s">
        <v>65</v>
      </c>
      <c r="AB351" s="516" t="s">
        <v>66</v>
      </c>
      <c r="AC351" s="516" t="s">
        <v>66</v>
      </c>
      <c r="AD351" s="516" t="s">
        <v>66</v>
      </c>
      <c r="AE351" s="516" t="s">
        <v>66</v>
      </c>
      <c r="AF351" s="516" t="s">
        <v>66</v>
      </c>
      <c r="AG351" s="516" t="s">
        <v>66</v>
      </c>
      <c r="AH351" s="516" t="s">
        <v>66</v>
      </c>
      <c r="AI351" s="516" t="s">
        <v>66</v>
      </c>
      <c r="AJ351" s="516" t="s">
        <v>66</v>
      </c>
      <c r="AK351" s="516" t="s">
        <v>66</v>
      </c>
      <c r="AL351" s="516" t="s">
        <v>66</v>
      </c>
      <c r="AM351" s="516" t="s">
        <v>66</v>
      </c>
      <c r="AN351" s="516" t="s">
        <v>66</v>
      </c>
      <c r="AO351" s="516" t="s">
        <v>66</v>
      </c>
      <c r="AP351" s="516" t="s">
        <v>66</v>
      </c>
      <c r="AQ351" s="516" t="s">
        <v>66</v>
      </c>
      <c r="AR351" s="516" t="s">
        <v>66</v>
      </c>
      <c r="AS351" s="892"/>
      <c r="AT351" s="892"/>
      <c r="AU351" s="892"/>
      <c r="AV351" s="661"/>
      <c r="AW351" s="892"/>
      <c r="AX351" s="892"/>
      <c r="AY351" s="892"/>
      <c r="AZ351" s="661"/>
      <c r="BA351" s="892"/>
      <c r="BB351" s="661"/>
      <c r="BC351" s="661"/>
      <c r="BD351" s="892"/>
      <c r="BE351" s="661"/>
      <c r="BF351" s="661"/>
      <c r="BG351" s="746"/>
      <c r="BH351" s="746"/>
      <c r="BI351" s="746"/>
      <c r="BJ351" s="746"/>
      <c r="BK351" s="746"/>
      <c r="BL351" s="746"/>
      <c r="BM351" s="746"/>
      <c r="BN351" s="746"/>
      <c r="BO351" s="516" t="s">
        <v>66</v>
      </c>
      <c r="BP351" s="516" t="s">
        <v>66</v>
      </c>
      <c r="BQ351" s="516" t="s">
        <v>66</v>
      </c>
      <c r="BR351" s="516" t="s">
        <v>66</v>
      </c>
      <c r="BS351" s="884">
        <f t="shared" si="545"/>
        <v>21225</v>
      </c>
      <c r="BT351" s="661">
        <f t="shared" si="562"/>
        <v>0.78487632508833927</v>
      </c>
      <c r="BU351" s="661" t="str">
        <f t="shared" si="606"/>
        <v>GOOD</v>
      </c>
      <c r="BV351" s="898">
        <f t="shared" si="563"/>
        <v>3924.3816254416965</v>
      </c>
      <c r="BW351" s="898">
        <f t="shared" si="564"/>
        <v>156.97526501766785</v>
      </c>
      <c r="BX351" s="898">
        <f t="shared" si="565"/>
        <v>353.19434628975267</v>
      </c>
      <c r="BY351" s="898">
        <f t="shared" si="566"/>
        <v>274.70671378091873</v>
      </c>
      <c r="BZ351" s="898">
        <f t="shared" si="567"/>
        <v>392.43816254416964</v>
      </c>
      <c r="CA351" s="898">
        <f t="shared" si="568"/>
        <v>376.74063604240285</v>
      </c>
      <c r="CB351" s="898">
        <f t="shared" si="569"/>
        <v>78.487632508833926</v>
      </c>
      <c r="CC351" s="898">
        <f t="shared" si="570"/>
        <v>306.10176678445231</v>
      </c>
      <c r="CD351" s="898">
        <f t="shared" si="571"/>
        <v>392.43816254416964</v>
      </c>
      <c r="CE351" s="898">
        <f t="shared" si="572"/>
        <v>392.43816254416964</v>
      </c>
      <c r="CF351" s="898">
        <f t="shared" si="573"/>
        <v>588.65724381625444</v>
      </c>
      <c r="CG351" s="898">
        <f t="shared" si="574"/>
        <v>156.97526501766785</v>
      </c>
      <c r="CH351" s="898">
        <f t="shared" si="575"/>
        <v>183.6610600706714</v>
      </c>
      <c r="CI351" s="898">
        <f t="shared" si="576"/>
        <v>274.70671378091873</v>
      </c>
      <c r="CJ351" s="898">
        <f t="shared" si="577"/>
        <v>70.638869257950532</v>
      </c>
      <c r="CK351" s="898">
        <f t="shared" si="578"/>
        <v>62.790106007067138</v>
      </c>
      <c r="CL351" s="898">
        <f t="shared" si="579"/>
        <v>1868.0056537102475</v>
      </c>
      <c r="CM351" s="898" t="str">
        <f t="shared" si="580"/>
        <v/>
      </c>
      <c r="CN351" s="898" t="str">
        <f t="shared" si="581"/>
        <v/>
      </c>
      <c r="CO351" s="898" t="str">
        <f t="shared" si="582"/>
        <v/>
      </c>
      <c r="CP351" s="898" t="str">
        <f t="shared" si="583"/>
        <v/>
      </c>
      <c r="CQ351" s="898" t="str">
        <f t="shared" si="584"/>
        <v/>
      </c>
      <c r="CR351" s="898" t="str">
        <f t="shared" si="585"/>
        <v/>
      </c>
      <c r="CS351" s="898" t="str">
        <f t="shared" si="586"/>
        <v/>
      </c>
      <c r="CT351" s="898" t="str">
        <f t="shared" si="587"/>
        <v/>
      </c>
      <c r="CU351" s="898" t="str">
        <f t="shared" si="588"/>
        <v/>
      </c>
      <c r="CV351" s="898" t="str">
        <f t="shared" si="589"/>
        <v/>
      </c>
      <c r="CW351" s="898" t="str">
        <f t="shared" si="590"/>
        <v/>
      </c>
      <c r="CX351" s="898" t="str">
        <f t="shared" si="591"/>
        <v/>
      </c>
      <c r="CY351" s="898" t="str">
        <f t="shared" si="592"/>
        <v/>
      </c>
      <c r="CZ351" s="898" t="str">
        <f t="shared" si="593"/>
        <v/>
      </c>
      <c r="DA351" s="898" t="str">
        <f t="shared" si="594"/>
        <v/>
      </c>
      <c r="DB351" s="898" t="str">
        <f t="shared" si="595"/>
        <v/>
      </c>
      <c r="DC351" s="898" t="str">
        <f t="shared" si="596"/>
        <v/>
      </c>
      <c r="DD351" s="898" t="str">
        <f t="shared" si="597"/>
        <v/>
      </c>
      <c r="DE351" s="898" t="str">
        <f t="shared" si="598"/>
        <v/>
      </c>
      <c r="DF351" s="898" t="str">
        <f t="shared" si="599"/>
        <v/>
      </c>
      <c r="DG351" s="898" t="str">
        <f t="shared" si="600"/>
        <v/>
      </c>
      <c r="DH351" s="898" t="str">
        <f t="shared" si="601"/>
        <v/>
      </c>
      <c r="DI351" s="898">
        <f t="shared" si="602"/>
        <v>1177.3144876325089</v>
      </c>
      <c r="DJ351" s="898">
        <f t="shared" si="603"/>
        <v>1255.8021201413428</v>
      </c>
      <c r="DK351" s="898">
        <f t="shared" si="604"/>
        <v>1883.7031802120143</v>
      </c>
      <c r="DL351" s="898">
        <f t="shared" si="605"/>
        <v>2488.8428268551238</v>
      </c>
      <c r="DM351" s="661">
        <f t="shared" si="546"/>
        <v>9853.3373851590113</v>
      </c>
      <c r="DN351" s="898">
        <f t="shared" si="547"/>
        <v>6805.6626148409905</v>
      </c>
      <c r="DO351" s="516">
        <f t="shared" si="548"/>
        <v>0</v>
      </c>
      <c r="DP351" s="898">
        <f t="shared" si="549"/>
        <v>0</v>
      </c>
      <c r="DQ351" s="860" t="s">
        <v>4246</v>
      </c>
      <c r="DR351" s="610" t="s">
        <v>4247</v>
      </c>
      <c r="DS351" s="1221" t="s">
        <v>4248</v>
      </c>
      <c r="DT351" s="632"/>
    </row>
    <row r="352" spans="1:124" ht="185.25" x14ac:dyDescent="0.2">
      <c r="A352" s="484" t="str">
        <f t="shared" si="544"/>
        <v>A4251 London Road cycle route</v>
      </c>
      <c r="B352" s="1163">
        <v>349</v>
      </c>
      <c r="C352" s="1156" t="s">
        <v>4428</v>
      </c>
      <c r="D352" s="481" t="s">
        <v>2481</v>
      </c>
      <c r="E352" s="481" t="s">
        <v>53</v>
      </c>
      <c r="F352" s="481" t="s">
        <v>655</v>
      </c>
      <c r="G352" s="775" t="s">
        <v>932</v>
      </c>
      <c r="H352" s="673" t="s">
        <v>1025</v>
      </c>
      <c r="I352" s="775" t="str">
        <f t="shared" si="607"/>
        <v>SG5-1</v>
      </c>
      <c r="J352" s="673" t="s">
        <v>1026</v>
      </c>
      <c r="K352" s="664" t="s">
        <v>3104</v>
      </c>
      <c r="L352" s="852" t="s">
        <v>4429</v>
      </c>
      <c r="M352" s="515" t="s">
        <v>2986</v>
      </c>
      <c r="N352" s="775" t="s">
        <v>81</v>
      </c>
      <c r="O352" s="654" t="s">
        <v>3051</v>
      </c>
      <c r="P352" s="657" t="s">
        <v>61</v>
      </c>
      <c r="Q352" s="852" t="s">
        <v>71</v>
      </c>
      <c r="R352" s="657"/>
      <c r="S352" s="657"/>
      <c r="T352" s="853">
        <v>52903</v>
      </c>
      <c r="U352" s="854"/>
      <c r="V352" s="657" t="s">
        <v>4245</v>
      </c>
      <c r="W352" s="642">
        <f t="shared" si="551"/>
        <v>0</v>
      </c>
      <c r="X352" s="745">
        <f t="shared" si="552"/>
        <v>52903</v>
      </c>
      <c r="Y352" s="745" t="s">
        <v>4260</v>
      </c>
      <c r="Z352" s="745" t="str">
        <f>_xlfn.XLOOKUP(I352, 'CALCS Aecom (July 25 2025)'!F:F, 'CALCS Aecom (July 25 2025)'!W:W)</f>
        <v>Mutliple Scenario 2 (Step 5)</v>
      </c>
      <c r="AA352" s="650" t="s">
        <v>65</v>
      </c>
      <c r="AB352" s="713" t="str">
        <f t="shared" ref="AB352:AB365" si="608">IF(BV352&gt;0, "Yes", "")</f>
        <v>Yes</v>
      </c>
      <c r="AC352" s="713" t="str">
        <f t="shared" ref="AC352:AC365" si="609">IF(BW352&gt;0, "Yes", "")</f>
        <v/>
      </c>
      <c r="AD352" s="713" t="str">
        <f t="shared" ref="AD352:AD365" si="610">IF(BX352&gt;0, "Yes", "")</f>
        <v/>
      </c>
      <c r="AE352" s="713" t="str">
        <f t="shared" ref="AE352:AE365" si="611">IF(BY352&gt;0, "Yes", "")</f>
        <v/>
      </c>
      <c r="AF352" s="713" t="str">
        <f t="shared" ref="AF352:AF365" si="612">IF(BZ352&gt;0, "Yes", "")</f>
        <v/>
      </c>
      <c r="AG352" s="713" t="str">
        <f t="shared" ref="AG352:AG365" si="613">IF(CA352&gt;0, "Yes", "")</f>
        <v>Yes</v>
      </c>
      <c r="AH352" s="713" t="str">
        <f t="shared" ref="AH352:AH365" si="614">IF(CB352&gt;0, "Yes", "")</f>
        <v>Yes</v>
      </c>
      <c r="AI352" s="713" t="str">
        <f t="shared" ref="AI352:AI365" si="615">IF(CC352&gt;0, "Yes", "")</f>
        <v>Yes</v>
      </c>
      <c r="AJ352" s="713" t="str">
        <f t="shared" ref="AJ352:AJ365" si="616">IF(CD352&gt;0, "Yes", "")</f>
        <v>Yes</v>
      </c>
      <c r="AK352" s="713" t="str">
        <f t="shared" ref="AK352:AK365" si="617">IF(CE352&gt;0, "Yes", "")</f>
        <v>Yes</v>
      </c>
      <c r="AL352" s="713" t="str">
        <f t="shared" ref="AL352:AL365" si="618">IF(CF352&gt;0, "Yes", "")</f>
        <v>Yes</v>
      </c>
      <c r="AM352" s="713" t="str">
        <f t="shared" ref="AM352:AM365" si="619">IF(CG352&gt;0, "Yes", "")</f>
        <v/>
      </c>
      <c r="AN352" s="713" t="str">
        <f t="shared" ref="AN352:AN365" si="620">IF(CH352&gt;0, "Yes", "")</f>
        <v>Yes</v>
      </c>
      <c r="AO352" s="713" t="str">
        <f t="shared" ref="AO352:AO365" si="621">IF(CI352&gt;0, "Yes", "")</f>
        <v/>
      </c>
      <c r="AP352" s="713" t="str">
        <f t="shared" ref="AP352:AP365" si="622">IF(CJ352&gt;0, "Yes", "")</f>
        <v/>
      </c>
      <c r="AQ352" s="713" t="str">
        <f t="shared" ref="AQ352:AQ365" si="623">IF(CK352&gt;0, "Yes", "")</f>
        <v/>
      </c>
      <c r="AR352" s="713" t="str">
        <f t="shared" ref="AR352:AR365" si="624">IF(CL352&gt;0, "Yes", "")</f>
        <v/>
      </c>
      <c r="AS352" s="892"/>
      <c r="AT352" s="892"/>
      <c r="AU352" s="892"/>
      <c r="AV352" s="661"/>
      <c r="AW352" s="892"/>
      <c r="AX352" s="892"/>
      <c r="AY352" s="892"/>
      <c r="AZ352" s="661"/>
      <c r="BA352" s="892"/>
      <c r="BB352" s="661"/>
      <c r="BC352" s="661"/>
      <c r="BD352" s="892"/>
      <c r="BE352" s="661"/>
      <c r="BF352" s="661"/>
      <c r="BG352" s="746"/>
      <c r="BH352" s="746"/>
      <c r="BI352" s="746"/>
      <c r="BJ352" s="746"/>
      <c r="BK352" s="746"/>
      <c r="BL352" s="746"/>
      <c r="BM352" s="746"/>
      <c r="BN352" s="746"/>
      <c r="BO352" s="892" t="str">
        <f t="shared" ref="BO352:BO365" si="625">IF(DI352&gt;0, "Yes", "")</f>
        <v>Yes</v>
      </c>
      <c r="BP352" s="892" t="str">
        <f t="shared" ref="BP352:BP365" si="626">IF(DJ352&gt;0, "Yes", "")</f>
        <v/>
      </c>
      <c r="BQ352" s="892" t="str">
        <f t="shared" ref="BQ352:BQ365" si="627">IF(DK352&gt;0, "Yes", "")</f>
        <v>Yes</v>
      </c>
      <c r="BR352" s="892" t="str">
        <f t="shared" ref="BR352:BR365" si="628">IF(DL352&gt;0, "Yes", "")</f>
        <v/>
      </c>
      <c r="BS352" s="884">
        <f t="shared" si="545"/>
        <v>11854</v>
      </c>
      <c r="BT352" s="661">
        <f t="shared" si="562"/>
        <v>4.4628817276868569</v>
      </c>
      <c r="BU352" s="661" t="str">
        <f t="shared" si="606"/>
        <v>GOOD</v>
      </c>
      <c r="BV352" s="1149">
        <f>$X352*_xlfn.XLOOKUP($I352, 'CALCS Aecom (July 25 2025)'!$F:$F, 'CALCS Aecom (July 25 2025)'!BZ:BZ)</f>
        <v>819.27143540585075</v>
      </c>
      <c r="BW352" s="1149">
        <f>$X352*_xlfn.XLOOKUP($I352, 'CALCS Aecom (July 25 2025)'!$F:$F, 'CALCS Aecom (July 25 2025)'!CC:CC)</f>
        <v>0</v>
      </c>
      <c r="BX352" s="1149">
        <f>$X352*_xlfn.XLOOKUP($I352, 'CALCS Aecom (July 25 2025)'!$F:$F, 'CALCS Aecom (July 25 2025)'!CI:CI)</f>
        <v>0</v>
      </c>
      <c r="BY352" s="1149">
        <f>$X352*_xlfn.XLOOKUP($I352, 'CALCS Aecom (July 25 2025)'!$F:$F, 'CALCS Aecom (July 25 2025)'!BQ:BQ)</f>
        <v>0</v>
      </c>
      <c r="BZ352" s="1149">
        <f>$X352*_xlfn.XLOOKUP($I352, 'CALCS Aecom (July 25 2025)'!$F:$F, 'CALCS Aecom (July 25 2025)'!BV:BV)</f>
        <v>0</v>
      </c>
      <c r="CA352" s="1149">
        <f>$X352*_xlfn.XLOOKUP($I352, 'CALCS Aecom (July 25 2025)'!$F:$F, 'CALCS Aecom (July 25 2025)'!BR:BR)</f>
        <v>42602.114641104243</v>
      </c>
      <c r="CB352" s="1149">
        <f>$X352*_xlfn.XLOOKUP($I352, 'CALCS Aecom (July 25 2025)'!$F:$F, 'CALCS Aecom (July 25 2025)'!CD:CD)</f>
        <v>3686.7214593263279</v>
      </c>
      <c r="CC352" s="1149">
        <f>$X352*_xlfn.XLOOKUP($I352, 'CALCS Aecom (July 25 2025)'!$F:$F, 'CALCS Aecom (July 25 2025)'!BT:BT)</f>
        <v>1228.9071531087761</v>
      </c>
      <c r="CD352" s="1149">
        <f>$X352*_xlfn.XLOOKUP($I352, 'CALCS Aecom (July 25 2025)'!$F:$F, 'CALCS Aecom (July 25 2025)'!BU:BU)</f>
        <v>819.27143540585075</v>
      </c>
      <c r="CE352" s="1149">
        <f>$X352*_xlfn.XLOOKUP($I352, 'CALCS Aecom (July 25 2025)'!$F:$F, 'CALCS Aecom (July 25 2025)'!BW:BW)</f>
        <v>2457.8143062175523</v>
      </c>
      <c r="CF352" s="1149">
        <f>$X352*_xlfn.XLOOKUP($I352, 'CALCS Aecom (July 25 2025)'!$F:$F, 'CALCS Aecom (July 25 2025)'!BS:BS)</f>
        <v>409.63571770292538</v>
      </c>
      <c r="CG352" s="1149">
        <f>$X352*_xlfn.XLOOKUP($I352, 'CALCS Aecom (July 25 2025)'!$F:$F, 'CALCS Aecom (July 25 2025)'!CE:CE)</f>
        <v>0</v>
      </c>
      <c r="CH352" s="1149">
        <f>$X352*_xlfn.XLOOKUP($I352, 'CALCS Aecom (July 25 2025)'!$F:$F, 'CALCS Aecom (July 25 2025)'!CJ:CJ)</f>
        <v>59.992416322625225</v>
      </c>
      <c r="CI352" s="1149">
        <f>$X352*_xlfn.XLOOKUP($I352, 'CALCS Aecom (July 25 2025)'!$F:$F, 'CALCS Aecom (July 25 2025)'!CB:CB)</f>
        <v>0</v>
      </c>
      <c r="CJ352" s="1149">
        <f>$X352*_xlfn.XLOOKUP($I352, 'CALCS Aecom (July 25 2025)'!$F:$F, 'CALCS Aecom (July 25 2025)'!CF:CF)</f>
        <v>0</v>
      </c>
      <c r="CK352" s="1149">
        <f>$X352*_xlfn.XLOOKUP($I352, 'CALCS Aecom (July 25 2025)'!$F:$F, 'CALCS Aecom (July 25 2025)'!CG:CG)</f>
        <v>0</v>
      </c>
      <c r="CL352" s="1149"/>
      <c r="CM352" s="898"/>
      <c r="CN352" s="898"/>
      <c r="CO352" s="898"/>
      <c r="CP352" s="898"/>
      <c r="CQ352" s="898"/>
      <c r="CR352" s="898"/>
      <c r="CS352" s="898"/>
      <c r="CT352" s="898"/>
      <c r="CU352" s="898"/>
      <c r="CV352" s="898"/>
      <c r="CW352" s="898"/>
      <c r="CX352" s="898"/>
      <c r="CY352" s="898"/>
      <c r="CZ352" s="898"/>
      <c r="DA352" s="898"/>
      <c r="DB352" s="898"/>
      <c r="DC352" s="898"/>
      <c r="DD352" s="898"/>
      <c r="DE352" s="898"/>
      <c r="DF352" s="898"/>
      <c r="DG352" s="898"/>
      <c r="DH352" s="898"/>
      <c r="DI352" s="1149">
        <f>$X352*_xlfn.XLOOKUP($I352, 'CALCS Aecom (July 25 2025)'!$F:$F, 'CALCS Aecom (July 25 2025)'!CA:CA)</f>
        <v>409.63571770292538</v>
      </c>
      <c r="DJ352" s="1149">
        <f>$X352*_xlfn.XLOOKUP($I352, 'CALCS Aecom (July 25 2025)'!$F:$F, 'CALCS Aecom (July 25 2025)'!BX:BX)</f>
        <v>0</v>
      </c>
      <c r="DK352" s="1149">
        <f>$X352*_xlfn.XLOOKUP($I352, 'CALCS Aecom (July 25 2025)'!$F:$F, 'CALCS Aecom (July 25 2025)'!BY:BY)</f>
        <v>409.63571770292538</v>
      </c>
      <c r="DL352" s="1149">
        <f>$X352*_xlfn.XLOOKUP($I352, 'CALCS Aecom (July 25 2025)'!$F:$F, 'CALCS Aecom (July 25 2025)'!CH:CH)</f>
        <v>0</v>
      </c>
      <c r="DM352" s="661">
        <f t="shared" si="546"/>
        <v>52083.728564594145</v>
      </c>
      <c r="DN352" s="898">
        <f t="shared" si="547"/>
        <v>819.27143540585075</v>
      </c>
      <c r="DO352" s="516">
        <f t="shared" si="548"/>
        <v>0</v>
      </c>
      <c r="DP352" s="898">
        <f t="shared" si="549"/>
        <v>0</v>
      </c>
      <c r="DQ352" s="860" t="s">
        <v>4246</v>
      </c>
      <c r="DR352" s="860" t="s">
        <v>4261</v>
      </c>
      <c r="DS352" s="1221" t="s">
        <v>4248</v>
      </c>
      <c r="DT352" s="632"/>
    </row>
    <row r="353" spans="1:124" ht="185.25" x14ac:dyDescent="0.2">
      <c r="A353" s="484" t="str">
        <f t="shared" si="544"/>
        <v>A4251 London Road footway widths</v>
      </c>
      <c r="B353" s="1163">
        <v>350</v>
      </c>
      <c r="C353" s="1156" t="s">
        <v>4430</v>
      </c>
      <c r="D353" s="481" t="s">
        <v>2481</v>
      </c>
      <c r="E353" s="481" t="s">
        <v>53</v>
      </c>
      <c r="F353" s="481" t="s">
        <v>655</v>
      </c>
      <c r="G353" s="775" t="s">
        <v>932</v>
      </c>
      <c r="H353" s="673" t="s">
        <v>1028</v>
      </c>
      <c r="I353" s="775" t="str">
        <f t="shared" si="607"/>
        <v>SG5-2</v>
      </c>
      <c r="J353" s="673" t="s">
        <v>1029</v>
      </c>
      <c r="K353" s="664" t="s">
        <v>3104</v>
      </c>
      <c r="L353" s="852" t="s">
        <v>4429</v>
      </c>
      <c r="M353" s="515" t="s">
        <v>2986</v>
      </c>
      <c r="N353" s="775" t="s">
        <v>81</v>
      </c>
      <c r="O353" s="654" t="s">
        <v>3051</v>
      </c>
      <c r="P353" s="657" t="s">
        <v>61</v>
      </c>
      <c r="Q353" s="852" t="s">
        <v>71</v>
      </c>
      <c r="R353" s="657"/>
      <c r="S353" s="657"/>
      <c r="T353" s="853">
        <v>1139069</v>
      </c>
      <c r="U353" s="854"/>
      <c r="V353" s="657" t="s">
        <v>4245</v>
      </c>
      <c r="W353" s="642">
        <f t="shared" si="551"/>
        <v>0</v>
      </c>
      <c r="X353" s="745">
        <f t="shared" si="552"/>
        <v>1139069</v>
      </c>
      <c r="Y353" s="745" t="s">
        <v>4260</v>
      </c>
      <c r="Z353" s="745" t="str">
        <f>_xlfn.XLOOKUP(I353, 'CALCS Aecom (July 25 2025)'!F:F, 'CALCS Aecom (July 25 2025)'!W:W)</f>
        <v>Mutliple Scenario 2 (Step 5)</v>
      </c>
      <c r="AA353" s="650" t="s">
        <v>65</v>
      </c>
      <c r="AB353" s="713" t="str">
        <f t="shared" si="608"/>
        <v>Yes</v>
      </c>
      <c r="AC353" s="713" t="str">
        <f t="shared" si="609"/>
        <v/>
      </c>
      <c r="AD353" s="713" t="str">
        <f t="shared" si="610"/>
        <v/>
      </c>
      <c r="AE353" s="713" t="str">
        <f t="shared" si="611"/>
        <v/>
      </c>
      <c r="AF353" s="713" t="str">
        <f t="shared" si="612"/>
        <v/>
      </c>
      <c r="AG353" s="713" t="str">
        <f t="shared" si="613"/>
        <v>Yes</v>
      </c>
      <c r="AH353" s="713" t="str">
        <f t="shared" si="614"/>
        <v>Yes</v>
      </c>
      <c r="AI353" s="713" t="str">
        <f t="shared" si="615"/>
        <v>Yes</v>
      </c>
      <c r="AJ353" s="713" t="str">
        <f t="shared" si="616"/>
        <v>Yes</v>
      </c>
      <c r="AK353" s="713" t="str">
        <f t="shared" si="617"/>
        <v>Yes</v>
      </c>
      <c r="AL353" s="713" t="str">
        <f t="shared" si="618"/>
        <v>Yes</v>
      </c>
      <c r="AM353" s="713" t="str">
        <f t="shared" si="619"/>
        <v/>
      </c>
      <c r="AN353" s="713" t="str">
        <f t="shared" si="620"/>
        <v>Yes</v>
      </c>
      <c r="AO353" s="713" t="str">
        <f t="shared" si="621"/>
        <v/>
      </c>
      <c r="AP353" s="713" t="str">
        <f t="shared" si="622"/>
        <v/>
      </c>
      <c r="AQ353" s="713" t="str">
        <f t="shared" si="623"/>
        <v/>
      </c>
      <c r="AR353" s="713" t="str">
        <f t="shared" si="624"/>
        <v/>
      </c>
      <c r="AS353" s="892"/>
      <c r="AT353" s="892"/>
      <c r="AU353" s="892"/>
      <c r="AV353" s="661"/>
      <c r="AW353" s="892"/>
      <c r="AX353" s="892"/>
      <c r="AY353" s="892"/>
      <c r="AZ353" s="661"/>
      <c r="BA353" s="892"/>
      <c r="BB353" s="661"/>
      <c r="BC353" s="661"/>
      <c r="BD353" s="892"/>
      <c r="BE353" s="661"/>
      <c r="BF353" s="661"/>
      <c r="BG353" s="746"/>
      <c r="BH353" s="746"/>
      <c r="BI353" s="746"/>
      <c r="BJ353" s="746"/>
      <c r="BK353" s="746"/>
      <c r="BL353" s="746"/>
      <c r="BM353" s="746"/>
      <c r="BN353" s="746"/>
      <c r="BO353" s="892" t="str">
        <f t="shared" si="625"/>
        <v>Yes</v>
      </c>
      <c r="BP353" s="892" t="str">
        <f t="shared" si="626"/>
        <v/>
      </c>
      <c r="BQ353" s="892" t="str">
        <f t="shared" si="627"/>
        <v>Yes</v>
      </c>
      <c r="BR353" s="892" t="str">
        <f t="shared" si="628"/>
        <v/>
      </c>
      <c r="BS353" s="884">
        <f t="shared" si="545"/>
        <v>11854</v>
      </c>
      <c r="BT353" s="661">
        <f t="shared" si="562"/>
        <v>96.091530285135818</v>
      </c>
      <c r="BU353" s="661" t="str">
        <f t="shared" si="606"/>
        <v>GOOD</v>
      </c>
      <c r="BV353" s="1149">
        <f>$X353*_xlfn.XLOOKUP($I353, 'CALCS Aecom (July 25 2025)'!$F:$F, 'CALCS Aecom (July 25 2025)'!BZ:BZ)</f>
        <v>17639.957935396989</v>
      </c>
      <c r="BW353" s="1149">
        <f>$X353*_xlfn.XLOOKUP($I353, 'CALCS Aecom (July 25 2025)'!$F:$F, 'CALCS Aecom (July 25 2025)'!CC:CC)</f>
        <v>0</v>
      </c>
      <c r="BX353" s="1149">
        <f>$X353*_xlfn.XLOOKUP($I353, 'CALCS Aecom (July 25 2025)'!$F:$F, 'CALCS Aecom (July 25 2025)'!CI:CI)</f>
        <v>0</v>
      </c>
      <c r="BY353" s="1149">
        <f>$X353*_xlfn.XLOOKUP($I353, 'CALCS Aecom (July 25 2025)'!$F:$F, 'CALCS Aecom (July 25 2025)'!BQ:BQ)</f>
        <v>0</v>
      </c>
      <c r="BZ353" s="1149">
        <f>$X353*_xlfn.XLOOKUP($I353, 'CALCS Aecom (July 25 2025)'!$F:$F, 'CALCS Aecom (July 25 2025)'!BV:BV)</f>
        <v>0</v>
      </c>
      <c r="CA353" s="1149">
        <f>$X353*_xlfn.XLOOKUP($I353, 'CALCS Aecom (July 25 2025)'!$F:$F, 'CALCS Aecom (July 25 2025)'!BR:BR)</f>
        <v>917277.81264064356</v>
      </c>
      <c r="CB353" s="1149">
        <f>$X353*_xlfn.XLOOKUP($I353, 'CALCS Aecom (July 25 2025)'!$F:$F, 'CALCS Aecom (July 25 2025)'!CD:CD)</f>
        <v>79379.810709286452</v>
      </c>
      <c r="CC353" s="1149">
        <f>$X353*_xlfn.XLOOKUP($I353, 'CALCS Aecom (July 25 2025)'!$F:$F, 'CALCS Aecom (July 25 2025)'!BT:BT)</f>
        <v>26459.936903095484</v>
      </c>
      <c r="CD353" s="1149">
        <f>$X353*_xlfn.XLOOKUP($I353, 'CALCS Aecom (July 25 2025)'!$F:$F, 'CALCS Aecom (July 25 2025)'!BU:BU)</f>
        <v>17639.957935396989</v>
      </c>
      <c r="CE353" s="1149">
        <f>$X353*_xlfn.XLOOKUP($I353, 'CALCS Aecom (July 25 2025)'!$F:$F, 'CALCS Aecom (July 25 2025)'!BW:BW)</f>
        <v>52919.873806190968</v>
      </c>
      <c r="CF353" s="1149">
        <f>$X353*_xlfn.XLOOKUP($I353, 'CALCS Aecom (July 25 2025)'!$F:$F, 'CALCS Aecom (July 25 2025)'!BS:BS)</f>
        <v>8819.9789676984947</v>
      </c>
      <c r="CG353" s="1149">
        <f>$X353*_xlfn.XLOOKUP($I353, 'CALCS Aecom (July 25 2025)'!$F:$F, 'CALCS Aecom (July 25 2025)'!CE:CE)</f>
        <v>0</v>
      </c>
      <c r="CH353" s="1149">
        <f>$X353*_xlfn.XLOOKUP($I353, 'CALCS Aecom (July 25 2025)'!$F:$F, 'CALCS Aecom (July 25 2025)'!CJ:CJ)</f>
        <v>1291.7131668940588</v>
      </c>
      <c r="CI353" s="1149">
        <f>$X353*_xlfn.XLOOKUP($I353, 'CALCS Aecom (July 25 2025)'!$F:$F, 'CALCS Aecom (July 25 2025)'!CB:CB)</f>
        <v>0</v>
      </c>
      <c r="CJ353" s="1149">
        <f>$X353*_xlfn.XLOOKUP($I353, 'CALCS Aecom (July 25 2025)'!$F:$F, 'CALCS Aecom (July 25 2025)'!CF:CF)</f>
        <v>0</v>
      </c>
      <c r="CK353" s="1149">
        <f>$X353*_xlfn.XLOOKUP($I353, 'CALCS Aecom (July 25 2025)'!$F:$F, 'CALCS Aecom (July 25 2025)'!CG:CG)</f>
        <v>0</v>
      </c>
      <c r="CL353" s="1149"/>
      <c r="CM353" s="898"/>
      <c r="CN353" s="898"/>
      <c r="CO353" s="898"/>
      <c r="CP353" s="898"/>
      <c r="CQ353" s="898"/>
      <c r="CR353" s="898"/>
      <c r="CS353" s="898"/>
      <c r="CT353" s="898"/>
      <c r="CU353" s="898"/>
      <c r="CV353" s="898"/>
      <c r="CW353" s="898"/>
      <c r="CX353" s="898"/>
      <c r="CY353" s="898"/>
      <c r="CZ353" s="898"/>
      <c r="DA353" s="898"/>
      <c r="DB353" s="898"/>
      <c r="DC353" s="898"/>
      <c r="DD353" s="898"/>
      <c r="DE353" s="898"/>
      <c r="DF353" s="898"/>
      <c r="DG353" s="898"/>
      <c r="DH353" s="898"/>
      <c r="DI353" s="1149">
        <f>$X353*_xlfn.XLOOKUP($I353, 'CALCS Aecom (July 25 2025)'!$F:$F, 'CALCS Aecom (July 25 2025)'!CA:CA)</f>
        <v>8819.9789676984947</v>
      </c>
      <c r="DJ353" s="1149">
        <f>$X353*_xlfn.XLOOKUP($I353, 'CALCS Aecom (July 25 2025)'!$F:$F, 'CALCS Aecom (July 25 2025)'!BX:BX)</f>
        <v>0</v>
      </c>
      <c r="DK353" s="1149">
        <f>$X353*_xlfn.XLOOKUP($I353, 'CALCS Aecom (July 25 2025)'!$F:$F, 'CALCS Aecom (July 25 2025)'!BY:BY)</f>
        <v>8819.9789676984947</v>
      </c>
      <c r="DL353" s="1149">
        <f>$X353*_xlfn.XLOOKUP($I353, 'CALCS Aecom (July 25 2025)'!$F:$F, 'CALCS Aecom (July 25 2025)'!CH:CH)</f>
        <v>0</v>
      </c>
      <c r="DM353" s="661">
        <f t="shared" si="546"/>
        <v>1121429.042064603</v>
      </c>
      <c r="DN353" s="898">
        <f t="shared" si="547"/>
        <v>17639.957935396989</v>
      </c>
      <c r="DO353" s="516">
        <f t="shared" si="548"/>
        <v>0</v>
      </c>
      <c r="DP353" s="898">
        <f t="shared" si="549"/>
        <v>0</v>
      </c>
      <c r="DQ353" s="860" t="s">
        <v>4246</v>
      </c>
      <c r="DR353" s="860" t="s">
        <v>4261</v>
      </c>
      <c r="DS353" s="1221" t="s">
        <v>4248</v>
      </c>
      <c r="DT353" s="632"/>
    </row>
    <row r="354" spans="1:124" ht="299.25" x14ac:dyDescent="0.2">
      <c r="A354" s="484" t="str">
        <f t="shared" si="544"/>
        <v>A4251 London Road-A4146 Station Road Junction Reconfiguration including provision for cyclists and buses</v>
      </c>
      <c r="B354" s="1163">
        <v>351</v>
      </c>
      <c r="C354" s="1156" t="s">
        <v>4431</v>
      </c>
      <c r="D354" s="481" t="s">
        <v>2481</v>
      </c>
      <c r="E354" s="481" t="s">
        <v>53</v>
      </c>
      <c r="F354" s="481" t="s">
        <v>655</v>
      </c>
      <c r="G354" s="775" t="s">
        <v>900</v>
      </c>
      <c r="H354" s="673" t="s">
        <v>1032</v>
      </c>
      <c r="I354" s="775" t="str">
        <f t="shared" si="607"/>
        <v>SG5-4</v>
      </c>
      <c r="J354" s="673" t="s">
        <v>1033</v>
      </c>
      <c r="K354" s="664" t="s">
        <v>3104</v>
      </c>
      <c r="L354" s="852" t="s">
        <v>4432</v>
      </c>
      <c r="M354" s="657" t="s">
        <v>2996</v>
      </c>
      <c r="N354" s="775" t="s">
        <v>81</v>
      </c>
      <c r="O354" s="654" t="s">
        <v>3051</v>
      </c>
      <c r="P354" s="657" t="s">
        <v>61</v>
      </c>
      <c r="Q354" s="852" t="s">
        <v>122</v>
      </c>
      <c r="R354" s="657"/>
      <c r="S354" s="657"/>
      <c r="T354" s="853">
        <v>759380</v>
      </c>
      <c r="U354" s="854"/>
      <c r="V354" s="657" t="s">
        <v>4245</v>
      </c>
      <c r="W354" s="642">
        <f t="shared" si="551"/>
        <v>0</v>
      </c>
      <c r="X354" s="745">
        <f t="shared" si="552"/>
        <v>759380</v>
      </c>
      <c r="Y354" s="745" t="s">
        <v>4260</v>
      </c>
      <c r="Z354" s="745" t="str">
        <f>_xlfn.XLOOKUP(I354, 'CALCS Aecom (July 25 2025)'!F:F, 'CALCS Aecom (July 25 2025)'!W:W)</f>
        <v>Mutliple Scenario 2 (Step 5)</v>
      </c>
      <c r="AA354" s="1331" t="s">
        <v>3220</v>
      </c>
      <c r="AB354" s="713" t="str">
        <f t="shared" si="608"/>
        <v>Yes</v>
      </c>
      <c r="AC354" s="713" t="str">
        <f t="shared" si="609"/>
        <v>Yes</v>
      </c>
      <c r="AD354" s="713" t="str">
        <f t="shared" si="610"/>
        <v>Yes</v>
      </c>
      <c r="AE354" s="713" t="str">
        <f t="shared" si="611"/>
        <v>Yes</v>
      </c>
      <c r="AF354" s="713" t="str">
        <f t="shared" si="612"/>
        <v>Yes</v>
      </c>
      <c r="AG354" s="713" t="str">
        <f t="shared" si="613"/>
        <v>Yes</v>
      </c>
      <c r="AH354" s="713" t="str">
        <f t="shared" si="614"/>
        <v>Yes</v>
      </c>
      <c r="AI354" s="713" t="str">
        <f t="shared" si="615"/>
        <v>Yes</v>
      </c>
      <c r="AJ354" s="713" t="str">
        <f t="shared" si="616"/>
        <v>Yes</v>
      </c>
      <c r="AK354" s="713" t="str">
        <f t="shared" si="617"/>
        <v>Yes</v>
      </c>
      <c r="AL354" s="713" t="str">
        <f t="shared" si="618"/>
        <v>Yes</v>
      </c>
      <c r="AM354" s="713" t="str">
        <f t="shared" si="619"/>
        <v>Yes</v>
      </c>
      <c r="AN354" s="713" t="str">
        <f t="shared" si="620"/>
        <v>Yes</v>
      </c>
      <c r="AO354" s="713" t="str">
        <f t="shared" si="621"/>
        <v>Yes</v>
      </c>
      <c r="AP354" s="713" t="str">
        <f t="shared" si="622"/>
        <v>Yes</v>
      </c>
      <c r="AQ354" s="713" t="str">
        <f t="shared" si="623"/>
        <v>Yes</v>
      </c>
      <c r="AR354" s="713" t="str">
        <f t="shared" si="624"/>
        <v/>
      </c>
      <c r="AS354" s="657"/>
      <c r="AT354" s="657"/>
      <c r="AU354" s="657"/>
      <c r="AV354" s="657"/>
      <c r="AW354" s="657"/>
      <c r="AX354" s="657"/>
      <c r="AY354" s="657"/>
      <c r="AZ354" s="657"/>
      <c r="BA354" s="657"/>
      <c r="BB354" s="657"/>
      <c r="BC354" s="657"/>
      <c r="BD354" s="657"/>
      <c r="BE354" s="657"/>
      <c r="BF354" s="657"/>
      <c r="BG354" s="746"/>
      <c r="BH354" s="746"/>
      <c r="BI354" s="746"/>
      <c r="BJ354" s="746"/>
      <c r="BK354" s="746"/>
      <c r="BL354" s="746"/>
      <c r="BM354" s="746"/>
      <c r="BN354" s="746"/>
      <c r="BO354" s="892" t="str">
        <f t="shared" si="625"/>
        <v>Yes</v>
      </c>
      <c r="BP354" s="892" t="str">
        <f t="shared" si="626"/>
        <v>Yes</v>
      </c>
      <c r="BQ354" s="892" t="str">
        <f t="shared" si="627"/>
        <v>Yes</v>
      </c>
      <c r="BR354" s="892" t="str">
        <f t="shared" si="628"/>
        <v/>
      </c>
      <c r="BS354" s="884">
        <f t="shared" si="545"/>
        <v>15674</v>
      </c>
      <c r="BT354" s="661">
        <f t="shared" si="562"/>
        <v>48.448385861936963</v>
      </c>
      <c r="BU354" s="661" t="str">
        <f t="shared" si="606"/>
        <v>GOOD</v>
      </c>
      <c r="BV354" s="1149">
        <f>$X354*_xlfn.XLOOKUP($I354, 'CALCS Aecom (July 25 2025)'!$F:$F, 'CALCS Aecom (July 25 2025)'!BZ:BZ)</f>
        <v>235737.4961347206</v>
      </c>
      <c r="BW354" s="1149">
        <f>$X354*_xlfn.XLOOKUP($I354, 'CALCS Aecom (July 25 2025)'!$F:$F, 'CALCS Aecom (July 25 2025)'!CC:CC)</f>
        <v>10785.375640150616</v>
      </c>
      <c r="BX354" s="1149">
        <f>$X354*_xlfn.XLOOKUP($I354, 'CALCS Aecom (July 25 2025)'!$F:$F, 'CALCS Aecom (July 25 2025)'!CI:CI)</f>
        <v>27733.823074673011</v>
      </c>
      <c r="BY354" s="1149">
        <f>$X354*_xlfn.XLOOKUP($I354, 'CALCS Aecom (July 25 2025)'!$F:$F, 'CALCS Aecom (July 25 2025)'!BQ:BQ)</f>
        <v>20029.983331708288</v>
      </c>
      <c r="BZ354" s="1149">
        <f>$X354*_xlfn.XLOOKUP($I354, 'CALCS Aecom (July 25 2025)'!$F:$F, 'CALCS Aecom (July 25 2025)'!BV:BV)</f>
        <v>26193.055126080068</v>
      </c>
      <c r="CA354" s="1149">
        <f>$X354*_xlfn.XLOOKUP($I354, 'CALCS Aecom (July 25 2025)'!$F:$F, 'CALCS Aecom (July 25 2025)'!BR:BR)</f>
        <v>110935.29229869205</v>
      </c>
      <c r="CB354" s="1149">
        <f>$X354*_xlfn.XLOOKUP($I354, 'CALCS Aecom (July 25 2025)'!$F:$F, 'CALCS Aecom (July 25 2025)'!CD:CD)</f>
        <v>13866.911537336506</v>
      </c>
      <c r="CC354" s="1149">
        <f>$X354*_xlfn.XLOOKUP($I354, 'CALCS Aecom (July 25 2025)'!$F:$F, 'CALCS Aecom (July 25 2025)'!BT:BT)</f>
        <v>4622.3038457788352</v>
      </c>
      <c r="CD354" s="1149">
        <f>$X354*_xlfn.XLOOKUP($I354, 'CALCS Aecom (July 25 2025)'!$F:$F, 'CALCS Aecom (July 25 2025)'!BU:BU)</f>
        <v>26193.055126080068</v>
      </c>
      <c r="CE354" s="1149">
        <f>$X354*_xlfn.XLOOKUP($I354, 'CALCS Aecom (July 25 2025)'!$F:$F, 'CALCS Aecom (July 25 2025)'!BW:BW)</f>
        <v>129424.5076818074</v>
      </c>
      <c r="CF354" s="1149">
        <f>$X354*_xlfn.XLOOKUP($I354, 'CALCS Aecom (July 25 2025)'!$F:$F, 'CALCS Aecom (July 25 2025)'!BS:BS)</f>
        <v>33896.894869044794</v>
      </c>
      <c r="CG354" s="1149">
        <f>$X354*_xlfn.XLOOKUP($I354, 'CALCS Aecom (July 25 2025)'!$F:$F, 'CALCS Aecom (July 25 2025)'!CE:CE)</f>
        <v>3081.53589718589</v>
      </c>
      <c r="CH354" s="1149">
        <f>$X354*_xlfn.XLOOKUP($I354, 'CALCS Aecom (July 25 2025)'!$F:$F, 'CALCS Aecom (July 25 2025)'!CJ:CJ)</f>
        <v>9026.0090352355601</v>
      </c>
      <c r="CI354" s="1149">
        <f>$X354*_xlfn.XLOOKUP($I354, 'CALCS Aecom (July 25 2025)'!$F:$F, 'CALCS Aecom (July 25 2025)'!CB:CB)</f>
        <v>6163.07179437178</v>
      </c>
      <c r="CJ354" s="1149">
        <f>$X354*_xlfn.XLOOKUP($I354, 'CALCS Aecom (July 25 2025)'!$F:$F, 'CALCS Aecom (July 25 2025)'!CF:CF)</f>
        <v>3081.53589718589</v>
      </c>
      <c r="CK354" s="1149">
        <f>$X354*_xlfn.XLOOKUP($I354, 'CALCS Aecom (July 25 2025)'!$F:$F, 'CALCS Aecom (July 25 2025)'!CG:CG)</f>
        <v>1540.767948592945</v>
      </c>
      <c r="CL354" s="1149"/>
      <c r="CM354" s="898"/>
      <c r="CN354" s="898"/>
      <c r="CO354" s="898"/>
      <c r="CP354" s="898"/>
      <c r="CQ354" s="898"/>
      <c r="CR354" s="898"/>
      <c r="CS354" s="898"/>
      <c r="CT354" s="898"/>
      <c r="CU354" s="898"/>
      <c r="CV354" s="898"/>
      <c r="CW354" s="898"/>
      <c r="CX354" s="898"/>
      <c r="CY354" s="898"/>
      <c r="CZ354" s="898"/>
      <c r="DA354" s="898"/>
      <c r="DB354" s="898"/>
      <c r="DC354" s="898"/>
      <c r="DD354" s="898"/>
      <c r="DE354" s="898"/>
      <c r="DF354" s="898"/>
      <c r="DG354" s="898"/>
      <c r="DH354" s="898"/>
      <c r="DI354" s="1149">
        <f>$X354*_xlfn.XLOOKUP($I354, 'CALCS Aecom (July 25 2025)'!$F:$F, 'CALCS Aecom (July 25 2025)'!CA:CA)</f>
        <v>4622.3038457788352</v>
      </c>
      <c r="DJ354" s="1149">
        <f>$X354*_xlfn.XLOOKUP($I354, 'CALCS Aecom (July 25 2025)'!$F:$F, 'CALCS Aecom (July 25 2025)'!BX:BX)</f>
        <v>20029.983331708288</v>
      </c>
      <c r="DK354" s="1149">
        <f>$X354*_xlfn.XLOOKUP($I354, 'CALCS Aecom (July 25 2025)'!$F:$F, 'CALCS Aecom (July 25 2025)'!BY:BY)</f>
        <v>72416.093583868424</v>
      </c>
      <c r="DL354" s="1149">
        <f>$X354*_xlfn.XLOOKUP($I354, 'CALCS Aecom (July 25 2025)'!$F:$F, 'CALCS Aecom (July 25 2025)'!CH:CH)</f>
        <v>0</v>
      </c>
      <c r="DM354" s="661">
        <f t="shared" si="546"/>
        <v>662311.61923864414</v>
      </c>
      <c r="DN354" s="898">
        <f t="shared" si="547"/>
        <v>97068.38076135554</v>
      </c>
      <c r="DO354" s="516">
        <f t="shared" si="548"/>
        <v>0</v>
      </c>
      <c r="DP354" s="898">
        <f t="shared" si="549"/>
        <v>0</v>
      </c>
      <c r="DQ354" s="860" t="s">
        <v>4246</v>
      </c>
      <c r="DR354" s="860" t="s">
        <v>4261</v>
      </c>
      <c r="DS354" s="1221" t="s">
        <v>4265</v>
      </c>
      <c r="DT354" s="632"/>
    </row>
    <row r="355" spans="1:124" ht="270.75" x14ac:dyDescent="0.2">
      <c r="A355" s="484" t="str">
        <f t="shared" si="544"/>
        <v>Two Waters Road-London Road pedestrian-cycle link</v>
      </c>
      <c r="B355" s="1163">
        <v>352</v>
      </c>
      <c r="C355" s="1156" t="s">
        <v>4433</v>
      </c>
      <c r="D355" s="481" t="s">
        <v>2481</v>
      </c>
      <c r="E355" s="481" t="s">
        <v>53</v>
      </c>
      <c r="F355" s="481" t="s">
        <v>655</v>
      </c>
      <c r="G355" s="775" t="s">
        <v>932</v>
      </c>
      <c r="H355" s="673" t="s">
        <v>1034</v>
      </c>
      <c r="I355" s="775" t="str">
        <f t="shared" si="607"/>
        <v>SG6-1</v>
      </c>
      <c r="J355" s="673" t="s">
        <v>1035</v>
      </c>
      <c r="K355" s="664" t="s">
        <v>3104</v>
      </c>
      <c r="L355" s="852" t="s">
        <v>4434</v>
      </c>
      <c r="M355" s="515" t="s">
        <v>2986</v>
      </c>
      <c r="N355" s="775" t="s">
        <v>81</v>
      </c>
      <c r="O355" s="654" t="s">
        <v>3051</v>
      </c>
      <c r="P355" s="657" t="s">
        <v>61</v>
      </c>
      <c r="Q355" s="852" t="s">
        <v>71</v>
      </c>
      <c r="R355" s="657"/>
      <c r="S355" s="657"/>
      <c r="T355" s="853">
        <v>39499</v>
      </c>
      <c r="U355" s="854"/>
      <c r="V355" s="657" t="s">
        <v>4245</v>
      </c>
      <c r="W355" s="642">
        <f t="shared" si="551"/>
        <v>0</v>
      </c>
      <c r="X355" s="745">
        <f t="shared" si="552"/>
        <v>39499</v>
      </c>
      <c r="Y355" s="745" t="s">
        <v>4260</v>
      </c>
      <c r="Z355" s="745" t="str">
        <f>_xlfn.XLOOKUP(I355, 'CALCS Aecom (July 25 2025)'!F:F, 'CALCS Aecom (July 25 2025)'!W:W)</f>
        <v>Mutliple Scenario 2 (Step 5)</v>
      </c>
      <c r="AA355" s="650" t="s">
        <v>65</v>
      </c>
      <c r="AB355" s="713" t="str">
        <f t="shared" si="608"/>
        <v>Yes</v>
      </c>
      <c r="AC355" s="713" t="str">
        <f t="shared" si="609"/>
        <v>Yes</v>
      </c>
      <c r="AD355" s="713" t="str">
        <f t="shared" si="610"/>
        <v>Yes</v>
      </c>
      <c r="AE355" s="713" t="str">
        <f t="shared" si="611"/>
        <v>Yes</v>
      </c>
      <c r="AF355" s="713" t="str">
        <f t="shared" si="612"/>
        <v>Yes</v>
      </c>
      <c r="AG355" s="713" t="str">
        <f t="shared" si="613"/>
        <v>Yes</v>
      </c>
      <c r="AH355" s="713" t="str">
        <f t="shared" si="614"/>
        <v>Yes</v>
      </c>
      <c r="AI355" s="713" t="str">
        <f t="shared" si="615"/>
        <v>Yes</v>
      </c>
      <c r="AJ355" s="713" t="str">
        <f t="shared" si="616"/>
        <v>Yes</v>
      </c>
      <c r="AK355" s="713" t="str">
        <f t="shared" si="617"/>
        <v>Yes</v>
      </c>
      <c r="AL355" s="713" t="str">
        <f t="shared" si="618"/>
        <v>Yes</v>
      </c>
      <c r="AM355" s="713" t="str">
        <f t="shared" si="619"/>
        <v>Yes</v>
      </c>
      <c r="AN355" s="713" t="str">
        <f t="shared" si="620"/>
        <v>Yes</v>
      </c>
      <c r="AO355" s="713" t="str">
        <f t="shared" si="621"/>
        <v>Yes</v>
      </c>
      <c r="AP355" s="713" t="str">
        <f t="shared" si="622"/>
        <v/>
      </c>
      <c r="AQ355" s="713" t="str">
        <f t="shared" si="623"/>
        <v/>
      </c>
      <c r="AR355" s="713" t="str">
        <f t="shared" si="624"/>
        <v/>
      </c>
      <c r="AS355" s="657"/>
      <c r="AT355" s="657"/>
      <c r="AU355" s="657"/>
      <c r="AV355" s="657"/>
      <c r="AW355" s="657"/>
      <c r="AX355" s="657"/>
      <c r="AY355" s="657"/>
      <c r="AZ355" s="657"/>
      <c r="BA355" s="657"/>
      <c r="BB355" s="657"/>
      <c r="BC355" s="657"/>
      <c r="BD355" s="657"/>
      <c r="BE355" s="657"/>
      <c r="BF355" s="657"/>
      <c r="BG355" s="746"/>
      <c r="BH355" s="746"/>
      <c r="BI355" s="746"/>
      <c r="BJ355" s="746"/>
      <c r="BK355" s="746"/>
      <c r="BL355" s="746"/>
      <c r="BM355" s="746"/>
      <c r="BN355" s="746"/>
      <c r="BO355" s="892" t="str">
        <f t="shared" si="625"/>
        <v>Yes</v>
      </c>
      <c r="BP355" s="892" t="str">
        <f t="shared" si="626"/>
        <v>Yes</v>
      </c>
      <c r="BQ355" s="892" t="str">
        <f t="shared" si="627"/>
        <v>Yes</v>
      </c>
      <c r="BR355" s="892" t="str">
        <f t="shared" si="628"/>
        <v/>
      </c>
      <c r="BS355" s="884">
        <f t="shared" si="545"/>
        <v>15504</v>
      </c>
      <c r="BT355" s="661">
        <f t="shared" si="562"/>
        <v>2.5476651186790504</v>
      </c>
      <c r="BU355" s="661" t="str">
        <f t="shared" si="606"/>
        <v>GOOD</v>
      </c>
      <c r="BV355" s="1149">
        <f>$X355*_xlfn.XLOOKUP($I355, 'CALCS Aecom (July 25 2025)'!$F:$F, 'CALCS Aecom (July 25 2025)'!BZ:BZ)</f>
        <v>6823.8596314480665</v>
      </c>
      <c r="BW355" s="1149">
        <f>$X355*_xlfn.XLOOKUP($I355, 'CALCS Aecom (July 25 2025)'!$F:$F, 'CALCS Aecom (July 25 2025)'!CC:CC)</f>
        <v>440.24900848052039</v>
      </c>
      <c r="BX355" s="1149">
        <f>$X355*_xlfn.XLOOKUP($I355, 'CALCS Aecom (July 25 2025)'!$F:$F, 'CALCS Aecom (July 25 2025)'!CI:CI)</f>
        <v>660.3735127207807</v>
      </c>
      <c r="BY355" s="1149">
        <f>$X355*_xlfn.XLOOKUP($I355, 'CALCS Aecom (July 25 2025)'!$F:$F, 'CALCS Aecom (July 25 2025)'!BQ:BQ)</f>
        <v>660.3735127207807</v>
      </c>
      <c r="BZ355" s="1149">
        <f>$X355*_xlfn.XLOOKUP($I355, 'CALCS Aecom (July 25 2025)'!$F:$F, 'CALCS Aecom (July 25 2025)'!BV:BV)</f>
        <v>1100.622521201301</v>
      </c>
      <c r="CA355" s="1149">
        <f>$X355*_xlfn.XLOOKUP($I355, 'CALCS Aecom (July 25 2025)'!$F:$F, 'CALCS Aecom (July 25 2025)'!BR:BR)</f>
        <v>1540.8715296818214</v>
      </c>
      <c r="CB355" s="1149">
        <f>$X355*_xlfn.XLOOKUP($I355, 'CALCS Aecom (July 25 2025)'!$F:$F, 'CALCS Aecom (July 25 2025)'!CD:CD)</f>
        <v>1100.622521201301</v>
      </c>
      <c r="CC355" s="1149">
        <f>$X355*_xlfn.XLOOKUP($I355, 'CALCS Aecom (July 25 2025)'!$F:$F, 'CALCS Aecom (July 25 2025)'!BT:BT)</f>
        <v>660.3735127207807</v>
      </c>
      <c r="CD355" s="1149">
        <f>$X355*_xlfn.XLOOKUP($I355, 'CALCS Aecom (July 25 2025)'!$F:$F, 'CALCS Aecom (July 25 2025)'!BU:BU)</f>
        <v>3962.2410763246835</v>
      </c>
      <c r="CE355" s="1149">
        <f>$X355*_xlfn.XLOOKUP($I355, 'CALCS Aecom (July 25 2025)'!$F:$F, 'CALCS Aecom (July 25 2025)'!BW:BW)</f>
        <v>18490.458356181858</v>
      </c>
      <c r="CF355" s="1149">
        <f>$X355*_xlfn.XLOOKUP($I355, 'CALCS Aecom (July 25 2025)'!$F:$F, 'CALCS Aecom (July 25 2025)'!BS:BS)</f>
        <v>880.49801696104078</v>
      </c>
      <c r="CG355" s="1149">
        <f>$X355*_xlfn.XLOOKUP($I355, 'CALCS Aecom (July 25 2025)'!$F:$F, 'CALCS Aecom (July 25 2025)'!CE:CE)</f>
        <v>220.12450424026019</v>
      </c>
      <c r="CH355" s="1149">
        <f>$X355*_xlfn.XLOOKUP($I355, 'CALCS Aecom (July 25 2025)'!$F:$F, 'CALCS Aecom (July 25 2025)'!CJ:CJ)</f>
        <v>96.71374099343241</v>
      </c>
      <c r="CI355" s="1149">
        <f>$X355*_xlfn.XLOOKUP($I355, 'CALCS Aecom (July 25 2025)'!$F:$F, 'CALCS Aecom (July 25 2025)'!CB:CB)</f>
        <v>220.12450424026019</v>
      </c>
      <c r="CJ355" s="1149">
        <f>$X355*_xlfn.XLOOKUP($I355, 'CALCS Aecom (July 25 2025)'!$F:$F, 'CALCS Aecom (July 25 2025)'!CF:CF)</f>
        <v>0</v>
      </c>
      <c r="CK355" s="1149">
        <f>$X355*_xlfn.XLOOKUP($I355, 'CALCS Aecom (July 25 2025)'!$F:$F, 'CALCS Aecom (July 25 2025)'!CG:CG)</f>
        <v>0</v>
      </c>
      <c r="CL355" s="1149"/>
      <c r="CM355" s="898"/>
      <c r="CN355" s="898"/>
      <c r="CO355" s="898"/>
      <c r="CP355" s="898"/>
      <c r="CQ355" s="898"/>
      <c r="CR355" s="898"/>
      <c r="CS355" s="898"/>
      <c r="CT355" s="898"/>
      <c r="CU355" s="898"/>
      <c r="CV355" s="898"/>
      <c r="CW355" s="898"/>
      <c r="CX355" s="898"/>
      <c r="CY355" s="898"/>
      <c r="CZ355" s="898"/>
      <c r="DA355" s="898"/>
      <c r="DB355" s="898"/>
      <c r="DC355" s="898"/>
      <c r="DD355" s="898"/>
      <c r="DE355" s="898"/>
      <c r="DF355" s="898"/>
      <c r="DG355" s="898"/>
      <c r="DH355" s="898"/>
      <c r="DI355" s="1149">
        <f>$X355*_xlfn.XLOOKUP($I355, 'CALCS Aecom (July 25 2025)'!$F:$F, 'CALCS Aecom (July 25 2025)'!CA:CA)</f>
        <v>440.24900848052039</v>
      </c>
      <c r="DJ355" s="1149">
        <f>$X355*_xlfn.XLOOKUP($I355, 'CALCS Aecom (July 25 2025)'!$F:$F, 'CALCS Aecom (July 25 2025)'!BX:BX)</f>
        <v>880.49801696104078</v>
      </c>
      <c r="DK355" s="1149">
        <f>$X355*_xlfn.XLOOKUP($I355, 'CALCS Aecom (July 25 2025)'!$F:$F, 'CALCS Aecom (July 25 2025)'!BY:BY)</f>
        <v>1320.7470254415614</v>
      </c>
      <c r="DL355" s="1149">
        <f>$X355*_xlfn.XLOOKUP($I355, 'CALCS Aecom (July 25 2025)'!$F:$F, 'CALCS Aecom (July 25 2025)'!CH:CH)</f>
        <v>0</v>
      </c>
      <c r="DM355" s="661">
        <f t="shared" si="546"/>
        <v>36857.505949116879</v>
      </c>
      <c r="DN355" s="898">
        <f t="shared" si="547"/>
        <v>2641.4940508831223</v>
      </c>
      <c r="DO355" s="516">
        <f t="shared" si="548"/>
        <v>0</v>
      </c>
      <c r="DP355" s="898">
        <f t="shared" si="549"/>
        <v>0</v>
      </c>
      <c r="DQ355" s="860" t="s">
        <v>4246</v>
      </c>
      <c r="DR355" s="860" t="s">
        <v>4261</v>
      </c>
      <c r="DS355" s="1221" t="s">
        <v>4248</v>
      </c>
      <c r="DT355" s="632"/>
    </row>
    <row r="356" spans="1:124" ht="270.75" x14ac:dyDescent="0.2">
      <c r="A356" s="484" t="str">
        <f t="shared" si="544"/>
        <v>Two Waters Road-London Road junction improvement</v>
      </c>
      <c r="B356" s="1163">
        <v>353</v>
      </c>
      <c r="C356" s="1156" t="s">
        <v>4435</v>
      </c>
      <c r="D356" s="481" t="s">
        <v>2481</v>
      </c>
      <c r="E356" s="481" t="s">
        <v>53</v>
      </c>
      <c r="F356" s="481" t="s">
        <v>655</v>
      </c>
      <c r="G356" s="775" t="s">
        <v>932</v>
      </c>
      <c r="H356" s="673" t="s">
        <v>1037</v>
      </c>
      <c r="I356" s="775" t="str">
        <f t="shared" si="607"/>
        <v>SG6-2</v>
      </c>
      <c r="J356" s="673" t="s">
        <v>1038</v>
      </c>
      <c r="K356" s="664" t="s">
        <v>3104</v>
      </c>
      <c r="L356" s="852" t="s">
        <v>4434</v>
      </c>
      <c r="M356" s="515" t="s">
        <v>2986</v>
      </c>
      <c r="N356" s="775" t="s">
        <v>81</v>
      </c>
      <c r="O356" s="654" t="s">
        <v>3051</v>
      </c>
      <c r="P356" s="657" t="s">
        <v>61</v>
      </c>
      <c r="Q356" s="852" t="s">
        <v>71</v>
      </c>
      <c r="R356" s="657"/>
      <c r="S356" s="657"/>
      <c r="T356" s="853">
        <v>89860</v>
      </c>
      <c r="U356" s="854"/>
      <c r="V356" s="657" t="s">
        <v>4245</v>
      </c>
      <c r="W356" s="642">
        <f t="shared" si="551"/>
        <v>0</v>
      </c>
      <c r="X356" s="745">
        <f t="shared" si="552"/>
        <v>89860</v>
      </c>
      <c r="Y356" s="745" t="s">
        <v>4260</v>
      </c>
      <c r="Z356" s="745" t="str">
        <f>_xlfn.XLOOKUP(I356, 'CALCS Aecom (July 25 2025)'!F:F, 'CALCS Aecom (July 25 2025)'!W:W)</f>
        <v>Mutliple Scenario 2 (Step 5)</v>
      </c>
      <c r="AA356" s="650" t="s">
        <v>65</v>
      </c>
      <c r="AB356" s="713" t="str">
        <f t="shared" si="608"/>
        <v>Yes</v>
      </c>
      <c r="AC356" s="713" t="str">
        <f t="shared" si="609"/>
        <v>Yes</v>
      </c>
      <c r="AD356" s="713" t="str">
        <f t="shared" si="610"/>
        <v>Yes</v>
      </c>
      <c r="AE356" s="713" t="str">
        <f t="shared" si="611"/>
        <v>Yes</v>
      </c>
      <c r="AF356" s="713" t="str">
        <f t="shared" si="612"/>
        <v>Yes</v>
      </c>
      <c r="AG356" s="713" t="str">
        <f t="shared" si="613"/>
        <v>Yes</v>
      </c>
      <c r="AH356" s="713" t="str">
        <f t="shared" si="614"/>
        <v>Yes</v>
      </c>
      <c r="AI356" s="713" t="str">
        <f t="shared" si="615"/>
        <v>Yes</v>
      </c>
      <c r="AJ356" s="713" t="str">
        <f t="shared" si="616"/>
        <v>Yes</v>
      </c>
      <c r="AK356" s="713" t="str">
        <f t="shared" si="617"/>
        <v>Yes</v>
      </c>
      <c r="AL356" s="713" t="str">
        <f t="shared" si="618"/>
        <v>Yes</v>
      </c>
      <c r="AM356" s="713" t="str">
        <f t="shared" si="619"/>
        <v>Yes</v>
      </c>
      <c r="AN356" s="713" t="str">
        <f t="shared" si="620"/>
        <v>Yes</v>
      </c>
      <c r="AO356" s="713" t="str">
        <f t="shared" si="621"/>
        <v>Yes</v>
      </c>
      <c r="AP356" s="713" t="str">
        <f t="shared" si="622"/>
        <v/>
      </c>
      <c r="AQ356" s="713" t="str">
        <f t="shared" si="623"/>
        <v/>
      </c>
      <c r="AR356" s="713" t="str">
        <f t="shared" si="624"/>
        <v/>
      </c>
      <c r="AS356" s="657"/>
      <c r="AT356" s="657"/>
      <c r="AU356" s="657"/>
      <c r="AV356" s="657"/>
      <c r="AW356" s="657"/>
      <c r="AX356" s="657"/>
      <c r="AY356" s="657"/>
      <c r="AZ356" s="657"/>
      <c r="BA356" s="657"/>
      <c r="BB356" s="657"/>
      <c r="BC356" s="657"/>
      <c r="BD356" s="657"/>
      <c r="BE356" s="657"/>
      <c r="BF356" s="657"/>
      <c r="BG356" s="746"/>
      <c r="BH356" s="746"/>
      <c r="BI356" s="746"/>
      <c r="BJ356" s="746"/>
      <c r="BK356" s="746"/>
      <c r="BL356" s="746"/>
      <c r="BM356" s="746"/>
      <c r="BN356" s="746"/>
      <c r="BO356" s="892" t="str">
        <f t="shared" si="625"/>
        <v>Yes</v>
      </c>
      <c r="BP356" s="892" t="str">
        <f t="shared" si="626"/>
        <v>Yes</v>
      </c>
      <c r="BQ356" s="892" t="str">
        <f t="shared" si="627"/>
        <v>Yes</v>
      </c>
      <c r="BR356" s="892" t="str">
        <f t="shared" si="628"/>
        <v/>
      </c>
      <c r="BS356" s="884">
        <f t="shared" si="545"/>
        <v>15504</v>
      </c>
      <c r="BT356" s="661">
        <f t="shared" si="562"/>
        <v>5.7959236326109389</v>
      </c>
      <c r="BU356" s="661" t="str">
        <f t="shared" si="606"/>
        <v>GOOD</v>
      </c>
      <c r="BV356" s="1149">
        <f>$X356*_xlfn.XLOOKUP($I356, 'CALCS Aecom (July 25 2025)'!$F:$F, 'CALCS Aecom (July 25 2025)'!BZ:BZ)</f>
        <v>15524.241790473765</v>
      </c>
      <c r="BW356" s="1149">
        <f>$X356*_xlfn.XLOOKUP($I356, 'CALCS Aecom (July 25 2025)'!$F:$F, 'CALCS Aecom (July 25 2025)'!CC:CC)</f>
        <v>1001.5639864821783</v>
      </c>
      <c r="BX356" s="1149">
        <f>$X356*_xlfn.XLOOKUP($I356, 'CALCS Aecom (July 25 2025)'!$F:$F, 'CALCS Aecom (July 25 2025)'!CI:CI)</f>
        <v>1502.3459797232676</v>
      </c>
      <c r="BY356" s="1149">
        <f>$X356*_xlfn.XLOOKUP($I356, 'CALCS Aecom (July 25 2025)'!$F:$F, 'CALCS Aecom (July 25 2025)'!BQ:BQ)</f>
        <v>1502.3459797232676</v>
      </c>
      <c r="BZ356" s="1149">
        <f>$X356*_xlfn.XLOOKUP($I356, 'CALCS Aecom (July 25 2025)'!$F:$F, 'CALCS Aecom (July 25 2025)'!BV:BV)</f>
        <v>2503.9099662054459</v>
      </c>
      <c r="CA356" s="1149">
        <f>$X356*_xlfn.XLOOKUP($I356, 'CALCS Aecom (July 25 2025)'!$F:$F, 'CALCS Aecom (July 25 2025)'!BR:BR)</f>
        <v>3505.4739526876242</v>
      </c>
      <c r="CB356" s="1149">
        <f>$X356*_xlfn.XLOOKUP($I356, 'CALCS Aecom (July 25 2025)'!$F:$F, 'CALCS Aecom (July 25 2025)'!CD:CD)</f>
        <v>2503.9099662054459</v>
      </c>
      <c r="CC356" s="1149">
        <f>$X356*_xlfn.XLOOKUP($I356, 'CALCS Aecom (July 25 2025)'!$F:$F, 'CALCS Aecom (July 25 2025)'!BT:BT)</f>
        <v>1502.3459797232676</v>
      </c>
      <c r="CD356" s="1149">
        <f>$X356*_xlfn.XLOOKUP($I356, 'CALCS Aecom (July 25 2025)'!$F:$F, 'CALCS Aecom (July 25 2025)'!BU:BU)</f>
        <v>9014.075878339605</v>
      </c>
      <c r="CE356" s="1149">
        <f>$X356*_xlfn.XLOOKUP($I356, 'CALCS Aecom (July 25 2025)'!$F:$F, 'CALCS Aecom (July 25 2025)'!BW:BW)</f>
        <v>42065.687432251492</v>
      </c>
      <c r="CF356" s="1149">
        <f>$X356*_xlfn.XLOOKUP($I356, 'CALCS Aecom (July 25 2025)'!$F:$F, 'CALCS Aecom (July 25 2025)'!BS:BS)</f>
        <v>2003.1279729643566</v>
      </c>
      <c r="CG356" s="1149">
        <f>$X356*_xlfn.XLOOKUP($I356, 'CALCS Aecom (July 25 2025)'!$F:$F, 'CALCS Aecom (July 25 2025)'!CE:CE)</f>
        <v>500.78199324108914</v>
      </c>
      <c r="CH356" s="1149">
        <f>$X356*_xlfn.XLOOKUP($I356, 'CALCS Aecom (July 25 2025)'!$F:$F, 'CALCS Aecom (July 25 2025)'!CJ:CJ)</f>
        <v>220.02320984505522</v>
      </c>
      <c r="CI356" s="1149">
        <f>$X356*_xlfn.XLOOKUP($I356, 'CALCS Aecom (July 25 2025)'!$F:$F, 'CALCS Aecom (July 25 2025)'!CB:CB)</f>
        <v>500.78199324108914</v>
      </c>
      <c r="CJ356" s="1149">
        <f>$X356*_xlfn.XLOOKUP($I356, 'CALCS Aecom (July 25 2025)'!$F:$F, 'CALCS Aecom (July 25 2025)'!CF:CF)</f>
        <v>0</v>
      </c>
      <c r="CK356" s="1149">
        <f>$X356*_xlfn.XLOOKUP($I356, 'CALCS Aecom (July 25 2025)'!$F:$F, 'CALCS Aecom (July 25 2025)'!CG:CG)</f>
        <v>0</v>
      </c>
      <c r="CL356" s="1149"/>
      <c r="CM356" s="898"/>
      <c r="CN356" s="898"/>
      <c r="CO356" s="898"/>
      <c r="CP356" s="898"/>
      <c r="CQ356" s="898"/>
      <c r="CR356" s="898"/>
      <c r="CS356" s="898"/>
      <c r="CT356" s="898"/>
      <c r="CU356" s="898"/>
      <c r="CV356" s="898"/>
      <c r="CW356" s="898"/>
      <c r="CX356" s="898"/>
      <c r="CY356" s="898"/>
      <c r="CZ356" s="898"/>
      <c r="DA356" s="898"/>
      <c r="DB356" s="898"/>
      <c r="DC356" s="898"/>
      <c r="DD356" s="898"/>
      <c r="DE356" s="898"/>
      <c r="DF356" s="898"/>
      <c r="DG356" s="898"/>
      <c r="DH356" s="898"/>
      <c r="DI356" s="1149">
        <f>$X356*_xlfn.XLOOKUP($I356, 'CALCS Aecom (July 25 2025)'!$F:$F, 'CALCS Aecom (July 25 2025)'!CA:CA)</f>
        <v>1001.5639864821783</v>
      </c>
      <c r="DJ356" s="1149">
        <f>$X356*_xlfn.XLOOKUP($I356, 'CALCS Aecom (July 25 2025)'!$F:$F, 'CALCS Aecom (July 25 2025)'!BX:BX)</f>
        <v>2003.1279729643566</v>
      </c>
      <c r="DK356" s="1149">
        <f>$X356*_xlfn.XLOOKUP($I356, 'CALCS Aecom (July 25 2025)'!$F:$F, 'CALCS Aecom (July 25 2025)'!BY:BY)</f>
        <v>3004.6919594465353</v>
      </c>
      <c r="DL356" s="1149">
        <f>$X356*_xlfn.XLOOKUP($I356, 'CALCS Aecom (July 25 2025)'!$F:$F, 'CALCS Aecom (July 25 2025)'!CH:CH)</f>
        <v>0</v>
      </c>
      <c r="DM356" s="661">
        <f t="shared" si="546"/>
        <v>83850.616081106957</v>
      </c>
      <c r="DN356" s="898">
        <f t="shared" si="547"/>
        <v>6009.3839188930706</v>
      </c>
      <c r="DO356" s="516">
        <f t="shared" si="548"/>
        <v>0</v>
      </c>
      <c r="DP356" s="898">
        <f t="shared" si="549"/>
        <v>0</v>
      </c>
      <c r="DQ356" s="860" t="s">
        <v>4246</v>
      </c>
      <c r="DR356" s="860" t="s">
        <v>4261</v>
      </c>
      <c r="DS356" s="1221" t="s">
        <v>4248</v>
      </c>
      <c r="DT356" s="632"/>
    </row>
    <row r="357" spans="1:124" ht="299.25" x14ac:dyDescent="0.2">
      <c r="A357" s="484" t="str">
        <f t="shared" si="544"/>
        <v>Durrants Hill Road-London Road junction improvement</v>
      </c>
      <c r="B357" s="1163">
        <v>354</v>
      </c>
      <c r="C357" s="1156" t="s">
        <v>4436</v>
      </c>
      <c r="D357" s="481" t="s">
        <v>2481</v>
      </c>
      <c r="E357" s="481" t="s">
        <v>53</v>
      </c>
      <c r="F357" s="481" t="s">
        <v>655</v>
      </c>
      <c r="G357" s="775" t="s">
        <v>932</v>
      </c>
      <c r="H357" s="673" t="s">
        <v>1039</v>
      </c>
      <c r="I357" s="775" t="str">
        <f t="shared" si="607"/>
        <v>SG6-3</v>
      </c>
      <c r="J357" s="673" t="s">
        <v>1040</v>
      </c>
      <c r="K357" s="664" t="s">
        <v>3104</v>
      </c>
      <c r="L357" s="852" t="s">
        <v>4437</v>
      </c>
      <c r="M357" s="515" t="s">
        <v>2986</v>
      </c>
      <c r="N357" s="775" t="s">
        <v>81</v>
      </c>
      <c r="O357" s="654" t="s">
        <v>3051</v>
      </c>
      <c r="P357" s="657" t="s">
        <v>61</v>
      </c>
      <c r="Q357" s="852" t="s">
        <v>71</v>
      </c>
      <c r="R357" s="657"/>
      <c r="S357" s="657"/>
      <c r="T357" s="853">
        <v>86063</v>
      </c>
      <c r="U357" s="854"/>
      <c r="V357" s="657" t="s">
        <v>4245</v>
      </c>
      <c r="W357" s="642">
        <f t="shared" si="551"/>
        <v>0</v>
      </c>
      <c r="X357" s="745">
        <f t="shared" si="552"/>
        <v>86063</v>
      </c>
      <c r="Y357" s="745" t="s">
        <v>4260</v>
      </c>
      <c r="Z357" s="745" t="str">
        <f>_xlfn.XLOOKUP(I357, 'CALCS Aecom (July 25 2025)'!F:F, 'CALCS Aecom (July 25 2025)'!W:W)</f>
        <v>Mutliple Scenario 2 (Step 5)</v>
      </c>
      <c r="AA357" s="650" t="s">
        <v>65</v>
      </c>
      <c r="AB357" s="713" t="str">
        <f t="shared" si="608"/>
        <v>Yes</v>
      </c>
      <c r="AC357" s="713" t="str">
        <f t="shared" si="609"/>
        <v>Yes</v>
      </c>
      <c r="AD357" s="713" t="str">
        <f t="shared" si="610"/>
        <v>Yes</v>
      </c>
      <c r="AE357" s="713" t="str">
        <f t="shared" si="611"/>
        <v>Yes</v>
      </c>
      <c r="AF357" s="713" t="str">
        <f t="shared" si="612"/>
        <v>Yes</v>
      </c>
      <c r="AG357" s="713" t="str">
        <f t="shared" si="613"/>
        <v>Yes</v>
      </c>
      <c r="AH357" s="713" t="str">
        <f t="shared" si="614"/>
        <v>Yes</v>
      </c>
      <c r="AI357" s="713" t="str">
        <f t="shared" si="615"/>
        <v>Yes</v>
      </c>
      <c r="AJ357" s="713" t="str">
        <f t="shared" si="616"/>
        <v>Yes</v>
      </c>
      <c r="AK357" s="713" t="str">
        <f t="shared" si="617"/>
        <v>Yes</v>
      </c>
      <c r="AL357" s="713" t="str">
        <f t="shared" si="618"/>
        <v>Yes</v>
      </c>
      <c r="AM357" s="713" t="str">
        <f t="shared" si="619"/>
        <v>Yes</v>
      </c>
      <c r="AN357" s="713" t="str">
        <f t="shared" si="620"/>
        <v>Yes</v>
      </c>
      <c r="AO357" s="713" t="str">
        <f t="shared" si="621"/>
        <v>Yes</v>
      </c>
      <c r="AP357" s="713" t="str">
        <f t="shared" si="622"/>
        <v/>
      </c>
      <c r="AQ357" s="713" t="str">
        <f t="shared" si="623"/>
        <v/>
      </c>
      <c r="AR357" s="713" t="str">
        <f t="shared" si="624"/>
        <v/>
      </c>
      <c r="AS357" s="892"/>
      <c r="AT357" s="892"/>
      <c r="AU357" s="892"/>
      <c r="AV357" s="661"/>
      <c r="AW357" s="892"/>
      <c r="AX357" s="892"/>
      <c r="AY357" s="892"/>
      <c r="AZ357" s="661"/>
      <c r="BA357" s="892"/>
      <c r="BB357" s="661"/>
      <c r="BC357" s="661"/>
      <c r="BD357" s="892"/>
      <c r="BE357" s="661"/>
      <c r="BF357" s="661"/>
      <c r="BG357" s="746"/>
      <c r="BH357" s="746"/>
      <c r="BI357" s="746"/>
      <c r="BJ357" s="746"/>
      <c r="BK357" s="746"/>
      <c r="BL357" s="746"/>
      <c r="BM357" s="746"/>
      <c r="BN357" s="746"/>
      <c r="BO357" s="892" t="str">
        <f t="shared" si="625"/>
        <v>Yes</v>
      </c>
      <c r="BP357" s="892" t="str">
        <f t="shared" si="626"/>
        <v>Yes</v>
      </c>
      <c r="BQ357" s="892" t="str">
        <f t="shared" si="627"/>
        <v>Yes</v>
      </c>
      <c r="BR357" s="892" t="str">
        <f t="shared" si="628"/>
        <v>Yes</v>
      </c>
      <c r="BS357" s="884">
        <f t="shared" si="545"/>
        <v>18675</v>
      </c>
      <c r="BT357" s="661">
        <f t="shared" si="562"/>
        <v>4.6084605087014729</v>
      </c>
      <c r="BU357" s="661" t="str">
        <f t="shared" si="606"/>
        <v>GOOD</v>
      </c>
      <c r="BV357" s="1149">
        <f>$X357*_xlfn.XLOOKUP($I357, 'CALCS Aecom (July 25 2025)'!$F:$F, 'CALCS Aecom (July 25 2025)'!BZ:BZ)</f>
        <v>9862.7055655296226</v>
      </c>
      <c r="BW357" s="1149">
        <f>$X357*_xlfn.XLOOKUP($I357, 'CALCS Aecom (July 25 2025)'!$F:$F, 'CALCS Aecom (July 25 2025)'!CC:CC)</f>
        <v>758.66965888689401</v>
      </c>
      <c r="BX357" s="1149">
        <f>$X357*_xlfn.XLOOKUP($I357, 'CALCS Aecom (July 25 2025)'!$F:$F, 'CALCS Aecom (July 25 2025)'!CI:CI)</f>
        <v>1517.339317773788</v>
      </c>
      <c r="BY357" s="1149">
        <f>$X357*_xlfn.XLOOKUP($I357, 'CALCS Aecom (July 25 2025)'!$F:$F, 'CALCS Aecom (July 25 2025)'!BQ:BQ)</f>
        <v>1517.339317773788</v>
      </c>
      <c r="BZ357" s="1149">
        <f>$X357*_xlfn.XLOOKUP($I357, 'CALCS Aecom (July 25 2025)'!$F:$F, 'CALCS Aecom (July 25 2025)'!BV:BV)</f>
        <v>758.66965888689401</v>
      </c>
      <c r="CA357" s="1149">
        <f>$X357*_xlfn.XLOOKUP($I357, 'CALCS Aecom (July 25 2025)'!$F:$F, 'CALCS Aecom (July 25 2025)'!BR:BR)</f>
        <v>3793.3482944344705</v>
      </c>
      <c r="CB357" s="1149">
        <f>$X357*_xlfn.XLOOKUP($I357, 'CALCS Aecom (July 25 2025)'!$F:$F, 'CALCS Aecom (July 25 2025)'!CD:CD)</f>
        <v>2276.008976660682</v>
      </c>
      <c r="CC357" s="1149">
        <f>$X357*_xlfn.XLOOKUP($I357, 'CALCS Aecom (July 25 2025)'!$F:$F, 'CALCS Aecom (July 25 2025)'!BT:BT)</f>
        <v>1517.339317773788</v>
      </c>
      <c r="CD357" s="1149">
        <f>$X357*_xlfn.XLOOKUP($I357, 'CALCS Aecom (July 25 2025)'!$F:$F, 'CALCS Aecom (July 25 2025)'!BU:BU)</f>
        <v>47796.188509874322</v>
      </c>
      <c r="CE357" s="1149">
        <f>$X357*_xlfn.XLOOKUP($I357, 'CALCS Aecom (July 25 2025)'!$F:$F, 'CALCS Aecom (July 25 2025)'!BW:BW)</f>
        <v>1517.339317773788</v>
      </c>
      <c r="CF357" s="1149">
        <f>$X357*_xlfn.XLOOKUP($I357, 'CALCS Aecom (July 25 2025)'!$F:$F, 'CALCS Aecom (July 25 2025)'!BS:BS)</f>
        <v>1517.339317773788</v>
      </c>
      <c r="CG357" s="1149">
        <f>$X357*_xlfn.XLOOKUP($I357, 'CALCS Aecom (July 25 2025)'!$F:$F, 'CALCS Aecom (July 25 2025)'!CE:CE)</f>
        <v>758.66965888689401</v>
      </c>
      <c r="CH357" s="1149">
        <f>$X357*_xlfn.XLOOKUP($I357, 'CALCS Aecom (July 25 2025)'!$F:$F, 'CALCS Aecom (July 25 2025)'!CJ:CJ)</f>
        <v>333.32854578096948</v>
      </c>
      <c r="CI357" s="1149">
        <f>$X357*_xlfn.XLOOKUP($I357, 'CALCS Aecom (July 25 2025)'!$F:$F, 'CALCS Aecom (July 25 2025)'!CB:CB)</f>
        <v>758.66965888689401</v>
      </c>
      <c r="CJ357" s="1149">
        <f>$X357*_xlfn.XLOOKUP($I357, 'CALCS Aecom (July 25 2025)'!$F:$F, 'CALCS Aecom (July 25 2025)'!CF:CF)</f>
        <v>0</v>
      </c>
      <c r="CK357" s="1149">
        <f>$X357*_xlfn.XLOOKUP($I357, 'CALCS Aecom (July 25 2025)'!$F:$F, 'CALCS Aecom (July 25 2025)'!CG:CG)</f>
        <v>0</v>
      </c>
      <c r="CL357" s="1149"/>
      <c r="CM357" s="898"/>
      <c r="CN357" s="898"/>
      <c r="CO357" s="898"/>
      <c r="CP357" s="898"/>
      <c r="CQ357" s="898"/>
      <c r="CR357" s="898"/>
      <c r="CS357" s="898"/>
      <c r="CT357" s="898"/>
      <c r="CU357" s="898"/>
      <c r="CV357" s="898"/>
      <c r="CW357" s="898"/>
      <c r="CX357" s="898"/>
      <c r="CY357" s="898"/>
      <c r="CZ357" s="898"/>
      <c r="DA357" s="898"/>
      <c r="DB357" s="898"/>
      <c r="DC357" s="898"/>
      <c r="DD357" s="898"/>
      <c r="DE357" s="898"/>
      <c r="DF357" s="898"/>
      <c r="DG357" s="898"/>
      <c r="DH357" s="898"/>
      <c r="DI357" s="1149">
        <f>$X357*_xlfn.XLOOKUP($I357, 'CALCS Aecom (July 25 2025)'!$F:$F, 'CALCS Aecom (July 25 2025)'!CA:CA)</f>
        <v>758.66965888689401</v>
      </c>
      <c r="DJ357" s="1149">
        <f>$X357*_xlfn.XLOOKUP($I357, 'CALCS Aecom (July 25 2025)'!$F:$F, 'CALCS Aecom (July 25 2025)'!BX:BX)</f>
        <v>758.66965888689401</v>
      </c>
      <c r="DK357" s="1149">
        <f>$X357*_xlfn.XLOOKUP($I357, 'CALCS Aecom (July 25 2025)'!$F:$F, 'CALCS Aecom (July 25 2025)'!BY:BY)</f>
        <v>2276.008976660682</v>
      </c>
      <c r="DL357" s="1149">
        <f>$X357*_xlfn.XLOOKUP($I357, 'CALCS Aecom (July 25 2025)'!$F:$F, 'CALCS Aecom (July 25 2025)'!CH:CH)</f>
        <v>7586.696588868941</v>
      </c>
      <c r="DM357" s="661">
        <f t="shared" si="546"/>
        <v>74682.955116696598</v>
      </c>
      <c r="DN357" s="898">
        <f t="shared" si="547"/>
        <v>11380.044883303412</v>
      </c>
      <c r="DO357" s="516">
        <f t="shared" si="548"/>
        <v>0</v>
      </c>
      <c r="DP357" s="898">
        <f t="shared" si="549"/>
        <v>0</v>
      </c>
      <c r="DQ357" s="860" t="s">
        <v>4246</v>
      </c>
      <c r="DR357" s="860" t="s">
        <v>4261</v>
      </c>
      <c r="DS357" s="1221" t="s">
        <v>4248</v>
      </c>
      <c r="DT357" s="632"/>
    </row>
    <row r="358" spans="1:124" ht="299.25" x14ac:dyDescent="0.2">
      <c r="A358" s="484" t="str">
        <f t="shared" si="544"/>
        <v>Kents Avenue-London Road junction improvement</v>
      </c>
      <c r="B358" s="1163">
        <v>355</v>
      </c>
      <c r="C358" s="1156" t="s">
        <v>4438</v>
      </c>
      <c r="D358" s="481" t="s">
        <v>2481</v>
      </c>
      <c r="E358" s="481" t="s">
        <v>53</v>
      </c>
      <c r="F358" s="481" t="s">
        <v>655</v>
      </c>
      <c r="G358" s="775" t="s">
        <v>932</v>
      </c>
      <c r="H358" s="673" t="s">
        <v>1041</v>
      </c>
      <c r="I358" s="775" t="str">
        <f t="shared" si="607"/>
        <v>SG6-4</v>
      </c>
      <c r="J358" s="673" t="s">
        <v>1042</v>
      </c>
      <c r="K358" s="664" t="s">
        <v>3104</v>
      </c>
      <c r="L358" s="852" t="s">
        <v>4437</v>
      </c>
      <c r="M358" s="515" t="s">
        <v>2986</v>
      </c>
      <c r="N358" s="775" t="s">
        <v>81</v>
      </c>
      <c r="O358" s="654" t="s">
        <v>3051</v>
      </c>
      <c r="P358" s="657" t="s">
        <v>61</v>
      </c>
      <c r="Q358" s="852" t="s">
        <v>71</v>
      </c>
      <c r="R358" s="657"/>
      <c r="S358" s="657"/>
      <c r="T358" s="853">
        <v>86063</v>
      </c>
      <c r="U358" s="854"/>
      <c r="V358" s="657" t="s">
        <v>4245</v>
      </c>
      <c r="W358" s="642">
        <f t="shared" si="551"/>
        <v>0</v>
      </c>
      <c r="X358" s="745">
        <f t="shared" si="552"/>
        <v>86063</v>
      </c>
      <c r="Y358" s="745" t="s">
        <v>4260</v>
      </c>
      <c r="Z358" s="745" t="str">
        <f>_xlfn.XLOOKUP(I358, 'CALCS Aecom (July 25 2025)'!F:F, 'CALCS Aecom (July 25 2025)'!W:W)</f>
        <v>Mutliple Scenario 2 (Step 5)</v>
      </c>
      <c r="AA358" s="650" t="s">
        <v>65</v>
      </c>
      <c r="AB358" s="713" t="str">
        <f t="shared" si="608"/>
        <v>Yes</v>
      </c>
      <c r="AC358" s="713" t="str">
        <f t="shared" si="609"/>
        <v>Yes</v>
      </c>
      <c r="AD358" s="713" t="str">
        <f t="shared" si="610"/>
        <v>Yes</v>
      </c>
      <c r="AE358" s="713" t="str">
        <f t="shared" si="611"/>
        <v>Yes</v>
      </c>
      <c r="AF358" s="713" t="str">
        <f t="shared" si="612"/>
        <v>Yes</v>
      </c>
      <c r="AG358" s="713" t="str">
        <f t="shared" si="613"/>
        <v>Yes</v>
      </c>
      <c r="AH358" s="713" t="str">
        <f t="shared" si="614"/>
        <v>Yes</v>
      </c>
      <c r="AI358" s="713" t="str">
        <f t="shared" si="615"/>
        <v>Yes</v>
      </c>
      <c r="AJ358" s="713" t="str">
        <f t="shared" si="616"/>
        <v>Yes</v>
      </c>
      <c r="AK358" s="713" t="str">
        <f t="shared" si="617"/>
        <v>Yes</v>
      </c>
      <c r="AL358" s="713" t="str">
        <f t="shared" si="618"/>
        <v>Yes</v>
      </c>
      <c r="AM358" s="713" t="str">
        <f t="shared" si="619"/>
        <v>Yes</v>
      </c>
      <c r="AN358" s="713" t="str">
        <f t="shared" si="620"/>
        <v>Yes</v>
      </c>
      <c r="AO358" s="713" t="str">
        <f t="shared" si="621"/>
        <v>Yes</v>
      </c>
      <c r="AP358" s="713" t="str">
        <f t="shared" si="622"/>
        <v/>
      </c>
      <c r="AQ358" s="713" t="str">
        <f t="shared" si="623"/>
        <v/>
      </c>
      <c r="AR358" s="713" t="str">
        <f t="shared" si="624"/>
        <v/>
      </c>
      <c r="AS358" s="657"/>
      <c r="AT358" s="657"/>
      <c r="AU358" s="657"/>
      <c r="AV358" s="657"/>
      <c r="AW358" s="657"/>
      <c r="AX358" s="657"/>
      <c r="AY358" s="657"/>
      <c r="AZ358" s="657"/>
      <c r="BA358" s="657"/>
      <c r="BB358" s="657"/>
      <c r="BC358" s="657"/>
      <c r="BD358" s="657"/>
      <c r="BE358" s="657"/>
      <c r="BF358" s="657"/>
      <c r="BG358" s="746"/>
      <c r="BH358" s="746"/>
      <c r="BI358" s="746"/>
      <c r="BJ358" s="746"/>
      <c r="BK358" s="746"/>
      <c r="BL358" s="746"/>
      <c r="BM358" s="746"/>
      <c r="BN358" s="746"/>
      <c r="BO358" s="892" t="str">
        <f t="shared" si="625"/>
        <v>Yes</v>
      </c>
      <c r="BP358" s="892" t="str">
        <f t="shared" si="626"/>
        <v>Yes</v>
      </c>
      <c r="BQ358" s="892" t="str">
        <f t="shared" si="627"/>
        <v>Yes</v>
      </c>
      <c r="BR358" s="892" t="str">
        <f t="shared" si="628"/>
        <v>Yes</v>
      </c>
      <c r="BS358" s="884">
        <f t="shared" si="545"/>
        <v>18675</v>
      </c>
      <c r="BT358" s="661">
        <f t="shared" si="562"/>
        <v>4.6084605087014729</v>
      </c>
      <c r="BU358" s="661" t="str">
        <f t="shared" si="606"/>
        <v>GOOD</v>
      </c>
      <c r="BV358" s="1149">
        <f>$X358*_xlfn.XLOOKUP($I358, 'CALCS Aecom (July 25 2025)'!$F:$F, 'CALCS Aecom (July 25 2025)'!BZ:BZ)</f>
        <v>10413.492854252305</v>
      </c>
      <c r="BW358" s="1149">
        <f>$X358*_xlfn.XLOOKUP($I358, 'CALCS Aecom (July 25 2025)'!$F:$F, 'CALCS Aecom (July 25 2025)'!CC:CC)</f>
        <v>801.03791186556191</v>
      </c>
      <c r="BX358" s="1149">
        <f>$X358*_xlfn.XLOOKUP($I358, 'CALCS Aecom (July 25 2025)'!$F:$F, 'CALCS Aecom (July 25 2025)'!CI:CI)</f>
        <v>1602.0758237311238</v>
      </c>
      <c r="BY358" s="1149">
        <f>$X358*_xlfn.XLOOKUP($I358, 'CALCS Aecom (July 25 2025)'!$F:$F, 'CALCS Aecom (July 25 2025)'!BQ:BQ)</f>
        <v>1602.0758237311238</v>
      </c>
      <c r="BZ358" s="1149">
        <f>$X358*_xlfn.XLOOKUP($I358, 'CALCS Aecom (July 25 2025)'!$F:$F, 'CALCS Aecom (July 25 2025)'!BV:BV)</f>
        <v>801.03791186556191</v>
      </c>
      <c r="CA358" s="1149">
        <f>$X358*_xlfn.XLOOKUP($I358, 'CALCS Aecom (July 25 2025)'!$F:$F, 'CALCS Aecom (July 25 2025)'!BR:BR)</f>
        <v>4005.1895593278095</v>
      </c>
      <c r="CB358" s="1149">
        <f>$X358*_xlfn.XLOOKUP($I358, 'CALCS Aecom (July 25 2025)'!$F:$F, 'CALCS Aecom (July 25 2025)'!CD:CD)</f>
        <v>2403.1137355966857</v>
      </c>
      <c r="CC358" s="1149">
        <f>$X358*_xlfn.XLOOKUP($I358, 'CALCS Aecom (July 25 2025)'!$F:$F, 'CALCS Aecom (July 25 2025)'!BT:BT)</f>
        <v>1602.0758237311238</v>
      </c>
      <c r="CD358" s="1149">
        <f>$X358*_xlfn.XLOOKUP($I358, 'CALCS Aecom (July 25 2025)'!$F:$F, 'CALCS Aecom (July 25 2025)'!BU:BU)</f>
        <v>50465.3884475304</v>
      </c>
      <c r="CE358" s="1149">
        <f>$X358*_xlfn.XLOOKUP($I358, 'CALCS Aecom (July 25 2025)'!$F:$F, 'CALCS Aecom (July 25 2025)'!BW:BW)</f>
        <v>1602.0758237311238</v>
      </c>
      <c r="CF358" s="1149">
        <f>$X358*_xlfn.XLOOKUP($I358, 'CALCS Aecom (July 25 2025)'!$F:$F, 'CALCS Aecom (July 25 2025)'!BS:BS)</f>
        <v>1602.0758237311238</v>
      </c>
      <c r="CG358" s="1149">
        <f>$X358*_xlfn.XLOOKUP($I358, 'CALCS Aecom (July 25 2025)'!$F:$F, 'CALCS Aecom (July 25 2025)'!CE:CE)</f>
        <v>801.03791186556191</v>
      </c>
      <c r="CH358" s="1149">
        <f>$X358*_xlfn.XLOOKUP($I358, 'CALCS Aecom (July 25 2025)'!$F:$F, 'CALCS Aecom (July 25 2025)'!CJ:CJ)</f>
        <v>351.94343038486937</v>
      </c>
      <c r="CI358" s="1149">
        <f>$X358*_xlfn.XLOOKUP($I358, 'CALCS Aecom (July 25 2025)'!$F:$F, 'CALCS Aecom (July 25 2025)'!CB:CB)</f>
        <v>801.03791186556191</v>
      </c>
      <c r="CJ358" s="1149">
        <f>$X358*_xlfn.XLOOKUP($I358, 'CALCS Aecom (July 25 2025)'!$F:$F, 'CALCS Aecom (July 25 2025)'!CF:CF)</f>
        <v>0</v>
      </c>
      <c r="CK358" s="1149">
        <f>$X358*_xlfn.XLOOKUP($I358, 'CALCS Aecom (July 25 2025)'!$F:$F, 'CALCS Aecom (July 25 2025)'!CG:CG)</f>
        <v>0</v>
      </c>
      <c r="CL358" s="1149"/>
      <c r="CM358" s="898"/>
      <c r="CN358" s="898"/>
      <c r="CO358" s="898"/>
      <c r="CP358" s="898"/>
      <c r="CQ358" s="898"/>
      <c r="CR358" s="898"/>
      <c r="CS358" s="898"/>
      <c r="CT358" s="898"/>
      <c r="CU358" s="898"/>
      <c r="CV358" s="898"/>
      <c r="CW358" s="898"/>
      <c r="CX358" s="898"/>
      <c r="CY358" s="898"/>
      <c r="CZ358" s="898"/>
      <c r="DA358" s="898"/>
      <c r="DB358" s="898"/>
      <c r="DC358" s="898"/>
      <c r="DD358" s="898"/>
      <c r="DE358" s="898"/>
      <c r="DF358" s="898"/>
      <c r="DG358" s="898"/>
      <c r="DH358" s="898"/>
      <c r="DI358" s="1149">
        <f>$X358*_xlfn.XLOOKUP($I358, 'CALCS Aecom (July 25 2025)'!$F:$F, 'CALCS Aecom (July 25 2025)'!CA:CA)</f>
        <v>801.03791186556191</v>
      </c>
      <c r="DJ358" s="1149">
        <f>$X358*_xlfn.XLOOKUP($I358, 'CALCS Aecom (July 25 2025)'!$F:$F, 'CALCS Aecom (July 25 2025)'!BX:BX)</f>
        <v>801.03791186556191</v>
      </c>
      <c r="DK358" s="1149">
        <f>$X358*_xlfn.XLOOKUP($I358, 'CALCS Aecom (July 25 2025)'!$F:$F, 'CALCS Aecom (July 25 2025)'!BY:BY)</f>
        <v>2403.1137355966857</v>
      </c>
      <c r="DL358" s="1149">
        <f>$X358*_xlfn.XLOOKUP($I358, 'CALCS Aecom (July 25 2025)'!$F:$F, 'CALCS Aecom (July 25 2025)'!CH:CH)</f>
        <v>3204.1516474622476</v>
      </c>
      <c r="DM358" s="661">
        <f t="shared" si="546"/>
        <v>78853.658793209936</v>
      </c>
      <c r="DN358" s="898">
        <f t="shared" si="547"/>
        <v>7209.3412067900572</v>
      </c>
      <c r="DO358" s="516">
        <f t="shared" si="548"/>
        <v>0</v>
      </c>
      <c r="DP358" s="898">
        <f t="shared" si="549"/>
        <v>0</v>
      </c>
      <c r="DQ358" s="860" t="s">
        <v>4246</v>
      </c>
      <c r="DR358" s="860" t="s">
        <v>4261</v>
      </c>
      <c r="DS358" s="1221" t="s">
        <v>4248</v>
      </c>
      <c r="DT358" s="632"/>
    </row>
    <row r="359" spans="1:124" ht="256.5" x14ac:dyDescent="0.2">
      <c r="A359" s="484" t="str">
        <f t="shared" si="544"/>
        <v>Retail Park access pedestrian crossing improvement</v>
      </c>
      <c r="B359" s="1163">
        <v>356</v>
      </c>
      <c r="C359" s="1156" t="s">
        <v>4439</v>
      </c>
      <c r="D359" s="481" t="s">
        <v>2481</v>
      </c>
      <c r="E359" s="481" t="s">
        <v>53</v>
      </c>
      <c r="F359" s="481" t="s">
        <v>655</v>
      </c>
      <c r="G359" s="775" t="s">
        <v>932</v>
      </c>
      <c r="H359" s="673" t="s">
        <v>1043</v>
      </c>
      <c r="I359" s="775" t="str">
        <f t="shared" si="607"/>
        <v>SG6-5</v>
      </c>
      <c r="J359" s="673" t="s">
        <v>1044</v>
      </c>
      <c r="K359" s="664" t="s">
        <v>3104</v>
      </c>
      <c r="L359" s="852" t="s">
        <v>4440</v>
      </c>
      <c r="M359" s="515" t="s">
        <v>2986</v>
      </c>
      <c r="N359" s="775" t="s">
        <v>81</v>
      </c>
      <c r="O359" s="654" t="s">
        <v>3051</v>
      </c>
      <c r="P359" s="657" t="s">
        <v>61</v>
      </c>
      <c r="Q359" s="852" t="s">
        <v>71</v>
      </c>
      <c r="R359" s="657"/>
      <c r="S359" s="657"/>
      <c r="T359" s="853">
        <v>164532</v>
      </c>
      <c r="U359" s="854"/>
      <c r="V359" s="657" t="s">
        <v>4245</v>
      </c>
      <c r="W359" s="642">
        <f t="shared" ref="W359:W390" si="629">T359-X359</f>
        <v>0</v>
      </c>
      <c r="X359" s="745">
        <f t="shared" ref="X359:X390" si="630">IF(ISTEXT(T359),T359,T359-U359)</f>
        <v>164532</v>
      </c>
      <c r="Y359" s="745" t="s">
        <v>4260</v>
      </c>
      <c r="Z359" s="745" t="str">
        <f>_xlfn.XLOOKUP(I359, 'CALCS Aecom (July 25 2025)'!F:F, 'CALCS Aecom (July 25 2025)'!W:W)</f>
        <v>Mutliple Scenario 2 (Step 5)</v>
      </c>
      <c r="AA359" s="650" t="s">
        <v>65</v>
      </c>
      <c r="AB359" s="713" t="str">
        <f t="shared" si="608"/>
        <v>Yes</v>
      </c>
      <c r="AC359" s="713" t="str">
        <f t="shared" si="609"/>
        <v/>
      </c>
      <c r="AD359" s="713" t="str">
        <f t="shared" si="610"/>
        <v>Yes</v>
      </c>
      <c r="AE359" s="713" t="str">
        <f t="shared" si="611"/>
        <v>Yes</v>
      </c>
      <c r="AF359" s="713" t="str">
        <f t="shared" si="612"/>
        <v>Yes</v>
      </c>
      <c r="AG359" s="713" t="str">
        <f t="shared" si="613"/>
        <v>Yes</v>
      </c>
      <c r="AH359" s="713" t="str">
        <f t="shared" si="614"/>
        <v>Yes</v>
      </c>
      <c r="AI359" s="713" t="str">
        <f t="shared" si="615"/>
        <v>Yes</v>
      </c>
      <c r="AJ359" s="713" t="str">
        <f t="shared" si="616"/>
        <v>Yes</v>
      </c>
      <c r="AK359" s="713" t="str">
        <f t="shared" si="617"/>
        <v>Yes</v>
      </c>
      <c r="AL359" s="713" t="str">
        <f t="shared" si="618"/>
        <v>Yes</v>
      </c>
      <c r="AM359" s="713" t="str">
        <f t="shared" si="619"/>
        <v/>
      </c>
      <c r="AN359" s="713" t="str">
        <f t="shared" si="620"/>
        <v>Yes</v>
      </c>
      <c r="AO359" s="713" t="str">
        <f t="shared" si="621"/>
        <v/>
      </c>
      <c r="AP359" s="713" t="str">
        <f t="shared" si="622"/>
        <v/>
      </c>
      <c r="AQ359" s="713" t="str">
        <f t="shared" si="623"/>
        <v/>
      </c>
      <c r="AR359" s="713" t="str">
        <f t="shared" si="624"/>
        <v/>
      </c>
      <c r="AS359" s="657"/>
      <c r="AT359" s="657"/>
      <c r="AU359" s="657"/>
      <c r="AV359" s="657"/>
      <c r="AW359" s="657"/>
      <c r="AX359" s="657"/>
      <c r="AY359" s="657"/>
      <c r="AZ359" s="657"/>
      <c r="BA359" s="657"/>
      <c r="BB359" s="657"/>
      <c r="BC359" s="657"/>
      <c r="BD359" s="657"/>
      <c r="BE359" s="657"/>
      <c r="BF359" s="657"/>
      <c r="BG359" s="746"/>
      <c r="BH359" s="746"/>
      <c r="BI359" s="746"/>
      <c r="BJ359" s="746"/>
      <c r="BK359" s="746"/>
      <c r="BL359" s="746"/>
      <c r="BM359" s="746"/>
      <c r="BN359" s="746"/>
      <c r="BO359" s="892" t="str">
        <f t="shared" si="625"/>
        <v>Yes</v>
      </c>
      <c r="BP359" s="892" t="str">
        <f t="shared" si="626"/>
        <v>Yes</v>
      </c>
      <c r="BQ359" s="892" t="str">
        <f t="shared" si="627"/>
        <v>Yes</v>
      </c>
      <c r="BR359" s="892" t="str">
        <f t="shared" si="628"/>
        <v>Yes</v>
      </c>
      <c r="BS359" s="884">
        <f t="shared" si="545"/>
        <v>17925</v>
      </c>
      <c r="BT359" s="661">
        <f t="shared" si="562"/>
        <v>9.1789121338912132</v>
      </c>
      <c r="BU359" s="661" t="str">
        <f t="shared" si="606"/>
        <v>GOOD</v>
      </c>
      <c r="BV359" s="1149">
        <f>$X359*_xlfn.XLOOKUP($I359, 'CALCS Aecom (July 25 2025)'!$F:$F, 'CALCS Aecom (July 25 2025)'!BZ:BZ)</f>
        <v>4184.0920610442699</v>
      </c>
      <c r="BW359" s="1149">
        <f>$X359*_xlfn.XLOOKUP($I359, 'CALCS Aecom (July 25 2025)'!$F:$F, 'CALCS Aecom (July 25 2025)'!CC:CC)</f>
        <v>0</v>
      </c>
      <c r="BX359" s="1149">
        <f>$X359*_xlfn.XLOOKUP($I359, 'CALCS Aecom (July 25 2025)'!$F:$F, 'CALCS Aecom (July 25 2025)'!CI:CI)</f>
        <v>1046.0230152610675</v>
      </c>
      <c r="BY359" s="1149">
        <f>$X359*_xlfn.XLOOKUP($I359, 'CALCS Aecom (July 25 2025)'!$F:$F, 'CALCS Aecom (July 25 2025)'!BQ:BQ)</f>
        <v>1046.0230152610675</v>
      </c>
      <c r="BZ359" s="1149">
        <f>$X359*_xlfn.XLOOKUP($I359, 'CALCS Aecom (July 25 2025)'!$F:$F, 'CALCS Aecom (July 25 2025)'!BV:BV)</f>
        <v>1046.0230152610675</v>
      </c>
      <c r="CA359" s="1149">
        <f>$X359*_xlfn.XLOOKUP($I359, 'CALCS Aecom (July 25 2025)'!$F:$F, 'CALCS Aecom (July 25 2025)'!BR:BR)</f>
        <v>1046.0230152610675</v>
      </c>
      <c r="CB359" s="1149">
        <f>$X359*_xlfn.XLOOKUP($I359, 'CALCS Aecom (July 25 2025)'!$F:$F, 'CALCS Aecom (July 25 2025)'!CD:CD)</f>
        <v>1046.0230152610675</v>
      </c>
      <c r="CC359" s="1149">
        <f>$X359*_xlfn.XLOOKUP($I359, 'CALCS Aecom (July 25 2025)'!$F:$F, 'CALCS Aecom (July 25 2025)'!BT:BT)</f>
        <v>1046.0230152610675</v>
      </c>
      <c r="CD359" s="1149">
        <f>$X359*_xlfn.XLOOKUP($I359, 'CALCS Aecom (July 25 2025)'!$F:$F, 'CALCS Aecom (July 25 2025)'!BU:BU)</f>
        <v>139121.06102972195</v>
      </c>
      <c r="CE359" s="1149">
        <f>$X359*_xlfn.XLOOKUP($I359, 'CALCS Aecom (July 25 2025)'!$F:$F, 'CALCS Aecom (July 25 2025)'!BW:BW)</f>
        <v>6276.1380915664049</v>
      </c>
      <c r="CF359" s="1149">
        <f>$X359*_xlfn.XLOOKUP($I359, 'CALCS Aecom (July 25 2025)'!$F:$F, 'CALCS Aecom (July 25 2025)'!BS:BS)</f>
        <v>1046.0230152610675</v>
      </c>
      <c r="CG359" s="1149">
        <f>$X359*_xlfn.XLOOKUP($I359, 'CALCS Aecom (July 25 2025)'!$F:$F, 'CALCS Aecom (July 25 2025)'!CE:CE)</f>
        <v>0</v>
      </c>
      <c r="CH359" s="1149">
        <f>$X359*_xlfn.XLOOKUP($I359, 'CALCS Aecom (July 25 2025)'!$F:$F, 'CALCS Aecom (July 25 2025)'!CJ:CJ)</f>
        <v>306.38660401239503</v>
      </c>
      <c r="CI359" s="1149">
        <f>$X359*_xlfn.XLOOKUP($I359, 'CALCS Aecom (July 25 2025)'!$F:$F, 'CALCS Aecom (July 25 2025)'!CB:CB)</f>
        <v>0</v>
      </c>
      <c r="CJ359" s="1149">
        <f>$X359*_xlfn.XLOOKUP($I359, 'CALCS Aecom (July 25 2025)'!$F:$F, 'CALCS Aecom (July 25 2025)'!CF:CF)</f>
        <v>0</v>
      </c>
      <c r="CK359" s="1149">
        <f>$X359*_xlfn.XLOOKUP($I359, 'CALCS Aecom (July 25 2025)'!$F:$F, 'CALCS Aecom (July 25 2025)'!CG:CG)</f>
        <v>0</v>
      </c>
      <c r="CL359" s="1149"/>
      <c r="CM359" s="898"/>
      <c r="CN359" s="898"/>
      <c r="CO359" s="898"/>
      <c r="CP359" s="898"/>
      <c r="CQ359" s="898"/>
      <c r="CR359" s="898"/>
      <c r="CS359" s="898"/>
      <c r="CT359" s="898"/>
      <c r="CU359" s="898"/>
      <c r="CV359" s="898"/>
      <c r="CW359" s="898"/>
      <c r="CX359" s="898"/>
      <c r="CY359" s="898"/>
      <c r="CZ359" s="898"/>
      <c r="DA359" s="898"/>
      <c r="DB359" s="898"/>
      <c r="DC359" s="898"/>
      <c r="DD359" s="898"/>
      <c r="DE359" s="898"/>
      <c r="DF359" s="898"/>
      <c r="DG359" s="898"/>
      <c r="DH359" s="898"/>
      <c r="DI359" s="1149">
        <f>$X359*_xlfn.XLOOKUP($I359, 'CALCS Aecom (July 25 2025)'!$F:$F, 'CALCS Aecom (July 25 2025)'!CA:CA)</f>
        <v>1046.0230152610675</v>
      </c>
      <c r="DJ359" s="1149">
        <f>$X359*_xlfn.XLOOKUP($I359, 'CALCS Aecom (July 25 2025)'!$F:$F, 'CALCS Aecom (July 25 2025)'!BX:BX)</f>
        <v>1046.0230152610675</v>
      </c>
      <c r="DK359" s="1149">
        <f>$X359*_xlfn.XLOOKUP($I359, 'CALCS Aecom (July 25 2025)'!$F:$F, 'CALCS Aecom (July 25 2025)'!BY:BY)</f>
        <v>3138.0690457832025</v>
      </c>
      <c r="DL359" s="1149">
        <f>$X359*_xlfn.XLOOKUP($I359, 'CALCS Aecom (July 25 2025)'!$F:$F, 'CALCS Aecom (July 25 2025)'!CH:CH)</f>
        <v>2092.046030522135</v>
      </c>
      <c r="DM359" s="661">
        <f t="shared" si="546"/>
        <v>157209.83889317248</v>
      </c>
      <c r="DN359" s="898">
        <f t="shared" si="547"/>
        <v>7322.1611068274724</v>
      </c>
      <c r="DO359" s="516">
        <f t="shared" si="548"/>
        <v>0</v>
      </c>
      <c r="DP359" s="898">
        <f t="shared" si="549"/>
        <v>0</v>
      </c>
      <c r="DQ359" s="860" t="s">
        <v>4246</v>
      </c>
      <c r="DR359" s="860" t="s">
        <v>4261</v>
      </c>
      <c r="DS359" s="1221" t="s">
        <v>4248</v>
      </c>
      <c r="DT359" s="632"/>
    </row>
    <row r="360" spans="1:124" ht="213.75" x14ac:dyDescent="0.2">
      <c r="A360" s="484" t="str">
        <f t="shared" si="544"/>
        <v>London Road Doolittle Meadows crossings and compact roundabout treatment</v>
      </c>
      <c r="B360" s="1163">
        <v>357</v>
      </c>
      <c r="C360" s="1156" t="s">
        <v>4441</v>
      </c>
      <c r="D360" s="481" t="s">
        <v>2481</v>
      </c>
      <c r="E360" s="481" t="s">
        <v>53</v>
      </c>
      <c r="F360" s="481" t="s">
        <v>655</v>
      </c>
      <c r="G360" s="775" t="s">
        <v>900</v>
      </c>
      <c r="H360" s="673" t="s">
        <v>4442</v>
      </c>
      <c r="I360" s="775" t="str">
        <f t="shared" si="607"/>
        <v>SG7-2</v>
      </c>
      <c r="J360" s="673" t="s">
        <v>1048</v>
      </c>
      <c r="K360" s="664" t="s">
        <v>3104</v>
      </c>
      <c r="L360" s="852" t="s">
        <v>4443</v>
      </c>
      <c r="M360" s="657" t="s">
        <v>2996</v>
      </c>
      <c r="N360" s="665" t="s">
        <v>81</v>
      </c>
      <c r="O360" s="654" t="s">
        <v>3051</v>
      </c>
      <c r="P360" s="657" t="s">
        <v>77</v>
      </c>
      <c r="Q360" s="852" t="s">
        <v>122</v>
      </c>
      <c r="R360" s="657"/>
      <c r="S360" s="657"/>
      <c r="T360" s="853">
        <v>651168</v>
      </c>
      <c r="U360" s="854"/>
      <c r="V360" s="657" t="s">
        <v>4245</v>
      </c>
      <c r="W360" s="642">
        <f t="shared" si="629"/>
        <v>0</v>
      </c>
      <c r="X360" s="745">
        <f t="shared" si="630"/>
        <v>651168</v>
      </c>
      <c r="Y360" s="745" t="s">
        <v>4260</v>
      </c>
      <c r="Z360" s="745" t="str">
        <f>_xlfn.XLOOKUP(I360, 'CALCS Aecom (July 25 2025)'!F:F, 'CALCS Aecom (July 25 2025)'!W:W)</f>
        <v>Mutliple Scenario 2 (Step 5)</v>
      </c>
      <c r="AA360" s="650" t="s">
        <v>65</v>
      </c>
      <c r="AB360" s="713" t="str">
        <f t="shared" si="608"/>
        <v>Yes</v>
      </c>
      <c r="AC360" s="713" t="str">
        <f t="shared" si="609"/>
        <v>Yes</v>
      </c>
      <c r="AD360" s="713" t="str">
        <f t="shared" si="610"/>
        <v>Yes</v>
      </c>
      <c r="AE360" s="713" t="str">
        <f t="shared" si="611"/>
        <v>Yes</v>
      </c>
      <c r="AF360" s="713" t="str">
        <f t="shared" si="612"/>
        <v>Yes</v>
      </c>
      <c r="AG360" s="713" t="str">
        <f t="shared" si="613"/>
        <v>Yes</v>
      </c>
      <c r="AH360" s="713" t="str">
        <f t="shared" si="614"/>
        <v>Yes</v>
      </c>
      <c r="AI360" s="713" t="str">
        <f t="shared" si="615"/>
        <v>Yes</v>
      </c>
      <c r="AJ360" s="713" t="str">
        <f t="shared" si="616"/>
        <v>Yes</v>
      </c>
      <c r="AK360" s="713" t="str">
        <f t="shared" si="617"/>
        <v>Yes</v>
      </c>
      <c r="AL360" s="713" t="str">
        <f t="shared" si="618"/>
        <v>Yes</v>
      </c>
      <c r="AM360" s="713" t="str">
        <f t="shared" si="619"/>
        <v/>
      </c>
      <c r="AN360" s="713" t="str">
        <f t="shared" si="620"/>
        <v/>
      </c>
      <c r="AO360" s="713" t="str">
        <f t="shared" si="621"/>
        <v>Yes</v>
      </c>
      <c r="AP360" s="713" t="str">
        <f t="shared" si="622"/>
        <v/>
      </c>
      <c r="AQ360" s="713" t="str">
        <f t="shared" si="623"/>
        <v/>
      </c>
      <c r="AR360" s="713" t="str">
        <f t="shared" si="624"/>
        <v/>
      </c>
      <c r="AS360" s="657"/>
      <c r="AT360" s="657"/>
      <c r="AU360" s="657"/>
      <c r="AV360" s="657"/>
      <c r="AW360" s="657"/>
      <c r="AX360" s="657"/>
      <c r="AY360" s="657"/>
      <c r="AZ360" s="657"/>
      <c r="BA360" s="657"/>
      <c r="BB360" s="657"/>
      <c r="BC360" s="657"/>
      <c r="BD360" s="657"/>
      <c r="BE360" s="657"/>
      <c r="BF360" s="657"/>
      <c r="BG360" s="746"/>
      <c r="BH360" s="746"/>
      <c r="BI360" s="746"/>
      <c r="BJ360" s="746"/>
      <c r="BK360" s="746"/>
      <c r="BL360" s="746"/>
      <c r="BM360" s="746"/>
      <c r="BN360" s="746"/>
      <c r="BO360" s="892" t="str">
        <f t="shared" si="625"/>
        <v/>
      </c>
      <c r="BP360" s="892" t="str">
        <f t="shared" si="626"/>
        <v/>
      </c>
      <c r="BQ360" s="892" t="str">
        <f t="shared" si="627"/>
        <v/>
      </c>
      <c r="BR360" s="892" t="str">
        <f t="shared" si="628"/>
        <v>Yes</v>
      </c>
      <c r="BS360" s="884">
        <f t="shared" si="545"/>
        <v>12741</v>
      </c>
      <c r="BT360" s="661">
        <f t="shared" si="562"/>
        <v>51.108076289145281</v>
      </c>
      <c r="BU360" s="661" t="str">
        <f t="shared" si="606"/>
        <v>GOOD</v>
      </c>
      <c r="BV360" s="1149">
        <f>$X360*_xlfn.XLOOKUP($I360, 'CALCS Aecom (July 25 2025)'!$F:$F, 'CALCS Aecom (July 25 2025)'!BZ:BZ)</f>
        <v>58024.871287128713</v>
      </c>
      <c r="BW360" s="1149">
        <f>$X360*_xlfn.XLOOKUP($I360, 'CALCS Aecom (July 25 2025)'!$F:$F, 'CALCS Aecom (July 25 2025)'!CC:CC)</f>
        <v>6447.2079207920797</v>
      </c>
      <c r="BX360" s="1149">
        <f>$X360*_xlfn.XLOOKUP($I360, 'CALCS Aecom (July 25 2025)'!$F:$F, 'CALCS Aecom (July 25 2025)'!CI:CI)</f>
        <v>6447.2079207920797</v>
      </c>
      <c r="BY360" s="1149">
        <f>$X360*_xlfn.XLOOKUP($I360, 'CALCS Aecom (July 25 2025)'!$F:$F, 'CALCS Aecom (July 25 2025)'!BQ:BQ)</f>
        <v>6447.2079207920797</v>
      </c>
      <c r="BZ360" s="1149">
        <f>$X360*_xlfn.XLOOKUP($I360, 'CALCS Aecom (July 25 2025)'!$F:$F, 'CALCS Aecom (July 25 2025)'!BV:BV)</f>
        <v>6447.2079207920797</v>
      </c>
      <c r="CA360" s="1149">
        <f>$X360*_xlfn.XLOOKUP($I360, 'CALCS Aecom (July 25 2025)'!$F:$F, 'CALCS Aecom (July 25 2025)'!BR:BR)</f>
        <v>25788.831683168319</v>
      </c>
      <c r="CB360" s="1149">
        <f>$X360*_xlfn.XLOOKUP($I360, 'CALCS Aecom (July 25 2025)'!$F:$F, 'CALCS Aecom (July 25 2025)'!CD:CD)</f>
        <v>12894.415841584159</v>
      </c>
      <c r="CC360" s="1149">
        <f>$X360*_xlfn.XLOOKUP($I360, 'CALCS Aecom (July 25 2025)'!$F:$F, 'CALCS Aecom (July 25 2025)'!BT:BT)</f>
        <v>6447.2079207920797</v>
      </c>
      <c r="CD360" s="1149">
        <f>$X360*_xlfn.XLOOKUP($I360, 'CALCS Aecom (July 25 2025)'!$F:$F, 'CALCS Aecom (July 25 2025)'!BU:BU)</f>
        <v>451304.5544554455</v>
      </c>
      <c r="CE360" s="1149">
        <f>$X360*_xlfn.XLOOKUP($I360, 'CALCS Aecom (July 25 2025)'!$F:$F, 'CALCS Aecom (July 25 2025)'!BW:BW)</f>
        <v>45130.455445544561</v>
      </c>
      <c r="CF360" s="1149">
        <f>$X360*_xlfn.XLOOKUP($I360, 'CALCS Aecom (July 25 2025)'!$F:$F, 'CALCS Aecom (July 25 2025)'!BS:BS)</f>
        <v>6447.2079207920797</v>
      </c>
      <c r="CG360" s="1149">
        <f>$X360*_xlfn.XLOOKUP($I360, 'CALCS Aecom (July 25 2025)'!$F:$F, 'CALCS Aecom (July 25 2025)'!CE:CE)</f>
        <v>0</v>
      </c>
      <c r="CH360" s="1149">
        <f>$X360*_xlfn.XLOOKUP($I360, 'CALCS Aecom (July 25 2025)'!$F:$F, 'CALCS Aecom (July 25 2025)'!CJ:CJ)</f>
        <v>0</v>
      </c>
      <c r="CI360" s="1149">
        <f>$X360*_xlfn.XLOOKUP($I360, 'CALCS Aecom (July 25 2025)'!$F:$F, 'CALCS Aecom (July 25 2025)'!CB:CB)</f>
        <v>6447.2079207920797</v>
      </c>
      <c r="CJ360" s="1149">
        <f>$X360*_xlfn.XLOOKUP($I360, 'CALCS Aecom (July 25 2025)'!$F:$F, 'CALCS Aecom (July 25 2025)'!CF:CF)</f>
        <v>0</v>
      </c>
      <c r="CK360" s="1149">
        <f>$X360*_xlfn.XLOOKUP($I360, 'CALCS Aecom (July 25 2025)'!$F:$F, 'CALCS Aecom (July 25 2025)'!CG:CG)</f>
        <v>0</v>
      </c>
      <c r="CL360" s="1149"/>
      <c r="CM360" s="898"/>
      <c r="CN360" s="898"/>
      <c r="CO360" s="898"/>
      <c r="CP360" s="898"/>
      <c r="CQ360" s="898"/>
      <c r="CR360" s="898"/>
      <c r="CS360" s="898"/>
      <c r="CT360" s="898"/>
      <c r="CU360" s="898"/>
      <c r="CV360" s="898"/>
      <c r="CW360" s="898"/>
      <c r="CX360" s="898"/>
      <c r="CY360" s="898"/>
      <c r="CZ360" s="898"/>
      <c r="DA360" s="898"/>
      <c r="DB360" s="898"/>
      <c r="DC360" s="898"/>
      <c r="DD360" s="898"/>
      <c r="DE360" s="898"/>
      <c r="DF360" s="898"/>
      <c r="DG360" s="898"/>
      <c r="DH360" s="898"/>
      <c r="DI360" s="1149">
        <f>$X360*_xlfn.XLOOKUP($I360, 'CALCS Aecom (July 25 2025)'!$F:$F, 'CALCS Aecom (July 25 2025)'!CA:CA)</f>
        <v>0</v>
      </c>
      <c r="DJ360" s="1149">
        <f>$X360*_xlfn.XLOOKUP($I360, 'CALCS Aecom (July 25 2025)'!$F:$F, 'CALCS Aecom (July 25 2025)'!BX:BX)</f>
        <v>0</v>
      </c>
      <c r="DK360" s="1149">
        <f>$X360*_xlfn.XLOOKUP($I360, 'CALCS Aecom (July 25 2025)'!$F:$F, 'CALCS Aecom (July 25 2025)'!BY:BY)</f>
        <v>0</v>
      </c>
      <c r="DL360" s="1149">
        <f>$X360*_xlfn.XLOOKUP($I360, 'CALCS Aecom (July 25 2025)'!$F:$F, 'CALCS Aecom (July 25 2025)'!CH:CH)</f>
        <v>12894.415841584159</v>
      </c>
      <c r="DM360" s="661">
        <f t="shared" si="546"/>
        <v>638273.58415841567</v>
      </c>
      <c r="DN360" s="898">
        <f t="shared" si="547"/>
        <v>12894.415841584159</v>
      </c>
      <c r="DO360" s="516">
        <f t="shared" si="548"/>
        <v>0</v>
      </c>
      <c r="DP360" s="898">
        <f t="shared" si="549"/>
        <v>0</v>
      </c>
      <c r="DQ360" s="860" t="s">
        <v>4246</v>
      </c>
      <c r="DR360" s="860" t="s">
        <v>4261</v>
      </c>
      <c r="DS360" s="1221" t="s">
        <v>4248</v>
      </c>
      <c r="DT360" s="632"/>
    </row>
    <row r="361" spans="1:124" ht="213.75" x14ac:dyDescent="0.2">
      <c r="A361" s="484" t="str">
        <f t="shared" si="544"/>
        <v>London Road access to Apsley Station controlled pedestrian crossing</v>
      </c>
      <c r="B361" s="1163">
        <v>358</v>
      </c>
      <c r="C361" s="1156" t="s">
        <v>4444</v>
      </c>
      <c r="D361" s="481" t="s">
        <v>2481</v>
      </c>
      <c r="E361" s="481" t="s">
        <v>53</v>
      </c>
      <c r="F361" s="481" t="s">
        <v>655</v>
      </c>
      <c r="G361" s="775" t="s">
        <v>932</v>
      </c>
      <c r="H361" s="673" t="s">
        <v>1049</v>
      </c>
      <c r="I361" s="775" t="str">
        <f t="shared" si="607"/>
        <v>SG7-3</v>
      </c>
      <c r="J361" s="673" t="s">
        <v>4445</v>
      </c>
      <c r="K361" s="664" t="s">
        <v>3104</v>
      </c>
      <c r="L361" s="852" t="s">
        <v>4443</v>
      </c>
      <c r="M361" s="515" t="s">
        <v>2986</v>
      </c>
      <c r="N361" s="775" t="s">
        <v>81</v>
      </c>
      <c r="O361" s="654" t="s">
        <v>3051</v>
      </c>
      <c r="P361" s="657" t="s">
        <v>61</v>
      </c>
      <c r="Q361" s="852" t="s">
        <v>122</v>
      </c>
      <c r="R361" s="657"/>
      <c r="S361" s="657"/>
      <c r="T361" s="853">
        <v>457042</v>
      </c>
      <c r="U361" s="854"/>
      <c r="V361" s="657" t="s">
        <v>4245</v>
      </c>
      <c r="W361" s="642">
        <f t="shared" si="629"/>
        <v>0</v>
      </c>
      <c r="X361" s="745">
        <f t="shared" si="630"/>
        <v>457042</v>
      </c>
      <c r="Y361" s="745" t="s">
        <v>4260</v>
      </c>
      <c r="Z361" s="745" t="str">
        <f>_xlfn.XLOOKUP(I361, 'CALCS Aecom (July 25 2025)'!F:F, 'CALCS Aecom (July 25 2025)'!W:W)</f>
        <v>Mutliple Scenario 2 (Step 5)</v>
      </c>
      <c r="AA361" s="650" t="s">
        <v>65</v>
      </c>
      <c r="AB361" s="713" t="str">
        <f t="shared" si="608"/>
        <v>Yes</v>
      </c>
      <c r="AC361" s="713" t="str">
        <f t="shared" si="609"/>
        <v>Yes</v>
      </c>
      <c r="AD361" s="713" t="str">
        <f t="shared" si="610"/>
        <v>Yes</v>
      </c>
      <c r="AE361" s="713" t="str">
        <f t="shared" si="611"/>
        <v>Yes</v>
      </c>
      <c r="AF361" s="713" t="str">
        <f t="shared" si="612"/>
        <v>Yes</v>
      </c>
      <c r="AG361" s="713" t="str">
        <f t="shared" si="613"/>
        <v>Yes</v>
      </c>
      <c r="AH361" s="713" t="str">
        <f t="shared" si="614"/>
        <v>Yes</v>
      </c>
      <c r="AI361" s="713" t="str">
        <f t="shared" si="615"/>
        <v>Yes</v>
      </c>
      <c r="AJ361" s="713" t="str">
        <f t="shared" si="616"/>
        <v>Yes</v>
      </c>
      <c r="AK361" s="713" t="str">
        <f t="shared" si="617"/>
        <v>Yes</v>
      </c>
      <c r="AL361" s="713" t="str">
        <f t="shared" si="618"/>
        <v>Yes</v>
      </c>
      <c r="AM361" s="713" t="str">
        <f t="shared" si="619"/>
        <v/>
      </c>
      <c r="AN361" s="713" t="str">
        <f t="shared" si="620"/>
        <v/>
      </c>
      <c r="AO361" s="713" t="str">
        <f t="shared" si="621"/>
        <v>Yes</v>
      </c>
      <c r="AP361" s="713" t="str">
        <f t="shared" si="622"/>
        <v/>
      </c>
      <c r="AQ361" s="713" t="str">
        <f t="shared" si="623"/>
        <v/>
      </c>
      <c r="AR361" s="713" t="str">
        <f t="shared" si="624"/>
        <v/>
      </c>
      <c r="AS361" s="657"/>
      <c r="AT361" s="657"/>
      <c r="AU361" s="657"/>
      <c r="AV361" s="657"/>
      <c r="AW361" s="657"/>
      <c r="AX361" s="657"/>
      <c r="AY361" s="657"/>
      <c r="AZ361" s="657"/>
      <c r="BA361" s="657"/>
      <c r="BB361" s="657"/>
      <c r="BC361" s="657"/>
      <c r="BD361" s="657"/>
      <c r="BE361" s="657"/>
      <c r="BF361" s="657"/>
      <c r="BG361" s="746"/>
      <c r="BH361" s="746"/>
      <c r="BI361" s="746"/>
      <c r="BJ361" s="746"/>
      <c r="BK361" s="746"/>
      <c r="BL361" s="746"/>
      <c r="BM361" s="746"/>
      <c r="BN361" s="746"/>
      <c r="BO361" s="892" t="str">
        <f t="shared" si="625"/>
        <v/>
      </c>
      <c r="BP361" s="892" t="str">
        <f t="shared" si="626"/>
        <v/>
      </c>
      <c r="BQ361" s="892" t="str">
        <f t="shared" si="627"/>
        <v/>
      </c>
      <c r="BR361" s="892" t="str">
        <f t="shared" si="628"/>
        <v>Yes</v>
      </c>
      <c r="BS361" s="884">
        <f t="shared" si="545"/>
        <v>12741</v>
      </c>
      <c r="BT361" s="661">
        <f t="shared" si="562"/>
        <v>35.871752609685267</v>
      </c>
      <c r="BU361" s="661" t="str">
        <f t="shared" si="606"/>
        <v>GOOD</v>
      </c>
      <c r="BV361" s="1149">
        <f>$X361*_xlfn.XLOOKUP($I361, 'CALCS Aecom (July 25 2025)'!$F:$F, 'CALCS Aecom (July 25 2025)'!BZ:BZ)</f>
        <v>40726.514851485146</v>
      </c>
      <c r="BW361" s="1149">
        <f>$X361*_xlfn.XLOOKUP($I361, 'CALCS Aecom (July 25 2025)'!$F:$F, 'CALCS Aecom (July 25 2025)'!CC:CC)</f>
        <v>4525.1683168316831</v>
      </c>
      <c r="BX361" s="1149">
        <f>$X361*_xlfn.XLOOKUP($I361, 'CALCS Aecom (July 25 2025)'!$F:$F, 'CALCS Aecom (July 25 2025)'!CI:CI)</f>
        <v>4525.1683168316831</v>
      </c>
      <c r="BY361" s="1149">
        <f>$X361*_xlfn.XLOOKUP($I361, 'CALCS Aecom (July 25 2025)'!$F:$F, 'CALCS Aecom (July 25 2025)'!BQ:BQ)</f>
        <v>4525.1683168316831</v>
      </c>
      <c r="BZ361" s="1149">
        <f>$X361*_xlfn.XLOOKUP($I361, 'CALCS Aecom (July 25 2025)'!$F:$F, 'CALCS Aecom (July 25 2025)'!BV:BV)</f>
        <v>4525.1683168316831</v>
      </c>
      <c r="CA361" s="1149">
        <f>$X361*_xlfn.XLOOKUP($I361, 'CALCS Aecom (July 25 2025)'!$F:$F, 'CALCS Aecom (July 25 2025)'!BR:BR)</f>
        <v>18100.673267326732</v>
      </c>
      <c r="CB361" s="1149">
        <f>$X361*_xlfn.XLOOKUP($I361, 'CALCS Aecom (July 25 2025)'!$F:$F, 'CALCS Aecom (July 25 2025)'!CD:CD)</f>
        <v>9050.3366336633662</v>
      </c>
      <c r="CC361" s="1149">
        <f>$X361*_xlfn.XLOOKUP($I361, 'CALCS Aecom (July 25 2025)'!$F:$F, 'CALCS Aecom (July 25 2025)'!BT:BT)</f>
        <v>4525.1683168316831</v>
      </c>
      <c r="CD361" s="1149">
        <f>$X361*_xlfn.XLOOKUP($I361, 'CALCS Aecom (July 25 2025)'!$F:$F, 'CALCS Aecom (July 25 2025)'!BU:BU)</f>
        <v>316761.78217821778</v>
      </c>
      <c r="CE361" s="1149">
        <f>$X361*_xlfn.XLOOKUP($I361, 'CALCS Aecom (July 25 2025)'!$F:$F, 'CALCS Aecom (July 25 2025)'!BW:BW)</f>
        <v>31676.178217821784</v>
      </c>
      <c r="CF361" s="1149">
        <f>$X361*_xlfn.XLOOKUP($I361, 'CALCS Aecom (July 25 2025)'!$F:$F, 'CALCS Aecom (July 25 2025)'!BS:BS)</f>
        <v>4525.1683168316831</v>
      </c>
      <c r="CG361" s="1149">
        <f>$X361*_xlfn.XLOOKUP($I361, 'CALCS Aecom (July 25 2025)'!$F:$F, 'CALCS Aecom (July 25 2025)'!CE:CE)</f>
        <v>0</v>
      </c>
      <c r="CH361" s="1149">
        <f>$X361*_xlfn.XLOOKUP($I361, 'CALCS Aecom (July 25 2025)'!$F:$F, 'CALCS Aecom (July 25 2025)'!CJ:CJ)</f>
        <v>0</v>
      </c>
      <c r="CI361" s="1149">
        <f>$X361*_xlfn.XLOOKUP($I361, 'CALCS Aecom (July 25 2025)'!$F:$F, 'CALCS Aecom (July 25 2025)'!CB:CB)</f>
        <v>4525.1683168316831</v>
      </c>
      <c r="CJ361" s="1149">
        <f>$X361*_xlfn.XLOOKUP($I361, 'CALCS Aecom (July 25 2025)'!$F:$F, 'CALCS Aecom (July 25 2025)'!CF:CF)</f>
        <v>0</v>
      </c>
      <c r="CK361" s="1149">
        <f>$X361*_xlfn.XLOOKUP($I361, 'CALCS Aecom (July 25 2025)'!$F:$F, 'CALCS Aecom (July 25 2025)'!CG:CG)</f>
        <v>0</v>
      </c>
      <c r="CL361" s="1149"/>
      <c r="CM361" s="898"/>
      <c r="CN361" s="898"/>
      <c r="CO361" s="898"/>
      <c r="CP361" s="898"/>
      <c r="CQ361" s="898"/>
      <c r="CR361" s="898"/>
      <c r="CS361" s="898"/>
      <c r="CT361" s="898"/>
      <c r="CU361" s="898"/>
      <c r="CV361" s="898"/>
      <c r="CW361" s="898"/>
      <c r="CX361" s="898"/>
      <c r="CY361" s="898"/>
      <c r="CZ361" s="898"/>
      <c r="DA361" s="898"/>
      <c r="DB361" s="898"/>
      <c r="DC361" s="898"/>
      <c r="DD361" s="898"/>
      <c r="DE361" s="898"/>
      <c r="DF361" s="898"/>
      <c r="DG361" s="898"/>
      <c r="DH361" s="898"/>
      <c r="DI361" s="1149">
        <f>$X361*_xlfn.XLOOKUP($I361, 'CALCS Aecom (July 25 2025)'!$F:$F, 'CALCS Aecom (July 25 2025)'!CA:CA)</f>
        <v>0</v>
      </c>
      <c r="DJ361" s="1149">
        <f>$X361*_xlfn.XLOOKUP($I361, 'CALCS Aecom (July 25 2025)'!$F:$F, 'CALCS Aecom (July 25 2025)'!BX:BX)</f>
        <v>0</v>
      </c>
      <c r="DK361" s="1149">
        <f>$X361*_xlfn.XLOOKUP($I361, 'CALCS Aecom (July 25 2025)'!$F:$F, 'CALCS Aecom (July 25 2025)'!BY:BY)</f>
        <v>0</v>
      </c>
      <c r="DL361" s="1149">
        <f>$X361*_xlfn.XLOOKUP($I361, 'CALCS Aecom (July 25 2025)'!$F:$F, 'CALCS Aecom (July 25 2025)'!CH:CH)</f>
        <v>9050.3366336633662</v>
      </c>
      <c r="DM361" s="661">
        <f t="shared" si="546"/>
        <v>447991.66336633661</v>
      </c>
      <c r="DN361" s="898">
        <f t="shared" si="547"/>
        <v>9050.3366336633662</v>
      </c>
      <c r="DO361" s="516">
        <f t="shared" si="548"/>
        <v>0</v>
      </c>
      <c r="DP361" s="898">
        <f t="shared" si="549"/>
        <v>0</v>
      </c>
      <c r="DQ361" s="860" t="s">
        <v>4246</v>
      </c>
      <c r="DR361" s="860" t="s">
        <v>4261</v>
      </c>
      <c r="DS361" s="1221" t="s">
        <v>4248</v>
      </c>
      <c r="DT361" s="632"/>
    </row>
    <row r="362" spans="1:124" ht="213.75" x14ac:dyDescent="0.2">
      <c r="A362" s="484" t="str">
        <f t="shared" si="544"/>
        <v>London Road access to Doolittle Meadows controlled pedestrian crossing</v>
      </c>
      <c r="B362" s="1163">
        <v>359</v>
      </c>
      <c r="C362" s="1156" t="s">
        <v>4446</v>
      </c>
      <c r="D362" s="481" t="s">
        <v>2481</v>
      </c>
      <c r="E362" s="481" t="s">
        <v>53</v>
      </c>
      <c r="F362" s="481" t="s">
        <v>655</v>
      </c>
      <c r="G362" s="775" t="s">
        <v>932</v>
      </c>
      <c r="H362" s="673" t="s">
        <v>1051</v>
      </c>
      <c r="I362" s="775" t="str">
        <f t="shared" si="607"/>
        <v>SG7-4</v>
      </c>
      <c r="J362" s="673" t="s">
        <v>1052</v>
      </c>
      <c r="K362" s="664" t="s">
        <v>3104</v>
      </c>
      <c r="L362" s="852" t="s">
        <v>4443</v>
      </c>
      <c r="M362" s="515" t="s">
        <v>2986</v>
      </c>
      <c r="N362" s="665" t="s">
        <v>81</v>
      </c>
      <c r="O362" s="654" t="s">
        <v>3051</v>
      </c>
      <c r="P362" s="657" t="s">
        <v>61</v>
      </c>
      <c r="Q362" s="852" t="s">
        <v>122</v>
      </c>
      <c r="R362" s="657"/>
      <c r="S362" s="657"/>
      <c r="T362" s="853">
        <v>553714</v>
      </c>
      <c r="U362" s="854"/>
      <c r="V362" s="657" t="s">
        <v>4245</v>
      </c>
      <c r="W362" s="642">
        <f t="shared" si="629"/>
        <v>0</v>
      </c>
      <c r="X362" s="745">
        <f t="shared" si="630"/>
        <v>553714</v>
      </c>
      <c r="Y362" s="745" t="s">
        <v>4260</v>
      </c>
      <c r="Z362" s="745" t="str">
        <f>_xlfn.XLOOKUP(I362, 'CALCS Aecom (July 25 2025)'!F:F, 'CALCS Aecom (July 25 2025)'!W:W)</f>
        <v>Mutliple Scenario 2 (Step 5)</v>
      </c>
      <c r="AA362" s="650" t="s">
        <v>65</v>
      </c>
      <c r="AB362" s="713" t="str">
        <f t="shared" si="608"/>
        <v>Yes</v>
      </c>
      <c r="AC362" s="713" t="str">
        <f t="shared" si="609"/>
        <v>Yes</v>
      </c>
      <c r="AD362" s="713" t="str">
        <f t="shared" si="610"/>
        <v>Yes</v>
      </c>
      <c r="AE362" s="713" t="str">
        <f t="shared" si="611"/>
        <v>Yes</v>
      </c>
      <c r="AF362" s="713" t="str">
        <f t="shared" si="612"/>
        <v>Yes</v>
      </c>
      <c r="AG362" s="713" t="str">
        <f t="shared" si="613"/>
        <v>Yes</v>
      </c>
      <c r="AH362" s="713" t="str">
        <f t="shared" si="614"/>
        <v>Yes</v>
      </c>
      <c r="AI362" s="713" t="str">
        <f t="shared" si="615"/>
        <v>Yes</v>
      </c>
      <c r="AJ362" s="713" t="str">
        <f t="shared" si="616"/>
        <v>Yes</v>
      </c>
      <c r="AK362" s="713" t="str">
        <f t="shared" si="617"/>
        <v>Yes</v>
      </c>
      <c r="AL362" s="713" t="str">
        <f t="shared" si="618"/>
        <v>Yes</v>
      </c>
      <c r="AM362" s="713" t="str">
        <f t="shared" si="619"/>
        <v/>
      </c>
      <c r="AN362" s="713" t="str">
        <f t="shared" si="620"/>
        <v/>
      </c>
      <c r="AO362" s="713" t="str">
        <f t="shared" si="621"/>
        <v>Yes</v>
      </c>
      <c r="AP362" s="713" t="str">
        <f t="shared" si="622"/>
        <v/>
      </c>
      <c r="AQ362" s="713" t="str">
        <f t="shared" si="623"/>
        <v/>
      </c>
      <c r="AR362" s="713" t="str">
        <f t="shared" si="624"/>
        <v/>
      </c>
      <c r="AS362" s="657"/>
      <c r="AT362" s="657"/>
      <c r="AU362" s="657"/>
      <c r="AV362" s="657"/>
      <c r="AW362" s="657"/>
      <c r="AX362" s="657"/>
      <c r="AY362" s="657"/>
      <c r="AZ362" s="657"/>
      <c r="BA362" s="657"/>
      <c r="BB362" s="657"/>
      <c r="BC362" s="657"/>
      <c r="BD362" s="657"/>
      <c r="BE362" s="657"/>
      <c r="BF362" s="657"/>
      <c r="BG362" s="746"/>
      <c r="BH362" s="746"/>
      <c r="BI362" s="746"/>
      <c r="BJ362" s="746"/>
      <c r="BK362" s="746"/>
      <c r="BL362" s="746"/>
      <c r="BM362" s="746"/>
      <c r="BN362" s="746"/>
      <c r="BO362" s="892" t="str">
        <f t="shared" si="625"/>
        <v/>
      </c>
      <c r="BP362" s="892" t="str">
        <f t="shared" si="626"/>
        <v/>
      </c>
      <c r="BQ362" s="892" t="str">
        <f t="shared" si="627"/>
        <v/>
      </c>
      <c r="BR362" s="892" t="str">
        <f t="shared" si="628"/>
        <v>Yes</v>
      </c>
      <c r="BS362" s="884">
        <f t="shared" si="545"/>
        <v>12741</v>
      </c>
      <c r="BT362" s="661">
        <f t="shared" si="562"/>
        <v>43.459226120398711</v>
      </c>
      <c r="BU362" s="661" t="str">
        <f t="shared" si="606"/>
        <v>GOOD</v>
      </c>
      <c r="BV362" s="1149">
        <f>$X362*_xlfn.XLOOKUP($I362, 'CALCS Aecom (July 25 2025)'!$F:$F, 'CALCS Aecom (July 25 2025)'!BZ:BZ)</f>
        <v>49340.851485148516</v>
      </c>
      <c r="BW362" s="1149">
        <f>$X362*_xlfn.XLOOKUP($I362, 'CALCS Aecom (July 25 2025)'!$F:$F, 'CALCS Aecom (July 25 2025)'!CC:CC)</f>
        <v>5482.3168316831679</v>
      </c>
      <c r="BX362" s="1149">
        <f>$X362*_xlfn.XLOOKUP($I362, 'CALCS Aecom (July 25 2025)'!$F:$F, 'CALCS Aecom (July 25 2025)'!CI:CI)</f>
        <v>5482.3168316831679</v>
      </c>
      <c r="BY362" s="1149">
        <f>$X362*_xlfn.XLOOKUP($I362, 'CALCS Aecom (July 25 2025)'!$F:$F, 'CALCS Aecom (July 25 2025)'!BQ:BQ)</f>
        <v>5482.3168316831679</v>
      </c>
      <c r="BZ362" s="1149">
        <f>$X362*_xlfn.XLOOKUP($I362, 'CALCS Aecom (July 25 2025)'!$F:$F, 'CALCS Aecom (July 25 2025)'!BV:BV)</f>
        <v>5482.3168316831679</v>
      </c>
      <c r="CA362" s="1149">
        <f>$X362*_xlfn.XLOOKUP($I362, 'CALCS Aecom (July 25 2025)'!$F:$F, 'CALCS Aecom (July 25 2025)'!BR:BR)</f>
        <v>21929.267326732672</v>
      </c>
      <c r="CB362" s="1149">
        <f>$X362*_xlfn.XLOOKUP($I362, 'CALCS Aecom (July 25 2025)'!$F:$F, 'CALCS Aecom (July 25 2025)'!CD:CD)</f>
        <v>10964.633663366336</v>
      </c>
      <c r="CC362" s="1149">
        <f>$X362*_xlfn.XLOOKUP($I362, 'CALCS Aecom (July 25 2025)'!$F:$F, 'CALCS Aecom (July 25 2025)'!BT:BT)</f>
        <v>5482.3168316831679</v>
      </c>
      <c r="CD362" s="1149">
        <f>$X362*_xlfn.XLOOKUP($I362, 'CALCS Aecom (July 25 2025)'!$F:$F, 'CALCS Aecom (July 25 2025)'!BU:BU)</f>
        <v>383762.17821782175</v>
      </c>
      <c r="CE362" s="1149">
        <f>$X362*_xlfn.XLOOKUP($I362, 'CALCS Aecom (July 25 2025)'!$F:$F, 'CALCS Aecom (July 25 2025)'!BW:BW)</f>
        <v>38376.217821782178</v>
      </c>
      <c r="CF362" s="1149">
        <f>$X362*_xlfn.XLOOKUP($I362, 'CALCS Aecom (July 25 2025)'!$F:$F, 'CALCS Aecom (July 25 2025)'!BS:BS)</f>
        <v>5482.3168316831679</v>
      </c>
      <c r="CG362" s="1149">
        <f>$X362*_xlfn.XLOOKUP($I362, 'CALCS Aecom (July 25 2025)'!$F:$F, 'CALCS Aecom (July 25 2025)'!CE:CE)</f>
        <v>0</v>
      </c>
      <c r="CH362" s="1149">
        <f>$X362*_xlfn.XLOOKUP($I362, 'CALCS Aecom (July 25 2025)'!$F:$F, 'CALCS Aecom (July 25 2025)'!CJ:CJ)</f>
        <v>0</v>
      </c>
      <c r="CI362" s="1149">
        <f>$X362*_xlfn.XLOOKUP($I362, 'CALCS Aecom (July 25 2025)'!$F:$F, 'CALCS Aecom (July 25 2025)'!CB:CB)</f>
        <v>5482.3168316831679</v>
      </c>
      <c r="CJ362" s="1149">
        <f>$X362*_xlfn.XLOOKUP($I362, 'CALCS Aecom (July 25 2025)'!$F:$F, 'CALCS Aecom (July 25 2025)'!CF:CF)</f>
        <v>0</v>
      </c>
      <c r="CK362" s="1149">
        <f>$X362*_xlfn.XLOOKUP($I362, 'CALCS Aecom (July 25 2025)'!$F:$F, 'CALCS Aecom (July 25 2025)'!CG:CG)</f>
        <v>0</v>
      </c>
      <c r="CL362" s="1149"/>
      <c r="CM362" s="898"/>
      <c r="CN362" s="898"/>
      <c r="CO362" s="898"/>
      <c r="CP362" s="898"/>
      <c r="CQ362" s="898"/>
      <c r="CR362" s="898"/>
      <c r="CS362" s="898"/>
      <c r="CT362" s="898"/>
      <c r="CU362" s="898"/>
      <c r="CV362" s="898"/>
      <c r="CW362" s="898"/>
      <c r="CX362" s="898"/>
      <c r="CY362" s="898"/>
      <c r="CZ362" s="898"/>
      <c r="DA362" s="898"/>
      <c r="DB362" s="898"/>
      <c r="DC362" s="898"/>
      <c r="DD362" s="898"/>
      <c r="DE362" s="898"/>
      <c r="DF362" s="898"/>
      <c r="DG362" s="898"/>
      <c r="DH362" s="898"/>
      <c r="DI362" s="1149">
        <f>$X362*_xlfn.XLOOKUP($I362, 'CALCS Aecom (July 25 2025)'!$F:$F, 'CALCS Aecom (July 25 2025)'!CA:CA)</f>
        <v>0</v>
      </c>
      <c r="DJ362" s="1149">
        <f>$X362*_xlfn.XLOOKUP($I362, 'CALCS Aecom (July 25 2025)'!$F:$F, 'CALCS Aecom (July 25 2025)'!BX:BX)</f>
        <v>0</v>
      </c>
      <c r="DK362" s="1149">
        <f>$X362*_xlfn.XLOOKUP($I362, 'CALCS Aecom (July 25 2025)'!$F:$F, 'CALCS Aecom (July 25 2025)'!BY:BY)</f>
        <v>0</v>
      </c>
      <c r="DL362" s="1149">
        <f>$X362*_xlfn.XLOOKUP($I362, 'CALCS Aecom (July 25 2025)'!$F:$F, 'CALCS Aecom (July 25 2025)'!CH:CH)</f>
        <v>10964.633663366336</v>
      </c>
      <c r="DM362" s="661">
        <f t="shared" si="546"/>
        <v>542749.36633663368</v>
      </c>
      <c r="DN362" s="898">
        <f t="shared" si="547"/>
        <v>10964.633663366336</v>
      </c>
      <c r="DO362" s="516">
        <f t="shared" si="548"/>
        <v>0</v>
      </c>
      <c r="DP362" s="898">
        <f t="shared" si="549"/>
        <v>0</v>
      </c>
      <c r="DQ362" s="860" t="s">
        <v>4246</v>
      </c>
      <c r="DR362" s="860" t="s">
        <v>4261</v>
      </c>
      <c r="DS362" s="1221" t="s">
        <v>4248</v>
      </c>
      <c r="DT362" s="632"/>
    </row>
    <row r="363" spans="1:124" ht="213.75" x14ac:dyDescent="0.2">
      <c r="A363" s="484" t="str">
        <f t="shared" si="544"/>
        <v>Traffic calming approach Doolittle Meadows</v>
      </c>
      <c r="B363" s="1163">
        <v>360</v>
      </c>
      <c r="C363" s="1156" t="s">
        <v>4447</v>
      </c>
      <c r="D363" s="481" t="s">
        <v>2481</v>
      </c>
      <c r="E363" s="481" t="s">
        <v>53</v>
      </c>
      <c r="F363" s="481" t="s">
        <v>655</v>
      </c>
      <c r="G363" s="775" t="s">
        <v>932</v>
      </c>
      <c r="H363" s="673" t="s">
        <v>1053</v>
      </c>
      <c r="I363" s="775" t="str">
        <f t="shared" si="607"/>
        <v>SG7-5</v>
      </c>
      <c r="J363" s="673" t="s">
        <v>1054</v>
      </c>
      <c r="K363" s="664" t="s">
        <v>3104</v>
      </c>
      <c r="L363" s="852" t="s">
        <v>4443</v>
      </c>
      <c r="M363" s="515" t="s">
        <v>2986</v>
      </c>
      <c r="N363" s="775" t="s">
        <v>81</v>
      </c>
      <c r="O363" s="654" t="s">
        <v>3051</v>
      </c>
      <c r="P363" s="657" t="s">
        <v>61</v>
      </c>
      <c r="Q363" s="852" t="s">
        <v>122</v>
      </c>
      <c r="R363" s="657"/>
      <c r="S363" s="657"/>
      <c r="T363" s="853">
        <v>72774</v>
      </c>
      <c r="U363" s="854"/>
      <c r="V363" s="657" t="s">
        <v>4245</v>
      </c>
      <c r="W363" s="642">
        <f t="shared" si="629"/>
        <v>0</v>
      </c>
      <c r="X363" s="745">
        <f t="shared" si="630"/>
        <v>72774</v>
      </c>
      <c r="Y363" s="745" t="s">
        <v>4260</v>
      </c>
      <c r="Z363" s="745" t="str">
        <f>_xlfn.XLOOKUP(I363, 'CALCS Aecom (July 25 2025)'!F:F, 'CALCS Aecom (July 25 2025)'!W:W)</f>
        <v>Mutliple Scenario 2 (Step 5)</v>
      </c>
      <c r="AA363" s="650" t="s">
        <v>65</v>
      </c>
      <c r="AB363" s="713" t="str">
        <f t="shared" si="608"/>
        <v>Yes</v>
      </c>
      <c r="AC363" s="713" t="str">
        <f t="shared" si="609"/>
        <v>Yes</v>
      </c>
      <c r="AD363" s="713" t="str">
        <f t="shared" si="610"/>
        <v>Yes</v>
      </c>
      <c r="AE363" s="713" t="str">
        <f t="shared" si="611"/>
        <v>Yes</v>
      </c>
      <c r="AF363" s="713" t="str">
        <f t="shared" si="612"/>
        <v>Yes</v>
      </c>
      <c r="AG363" s="713" t="str">
        <f t="shared" si="613"/>
        <v>Yes</v>
      </c>
      <c r="AH363" s="713" t="str">
        <f t="shared" si="614"/>
        <v>Yes</v>
      </c>
      <c r="AI363" s="713" t="str">
        <f t="shared" si="615"/>
        <v>Yes</v>
      </c>
      <c r="AJ363" s="713" t="str">
        <f t="shared" si="616"/>
        <v>Yes</v>
      </c>
      <c r="AK363" s="713" t="str">
        <f t="shared" si="617"/>
        <v>Yes</v>
      </c>
      <c r="AL363" s="713" t="str">
        <f t="shared" si="618"/>
        <v>Yes</v>
      </c>
      <c r="AM363" s="713" t="str">
        <f t="shared" si="619"/>
        <v/>
      </c>
      <c r="AN363" s="713" t="str">
        <f t="shared" si="620"/>
        <v/>
      </c>
      <c r="AO363" s="713" t="str">
        <f t="shared" si="621"/>
        <v>Yes</v>
      </c>
      <c r="AP363" s="713" t="str">
        <f t="shared" si="622"/>
        <v/>
      </c>
      <c r="AQ363" s="713" t="str">
        <f t="shared" si="623"/>
        <v/>
      </c>
      <c r="AR363" s="713" t="str">
        <f t="shared" si="624"/>
        <v/>
      </c>
      <c r="AS363" s="657"/>
      <c r="AT363" s="657"/>
      <c r="AU363" s="657"/>
      <c r="AV363" s="657"/>
      <c r="AW363" s="657"/>
      <c r="AX363" s="657"/>
      <c r="AY363" s="657"/>
      <c r="AZ363" s="657"/>
      <c r="BA363" s="657"/>
      <c r="BB363" s="657"/>
      <c r="BC363" s="657"/>
      <c r="BD363" s="657"/>
      <c r="BE363" s="657"/>
      <c r="BF363" s="657"/>
      <c r="BG363" s="746"/>
      <c r="BH363" s="746"/>
      <c r="BI363" s="746"/>
      <c r="BJ363" s="746"/>
      <c r="BK363" s="746"/>
      <c r="BL363" s="746"/>
      <c r="BM363" s="746"/>
      <c r="BN363" s="746"/>
      <c r="BO363" s="892" t="str">
        <f t="shared" si="625"/>
        <v/>
      </c>
      <c r="BP363" s="892" t="str">
        <f t="shared" si="626"/>
        <v/>
      </c>
      <c r="BQ363" s="892" t="str">
        <f t="shared" si="627"/>
        <v/>
      </c>
      <c r="BR363" s="892" t="str">
        <f t="shared" si="628"/>
        <v>Yes</v>
      </c>
      <c r="BS363" s="884">
        <f t="shared" si="545"/>
        <v>12741</v>
      </c>
      <c r="BT363" s="661">
        <f t="shared" si="562"/>
        <v>5.7117965622792557</v>
      </c>
      <c r="BU363" s="661" t="str">
        <f t="shared" si="606"/>
        <v>GOOD</v>
      </c>
      <c r="BV363" s="1149">
        <f>$X363*_xlfn.XLOOKUP($I363, 'CALCS Aecom (July 25 2025)'!$F:$F, 'CALCS Aecom (July 25 2025)'!BZ:BZ)</f>
        <v>6484.8118811881186</v>
      </c>
      <c r="BW363" s="1149">
        <f>$X363*_xlfn.XLOOKUP($I363, 'CALCS Aecom (July 25 2025)'!$F:$F, 'CALCS Aecom (July 25 2025)'!CC:CC)</f>
        <v>720.53465346534654</v>
      </c>
      <c r="BX363" s="1149">
        <f>$X363*_xlfn.XLOOKUP($I363, 'CALCS Aecom (July 25 2025)'!$F:$F, 'CALCS Aecom (July 25 2025)'!CI:CI)</f>
        <v>720.53465346534654</v>
      </c>
      <c r="BY363" s="1149">
        <f>$X363*_xlfn.XLOOKUP($I363, 'CALCS Aecom (July 25 2025)'!$F:$F, 'CALCS Aecom (July 25 2025)'!BQ:BQ)</f>
        <v>720.53465346534654</v>
      </c>
      <c r="BZ363" s="1149">
        <f>$X363*_xlfn.XLOOKUP($I363, 'CALCS Aecom (July 25 2025)'!$F:$F, 'CALCS Aecom (July 25 2025)'!BV:BV)</f>
        <v>720.53465346534654</v>
      </c>
      <c r="CA363" s="1149">
        <f>$X363*_xlfn.XLOOKUP($I363, 'CALCS Aecom (July 25 2025)'!$F:$F, 'CALCS Aecom (July 25 2025)'!BR:BR)</f>
        <v>2882.1386138613861</v>
      </c>
      <c r="CB363" s="1149">
        <f>$X363*_xlfn.XLOOKUP($I363, 'CALCS Aecom (July 25 2025)'!$F:$F, 'CALCS Aecom (July 25 2025)'!CD:CD)</f>
        <v>1441.0693069306931</v>
      </c>
      <c r="CC363" s="1149">
        <f>$X363*_xlfn.XLOOKUP($I363, 'CALCS Aecom (July 25 2025)'!$F:$F, 'CALCS Aecom (July 25 2025)'!BT:BT)</f>
        <v>720.53465346534654</v>
      </c>
      <c r="CD363" s="1149">
        <f>$X363*_xlfn.XLOOKUP($I363, 'CALCS Aecom (July 25 2025)'!$F:$F, 'CALCS Aecom (July 25 2025)'!BU:BU)</f>
        <v>50437.425742574254</v>
      </c>
      <c r="CE363" s="1149">
        <f>$X363*_xlfn.XLOOKUP($I363, 'CALCS Aecom (July 25 2025)'!$F:$F, 'CALCS Aecom (July 25 2025)'!BW:BW)</f>
        <v>5043.742574257426</v>
      </c>
      <c r="CF363" s="1149">
        <f>$X363*_xlfn.XLOOKUP($I363, 'CALCS Aecom (July 25 2025)'!$F:$F, 'CALCS Aecom (July 25 2025)'!BS:BS)</f>
        <v>720.53465346534654</v>
      </c>
      <c r="CG363" s="1149">
        <f>$X363*_xlfn.XLOOKUP($I363, 'CALCS Aecom (July 25 2025)'!$F:$F, 'CALCS Aecom (July 25 2025)'!CE:CE)</f>
        <v>0</v>
      </c>
      <c r="CH363" s="1149">
        <f>$X363*_xlfn.XLOOKUP($I363, 'CALCS Aecom (July 25 2025)'!$F:$F, 'CALCS Aecom (July 25 2025)'!CJ:CJ)</f>
        <v>0</v>
      </c>
      <c r="CI363" s="1149">
        <f>$X363*_xlfn.XLOOKUP($I363, 'CALCS Aecom (July 25 2025)'!$F:$F, 'CALCS Aecom (July 25 2025)'!CB:CB)</f>
        <v>720.53465346534654</v>
      </c>
      <c r="CJ363" s="1149">
        <f>$X363*_xlfn.XLOOKUP($I363, 'CALCS Aecom (July 25 2025)'!$F:$F, 'CALCS Aecom (July 25 2025)'!CF:CF)</f>
        <v>0</v>
      </c>
      <c r="CK363" s="1149">
        <f>$X363*_xlfn.XLOOKUP($I363, 'CALCS Aecom (July 25 2025)'!$F:$F, 'CALCS Aecom (July 25 2025)'!CG:CG)</f>
        <v>0</v>
      </c>
      <c r="CL363" s="1149"/>
      <c r="CM363" s="898"/>
      <c r="CN363" s="898"/>
      <c r="CO363" s="898"/>
      <c r="CP363" s="898"/>
      <c r="CQ363" s="898"/>
      <c r="CR363" s="898"/>
      <c r="CS363" s="898"/>
      <c r="CT363" s="898"/>
      <c r="CU363" s="898"/>
      <c r="CV363" s="898"/>
      <c r="CW363" s="898"/>
      <c r="CX363" s="898"/>
      <c r="CY363" s="898"/>
      <c r="CZ363" s="898"/>
      <c r="DA363" s="898"/>
      <c r="DB363" s="898"/>
      <c r="DC363" s="898"/>
      <c r="DD363" s="898"/>
      <c r="DE363" s="898"/>
      <c r="DF363" s="898"/>
      <c r="DG363" s="898"/>
      <c r="DH363" s="898"/>
      <c r="DI363" s="1149">
        <f>$X363*_xlfn.XLOOKUP($I363, 'CALCS Aecom (July 25 2025)'!$F:$F, 'CALCS Aecom (July 25 2025)'!CA:CA)</f>
        <v>0</v>
      </c>
      <c r="DJ363" s="1149">
        <f>$X363*_xlfn.XLOOKUP($I363, 'CALCS Aecom (July 25 2025)'!$F:$F, 'CALCS Aecom (July 25 2025)'!BX:BX)</f>
        <v>0</v>
      </c>
      <c r="DK363" s="1149">
        <f>$X363*_xlfn.XLOOKUP($I363, 'CALCS Aecom (July 25 2025)'!$F:$F, 'CALCS Aecom (July 25 2025)'!BY:BY)</f>
        <v>0</v>
      </c>
      <c r="DL363" s="1149">
        <f>$X363*_xlfn.XLOOKUP($I363, 'CALCS Aecom (July 25 2025)'!$F:$F, 'CALCS Aecom (July 25 2025)'!CH:CH)</f>
        <v>1441.0693069306931</v>
      </c>
      <c r="DM363" s="661">
        <f t="shared" si="546"/>
        <v>71332.930693069313</v>
      </c>
      <c r="DN363" s="898">
        <f t="shared" si="547"/>
        <v>1441.0693069306931</v>
      </c>
      <c r="DO363" s="516">
        <f t="shared" si="548"/>
        <v>0</v>
      </c>
      <c r="DP363" s="898">
        <f t="shared" si="549"/>
        <v>0</v>
      </c>
      <c r="DQ363" s="860" t="s">
        <v>4246</v>
      </c>
      <c r="DR363" s="860" t="s">
        <v>4261</v>
      </c>
      <c r="DS363" s="1221" t="s">
        <v>4248</v>
      </c>
      <c r="DT363" s="632"/>
    </row>
    <row r="364" spans="1:124" ht="213.75" x14ac:dyDescent="0.2">
      <c r="A364" s="484" t="str">
        <f t="shared" si="544"/>
        <v>London Road Apsley pedestrian capacity enhancement</v>
      </c>
      <c r="B364" s="1163">
        <v>361</v>
      </c>
      <c r="C364" s="1156" t="s">
        <v>4448</v>
      </c>
      <c r="D364" s="481" t="s">
        <v>2481</v>
      </c>
      <c r="E364" s="481" t="s">
        <v>53</v>
      </c>
      <c r="F364" s="481" t="s">
        <v>655</v>
      </c>
      <c r="G364" s="775" t="s">
        <v>932</v>
      </c>
      <c r="H364" s="673" t="s">
        <v>1055</v>
      </c>
      <c r="I364" s="775" t="str">
        <f t="shared" si="607"/>
        <v>SG7-6</v>
      </c>
      <c r="J364" s="673" t="s">
        <v>1056</v>
      </c>
      <c r="K364" s="664" t="s">
        <v>3104</v>
      </c>
      <c r="L364" s="852" t="s">
        <v>4443</v>
      </c>
      <c r="M364" s="515" t="s">
        <v>2986</v>
      </c>
      <c r="N364" s="665" t="s">
        <v>81</v>
      </c>
      <c r="O364" s="654" t="s">
        <v>3051</v>
      </c>
      <c r="P364" s="657" t="s">
        <v>61</v>
      </c>
      <c r="Q364" s="852" t="s">
        <v>122</v>
      </c>
      <c r="R364" s="657"/>
      <c r="S364" s="657"/>
      <c r="T364" s="853">
        <v>1518759</v>
      </c>
      <c r="U364" s="854"/>
      <c r="V364" s="657" t="s">
        <v>4245</v>
      </c>
      <c r="W364" s="642">
        <f t="shared" si="629"/>
        <v>0</v>
      </c>
      <c r="X364" s="745">
        <f t="shared" si="630"/>
        <v>1518759</v>
      </c>
      <c r="Y364" s="745" t="s">
        <v>4260</v>
      </c>
      <c r="Z364" s="745" t="str">
        <f>_xlfn.XLOOKUP(I364, 'CALCS Aecom (July 25 2025)'!F:F, 'CALCS Aecom (July 25 2025)'!W:W)</f>
        <v>Mutliple Scenario 2 (Step 5)</v>
      </c>
      <c r="AA364" s="650" t="s">
        <v>65</v>
      </c>
      <c r="AB364" s="713" t="str">
        <f t="shared" si="608"/>
        <v>Yes</v>
      </c>
      <c r="AC364" s="713" t="str">
        <f t="shared" si="609"/>
        <v>Yes</v>
      </c>
      <c r="AD364" s="713" t="str">
        <f t="shared" si="610"/>
        <v>Yes</v>
      </c>
      <c r="AE364" s="713" t="str">
        <f t="shared" si="611"/>
        <v>Yes</v>
      </c>
      <c r="AF364" s="713" t="str">
        <f t="shared" si="612"/>
        <v>Yes</v>
      </c>
      <c r="AG364" s="713" t="str">
        <f t="shared" si="613"/>
        <v>Yes</v>
      </c>
      <c r="AH364" s="713" t="str">
        <f t="shared" si="614"/>
        <v>Yes</v>
      </c>
      <c r="AI364" s="713" t="str">
        <f t="shared" si="615"/>
        <v>Yes</v>
      </c>
      <c r="AJ364" s="713" t="str">
        <f t="shared" si="616"/>
        <v>Yes</v>
      </c>
      <c r="AK364" s="713" t="str">
        <f t="shared" si="617"/>
        <v>Yes</v>
      </c>
      <c r="AL364" s="713" t="str">
        <f t="shared" si="618"/>
        <v>Yes</v>
      </c>
      <c r="AM364" s="713" t="str">
        <f t="shared" si="619"/>
        <v/>
      </c>
      <c r="AN364" s="713" t="str">
        <f t="shared" si="620"/>
        <v/>
      </c>
      <c r="AO364" s="713" t="str">
        <f t="shared" si="621"/>
        <v>Yes</v>
      </c>
      <c r="AP364" s="713" t="str">
        <f t="shared" si="622"/>
        <v/>
      </c>
      <c r="AQ364" s="713" t="str">
        <f t="shared" si="623"/>
        <v/>
      </c>
      <c r="AR364" s="713" t="str">
        <f t="shared" si="624"/>
        <v/>
      </c>
      <c r="AS364" s="657"/>
      <c r="AT364" s="657"/>
      <c r="AU364" s="657"/>
      <c r="AV364" s="657"/>
      <c r="AW364" s="657"/>
      <c r="AX364" s="657"/>
      <c r="AY364" s="657"/>
      <c r="AZ364" s="657"/>
      <c r="BA364" s="657"/>
      <c r="BB364" s="657"/>
      <c r="BC364" s="657"/>
      <c r="BD364" s="657"/>
      <c r="BE364" s="657"/>
      <c r="BF364" s="657"/>
      <c r="BG364" s="746"/>
      <c r="BH364" s="746"/>
      <c r="BI364" s="746"/>
      <c r="BJ364" s="746"/>
      <c r="BK364" s="746"/>
      <c r="BL364" s="746"/>
      <c r="BM364" s="746"/>
      <c r="BN364" s="746"/>
      <c r="BO364" s="892" t="str">
        <f t="shared" si="625"/>
        <v/>
      </c>
      <c r="BP364" s="892" t="str">
        <f t="shared" si="626"/>
        <v/>
      </c>
      <c r="BQ364" s="892" t="str">
        <f t="shared" si="627"/>
        <v/>
      </c>
      <c r="BR364" s="892" t="str">
        <f t="shared" si="628"/>
        <v>Yes</v>
      </c>
      <c r="BS364" s="884">
        <f t="shared" si="545"/>
        <v>12741</v>
      </c>
      <c r="BT364" s="661">
        <f t="shared" ref="BT364:BT395" si="631">X364/BS364</f>
        <v>119.20249587944431</v>
      </c>
      <c r="BU364" s="661" t="str">
        <f t="shared" si="606"/>
        <v>GOOD</v>
      </c>
      <c r="BV364" s="1149">
        <f>$X364*_xlfn.XLOOKUP($I364, 'CALCS Aecom (July 25 2025)'!$F:$F, 'CALCS Aecom (July 25 2025)'!BZ:BZ)</f>
        <v>135334.96039603959</v>
      </c>
      <c r="BW364" s="1149">
        <f>$X364*_xlfn.XLOOKUP($I364, 'CALCS Aecom (July 25 2025)'!$F:$F, 'CALCS Aecom (July 25 2025)'!CC:CC)</f>
        <v>15037.217821782178</v>
      </c>
      <c r="BX364" s="1149">
        <f>$X364*_xlfn.XLOOKUP($I364, 'CALCS Aecom (July 25 2025)'!$F:$F, 'CALCS Aecom (July 25 2025)'!CI:CI)</f>
        <v>15037.217821782178</v>
      </c>
      <c r="BY364" s="1149">
        <f>$X364*_xlfn.XLOOKUP($I364, 'CALCS Aecom (July 25 2025)'!$F:$F, 'CALCS Aecom (July 25 2025)'!BQ:BQ)</f>
        <v>15037.217821782178</v>
      </c>
      <c r="BZ364" s="1149">
        <f>$X364*_xlfn.XLOOKUP($I364, 'CALCS Aecom (July 25 2025)'!$F:$F, 'CALCS Aecom (July 25 2025)'!BV:BV)</f>
        <v>15037.217821782178</v>
      </c>
      <c r="CA364" s="1149">
        <f>$X364*_xlfn.XLOOKUP($I364, 'CALCS Aecom (July 25 2025)'!$F:$F, 'CALCS Aecom (July 25 2025)'!BR:BR)</f>
        <v>60148.871287128713</v>
      </c>
      <c r="CB364" s="1149">
        <f>$X364*_xlfn.XLOOKUP($I364, 'CALCS Aecom (July 25 2025)'!$F:$F, 'CALCS Aecom (July 25 2025)'!CD:CD)</f>
        <v>30074.435643564357</v>
      </c>
      <c r="CC364" s="1149">
        <f>$X364*_xlfn.XLOOKUP($I364, 'CALCS Aecom (July 25 2025)'!$F:$F, 'CALCS Aecom (July 25 2025)'!BT:BT)</f>
        <v>15037.217821782178</v>
      </c>
      <c r="CD364" s="1149">
        <f>$X364*_xlfn.XLOOKUP($I364, 'CALCS Aecom (July 25 2025)'!$F:$F, 'CALCS Aecom (July 25 2025)'!BU:BU)</f>
        <v>1052605.2475247525</v>
      </c>
      <c r="CE364" s="1149">
        <f>$X364*_xlfn.XLOOKUP($I364, 'CALCS Aecom (July 25 2025)'!$F:$F, 'CALCS Aecom (July 25 2025)'!BW:BW)</f>
        <v>105260.52475247526</v>
      </c>
      <c r="CF364" s="1149">
        <f>$X364*_xlfn.XLOOKUP($I364, 'CALCS Aecom (July 25 2025)'!$F:$F, 'CALCS Aecom (July 25 2025)'!BS:BS)</f>
        <v>15037.217821782178</v>
      </c>
      <c r="CG364" s="1149">
        <f>$X364*_xlfn.XLOOKUP($I364, 'CALCS Aecom (July 25 2025)'!$F:$F, 'CALCS Aecom (July 25 2025)'!CE:CE)</f>
        <v>0</v>
      </c>
      <c r="CH364" s="1149">
        <f>$X364*_xlfn.XLOOKUP($I364, 'CALCS Aecom (July 25 2025)'!$F:$F, 'CALCS Aecom (July 25 2025)'!CJ:CJ)</f>
        <v>0</v>
      </c>
      <c r="CI364" s="1149">
        <f>$X364*_xlfn.XLOOKUP($I364, 'CALCS Aecom (July 25 2025)'!$F:$F, 'CALCS Aecom (July 25 2025)'!CB:CB)</f>
        <v>15037.217821782178</v>
      </c>
      <c r="CJ364" s="1149">
        <f>$X364*_xlfn.XLOOKUP($I364, 'CALCS Aecom (July 25 2025)'!$F:$F, 'CALCS Aecom (July 25 2025)'!CF:CF)</f>
        <v>0</v>
      </c>
      <c r="CK364" s="1149">
        <f>$X364*_xlfn.XLOOKUP($I364, 'CALCS Aecom (July 25 2025)'!$F:$F, 'CALCS Aecom (July 25 2025)'!CG:CG)</f>
        <v>0</v>
      </c>
      <c r="CL364" s="1149"/>
      <c r="CM364" s="898"/>
      <c r="CN364" s="898"/>
      <c r="CO364" s="898"/>
      <c r="CP364" s="898"/>
      <c r="CQ364" s="898"/>
      <c r="CR364" s="898"/>
      <c r="CS364" s="898"/>
      <c r="CT364" s="898"/>
      <c r="CU364" s="898"/>
      <c r="CV364" s="898"/>
      <c r="CW364" s="898"/>
      <c r="CX364" s="898"/>
      <c r="CY364" s="898"/>
      <c r="CZ364" s="898"/>
      <c r="DA364" s="898"/>
      <c r="DB364" s="898"/>
      <c r="DC364" s="898"/>
      <c r="DD364" s="898"/>
      <c r="DE364" s="898"/>
      <c r="DF364" s="898"/>
      <c r="DG364" s="898"/>
      <c r="DH364" s="898"/>
      <c r="DI364" s="1149">
        <f>$X364*_xlfn.XLOOKUP($I364, 'CALCS Aecom (July 25 2025)'!$F:$F, 'CALCS Aecom (July 25 2025)'!CA:CA)</f>
        <v>0</v>
      </c>
      <c r="DJ364" s="1149">
        <f>$X364*_xlfn.XLOOKUP($I364, 'CALCS Aecom (July 25 2025)'!$F:$F, 'CALCS Aecom (July 25 2025)'!BX:BX)</f>
        <v>0</v>
      </c>
      <c r="DK364" s="1149">
        <f>$X364*_xlfn.XLOOKUP($I364, 'CALCS Aecom (July 25 2025)'!$F:$F, 'CALCS Aecom (July 25 2025)'!BY:BY)</f>
        <v>0</v>
      </c>
      <c r="DL364" s="1149">
        <f>$X364*_xlfn.XLOOKUP($I364, 'CALCS Aecom (July 25 2025)'!$F:$F, 'CALCS Aecom (July 25 2025)'!CH:CH)</f>
        <v>30074.435643564357</v>
      </c>
      <c r="DM364" s="661">
        <f t="shared" si="546"/>
        <v>1488684.5643564358</v>
      </c>
      <c r="DN364" s="898">
        <f t="shared" si="547"/>
        <v>30074.435643564357</v>
      </c>
      <c r="DO364" s="516">
        <f t="shared" si="548"/>
        <v>0</v>
      </c>
      <c r="DP364" s="898">
        <f t="shared" si="549"/>
        <v>0</v>
      </c>
      <c r="DQ364" s="860" t="s">
        <v>4246</v>
      </c>
      <c r="DR364" s="860" t="s">
        <v>4261</v>
      </c>
      <c r="DS364" s="1221" t="s">
        <v>4248</v>
      </c>
      <c r="DT364" s="632"/>
    </row>
    <row r="365" spans="1:124" ht="213.75" x14ac:dyDescent="0.2">
      <c r="A365" s="484" t="str">
        <f t="shared" si="544"/>
        <v>London Road Apsley Wayfinding signage</v>
      </c>
      <c r="B365" s="1163">
        <v>362</v>
      </c>
      <c r="C365" s="1156" t="s">
        <v>4449</v>
      </c>
      <c r="D365" s="481" t="s">
        <v>2481</v>
      </c>
      <c r="E365" s="481" t="s">
        <v>53</v>
      </c>
      <c r="F365" s="481" t="s">
        <v>655</v>
      </c>
      <c r="G365" s="775" t="s">
        <v>932</v>
      </c>
      <c r="H365" s="673" t="s">
        <v>1057</v>
      </c>
      <c r="I365" s="775" t="str">
        <f t="shared" si="607"/>
        <v>SG7-7</v>
      </c>
      <c r="J365" s="673" t="s">
        <v>1058</v>
      </c>
      <c r="K365" s="664" t="s">
        <v>3104</v>
      </c>
      <c r="L365" s="852" t="s">
        <v>4443</v>
      </c>
      <c r="M365" s="515" t="s">
        <v>2986</v>
      </c>
      <c r="N365" s="775" t="s">
        <v>81</v>
      </c>
      <c r="O365" s="654" t="s">
        <v>3051</v>
      </c>
      <c r="P365" s="657" t="s">
        <v>61</v>
      </c>
      <c r="Q365" s="852" t="s">
        <v>122</v>
      </c>
      <c r="R365" s="657"/>
      <c r="S365" s="657"/>
      <c r="T365" s="853">
        <v>20883</v>
      </c>
      <c r="U365" s="854"/>
      <c r="V365" s="657" t="s">
        <v>4245</v>
      </c>
      <c r="W365" s="642">
        <f t="shared" si="629"/>
        <v>0</v>
      </c>
      <c r="X365" s="745">
        <f t="shared" si="630"/>
        <v>20883</v>
      </c>
      <c r="Y365" s="745" t="s">
        <v>4260</v>
      </c>
      <c r="Z365" s="745" t="str">
        <f>_xlfn.XLOOKUP(I365, 'CALCS Aecom (July 25 2025)'!F:F, 'CALCS Aecom (July 25 2025)'!W:W)</f>
        <v>Mutliple Scenario 2 (Step 5)</v>
      </c>
      <c r="AA365" s="650" t="s">
        <v>65</v>
      </c>
      <c r="AB365" s="713" t="str">
        <f t="shared" si="608"/>
        <v>Yes</v>
      </c>
      <c r="AC365" s="713" t="str">
        <f t="shared" si="609"/>
        <v>Yes</v>
      </c>
      <c r="AD365" s="713" t="str">
        <f t="shared" si="610"/>
        <v>Yes</v>
      </c>
      <c r="AE365" s="713" t="str">
        <f t="shared" si="611"/>
        <v>Yes</v>
      </c>
      <c r="AF365" s="713" t="str">
        <f t="shared" si="612"/>
        <v>Yes</v>
      </c>
      <c r="AG365" s="713" t="str">
        <f t="shared" si="613"/>
        <v>Yes</v>
      </c>
      <c r="AH365" s="713" t="str">
        <f t="shared" si="614"/>
        <v>Yes</v>
      </c>
      <c r="AI365" s="713" t="str">
        <f t="shared" si="615"/>
        <v>Yes</v>
      </c>
      <c r="AJ365" s="713" t="str">
        <f t="shared" si="616"/>
        <v>Yes</v>
      </c>
      <c r="AK365" s="713" t="str">
        <f t="shared" si="617"/>
        <v>Yes</v>
      </c>
      <c r="AL365" s="713" t="str">
        <f t="shared" si="618"/>
        <v>Yes</v>
      </c>
      <c r="AM365" s="713" t="str">
        <f t="shared" si="619"/>
        <v/>
      </c>
      <c r="AN365" s="713" t="str">
        <f t="shared" si="620"/>
        <v/>
      </c>
      <c r="AO365" s="713" t="str">
        <f t="shared" si="621"/>
        <v>Yes</v>
      </c>
      <c r="AP365" s="713" t="str">
        <f t="shared" si="622"/>
        <v/>
      </c>
      <c r="AQ365" s="713" t="str">
        <f t="shared" si="623"/>
        <v/>
      </c>
      <c r="AR365" s="713" t="str">
        <f t="shared" si="624"/>
        <v/>
      </c>
      <c r="AS365" s="657"/>
      <c r="AT365" s="657"/>
      <c r="AU365" s="657"/>
      <c r="AV365" s="657"/>
      <c r="AW365" s="657"/>
      <c r="AX365" s="657"/>
      <c r="AY365" s="657"/>
      <c r="AZ365" s="657"/>
      <c r="BA365" s="657"/>
      <c r="BB365" s="657"/>
      <c r="BC365" s="657"/>
      <c r="BD365" s="657"/>
      <c r="BE365" s="657"/>
      <c r="BF365" s="657"/>
      <c r="BG365" s="746"/>
      <c r="BH365" s="746"/>
      <c r="BI365" s="746"/>
      <c r="BJ365" s="746"/>
      <c r="BK365" s="746"/>
      <c r="BL365" s="746"/>
      <c r="BM365" s="746"/>
      <c r="BN365" s="746"/>
      <c r="BO365" s="892" t="str">
        <f t="shared" si="625"/>
        <v/>
      </c>
      <c r="BP365" s="892" t="str">
        <f t="shared" si="626"/>
        <v/>
      </c>
      <c r="BQ365" s="892" t="str">
        <f t="shared" si="627"/>
        <v/>
      </c>
      <c r="BR365" s="892" t="str">
        <f t="shared" si="628"/>
        <v>Yes</v>
      </c>
      <c r="BS365" s="884">
        <f t="shared" si="545"/>
        <v>12741</v>
      </c>
      <c r="BT365" s="661">
        <f t="shared" si="631"/>
        <v>1.6390393218742643</v>
      </c>
      <c r="BU365" s="661" t="str">
        <f t="shared" si="606"/>
        <v>GOOD</v>
      </c>
      <c r="BV365" s="1149">
        <f>$X365*_xlfn.XLOOKUP($I365, 'CALCS Aecom (July 25 2025)'!$F:$F, 'CALCS Aecom (July 25 2025)'!BZ:BZ)</f>
        <v>1860.8613861386139</v>
      </c>
      <c r="BW365" s="1149">
        <f>$X365*_xlfn.XLOOKUP($I365, 'CALCS Aecom (July 25 2025)'!$F:$F, 'CALCS Aecom (July 25 2025)'!CC:CC)</f>
        <v>206.76237623762376</v>
      </c>
      <c r="BX365" s="1149">
        <f>$X365*_xlfn.XLOOKUP($I365, 'CALCS Aecom (July 25 2025)'!$F:$F, 'CALCS Aecom (July 25 2025)'!CI:CI)</f>
        <v>206.76237623762376</v>
      </c>
      <c r="BY365" s="1149">
        <f>$X365*_xlfn.XLOOKUP($I365, 'CALCS Aecom (July 25 2025)'!$F:$F, 'CALCS Aecom (July 25 2025)'!BQ:BQ)</f>
        <v>206.76237623762376</v>
      </c>
      <c r="BZ365" s="1149">
        <f>$X365*_xlfn.XLOOKUP($I365, 'CALCS Aecom (July 25 2025)'!$F:$F, 'CALCS Aecom (July 25 2025)'!BV:BV)</f>
        <v>206.76237623762376</v>
      </c>
      <c r="CA365" s="1149">
        <f>$X365*_xlfn.XLOOKUP($I365, 'CALCS Aecom (July 25 2025)'!$F:$F, 'CALCS Aecom (July 25 2025)'!BR:BR)</f>
        <v>827.04950495049502</v>
      </c>
      <c r="CB365" s="1149">
        <f>$X365*_xlfn.XLOOKUP($I365, 'CALCS Aecom (July 25 2025)'!$F:$F, 'CALCS Aecom (July 25 2025)'!CD:CD)</f>
        <v>413.52475247524751</v>
      </c>
      <c r="CC365" s="1149">
        <f>$X365*_xlfn.XLOOKUP($I365, 'CALCS Aecom (July 25 2025)'!$F:$F, 'CALCS Aecom (July 25 2025)'!BT:BT)</f>
        <v>206.76237623762376</v>
      </c>
      <c r="CD365" s="1149">
        <f>$X365*_xlfn.XLOOKUP($I365, 'CALCS Aecom (July 25 2025)'!$F:$F, 'CALCS Aecom (July 25 2025)'!BU:BU)</f>
        <v>14473.366336633662</v>
      </c>
      <c r="CE365" s="1149">
        <f>$X365*_xlfn.XLOOKUP($I365, 'CALCS Aecom (July 25 2025)'!$F:$F, 'CALCS Aecom (July 25 2025)'!BW:BW)</f>
        <v>1447.3366336633665</v>
      </c>
      <c r="CF365" s="1149">
        <f>$X365*_xlfn.XLOOKUP($I365, 'CALCS Aecom (July 25 2025)'!$F:$F, 'CALCS Aecom (July 25 2025)'!BS:BS)</f>
        <v>206.76237623762376</v>
      </c>
      <c r="CG365" s="1149">
        <f>$X365*_xlfn.XLOOKUP($I365, 'CALCS Aecom (July 25 2025)'!$F:$F, 'CALCS Aecom (July 25 2025)'!CE:CE)</f>
        <v>0</v>
      </c>
      <c r="CH365" s="1149">
        <f>$X365*_xlfn.XLOOKUP($I365, 'CALCS Aecom (July 25 2025)'!$F:$F, 'CALCS Aecom (July 25 2025)'!CJ:CJ)</f>
        <v>0</v>
      </c>
      <c r="CI365" s="1149">
        <f>$X365*_xlfn.XLOOKUP($I365, 'CALCS Aecom (July 25 2025)'!$F:$F, 'CALCS Aecom (July 25 2025)'!CB:CB)</f>
        <v>206.76237623762376</v>
      </c>
      <c r="CJ365" s="1149">
        <f>$X365*_xlfn.XLOOKUP($I365, 'CALCS Aecom (July 25 2025)'!$F:$F, 'CALCS Aecom (July 25 2025)'!CF:CF)</f>
        <v>0</v>
      </c>
      <c r="CK365" s="1149">
        <f>$X365*_xlfn.XLOOKUP($I365, 'CALCS Aecom (July 25 2025)'!$F:$F, 'CALCS Aecom (July 25 2025)'!CG:CG)</f>
        <v>0</v>
      </c>
      <c r="CL365" s="1149"/>
      <c r="CM365" s="898"/>
      <c r="CN365" s="898"/>
      <c r="CO365" s="898"/>
      <c r="CP365" s="898"/>
      <c r="CQ365" s="898"/>
      <c r="CR365" s="898"/>
      <c r="CS365" s="898"/>
      <c r="CT365" s="898"/>
      <c r="CU365" s="898"/>
      <c r="CV365" s="898"/>
      <c r="CW365" s="898"/>
      <c r="CX365" s="898"/>
      <c r="CY365" s="898"/>
      <c r="CZ365" s="898"/>
      <c r="DA365" s="898"/>
      <c r="DB365" s="898"/>
      <c r="DC365" s="898"/>
      <c r="DD365" s="898"/>
      <c r="DE365" s="898"/>
      <c r="DF365" s="898"/>
      <c r="DG365" s="898"/>
      <c r="DH365" s="898"/>
      <c r="DI365" s="1149">
        <f>$X365*_xlfn.XLOOKUP($I365, 'CALCS Aecom (July 25 2025)'!$F:$F, 'CALCS Aecom (July 25 2025)'!CA:CA)</f>
        <v>0</v>
      </c>
      <c r="DJ365" s="1149">
        <f>$X365*_xlfn.XLOOKUP($I365, 'CALCS Aecom (July 25 2025)'!$F:$F, 'CALCS Aecom (July 25 2025)'!BX:BX)</f>
        <v>0</v>
      </c>
      <c r="DK365" s="1149">
        <f>$X365*_xlfn.XLOOKUP($I365, 'CALCS Aecom (July 25 2025)'!$F:$F, 'CALCS Aecom (July 25 2025)'!BY:BY)</f>
        <v>0</v>
      </c>
      <c r="DL365" s="1149">
        <f>$X365*_xlfn.XLOOKUP($I365, 'CALCS Aecom (July 25 2025)'!$F:$F, 'CALCS Aecom (July 25 2025)'!CH:CH)</f>
        <v>413.52475247524751</v>
      </c>
      <c r="DM365" s="661">
        <f t="shared" si="546"/>
        <v>20469.475247524751</v>
      </c>
      <c r="DN365" s="898">
        <f t="shared" si="547"/>
        <v>413.52475247524751</v>
      </c>
      <c r="DO365" s="516">
        <f t="shared" si="548"/>
        <v>0</v>
      </c>
      <c r="DP365" s="898">
        <f t="shared" si="549"/>
        <v>0</v>
      </c>
      <c r="DQ365" s="860" t="s">
        <v>4246</v>
      </c>
      <c r="DR365" s="860" t="s">
        <v>4261</v>
      </c>
      <c r="DS365" s="1221" t="s">
        <v>4248</v>
      </c>
      <c r="DT365" s="632"/>
    </row>
    <row r="366" spans="1:124" ht="57" x14ac:dyDescent="0.2">
      <c r="A366" s="484" t="str">
        <f t="shared" si="544"/>
        <v>Great Elms Road side arm crossing improvements</v>
      </c>
      <c r="B366" s="1163">
        <v>363</v>
      </c>
      <c r="C366" s="1156" t="s">
        <v>4450</v>
      </c>
      <c r="D366" s="481" t="s">
        <v>2481</v>
      </c>
      <c r="E366" s="481" t="s">
        <v>53</v>
      </c>
      <c r="F366" s="481" t="s">
        <v>655</v>
      </c>
      <c r="G366" s="775" t="s">
        <v>932</v>
      </c>
      <c r="H366" s="673" t="s">
        <v>1059</v>
      </c>
      <c r="I366" s="775" t="str">
        <f t="shared" si="607"/>
        <v>SG8-1</v>
      </c>
      <c r="J366" s="673" t="s">
        <v>1060</v>
      </c>
      <c r="K366" s="664" t="s">
        <v>3104</v>
      </c>
      <c r="L366" s="852" t="s">
        <v>3167</v>
      </c>
      <c r="M366" s="515" t="s">
        <v>4244</v>
      </c>
      <c r="N366" s="665" t="s">
        <v>81</v>
      </c>
      <c r="O366" s="515" t="s">
        <v>4212</v>
      </c>
      <c r="P366" s="657" t="s">
        <v>61</v>
      </c>
      <c r="Q366" s="852" t="s">
        <v>71</v>
      </c>
      <c r="R366" s="657"/>
      <c r="S366" s="657"/>
      <c r="T366" s="853">
        <v>41091</v>
      </c>
      <c r="U366" s="854"/>
      <c r="V366" s="657" t="s">
        <v>4245</v>
      </c>
      <c r="W366" s="642">
        <f t="shared" si="629"/>
        <v>0</v>
      </c>
      <c r="X366" s="745">
        <f t="shared" si="630"/>
        <v>41091</v>
      </c>
      <c r="Y366" s="745" t="s">
        <v>3106</v>
      </c>
      <c r="Z366" s="745" t="str">
        <f>_xlfn.XLOOKUP(I366, 'CALCS Aecom (July 25 2025)'!F:F, 'CALCS Aecom (July 25 2025)'!W:W)</f>
        <v>Multiple Scenario 2 (Step 6)</v>
      </c>
      <c r="AA366" s="650" t="s">
        <v>65</v>
      </c>
      <c r="AB366" s="516" t="s">
        <v>66</v>
      </c>
      <c r="AC366" s="516" t="s">
        <v>66</v>
      </c>
      <c r="AD366" s="516" t="s">
        <v>66</v>
      </c>
      <c r="AE366" s="516" t="s">
        <v>66</v>
      </c>
      <c r="AF366" s="516" t="s">
        <v>66</v>
      </c>
      <c r="AG366" s="516" t="s">
        <v>66</v>
      </c>
      <c r="AH366" s="516" t="s">
        <v>66</v>
      </c>
      <c r="AI366" s="516" t="s">
        <v>66</v>
      </c>
      <c r="AJ366" s="516" t="s">
        <v>66</v>
      </c>
      <c r="AK366" s="516" t="s">
        <v>66</v>
      </c>
      <c r="AL366" s="516" t="s">
        <v>66</v>
      </c>
      <c r="AM366" s="516" t="s">
        <v>66</v>
      </c>
      <c r="AN366" s="516" t="s">
        <v>66</v>
      </c>
      <c r="AO366" s="516" t="s">
        <v>66</v>
      </c>
      <c r="AP366" s="516" t="s">
        <v>66</v>
      </c>
      <c r="AQ366" s="516" t="s">
        <v>66</v>
      </c>
      <c r="AR366" s="516" t="s">
        <v>66</v>
      </c>
      <c r="AS366" s="657"/>
      <c r="AT366" s="657"/>
      <c r="AU366" s="657"/>
      <c r="AV366" s="657"/>
      <c r="AW366" s="657"/>
      <c r="AX366" s="657"/>
      <c r="AY366" s="657"/>
      <c r="AZ366" s="657"/>
      <c r="BA366" s="657"/>
      <c r="BB366" s="657"/>
      <c r="BC366" s="657"/>
      <c r="BD366" s="657"/>
      <c r="BE366" s="657"/>
      <c r="BF366" s="657"/>
      <c r="BG366" s="746"/>
      <c r="BH366" s="746"/>
      <c r="BI366" s="746"/>
      <c r="BJ366" s="746"/>
      <c r="BK366" s="746"/>
      <c r="BL366" s="746"/>
      <c r="BM366" s="746"/>
      <c r="BN366" s="746"/>
      <c r="BO366" s="516" t="s">
        <v>66</v>
      </c>
      <c r="BP366" s="516" t="s">
        <v>66</v>
      </c>
      <c r="BQ366" s="516" t="s">
        <v>66</v>
      </c>
      <c r="BR366" s="516" t="s">
        <v>66</v>
      </c>
      <c r="BS366" s="884">
        <f t="shared" si="545"/>
        <v>21225</v>
      </c>
      <c r="BT366" s="661">
        <f t="shared" si="631"/>
        <v>1.9359717314487632</v>
      </c>
      <c r="BU366" s="661" t="str">
        <f t="shared" ref="BU366:BU397" si="632">IF(SUM(BV366:DL366)=X366, "GOOD", "ERROR")</f>
        <v>GOOD</v>
      </c>
      <c r="BV366" s="898">
        <f t="shared" ref="BV366:BV385" si="633">IF(AB366="yes",(AB$3*$BT366),"")</f>
        <v>9679.8586572438162</v>
      </c>
      <c r="BW366" s="898">
        <f t="shared" ref="BW366:BW385" si="634">IF(AC366="yes",(AC$3*$BT366),"")</f>
        <v>387.19434628975262</v>
      </c>
      <c r="BX366" s="898">
        <f t="shared" ref="BX366:BX385" si="635">IF(AD366="yes",(AD$3*$BT366),"")</f>
        <v>871.18727915194347</v>
      </c>
      <c r="BY366" s="898">
        <f t="shared" ref="BY366:BY385" si="636">IF(AE366="yes",(AE$3*$BT366),"")</f>
        <v>677.59010600706711</v>
      </c>
      <c r="BZ366" s="898">
        <f t="shared" ref="BZ366:BZ385" si="637">IF(AF366="yes",(AF$3*$BT366),"")</f>
        <v>967.9858657243816</v>
      </c>
      <c r="CA366" s="898">
        <f t="shared" ref="CA366:CA385" si="638">IF(AG366="yes",(AG$3*$BT366),"")</f>
        <v>929.26643109540635</v>
      </c>
      <c r="CB366" s="898">
        <f t="shared" ref="CB366:CB385" si="639">IF(AH366="yes",(AH$3*$BT366),"")</f>
        <v>193.59717314487631</v>
      </c>
      <c r="CC366" s="898">
        <f t="shared" ref="CC366:CC385" si="640">IF(AI366="yes",(AI$3*$BT366),"")</f>
        <v>755.02897526501761</v>
      </c>
      <c r="CD366" s="898">
        <f t="shared" ref="CD366:CD385" si="641">IF(AJ366="yes",(AJ$3*$BT366),"")</f>
        <v>967.9858657243816</v>
      </c>
      <c r="CE366" s="898">
        <f t="shared" ref="CE366:CE385" si="642">IF(AK366="yes",(AK$3*$BT366),"")</f>
        <v>967.9858657243816</v>
      </c>
      <c r="CF366" s="898">
        <f t="shared" ref="CF366:CF385" si="643">IF(AL366="yes",(AL$3*$BT366),"")</f>
        <v>1451.9787985865723</v>
      </c>
      <c r="CG366" s="898">
        <f t="shared" ref="CG366:CG385" si="644">IF(AM366="yes",(AM$3*$BT366),"")</f>
        <v>387.19434628975262</v>
      </c>
      <c r="CH366" s="898">
        <f t="shared" ref="CH366:CH385" si="645">IF(AN366="yes",(AN$3*$BT366),"")</f>
        <v>453.01738515901059</v>
      </c>
      <c r="CI366" s="898">
        <f t="shared" ref="CI366:CI385" si="646">IF(AO366="yes",(AO$3*$BT366),"")</f>
        <v>677.59010600706711</v>
      </c>
      <c r="CJ366" s="898">
        <f t="shared" ref="CJ366:CJ385" si="647">IF(AP366="yes",(AP$3*$BT366),"")</f>
        <v>174.23745583038868</v>
      </c>
      <c r="CK366" s="898">
        <f t="shared" ref="CK366:CK385" si="648">IF(AQ366="yes",(AQ$3*$BT366),"")</f>
        <v>154.87773851590106</v>
      </c>
      <c r="CL366" s="898">
        <f t="shared" ref="CL366:CL385" si="649">IF(AR366="yes",(AR$3*$BT366),"")</f>
        <v>4607.6127208480566</v>
      </c>
      <c r="CM366" s="898" t="str">
        <f t="shared" ref="CM366:CM385" si="650">IF(AS366="yes",(AS$3*$BT366),"")</f>
        <v/>
      </c>
      <c r="CN366" s="898" t="str">
        <f t="shared" ref="CN366:CN385" si="651">IF(AT366="yes",(AT$3*$BT366),"")</f>
        <v/>
      </c>
      <c r="CO366" s="898" t="str">
        <f t="shared" ref="CO366:CO385" si="652">IF(AU366="yes",(AU$3*$BT366),"")</f>
        <v/>
      </c>
      <c r="CP366" s="898" t="str">
        <f t="shared" ref="CP366:CP385" si="653">IF(AV366="yes",(AV$3*$BT366),"")</f>
        <v/>
      </c>
      <c r="CQ366" s="898" t="str">
        <f t="shared" ref="CQ366:CQ385" si="654">IF(AW366="yes",(AW$3*$BT366),"")</f>
        <v/>
      </c>
      <c r="CR366" s="898" t="str">
        <f t="shared" ref="CR366:CR385" si="655">IF(AX366="yes",(AX$3*$BT366),"")</f>
        <v/>
      </c>
      <c r="CS366" s="898" t="str">
        <f t="shared" ref="CS366:CS385" si="656">IF(AY366="yes",(AY$3*$BT366),"")</f>
        <v/>
      </c>
      <c r="CT366" s="898" t="str">
        <f t="shared" ref="CT366:CT385" si="657">IF(AZ366="yes",(AZ$3*$BT366),"")</f>
        <v/>
      </c>
      <c r="CU366" s="898" t="str">
        <f t="shared" ref="CU366:CU385" si="658">IF(BA366="yes",(BA$3*$BT366),"")</f>
        <v/>
      </c>
      <c r="CV366" s="898" t="str">
        <f t="shared" ref="CV366:CV385" si="659">IF(BB366="yes",(BB$3*$BT366),"")</f>
        <v/>
      </c>
      <c r="CW366" s="898" t="str">
        <f t="shared" ref="CW366:CW385" si="660">IF(BC366="yes",(BC$3*$BT366),"")</f>
        <v/>
      </c>
      <c r="CX366" s="898" t="str">
        <f t="shared" ref="CX366:CX385" si="661">IF(BD366="yes",(BD$3*$BT366),"")</f>
        <v/>
      </c>
      <c r="CY366" s="898" t="str">
        <f t="shared" ref="CY366:CY385" si="662">IF(BE366="yes",(BE$3*$BT366),"")</f>
        <v/>
      </c>
      <c r="CZ366" s="898" t="str">
        <f t="shared" ref="CZ366:CZ385" si="663">IF(BF366="yes",(BF$3*$BT366),"")</f>
        <v/>
      </c>
      <c r="DA366" s="898" t="str">
        <f t="shared" ref="DA366:DA385" si="664">IF(BG366="yes",(BG$3*$BT366),"")</f>
        <v/>
      </c>
      <c r="DB366" s="898" t="str">
        <f t="shared" ref="DB366:DB385" si="665">IF(BH366="yes",(BH$3*$BT366),"")</f>
        <v/>
      </c>
      <c r="DC366" s="898" t="str">
        <f t="shared" ref="DC366:DC385" si="666">IF(BI366="yes",(BI$3*$BT366),"")</f>
        <v/>
      </c>
      <c r="DD366" s="898" t="str">
        <f t="shared" ref="DD366:DD385" si="667">IF(BJ366="yes",(BJ$3*$BT366),"")</f>
        <v/>
      </c>
      <c r="DE366" s="898" t="str">
        <f t="shared" ref="DE366:DE385" si="668">IF(BK366="yes",(BK$3*$BT366),"")</f>
        <v/>
      </c>
      <c r="DF366" s="898" t="str">
        <f t="shared" ref="DF366:DF385" si="669">IF(BL366="yes",(BL$3*$BT366),"")</f>
        <v/>
      </c>
      <c r="DG366" s="898" t="str">
        <f t="shared" ref="DG366:DG385" si="670">IF(BM366="yes",(BM$3*$BT366),"")</f>
        <v/>
      </c>
      <c r="DH366" s="898" t="str">
        <f t="shared" ref="DH366:DH385" si="671">IF(BN366="yes",(BN$3*$BT366),"")</f>
        <v/>
      </c>
      <c r="DI366" s="898">
        <f t="shared" ref="DI366:DI385" si="672">IF(BO366="yes",(BO$3*$BT366),"")</f>
        <v>2903.9575971731447</v>
      </c>
      <c r="DJ366" s="898">
        <f t="shared" ref="DJ366:DJ385" si="673">IF(BP366="yes",(BP$3*$BT366),"")</f>
        <v>3097.5547703180209</v>
      </c>
      <c r="DK366" s="898">
        <f t="shared" ref="DK366:DK385" si="674">IF(BQ366="yes",(BQ$3*$BT366),"")</f>
        <v>4646.3321554770318</v>
      </c>
      <c r="DL366" s="898">
        <f t="shared" ref="DL366:DL385" si="675">IF(BR366="yes",(BR$3*$BT366),"")</f>
        <v>6138.9663604240286</v>
      </c>
      <c r="DM366" s="661">
        <f t="shared" si="546"/>
        <v>24304.18911660778</v>
      </c>
      <c r="DN366" s="898">
        <f t="shared" si="547"/>
        <v>16786.810883392223</v>
      </c>
      <c r="DO366" s="516">
        <f t="shared" si="548"/>
        <v>0</v>
      </c>
      <c r="DP366" s="898">
        <f t="shared" si="549"/>
        <v>0</v>
      </c>
      <c r="DQ366" s="860" t="s">
        <v>4246</v>
      </c>
      <c r="DR366" s="610" t="s">
        <v>4247</v>
      </c>
      <c r="DS366" s="1221" t="s">
        <v>4248</v>
      </c>
      <c r="DT366" s="632"/>
    </row>
    <row r="367" spans="1:124" ht="57" x14ac:dyDescent="0.2">
      <c r="A367" s="484" t="str">
        <f t="shared" si="544"/>
        <v>Great Elms Road to Mulready Walk controlled crossing</v>
      </c>
      <c r="B367" s="1163">
        <v>364</v>
      </c>
      <c r="C367" s="1156" t="s">
        <v>4451</v>
      </c>
      <c r="D367" s="481" t="s">
        <v>2481</v>
      </c>
      <c r="E367" s="481" t="s">
        <v>53</v>
      </c>
      <c r="F367" s="481" t="s">
        <v>655</v>
      </c>
      <c r="G367" s="775" t="s">
        <v>932</v>
      </c>
      <c r="H367" s="673" t="s">
        <v>1061</v>
      </c>
      <c r="I367" s="775" t="str">
        <f t="shared" si="607"/>
        <v>SG8-2</v>
      </c>
      <c r="J367" s="673" t="s">
        <v>1062</v>
      </c>
      <c r="K367" s="664" t="s">
        <v>3104</v>
      </c>
      <c r="L367" s="852" t="s">
        <v>3167</v>
      </c>
      <c r="M367" s="515" t="s">
        <v>4244</v>
      </c>
      <c r="N367" s="775" t="s">
        <v>81</v>
      </c>
      <c r="O367" s="654" t="s">
        <v>3051</v>
      </c>
      <c r="P367" s="657" t="s">
        <v>61</v>
      </c>
      <c r="Q367" s="852" t="s">
        <v>71</v>
      </c>
      <c r="R367" s="657"/>
      <c r="S367" s="657"/>
      <c r="T367" s="853">
        <v>381968</v>
      </c>
      <c r="U367" s="854"/>
      <c r="V367" s="657" t="s">
        <v>4245</v>
      </c>
      <c r="W367" s="642">
        <f t="shared" si="629"/>
        <v>0</v>
      </c>
      <c r="X367" s="745">
        <f t="shared" si="630"/>
        <v>381968</v>
      </c>
      <c r="Y367" s="745" t="s">
        <v>3106</v>
      </c>
      <c r="Z367" s="745" t="str">
        <f>_xlfn.XLOOKUP(I367, 'CALCS Aecom (July 25 2025)'!F:F, 'CALCS Aecom (July 25 2025)'!W:W)</f>
        <v>Multiple Scenario 2 (Step 6)</v>
      </c>
      <c r="AA367" s="650" t="s">
        <v>65</v>
      </c>
      <c r="AB367" s="516" t="s">
        <v>66</v>
      </c>
      <c r="AC367" s="516" t="s">
        <v>66</v>
      </c>
      <c r="AD367" s="516" t="s">
        <v>66</v>
      </c>
      <c r="AE367" s="516" t="s">
        <v>66</v>
      </c>
      <c r="AF367" s="516" t="s">
        <v>66</v>
      </c>
      <c r="AG367" s="516" t="s">
        <v>66</v>
      </c>
      <c r="AH367" s="516" t="s">
        <v>66</v>
      </c>
      <c r="AI367" s="516" t="s">
        <v>66</v>
      </c>
      <c r="AJ367" s="516" t="s">
        <v>66</v>
      </c>
      <c r="AK367" s="516" t="s">
        <v>66</v>
      </c>
      <c r="AL367" s="516" t="s">
        <v>66</v>
      </c>
      <c r="AM367" s="516" t="s">
        <v>66</v>
      </c>
      <c r="AN367" s="516" t="s">
        <v>66</v>
      </c>
      <c r="AO367" s="516" t="s">
        <v>66</v>
      </c>
      <c r="AP367" s="516" t="s">
        <v>66</v>
      </c>
      <c r="AQ367" s="516" t="s">
        <v>66</v>
      </c>
      <c r="AR367" s="516" t="s">
        <v>66</v>
      </c>
      <c r="AS367" s="657"/>
      <c r="AT367" s="657"/>
      <c r="AU367" s="657"/>
      <c r="AV367" s="657"/>
      <c r="AW367" s="657"/>
      <c r="AX367" s="657"/>
      <c r="AY367" s="657"/>
      <c r="AZ367" s="657"/>
      <c r="BA367" s="657"/>
      <c r="BB367" s="657"/>
      <c r="BC367" s="657"/>
      <c r="BD367" s="657"/>
      <c r="BE367" s="657"/>
      <c r="BF367" s="657"/>
      <c r="BG367" s="746"/>
      <c r="BH367" s="746"/>
      <c r="BI367" s="746"/>
      <c r="BJ367" s="746"/>
      <c r="BK367" s="746"/>
      <c r="BL367" s="746"/>
      <c r="BM367" s="746"/>
      <c r="BN367" s="746"/>
      <c r="BO367" s="516" t="s">
        <v>66</v>
      </c>
      <c r="BP367" s="516" t="s">
        <v>66</v>
      </c>
      <c r="BQ367" s="516" t="s">
        <v>66</v>
      </c>
      <c r="BR367" s="516" t="s">
        <v>66</v>
      </c>
      <c r="BS367" s="884">
        <f t="shared" si="545"/>
        <v>21225</v>
      </c>
      <c r="BT367" s="661">
        <f t="shared" si="631"/>
        <v>17.996136631330977</v>
      </c>
      <c r="BU367" s="661" t="str">
        <f t="shared" si="632"/>
        <v>GOOD</v>
      </c>
      <c r="BV367" s="898">
        <f t="shared" si="633"/>
        <v>89980.683156654879</v>
      </c>
      <c r="BW367" s="898">
        <f t="shared" si="634"/>
        <v>3599.2273262661952</v>
      </c>
      <c r="BX367" s="898">
        <f t="shared" si="635"/>
        <v>8098.2614840989399</v>
      </c>
      <c r="BY367" s="898">
        <f t="shared" si="636"/>
        <v>6298.6478209658417</v>
      </c>
      <c r="BZ367" s="898">
        <f t="shared" si="637"/>
        <v>8998.0683156654886</v>
      </c>
      <c r="CA367" s="898">
        <f t="shared" si="638"/>
        <v>8638.1455830388695</v>
      </c>
      <c r="CB367" s="898">
        <f t="shared" si="639"/>
        <v>1799.6136631330976</v>
      </c>
      <c r="CC367" s="898">
        <f t="shared" si="640"/>
        <v>7018.4932862190808</v>
      </c>
      <c r="CD367" s="898">
        <f t="shared" si="641"/>
        <v>8998.0683156654886</v>
      </c>
      <c r="CE367" s="898">
        <f t="shared" si="642"/>
        <v>8998.0683156654886</v>
      </c>
      <c r="CF367" s="898">
        <f t="shared" si="643"/>
        <v>13497.102473498233</v>
      </c>
      <c r="CG367" s="898">
        <f t="shared" si="644"/>
        <v>3599.2273262661952</v>
      </c>
      <c r="CH367" s="898">
        <f t="shared" si="645"/>
        <v>4211.0959717314481</v>
      </c>
      <c r="CI367" s="898">
        <f t="shared" si="646"/>
        <v>6298.6478209658417</v>
      </c>
      <c r="CJ367" s="898">
        <f t="shared" si="647"/>
        <v>1619.6522968197878</v>
      </c>
      <c r="CK367" s="898">
        <f t="shared" si="648"/>
        <v>1439.6909305064783</v>
      </c>
      <c r="CL367" s="898">
        <f t="shared" si="649"/>
        <v>42830.805182567725</v>
      </c>
      <c r="CM367" s="898" t="str">
        <f t="shared" si="650"/>
        <v/>
      </c>
      <c r="CN367" s="898" t="str">
        <f t="shared" si="651"/>
        <v/>
      </c>
      <c r="CO367" s="898" t="str">
        <f t="shared" si="652"/>
        <v/>
      </c>
      <c r="CP367" s="898" t="str">
        <f t="shared" si="653"/>
        <v/>
      </c>
      <c r="CQ367" s="898" t="str">
        <f t="shared" si="654"/>
        <v/>
      </c>
      <c r="CR367" s="898" t="str">
        <f t="shared" si="655"/>
        <v/>
      </c>
      <c r="CS367" s="898" t="str">
        <f t="shared" si="656"/>
        <v/>
      </c>
      <c r="CT367" s="898" t="str">
        <f t="shared" si="657"/>
        <v/>
      </c>
      <c r="CU367" s="898" t="str">
        <f t="shared" si="658"/>
        <v/>
      </c>
      <c r="CV367" s="898" t="str">
        <f t="shared" si="659"/>
        <v/>
      </c>
      <c r="CW367" s="898" t="str">
        <f t="shared" si="660"/>
        <v/>
      </c>
      <c r="CX367" s="898" t="str">
        <f t="shared" si="661"/>
        <v/>
      </c>
      <c r="CY367" s="898" t="str">
        <f t="shared" si="662"/>
        <v/>
      </c>
      <c r="CZ367" s="898" t="str">
        <f t="shared" si="663"/>
        <v/>
      </c>
      <c r="DA367" s="898" t="str">
        <f t="shared" si="664"/>
        <v/>
      </c>
      <c r="DB367" s="898" t="str">
        <f t="shared" si="665"/>
        <v/>
      </c>
      <c r="DC367" s="898" t="str">
        <f t="shared" si="666"/>
        <v/>
      </c>
      <c r="DD367" s="898" t="str">
        <f t="shared" si="667"/>
        <v/>
      </c>
      <c r="DE367" s="898" t="str">
        <f t="shared" si="668"/>
        <v/>
      </c>
      <c r="DF367" s="898" t="str">
        <f t="shared" si="669"/>
        <v/>
      </c>
      <c r="DG367" s="898" t="str">
        <f t="shared" si="670"/>
        <v/>
      </c>
      <c r="DH367" s="898" t="str">
        <f t="shared" si="671"/>
        <v/>
      </c>
      <c r="DI367" s="898">
        <f t="shared" si="672"/>
        <v>26994.204946996466</v>
      </c>
      <c r="DJ367" s="898">
        <f t="shared" si="673"/>
        <v>28793.818610129561</v>
      </c>
      <c r="DK367" s="898">
        <f t="shared" si="674"/>
        <v>43190.727915194344</v>
      </c>
      <c r="DL367" s="898">
        <f t="shared" si="675"/>
        <v>57065.749257950527</v>
      </c>
      <c r="DM367" s="661">
        <f t="shared" si="546"/>
        <v>225923.49926972913</v>
      </c>
      <c r="DN367" s="898">
        <f t="shared" si="547"/>
        <v>156044.5007302709</v>
      </c>
      <c r="DO367" s="516">
        <f t="shared" si="548"/>
        <v>0</v>
      </c>
      <c r="DP367" s="898">
        <f t="shared" si="549"/>
        <v>0</v>
      </c>
      <c r="DQ367" s="860" t="s">
        <v>4246</v>
      </c>
      <c r="DR367" s="610" t="s">
        <v>4247</v>
      </c>
      <c r="DS367" s="1221" t="s">
        <v>4248</v>
      </c>
      <c r="DT367" s="632"/>
    </row>
    <row r="368" spans="1:124" ht="57" x14ac:dyDescent="0.2">
      <c r="A368" s="484" t="str">
        <f t="shared" si="544"/>
        <v>Great Elms Road side arm crossing and kerb radii treatments</v>
      </c>
      <c r="B368" s="1163">
        <v>365</v>
      </c>
      <c r="C368" s="1156" t="s">
        <v>4452</v>
      </c>
      <c r="D368" s="481" t="s">
        <v>2481</v>
      </c>
      <c r="E368" s="481" t="s">
        <v>53</v>
      </c>
      <c r="F368" s="481" t="s">
        <v>655</v>
      </c>
      <c r="G368" s="775" t="s">
        <v>932</v>
      </c>
      <c r="H368" s="673" t="s">
        <v>1063</v>
      </c>
      <c r="I368" s="775" t="str">
        <f t="shared" si="607"/>
        <v>SG8-3</v>
      </c>
      <c r="J368" s="673" t="s">
        <v>1064</v>
      </c>
      <c r="K368" s="664" t="s">
        <v>3104</v>
      </c>
      <c r="L368" s="852" t="s">
        <v>3167</v>
      </c>
      <c r="M368" s="515" t="s">
        <v>4244</v>
      </c>
      <c r="N368" s="665" t="s">
        <v>81</v>
      </c>
      <c r="O368" s="654" t="s">
        <v>3051</v>
      </c>
      <c r="P368" s="657" t="s">
        <v>61</v>
      </c>
      <c r="Q368" s="852" t="s">
        <v>71</v>
      </c>
      <c r="R368" s="657"/>
      <c r="S368" s="657"/>
      <c r="T368" s="853">
        <v>109218</v>
      </c>
      <c r="U368" s="854"/>
      <c r="V368" s="657" t="s">
        <v>4245</v>
      </c>
      <c r="W368" s="642">
        <f t="shared" si="629"/>
        <v>0</v>
      </c>
      <c r="X368" s="745">
        <f t="shared" si="630"/>
        <v>109218</v>
      </c>
      <c r="Y368" s="745" t="s">
        <v>3106</v>
      </c>
      <c r="Z368" s="745" t="str">
        <f>_xlfn.XLOOKUP(I368, 'CALCS Aecom (July 25 2025)'!F:F, 'CALCS Aecom (July 25 2025)'!W:W)</f>
        <v>Multiple Scenario 2 (Step 6)</v>
      </c>
      <c r="AA368" s="650" t="s">
        <v>65</v>
      </c>
      <c r="AB368" s="516" t="s">
        <v>66</v>
      </c>
      <c r="AC368" s="516" t="s">
        <v>66</v>
      </c>
      <c r="AD368" s="516" t="s">
        <v>66</v>
      </c>
      <c r="AE368" s="516" t="s">
        <v>66</v>
      </c>
      <c r="AF368" s="516" t="s">
        <v>66</v>
      </c>
      <c r="AG368" s="516" t="s">
        <v>66</v>
      </c>
      <c r="AH368" s="516" t="s">
        <v>66</v>
      </c>
      <c r="AI368" s="516" t="s">
        <v>66</v>
      </c>
      <c r="AJ368" s="516" t="s">
        <v>66</v>
      </c>
      <c r="AK368" s="516" t="s">
        <v>66</v>
      </c>
      <c r="AL368" s="516" t="s">
        <v>66</v>
      </c>
      <c r="AM368" s="516" t="s">
        <v>66</v>
      </c>
      <c r="AN368" s="516" t="s">
        <v>66</v>
      </c>
      <c r="AO368" s="516" t="s">
        <v>66</v>
      </c>
      <c r="AP368" s="516" t="s">
        <v>66</v>
      </c>
      <c r="AQ368" s="516" t="s">
        <v>66</v>
      </c>
      <c r="AR368" s="516" t="s">
        <v>66</v>
      </c>
      <c r="AS368" s="657"/>
      <c r="AT368" s="657"/>
      <c r="AU368" s="657"/>
      <c r="AV368" s="657"/>
      <c r="AW368" s="657"/>
      <c r="AX368" s="657"/>
      <c r="AY368" s="657"/>
      <c r="AZ368" s="657"/>
      <c r="BA368" s="657"/>
      <c r="BB368" s="657"/>
      <c r="BC368" s="657"/>
      <c r="BD368" s="657"/>
      <c r="BE368" s="657"/>
      <c r="BF368" s="657"/>
      <c r="BG368" s="746"/>
      <c r="BH368" s="746"/>
      <c r="BI368" s="746"/>
      <c r="BJ368" s="746"/>
      <c r="BK368" s="746"/>
      <c r="BL368" s="746"/>
      <c r="BM368" s="746"/>
      <c r="BN368" s="746"/>
      <c r="BO368" s="516" t="s">
        <v>66</v>
      </c>
      <c r="BP368" s="516" t="s">
        <v>66</v>
      </c>
      <c r="BQ368" s="516" t="s">
        <v>66</v>
      </c>
      <c r="BR368" s="516" t="s">
        <v>66</v>
      </c>
      <c r="BS368" s="884">
        <f t="shared" si="545"/>
        <v>21225</v>
      </c>
      <c r="BT368" s="661">
        <f t="shared" si="631"/>
        <v>5.1457243816254419</v>
      </c>
      <c r="BU368" s="661" t="str">
        <f t="shared" si="632"/>
        <v>GOOD</v>
      </c>
      <c r="BV368" s="898">
        <f t="shared" si="633"/>
        <v>25728.62190812721</v>
      </c>
      <c r="BW368" s="898">
        <f t="shared" si="634"/>
        <v>1029.1448763250883</v>
      </c>
      <c r="BX368" s="898">
        <f t="shared" si="635"/>
        <v>2315.575971731449</v>
      </c>
      <c r="BY368" s="898">
        <f t="shared" si="636"/>
        <v>1801.0035335689047</v>
      </c>
      <c r="BZ368" s="898">
        <f t="shared" si="637"/>
        <v>2572.8621908127211</v>
      </c>
      <c r="CA368" s="898">
        <f t="shared" si="638"/>
        <v>2469.9477031802121</v>
      </c>
      <c r="CB368" s="898">
        <f t="shared" si="639"/>
        <v>514.57243816254413</v>
      </c>
      <c r="CC368" s="898">
        <f t="shared" si="640"/>
        <v>2006.8325088339222</v>
      </c>
      <c r="CD368" s="898">
        <f t="shared" si="641"/>
        <v>2572.8621908127211</v>
      </c>
      <c r="CE368" s="898">
        <f t="shared" si="642"/>
        <v>2572.8621908127211</v>
      </c>
      <c r="CF368" s="898">
        <f t="shared" si="643"/>
        <v>3859.2932862190814</v>
      </c>
      <c r="CG368" s="898">
        <f t="shared" si="644"/>
        <v>1029.1448763250883</v>
      </c>
      <c r="CH368" s="898">
        <f t="shared" si="645"/>
        <v>1204.0995053003535</v>
      </c>
      <c r="CI368" s="898">
        <f t="shared" si="646"/>
        <v>1801.0035335689047</v>
      </c>
      <c r="CJ368" s="898">
        <f t="shared" si="647"/>
        <v>463.11519434628974</v>
      </c>
      <c r="CK368" s="898">
        <f t="shared" si="648"/>
        <v>411.65795053003535</v>
      </c>
      <c r="CL368" s="898">
        <f t="shared" si="649"/>
        <v>12246.824028268551</v>
      </c>
      <c r="CM368" s="898" t="str">
        <f t="shared" si="650"/>
        <v/>
      </c>
      <c r="CN368" s="898" t="str">
        <f t="shared" si="651"/>
        <v/>
      </c>
      <c r="CO368" s="898" t="str">
        <f t="shared" si="652"/>
        <v/>
      </c>
      <c r="CP368" s="898" t="str">
        <f t="shared" si="653"/>
        <v/>
      </c>
      <c r="CQ368" s="898" t="str">
        <f t="shared" si="654"/>
        <v/>
      </c>
      <c r="CR368" s="898" t="str">
        <f t="shared" si="655"/>
        <v/>
      </c>
      <c r="CS368" s="898" t="str">
        <f t="shared" si="656"/>
        <v/>
      </c>
      <c r="CT368" s="898" t="str">
        <f t="shared" si="657"/>
        <v/>
      </c>
      <c r="CU368" s="898" t="str">
        <f t="shared" si="658"/>
        <v/>
      </c>
      <c r="CV368" s="898" t="str">
        <f t="shared" si="659"/>
        <v/>
      </c>
      <c r="CW368" s="898" t="str">
        <f t="shared" si="660"/>
        <v/>
      </c>
      <c r="CX368" s="898" t="str">
        <f t="shared" si="661"/>
        <v/>
      </c>
      <c r="CY368" s="898" t="str">
        <f t="shared" si="662"/>
        <v/>
      </c>
      <c r="CZ368" s="898" t="str">
        <f t="shared" si="663"/>
        <v/>
      </c>
      <c r="DA368" s="898" t="str">
        <f t="shared" si="664"/>
        <v/>
      </c>
      <c r="DB368" s="898" t="str">
        <f t="shared" si="665"/>
        <v/>
      </c>
      <c r="DC368" s="898" t="str">
        <f t="shared" si="666"/>
        <v/>
      </c>
      <c r="DD368" s="898" t="str">
        <f t="shared" si="667"/>
        <v/>
      </c>
      <c r="DE368" s="898" t="str">
        <f t="shared" si="668"/>
        <v/>
      </c>
      <c r="DF368" s="898" t="str">
        <f t="shared" si="669"/>
        <v/>
      </c>
      <c r="DG368" s="898" t="str">
        <f t="shared" si="670"/>
        <v/>
      </c>
      <c r="DH368" s="898" t="str">
        <f t="shared" si="671"/>
        <v/>
      </c>
      <c r="DI368" s="898">
        <f t="shared" si="672"/>
        <v>7718.5865724381629</v>
      </c>
      <c r="DJ368" s="898">
        <f t="shared" si="673"/>
        <v>8233.1590106007061</v>
      </c>
      <c r="DK368" s="898">
        <f t="shared" si="674"/>
        <v>12349.738515901061</v>
      </c>
      <c r="DL368" s="898">
        <f t="shared" si="675"/>
        <v>16317.092014134276</v>
      </c>
      <c r="DM368" s="661">
        <f t="shared" si="546"/>
        <v>64599.42388692579</v>
      </c>
      <c r="DN368" s="898">
        <f t="shared" si="547"/>
        <v>44618.576113074203</v>
      </c>
      <c r="DO368" s="516">
        <f t="shared" si="548"/>
        <v>0</v>
      </c>
      <c r="DP368" s="898">
        <f t="shared" si="549"/>
        <v>0</v>
      </c>
      <c r="DQ368" s="860" t="s">
        <v>4246</v>
      </c>
      <c r="DR368" s="610" t="s">
        <v>4247</v>
      </c>
      <c r="DS368" s="1221" t="s">
        <v>4248</v>
      </c>
      <c r="DT368" s="632"/>
    </row>
    <row r="369" spans="1:124" ht="57" x14ac:dyDescent="0.2">
      <c r="A369" s="484" t="str">
        <f t="shared" si="544"/>
        <v>Great Elms Road &amp; Candlefield Road traffic calming</v>
      </c>
      <c r="B369" s="1163">
        <v>366</v>
      </c>
      <c r="C369" s="1156" t="s">
        <v>4453</v>
      </c>
      <c r="D369" s="481" t="s">
        <v>2481</v>
      </c>
      <c r="E369" s="481" t="s">
        <v>53</v>
      </c>
      <c r="F369" s="481" t="s">
        <v>655</v>
      </c>
      <c r="G369" s="775" t="s">
        <v>932</v>
      </c>
      <c r="H369" s="673" t="s">
        <v>1065</v>
      </c>
      <c r="I369" s="775" t="str">
        <f t="shared" si="607"/>
        <v>SG8-4</v>
      </c>
      <c r="J369" s="673" t="s">
        <v>1066</v>
      </c>
      <c r="K369" s="664" t="s">
        <v>3104</v>
      </c>
      <c r="L369" s="852" t="s">
        <v>3167</v>
      </c>
      <c r="M369" s="515" t="s">
        <v>4244</v>
      </c>
      <c r="N369" s="775" t="s">
        <v>81</v>
      </c>
      <c r="O369" s="654" t="s">
        <v>3051</v>
      </c>
      <c r="P369" s="657" t="s">
        <v>61</v>
      </c>
      <c r="Q369" s="852" t="s">
        <v>71</v>
      </c>
      <c r="R369" s="657"/>
      <c r="S369" s="657"/>
      <c r="T369" s="853">
        <v>72774</v>
      </c>
      <c r="U369" s="854"/>
      <c r="V369" s="657" t="s">
        <v>4245</v>
      </c>
      <c r="W369" s="642">
        <f t="shared" si="629"/>
        <v>0</v>
      </c>
      <c r="X369" s="745">
        <f t="shared" si="630"/>
        <v>72774</v>
      </c>
      <c r="Y369" s="745" t="s">
        <v>3106</v>
      </c>
      <c r="Z369" s="745" t="str">
        <f>_xlfn.XLOOKUP(I369, 'CALCS Aecom (July 25 2025)'!F:F, 'CALCS Aecom (July 25 2025)'!W:W)</f>
        <v>Multiple Scenario 2 (Step 6)</v>
      </c>
      <c r="AA369" s="650" t="s">
        <v>65</v>
      </c>
      <c r="AB369" s="516" t="s">
        <v>66</v>
      </c>
      <c r="AC369" s="516" t="s">
        <v>66</v>
      </c>
      <c r="AD369" s="516" t="s">
        <v>66</v>
      </c>
      <c r="AE369" s="516" t="s">
        <v>66</v>
      </c>
      <c r="AF369" s="516" t="s">
        <v>66</v>
      </c>
      <c r="AG369" s="516" t="s">
        <v>66</v>
      </c>
      <c r="AH369" s="516" t="s">
        <v>66</v>
      </c>
      <c r="AI369" s="516" t="s">
        <v>66</v>
      </c>
      <c r="AJ369" s="516" t="s">
        <v>66</v>
      </c>
      <c r="AK369" s="516" t="s">
        <v>66</v>
      </c>
      <c r="AL369" s="516" t="s">
        <v>66</v>
      </c>
      <c r="AM369" s="516" t="s">
        <v>66</v>
      </c>
      <c r="AN369" s="516" t="s">
        <v>66</v>
      </c>
      <c r="AO369" s="516" t="s">
        <v>66</v>
      </c>
      <c r="AP369" s="516" t="s">
        <v>66</v>
      </c>
      <c r="AQ369" s="516" t="s">
        <v>66</v>
      </c>
      <c r="AR369" s="516" t="s">
        <v>66</v>
      </c>
      <c r="AS369" s="657"/>
      <c r="AT369" s="657"/>
      <c r="AU369" s="657"/>
      <c r="AV369" s="657"/>
      <c r="AW369" s="657"/>
      <c r="AX369" s="657"/>
      <c r="AY369" s="657"/>
      <c r="AZ369" s="657"/>
      <c r="BA369" s="657"/>
      <c r="BB369" s="657"/>
      <c r="BC369" s="657"/>
      <c r="BD369" s="657"/>
      <c r="BE369" s="657"/>
      <c r="BF369" s="657"/>
      <c r="BG369" s="746"/>
      <c r="BH369" s="746"/>
      <c r="BI369" s="746"/>
      <c r="BJ369" s="746"/>
      <c r="BK369" s="746"/>
      <c r="BL369" s="746"/>
      <c r="BM369" s="746"/>
      <c r="BN369" s="746"/>
      <c r="BO369" s="516" t="s">
        <v>66</v>
      </c>
      <c r="BP369" s="516" t="s">
        <v>66</v>
      </c>
      <c r="BQ369" s="516" t="s">
        <v>66</v>
      </c>
      <c r="BR369" s="516" t="s">
        <v>66</v>
      </c>
      <c r="BS369" s="884">
        <f t="shared" si="545"/>
        <v>21225</v>
      </c>
      <c r="BT369" s="661">
        <f t="shared" si="631"/>
        <v>3.4286925795053005</v>
      </c>
      <c r="BU369" s="661" t="str">
        <f t="shared" si="632"/>
        <v>GOOD</v>
      </c>
      <c r="BV369" s="898">
        <f t="shared" si="633"/>
        <v>17143.462897526504</v>
      </c>
      <c r="BW369" s="898">
        <f t="shared" si="634"/>
        <v>685.73851590106005</v>
      </c>
      <c r="BX369" s="898">
        <f t="shared" si="635"/>
        <v>1542.9116607773851</v>
      </c>
      <c r="BY369" s="898">
        <f t="shared" si="636"/>
        <v>1200.0424028268551</v>
      </c>
      <c r="BZ369" s="898">
        <f t="shared" si="637"/>
        <v>1714.3462897526501</v>
      </c>
      <c r="CA369" s="898">
        <f t="shared" si="638"/>
        <v>1645.7724381625442</v>
      </c>
      <c r="CB369" s="898">
        <f t="shared" si="639"/>
        <v>342.86925795053003</v>
      </c>
      <c r="CC369" s="898">
        <f t="shared" si="640"/>
        <v>1337.1901060070672</v>
      </c>
      <c r="CD369" s="898">
        <f t="shared" si="641"/>
        <v>1714.3462897526501</v>
      </c>
      <c r="CE369" s="898">
        <f t="shared" si="642"/>
        <v>1714.3462897526501</v>
      </c>
      <c r="CF369" s="898">
        <f t="shared" si="643"/>
        <v>2571.5194346289754</v>
      </c>
      <c r="CG369" s="898">
        <f t="shared" si="644"/>
        <v>685.73851590106005</v>
      </c>
      <c r="CH369" s="898">
        <f t="shared" si="645"/>
        <v>802.31406360424035</v>
      </c>
      <c r="CI369" s="898">
        <f t="shared" si="646"/>
        <v>1200.0424028268551</v>
      </c>
      <c r="CJ369" s="898">
        <f t="shared" si="647"/>
        <v>308.58233215547705</v>
      </c>
      <c r="CK369" s="898">
        <f t="shared" si="648"/>
        <v>274.29540636042407</v>
      </c>
      <c r="CL369" s="898">
        <f t="shared" si="649"/>
        <v>8160.2883392226149</v>
      </c>
      <c r="CM369" s="898" t="str">
        <f t="shared" si="650"/>
        <v/>
      </c>
      <c r="CN369" s="898" t="str">
        <f t="shared" si="651"/>
        <v/>
      </c>
      <c r="CO369" s="898" t="str">
        <f t="shared" si="652"/>
        <v/>
      </c>
      <c r="CP369" s="898" t="str">
        <f t="shared" si="653"/>
        <v/>
      </c>
      <c r="CQ369" s="898" t="str">
        <f t="shared" si="654"/>
        <v/>
      </c>
      <c r="CR369" s="898" t="str">
        <f t="shared" si="655"/>
        <v/>
      </c>
      <c r="CS369" s="898" t="str">
        <f t="shared" si="656"/>
        <v/>
      </c>
      <c r="CT369" s="898" t="str">
        <f t="shared" si="657"/>
        <v/>
      </c>
      <c r="CU369" s="898" t="str">
        <f t="shared" si="658"/>
        <v/>
      </c>
      <c r="CV369" s="898" t="str">
        <f t="shared" si="659"/>
        <v/>
      </c>
      <c r="CW369" s="898" t="str">
        <f t="shared" si="660"/>
        <v/>
      </c>
      <c r="CX369" s="898" t="str">
        <f t="shared" si="661"/>
        <v/>
      </c>
      <c r="CY369" s="898" t="str">
        <f t="shared" si="662"/>
        <v/>
      </c>
      <c r="CZ369" s="898" t="str">
        <f t="shared" si="663"/>
        <v/>
      </c>
      <c r="DA369" s="898" t="str">
        <f t="shared" si="664"/>
        <v/>
      </c>
      <c r="DB369" s="898" t="str">
        <f t="shared" si="665"/>
        <v/>
      </c>
      <c r="DC369" s="898" t="str">
        <f t="shared" si="666"/>
        <v/>
      </c>
      <c r="DD369" s="898" t="str">
        <f t="shared" si="667"/>
        <v/>
      </c>
      <c r="DE369" s="898" t="str">
        <f t="shared" si="668"/>
        <v/>
      </c>
      <c r="DF369" s="898" t="str">
        <f t="shared" si="669"/>
        <v/>
      </c>
      <c r="DG369" s="898" t="str">
        <f t="shared" si="670"/>
        <v/>
      </c>
      <c r="DH369" s="898" t="str">
        <f t="shared" si="671"/>
        <v/>
      </c>
      <c r="DI369" s="898">
        <f t="shared" si="672"/>
        <v>5143.0388692579509</v>
      </c>
      <c r="DJ369" s="898">
        <f t="shared" si="673"/>
        <v>5485.9081272084804</v>
      </c>
      <c r="DK369" s="898">
        <f t="shared" si="674"/>
        <v>8228.8621908127207</v>
      </c>
      <c r="DL369" s="898">
        <f t="shared" si="675"/>
        <v>10872.384169611309</v>
      </c>
      <c r="DM369" s="661">
        <f t="shared" si="546"/>
        <v>43043.806643109543</v>
      </c>
      <c r="DN369" s="898">
        <f t="shared" si="547"/>
        <v>29730.193356890461</v>
      </c>
      <c r="DO369" s="516">
        <f t="shared" si="548"/>
        <v>0</v>
      </c>
      <c r="DP369" s="898">
        <f t="shared" si="549"/>
        <v>0</v>
      </c>
      <c r="DQ369" s="860" t="s">
        <v>4246</v>
      </c>
      <c r="DR369" s="610" t="s">
        <v>4247</v>
      </c>
      <c r="DS369" s="1221" t="s">
        <v>4248</v>
      </c>
      <c r="DT369" s="632"/>
    </row>
    <row r="370" spans="1:124" ht="57" x14ac:dyDescent="0.2">
      <c r="A370" s="484" t="str">
        <f t="shared" si="544"/>
        <v>Great Elms Road pavement parking prevention</v>
      </c>
      <c r="B370" s="1163">
        <v>367</v>
      </c>
      <c r="C370" s="1156" t="s">
        <v>4454</v>
      </c>
      <c r="D370" s="481" t="s">
        <v>2481</v>
      </c>
      <c r="E370" s="481" t="s">
        <v>53</v>
      </c>
      <c r="F370" s="481" t="s">
        <v>655</v>
      </c>
      <c r="G370" s="775" t="s">
        <v>932</v>
      </c>
      <c r="H370" s="673" t="s">
        <v>1067</v>
      </c>
      <c r="I370" s="775" t="str">
        <f t="shared" si="607"/>
        <v>SG8-5</v>
      </c>
      <c r="J370" s="673" t="s">
        <v>1068</v>
      </c>
      <c r="K370" s="664" t="s">
        <v>3104</v>
      </c>
      <c r="L370" s="852" t="s">
        <v>3167</v>
      </c>
      <c r="M370" s="515" t="s">
        <v>4244</v>
      </c>
      <c r="N370" s="665" t="s">
        <v>81</v>
      </c>
      <c r="O370" s="654" t="s">
        <v>3051</v>
      </c>
      <c r="P370" s="657" t="s">
        <v>61</v>
      </c>
      <c r="Q370" s="852" t="s">
        <v>71</v>
      </c>
      <c r="R370" s="657"/>
      <c r="S370" s="657"/>
      <c r="T370" s="853">
        <v>2531</v>
      </c>
      <c r="U370" s="854"/>
      <c r="V370" s="657" t="s">
        <v>4245</v>
      </c>
      <c r="W370" s="642">
        <f t="shared" si="629"/>
        <v>0</v>
      </c>
      <c r="X370" s="745">
        <f t="shared" si="630"/>
        <v>2531</v>
      </c>
      <c r="Y370" s="745" t="s">
        <v>3106</v>
      </c>
      <c r="Z370" s="745" t="str">
        <f>_xlfn.XLOOKUP(I370, 'CALCS Aecom (July 25 2025)'!F:F, 'CALCS Aecom (July 25 2025)'!W:W)</f>
        <v>Multiple Scenario 2 (Step 6)</v>
      </c>
      <c r="AA370" s="650" t="s">
        <v>65</v>
      </c>
      <c r="AB370" s="516" t="s">
        <v>66</v>
      </c>
      <c r="AC370" s="516" t="s">
        <v>66</v>
      </c>
      <c r="AD370" s="516" t="s">
        <v>66</v>
      </c>
      <c r="AE370" s="516" t="s">
        <v>66</v>
      </c>
      <c r="AF370" s="516" t="s">
        <v>66</v>
      </c>
      <c r="AG370" s="516" t="s">
        <v>66</v>
      </c>
      <c r="AH370" s="516" t="s">
        <v>66</v>
      </c>
      <c r="AI370" s="516" t="s">
        <v>66</v>
      </c>
      <c r="AJ370" s="516" t="s">
        <v>66</v>
      </c>
      <c r="AK370" s="516" t="s">
        <v>66</v>
      </c>
      <c r="AL370" s="516" t="s">
        <v>66</v>
      </c>
      <c r="AM370" s="516" t="s">
        <v>66</v>
      </c>
      <c r="AN370" s="516" t="s">
        <v>66</v>
      </c>
      <c r="AO370" s="516" t="s">
        <v>66</v>
      </c>
      <c r="AP370" s="516" t="s">
        <v>66</v>
      </c>
      <c r="AQ370" s="516" t="s">
        <v>66</v>
      </c>
      <c r="AR370" s="516" t="s">
        <v>66</v>
      </c>
      <c r="AS370" s="892"/>
      <c r="AT370" s="892"/>
      <c r="AU370" s="892"/>
      <c r="AV370" s="661"/>
      <c r="AW370" s="892"/>
      <c r="AX370" s="892"/>
      <c r="AY370" s="892"/>
      <c r="AZ370" s="661"/>
      <c r="BA370" s="892"/>
      <c r="BB370" s="661"/>
      <c r="BC370" s="661"/>
      <c r="BD370" s="892"/>
      <c r="BE370" s="661"/>
      <c r="BF370" s="661"/>
      <c r="BG370" s="746"/>
      <c r="BH370" s="746"/>
      <c r="BI370" s="746"/>
      <c r="BJ370" s="746"/>
      <c r="BK370" s="746"/>
      <c r="BL370" s="746"/>
      <c r="BM370" s="746"/>
      <c r="BN370" s="746"/>
      <c r="BO370" s="516" t="s">
        <v>66</v>
      </c>
      <c r="BP370" s="516" t="s">
        <v>66</v>
      </c>
      <c r="BQ370" s="516" t="s">
        <v>66</v>
      </c>
      <c r="BR370" s="516" t="s">
        <v>66</v>
      </c>
      <c r="BS370" s="884">
        <f t="shared" si="545"/>
        <v>21225</v>
      </c>
      <c r="BT370" s="661">
        <f t="shared" si="631"/>
        <v>0.11924617196702002</v>
      </c>
      <c r="BU370" s="661" t="str">
        <f t="shared" si="632"/>
        <v>GOOD</v>
      </c>
      <c r="BV370" s="898">
        <f t="shared" si="633"/>
        <v>596.23085983510009</v>
      </c>
      <c r="BW370" s="898">
        <f t="shared" si="634"/>
        <v>23.849234393404004</v>
      </c>
      <c r="BX370" s="898">
        <f t="shared" si="635"/>
        <v>53.660777385159008</v>
      </c>
      <c r="BY370" s="898">
        <f t="shared" si="636"/>
        <v>41.736160188457006</v>
      </c>
      <c r="BZ370" s="898">
        <f t="shared" si="637"/>
        <v>59.623085983510009</v>
      </c>
      <c r="CA370" s="898">
        <f t="shared" si="638"/>
        <v>57.238162544169612</v>
      </c>
      <c r="CB370" s="898">
        <f t="shared" si="639"/>
        <v>11.924617196702002</v>
      </c>
      <c r="CC370" s="898">
        <f t="shared" si="640"/>
        <v>46.506007067137809</v>
      </c>
      <c r="CD370" s="898">
        <f t="shared" si="641"/>
        <v>59.623085983510009</v>
      </c>
      <c r="CE370" s="898">
        <f t="shared" si="642"/>
        <v>59.623085983510009</v>
      </c>
      <c r="CF370" s="898">
        <f t="shared" si="643"/>
        <v>89.434628975265014</v>
      </c>
      <c r="CG370" s="898">
        <f t="shared" si="644"/>
        <v>23.849234393404004</v>
      </c>
      <c r="CH370" s="898">
        <f t="shared" si="645"/>
        <v>27.903604240282686</v>
      </c>
      <c r="CI370" s="898">
        <f t="shared" si="646"/>
        <v>41.736160188457006</v>
      </c>
      <c r="CJ370" s="898">
        <f t="shared" si="647"/>
        <v>10.732155477031801</v>
      </c>
      <c r="CK370" s="898">
        <f t="shared" si="648"/>
        <v>9.5396937573616007</v>
      </c>
      <c r="CL370" s="898">
        <f t="shared" si="649"/>
        <v>283.80588928150763</v>
      </c>
      <c r="CM370" s="898" t="str">
        <f t="shared" si="650"/>
        <v/>
      </c>
      <c r="CN370" s="898" t="str">
        <f t="shared" si="651"/>
        <v/>
      </c>
      <c r="CO370" s="898" t="str">
        <f t="shared" si="652"/>
        <v/>
      </c>
      <c r="CP370" s="898" t="str">
        <f t="shared" si="653"/>
        <v/>
      </c>
      <c r="CQ370" s="898" t="str">
        <f t="shared" si="654"/>
        <v/>
      </c>
      <c r="CR370" s="898" t="str">
        <f t="shared" si="655"/>
        <v/>
      </c>
      <c r="CS370" s="898" t="str">
        <f t="shared" si="656"/>
        <v/>
      </c>
      <c r="CT370" s="898" t="str">
        <f t="shared" si="657"/>
        <v/>
      </c>
      <c r="CU370" s="898" t="str">
        <f t="shared" si="658"/>
        <v/>
      </c>
      <c r="CV370" s="898" t="str">
        <f t="shared" si="659"/>
        <v/>
      </c>
      <c r="CW370" s="898" t="str">
        <f t="shared" si="660"/>
        <v/>
      </c>
      <c r="CX370" s="898" t="str">
        <f t="shared" si="661"/>
        <v/>
      </c>
      <c r="CY370" s="898" t="str">
        <f t="shared" si="662"/>
        <v/>
      </c>
      <c r="CZ370" s="898" t="str">
        <f t="shared" si="663"/>
        <v/>
      </c>
      <c r="DA370" s="898" t="str">
        <f t="shared" si="664"/>
        <v/>
      </c>
      <c r="DB370" s="898" t="str">
        <f t="shared" si="665"/>
        <v/>
      </c>
      <c r="DC370" s="898" t="str">
        <f t="shared" si="666"/>
        <v/>
      </c>
      <c r="DD370" s="898" t="str">
        <f t="shared" si="667"/>
        <v/>
      </c>
      <c r="DE370" s="898" t="str">
        <f t="shared" si="668"/>
        <v/>
      </c>
      <c r="DF370" s="898" t="str">
        <f t="shared" si="669"/>
        <v/>
      </c>
      <c r="DG370" s="898" t="str">
        <f t="shared" si="670"/>
        <v/>
      </c>
      <c r="DH370" s="898" t="str">
        <f t="shared" si="671"/>
        <v/>
      </c>
      <c r="DI370" s="898">
        <f t="shared" si="672"/>
        <v>178.86925795053003</v>
      </c>
      <c r="DJ370" s="898">
        <f t="shared" si="673"/>
        <v>190.79387514723203</v>
      </c>
      <c r="DK370" s="898">
        <f t="shared" si="674"/>
        <v>286.19081272084804</v>
      </c>
      <c r="DL370" s="898">
        <f t="shared" si="675"/>
        <v>378.12961130742048</v>
      </c>
      <c r="DM370" s="661">
        <f t="shared" si="546"/>
        <v>1497.0164428739695</v>
      </c>
      <c r="DN370" s="898">
        <f t="shared" si="547"/>
        <v>1033.9835571260305</v>
      </c>
      <c r="DO370" s="516">
        <f t="shared" si="548"/>
        <v>0</v>
      </c>
      <c r="DP370" s="898">
        <f t="shared" si="549"/>
        <v>0</v>
      </c>
      <c r="DQ370" s="860" t="s">
        <v>4246</v>
      </c>
      <c r="DR370" s="610" t="s">
        <v>4247</v>
      </c>
      <c r="DS370" s="1221" t="s">
        <v>4248</v>
      </c>
      <c r="DT370" s="632"/>
    </row>
    <row r="371" spans="1:124" ht="57" x14ac:dyDescent="0.2">
      <c r="A371" s="484" t="str">
        <f t="shared" si="544"/>
        <v>Great Elms Road - Coronation Fields crossing</v>
      </c>
      <c r="B371" s="1163">
        <v>368</v>
      </c>
      <c r="C371" s="1156" t="s">
        <v>4455</v>
      </c>
      <c r="D371" s="481" t="s">
        <v>2481</v>
      </c>
      <c r="E371" s="481" t="s">
        <v>53</v>
      </c>
      <c r="F371" s="481" t="s">
        <v>655</v>
      </c>
      <c r="G371" s="775" t="s">
        <v>932</v>
      </c>
      <c r="H371" s="673" t="s">
        <v>1069</v>
      </c>
      <c r="I371" s="775" t="str">
        <f t="shared" si="607"/>
        <v>SG8-6</v>
      </c>
      <c r="J371" s="673" t="s">
        <v>1070</v>
      </c>
      <c r="K371" s="664" t="s">
        <v>3104</v>
      </c>
      <c r="L371" s="852" t="s">
        <v>3167</v>
      </c>
      <c r="M371" s="515" t="s">
        <v>4244</v>
      </c>
      <c r="N371" s="775" t="s">
        <v>81</v>
      </c>
      <c r="O371" s="654" t="s">
        <v>3051</v>
      </c>
      <c r="P371" s="657" t="s">
        <v>61</v>
      </c>
      <c r="Q371" s="852" t="s">
        <v>71</v>
      </c>
      <c r="R371" s="657"/>
      <c r="S371" s="657"/>
      <c r="T371" s="853">
        <v>175239</v>
      </c>
      <c r="U371" s="854"/>
      <c r="V371" s="657" t="s">
        <v>4245</v>
      </c>
      <c r="W371" s="642">
        <f t="shared" si="629"/>
        <v>0</v>
      </c>
      <c r="X371" s="745">
        <f t="shared" si="630"/>
        <v>175239</v>
      </c>
      <c r="Y371" s="745" t="s">
        <v>3106</v>
      </c>
      <c r="Z371" s="745" t="str">
        <f>_xlfn.XLOOKUP(I371, 'CALCS Aecom (July 25 2025)'!F:F, 'CALCS Aecom (July 25 2025)'!W:W)</f>
        <v>Multiple Scenario 2 (Step 6)</v>
      </c>
      <c r="AA371" s="650" t="s">
        <v>65</v>
      </c>
      <c r="AB371" s="516" t="s">
        <v>66</v>
      </c>
      <c r="AC371" s="516" t="s">
        <v>66</v>
      </c>
      <c r="AD371" s="516" t="s">
        <v>66</v>
      </c>
      <c r="AE371" s="516" t="s">
        <v>66</v>
      </c>
      <c r="AF371" s="516" t="s">
        <v>66</v>
      </c>
      <c r="AG371" s="516" t="s">
        <v>66</v>
      </c>
      <c r="AH371" s="516" t="s">
        <v>66</v>
      </c>
      <c r="AI371" s="516" t="s">
        <v>66</v>
      </c>
      <c r="AJ371" s="516" t="s">
        <v>66</v>
      </c>
      <c r="AK371" s="516" t="s">
        <v>66</v>
      </c>
      <c r="AL371" s="516" t="s">
        <v>66</v>
      </c>
      <c r="AM371" s="516" t="s">
        <v>66</v>
      </c>
      <c r="AN371" s="516" t="s">
        <v>66</v>
      </c>
      <c r="AO371" s="516" t="s">
        <v>66</v>
      </c>
      <c r="AP371" s="516" t="s">
        <v>66</v>
      </c>
      <c r="AQ371" s="516" t="s">
        <v>66</v>
      </c>
      <c r="AR371" s="516" t="s">
        <v>66</v>
      </c>
      <c r="AS371" s="892"/>
      <c r="AT371" s="892"/>
      <c r="AU371" s="892"/>
      <c r="AV371" s="661"/>
      <c r="AW371" s="892"/>
      <c r="AX371" s="892"/>
      <c r="AY371" s="892"/>
      <c r="AZ371" s="661"/>
      <c r="BA371" s="892"/>
      <c r="BB371" s="661"/>
      <c r="BC371" s="661"/>
      <c r="BD371" s="892"/>
      <c r="BE371" s="661"/>
      <c r="BF371" s="661"/>
      <c r="BG371" s="746"/>
      <c r="BH371" s="746"/>
      <c r="BI371" s="746"/>
      <c r="BJ371" s="746"/>
      <c r="BK371" s="746"/>
      <c r="BL371" s="746"/>
      <c r="BM371" s="746"/>
      <c r="BN371" s="746"/>
      <c r="BO371" s="516" t="s">
        <v>66</v>
      </c>
      <c r="BP371" s="516" t="s">
        <v>66</v>
      </c>
      <c r="BQ371" s="516" t="s">
        <v>66</v>
      </c>
      <c r="BR371" s="516" t="s">
        <v>66</v>
      </c>
      <c r="BS371" s="884">
        <f t="shared" si="545"/>
        <v>21225</v>
      </c>
      <c r="BT371" s="661">
        <f t="shared" si="631"/>
        <v>8.2562544169611307</v>
      </c>
      <c r="BU371" s="661" t="str">
        <f t="shared" si="632"/>
        <v>GOOD</v>
      </c>
      <c r="BV371" s="898">
        <f t="shared" si="633"/>
        <v>41281.272084805656</v>
      </c>
      <c r="BW371" s="898">
        <f t="shared" si="634"/>
        <v>1651.2508833922261</v>
      </c>
      <c r="BX371" s="898">
        <f t="shared" si="635"/>
        <v>3715.3144876325086</v>
      </c>
      <c r="BY371" s="898">
        <f t="shared" si="636"/>
        <v>2889.6890459363958</v>
      </c>
      <c r="BZ371" s="898">
        <f t="shared" si="637"/>
        <v>4128.1272084805651</v>
      </c>
      <c r="CA371" s="898">
        <f t="shared" si="638"/>
        <v>3963.0021201413429</v>
      </c>
      <c r="CB371" s="898">
        <f t="shared" si="639"/>
        <v>825.62544169611306</v>
      </c>
      <c r="CC371" s="898">
        <f t="shared" si="640"/>
        <v>3219.9392226148411</v>
      </c>
      <c r="CD371" s="898">
        <f t="shared" si="641"/>
        <v>4128.1272084805651</v>
      </c>
      <c r="CE371" s="898">
        <f t="shared" si="642"/>
        <v>4128.1272084805651</v>
      </c>
      <c r="CF371" s="898">
        <f t="shared" si="643"/>
        <v>6192.190812720848</v>
      </c>
      <c r="CG371" s="898">
        <f t="shared" si="644"/>
        <v>1651.2508833922261</v>
      </c>
      <c r="CH371" s="898">
        <f t="shared" si="645"/>
        <v>1931.9635335689045</v>
      </c>
      <c r="CI371" s="898">
        <f t="shared" si="646"/>
        <v>2889.6890459363958</v>
      </c>
      <c r="CJ371" s="898">
        <f t="shared" si="647"/>
        <v>743.06289752650173</v>
      </c>
      <c r="CK371" s="898">
        <f t="shared" si="648"/>
        <v>660.5003533568904</v>
      </c>
      <c r="CL371" s="898">
        <f t="shared" si="649"/>
        <v>19649.885512367491</v>
      </c>
      <c r="CM371" s="898" t="str">
        <f t="shared" si="650"/>
        <v/>
      </c>
      <c r="CN371" s="898" t="str">
        <f t="shared" si="651"/>
        <v/>
      </c>
      <c r="CO371" s="898" t="str">
        <f t="shared" si="652"/>
        <v/>
      </c>
      <c r="CP371" s="898" t="str">
        <f t="shared" si="653"/>
        <v/>
      </c>
      <c r="CQ371" s="898" t="str">
        <f t="shared" si="654"/>
        <v/>
      </c>
      <c r="CR371" s="898" t="str">
        <f t="shared" si="655"/>
        <v/>
      </c>
      <c r="CS371" s="898" t="str">
        <f t="shared" si="656"/>
        <v/>
      </c>
      <c r="CT371" s="898" t="str">
        <f t="shared" si="657"/>
        <v/>
      </c>
      <c r="CU371" s="898" t="str">
        <f t="shared" si="658"/>
        <v/>
      </c>
      <c r="CV371" s="898" t="str">
        <f t="shared" si="659"/>
        <v/>
      </c>
      <c r="CW371" s="898" t="str">
        <f t="shared" si="660"/>
        <v/>
      </c>
      <c r="CX371" s="898" t="str">
        <f t="shared" si="661"/>
        <v/>
      </c>
      <c r="CY371" s="898" t="str">
        <f t="shared" si="662"/>
        <v/>
      </c>
      <c r="CZ371" s="898" t="str">
        <f t="shared" si="663"/>
        <v/>
      </c>
      <c r="DA371" s="898" t="str">
        <f t="shared" si="664"/>
        <v/>
      </c>
      <c r="DB371" s="898" t="str">
        <f t="shared" si="665"/>
        <v/>
      </c>
      <c r="DC371" s="898" t="str">
        <f t="shared" si="666"/>
        <v/>
      </c>
      <c r="DD371" s="898" t="str">
        <f t="shared" si="667"/>
        <v/>
      </c>
      <c r="DE371" s="898" t="str">
        <f t="shared" si="668"/>
        <v/>
      </c>
      <c r="DF371" s="898" t="str">
        <f t="shared" si="669"/>
        <v/>
      </c>
      <c r="DG371" s="898" t="str">
        <f t="shared" si="670"/>
        <v/>
      </c>
      <c r="DH371" s="898" t="str">
        <f t="shared" si="671"/>
        <v/>
      </c>
      <c r="DI371" s="898">
        <f t="shared" si="672"/>
        <v>12384.381625441696</v>
      </c>
      <c r="DJ371" s="898">
        <f t="shared" si="673"/>
        <v>13210.007067137809</v>
      </c>
      <c r="DK371" s="898">
        <f t="shared" si="674"/>
        <v>19815.010600706715</v>
      </c>
      <c r="DL371" s="898">
        <f t="shared" si="675"/>
        <v>26180.582756183747</v>
      </c>
      <c r="DM371" s="661">
        <f t="shared" si="546"/>
        <v>103649.01795053005</v>
      </c>
      <c r="DN371" s="898">
        <f t="shared" si="547"/>
        <v>71589.982049469967</v>
      </c>
      <c r="DO371" s="516">
        <f t="shared" si="548"/>
        <v>0</v>
      </c>
      <c r="DP371" s="898">
        <f t="shared" si="549"/>
        <v>0</v>
      </c>
      <c r="DQ371" s="860" t="s">
        <v>4246</v>
      </c>
      <c r="DR371" s="610" t="s">
        <v>4247</v>
      </c>
      <c r="DS371" s="1221" t="s">
        <v>4248</v>
      </c>
      <c r="DT371" s="632"/>
    </row>
    <row r="372" spans="1:124" ht="57" x14ac:dyDescent="0.2">
      <c r="A372" s="484" t="str">
        <f t="shared" si="544"/>
        <v>Great Elms Road and Candlefield Road Cycle Hangers</v>
      </c>
      <c r="B372" s="1163">
        <v>369</v>
      </c>
      <c r="C372" s="1156" t="s">
        <v>4456</v>
      </c>
      <c r="D372" s="481" t="s">
        <v>2481</v>
      </c>
      <c r="E372" s="481" t="s">
        <v>53</v>
      </c>
      <c r="F372" s="481" t="s">
        <v>655</v>
      </c>
      <c r="G372" s="775" t="s">
        <v>932</v>
      </c>
      <c r="H372" s="673" t="s">
        <v>1071</v>
      </c>
      <c r="I372" s="775" t="str">
        <f t="shared" si="607"/>
        <v>SG8-7</v>
      </c>
      <c r="J372" s="673" t="s">
        <v>1072</v>
      </c>
      <c r="K372" s="664" t="s">
        <v>3104</v>
      </c>
      <c r="L372" s="852" t="s">
        <v>3167</v>
      </c>
      <c r="M372" s="515" t="s">
        <v>4244</v>
      </c>
      <c r="N372" s="665" t="s">
        <v>81</v>
      </c>
      <c r="O372" s="654" t="s">
        <v>3051</v>
      </c>
      <c r="P372" s="657" t="s">
        <v>61</v>
      </c>
      <c r="Q372" s="852" t="s">
        <v>71</v>
      </c>
      <c r="R372" s="657"/>
      <c r="S372" s="657"/>
      <c r="T372" s="853">
        <v>49977</v>
      </c>
      <c r="U372" s="854"/>
      <c r="V372" s="657" t="s">
        <v>4245</v>
      </c>
      <c r="W372" s="642">
        <f t="shared" si="629"/>
        <v>0</v>
      </c>
      <c r="X372" s="745">
        <f t="shared" si="630"/>
        <v>49977</v>
      </c>
      <c r="Y372" s="745" t="s">
        <v>3106</v>
      </c>
      <c r="Z372" s="745" t="str">
        <f>_xlfn.XLOOKUP(I372, 'CALCS Aecom (July 25 2025)'!F:F, 'CALCS Aecom (July 25 2025)'!W:W)</f>
        <v>Multiple Scenario 2 (Step 6)</v>
      </c>
      <c r="AA372" s="650" t="s">
        <v>65</v>
      </c>
      <c r="AB372" s="516" t="s">
        <v>66</v>
      </c>
      <c r="AC372" s="516" t="s">
        <v>66</v>
      </c>
      <c r="AD372" s="516" t="s">
        <v>66</v>
      </c>
      <c r="AE372" s="516" t="s">
        <v>66</v>
      </c>
      <c r="AF372" s="516" t="s">
        <v>66</v>
      </c>
      <c r="AG372" s="516" t="s">
        <v>66</v>
      </c>
      <c r="AH372" s="516" t="s">
        <v>66</v>
      </c>
      <c r="AI372" s="516" t="s">
        <v>66</v>
      </c>
      <c r="AJ372" s="516" t="s">
        <v>66</v>
      </c>
      <c r="AK372" s="516" t="s">
        <v>66</v>
      </c>
      <c r="AL372" s="516" t="s">
        <v>66</v>
      </c>
      <c r="AM372" s="516" t="s">
        <v>66</v>
      </c>
      <c r="AN372" s="516" t="s">
        <v>66</v>
      </c>
      <c r="AO372" s="516" t="s">
        <v>66</v>
      </c>
      <c r="AP372" s="516" t="s">
        <v>66</v>
      </c>
      <c r="AQ372" s="516" t="s">
        <v>66</v>
      </c>
      <c r="AR372" s="516" t="s">
        <v>66</v>
      </c>
      <c r="AS372" s="892"/>
      <c r="AT372" s="892"/>
      <c r="AU372" s="892"/>
      <c r="AV372" s="661"/>
      <c r="AW372" s="892"/>
      <c r="AX372" s="892"/>
      <c r="AY372" s="892"/>
      <c r="AZ372" s="661"/>
      <c r="BA372" s="892"/>
      <c r="BB372" s="661"/>
      <c r="BC372" s="661"/>
      <c r="BD372" s="892"/>
      <c r="BE372" s="661"/>
      <c r="BF372" s="661"/>
      <c r="BG372" s="746"/>
      <c r="BH372" s="746"/>
      <c r="BI372" s="746"/>
      <c r="BJ372" s="746"/>
      <c r="BK372" s="746"/>
      <c r="BL372" s="746"/>
      <c r="BM372" s="746"/>
      <c r="BN372" s="746"/>
      <c r="BO372" s="516" t="s">
        <v>66</v>
      </c>
      <c r="BP372" s="516" t="s">
        <v>66</v>
      </c>
      <c r="BQ372" s="516" t="s">
        <v>66</v>
      </c>
      <c r="BR372" s="516" t="s">
        <v>66</v>
      </c>
      <c r="BS372" s="884">
        <f t="shared" si="545"/>
        <v>21225</v>
      </c>
      <c r="BT372" s="661">
        <f t="shared" si="631"/>
        <v>2.3546289752650176</v>
      </c>
      <c r="BU372" s="661" t="str">
        <f t="shared" si="632"/>
        <v>GOOD</v>
      </c>
      <c r="BV372" s="898">
        <f t="shared" si="633"/>
        <v>11773.144876325088</v>
      </c>
      <c r="BW372" s="898">
        <f t="shared" si="634"/>
        <v>470.92579505300353</v>
      </c>
      <c r="BX372" s="898">
        <f t="shared" si="635"/>
        <v>1059.583038869258</v>
      </c>
      <c r="BY372" s="898">
        <f t="shared" si="636"/>
        <v>824.12014134275614</v>
      </c>
      <c r="BZ372" s="898">
        <f t="shared" si="637"/>
        <v>1177.3144876325089</v>
      </c>
      <c r="CA372" s="898">
        <f t="shared" si="638"/>
        <v>1130.2219081272085</v>
      </c>
      <c r="CB372" s="898">
        <f t="shared" si="639"/>
        <v>235.46289752650176</v>
      </c>
      <c r="CC372" s="898">
        <f t="shared" si="640"/>
        <v>918.30530035335687</v>
      </c>
      <c r="CD372" s="898">
        <f t="shared" si="641"/>
        <v>1177.3144876325089</v>
      </c>
      <c r="CE372" s="898">
        <f t="shared" si="642"/>
        <v>1177.3144876325089</v>
      </c>
      <c r="CF372" s="898">
        <f t="shared" si="643"/>
        <v>1765.9717314487632</v>
      </c>
      <c r="CG372" s="898">
        <f t="shared" si="644"/>
        <v>470.92579505300353</v>
      </c>
      <c r="CH372" s="898">
        <f t="shared" si="645"/>
        <v>550.98318021201408</v>
      </c>
      <c r="CI372" s="898">
        <f t="shared" si="646"/>
        <v>824.12014134275614</v>
      </c>
      <c r="CJ372" s="898">
        <f t="shared" si="647"/>
        <v>211.91660777385158</v>
      </c>
      <c r="CK372" s="898">
        <f t="shared" si="648"/>
        <v>188.3703180212014</v>
      </c>
      <c r="CL372" s="898">
        <f t="shared" si="649"/>
        <v>5604.0169611307419</v>
      </c>
      <c r="CM372" s="898" t="str">
        <f t="shared" si="650"/>
        <v/>
      </c>
      <c r="CN372" s="898" t="str">
        <f t="shared" si="651"/>
        <v/>
      </c>
      <c r="CO372" s="898" t="str">
        <f t="shared" si="652"/>
        <v/>
      </c>
      <c r="CP372" s="898" t="str">
        <f t="shared" si="653"/>
        <v/>
      </c>
      <c r="CQ372" s="898" t="str">
        <f t="shared" si="654"/>
        <v/>
      </c>
      <c r="CR372" s="898" t="str">
        <f t="shared" si="655"/>
        <v/>
      </c>
      <c r="CS372" s="898" t="str">
        <f t="shared" si="656"/>
        <v/>
      </c>
      <c r="CT372" s="898" t="str">
        <f t="shared" si="657"/>
        <v/>
      </c>
      <c r="CU372" s="898" t="str">
        <f t="shared" si="658"/>
        <v/>
      </c>
      <c r="CV372" s="898" t="str">
        <f t="shared" si="659"/>
        <v/>
      </c>
      <c r="CW372" s="898" t="str">
        <f t="shared" si="660"/>
        <v/>
      </c>
      <c r="CX372" s="898" t="str">
        <f t="shared" si="661"/>
        <v/>
      </c>
      <c r="CY372" s="898" t="str">
        <f t="shared" si="662"/>
        <v/>
      </c>
      <c r="CZ372" s="898" t="str">
        <f t="shared" si="663"/>
        <v/>
      </c>
      <c r="DA372" s="898" t="str">
        <f t="shared" si="664"/>
        <v/>
      </c>
      <c r="DB372" s="898" t="str">
        <f t="shared" si="665"/>
        <v/>
      </c>
      <c r="DC372" s="898" t="str">
        <f t="shared" si="666"/>
        <v/>
      </c>
      <c r="DD372" s="898" t="str">
        <f t="shared" si="667"/>
        <v/>
      </c>
      <c r="DE372" s="898" t="str">
        <f t="shared" si="668"/>
        <v/>
      </c>
      <c r="DF372" s="898" t="str">
        <f t="shared" si="669"/>
        <v/>
      </c>
      <c r="DG372" s="898" t="str">
        <f t="shared" si="670"/>
        <v/>
      </c>
      <c r="DH372" s="898" t="str">
        <f t="shared" si="671"/>
        <v/>
      </c>
      <c r="DI372" s="898">
        <f t="shared" si="672"/>
        <v>3531.9434628975264</v>
      </c>
      <c r="DJ372" s="898">
        <f t="shared" si="673"/>
        <v>3767.4063604240282</v>
      </c>
      <c r="DK372" s="898">
        <f t="shared" si="674"/>
        <v>5651.1095406360419</v>
      </c>
      <c r="DL372" s="898">
        <f t="shared" si="675"/>
        <v>7466.528480565371</v>
      </c>
      <c r="DM372" s="661">
        <f t="shared" si="546"/>
        <v>29560.01215547703</v>
      </c>
      <c r="DN372" s="898">
        <f t="shared" si="547"/>
        <v>20416.987844522966</v>
      </c>
      <c r="DO372" s="516">
        <f t="shared" si="548"/>
        <v>0</v>
      </c>
      <c r="DP372" s="898">
        <f t="shared" si="549"/>
        <v>0</v>
      </c>
      <c r="DQ372" s="860" t="s">
        <v>4246</v>
      </c>
      <c r="DR372" s="610" t="s">
        <v>4247</v>
      </c>
      <c r="DS372" s="1221" t="s">
        <v>4248</v>
      </c>
      <c r="DT372" s="632"/>
    </row>
    <row r="373" spans="1:124" ht="57" x14ac:dyDescent="0.2">
      <c r="A373" s="484" t="str">
        <f t="shared" si="544"/>
        <v>Peascroft Road cycle route and side-arm junction Copenhagen crossings</v>
      </c>
      <c r="B373" s="1163">
        <v>370</v>
      </c>
      <c r="C373" s="1156" t="s">
        <v>4457</v>
      </c>
      <c r="D373" s="481" t="s">
        <v>2481</v>
      </c>
      <c r="E373" s="481" t="s">
        <v>53</v>
      </c>
      <c r="F373" s="481" t="s">
        <v>655</v>
      </c>
      <c r="G373" s="775" t="s">
        <v>932</v>
      </c>
      <c r="H373" s="673" t="s">
        <v>4458</v>
      </c>
      <c r="I373" s="775" t="str">
        <f t="shared" si="607"/>
        <v>SG9-1</v>
      </c>
      <c r="J373" s="673" t="s">
        <v>1074</v>
      </c>
      <c r="K373" s="664" t="s">
        <v>3104</v>
      </c>
      <c r="L373" s="852" t="s">
        <v>3167</v>
      </c>
      <c r="M373" s="515" t="s">
        <v>4244</v>
      </c>
      <c r="N373" s="775" t="s">
        <v>81</v>
      </c>
      <c r="O373" s="654" t="s">
        <v>3051</v>
      </c>
      <c r="P373" s="657" t="s">
        <v>61</v>
      </c>
      <c r="Q373" s="852" t="s">
        <v>71</v>
      </c>
      <c r="R373" s="657"/>
      <c r="S373" s="657"/>
      <c r="T373" s="853">
        <v>1376375</v>
      </c>
      <c r="U373" s="854"/>
      <c r="V373" s="657" t="s">
        <v>4245</v>
      </c>
      <c r="W373" s="642">
        <f t="shared" si="629"/>
        <v>0</v>
      </c>
      <c r="X373" s="745">
        <f t="shared" si="630"/>
        <v>1376375</v>
      </c>
      <c r="Y373" s="745" t="s">
        <v>3106</v>
      </c>
      <c r="Z373" s="745" t="str">
        <f>_xlfn.XLOOKUP(I373, 'CALCS Aecom (July 25 2025)'!F:F, 'CALCS Aecom (July 25 2025)'!W:W)</f>
        <v>Multiple Scenario 2 (Step 6)</v>
      </c>
      <c r="AA373" s="650" t="s">
        <v>65</v>
      </c>
      <c r="AB373" s="516" t="s">
        <v>66</v>
      </c>
      <c r="AC373" s="516" t="s">
        <v>66</v>
      </c>
      <c r="AD373" s="516" t="s">
        <v>66</v>
      </c>
      <c r="AE373" s="516" t="s">
        <v>66</v>
      </c>
      <c r="AF373" s="516" t="s">
        <v>66</v>
      </c>
      <c r="AG373" s="516" t="s">
        <v>66</v>
      </c>
      <c r="AH373" s="516" t="s">
        <v>66</v>
      </c>
      <c r="AI373" s="516" t="s">
        <v>66</v>
      </c>
      <c r="AJ373" s="516" t="s">
        <v>66</v>
      </c>
      <c r="AK373" s="516" t="s">
        <v>66</v>
      </c>
      <c r="AL373" s="516" t="s">
        <v>66</v>
      </c>
      <c r="AM373" s="516" t="s">
        <v>66</v>
      </c>
      <c r="AN373" s="516" t="s">
        <v>66</v>
      </c>
      <c r="AO373" s="516" t="s">
        <v>66</v>
      </c>
      <c r="AP373" s="516" t="s">
        <v>66</v>
      </c>
      <c r="AQ373" s="516" t="s">
        <v>66</v>
      </c>
      <c r="AR373" s="516" t="s">
        <v>66</v>
      </c>
      <c r="AS373" s="892"/>
      <c r="AT373" s="892"/>
      <c r="AU373" s="892"/>
      <c r="AV373" s="661"/>
      <c r="AW373" s="892"/>
      <c r="AX373" s="892"/>
      <c r="AY373" s="892"/>
      <c r="AZ373" s="661"/>
      <c r="BA373" s="892"/>
      <c r="BB373" s="661"/>
      <c r="BC373" s="661"/>
      <c r="BD373" s="892"/>
      <c r="BE373" s="661"/>
      <c r="BF373" s="661"/>
      <c r="BG373" s="746"/>
      <c r="BH373" s="746"/>
      <c r="BI373" s="746"/>
      <c r="BJ373" s="746"/>
      <c r="BK373" s="746"/>
      <c r="BL373" s="746"/>
      <c r="BM373" s="746"/>
      <c r="BN373" s="746"/>
      <c r="BO373" s="516" t="s">
        <v>66</v>
      </c>
      <c r="BP373" s="516" t="s">
        <v>66</v>
      </c>
      <c r="BQ373" s="516" t="s">
        <v>66</v>
      </c>
      <c r="BR373" s="516" t="s">
        <v>66</v>
      </c>
      <c r="BS373" s="884">
        <f t="shared" si="545"/>
        <v>21225</v>
      </c>
      <c r="BT373" s="661">
        <f t="shared" si="631"/>
        <v>64.846878680800941</v>
      </c>
      <c r="BU373" s="661" t="str">
        <f t="shared" si="632"/>
        <v>GOOD</v>
      </c>
      <c r="BV373" s="898">
        <f t="shared" si="633"/>
        <v>324234.39340400469</v>
      </c>
      <c r="BW373" s="898">
        <f t="shared" si="634"/>
        <v>12969.375736160187</v>
      </c>
      <c r="BX373" s="898">
        <f t="shared" si="635"/>
        <v>29181.095406360422</v>
      </c>
      <c r="BY373" s="898">
        <f t="shared" si="636"/>
        <v>22696.407538280331</v>
      </c>
      <c r="BZ373" s="898">
        <f t="shared" si="637"/>
        <v>32423.43934040047</v>
      </c>
      <c r="CA373" s="898">
        <f t="shared" si="638"/>
        <v>31126.501766784451</v>
      </c>
      <c r="CB373" s="898">
        <f t="shared" si="639"/>
        <v>6484.6878680800937</v>
      </c>
      <c r="CC373" s="898">
        <f t="shared" si="640"/>
        <v>25290.282685512368</v>
      </c>
      <c r="CD373" s="898">
        <f t="shared" si="641"/>
        <v>32423.43934040047</v>
      </c>
      <c r="CE373" s="898">
        <f t="shared" si="642"/>
        <v>32423.43934040047</v>
      </c>
      <c r="CF373" s="898">
        <f t="shared" si="643"/>
        <v>48635.159010600706</v>
      </c>
      <c r="CG373" s="898">
        <f t="shared" si="644"/>
        <v>12969.375736160187</v>
      </c>
      <c r="CH373" s="898">
        <f t="shared" si="645"/>
        <v>15174.169611307419</v>
      </c>
      <c r="CI373" s="898">
        <f t="shared" si="646"/>
        <v>22696.407538280331</v>
      </c>
      <c r="CJ373" s="898">
        <f t="shared" si="647"/>
        <v>5836.2190812720846</v>
      </c>
      <c r="CK373" s="898">
        <f t="shared" si="648"/>
        <v>5187.7502944640755</v>
      </c>
      <c r="CL373" s="898">
        <f t="shared" si="649"/>
        <v>154335.57126030623</v>
      </c>
      <c r="CM373" s="898" t="str">
        <f t="shared" si="650"/>
        <v/>
      </c>
      <c r="CN373" s="898" t="str">
        <f t="shared" si="651"/>
        <v/>
      </c>
      <c r="CO373" s="898" t="str">
        <f t="shared" si="652"/>
        <v/>
      </c>
      <c r="CP373" s="898" t="str">
        <f t="shared" si="653"/>
        <v/>
      </c>
      <c r="CQ373" s="898" t="str">
        <f t="shared" si="654"/>
        <v/>
      </c>
      <c r="CR373" s="898" t="str">
        <f t="shared" si="655"/>
        <v/>
      </c>
      <c r="CS373" s="898" t="str">
        <f t="shared" si="656"/>
        <v/>
      </c>
      <c r="CT373" s="898" t="str">
        <f t="shared" si="657"/>
        <v/>
      </c>
      <c r="CU373" s="898" t="str">
        <f t="shared" si="658"/>
        <v/>
      </c>
      <c r="CV373" s="898" t="str">
        <f t="shared" si="659"/>
        <v/>
      </c>
      <c r="CW373" s="898" t="str">
        <f t="shared" si="660"/>
        <v/>
      </c>
      <c r="CX373" s="898" t="str">
        <f t="shared" si="661"/>
        <v/>
      </c>
      <c r="CY373" s="898" t="str">
        <f t="shared" si="662"/>
        <v/>
      </c>
      <c r="CZ373" s="898" t="str">
        <f t="shared" si="663"/>
        <v/>
      </c>
      <c r="DA373" s="898" t="str">
        <f t="shared" si="664"/>
        <v/>
      </c>
      <c r="DB373" s="898" t="str">
        <f t="shared" si="665"/>
        <v/>
      </c>
      <c r="DC373" s="898" t="str">
        <f t="shared" si="666"/>
        <v/>
      </c>
      <c r="DD373" s="898" t="str">
        <f t="shared" si="667"/>
        <v/>
      </c>
      <c r="DE373" s="898" t="str">
        <f t="shared" si="668"/>
        <v/>
      </c>
      <c r="DF373" s="898" t="str">
        <f t="shared" si="669"/>
        <v/>
      </c>
      <c r="DG373" s="898" t="str">
        <f t="shared" si="670"/>
        <v/>
      </c>
      <c r="DH373" s="898" t="str">
        <f t="shared" si="671"/>
        <v/>
      </c>
      <c r="DI373" s="898">
        <f t="shared" si="672"/>
        <v>97270.318021201412</v>
      </c>
      <c r="DJ373" s="898">
        <f t="shared" si="673"/>
        <v>103755.0058892815</v>
      </c>
      <c r="DK373" s="898">
        <f t="shared" si="674"/>
        <v>155632.50883392227</v>
      </c>
      <c r="DL373" s="898">
        <f t="shared" si="675"/>
        <v>205629.45229681977</v>
      </c>
      <c r="DM373" s="661">
        <f t="shared" si="546"/>
        <v>814087.71495877509</v>
      </c>
      <c r="DN373" s="898">
        <f t="shared" si="547"/>
        <v>562287.28504122491</v>
      </c>
      <c r="DO373" s="516">
        <f t="shared" si="548"/>
        <v>0</v>
      </c>
      <c r="DP373" s="898">
        <f t="shared" si="549"/>
        <v>0</v>
      </c>
      <c r="DQ373" s="860" t="s">
        <v>4246</v>
      </c>
      <c r="DR373" s="610" t="s">
        <v>4247</v>
      </c>
      <c r="DS373" s="1221" t="s">
        <v>4248</v>
      </c>
      <c r="DT373" s="632"/>
    </row>
    <row r="374" spans="1:124" ht="57" x14ac:dyDescent="0.2">
      <c r="A374" s="484" t="str">
        <f t="shared" si="544"/>
        <v>Peascroft Road-Bennetts End Road Junction cycle crossing improvements</v>
      </c>
      <c r="B374" s="1163">
        <v>371</v>
      </c>
      <c r="C374" s="1156" t="s">
        <v>4459</v>
      </c>
      <c r="D374" s="481" t="s">
        <v>2481</v>
      </c>
      <c r="E374" s="481" t="s">
        <v>53</v>
      </c>
      <c r="F374" s="481" t="s">
        <v>655</v>
      </c>
      <c r="G374" s="775" t="s">
        <v>932</v>
      </c>
      <c r="H374" s="673" t="s">
        <v>1075</v>
      </c>
      <c r="I374" s="775" t="str">
        <f t="shared" si="607"/>
        <v>SG9-2</v>
      </c>
      <c r="J374" s="673" t="s">
        <v>1076</v>
      </c>
      <c r="K374" s="664" t="s">
        <v>3104</v>
      </c>
      <c r="L374" s="852" t="s">
        <v>3167</v>
      </c>
      <c r="M374" s="515" t="s">
        <v>4244</v>
      </c>
      <c r="N374" s="665" t="s">
        <v>81</v>
      </c>
      <c r="O374" s="654" t="s">
        <v>3051</v>
      </c>
      <c r="P374" s="657" t="s">
        <v>61</v>
      </c>
      <c r="Q374" s="852" t="s">
        <v>71</v>
      </c>
      <c r="R374" s="657"/>
      <c r="S374" s="657"/>
      <c r="T374" s="853">
        <v>132</v>
      </c>
      <c r="U374" s="854"/>
      <c r="V374" s="657" t="s">
        <v>4245</v>
      </c>
      <c r="W374" s="642">
        <f t="shared" si="629"/>
        <v>0</v>
      </c>
      <c r="X374" s="745">
        <f t="shared" si="630"/>
        <v>132</v>
      </c>
      <c r="Y374" s="745" t="s">
        <v>3106</v>
      </c>
      <c r="Z374" s="745" t="str">
        <f>_xlfn.XLOOKUP(I374, 'CALCS Aecom (July 25 2025)'!F:F, 'CALCS Aecom (July 25 2025)'!W:W)</f>
        <v>Multiple Scenario 2 (Step 6)</v>
      </c>
      <c r="AA374" s="650" t="s">
        <v>65</v>
      </c>
      <c r="AB374" s="516" t="s">
        <v>66</v>
      </c>
      <c r="AC374" s="516" t="s">
        <v>66</v>
      </c>
      <c r="AD374" s="516" t="s">
        <v>66</v>
      </c>
      <c r="AE374" s="516" t="s">
        <v>66</v>
      </c>
      <c r="AF374" s="516" t="s">
        <v>66</v>
      </c>
      <c r="AG374" s="516" t="s">
        <v>66</v>
      </c>
      <c r="AH374" s="516" t="s">
        <v>66</v>
      </c>
      <c r="AI374" s="516" t="s">
        <v>66</v>
      </c>
      <c r="AJ374" s="516" t="s">
        <v>66</v>
      </c>
      <c r="AK374" s="516" t="s">
        <v>66</v>
      </c>
      <c r="AL374" s="516" t="s">
        <v>66</v>
      </c>
      <c r="AM374" s="516" t="s">
        <v>66</v>
      </c>
      <c r="AN374" s="516" t="s">
        <v>66</v>
      </c>
      <c r="AO374" s="516" t="s">
        <v>66</v>
      </c>
      <c r="AP374" s="516" t="s">
        <v>66</v>
      </c>
      <c r="AQ374" s="516" t="s">
        <v>66</v>
      </c>
      <c r="AR374" s="516" t="s">
        <v>66</v>
      </c>
      <c r="AS374" s="892"/>
      <c r="AT374" s="892"/>
      <c r="AU374" s="892"/>
      <c r="AV374" s="661"/>
      <c r="AW374" s="892"/>
      <c r="AX374" s="892"/>
      <c r="AY374" s="892"/>
      <c r="AZ374" s="661"/>
      <c r="BA374" s="892"/>
      <c r="BB374" s="661"/>
      <c r="BC374" s="661"/>
      <c r="BD374" s="892"/>
      <c r="BE374" s="661"/>
      <c r="BF374" s="661"/>
      <c r="BG374" s="746"/>
      <c r="BH374" s="746"/>
      <c r="BI374" s="746"/>
      <c r="BJ374" s="746"/>
      <c r="BK374" s="746"/>
      <c r="BL374" s="746"/>
      <c r="BM374" s="746"/>
      <c r="BN374" s="746"/>
      <c r="BO374" s="516" t="s">
        <v>66</v>
      </c>
      <c r="BP374" s="516" t="s">
        <v>66</v>
      </c>
      <c r="BQ374" s="516" t="s">
        <v>66</v>
      </c>
      <c r="BR374" s="516" t="s">
        <v>66</v>
      </c>
      <c r="BS374" s="884">
        <f t="shared" si="545"/>
        <v>21225</v>
      </c>
      <c r="BT374" s="661">
        <f t="shared" si="631"/>
        <v>6.2190812720848056E-3</v>
      </c>
      <c r="BU374" s="661" t="str">
        <f t="shared" si="632"/>
        <v>GOOD</v>
      </c>
      <c r="BV374" s="898">
        <f t="shared" si="633"/>
        <v>31.095406360424029</v>
      </c>
      <c r="BW374" s="898">
        <f t="shared" si="634"/>
        <v>1.2438162544169611</v>
      </c>
      <c r="BX374" s="898">
        <f t="shared" si="635"/>
        <v>2.7985865724381624</v>
      </c>
      <c r="BY374" s="898">
        <f t="shared" si="636"/>
        <v>2.1766784452296819</v>
      </c>
      <c r="BZ374" s="898">
        <f t="shared" si="637"/>
        <v>3.1095406360424027</v>
      </c>
      <c r="CA374" s="898">
        <f t="shared" si="638"/>
        <v>2.9851590106007069</v>
      </c>
      <c r="CB374" s="898">
        <f t="shared" si="639"/>
        <v>0.62190812720848054</v>
      </c>
      <c r="CC374" s="898">
        <f t="shared" si="640"/>
        <v>2.425441696113074</v>
      </c>
      <c r="CD374" s="898">
        <f t="shared" si="641"/>
        <v>3.1095406360424027</v>
      </c>
      <c r="CE374" s="898">
        <f t="shared" si="642"/>
        <v>3.1095406360424027</v>
      </c>
      <c r="CF374" s="898">
        <f t="shared" si="643"/>
        <v>4.6643109540636045</v>
      </c>
      <c r="CG374" s="898">
        <f t="shared" si="644"/>
        <v>1.2438162544169611</v>
      </c>
      <c r="CH374" s="898">
        <f t="shared" si="645"/>
        <v>1.4552650176678446</v>
      </c>
      <c r="CI374" s="898">
        <f t="shared" si="646"/>
        <v>2.1766784452296819</v>
      </c>
      <c r="CJ374" s="898">
        <f t="shared" si="647"/>
        <v>0.55971731448763251</v>
      </c>
      <c r="CK374" s="898">
        <f t="shared" si="648"/>
        <v>0.49752650176678448</v>
      </c>
      <c r="CL374" s="898">
        <f t="shared" si="649"/>
        <v>14.801413427561837</v>
      </c>
      <c r="CM374" s="898" t="str">
        <f t="shared" si="650"/>
        <v/>
      </c>
      <c r="CN374" s="898" t="str">
        <f t="shared" si="651"/>
        <v/>
      </c>
      <c r="CO374" s="898" t="str">
        <f t="shared" si="652"/>
        <v/>
      </c>
      <c r="CP374" s="898" t="str">
        <f t="shared" si="653"/>
        <v/>
      </c>
      <c r="CQ374" s="898" t="str">
        <f t="shared" si="654"/>
        <v/>
      </c>
      <c r="CR374" s="898" t="str">
        <f t="shared" si="655"/>
        <v/>
      </c>
      <c r="CS374" s="898" t="str">
        <f t="shared" si="656"/>
        <v/>
      </c>
      <c r="CT374" s="898" t="str">
        <f t="shared" si="657"/>
        <v/>
      </c>
      <c r="CU374" s="898" t="str">
        <f t="shared" si="658"/>
        <v/>
      </c>
      <c r="CV374" s="898" t="str">
        <f t="shared" si="659"/>
        <v/>
      </c>
      <c r="CW374" s="898" t="str">
        <f t="shared" si="660"/>
        <v/>
      </c>
      <c r="CX374" s="898" t="str">
        <f t="shared" si="661"/>
        <v/>
      </c>
      <c r="CY374" s="898" t="str">
        <f t="shared" si="662"/>
        <v/>
      </c>
      <c r="CZ374" s="898" t="str">
        <f t="shared" si="663"/>
        <v/>
      </c>
      <c r="DA374" s="898" t="str">
        <f t="shared" si="664"/>
        <v/>
      </c>
      <c r="DB374" s="898" t="str">
        <f t="shared" si="665"/>
        <v/>
      </c>
      <c r="DC374" s="898" t="str">
        <f t="shared" si="666"/>
        <v/>
      </c>
      <c r="DD374" s="898" t="str">
        <f t="shared" si="667"/>
        <v/>
      </c>
      <c r="DE374" s="898" t="str">
        <f t="shared" si="668"/>
        <v/>
      </c>
      <c r="DF374" s="898" t="str">
        <f t="shared" si="669"/>
        <v/>
      </c>
      <c r="DG374" s="898" t="str">
        <f t="shared" si="670"/>
        <v/>
      </c>
      <c r="DH374" s="898" t="str">
        <f t="shared" si="671"/>
        <v/>
      </c>
      <c r="DI374" s="898">
        <f t="shared" si="672"/>
        <v>9.328621908127209</v>
      </c>
      <c r="DJ374" s="898">
        <f t="shared" si="673"/>
        <v>9.9505300353356887</v>
      </c>
      <c r="DK374" s="898">
        <f t="shared" si="674"/>
        <v>14.925795053003533</v>
      </c>
      <c r="DL374" s="898">
        <f t="shared" si="675"/>
        <v>19.72070671378092</v>
      </c>
      <c r="DM374" s="661">
        <f t="shared" si="546"/>
        <v>78.074346289752654</v>
      </c>
      <c r="DN374" s="898">
        <f t="shared" si="547"/>
        <v>53.925653710247353</v>
      </c>
      <c r="DO374" s="516">
        <f t="shared" si="548"/>
        <v>0</v>
      </c>
      <c r="DP374" s="898">
        <f t="shared" si="549"/>
        <v>0</v>
      </c>
      <c r="DQ374" s="860" t="s">
        <v>4246</v>
      </c>
      <c r="DR374" s="610" t="s">
        <v>4247</v>
      </c>
      <c r="DS374" s="1221" t="s">
        <v>4248</v>
      </c>
      <c r="DT374" s="632"/>
    </row>
    <row r="375" spans="1:124" ht="57" x14ac:dyDescent="0.2">
      <c r="A375" s="484" t="str">
        <f t="shared" si="544"/>
        <v>Peascroft Road mini roundabout traffic calming</v>
      </c>
      <c r="B375" s="1163">
        <v>372</v>
      </c>
      <c r="C375" s="1156" t="s">
        <v>4460</v>
      </c>
      <c r="D375" s="481" t="s">
        <v>2481</v>
      </c>
      <c r="E375" s="481" t="s">
        <v>53</v>
      </c>
      <c r="F375" s="481" t="s">
        <v>655</v>
      </c>
      <c r="G375" s="775" t="s">
        <v>932</v>
      </c>
      <c r="H375" s="673" t="s">
        <v>1077</v>
      </c>
      <c r="I375" s="775" t="str">
        <f t="shared" si="607"/>
        <v>SG9-3</v>
      </c>
      <c r="J375" s="673" t="s">
        <v>1078</v>
      </c>
      <c r="K375" s="664" t="s">
        <v>3104</v>
      </c>
      <c r="L375" s="852" t="s">
        <v>3167</v>
      </c>
      <c r="M375" s="515" t="s">
        <v>4244</v>
      </c>
      <c r="N375" s="775" t="s">
        <v>81</v>
      </c>
      <c r="O375" s="654" t="s">
        <v>3051</v>
      </c>
      <c r="P375" s="657" t="s">
        <v>61</v>
      </c>
      <c r="Q375" s="852" t="s">
        <v>71</v>
      </c>
      <c r="R375" s="657"/>
      <c r="S375" s="657"/>
      <c r="T375" s="853">
        <v>72774</v>
      </c>
      <c r="U375" s="854"/>
      <c r="V375" s="657" t="s">
        <v>4245</v>
      </c>
      <c r="W375" s="642">
        <f t="shared" si="629"/>
        <v>0</v>
      </c>
      <c r="X375" s="745">
        <f t="shared" si="630"/>
        <v>72774</v>
      </c>
      <c r="Y375" s="745" t="s">
        <v>3106</v>
      </c>
      <c r="Z375" s="745" t="str">
        <f>_xlfn.XLOOKUP(I375, 'CALCS Aecom (July 25 2025)'!F:F, 'CALCS Aecom (July 25 2025)'!W:W)</f>
        <v>Multiple Scenario 2 (Step 6)</v>
      </c>
      <c r="AA375" s="650" t="s">
        <v>65</v>
      </c>
      <c r="AB375" s="516" t="s">
        <v>66</v>
      </c>
      <c r="AC375" s="516" t="s">
        <v>66</v>
      </c>
      <c r="AD375" s="516" t="s">
        <v>66</v>
      </c>
      <c r="AE375" s="516" t="s">
        <v>66</v>
      </c>
      <c r="AF375" s="516" t="s">
        <v>66</v>
      </c>
      <c r="AG375" s="516" t="s">
        <v>66</v>
      </c>
      <c r="AH375" s="516" t="s">
        <v>66</v>
      </c>
      <c r="AI375" s="516" t="s">
        <v>66</v>
      </c>
      <c r="AJ375" s="516" t="s">
        <v>66</v>
      </c>
      <c r="AK375" s="516" t="s">
        <v>66</v>
      </c>
      <c r="AL375" s="516" t="s">
        <v>66</v>
      </c>
      <c r="AM375" s="516" t="s">
        <v>66</v>
      </c>
      <c r="AN375" s="516" t="s">
        <v>66</v>
      </c>
      <c r="AO375" s="516" t="s">
        <v>66</v>
      </c>
      <c r="AP375" s="516" t="s">
        <v>66</v>
      </c>
      <c r="AQ375" s="516" t="s">
        <v>66</v>
      </c>
      <c r="AR375" s="516" t="s">
        <v>66</v>
      </c>
      <c r="AS375" s="892"/>
      <c r="AT375" s="892"/>
      <c r="AU375" s="892"/>
      <c r="AV375" s="661"/>
      <c r="AW375" s="892"/>
      <c r="AX375" s="892"/>
      <c r="AY375" s="892"/>
      <c r="AZ375" s="661"/>
      <c r="BA375" s="892"/>
      <c r="BB375" s="661"/>
      <c r="BC375" s="661"/>
      <c r="BD375" s="892"/>
      <c r="BE375" s="661"/>
      <c r="BF375" s="661"/>
      <c r="BG375" s="746"/>
      <c r="BH375" s="746"/>
      <c r="BI375" s="746"/>
      <c r="BJ375" s="746"/>
      <c r="BK375" s="746"/>
      <c r="BL375" s="746"/>
      <c r="BM375" s="746"/>
      <c r="BN375" s="746"/>
      <c r="BO375" s="516" t="s">
        <v>66</v>
      </c>
      <c r="BP375" s="516" t="s">
        <v>66</v>
      </c>
      <c r="BQ375" s="516" t="s">
        <v>66</v>
      </c>
      <c r="BR375" s="516" t="s">
        <v>66</v>
      </c>
      <c r="BS375" s="884">
        <f t="shared" si="545"/>
        <v>21225</v>
      </c>
      <c r="BT375" s="661">
        <f t="shared" si="631"/>
        <v>3.4286925795053005</v>
      </c>
      <c r="BU375" s="661" t="str">
        <f t="shared" si="632"/>
        <v>GOOD</v>
      </c>
      <c r="BV375" s="898">
        <f t="shared" si="633"/>
        <v>17143.462897526504</v>
      </c>
      <c r="BW375" s="898">
        <f t="shared" si="634"/>
        <v>685.73851590106005</v>
      </c>
      <c r="BX375" s="898">
        <f t="shared" si="635"/>
        <v>1542.9116607773851</v>
      </c>
      <c r="BY375" s="898">
        <f t="shared" si="636"/>
        <v>1200.0424028268551</v>
      </c>
      <c r="BZ375" s="898">
        <f t="shared" si="637"/>
        <v>1714.3462897526501</v>
      </c>
      <c r="CA375" s="898">
        <f t="shared" si="638"/>
        <v>1645.7724381625442</v>
      </c>
      <c r="CB375" s="898">
        <f t="shared" si="639"/>
        <v>342.86925795053003</v>
      </c>
      <c r="CC375" s="898">
        <f t="shared" si="640"/>
        <v>1337.1901060070672</v>
      </c>
      <c r="CD375" s="898">
        <f t="shared" si="641"/>
        <v>1714.3462897526501</v>
      </c>
      <c r="CE375" s="898">
        <f t="shared" si="642"/>
        <v>1714.3462897526501</v>
      </c>
      <c r="CF375" s="898">
        <f t="shared" si="643"/>
        <v>2571.5194346289754</v>
      </c>
      <c r="CG375" s="898">
        <f t="shared" si="644"/>
        <v>685.73851590106005</v>
      </c>
      <c r="CH375" s="898">
        <f t="shared" si="645"/>
        <v>802.31406360424035</v>
      </c>
      <c r="CI375" s="898">
        <f t="shared" si="646"/>
        <v>1200.0424028268551</v>
      </c>
      <c r="CJ375" s="898">
        <f t="shared" si="647"/>
        <v>308.58233215547705</v>
      </c>
      <c r="CK375" s="898">
        <f t="shared" si="648"/>
        <v>274.29540636042407</v>
      </c>
      <c r="CL375" s="898">
        <f t="shared" si="649"/>
        <v>8160.2883392226149</v>
      </c>
      <c r="CM375" s="898" t="str">
        <f t="shared" si="650"/>
        <v/>
      </c>
      <c r="CN375" s="898" t="str">
        <f t="shared" si="651"/>
        <v/>
      </c>
      <c r="CO375" s="898" t="str">
        <f t="shared" si="652"/>
        <v/>
      </c>
      <c r="CP375" s="898" t="str">
        <f t="shared" si="653"/>
        <v/>
      </c>
      <c r="CQ375" s="898" t="str">
        <f t="shared" si="654"/>
        <v/>
      </c>
      <c r="CR375" s="898" t="str">
        <f t="shared" si="655"/>
        <v/>
      </c>
      <c r="CS375" s="898" t="str">
        <f t="shared" si="656"/>
        <v/>
      </c>
      <c r="CT375" s="898" t="str">
        <f t="shared" si="657"/>
        <v/>
      </c>
      <c r="CU375" s="898" t="str">
        <f t="shared" si="658"/>
        <v/>
      </c>
      <c r="CV375" s="898" t="str">
        <f t="shared" si="659"/>
        <v/>
      </c>
      <c r="CW375" s="898" t="str">
        <f t="shared" si="660"/>
        <v/>
      </c>
      <c r="CX375" s="898" t="str">
        <f t="shared" si="661"/>
        <v/>
      </c>
      <c r="CY375" s="898" t="str">
        <f t="shared" si="662"/>
        <v/>
      </c>
      <c r="CZ375" s="898" t="str">
        <f t="shared" si="663"/>
        <v/>
      </c>
      <c r="DA375" s="898" t="str">
        <f t="shared" si="664"/>
        <v/>
      </c>
      <c r="DB375" s="898" t="str">
        <f t="shared" si="665"/>
        <v/>
      </c>
      <c r="DC375" s="898" t="str">
        <f t="shared" si="666"/>
        <v/>
      </c>
      <c r="DD375" s="898" t="str">
        <f t="shared" si="667"/>
        <v/>
      </c>
      <c r="DE375" s="898" t="str">
        <f t="shared" si="668"/>
        <v/>
      </c>
      <c r="DF375" s="898" t="str">
        <f t="shared" si="669"/>
        <v/>
      </c>
      <c r="DG375" s="898" t="str">
        <f t="shared" si="670"/>
        <v/>
      </c>
      <c r="DH375" s="898" t="str">
        <f t="shared" si="671"/>
        <v/>
      </c>
      <c r="DI375" s="898">
        <f t="shared" si="672"/>
        <v>5143.0388692579509</v>
      </c>
      <c r="DJ375" s="898">
        <f t="shared" si="673"/>
        <v>5485.9081272084804</v>
      </c>
      <c r="DK375" s="898">
        <f t="shared" si="674"/>
        <v>8228.8621908127207</v>
      </c>
      <c r="DL375" s="898">
        <f t="shared" si="675"/>
        <v>10872.384169611309</v>
      </c>
      <c r="DM375" s="661">
        <f t="shared" si="546"/>
        <v>43043.806643109543</v>
      </c>
      <c r="DN375" s="898">
        <f t="shared" si="547"/>
        <v>29730.193356890461</v>
      </c>
      <c r="DO375" s="516">
        <f t="shared" si="548"/>
        <v>0</v>
      </c>
      <c r="DP375" s="898">
        <f t="shared" si="549"/>
        <v>0</v>
      </c>
      <c r="DQ375" s="860" t="s">
        <v>4246</v>
      </c>
      <c r="DR375" s="610" t="s">
        <v>4247</v>
      </c>
      <c r="DS375" s="1221" t="s">
        <v>4248</v>
      </c>
      <c r="DT375" s="632"/>
    </row>
    <row r="376" spans="1:124" ht="57" x14ac:dyDescent="0.2">
      <c r="A376" s="484" t="str">
        <f t="shared" si="544"/>
        <v>Pescroft Road pavement parking restrictions</v>
      </c>
      <c r="B376" s="1163">
        <v>373</v>
      </c>
      <c r="C376" s="1156" t="s">
        <v>4461</v>
      </c>
      <c r="D376" s="481" t="s">
        <v>2481</v>
      </c>
      <c r="E376" s="481" t="s">
        <v>53</v>
      </c>
      <c r="F376" s="481" t="s">
        <v>655</v>
      </c>
      <c r="G376" s="775" t="s">
        <v>932</v>
      </c>
      <c r="H376" s="673" t="s">
        <v>1081</v>
      </c>
      <c r="I376" s="775" t="str">
        <f t="shared" si="607"/>
        <v>SG9-5</v>
      </c>
      <c r="J376" s="673" t="s">
        <v>1082</v>
      </c>
      <c r="K376" s="664" t="s">
        <v>3104</v>
      </c>
      <c r="L376" s="852" t="s">
        <v>3167</v>
      </c>
      <c r="M376" s="515" t="s">
        <v>4244</v>
      </c>
      <c r="N376" s="775" t="s">
        <v>81</v>
      </c>
      <c r="O376" s="654" t="s">
        <v>3051</v>
      </c>
      <c r="P376" s="657" t="s">
        <v>61</v>
      </c>
      <c r="Q376" s="852" t="s">
        <v>71</v>
      </c>
      <c r="R376" s="657"/>
      <c r="S376" s="657"/>
      <c r="T376" s="853">
        <v>7594</v>
      </c>
      <c r="U376" s="854"/>
      <c r="V376" s="657" t="s">
        <v>4245</v>
      </c>
      <c r="W376" s="642">
        <f t="shared" si="629"/>
        <v>0</v>
      </c>
      <c r="X376" s="745">
        <f t="shared" si="630"/>
        <v>7594</v>
      </c>
      <c r="Y376" s="745" t="s">
        <v>3106</v>
      </c>
      <c r="Z376" s="745" t="str">
        <f>_xlfn.XLOOKUP(I376, 'CALCS Aecom (July 25 2025)'!F:F, 'CALCS Aecom (July 25 2025)'!W:W)</f>
        <v>Multiple Scenario 2 (Step 6)</v>
      </c>
      <c r="AA376" s="650" t="s">
        <v>65</v>
      </c>
      <c r="AB376" s="516" t="s">
        <v>66</v>
      </c>
      <c r="AC376" s="516" t="s">
        <v>66</v>
      </c>
      <c r="AD376" s="516" t="s">
        <v>66</v>
      </c>
      <c r="AE376" s="516" t="s">
        <v>66</v>
      </c>
      <c r="AF376" s="516" t="s">
        <v>66</v>
      </c>
      <c r="AG376" s="516" t="s">
        <v>66</v>
      </c>
      <c r="AH376" s="516" t="s">
        <v>66</v>
      </c>
      <c r="AI376" s="516" t="s">
        <v>66</v>
      </c>
      <c r="AJ376" s="516" t="s">
        <v>66</v>
      </c>
      <c r="AK376" s="516" t="s">
        <v>66</v>
      </c>
      <c r="AL376" s="516" t="s">
        <v>66</v>
      </c>
      <c r="AM376" s="516" t="s">
        <v>66</v>
      </c>
      <c r="AN376" s="516" t="s">
        <v>66</v>
      </c>
      <c r="AO376" s="516" t="s">
        <v>66</v>
      </c>
      <c r="AP376" s="516" t="s">
        <v>66</v>
      </c>
      <c r="AQ376" s="516" t="s">
        <v>66</v>
      </c>
      <c r="AR376" s="516" t="s">
        <v>66</v>
      </c>
      <c r="AS376" s="892"/>
      <c r="AT376" s="892"/>
      <c r="AU376" s="892"/>
      <c r="AV376" s="661"/>
      <c r="AW376" s="892"/>
      <c r="AX376" s="892"/>
      <c r="AY376" s="892"/>
      <c r="AZ376" s="661"/>
      <c r="BA376" s="892"/>
      <c r="BB376" s="661"/>
      <c r="BC376" s="661"/>
      <c r="BD376" s="892"/>
      <c r="BE376" s="661"/>
      <c r="BF376" s="661"/>
      <c r="BG376" s="746"/>
      <c r="BH376" s="746"/>
      <c r="BI376" s="746"/>
      <c r="BJ376" s="746"/>
      <c r="BK376" s="746"/>
      <c r="BL376" s="746"/>
      <c r="BM376" s="746"/>
      <c r="BN376" s="746"/>
      <c r="BO376" s="516" t="s">
        <v>66</v>
      </c>
      <c r="BP376" s="516" t="s">
        <v>66</v>
      </c>
      <c r="BQ376" s="516" t="s">
        <v>66</v>
      </c>
      <c r="BR376" s="516" t="s">
        <v>66</v>
      </c>
      <c r="BS376" s="884">
        <f t="shared" si="545"/>
        <v>21225</v>
      </c>
      <c r="BT376" s="661">
        <f t="shared" si="631"/>
        <v>0.35778563015312131</v>
      </c>
      <c r="BU376" s="661" t="str">
        <f t="shared" si="632"/>
        <v>GOOD</v>
      </c>
      <c r="BV376" s="898">
        <f t="shared" si="633"/>
        <v>1788.9281507656065</v>
      </c>
      <c r="BW376" s="898">
        <f t="shared" si="634"/>
        <v>71.557126030624261</v>
      </c>
      <c r="BX376" s="898">
        <f t="shared" si="635"/>
        <v>161.0035335689046</v>
      </c>
      <c r="BY376" s="898">
        <f t="shared" si="636"/>
        <v>125.22497055359246</v>
      </c>
      <c r="BZ376" s="898">
        <f t="shared" si="637"/>
        <v>178.89281507656065</v>
      </c>
      <c r="CA376" s="898">
        <f t="shared" si="638"/>
        <v>171.73710247349823</v>
      </c>
      <c r="CB376" s="898">
        <f t="shared" si="639"/>
        <v>35.77856301531213</v>
      </c>
      <c r="CC376" s="898">
        <f t="shared" si="640"/>
        <v>139.53639575971732</v>
      </c>
      <c r="CD376" s="898">
        <f t="shared" si="641"/>
        <v>178.89281507656065</v>
      </c>
      <c r="CE376" s="898">
        <f t="shared" si="642"/>
        <v>178.89281507656065</v>
      </c>
      <c r="CF376" s="898">
        <f t="shared" si="643"/>
        <v>268.33922261484099</v>
      </c>
      <c r="CG376" s="898">
        <f t="shared" si="644"/>
        <v>71.557126030624261</v>
      </c>
      <c r="CH376" s="898">
        <f t="shared" si="645"/>
        <v>83.721837455830382</v>
      </c>
      <c r="CI376" s="898">
        <f t="shared" si="646"/>
        <v>125.22497055359246</v>
      </c>
      <c r="CJ376" s="898">
        <f t="shared" si="647"/>
        <v>32.200706713780917</v>
      </c>
      <c r="CK376" s="898">
        <f t="shared" si="648"/>
        <v>28.622850412249704</v>
      </c>
      <c r="CL376" s="898">
        <f t="shared" si="649"/>
        <v>851.52979976442873</v>
      </c>
      <c r="CM376" s="898" t="str">
        <f t="shared" si="650"/>
        <v/>
      </c>
      <c r="CN376" s="898" t="str">
        <f t="shared" si="651"/>
        <v/>
      </c>
      <c r="CO376" s="898" t="str">
        <f t="shared" si="652"/>
        <v/>
      </c>
      <c r="CP376" s="898" t="str">
        <f t="shared" si="653"/>
        <v/>
      </c>
      <c r="CQ376" s="898" t="str">
        <f t="shared" si="654"/>
        <v/>
      </c>
      <c r="CR376" s="898" t="str">
        <f t="shared" si="655"/>
        <v/>
      </c>
      <c r="CS376" s="898" t="str">
        <f t="shared" si="656"/>
        <v/>
      </c>
      <c r="CT376" s="898" t="str">
        <f t="shared" si="657"/>
        <v/>
      </c>
      <c r="CU376" s="898" t="str">
        <f t="shared" si="658"/>
        <v/>
      </c>
      <c r="CV376" s="898" t="str">
        <f t="shared" si="659"/>
        <v/>
      </c>
      <c r="CW376" s="898" t="str">
        <f t="shared" si="660"/>
        <v/>
      </c>
      <c r="CX376" s="898" t="str">
        <f t="shared" si="661"/>
        <v/>
      </c>
      <c r="CY376" s="898" t="str">
        <f t="shared" si="662"/>
        <v/>
      </c>
      <c r="CZ376" s="898" t="str">
        <f t="shared" si="663"/>
        <v/>
      </c>
      <c r="DA376" s="898" t="str">
        <f t="shared" si="664"/>
        <v/>
      </c>
      <c r="DB376" s="898" t="str">
        <f t="shared" si="665"/>
        <v/>
      </c>
      <c r="DC376" s="898" t="str">
        <f t="shared" si="666"/>
        <v/>
      </c>
      <c r="DD376" s="898" t="str">
        <f t="shared" si="667"/>
        <v/>
      </c>
      <c r="DE376" s="898" t="str">
        <f t="shared" si="668"/>
        <v/>
      </c>
      <c r="DF376" s="898" t="str">
        <f t="shared" si="669"/>
        <v/>
      </c>
      <c r="DG376" s="898" t="str">
        <f t="shared" si="670"/>
        <v/>
      </c>
      <c r="DH376" s="898" t="str">
        <f t="shared" si="671"/>
        <v/>
      </c>
      <c r="DI376" s="898">
        <f t="shared" si="672"/>
        <v>536.67844522968198</v>
      </c>
      <c r="DJ376" s="898">
        <f t="shared" si="673"/>
        <v>572.45700824499409</v>
      </c>
      <c r="DK376" s="898">
        <f t="shared" si="674"/>
        <v>858.68551236749113</v>
      </c>
      <c r="DL376" s="898">
        <f t="shared" si="675"/>
        <v>1134.5382332155477</v>
      </c>
      <c r="DM376" s="661">
        <f t="shared" si="546"/>
        <v>4491.6408009422848</v>
      </c>
      <c r="DN376" s="898">
        <f t="shared" si="547"/>
        <v>3102.3591990577152</v>
      </c>
      <c r="DO376" s="516">
        <f t="shared" si="548"/>
        <v>0</v>
      </c>
      <c r="DP376" s="898">
        <f t="shared" si="549"/>
        <v>0</v>
      </c>
      <c r="DQ376" s="860" t="s">
        <v>4246</v>
      </c>
      <c r="DR376" s="610" t="s">
        <v>4247</v>
      </c>
      <c r="DS376" s="1221" t="s">
        <v>4248</v>
      </c>
      <c r="DT376" s="632"/>
    </row>
    <row r="377" spans="1:124" ht="57" x14ac:dyDescent="0.2">
      <c r="A377" s="484" t="str">
        <f t="shared" si="544"/>
        <v>Peascroft Road/Northend cycle stands</v>
      </c>
      <c r="B377" s="1163">
        <v>374</v>
      </c>
      <c r="C377" s="1156" t="s">
        <v>4462</v>
      </c>
      <c r="D377" s="481" t="s">
        <v>2481</v>
      </c>
      <c r="E377" s="481" t="s">
        <v>53</v>
      </c>
      <c r="F377" s="481" t="s">
        <v>655</v>
      </c>
      <c r="G377" s="775" t="s">
        <v>932</v>
      </c>
      <c r="H377" s="673" t="s">
        <v>1083</v>
      </c>
      <c r="I377" s="775" t="str">
        <f t="shared" si="607"/>
        <v>SG9-6</v>
      </c>
      <c r="J377" s="673" t="s">
        <v>1084</v>
      </c>
      <c r="K377" s="664" t="s">
        <v>3104</v>
      </c>
      <c r="L377" s="852" t="s">
        <v>3167</v>
      </c>
      <c r="M377" s="515" t="s">
        <v>4244</v>
      </c>
      <c r="N377" s="665" t="s">
        <v>81</v>
      </c>
      <c r="O377" s="654" t="s">
        <v>3051</v>
      </c>
      <c r="P377" s="657" t="s">
        <v>61</v>
      </c>
      <c r="Q377" s="852" t="s">
        <v>71</v>
      </c>
      <c r="R377" s="657"/>
      <c r="S377" s="657"/>
      <c r="T377" s="853">
        <v>797</v>
      </c>
      <c r="U377" s="854"/>
      <c r="V377" s="657" t="s">
        <v>4245</v>
      </c>
      <c r="W377" s="642">
        <f t="shared" si="629"/>
        <v>0</v>
      </c>
      <c r="X377" s="745">
        <f t="shared" si="630"/>
        <v>797</v>
      </c>
      <c r="Y377" s="745" t="s">
        <v>3106</v>
      </c>
      <c r="Z377" s="745" t="str">
        <f>_xlfn.XLOOKUP(I377, 'CALCS Aecom (July 25 2025)'!F:F, 'CALCS Aecom (July 25 2025)'!W:W)</f>
        <v>Multiple Scenario 2 (Step 6)</v>
      </c>
      <c r="AA377" s="650" t="s">
        <v>65</v>
      </c>
      <c r="AB377" s="516" t="s">
        <v>66</v>
      </c>
      <c r="AC377" s="516" t="s">
        <v>66</v>
      </c>
      <c r="AD377" s="516" t="s">
        <v>66</v>
      </c>
      <c r="AE377" s="516" t="s">
        <v>66</v>
      </c>
      <c r="AF377" s="516" t="s">
        <v>66</v>
      </c>
      <c r="AG377" s="516" t="s">
        <v>66</v>
      </c>
      <c r="AH377" s="516" t="s">
        <v>66</v>
      </c>
      <c r="AI377" s="516" t="s">
        <v>66</v>
      </c>
      <c r="AJ377" s="516" t="s">
        <v>66</v>
      </c>
      <c r="AK377" s="516" t="s">
        <v>66</v>
      </c>
      <c r="AL377" s="516" t="s">
        <v>66</v>
      </c>
      <c r="AM377" s="516" t="s">
        <v>66</v>
      </c>
      <c r="AN377" s="516" t="s">
        <v>66</v>
      </c>
      <c r="AO377" s="516" t="s">
        <v>66</v>
      </c>
      <c r="AP377" s="516" t="s">
        <v>66</v>
      </c>
      <c r="AQ377" s="516" t="s">
        <v>66</v>
      </c>
      <c r="AR377" s="516" t="s">
        <v>66</v>
      </c>
      <c r="AS377" s="892"/>
      <c r="AT377" s="892"/>
      <c r="AU377" s="892"/>
      <c r="AV377" s="661"/>
      <c r="AW377" s="892"/>
      <c r="AX377" s="892"/>
      <c r="AY377" s="892"/>
      <c r="AZ377" s="661"/>
      <c r="BA377" s="892"/>
      <c r="BB377" s="661"/>
      <c r="BC377" s="661"/>
      <c r="BD377" s="892"/>
      <c r="BE377" s="661"/>
      <c r="BF377" s="661"/>
      <c r="BG377" s="746"/>
      <c r="BH377" s="746"/>
      <c r="BI377" s="746"/>
      <c r="BJ377" s="746"/>
      <c r="BK377" s="746"/>
      <c r="BL377" s="746"/>
      <c r="BM377" s="746"/>
      <c r="BN377" s="746"/>
      <c r="BO377" s="516" t="s">
        <v>66</v>
      </c>
      <c r="BP377" s="516" t="s">
        <v>66</v>
      </c>
      <c r="BQ377" s="516" t="s">
        <v>66</v>
      </c>
      <c r="BR377" s="516" t="s">
        <v>66</v>
      </c>
      <c r="BS377" s="884">
        <f t="shared" si="545"/>
        <v>21225</v>
      </c>
      <c r="BT377" s="661">
        <f t="shared" si="631"/>
        <v>3.7550058892815076E-2</v>
      </c>
      <c r="BU377" s="661" t="str">
        <f t="shared" si="632"/>
        <v>GOOD</v>
      </c>
      <c r="BV377" s="898">
        <f t="shared" si="633"/>
        <v>187.75029446407538</v>
      </c>
      <c r="BW377" s="898">
        <f t="shared" si="634"/>
        <v>7.5100117785630154</v>
      </c>
      <c r="BX377" s="898">
        <f t="shared" si="635"/>
        <v>16.897526501766784</v>
      </c>
      <c r="BY377" s="898">
        <f t="shared" si="636"/>
        <v>13.142520612485276</v>
      </c>
      <c r="BZ377" s="898">
        <f t="shared" si="637"/>
        <v>18.775029446407537</v>
      </c>
      <c r="CA377" s="898">
        <f t="shared" si="638"/>
        <v>18.024028268551238</v>
      </c>
      <c r="CB377" s="898">
        <f t="shared" si="639"/>
        <v>3.7550058892815077</v>
      </c>
      <c r="CC377" s="898">
        <f t="shared" si="640"/>
        <v>14.644522968197879</v>
      </c>
      <c r="CD377" s="898">
        <f t="shared" si="641"/>
        <v>18.775029446407537</v>
      </c>
      <c r="CE377" s="898">
        <f t="shared" si="642"/>
        <v>18.775029446407537</v>
      </c>
      <c r="CF377" s="898">
        <f t="shared" si="643"/>
        <v>28.162544169611309</v>
      </c>
      <c r="CG377" s="898">
        <f t="shared" si="644"/>
        <v>7.5100117785630154</v>
      </c>
      <c r="CH377" s="898">
        <f t="shared" si="645"/>
        <v>8.7867137809187277</v>
      </c>
      <c r="CI377" s="898">
        <f t="shared" si="646"/>
        <v>13.142520612485276</v>
      </c>
      <c r="CJ377" s="898">
        <f t="shared" si="647"/>
        <v>3.3795053003533568</v>
      </c>
      <c r="CK377" s="898">
        <f t="shared" si="648"/>
        <v>3.004004711425206</v>
      </c>
      <c r="CL377" s="898">
        <f t="shared" si="649"/>
        <v>89.369140164899875</v>
      </c>
      <c r="CM377" s="898" t="str">
        <f t="shared" si="650"/>
        <v/>
      </c>
      <c r="CN377" s="898" t="str">
        <f t="shared" si="651"/>
        <v/>
      </c>
      <c r="CO377" s="898" t="str">
        <f t="shared" si="652"/>
        <v/>
      </c>
      <c r="CP377" s="898" t="str">
        <f t="shared" si="653"/>
        <v/>
      </c>
      <c r="CQ377" s="898" t="str">
        <f t="shared" si="654"/>
        <v/>
      </c>
      <c r="CR377" s="898" t="str">
        <f t="shared" si="655"/>
        <v/>
      </c>
      <c r="CS377" s="898" t="str">
        <f t="shared" si="656"/>
        <v/>
      </c>
      <c r="CT377" s="898" t="str">
        <f t="shared" si="657"/>
        <v/>
      </c>
      <c r="CU377" s="898" t="str">
        <f t="shared" si="658"/>
        <v/>
      </c>
      <c r="CV377" s="898" t="str">
        <f t="shared" si="659"/>
        <v/>
      </c>
      <c r="CW377" s="898" t="str">
        <f t="shared" si="660"/>
        <v/>
      </c>
      <c r="CX377" s="898" t="str">
        <f t="shared" si="661"/>
        <v/>
      </c>
      <c r="CY377" s="898" t="str">
        <f t="shared" si="662"/>
        <v/>
      </c>
      <c r="CZ377" s="898" t="str">
        <f t="shared" si="663"/>
        <v/>
      </c>
      <c r="DA377" s="898" t="str">
        <f t="shared" si="664"/>
        <v/>
      </c>
      <c r="DB377" s="898" t="str">
        <f t="shared" si="665"/>
        <v/>
      </c>
      <c r="DC377" s="898" t="str">
        <f t="shared" si="666"/>
        <v/>
      </c>
      <c r="DD377" s="898" t="str">
        <f t="shared" si="667"/>
        <v/>
      </c>
      <c r="DE377" s="898" t="str">
        <f t="shared" si="668"/>
        <v/>
      </c>
      <c r="DF377" s="898" t="str">
        <f t="shared" si="669"/>
        <v/>
      </c>
      <c r="DG377" s="898" t="str">
        <f t="shared" si="670"/>
        <v/>
      </c>
      <c r="DH377" s="898" t="str">
        <f t="shared" si="671"/>
        <v/>
      </c>
      <c r="DI377" s="898">
        <f t="shared" si="672"/>
        <v>56.325088339222617</v>
      </c>
      <c r="DJ377" s="898">
        <f t="shared" si="673"/>
        <v>60.080094228504123</v>
      </c>
      <c r="DK377" s="898">
        <f t="shared" si="674"/>
        <v>90.120141342756185</v>
      </c>
      <c r="DL377" s="898">
        <f t="shared" si="675"/>
        <v>119.07123674911661</v>
      </c>
      <c r="DM377" s="661">
        <f t="shared" si="546"/>
        <v>471.40343934040033</v>
      </c>
      <c r="DN377" s="898">
        <f t="shared" si="547"/>
        <v>325.59656065959956</v>
      </c>
      <c r="DO377" s="516">
        <f t="shared" si="548"/>
        <v>0</v>
      </c>
      <c r="DP377" s="898">
        <f t="shared" si="549"/>
        <v>0</v>
      </c>
      <c r="DQ377" s="860" t="s">
        <v>4246</v>
      </c>
      <c r="DR377" s="610" t="s">
        <v>4247</v>
      </c>
      <c r="DS377" s="1221" t="s">
        <v>4248</v>
      </c>
      <c r="DT377" s="632"/>
    </row>
    <row r="378" spans="1:124" ht="57" x14ac:dyDescent="0.2">
      <c r="A378" s="484" t="str">
        <f t="shared" si="544"/>
        <v>Malmes Croft off-carriageway cycle route</v>
      </c>
      <c r="B378" s="1163">
        <v>375</v>
      </c>
      <c r="C378" s="1156" t="s">
        <v>4463</v>
      </c>
      <c r="D378" s="481" t="s">
        <v>2481</v>
      </c>
      <c r="E378" s="481" t="s">
        <v>53</v>
      </c>
      <c r="F378" s="481" t="s">
        <v>655</v>
      </c>
      <c r="G378" s="775" t="s">
        <v>932</v>
      </c>
      <c r="H378" s="673" t="s">
        <v>1085</v>
      </c>
      <c r="I378" s="775" t="str">
        <f t="shared" si="607"/>
        <v>SG9-7</v>
      </c>
      <c r="J378" s="673" t="s">
        <v>1086</v>
      </c>
      <c r="K378" s="664" t="s">
        <v>3104</v>
      </c>
      <c r="L378" s="852" t="s">
        <v>3167</v>
      </c>
      <c r="M378" s="515" t="s">
        <v>4244</v>
      </c>
      <c r="N378" s="775" t="s">
        <v>81</v>
      </c>
      <c r="O378" s="654" t="s">
        <v>3051</v>
      </c>
      <c r="P378" s="657" t="s">
        <v>61</v>
      </c>
      <c r="Q378" s="852" t="s">
        <v>71</v>
      </c>
      <c r="R378" s="657"/>
      <c r="S378" s="657"/>
      <c r="T378" s="853">
        <v>113907</v>
      </c>
      <c r="U378" s="854"/>
      <c r="V378" s="657" t="s">
        <v>4245</v>
      </c>
      <c r="W378" s="642">
        <f t="shared" si="629"/>
        <v>0</v>
      </c>
      <c r="X378" s="745">
        <f t="shared" si="630"/>
        <v>113907</v>
      </c>
      <c r="Y378" s="745" t="s">
        <v>3106</v>
      </c>
      <c r="Z378" s="745" t="str">
        <f>_xlfn.XLOOKUP(I378, 'CALCS Aecom (July 25 2025)'!F:F, 'CALCS Aecom (July 25 2025)'!W:W)</f>
        <v>Multiple Scenario 2 (Step 6)</v>
      </c>
      <c r="AA378" s="650" t="s">
        <v>65</v>
      </c>
      <c r="AB378" s="516" t="s">
        <v>66</v>
      </c>
      <c r="AC378" s="516" t="s">
        <v>66</v>
      </c>
      <c r="AD378" s="516" t="s">
        <v>66</v>
      </c>
      <c r="AE378" s="516" t="s">
        <v>66</v>
      </c>
      <c r="AF378" s="516" t="s">
        <v>66</v>
      </c>
      <c r="AG378" s="516" t="s">
        <v>66</v>
      </c>
      <c r="AH378" s="516" t="s">
        <v>66</v>
      </c>
      <c r="AI378" s="516" t="s">
        <v>66</v>
      </c>
      <c r="AJ378" s="516" t="s">
        <v>66</v>
      </c>
      <c r="AK378" s="516" t="s">
        <v>66</v>
      </c>
      <c r="AL378" s="516" t="s">
        <v>66</v>
      </c>
      <c r="AM378" s="516" t="s">
        <v>66</v>
      </c>
      <c r="AN378" s="516" t="s">
        <v>66</v>
      </c>
      <c r="AO378" s="516" t="s">
        <v>66</v>
      </c>
      <c r="AP378" s="516" t="s">
        <v>66</v>
      </c>
      <c r="AQ378" s="516" t="s">
        <v>66</v>
      </c>
      <c r="AR378" s="516" t="s">
        <v>66</v>
      </c>
      <c r="AS378" s="892"/>
      <c r="AT378" s="892"/>
      <c r="AU378" s="892"/>
      <c r="AV378" s="661"/>
      <c r="AW378" s="892"/>
      <c r="AX378" s="892"/>
      <c r="AY378" s="892"/>
      <c r="AZ378" s="661"/>
      <c r="BA378" s="892"/>
      <c r="BB378" s="661"/>
      <c r="BC378" s="661"/>
      <c r="BD378" s="892"/>
      <c r="BE378" s="661"/>
      <c r="BF378" s="661"/>
      <c r="BG378" s="746"/>
      <c r="BH378" s="746"/>
      <c r="BI378" s="746"/>
      <c r="BJ378" s="746"/>
      <c r="BK378" s="746"/>
      <c r="BL378" s="746"/>
      <c r="BM378" s="746"/>
      <c r="BN378" s="746"/>
      <c r="BO378" s="516" t="s">
        <v>66</v>
      </c>
      <c r="BP378" s="516" t="s">
        <v>66</v>
      </c>
      <c r="BQ378" s="516" t="s">
        <v>66</v>
      </c>
      <c r="BR378" s="516" t="s">
        <v>66</v>
      </c>
      <c r="BS378" s="884">
        <f t="shared" si="545"/>
        <v>21225</v>
      </c>
      <c r="BT378" s="661">
        <f t="shared" si="631"/>
        <v>5.3666431095406359</v>
      </c>
      <c r="BU378" s="661" t="str">
        <f t="shared" si="632"/>
        <v>GOOD</v>
      </c>
      <c r="BV378" s="898">
        <f t="shared" si="633"/>
        <v>26833.215547703181</v>
      </c>
      <c r="BW378" s="898">
        <f t="shared" si="634"/>
        <v>1073.3286219081272</v>
      </c>
      <c r="BX378" s="898">
        <f t="shared" si="635"/>
        <v>2414.9893992932862</v>
      </c>
      <c r="BY378" s="898">
        <f t="shared" si="636"/>
        <v>1878.3250883392225</v>
      </c>
      <c r="BZ378" s="898">
        <f t="shared" si="637"/>
        <v>2683.321554770318</v>
      </c>
      <c r="CA378" s="898">
        <f t="shared" si="638"/>
        <v>2575.9886925795054</v>
      </c>
      <c r="CB378" s="898">
        <f t="shared" si="639"/>
        <v>536.66431095406358</v>
      </c>
      <c r="CC378" s="898">
        <f t="shared" si="640"/>
        <v>2092.9908127208482</v>
      </c>
      <c r="CD378" s="898">
        <f t="shared" si="641"/>
        <v>2683.321554770318</v>
      </c>
      <c r="CE378" s="898">
        <f t="shared" si="642"/>
        <v>2683.321554770318</v>
      </c>
      <c r="CF378" s="898">
        <f t="shared" si="643"/>
        <v>4024.9823321554768</v>
      </c>
      <c r="CG378" s="898">
        <f t="shared" si="644"/>
        <v>1073.3286219081272</v>
      </c>
      <c r="CH378" s="898">
        <f t="shared" si="645"/>
        <v>1255.7944876325089</v>
      </c>
      <c r="CI378" s="898">
        <f t="shared" si="646"/>
        <v>1878.3250883392225</v>
      </c>
      <c r="CJ378" s="898">
        <f t="shared" si="647"/>
        <v>482.99787985865726</v>
      </c>
      <c r="CK378" s="898">
        <f t="shared" si="648"/>
        <v>429.33144876325088</v>
      </c>
      <c r="CL378" s="898">
        <f t="shared" si="649"/>
        <v>12772.610600706714</v>
      </c>
      <c r="CM378" s="898" t="str">
        <f t="shared" si="650"/>
        <v/>
      </c>
      <c r="CN378" s="898" t="str">
        <f t="shared" si="651"/>
        <v/>
      </c>
      <c r="CO378" s="898" t="str">
        <f t="shared" si="652"/>
        <v/>
      </c>
      <c r="CP378" s="898" t="str">
        <f t="shared" si="653"/>
        <v/>
      </c>
      <c r="CQ378" s="898" t="str">
        <f t="shared" si="654"/>
        <v/>
      </c>
      <c r="CR378" s="898" t="str">
        <f t="shared" si="655"/>
        <v/>
      </c>
      <c r="CS378" s="898" t="str">
        <f t="shared" si="656"/>
        <v/>
      </c>
      <c r="CT378" s="898" t="str">
        <f t="shared" si="657"/>
        <v/>
      </c>
      <c r="CU378" s="898" t="str">
        <f t="shared" si="658"/>
        <v/>
      </c>
      <c r="CV378" s="898" t="str">
        <f t="shared" si="659"/>
        <v/>
      </c>
      <c r="CW378" s="898" t="str">
        <f t="shared" si="660"/>
        <v/>
      </c>
      <c r="CX378" s="898" t="str">
        <f t="shared" si="661"/>
        <v/>
      </c>
      <c r="CY378" s="898" t="str">
        <f t="shared" si="662"/>
        <v/>
      </c>
      <c r="CZ378" s="898" t="str">
        <f t="shared" si="663"/>
        <v/>
      </c>
      <c r="DA378" s="898" t="str">
        <f t="shared" si="664"/>
        <v/>
      </c>
      <c r="DB378" s="898" t="str">
        <f t="shared" si="665"/>
        <v/>
      </c>
      <c r="DC378" s="898" t="str">
        <f t="shared" si="666"/>
        <v/>
      </c>
      <c r="DD378" s="898" t="str">
        <f t="shared" si="667"/>
        <v/>
      </c>
      <c r="DE378" s="898" t="str">
        <f t="shared" si="668"/>
        <v/>
      </c>
      <c r="DF378" s="898" t="str">
        <f t="shared" si="669"/>
        <v/>
      </c>
      <c r="DG378" s="898" t="str">
        <f t="shared" si="670"/>
        <v/>
      </c>
      <c r="DH378" s="898" t="str">
        <f t="shared" si="671"/>
        <v/>
      </c>
      <c r="DI378" s="898">
        <f t="shared" si="672"/>
        <v>8049.9646643109536</v>
      </c>
      <c r="DJ378" s="898">
        <f t="shared" si="673"/>
        <v>8586.6289752650173</v>
      </c>
      <c r="DK378" s="898">
        <f t="shared" si="674"/>
        <v>12879.943462897527</v>
      </c>
      <c r="DL378" s="898">
        <f t="shared" si="675"/>
        <v>17017.625300353357</v>
      </c>
      <c r="DM378" s="661">
        <f t="shared" si="546"/>
        <v>67372.837597173144</v>
      </c>
      <c r="DN378" s="898">
        <f t="shared" si="547"/>
        <v>46534.162402826856</v>
      </c>
      <c r="DO378" s="516">
        <f t="shared" si="548"/>
        <v>0</v>
      </c>
      <c r="DP378" s="898">
        <f t="shared" si="549"/>
        <v>0</v>
      </c>
      <c r="DQ378" s="860" t="s">
        <v>4246</v>
      </c>
      <c r="DR378" s="610" t="s">
        <v>4247</v>
      </c>
      <c r="DS378" s="1221" t="s">
        <v>4248</v>
      </c>
      <c r="DT378" s="632"/>
    </row>
    <row r="379" spans="1:124" ht="99.75" x14ac:dyDescent="0.2">
      <c r="A379" s="484" t="str">
        <f t="shared" si="544"/>
        <v>Leverstock Green Way Village Centre to A414 Cycle Route</v>
      </c>
      <c r="B379" s="1163">
        <v>376</v>
      </c>
      <c r="C379" s="1156" t="s">
        <v>4464</v>
      </c>
      <c r="D379" s="481" t="s">
        <v>2481</v>
      </c>
      <c r="E379" s="481" t="s">
        <v>53</v>
      </c>
      <c r="F379" s="481" t="s">
        <v>655</v>
      </c>
      <c r="G379" s="775" t="s">
        <v>932</v>
      </c>
      <c r="H379" s="673" t="s">
        <v>1094</v>
      </c>
      <c r="I379" s="775" t="str">
        <f t="shared" si="607"/>
        <v>SG10-1</v>
      </c>
      <c r="J379" s="673" t="s">
        <v>1095</v>
      </c>
      <c r="K379" s="664" t="s">
        <v>3104</v>
      </c>
      <c r="L379" s="852" t="s">
        <v>3167</v>
      </c>
      <c r="M379" s="515" t="s">
        <v>4244</v>
      </c>
      <c r="N379" s="665" t="s">
        <v>81</v>
      </c>
      <c r="O379" s="664" t="s">
        <v>3051</v>
      </c>
      <c r="P379" s="657" t="s">
        <v>61</v>
      </c>
      <c r="Q379" s="852" t="s">
        <v>71</v>
      </c>
      <c r="R379" s="657"/>
      <c r="S379" s="657"/>
      <c r="T379" s="853">
        <v>956768</v>
      </c>
      <c r="U379" s="854"/>
      <c r="V379" s="657" t="s">
        <v>4245</v>
      </c>
      <c r="W379" s="642">
        <f t="shared" si="629"/>
        <v>0</v>
      </c>
      <c r="X379" s="745">
        <f t="shared" si="630"/>
        <v>956768</v>
      </c>
      <c r="Y379" s="745" t="s">
        <v>3106</v>
      </c>
      <c r="Z379" s="745" t="str">
        <f>_xlfn.XLOOKUP(I379, 'CALCS Aecom (July 25 2025)'!F:F, 'CALCS Aecom (July 25 2025)'!W:W)</f>
        <v>Multiple Scenario 2 (Step 6)</v>
      </c>
      <c r="AA379" s="650" t="s">
        <v>65</v>
      </c>
      <c r="AB379" s="516" t="s">
        <v>66</v>
      </c>
      <c r="AC379" s="516" t="s">
        <v>66</v>
      </c>
      <c r="AD379" s="516" t="s">
        <v>66</v>
      </c>
      <c r="AE379" s="516" t="s">
        <v>66</v>
      </c>
      <c r="AF379" s="516" t="s">
        <v>66</v>
      </c>
      <c r="AG379" s="516" t="s">
        <v>66</v>
      </c>
      <c r="AH379" s="516" t="s">
        <v>66</v>
      </c>
      <c r="AI379" s="516" t="s">
        <v>66</v>
      </c>
      <c r="AJ379" s="516" t="s">
        <v>66</v>
      </c>
      <c r="AK379" s="516" t="s">
        <v>66</v>
      </c>
      <c r="AL379" s="516" t="s">
        <v>66</v>
      </c>
      <c r="AM379" s="516" t="s">
        <v>66</v>
      </c>
      <c r="AN379" s="516" t="s">
        <v>66</v>
      </c>
      <c r="AO379" s="516" t="s">
        <v>66</v>
      </c>
      <c r="AP379" s="516" t="s">
        <v>66</v>
      </c>
      <c r="AQ379" s="516" t="s">
        <v>66</v>
      </c>
      <c r="AR379" s="516" t="s">
        <v>66</v>
      </c>
      <c r="AS379" s="892"/>
      <c r="AT379" s="892"/>
      <c r="AU379" s="892"/>
      <c r="AV379" s="661"/>
      <c r="AW379" s="892"/>
      <c r="AX379" s="892"/>
      <c r="AY379" s="892"/>
      <c r="AZ379" s="661"/>
      <c r="BA379" s="892"/>
      <c r="BB379" s="661"/>
      <c r="BC379" s="661"/>
      <c r="BD379" s="892"/>
      <c r="BE379" s="661"/>
      <c r="BF379" s="661"/>
      <c r="BG379" s="746"/>
      <c r="BH379" s="746"/>
      <c r="BI379" s="746"/>
      <c r="BJ379" s="746"/>
      <c r="BK379" s="746"/>
      <c r="BL379" s="746"/>
      <c r="BM379" s="746"/>
      <c r="BN379" s="746"/>
      <c r="BO379" s="516" t="s">
        <v>66</v>
      </c>
      <c r="BP379" s="516" t="s">
        <v>66</v>
      </c>
      <c r="BQ379" s="516" t="s">
        <v>66</v>
      </c>
      <c r="BR379" s="516" t="s">
        <v>66</v>
      </c>
      <c r="BS379" s="884">
        <f t="shared" si="545"/>
        <v>21225</v>
      </c>
      <c r="BT379" s="661">
        <f t="shared" si="631"/>
        <v>45.077408716136631</v>
      </c>
      <c r="BU379" s="661" t="str">
        <f t="shared" si="632"/>
        <v>GOOD</v>
      </c>
      <c r="BV379" s="898">
        <f t="shared" si="633"/>
        <v>225387.04358068315</v>
      </c>
      <c r="BW379" s="898">
        <f t="shared" si="634"/>
        <v>9015.4817432273267</v>
      </c>
      <c r="BX379" s="898">
        <f t="shared" si="635"/>
        <v>20284.833922261485</v>
      </c>
      <c r="BY379" s="898">
        <f t="shared" si="636"/>
        <v>15777.093050647822</v>
      </c>
      <c r="BZ379" s="898">
        <f t="shared" si="637"/>
        <v>22538.704358068317</v>
      </c>
      <c r="CA379" s="898">
        <f t="shared" si="638"/>
        <v>21637.156183745581</v>
      </c>
      <c r="CB379" s="898">
        <f t="shared" si="639"/>
        <v>4507.7408716136633</v>
      </c>
      <c r="CC379" s="898">
        <f t="shared" si="640"/>
        <v>17580.189399293286</v>
      </c>
      <c r="CD379" s="898">
        <f t="shared" si="641"/>
        <v>22538.704358068317</v>
      </c>
      <c r="CE379" s="898">
        <f t="shared" si="642"/>
        <v>22538.704358068317</v>
      </c>
      <c r="CF379" s="898">
        <f t="shared" si="643"/>
        <v>33808.056537102471</v>
      </c>
      <c r="CG379" s="898">
        <f t="shared" si="644"/>
        <v>9015.4817432273267</v>
      </c>
      <c r="CH379" s="898">
        <f t="shared" si="645"/>
        <v>10548.113639575971</v>
      </c>
      <c r="CI379" s="898">
        <f t="shared" si="646"/>
        <v>15777.093050647822</v>
      </c>
      <c r="CJ379" s="898">
        <f t="shared" si="647"/>
        <v>4056.9667844522969</v>
      </c>
      <c r="CK379" s="898">
        <f t="shared" si="648"/>
        <v>3606.1926972909305</v>
      </c>
      <c r="CL379" s="898">
        <f t="shared" si="649"/>
        <v>107284.23274440518</v>
      </c>
      <c r="CM379" s="898" t="str">
        <f t="shared" si="650"/>
        <v/>
      </c>
      <c r="CN379" s="898" t="str">
        <f t="shared" si="651"/>
        <v/>
      </c>
      <c r="CO379" s="898" t="str">
        <f t="shared" si="652"/>
        <v/>
      </c>
      <c r="CP379" s="898" t="str">
        <f t="shared" si="653"/>
        <v/>
      </c>
      <c r="CQ379" s="898" t="str">
        <f t="shared" si="654"/>
        <v/>
      </c>
      <c r="CR379" s="898" t="str">
        <f t="shared" si="655"/>
        <v/>
      </c>
      <c r="CS379" s="898" t="str">
        <f t="shared" si="656"/>
        <v/>
      </c>
      <c r="CT379" s="898" t="str">
        <f t="shared" si="657"/>
        <v/>
      </c>
      <c r="CU379" s="898" t="str">
        <f t="shared" si="658"/>
        <v/>
      </c>
      <c r="CV379" s="898" t="str">
        <f t="shared" si="659"/>
        <v/>
      </c>
      <c r="CW379" s="898" t="str">
        <f t="shared" si="660"/>
        <v/>
      </c>
      <c r="CX379" s="898" t="str">
        <f t="shared" si="661"/>
        <v/>
      </c>
      <c r="CY379" s="898" t="str">
        <f t="shared" si="662"/>
        <v/>
      </c>
      <c r="CZ379" s="898" t="str">
        <f t="shared" si="663"/>
        <v/>
      </c>
      <c r="DA379" s="898" t="str">
        <f t="shared" si="664"/>
        <v/>
      </c>
      <c r="DB379" s="898" t="str">
        <f t="shared" si="665"/>
        <v/>
      </c>
      <c r="DC379" s="898" t="str">
        <f t="shared" si="666"/>
        <v/>
      </c>
      <c r="DD379" s="898" t="str">
        <f t="shared" si="667"/>
        <v/>
      </c>
      <c r="DE379" s="898" t="str">
        <f t="shared" si="668"/>
        <v/>
      </c>
      <c r="DF379" s="898" t="str">
        <f t="shared" si="669"/>
        <v/>
      </c>
      <c r="DG379" s="898" t="str">
        <f t="shared" si="670"/>
        <v/>
      </c>
      <c r="DH379" s="898" t="str">
        <f t="shared" si="671"/>
        <v/>
      </c>
      <c r="DI379" s="898">
        <f t="shared" si="672"/>
        <v>67616.113074204943</v>
      </c>
      <c r="DJ379" s="898">
        <f t="shared" si="673"/>
        <v>72123.853945818613</v>
      </c>
      <c r="DK379" s="898">
        <f t="shared" si="674"/>
        <v>108185.78091872792</v>
      </c>
      <c r="DL379" s="898">
        <f t="shared" si="675"/>
        <v>142940.46303886926</v>
      </c>
      <c r="DM379" s="661">
        <f t="shared" si="546"/>
        <v>565901.78902237921</v>
      </c>
      <c r="DN379" s="898">
        <f t="shared" si="547"/>
        <v>390866.21097762074</v>
      </c>
      <c r="DO379" s="516">
        <f t="shared" si="548"/>
        <v>0</v>
      </c>
      <c r="DP379" s="898">
        <f t="shared" si="549"/>
        <v>0</v>
      </c>
      <c r="DQ379" s="860" t="s">
        <v>4246</v>
      </c>
      <c r="DR379" s="610" t="s">
        <v>4247</v>
      </c>
      <c r="DS379" s="1221" t="s">
        <v>4248</v>
      </c>
      <c r="DT379" s="632"/>
    </row>
    <row r="380" spans="1:124" ht="71.25" x14ac:dyDescent="0.2">
      <c r="A380" s="484" t="str">
        <f t="shared" si="544"/>
        <v>New controlled crossing between St Davids Close and Greenacres</v>
      </c>
      <c r="B380" s="1163">
        <v>377</v>
      </c>
      <c r="C380" s="1156" t="s">
        <v>4465</v>
      </c>
      <c r="D380" s="481" t="s">
        <v>2481</v>
      </c>
      <c r="E380" s="481" t="s">
        <v>53</v>
      </c>
      <c r="F380" s="481" t="s">
        <v>655</v>
      </c>
      <c r="G380" s="775" t="s">
        <v>932</v>
      </c>
      <c r="H380" s="673" t="s">
        <v>4466</v>
      </c>
      <c r="I380" s="775" t="str">
        <f t="shared" si="607"/>
        <v>SG10-2</v>
      </c>
      <c r="J380" s="673" t="s">
        <v>4467</v>
      </c>
      <c r="K380" s="664" t="s">
        <v>3104</v>
      </c>
      <c r="L380" s="852" t="s">
        <v>3167</v>
      </c>
      <c r="M380" s="515" t="s">
        <v>4244</v>
      </c>
      <c r="N380" s="775" t="s">
        <v>81</v>
      </c>
      <c r="O380" s="654" t="s">
        <v>3051</v>
      </c>
      <c r="P380" s="657" t="s">
        <v>61</v>
      </c>
      <c r="Q380" s="852" t="s">
        <v>122</v>
      </c>
      <c r="R380" s="657"/>
      <c r="S380" s="657"/>
      <c r="T380" s="853">
        <v>182833</v>
      </c>
      <c r="U380" s="854"/>
      <c r="V380" s="657" t="s">
        <v>4245</v>
      </c>
      <c r="W380" s="642">
        <f t="shared" si="629"/>
        <v>0</v>
      </c>
      <c r="X380" s="745">
        <f t="shared" si="630"/>
        <v>182833</v>
      </c>
      <c r="Y380" s="745" t="s">
        <v>3106</v>
      </c>
      <c r="Z380" s="745" t="str">
        <f>_xlfn.XLOOKUP(I380, 'CALCS Aecom (July 25 2025)'!F:F, 'CALCS Aecom (July 25 2025)'!W:W)</f>
        <v>Multiple Scenario 2 (Step 6)</v>
      </c>
      <c r="AA380" s="650" t="s">
        <v>65</v>
      </c>
      <c r="AB380" s="516" t="s">
        <v>66</v>
      </c>
      <c r="AC380" s="516" t="s">
        <v>66</v>
      </c>
      <c r="AD380" s="516" t="s">
        <v>66</v>
      </c>
      <c r="AE380" s="516" t="s">
        <v>66</v>
      </c>
      <c r="AF380" s="516" t="s">
        <v>66</v>
      </c>
      <c r="AG380" s="516" t="s">
        <v>66</v>
      </c>
      <c r="AH380" s="516" t="s">
        <v>66</v>
      </c>
      <c r="AI380" s="516" t="s">
        <v>66</v>
      </c>
      <c r="AJ380" s="516" t="s">
        <v>66</v>
      </c>
      <c r="AK380" s="516" t="s">
        <v>66</v>
      </c>
      <c r="AL380" s="516" t="s">
        <v>66</v>
      </c>
      <c r="AM380" s="516" t="s">
        <v>66</v>
      </c>
      <c r="AN380" s="516" t="s">
        <v>66</v>
      </c>
      <c r="AO380" s="516" t="s">
        <v>66</v>
      </c>
      <c r="AP380" s="516" t="s">
        <v>66</v>
      </c>
      <c r="AQ380" s="516" t="s">
        <v>66</v>
      </c>
      <c r="AR380" s="516" t="s">
        <v>66</v>
      </c>
      <c r="AS380" s="892"/>
      <c r="AT380" s="892"/>
      <c r="AU380" s="892"/>
      <c r="AV380" s="661"/>
      <c r="AW380" s="892"/>
      <c r="AX380" s="892"/>
      <c r="AY380" s="892"/>
      <c r="AZ380" s="661"/>
      <c r="BA380" s="892"/>
      <c r="BB380" s="661"/>
      <c r="BC380" s="661"/>
      <c r="BD380" s="892"/>
      <c r="BE380" s="661"/>
      <c r="BF380" s="661"/>
      <c r="BG380" s="746"/>
      <c r="BH380" s="746"/>
      <c r="BI380" s="746"/>
      <c r="BJ380" s="746"/>
      <c r="BK380" s="746"/>
      <c r="BL380" s="746"/>
      <c r="BM380" s="746"/>
      <c r="BN380" s="746"/>
      <c r="BO380" s="516" t="s">
        <v>66</v>
      </c>
      <c r="BP380" s="516" t="s">
        <v>66</v>
      </c>
      <c r="BQ380" s="516" t="s">
        <v>66</v>
      </c>
      <c r="BR380" s="516" t="s">
        <v>66</v>
      </c>
      <c r="BS380" s="884">
        <f t="shared" si="545"/>
        <v>21225</v>
      </c>
      <c r="BT380" s="661">
        <f t="shared" si="631"/>
        <v>8.6140400471142513</v>
      </c>
      <c r="BU380" s="661" t="str">
        <f t="shared" si="632"/>
        <v>GOOD</v>
      </c>
      <c r="BV380" s="898">
        <f t="shared" si="633"/>
        <v>43070.200235571254</v>
      </c>
      <c r="BW380" s="898">
        <f t="shared" si="634"/>
        <v>1722.8080094228503</v>
      </c>
      <c r="BX380" s="898">
        <f t="shared" si="635"/>
        <v>3876.3180212014131</v>
      </c>
      <c r="BY380" s="898">
        <f t="shared" si="636"/>
        <v>3014.9140164899882</v>
      </c>
      <c r="BZ380" s="898">
        <f t="shared" si="637"/>
        <v>4307.0200235571256</v>
      </c>
      <c r="CA380" s="898">
        <f t="shared" si="638"/>
        <v>4134.7392226148404</v>
      </c>
      <c r="CB380" s="898">
        <f t="shared" si="639"/>
        <v>861.40400471142516</v>
      </c>
      <c r="CC380" s="898">
        <f t="shared" si="640"/>
        <v>3359.4756183745581</v>
      </c>
      <c r="CD380" s="898">
        <f t="shared" si="641"/>
        <v>4307.0200235571256</v>
      </c>
      <c r="CE380" s="898">
        <f t="shared" si="642"/>
        <v>4307.0200235571256</v>
      </c>
      <c r="CF380" s="898">
        <f t="shared" si="643"/>
        <v>6460.5300353356888</v>
      </c>
      <c r="CG380" s="898">
        <f t="shared" si="644"/>
        <v>1722.8080094228503</v>
      </c>
      <c r="CH380" s="898">
        <f t="shared" si="645"/>
        <v>2015.6853710247349</v>
      </c>
      <c r="CI380" s="898">
        <f t="shared" si="646"/>
        <v>3014.9140164899882</v>
      </c>
      <c r="CJ380" s="898">
        <f t="shared" si="647"/>
        <v>775.26360424028258</v>
      </c>
      <c r="CK380" s="898">
        <f t="shared" si="648"/>
        <v>689.1232037691401</v>
      </c>
      <c r="CL380" s="898">
        <f t="shared" si="649"/>
        <v>20501.415312131918</v>
      </c>
      <c r="CM380" s="898" t="str">
        <f t="shared" si="650"/>
        <v/>
      </c>
      <c r="CN380" s="898" t="str">
        <f t="shared" si="651"/>
        <v/>
      </c>
      <c r="CO380" s="898" t="str">
        <f t="shared" si="652"/>
        <v/>
      </c>
      <c r="CP380" s="898" t="str">
        <f t="shared" si="653"/>
        <v/>
      </c>
      <c r="CQ380" s="898" t="str">
        <f t="shared" si="654"/>
        <v/>
      </c>
      <c r="CR380" s="898" t="str">
        <f t="shared" si="655"/>
        <v/>
      </c>
      <c r="CS380" s="898" t="str">
        <f t="shared" si="656"/>
        <v/>
      </c>
      <c r="CT380" s="898" t="str">
        <f t="shared" si="657"/>
        <v/>
      </c>
      <c r="CU380" s="898" t="str">
        <f t="shared" si="658"/>
        <v/>
      </c>
      <c r="CV380" s="898" t="str">
        <f t="shared" si="659"/>
        <v/>
      </c>
      <c r="CW380" s="898" t="str">
        <f t="shared" si="660"/>
        <v/>
      </c>
      <c r="CX380" s="898" t="str">
        <f t="shared" si="661"/>
        <v/>
      </c>
      <c r="CY380" s="898" t="str">
        <f t="shared" si="662"/>
        <v/>
      </c>
      <c r="CZ380" s="898" t="str">
        <f t="shared" si="663"/>
        <v/>
      </c>
      <c r="DA380" s="898" t="str">
        <f t="shared" si="664"/>
        <v/>
      </c>
      <c r="DB380" s="898" t="str">
        <f t="shared" si="665"/>
        <v/>
      </c>
      <c r="DC380" s="898" t="str">
        <f t="shared" si="666"/>
        <v/>
      </c>
      <c r="DD380" s="898" t="str">
        <f t="shared" si="667"/>
        <v/>
      </c>
      <c r="DE380" s="898" t="str">
        <f t="shared" si="668"/>
        <v/>
      </c>
      <c r="DF380" s="898" t="str">
        <f t="shared" si="669"/>
        <v/>
      </c>
      <c r="DG380" s="898" t="str">
        <f t="shared" si="670"/>
        <v/>
      </c>
      <c r="DH380" s="898" t="str">
        <f t="shared" si="671"/>
        <v/>
      </c>
      <c r="DI380" s="898">
        <f t="shared" si="672"/>
        <v>12921.060070671378</v>
      </c>
      <c r="DJ380" s="898">
        <f t="shared" si="673"/>
        <v>13782.464075382803</v>
      </c>
      <c r="DK380" s="898">
        <f t="shared" si="674"/>
        <v>20673.696113074202</v>
      </c>
      <c r="DL380" s="898">
        <f t="shared" si="675"/>
        <v>27315.120989399289</v>
      </c>
      <c r="DM380" s="661">
        <f t="shared" si="546"/>
        <v>108140.65875147231</v>
      </c>
      <c r="DN380" s="898">
        <f t="shared" si="547"/>
        <v>74692.341248527679</v>
      </c>
      <c r="DO380" s="516">
        <f t="shared" si="548"/>
        <v>0</v>
      </c>
      <c r="DP380" s="898">
        <f t="shared" si="549"/>
        <v>0</v>
      </c>
      <c r="DQ380" s="860" t="s">
        <v>4246</v>
      </c>
      <c r="DR380" s="610" t="s">
        <v>4247</v>
      </c>
      <c r="DS380" s="1221" t="s">
        <v>4248</v>
      </c>
      <c r="DT380" s="632"/>
    </row>
    <row r="381" spans="1:124" ht="57" x14ac:dyDescent="0.2">
      <c r="A381" s="484" t="str">
        <f t="shared" si="544"/>
        <v xml:space="preserve">Leverstock Green Way side arm junction treatments </v>
      </c>
      <c r="B381" s="1163">
        <v>378</v>
      </c>
      <c r="C381" s="1156" t="s">
        <v>4468</v>
      </c>
      <c r="D381" s="481" t="s">
        <v>2481</v>
      </c>
      <c r="E381" s="481" t="s">
        <v>53</v>
      </c>
      <c r="F381" s="481" t="s">
        <v>655</v>
      </c>
      <c r="G381" s="775" t="s">
        <v>932</v>
      </c>
      <c r="H381" s="673" t="s">
        <v>1092</v>
      </c>
      <c r="I381" s="775" t="str">
        <f t="shared" si="607"/>
        <v>SG10-3</v>
      </c>
      <c r="J381" s="673" t="s">
        <v>1093</v>
      </c>
      <c r="K381" s="664" t="s">
        <v>3104</v>
      </c>
      <c r="L381" s="852" t="s">
        <v>3167</v>
      </c>
      <c r="M381" s="515" t="s">
        <v>4244</v>
      </c>
      <c r="N381" s="665" t="s">
        <v>81</v>
      </c>
      <c r="O381" s="654" t="s">
        <v>3051</v>
      </c>
      <c r="P381" s="657" t="s">
        <v>61</v>
      </c>
      <c r="Q381" s="852" t="s">
        <v>122</v>
      </c>
      <c r="R381" s="657"/>
      <c r="S381" s="657"/>
      <c r="T381" s="853">
        <v>20048</v>
      </c>
      <c r="U381" s="854"/>
      <c r="V381" s="657" t="s">
        <v>4245</v>
      </c>
      <c r="W381" s="642">
        <f t="shared" si="629"/>
        <v>0</v>
      </c>
      <c r="X381" s="745">
        <f t="shared" si="630"/>
        <v>20048</v>
      </c>
      <c r="Y381" s="745" t="s">
        <v>3106</v>
      </c>
      <c r="Z381" s="745" t="str">
        <f>_xlfn.XLOOKUP(I381, 'CALCS Aecom (July 25 2025)'!F:F, 'CALCS Aecom (July 25 2025)'!W:W)</f>
        <v>Multiple Scenario 2 (Step 6)</v>
      </c>
      <c r="AA381" s="650" t="s">
        <v>65</v>
      </c>
      <c r="AB381" s="516" t="s">
        <v>66</v>
      </c>
      <c r="AC381" s="516" t="s">
        <v>66</v>
      </c>
      <c r="AD381" s="516" t="s">
        <v>66</v>
      </c>
      <c r="AE381" s="516" t="s">
        <v>66</v>
      </c>
      <c r="AF381" s="516" t="s">
        <v>66</v>
      </c>
      <c r="AG381" s="516" t="s">
        <v>66</v>
      </c>
      <c r="AH381" s="516" t="s">
        <v>66</v>
      </c>
      <c r="AI381" s="516" t="s">
        <v>66</v>
      </c>
      <c r="AJ381" s="516" t="s">
        <v>66</v>
      </c>
      <c r="AK381" s="516" t="s">
        <v>66</v>
      </c>
      <c r="AL381" s="516" t="s">
        <v>66</v>
      </c>
      <c r="AM381" s="516" t="s">
        <v>66</v>
      </c>
      <c r="AN381" s="516" t="s">
        <v>66</v>
      </c>
      <c r="AO381" s="516" t="s">
        <v>66</v>
      </c>
      <c r="AP381" s="516" t="s">
        <v>66</v>
      </c>
      <c r="AQ381" s="516" t="s">
        <v>66</v>
      </c>
      <c r="AR381" s="516" t="s">
        <v>66</v>
      </c>
      <c r="AS381" s="892"/>
      <c r="AT381" s="892"/>
      <c r="AU381" s="892"/>
      <c r="AV381" s="661"/>
      <c r="AW381" s="892"/>
      <c r="AX381" s="892"/>
      <c r="AY381" s="892"/>
      <c r="AZ381" s="661"/>
      <c r="BA381" s="892"/>
      <c r="BB381" s="661"/>
      <c r="BC381" s="661"/>
      <c r="BD381" s="892"/>
      <c r="BE381" s="661"/>
      <c r="BF381" s="661"/>
      <c r="BG381" s="746"/>
      <c r="BH381" s="746"/>
      <c r="BI381" s="746"/>
      <c r="BJ381" s="746"/>
      <c r="BK381" s="746"/>
      <c r="BL381" s="746"/>
      <c r="BM381" s="746"/>
      <c r="BN381" s="746"/>
      <c r="BO381" s="516" t="s">
        <v>66</v>
      </c>
      <c r="BP381" s="516" t="s">
        <v>66</v>
      </c>
      <c r="BQ381" s="516" t="s">
        <v>66</v>
      </c>
      <c r="BR381" s="516" t="s">
        <v>66</v>
      </c>
      <c r="BS381" s="884">
        <f t="shared" si="545"/>
        <v>21225</v>
      </c>
      <c r="BT381" s="661">
        <f t="shared" si="631"/>
        <v>0.94454652532391048</v>
      </c>
      <c r="BU381" s="661" t="str">
        <f t="shared" si="632"/>
        <v>GOOD</v>
      </c>
      <c r="BV381" s="898">
        <f t="shared" si="633"/>
        <v>4722.7326266195523</v>
      </c>
      <c r="BW381" s="898">
        <f t="shared" si="634"/>
        <v>188.9093050647821</v>
      </c>
      <c r="BX381" s="898">
        <f t="shared" si="635"/>
        <v>425.04593639575972</v>
      </c>
      <c r="BY381" s="898">
        <f t="shared" si="636"/>
        <v>330.59128386336869</v>
      </c>
      <c r="BZ381" s="898">
        <f t="shared" si="637"/>
        <v>472.27326266195524</v>
      </c>
      <c r="CA381" s="898">
        <f t="shared" si="638"/>
        <v>453.382332155477</v>
      </c>
      <c r="CB381" s="898">
        <f t="shared" si="639"/>
        <v>94.454652532391052</v>
      </c>
      <c r="CC381" s="898">
        <f t="shared" si="640"/>
        <v>368.37314487632511</v>
      </c>
      <c r="CD381" s="898">
        <f t="shared" si="641"/>
        <v>472.27326266195524</v>
      </c>
      <c r="CE381" s="898">
        <f t="shared" si="642"/>
        <v>472.27326266195524</v>
      </c>
      <c r="CF381" s="898">
        <f t="shared" si="643"/>
        <v>708.40989399293289</v>
      </c>
      <c r="CG381" s="898">
        <f t="shared" si="644"/>
        <v>188.9093050647821</v>
      </c>
      <c r="CH381" s="898">
        <f t="shared" si="645"/>
        <v>221.02388692579504</v>
      </c>
      <c r="CI381" s="898">
        <f t="shared" si="646"/>
        <v>330.59128386336869</v>
      </c>
      <c r="CJ381" s="898">
        <f t="shared" si="647"/>
        <v>85.009187279151945</v>
      </c>
      <c r="CK381" s="898">
        <f t="shared" si="648"/>
        <v>75.563722025912838</v>
      </c>
      <c r="CL381" s="898">
        <f t="shared" si="649"/>
        <v>2248.0207302709068</v>
      </c>
      <c r="CM381" s="898" t="str">
        <f t="shared" si="650"/>
        <v/>
      </c>
      <c r="CN381" s="898" t="str">
        <f t="shared" si="651"/>
        <v/>
      </c>
      <c r="CO381" s="898" t="str">
        <f t="shared" si="652"/>
        <v/>
      </c>
      <c r="CP381" s="898" t="str">
        <f t="shared" si="653"/>
        <v/>
      </c>
      <c r="CQ381" s="898" t="str">
        <f t="shared" si="654"/>
        <v/>
      </c>
      <c r="CR381" s="898" t="str">
        <f t="shared" si="655"/>
        <v/>
      </c>
      <c r="CS381" s="898" t="str">
        <f t="shared" si="656"/>
        <v/>
      </c>
      <c r="CT381" s="898" t="str">
        <f t="shared" si="657"/>
        <v/>
      </c>
      <c r="CU381" s="898" t="str">
        <f t="shared" si="658"/>
        <v/>
      </c>
      <c r="CV381" s="898" t="str">
        <f t="shared" si="659"/>
        <v/>
      </c>
      <c r="CW381" s="898" t="str">
        <f t="shared" si="660"/>
        <v/>
      </c>
      <c r="CX381" s="898" t="str">
        <f t="shared" si="661"/>
        <v/>
      </c>
      <c r="CY381" s="898" t="str">
        <f t="shared" si="662"/>
        <v/>
      </c>
      <c r="CZ381" s="898" t="str">
        <f t="shared" si="663"/>
        <v/>
      </c>
      <c r="DA381" s="898" t="str">
        <f t="shared" si="664"/>
        <v/>
      </c>
      <c r="DB381" s="898" t="str">
        <f t="shared" si="665"/>
        <v/>
      </c>
      <c r="DC381" s="898" t="str">
        <f t="shared" si="666"/>
        <v/>
      </c>
      <c r="DD381" s="898" t="str">
        <f t="shared" si="667"/>
        <v/>
      </c>
      <c r="DE381" s="898" t="str">
        <f t="shared" si="668"/>
        <v/>
      </c>
      <c r="DF381" s="898" t="str">
        <f t="shared" si="669"/>
        <v/>
      </c>
      <c r="DG381" s="898" t="str">
        <f t="shared" si="670"/>
        <v/>
      </c>
      <c r="DH381" s="898" t="str">
        <f t="shared" si="671"/>
        <v/>
      </c>
      <c r="DI381" s="898">
        <f t="shared" si="672"/>
        <v>1416.8197879858658</v>
      </c>
      <c r="DJ381" s="898">
        <f t="shared" si="673"/>
        <v>1511.2744405182568</v>
      </c>
      <c r="DK381" s="898">
        <f t="shared" si="674"/>
        <v>2266.9116607773854</v>
      </c>
      <c r="DL381" s="898">
        <f t="shared" si="675"/>
        <v>2995.1570318021199</v>
      </c>
      <c r="DM381" s="661">
        <f t="shared" si="546"/>
        <v>11857.837078916375</v>
      </c>
      <c r="DN381" s="898">
        <f t="shared" si="547"/>
        <v>8190.162921083629</v>
      </c>
      <c r="DO381" s="516">
        <f t="shared" si="548"/>
        <v>0</v>
      </c>
      <c r="DP381" s="898">
        <f t="shared" si="549"/>
        <v>0</v>
      </c>
      <c r="DQ381" s="860" t="s">
        <v>4246</v>
      </c>
      <c r="DR381" s="610" t="s">
        <v>4247</v>
      </c>
      <c r="DS381" s="1221" t="s">
        <v>4248</v>
      </c>
      <c r="DT381" s="632"/>
    </row>
    <row r="382" spans="1:124" ht="57" x14ac:dyDescent="0.2">
      <c r="A382" s="484" t="str">
        <f t="shared" si="544"/>
        <v>Additional cycle parking at Leverstock Green Village Centre</v>
      </c>
      <c r="B382" s="1163">
        <v>379</v>
      </c>
      <c r="C382" s="1156" t="s">
        <v>4469</v>
      </c>
      <c r="D382" s="481" t="s">
        <v>2481</v>
      </c>
      <c r="E382" s="481" t="s">
        <v>53</v>
      </c>
      <c r="F382" s="481" t="s">
        <v>655</v>
      </c>
      <c r="G382" s="775" t="s">
        <v>932</v>
      </c>
      <c r="H382" s="673" t="s">
        <v>1087</v>
      </c>
      <c r="I382" s="775" t="str">
        <f t="shared" si="607"/>
        <v>SG10-4</v>
      </c>
      <c r="J382" s="673" t="s">
        <v>4470</v>
      </c>
      <c r="K382" s="664" t="s">
        <v>3104</v>
      </c>
      <c r="L382" s="852" t="s">
        <v>3167</v>
      </c>
      <c r="M382" s="515" t="s">
        <v>4244</v>
      </c>
      <c r="N382" s="775" t="s">
        <v>81</v>
      </c>
      <c r="O382" s="654" t="s">
        <v>3051</v>
      </c>
      <c r="P382" s="657" t="s">
        <v>61</v>
      </c>
      <c r="Q382" s="852" t="s">
        <v>71</v>
      </c>
      <c r="R382" s="657"/>
      <c r="S382" s="657"/>
      <c r="T382" s="853">
        <v>1196</v>
      </c>
      <c r="U382" s="854"/>
      <c r="V382" s="657" t="s">
        <v>4245</v>
      </c>
      <c r="W382" s="642">
        <f t="shared" si="629"/>
        <v>0</v>
      </c>
      <c r="X382" s="745">
        <f t="shared" si="630"/>
        <v>1196</v>
      </c>
      <c r="Y382" s="745" t="s">
        <v>3106</v>
      </c>
      <c r="Z382" s="745" t="str">
        <f>_xlfn.XLOOKUP(I382, 'CALCS Aecom (July 25 2025)'!F:F, 'CALCS Aecom (July 25 2025)'!W:W)</f>
        <v>Multiple Scenario 2 (Step 6)</v>
      </c>
      <c r="AA382" s="650" t="s">
        <v>65</v>
      </c>
      <c r="AB382" s="516" t="s">
        <v>66</v>
      </c>
      <c r="AC382" s="516" t="s">
        <v>66</v>
      </c>
      <c r="AD382" s="516" t="s">
        <v>66</v>
      </c>
      <c r="AE382" s="516" t="s">
        <v>66</v>
      </c>
      <c r="AF382" s="516" t="s">
        <v>66</v>
      </c>
      <c r="AG382" s="516" t="s">
        <v>66</v>
      </c>
      <c r="AH382" s="516" t="s">
        <v>66</v>
      </c>
      <c r="AI382" s="516" t="s">
        <v>66</v>
      </c>
      <c r="AJ382" s="516" t="s">
        <v>66</v>
      </c>
      <c r="AK382" s="516" t="s">
        <v>66</v>
      </c>
      <c r="AL382" s="516" t="s">
        <v>66</v>
      </c>
      <c r="AM382" s="516" t="s">
        <v>66</v>
      </c>
      <c r="AN382" s="516" t="s">
        <v>66</v>
      </c>
      <c r="AO382" s="516" t="s">
        <v>66</v>
      </c>
      <c r="AP382" s="516" t="s">
        <v>66</v>
      </c>
      <c r="AQ382" s="516" t="s">
        <v>66</v>
      </c>
      <c r="AR382" s="516" t="s">
        <v>66</v>
      </c>
      <c r="AS382" s="892"/>
      <c r="AT382" s="892"/>
      <c r="AU382" s="892"/>
      <c r="AV382" s="661"/>
      <c r="AW382" s="892"/>
      <c r="AX382" s="892"/>
      <c r="AY382" s="892"/>
      <c r="AZ382" s="661"/>
      <c r="BA382" s="892"/>
      <c r="BB382" s="661"/>
      <c r="BC382" s="661"/>
      <c r="BD382" s="892"/>
      <c r="BE382" s="661"/>
      <c r="BF382" s="661"/>
      <c r="BG382" s="746"/>
      <c r="BH382" s="746"/>
      <c r="BI382" s="746"/>
      <c r="BJ382" s="746"/>
      <c r="BK382" s="746"/>
      <c r="BL382" s="746"/>
      <c r="BM382" s="746"/>
      <c r="BN382" s="746"/>
      <c r="BO382" s="516" t="s">
        <v>66</v>
      </c>
      <c r="BP382" s="516" t="s">
        <v>66</v>
      </c>
      <c r="BQ382" s="516" t="s">
        <v>66</v>
      </c>
      <c r="BR382" s="516" t="s">
        <v>66</v>
      </c>
      <c r="BS382" s="884">
        <f t="shared" si="545"/>
        <v>21225</v>
      </c>
      <c r="BT382" s="661">
        <f t="shared" si="631"/>
        <v>5.6348645465253241E-2</v>
      </c>
      <c r="BU382" s="661" t="str">
        <f t="shared" si="632"/>
        <v>GOOD</v>
      </c>
      <c r="BV382" s="898">
        <f t="shared" si="633"/>
        <v>281.74322732626621</v>
      </c>
      <c r="BW382" s="898">
        <f t="shared" si="634"/>
        <v>11.269729093050648</v>
      </c>
      <c r="BX382" s="898">
        <f t="shared" si="635"/>
        <v>25.35689045936396</v>
      </c>
      <c r="BY382" s="898">
        <f t="shared" si="636"/>
        <v>19.722025912838635</v>
      </c>
      <c r="BZ382" s="898">
        <f t="shared" si="637"/>
        <v>28.174322732626621</v>
      </c>
      <c r="CA382" s="898">
        <f t="shared" si="638"/>
        <v>27.047349823321557</v>
      </c>
      <c r="CB382" s="898">
        <f t="shared" si="639"/>
        <v>5.634864546525324</v>
      </c>
      <c r="CC382" s="898">
        <f t="shared" si="640"/>
        <v>21.975971731448766</v>
      </c>
      <c r="CD382" s="898">
        <f t="shared" si="641"/>
        <v>28.174322732626621</v>
      </c>
      <c r="CE382" s="898">
        <f t="shared" si="642"/>
        <v>28.174322732626621</v>
      </c>
      <c r="CF382" s="898">
        <f t="shared" si="643"/>
        <v>42.261484098939931</v>
      </c>
      <c r="CG382" s="898">
        <f t="shared" si="644"/>
        <v>11.269729093050648</v>
      </c>
      <c r="CH382" s="898">
        <f t="shared" si="645"/>
        <v>13.185583038869259</v>
      </c>
      <c r="CI382" s="898">
        <f t="shared" si="646"/>
        <v>19.722025912838635</v>
      </c>
      <c r="CJ382" s="898">
        <f t="shared" si="647"/>
        <v>5.0713780918727913</v>
      </c>
      <c r="CK382" s="898">
        <f t="shared" si="648"/>
        <v>4.5078916372202595</v>
      </c>
      <c r="CL382" s="898">
        <f t="shared" si="649"/>
        <v>134.1097762073027</v>
      </c>
      <c r="CM382" s="898" t="str">
        <f t="shared" si="650"/>
        <v/>
      </c>
      <c r="CN382" s="898" t="str">
        <f t="shared" si="651"/>
        <v/>
      </c>
      <c r="CO382" s="898" t="str">
        <f t="shared" si="652"/>
        <v/>
      </c>
      <c r="CP382" s="898" t="str">
        <f t="shared" si="653"/>
        <v/>
      </c>
      <c r="CQ382" s="898" t="str">
        <f t="shared" si="654"/>
        <v/>
      </c>
      <c r="CR382" s="898" t="str">
        <f t="shared" si="655"/>
        <v/>
      </c>
      <c r="CS382" s="898" t="str">
        <f t="shared" si="656"/>
        <v/>
      </c>
      <c r="CT382" s="898" t="str">
        <f t="shared" si="657"/>
        <v/>
      </c>
      <c r="CU382" s="898" t="str">
        <f t="shared" si="658"/>
        <v/>
      </c>
      <c r="CV382" s="898" t="str">
        <f t="shared" si="659"/>
        <v/>
      </c>
      <c r="CW382" s="898" t="str">
        <f t="shared" si="660"/>
        <v/>
      </c>
      <c r="CX382" s="898" t="str">
        <f t="shared" si="661"/>
        <v/>
      </c>
      <c r="CY382" s="898" t="str">
        <f t="shared" si="662"/>
        <v/>
      </c>
      <c r="CZ382" s="898" t="str">
        <f t="shared" si="663"/>
        <v/>
      </c>
      <c r="DA382" s="898" t="str">
        <f t="shared" si="664"/>
        <v/>
      </c>
      <c r="DB382" s="898" t="str">
        <f t="shared" si="665"/>
        <v/>
      </c>
      <c r="DC382" s="898" t="str">
        <f t="shared" si="666"/>
        <v/>
      </c>
      <c r="DD382" s="898" t="str">
        <f t="shared" si="667"/>
        <v/>
      </c>
      <c r="DE382" s="898" t="str">
        <f t="shared" si="668"/>
        <v/>
      </c>
      <c r="DF382" s="898" t="str">
        <f t="shared" si="669"/>
        <v/>
      </c>
      <c r="DG382" s="898" t="str">
        <f t="shared" si="670"/>
        <v/>
      </c>
      <c r="DH382" s="898" t="str">
        <f t="shared" si="671"/>
        <v/>
      </c>
      <c r="DI382" s="898">
        <f t="shared" si="672"/>
        <v>84.522968197879862</v>
      </c>
      <c r="DJ382" s="898">
        <f t="shared" si="673"/>
        <v>90.157832744405184</v>
      </c>
      <c r="DK382" s="898">
        <f t="shared" si="674"/>
        <v>135.23674911660777</v>
      </c>
      <c r="DL382" s="898">
        <f t="shared" si="675"/>
        <v>178.68155477031803</v>
      </c>
      <c r="DM382" s="661">
        <f t="shared" si="546"/>
        <v>707.40089517078923</v>
      </c>
      <c r="DN382" s="898">
        <f t="shared" si="547"/>
        <v>488.59910482921083</v>
      </c>
      <c r="DO382" s="516">
        <f t="shared" si="548"/>
        <v>0</v>
      </c>
      <c r="DP382" s="898">
        <f t="shared" si="549"/>
        <v>0</v>
      </c>
      <c r="DQ382" s="860" t="s">
        <v>4246</v>
      </c>
      <c r="DR382" s="610" t="s">
        <v>4247</v>
      </c>
      <c r="DS382" s="1221" t="s">
        <v>4248</v>
      </c>
      <c r="DT382" s="632"/>
    </row>
    <row r="383" spans="1:124" ht="57" x14ac:dyDescent="0.2">
      <c r="A383" s="484" t="str">
        <f t="shared" si="544"/>
        <v>Mickleford Road junction crossing improvements</v>
      </c>
      <c r="B383" s="1163">
        <v>380</v>
      </c>
      <c r="C383" s="1156" t="s">
        <v>4471</v>
      </c>
      <c r="D383" s="481" t="s">
        <v>2481</v>
      </c>
      <c r="E383" s="481" t="s">
        <v>53</v>
      </c>
      <c r="F383" s="481" t="s">
        <v>655</v>
      </c>
      <c r="G383" s="775" t="s">
        <v>932</v>
      </c>
      <c r="H383" s="673" t="s">
        <v>1097</v>
      </c>
      <c r="I383" s="775" t="str">
        <f t="shared" si="607"/>
        <v>SG11-1</v>
      </c>
      <c r="J383" s="673" t="s">
        <v>4472</v>
      </c>
      <c r="K383" s="664" t="s">
        <v>3104</v>
      </c>
      <c r="L383" s="852" t="s">
        <v>3167</v>
      </c>
      <c r="M383" s="515" t="s">
        <v>4244</v>
      </c>
      <c r="N383" s="665" t="s">
        <v>81</v>
      </c>
      <c r="O383" s="654" t="s">
        <v>3051</v>
      </c>
      <c r="P383" s="657" t="s">
        <v>61</v>
      </c>
      <c r="Q383" s="852" t="s">
        <v>71</v>
      </c>
      <c r="R383" s="657"/>
      <c r="S383" s="657"/>
      <c r="T383" s="853">
        <v>2430</v>
      </c>
      <c r="U383" s="854"/>
      <c r="V383" s="657" t="s">
        <v>4245</v>
      </c>
      <c r="W383" s="642">
        <f t="shared" si="629"/>
        <v>0</v>
      </c>
      <c r="X383" s="745">
        <f t="shared" si="630"/>
        <v>2430</v>
      </c>
      <c r="Y383" s="745" t="s">
        <v>3106</v>
      </c>
      <c r="Z383" s="745" t="str">
        <f>_xlfn.XLOOKUP(I383, 'CALCS Aecom (July 25 2025)'!F:F, 'CALCS Aecom (July 25 2025)'!W:W)</f>
        <v>Multiple Scenario 2 (Step 9)</v>
      </c>
      <c r="AA383" s="1332" t="s">
        <v>82</v>
      </c>
      <c r="AB383" s="661" t="s">
        <v>66</v>
      </c>
      <c r="AC383" s="661" t="s">
        <v>66</v>
      </c>
      <c r="AD383" s="661" t="s">
        <v>66</v>
      </c>
      <c r="AE383" s="661" t="s">
        <v>66</v>
      </c>
      <c r="AF383" s="661" t="s">
        <v>66</v>
      </c>
      <c r="AG383" s="661" t="s">
        <v>66</v>
      </c>
      <c r="AH383" s="661" t="s">
        <v>66</v>
      </c>
      <c r="AI383" s="661" t="s">
        <v>66</v>
      </c>
      <c r="AJ383" s="661" t="s">
        <v>66</v>
      </c>
      <c r="AK383" s="661" t="s">
        <v>66</v>
      </c>
      <c r="AL383" s="661" t="s">
        <v>66</v>
      </c>
      <c r="AM383" s="661" t="s">
        <v>66</v>
      </c>
      <c r="AN383" s="661" t="s">
        <v>66</v>
      </c>
      <c r="AO383" s="661" t="s">
        <v>66</v>
      </c>
      <c r="AP383" s="661" t="s">
        <v>66</v>
      </c>
      <c r="AQ383" s="661" t="s">
        <v>66</v>
      </c>
      <c r="AR383" s="661" t="s">
        <v>66</v>
      </c>
      <c r="AS383" s="657"/>
      <c r="AT383" s="657"/>
      <c r="AU383" s="657"/>
      <c r="AV383" s="657"/>
      <c r="AW383" s="657"/>
      <c r="AX383" s="657"/>
      <c r="AY383" s="657"/>
      <c r="AZ383" s="657"/>
      <c r="BA383" s="657"/>
      <c r="BB383" s="657"/>
      <c r="BC383" s="657"/>
      <c r="BD383" s="657"/>
      <c r="BE383" s="657"/>
      <c r="BF383" s="657"/>
      <c r="BG383" s="746"/>
      <c r="BH383" s="746"/>
      <c r="BI383" s="746"/>
      <c r="BJ383" s="746"/>
      <c r="BK383" s="746"/>
      <c r="BL383" s="746"/>
      <c r="BM383" s="746"/>
      <c r="BN383" s="746"/>
      <c r="BO383" s="661" t="s">
        <v>66</v>
      </c>
      <c r="BP383" s="661" t="s">
        <v>66</v>
      </c>
      <c r="BQ383" s="661" t="s">
        <v>66</v>
      </c>
      <c r="BR383" s="661" t="s">
        <v>66</v>
      </c>
      <c r="BS383" s="884">
        <f t="shared" si="545"/>
        <v>21225</v>
      </c>
      <c r="BT383" s="661">
        <f t="shared" si="631"/>
        <v>0.11448763250883393</v>
      </c>
      <c r="BU383" s="661" t="str">
        <f t="shared" si="632"/>
        <v>GOOD</v>
      </c>
      <c r="BV383" s="898">
        <f t="shared" si="633"/>
        <v>572.43816254416959</v>
      </c>
      <c r="BW383" s="898">
        <f t="shared" si="634"/>
        <v>22.897526501766784</v>
      </c>
      <c r="BX383" s="898">
        <f t="shared" si="635"/>
        <v>51.519434628975269</v>
      </c>
      <c r="BY383" s="898">
        <f t="shared" si="636"/>
        <v>40.070671378091873</v>
      </c>
      <c r="BZ383" s="898">
        <f t="shared" si="637"/>
        <v>57.243816254416963</v>
      </c>
      <c r="CA383" s="898">
        <f t="shared" si="638"/>
        <v>54.954063604240282</v>
      </c>
      <c r="CB383" s="898">
        <f t="shared" si="639"/>
        <v>11.448763250883392</v>
      </c>
      <c r="CC383" s="898">
        <f t="shared" si="640"/>
        <v>44.650176678445234</v>
      </c>
      <c r="CD383" s="898">
        <f t="shared" si="641"/>
        <v>57.243816254416963</v>
      </c>
      <c r="CE383" s="898">
        <f t="shared" si="642"/>
        <v>57.243816254416963</v>
      </c>
      <c r="CF383" s="898">
        <f t="shared" si="643"/>
        <v>85.865724381625441</v>
      </c>
      <c r="CG383" s="898">
        <f t="shared" si="644"/>
        <v>22.897526501766784</v>
      </c>
      <c r="CH383" s="898">
        <f t="shared" si="645"/>
        <v>26.790106007067138</v>
      </c>
      <c r="CI383" s="898">
        <f t="shared" si="646"/>
        <v>40.070671378091873</v>
      </c>
      <c r="CJ383" s="898">
        <f t="shared" si="647"/>
        <v>10.303886925795053</v>
      </c>
      <c r="CK383" s="898">
        <f t="shared" si="648"/>
        <v>9.1590106007067149</v>
      </c>
      <c r="CL383" s="898">
        <f t="shared" si="649"/>
        <v>272.48056537102474</v>
      </c>
      <c r="CM383" s="898" t="str">
        <f t="shared" si="650"/>
        <v/>
      </c>
      <c r="CN383" s="898" t="str">
        <f t="shared" si="651"/>
        <v/>
      </c>
      <c r="CO383" s="898" t="str">
        <f t="shared" si="652"/>
        <v/>
      </c>
      <c r="CP383" s="898" t="str">
        <f t="shared" si="653"/>
        <v/>
      </c>
      <c r="CQ383" s="898" t="str">
        <f t="shared" si="654"/>
        <v/>
      </c>
      <c r="CR383" s="898" t="str">
        <f t="shared" si="655"/>
        <v/>
      </c>
      <c r="CS383" s="898" t="str">
        <f t="shared" si="656"/>
        <v/>
      </c>
      <c r="CT383" s="898" t="str">
        <f t="shared" si="657"/>
        <v/>
      </c>
      <c r="CU383" s="898" t="str">
        <f t="shared" si="658"/>
        <v/>
      </c>
      <c r="CV383" s="898" t="str">
        <f t="shared" si="659"/>
        <v/>
      </c>
      <c r="CW383" s="898" t="str">
        <f t="shared" si="660"/>
        <v/>
      </c>
      <c r="CX383" s="898" t="str">
        <f t="shared" si="661"/>
        <v/>
      </c>
      <c r="CY383" s="898" t="str">
        <f t="shared" si="662"/>
        <v/>
      </c>
      <c r="CZ383" s="898" t="str">
        <f t="shared" si="663"/>
        <v/>
      </c>
      <c r="DA383" s="898" t="str">
        <f t="shared" si="664"/>
        <v/>
      </c>
      <c r="DB383" s="898" t="str">
        <f t="shared" si="665"/>
        <v/>
      </c>
      <c r="DC383" s="898" t="str">
        <f t="shared" si="666"/>
        <v/>
      </c>
      <c r="DD383" s="898" t="str">
        <f t="shared" si="667"/>
        <v/>
      </c>
      <c r="DE383" s="898" t="str">
        <f t="shared" si="668"/>
        <v/>
      </c>
      <c r="DF383" s="898" t="str">
        <f t="shared" si="669"/>
        <v/>
      </c>
      <c r="DG383" s="898" t="str">
        <f t="shared" si="670"/>
        <v/>
      </c>
      <c r="DH383" s="898" t="str">
        <f t="shared" si="671"/>
        <v/>
      </c>
      <c r="DI383" s="898">
        <f t="shared" si="672"/>
        <v>171.73144876325088</v>
      </c>
      <c r="DJ383" s="898">
        <f t="shared" si="673"/>
        <v>183.18021201413427</v>
      </c>
      <c r="DK383" s="898">
        <f t="shared" si="674"/>
        <v>274.77031802120143</v>
      </c>
      <c r="DL383" s="898">
        <f t="shared" si="675"/>
        <v>363.04028268551235</v>
      </c>
      <c r="DM383" s="661">
        <f t="shared" si="546"/>
        <v>1437.2777385159013</v>
      </c>
      <c r="DN383" s="898">
        <f t="shared" si="547"/>
        <v>992.72226148409891</v>
      </c>
      <c r="DO383" s="516">
        <f t="shared" si="548"/>
        <v>0</v>
      </c>
      <c r="DP383" s="898">
        <f t="shared" si="549"/>
        <v>0</v>
      </c>
      <c r="DQ383" s="860" t="s">
        <v>4246</v>
      </c>
      <c r="DR383" s="610" t="s">
        <v>4247</v>
      </c>
      <c r="DS383" s="1221" t="s">
        <v>4248</v>
      </c>
      <c r="DT383" s="632"/>
    </row>
    <row r="384" spans="1:124" ht="57" x14ac:dyDescent="0.2">
      <c r="A384" s="484" t="str">
        <f t="shared" si="544"/>
        <v>A4147 Toucan Crossing and cycle link into Woolmer Drive</v>
      </c>
      <c r="B384" s="1163">
        <v>381</v>
      </c>
      <c r="C384" s="1156" t="s">
        <v>4473</v>
      </c>
      <c r="D384" s="481" t="s">
        <v>2481</v>
      </c>
      <c r="E384" s="481" t="s">
        <v>53</v>
      </c>
      <c r="F384" s="481" t="s">
        <v>655</v>
      </c>
      <c r="G384" s="775" t="s">
        <v>932</v>
      </c>
      <c r="H384" s="673" t="s">
        <v>1100</v>
      </c>
      <c r="I384" s="775" t="str">
        <f t="shared" si="607"/>
        <v>SG11-2</v>
      </c>
      <c r="J384" s="673" t="s">
        <v>1101</v>
      </c>
      <c r="K384" s="664" t="s">
        <v>3104</v>
      </c>
      <c r="L384" s="852" t="s">
        <v>3167</v>
      </c>
      <c r="M384" s="515" t="s">
        <v>4244</v>
      </c>
      <c r="N384" s="775" t="s">
        <v>81</v>
      </c>
      <c r="O384" s="654" t="s">
        <v>3051</v>
      </c>
      <c r="P384" s="657" t="s">
        <v>61</v>
      </c>
      <c r="Q384" s="852" t="s">
        <v>71</v>
      </c>
      <c r="R384" s="657"/>
      <c r="S384" s="657"/>
      <c r="T384" s="853">
        <v>523551</v>
      </c>
      <c r="U384" s="854"/>
      <c r="V384" s="657" t="s">
        <v>4245</v>
      </c>
      <c r="W384" s="642">
        <f t="shared" si="629"/>
        <v>0</v>
      </c>
      <c r="X384" s="745">
        <f t="shared" si="630"/>
        <v>523551</v>
      </c>
      <c r="Y384" s="745" t="s">
        <v>3106</v>
      </c>
      <c r="Z384" s="745" t="str">
        <f>_xlfn.XLOOKUP(I384, 'CALCS Aecom (July 25 2025)'!F:F, 'CALCS Aecom (July 25 2025)'!W:W)</f>
        <v>Multiple Scenario 2 (Step 6)</v>
      </c>
      <c r="AA384" s="650" t="s">
        <v>65</v>
      </c>
      <c r="AB384" s="516" t="s">
        <v>66</v>
      </c>
      <c r="AC384" s="516" t="s">
        <v>66</v>
      </c>
      <c r="AD384" s="516" t="s">
        <v>66</v>
      </c>
      <c r="AE384" s="516" t="s">
        <v>66</v>
      </c>
      <c r="AF384" s="516" t="s">
        <v>66</v>
      </c>
      <c r="AG384" s="516" t="s">
        <v>66</v>
      </c>
      <c r="AH384" s="516" t="s">
        <v>66</v>
      </c>
      <c r="AI384" s="516" t="s">
        <v>66</v>
      </c>
      <c r="AJ384" s="516" t="s">
        <v>66</v>
      </c>
      <c r="AK384" s="516" t="s">
        <v>66</v>
      </c>
      <c r="AL384" s="516" t="s">
        <v>66</v>
      </c>
      <c r="AM384" s="516" t="s">
        <v>66</v>
      </c>
      <c r="AN384" s="516" t="s">
        <v>66</v>
      </c>
      <c r="AO384" s="516" t="s">
        <v>66</v>
      </c>
      <c r="AP384" s="516" t="s">
        <v>66</v>
      </c>
      <c r="AQ384" s="516" t="s">
        <v>66</v>
      </c>
      <c r="AR384" s="516" t="s">
        <v>66</v>
      </c>
      <c r="AS384" s="657"/>
      <c r="AT384" s="657"/>
      <c r="AU384" s="657"/>
      <c r="AV384" s="657"/>
      <c r="AW384" s="657"/>
      <c r="AX384" s="657"/>
      <c r="AY384" s="657"/>
      <c r="AZ384" s="657"/>
      <c r="BA384" s="657"/>
      <c r="BB384" s="657"/>
      <c r="BC384" s="657"/>
      <c r="BD384" s="657"/>
      <c r="BE384" s="657"/>
      <c r="BF384" s="657"/>
      <c r="BG384" s="746"/>
      <c r="BH384" s="746"/>
      <c r="BI384" s="746"/>
      <c r="BJ384" s="746"/>
      <c r="BK384" s="746"/>
      <c r="BL384" s="746"/>
      <c r="BM384" s="746"/>
      <c r="BN384" s="746"/>
      <c r="BO384" s="516" t="s">
        <v>66</v>
      </c>
      <c r="BP384" s="516" t="s">
        <v>66</v>
      </c>
      <c r="BQ384" s="516" t="s">
        <v>66</v>
      </c>
      <c r="BR384" s="516" t="s">
        <v>66</v>
      </c>
      <c r="BS384" s="884">
        <f t="shared" si="545"/>
        <v>21225</v>
      </c>
      <c r="BT384" s="661">
        <f t="shared" si="631"/>
        <v>24.666713780918727</v>
      </c>
      <c r="BU384" s="661" t="str">
        <f t="shared" si="632"/>
        <v>GOOD</v>
      </c>
      <c r="BV384" s="898">
        <f t="shared" si="633"/>
        <v>123333.56890459363</v>
      </c>
      <c r="BW384" s="898">
        <f t="shared" si="634"/>
        <v>4933.3427561837452</v>
      </c>
      <c r="BX384" s="898">
        <f t="shared" si="635"/>
        <v>11100.021201413427</v>
      </c>
      <c r="BY384" s="898">
        <f t="shared" si="636"/>
        <v>8633.3498233215541</v>
      </c>
      <c r="BZ384" s="898">
        <f t="shared" si="637"/>
        <v>12333.356890459363</v>
      </c>
      <c r="CA384" s="898">
        <f t="shared" si="638"/>
        <v>11840.022614840989</v>
      </c>
      <c r="CB384" s="898">
        <f t="shared" si="639"/>
        <v>2466.6713780918726</v>
      </c>
      <c r="CC384" s="898">
        <f t="shared" si="640"/>
        <v>9620.0183745583035</v>
      </c>
      <c r="CD384" s="898">
        <f t="shared" si="641"/>
        <v>12333.356890459363</v>
      </c>
      <c r="CE384" s="898">
        <f t="shared" si="642"/>
        <v>12333.356890459363</v>
      </c>
      <c r="CF384" s="898">
        <f t="shared" si="643"/>
        <v>18500.035335689045</v>
      </c>
      <c r="CG384" s="898">
        <f t="shared" si="644"/>
        <v>4933.3427561837452</v>
      </c>
      <c r="CH384" s="898">
        <f t="shared" si="645"/>
        <v>5772.0110247349821</v>
      </c>
      <c r="CI384" s="898">
        <f t="shared" si="646"/>
        <v>8633.3498233215541</v>
      </c>
      <c r="CJ384" s="898">
        <f t="shared" si="647"/>
        <v>2220.0042402826853</v>
      </c>
      <c r="CK384" s="898">
        <f t="shared" si="648"/>
        <v>1973.3371024734981</v>
      </c>
      <c r="CL384" s="898">
        <f t="shared" si="649"/>
        <v>58706.778798586573</v>
      </c>
      <c r="CM384" s="898" t="str">
        <f t="shared" si="650"/>
        <v/>
      </c>
      <c r="CN384" s="898" t="str">
        <f t="shared" si="651"/>
        <v/>
      </c>
      <c r="CO384" s="898" t="str">
        <f t="shared" si="652"/>
        <v/>
      </c>
      <c r="CP384" s="898" t="str">
        <f t="shared" si="653"/>
        <v/>
      </c>
      <c r="CQ384" s="898" t="str">
        <f t="shared" si="654"/>
        <v/>
      </c>
      <c r="CR384" s="898" t="str">
        <f t="shared" si="655"/>
        <v/>
      </c>
      <c r="CS384" s="898" t="str">
        <f t="shared" si="656"/>
        <v/>
      </c>
      <c r="CT384" s="898" t="str">
        <f t="shared" si="657"/>
        <v/>
      </c>
      <c r="CU384" s="898" t="str">
        <f t="shared" si="658"/>
        <v/>
      </c>
      <c r="CV384" s="898" t="str">
        <f t="shared" si="659"/>
        <v/>
      </c>
      <c r="CW384" s="898" t="str">
        <f t="shared" si="660"/>
        <v/>
      </c>
      <c r="CX384" s="898" t="str">
        <f t="shared" si="661"/>
        <v/>
      </c>
      <c r="CY384" s="898" t="str">
        <f t="shared" si="662"/>
        <v/>
      </c>
      <c r="CZ384" s="898" t="str">
        <f t="shared" si="663"/>
        <v/>
      </c>
      <c r="DA384" s="898" t="str">
        <f t="shared" si="664"/>
        <v/>
      </c>
      <c r="DB384" s="898" t="str">
        <f t="shared" si="665"/>
        <v/>
      </c>
      <c r="DC384" s="898" t="str">
        <f t="shared" si="666"/>
        <v/>
      </c>
      <c r="DD384" s="898" t="str">
        <f t="shared" si="667"/>
        <v/>
      </c>
      <c r="DE384" s="898" t="str">
        <f t="shared" si="668"/>
        <v/>
      </c>
      <c r="DF384" s="898" t="str">
        <f t="shared" si="669"/>
        <v/>
      </c>
      <c r="DG384" s="898" t="str">
        <f t="shared" si="670"/>
        <v/>
      </c>
      <c r="DH384" s="898" t="str">
        <f t="shared" si="671"/>
        <v/>
      </c>
      <c r="DI384" s="898">
        <f t="shared" si="672"/>
        <v>37000.070671378089</v>
      </c>
      <c r="DJ384" s="898">
        <f t="shared" si="673"/>
        <v>39466.742049469962</v>
      </c>
      <c r="DK384" s="898">
        <f t="shared" si="674"/>
        <v>59200.113074204943</v>
      </c>
      <c r="DL384" s="898">
        <f t="shared" si="675"/>
        <v>78218.149399293281</v>
      </c>
      <c r="DM384" s="661">
        <f t="shared" si="546"/>
        <v>309665.92480565375</v>
      </c>
      <c r="DN384" s="898">
        <f t="shared" si="547"/>
        <v>213885.07519434625</v>
      </c>
      <c r="DO384" s="516">
        <f t="shared" si="548"/>
        <v>0</v>
      </c>
      <c r="DP384" s="898">
        <f t="shared" si="549"/>
        <v>0</v>
      </c>
      <c r="DQ384" s="860" t="s">
        <v>4246</v>
      </c>
      <c r="DR384" s="610" t="s">
        <v>4247</v>
      </c>
      <c r="DS384" s="1221" t="s">
        <v>4248</v>
      </c>
      <c r="DT384" s="632"/>
    </row>
    <row r="385" spans="1:124" ht="57" x14ac:dyDescent="0.2">
      <c r="A385" s="484" t="str">
        <f t="shared" si="544"/>
        <v>Cycle Hanger storage on Mickleford Road and Datchworth Turn</v>
      </c>
      <c r="B385" s="1163">
        <v>382</v>
      </c>
      <c r="C385" s="1156" t="s">
        <v>4474</v>
      </c>
      <c r="D385" s="481" t="s">
        <v>2481</v>
      </c>
      <c r="E385" s="481" t="s">
        <v>53</v>
      </c>
      <c r="F385" s="481" t="s">
        <v>655</v>
      </c>
      <c r="G385" s="775" t="s">
        <v>932</v>
      </c>
      <c r="H385" s="673" t="s">
        <v>1104</v>
      </c>
      <c r="I385" s="775" t="str">
        <f t="shared" si="607"/>
        <v>SG11-4</v>
      </c>
      <c r="J385" s="673" t="s">
        <v>1105</v>
      </c>
      <c r="K385" s="664" t="s">
        <v>3104</v>
      </c>
      <c r="L385" s="852" t="s">
        <v>3167</v>
      </c>
      <c r="M385" s="515" t="s">
        <v>4244</v>
      </c>
      <c r="N385" s="775" t="s">
        <v>81</v>
      </c>
      <c r="O385" s="654" t="s">
        <v>3051</v>
      </c>
      <c r="P385" s="657" t="s">
        <v>61</v>
      </c>
      <c r="Q385" s="852" t="s">
        <v>71</v>
      </c>
      <c r="R385" s="657"/>
      <c r="S385" s="657"/>
      <c r="T385" s="853">
        <v>33318</v>
      </c>
      <c r="U385" s="854"/>
      <c r="V385" s="657" t="s">
        <v>4245</v>
      </c>
      <c r="W385" s="642">
        <f t="shared" si="629"/>
        <v>0</v>
      </c>
      <c r="X385" s="745">
        <f t="shared" si="630"/>
        <v>33318</v>
      </c>
      <c r="Y385" s="745" t="s">
        <v>3106</v>
      </c>
      <c r="Z385" s="745" t="str">
        <f>_xlfn.XLOOKUP(I385, 'CALCS Aecom (July 25 2025)'!F:F, 'CALCS Aecom (July 25 2025)'!W:W)</f>
        <v>Multiple Scenario 2 (Step 9)</v>
      </c>
      <c r="AA385" s="1332" t="s">
        <v>82</v>
      </c>
      <c r="AB385" s="661" t="s">
        <v>66</v>
      </c>
      <c r="AC385" s="661" t="s">
        <v>66</v>
      </c>
      <c r="AD385" s="661" t="s">
        <v>66</v>
      </c>
      <c r="AE385" s="661" t="s">
        <v>66</v>
      </c>
      <c r="AF385" s="661" t="s">
        <v>66</v>
      </c>
      <c r="AG385" s="661" t="s">
        <v>66</v>
      </c>
      <c r="AH385" s="661" t="s">
        <v>66</v>
      </c>
      <c r="AI385" s="661" t="s">
        <v>66</v>
      </c>
      <c r="AJ385" s="661" t="s">
        <v>66</v>
      </c>
      <c r="AK385" s="661" t="s">
        <v>66</v>
      </c>
      <c r="AL385" s="661" t="s">
        <v>66</v>
      </c>
      <c r="AM385" s="661" t="s">
        <v>66</v>
      </c>
      <c r="AN385" s="661" t="s">
        <v>66</v>
      </c>
      <c r="AO385" s="661" t="s">
        <v>66</v>
      </c>
      <c r="AP385" s="661" t="s">
        <v>66</v>
      </c>
      <c r="AQ385" s="661" t="s">
        <v>66</v>
      </c>
      <c r="AR385" s="661" t="s">
        <v>66</v>
      </c>
      <c r="AS385" s="657"/>
      <c r="AT385" s="657"/>
      <c r="AU385" s="657"/>
      <c r="AV385" s="657"/>
      <c r="AW385" s="657"/>
      <c r="AX385" s="657"/>
      <c r="AY385" s="657"/>
      <c r="AZ385" s="657"/>
      <c r="BA385" s="657"/>
      <c r="BB385" s="657"/>
      <c r="BC385" s="657"/>
      <c r="BD385" s="657"/>
      <c r="BE385" s="657"/>
      <c r="BF385" s="657"/>
      <c r="BG385" s="746"/>
      <c r="BH385" s="746"/>
      <c r="BI385" s="746"/>
      <c r="BJ385" s="746"/>
      <c r="BK385" s="746"/>
      <c r="BL385" s="746"/>
      <c r="BM385" s="746"/>
      <c r="BN385" s="746"/>
      <c r="BO385" s="661" t="s">
        <v>66</v>
      </c>
      <c r="BP385" s="661" t="s">
        <v>66</v>
      </c>
      <c r="BQ385" s="661" t="s">
        <v>66</v>
      </c>
      <c r="BR385" s="661" t="s">
        <v>66</v>
      </c>
      <c r="BS385" s="884">
        <f t="shared" si="545"/>
        <v>21225</v>
      </c>
      <c r="BT385" s="661">
        <f t="shared" si="631"/>
        <v>1.5697526501766785</v>
      </c>
      <c r="BU385" s="661" t="str">
        <f t="shared" si="632"/>
        <v>GOOD</v>
      </c>
      <c r="BV385" s="898">
        <f t="shared" si="633"/>
        <v>7848.7632508833931</v>
      </c>
      <c r="BW385" s="898">
        <f t="shared" si="634"/>
        <v>313.9505300353357</v>
      </c>
      <c r="BX385" s="898">
        <f t="shared" si="635"/>
        <v>706.38869257950535</v>
      </c>
      <c r="BY385" s="898">
        <f t="shared" si="636"/>
        <v>549.41342756183747</v>
      </c>
      <c r="BZ385" s="898">
        <f t="shared" si="637"/>
        <v>784.87632508833929</v>
      </c>
      <c r="CA385" s="898">
        <f t="shared" si="638"/>
        <v>753.48127208480571</v>
      </c>
      <c r="CB385" s="898">
        <f t="shared" si="639"/>
        <v>156.97526501766785</v>
      </c>
      <c r="CC385" s="898">
        <f t="shared" si="640"/>
        <v>612.20353356890462</v>
      </c>
      <c r="CD385" s="898">
        <f t="shared" si="641"/>
        <v>784.87632508833929</v>
      </c>
      <c r="CE385" s="898">
        <f t="shared" si="642"/>
        <v>784.87632508833929</v>
      </c>
      <c r="CF385" s="898">
        <f t="shared" si="643"/>
        <v>1177.3144876325089</v>
      </c>
      <c r="CG385" s="898">
        <f t="shared" si="644"/>
        <v>313.9505300353357</v>
      </c>
      <c r="CH385" s="898">
        <f t="shared" si="645"/>
        <v>367.32212014134279</v>
      </c>
      <c r="CI385" s="898">
        <f t="shared" si="646"/>
        <v>549.41342756183747</v>
      </c>
      <c r="CJ385" s="898">
        <f t="shared" si="647"/>
        <v>141.27773851590106</v>
      </c>
      <c r="CK385" s="898">
        <f t="shared" si="648"/>
        <v>125.58021201413428</v>
      </c>
      <c r="CL385" s="898">
        <f t="shared" si="649"/>
        <v>3736.0113074204951</v>
      </c>
      <c r="CM385" s="898" t="str">
        <f t="shared" si="650"/>
        <v/>
      </c>
      <c r="CN385" s="898" t="str">
        <f t="shared" si="651"/>
        <v/>
      </c>
      <c r="CO385" s="898" t="str">
        <f t="shared" si="652"/>
        <v/>
      </c>
      <c r="CP385" s="898" t="str">
        <f t="shared" si="653"/>
        <v/>
      </c>
      <c r="CQ385" s="898" t="str">
        <f t="shared" si="654"/>
        <v/>
      </c>
      <c r="CR385" s="898" t="str">
        <f t="shared" si="655"/>
        <v/>
      </c>
      <c r="CS385" s="898" t="str">
        <f t="shared" si="656"/>
        <v/>
      </c>
      <c r="CT385" s="898" t="str">
        <f t="shared" si="657"/>
        <v/>
      </c>
      <c r="CU385" s="898" t="str">
        <f t="shared" si="658"/>
        <v/>
      </c>
      <c r="CV385" s="898" t="str">
        <f t="shared" si="659"/>
        <v/>
      </c>
      <c r="CW385" s="898" t="str">
        <f t="shared" si="660"/>
        <v/>
      </c>
      <c r="CX385" s="898" t="str">
        <f t="shared" si="661"/>
        <v/>
      </c>
      <c r="CY385" s="898" t="str">
        <f t="shared" si="662"/>
        <v/>
      </c>
      <c r="CZ385" s="898" t="str">
        <f t="shared" si="663"/>
        <v/>
      </c>
      <c r="DA385" s="898" t="str">
        <f t="shared" si="664"/>
        <v/>
      </c>
      <c r="DB385" s="898" t="str">
        <f t="shared" si="665"/>
        <v/>
      </c>
      <c r="DC385" s="898" t="str">
        <f t="shared" si="666"/>
        <v/>
      </c>
      <c r="DD385" s="898" t="str">
        <f t="shared" si="667"/>
        <v/>
      </c>
      <c r="DE385" s="898" t="str">
        <f t="shared" si="668"/>
        <v/>
      </c>
      <c r="DF385" s="898" t="str">
        <f t="shared" si="669"/>
        <v/>
      </c>
      <c r="DG385" s="898" t="str">
        <f t="shared" si="670"/>
        <v/>
      </c>
      <c r="DH385" s="898" t="str">
        <f t="shared" si="671"/>
        <v/>
      </c>
      <c r="DI385" s="898">
        <f t="shared" si="672"/>
        <v>2354.6289752650177</v>
      </c>
      <c r="DJ385" s="898">
        <f t="shared" si="673"/>
        <v>2511.6042402826856</v>
      </c>
      <c r="DK385" s="898">
        <f t="shared" si="674"/>
        <v>3767.4063604240287</v>
      </c>
      <c r="DL385" s="898">
        <f t="shared" si="675"/>
        <v>4977.6856537102476</v>
      </c>
      <c r="DM385" s="661">
        <f t="shared" si="546"/>
        <v>19706.674770318023</v>
      </c>
      <c r="DN385" s="898">
        <f t="shared" si="547"/>
        <v>13611.325229681981</v>
      </c>
      <c r="DO385" s="516">
        <f t="shared" si="548"/>
        <v>0</v>
      </c>
      <c r="DP385" s="898">
        <f t="shared" si="549"/>
        <v>0</v>
      </c>
      <c r="DQ385" s="860" t="s">
        <v>4246</v>
      </c>
      <c r="DR385" s="610" t="s">
        <v>4247</v>
      </c>
      <c r="DS385" s="1221" t="s">
        <v>4248</v>
      </c>
      <c r="DT385" s="632"/>
    </row>
    <row r="386" spans="1:124" ht="242.25" x14ac:dyDescent="0.2">
      <c r="A386" s="484" t="str">
        <f t="shared" si="544"/>
        <v>Redbourn Road side junction crossing improvements</v>
      </c>
      <c r="B386" s="1163">
        <v>383</v>
      </c>
      <c r="C386" s="1156" t="s">
        <v>4475</v>
      </c>
      <c r="D386" s="481" t="s">
        <v>2481</v>
      </c>
      <c r="E386" s="481" t="s">
        <v>53</v>
      </c>
      <c r="F386" s="481" t="s">
        <v>655</v>
      </c>
      <c r="G386" s="775" t="s">
        <v>932</v>
      </c>
      <c r="H386" s="673" t="s">
        <v>1106</v>
      </c>
      <c r="I386" s="775" t="str">
        <f t="shared" si="607"/>
        <v>SG14-1</v>
      </c>
      <c r="J386" s="673" t="s">
        <v>1107</v>
      </c>
      <c r="K386" s="664" t="s">
        <v>3104</v>
      </c>
      <c r="L386" s="852" t="s">
        <v>4476</v>
      </c>
      <c r="M386" s="543" t="s">
        <v>3005</v>
      </c>
      <c r="N386" s="665" t="s">
        <v>81</v>
      </c>
      <c r="O386" s="654" t="s">
        <v>3051</v>
      </c>
      <c r="P386" s="657" t="s">
        <v>61</v>
      </c>
      <c r="Q386" s="852" t="s">
        <v>71</v>
      </c>
      <c r="R386" s="657"/>
      <c r="S386" s="657"/>
      <c r="T386" s="853">
        <v>63180</v>
      </c>
      <c r="U386" s="854"/>
      <c r="V386" s="657" t="s">
        <v>4245</v>
      </c>
      <c r="W386" s="642">
        <f t="shared" si="629"/>
        <v>0</v>
      </c>
      <c r="X386" s="745">
        <f t="shared" si="630"/>
        <v>63180</v>
      </c>
      <c r="Y386" s="745" t="s">
        <v>4260</v>
      </c>
      <c r="Z386" s="745" t="str">
        <f>_xlfn.XLOOKUP(I386, 'CALCS Aecom (July 25 2025)'!F:F, 'CALCS Aecom (July 25 2025)'!W:W)</f>
        <v>Mutliple Scenario 2 (Step 5)</v>
      </c>
      <c r="AA386" s="650" t="s">
        <v>65</v>
      </c>
      <c r="AB386" s="713" t="str">
        <f t="shared" ref="AB386:AK389" si="676">IF(BV386&gt;0, "Yes", "")</f>
        <v/>
      </c>
      <c r="AC386" s="713" t="str">
        <f t="shared" si="676"/>
        <v>Yes</v>
      </c>
      <c r="AD386" s="713" t="str">
        <f t="shared" si="676"/>
        <v>Yes</v>
      </c>
      <c r="AE386" s="713" t="str">
        <f t="shared" si="676"/>
        <v>Yes</v>
      </c>
      <c r="AF386" s="713" t="str">
        <f t="shared" si="676"/>
        <v/>
      </c>
      <c r="AG386" s="713" t="str">
        <f t="shared" si="676"/>
        <v>Yes</v>
      </c>
      <c r="AH386" s="713" t="str">
        <f t="shared" si="676"/>
        <v>Yes</v>
      </c>
      <c r="AI386" s="713" t="str">
        <f t="shared" si="676"/>
        <v>Yes</v>
      </c>
      <c r="AJ386" s="713" t="str">
        <f t="shared" si="676"/>
        <v/>
      </c>
      <c r="AK386" s="713" t="str">
        <f t="shared" si="676"/>
        <v>Yes</v>
      </c>
      <c r="AL386" s="713" t="str">
        <f t="shared" ref="AL386:AR389" si="677">IF(CF386&gt;0, "Yes", "")</f>
        <v>Yes</v>
      </c>
      <c r="AM386" s="713" t="str">
        <f t="shared" si="677"/>
        <v>Yes</v>
      </c>
      <c r="AN386" s="713" t="str">
        <f t="shared" si="677"/>
        <v>Yes</v>
      </c>
      <c r="AO386" s="713" t="str">
        <f t="shared" si="677"/>
        <v/>
      </c>
      <c r="AP386" s="713" t="str">
        <f t="shared" si="677"/>
        <v>Yes</v>
      </c>
      <c r="AQ386" s="713" t="str">
        <f t="shared" si="677"/>
        <v>Yes</v>
      </c>
      <c r="AR386" s="713" t="str">
        <f t="shared" si="677"/>
        <v/>
      </c>
      <c r="AS386" s="657"/>
      <c r="AT386" s="657"/>
      <c r="AU386" s="657"/>
      <c r="AV386" s="657"/>
      <c r="AW386" s="657"/>
      <c r="AX386" s="657"/>
      <c r="AY386" s="657"/>
      <c r="AZ386" s="657"/>
      <c r="BA386" s="657"/>
      <c r="BB386" s="657"/>
      <c r="BC386" s="657"/>
      <c r="BD386" s="657"/>
      <c r="BE386" s="657"/>
      <c r="BF386" s="657"/>
      <c r="BG386" s="746"/>
      <c r="BH386" s="746"/>
      <c r="BI386" s="746"/>
      <c r="BJ386" s="746"/>
      <c r="BK386" s="746"/>
      <c r="BL386" s="746"/>
      <c r="BM386" s="746"/>
      <c r="BN386" s="746"/>
      <c r="BO386" s="892" t="str">
        <f t="shared" ref="BO386:BR389" si="678">IF(DI386&gt;0, "Yes", "")</f>
        <v>Yes</v>
      </c>
      <c r="BP386" s="892" t="str">
        <f t="shared" si="678"/>
        <v/>
      </c>
      <c r="BQ386" s="892" t="str">
        <f t="shared" si="678"/>
        <v/>
      </c>
      <c r="BR386" s="892" t="str">
        <f t="shared" si="678"/>
        <v>Yes</v>
      </c>
      <c r="BS386" s="884">
        <f t="shared" si="545"/>
        <v>8495</v>
      </c>
      <c r="BT386" s="661">
        <f t="shared" si="631"/>
        <v>7.4373160682754564</v>
      </c>
      <c r="BU386" s="661" t="str">
        <f t="shared" si="632"/>
        <v>GOOD</v>
      </c>
      <c r="BV386" s="1149">
        <f>$X386*_xlfn.XLOOKUP($I386, 'CALCS Aecom (July 25 2025)'!$F:$F, 'CALCS Aecom (July 25 2025)'!BZ:BZ)</f>
        <v>0</v>
      </c>
      <c r="BW386" s="1149">
        <f>$X386*_xlfn.XLOOKUP($I386, 'CALCS Aecom (July 25 2025)'!$F:$F, 'CALCS Aecom (July 25 2025)'!CC:CC)</f>
        <v>1218.9874759010436</v>
      </c>
      <c r="BX386" s="1149">
        <f>$X386*_xlfn.XLOOKUP($I386, 'CALCS Aecom (July 25 2025)'!$F:$F, 'CALCS Aecom (July 25 2025)'!CI:CI)</f>
        <v>1218.9874759010436</v>
      </c>
      <c r="BY386" s="1149">
        <f>$X386*_xlfn.XLOOKUP($I386, 'CALCS Aecom (July 25 2025)'!$F:$F, 'CALCS Aecom (July 25 2025)'!BQ:BQ)</f>
        <v>406.32915863368112</v>
      </c>
      <c r="BZ386" s="1149">
        <f>$X386*_xlfn.XLOOKUP($I386, 'CALCS Aecom (July 25 2025)'!$F:$F, 'CALCS Aecom (July 25 2025)'!BV:BV)</f>
        <v>0</v>
      </c>
      <c r="CA386" s="1149">
        <f>$X386*_xlfn.XLOOKUP($I386, 'CALCS Aecom (July 25 2025)'!$F:$F, 'CALCS Aecom (July 25 2025)'!BR:BR)</f>
        <v>406.32915863368112</v>
      </c>
      <c r="CB386" s="1149">
        <f>$X386*_xlfn.XLOOKUP($I386, 'CALCS Aecom (July 25 2025)'!$F:$F, 'CALCS Aecom (July 25 2025)'!CD:CD)</f>
        <v>406.32915863368112</v>
      </c>
      <c r="CC386" s="1149">
        <f>$X386*_xlfn.XLOOKUP($I386, 'CALCS Aecom (July 25 2025)'!$F:$F, 'CALCS Aecom (July 25 2025)'!BT:BT)</f>
        <v>406.32915863368112</v>
      </c>
      <c r="CD386" s="1149">
        <f>$X386*_xlfn.XLOOKUP($I386, 'CALCS Aecom (July 25 2025)'!$F:$F, 'CALCS Aecom (July 25 2025)'!BU:BU)</f>
        <v>0</v>
      </c>
      <c r="CE386" s="1149">
        <f>$X386*_xlfn.XLOOKUP($I386, 'CALCS Aecom (July 25 2025)'!$F:$F, 'CALCS Aecom (July 25 2025)'!BW:BW)</f>
        <v>406.32915863368112</v>
      </c>
      <c r="CF386" s="1149">
        <f>$X386*_xlfn.XLOOKUP($I386, 'CALCS Aecom (July 25 2025)'!$F:$F, 'CALCS Aecom (July 25 2025)'!BS:BS)</f>
        <v>7720.2540140399415</v>
      </c>
      <c r="CG386" s="1149">
        <f>$X386*_xlfn.XLOOKUP($I386, 'CALCS Aecom (July 25 2025)'!$F:$F, 'CALCS Aecom (July 25 2025)'!CE:CE)</f>
        <v>406.32915863368112</v>
      </c>
      <c r="CH386" s="1149">
        <f>$X386*_xlfn.XLOOKUP($I386, 'CALCS Aecom (July 25 2025)'!$F:$F, 'CALCS Aecom (July 25 2025)'!CJ:CJ)</f>
        <v>1011.6387290467851</v>
      </c>
      <c r="CI386" s="1149">
        <f>$X386*_xlfn.XLOOKUP($I386, 'CALCS Aecom (July 25 2025)'!$F:$F, 'CALCS Aecom (July 25 2025)'!CB:CB)</f>
        <v>0</v>
      </c>
      <c r="CJ386" s="1149">
        <f>$X386*_xlfn.XLOOKUP($I386, 'CALCS Aecom (July 25 2025)'!$F:$F, 'CALCS Aecom (July 25 2025)'!CF:CF)</f>
        <v>1218.9874759010436</v>
      </c>
      <c r="CK386" s="1149">
        <f>$X386*_xlfn.XLOOKUP($I386, 'CALCS Aecom (July 25 2025)'!$F:$F, 'CALCS Aecom (July 25 2025)'!CG:CG)</f>
        <v>406.32915863368112</v>
      </c>
      <c r="CL386" s="1149"/>
      <c r="CM386" s="898"/>
      <c r="CN386" s="898"/>
      <c r="CO386" s="898"/>
      <c r="CP386" s="898"/>
      <c r="CQ386" s="898"/>
      <c r="CR386" s="898"/>
      <c r="CS386" s="898"/>
      <c r="CT386" s="898"/>
      <c r="CU386" s="898"/>
      <c r="CV386" s="898"/>
      <c r="CW386" s="898"/>
      <c r="CX386" s="898"/>
      <c r="CY386" s="898"/>
      <c r="CZ386" s="898"/>
      <c r="DA386" s="898"/>
      <c r="DB386" s="898"/>
      <c r="DC386" s="898"/>
      <c r="DD386" s="898"/>
      <c r="DE386" s="898"/>
      <c r="DF386" s="898"/>
      <c r="DG386" s="898"/>
      <c r="DH386" s="898"/>
      <c r="DI386" s="1149">
        <f>$X386*_xlfn.XLOOKUP($I386, 'CALCS Aecom (July 25 2025)'!$F:$F, 'CALCS Aecom (July 25 2025)'!CA:CA)</f>
        <v>34944.307642496577</v>
      </c>
      <c r="DJ386" s="1149">
        <f>$X386*_xlfn.XLOOKUP($I386, 'CALCS Aecom (July 25 2025)'!$F:$F, 'CALCS Aecom (July 25 2025)'!BX:BX)</f>
        <v>0</v>
      </c>
      <c r="DK386" s="1149">
        <f>$X386*_xlfn.XLOOKUP($I386, 'CALCS Aecom (July 25 2025)'!$F:$F, 'CALCS Aecom (July 25 2025)'!BY:BY)</f>
        <v>0</v>
      </c>
      <c r="DL386" s="1149">
        <f>$X386*_xlfn.XLOOKUP($I386, 'CALCS Aecom (July 25 2025)'!$F:$F, 'CALCS Aecom (July 25 2025)'!CH:CH)</f>
        <v>13002.533076277796</v>
      </c>
      <c r="DM386" s="661">
        <f t="shared" si="546"/>
        <v>15233.159281225624</v>
      </c>
      <c r="DN386" s="898">
        <f t="shared" si="547"/>
        <v>47946.840718774372</v>
      </c>
      <c r="DO386" s="516">
        <f t="shared" si="548"/>
        <v>0</v>
      </c>
      <c r="DP386" s="898">
        <f t="shared" si="549"/>
        <v>0</v>
      </c>
      <c r="DQ386" s="860" t="s">
        <v>4246</v>
      </c>
      <c r="DR386" s="860" t="s">
        <v>4261</v>
      </c>
      <c r="DS386" s="1221" t="s">
        <v>4248</v>
      </c>
      <c r="DT386" s="632"/>
    </row>
    <row r="387" spans="1:124" ht="242.25" x14ac:dyDescent="0.2">
      <c r="A387" s="484" t="str">
        <f t="shared" si="544"/>
        <v>Redbourn Road-Three Cherry Trees Junction Enhancement</v>
      </c>
      <c r="B387" s="1163">
        <v>384</v>
      </c>
      <c r="C387" s="1156" t="s">
        <v>4477</v>
      </c>
      <c r="D387" s="481" t="s">
        <v>2481</v>
      </c>
      <c r="E387" s="481" t="s">
        <v>53</v>
      </c>
      <c r="F387" s="481" t="s">
        <v>655</v>
      </c>
      <c r="G387" s="775" t="s">
        <v>900</v>
      </c>
      <c r="H387" s="673" t="s">
        <v>1109</v>
      </c>
      <c r="I387" s="775" t="str">
        <f t="shared" si="607"/>
        <v>SG14-2</v>
      </c>
      <c r="J387" s="673" t="s">
        <v>1110</v>
      </c>
      <c r="K387" s="664" t="s">
        <v>3104</v>
      </c>
      <c r="L387" s="852" t="s">
        <v>4478</v>
      </c>
      <c r="M387" s="775" t="s">
        <v>3325</v>
      </c>
      <c r="N387" s="775" t="s">
        <v>81</v>
      </c>
      <c r="O387" s="654" t="s">
        <v>3051</v>
      </c>
      <c r="P387" s="657" t="s">
        <v>61</v>
      </c>
      <c r="Q387" s="852" t="s">
        <v>122</v>
      </c>
      <c r="R387" s="657"/>
      <c r="S387" s="657"/>
      <c r="T387" s="853">
        <v>759380</v>
      </c>
      <c r="U387" s="854"/>
      <c r="V387" s="657" t="s">
        <v>4245</v>
      </c>
      <c r="W387" s="642">
        <f t="shared" si="629"/>
        <v>0</v>
      </c>
      <c r="X387" s="745">
        <f t="shared" si="630"/>
        <v>759380</v>
      </c>
      <c r="Y387" s="745" t="s">
        <v>4260</v>
      </c>
      <c r="Z387" s="745" t="str">
        <f>_xlfn.XLOOKUP(I387, 'CALCS Aecom (July 25 2025)'!F:F, 'CALCS Aecom (July 25 2025)'!W:W)</f>
        <v>Mutliple Scenario 2 (Step 5)</v>
      </c>
      <c r="AA387" s="650" t="s">
        <v>65</v>
      </c>
      <c r="AB387" s="713" t="str">
        <f t="shared" si="676"/>
        <v>Yes</v>
      </c>
      <c r="AC387" s="713" t="str">
        <f t="shared" si="676"/>
        <v>Yes</v>
      </c>
      <c r="AD387" s="713" t="str">
        <f t="shared" si="676"/>
        <v>Yes</v>
      </c>
      <c r="AE387" s="713" t="str">
        <f t="shared" si="676"/>
        <v>Yes</v>
      </c>
      <c r="AF387" s="713" t="str">
        <f t="shared" si="676"/>
        <v/>
      </c>
      <c r="AG387" s="713" t="str">
        <f t="shared" si="676"/>
        <v>Yes</v>
      </c>
      <c r="AH387" s="713" t="str">
        <f t="shared" si="676"/>
        <v/>
      </c>
      <c r="AI387" s="713" t="str">
        <f t="shared" si="676"/>
        <v>Yes</v>
      </c>
      <c r="AJ387" s="713" t="str">
        <f t="shared" si="676"/>
        <v/>
      </c>
      <c r="AK387" s="713" t="str">
        <f t="shared" si="676"/>
        <v>Yes</v>
      </c>
      <c r="AL387" s="713" t="str">
        <f t="shared" si="677"/>
        <v>Yes</v>
      </c>
      <c r="AM387" s="713" t="str">
        <f t="shared" si="677"/>
        <v>Yes</v>
      </c>
      <c r="AN387" s="713" t="str">
        <f t="shared" si="677"/>
        <v>Yes</v>
      </c>
      <c r="AO387" s="713" t="str">
        <f t="shared" si="677"/>
        <v>Yes</v>
      </c>
      <c r="AP387" s="713" t="str">
        <f t="shared" si="677"/>
        <v>Yes</v>
      </c>
      <c r="AQ387" s="713" t="str">
        <f t="shared" si="677"/>
        <v/>
      </c>
      <c r="AR387" s="713" t="str">
        <f t="shared" si="677"/>
        <v/>
      </c>
      <c r="AS387" s="657"/>
      <c r="AT387" s="657"/>
      <c r="AU387" s="657"/>
      <c r="AV387" s="657"/>
      <c r="AW387" s="657"/>
      <c r="AX387" s="657"/>
      <c r="AY387" s="657"/>
      <c r="AZ387" s="657"/>
      <c r="BA387" s="657"/>
      <c r="BB387" s="657"/>
      <c r="BC387" s="657"/>
      <c r="BD387" s="657"/>
      <c r="BE387" s="657"/>
      <c r="BF387" s="657"/>
      <c r="BG387" s="746"/>
      <c r="BH387" s="746"/>
      <c r="BI387" s="746"/>
      <c r="BJ387" s="746"/>
      <c r="BK387" s="746"/>
      <c r="BL387" s="746"/>
      <c r="BM387" s="746"/>
      <c r="BN387" s="746"/>
      <c r="BO387" s="892" t="str">
        <f t="shared" si="678"/>
        <v>Yes</v>
      </c>
      <c r="BP387" s="892" t="str">
        <f t="shared" si="678"/>
        <v/>
      </c>
      <c r="BQ387" s="892" t="str">
        <f t="shared" si="678"/>
        <v>Yes</v>
      </c>
      <c r="BR387" s="892" t="str">
        <f t="shared" si="678"/>
        <v>Yes</v>
      </c>
      <c r="BS387" s="884">
        <f t="shared" si="545"/>
        <v>16065</v>
      </c>
      <c r="BT387" s="661">
        <f t="shared" si="631"/>
        <v>47.269218798630561</v>
      </c>
      <c r="BU387" s="661" t="str">
        <f t="shared" si="632"/>
        <v>GOOD</v>
      </c>
      <c r="BV387" s="1149">
        <f>$X387*_xlfn.XLOOKUP($I387, 'CALCS Aecom (July 25 2025)'!$F:$F, 'CALCS Aecom (July 25 2025)'!BZ:BZ)</f>
        <v>427473.12074561469</v>
      </c>
      <c r="BW387" s="1149">
        <f>$X387*_xlfn.XLOOKUP($I387, 'CALCS Aecom (July 25 2025)'!$F:$F, 'CALCS Aecom (July 25 2025)'!CC:CC)</f>
        <v>8381.8258969728377</v>
      </c>
      <c r="BX387" s="1149">
        <f>$X387*_xlfn.XLOOKUP($I387, 'CALCS Aecom (July 25 2025)'!$F:$F, 'CALCS Aecom (July 25 2025)'!CI:CI)</f>
        <v>8381.8258969728377</v>
      </c>
      <c r="BY387" s="1149">
        <f>$X387*_xlfn.XLOOKUP($I387, 'CALCS Aecom (July 25 2025)'!$F:$F, 'CALCS Aecom (July 25 2025)'!BQ:BQ)</f>
        <v>2095.4564742432094</v>
      </c>
      <c r="BZ387" s="1149">
        <f>$X387*_xlfn.XLOOKUP($I387, 'CALCS Aecom (July 25 2025)'!$F:$F, 'CALCS Aecom (July 25 2025)'!BV:BV)</f>
        <v>0</v>
      </c>
      <c r="CA387" s="1149">
        <f>$X387*_xlfn.XLOOKUP($I387, 'CALCS Aecom (July 25 2025)'!$F:$F, 'CALCS Aecom (July 25 2025)'!BR:BR)</f>
        <v>2095.4564742432094</v>
      </c>
      <c r="CB387" s="1149">
        <f>$X387*_xlfn.XLOOKUP($I387, 'CALCS Aecom (July 25 2025)'!$F:$F, 'CALCS Aecom (July 25 2025)'!CD:CD)</f>
        <v>0</v>
      </c>
      <c r="CC387" s="1149">
        <f>$X387*_xlfn.XLOOKUP($I387, 'CALCS Aecom (July 25 2025)'!$F:$F, 'CALCS Aecom (July 25 2025)'!BT:BT)</f>
        <v>2095.4564742432094</v>
      </c>
      <c r="CD387" s="1149">
        <f>$X387*_xlfn.XLOOKUP($I387, 'CALCS Aecom (July 25 2025)'!$F:$F, 'CALCS Aecom (July 25 2025)'!BU:BU)</f>
        <v>0</v>
      </c>
      <c r="CE387" s="1149">
        <f>$X387*_xlfn.XLOOKUP($I387, 'CALCS Aecom (July 25 2025)'!$F:$F, 'CALCS Aecom (July 25 2025)'!BW:BW)</f>
        <v>4190.9129484864188</v>
      </c>
      <c r="CF387" s="1149">
        <f>$X387*_xlfn.XLOOKUP($I387, 'CALCS Aecom (July 25 2025)'!$F:$F, 'CALCS Aecom (July 25 2025)'!BS:BS)</f>
        <v>41909.129484864185</v>
      </c>
      <c r="CG387" s="1149">
        <f>$X387*_xlfn.XLOOKUP($I387, 'CALCS Aecom (July 25 2025)'!$F:$F, 'CALCS Aecom (July 25 2025)'!CE:CE)</f>
        <v>12572.738845459256</v>
      </c>
      <c r="CH387" s="1149">
        <f>$X387*_xlfn.XLOOKUP($I387, 'CALCS Aecom (July 25 2025)'!$F:$F, 'CALCS Aecom (July 25 2025)'!CJ:CJ)</f>
        <v>9206.5822209312628</v>
      </c>
      <c r="CI387" s="1149">
        <f>$X387*_xlfn.XLOOKUP($I387, 'CALCS Aecom (July 25 2025)'!$F:$F, 'CALCS Aecom (July 25 2025)'!CB:CB)</f>
        <v>31431.847113648138</v>
      </c>
      <c r="CJ387" s="1149">
        <f>$X387*_xlfn.XLOOKUP($I387, 'CALCS Aecom (July 25 2025)'!$F:$F, 'CALCS Aecom (July 25 2025)'!CF:CF)</f>
        <v>4190.9129484864188</v>
      </c>
      <c r="CK387" s="1149">
        <f>$X387*_xlfn.XLOOKUP($I387, 'CALCS Aecom (July 25 2025)'!$F:$F, 'CALCS Aecom (July 25 2025)'!CG:CG)</f>
        <v>0</v>
      </c>
      <c r="CL387" s="1149"/>
      <c r="CM387" s="898"/>
      <c r="CN387" s="898"/>
      <c r="CO387" s="898"/>
      <c r="CP387" s="898"/>
      <c r="CQ387" s="898"/>
      <c r="CR387" s="898"/>
      <c r="CS387" s="898"/>
      <c r="CT387" s="898"/>
      <c r="CU387" s="898"/>
      <c r="CV387" s="898"/>
      <c r="CW387" s="898"/>
      <c r="CX387" s="898"/>
      <c r="CY387" s="898"/>
      <c r="CZ387" s="898"/>
      <c r="DA387" s="898"/>
      <c r="DB387" s="898"/>
      <c r="DC387" s="898"/>
      <c r="DD387" s="898"/>
      <c r="DE387" s="898"/>
      <c r="DF387" s="898"/>
      <c r="DG387" s="898"/>
      <c r="DH387" s="898"/>
      <c r="DI387" s="1149">
        <f>$X387*_xlfn.XLOOKUP($I387, 'CALCS Aecom (July 25 2025)'!$F:$F, 'CALCS Aecom (July 25 2025)'!CA:CA)</f>
        <v>111059.19313489008</v>
      </c>
      <c r="DJ387" s="1149">
        <f>$X387*_xlfn.XLOOKUP($I387, 'CALCS Aecom (July 25 2025)'!$F:$F, 'CALCS Aecom (July 25 2025)'!BX:BX)</f>
        <v>0</v>
      </c>
      <c r="DK387" s="1149">
        <f>$X387*_xlfn.XLOOKUP($I387, 'CALCS Aecom (July 25 2025)'!$F:$F, 'CALCS Aecom (July 25 2025)'!BY:BY)</f>
        <v>4190.9129484864188</v>
      </c>
      <c r="DL387" s="1149">
        <f>$X387*_xlfn.XLOOKUP($I387, 'CALCS Aecom (July 25 2025)'!$F:$F, 'CALCS Aecom (July 25 2025)'!CH:CH)</f>
        <v>90104.628392457991</v>
      </c>
      <c r="DM387" s="661">
        <f t="shared" si="546"/>
        <v>554025.26552416559</v>
      </c>
      <c r="DN387" s="898">
        <f t="shared" si="547"/>
        <v>205354.7344758345</v>
      </c>
      <c r="DO387" s="516">
        <f t="shared" si="548"/>
        <v>0</v>
      </c>
      <c r="DP387" s="898">
        <f t="shared" si="549"/>
        <v>0</v>
      </c>
      <c r="DQ387" s="860" t="s">
        <v>4246</v>
      </c>
      <c r="DR387" s="860" t="s">
        <v>4261</v>
      </c>
      <c r="DS387" s="1221" t="s">
        <v>4248</v>
      </c>
      <c r="DT387" s="632"/>
    </row>
    <row r="388" spans="1:124" ht="285" x14ac:dyDescent="0.2">
      <c r="A388" s="484" t="str">
        <f t="shared" ref="A388:A451" si="679">H388</f>
        <v>Maylands Avenue Shared Use Cycle Corridor</v>
      </c>
      <c r="B388" s="1163">
        <v>385</v>
      </c>
      <c r="C388" s="1156" t="s">
        <v>4479</v>
      </c>
      <c r="D388" s="481" t="s">
        <v>2481</v>
      </c>
      <c r="E388" s="481" t="s">
        <v>53</v>
      </c>
      <c r="F388" s="481" t="s">
        <v>655</v>
      </c>
      <c r="G388" s="775" t="s">
        <v>932</v>
      </c>
      <c r="H388" s="673" t="s">
        <v>1111</v>
      </c>
      <c r="I388" s="775" t="str">
        <f t="shared" si="607"/>
        <v>SG15-1</v>
      </c>
      <c r="J388" s="673" t="s">
        <v>1112</v>
      </c>
      <c r="K388" s="664" t="s">
        <v>3104</v>
      </c>
      <c r="L388" s="852" t="s">
        <v>4480</v>
      </c>
      <c r="M388" s="515" t="s">
        <v>2986</v>
      </c>
      <c r="N388" s="665" t="s">
        <v>81</v>
      </c>
      <c r="O388" s="654" t="s">
        <v>3051</v>
      </c>
      <c r="P388" s="657" t="s">
        <v>61</v>
      </c>
      <c r="Q388" s="852" t="s">
        <v>122</v>
      </c>
      <c r="R388" s="657"/>
      <c r="S388" s="657"/>
      <c r="T388" s="853">
        <v>2073106</v>
      </c>
      <c r="U388" s="854"/>
      <c r="V388" s="657" t="s">
        <v>4245</v>
      </c>
      <c r="W388" s="642">
        <f t="shared" si="629"/>
        <v>0</v>
      </c>
      <c r="X388" s="745">
        <f t="shared" si="630"/>
        <v>2073106</v>
      </c>
      <c r="Y388" s="745" t="s">
        <v>4260</v>
      </c>
      <c r="Z388" s="745" t="str">
        <f>_xlfn.XLOOKUP(I388, 'CALCS Aecom (July 25 2025)'!F:F, 'CALCS Aecom (July 25 2025)'!W:W)</f>
        <v>Mutliple Scenario 2 (Step 5)</v>
      </c>
      <c r="AA388" s="650" t="s">
        <v>65</v>
      </c>
      <c r="AB388" s="713" t="str">
        <f t="shared" si="676"/>
        <v>Yes</v>
      </c>
      <c r="AC388" s="713" t="str">
        <f t="shared" si="676"/>
        <v>Yes</v>
      </c>
      <c r="AD388" s="713" t="str">
        <f t="shared" si="676"/>
        <v>Yes</v>
      </c>
      <c r="AE388" s="713" t="str">
        <f t="shared" si="676"/>
        <v>Yes</v>
      </c>
      <c r="AF388" s="713" t="str">
        <f t="shared" si="676"/>
        <v/>
      </c>
      <c r="AG388" s="713" t="str">
        <f t="shared" si="676"/>
        <v>Yes</v>
      </c>
      <c r="AH388" s="713" t="str">
        <f t="shared" si="676"/>
        <v/>
      </c>
      <c r="AI388" s="713" t="str">
        <f t="shared" si="676"/>
        <v>Yes</v>
      </c>
      <c r="AJ388" s="713" t="str">
        <f t="shared" si="676"/>
        <v/>
      </c>
      <c r="AK388" s="713" t="str">
        <f t="shared" si="676"/>
        <v>Yes</v>
      </c>
      <c r="AL388" s="713" t="str">
        <f t="shared" si="677"/>
        <v>Yes</v>
      </c>
      <c r="AM388" s="713" t="str">
        <f t="shared" si="677"/>
        <v>Yes</v>
      </c>
      <c r="AN388" s="713" t="str">
        <f t="shared" si="677"/>
        <v>Yes</v>
      </c>
      <c r="AO388" s="713" t="str">
        <f t="shared" si="677"/>
        <v>Yes</v>
      </c>
      <c r="AP388" s="713" t="str">
        <f t="shared" si="677"/>
        <v>Yes</v>
      </c>
      <c r="AQ388" s="713" t="str">
        <f t="shared" si="677"/>
        <v>Yes</v>
      </c>
      <c r="AR388" s="713" t="str">
        <f t="shared" si="677"/>
        <v/>
      </c>
      <c r="AS388" s="657"/>
      <c r="AT388" s="657"/>
      <c r="AU388" s="657"/>
      <c r="AV388" s="657"/>
      <c r="AW388" s="657"/>
      <c r="AX388" s="657"/>
      <c r="AY388" s="657"/>
      <c r="AZ388" s="657"/>
      <c r="BA388" s="657"/>
      <c r="BB388" s="657"/>
      <c r="BC388" s="657"/>
      <c r="BD388" s="657"/>
      <c r="BE388" s="657"/>
      <c r="BF388" s="657"/>
      <c r="BG388" s="746"/>
      <c r="BH388" s="746"/>
      <c r="BI388" s="746"/>
      <c r="BJ388" s="746"/>
      <c r="BK388" s="746"/>
      <c r="BL388" s="746"/>
      <c r="BM388" s="746"/>
      <c r="BN388" s="746"/>
      <c r="BO388" s="892" t="str">
        <f t="shared" si="678"/>
        <v>Yes</v>
      </c>
      <c r="BP388" s="892" t="str">
        <f t="shared" si="678"/>
        <v>Yes</v>
      </c>
      <c r="BQ388" s="892" t="str">
        <f t="shared" si="678"/>
        <v>Yes</v>
      </c>
      <c r="BR388" s="892" t="str">
        <f t="shared" si="678"/>
        <v>Yes</v>
      </c>
      <c r="BS388" s="884">
        <f t="shared" ref="BS388:BS451" si="680">SUMIF(AB388:BR388,"YES",$AB$3:$BR$3)</f>
        <v>17745</v>
      </c>
      <c r="BT388" s="661">
        <f t="shared" si="631"/>
        <v>116.8276134122288</v>
      </c>
      <c r="BU388" s="661" t="str">
        <f t="shared" si="632"/>
        <v>GOOD</v>
      </c>
      <c r="BV388" s="1149">
        <f>$X388*_xlfn.XLOOKUP($I388, 'CALCS Aecom (July 25 2025)'!$F:$F, 'CALCS Aecom (July 25 2025)'!BZ:BZ)</f>
        <v>1153288.7345036182</v>
      </c>
      <c r="BW388" s="1149">
        <f>$X388*_xlfn.XLOOKUP($I388, 'CALCS Aecom (July 25 2025)'!$F:$F, 'CALCS Aecom (July 25 2025)'!CC:CC)</f>
        <v>60699.407079137804</v>
      </c>
      <c r="BX388" s="1149">
        <f>$X388*_xlfn.XLOOKUP($I388, 'CALCS Aecom (July 25 2025)'!$F:$F, 'CALCS Aecom (July 25 2025)'!CI:CI)</f>
        <v>17342.687736896514</v>
      </c>
      <c r="BY388" s="1149">
        <f>$X388*_xlfn.XLOOKUP($I388, 'CALCS Aecom (July 25 2025)'!$F:$F, 'CALCS Aecom (July 25 2025)'!BQ:BQ)</f>
        <v>8671.3438684482571</v>
      </c>
      <c r="BZ388" s="1149">
        <f>$X388*_xlfn.XLOOKUP($I388, 'CALCS Aecom (July 25 2025)'!$F:$F, 'CALCS Aecom (July 25 2025)'!BV:BV)</f>
        <v>0</v>
      </c>
      <c r="CA388" s="1149">
        <f>$X388*_xlfn.XLOOKUP($I388, 'CALCS Aecom (July 25 2025)'!$F:$F, 'CALCS Aecom (July 25 2025)'!BR:BR)</f>
        <v>8671.3438684482571</v>
      </c>
      <c r="CB388" s="1149">
        <f>$X388*_xlfn.XLOOKUP($I388, 'CALCS Aecom (July 25 2025)'!$F:$F, 'CALCS Aecom (July 25 2025)'!CD:CD)</f>
        <v>0</v>
      </c>
      <c r="CC388" s="1149">
        <f>$X388*_xlfn.XLOOKUP($I388, 'CALCS Aecom (July 25 2025)'!$F:$F, 'CALCS Aecom (July 25 2025)'!BT:BT)</f>
        <v>8671.3438684482571</v>
      </c>
      <c r="CD388" s="1149">
        <f>$X388*_xlfn.XLOOKUP($I388, 'CALCS Aecom (July 25 2025)'!$F:$F, 'CALCS Aecom (July 25 2025)'!BU:BU)</f>
        <v>0</v>
      </c>
      <c r="CE388" s="1149">
        <f>$X388*_xlfn.XLOOKUP($I388, 'CALCS Aecom (July 25 2025)'!$F:$F, 'CALCS Aecom (July 25 2025)'!BW:BW)</f>
        <v>8671.3438684482571</v>
      </c>
      <c r="CF388" s="1149">
        <f>$X388*_xlfn.XLOOKUP($I388, 'CALCS Aecom (July 25 2025)'!$F:$F, 'CALCS Aecom (July 25 2025)'!BS:BS)</f>
        <v>26014.031605344771</v>
      </c>
      <c r="CG388" s="1149">
        <f>$X388*_xlfn.XLOOKUP($I388, 'CALCS Aecom (July 25 2025)'!$F:$F, 'CALCS Aecom (July 25 2025)'!CE:CE)</f>
        <v>52028.063210689543</v>
      </c>
      <c r="CH388" s="1149">
        <f>$X388*_xlfn.XLOOKUP($I388, 'CALCS Aecom (July 25 2025)'!$F:$F, 'CALCS Aecom (July 25 2025)'!CJ:CJ)</f>
        <v>26668.847046211569</v>
      </c>
      <c r="CI388" s="1149">
        <f>$X388*_xlfn.XLOOKUP($I388, 'CALCS Aecom (July 25 2025)'!$F:$F, 'CALCS Aecom (July 25 2025)'!CB:CB)</f>
        <v>95384.782552930832</v>
      </c>
      <c r="CJ388" s="1149">
        <f>$X388*_xlfn.XLOOKUP($I388, 'CALCS Aecom (July 25 2025)'!$F:$F, 'CALCS Aecom (July 25 2025)'!CF:CF)</f>
        <v>43356.719342241289</v>
      </c>
      <c r="CK388" s="1149">
        <f>$X388*_xlfn.XLOOKUP($I388, 'CALCS Aecom (July 25 2025)'!$F:$F, 'CALCS Aecom (July 25 2025)'!CG:CG)</f>
        <v>8671.3438684482571</v>
      </c>
      <c r="CL388" s="1149"/>
      <c r="CM388" s="898"/>
      <c r="CN388" s="898"/>
      <c r="CO388" s="898"/>
      <c r="CP388" s="898"/>
      <c r="CQ388" s="898"/>
      <c r="CR388" s="898"/>
      <c r="CS388" s="898"/>
      <c r="CT388" s="898"/>
      <c r="CU388" s="898"/>
      <c r="CV388" s="898"/>
      <c r="CW388" s="898"/>
      <c r="CX388" s="898"/>
      <c r="CY388" s="898"/>
      <c r="CZ388" s="898"/>
      <c r="DA388" s="898"/>
      <c r="DB388" s="898"/>
      <c r="DC388" s="898"/>
      <c r="DD388" s="898"/>
      <c r="DE388" s="898"/>
      <c r="DF388" s="898"/>
      <c r="DG388" s="898"/>
      <c r="DH388" s="898"/>
      <c r="DI388" s="1149">
        <f>$X388*_xlfn.XLOOKUP($I388, 'CALCS Aecom (July 25 2025)'!$F:$F, 'CALCS Aecom (July 25 2025)'!CA:CA)</f>
        <v>17342.687736896514</v>
      </c>
      <c r="DJ388" s="1149">
        <f>$X388*_xlfn.XLOOKUP($I388, 'CALCS Aecom (July 25 2025)'!$F:$F, 'CALCS Aecom (July 25 2025)'!BX:BX)</f>
        <v>34685.375473793029</v>
      </c>
      <c r="DK388" s="1149">
        <f>$X388*_xlfn.XLOOKUP($I388, 'CALCS Aecom (July 25 2025)'!$F:$F, 'CALCS Aecom (July 25 2025)'!BY:BY)</f>
        <v>485595.25663310243</v>
      </c>
      <c r="DL388" s="1149">
        <f>$X388*_xlfn.XLOOKUP($I388, 'CALCS Aecom (July 25 2025)'!$F:$F, 'CALCS Aecom (July 25 2025)'!CH:CH)</f>
        <v>17342.687736896514</v>
      </c>
      <c r="DM388" s="661">
        <f t="shared" ref="DM388:DM451" si="681">SUM(BV388:CL388)</f>
        <v>1518139.9924193113</v>
      </c>
      <c r="DN388" s="898">
        <f t="shared" ref="DN388:DN451" si="682">SUM(DI388:DL388)</f>
        <v>554966.00758068857</v>
      </c>
      <c r="DO388" s="516">
        <f t="shared" ref="DO388:DO451" si="683">SUM(CM388:CZ388)</f>
        <v>0</v>
      </c>
      <c r="DP388" s="898">
        <f t="shared" ref="DP388:DP451" si="684">SUM(DA388:DH388)</f>
        <v>0</v>
      </c>
      <c r="DQ388" s="860" t="s">
        <v>4246</v>
      </c>
      <c r="DR388" s="860" t="s">
        <v>4261</v>
      </c>
      <c r="DS388" s="1221" t="s">
        <v>4265</v>
      </c>
      <c r="DT388" s="632"/>
    </row>
    <row r="389" spans="1:124" ht="285" x14ac:dyDescent="0.2">
      <c r="A389" s="484" t="str">
        <f t="shared" si="679"/>
        <v>Maylands Avenue Wayfinding Signage</v>
      </c>
      <c r="B389" s="1163">
        <v>386</v>
      </c>
      <c r="C389" s="1156" t="s">
        <v>4481</v>
      </c>
      <c r="D389" s="481" t="s">
        <v>2481</v>
      </c>
      <c r="E389" s="481" t="s">
        <v>53</v>
      </c>
      <c r="F389" s="481" t="s">
        <v>655</v>
      </c>
      <c r="G389" s="775" t="s">
        <v>932</v>
      </c>
      <c r="H389" s="673" t="s">
        <v>1113</v>
      </c>
      <c r="I389" s="775" t="str">
        <f t="shared" si="607"/>
        <v>SG15-2</v>
      </c>
      <c r="J389" s="673" t="s">
        <v>4482</v>
      </c>
      <c r="K389" s="664" t="s">
        <v>3104</v>
      </c>
      <c r="L389" s="852" t="s">
        <v>4480</v>
      </c>
      <c r="M389" s="515" t="s">
        <v>2986</v>
      </c>
      <c r="N389" s="775" t="s">
        <v>81</v>
      </c>
      <c r="O389" s="654" t="s">
        <v>3051</v>
      </c>
      <c r="P389" s="657" t="s">
        <v>61</v>
      </c>
      <c r="Q389" s="852" t="s">
        <v>122</v>
      </c>
      <c r="R389" s="657"/>
      <c r="S389" s="657"/>
      <c r="T389" s="853">
        <v>20883</v>
      </c>
      <c r="U389" s="854"/>
      <c r="V389" s="657" t="s">
        <v>4245</v>
      </c>
      <c r="W389" s="642">
        <f t="shared" si="629"/>
        <v>0</v>
      </c>
      <c r="X389" s="745">
        <f t="shared" si="630"/>
        <v>20883</v>
      </c>
      <c r="Y389" s="745" t="s">
        <v>4260</v>
      </c>
      <c r="Z389" s="745" t="str">
        <f>_xlfn.XLOOKUP(I389, 'CALCS Aecom (July 25 2025)'!F:F, 'CALCS Aecom (July 25 2025)'!W:W)</f>
        <v>Mutliple Scenario 2 (Step 5)</v>
      </c>
      <c r="AA389" s="650" t="s">
        <v>65</v>
      </c>
      <c r="AB389" s="713" t="str">
        <f t="shared" si="676"/>
        <v>Yes</v>
      </c>
      <c r="AC389" s="713" t="str">
        <f t="shared" si="676"/>
        <v>Yes</v>
      </c>
      <c r="AD389" s="713" t="str">
        <f t="shared" si="676"/>
        <v>Yes</v>
      </c>
      <c r="AE389" s="713" t="str">
        <f t="shared" si="676"/>
        <v>Yes</v>
      </c>
      <c r="AF389" s="713" t="str">
        <f t="shared" si="676"/>
        <v/>
      </c>
      <c r="AG389" s="713" t="str">
        <f t="shared" si="676"/>
        <v>Yes</v>
      </c>
      <c r="AH389" s="713" t="str">
        <f t="shared" si="676"/>
        <v/>
      </c>
      <c r="AI389" s="713" t="str">
        <f t="shared" si="676"/>
        <v>Yes</v>
      </c>
      <c r="AJ389" s="713" t="str">
        <f t="shared" si="676"/>
        <v/>
      </c>
      <c r="AK389" s="713" t="str">
        <f t="shared" si="676"/>
        <v>Yes</v>
      </c>
      <c r="AL389" s="713" t="str">
        <f t="shared" si="677"/>
        <v>Yes</v>
      </c>
      <c r="AM389" s="713" t="str">
        <f t="shared" si="677"/>
        <v>Yes</v>
      </c>
      <c r="AN389" s="713" t="str">
        <f t="shared" si="677"/>
        <v>Yes</v>
      </c>
      <c r="AO389" s="713" t="str">
        <f t="shared" si="677"/>
        <v>Yes</v>
      </c>
      <c r="AP389" s="713" t="str">
        <f t="shared" si="677"/>
        <v>Yes</v>
      </c>
      <c r="AQ389" s="713" t="str">
        <f t="shared" si="677"/>
        <v>Yes</v>
      </c>
      <c r="AR389" s="713" t="str">
        <f t="shared" si="677"/>
        <v/>
      </c>
      <c r="AS389" s="657"/>
      <c r="AT389" s="657"/>
      <c r="AU389" s="657"/>
      <c r="AV389" s="657"/>
      <c r="AW389" s="657"/>
      <c r="AX389" s="657"/>
      <c r="AY389" s="657"/>
      <c r="AZ389" s="657"/>
      <c r="BA389" s="657"/>
      <c r="BB389" s="657"/>
      <c r="BC389" s="657"/>
      <c r="BD389" s="657"/>
      <c r="BE389" s="657"/>
      <c r="BF389" s="657"/>
      <c r="BG389" s="746"/>
      <c r="BH389" s="746"/>
      <c r="BI389" s="746"/>
      <c r="BJ389" s="746"/>
      <c r="BK389" s="746"/>
      <c r="BL389" s="746"/>
      <c r="BM389" s="746"/>
      <c r="BN389" s="746"/>
      <c r="BO389" s="892" t="str">
        <f t="shared" si="678"/>
        <v>Yes</v>
      </c>
      <c r="BP389" s="892" t="str">
        <f t="shared" si="678"/>
        <v>Yes</v>
      </c>
      <c r="BQ389" s="892" t="str">
        <f t="shared" si="678"/>
        <v>Yes</v>
      </c>
      <c r="BR389" s="892" t="str">
        <f t="shared" si="678"/>
        <v>Yes</v>
      </c>
      <c r="BS389" s="884">
        <f t="shared" si="680"/>
        <v>17745</v>
      </c>
      <c r="BT389" s="661">
        <f t="shared" si="631"/>
        <v>1.1768385460693154</v>
      </c>
      <c r="BU389" s="661" t="str">
        <f t="shared" si="632"/>
        <v>GOOD</v>
      </c>
      <c r="BV389" s="1149">
        <f>$X389*_xlfn.XLOOKUP($I389, 'CALCS Aecom (July 25 2025)'!$F:$F, 'CALCS Aecom (July 25 2025)'!BZ:BZ)</f>
        <v>11617.413023086643</v>
      </c>
      <c r="BW389" s="1149">
        <f>$X389*_xlfn.XLOOKUP($I389, 'CALCS Aecom (July 25 2025)'!$F:$F, 'CALCS Aecom (July 25 2025)'!CC:CC)</f>
        <v>611.44279068877074</v>
      </c>
      <c r="BX389" s="1149">
        <f>$X389*_xlfn.XLOOKUP($I389, 'CALCS Aecom (July 25 2025)'!$F:$F, 'CALCS Aecom (July 25 2025)'!CI:CI)</f>
        <v>174.69794019679165</v>
      </c>
      <c r="BY389" s="1149">
        <f>$X389*_xlfn.XLOOKUP($I389, 'CALCS Aecom (July 25 2025)'!$F:$F, 'CALCS Aecom (July 25 2025)'!BQ:BQ)</f>
        <v>87.348970098395824</v>
      </c>
      <c r="BZ389" s="1149">
        <f>$X389*_xlfn.XLOOKUP($I389, 'CALCS Aecom (July 25 2025)'!$F:$F, 'CALCS Aecom (July 25 2025)'!BV:BV)</f>
        <v>0</v>
      </c>
      <c r="CA389" s="1149">
        <f>$X389*_xlfn.XLOOKUP($I389, 'CALCS Aecom (July 25 2025)'!$F:$F, 'CALCS Aecom (July 25 2025)'!BR:BR)</f>
        <v>87.348970098395824</v>
      </c>
      <c r="CB389" s="1149">
        <f>$X389*_xlfn.XLOOKUP($I389, 'CALCS Aecom (July 25 2025)'!$F:$F, 'CALCS Aecom (July 25 2025)'!CD:CD)</f>
        <v>0</v>
      </c>
      <c r="CC389" s="1149">
        <f>$X389*_xlfn.XLOOKUP($I389, 'CALCS Aecom (July 25 2025)'!$F:$F, 'CALCS Aecom (July 25 2025)'!BT:BT)</f>
        <v>87.348970098395824</v>
      </c>
      <c r="CD389" s="1149">
        <f>$X389*_xlfn.XLOOKUP($I389, 'CALCS Aecom (July 25 2025)'!$F:$F, 'CALCS Aecom (July 25 2025)'!BU:BU)</f>
        <v>0</v>
      </c>
      <c r="CE389" s="1149">
        <f>$X389*_xlfn.XLOOKUP($I389, 'CALCS Aecom (July 25 2025)'!$F:$F, 'CALCS Aecom (July 25 2025)'!BW:BW)</f>
        <v>87.348970098395824</v>
      </c>
      <c r="CF389" s="1149">
        <f>$X389*_xlfn.XLOOKUP($I389, 'CALCS Aecom (July 25 2025)'!$F:$F, 'CALCS Aecom (July 25 2025)'!BS:BS)</f>
        <v>262.04691029518744</v>
      </c>
      <c r="CG389" s="1149">
        <f>$X389*_xlfn.XLOOKUP($I389, 'CALCS Aecom (July 25 2025)'!$F:$F, 'CALCS Aecom (July 25 2025)'!CE:CE)</f>
        <v>524.09382059037489</v>
      </c>
      <c r="CH389" s="1149">
        <f>$X389*_xlfn.XLOOKUP($I389, 'CALCS Aecom (July 25 2025)'!$F:$F, 'CALCS Aecom (July 25 2025)'!CJ:CJ)</f>
        <v>268.64305677859028</v>
      </c>
      <c r="CI389" s="1149">
        <f>$X389*_xlfn.XLOOKUP($I389, 'CALCS Aecom (July 25 2025)'!$F:$F, 'CALCS Aecom (July 25 2025)'!CB:CB)</f>
        <v>960.83867108235404</v>
      </c>
      <c r="CJ389" s="1149">
        <f>$X389*_xlfn.XLOOKUP($I389, 'CALCS Aecom (July 25 2025)'!$F:$F, 'CALCS Aecom (July 25 2025)'!CF:CF)</f>
        <v>436.74485049197909</v>
      </c>
      <c r="CK389" s="1149">
        <f>$X389*_xlfn.XLOOKUP($I389, 'CALCS Aecom (July 25 2025)'!$F:$F, 'CALCS Aecom (July 25 2025)'!CG:CG)</f>
        <v>87.348970098395824</v>
      </c>
      <c r="CL389" s="1149"/>
      <c r="CM389" s="898"/>
      <c r="CN389" s="898"/>
      <c r="CO389" s="898"/>
      <c r="CP389" s="898"/>
      <c r="CQ389" s="898"/>
      <c r="CR389" s="898"/>
      <c r="CS389" s="898"/>
      <c r="CT389" s="898"/>
      <c r="CU389" s="898"/>
      <c r="CV389" s="898"/>
      <c r="CW389" s="898"/>
      <c r="CX389" s="898"/>
      <c r="CY389" s="898"/>
      <c r="CZ389" s="898"/>
      <c r="DA389" s="898"/>
      <c r="DB389" s="898"/>
      <c r="DC389" s="898"/>
      <c r="DD389" s="898"/>
      <c r="DE389" s="898"/>
      <c r="DF389" s="898"/>
      <c r="DG389" s="898"/>
      <c r="DH389" s="898"/>
      <c r="DI389" s="1149">
        <f>$X389*_xlfn.XLOOKUP($I389, 'CALCS Aecom (July 25 2025)'!$F:$F, 'CALCS Aecom (July 25 2025)'!CA:CA)</f>
        <v>174.69794019679165</v>
      </c>
      <c r="DJ389" s="1149">
        <f>$X389*_xlfn.XLOOKUP($I389, 'CALCS Aecom (July 25 2025)'!$F:$F, 'CALCS Aecom (July 25 2025)'!BX:BX)</f>
        <v>349.3958803935833</v>
      </c>
      <c r="DK389" s="1149">
        <f>$X389*_xlfn.XLOOKUP($I389, 'CALCS Aecom (July 25 2025)'!$F:$F, 'CALCS Aecom (July 25 2025)'!BY:BY)</f>
        <v>4891.5423255101659</v>
      </c>
      <c r="DL389" s="1149">
        <f>$X389*_xlfn.XLOOKUP($I389, 'CALCS Aecom (July 25 2025)'!$F:$F, 'CALCS Aecom (July 25 2025)'!CH:CH)</f>
        <v>174.69794019679165</v>
      </c>
      <c r="DM389" s="661">
        <f t="shared" si="681"/>
        <v>15292.665913702669</v>
      </c>
      <c r="DN389" s="898">
        <f t="shared" si="682"/>
        <v>5590.3340862973328</v>
      </c>
      <c r="DO389" s="516">
        <f t="shared" si="683"/>
        <v>0</v>
      </c>
      <c r="DP389" s="898">
        <f t="shared" si="684"/>
        <v>0</v>
      </c>
      <c r="DQ389" s="860" t="s">
        <v>4246</v>
      </c>
      <c r="DR389" s="860" t="s">
        <v>4261</v>
      </c>
      <c r="DS389" s="1221" t="s">
        <v>4265</v>
      </c>
      <c r="DT389" s="632"/>
    </row>
    <row r="390" spans="1:124" ht="57" x14ac:dyDescent="0.2">
      <c r="A390" s="484" t="str">
        <f t="shared" si="679"/>
        <v>Longlands side arm pedestrian crossing improvements</v>
      </c>
      <c r="B390" s="1163">
        <v>387</v>
      </c>
      <c r="C390" s="1156" t="s">
        <v>4483</v>
      </c>
      <c r="D390" s="481" t="s">
        <v>2481</v>
      </c>
      <c r="E390" s="481" t="s">
        <v>53</v>
      </c>
      <c r="F390" s="481" t="s">
        <v>655</v>
      </c>
      <c r="G390" s="775" t="s">
        <v>932</v>
      </c>
      <c r="H390" s="673" t="s">
        <v>1115</v>
      </c>
      <c r="I390" s="775" t="str">
        <f t="shared" si="607"/>
        <v>SG16-1</v>
      </c>
      <c r="J390" s="673" t="s">
        <v>1116</v>
      </c>
      <c r="K390" s="664" t="s">
        <v>3104</v>
      </c>
      <c r="L390" s="852" t="s">
        <v>3167</v>
      </c>
      <c r="M390" s="515" t="s">
        <v>4244</v>
      </c>
      <c r="N390" s="665" t="s">
        <v>81</v>
      </c>
      <c r="O390" s="654" t="s">
        <v>3051</v>
      </c>
      <c r="P390" s="657" t="s">
        <v>61</v>
      </c>
      <c r="Q390" s="852" t="s">
        <v>71</v>
      </c>
      <c r="R390" s="657"/>
      <c r="S390" s="657"/>
      <c r="T390" s="853">
        <v>12923</v>
      </c>
      <c r="U390" s="854"/>
      <c r="V390" s="657" t="s">
        <v>4245</v>
      </c>
      <c r="W390" s="642">
        <f t="shared" si="629"/>
        <v>0</v>
      </c>
      <c r="X390" s="745">
        <f t="shared" si="630"/>
        <v>12923</v>
      </c>
      <c r="Y390" s="745" t="s">
        <v>3106</v>
      </c>
      <c r="Z390" s="745" t="str">
        <f>_xlfn.XLOOKUP(I390, 'CALCS Aecom (July 25 2025)'!F:F, 'CALCS Aecom (July 25 2025)'!W:W)</f>
        <v>Multiple Scenario 2 (Step 6)</v>
      </c>
      <c r="AA390" s="650" t="s">
        <v>65</v>
      </c>
      <c r="AB390" s="516" t="s">
        <v>66</v>
      </c>
      <c r="AC390" s="516" t="s">
        <v>66</v>
      </c>
      <c r="AD390" s="516" t="s">
        <v>66</v>
      </c>
      <c r="AE390" s="516" t="s">
        <v>66</v>
      </c>
      <c r="AF390" s="516" t="s">
        <v>66</v>
      </c>
      <c r="AG390" s="516" t="s">
        <v>66</v>
      </c>
      <c r="AH390" s="516" t="s">
        <v>66</v>
      </c>
      <c r="AI390" s="516" t="s">
        <v>66</v>
      </c>
      <c r="AJ390" s="516" t="s">
        <v>66</v>
      </c>
      <c r="AK390" s="516" t="s">
        <v>66</v>
      </c>
      <c r="AL390" s="516" t="s">
        <v>66</v>
      </c>
      <c r="AM390" s="516" t="s">
        <v>66</v>
      </c>
      <c r="AN390" s="516" t="s">
        <v>66</v>
      </c>
      <c r="AO390" s="516" t="s">
        <v>66</v>
      </c>
      <c r="AP390" s="516" t="s">
        <v>66</v>
      </c>
      <c r="AQ390" s="516" t="s">
        <v>66</v>
      </c>
      <c r="AR390" s="516" t="s">
        <v>66</v>
      </c>
      <c r="AS390" s="657"/>
      <c r="AT390" s="657"/>
      <c r="AU390" s="657"/>
      <c r="AV390" s="657"/>
      <c r="AW390" s="657"/>
      <c r="AX390" s="657"/>
      <c r="AY390" s="657"/>
      <c r="AZ390" s="657"/>
      <c r="BA390" s="657"/>
      <c r="BB390" s="657"/>
      <c r="BC390" s="657"/>
      <c r="BD390" s="657"/>
      <c r="BE390" s="657"/>
      <c r="BF390" s="657"/>
      <c r="BG390" s="746"/>
      <c r="BH390" s="746"/>
      <c r="BI390" s="746"/>
      <c r="BJ390" s="746"/>
      <c r="BK390" s="746"/>
      <c r="BL390" s="746"/>
      <c r="BM390" s="746"/>
      <c r="BN390" s="746"/>
      <c r="BO390" s="516" t="s">
        <v>66</v>
      </c>
      <c r="BP390" s="516" t="s">
        <v>66</v>
      </c>
      <c r="BQ390" s="516" t="s">
        <v>66</v>
      </c>
      <c r="BR390" s="516" t="s">
        <v>66</v>
      </c>
      <c r="BS390" s="884">
        <f t="shared" si="680"/>
        <v>21225</v>
      </c>
      <c r="BT390" s="661">
        <f t="shared" si="631"/>
        <v>0.60885747938751478</v>
      </c>
      <c r="BU390" s="661" t="str">
        <f t="shared" si="632"/>
        <v>GOOD</v>
      </c>
      <c r="BV390" s="898">
        <f t="shared" ref="BV390:BV413" si="685">IF(AB390="yes",(AB$3*$BT390),"")</f>
        <v>3044.2873969375737</v>
      </c>
      <c r="BW390" s="898">
        <f t="shared" ref="BW390:BW413" si="686">IF(AC390="yes",(AC$3*$BT390),"")</f>
        <v>121.77149587750296</v>
      </c>
      <c r="BX390" s="898">
        <f t="shared" ref="BX390:BX413" si="687">IF(AD390="yes",(AD$3*$BT390),"")</f>
        <v>273.98586572438165</v>
      </c>
      <c r="BY390" s="898">
        <f t="shared" ref="BY390:BY413" si="688">IF(AE390="yes",(AE$3*$BT390),"")</f>
        <v>213.10011778563018</v>
      </c>
      <c r="BZ390" s="898">
        <f t="shared" ref="BZ390:BZ413" si="689">IF(AF390="yes",(AF$3*$BT390),"")</f>
        <v>304.42873969375739</v>
      </c>
      <c r="CA390" s="898">
        <f t="shared" ref="CA390:CA413" si="690">IF(AG390="yes",(AG$3*$BT390),"")</f>
        <v>292.25159010600709</v>
      </c>
      <c r="CB390" s="898">
        <f t="shared" ref="CB390:CB413" si="691">IF(AH390="yes",(AH$3*$BT390),"")</f>
        <v>60.885747938751479</v>
      </c>
      <c r="CC390" s="898">
        <f t="shared" ref="CC390:CC413" si="692">IF(AI390="yes",(AI$3*$BT390),"")</f>
        <v>237.45441696113076</v>
      </c>
      <c r="CD390" s="898">
        <f t="shared" ref="CD390:CD413" si="693">IF(AJ390="yes",(AJ$3*$BT390),"")</f>
        <v>304.42873969375739</v>
      </c>
      <c r="CE390" s="898">
        <f t="shared" ref="CE390:CE413" si="694">IF(AK390="yes",(AK$3*$BT390),"")</f>
        <v>304.42873969375739</v>
      </c>
      <c r="CF390" s="898">
        <f t="shared" ref="CF390:CF413" si="695">IF(AL390="yes",(AL$3*$BT390),"")</f>
        <v>456.64310954063609</v>
      </c>
      <c r="CG390" s="898">
        <f t="shared" ref="CG390:CG413" si="696">IF(AM390="yes",(AM$3*$BT390),"")</f>
        <v>121.77149587750296</v>
      </c>
      <c r="CH390" s="898">
        <f t="shared" ref="CH390:CH413" si="697">IF(AN390="yes",(AN$3*$BT390),"")</f>
        <v>142.47265017667846</v>
      </c>
      <c r="CI390" s="898">
        <f t="shared" ref="CI390:CI413" si="698">IF(AO390="yes",(AO$3*$BT390),"")</f>
        <v>213.10011778563018</v>
      </c>
      <c r="CJ390" s="898">
        <f t="shared" ref="CJ390:CJ413" si="699">IF(AP390="yes",(AP$3*$BT390),"")</f>
        <v>54.797173144876332</v>
      </c>
      <c r="CK390" s="898">
        <f t="shared" ref="CK390:CK413" si="700">IF(AQ390="yes",(AQ$3*$BT390),"")</f>
        <v>48.708598351001186</v>
      </c>
      <c r="CL390" s="898">
        <f t="shared" ref="CL390:CL413" si="701">IF(AR390="yes",(AR$3*$BT390),"")</f>
        <v>1449.0808009422851</v>
      </c>
      <c r="CM390" s="898" t="str">
        <f t="shared" ref="CM390:CM413" si="702">IF(AS390="yes",(AS$3*$BT390),"")</f>
        <v/>
      </c>
      <c r="CN390" s="898" t="str">
        <f t="shared" ref="CN390:CN413" si="703">IF(AT390="yes",(AT$3*$BT390),"")</f>
        <v/>
      </c>
      <c r="CO390" s="898" t="str">
        <f t="shared" ref="CO390:CO413" si="704">IF(AU390="yes",(AU$3*$BT390),"")</f>
        <v/>
      </c>
      <c r="CP390" s="898" t="str">
        <f t="shared" ref="CP390:CP413" si="705">IF(AV390="yes",(AV$3*$BT390),"")</f>
        <v/>
      </c>
      <c r="CQ390" s="898" t="str">
        <f t="shared" ref="CQ390:CQ413" si="706">IF(AW390="yes",(AW$3*$BT390),"")</f>
        <v/>
      </c>
      <c r="CR390" s="898" t="str">
        <f t="shared" ref="CR390:CR413" si="707">IF(AX390="yes",(AX$3*$BT390),"")</f>
        <v/>
      </c>
      <c r="CS390" s="898" t="str">
        <f t="shared" ref="CS390:CS413" si="708">IF(AY390="yes",(AY$3*$BT390),"")</f>
        <v/>
      </c>
      <c r="CT390" s="898" t="str">
        <f t="shared" ref="CT390:CT413" si="709">IF(AZ390="yes",(AZ$3*$BT390),"")</f>
        <v/>
      </c>
      <c r="CU390" s="898" t="str">
        <f t="shared" ref="CU390:CU413" si="710">IF(BA390="yes",(BA$3*$BT390),"")</f>
        <v/>
      </c>
      <c r="CV390" s="898" t="str">
        <f t="shared" ref="CV390:CV413" si="711">IF(BB390="yes",(BB$3*$BT390),"")</f>
        <v/>
      </c>
      <c r="CW390" s="898" t="str">
        <f t="shared" ref="CW390:CW413" si="712">IF(BC390="yes",(BC$3*$BT390),"")</f>
        <v/>
      </c>
      <c r="CX390" s="898" t="str">
        <f t="shared" ref="CX390:CX413" si="713">IF(BD390="yes",(BD$3*$BT390),"")</f>
        <v/>
      </c>
      <c r="CY390" s="898" t="str">
        <f t="shared" ref="CY390:CY413" si="714">IF(BE390="yes",(BE$3*$BT390),"")</f>
        <v/>
      </c>
      <c r="CZ390" s="898" t="str">
        <f t="shared" ref="CZ390:CZ413" si="715">IF(BF390="yes",(BF$3*$BT390),"")</f>
        <v/>
      </c>
      <c r="DA390" s="898" t="str">
        <f t="shared" ref="DA390:DA413" si="716">IF(BG390="yes",(BG$3*$BT390),"")</f>
        <v/>
      </c>
      <c r="DB390" s="898" t="str">
        <f t="shared" ref="DB390:DB413" si="717">IF(BH390="yes",(BH$3*$BT390),"")</f>
        <v/>
      </c>
      <c r="DC390" s="898" t="str">
        <f t="shared" ref="DC390:DC413" si="718">IF(BI390="yes",(BI$3*$BT390),"")</f>
        <v/>
      </c>
      <c r="DD390" s="898" t="str">
        <f t="shared" ref="DD390:DD413" si="719">IF(BJ390="yes",(BJ$3*$BT390),"")</f>
        <v/>
      </c>
      <c r="DE390" s="898" t="str">
        <f t="shared" ref="DE390:DE413" si="720">IF(BK390="yes",(BK$3*$BT390),"")</f>
        <v/>
      </c>
      <c r="DF390" s="898" t="str">
        <f t="shared" ref="DF390:DF413" si="721">IF(BL390="yes",(BL$3*$BT390),"")</f>
        <v/>
      </c>
      <c r="DG390" s="898" t="str">
        <f t="shared" ref="DG390:DG413" si="722">IF(BM390="yes",(BM$3*$BT390),"")</f>
        <v/>
      </c>
      <c r="DH390" s="898" t="str">
        <f t="shared" ref="DH390:DH413" si="723">IF(BN390="yes",(BN$3*$BT390),"")</f>
        <v/>
      </c>
      <c r="DI390" s="898">
        <f t="shared" ref="DI390:DI413" si="724">IF(BO390="yes",(BO$3*$BT390),"")</f>
        <v>913.28621908127218</v>
      </c>
      <c r="DJ390" s="898">
        <f t="shared" ref="DJ390:DJ413" si="725">IF(BP390="yes",(BP$3*$BT390),"")</f>
        <v>974.17196702002366</v>
      </c>
      <c r="DK390" s="898">
        <f t="shared" ref="DK390:DK413" si="726">IF(BQ390="yes",(BQ$3*$BT390),"")</f>
        <v>1461.2579505300355</v>
      </c>
      <c r="DL390" s="898">
        <f t="shared" ref="DL390:DL413" si="727">IF(BR390="yes",(BR$3*$BT390),"")</f>
        <v>1930.6870671378094</v>
      </c>
      <c r="DM390" s="661">
        <f t="shared" si="681"/>
        <v>7643.5967962308605</v>
      </c>
      <c r="DN390" s="898">
        <f t="shared" si="682"/>
        <v>5279.4032037691404</v>
      </c>
      <c r="DO390" s="516">
        <f t="shared" si="683"/>
        <v>0</v>
      </c>
      <c r="DP390" s="898">
        <f t="shared" si="684"/>
        <v>0</v>
      </c>
      <c r="DQ390" s="860" t="s">
        <v>4246</v>
      </c>
      <c r="DR390" s="610" t="s">
        <v>4247</v>
      </c>
      <c r="DS390" s="1221" t="s">
        <v>4248</v>
      </c>
      <c r="DT390" s="632"/>
    </row>
    <row r="391" spans="1:124" ht="57" x14ac:dyDescent="0.2">
      <c r="A391" s="484" t="str">
        <f t="shared" si="679"/>
        <v>Longlands Additional Zebra Crossings</v>
      </c>
      <c r="B391" s="1163">
        <v>388</v>
      </c>
      <c r="C391" s="1156" t="s">
        <v>4484</v>
      </c>
      <c r="D391" s="481" t="s">
        <v>2481</v>
      </c>
      <c r="E391" s="481" t="s">
        <v>53</v>
      </c>
      <c r="F391" s="481" t="s">
        <v>655</v>
      </c>
      <c r="G391" s="775" t="s">
        <v>932</v>
      </c>
      <c r="H391" s="673" t="s">
        <v>1117</v>
      </c>
      <c r="I391" s="775" t="str">
        <f t="shared" si="607"/>
        <v>SG16-2</v>
      </c>
      <c r="J391" s="673" t="s">
        <v>1118</v>
      </c>
      <c r="K391" s="664" t="s">
        <v>3104</v>
      </c>
      <c r="L391" s="852" t="s">
        <v>3167</v>
      </c>
      <c r="M391" s="515" t="s">
        <v>4244</v>
      </c>
      <c r="N391" s="775" t="s">
        <v>81</v>
      </c>
      <c r="O391" s="654" t="s">
        <v>3051</v>
      </c>
      <c r="P391" s="657" t="s">
        <v>61</v>
      </c>
      <c r="Q391" s="852" t="s">
        <v>71</v>
      </c>
      <c r="R391" s="657"/>
      <c r="S391" s="657"/>
      <c r="T391" s="853">
        <v>272111</v>
      </c>
      <c r="U391" s="854"/>
      <c r="V391" s="657" t="s">
        <v>4245</v>
      </c>
      <c r="W391" s="642">
        <f t="shared" ref="W391:W422" si="728">T391-X391</f>
        <v>0</v>
      </c>
      <c r="X391" s="745">
        <f t="shared" ref="X391:X422" si="729">IF(ISTEXT(T391),T391,T391-U391)</f>
        <v>272111</v>
      </c>
      <c r="Y391" s="745" t="s">
        <v>3106</v>
      </c>
      <c r="Z391" s="745" t="str">
        <f>_xlfn.XLOOKUP(I391, 'CALCS Aecom (July 25 2025)'!F:F, 'CALCS Aecom (July 25 2025)'!W:W)</f>
        <v>Multiple Scenario 2 (Step 6)</v>
      </c>
      <c r="AA391" s="650" t="s">
        <v>65</v>
      </c>
      <c r="AB391" s="516" t="s">
        <v>66</v>
      </c>
      <c r="AC391" s="516" t="s">
        <v>66</v>
      </c>
      <c r="AD391" s="516" t="s">
        <v>66</v>
      </c>
      <c r="AE391" s="516" t="s">
        <v>66</v>
      </c>
      <c r="AF391" s="516" t="s">
        <v>66</v>
      </c>
      <c r="AG391" s="516" t="s">
        <v>66</v>
      </c>
      <c r="AH391" s="516" t="s">
        <v>66</v>
      </c>
      <c r="AI391" s="516" t="s">
        <v>66</v>
      </c>
      <c r="AJ391" s="516" t="s">
        <v>66</v>
      </c>
      <c r="AK391" s="516" t="s">
        <v>66</v>
      </c>
      <c r="AL391" s="516" t="s">
        <v>66</v>
      </c>
      <c r="AM391" s="516" t="s">
        <v>66</v>
      </c>
      <c r="AN391" s="516" t="s">
        <v>66</v>
      </c>
      <c r="AO391" s="516" t="s">
        <v>66</v>
      </c>
      <c r="AP391" s="516" t="s">
        <v>66</v>
      </c>
      <c r="AQ391" s="516" t="s">
        <v>66</v>
      </c>
      <c r="AR391" s="516" t="s">
        <v>66</v>
      </c>
      <c r="AS391" s="657"/>
      <c r="AT391" s="657"/>
      <c r="AU391" s="657"/>
      <c r="AV391" s="657"/>
      <c r="AW391" s="657"/>
      <c r="AX391" s="657"/>
      <c r="AY391" s="657"/>
      <c r="AZ391" s="657"/>
      <c r="BA391" s="657"/>
      <c r="BB391" s="657"/>
      <c r="BC391" s="657"/>
      <c r="BD391" s="657"/>
      <c r="BE391" s="657"/>
      <c r="BF391" s="657"/>
      <c r="BG391" s="746"/>
      <c r="BH391" s="746"/>
      <c r="BI391" s="746"/>
      <c r="BJ391" s="746"/>
      <c r="BK391" s="746"/>
      <c r="BL391" s="746"/>
      <c r="BM391" s="746"/>
      <c r="BN391" s="746"/>
      <c r="BO391" s="516" t="s">
        <v>66</v>
      </c>
      <c r="BP391" s="516" t="s">
        <v>66</v>
      </c>
      <c r="BQ391" s="516" t="s">
        <v>66</v>
      </c>
      <c r="BR391" s="516" t="s">
        <v>66</v>
      </c>
      <c r="BS391" s="884">
        <f t="shared" si="680"/>
        <v>21225</v>
      </c>
      <c r="BT391" s="661">
        <f t="shared" si="631"/>
        <v>12.820306242638399</v>
      </c>
      <c r="BU391" s="661" t="str">
        <f t="shared" si="632"/>
        <v>GOOD</v>
      </c>
      <c r="BV391" s="898">
        <f t="shared" si="685"/>
        <v>64101.531213191993</v>
      </c>
      <c r="BW391" s="898">
        <f t="shared" si="686"/>
        <v>2564.0612485276797</v>
      </c>
      <c r="BX391" s="898">
        <f t="shared" si="687"/>
        <v>5769.1378091872793</v>
      </c>
      <c r="BY391" s="898">
        <f t="shared" si="688"/>
        <v>4487.1071849234395</v>
      </c>
      <c r="BZ391" s="898">
        <f t="shared" si="689"/>
        <v>6410.1531213191993</v>
      </c>
      <c r="CA391" s="898">
        <f t="shared" si="690"/>
        <v>6153.7469964664315</v>
      </c>
      <c r="CB391" s="898">
        <f t="shared" si="691"/>
        <v>1282.0306242638399</v>
      </c>
      <c r="CC391" s="898">
        <f t="shared" si="692"/>
        <v>4999.9194346289751</v>
      </c>
      <c r="CD391" s="898">
        <f t="shared" si="693"/>
        <v>6410.1531213191993</v>
      </c>
      <c r="CE391" s="898">
        <f t="shared" si="694"/>
        <v>6410.1531213191993</v>
      </c>
      <c r="CF391" s="898">
        <f t="shared" si="695"/>
        <v>9615.2296819787989</v>
      </c>
      <c r="CG391" s="898">
        <f t="shared" si="696"/>
        <v>2564.0612485276797</v>
      </c>
      <c r="CH391" s="898">
        <f t="shared" si="697"/>
        <v>2999.9516607773853</v>
      </c>
      <c r="CI391" s="898">
        <f t="shared" si="698"/>
        <v>4487.1071849234395</v>
      </c>
      <c r="CJ391" s="898">
        <f t="shared" si="699"/>
        <v>1153.827561837456</v>
      </c>
      <c r="CK391" s="898">
        <f t="shared" si="700"/>
        <v>1025.6244994110718</v>
      </c>
      <c r="CL391" s="898">
        <f t="shared" si="701"/>
        <v>30512.328857479388</v>
      </c>
      <c r="CM391" s="898" t="str">
        <f t="shared" si="702"/>
        <v/>
      </c>
      <c r="CN391" s="898" t="str">
        <f t="shared" si="703"/>
        <v/>
      </c>
      <c r="CO391" s="898" t="str">
        <f t="shared" si="704"/>
        <v/>
      </c>
      <c r="CP391" s="898" t="str">
        <f t="shared" si="705"/>
        <v/>
      </c>
      <c r="CQ391" s="898" t="str">
        <f t="shared" si="706"/>
        <v/>
      </c>
      <c r="CR391" s="898" t="str">
        <f t="shared" si="707"/>
        <v/>
      </c>
      <c r="CS391" s="898" t="str">
        <f t="shared" si="708"/>
        <v/>
      </c>
      <c r="CT391" s="898" t="str">
        <f t="shared" si="709"/>
        <v/>
      </c>
      <c r="CU391" s="898" t="str">
        <f t="shared" si="710"/>
        <v/>
      </c>
      <c r="CV391" s="898" t="str">
        <f t="shared" si="711"/>
        <v/>
      </c>
      <c r="CW391" s="898" t="str">
        <f t="shared" si="712"/>
        <v/>
      </c>
      <c r="CX391" s="898" t="str">
        <f t="shared" si="713"/>
        <v/>
      </c>
      <c r="CY391" s="898" t="str">
        <f t="shared" si="714"/>
        <v/>
      </c>
      <c r="CZ391" s="898" t="str">
        <f t="shared" si="715"/>
        <v/>
      </c>
      <c r="DA391" s="898" t="str">
        <f t="shared" si="716"/>
        <v/>
      </c>
      <c r="DB391" s="898" t="str">
        <f t="shared" si="717"/>
        <v/>
      </c>
      <c r="DC391" s="898" t="str">
        <f t="shared" si="718"/>
        <v/>
      </c>
      <c r="DD391" s="898" t="str">
        <f t="shared" si="719"/>
        <v/>
      </c>
      <c r="DE391" s="898" t="str">
        <f t="shared" si="720"/>
        <v/>
      </c>
      <c r="DF391" s="898" t="str">
        <f t="shared" si="721"/>
        <v/>
      </c>
      <c r="DG391" s="898" t="str">
        <f t="shared" si="722"/>
        <v/>
      </c>
      <c r="DH391" s="898" t="str">
        <f t="shared" si="723"/>
        <v/>
      </c>
      <c r="DI391" s="898">
        <f t="shared" si="724"/>
        <v>19230.459363957598</v>
      </c>
      <c r="DJ391" s="898">
        <f t="shared" si="725"/>
        <v>20512.489988221438</v>
      </c>
      <c r="DK391" s="898">
        <f t="shared" si="726"/>
        <v>30768.734982332157</v>
      </c>
      <c r="DL391" s="898">
        <f t="shared" si="727"/>
        <v>40653.191095406364</v>
      </c>
      <c r="DM391" s="661">
        <f t="shared" si="681"/>
        <v>160946.12457008247</v>
      </c>
      <c r="DN391" s="898">
        <f t="shared" si="682"/>
        <v>111164.87542991756</v>
      </c>
      <c r="DO391" s="516">
        <f t="shared" si="683"/>
        <v>0</v>
      </c>
      <c r="DP391" s="898">
        <f t="shared" si="684"/>
        <v>0</v>
      </c>
      <c r="DQ391" s="860" t="s">
        <v>4246</v>
      </c>
      <c r="DR391" s="610" t="s">
        <v>4247</v>
      </c>
      <c r="DS391" s="1221" t="s">
        <v>4248</v>
      </c>
      <c r="DT391" s="632"/>
    </row>
    <row r="392" spans="1:124" ht="85.5" x14ac:dyDescent="0.2">
      <c r="A392" s="484" t="str">
        <f t="shared" si="679"/>
        <v>Longlands Pavement Parking Prevention</v>
      </c>
      <c r="B392" s="1163">
        <v>389</v>
      </c>
      <c r="C392" s="1156" t="s">
        <v>4485</v>
      </c>
      <c r="D392" s="481" t="s">
        <v>2481</v>
      </c>
      <c r="E392" s="481" t="s">
        <v>53</v>
      </c>
      <c r="F392" s="481" t="s">
        <v>655</v>
      </c>
      <c r="G392" s="775" t="s">
        <v>900</v>
      </c>
      <c r="H392" s="673" t="s">
        <v>1119</v>
      </c>
      <c r="I392" s="775" t="str">
        <f t="shared" si="607"/>
        <v>SG16-3</v>
      </c>
      <c r="J392" s="673" t="s">
        <v>1120</v>
      </c>
      <c r="K392" s="664" t="s">
        <v>3104</v>
      </c>
      <c r="L392" s="852" t="s">
        <v>3167</v>
      </c>
      <c r="M392" s="515" t="s">
        <v>4244</v>
      </c>
      <c r="N392" s="665" t="s">
        <v>81</v>
      </c>
      <c r="O392" s="654" t="s">
        <v>3051</v>
      </c>
      <c r="P392" s="657" t="s">
        <v>61</v>
      </c>
      <c r="Q392" s="852" t="s">
        <v>71</v>
      </c>
      <c r="R392" s="657"/>
      <c r="S392" s="657"/>
      <c r="T392" s="853">
        <v>53644</v>
      </c>
      <c r="U392" s="854"/>
      <c r="V392" s="657" t="s">
        <v>4245</v>
      </c>
      <c r="W392" s="642">
        <f t="shared" si="728"/>
        <v>0</v>
      </c>
      <c r="X392" s="745">
        <f t="shared" si="729"/>
        <v>53644</v>
      </c>
      <c r="Y392" s="745" t="s">
        <v>3106</v>
      </c>
      <c r="Z392" s="745" t="str">
        <f>_xlfn.XLOOKUP(I392, 'CALCS Aecom (July 25 2025)'!F:F, 'CALCS Aecom (July 25 2025)'!W:W)</f>
        <v>Multiple Scenario 2 (Step 6)</v>
      </c>
      <c r="AA392" s="650" t="s">
        <v>65</v>
      </c>
      <c r="AB392" s="516" t="s">
        <v>66</v>
      </c>
      <c r="AC392" s="516" t="s">
        <v>66</v>
      </c>
      <c r="AD392" s="516" t="s">
        <v>66</v>
      </c>
      <c r="AE392" s="516" t="s">
        <v>66</v>
      </c>
      <c r="AF392" s="516" t="s">
        <v>66</v>
      </c>
      <c r="AG392" s="516" t="s">
        <v>66</v>
      </c>
      <c r="AH392" s="516" t="s">
        <v>66</v>
      </c>
      <c r="AI392" s="516" t="s">
        <v>66</v>
      </c>
      <c r="AJ392" s="516" t="s">
        <v>66</v>
      </c>
      <c r="AK392" s="516" t="s">
        <v>66</v>
      </c>
      <c r="AL392" s="516" t="s">
        <v>66</v>
      </c>
      <c r="AM392" s="516" t="s">
        <v>66</v>
      </c>
      <c r="AN392" s="516" t="s">
        <v>66</v>
      </c>
      <c r="AO392" s="516" t="s">
        <v>66</v>
      </c>
      <c r="AP392" s="516" t="s">
        <v>66</v>
      </c>
      <c r="AQ392" s="516" t="s">
        <v>66</v>
      </c>
      <c r="AR392" s="516" t="s">
        <v>66</v>
      </c>
      <c r="AS392" s="892"/>
      <c r="AT392" s="892"/>
      <c r="AU392" s="892"/>
      <c r="AV392" s="661"/>
      <c r="AW392" s="892"/>
      <c r="AX392" s="892"/>
      <c r="AY392" s="892"/>
      <c r="AZ392" s="661"/>
      <c r="BA392" s="892"/>
      <c r="BB392" s="661"/>
      <c r="BC392" s="661"/>
      <c r="BD392" s="892"/>
      <c r="BE392" s="661"/>
      <c r="BF392" s="661"/>
      <c r="BG392" s="746"/>
      <c r="BH392" s="746"/>
      <c r="BI392" s="746"/>
      <c r="BJ392" s="746"/>
      <c r="BK392" s="746"/>
      <c r="BL392" s="746"/>
      <c r="BM392" s="746"/>
      <c r="BN392" s="746"/>
      <c r="BO392" s="516" t="s">
        <v>66</v>
      </c>
      <c r="BP392" s="516" t="s">
        <v>66</v>
      </c>
      <c r="BQ392" s="516" t="s">
        <v>66</v>
      </c>
      <c r="BR392" s="516" t="s">
        <v>66</v>
      </c>
      <c r="BS392" s="884">
        <f t="shared" si="680"/>
        <v>21225</v>
      </c>
      <c r="BT392" s="661">
        <f t="shared" si="631"/>
        <v>2.5273969375736161</v>
      </c>
      <c r="BU392" s="661" t="str">
        <f t="shared" si="632"/>
        <v>GOOD</v>
      </c>
      <c r="BV392" s="898">
        <f t="shared" si="685"/>
        <v>12636.98468786808</v>
      </c>
      <c r="BW392" s="898">
        <f t="shared" si="686"/>
        <v>505.47938751472321</v>
      </c>
      <c r="BX392" s="898">
        <f t="shared" si="687"/>
        <v>1137.3286219081272</v>
      </c>
      <c r="BY392" s="898">
        <f t="shared" si="688"/>
        <v>884.58892815076558</v>
      </c>
      <c r="BZ392" s="898">
        <f t="shared" si="689"/>
        <v>1263.698468786808</v>
      </c>
      <c r="CA392" s="898">
        <f t="shared" si="690"/>
        <v>1213.1505300353358</v>
      </c>
      <c r="CB392" s="898">
        <f t="shared" si="691"/>
        <v>252.73969375736161</v>
      </c>
      <c r="CC392" s="898">
        <f t="shared" si="692"/>
        <v>985.68480565371021</v>
      </c>
      <c r="CD392" s="898">
        <f t="shared" si="693"/>
        <v>1263.698468786808</v>
      </c>
      <c r="CE392" s="898">
        <f t="shared" si="694"/>
        <v>1263.698468786808</v>
      </c>
      <c r="CF392" s="898">
        <f t="shared" si="695"/>
        <v>1895.547703180212</v>
      </c>
      <c r="CG392" s="898">
        <f t="shared" si="696"/>
        <v>505.47938751472321</v>
      </c>
      <c r="CH392" s="898">
        <f t="shared" si="697"/>
        <v>591.4108833922262</v>
      </c>
      <c r="CI392" s="898">
        <f t="shared" si="698"/>
        <v>884.58892815076558</v>
      </c>
      <c r="CJ392" s="898">
        <f t="shared" si="699"/>
        <v>227.46572438162545</v>
      </c>
      <c r="CK392" s="898">
        <f t="shared" si="700"/>
        <v>202.19175500588929</v>
      </c>
      <c r="CL392" s="898">
        <f t="shared" si="701"/>
        <v>6015.2047114252064</v>
      </c>
      <c r="CM392" s="898" t="str">
        <f t="shared" si="702"/>
        <v/>
      </c>
      <c r="CN392" s="898" t="str">
        <f t="shared" si="703"/>
        <v/>
      </c>
      <c r="CO392" s="898" t="str">
        <f t="shared" si="704"/>
        <v/>
      </c>
      <c r="CP392" s="898" t="str">
        <f t="shared" si="705"/>
        <v/>
      </c>
      <c r="CQ392" s="898" t="str">
        <f t="shared" si="706"/>
        <v/>
      </c>
      <c r="CR392" s="898" t="str">
        <f t="shared" si="707"/>
        <v/>
      </c>
      <c r="CS392" s="898" t="str">
        <f t="shared" si="708"/>
        <v/>
      </c>
      <c r="CT392" s="898" t="str">
        <f t="shared" si="709"/>
        <v/>
      </c>
      <c r="CU392" s="898" t="str">
        <f t="shared" si="710"/>
        <v/>
      </c>
      <c r="CV392" s="898" t="str">
        <f t="shared" si="711"/>
        <v/>
      </c>
      <c r="CW392" s="898" t="str">
        <f t="shared" si="712"/>
        <v/>
      </c>
      <c r="CX392" s="898" t="str">
        <f t="shared" si="713"/>
        <v/>
      </c>
      <c r="CY392" s="898" t="str">
        <f t="shared" si="714"/>
        <v/>
      </c>
      <c r="CZ392" s="898" t="str">
        <f t="shared" si="715"/>
        <v/>
      </c>
      <c r="DA392" s="898" t="str">
        <f t="shared" si="716"/>
        <v/>
      </c>
      <c r="DB392" s="898" t="str">
        <f t="shared" si="717"/>
        <v/>
      </c>
      <c r="DC392" s="898" t="str">
        <f t="shared" si="718"/>
        <v/>
      </c>
      <c r="DD392" s="898" t="str">
        <f t="shared" si="719"/>
        <v/>
      </c>
      <c r="DE392" s="898" t="str">
        <f t="shared" si="720"/>
        <v/>
      </c>
      <c r="DF392" s="898" t="str">
        <f t="shared" si="721"/>
        <v/>
      </c>
      <c r="DG392" s="898" t="str">
        <f t="shared" si="722"/>
        <v/>
      </c>
      <c r="DH392" s="898" t="str">
        <f t="shared" si="723"/>
        <v/>
      </c>
      <c r="DI392" s="898">
        <f t="shared" si="724"/>
        <v>3791.095406360424</v>
      </c>
      <c r="DJ392" s="898">
        <f t="shared" si="725"/>
        <v>4043.8351001177857</v>
      </c>
      <c r="DK392" s="898">
        <f t="shared" si="726"/>
        <v>6065.7526501766788</v>
      </c>
      <c r="DL392" s="898">
        <f t="shared" si="727"/>
        <v>8014.3756890459363</v>
      </c>
      <c r="DM392" s="661">
        <f t="shared" si="681"/>
        <v>31728.941154299173</v>
      </c>
      <c r="DN392" s="898">
        <f t="shared" si="682"/>
        <v>21915.058845700823</v>
      </c>
      <c r="DO392" s="516">
        <f t="shared" si="683"/>
        <v>0</v>
      </c>
      <c r="DP392" s="898">
        <f t="shared" si="684"/>
        <v>0</v>
      </c>
      <c r="DQ392" s="860" t="s">
        <v>4246</v>
      </c>
      <c r="DR392" s="610" t="s">
        <v>4247</v>
      </c>
      <c r="DS392" s="1221" t="s">
        <v>4248</v>
      </c>
      <c r="DT392" s="632"/>
    </row>
    <row r="393" spans="1:124" ht="57" x14ac:dyDescent="0.2">
      <c r="A393" s="484" t="str">
        <f t="shared" si="679"/>
        <v>Longlands Shared Use Cycle Path</v>
      </c>
      <c r="B393" s="1163">
        <v>390</v>
      </c>
      <c r="C393" s="1156" t="s">
        <v>4486</v>
      </c>
      <c r="D393" s="481" t="s">
        <v>2481</v>
      </c>
      <c r="E393" s="481" t="s">
        <v>53</v>
      </c>
      <c r="F393" s="481" t="s">
        <v>655</v>
      </c>
      <c r="G393" s="775" t="s">
        <v>932</v>
      </c>
      <c r="H393" s="855" t="s">
        <v>1121</v>
      </c>
      <c r="I393" s="775" t="str">
        <f t="shared" si="607"/>
        <v>SG16-4</v>
      </c>
      <c r="J393" s="673" t="s">
        <v>1122</v>
      </c>
      <c r="K393" s="664" t="s">
        <v>3104</v>
      </c>
      <c r="L393" s="852" t="s">
        <v>3167</v>
      </c>
      <c r="M393" s="515" t="s">
        <v>4244</v>
      </c>
      <c r="N393" s="775" t="s">
        <v>81</v>
      </c>
      <c r="O393" s="654" t="s">
        <v>3051</v>
      </c>
      <c r="P393" s="657" t="s">
        <v>61</v>
      </c>
      <c r="Q393" s="852" t="s">
        <v>71</v>
      </c>
      <c r="R393" s="657"/>
      <c r="S393" s="657"/>
      <c r="T393" s="853">
        <v>1142233</v>
      </c>
      <c r="U393" s="854"/>
      <c r="V393" s="657" t="s">
        <v>4245</v>
      </c>
      <c r="W393" s="642">
        <f t="shared" si="728"/>
        <v>0</v>
      </c>
      <c r="X393" s="745">
        <f t="shared" si="729"/>
        <v>1142233</v>
      </c>
      <c r="Y393" s="745" t="s">
        <v>3106</v>
      </c>
      <c r="Z393" s="745" t="str">
        <f>_xlfn.XLOOKUP(I393, 'CALCS Aecom (July 25 2025)'!F:F, 'CALCS Aecom (July 25 2025)'!W:W)</f>
        <v>Multiple Scenario 2 (Step 6)</v>
      </c>
      <c r="AA393" s="650" t="s">
        <v>65</v>
      </c>
      <c r="AB393" s="516" t="s">
        <v>66</v>
      </c>
      <c r="AC393" s="516" t="s">
        <v>66</v>
      </c>
      <c r="AD393" s="516" t="s">
        <v>66</v>
      </c>
      <c r="AE393" s="516" t="s">
        <v>66</v>
      </c>
      <c r="AF393" s="516" t="s">
        <v>66</v>
      </c>
      <c r="AG393" s="516" t="s">
        <v>66</v>
      </c>
      <c r="AH393" s="516" t="s">
        <v>66</v>
      </c>
      <c r="AI393" s="516" t="s">
        <v>66</v>
      </c>
      <c r="AJ393" s="516" t="s">
        <v>66</v>
      </c>
      <c r="AK393" s="516" t="s">
        <v>66</v>
      </c>
      <c r="AL393" s="516" t="s">
        <v>66</v>
      </c>
      <c r="AM393" s="516" t="s">
        <v>66</v>
      </c>
      <c r="AN393" s="516" t="s">
        <v>66</v>
      </c>
      <c r="AO393" s="516" t="s">
        <v>66</v>
      </c>
      <c r="AP393" s="516" t="s">
        <v>66</v>
      </c>
      <c r="AQ393" s="516" t="s">
        <v>66</v>
      </c>
      <c r="AR393" s="516" t="s">
        <v>66</v>
      </c>
      <c r="AS393" s="892"/>
      <c r="AT393" s="892"/>
      <c r="AU393" s="892"/>
      <c r="AV393" s="661"/>
      <c r="AW393" s="892"/>
      <c r="AX393" s="892"/>
      <c r="AY393" s="892"/>
      <c r="AZ393" s="661"/>
      <c r="BA393" s="892"/>
      <c r="BB393" s="661"/>
      <c r="BC393" s="661"/>
      <c r="BD393" s="892"/>
      <c r="BE393" s="661"/>
      <c r="BF393" s="661"/>
      <c r="BG393" s="746"/>
      <c r="BH393" s="746"/>
      <c r="BI393" s="746"/>
      <c r="BJ393" s="746"/>
      <c r="BK393" s="746"/>
      <c r="BL393" s="746"/>
      <c r="BM393" s="746"/>
      <c r="BN393" s="746"/>
      <c r="BO393" s="516" t="s">
        <v>66</v>
      </c>
      <c r="BP393" s="516" t="s">
        <v>66</v>
      </c>
      <c r="BQ393" s="516" t="s">
        <v>66</v>
      </c>
      <c r="BR393" s="516" t="s">
        <v>66</v>
      </c>
      <c r="BS393" s="884">
        <f t="shared" si="680"/>
        <v>21225</v>
      </c>
      <c r="BT393" s="661">
        <f t="shared" si="631"/>
        <v>53.81545347467609</v>
      </c>
      <c r="BU393" s="661" t="str">
        <f t="shared" si="632"/>
        <v>GOOD</v>
      </c>
      <c r="BV393" s="898">
        <f t="shared" si="685"/>
        <v>269077.26737338043</v>
      </c>
      <c r="BW393" s="898">
        <f t="shared" si="686"/>
        <v>10763.090694935217</v>
      </c>
      <c r="BX393" s="898">
        <f t="shared" si="687"/>
        <v>24216.95406360424</v>
      </c>
      <c r="BY393" s="898">
        <f t="shared" si="688"/>
        <v>18835.408716136633</v>
      </c>
      <c r="BZ393" s="898">
        <f t="shared" si="689"/>
        <v>26907.726737338045</v>
      </c>
      <c r="CA393" s="898">
        <f t="shared" si="690"/>
        <v>25831.417667844522</v>
      </c>
      <c r="CB393" s="898">
        <f t="shared" si="691"/>
        <v>5381.5453474676087</v>
      </c>
      <c r="CC393" s="898">
        <f t="shared" si="692"/>
        <v>20988.026855123677</v>
      </c>
      <c r="CD393" s="898">
        <f t="shared" si="693"/>
        <v>26907.726737338045</v>
      </c>
      <c r="CE393" s="898">
        <f t="shared" si="694"/>
        <v>26907.726737338045</v>
      </c>
      <c r="CF393" s="898">
        <f t="shared" si="695"/>
        <v>40361.590106007068</v>
      </c>
      <c r="CG393" s="898">
        <f t="shared" si="696"/>
        <v>10763.090694935217</v>
      </c>
      <c r="CH393" s="898">
        <f t="shared" si="697"/>
        <v>12592.816113074205</v>
      </c>
      <c r="CI393" s="898">
        <f t="shared" si="698"/>
        <v>18835.408716136633</v>
      </c>
      <c r="CJ393" s="898">
        <f t="shared" si="699"/>
        <v>4843.3908127208479</v>
      </c>
      <c r="CK393" s="898">
        <f t="shared" si="700"/>
        <v>4305.236277974087</v>
      </c>
      <c r="CL393" s="898">
        <f t="shared" si="701"/>
        <v>128080.7792697291</v>
      </c>
      <c r="CM393" s="898" t="str">
        <f t="shared" si="702"/>
        <v/>
      </c>
      <c r="CN393" s="898" t="str">
        <f t="shared" si="703"/>
        <v/>
      </c>
      <c r="CO393" s="898" t="str">
        <f t="shared" si="704"/>
        <v/>
      </c>
      <c r="CP393" s="898" t="str">
        <f t="shared" si="705"/>
        <v/>
      </c>
      <c r="CQ393" s="898" t="str">
        <f t="shared" si="706"/>
        <v/>
      </c>
      <c r="CR393" s="898" t="str">
        <f t="shared" si="707"/>
        <v/>
      </c>
      <c r="CS393" s="898" t="str">
        <f t="shared" si="708"/>
        <v/>
      </c>
      <c r="CT393" s="898" t="str">
        <f t="shared" si="709"/>
        <v/>
      </c>
      <c r="CU393" s="898" t="str">
        <f t="shared" si="710"/>
        <v/>
      </c>
      <c r="CV393" s="898" t="str">
        <f t="shared" si="711"/>
        <v/>
      </c>
      <c r="CW393" s="898" t="str">
        <f t="shared" si="712"/>
        <v/>
      </c>
      <c r="CX393" s="898" t="str">
        <f t="shared" si="713"/>
        <v/>
      </c>
      <c r="CY393" s="898" t="str">
        <f t="shared" si="714"/>
        <v/>
      </c>
      <c r="CZ393" s="898" t="str">
        <f t="shared" si="715"/>
        <v/>
      </c>
      <c r="DA393" s="898" t="str">
        <f t="shared" si="716"/>
        <v/>
      </c>
      <c r="DB393" s="898" t="str">
        <f t="shared" si="717"/>
        <v/>
      </c>
      <c r="DC393" s="898" t="str">
        <f t="shared" si="718"/>
        <v/>
      </c>
      <c r="DD393" s="898" t="str">
        <f t="shared" si="719"/>
        <v/>
      </c>
      <c r="DE393" s="898" t="str">
        <f t="shared" si="720"/>
        <v/>
      </c>
      <c r="DF393" s="898" t="str">
        <f t="shared" si="721"/>
        <v/>
      </c>
      <c r="DG393" s="898" t="str">
        <f t="shared" si="722"/>
        <v/>
      </c>
      <c r="DH393" s="898" t="str">
        <f t="shared" si="723"/>
        <v/>
      </c>
      <c r="DI393" s="898">
        <f t="shared" si="724"/>
        <v>80723.180212014136</v>
      </c>
      <c r="DJ393" s="898">
        <f t="shared" si="725"/>
        <v>86104.72555948174</v>
      </c>
      <c r="DK393" s="898">
        <f t="shared" si="726"/>
        <v>129157.08833922261</v>
      </c>
      <c r="DL393" s="898">
        <f t="shared" si="727"/>
        <v>170648.80296819788</v>
      </c>
      <c r="DM393" s="661">
        <f t="shared" si="681"/>
        <v>675599.20292108366</v>
      </c>
      <c r="DN393" s="898">
        <f t="shared" si="682"/>
        <v>466633.79707891634</v>
      </c>
      <c r="DO393" s="516">
        <f t="shared" si="683"/>
        <v>0</v>
      </c>
      <c r="DP393" s="898">
        <f t="shared" si="684"/>
        <v>0</v>
      </c>
      <c r="DQ393" s="860" t="s">
        <v>4246</v>
      </c>
      <c r="DR393" s="610" t="s">
        <v>4247</v>
      </c>
      <c r="DS393" s="1221" t="s">
        <v>4248</v>
      </c>
      <c r="DT393" s="632"/>
    </row>
    <row r="394" spans="1:124" ht="57" x14ac:dyDescent="0.2">
      <c r="A394" s="484" t="str">
        <f t="shared" si="679"/>
        <v>Continuous Pavement crossings at Fields Road and Vauxhall Road</v>
      </c>
      <c r="B394" s="1163">
        <v>391</v>
      </c>
      <c r="C394" s="1156" t="s">
        <v>4487</v>
      </c>
      <c r="D394" s="481" t="s">
        <v>2481</v>
      </c>
      <c r="E394" s="481" t="s">
        <v>53</v>
      </c>
      <c r="F394" s="481" t="s">
        <v>655</v>
      </c>
      <c r="G394" s="775" t="s">
        <v>932</v>
      </c>
      <c r="H394" s="855" t="s">
        <v>1123</v>
      </c>
      <c r="I394" s="775" t="str">
        <f t="shared" si="607"/>
        <v>SG16-5</v>
      </c>
      <c r="J394" s="673" t="s">
        <v>4488</v>
      </c>
      <c r="K394" s="664" t="s">
        <v>3104</v>
      </c>
      <c r="L394" s="852" t="s">
        <v>3167</v>
      </c>
      <c r="M394" s="515" t="s">
        <v>4244</v>
      </c>
      <c r="N394" s="665" t="s">
        <v>81</v>
      </c>
      <c r="O394" s="654" t="s">
        <v>3051</v>
      </c>
      <c r="P394" s="657" t="s">
        <v>61</v>
      </c>
      <c r="Q394" s="852" t="s">
        <v>71</v>
      </c>
      <c r="R394" s="657"/>
      <c r="S394" s="657"/>
      <c r="T394" s="853">
        <v>348049</v>
      </c>
      <c r="U394" s="854"/>
      <c r="V394" s="657" t="s">
        <v>4245</v>
      </c>
      <c r="W394" s="642">
        <f t="shared" si="728"/>
        <v>0</v>
      </c>
      <c r="X394" s="745">
        <f t="shared" si="729"/>
        <v>348049</v>
      </c>
      <c r="Y394" s="745" t="s">
        <v>3106</v>
      </c>
      <c r="Z394" s="745" t="str">
        <f>_xlfn.XLOOKUP(I394, 'CALCS Aecom (July 25 2025)'!F:F, 'CALCS Aecom (July 25 2025)'!W:W)</f>
        <v>Multiple Scenario 2 (Step 6)</v>
      </c>
      <c r="AA394" s="650" t="s">
        <v>65</v>
      </c>
      <c r="AB394" s="516" t="s">
        <v>66</v>
      </c>
      <c r="AC394" s="516" t="s">
        <v>66</v>
      </c>
      <c r="AD394" s="516" t="s">
        <v>66</v>
      </c>
      <c r="AE394" s="516" t="s">
        <v>66</v>
      </c>
      <c r="AF394" s="516" t="s">
        <v>66</v>
      </c>
      <c r="AG394" s="516" t="s">
        <v>66</v>
      </c>
      <c r="AH394" s="516" t="s">
        <v>66</v>
      </c>
      <c r="AI394" s="516" t="s">
        <v>66</v>
      </c>
      <c r="AJ394" s="516" t="s">
        <v>66</v>
      </c>
      <c r="AK394" s="516" t="s">
        <v>66</v>
      </c>
      <c r="AL394" s="516" t="s">
        <v>66</v>
      </c>
      <c r="AM394" s="516" t="s">
        <v>66</v>
      </c>
      <c r="AN394" s="516" t="s">
        <v>66</v>
      </c>
      <c r="AO394" s="516" t="s">
        <v>66</v>
      </c>
      <c r="AP394" s="516" t="s">
        <v>66</v>
      </c>
      <c r="AQ394" s="516" t="s">
        <v>66</v>
      </c>
      <c r="AR394" s="516" t="s">
        <v>66</v>
      </c>
      <c r="AS394" s="892"/>
      <c r="AT394" s="892"/>
      <c r="AU394" s="892"/>
      <c r="AV394" s="661"/>
      <c r="AW394" s="892"/>
      <c r="AX394" s="892"/>
      <c r="AY394" s="892"/>
      <c r="AZ394" s="661"/>
      <c r="BA394" s="892"/>
      <c r="BB394" s="661"/>
      <c r="BC394" s="661"/>
      <c r="BD394" s="892"/>
      <c r="BE394" s="661"/>
      <c r="BF394" s="661"/>
      <c r="BG394" s="746"/>
      <c r="BH394" s="746"/>
      <c r="BI394" s="746"/>
      <c r="BJ394" s="746"/>
      <c r="BK394" s="746"/>
      <c r="BL394" s="746"/>
      <c r="BM394" s="746"/>
      <c r="BN394" s="746"/>
      <c r="BO394" s="516" t="s">
        <v>66</v>
      </c>
      <c r="BP394" s="516" t="s">
        <v>66</v>
      </c>
      <c r="BQ394" s="516" t="s">
        <v>66</v>
      </c>
      <c r="BR394" s="516" t="s">
        <v>66</v>
      </c>
      <c r="BS394" s="884">
        <f t="shared" si="680"/>
        <v>21225</v>
      </c>
      <c r="BT394" s="661">
        <f t="shared" si="631"/>
        <v>16.398068315665491</v>
      </c>
      <c r="BU394" s="661" t="str">
        <f t="shared" si="632"/>
        <v>GOOD</v>
      </c>
      <c r="BV394" s="898">
        <f t="shared" si="685"/>
        <v>81990.341578327454</v>
      </c>
      <c r="BW394" s="898">
        <f t="shared" si="686"/>
        <v>3279.6136631330983</v>
      </c>
      <c r="BX394" s="898">
        <f t="shared" si="687"/>
        <v>7379.1307420494704</v>
      </c>
      <c r="BY394" s="898">
        <f t="shared" si="688"/>
        <v>5739.3239104829217</v>
      </c>
      <c r="BZ394" s="898">
        <f t="shared" si="689"/>
        <v>8199.0341578327461</v>
      </c>
      <c r="CA394" s="898">
        <f t="shared" si="690"/>
        <v>7871.0727915194357</v>
      </c>
      <c r="CB394" s="898">
        <f t="shared" si="691"/>
        <v>1639.8068315665491</v>
      </c>
      <c r="CC394" s="898">
        <f t="shared" si="692"/>
        <v>6395.2466431095409</v>
      </c>
      <c r="CD394" s="898">
        <f t="shared" si="693"/>
        <v>8199.0341578327461</v>
      </c>
      <c r="CE394" s="898">
        <f t="shared" si="694"/>
        <v>8199.0341578327461</v>
      </c>
      <c r="CF394" s="898">
        <f t="shared" si="695"/>
        <v>12298.551236749117</v>
      </c>
      <c r="CG394" s="898">
        <f t="shared" si="696"/>
        <v>3279.6136631330983</v>
      </c>
      <c r="CH394" s="898">
        <f t="shared" si="697"/>
        <v>3837.1479858657249</v>
      </c>
      <c r="CI394" s="898">
        <f t="shared" si="698"/>
        <v>5739.3239104829217</v>
      </c>
      <c r="CJ394" s="898">
        <f t="shared" si="699"/>
        <v>1475.8261484098941</v>
      </c>
      <c r="CK394" s="898">
        <f t="shared" si="700"/>
        <v>1311.8454652532391</v>
      </c>
      <c r="CL394" s="898">
        <f t="shared" si="701"/>
        <v>39027.40259128387</v>
      </c>
      <c r="CM394" s="898" t="str">
        <f t="shared" si="702"/>
        <v/>
      </c>
      <c r="CN394" s="898" t="str">
        <f t="shared" si="703"/>
        <v/>
      </c>
      <c r="CO394" s="898" t="str">
        <f t="shared" si="704"/>
        <v/>
      </c>
      <c r="CP394" s="898" t="str">
        <f t="shared" si="705"/>
        <v/>
      </c>
      <c r="CQ394" s="898" t="str">
        <f t="shared" si="706"/>
        <v/>
      </c>
      <c r="CR394" s="898" t="str">
        <f t="shared" si="707"/>
        <v/>
      </c>
      <c r="CS394" s="898" t="str">
        <f t="shared" si="708"/>
        <v/>
      </c>
      <c r="CT394" s="898" t="str">
        <f t="shared" si="709"/>
        <v/>
      </c>
      <c r="CU394" s="898" t="str">
        <f t="shared" si="710"/>
        <v/>
      </c>
      <c r="CV394" s="898" t="str">
        <f t="shared" si="711"/>
        <v/>
      </c>
      <c r="CW394" s="898" t="str">
        <f t="shared" si="712"/>
        <v/>
      </c>
      <c r="CX394" s="898" t="str">
        <f t="shared" si="713"/>
        <v/>
      </c>
      <c r="CY394" s="898" t="str">
        <f t="shared" si="714"/>
        <v/>
      </c>
      <c r="CZ394" s="898" t="str">
        <f t="shared" si="715"/>
        <v/>
      </c>
      <c r="DA394" s="898" t="str">
        <f t="shared" si="716"/>
        <v/>
      </c>
      <c r="DB394" s="898" t="str">
        <f t="shared" si="717"/>
        <v/>
      </c>
      <c r="DC394" s="898" t="str">
        <f t="shared" si="718"/>
        <v/>
      </c>
      <c r="DD394" s="898" t="str">
        <f t="shared" si="719"/>
        <v/>
      </c>
      <c r="DE394" s="898" t="str">
        <f t="shared" si="720"/>
        <v/>
      </c>
      <c r="DF394" s="898" t="str">
        <f t="shared" si="721"/>
        <v/>
      </c>
      <c r="DG394" s="898" t="str">
        <f t="shared" si="722"/>
        <v/>
      </c>
      <c r="DH394" s="898" t="str">
        <f t="shared" si="723"/>
        <v/>
      </c>
      <c r="DI394" s="898">
        <f t="shared" si="724"/>
        <v>24597.102473498235</v>
      </c>
      <c r="DJ394" s="898">
        <f t="shared" si="725"/>
        <v>26236.909305064786</v>
      </c>
      <c r="DK394" s="898">
        <f t="shared" si="726"/>
        <v>39355.363957597176</v>
      </c>
      <c r="DL394" s="898">
        <f t="shared" si="727"/>
        <v>51998.274628975269</v>
      </c>
      <c r="DM394" s="661">
        <f t="shared" si="681"/>
        <v>205861.34963486454</v>
      </c>
      <c r="DN394" s="898">
        <f t="shared" si="682"/>
        <v>142187.65036513546</v>
      </c>
      <c r="DO394" s="516">
        <f t="shared" si="683"/>
        <v>0</v>
      </c>
      <c r="DP394" s="898">
        <f t="shared" si="684"/>
        <v>0</v>
      </c>
      <c r="DQ394" s="860" t="s">
        <v>4246</v>
      </c>
      <c r="DR394" s="610" t="s">
        <v>4247</v>
      </c>
      <c r="DS394" s="1221" t="s">
        <v>4248</v>
      </c>
      <c r="DT394" s="632"/>
    </row>
    <row r="395" spans="1:124" ht="57" x14ac:dyDescent="0.2">
      <c r="A395" s="484" t="str">
        <f t="shared" si="679"/>
        <v>Longlands Wayfinding Signage</v>
      </c>
      <c r="B395" s="1163">
        <v>392</v>
      </c>
      <c r="C395" s="1156" t="s">
        <v>4489</v>
      </c>
      <c r="D395" s="481" t="s">
        <v>2481</v>
      </c>
      <c r="E395" s="481" t="s">
        <v>53</v>
      </c>
      <c r="F395" s="481" t="s">
        <v>655</v>
      </c>
      <c r="G395" s="775" t="s">
        <v>932</v>
      </c>
      <c r="H395" s="855" t="s">
        <v>1125</v>
      </c>
      <c r="I395" s="775" t="str">
        <f t="shared" si="607"/>
        <v>SG16-6</v>
      </c>
      <c r="J395" s="673" t="s">
        <v>1126</v>
      </c>
      <c r="K395" s="664" t="s">
        <v>3104</v>
      </c>
      <c r="L395" s="852" t="s">
        <v>3167</v>
      </c>
      <c r="M395" s="515" t="s">
        <v>4244</v>
      </c>
      <c r="N395" s="775" t="s">
        <v>81</v>
      </c>
      <c r="O395" s="654" t="s">
        <v>3051</v>
      </c>
      <c r="P395" s="657" t="s">
        <v>61</v>
      </c>
      <c r="Q395" s="852" t="s">
        <v>71</v>
      </c>
      <c r="R395" s="657"/>
      <c r="S395" s="657"/>
      <c r="T395" s="853">
        <v>17402</v>
      </c>
      <c r="U395" s="854"/>
      <c r="V395" s="657" t="s">
        <v>4245</v>
      </c>
      <c r="W395" s="642">
        <f t="shared" si="728"/>
        <v>0</v>
      </c>
      <c r="X395" s="745">
        <f t="shared" si="729"/>
        <v>17402</v>
      </c>
      <c r="Y395" s="745" t="s">
        <v>3106</v>
      </c>
      <c r="Z395" s="745" t="str">
        <f>_xlfn.XLOOKUP(I395, 'CALCS Aecom (July 25 2025)'!F:F, 'CALCS Aecom (July 25 2025)'!W:W)</f>
        <v>Multiple Scenario 2 (Step 6)</v>
      </c>
      <c r="AA395" s="650" t="s">
        <v>65</v>
      </c>
      <c r="AB395" s="516" t="s">
        <v>66</v>
      </c>
      <c r="AC395" s="516" t="s">
        <v>66</v>
      </c>
      <c r="AD395" s="516" t="s">
        <v>66</v>
      </c>
      <c r="AE395" s="516" t="s">
        <v>66</v>
      </c>
      <c r="AF395" s="516" t="s">
        <v>66</v>
      </c>
      <c r="AG395" s="516" t="s">
        <v>66</v>
      </c>
      <c r="AH395" s="516" t="s">
        <v>66</v>
      </c>
      <c r="AI395" s="516" t="s">
        <v>66</v>
      </c>
      <c r="AJ395" s="516" t="s">
        <v>66</v>
      </c>
      <c r="AK395" s="516" t="s">
        <v>66</v>
      </c>
      <c r="AL395" s="516" t="s">
        <v>66</v>
      </c>
      <c r="AM395" s="516" t="s">
        <v>66</v>
      </c>
      <c r="AN395" s="516" t="s">
        <v>66</v>
      </c>
      <c r="AO395" s="516" t="s">
        <v>66</v>
      </c>
      <c r="AP395" s="516" t="s">
        <v>66</v>
      </c>
      <c r="AQ395" s="516" t="s">
        <v>66</v>
      </c>
      <c r="AR395" s="516" t="s">
        <v>66</v>
      </c>
      <c r="AS395" s="892"/>
      <c r="AT395" s="892"/>
      <c r="AU395" s="892"/>
      <c r="AV395" s="661"/>
      <c r="AW395" s="892"/>
      <c r="AX395" s="892"/>
      <c r="AY395" s="892"/>
      <c r="AZ395" s="661"/>
      <c r="BA395" s="892"/>
      <c r="BB395" s="661"/>
      <c r="BC395" s="661"/>
      <c r="BD395" s="892"/>
      <c r="BE395" s="661"/>
      <c r="BF395" s="661"/>
      <c r="BG395" s="746"/>
      <c r="BH395" s="746"/>
      <c r="BI395" s="746"/>
      <c r="BJ395" s="746"/>
      <c r="BK395" s="746"/>
      <c r="BL395" s="746"/>
      <c r="BM395" s="746"/>
      <c r="BN395" s="746"/>
      <c r="BO395" s="516" t="s">
        <v>66</v>
      </c>
      <c r="BP395" s="516" t="s">
        <v>66</v>
      </c>
      <c r="BQ395" s="516" t="s">
        <v>66</v>
      </c>
      <c r="BR395" s="516" t="s">
        <v>66</v>
      </c>
      <c r="BS395" s="884">
        <f t="shared" si="680"/>
        <v>21225</v>
      </c>
      <c r="BT395" s="661">
        <f t="shared" si="631"/>
        <v>0.81988221436984687</v>
      </c>
      <c r="BU395" s="661" t="str">
        <f t="shared" si="632"/>
        <v>GOOD</v>
      </c>
      <c r="BV395" s="898">
        <f t="shared" si="685"/>
        <v>4099.4110718492348</v>
      </c>
      <c r="BW395" s="898">
        <f t="shared" si="686"/>
        <v>163.97644287396938</v>
      </c>
      <c r="BX395" s="898">
        <f t="shared" si="687"/>
        <v>368.94699646643107</v>
      </c>
      <c r="BY395" s="898">
        <f t="shared" si="688"/>
        <v>286.95877502944643</v>
      </c>
      <c r="BZ395" s="898">
        <f t="shared" si="689"/>
        <v>409.94110718492345</v>
      </c>
      <c r="CA395" s="898">
        <f t="shared" si="690"/>
        <v>393.54346289752652</v>
      </c>
      <c r="CB395" s="898">
        <f t="shared" si="691"/>
        <v>81.988221436984688</v>
      </c>
      <c r="CC395" s="898">
        <f t="shared" si="692"/>
        <v>319.75406360424029</v>
      </c>
      <c r="CD395" s="898">
        <f t="shared" si="693"/>
        <v>409.94110718492345</v>
      </c>
      <c r="CE395" s="898">
        <f t="shared" si="694"/>
        <v>409.94110718492345</v>
      </c>
      <c r="CF395" s="898">
        <f t="shared" si="695"/>
        <v>614.91166077738512</v>
      </c>
      <c r="CG395" s="898">
        <f t="shared" si="696"/>
        <v>163.97644287396938</v>
      </c>
      <c r="CH395" s="898">
        <f t="shared" si="697"/>
        <v>191.85243816254416</v>
      </c>
      <c r="CI395" s="898">
        <f t="shared" si="698"/>
        <v>286.95877502944643</v>
      </c>
      <c r="CJ395" s="898">
        <f t="shared" si="699"/>
        <v>73.789399293286223</v>
      </c>
      <c r="CK395" s="898">
        <f t="shared" si="700"/>
        <v>65.590577149587745</v>
      </c>
      <c r="CL395" s="898">
        <f t="shared" si="701"/>
        <v>1951.3196702002356</v>
      </c>
      <c r="CM395" s="898" t="str">
        <f t="shared" si="702"/>
        <v/>
      </c>
      <c r="CN395" s="898" t="str">
        <f t="shared" si="703"/>
        <v/>
      </c>
      <c r="CO395" s="898" t="str">
        <f t="shared" si="704"/>
        <v/>
      </c>
      <c r="CP395" s="898" t="str">
        <f t="shared" si="705"/>
        <v/>
      </c>
      <c r="CQ395" s="898" t="str">
        <f t="shared" si="706"/>
        <v/>
      </c>
      <c r="CR395" s="898" t="str">
        <f t="shared" si="707"/>
        <v/>
      </c>
      <c r="CS395" s="898" t="str">
        <f t="shared" si="708"/>
        <v/>
      </c>
      <c r="CT395" s="898" t="str">
        <f t="shared" si="709"/>
        <v/>
      </c>
      <c r="CU395" s="898" t="str">
        <f t="shared" si="710"/>
        <v/>
      </c>
      <c r="CV395" s="898" t="str">
        <f t="shared" si="711"/>
        <v/>
      </c>
      <c r="CW395" s="898" t="str">
        <f t="shared" si="712"/>
        <v/>
      </c>
      <c r="CX395" s="898" t="str">
        <f t="shared" si="713"/>
        <v/>
      </c>
      <c r="CY395" s="898" t="str">
        <f t="shared" si="714"/>
        <v/>
      </c>
      <c r="CZ395" s="898" t="str">
        <f t="shared" si="715"/>
        <v/>
      </c>
      <c r="DA395" s="898" t="str">
        <f t="shared" si="716"/>
        <v/>
      </c>
      <c r="DB395" s="898" t="str">
        <f t="shared" si="717"/>
        <v/>
      </c>
      <c r="DC395" s="898" t="str">
        <f t="shared" si="718"/>
        <v/>
      </c>
      <c r="DD395" s="898" t="str">
        <f t="shared" si="719"/>
        <v/>
      </c>
      <c r="DE395" s="898" t="str">
        <f t="shared" si="720"/>
        <v/>
      </c>
      <c r="DF395" s="898" t="str">
        <f t="shared" si="721"/>
        <v/>
      </c>
      <c r="DG395" s="898" t="str">
        <f t="shared" si="722"/>
        <v/>
      </c>
      <c r="DH395" s="898" t="str">
        <f t="shared" si="723"/>
        <v/>
      </c>
      <c r="DI395" s="898">
        <f t="shared" si="724"/>
        <v>1229.8233215547702</v>
      </c>
      <c r="DJ395" s="898">
        <f t="shared" si="725"/>
        <v>1311.811542991755</v>
      </c>
      <c r="DK395" s="898">
        <f t="shared" si="726"/>
        <v>1967.7173144876324</v>
      </c>
      <c r="DL395" s="898">
        <f t="shared" si="727"/>
        <v>2599.8465017667845</v>
      </c>
      <c r="DM395" s="661">
        <f t="shared" si="681"/>
        <v>10292.801319199056</v>
      </c>
      <c r="DN395" s="898">
        <f t="shared" si="682"/>
        <v>7109.1986808009424</v>
      </c>
      <c r="DO395" s="516">
        <f t="shared" si="683"/>
        <v>0</v>
      </c>
      <c r="DP395" s="898">
        <f t="shared" si="684"/>
        <v>0</v>
      </c>
      <c r="DQ395" s="860" t="s">
        <v>4246</v>
      </c>
      <c r="DR395" s="610" t="s">
        <v>4247</v>
      </c>
      <c r="DS395" s="1221" t="s">
        <v>4248</v>
      </c>
      <c r="DT395" s="632"/>
    </row>
    <row r="396" spans="1:124" ht="57" x14ac:dyDescent="0.2">
      <c r="A396" s="484" t="str">
        <f t="shared" si="679"/>
        <v>Great Road cycle route</v>
      </c>
      <c r="B396" s="1163">
        <v>393</v>
      </c>
      <c r="C396" s="1156" t="s">
        <v>4490</v>
      </c>
      <c r="D396" s="481" t="s">
        <v>2481</v>
      </c>
      <c r="E396" s="481" t="s">
        <v>53</v>
      </c>
      <c r="F396" s="481" t="s">
        <v>655</v>
      </c>
      <c r="G396" s="775" t="s">
        <v>932</v>
      </c>
      <c r="H396" s="855" t="s">
        <v>1127</v>
      </c>
      <c r="I396" s="775" t="str">
        <f t="shared" si="607"/>
        <v>SG17-1</v>
      </c>
      <c r="J396" s="673" t="s">
        <v>1128</v>
      </c>
      <c r="K396" s="664" t="s">
        <v>3104</v>
      </c>
      <c r="L396" s="852" t="s">
        <v>3167</v>
      </c>
      <c r="M396" s="515" t="s">
        <v>4244</v>
      </c>
      <c r="N396" s="665" t="s">
        <v>81</v>
      </c>
      <c r="O396" s="654" t="s">
        <v>3051</v>
      </c>
      <c r="P396" s="657" t="s">
        <v>61</v>
      </c>
      <c r="Q396" s="852" t="s">
        <v>71</v>
      </c>
      <c r="R396" s="657"/>
      <c r="S396" s="657"/>
      <c r="T396" s="853">
        <v>257556</v>
      </c>
      <c r="U396" s="854"/>
      <c r="V396" s="657" t="s">
        <v>4245</v>
      </c>
      <c r="W396" s="642">
        <f t="shared" si="728"/>
        <v>0</v>
      </c>
      <c r="X396" s="745">
        <f t="shared" si="729"/>
        <v>257556</v>
      </c>
      <c r="Y396" s="745" t="s">
        <v>3106</v>
      </c>
      <c r="Z396" s="745" t="str">
        <f>_xlfn.XLOOKUP(I396, 'CALCS Aecom (July 25 2025)'!F:F, 'CALCS Aecom (July 25 2025)'!W:W)</f>
        <v>Multiple Scenario 2 (Step 6)</v>
      </c>
      <c r="AA396" s="650" t="s">
        <v>65</v>
      </c>
      <c r="AB396" s="516" t="s">
        <v>66</v>
      </c>
      <c r="AC396" s="516" t="s">
        <v>66</v>
      </c>
      <c r="AD396" s="516" t="s">
        <v>66</v>
      </c>
      <c r="AE396" s="516" t="s">
        <v>66</v>
      </c>
      <c r="AF396" s="516" t="s">
        <v>66</v>
      </c>
      <c r="AG396" s="516" t="s">
        <v>66</v>
      </c>
      <c r="AH396" s="516" t="s">
        <v>66</v>
      </c>
      <c r="AI396" s="516" t="s">
        <v>66</v>
      </c>
      <c r="AJ396" s="516" t="s">
        <v>66</v>
      </c>
      <c r="AK396" s="516" t="s">
        <v>66</v>
      </c>
      <c r="AL396" s="516" t="s">
        <v>66</v>
      </c>
      <c r="AM396" s="516" t="s">
        <v>66</v>
      </c>
      <c r="AN396" s="516" t="s">
        <v>66</v>
      </c>
      <c r="AO396" s="516" t="s">
        <v>66</v>
      </c>
      <c r="AP396" s="516" t="s">
        <v>66</v>
      </c>
      <c r="AQ396" s="516" t="s">
        <v>66</v>
      </c>
      <c r="AR396" s="516" t="s">
        <v>66</v>
      </c>
      <c r="AS396" s="892"/>
      <c r="AT396" s="892"/>
      <c r="AU396" s="892"/>
      <c r="AV396" s="661"/>
      <c r="AW396" s="892"/>
      <c r="AX396" s="892"/>
      <c r="AY396" s="892"/>
      <c r="AZ396" s="661"/>
      <c r="BA396" s="892"/>
      <c r="BB396" s="661"/>
      <c r="BC396" s="661"/>
      <c r="BD396" s="892"/>
      <c r="BE396" s="661"/>
      <c r="BF396" s="661"/>
      <c r="BG396" s="746"/>
      <c r="BH396" s="746"/>
      <c r="BI396" s="746"/>
      <c r="BJ396" s="746"/>
      <c r="BK396" s="746"/>
      <c r="BL396" s="746"/>
      <c r="BM396" s="746"/>
      <c r="BN396" s="746"/>
      <c r="BO396" s="516" t="s">
        <v>66</v>
      </c>
      <c r="BP396" s="516" t="s">
        <v>66</v>
      </c>
      <c r="BQ396" s="516" t="s">
        <v>66</v>
      </c>
      <c r="BR396" s="516" t="s">
        <v>66</v>
      </c>
      <c r="BS396" s="884">
        <f t="shared" si="680"/>
        <v>21225</v>
      </c>
      <c r="BT396" s="661">
        <f t="shared" ref="BT396:BT427" si="730">X396/BS396</f>
        <v>12.134558303886926</v>
      </c>
      <c r="BU396" s="661" t="str">
        <f t="shared" si="632"/>
        <v>GOOD</v>
      </c>
      <c r="BV396" s="898">
        <f t="shared" si="685"/>
        <v>60672.791519434635</v>
      </c>
      <c r="BW396" s="898">
        <f t="shared" si="686"/>
        <v>2426.9116607773854</v>
      </c>
      <c r="BX396" s="898">
        <f t="shared" si="687"/>
        <v>5460.5512367491165</v>
      </c>
      <c r="BY396" s="898">
        <f t="shared" si="688"/>
        <v>4247.095406360424</v>
      </c>
      <c r="BZ396" s="898">
        <f t="shared" si="689"/>
        <v>6067.2791519434631</v>
      </c>
      <c r="CA396" s="898">
        <f t="shared" si="690"/>
        <v>5824.5879858657245</v>
      </c>
      <c r="CB396" s="898">
        <f t="shared" si="691"/>
        <v>1213.4558303886927</v>
      </c>
      <c r="CC396" s="898">
        <f t="shared" si="692"/>
        <v>4732.4777385159014</v>
      </c>
      <c r="CD396" s="898">
        <f t="shared" si="693"/>
        <v>6067.2791519434631</v>
      </c>
      <c r="CE396" s="898">
        <f t="shared" si="694"/>
        <v>6067.2791519434631</v>
      </c>
      <c r="CF396" s="898">
        <f t="shared" si="695"/>
        <v>9100.9187279151956</v>
      </c>
      <c r="CG396" s="898">
        <f t="shared" si="696"/>
        <v>2426.9116607773854</v>
      </c>
      <c r="CH396" s="898">
        <f t="shared" si="697"/>
        <v>2839.4866431095406</v>
      </c>
      <c r="CI396" s="898">
        <f t="shared" si="698"/>
        <v>4247.095406360424</v>
      </c>
      <c r="CJ396" s="898">
        <f t="shared" si="699"/>
        <v>1092.1102473498233</v>
      </c>
      <c r="CK396" s="898">
        <f t="shared" si="700"/>
        <v>970.76466431095412</v>
      </c>
      <c r="CL396" s="898">
        <f t="shared" si="701"/>
        <v>28880.248763250886</v>
      </c>
      <c r="CM396" s="898" t="str">
        <f t="shared" si="702"/>
        <v/>
      </c>
      <c r="CN396" s="898" t="str">
        <f t="shared" si="703"/>
        <v/>
      </c>
      <c r="CO396" s="898" t="str">
        <f t="shared" si="704"/>
        <v/>
      </c>
      <c r="CP396" s="898" t="str">
        <f t="shared" si="705"/>
        <v/>
      </c>
      <c r="CQ396" s="898" t="str">
        <f t="shared" si="706"/>
        <v/>
      </c>
      <c r="CR396" s="898" t="str">
        <f t="shared" si="707"/>
        <v/>
      </c>
      <c r="CS396" s="898" t="str">
        <f t="shared" si="708"/>
        <v/>
      </c>
      <c r="CT396" s="898" t="str">
        <f t="shared" si="709"/>
        <v/>
      </c>
      <c r="CU396" s="898" t="str">
        <f t="shared" si="710"/>
        <v/>
      </c>
      <c r="CV396" s="898" t="str">
        <f t="shared" si="711"/>
        <v/>
      </c>
      <c r="CW396" s="898" t="str">
        <f t="shared" si="712"/>
        <v/>
      </c>
      <c r="CX396" s="898" t="str">
        <f t="shared" si="713"/>
        <v/>
      </c>
      <c r="CY396" s="898" t="str">
        <f t="shared" si="714"/>
        <v/>
      </c>
      <c r="CZ396" s="898" t="str">
        <f t="shared" si="715"/>
        <v/>
      </c>
      <c r="DA396" s="898" t="str">
        <f t="shared" si="716"/>
        <v/>
      </c>
      <c r="DB396" s="898" t="str">
        <f t="shared" si="717"/>
        <v/>
      </c>
      <c r="DC396" s="898" t="str">
        <f t="shared" si="718"/>
        <v/>
      </c>
      <c r="DD396" s="898" t="str">
        <f t="shared" si="719"/>
        <v/>
      </c>
      <c r="DE396" s="898" t="str">
        <f t="shared" si="720"/>
        <v/>
      </c>
      <c r="DF396" s="898" t="str">
        <f t="shared" si="721"/>
        <v/>
      </c>
      <c r="DG396" s="898" t="str">
        <f t="shared" si="722"/>
        <v/>
      </c>
      <c r="DH396" s="898" t="str">
        <f t="shared" si="723"/>
        <v/>
      </c>
      <c r="DI396" s="898">
        <f t="shared" si="724"/>
        <v>18201.837455830391</v>
      </c>
      <c r="DJ396" s="898">
        <f t="shared" si="725"/>
        <v>19415.293286219083</v>
      </c>
      <c r="DK396" s="898">
        <f t="shared" si="726"/>
        <v>29122.939929328622</v>
      </c>
      <c r="DL396" s="898">
        <f t="shared" si="727"/>
        <v>38478.68438162544</v>
      </c>
      <c r="DM396" s="661">
        <f t="shared" si="681"/>
        <v>152337.24494699651</v>
      </c>
      <c r="DN396" s="898">
        <f t="shared" si="682"/>
        <v>105218.75505300354</v>
      </c>
      <c r="DO396" s="516">
        <f t="shared" si="683"/>
        <v>0</v>
      </c>
      <c r="DP396" s="898">
        <f t="shared" si="684"/>
        <v>0</v>
      </c>
      <c r="DQ396" s="860" t="s">
        <v>4246</v>
      </c>
      <c r="DR396" s="610" t="s">
        <v>4247</v>
      </c>
      <c r="DS396" s="1221" t="s">
        <v>4248</v>
      </c>
      <c r="DT396" s="632"/>
    </row>
    <row r="397" spans="1:124" ht="57" x14ac:dyDescent="0.2">
      <c r="A397" s="484" t="str">
        <f t="shared" si="679"/>
        <v>Great Road additional zebra crossing</v>
      </c>
      <c r="B397" s="1163">
        <v>394</v>
      </c>
      <c r="C397" s="1156" t="s">
        <v>4491</v>
      </c>
      <c r="D397" s="481" t="s">
        <v>2481</v>
      </c>
      <c r="E397" s="481" t="s">
        <v>53</v>
      </c>
      <c r="F397" s="481" t="s">
        <v>655</v>
      </c>
      <c r="G397" s="775" t="s">
        <v>932</v>
      </c>
      <c r="H397" s="855" t="s">
        <v>1129</v>
      </c>
      <c r="I397" s="775" t="str">
        <f t="shared" si="607"/>
        <v>SG17-2</v>
      </c>
      <c r="J397" s="673" t="s">
        <v>1130</v>
      </c>
      <c r="K397" s="664" t="s">
        <v>3104</v>
      </c>
      <c r="L397" s="852" t="s">
        <v>3167</v>
      </c>
      <c r="M397" s="515" t="s">
        <v>4244</v>
      </c>
      <c r="N397" s="775" t="s">
        <v>81</v>
      </c>
      <c r="O397" s="654" t="s">
        <v>3051</v>
      </c>
      <c r="P397" s="657" t="s">
        <v>61</v>
      </c>
      <c r="Q397" s="852" t="s">
        <v>71</v>
      </c>
      <c r="R397" s="657"/>
      <c r="S397" s="657"/>
      <c r="T397" s="853">
        <v>199337</v>
      </c>
      <c r="U397" s="854"/>
      <c r="V397" s="657" t="s">
        <v>4245</v>
      </c>
      <c r="W397" s="642">
        <f t="shared" si="728"/>
        <v>0</v>
      </c>
      <c r="X397" s="745">
        <f t="shared" si="729"/>
        <v>199337</v>
      </c>
      <c r="Y397" s="745" t="s">
        <v>3106</v>
      </c>
      <c r="Z397" s="745" t="str">
        <f>_xlfn.XLOOKUP(I397, 'CALCS Aecom (July 25 2025)'!F:F, 'CALCS Aecom (July 25 2025)'!W:W)</f>
        <v>Multiple Scenario 2 (Step 6)</v>
      </c>
      <c r="AA397" s="650" t="s">
        <v>65</v>
      </c>
      <c r="AB397" s="516" t="s">
        <v>66</v>
      </c>
      <c r="AC397" s="516" t="s">
        <v>66</v>
      </c>
      <c r="AD397" s="516" t="s">
        <v>66</v>
      </c>
      <c r="AE397" s="516" t="s">
        <v>66</v>
      </c>
      <c r="AF397" s="516" t="s">
        <v>66</v>
      </c>
      <c r="AG397" s="516" t="s">
        <v>66</v>
      </c>
      <c r="AH397" s="516" t="s">
        <v>66</v>
      </c>
      <c r="AI397" s="516" t="s">
        <v>66</v>
      </c>
      <c r="AJ397" s="516" t="s">
        <v>66</v>
      </c>
      <c r="AK397" s="516" t="s">
        <v>66</v>
      </c>
      <c r="AL397" s="516" t="s">
        <v>66</v>
      </c>
      <c r="AM397" s="516" t="s">
        <v>66</v>
      </c>
      <c r="AN397" s="516" t="s">
        <v>66</v>
      </c>
      <c r="AO397" s="516" t="s">
        <v>66</v>
      </c>
      <c r="AP397" s="516" t="s">
        <v>66</v>
      </c>
      <c r="AQ397" s="516" t="s">
        <v>66</v>
      </c>
      <c r="AR397" s="516" t="s">
        <v>66</v>
      </c>
      <c r="AS397" s="892"/>
      <c r="AT397" s="892"/>
      <c r="AU397" s="892"/>
      <c r="AV397" s="661"/>
      <c r="AW397" s="892"/>
      <c r="AX397" s="892"/>
      <c r="AY397" s="892"/>
      <c r="AZ397" s="661"/>
      <c r="BA397" s="892"/>
      <c r="BB397" s="661"/>
      <c r="BC397" s="661"/>
      <c r="BD397" s="892"/>
      <c r="BE397" s="661"/>
      <c r="BF397" s="661"/>
      <c r="BG397" s="746"/>
      <c r="BH397" s="746"/>
      <c r="BI397" s="746"/>
      <c r="BJ397" s="746"/>
      <c r="BK397" s="746"/>
      <c r="BL397" s="746"/>
      <c r="BM397" s="746"/>
      <c r="BN397" s="746"/>
      <c r="BO397" s="516" t="s">
        <v>66</v>
      </c>
      <c r="BP397" s="516" t="s">
        <v>66</v>
      </c>
      <c r="BQ397" s="516" t="s">
        <v>66</v>
      </c>
      <c r="BR397" s="516" t="s">
        <v>66</v>
      </c>
      <c r="BS397" s="884">
        <f t="shared" si="680"/>
        <v>21225</v>
      </c>
      <c r="BT397" s="661">
        <f t="shared" si="730"/>
        <v>9.3916136631330982</v>
      </c>
      <c r="BU397" s="661" t="str">
        <f t="shared" si="632"/>
        <v>GOOD</v>
      </c>
      <c r="BV397" s="898">
        <f t="shared" si="685"/>
        <v>46958.068315665492</v>
      </c>
      <c r="BW397" s="898">
        <f t="shared" si="686"/>
        <v>1878.3227326266197</v>
      </c>
      <c r="BX397" s="898">
        <f t="shared" si="687"/>
        <v>4226.2261484098944</v>
      </c>
      <c r="BY397" s="898">
        <f t="shared" si="688"/>
        <v>3287.0647820965842</v>
      </c>
      <c r="BZ397" s="898">
        <f t="shared" si="689"/>
        <v>4695.8068315665487</v>
      </c>
      <c r="CA397" s="898">
        <f t="shared" si="690"/>
        <v>4507.9745583038875</v>
      </c>
      <c r="CB397" s="898">
        <f t="shared" si="691"/>
        <v>939.16136631330983</v>
      </c>
      <c r="CC397" s="898">
        <f t="shared" si="692"/>
        <v>3662.7293286219083</v>
      </c>
      <c r="CD397" s="898">
        <f t="shared" si="693"/>
        <v>4695.8068315665487</v>
      </c>
      <c r="CE397" s="898">
        <f t="shared" si="694"/>
        <v>4695.8068315665487</v>
      </c>
      <c r="CF397" s="898">
        <f t="shared" si="695"/>
        <v>7043.7102473498235</v>
      </c>
      <c r="CG397" s="898">
        <f t="shared" si="696"/>
        <v>1878.3227326266197</v>
      </c>
      <c r="CH397" s="898">
        <f t="shared" si="697"/>
        <v>2197.637597173145</v>
      </c>
      <c r="CI397" s="898">
        <f t="shared" si="698"/>
        <v>3287.0647820965842</v>
      </c>
      <c r="CJ397" s="898">
        <f t="shared" si="699"/>
        <v>845.2452296819788</v>
      </c>
      <c r="CK397" s="898">
        <f t="shared" si="700"/>
        <v>751.32909305064788</v>
      </c>
      <c r="CL397" s="898">
        <f t="shared" si="701"/>
        <v>22352.040518256774</v>
      </c>
      <c r="CM397" s="898" t="str">
        <f t="shared" si="702"/>
        <v/>
      </c>
      <c r="CN397" s="898" t="str">
        <f t="shared" si="703"/>
        <v/>
      </c>
      <c r="CO397" s="898" t="str">
        <f t="shared" si="704"/>
        <v/>
      </c>
      <c r="CP397" s="898" t="str">
        <f t="shared" si="705"/>
        <v/>
      </c>
      <c r="CQ397" s="898" t="str">
        <f t="shared" si="706"/>
        <v/>
      </c>
      <c r="CR397" s="898" t="str">
        <f t="shared" si="707"/>
        <v/>
      </c>
      <c r="CS397" s="898" t="str">
        <f t="shared" si="708"/>
        <v/>
      </c>
      <c r="CT397" s="898" t="str">
        <f t="shared" si="709"/>
        <v/>
      </c>
      <c r="CU397" s="898" t="str">
        <f t="shared" si="710"/>
        <v/>
      </c>
      <c r="CV397" s="898" t="str">
        <f t="shared" si="711"/>
        <v/>
      </c>
      <c r="CW397" s="898" t="str">
        <f t="shared" si="712"/>
        <v/>
      </c>
      <c r="CX397" s="898" t="str">
        <f t="shared" si="713"/>
        <v/>
      </c>
      <c r="CY397" s="898" t="str">
        <f t="shared" si="714"/>
        <v/>
      </c>
      <c r="CZ397" s="898" t="str">
        <f t="shared" si="715"/>
        <v/>
      </c>
      <c r="DA397" s="898" t="str">
        <f t="shared" si="716"/>
        <v/>
      </c>
      <c r="DB397" s="898" t="str">
        <f t="shared" si="717"/>
        <v/>
      </c>
      <c r="DC397" s="898" t="str">
        <f t="shared" si="718"/>
        <v/>
      </c>
      <c r="DD397" s="898" t="str">
        <f t="shared" si="719"/>
        <v/>
      </c>
      <c r="DE397" s="898" t="str">
        <f t="shared" si="720"/>
        <v/>
      </c>
      <c r="DF397" s="898" t="str">
        <f t="shared" si="721"/>
        <v/>
      </c>
      <c r="DG397" s="898" t="str">
        <f t="shared" si="722"/>
        <v/>
      </c>
      <c r="DH397" s="898" t="str">
        <f t="shared" si="723"/>
        <v/>
      </c>
      <c r="DI397" s="898">
        <f t="shared" si="724"/>
        <v>14087.420494699647</v>
      </c>
      <c r="DJ397" s="898">
        <f t="shared" si="725"/>
        <v>15026.581861012957</v>
      </c>
      <c r="DK397" s="898">
        <f t="shared" si="726"/>
        <v>22539.872791519436</v>
      </c>
      <c r="DL397" s="898">
        <f t="shared" si="727"/>
        <v>29780.806925795056</v>
      </c>
      <c r="DM397" s="661">
        <f t="shared" si="681"/>
        <v>117902.3179269729</v>
      </c>
      <c r="DN397" s="898">
        <f t="shared" si="682"/>
        <v>81434.682073027099</v>
      </c>
      <c r="DO397" s="516">
        <f t="shared" si="683"/>
        <v>0</v>
      </c>
      <c r="DP397" s="898">
        <f t="shared" si="684"/>
        <v>0</v>
      </c>
      <c r="DQ397" s="860" t="s">
        <v>4246</v>
      </c>
      <c r="DR397" s="610" t="s">
        <v>4247</v>
      </c>
      <c r="DS397" s="1221" t="s">
        <v>4248</v>
      </c>
      <c r="DT397" s="632"/>
    </row>
    <row r="398" spans="1:124" ht="57" x14ac:dyDescent="0.2">
      <c r="A398" s="484" t="str">
        <f t="shared" si="679"/>
        <v>Great Road traffic calming features</v>
      </c>
      <c r="B398" s="1163">
        <v>395</v>
      </c>
      <c r="C398" s="1156" t="s">
        <v>4492</v>
      </c>
      <c r="D398" s="481" t="s">
        <v>2481</v>
      </c>
      <c r="E398" s="481" t="s">
        <v>53</v>
      </c>
      <c r="F398" s="481" t="s">
        <v>655</v>
      </c>
      <c r="G398" s="775" t="s">
        <v>900</v>
      </c>
      <c r="H398" s="855" t="s">
        <v>1131</v>
      </c>
      <c r="I398" s="775" t="str">
        <f t="shared" si="607"/>
        <v>SG17-3</v>
      </c>
      <c r="J398" s="673" t="s">
        <v>1132</v>
      </c>
      <c r="K398" s="664" t="s">
        <v>3104</v>
      </c>
      <c r="L398" s="852" t="s">
        <v>3167</v>
      </c>
      <c r="M398" s="515" t="s">
        <v>4244</v>
      </c>
      <c r="N398" s="665" t="s">
        <v>81</v>
      </c>
      <c r="O398" s="654" t="s">
        <v>3051</v>
      </c>
      <c r="P398" s="657" t="s">
        <v>61</v>
      </c>
      <c r="Q398" s="852" t="s">
        <v>71</v>
      </c>
      <c r="R398" s="657"/>
      <c r="S398" s="657"/>
      <c r="T398" s="853">
        <v>319572</v>
      </c>
      <c r="U398" s="854"/>
      <c r="V398" s="657" t="s">
        <v>4245</v>
      </c>
      <c r="W398" s="642">
        <f t="shared" si="728"/>
        <v>0</v>
      </c>
      <c r="X398" s="745">
        <f t="shared" si="729"/>
        <v>319572</v>
      </c>
      <c r="Y398" s="745" t="s">
        <v>3106</v>
      </c>
      <c r="Z398" s="745" t="str">
        <f>_xlfn.XLOOKUP(I398, 'CALCS Aecom (July 25 2025)'!F:F, 'CALCS Aecom (July 25 2025)'!W:W)</f>
        <v>Multiple Scenario 2 (Step 6)</v>
      </c>
      <c r="AA398" s="650" t="s">
        <v>65</v>
      </c>
      <c r="AB398" s="516" t="s">
        <v>66</v>
      </c>
      <c r="AC398" s="516" t="s">
        <v>66</v>
      </c>
      <c r="AD398" s="516" t="s">
        <v>66</v>
      </c>
      <c r="AE398" s="516" t="s">
        <v>66</v>
      </c>
      <c r="AF398" s="516" t="s">
        <v>66</v>
      </c>
      <c r="AG398" s="516" t="s">
        <v>66</v>
      </c>
      <c r="AH398" s="516" t="s">
        <v>66</v>
      </c>
      <c r="AI398" s="516" t="s">
        <v>66</v>
      </c>
      <c r="AJ398" s="516" t="s">
        <v>66</v>
      </c>
      <c r="AK398" s="516" t="s">
        <v>66</v>
      </c>
      <c r="AL398" s="516" t="s">
        <v>66</v>
      </c>
      <c r="AM398" s="516" t="s">
        <v>66</v>
      </c>
      <c r="AN398" s="516" t="s">
        <v>66</v>
      </c>
      <c r="AO398" s="516" t="s">
        <v>66</v>
      </c>
      <c r="AP398" s="516" t="s">
        <v>66</v>
      </c>
      <c r="AQ398" s="516" t="s">
        <v>66</v>
      </c>
      <c r="AR398" s="516" t="s">
        <v>66</v>
      </c>
      <c r="AS398" s="892"/>
      <c r="AT398" s="892"/>
      <c r="AU398" s="892"/>
      <c r="AV398" s="661"/>
      <c r="AW398" s="892"/>
      <c r="AX398" s="892"/>
      <c r="AY398" s="892"/>
      <c r="AZ398" s="661"/>
      <c r="BA398" s="892"/>
      <c r="BB398" s="661"/>
      <c r="BC398" s="661"/>
      <c r="BD398" s="892"/>
      <c r="BE398" s="661"/>
      <c r="BF398" s="661"/>
      <c r="BG398" s="746"/>
      <c r="BH398" s="746"/>
      <c r="BI398" s="746"/>
      <c r="BJ398" s="746"/>
      <c r="BK398" s="746"/>
      <c r="BL398" s="746"/>
      <c r="BM398" s="746"/>
      <c r="BN398" s="746"/>
      <c r="BO398" s="516" t="s">
        <v>66</v>
      </c>
      <c r="BP398" s="516" t="s">
        <v>66</v>
      </c>
      <c r="BQ398" s="516" t="s">
        <v>66</v>
      </c>
      <c r="BR398" s="516" t="s">
        <v>66</v>
      </c>
      <c r="BS398" s="884">
        <f t="shared" si="680"/>
        <v>21225</v>
      </c>
      <c r="BT398" s="661">
        <f t="shared" si="730"/>
        <v>15.056395759717315</v>
      </c>
      <c r="BU398" s="661" t="str">
        <f t="shared" ref="BU398:BU399" si="731">IF(SUM(BV398:DL398)=X398, "GOOD", "ERROR")</f>
        <v>GOOD</v>
      </c>
      <c r="BV398" s="898">
        <f t="shared" si="685"/>
        <v>75281.97879858657</v>
      </c>
      <c r="BW398" s="898">
        <f t="shared" si="686"/>
        <v>3011.2791519434631</v>
      </c>
      <c r="BX398" s="898">
        <f t="shared" si="687"/>
        <v>6775.3780918727916</v>
      </c>
      <c r="BY398" s="898">
        <f t="shared" si="688"/>
        <v>5269.7385159010601</v>
      </c>
      <c r="BZ398" s="898">
        <f t="shared" si="689"/>
        <v>7528.1978798586579</v>
      </c>
      <c r="CA398" s="898">
        <f t="shared" si="690"/>
        <v>7227.0699646643116</v>
      </c>
      <c r="CB398" s="898">
        <f t="shared" si="691"/>
        <v>1505.6395759717316</v>
      </c>
      <c r="CC398" s="898">
        <f t="shared" si="692"/>
        <v>5871.9943462897527</v>
      </c>
      <c r="CD398" s="898">
        <f t="shared" si="693"/>
        <v>7528.1978798586579</v>
      </c>
      <c r="CE398" s="898">
        <f t="shared" si="694"/>
        <v>7528.1978798586579</v>
      </c>
      <c r="CF398" s="898">
        <f t="shared" si="695"/>
        <v>11292.296819787985</v>
      </c>
      <c r="CG398" s="898">
        <f t="shared" si="696"/>
        <v>3011.2791519434631</v>
      </c>
      <c r="CH398" s="898">
        <f t="shared" si="697"/>
        <v>3523.1966077738516</v>
      </c>
      <c r="CI398" s="898">
        <f t="shared" si="698"/>
        <v>5269.7385159010601</v>
      </c>
      <c r="CJ398" s="898">
        <f t="shared" si="699"/>
        <v>1355.0756183745584</v>
      </c>
      <c r="CK398" s="898">
        <f t="shared" si="700"/>
        <v>1204.5116607773853</v>
      </c>
      <c r="CL398" s="898">
        <f t="shared" si="701"/>
        <v>35834.221908127212</v>
      </c>
      <c r="CM398" s="898" t="str">
        <f t="shared" si="702"/>
        <v/>
      </c>
      <c r="CN398" s="898" t="str">
        <f t="shared" si="703"/>
        <v/>
      </c>
      <c r="CO398" s="898" t="str">
        <f t="shared" si="704"/>
        <v/>
      </c>
      <c r="CP398" s="898" t="str">
        <f t="shared" si="705"/>
        <v/>
      </c>
      <c r="CQ398" s="898" t="str">
        <f t="shared" si="706"/>
        <v/>
      </c>
      <c r="CR398" s="898" t="str">
        <f t="shared" si="707"/>
        <v/>
      </c>
      <c r="CS398" s="898" t="str">
        <f t="shared" si="708"/>
        <v/>
      </c>
      <c r="CT398" s="898" t="str">
        <f t="shared" si="709"/>
        <v/>
      </c>
      <c r="CU398" s="898" t="str">
        <f t="shared" si="710"/>
        <v/>
      </c>
      <c r="CV398" s="898" t="str">
        <f t="shared" si="711"/>
        <v/>
      </c>
      <c r="CW398" s="898" t="str">
        <f t="shared" si="712"/>
        <v/>
      </c>
      <c r="CX398" s="898" t="str">
        <f t="shared" si="713"/>
        <v/>
      </c>
      <c r="CY398" s="898" t="str">
        <f t="shared" si="714"/>
        <v/>
      </c>
      <c r="CZ398" s="898" t="str">
        <f t="shared" si="715"/>
        <v/>
      </c>
      <c r="DA398" s="898" t="str">
        <f t="shared" si="716"/>
        <v/>
      </c>
      <c r="DB398" s="898" t="str">
        <f t="shared" si="717"/>
        <v/>
      </c>
      <c r="DC398" s="898" t="str">
        <f t="shared" si="718"/>
        <v/>
      </c>
      <c r="DD398" s="898" t="str">
        <f t="shared" si="719"/>
        <v/>
      </c>
      <c r="DE398" s="898" t="str">
        <f t="shared" si="720"/>
        <v/>
      </c>
      <c r="DF398" s="898" t="str">
        <f t="shared" si="721"/>
        <v/>
      </c>
      <c r="DG398" s="898" t="str">
        <f t="shared" si="722"/>
        <v/>
      </c>
      <c r="DH398" s="898" t="str">
        <f t="shared" si="723"/>
        <v/>
      </c>
      <c r="DI398" s="898">
        <f t="shared" si="724"/>
        <v>22584.593639575971</v>
      </c>
      <c r="DJ398" s="898">
        <f t="shared" si="725"/>
        <v>24090.233215547705</v>
      </c>
      <c r="DK398" s="898">
        <f t="shared" si="726"/>
        <v>36135.349823321558</v>
      </c>
      <c r="DL398" s="898">
        <f t="shared" si="727"/>
        <v>47743.830954063604</v>
      </c>
      <c r="DM398" s="661">
        <f t="shared" si="681"/>
        <v>189017.99236749121</v>
      </c>
      <c r="DN398" s="898">
        <f t="shared" si="682"/>
        <v>130554.00763250884</v>
      </c>
      <c r="DO398" s="516">
        <f t="shared" si="683"/>
        <v>0</v>
      </c>
      <c r="DP398" s="898">
        <f t="shared" si="684"/>
        <v>0</v>
      </c>
      <c r="DQ398" s="860" t="s">
        <v>4246</v>
      </c>
      <c r="DR398" s="610" t="s">
        <v>4247</v>
      </c>
      <c r="DS398" s="1221" t="s">
        <v>4248</v>
      </c>
      <c r="DT398" s="632"/>
    </row>
    <row r="399" spans="1:124" ht="57" x14ac:dyDescent="0.2">
      <c r="A399" s="484" t="str">
        <f t="shared" si="679"/>
        <v>Great Road Wayfinding Signage</v>
      </c>
      <c r="B399" s="1163">
        <v>396</v>
      </c>
      <c r="C399" s="1156" t="s">
        <v>4493</v>
      </c>
      <c r="D399" s="481" t="s">
        <v>2481</v>
      </c>
      <c r="E399" s="481" t="s">
        <v>53</v>
      </c>
      <c r="F399" s="481" t="s">
        <v>655</v>
      </c>
      <c r="G399" s="775" t="s">
        <v>932</v>
      </c>
      <c r="H399" s="855" t="s">
        <v>1133</v>
      </c>
      <c r="I399" s="775" t="str">
        <f t="shared" si="607"/>
        <v>SG17-4</v>
      </c>
      <c r="J399" s="673" t="s">
        <v>1134</v>
      </c>
      <c r="K399" s="664" t="s">
        <v>3104</v>
      </c>
      <c r="L399" s="852" t="s">
        <v>3167</v>
      </c>
      <c r="M399" s="515" t="s">
        <v>4244</v>
      </c>
      <c r="N399" s="775" t="s">
        <v>81</v>
      </c>
      <c r="O399" s="654" t="s">
        <v>3051</v>
      </c>
      <c r="P399" s="657" t="s">
        <v>61</v>
      </c>
      <c r="Q399" s="852" t="s">
        <v>71</v>
      </c>
      <c r="R399" s="657"/>
      <c r="S399" s="657"/>
      <c r="T399" s="853">
        <v>10441</v>
      </c>
      <c r="U399" s="854"/>
      <c r="V399" s="657" t="s">
        <v>4245</v>
      </c>
      <c r="W399" s="642">
        <f t="shared" si="728"/>
        <v>0</v>
      </c>
      <c r="X399" s="745">
        <f t="shared" si="729"/>
        <v>10441</v>
      </c>
      <c r="Y399" s="745" t="s">
        <v>3106</v>
      </c>
      <c r="Z399" s="745" t="str">
        <f>_xlfn.XLOOKUP(I399, 'CALCS Aecom (July 25 2025)'!F:F, 'CALCS Aecom (July 25 2025)'!W:W)</f>
        <v>Multiple Scenario 2 (Step 6)</v>
      </c>
      <c r="AA399" s="650" t="s">
        <v>65</v>
      </c>
      <c r="AB399" s="516" t="s">
        <v>66</v>
      </c>
      <c r="AC399" s="516" t="s">
        <v>66</v>
      </c>
      <c r="AD399" s="516" t="s">
        <v>66</v>
      </c>
      <c r="AE399" s="516" t="s">
        <v>66</v>
      </c>
      <c r="AF399" s="516" t="s">
        <v>66</v>
      </c>
      <c r="AG399" s="516" t="s">
        <v>66</v>
      </c>
      <c r="AH399" s="516" t="s">
        <v>66</v>
      </c>
      <c r="AI399" s="516" t="s">
        <v>66</v>
      </c>
      <c r="AJ399" s="516" t="s">
        <v>66</v>
      </c>
      <c r="AK399" s="516" t="s">
        <v>66</v>
      </c>
      <c r="AL399" s="516" t="s">
        <v>66</v>
      </c>
      <c r="AM399" s="516" t="s">
        <v>66</v>
      </c>
      <c r="AN399" s="516" t="s">
        <v>66</v>
      </c>
      <c r="AO399" s="516" t="s">
        <v>66</v>
      </c>
      <c r="AP399" s="516" t="s">
        <v>66</v>
      </c>
      <c r="AQ399" s="516" t="s">
        <v>66</v>
      </c>
      <c r="AR399" s="516" t="s">
        <v>66</v>
      </c>
      <c r="AS399" s="892"/>
      <c r="AT399" s="892"/>
      <c r="AU399" s="892"/>
      <c r="AV399" s="661"/>
      <c r="AW399" s="892"/>
      <c r="AX399" s="892"/>
      <c r="AY399" s="892"/>
      <c r="AZ399" s="661"/>
      <c r="BA399" s="892"/>
      <c r="BB399" s="661"/>
      <c r="BC399" s="661"/>
      <c r="BD399" s="892"/>
      <c r="BE399" s="661"/>
      <c r="BF399" s="661"/>
      <c r="BG399" s="746"/>
      <c r="BH399" s="746"/>
      <c r="BI399" s="746"/>
      <c r="BJ399" s="746"/>
      <c r="BK399" s="746"/>
      <c r="BL399" s="746"/>
      <c r="BM399" s="746"/>
      <c r="BN399" s="746"/>
      <c r="BO399" s="516" t="s">
        <v>66</v>
      </c>
      <c r="BP399" s="516" t="s">
        <v>66</v>
      </c>
      <c r="BQ399" s="516" t="s">
        <v>66</v>
      </c>
      <c r="BR399" s="516" t="s">
        <v>66</v>
      </c>
      <c r="BS399" s="884">
        <f t="shared" si="680"/>
        <v>21225</v>
      </c>
      <c r="BT399" s="661">
        <f t="shared" si="730"/>
        <v>0.49191990577149586</v>
      </c>
      <c r="BU399" s="661" t="str">
        <f t="shared" si="731"/>
        <v>GOOD</v>
      </c>
      <c r="BV399" s="898">
        <f t="shared" si="685"/>
        <v>2459.5995288574791</v>
      </c>
      <c r="BW399" s="898">
        <f t="shared" si="686"/>
        <v>98.383981154299178</v>
      </c>
      <c r="BX399" s="898">
        <f t="shared" si="687"/>
        <v>221.36395759717314</v>
      </c>
      <c r="BY399" s="898">
        <f t="shared" si="688"/>
        <v>172.17196702002354</v>
      </c>
      <c r="BZ399" s="898">
        <f t="shared" si="689"/>
        <v>245.95995288574792</v>
      </c>
      <c r="CA399" s="898">
        <f t="shared" si="690"/>
        <v>236.121554770318</v>
      </c>
      <c r="CB399" s="898">
        <f t="shared" si="691"/>
        <v>49.191990577149589</v>
      </c>
      <c r="CC399" s="898">
        <f t="shared" si="692"/>
        <v>191.84876325088339</v>
      </c>
      <c r="CD399" s="898">
        <f t="shared" si="693"/>
        <v>245.95995288574792</v>
      </c>
      <c r="CE399" s="898">
        <f t="shared" si="694"/>
        <v>245.95995288574792</v>
      </c>
      <c r="CF399" s="898">
        <f t="shared" si="695"/>
        <v>368.93992932862187</v>
      </c>
      <c r="CG399" s="898">
        <f t="shared" si="696"/>
        <v>98.383981154299178</v>
      </c>
      <c r="CH399" s="898">
        <f t="shared" si="697"/>
        <v>115.10925795053004</v>
      </c>
      <c r="CI399" s="898">
        <f t="shared" si="698"/>
        <v>172.17196702002354</v>
      </c>
      <c r="CJ399" s="898">
        <f t="shared" si="699"/>
        <v>44.272791519434627</v>
      </c>
      <c r="CK399" s="898">
        <f t="shared" si="700"/>
        <v>39.353592461719671</v>
      </c>
      <c r="CL399" s="898">
        <f t="shared" si="701"/>
        <v>1170.7693757361601</v>
      </c>
      <c r="CM399" s="898" t="str">
        <f t="shared" si="702"/>
        <v/>
      </c>
      <c r="CN399" s="898" t="str">
        <f t="shared" si="703"/>
        <v/>
      </c>
      <c r="CO399" s="898" t="str">
        <f t="shared" si="704"/>
        <v/>
      </c>
      <c r="CP399" s="898" t="str">
        <f t="shared" si="705"/>
        <v/>
      </c>
      <c r="CQ399" s="898" t="str">
        <f t="shared" si="706"/>
        <v/>
      </c>
      <c r="CR399" s="898" t="str">
        <f t="shared" si="707"/>
        <v/>
      </c>
      <c r="CS399" s="898" t="str">
        <f t="shared" si="708"/>
        <v/>
      </c>
      <c r="CT399" s="898" t="str">
        <f t="shared" si="709"/>
        <v/>
      </c>
      <c r="CU399" s="898" t="str">
        <f t="shared" si="710"/>
        <v/>
      </c>
      <c r="CV399" s="898" t="str">
        <f t="shared" si="711"/>
        <v/>
      </c>
      <c r="CW399" s="898" t="str">
        <f t="shared" si="712"/>
        <v/>
      </c>
      <c r="CX399" s="898" t="str">
        <f t="shared" si="713"/>
        <v/>
      </c>
      <c r="CY399" s="898" t="str">
        <f t="shared" si="714"/>
        <v/>
      </c>
      <c r="CZ399" s="898" t="str">
        <f t="shared" si="715"/>
        <v/>
      </c>
      <c r="DA399" s="898" t="str">
        <f t="shared" si="716"/>
        <v/>
      </c>
      <c r="DB399" s="898" t="str">
        <f t="shared" si="717"/>
        <v/>
      </c>
      <c r="DC399" s="898" t="str">
        <f t="shared" si="718"/>
        <v/>
      </c>
      <c r="DD399" s="898" t="str">
        <f t="shared" si="719"/>
        <v/>
      </c>
      <c r="DE399" s="898" t="str">
        <f t="shared" si="720"/>
        <v/>
      </c>
      <c r="DF399" s="898" t="str">
        <f t="shared" si="721"/>
        <v/>
      </c>
      <c r="DG399" s="898" t="str">
        <f t="shared" si="722"/>
        <v/>
      </c>
      <c r="DH399" s="898" t="str">
        <f t="shared" si="723"/>
        <v/>
      </c>
      <c r="DI399" s="898">
        <f t="shared" si="724"/>
        <v>737.87985865724374</v>
      </c>
      <c r="DJ399" s="898">
        <f t="shared" si="725"/>
        <v>787.07184923439343</v>
      </c>
      <c r="DK399" s="898">
        <f t="shared" si="726"/>
        <v>1180.6077738515901</v>
      </c>
      <c r="DL399" s="898">
        <f t="shared" si="727"/>
        <v>1559.8780212014133</v>
      </c>
      <c r="DM399" s="661">
        <f t="shared" si="681"/>
        <v>6175.5624970553599</v>
      </c>
      <c r="DN399" s="898">
        <f t="shared" si="682"/>
        <v>4265.437502944641</v>
      </c>
      <c r="DO399" s="516">
        <f t="shared" si="683"/>
        <v>0</v>
      </c>
      <c r="DP399" s="898">
        <f t="shared" si="684"/>
        <v>0</v>
      </c>
      <c r="DQ399" s="860" t="s">
        <v>4246</v>
      </c>
      <c r="DR399" s="610" t="s">
        <v>4247</v>
      </c>
      <c r="DS399" s="1221" t="s">
        <v>4248</v>
      </c>
      <c r="DT399" s="632"/>
    </row>
    <row r="400" spans="1:124" ht="57" x14ac:dyDescent="0.2">
      <c r="A400" s="484" t="str">
        <f t="shared" si="679"/>
        <v>Washington Avenue side-arm junction pedestrian crossing improvements</v>
      </c>
      <c r="B400" s="1163">
        <v>397</v>
      </c>
      <c r="C400" s="1156" t="s">
        <v>4494</v>
      </c>
      <c r="D400" s="481" t="s">
        <v>2481</v>
      </c>
      <c r="E400" s="481" t="s">
        <v>53</v>
      </c>
      <c r="F400" s="481" t="s">
        <v>655</v>
      </c>
      <c r="G400" s="775" t="s">
        <v>932</v>
      </c>
      <c r="H400" s="855" t="s">
        <v>1135</v>
      </c>
      <c r="I400" s="775" t="str">
        <f t="shared" ref="I400:I463" si="732">IF(ISNUMBER(SEARCH("(", LEFT(J400, 1))),MID(J400,SEARCH("(",J400)+1,SEARCH(")",J400)-SEARCH("(",J400)-1), "")</f>
        <v>SG18-1</v>
      </c>
      <c r="J400" s="673" t="s">
        <v>1136</v>
      </c>
      <c r="K400" s="664" t="s">
        <v>3104</v>
      </c>
      <c r="L400" s="852" t="s">
        <v>4495</v>
      </c>
      <c r="M400" s="515" t="s">
        <v>3005</v>
      </c>
      <c r="N400" s="665" t="s">
        <v>81</v>
      </c>
      <c r="O400" s="654" t="s">
        <v>3051</v>
      </c>
      <c r="P400" s="657" t="s">
        <v>61</v>
      </c>
      <c r="Q400" s="852" t="s">
        <v>71</v>
      </c>
      <c r="R400" s="657"/>
      <c r="S400" s="657"/>
      <c r="T400" s="853">
        <v>13365</v>
      </c>
      <c r="U400" s="854"/>
      <c r="V400" s="657" t="s">
        <v>4245</v>
      </c>
      <c r="W400" s="642">
        <f t="shared" si="728"/>
        <v>0</v>
      </c>
      <c r="X400" s="745">
        <f t="shared" si="729"/>
        <v>13365</v>
      </c>
      <c r="Y400" s="745" t="s">
        <v>3106</v>
      </c>
      <c r="Z400" s="745" t="str">
        <f>_xlfn.XLOOKUP(I400, 'CALCS Aecom (July 25 2025)'!F:F, 'CALCS Aecom (July 25 2025)'!W:W)</f>
        <v>Multiple Scenario 1 (Step 3)</v>
      </c>
      <c r="AA400" s="650" t="s">
        <v>65</v>
      </c>
      <c r="AB400" s="713" t="s">
        <v>66</v>
      </c>
      <c r="AC400" s="713"/>
      <c r="AD400" s="713"/>
      <c r="AE400" s="713"/>
      <c r="AF400" s="713"/>
      <c r="AG400" s="713"/>
      <c r="AH400" s="713"/>
      <c r="AI400" s="713"/>
      <c r="AJ400" s="713"/>
      <c r="AK400" s="713"/>
      <c r="AL400" s="713"/>
      <c r="AM400" s="713"/>
      <c r="AN400" s="713"/>
      <c r="AO400" s="713" t="s">
        <v>66</v>
      </c>
      <c r="AP400" s="713"/>
      <c r="AQ400" s="713"/>
      <c r="AR400" s="713"/>
      <c r="AS400" s="892"/>
      <c r="AT400" s="892"/>
      <c r="AU400" s="892"/>
      <c r="AV400" s="661"/>
      <c r="AW400" s="892"/>
      <c r="AX400" s="892"/>
      <c r="AY400" s="892"/>
      <c r="AZ400" s="661"/>
      <c r="BA400" s="892"/>
      <c r="BB400" s="661"/>
      <c r="BC400" s="661"/>
      <c r="BD400" s="892"/>
      <c r="BE400" s="661"/>
      <c r="BF400" s="661"/>
      <c r="BG400" s="746"/>
      <c r="BH400" s="746"/>
      <c r="BI400" s="746"/>
      <c r="BJ400" s="746"/>
      <c r="BK400" s="746"/>
      <c r="BL400" s="746"/>
      <c r="BM400" s="746"/>
      <c r="BN400" s="746"/>
      <c r="BO400" s="892"/>
      <c r="BP400" s="892"/>
      <c r="BQ400" s="892"/>
      <c r="BR400" s="892"/>
      <c r="BS400" s="884">
        <f t="shared" si="680"/>
        <v>5350</v>
      </c>
      <c r="BT400" s="661">
        <f t="shared" si="730"/>
        <v>2.4981308411214953</v>
      </c>
      <c r="BU400" s="661"/>
      <c r="BV400" s="898">
        <f t="shared" si="685"/>
        <v>12490.654205607476</v>
      </c>
      <c r="BW400" s="898" t="str">
        <f t="shared" si="686"/>
        <v/>
      </c>
      <c r="BX400" s="898" t="str">
        <f t="shared" si="687"/>
        <v/>
      </c>
      <c r="BY400" s="898" t="str">
        <f t="shared" si="688"/>
        <v/>
      </c>
      <c r="BZ400" s="898" t="str">
        <f t="shared" si="689"/>
        <v/>
      </c>
      <c r="CA400" s="898" t="str">
        <f t="shared" si="690"/>
        <v/>
      </c>
      <c r="CB400" s="898" t="str">
        <f t="shared" si="691"/>
        <v/>
      </c>
      <c r="CC400" s="898" t="str">
        <f t="shared" si="692"/>
        <v/>
      </c>
      <c r="CD400" s="898" t="str">
        <f t="shared" si="693"/>
        <v/>
      </c>
      <c r="CE400" s="898" t="str">
        <f t="shared" si="694"/>
        <v/>
      </c>
      <c r="CF400" s="898" t="str">
        <f t="shared" si="695"/>
        <v/>
      </c>
      <c r="CG400" s="898" t="str">
        <f t="shared" si="696"/>
        <v/>
      </c>
      <c r="CH400" s="898" t="str">
        <f t="shared" si="697"/>
        <v/>
      </c>
      <c r="CI400" s="898">
        <f t="shared" si="698"/>
        <v>874.34579439252332</v>
      </c>
      <c r="CJ400" s="898" t="str">
        <f t="shared" si="699"/>
        <v/>
      </c>
      <c r="CK400" s="898" t="str">
        <f t="shared" si="700"/>
        <v/>
      </c>
      <c r="CL400" s="898" t="str">
        <f t="shared" si="701"/>
        <v/>
      </c>
      <c r="CM400" s="898" t="str">
        <f t="shared" si="702"/>
        <v/>
      </c>
      <c r="CN400" s="898" t="str">
        <f t="shared" si="703"/>
        <v/>
      </c>
      <c r="CO400" s="898" t="str">
        <f t="shared" si="704"/>
        <v/>
      </c>
      <c r="CP400" s="898" t="str">
        <f t="shared" si="705"/>
        <v/>
      </c>
      <c r="CQ400" s="898" t="str">
        <f t="shared" si="706"/>
        <v/>
      </c>
      <c r="CR400" s="898" t="str">
        <f t="shared" si="707"/>
        <v/>
      </c>
      <c r="CS400" s="898" t="str">
        <f t="shared" si="708"/>
        <v/>
      </c>
      <c r="CT400" s="898" t="str">
        <f t="shared" si="709"/>
        <v/>
      </c>
      <c r="CU400" s="898" t="str">
        <f t="shared" si="710"/>
        <v/>
      </c>
      <c r="CV400" s="898" t="str">
        <f t="shared" si="711"/>
        <v/>
      </c>
      <c r="CW400" s="898" t="str">
        <f t="shared" si="712"/>
        <v/>
      </c>
      <c r="CX400" s="898" t="str">
        <f t="shared" si="713"/>
        <v/>
      </c>
      <c r="CY400" s="898" t="str">
        <f t="shared" si="714"/>
        <v/>
      </c>
      <c r="CZ400" s="898" t="str">
        <f t="shared" si="715"/>
        <v/>
      </c>
      <c r="DA400" s="898" t="str">
        <f t="shared" si="716"/>
        <v/>
      </c>
      <c r="DB400" s="898" t="str">
        <f t="shared" si="717"/>
        <v/>
      </c>
      <c r="DC400" s="898" t="str">
        <f t="shared" si="718"/>
        <v/>
      </c>
      <c r="DD400" s="898" t="str">
        <f t="shared" si="719"/>
        <v/>
      </c>
      <c r="DE400" s="898" t="str">
        <f t="shared" si="720"/>
        <v/>
      </c>
      <c r="DF400" s="898" t="str">
        <f t="shared" si="721"/>
        <v/>
      </c>
      <c r="DG400" s="898" t="str">
        <f t="shared" si="722"/>
        <v/>
      </c>
      <c r="DH400" s="898" t="str">
        <f t="shared" si="723"/>
        <v/>
      </c>
      <c r="DI400" s="898" t="str">
        <f t="shared" si="724"/>
        <v/>
      </c>
      <c r="DJ400" s="898" t="str">
        <f t="shared" si="725"/>
        <v/>
      </c>
      <c r="DK400" s="898" t="str">
        <f t="shared" si="726"/>
        <v/>
      </c>
      <c r="DL400" s="898" t="str">
        <f t="shared" si="727"/>
        <v/>
      </c>
      <c r="DM400" s="661">
        <f t="shared" si="681"/>
        <v>13365</v>
      </c>
      <c r="DN400" s="898">
        <f t="shared" si="682"/>
        <v>0</v>
      </c>
      <c r="DO400" s="516">
        <f t="shared" si="683"/>
        <v>0</v>
      </c>
      <c r="DP400" s="898">
        <f t="shared" si="684"/>
        <v>0</v>
      </c>
      <c r="DQ400" s="860" t="s">
        <v>4246</v>
      </c>
      <c r="DR400" s="860" t="s">
        <v>4261</v>
      </c>
      <c r="DS400" s="1221" t="s">
        <v>4248</v>
      </c>
      <c r="DT400" s="632"/>
    </row>
    <row r="401" spans="1:124" ht="57" x14ac:dyDescent="0.2">
      <c r="A401" s="484" t="str">
        <f t="shared" si="679"/>
        <v>Washington Avenue/Aycliffe Road roundabout crossings</v>
      </c>
      <c r="B401" s="1163">
        <v>398</v>
      </c>
      <c r="C401" s="1156" t="s">
        <v>4496</v>
      </c>
      <c r="D401" s="481" t="s">
        <v>2481</v>
      </c>
      <c r="E401" s="481" t="s">
        <v>53</v>
      </c>
      <c r="F401" s="481" t="s">
        <v>655</v>
      </c>
      <c r="G401" s="775" t="s">
        <v>932</v>
      </c>
      <c r="H401" s="855" t="s">
        <v>1137</v>
      </c>
      <c r="I401" s="775" t="str">
        <f t="shared" si="732"/>
        <v>SG18-2</v>
      </c>
      <c r="J401" s="673" t="s">
        <v>1138</v>
      </c>
      <c r="K401" s="664" t="s">
        <v>3104</v>
      </c>
      <c r="L401" s="852" t="s">
        <v>4495</v>
      </c>
      <c r="M401" s="515" t="s">
        <v>4244</v>
      </c>
      <c r="N401" s="775" t="s">
        <v>81</v>
      </c>
      <c r="O401" s="654" t="s">
        <v>3051</v>
      </c>
      <c r="P401" s="657" t="s">
        <v>61</v>
      </c>
      <c r="Q401" s="852" t="s">
        <v>71</v>
      </c>
      <c r="R401" s="657"/>
      <c r="S401" s="657"/>
      <c r="T401" s="853">
        <v>582191</v>
      </c>
      <c r="U401" s="854"/>
      <c r="V401" s="657" t="s">
        <v>4245</v>
      </c>
      <c r="W401" s="642">
        <f t="shared" si="728"/>
        <v>0</v>
      </c>
      <c r="X401" s="745">
        <f t="shared" si="729"/>
        <v>582191</v>
      </c>
      <c r="Y401" s="745" t="s">
        <v>3106</v>
      </c>
      <c r="Z401" s="745" t="str">
        <f>_xlfn.XLOOKUP(I401, 'CALCS Aecom (July 25 2025)'!F:F, 'CALCS Aecom (July 25 2025)'!W:W)</f>
        <v>Multiple Scenario 1 (Step 3)</v>
      </c>
      <c r="AA401" s="650" t="s">
        <v>65</v>
      </c>
      <c r="AB401" s="516" t="s">
        <v>66</v>
      </c>
      <c r="AC401" s="516"/>
      <c r="AD401" s="516"/>
      <c r="AE401" s="516"/>
      <c r="AF401" s="516"/>
      <c r="AG401" s="516"/>
      <c r="AH401" s="516"/>
      <c r="AI401" s="516"/>
      <c r="AJ401" s="516"/>
      <c r="AK401" s="516"/>
      <c r="AL401" s="516"/>
      <c r="AM401" s="516"/>
      <c r="AN401" s="516"/>
      <c r="AO401" s="713" t="s">
        <v>66</v>
      </c>
      <c r="AP401" s="516"/>
      <c r="AQ401" s="516"/>
      <c r="AR401" s="516"/>
      <c r="AS401" s="892"/>
      <c r="AT401" s="892"/>
      <c r="AU401" s="892"/>
      <c r="AV401" s="661"/>
      <c r="AW401" s="892"/>
      <c r="AX401" s="892"/>
      <c r="AY401" s="892"/>
      <c r="AZ401" s="661"/>
      <c r="BA401" s="892"/>
      <c r="BB401" s="661"/>
      <c r="BC401" s="661"/>
      <c r="BD401" s="892"/>
      <c r="BE401" s="661"/>
      <c r="BF401" s="661"/>
      <c r="BG401" s="746"/>
      <c r="BH401" s="746"/>
      <c r="BI401" s="746"/>
      <c r="BJ401" s="746"/>
      <c r="BK401" s="746"/>
      <c r="BL401" s="746"/>
      <c r="BM401" s="746"/>
      <c r="BN401" s="746"/>
      <c r="BO401" s="516"/>
      <c r="BP401" s="516"/>
      <c r="BQ401" s="516"/>
      <c r="BR401" s="516"/>
      <c r="BS401" s="884">
        <f t="shared" si="680"/>
        <v>5350</v>
      </c>
      <c r="BT401" s="661">
        <f t="shared" si="730"/>
        <v>108.8207476635514</v>
      </c>
      <c r="BU401" s="661"/>
      <c r="BV401" s="898">
        <f t="shared" si="685"/>
        <v>544103.73831775703</v>
      </c>
      <c r="BW401" s="898" t="str">
        <f t="shared" si="686"/>
        <v/>
      </c>
      <c r="BX401" s="898" t="str">
        <f t="shared" si="687"/>
        <v/>
      </c>
      <c r="BY401" s="898" t="str">
        <f t="shared" si="688"/>
        <v/>
      </c>
      <c r="BZ401" s="898" t="str">
        <f t="shared" si="689"/>
        <v/>
      </c>
      <c r="CA401" s="898" t="str">
        <f t="shared" si="690"/>
        <v/>
      </c>
      <c r="CB401" s="898" t="str">
        <f t="shared" si="691"/>
        <v/>
      </c>
      <c r="CC401" s="898" t="str">
        <f t="shared" si="692"/>
        <v/>
      </c>
      <c r="CD401" s="898" t="str">
        <f t="shared" si="693"/>
        <v/>
      </c>
      <c r="CE401" s="898" t="str">
        <f t="shared" si="694"/>
        <v/>
      </c>
      <c r="CF401" s="898" t="str">
        <f t="shared" si="695"/>
        <v/>
      </c>
      <c r="CG401" s="898" t="str">
        <f t="shared" si="696"/>
        <v/>
      </c>
      <c r="CH401" s="898" t="str">
        <f t="shared" si="697"/>
        <v/>
      </c>
      <c r="CI401" s="898">
        <f t="shared" si="698"/>
        <v>38087.261682242992</v>
      </c>
      <c r="CJ401" s="898" t="str">
        <f t="shared" si="699"/>
        <v/>
      </c>
      <c r="CK401" s="898" t="str">
        <f t="shared" si="700"/>
        <v/>
      </c>
      <c r="CL401" s="898" t="str">
        <f t="shared" si="701"/>
        <v/>
      </c>
      <c r="CM401" s="898" t="str">
        <f t="shared" si="702"/>
        <v/>
      </c>
      <c r="CN401" s="898" t="str">
        <f t="shared" si="703"/>
        <v/>
      </c>
      <c r="CO401" s="898" t="str">
        <f t="shared" si="704"/>
        <v/>
      </c>
      <c r="CP401" s="898" t="str">
        <f t="shared" si="705"/>
        <v/>
      </c>
      <c r="CQ401" s="898" t="str">
        <f t="shared" si="706"/>
        <v/>
      </c>
      <c r="CR401" s="898" t="str">
        <f t="shared" si="707"/>
        <v/>
      </c>
      <c r="CS401" s="898" t="str">
        <f t="shared" si="708"/>
        <v/>
      </c>
      <c r="CT401" s="898" t="str">
        <f t="shared" si="709"/>
        <v/>
      </c>
      <c r="CU401" s="898" t="str">
        <f t="shared" si="710"/>
        <v/>
      </c>
      <c r="CV401" s="898" t="str">
        <f t="shared" si="711"/>
        <v/>
      </c>
      <c r="CW401" s="898" t="str">
        <f t="shared" si="712"/>
        <v/>
      </c>
      <c r="CX401" s="898" t="str">
        <f t="shared" si="713"/>
        <v/>
      </c>
      <c r="CY401" s="898" t="str">
        <f t="shared" si="714"/>
        <v/>
      </c>
      <c r="CZ401" s="898" t="str">
        <f t="shared" si="715"/>
        <v/>
      </c>
      <c r="DA401" s="898" t="str">
        <f t="shared" si="716"/>
        <v/>
      </c>
      <c r="DB401" s="898" t="str">
        <f t="shared" si="717"/>
        <v/>
      </c>
      <c r="DC401" s="898" t="str">
        <f t="shared" si="718"/>
        <v/>
      </c>
      <c r="DD401" s="898" t="str">
        <f t="shared" si="719"/>
        <v/>
      </c>
      <c r="DE401" s="898" t="str">
        <f t="shared" si="720"/>
        <v/>
      </c>
      <c r="DF401" s="898" t="str">
        <f t="shared" si="721"/>
        <v/>
      </c>
      <c r="DG401" s="898" t="str">
        <f t="shared" si="722"/>
        <v/>
      </c>
      <c r="DH401" s="898" t="str">
        <f t="shared" si="723"/>
        <v/>
      </c>
      <c r="DI401" s="898" t="str">
        <f t="shared" si="724"/>
        <v/>
      </c>
      <c r="DJ401" s="898" t="str">
        <f t="shared" si="725"/>
        <v/>
      </c>
      <c r="DK401" s="898" t="str">
        <f t="shared" si="726"/>
        <v/>
      </c>
      <c r="DL401" s="898" t="str">
        <f t="shared" si="727"/>
        <v/>
      </c>
      <c r="DM401" s="661">
        <f t="shared" si="681"/>
        <v>582191</v>
      </c>
      <c r="DN401" s="898">
        <f t="shared" si="682"/>
        <v>0</v>
      </c>
      <c r="DO401" s="516">
        <f t="shared" si="683"/>
        <v>0</v>
      </c>
      <c r="DP401" s="898">
        <f t="shared" si="684"/>
        <v>0</v>
      </c>
      <c r="DQ401" s="860" t="s">
        <v>4246</v>
      </c>
      <c r="DR401" s="610" t="s">
        <v>4247</v>
      </c>
      <c r="DS401" s="1221" t="s">
        <v>4248</v>
      </c>
      <c r="DT401" s="632"/>
    </row>
    <row r="402" spans="1:124" ht="57" x14ac:dyDescent="0.2">
      <c r="A402" s="484" t="str">
        <f t="shared" si="679"/>
        <v>Aycliffe Drive zebra crossing</v>
      </c>
      <c r="B402" s="1163">
        <v>399</v>
      </c>
      <c r="C402" s="1156" t="s">
        <v>4497</v>
      </c>
      <c r="D402" s="481" t="s">
        <v>2481</v>
      </c>
      <c r="E402" s="481" t="s">
        <v>53</v>
      </c>
      <c r="F402" s="481" t="s">
        <v>655</v>
      </c>
      <c r="G402" s="775" t="s">
        <v>932</v>
      </c>
      <c r="H402" s="855" t="s">
        <v>1139</v>
      </c>
      <c r="I402" s="775" t="str">
        <f t="shared" si="732"/>
        <v>SG18-3</v>
      </c>
      <c r="J402" s="673" t="s">
        <v>1140</v>
      </c>
      <c r="K402" s="664" t="s">
        <v>3104</v>
      </c>
      <c r="L402" s="852" t="s">
        <v>3058</v>
      </c>
      <c r="M402" s="515" t="s">
        <v>4244</v>
      </c>
      <c r="N402" s="665" t="s">
        <v>81</v>
      </c>
      <c r="O402" s="654" t="s">
        <v>3051</v>
      </c>
      <c r="P402" s="657" t="s">
        <v>61</v>
      </c>
      <c r="Q402" s="852" t="s">
        <v>71</v>
      </c>
      <c r="R402" s="657"/>
      <c r="S402" s="657"/>
      <c r="T402" s="853">
        <v>165218</v>
      </c>
      <c r="U402" s="854"/>
      <c r="V402" s="657" t="s">
        <v>4245</v>
      </c>
      <c r="W402" s="642">
        <f t="shared" si="728"/>
        <v>0</v>
      </c>
      <c r="X402" s="745">
        <f t="shared" si="729"/>
        <v>165218</v>
      </c>
      <c r="Y402" s="745" t="s">
        <v>3106</v>
      </c>
      <c r="Z402" s="745" t="str">
        <f>_xlfn.XLOOKUP(I402, 'CALCS Aecom (July 25 2025)'!F:F, 'CALCS Aecom (July 25 2025)'!W:W)</f>
        <v>Single Scenario 2 (Step 2)</v>
      </c>
      <c r="AA402" s="650" t="s">
        <v>65</v>
      </c>
      <c r="AB402" s="516"/>
      <c r="AC402" s="516"/>
      <c r="AD402" s="516"/>
      <c r="AE402" s="516"/>
      <c r="AF402" s="516"/>
      <c r="AG402" s="516"/>
      <c r="AH402" s="516"/>
      <c r="AI402" s="516"/>
      <c r="AJ402" s="516"/>
      <c r="AK402" s="516"/>
      <c r="AL402" s="516"/>
      <c r="AM402" s="516" t="s">
        <v>66</v>
      </c>
      <c r="AN402" s="516"/>
      <c r="AO402" s="516"/>
      <c r="AP402" s="516"/>
      <c r="AQ402" s="516"/>
      <c r="AR402" s="516"/>
      <c r="AS402" s="892"/>
      <c r="AT402" s="892"/>
      <c r="AU402" s="892"/>
      <c r="AV402" s="661"/>
      <c r="AW402" s="892"/>
      <c r="AX402" s="892"/>
      <c r="AY402" s="892"/>
      <c r="AZ402" s="661"/>
      <c r="BA402" s="892"/>
      <c r="BB402" s="661"/>
      <c r="BC402" s="661"/>
      <c r="BD402" s="892"/>
      <c r="BE402" s="661"/>
      <c r="BF402" s="661"/>
      <c r="BG402" s="746"/>
      <c r="BH402" s="746"/>
      <c r="BI402" s="746"/>
      <c r="BJ402" s="746"/>
      <c r="BK402" s="746"/>
      <c r="BL402" s="746"/>
      <c r="BM402" s="746"/>
      <c r="BN402" s="746"/>
      <c r="BO402" s="516"/>
      <c r="BP402" s="516"/>
      <c r="BQ402" s="516"/>
      <c r="BR402" s="516"/>
      <c r="BS402" s="884">
        <f t="shared" si="680"/>
        <v>200</v>
      </c>
      <c r="BT402" s="661">
        <f t="shared" si="730"/>
        <v>826.09</v>
      </c>
      <c r="BU402" s="661" t="str">
        <f t="shared" ref="BU402:BU433" si="733">IF(SUM(BV402:DL402)=X402, "GOOD", "ERROR")</f>
        <v>GOOD</v>
      </c>
      <c r="BV402" s="898" t="str">
        <f t="shared" si="685"/>
        <v/>
      </c>
      <c r="BW402" s="898" t="str">
        <f t="shared" si="686"/>
        <v/>
      </c>
      <c r="BX402" s="898" t="str">
        <f t="shared" si="687"/>
        <v/>
      </c>
      <c r="BY402" s="898" t="str">
        <f t="shared" si="688"/>
        <v/>
      </c>
      <c r="BZ402" s="898" t="str">
        <f t="shared" si="689"/>
        <v/>
      </c>
      <c r="CA402" s="898" t="str">
        <f t="shared" si="690"/>
        <v/>
      </c>
      <c r="CB402" s="898" t="str">
        <f t="shared" si="691"/>
        <v/>
      </c>
      <c r="CC402" s="898" t="str">
        <f t="shared" si="692"/>
        <v/>
      </c>
      <c r="CD402" s="898" t="str">
        <f t="shared" si="693"/>
        <v/>
      </c>
      <c r="CE402" s="898" t="str">
        <f t="shared" si="694"/>
        <v/>
      </c>
      <c r="CF402" s="898" t="str">
        <f t="shared" si="695"/>
        <v/>
      </c>
      <c r="CG402" s="898">
        <f t="shared" si="696"/>
        <v>165218</v>
      </c>
      <c r="CH402" s="898" t="str">
        <f t="shared" si="697"/>
        <v/>
      </c>
      <c r="CI402" s="898" t="str">
        <f t="shared" si="698"/>
        <v/>
      </c>
      <c r="CJ402" s="898" t="str">
        <f t="shared" si="699"/>
        <v/>
      </c>
      <c r="CK402" s="898" t="str">
        <f t="shared" si="700"/>
        <v/>
      </c>
      <c r="CL402" s="898" t="str">
        <f t="shared" si="701"/>
        <v/>
      </c>
      <c r="CM402" s="898" t="str">
        <f t="shared" si="702"/>
        <v/>
      </c>
      <c r="CN402" s="898" t="str">
        <f t="shared" si="703"/>
        <v/>
      </c>
      <c r="CO402" s="898" t="str">
        <f t="shared" si="704"/>
        <v/>
      </c>
      <c r="CP402" s="898" t="str">
        <f t="shared" si="705"/>
        <v/>
      </c>
      <c r="CQ402" s="898" t="str">
        <f t="shared" si="706"/>
        <v/>
      </c>
      <c r="CR402" s="898" t="str">
        <f t="shared" si="707"/>
        <v/>
      </c>
      <c r="CS402" s="898" t="str">
        <f t="shared" si="708"/>
        <v/>
      </c>
      <c r="CT402" s="898" t="str">
        <f t="shared" si="709"/>
        <v/>
      </c>
      <c r="CU402" s="898" t="str">
        <f t="shared" si="710"/>
        <v/>
      </c>
      <c r="CV402" s="898" t="str">
        <f t="shared" si="711"/>
        <v/>
      </c>
      <c r="CW402" s="898" t="str">
        <f t="shared" si="712"/>
        <v/>
      </c>
      <c r="CX402" s="898" t="str">
        <f t="shared" si="713"/>
        <v/>
      </c>
      <c r="CY402" s="898" t="str">
        <f t="shared" si="714"/>
        <v/>
      </c>
      <c r="CZ402" s="898" t="str">
        <f t="shared" si="715"/>
        <v/>
      </c>
      <c r="DA402" s="898" t="str">
        <f t="shared" si="716"/>
        <v/>
      </c>
      <c r="DB402" s="898" t="str">
        <f t="shared" si="717"/>
        <v/>
      </c>
      <c r="DC402" s="898" t="str">
        <f t="shared" si="718"/>
        <v/>
      </c>
      <c r="DD402" s="898" t="str">
        <f t="shared" si="719"/>
        <v/>
      </c>
      <c r="DE402" s="898" t="str">
        <f t="shared" si="720"/>
        <v/>
      </c>
      <c r="DF402" s="898" t="str">
        <f t="shared" si="721"/>
        <v/>
      </c>
      <c r="DG402" s="898" t="str">
        <f t="shared" si="722"/>
        <v/>
      </c>
      <c r="DH402" s="898" t="str">
        <f t="shared" si="723"/>
        <v/>
      </c>
      <c r="DI402" s="898" t="str">
        <f t="shared" si="724"/>
        <v/>
      </c>
      <c r="DJ402" s="898" t="str">
        <f t="shared" si="725"/>
        <v/>
      </c>
      <c r="DK402" s="898" t="str">
        <f t="shared" si="726"/>
        <v/>
      </c>
      <c r="DL402" s="898" t="str">
        <f t="shared" si="727"/>
        <v/>
      </c>
      <c r="DM402" s="661">
        <f t="shared" si="681"/>
        <v>165218</v>
      </c>
      <c r="DN402" s="898">
        <f t="shared" si="682"/>
        <v>0</v>
      </c>
      <c r="DO402" s="516">
        <f t="shared" si="683"/>
        <v>0</v>
      </c>
      <c r="DP402" s="898">
        <f t="shared" si="684"/>
        <v>0</v>
      </c>
      <c r="DQ402" s="860" t="s">
        <v>4246</v>
      </c>
      <c r="DR402" s="610" t="s">
        <v>4247</v>
      </c>
      <c r="DS402" s="1221" t="s">
        <v>4248</v>
      </c>
      <c r="DT402" s="632"/>
    </row>
    <row r="403" spans="1:124" ht="57" x14ac:dyDescent="0.2">
      <c r="A403" s="484" t="str">
        <f t="shared" si="679"/>
        <v>Washington Avenue four additional zebra crossings</v>
      </c>
      <c r="B403" s="1163">
        <v>400</v>
      </c>
      <c r="C403" s="1156" t="s">
        <v>4498</v>
      </c>
      <c r="D403" s="481" t="s">
        <v>2481</v>
      </c>
      <c r="E403" s="481" t="s">
        <v>53</v>
      </c>
      <c r="F403" s="481" t="s">
        <v>655</v>
      </c>
      <c r="G403" s="775" t="s">
        <v>932</v>
      </c>
      <c r="H403" s="855" t="s">
        <v>1141</v>
      </c>
      <c r="I403" s="775" t="str">
        <f t="shared" si="732"/>
        <v>SG18-4</v>
      </c>
      <c r="J403" s="673" t="s">
        <v>1142</v>
      </c>
      <c r="K403" s="664" t="s">
        <v>3104</v>
      </c>
      <c r="L403" s="852" t="s">
        <v>4495</v>
      </c>
      <c r="M403" s="515" t="s">
        <v>4244</v>
      </c>
      <c r="N403" s="775" t="s">
        <v>81</v>
      </c>
      <c r="O403" s="654" t="s">
        <v>3051</v>
      </c>
      <c r="P403" s="657" t="s">
        <v>61</v>
      </c>
      <c r="Q403" s="852" t="s">
        <v>71</v>
      </c>
      <c r="R403" s="657"/>
      <c r="S403" s="657"/>
      <c r="T403" s="853">
        <v>933404</v>
      </c>
      <c r="U403" s="854"/>
      <c r="V403" s="657" t="s">
        <v>4245</v>
      </c>
      <c r="W403" s="642">
        <f t="shared" si="728"/>
        <v>0</v>
      </c>
      <c r="X403" s="745">
        <f t="shared" si="729"/>
        <v>933404</v>
      </c>
      <c r="Y403" s="745" t="s">
        <v>3106</v>
      </c>
      <c r="Z403" s="745" t="str">
        <f>_xlfn.XLOOKUP(I403, 'CALCS Aecom (July 25 2025)'!F:F, 'CALCS Aecom (July 25 2025)'!W:W)</f>
        <v>Multiple Scenario 1 (Step 3)</v>
      </c>
      <c r="AA403" s="650" t="s">
        <v>65</v>
      </c>
      <c r="AB403" s="516" t="s">
        <v>66</v>
      </c>
      <c r="AC403" s="516"/>
      <c r="AD403" s="516"/>
      <c r="AE403" s="516"/>
      <c r="AF403" s="516"/>
      <c r="AG403" s="516"/>
      <c r="AH403" s="516"/>
      <c r="AI403" s="516"/>
      <c r="AJ403" s="516"/>
      <c r="AK403" s="516"/>
      <c r="AL403" s="516"/>
      <c r="AM403" s="516"/>
      <c r="AN403" s="516"/>
      <c r="AO403" s="713" t="s">
        <v>66</v>
      </c>
      <c r="AP403" s="516"/>
      <c r="AQ403" s="516"/>
      <c r="AR403" s="516"/>
      <c r="AS403" s="892"/>
      <c r="AT403" s="892"/>
      <c r="AU403" s="892"/>
      <c r="AV403" s="661"/>
      <c r="AW403" s="892"/>
      <c r="AX403" s="892"/>
      <c r="AY403" s="892"/>
      <c r="AZ403" s="661"/>
      <c r="BA403" s="892"/>
      <c r="BB403" s="661"/>
      <c r="BC403" s="661"/>
      <c r="BD403" s="892"/>
      <c r="BE403" s="661"/>
      <c r="BF403" s="661"/>
      <c r="BG403" s="746"/>
      <c r="BH403" s="746"/>
      <c r="BI403" s="746"/>
      <c r="BJ403" s="746"/>
      <c r="BK403" s="746"/>
      <c r="BL403" s="746"/>
      <c r="BM403" s="746"/>
      <c r="BN403" s="746"/>
      <c r="BO403" s="516"/>
      <c r="BP403" s="516"/>
      <c r="BQ403" s="516"/>
      <c r="BR403" s="516"/>
      <c r="BS403" s="884">
        <f t="shared" si="680"/>
        <v>5350</v>
      </c>
      <c r="BT403" s="661">
        <f t="shared" si="730"/>
        <v>174.46803738317757</v>
      </c>
      <c r="BU403" s="661" t="str">
        <f t="shared" si="733"/>
        <v>GOOD</v>
      </c>
      <c r="BV403" s="898">
        <f t="shared" si="685"/>
        <v>872340.18691588787</v>
      </c>
      <c r="BW403" s="898" t="str">
        <f t="shared" si="686"/>
        <v/>
      </c>
      <c r="BX403" s="898" t="str">
        <f t="shared" si="687"/>
        <v/>
      </c>
      <c r="BY403" s="898" t="str">
        <f t="shared" si="688"/>
        <v/>
      </c>
      <c r="BZ403" s="898" t="str">
        <f t="shared" si="689"/>
        <v/>
      </c>
      <c r="CA403" s="898" t="str">
        <f t="shared" si="690"/>
        <v/>
      </c>
      <c r="CB403" s="898" t="str">
        <f t="shared" si="691"/>
        <v/>
      </c>
      <c r="CC403" s="898" t="str">
        <f t="shared" si="692"/>
        <v/>
      </c>
      <c r="CD403" s="898" t="str">
        <f t="shared" si="693"/>
        <v/>
      </c>
      <c r="CE403" s="898" t="str">
        <f t="shared" si="694"/>
        <v/>
      </c>
      <c r="CF403" s="898" t="str">
        <f t="shared" si="695"/>
        <v/>
      </c>
      <c r="CG403" s="898" t="str">
        <f t="shared" si="696"/>
        <v/>
      </c>
      <c r="CH403" s="898" t="str">
        <f t="shared" si="697"/>
        <v/>
      </c>
      <c r="CI403" s="898">
        <f t="shared" si="698"/>
        <v>61063.813084112153</v>
      </c>
      <c r="CJ403" s="898" t="str">
        <f t="shared" si="699"/>
        <v/>
      </c>
      <c r="CK403" s="898" t="str">
        <f t="shared" si="700"/>
        <v/>
      </c>
      <c r="CL403" s="898" t="str">
        <f t="shared" si="701"/>
        <v/>
      </c>
      <c r="CM403" s="898" t="str">
        <f t="shared" si="702"/>
        <v/>
      </c>
      <c r="CN403" s="898" t="str">
        <f t="shared" si="703"/>
        <v/>
      </c>
      <c r="CO403" s="898" t="str">
        <f t="shared" si="704"/>
        <v/>
      </c>
      <c r="CP403" s="898" t="str">
        <f t="shared" si="705"/>
        <v/>
      </c>
      <c r="CQ403" s="898" t="str">
        <f t="shared" si="706"/>
        <v/>
      </c>
      <c r="CR403" s="898" t="str">
        <f t="shared" si="707"/>
        <v/>
      </c>
      <c r="CS403" s="898" t="str">
        <f t="shared" si="708"/>
        <v/>
      </c>
      <c r="CT403" s="898" t="str">
        <f t="shared" si="709"/>
        <v/>
      </c>
      <c r="CU403" s="898" t="str">
        <f t="shared" si="710"/>
        <v/>
      </c>
      <c r="CV403" s="898" t="str">
        <f t="shared" si="711"/>
        <v/>
      </c>
      <c r="CW403" s="898" t="str">
        <f t="shared" si="712"/>
        <v/>
      </c>
      <c r="CX403" s="898" t="str">
        <f t="shared" si="713"/>
        <v/>
      </c>
      <c r="CY403" s="898" t="str">
        <f t="shared" si="714"/>
        <v/>
      </c>
      <c r="CZ403" s="898" t="str">
        <f t="shared" si="715"/>
        <v/>
      </c>
      <c r="DA403" s="898" t="str">
        <f t="shared" si="716"/>
        <v/>
      </c>
      <c r="DB403" s="898" t="str">
        <f t="shared" si="717"/>
        <v/>
      </c>
      <c r="DC403" s="898" t="str">
        <f t="shared" si="718"/>
        <v/>
      </c>
      <c r="DD403" s="898" t="str">
        <f t="shared" si="719"/>
        <v/>
      </c>
      <c r="DE403" s="898" t="str">
        <f t="shared" si="720"/>
        <v/>
      </c>
      <c r="DF403" s="898" t="str">
        <f t="shared" si="721"/>
        <v/>
      </c>
      <c r="DG403" s="898" t="str">
        <f t="shared" si="722"/>
        <v/>
      </c>
      <c r="DH403" s="898" t="str">
        <f t="shared" si="723"/>
        <v/>
      </c>
      <c r="DI403" s="898" t="str">
        <f t="shared" si="724"/>
        <v/>
      </c>
      <c r="DJ403" s="898" t="str">
        <f t="shared" si="725"/>
        <v/>
      </c>
      <c r="DK403" s="898" t="str">
        <f t="shared" si="726"/>
        <v/>
      </c>
      <c r="DL403" s="898" t="str">
        <f t="shared" si="727"/>
        <v/>
      </c>
      <c r="DM403" s="661">
        <f t="shared" si="681"/>
        <v>933404</v>
      </c>
      <c r="DN403" s="898">
        <f t="shared" si="682"/>
        <v>0</v>
      </c>
      <c r="DO403" s="516">
        <f t="shared" si="683"/>
        <v>0</v>
      </c>
      <c r="DP403" s="898">
        <f t="shared" si="684"/>
        <v>0</v>
      </c>
      <c r="DQ403" s="860" t="s">
        <v>4246</v>
      </c>
      <c r="DR403" s="610" t="s">
        <v>4247</v>
      </c>
      <c r="DS403" s="1221" t="s">
        <v>4248</v>
      </c>
      <c r="DT403" s="632"/>
    </row>
    <row r="404" spans="1:124" ht="57" x14ac:dyDescent="0.2">
      <c r="A404" s="484" t="str">
        <f t="shared" si="679"/>
        <v>Aycliffe Drive cycle lane upgrade and splitter island removal</v>
      </c>
      <c r="B404" s="1163">
        <v>401</v>
      </c>
      <c r="C404" s="1156" t="s">
        <v>4499</v>
      </c>
      <c r="D404" s="481" t="s">
        <v>2481</v>
      </c>
      <c r="E404" s="481" t="s">
        <v>53</v>
      </c>
      <c r="F404" s="481" t="s">
        <v>655</v>
      </c>
      <c r="G404" s="775" t="s">
        <v>932</v>
      </c>
      <c r="H404" s="855" t="s">
        <v>1143</v>
      </c>
      <c r="I404" s="775" t="str">
        <f t="shared" si="732"/>
        <v>SG18-5</v>
      </c>
      <c r="J404" s="673" t="s">
        <v>1144</v>
      </c>
      <c r="K404" s="664" t="s">
        <v>3104</v>
      </c>
      <c r="L404" s="852" t="s">
        <v>3058</v>
      </c>
      <c r="M404" s="515" t="s">
        <v>4244</v>
      </c>
      <c r="N404" s="665" t="s">
        <v>81</v>
      </c>
      <c r="O404" s="654" t="s">
        <v>3051</v>
      </c>
      <c r="P404" s="657" t="s">
        <v>61</v>
      </c>
      <c r="Q404" s="852" t="s">
        <v>71</v>
      </c>
      <c r="R404" s="657"/>
      <c r="S404" s="657"/>
      <c r="T404" s="853">
        <v>53067</v>
      </c>
      <c r="U404" s="854"/>
      <c r="V404" s="657" t="s">
        <v>4245</v>
      </c>
      <c r="W404" s="642">
        <f t="shared" si="728"/>
        <v>0</v>
      </c>
      <c r="X404" s="745">
        <f t="shared" si="729"/>
        <v>53067</v>
      </c>
      <c r="Y404" s="745" t="s">
        <v>3106</v>
      </c>
      <c r="Z404" s="745" t="str">
        <f>_xlfn.XLOOKUP(I404, 'CALCS Aecom (July 25 2025)'!F:F, 'CALCS Aecom (July 25 2025)'!W:W)</f>
        <v>Single Scenario 2 (Step 2)</v>
      </c>
      <c r="AA404" s="650" t="s">
        <v>65</v>
      </c>
      <c r="AB404" s="516"/>
      <c r="AC404" s="516"/>
      <c r="AD404" s="516"/>
      <c r="AE404" s="516"/>
      <c r="AF404" s="516"/>
      <c r="AG404" s="516"/>
      <c r="AH404" s="516"/>
      <c r="AI404" s="516"/>
      <c r="AJ404" s="516"/>
      <c r="AK404" s="516"/>
      <c r="AL404" s="516"/>
      <c r="AM404" s="516" t="s">
        <v>66</v>
      </c>
      <c r="AN404" s="516"/>
      <c r="AO404" s="516"/>
      <c r="AP404" s="516"/>
      <c r="AQ404" s="516"/>
      <c r="AR404" s="516"/>
      <c r="AS404" s="892"/>
      <c r="AT404" s="892"/>
      <c r="AU404" s="892"/>
      <c r="AV404" s="661"/>
      <c r="AW404" s="892"/>
      <c r="AX404" s="892"/>
      <c r="AY404" s="892"/>
      <c r="AZ404" s="661"/>
      <c r="BA404" s="892"/>
      <c r="BB404" s="661"/>
      <c r="BC404" s="661"/>
      <c r="BD404" s="892"/>
      <c r="BE404" s="661"/>
      <c r="BF404" s="661"/>
      <c r="BG404" s="746"/>
      <c r="BH404" s="746"/>
      <c r="BI404" s="746"/>
      <c r="BJ404" s="746"/>
      <c r="BK404" s="746"/>
      <c r="BL404" s="746"/>
      <c r="BM404" s="746"/>
      <c r="BN404" s="746"/>
      <c r="BO404" s="516"/>
      <c r="BP404" s="516"/>
      <c r="BQ404" s="516"/>
      <c r="BR404" s="516"/>
      <c r="BS404" s="884">
        <f t="shared" si="680"/>
        <v>200</v>
      </c>
      <c r="BT404" s="661">
        <f t="shared" si="730"/>
        <v>265.33499999999998</v>
      </c>
      <c r="BU404" s="661" t="str">
        <f t="shared" si="733"/>
        <v>GOOD</v>
      </c>
      <c r="BV404" s="898" t="str">
        <f t="shared" si="685"/>
        <v/>
      </c>
      <c r="BW404" s="898" t="str">
        <f t="shared" si="686"/>
        <v/>
      </c>
      <c r="BX404" s="898" t="str">
        <f t="shared" si="687"/>
        <v/>
      </c>
      <c r="BY404" s="898" t="str">
        <f t="shared" si="688"/>
        <v/>
      </c>
      <c r="BZ404" s="898" t="str">
        <f t="shared" si="689"/>
        <v/>
      </c>
      <c r="CA404" s="898" t="str">
        <f t="shared" si="690"/>
        <v/>
      </c>
      <c r="CB404" s="898" t="str">
        <f t="shared" si="691"/>
        <v/>
      </c>
      <c r="CC404" s="898" t="str">
        <f t="shared" si="692"/>
        <v/>
      </c>
      <c r="CD404" s="898" t="str">
        <f t="shared" si="693"/>
        <v/>
      </c>
      <c r="CE404" s="898" t="str">
        <f t="shared" si="694"/>
        <v/>
      </c>
      <c r="CF404" s="898" t="str">
        <f t="shared" si="695"/>
        <v/>
      </c>
      <c r="CG404" s="898">
        <f t="shared" si="696"/>
        <v>53066.999999999993</v>
      </c>
      <c r="CH404" s="898" t="str">
        <f t="shared" si="697"/>
        <v/>
      </c>
      <c r="CI404" s="898" t="str">
        <f t="shared" si="698"/>
        <v/>
      </c>
      <c r="CJ404" s="898" t="str">
        <f t="shared" si="699"/>
        <v/>
      </c>
      <c r="CK404" s="898" t="str">
        <f t="shared" si="700"/>
        <v/>
      </c>
      <c r="CL404" s="898" t="str">
        <f t="shared" si="701"/>
        <v/>
      </c>
      <c r="CM404" s="898" t="str">
        <f t="shared" si="702"/>
        <v/>
      </c>
      <c r="CN404" s="898" t="str">
        <f t="shared" si="703"/>
        <v/>
      </c>
      <c r="CO404" s="898" t="str">
        <f t="shared" si="704"/>
        <v/>
      </c>
      <c r="CP404" s="898" t="str">
        <f t="shared" si="705"/>
        <v/>
      </c>
      <c r="CQ404" s="898" t="str">
        <f t="shared" si="706"/>
        <v/>
      </c>
      <c r="CR404" s="898" t="str">
        <f t="shared" si="707"/>
        <v/>
      </c>
      <c r="CS404" s="898" t="str">
        <f t="shared" si="708"/>
        <v/>
      </c>
      <c r="CT404" s="898" t="str">
        <f t="shared" si="709"/>
        <v/>
      </c>
      <c r="CU404" s="898" t="str">
        <f t="shared" si="710"/>
        <v/>
      </c>
      <c r="CV404" s="898" t="str">
        <f t="shared" si="711"/>
        <v/>
      </c>
      <c r="CW404" s="898" t="str">
        <f t="shared" si="712"/>
        <v/>
      </c>
      <c r="CX404" s="898" t="str">
        <f t="shared" si="713"/>
        <v/>
      </c>
      <c r="CY404" s="898" t="str">
        <f t="shared" si="714"/>
        <v/>
      </c>
      <c r="CZ404" s="898" t="str">
        <f t="shared" si="715"/>
        <v/>
      </c>
      <c r="DA404" s="898" t="str">
        <f t="shared" si="716"/>
        <v/>
      </c>
      <c r="DB404" s="898" t="str">
        <f t="shared" si="717"/>
        <v/>
      </c>
      <c r="DC404" s="898" t="str">
        <f t="shared" si="718"/>
        <v/>
      </c>
      <c r="DD404" s="898" t="str">
        <f t="shared" si="719"/>
        <v/>
      </c>
      <c r="DE404" s="898" t="str">
        <f t="shared" si="720"/>
        <v/>
      </c>
      <c r="DF404" s="898" t="str">
        <f t="shared" si="721"/>
        <v/>
      </c>
      <c r="DG404" s="898" t="str">
        <f t="shared" si="722"/>
        <v/>
      </c>
      <c r="DH404" s="898" t="str">
        <f t="shared" si="723"/>
        <v/>
      </c>
      <c r="DI404" s="898" t="str">
        <f t="shared" si="724"/>
        <v/>
      </c>
      <c r="DJ404" s="898" t="str">
        <f t="shared" si="725"/>
        <v/>
      </c>
      <c r="DK404" s="898" t="str">
        <f t="shared" si="726"/>
        <v/>
      </c>
      <c r="DL404" s="898" t="str">
        <f t="shared" si="727"/>
        <v/>
      </c>
      <c r="DM404" s="661">
        <f t="shared" si="681"/>
        <v>53066.999999999993</v>
      </c>
      <c r="DN404" s="898">
        <f t="shared" si="682"/>
        <v>0</v>
      </c>
      <c r="DO404" s="516">
        <f t="shared" si="683"/>
        <v>0</v>
      </c>
      <c r="DP404" s="898">
        <f t="shared" si="684"/>
        <v>0</v>
      </c>
      <c r="DQ404" s="860" t="s">
        <v>4246</v>
      </c>
      <c r="DR404" s="610" t="s">
        <v>4247</v>
      </c>
      <c r="DS404" s="1221" t="s">
        <v>4248</v>
      </c>
      <c r="DT404" s="632"/>
    </row>
    <row r="405" spans="1:124" ht="85.5" x14ac:dyDescent="0.2">
      <c r="A405" s="484" t="str">
        <f t="shared" si="679"/>
        <v>Cambrian Way cycle route</v>
      </c>
      <c r="B405" s="1163">
        <v>402</v>
      </c>
      <c r="C405" s="1156" t="s">
        <v>4500</v>
      </c>
      <c r="D405" s="481" t="s">
        <v>2481</v>
      </c>
      <c r="E405" s="481" t="s">
        <v>53</v>
      </c>
      <c r="F405" s="481" t="s">
        <v>655</v>
      </c>
      <c r="G405" s="775" t="s">
        <v>932</v>
      </c>
      <c r="H405" s="855" t="s">
        <v>1145</v>
      </c>
      <c r="I405" s="775" t="str">
        <f t="shared" si="732"/>
        <v>SG19-1</v>
      </c>
      <c r="J405" s="673" t="s">
        <v>1146</v>
      </c>
      <c r="K405" s="664" t="s">
        <v>3104</v>
      </c>
      <c r="L405" s="852" t="s">
        <v>3167</v>
      </c>
      <c r="M405" s="515" t="s">
        <v>4244</v>
      </c>
      <c r="N405" s="775" t="s">
        <v>81</v>
      </c>
      <c r="O405" s="654" t="s">
        <v>3051</v>
      </c>
      <c r="P405" s="657" t="s">
        <v>61</v>
      </c>
      <c r="Q405" s="852" t="s">
        <v>71</v>
      </c>
      <c r="R405" s="657"/>
      <c r="S405" s="657"/>
      <c r="T405" s="853">
        <v>1797198</v>
      </c>
      <c r="U405" s="854"/>
      <c r="V405" s="657" t="s">
        <v>4245</v>
      </c>
      <c r="W405" s="642">
        <f t="shared" si="728"/>
        <v>0</v>
      </c>
      <c r="X405" s="745">
        <f t="shared" si="729"/>
        <v>1797198</v>
      </c>
      <c r="Y405" s="745" t="s">
        <v>3106</v>
      </c>
      <c r="Z405" s="745" t="str">
        <f>_xlfn.XLOOKUP(I405, 'CALCS Aecom (July 25 2025)'!F:F, 'CALCS Aecom (July 25 2025)'!W:W)</f>
        <v>Multiple Scenario 2 (Step 6)</v>
      </c>
      <c r="AA405" s="650" t="s">
        <v>65</v>
      </c>
      <c r="AB405" s="516" t="s">
        <v>66</v>
      </c>
      <c r="AC405" s="516" t="s">
        <v>66</v>
      </c>
      <c r="AD405" s="516" t="s">
        <v>66</v>
      </c>
      <c r="AE405" s="516" t="s">
        <v>66</v>
      </c>
      <c r="AF405" s="516" t="s">
        <v>66</v>
      </c>
      <c r="AG405" s="516" t="s">
        <v>66</v>
      </c>
      <c r="AH405" s="516" t="s">
        <v>66</v>
      </c>
      <c r="AI405" s="516" t="s">
        <v>66</v>
      </c>
      <c r="AJ405" s="516" t="s">
        <v>66</v>
      </c>
      <c r="AK405" s="516" t="s">
        <v>66</v>
      </c>
      <c r="AL405" s="516" t="s">
        <v>66</v>
      </c>
      <c r="AM405" s="516" t="s">
        <v>66</v>
      </c>
      <c r="AN405" s="516" t="s">
        <v>66</v>
      </c>
      <c r="AO405" s="516" t="s">
        <v>66</v>
      </c>
      <c r="AP405" s="516" t="s">
        <v>66</v>
      </c>
      <c r="AQ405" s="516" t="s">
        <v>66</v>
      </c>
      <c r="AR405" s="516" t="s">
        <v>66</v>
      </c>
      <c r="AS405" s="892"/>
      <c r="AT405" s="892"/>
      <c r="AU405" s="892"/>
      <c r="AV405" s="661"/>
      <c r="AW405" s="892"/>
      <c r="AX405" s="892"/>
      <c r="AY405" s="892"/>
      <c r="AZ405" s="661"/>
      <c r="BA405" s="892"/>
      <c r="BB405" s="661"/>
      <c r="BC405" s="661"/>
      <c r="BD405" s="892"/>
      <c r="BE405" s="661"/>
      <c r="BF405" s="661"/>
      <c r="BG405" s="746"/>
      <c r="BH405" s="746"/>
      <c r="BI405" s="746"/>
      <c r="BJ405" s="746"/>
      <c r="BK405" s="746"/>
      <c r="BL405" s="746"/>
      <c r="BM405" s="746"/>
      <c r="BN405" s="746"/>
      <c r="BO405" s="516" t="s">
        <v>66</v>
      </c>
      <c r="BP405" s="516" t="s">
        <v>66</v>
      </c>
      <c r="BQ405" s="516" t="s">
        <v>66</v>
      </c>
      <c r="BR405" s="516" t="s">
        <v>66</v>
      </c>
      <c r="BS405" s="884">
        <f t="shared" si="680"/>
        <v>21225</v>
      </c>
      <c r="BT405" s="661">
        <f t="shared" si="730"/>
        <v>84.673639575971734</v>
      </c>
      <c r="BU405" s="661" t="str">
        <f t="shared" si="733"/>
        <v>GOOD</v>
      </c>
      <c r="BV405" s="898">
        <f t="shared" si="685"/>
        <v>423368.19787985866</v>
      </c>
      <c r="BW405" s="898">
        <f t="shared" si="686"/>
        <v>16934.727915194348</v>
      </c>
      <c r="BX405" s="898">
        <f t="shared" si="687"/>
        <v>38103.137809187283</v>
      </c>
      <c r="BY405" s="898">
        <f t="shared" si="688"/>
        <v>29635.773851590107</v>
      </c>
      <c r="BZ405" s="898">
        <f t="shared" si="689"/>
        <v>42336.819787985864</v>
      </c>
      <c r="CA405" s="898">
        <f t="shared" si="690"/>
        <v>40643.346996466433</v>
      </c>
      <c r="CB405" s="898">
        <f t="shared" si="691"/>
        <v>8467.3639575971738</v>
      </c>
      <c r="CC405" s="898">
        <f t="shared" si="692"/>
        <v>33022.719434628976</v>
      </c>
      <c r="CD405" s="898">
        <f t="shared" si="693"/>
        <v>42336.819787985864</v>
      </c>
      <c r="CE405" s="898">
        <f t="shared" si="694"/>
        <v>42336.819787985864</v>
      </c>
      <c r="CF405" s="898">
        <f t="shared" si="695"/>
        <v>63505.229681978803</v>
      </c>
      <c r="CG405" s="898">
        <f t="shared" si="696"/>
        <v>16934.727915194348</v>
      </c>
      <c r="CH405" s="898">
        <f t="shared" si="697"/>
        <v>19813.631660777384</v>
      </c>
      <c r="CI405" s="898">
        <f t="shared" si="698"/>
        <v>29635.773851590107</v>
      </c>
      <c r="CJ405" s="898">
        <f t="shared" si="699"/>
        <v>7620.6275618374557</v>
      </c>
      <c r="CK405" s="898">
        <f t="shared" si="700"/>
        <v>6773.8911660777385</v>
      </c>
      <c r="CL405" s="898">
        <f t="shared" si="701"/>
        <v>201523.26219081273</v>
      </c>
      <c r="CM405" s="898" t="str">
        <f t="shared" si="702"/>
        <v/>
      </c>
      <c r="CN405" s="898" t="str">
        <f t="shared" si="703"/>
        <v/>
      </c>
      <c r="CO405" s="898" t="str">
        <f t="shared" si="704"/>
        <v/>
      </c>
      <c r="CP405" s="898" t="str">
        <f t="shared" si="705"/>
        <v/>
      </c>
      <c r="CQ405" s="898" t="str">
        <f t="shared" si="706"/>
        <v/>
      </c>
      <c r="CR405" s="898" t="str">
        <f t="shared" si="707"/>
        <v/>
      </c>
      <c r="CS405" s="898" t="str">
        <f t="shared" si="708"/>
        <v/>
      </c>
      <c r="CT405" s="898" t="str">
        <f t="shared" si="709"/>
        <v/>
      </c>
      <c r="CU405" s="898" t="str">
        <f t="shared" si="710"/>
        <v/>
      </c>
      <c r="CV405" s="898" t="str">
        <f t="shared" si="711"/>
        <v/>
      </c>
      <c r="CW405" s="898" t="str">
        <f t="shared" si="712"/>
        <v/>
      </c>
      <c r="CX405" s="898" t="str">
        <f t="shared" si="713"/>
        <v/>
      </c>
      <c r="CY405" s="898" t="str">
        <f t="shared" si="714"/>
        <v/>
      </c>
      <c r="CZ405" s="898" t="str">
        <f t="shared" si="715"/>
        <v/>
      </c>
      <c r="DA405" s="898" t="str">
        <f t="shared" si="716"/>
        <v/>
      </c>
      <c r="DB405" s="898" t="str">
        <f t="shared" si="717"/>
        <v/>
      </c>
      <c r="DC405" s="898" t="str">
        <f t="shared" si="718"/>
        <v/>
      </c>
      <c r="DD405" s="898" t="str">
        <f t="shared" si="719"/>
        <v/>
      </c>
      <c r="DE405" s="898" t="str">
        <f t="shared" si="720"/>
        <v/>
      </c>
      <c r="DF405" s="898" t="str">
        <f t="shared" si="721"/>
        <v/>
      </c>
      <c r="DG405" s="898" t="str">
        <f t="shared" si="722"/>
        <v/>
      </c>
      <c r="DH405" s="898" t="str">
        <f t="shared" si="723"/>
        <v/>
      </c>
      <c r="DI405" s="898">
        <f t="shared" si="724"/>
        <v>127010.45936395761</v>
      </c>
      <c r="DJ405" s="898">
        <f t="shared" si="725"/>
        <v>135477.82332155478</v>
      </c>
      <c r="DK405" s="898">
        <f t="shared" si="726"/>
        <v>203216.73498233216</v>
      </c>
      <c r="DL405" s="898">
        <f t="shared" si="727"/>
        <v>268500.11109540635</v>
      </c>
      <c r="DM405" s="661">
        <f t="shared" si="681"/>
        <v>1062992.871236749</v>
      </c>
      <c r="DN405" s="898">
        <f t="shared" si="682"/>
        <v>734205.12876325089</v>
      </c>
      <c r="DO405" s="516">
        <f t="shared" si="683"/>
        <v>0</v>
      </c>
      <c r="DP405" s="898">
        <f t="shared" si="684"/>
        <v>0</v>
      </c>
      <c r="DQ405" s="860" t="s">
        <v>4246</v>
      </c>
      <c r="DR405" s="610" t="s">
        <v>4247</v>
      </c>
      <c r="DS405" s="1221" t="s">
        <v>4248</v>
      </c>
      <c r="DT405" s="632"/>
    </row>
    <row r="406" spans="1:124" s="1210" customFormat="1" ht="57" x14ac:dyDescent="0.2">
      <c r="A406" s="484" t="str">
        <f t="shared" si="679"/>
        <v>Malvern Way residential cycle street (link to Nickey Line)</v>
      </c>
      <c r="B406" s="1163">
        <v>403</v>
      </c>
      <c r="C406" s="1156" t="s">
        <v>4501</v>
      </c>
      <c r="D406" s="481" t="s">
        <v>2481</v>
      </c>
      <c r="E406" s="481" t="s">
        <v>53</v>
      </c>
      <c r="F406" s="481" t="s">
        <v>655</v>
      </c>
      <c r="G406" s="775" t="s">
        <v>932</v>
      </c>
      <c r="H406" s="855" t="s">
        <v>1147</v>
      </c>
      <c r="I406" s="775" t="str">
        <f t="shared" si="732"/>
        <v>SG19-2</v>
      </c>
      <c r="J406" s="673" t="s">
        <v>1148</v>
      </c>
      <c r="K406" s="664" t="s">
        <v>3104</v>
      </c>
      <c r="L406" s="852" t="s">
        <v>3167</v>
      </c>
      <c r="M406" s="515" t="s">
        <v>4244</v>
      </c>
      <c r="N406" s="665" t="s">
        <v>81</v>
      </c>
      <c r="O406" s="654" t="s">
        <v>3051</v>
      </c>
      <c r="P406" s="657" t="s">
        <v>61</v>
      </c>
      <c r="Q406" s="852" t="s">
        <v>71</v>
      </c>
      <c r="R406" s="657"/>
      <c r="S406" s="657"/>
      <c r="T406" s="853">
        <v>620160</v>
      </c>
      <c r="U406" s="854"/>
      <c r="V406" s="657" t="s">
        <v>4245</v>
      </c>
      <c r="W406" s="642">
        <f t="shared" si="728"/>
        <v>0</v>
      </c>
      <c r="X406" s="745">
        <f t="shared" si="729"/>
        <v>620160</v>
      </c>
      <c r="Y406" s="745" t="s">
        <v>3106</v>
      </c>
      <c r="Z406" s="745" t="str">
        <f>_xlfn.XLOOKUP(I406, 'CALCS Aecom (July 25 2025)'!F:F, 'CALCS Aecom (July 25 2025)'!W:W)</f>
        <v>Multiple Scenario 2 (Step 6)</v>
      </c>
      <c r="AA406" s="650" t="s">
        <v>65</v>
      </c>
      <c r="AB406" s="516" t="s">
        <v>66</v>
      </c>
      <c r="AC406" s="516" t="s">
        <v>66</v>
      </c>
      <c r="AD406" s="516" t="s">
        <v>66</v>
      </c>
      <c r="AE406" s="516" t="s">
        <v>66</v>
      </c>
      <c r="AF406" s="516" t="s">
        <v>66</v>
      </c>
      <c r="AG406" s="516" t="s">
        <v>66</v>
      </c>
      <c r="AH406" s="516" t="s">
        <v>66</v>
      </c>
      <c r="AI406" s="516" t="s">
        <v>66</v>
      </c>
      <c r="AJ406" s="516" t="s">
        <v>66</v>
      </c>
      <c r="AK406" s="516" t="s">
        <v>66</v>
      </c>
      <c r="AL406" s="516" t="s">
        <v>66</v>
      </c>
      <c r="AM406" s="516" t="s">
        <v>66</v>
      </c>
      <c r="AN406" s="516" t="s">
        <v>66</v>
      </c>
      <c r="AO406" s="516" t="s">
        <v>66</v>
      </c>
      <c r="AP406" s="516" t="s">
        <v>66</v>
      </c>
      <c r="AQ406" s="516" t="s">
        <v>66</v>
      </c>
      <c r="AR406" s="516" t="s">
        <v>66</v>
      </c>
      <c r="AS406" s="892"/>
      <c r="AT406" s="892"/>
      <c r="AU406" s="892"/>
      <c r="AV406" s="661"/>
      <c r="AW406" s="892"/>
      <c r="AX406" s="892"/>
      <c r="AY406" s="892"/>
      <c r="AZ406" s="661"/>
      <c r="BA406" s="892"/>
      <c r="BB406" s="661"/>
      <c r="BC406" s="661"/>
      <c r="BD406" s="892"/>
      <c r="BE406" s="661"/>
      <c r="BF406" s="661"/>
      <c r="BG406" s="746"/>
      <c r="BH406" s="746"/>
      <c r="BI406" s="746"/>
      <c r="BJ406" s="746"/>
      <c r="BK406" s="746"/>
      <c r="BL406" s="746"/>
      <c r="BM406" s="746"/>
      <c r="BN406" s="746"/>
      <c r="BO406" s="516" t="s">
        <v>66</v>
      </c>
      <c r="BP406" s="516" t="s">
        <v>66</v>
      </c>
      <c r="BQ406" s="516" t="s">
        <v>66</v>
      </c>
      <c r="BR406" s="516" t="s">
        <v>66</v>
      </c>
      <c r="BS406" s="884">
        <f t="shared" si="680"/>
        <v>21225</v>
      </c>
      <c r="BT406" s="661">
        <f t="shared" si="730"/>
        <v>29.218374558303886</v>
      </c>
      <c r="BU406" s="661" t="str">
        <f t="shared" si="733"/>
        <v>GOOD</v>
      </c>
      <c r="BV406" s="898">
        <f t="shared" si="685"/>
        <v>146091.87279151942</v>
      </c>
      <c r="BW406" s="898">
        <f t="shared" si="686"/>
        <v>5843.6749116607771</v>
      </c>
      <c r="BX406" s="898">
        <f t="shared" si="687"/>
        <v>13148.268551236748</v>
      </c>
      <c r="BY406" s="898">
        <f t="shared" si="688"/>
        <v>10226.43109540636</v>
      </c>
      <c r="BZ406" s="898">
        <f t="shared" si="689"/>
        <v>14609.187279151944</v>
      </c>
      <c r="CA406" s="898">
        <f t="shared" si="690"/>
        <v>14024.819787985865</v>
      </c>
      <c r="CB406" s="898">
        <f t="shared" si="691"/>
        <v>2921.8374558303885</v>
      </c>
      <c r="CC406" s="898">
        <f t="shared" si="692"/>
        <v>11395.166077738515</v>
      </c>
      <c r="CD406" s="898">
        <f t="shared" si="693"/>
        <v>14609.187279151944</v>
      </c>
      <c r="CE406" s="898">
        <f t="shared" si="694"/>
        <v>14609.187279151944</v>
      </c>
      <c r="CF406" s="898">
        <f t="shared" si="695"/>
        <v>21913.780918727913</v>
      </c>
      <c r="CG406" s="898">
        <f t="shared" si="696"/>
        <v>5843.6749116607771</v>
      </c>
      <c r="CH406" s="898">
        <f t="shared" si="697"/>
        <v>6837.0996466431088</v>
      </c>
      <c r="CI406" s="898">
        <f t="shared" si="698"/>
        <v>10226.43109540636</v>
      </c>
      <c r="CJ406" s="898">
        <f t="shared" si="699"/>
        <v>2629.6537102473499</v>
      </c>
      <c r="CK406" s="898">
        <f t="shared" si="700"/>
        <v>2337.4699646643107</v>
      </c>
      <c r="CL406" s="898">
        <f t="shared" si="701"/>
        <v>69539.731448763254</v>
      </c>
      <c r="CM406" s="898" t="str">
        <f t="shared" si="702"/>
        <v/>
      </c>
      <c r="CN406" s="898" t="str">
        <f t="shared" si="703"/>
        <v/>
      </c>
      <c r="CO406" s="898" t="str">
        <f t="shared" si="704"/>
        <v/>
      </c>
      <c r="CP406" s="898" t="str">
        <f t="shared" si="705"/>
        <v/>
      </c>
      <c r="CQ406" s="898" t="str">
        <f t="shared" si="706"/>
        <v/>
      </c>
      <c r="CR406" s="898" t="str">
        <f t="shared" si="707"/>
        <v/>
      </c>
      <c r="CS406" s="898" t="str">
        <f t="shared" si="708"/>
        <v/>
      </c>
      <c r="CT406" s="898" t="str">
        <f t="shared" si="709"/>
        <v/>
      </c>
      <c r="CU406" s="898" t="str">
        <f t="shared" si="710"/>
        <v/>
      </c>
      <c r="CV406" s="898" t="str">
        <f t="shared" si="711"/>
        <v/>
      </c>
      <c r="CW406" s="898" t="str">
        <f t="shared" si="712"/>
        <v/>
      </c>
      <c r="CX406" s="898" t="str">
        <f t="shared" si="713"/>
        <v/>
      </c>
      <c r="CY406" s="898" t="str">
        <f t="shared" si="714"/>
        <v/>
      </c>
      <c r="CZ406" s="898" t="str">
        <f t="shared" si="715"/>
        <v/>
      </c>
      <c r="DA406" s="898" t="str">
        <f t="shared" si="716"/>
        <v/>
      </c>
      <c r="DB406" s="898" t="str">
        <f t="shared" si="717"/>
        <v/>
      </c>
      <c r="DC406" s="898" t="str">
        <f t="shared" si="718"/>
        <v/>
      </c>
      <c r="DD406" s="898" t="str">
        <f t="shared" si="719"/>
        <v/>
      </c>
      <c r="DE406" s="898" t="str">
        <f t="shared" si="720"/>
        <v/>
      </c>
      <c r="DF406" s="898" t="str">
        <f t="shared" si="721"/>
        <v/>
      </c>
      <c r="DG406" s="898" t="str">
        <f t="shared" si="722"/>
        <v/>
      </c>
      <c r="DH406" s="898" t="str">
        <f t="shared" si="723"/>
        <v/>
      </c>
      <c r="DI406" s="898">
        <f t="shared" si="724"/>
        <v>43827.561837455825</v>
      </c>
      <c r="DJ406" s="898">
        <f t="shared" si="725"/>
        <v>46749.399293286217</v>
      </c>
      <c r="DK406" s="898">
        <f t="shared" si="726"/>
        <v>70124.098939929332</v>
      </c>
      <c r="DL406" s="898">
        <f t="shared" si="727"/>
        <v>92651.465724381618</v>
      </c>
      <c r="DM406" s="661">
        <f t="shared" si="681"/>
        <v>366807.47420494701</v>
      </c>
      <c r="DN406" s="898">
        <f t="shared" si="682"/>
        <v>253352.52579505299</v>
      </c>
      <c r="DO406" s="516">
        <f t="shared" si="683"/>
        <v>0</v>
      </c>
      <c r="DP406" s="898">
        <f t="shared" si="684"/>
        <v>0</v>
      </c>
      <c r="DQ406" s="860" t="s">
        <v>4246</v>
      </c>
      <c r="DR406" s="610" t="s">
        <v>4247</v>
      </c>
      <c r="DS406" s="1221" t="s">
        <v>4248</v>
      </c>
      <c r="DT406" s="1209"/>
    </row>
    <row r="407" spans="1:124" ht="71.25" x14ac:dyDescent="0.2">
      <c r="A407" s="484" t="str">
        <f t="shared" si="679"/>
        <v>Fletcher Way bridge and Nickey Line access</v>
      </c>
      <c r="B407" s="1163">
        <v>404</v>
      </c>
      <c r="C407" s="1156" t="s">
        <v>4502</v>
      </c>
      <c r="D407" s="481" t="s">
        <v>2481</v>
      </c>
      <c r="E407" s="481" t="s">
        <v>53</v>
      </c>
      <c r="F407" s="481" t="s">
        <v>655</v>
      </c>
      <c r="G407" s="775" t="s">
        <v>932</v>
      </c>
      <c r="H407" s="855" t="s">
        <v>1149</v>
      </c>
      <c r="I407" s="775" t="str">
        <f t="shared" si="732"/>
        <v>SG19-3</v>
      </c>
      <c r="J407" s="673" t="s">
        <v>1150</v>
      </c>
      <c r="K407" s="664" t="s">
        <v>3104</v>
      </c>
      <c r="L407" s="852" t="s">
        <v>3167</v>
      </c>
      <c r="M407" s="515" t="s">
        <v>4244</v>
      </c>
      <c r="N407" s="775" t="s">
        <v>81</v>
      </c>
      <c r="O407" s="654" t="s">
        <v>3051</v>
      </c>
      <c r="P407" s="657" t="s">
        <v>61</v>
      </c>
      <c r="Q407" s="852" t="s">
        <v>71</v>
      </c>
      <c r="R407" s="657"/>
      <c r="S407" s="657"/>
      <c r="T407" s="853">
        <v>38569</v>
      </c>
      <c r="U407" s="854"/>
      <c r="V407" s="657" t="s">
        <v>4245</v>
      </c>
      <c r="W407" s="642">
        <f t="shared" si="728"/>
        <v>0</v>
      </c>
      <c r="X407" s="745">
        <f t="shared" si="729"/>
        <v>38569</v>
      </c>
      <c r="Y407" s="745" t="s">
        <v>3106</v>
      </c>
      <c r="Z407" s="745" t="str">
        <f>_xlfn.XLOOKUP(I407, 'CALCS Aecom (July 25 2025)'!F:F, 'CALCS Aecom (July 25 2025)'!W:W)</f>
        <v>Multiple Scenario 2 (Step 6)</v>
      </c>
      <c r="AA407" s="650" t="s">
        <v>65</v>
      </c>
      <c r="AB407" s="516" t="s">
        <v>66</v>
      </c>
      <c r="AC407" s="516" t="s">
        <v>66</v>
      </c>
      <c r="AD407" s="516" t="s">
        <v>66</v>
      </c>
      <c r="AE407" s="516" t="s">
        <v>66</v>
      </c>
      <c r="AF407" s="516" t="s">
        <v>66</v>
      </c>
      <c r="AG407" s="516" t="s">
        <v>66</v>
      </c>
      <c r="AH407" s="516" t="s">
        <v>66</v>
      </c>
      <c r="AI407" s="516" t="s">
        <v>66</v>
      </c>
      <c r="AJ407" s="516" t="s">
        <v>66</v>
      </c>
      <c r="AK407" s="516" t="s">
        <v>66</v>
      </c>
      <c r="AL407" s="516" t="s">
        <v>66</v>
      </c>
      <c r="AM407" s="516" t="s">
        <v>66</v>
      </c>
      <c r="AN407" s="516" t="s">
        <v>66</v>
      </c>
      <c r="AO407" s="516" t="s">
        <v>66</v>
      </c>
      <c r="AP407" s="516" t="s">
        <v>66</v>
      </c>
      <c r="AQ407" s="516" t="s">
        <v>66</v>
      </c>
      <c r="AR407" s="516" t="s">
        <v>66</v>
      </c>
      <c r="AS407" s="892"/>
      <c r="AT407" s="892"/>
      <c r="AU407" s="892"/>
      <c r="AV407" s="661"/>
      <c r="AW407" s="892"/>
      <c r="AX407" s="892"/>
      <c r="AY407" s="892"/>
      <c r="AZ407" s="661"/>
      <c r="BA407" s="892"/>
      <c r="BB407" s="661"/>
      <c r="BC407" s="661"/>
      <c r="BD407" s="892"/>
      <c r="BE407" s="661"/>
      <c r="BF407" s="661"/>
      <c r="BG407" s="746"/>
      <c r="BH407" s="746"/>
      <c r="BI407" s="746"/>
      <c r="BJ407" s="746"/>
      <c r="BK407" s="746"/>
      <c r="BL407" s="746"/>
      <c r="BM407" s="746"/>
      <c r="BN407" s="746"/>
      <c r="BO407" s="516" t="s">
        <v>66</v>
      </c>
      <c r="BP407" s="516" t="s">
        <v>66</v>
      </c>
      <c r="BQ407" s="516" t="s">
        <v>66</v>
      </c>
      <c r="BR407" s="516" t="s">
        <v>66</v>
      </c>
      <c r="BS407" s="884">
        <f t="shared" si="680"/>
        <v>21225</v>
      </c>
      <c r="BT407" s="661">
        <f t="shared" si="730"/>
        <v>1.8171495877502946</v>
      </c>
      <c r="BU407" s="661" t="str">
        <f t="shared" si="733"/>
        <v>GOOD</v>
      </c>
      <c r="BV407" s="898">
        <f t="shared" si="685"/>
        <v>9085.7479387514722</v>
      </c>
      <c r="BW407" s="898">
        <f t="shared" si="686"/>
        <v>363.42991755005892</v>
      </c>
      <c r="BX407" s="898">
        <f t="shared" si="687"/>
        <v>817.71731448763251</v>
      </c>
      <c r="BY407" s="898">
        <f t="shared" si="688"/>
        <v>636.00235571260305</v>
      </c>
      <c r="BZ407" s="898">
        <f t="shared" si="689"/>
        <v>908.57479387514729</v>
      </c>
      <c r="CA407" s="898">
        <f t="shared" si="690"/>
        <v>872.23180212014142</v>
      </c>
      <c r="CB407" s="898">
        <f t="shared" si="691"/>
        <v>181.71495877502946</v>
      </c>
      <c r="CC407" s="898">
        <f t="shared" si="692"/>
        <v>708.6883392226149</v>
      </c>
      <c r="CD407" s="898">
        <f t="shared" si="693"/>
        <v>908.57479387514729</v>
      </c>
      <c r="CE407" s="898">
        <f t="shared" si="694"/>
        <v>908.57479387514729</v>
      </c>
      <c r="CF407" s="898">
        <f t="shared" si="695"/>
        <v>1362.8621908127209</v>
      </c>
      <c r="CG407" s="898">
        <f t="shared" si="696"/>
        <v>363.42991755005892</v>
      </c>
      <c r="CH407" s="898">
        <f t="shared" si="697"/>
        <v>425.21300353356895</v>
      </c>
      <c r="CI407" s="898">
        <f t="shared" si="698"/>
        <v>636.00235571260305</v>
      </c>
      <c r="CJ407" s="898">
        <f t="shared" si="699"/>
        <v>163.54346289752652</v>
      </c>
      <c r="CK407" s="898">
        <f t="shared" si="700"/>
        <v>145.37196702002356</v>
      </c>
      <c r="CL407" s="898">
        <f t="shared" si="701"/>
        <v>4324.8160188457014</v>
      </c>
      <c r="CM407" s="898" t="str">
        <f t="shared" si="702"/>
        <v/>
      </c>
      <c r="CN407" s="898" t="str">
        <f t="shared" si="703"/>
        <v/>
      </c>
      <c r="CO407" s="898" t="str">
        <f t="shared" si="704"/>
        <v/>
      </c>
      <c r="CP407" s="898" t="str">
        <f t="shared" si="705"/>
        <v/>
      </c>
      <c r="CQ407" s="898" t="str">
        <f t="shared" si="706"/>
        <v/>
      </c>
      <c r="CR407" s="898" t="str">
        <f t="shared" si="707"/>
        <v/>
      </c>
      <c r="CS407" s="898" t="str">
        <f t="shared" si="708"/>
        <v/>
      </c>
      <c r="CT407" s="898" t="str">
        <f t="shared" si="709"/>
        <v/>
      </c>
      <c r="CU407" s="898" t="str">
        <f t="shared" si="710"/>
        <v/>
      </c>
      <c r="CV407" s="898" t="str">
        <f t="shared" si="711"/>
        <v/>
      </c>
      <c r="CW407" s="898" t="str">
        <f t="shared" si="712"/>
        <v/>
      </c>
      <c r="CX407" s="898" t="str">
        <f t="shared" si="713"/>
        <v/>
      </c>
      <c r="CY407" s="898" t="str">
        <f t="shared" si="714"/>
        <v/>
      </c>
      <c r="CZ407" s="898" t="str">
        <f t="shared" si="715"/>
        <v/>
      </c>
      <c r="DA407" s="898" t="str">
        <f t="shared" si="716"/>
        <v/>
      </c>
      <c r="DB407" s="898" t="str">
        <f t="shared" si="717"/>
        <v/>
      </c>
      <c r="DC407" s="898" t="str">
        <f t="shared" si="718"/>
        <v/>
      </c>
      <c r="DD407" s="898" t="str">
        <f t="shared" si="719"/>
        <v/>
      </c>
      <c r="DE407" s="898" t="str">
        <f t="shared" si="720"/>
        <v/>
      </c>
      <c r="DF407" s="898" t="str">
        <f t="shared" si="721"/>
        <v/>
      </c>
      <c r="DG407" s="898" t="str">
        <f t="shared" si="722"/>
        <v/>
      </c>
      <c r="DH407" s="898" t="str">
        <f t="shared" si="723"/>
        <v/>
      </c>
      <c r="DI407" s="898">
        <f t="shared" si="724"/>
        <v>2725.7243816254418</v>
      </c>
      <c r="DJ407" s="898">
        <f t="shared" si="725"/>
        <v>2907.4393404004713</v>
      </c>
      <c r="DK407" s="898">
        <f t="shared" si="726"/>
        <v>4361.159010600707</v>
      </c>
      <c r="DL407" s="898">
        <f t="shared" si="727"/>
        <v>5762.1813427561838</v>
      </c>
      <c r="DM407" s="661">
        <f t="shared" si="681"/>
        <v>22812.495924617197</v>
      </c>
      <c r="DN407" s="898">
        <f t="shared" si="682"/>
        <v>15756.504075382803</v>
      </c>
      <c r="DO407" s="516">
        <f t="shared" si="683"/>
        <v>0</v>
      </c>
      <c r="DP407" s="898">
        <f t="shared" si="684"/>
        <v>0</v>
      </c>
      <c r="DQ407" s="860" t="s">
        <v>4246</v>
      </c>
      <c r="DR407" s="610" t="s">
        <v>4247</v>
      </c>
      <c r="DS407" s="1221" t="s">
        <v>4248</v>
      </c>
      <c r="DT407" s="632"/>
    </row>
    <row r="408" spans="1:124" ht="57" x14ac:dyDescent="0.2">
      <c r="A408" s="484" t="str">
        <f t="shared" si="679"/>
        <v>Cambrian Way to Nickey Line Wayfinding Signage</v>
      </c>
      <c r="B408" s="1163">
        <v>405</v>
      </c>
      <c r="C408" s="1156" t="s">
        <v>4503</v>
      </c>
      <c r="D408" s="481" t="s">
        <v>2481</v>
      </c>
      <c r="E408" s="481" t="s">
        <v>53</v>
      </c>
      <c r="F408" s="481" t="s">
        <v>655</v>
      </c>
      <c r="G408" s="775" t="s">
        <v>932</v>
      </c>
      <c r="H408" s="855" t="s">
        <v>1151</v>
      </c>
      <c r="I408" s="775" t="str">
        <f t="shared" si="732"/>
        <v>SG19-4</v>
      </c>
      <c r="J408" s="673" t="s">
        <v>1152</v>
      </c>
      <c r="K408" s="664" t="s">
        <v>3104</v>
      </c>
      <c r="L408" s="852" t="s">
        <v>3167</v>
      </c>
      <c r="M408" s="515" t="s">
        <v>4244</v>
      </c>
      <c r="N408" s="665" t="s">
        <v>81</v>
      </c>
      <c r="O408" s="654" t="s">
        <v>3051</v>
      </c>
      <c r="P408" s="657" t="s">
        <v>61</v>
      </c>
      <c r="Q408" s="852" t="s">
        <v>71</v>
      </c>
      <c r="R408" s="657"/>
      <c r="S408" s="657"/>
      <c r="T408" s="853">
        <v>13922</v>
      </c>
      <c r="U408" s="854"/>
      <c r="V408" s="657" t="s">
        <v>4245</v>
      </c>
      <c r="W408" s="642">
        <f t="shared" si="728"/>
        <v>0</v>
      </c>
      <c r="X408" s="745">
        <f t="shared" si="729"/>
        <v>13922</v>
      </c>
      <c r="Y408" s="745" t="s">
        <v>3106</v>
      </c>
      <c r="Z408" s="745" t="str">
        <f>_xlfn.XLOOKUP(I408, 'CALCS Aecom (July 25 2025)'!F:F, 'CALCS Aecom (July 25 2025)'!W:W)</f>
        <v>Multiple Scenario 2 (Step 6)</v>
      </c>
      <c r="AA408" s="650" t="s">
        <v>65</v>
      </c>
      <c r="AB408" s="516" t="s">
        <v>66</v>
      </c>
      <c r="AC408" s="516" t="s">
        <v>66</v>
      </c>
      <c r="AD408" s="516" t="s">
        <v>66</v>
      </c>
      <c r="AE408" s="516" t="s">
        <v>66</v>
      </c>
      <c r="AF408" s="516" t="s">
        <v>66</v>
      </c>
      <c r="AG408" s="516" t="s">
        <v>66</v>
      </c>
      <c r="AH408" s="516" t="s">
        <v>66</v>
      </c>
      <c r="AI408" s="516" t="s">
        <v>66</v>
      </c>
      <c r="AJ408" s="516" t="s">
        <v>66</v>
      </c>
      <c r="AK408" s="516" t="s">
        <v>66</v>
      </c>
      <c r="AL408" s="516" t="s">
        <v>66</v>
      </c>
      <c r="AM408" s="516" t="s">
        <v>66</v>
      </c>
      <c r="AN408" s="516" t="s">
        <v>66</v>
      </c>
      <c r="AO408" s="516" t="s">
        <v>66</v>
      </c>
      <c r="AP408" s="516" t="s">
        <v>66</v>
      </c>
      <c r="AQ408" s="516" t="s">
        <v>66</v>
      </c>
      <c r="AR408" s="516" t="s">
        <v>66</v>
      </c>
      <c r="AS408" s="892"/>
      <c r="AT408" s="892"/>
      <c r="AU408" s="892"/>
      <c r="AV408" s="661"/>
      <c r="AW408" s="892"/>
      <c r="AX408" s="892"/>
      <c r="AY408" s="892"/>
      <c r="AZ408" s="661"/>
      <c r="BA408" s="892"/>
      <c r="BB408" s="661"/>
      <c r="BC408" s="661"/>
      <c r="BD408" s="892"/>
      <c r="BE408" s="661"/>
      <c r="BF408" s="661"/>
      <c r="BG408" s="746"/>
      <c r="BH408" s="746"/>
      <c r="BI408" s="746"/>
      <c r="BJ408" s="746"/>
      <c r="BK408" s="746"/>
      <c r="BL408" s="746"/>
      <c r="BM408" s="746"/>
      <c r="BN408" s="746"/>
      <c r="BO408" s="516" t="s">
        <v>66</v>
      </c>
      <c r="BP408" s="516" t="s">
        <v>66</v>
      </c>
      <c r="BQ408" s="516" t="s">
        <v>66</v>
      </c>
      <c r="BR408" s="516" t="s">
        <v>66</v>
      </c>
      <c r="BS408" s="884">
        <f t="shared" si="680"/>
        <v>21225</v>
      </c>
      <c r="BT408" s="661">
        <f t="shared" si="730"/>
        <v>0.65592461719670203</v>
      </c>
      <c r="BU408" s="661" t="str">
        <f t="shared" si="733"/>
        <v>GOOD</v>
      </c>
      <c r="BV408" s="898">
        <f t="shared" si="685"/>
        <v>3279.62308598351</v>
      </c>
      <c r="BW408" s="898">
        <f t="shared" si="686"/>
        <v>131.18492343934039</v>
      </c>
      <c r="BX408" s="898">
        <f t="shared" si="687"/>
        <v>295.16607773851592</v>
      </c>
      <c r="BY408" s="898">
        <f t="shared" si="688"/>
        <v>229.57361601884571</v>
      </c>
      <c r="BZ408" s="898">
        <f t="shared" si="689"/>
        <v>327.962308598351</v>
      </c>
      <c r="CA408" s="898">
        <f t="shared" si="690"/>
        <v>314.84381625441699</v>
      </c>
      <c r="CB408" s="898">
        <f t="shared" si="691"/>
        <v>65.592461719670197</v>
      </c>
      <c r="CC408" s="898">
        <f t="shared" si="692"/>
        <v>255.81060070671379</v>
      </c>
      <c r="CD408" s="898">
        <f t="shared" si="693"/>
        <v>327.962308598351</v>
      </c>
      <c r="CE408" s="898">
        <f t="shared" si="694"/>
        <v>327.962308598351</v>
      </c>
      <c r="CF408" s="898">
        <f t="shared" si="695"/>
        <v>491.9434628975265</v>
      </c>
      <c r="CG408" s="898">
        <f t="shared" si="696"/>
        <v>131.18492343934039</v>
      </c>
      <c r="CH408" s="898">
        <f t="shared" si="697"/>
        <v>153.48636042402828</v>
      </c>
      <c r="CI408" s="898">
        <f t="shared" si="698"/>
        <v>229.57361601884571</v>
      </c>
      <c r="CJ408" s="898">
        <f t="shared" si="699"/>
        <v>59.033215547703186</v>
      </c>
      <c r="CK408" s="898">
        <f t="shared" si="700"/>
        <v>52.473969375736161</v>
      </c>
      <c r="CL408" s="898">
        <f t="shared" si="701"/>
        <v>1561.1005889281507</v>
      </c>
      <c r="CM408" s="898" t="str">
        <f t="shared" si="702"/>
        <v/>
      </c>
      <c r="CN408" s="898" t="str">
        <f t="shared" si="703"/>
        <v/>
      </c>
      <c r="CO408" s="898" t="str">
        <f t="shared" si="704"/>
        <v/>
      </c>
      <c r="CP408" s="898" t="str">
        <f t="shared" si="705"/>
        <v/>
      </c>
      <c r="CQ408" s="898" t="str">
        <f t="shared" si="706"/>
        <v/>
      </c>
      <c r="CR408" s="898" t="str">
        <f t="shared" si="707"/>
        <v/>
      </c>
      <c r="CS408" s="898" t="str">
        <f t="shared" si="708"/>
        <v/>
      </c>
      <c r="CT408" s="898" t="str">
        <f t="shared" si="709"/>
        <v/>
      </c>
      <c r="CU408" s="898" t="str">
        <f t="shared" si="710"/>
        <v/>
      </c>
      <c r="CV408" s="898" t="str">
        <f t="shared" si="711"/>
        <v/>
      </c>
      <c r="CW408" s="898" t="str">
        <f t="shared" si="712"/>
        <v/>
      </c>
      <c r="CX408" s="898" t="str">
        <f t="shared" si="713"/>
        <v/>
      </c>
      <c r="CY408" s="898" t="str">
        <f t="shared" si="714"/>
        <v/>
      </c>
      <c r="CZ408" s="898" t="str">
        <f t="shared" si="715"/>
        <v/>
      </c>
      <c r="DA408" s="898" t="str">
        <f t="shared" si="716"/>
        <v/>
      </c>
      <c r="DB408" s="898" t="str">
        <f t="shared" si="717"/>
        <v/>
      </c>
      <c r="DC408" s="898" t="str">
        <f t="shared" si="718"/>
        <v/>
      </c>
      <c r="DD408" s="898" t="str">
        <f t="shared" si="719"/>
        <v/>
      </c>
      <c r="DE408" s="898" t="str">
        <f t="shared" si="720"/>
        <v/>
      </c>
      <c r="DF408" s="898" t="str">
        <f t="shared" si="721"/>
        <v/>
      </c>
      <c r="DG408" s="898" t="str">
        <f t="shared" si="722"/>
        <v/>
      </c>
      <c r="DH408" s="898" t="str">
        <f t="shared" si="723"/>
        <v/>
      </c>
      <c r="DI408" s="898">
        <f t="shared" si="724"/>
        <v>983.886925795053</v>
      </c>
      <c r="DJ408" s="898">
        <f t="shared" si="725"/>
        <v>1049.4793875147232</v>
      </c>
      <c r="DK408" s="898">
        <f t="shared" si="726"/>
        <v>1574.2190812720848</v>
      </c>
      <c r="DL408" s="898">
        <f t="shared" si="727"/>
        <v>2079.936961130742</v>
      </c>
      <c r="DM408" s="661">
        <f t="shared" si="681"/>
        <v>8234.477644287399</v>
      </c>
      <c r="DN408" s="898">
        <f t="shared" si="682"/>
        <v>5687.5223557126028</v>
      </c>
      <c r="DO408" s="516">
        <f t="shared" si="683"/>
        <v>0</v>
      </c>
      <c r="DP408" s="898">
        <f t="shared" si="684"/>
        <v>0</v>
      </c>
      <c r="DQ408" s="860" t="s">
        <v>4246</v>
      </c>
      <c r="DR408" s="610" t="s">
        <v>4247</v>
      </c>
      <c r="DS408" s="1221" t="s">
        <v>4248</v>
      </c>
      <c r="DT408" s="632"/>
    </row>
    <row r="409" spans="1:124" ht="71.25" x14ac:dyDescent="0.2">
      <c r="A409" s="484" t="str">
        <f t="shared" si="679"/>
        <v>Allandale-George Street-Figtree Hill side arm pedestrian crossing improvements</v>
      </c>
      <c r="B409" s="1163">
        <v>406</v>
      </c>
      <c r="C409" s="1156" t="s">
        <v>4504</v>
      </c>
      <c r="D409" s="481" t="s">
        <v>2481</v>
      </c>
      <c r="E409" s="481" t="s">
        <v>53</v>
      </c>
      <c r="F409" s="481" t="s">
        <v>655</v>
      </c>
      <c r="G409" s="775" t="s">
        <v>932</v>
      </c>
      <c r="H409" s="855" t="s">
        <v>1153</v>
      </c>
      <c r="I409" s="775" t="str">
        <f t="shared" si="732"/>
        <v>SG20-1</v>
      </c>
      <c r="J409" s="673" t="s">
        <v>1154</v>
      </c>
      <c r="K409" s="664" t="s">
        <v>3104</v>
      </c>
      <c r="L409" s="852" t="s">
        <v>3167</v>
      </c>
      <c r="M409" s="515" t="s">
        <v>4244</v>
      </c>
      <c r="N409" s="775" t="s">
        <v>81</v>
      </c>
      <c r="O409" s="654" t="s">
        <v>3051</v>
      </c>
      <c r="P409" s="657" t="s">
        <v>61</v>
      </c>
      <c r="Q409" s="852" t="s">
        <v>71</v>
      </c>
      <c r="R409" s="657"/>
      <c r="S409" s="657"/>
      <c r="T409" s="853">
        <v>24458</v>
      </c>
      <c r="U409" s="854"/>
      <c r="V409" s="657" t="s">
        <v>4245</v>
      </c>
      <c r="W409" s="642">
        <f t="shared" si="728"/>
        <v>0</v>
      </c>
      <c r="X409" s="745">
        <f t="shared" si="729"/>
        <v>24458</v>
      </c>
      <c r="Y409" s="745" t="s">
        <v>3106</v>
      </c>
      <c r="Z409" s="745" t="str">
        <f>_xlfn.XLOOKUP(I409, 'CALCS Aecom (July 25 2025)'!F:F, 'CALCS Aecom (July 25 2025)'!W:W)</f>
        <v>Multiple Scenario 2 (Step 6)</v>
      </c>
      <c r="AA409" s="650" t="s">
        <v>65</v>
      </c>
      <c r="AB409" s="516" t="s">
        <v>66</v>
      </c>
      <c r="AC409" s="516" t="s">
        <v>66</v>
      </c>
      <c r="AD409" s="516" t="s">
        <v>66</v>
      </c>
      <c r="AE409" s="516" t="s">
        <v>66</v>
      </c>
      <c r="AF409" s="516" t="s">
        <v>66</v>
      </c>
      <c r="AG409" s="516" t="s">
        <v>66</v>
      </c>
      <c r="AH409" s="516" t="s">
        <v>66</v>
      </c>
      <c r="AI409" s="516" t="s">
        <v>66</v>
      </c>
      <c r="AJ409" s="516" t="s">
        <v>66</v>
      </c>
      <c r="AK409" s="516" t="s">
        <v>66</v>
      </c>
      <c r="AL409" s="516" t="s">
        <v>66</v>
      </c>
      <c r="AM409" s="516" t="s">
        <v>66</v>
      </c>
      <c r="AN409" s="516" t="s">
        <v>66</v>
      </c>
      <c r="AO409" s="516" t="s">
        <v>66</v>
      </c>
      <c r="AP409" s="516" t="s">
        <v>66</v>
      </c>
      <c r="AQ409" s="516" t="s">
        <v>66</v>
      </c>
      <c r="AR409" s="516" t="s">
        <v>66</v>
      </c>
      <c r="AS409" s="892"/>
      <c r="AT409" s="892"/>
      <c r="AU409" s="892"/>
      <c r="AV409" s="661"/>
      <c r="AW409" s="892"/>
      <c r="AX409" s="892"/>
      <c r="AY409" s="892"/>
      <c r="AZ409" s="661"/>
      <c r="BA409" s="892"/>
      <c r="BB409" s="661"/>
      <c r="BC409" s="661"/>
      <c r="BD409" s="892"/>
      <c r="BE409" s="661"/>
      <c r="BF409" s="661"/>
      <c r="BG409" s="746"/>
      <c r="BH409" s="746"/>
      <c r="BI409" s="746"/>
      <c r="BJ409" s="746"/>
      <c r="BK409" s="746"/>
      <c r="BL409" s="746"/>
      <c r="BM409" s="746"/>
      <c r="BN409" s="746"/>
      <c r="BO409" s="516" t="s">
        <v>66</v>
      </c>
      <c r="BP409" s="516" t="s">
        <v>66</v>
      </c>
      <c r="BQ409" s="516" t="s">
        <v>66</v>
      </c>
      <c r="BR409" s="516" t="s">
        <v>66</v>
      </c>
      <c r="BS409" s="884">
        <f t="shared" si="680"/>
        <v>21225</v>
      </c>
      <c r="BT409" s="661">
        <f t="shared" si="730"/>
        <v>1.1523203769140165</v>
      </c>
      <c r="BU409" s="661" t="str">
        <f t="shared" si="733"/>
        <v>GOOD</v>
      </c>
      <c r="BV409" s="898">
        <f t="shared" si="685"/>
        <v>5761.6018845700819</v>
      </c>
      <c r="BW409" s="898">
        <f t="shared" si="686"/>
        <v>230.46407538280329</v>
      </c>
      <c r="BX409" s="898">
        <f t="shared" si="687"/>
        <v>518.54416961130744</v>
      </c>
      <c r="BY409" s="898">
        <f t="shared" si="688"/>
        <v>403.31213191990577</v>
      </c>
      <c r="BZ409" s="898">
        <f t="shared" si="689"/>
        <v>576.16018845700819</v>
      </c>
      <c r="CA409" s="898">
        <f t="shared" si="690"/>
        <v>553.11378091872791</v>
      </c>
      <c r="CB409" s="898">
        <f t="shared" si="691"/>
        <v>115.23203769140164</v>
      </c>
      <c r="CC409" s="898">
        <f t="shared" si="692"/>
        <v>449.40494699646644</v>
      </c>
      <c r="CD409" s="898">
        <f t="shared" si="693"/>
        <v>576.16018845700819</v>
      </c>
      <c r="CE409" s="898">
        <f t="shared" si="694"/>
        <v>576.16018845700819</v>
      </c>
      <c r="CF409" s="898">
        <f t="shared" si="695"/>
        <v>864.24028268551228</v>
      </c>
      <c r="CG409" s="898">
        <f t="shared" si="696"/>
        <v>230.46407538280329</v>
      </c>
      <c r="CH409" s="898">
        <f t="shared" si="697"/>
        <v>269.64296819787984</v>
      </c>
      <c r="CI409" s="898">
        <f t="shared" si="698"/>
        <v>403.31213191990577</v>
      </c>
      <c r="CJ409" s="898">
        <f t="shared" si="699"/>
        <v>103.70883392226148</v>
      </c>
      <c r="CK409" s="898">
        <f t="shared" si="700"/>
        <v>92.185630153121309</v>
      </c>
      <c r="CL409" s="898">
        <f t="shared" si="701"/>
        <v>2742.5224970553591</v>
      </c>
      <c r="CM409" s="898" t="str">
        <f t="shared" si="702"/>
        <v/>
      </c>
      <c r="CN409" s="898" t="str">
        <f t="shared" si="703"/>
        <v/>
      </c>
      <c r="CO409" s="898" t="str">
        <f t="shared" si="704"/>
        <v/>
      </c>
      <c r="CP409" s="898" t="str">
        <f t="shared" si="705"/>
        <v/>
      </c>
      <c r="CQ409" s="898" t="str">
        <f t="shared" si="706"/>
        <v/>
      </c>
      <c r="CR409" s="898" t="str">
        <f t="shared" si="707"/>
        <v/>
      </c>
      <c r="CS409" s="898" t="str">
        <f t="shared" si="708"/>
        <v/>
      </c>
      <c r="CT409" s="898" t="str">
        <f t="shared" si="709"/>
        <v/>
      </c>
      <c r="CU409" s="898" t="str">
        <f t="shared" si="710"/>
        <v/>
      </c>
      <c r="CV409" s="898" t="str">
        <f t="shared" si="711"/>
        <v/>
      </c>
      <c r="CW409" s="898" t="str">
        <f t="shared" si="712"/>
        <v/>
      </c>
      <c r="CX409" s="898" t="str">
        <f t="shared" si="713"/>
        <v/>
      </c>
      <c r="CY409" s="898" t="str">
        <f t="shared" si="714"/>
        <v/>
      </c>
      <c r="CZ409" s="898" t="str">
        <f t="shared" si="715"/>
        <v/>
      </c>
      <c r="DA409" s="898" t="str">
        <f t="shared" si="716"/>
        <v/>
      </c>
      <c r="DB409" s="898" t="str">
        <f t="shared" si="717"/>
        <v/>
      </c>
      <c r="DC409" s="898" t="str">
        <f t="shared" si="718"/>
        <v/>
      </c>
      <c r="DD409" s="898" t="str">
        <f t="shared" si="719"/>
        <v/>
      </c>
      <c r="DE409" s="898" t="str">
        <f t="shared" si="720"/>
        <v/>
      </c>
      <c r="DF409" s="898" t="str">
        <f t="shared" si="721"/>
        <v/>
      </c>
      <c r="DG409" s="898" t="str">
        <f t="shared" si="722"/>
        <v/>
      </c>
      <c r="DH409" s="898" t="str">
        <f t="shared" si="723"/>
        <v/>
      </c>
      <c r="DI409" s="898">
        <f t="shared" si="724"/>
        <v>1728.4805653710246</v>
      </c>
      <c r="DJ409" s="898">
        <f t="shared" si="725"/>
        <v>1843.7126030624263</v>
      </c>
      <c r="DK409" s="898">
        <f t="shared" si="726"/>
        <v>2765.5689045936397</v>
      </c>
      <c r="DL409" s="898">
        <f t="shared" si="727"/>
        <v>3654.007915194346</v>
      </c>
      <c r="DM409" s="661">
        <f t="shared" si="681"/>
        <v>14466.23001177856</v>
      </c>
      <c r="DN409" s="898">
        <f t="shared" si="682"/>
        <v>9991.7699882214365</v>
      </c>
      <c r="DO409" s="516">
        <f t="shared" si="683"/>
        <v>0</v>
      </c>
      <c r="DP409" s="898">
        <f t="shared" si="684"/>
        <v>0</v>
      </c>
      <c r="DQ409" s="860" t="s">
        <v>4246</v>
      </c>
      <c r="DR409" s="610" t="s">
        <v>4247</v>
      </c>
      <c r="DS409" s="1221" t="s">
        <v>4248</v>
      </c>
      <c r="DT409" s="632"/>
    </row>
    <row r="410" spans="1:124" ht="57" x14ac:dyDescent="0.2">
      <c r="A410" s="484" t="str">
        <f t="shared" si="679"/>
        <v>Allandale new uncontrolled crossing south of Smithfield</v>
      </c>
      <c r="B410" s="1163">
        <v>407</v>
      </c>
      <c r="C410" s="1156" t="s">
        <v>4505</v>
      </c>
      <c r="D410" s="481" t="s">
        <v>2481</v>
      </c>
      <c r="E410" s="481" t="s">
        <v>53</v>
      </c>
      <c r="F410" s="481" t="s">
        <v>655</v>
      </c>
      <c r="G410" s="775" t="s">
        <v>932</v>
      </c>
      <c r="H410" s="855" t="s">
        <v>1155</v>
      </c>
      <c r="I410" s="775" t="str">
        <f t="shared" si="732"/>
        <v>SG20-2</v>
      </c>
      <c r="J410" s="673" t="s">
        <v>1156</v>
      </c>
      <c r="K410" s="664" t="s">
        <v>3104</v>
      </c>
      <c r="L410" s="852" t="s">
        <v>3167</v>
      </c>
      <c r="M410" s="515" t="s">
        <v>4244</v>
      </c>
      <c r="N410" s="775" t="s">
        <v>81</v>
      </c>
      <c r="O410" s="654" t="s">
        <v>3051</v>
      </c>
      <c r="P410" s="657" t="s">
        <v>61</v>
      </c>
      <c r="Q410" s="852" t="s">
        <v>71</v>
      </c>
      <c r="R410" s="657"/>
      <c r="S410" s="657"/>
      <c r="T410" s="853">
        <v>7900</v>
      </c>
      <c r="U410" s="854"/>
      <c r="V410" s="657" t="s">
        <v>4245</v>
      </c>
      <c r="W410" s="642">
        <f t="shared" si="728"/>
        <v>0</v>
      </c>
      <c r="X410" s="745">
        <f t="shared" si="729"/>
        <v>7900</v>
      </c>
      <c r="Y410" s="745" t="s">
        <v>3106</v>
      </c>
      <c r="Z410" s="745" t="str">
        <f>_xlfn.XLOOKUP(I410, 'CALCS Aecom (July 25 2025)'!F:F, 'CALCS Aecom (July 25 2025)'!W:W)</f>
        <v>Multiple Scenario 2 (Step 6)</v>
      </c>
      <c r="AA410" s="650" t="s">
        <v>65</v>
      </c>
      <c r="AB410" s="516" t="s">
        <v>66</v>
      </c>
      <c r="AC410" s="516" t="s">
        <v>66</v>
      </c>
      <c r="AD410" s="516" t="s">
        <v>66</v>
      </c>
      <c r="AE410" s="516" t="s">
        <v>66</v>
      </c>
      <c r="AF410" s="516" t="s">
        <v>66</v>
      </c>
      <c r="AG410" s="516" t="s">
        <v>66</v>
      </c>
      <c r="AH410" s="516" t="s">
        <v>66</v>
      </c>
      <c r="AI410" s="516" t="s">
        <v>66</v>
      </c>
      <c r="AJ410" s="516" t="s">
        <v>66</v>
      </c>
      <c r="AK410" s="516" t="s">
        <v>66</v>
      </c>
      <c r="AL410" s="516" t="s">
        <v>66</v>
      </c>
      <c r="AM410" s="516" t="s">
        <v>66</v>
      </c>
      <c r="AN410" s="516" t="s">
        <v>66</v>
      </c>
      <c r="AO410" s="516" t="s">
        <v>66</v>
      </c>
      <c r="AP410" s="516" t="s">
        <v>66</v>
      </c>
      <c r="AQ410" s="516" t="s">
        <v>66</v>
      </c>
      <c r="AR410" s="516" t="s">
        <v>66</v>
      </c>
      <c r="AS410" s="892"/>
      <c r="AT410" s="892"/>
      <c r="AU410" s="892"/>
      <c r="AV410" s="661"/>
      <c r="AW410" s="892"/>
      <c r="AX410" s="892"/>
      <c r="AY410" s="892"/>
      <c r="AZ410" s="661"/>
      <c r="BA410" s="892"/>
      <c r="BB410" s="661"/>
      <c r="BC410" s="661"/>
      <c r="BD410" s="892"/>
      <c r="BE410" s="661"/>
      <c r="BF410" s="661"/>
      <c r="BG410" s="746"/>
      <c r="BH410" s="746"/>
      <c r="BI410" s="746"/>
      <c r="BJ410" s="746"/>
      <c r="BK410" s="746"/>
      <c r="BL410" s="746"/>
      <c r="BM410" s="746"/>
      <c r="BN410" s="746"/>
      <c r="BO410" s="516" t="s">
        <v>66</v>
      </c>
      <c r="BP410" s="516" t="s">
        <v>66</v>
      </c>
      <c r="BQ410" s="516" t="s">
        <v>66</v>
      </c>
      <c r="BR410" s="516" t="s">
        <v>66</v>
      </c>
      <c r="BS410" s="884">
        <f t="shared" si="680"/>
        <v>21225</v>
      </c>
      <c r="BT410" s="661">
        <f t="shared" si="730"/>
        <v>0.37220259128386335</v>
      </c>
      <c r="BU410" s="661" t="str">
        <f t="shared" si="733"/>
        <v>GOOD</v>
      </c>
      <c r="BV410" s="898">
        <f t="shared" si="685"/>
        <v>1861.0129564193167</v>
      </c>
      <c r="BW410" s="898">
        <f t="shared" si="686"/>
        <v>74.440518256772663</v>
      </c>
      <c r="BX410" s="898">
        <f t="shared" si="687"/>
        <v>167.49116607773851</v>
      </c>
      <c r="BY410" s="898">
        <f t="shared" si="688"/>
        <v>130.27090694935217</v>
      </c>
      <c r="BZ410" s="898">
        <f t="shared" si="689"/>
        <v>186.10129564193167</v>
      </c>
      <c r="CA410" s="898">
        <f t="shared" si="690"/>
        <v>178.65724381625441</v>
      </c>
      <c r="CB410" s="898">
        <f t="shared" si="691"/>
        <v>37.220259128386331</v>
      </c>
      <c r="CC410" s="898">
        <f t="shared" si="692"/>
        <v>145.15901060070669</v>
      </c>
      <c r="CD410" s="898">
        <f t="shared" si="693"/>
        <v>186.10129564193167</v>
      </c>
      <c r="CE410" s="898">
        <f t="shared" si="694"/>
        <v>186.10129564193167</v>
      </c>
      <c r="CF410" s="898">
        <f t="shared" si="695"/>
        <v>279.15194346289752</v>
      </c>
      <c r="CG410" s="898">
        <f t="shared" si="696"/>
        <v>74.440518256772663</v>
      </c>
      <c r="CH410" s="898">
        <f t="shared" si="697"/>
        <v>87.095406360424022</v>
      </c>
      <c r="CI410" s="898">
        <f t="shared" si="698"/>
        <v>130.27090694935217</v>
      </c>
      <c r="CJ410" s="898">
        <f t="shared" si="699"/>
        <v>33.4982332155477</v>
      </c>
      <c r="CK410" s="898">
        <f t="shared" si="700"/>
        <v>29.776207302709068</v>
      </c>
      <c r="CL410" s="898">
        <f t="shared" si="701"/>
        <v>885.84216725559475</v>
      </c>
      <c r="CM410" s="898" t="str">
        <f t="shared" si="702"/>
        <v/>
      </c>
      <c r="CN410" s="898" t="str">
        <f t="shared" si="703"/>
        <v/>
      </c>
      <c r="CO410" s="898" t="str">
        <f t="shared" si="704"/>
        <v/>
      </c>
      <c r="CP410" s="898" t="str">
        <f t="shared" si="705"/>
        <v/>
      </c>
      <c r="CQ410" s="898" t="str">
        <f t="shared" si="706"/>
        <v/>
      </c>
      <c r="CR410" s="898" t="str">
        <f t="shared" si="707"/>
        <v/>
      </c>
      <c r="CS410" s="898" t="str">
        <f t="shared" si="708"/>
        <v/>
      </c>
      <c r="CT410" s="898" t="str">
        <f t="shared" si="709"/>
        <v/>
      </c>
      <c r="CU410" s="898" t="str">
        <f t="shared" si="710"/>
        <v/>
      </c>
      <c r="CV410" s="898" t="str">
        <f t="shared" si="711"/>
        <v/>
      </c>
      <c r="CW410" s="898" t="str">
        <f t="shared" si="712"/>
        <v/>
      </c>
      <c r="CX410" s="898" t="str">
        <f t="shared" si="713"/>
        <v/>
      </c>
      <c r="CY410" s="898" t="str">
        <f t="shared" si="714"/>
        <v/>
      </c>
      <c r="CZ410" s="898" t="str">
        <f t="shared" si="715"/>
        <v/>
      </c>
      <c r="DA410" s="898" t="str">
        <f t="shared" si="716"/>
        <v/>
      </c>
      <c r="DB410" s="898" t="str">
        <f t="shared" si="717"/>
        <v/>
      </c>
      <c r="DC410" s="898" t="str">
        <f t="shared" si="718"/>
        <v/>
      </c>
      <c r="DD410" s="898" t="str">
        <f t="shared" si="719"/>
        <v/>
      </c>
      <c r="DE410" s="898" t="str">
        <f t="shared" si="720"/>
        <v/>
      </c>
      <c r="DF410" s="898" t="str">
        <f t="shared" si="721"/>
        <v/>
      </c>
      <c r="DG410" s="898" t="str">
        <f t="shared" si="722"/>
        <v/>
      </c>
      <c r="DH410" s="898" t="str">
        <f t="shared" si="723"/>
        <v/>
      </c>
      <c r="DI410" s="898">
        <f t="shared" si="724"/>
        <v>558.30388692579504</v>
      </c>
      <c r="DJ410" s="898">
        <f t="shared" si="725"/>
        <v>595.5241460541813</v>
      </c>
      <c r="DK410" s="898">
        <f t="shared" si="726"/>
        <v>893.28621908127207</v>
      </c>
      <c r="DL410" s="898">
        <f t="shared" si="727"/>
        <v>1180.2544169611306</v>
      </c>
      <c r="DM410" s="661">
        <f t="shared" si="681"/>
        <v>4672.6313309776206</v>
      </c>
      <c r="DN410" s="898">
        <f t="shared" si="682"/>
        <v>3227.368669022379</v>
      </c>
      <c r="DO410" s="516">
        <f t="shared" si="683"/>
        <v>0</v>
      </c>
      <c r="DP410" s="898">
        <f t="shared" si="684"/>
        <v>0</v>
      </c>
      <c r="DQ410" s="860" t="s">
        <v>4246</v>
      </c>
      <c r="DR410" s="610" t="s">
        <v>4247</v>
      </c>
      <c r="DS410" s="1221" t="s">
        <v>4248</v>
      </c>
      <c r="DT410" s="632"/>
    </row>
    <row r="411" spans="1:124" ht="57" x14ac:dyDescent="0.2">
      <c r="A411" s="484" t="str">
        <f t="shared" si="679"/>
        <v>Allandale localised footway widening</v>
      </c>
      <c r="B411" s="1163">
        <v>408</v>
      </c>
      <c r="C411" s="1156" t="s">
        <v>4506</v>
      </c>
      <c r="D411" s="481" t="s">
        <v>2481</v>
      </c>
      <c r="E411" s="481" t="s">
        <v>53</v>
      </c>
      <c r="F411" s="481" t="s">
        <v>655</v>
      </c>
      <c r="G411" s="775" t="s">
        <v>932</v>
      </c>
      <c r="H411" s="855" t="s">
        <v>1157</v>
      </c>
      <c r="I411" s="775" t="str">
        <f t="shared" si="732"/>
        <v>SG20-3</v>
      </c>
      <c r="J411" s="673" t="s">
        <v>1158</v>
      </c>
      <c r="K411" s="664" t="s">
        <v>3104</v>
      </c>
      <c r="L411" s="852" t="s">
        <v>3167</v>
      </c>
      <c r="M411" s="515" t="s">
        <v>4244</v>
      </c>
      <c r="N411" s="775" t="s">
        <v>81</v>
      </c>
      <c r="O411" s="654" t="s">
        <v>3051</v>
      </c>
      <c r="P411" s="657" t="s">
        <v>61</v>
      </c>
      <c r="Q411" s="852" t="s">
        <v>71</v>
      </c>
      <c r="R411" s="657"/>
      <c r="S411" s="657"/>
      <c r="T411" s="853">
        <v>11391</v>
      </c>
      <c r="U411" s="854"/>
      <c r="V411" s="657" t="s">
        <v>4245</v>
      </c>
      <c r="W411" s="642">
        <f t="shared" si="728"/>
        <v>0</v>
      </c>
      <c r="X411" s="745">
        <f t="shared" si="729"/>
        <v>11391</v>
      </c>
      <c r="Y411" s="745" t="s">
        <v>3106</v>
      </c>
      <c r="Z411" s="745" t="str">
        <f>_xlfn.XLOOKUP(I411, 'CALCS Aecom (July 25 2025)'!F:F, 'CALCS Aecom (July 25 2025)'!W:W)</f>
        <v>Multiple Scenario 2 (Step 6)</v>
      </c>
      <c r="AA411" s="650" t="s">
        <v>65</v>
      </c>
      <c r="AB411" s="516" t="s">
        <v>66</v>
      </c>
      <c r="AC411" s="516" t="s">
        <v>66</v>
      </c>
      <c r="AD411" s="516" t="s">
        <v>66</v>
      </c>
      <c r="AE411" s="516" t="s">
        <v>66</v>
      </c>
      <c r="AF411" s="516" t="s">
        <v>66</v>
      </c>
      <c r="AG411" s="516" t="s">
        <v>66</v>
      </c>
      <c r="AH411" s="516" t="s">
        <v>66</v>
      </c>
      <c r="AI411" s="516" t="s">
        <v>66</v>
      </c>
      <c r="AJ411" s="516" t="s">
        <v>66</v>
      </c>
      <c r="AK411" s="516" t="s">
        <v>66</v>
      </c>
      <c r="AL411" s="516" t="s">
        <v>66</v>
      </c>
      <c r="AM411" s="516" t="s">
        <v>66</v>
      </c>
      <c r="AN411" s="516" t="s">
        <v>66</v>
      </c>
      <c r="AO411" s="516" t="s">
        <v>66</v>
      </c>
      <c r="AP411" s="516" t="s">
        <v>66</v>
      </c>
      <c r="AQ411" s="516" t="s">
        <v>66</v>
      </c>
      <c r="AR411" s="516" t="s">
        <v>66</v>
      </c>
      <c r="AS411" s="892"/>
      <c r="AT411" s="892"/>
      <c r="AU411" s="892"/>
      <c r="AV411" s="661"/>
      <c r="AW411" s="892"/>
      <c r="AX411" s="892"/>
      <c r="AY411" s="892"/>
      <c r="AZ411" s="661"/>
      <c r="BA411" s="892"/>
      <c r="BB411" s="661"/>
      <c r="BC411" s="661"/>
      <c r="BD411" s="892"/>
      <c r="BE411" s="661"/>
      <c r="BF411" s="661"/>
      <c r="BG411" s="746"/>
      <c r="BH411" s="746"/>
      <c r="BI411" s="746"/>
      <c r="BJ411" s="746"/>
      <c r="BK411" s="746"/>
      <c r="BL411" s="746"/>
      <c r="BM411" s="746"/>
      <c r="BN411" s="746"/>
      <c r="BO411" s="516" t="s">
        <v>66</v>
      </c>
      <c r="BP411" s="516" t="s">
        <v>66</v>
      </c>
      <c r="BQ411" s="516" t="s">
        <v>66</v>
      </c>
      <c r="BR411" s="516" t="s">
        <v>66</v>
      </c>
      <c r="BS411" s="884">
        <f t="shared" si="680"/>
        <v>21225</v>
      </c>
      <c r="BT411" s="661">
        <f t="shared" si="730"/>
        <v>0.536678445229682</v>
      </c>
      <c r="BU411" s="661" t="str">
        <f t="shared" si="733"/>
        <v>GOOD</v>
      </c>
      <c r="BV411" s="898">
        <f t="shared" si="685"/>
        <v>2683.3922261484099</v>
      </c>
      <c r="BW411" s="898">
        <f t="shared" si="686"/>
        <v>107.33568904593641</v>
      </c>
      <c r="BX411" s="898">
        <f t="shared" si="687"/>
        <v>241.50530035335689</v>
      </c>
      <c r="BY411" s="898">
        <f t="shared" si="688"/>
        <v>187.83745583038871</v>
      </c>
      <c r="BZ411" s="898">
        <f t="shared" si="689"/>
        <v>268.33922261484099</v>
      </c>
      <c r="CA411" s="898">
        <f t="shared" si="690"/>
        <v>257.60565371024734</v>
      </c>
      <c r="CB411" s="898">
        <f t="shared" si="691"/>
        <v>53.667844522968203</v>
      </c>
      <c r="CC411" s="898">
        <f t="shared" si="692"/>
        <v>209.30459363957598</v>
      </c>
      <c r="CD411" s="898">
        <f t="shared" si="693"/>
        <v>268.33922261484099</v>
      </c>
      <c r="CE411" s="898">
        <f t="shared" si="694"/>
        <v>268.33922261484099</v>
      </c>
      <c r="CF411" s="898">
        <f t="shared" si="695"/>
        <v>402.50883392226149</v>
      </c>
      <c r="CG411" s="898">
        <f t="shared" si="696"/>
        <v>107.33568904593641</v>
      </c>
      <c r="CH411" s="898">
        <f t="shared" si="697"/>
        <v>125.58275618374559</v>
      </c>
      <c r="CI411" s="898">
        <f t="shared" si="698"/>
        <v>187.83745583038871</v>
      </c>
      <c r="CJ411" s="898">
        <f t="shared" si="699"/>
        <v>48.301060070671383</v>
      </c>
      <c r="CK411" s="898">
        <f t="shared" si="700"/>
        <v>42.934275618374556</v>
      </c>
      <c r="CL411" s="898">
        <f t="shared" si="701"/>
        <v>1277.2946996466433</v>
      </c>
      <c r="CM411" s="898" t="str">
        <f t="shared" si="702"/>
        <v/>
      </c>
      <c r="CN411" s="898" t="str">
        <f t="shared" si="703"/>
        <v/>
      </c>
      <c r="CO411" s="898" t="str">
        <f t="shared" si="704"/>
        <v/>
      </c>
      <c r="CP411" s="898" t="str">
        <f t="shared" si="705"/>
        <v/>
      </c>
      <c r="CQ411" s="898" t="str">
        <f t="shared" si="706"/>
        <v/>
      </c>
      <c r="CR411" s="898" t="str">
        <f t="shared" si="707"/>
        <v/>
      </c>
      <c r="CS411" s="898" t="str">
        <f t="shared" si="708"/>
        <v/>
      </c>
      <c r="CT411" s="898" t="str">
        <f t="shared" si="709"/>
        <v/>
      </c>
      <c r="CU411" s="898" t="str">
        <f t="shared" si="710"/>
        <v/>
      </c>
      <c r="CV411" s="898" t="str">
        <f t="shared" si="711"/>
        <v/>
      </c>
      <c r="CW411" s="898" t="str">
        <f t="shared" si="712"/>
        <v/>
      </c>
      <c r="CX411" s="898" t="str">
        <f t="shared" si="713"/>
        <v/>
      </c>
      <c r="CY411" s="898" t="str">
        <f t="shared" si="714"/>
        <v/>
      </c>
      <c r="CZ411" s="898" t="str">
        <f t="shared" si="715"/>
        <v/>
      </c>
      <c r="DA411" s="898" t="str">
        <f t="shared" si="716"/>
        <v/>
      </c>
      <c r="DB411" s="898" t="str">
        <f t="shared" si="717"/>
        <v/>
      </c>
      <c r="DC411" s="898" t="str">
        <f t="shared" si="718"/>
        <v/>
      </c>
      <c r="DD411" s="898" t="str">
        <f t="shared" si="719"/>
        <v/>
      </c>
      <c r="DE411" s="898" t="str">
        <f t="shared" si="720"/>
        <v/>
      </c>
      <c r="DF411" s="898" t="str">
        <f t="shared" si="721"/>
        <v/>
      </c>
      <c r="DG411" s="898" t="str">
        <f t="shared" si="722"/>
        <v/>
      </c>
      <c r="DH411" s="898" t="str">
        <f t="shared" si="723"/>
        <v/>
      </c>
      <c r="DI411" s="898">
        <f t="shared" si="724"/>
        <v>805.01766784452298</v>
      </c>
      <c r="DJ411" s="898">
        <f t="shared" si="725"/>
        <v>858.68551236749124</v>
      </c>
      <c r="DK411" s="898">
        <f t="shared" si="726"/>
        <v>1288.0282685512368</v>
      </c>
      <c r="DL411" s="898">
        <f t="shared" si="727"/>
        <v>1701.8073498233216</v>
      </c>
      <c r="DM411" s="661">
        <f t="shared" si="681"/>
        <v>6737.4612014134264</v>
      </c>
      <c r="DN411" s="898">
        <f t="shared" si="682"/>
        <v>4653.5387985865727</v>
      </c>
      <c r="DO411" s="516">
        <f t="shared" si="683"/>
        <v>0</v>
      </c>
      <c r="DP411" s="898">
        <f t="shared" si="684"/>
        <v>0</v>
      </c>
      <c r="DQ411" s="860" t="s">
        <v>4246</v>
      </c>
      <c r="DR411" s="610" t="s">
        <v>4247</v>
      </c>
      <c r="DS411" s="1221" t="s">
        <v>4248</v>
      </c>
      <c r="DT411" s="632"/>
    </row>
    <row r="412" spans="1:124" ht="57" x14ac:dyDescent="0.2">
      <c r="A412" s="484" t="str">
        <f t="shared" si="679"/>
        <v>Allandale Traffic Calming</v>
      </c>
      <c r="B412" s="1163">
        <v>409</v>
      </c>
      <c r="C412" s="1156" t="s">
        <v>4507</v>
      </c>
      <c r="D412" s="481" t="s">
        <v>2481</v>
      </c>
      <c r="E412" s="481" t="s">
        <v>53</v>
      </c>
      <c r="F412" s="481" t="s">
        <v>655</v>
      </c>
      <c r="G412" s="775" t="s">
        <v>932</v>
      </c>
      <c r="H412" s="855" t="s">
        <v>1161</v>
      </c>
      <c r="I412" s="775" t="str">
        <f t="shared" si="732"/>
        <v>SG20-5</v>
      </c>
      <c r="J412" s="673" t="s">
        <v>1162</v>
      </c>
      <c r="K412" s="664" t="s">
        <v>3104</v>
      </c>
      <c r="L412" s="852" t="s">
        <v>3167</v>
      </c>
      <c r="M412" s="515" t="s">
        <v>4244</v>
      </c>
      <c r="N412" s="775" t="s">
        <v>81</v>
      </c>
      <c r="O412" s="654" t="s">
        <v>3051</v>
      </c>
      <c r="P412" s="657" t="s">
        <v>61</v>
      </c>
      <c r="Q412" s="852" t="s">
        <v>71</v>
      </c>
      <c r="R412" s="657"/>
      <c r="S412" s="657"/>
      <c r="T412" s="853">
        <v>436643</v>
      </c>
      <c r="U412" s="854"/>
      <c r="V412" s="657" t="s">
        <v>4245</v>
      </c>
      <c r="W412" s="642">
        <f t="shared" si="728"/>
        <v>0</v>
      </c>
      <c r="X412" s="745">
        <f t="shared" si="729"/>
        <v>436643</v>
      </c>
      <c r="Y412" s="745" t="s">
        <v>3106</v>
      </c>
      <c r="Z412" s="745" t="str">
        <f>_xlfn.XLOOKUP(I412, 'CALCS Aecom (July 25 2025)'!F:F, 'CALCS Aecom (July 25 2025)'!W:W)</f>
        <v>Multiple Scenario 2 (Step 6)</v>
      </c>
      <c r="AA412" s="650" t="s">
        <v>65</v>
      </c>
      <c r="AB412" s="516" t="s">
        <v>66</v>
      </c>
      <c r="AC412" s="516" t="s">
        <v>66</v>
      </c>
      <c r="AD412" s="516" t="s">
        <v>66</v>
      </c>
      <c r="AE412" s="516" t="s">
        <v>66</v>
      </c>
      <c r="AF412" s="516" t="s">
        <v>66</v>
      </c>
      <c r="AG412" s="516" t="s">
        <v>66</v>
      </c>
      <c r="AH412" s="516" t="s">
        <v>66</v>
      </c>
      <c r="AI412" s="516" t="s">
        <v>66</v>
      </c>
      <c r="AJ412" s="516" t="s">
        <v>66</v>
      </c>
      <c r="AK412" s="516" t="s">
        <v>66</v>
      </c>
      <c r="AL412" s="516" t="s">
        <v>66</v>
      </c>
      <c r="AM412" s="516" t="s">
        <v>66</v>
      </c>
      <c r="AN412" s="516" t="s">
        <v>66</v>
      </c>
      <c r="AO412" s="516" t="s">
        <v>66</v>
      </c>
      <c r="AP412" s="516" t="s">
        <v>66</v>
      </c>
      <c r="AQ412" s="516" t="s">
        <v>66</v>
      </c>
      <c r="AR412" s="516" t="s">
        <v>66</v>
      </c>
      <c r="AS412" s="892"/>
      <c r="AT412" s="892"/>
      <c r="AU412" s="892"/>
      <c r="AV412" s="661"/>
      <c r="AW412" s="892"/>
      <c r="AX412" s="892"/>
      <c r="AY412" s="892"/>
      <c r="AZ412" s="661"/>
      <c r="BA412" s="892"/>
      <c r="BB412" s="661"/>
      <c r="BC412" s="661"/>
      <c r="BD412" s="892"/>
      <c r="BE412" s="661"/>
      <c r="BF412" s="661"/>
      <c r="BG412" s="746"/>
      <c r="BH412" s="746"/>
      <c r="BI412" s="746"/>
      <c r="BJ412" s="746"/>
      <c r="BK412" s="746"/>
      <c r="BL412" s="746"/>
      <c r="BM412" s="746"/>
      <c r="BN412" s="746"/>
      <c r="BO412" s="516" t="s">
        <v>66</v>
      </c>
      <c r="BP412" s="516" t="s">
        <v>66</v>
      </c>
      <c r="BQ412" s="516" t="s">
        <v>66</v>
      </c>
      <c r="BR412" s="516" t="s">
        <v>66</v>
      </c>
      <c r="BS412" s="884">
        <f t="shared" si="680"/>
        <v>21225</v>
      </c>
      <c r="BT412" s="661">
        <f t="shared" si="730"/>
        <v>20.572108362779741</v>
      </c>
      <c r="BU412" s="661" t="str">
        <f t="shared" si="733"/>
        <v>GOOD</v>
      </c>
      <c r="BV412" s="898">
        <f t="shared" si="685"/>
        <v>102860.5418138987</v>
      </c>
      <c r="BW412" s="898">
        <f t="shared" si="686"/>
        <v>4114.4216725559481</v>
      </c>
      <c r="BX412" s="898">
        <f t="shared" si="687"/>
        <v>9257.4487632508826</v>
      </c>
      <c r="BY412" s="898">
        <f t="shared" si="688"/>
        <v>7200.237926972909</v>
      </c>
      <c r="BZ412" s="898">
        <f t="shared" si="689"/>
        <v>10286.054181389871</v>
      </c>
      <c r="CA412" s="898">
        <f t="shared" si="690"/>
        <v>9874.6120141342763</v>
      </c>
      <c r="CB412" s="898">
        <f t="shared" si="691"/>
        <v>2057.2108362779741</v>
      </c>
      <c r="CC412" s="898">
        <f t="shared" si="692"/>
        <v>8023.122261484099</v>
      </c>
      <c r="CD412" s="898">
        <f t="shared" si="693"/>
        <v>10286.054181389871</v>
      </c>
      <c r="CE412" s="898">
        <f t="shared" si="694"/>
        <v>10286.054181389871</v>
      </c>
      <c r="CF412" s="898">
        <f t="shared" si="695"/>
        <v>15429.081272084806</v>
      </c>
      <c r="CG412" s="898">
        <f t="shared" si="696"/>
        <v>4114.4216725559481</v>
      </c>
      <c r="CH412" s="898">
        <f t="shared" si="697"/>
        <v>4813.873356890459</v>
      </c>
      <c r="CI412" s="898">
        <f t="shared" si="698"/>
        <v>7200.237926972909</v>
      </c>
      <c r="CJ412" s="898">
        <f t="shared" si="699"/>
        <v>1851.4897526501766</v>
      </c>
      <c r="CK412" s="898">
        <f t="shared" si="700"/>
        <v>1645.7686690223793</v>
      </c>
      <c r="CL412" s="898">
        <f t="shared" si="701"/>
        <v>48961.617903415783</v>
      </c>
      <c r="CM412" s="898" t="str">
        <f t="shared" si="702"/>
        <v/>
      </c>
      <c r="CN412" s="898" t="str">
        <f t="shared" si="703"/>
        <v/>
      </c>
      <c r="CO412" s="898" t="str">
        <f t="shared" si="704"/>
        <v/>
      </c>
      <c r="CP412" s="898" t="str">
        <f t="shared" si="705"/>
        <v/>
      </c>
      <c r="CQ412" s="898" t="str">
        <f t="shared" si="706"/>
        <v/>
      </c>
      <c r="CR412" s="898" t="str">
        <f t="shared" si="707"/>
        <v/>
      </c>
      <c r="CS412" s="898" t="str">
        <f t="shared" si="708"/>
        <v/>
      </c>
      <c r="CT412" s="898" t="str">
        <f t="shared" si="709"/>
        <v/>
      </c>
      <c r="CU412" s="898" t="str">
        <f t="shared" si="710"/>
        <v/>
      </c>
      <c r="CV412" s="898" t="str">
        <f t="shared" si="711"/>
        <v/>
      </c>
      <c r="CW412" s="898" t="str">
        <f t="shared" si="712"/>
        <v/>
      </c>
      <c r="CX412" s="898" t="str">
        <f t="shared" si="713"/>
        <v/>
      </c>
      <c r="CY412" s="898" t="str">
        <f t="shared" si="714"/>
        <v/>
      </c>
      <c r="CZ412" s="898" t="str">
        <f t="shared" si="715"/>
        <v/>
      </c>
      <c r="DA412" s="898" t="str">
        <f t="shared" si="716"/>
        <v/>
      </c>
      <c r="DB412" s="898" t="str">
        <f t="shared" si="717"/>
        <v/>
      </c>
      <c r="DC412" s="898" t="str">
        <f t="shared" si="718"/>
        <v/>
      </c>
      <c r="DD412" s="898" t="str">
        <f t="shared" si="719"/>
        <v/>
      </c>
      <c r="DE412" s="898" t="str">
        <f t="shared" si="720"/>
        <v/>
      </c>
      <c r="DF412" s="898" t="str">
        <f t="shared" si="721"/>
        <v/>
      </c>
      <c r="DG412" s="898" t="str">
        <f t="shared" si="722"/>
        <v/>
      </c>
      <c r="DH412" s="898" t="str">
        <f t="shared" si="723"/>
        <v/>
      </c>
      <c r="DI412" s="898">
        <f t="shared" si="724"/>
        <v>30858.162544169612</v>
      </c>
      <c r="DJ412" s="898">
        <f t="shared" si="725"/>
        <v>32915.373380447585</v>
      </c>
      <c r="DK412" s="898">
        <f t="shared" si="726"/>
        <v>49373.060070671374</v>
      </c>
      <c r="DL412" s="898">
        <f t="shared" si="727"/>
        <v>65234.155618374556</v>
      </c>
      <c r="DM412" s="661">
        <f t="shared" si="681"/>
        <v>258262.24838633687</v>
      </c>
      <c r="DN412" s="898">
        <f t="shared" si="682"/>
        <v>178380.75161366313</v>
      </c>
      <c r="DO412" s="516">
        <f t="shared" si="683"/>
        <v>0</v>
      </c>
      <c r="DP412" s="898">
        <f t="shared" si="684"/>
        <v>0</v>
      </c>
      <c r="DQ412" s="860" t="s">
        <v>4246</v>
      </c>
      <c r="DR412" s="610" t="s">
        <v>4247</v>
      </c>
      <c r="DS412" s="1221" t="s">
        <v>4248</v>
      </c>
      <c r="DT412" s="632"/>
    </row>
    <row r="413" spans="1:124" ht="57" x14ac:dyDescent="0.2">
      <c r="A413" s="484" t="str">
        <f t="shared" si="679"/>
        <v>Allandale Wayfinding Signage</v>
      </c>
      <c r="B413" s="1163">
        <v>410</v>
      </c>
      <c r="C413" s="1156" t="s">
        <v>4508</v>
      </c>
      <c r="D413" s="481" t="s">
        <v>2481</v>
      </c>
      <c r="E413" s="481" t="s">
        <v>53</v>
      </c>
      <c r="F413" s="481" t="s">
        <v>655</v>
      </c>
      <c r="G413" s="775" t="s">
        <v>932</v>
      </c>
      <c r="H413" s="855" t="s">
        <v>1163</v>
      </c>
      <c r="I413" s="775" t="str">
        <f t="shared" si="732"/>
        <v>SG20-6</v>
      </c>
      <c r="J413" s="673" t="s">
        <v>1164</v>
      </c>
      <c r="K413" s="664" t="s">
        <v>3104</v>
      </c>
      <c r="L413" s="852" t="s">
        <v>3167</v>
      </c>
      <c r="M413" s="515" t="s">
        <v>4244</v>
      </c>
      <c r="N413" s="775" t="s">
        <v>81</v>
      </c>
      <c r="O413" s="654" t="s">
        <v>3051</v>
      </c>
      <c r="P413" s="657" t="s">
        <v>61</v>
      </c>
      <c r="Q413" s="852" t="s">
        <v>71</v>
      </c>
      <c r="R413" s="657"/>
      <c r="S413" s="657"/>
      <c r="T413" s="853">
        <v>20883</v>
      </c>
      <c r="U413" s="854"/>
      <c r="V413" s="657" t="s">
        <v>4245</v>
      </c>
      <c r="W413" s="642">
        <f t="shared" si="728"/>
        <v>0</v>
      </c>
      <c r="X413" s="745">
        <f t="shared" si="729"/>
        <v>20883</v>
      </c>
      <c r="Y413" s="745" t="s">
        <v>3106</v>
      </c>
      <c r="Z413" s="745" t="str">
        <f>_xlfn.XLOOKUP(I413, 'CALCS Aecom (July 25 2025)'!F:F, 'CALCS Aecom (July 25 2025)'!W:W)</f>
        <v>Multiple Scenario 2 (Step 6)</v>
      </c>
      <c r="AA413" s="650" t="s">
        <v>65</v>
      </c>
      <c r="AB413" s="516" t="s">
        <v>66</v>
      </c>
      <c r="AC413" s="516" t="s">
        <v>66</v>
      </c>
      <c r="AD413" s="516" t="s">
        <v>66</v>
      </c>
      <c r="AE413" s="516" t="s">
        <v>66</v>
      </c>
      <c r="AF413" s="516" t="s">
        <v>66</v>
      </c>
      <c r="AG413" s="516" t="s">
        <v>66</v>
      </c>
      <c r="AH413" s="516" t="s">
        <v>66</v>
      </c>
      <c r="AI413" s="516" t="s">
        <v>66</v>
      </c>
      <c r="AJ413" s="516" t="s">
        <v>66</v>
      </c>
      <c r="AK413" s="516" t="s">
        <v>66</v>
      </c>
      <c r="AL413" s="516" t="s">
        <v>66</v>
      </c>
      <c r="AM413" s="516" t="s">
        <v>66</v>
      </c>
      <c r="AN413" s="516" t="s">
        <v>66</v>
      </c>
      <c r="AO413" s="516" t="s">
        <v>66</v>
      </c>
      <c r="AP413" s="516" t="s">
        <v>66</v>
      </c>
      <c r="AQ413" s="516" t="s">
        <v>66</v>
      </c>
      <c r="AR413" s="516" t="s">
        <v>66</v>
      </c>
      <c r="AS413" s="892"/>
      <c r="AT413" s="892"/>
      <c r="AU413" s="892"/>
      <c r="AV413" s="661"/>
      <c r="AW413" s="892"/>
      <c r="AX413" s="892"/>
      <c r="AY413" s="892"/>
      <c r="AZ413" s="661"/>
      <c r="BA413" s="892"/>
      <c r="BB413" s="661"/>
      <c r="BC413" s="661"/>
      <c r="BD413" s="892"/>
      <c r="BE413" s="661"/>
      <c r="BF413" s="661"/>
      <c r="BG413" s="746"/>
      <c r="BH413" s="746"/>
      <c r="BI413" s="746"/>
      <c r="BJ413" s="746"/>
      <c r="BK413" s="746"/>
      <c r="BL413" s="746"/>
      <c r="BM413" s="746"/>
      <c r="BN413" s="746"/>
      <c r="BO413" s="516" t="s">
        <v>66</v>
      </c>
      <c r="BP413" s="516" t="s">
        <v>66</v>
      </c>
      <c r="BQ413" s="516" t="s">
        <v>66</v>
      </c>
      <c r="BR413" s="516" t="s">
        <v>66</v>
      </c>
      <c r="BS413" s="884">
        <f t="shared" si="680"/>
        <v>21225</v>
      </c>
      <c r="BT413" s="661">
        <f t="shared" si="730"/>
        <v>0.98388692579505299</v>
      </c>
      <c r="BU413" s="661" t="str">
        <f t="shared" si="733"/>
        <v>GOOD</v>
      </c>
      <c r="BV413" s="898">
        <f t="shared" si="685"/>
        <v>4919.4346289752648</v>
      </c>
      <c r="BW413" s="898">
        <f t="shared" si="686"/>
        <v>196.77738515901061</v>
      </c>
      <c r="BX413" s="898">
        <f t="shared" si="687"/>
        <v>442.74911660777383</v>
      </c>
      <c r="BY413" s="898">
        <f t="shared" si="688"/>
        <v>344.36042402826854</v>
      </c>
      <c r="BZ413" s="898">
        <f t="shared" si="689"/>
        <v>491.9434628975265</v>
      </c>
      <c r="CA413" s="898">
        <f t="shared" si="690"/>
        <v>472.26572438162543</v>
      </c>
      <c r="CB413" s="898">
        <f t="shared" si="691"/>
        <v>98.388692579505303</v>
      </c>
      <c r="CC413" s="898">
        <f t="shared" si="692"/>
        <v>383.71590106007068</v>
      </c>
      <c r="CD413" s="898">
        <f t="shared" si="693"/>
        <v>491.9434628975265</v>
      </c>
      <c r="CE413" s="898">
        <f t="shared" si="694"/>
        <v>491.9434628975265</v>
      </c>
      <c r="CF413" s="898">
        <f t="shared" si="695"/>
        <v>737.9151943462897</v>
      </c>
      <c r="CG413" s="898">
        <f t="shared" si="696"/>
        <v>196.77738515901061</v>
      </c>
      <c r="CH413" s="898">
        <f t="shared" si="697"/>
        <v>230.2295406360424</v>
      </c>
      <c r="CI413" s="898">
        <f t="shared" si="698"/>
        <v>344.36042402826854</v>
      </c>
      <c r="CJ413" s="898">
        <f t="shared" si="699"/>
        <v>88.549823321554769</v>
      </c>
      <c r="CK413" s="898">
        <f t="shared" si="700"/>
        <v>78.710954063604234</v>
      </c>
      <c r="CL413" s="898">
        <f t="shared" si="701"/>
        <v>2341.6508833922262</v>
      </c>
      <c r="CM413" s="898" t="str">
        <f t="shared" si="702"/>
        <v/>
      </c>
      <c r="CN413" s="898" t="str">
        <f t="shared" si="703"/>
        <v/>
      </c>
      <c r="CO413" s="898" t="str">
        <f t="shared" si="704"/>
        <v/>
      </c>
      <c r="CP413" s="898" t="str">
        <f t="shared" si="705"/>
        <v/>
      </c>
      <c r="CQ413" s="898" t="str">
        <f t="shared" si="706"/>
        <v/>
      </c>
      <c r="CR413" s="898" t="str">
        <f t="shared" si="707"/>
        <v/>
      </c>
      <c r="CS413" s="898" t="str">
        <f t="shared" si="708"/>
        <v/>
      </c>
      <c r="CT413" s="898" t="str">
        <f t="shared" si="709"/>
        <v/>
      </c>
      <c r="CU413" s="898" t="str">
        <f t="shared" si="710"/>
        <v/>
      </c>
      <c r="CV413" s="898" t="str">
        <f t="shared" si="711"/>
        <v/>
      </c>
      <c r="CW413" s="898" t="str">
        <f t="shared" si="712"/>
        <v/>
      </c>
      <c r="CX413" s="898" t="str">
        <f t="shared" si="713"/>
        <v/>
      </c>
      <c r="CY413" s="898" t="str">
        <f t="shared" si="714"/>
        <v/>
      </c>
      <c r="CZ413" s="898" t="str">
        <f t="shared" si="715"/>
        <v/>
      </c>
      <c r="DA413" s="898" t="str">
        <f t="shared" si="716"/>
        <v/>
      </c>
      <c r="DB413" s="898" t="str">
        <f t="shared" si="717"/>
        <v/>
      </c>
      <c r="DC413" s="898" t="str">
        <f t="shared" si="718"/>
        <v/>
      </c>
      <c r="DD413" s="898" t="str">
        <f t="shared" si="719"/>
        <v/>
      </c>
      <c r="DE413" s="898" t="str">
        <f t="shared" si="720"/>
        <v/>
      </c>
      <c r="DF413" s="898" t="str">
        <f t="shared" si="721"/>
        <v/>
      </c>
      <c r="DG413" s="898" t="str">
        <f t="shared" si="722"/>
        <v/>
      </c>
      <c r="DH413" s="898" t="str">
        <f t="shared" si="723"/>
        <v/>
      </c>
      <c r="DI413" s="898">
        <f t="shared" si="724"/>
        <v>1475.8303886925794</v>
      </c>
      <c r="DJ413" s="898">
        <f t="shared" si="725"/>
        <v>1574.2190812720848</v>
      </c>
      <c r="DK413" s="898">
        <f t="shared" si="726"/>
        <v>2361.3286219081274</v>
      </c>
      <c r="DL413" s="898">
        <f t="shared" si="727"/>
        <v>3119.905441696113</v>
      </c>
      <c r="DM413" s="661">
        <f t="shared" si="681"/>
        <v>12351.716466431095</v>
      </c>
      <c r="DN413" s="898">
        <f t="shared" si="682"/>
        <v>8531.2835335689051</v>
      </c>
      <c r="DO413" s="516">
        <f t="shared" si="683"/>
        <v>0</v>
      </c>
      <c r="DP413" s="898">
        <f t="shared" si="684"/>
        <v>0</v>
      </c>
      <c r="DQ413" s="860" t="s">
        <v>4246</v>
      </c>
      <c r="DR413" s="610" t="s">
        <v>4247</v>
      </c>
      <c r="DS413" s="1221" t="s">
        <v>4248</v>
      </c>
      <c r="DT413" s="632"/>
    </row>
    <row r="414" spans="1:124" ht="285" x14ac:dyDescent="0.2">
      <c r="A414" s="484" t="str">
        <f t="shared" si="679"/>
        <v>Queensway-Marlowes Roundabout speed reduction measures</v>
      </c>
      <c r="B414" s="1163">
        <v>411</v>
      </c>
      <c r="C414" s="1156" t="s">
        <v>4509</v>
      </c>
      <c r="D414" s="481" t="s">
        <v>2481</v>
      </c>
      <c r="E414" s="481" t="s">
        <v>53</v>
      </c>
      <c r="F414" s="481" t="s">
        <v>655</v>
      </c>
      <c r="G414" s="775" t="s">
        <v>932</v>
      </c>
      <c r="H414" s="855" t="s">
        <v>1165</v>
      </c>
      <c r="I414" s="775" t="str">
        <f t="shared" si="732"/>
        <v>SG21-1</v>
      </c>
      <c r="J414" s="673" t="s">
        <v>1166</v>
      </c>
      <c r="K414" s="664" t="s">
        <v>3104</v>
      </c>
      <c r="L414" s="852" t="s">
        <v>4510</v>
      </c>
      <c r="M414" s="515" t="s">
        <v>2986</v>
      </c>
      <c r="N414" s="775" t="s">
        <v>81</v>
      </c>
      <c r="O414" s="654" t="s">
        <v>3051</v>
      </c>
      <c r="P414" s="657" t="s">
        <v>61</v>
      </c>
      <c r="Q414" s="852" t="s">
        <v>71</v>
      </c>
      <c r="R414" s="657"/>
      <c r="S414" s="657"/>
      <c r="T414" s="853">
        <v>70241</v>
      </c>
      <c r="U414" s="854"/>
      <c r="V414" s="657" t="s">
        <v>4245</v>
      </c>
      <c r="W414" s="642">
        <f t="shared" si="728"/>
        <v>0</v>
      </c>
      <c r="X414" s="745">
        <f t="shared" si="729"/>
        <v>70241</v>
      </c>
      <c r="Y414" s="745" t="s">
        <v>4260</v>
      </c>
      <c r="Z414" s="745" t="str">
        <f>_xlfn.XLOOKUP(I414, 'CALCS Aecom (July 25 2025)'!F:F, 'CALCS Aecom (July 25 2025)'!W:W)</f>
        <v>Mutliple Scenario 2 (Step 5)</v>
      </c>
      <c r="AA414" s="650" t="s">
        <v>65</v>
      </c>
      <c r="AB414" s="713" t="str">
        <f t="shared" ref="AB414:AR414" si="734">IF(BV414&gt;0, "Yes", "")</f>
        <v>Yes</v>
      </c>
      <c r="AC414" s="713" t="str">
        <f t="shared" si="734"/>
        <v>Yes</v>
      </c>
      <c r="AD414" s="713" t="str">
        <f t="shared" si="734"/>
        <v>Yes</v>
      </c>
      <c r="AE414" s="713" t="str">
        <f t="shared" si="734"/>
        <v>Yes</v>
      </c>
      <c r="AF414" s="713" t="str">
        <f t="shared" si="734"/>
        <v>Yes</v>
      </c>
      <c r="AG414" s="713" t="str">
        <f t="shared" si="734"/>
        <v>Yes</v>
      </c>
      <c r="AH414" s="713" t="str">
        <f t="shared" si="734"/>
        <v>Yes</v>
      </c>
      <c r="AI414" s="713" t="str">
        <f t="shared" si="734"/>
        <v>Yes</v>
      </c>
      <c r="AJ414" s="713" t="str">
        <f t="shared" si="734"/>
        <v>Yes</v>
      </c>
      <c r="AK414" s="713" t="str">
        <f t="shared" si="734"/>
        <v>Yes</v>
      </c>
      <c r="AL414" s="713" t="str">
        <f t="shared" si="734"/>
        <v>Yes</v>
      </c>
      <c r="AM414" s="713" t="str">
        <f t="shared" si="734"/>
        <v>Yes</v>
      </c>
      <c r="AN414" s="713" t="str">
        <f t="shared" si="734"/>
        <v>Yes</v>
      </c>
      <c r="AO414" s="713" t="str">
        <f t="shared" si="734"/>
        <v>Yes</v>
      </c>
      <c r="AP414" s="713" t="str">
        <f t="shared" si="734"/>
        <v>Yes</v>
      </c>
      <c r="AQ414" s="713" t="str">
        <f t="shared" si="734"/>
        <v/>
      </c>
      <c r="AR414" s="713" t="str">
        <f t="shared" si="734"/>
        <v/>
      </c>
      <c r="AS414" s="892"/>
      <c r="AT414" s="892"/>
      <c r="AU414" s="892"/>
      <c r="AV414" s="661"/>
      <c r="AW414" s="892"/>
      <c r="AX414" s="892"/>
      <c r="AY414" s="892"/>
      <c r="AZ414" s="661"/>
      <c r="BA414" s="892"/>
      <c r="BB414" s="661"/>
      <c r="BC414" s="661"/>
      <c r="BD414" s="892"/>
      <c r="BE414" s="661"/>
      <c r="BF414" s="661"/>
      <c r="BG414" s="746"/>
      <c r="BH414" s="746"/>
      <c r="BI414" s="746"/>
      <c r="BJ414" s="746"/>
      <c r="BK414" s="746"/>
      <c r="BL414" s="746"/>
      <c r="BM414" s="746"/>
      <c r="BN414" s="746"/>
      <c r="BO414" s="892" t="str">
        <f>IF(DI414&gt;0, "Yes", "")</f>
        <v>Yes</v>
      </c>
      <c r="BP414" s="892" t="str">
        <f>IF(DJ414&gt;0, "Yes", "")</f>
        <v>Yes</v>
      </c>
      <c r="BQ414" s="892" t="str">
        <f>IF(DK414&gt;0, "Yes", "")</f>
        <v/>
      </c>
      <c r="BR414" s="892" t="str">
        <f>IF(DL414&gt;0, "Yes", "")</f>
        <v>Yes</v>
      </c>
      <c r="BS414" s="884">
        <f t="shared" si="680"/>
        <v>16365</v>
      </c>
      <c r="BT414" s="661">
        <f t="shared" si="730"/>
        <v>4.2921478765658421</v>
      </c>
      <c r="BU414" s="661" t="str">
        <f t="shared" si="733"/>
        <v>GOOD</v>
      </c>
      <c r="BV414" s="1149">
        <f>$X414*_xlfn.XLOOKUP($I414, 'CALCS Aecom (July 25 2025)'!$F:$F, 'CALCS Aecom (July 25 2025)'!BZ:BZ)</f>
        <v>7679.5889417062781</v>
      </c>
      <c r="BW414" s="1149">
        <f>$X414*_xlfn.XLOOKUP($I414, 'CALCS Aecom (July 25 2025)'!$F:$F, 'CALCS Aecom (July 25 2025)'!CC:CC)</f>
        <v>10123.094514067368</v>
      </c>
      <c r="BX414" s="1149">
        <f>$X414*_xlfn.XLOOKUP($I414, 'CALCS Aecom (July 25 2025)'!$F:$F, 'CALCS Aecom (July 25 2025)'!CI:CI)</f>
        <v>5236.0833693451905</v>
      </c>
      <c r="BY414" s="1149">
        <f>$X414*_xlfn.XLOOKUP($I414, 'CALCS Aecom (July 25 2025)'!$F:$F, 'CALCS Aecom (July 25 2025)'!BQ:BQ)</f>
        <v>1396.2888984920507</v>
      </c>
      <c r="BZ414" s="1149">
        <f>$X414*_xlfn.XLOOKUP($I414, 'CALCS Aecom (July 25 2025)'!$F:$F, 'CALCS Aecom (July 25 2025)'!BV:BV)</f>
        <v>698.14444924602537</v>
      </c>
      <c r="CA414" s="1149">
        <f>$X414*_xlfn.XLOOKUP($I414, 'CALCS Aecom (July 25 2025)'!$F:$F, 'CALCS Aecom (July 25 2025)'!BR:BR)</f>
        <v>1396.2888984920507</v>
      </c>
      <c r="CB414" s="1149">
        <f>$X414*_xlfn.XLOOKUP($I414, 'CALCS Aecom (July 25 2025)'!$F:$F, 'CALCS Aecom (July 25 2025)'!CD:CD)</f>
        <v>349.07222462301269</v>
      </c>
      <c r="CC414" s="1149">
        <f>$X414*_xlfn.XLOOKUP($I414, 'CALCS Aecom (July 25 2025)'!$F:$F, 'CALCS Aecom (July 25 2025)'!BT:BT)</f>
        <v>1047.216673869038</v>
      </c>
      <c r="CD414" s="1149">
        <f>$X414*_xlfn.XLOOKUP($I414, 'CALCS Aecom (July 25 2025)'!$F:$F, 'CALCS Aecom (July 25 2025)'!BU:BU)</f>
        <v>349.07222462301269</v>
      </c>
      <c r="CE414" s="1149">
        <f>$X414*_xlfn.XLOOKUP($I414, 'CALCS Aecom (July 25 2025)'!$F:$F, 'CALCS Aecom (July 25 2025)'!BW:BW)</f>
        <v>2443.5055723610885</v>
      </c>
      <c r="CF414" s="1149">
        <f>$X414*_xlfn.XLOOKUP($I414, 'CALCS Aecom (July 25 2025)'!$F:$F, 'CALCS Aecom (July 25 2025)'!BS:BS)</f>
        <v>5236.0833693451905</v>
      </c>
      <c r="CG414" s="1149">
        <f>$X414*_xlfn.XLOOKUP($I414, 'CALCS Aecom (July 25 2025)'!$F:$F, 'CALCS Aecom (July 25 2025)'!CE:CE)</f>
        <v>349.07222462301269</v>
      </c>
      <c r="CH414" s="1149">
        <f>$X414*_xlfn.XLOOKUP($I414, 'CALCS Aecom (July 25 2025)'!$F:$F, 'CALCS Aecom (July 25 2025)'!CJ:CJ)</f>
        <v>1124.6995246434824</v>
      </c>
      <c r="CI414" s="1149">
        <f>$X414*_xlfn.XLOOKUP($I414, 'CALCS Aecom (July 25 2025)'!$F:$F, 'CALCS Aecom (July 25 2025)'!CB:CB)</f>
        <v>698.14444924602537</v>
      </c>
      <c r="CJ414" s="1149">
        <f>$X414*_xlfn.XLOOKUP($I414, 'CALCS Aecom (July 25 2025)'!$F:$F, 'CALCS Aecom (July 25 2025)'!CF:CF)</f>
        <v>2443.5055723610885</v>
      </c>
      <c r="CK414" s="1149">
        <f>$X414*_xlfn.XLOOKUP($I414, 'CALCS Aecom (July 25 2025)'!$F:$F, 'CALCS Aecom (July 25 2025)'!CG:CG)</f>
        <v>0</v>
      </c>
      <c r="CL414" s="1149"/>
      <c r="CM414" s="898"/>
      <c r="CN414" s="898"/>
      <c r="CO414" s="898"/>
      <c r="CP414" s="898"/>
      <c r="CQ414" s="898"/>
      <c r="CR414" s="898"/>
      <c r="CS414" s="898"/>
      <c r="CT414" s="898"/>
      <c r="CU414" s="898"/>
      <c r="CV414" s="898"/>
      <c r="CW414" s="898"/>
      <c r="CX414" s="898"/>
      <c r="CY414" s="898"/>
      <c r="CZ414" s="898"/>
      <c r="DA414" s="898"/>
      <c r="DB414" s="898"/>
      <c r="DC414" s="898"/>
      <c r="DD414" s="898"/>
      <c r="DE414" s="898"/>
      <c r="DF414" s="898"/>
      <c r="DG414" s="898"/>
      <c r="DH414" s="898"/>
      <c r="DI414" s="1149">
        <f>$X414*_xlfn.XLOOKUP($I414, 'CALCS Aecom (July 25 2025)'!$F:$F, 'CALCS Aecom (July 25 2025)'!CA:CA)</f>
        <v>4188.866695476152</v>
      </c>
      <c r="DJ414" s="1149">
        <f>$X414*_xlfn.XLOOKUP($I414, 'CALCS Aecom (July 25 2025)'!$F:$F, 'CALCS Aecom (July 25 2025)'!BX:BX)</f>
        <v>15359.177883412556</v>
      </c>
      <c r="DK414" s="1149">
        <f>$X414*_xlfn.XLOOKUP($I414, 'CALCS Aecom (July 25 2025)'!$F:$F, 'CALCS Aecom (July 25 2025)'!BY:BY)</f>
        <v>0</v>
      </c>
      <c r="DL414" s="1149">
        <f>$X414*_xlfn.XLOOKUP($I414, 'CALCS Aecom (July 25 2025)'!$F:$F, 'CALCS Aecom (July 25 2025)'!CH:CH)</f>
        <v>10123.094514067368</v>
      </c>
      <c r="DM414" s="661">
        <f t="shared" si="681"/>
        <v>40569.86090704392</v>
      </c>
      <c r="DN414" s="898">
        <f t="shared" si="682"/>
        <v>29671.139092956077</v>
      </c>
      <c r="DO414" s="516">
        <f t="shared" si="683"/>
        <v>0</v>
      </c>
      <c r="DP414" s="898">
        <f t="shared" si="684"/>
        <v>0</v>
      </c>
      <c r="DQ414" s="860" t="s">
        <v>4246</v>
      </c>
      <c r="DR414" s="860" t="s">
        <v>4261</v>
      </c>
      <c r="DS414" s="1221" t="s">
        <v>4248</v>
      </c>
      <c r="DT414" s="632"/>
    </row>
    <row r="415" spans="1:124" ht="57" x14ac:dyDescent="0.2">
      <c r="A415" s="484" t="str">
        <f t="shared" si="679"/>
        <v>Gadebridge Park cycle stands</v>
      </c>
      <c r="B415" s="1163">
        <v>412</v>
      </c>
      <c r="C415" s="1156" t="s">
        <v>4511</v>
      </c>
      <c r="D415" s="481" t="s">
        <v>2481</v>
      </c>
      <c r="E415" s="481" t="s">
        <v>53</v>
      </c>
      <c r="F415" s="481" t="s">
        <v>655</v>
      </c>
      <c r="G415" s="775" t="s">
        <v>932</v>
      </c>
      <c r="H415" s="855" t="s">
        <v>1168</v>
      </c>
      <c r="I415" s="775" t="str">
        <f t="shared" si="732"/>
        <v>SG22-1</v>
      </c>
      <c r="J415" s="673" t="s">
        <v>1169</v>
      </c>
      <c r="K415" s="664" t="s">
        <v>3104</v>
      </c>
      <c r="L415" s="852" t="s">
        <v>3167</v>
      </c>
      <c r="M415" s="515" t="s">
        <v>4244</v>
      </c>
      <c r="N415" s="775" t="s">
        <v>81</v>
      </c>
      <c r="O415" s="654" t="s">
        <v>3051</v>
      </c>
      <c r="P415" s="657" t="s">
        <v>61</v>
      </c>
      <c r="Q415" s="852" t="s">
        <v>71</v>
      </c>
      <c r="R415" s="657"/>
      <c r="S415" s="657"/>
      <c r="T415" s="853">
        <v>1595</v>
      </c>
      <c r="U415" s="854"/>
      <c r="V415" s="657" t="s">
        <v>4245</v>
      </c>
      <c r="W415" s="642">
        <f t="shared" si="728"/>
        <v>0</v>
      </c>
      <c r="X415" s="745">
        <f t="shared" si="729"/>
        <v>1595</v>
      </c>
      <c r="Y415" s="745" t="s">
        <v>3106</v>
      </c>
      <c r="Z415" s="745" t="str">
        <f>_xlfn.XLOOKUP(I415, 'CALCS Aecom (July 25 2025)'!F:F, 'CALCS Aecom (July 25 2025)'!W:W)</f>
        <v>Multiple Scenario 2 (Step 9)</v>
      </c>
      <c r="AA415" s="1332" t="s">
        <v>82</v>
      </c>
      <c r="AB415" s="661" t="s">
        <v>66</v>
      </c>
      <c r="AC415" s="661" t="s">
        <v>66</v>
      </c>
      <c r="AD415" s="661" t="s">
        <v>66</v>
      </c>
      <c r="AE415" s="661" t="s">
        <v>66</v>
      </c>
      <c r="AF415" s="661" t="s">
        <v>66</v>
      </c>
      <c r="AG415" s="661" t="s">
        <v>66</v>
      </c>
      <c r="AH415" s="661" t="s">
        <v>66</v>
      </c>
      <c r="AI415" s="661" t="s">
        <v>66</v>
      </c>
      <c r="AJ415" s="661" t="s">
        <v>66</v>
      </c>
      <c r="AK415" s="661" t="s">
        <v>66</v>
      </c>
      <c r="AL415" s="661" t="s">
        <v>66</v>
      </c>
      <c r="AM415" s="661" t="s">
        <v>66</v>
      </c>
      <c r="AN415" s="661" t="s">
        <v>66</v>
      </c>
      <c r="AO415" s="661" t="s">
        <v>66</v>
      </c>
      <c r="AP415" s="661" t="s">
        <v>66</v>
      </c>
      <c r="AQ415" s="661" t="s">
        <v>66</v>
      </c>
      <c r="AR415" s="661" t="s">
        <v>66</v>
      </c>
      <c r="AS415" s="892"/>
      <c r="AT415" s="892"/>
      <c r="AU415" s="892"/>
      <c r="AV415" s="661"/>
      <c r="AW415" s="892"/>
      <c r="AX415" s="892"/>
      <c r="AY415" s="892"/>
      <c r="AZ415" s="661"/>
      <c r="BA415" s="892"/>
      <c r="BB415" s="661"/>
      <c r="BC415" s="661"/>
      <c r="BD415" s="892"/>
      <c r="BE415" s="661"/>
      <c r="BF415" s="661"/>
      <c r="BG415" s="746"/>
      <c r="BH415" s="746"/>
      <c r="BI415" s="746"/>
      <c r="BJ415" s="746"/>
      <c r="BK415" s="746"/>
      <c r="BL415" s="746"/>
      <c r="BM415" s="746"/>
      <c r="BN415" s="746"/>
      <c r="BO415" s="661" t="s">
        <v>66</v>
      </c>
      <c r="BP415" s="661" t="s">
        <v>66</v>
      </c>
      <c r="BQ415" s="661" t="s">
        <v>66</v>
      </c>
      <c r="BR415" s="661" t="s">
        <v>66</v>
      </c>
      <c r="BS415" s="884">
        <f t="shared" si="680"/>
        <v>21225</v>
      </c>
      <c r="BT415" s="661">
        <f t="shared" si="730"/>
        <v>7.51472320376914E-2</v>
      </c>
      <c r="BU415" s="661" t="str">
        <f t="shared" si="733"/>
        <v>GOOD</v>
      </c>
      <c r="BV415" s="898">
        <f t="shared" ref="BV415:CE419" si="735">IF(AB415="yes",(AB$3*$BT415),"")</f>
        <v>375.73616018845701</v>
      </c>
      <c r="BW415" s="898">
        <f t="shared" si="735"/>
        <v>15.029446407538281</v>
      </c>
      <c r="BX415" s="898">
        <f t="shared" si="735"/>
        <v>33.816254416961129</v>
      </c>
      <c r="BY415" s="898">
        <f t="shared" si="735"/>
        <v>26.301531213191989</v>
      </c>
      <c r="BZ415" s="898">
        <f t="shared" si="735"/>
        <v>37.573616018845698</v>
      </c>
      <c r="CA415" s="898">
        <f t="shared" si="735"/>
        <v>36.070671378091873</v>
      </c>
      <c r="CB415" s="898">
        <f t="shared" si="735"/>
        <v>7.5147232037691403</v>
      </c>
      <c r="CC415" s="898">
        <f t="shared" si="735"/>
        <v>29.307420494699645</v>
      </c>
      <c r="CD415" s="898">
        <f t="shared" si="735"/>
        <v>37.573616018845698</v>
      </c>
      <c r="CE415" s="898">
        <f t="shared" si="735"/>
        <v>37.573616018845698</v>
      </c>
      <c r="CF415" s="898">
        <f t="shared" ref="CF415:CO419" si="736">IF(AL415="yes",(AL$3*$BT415),"")</f>
        <v>56.360424028268547</v>
      </c>
      <c r="CG415" s="898">
        <f t="shared" si="736"/>
        <v>15.029446407538281</v>
      </c>
      <c r="CH415" s="898">
        <f t="shared" si="736"/>
        <v>17.584452296819787</v>
      </c>
      <c r="CI415" s="898">
        <f t="shared" si="736"/>
        <v>26.301531213191989</v>
      </c>
      <c r="CJ415" s="898">
        <f t="shared" si="736"/>
        <v>6.7632508833922262</v>
      </c>
      <c r="CK415" s="898">
        <f t="shared" si="736"/>
        <v>6.0117785630153122</v>
      </c>
      <c r="CL415" s="898">
        <f t="shared" si="736"/>
        <v>178.85041224970553</v>
      </c>
      <c r="CM415" s="898" t="str">
        <f t="shared" si="736"/>
        <v/>
      </c>
      <c r="CN415" s="898" t="str">
        <f t="shared" si="736"/>
        <v/>
      </c>
      <c r="CO415" s="898" t="str">
        <f t="shared" si="736"/>
        <v/>
      </c>
      <c r="CP415" s="898" t="str">
        <f t="shared" ref="CP415:CY419" si="737">IF(AV415="yes",(AV$3*$BT415),"")</f>
        <v/>
      </c>
      <c r="CQ415" s="898" t="str">
        <f t="shared" si="737"/>
        <v/>
      </c>
      <c r="CR415" s="898" t="str">
        <f t="shared" si="737"/>
        <v/>
      </c>
      <c r="CS415" s="898" t="str">
        <f t="shared" si="737"/>
        <v/>
      </c>
      <c r="CT415" s="898" t="str">
        <f t="shared" si="737"/>
        <v/>
      </c>
      <c r="CU415" s="898" t="str">
        <f t="shared" si="737"/>
        <v/>
      </c>
      <c r="CV415" s="898" t="str">
        <f t="shared" si="737"/>
        <v/>
      </c>
      <c r="CW415" s="898" t="str">
        <f t="shared" si="737"/>
        <v/>
      </c>
      <c r="CX415" s="898" t="str">
        <f t="shared" si="737"/>
        <v/>
      </c>
      <c r="CY415" s="898" t="str">
        <f t="shared" si="737"/>
        <v/>
      </c>
      <c r="CZ415" s="898" t="str">
        <f t="shared" ref="CZ415:DI419" si="738">IF(BF415="yes",(BF$3*$BT415),"")</f>
        <v/>
      </c>
      <c r="DA415" s="898" t="str">
        <f t="shared" si="738"/>
        <v/>
      </c>
      <c r="DB415" s="898" t="str">
        <f t="shared" si="738"/>
        <v/>
      </c>
      <c r="DC415" s="898" t="str">
        <f t="shared" si="738"/>
        <v/>
      </c>
      <c r="DD415" s="898" t="str">
        <f t="shared" si="738"/>
        <v/>
      </c>
      <c r="DE415" s="898" t="str">
        <f t="shared" si="738"/>
        <v/>
      </c>
      <c r="DF415" s="898" t="str">
        <f t="shared" si="738"/>
        <v/>
      </c>
      <c r="DG415" s="898" t="str">
        <f t="shared" si="738"/>
        <v/>
      </c>
      <c r="DH415" s="898" t="str">
        <f t="shared" si="738"/>
        <v/>
      </c>
      <c r="DI415" s="898">
        <f t="shared" si="738"/>
        <v>112.72084805653709</v>
      </c>
      <c r="DJ415" s="898">
        <f t="shared" ref="DJ415:DL419" si="739">IF(BP415="yes",(BP$3*$BT415),"")</f>
        <v>120.23557126030624</v>
      </c>
      <c r="DK415" s="898">
        <f t="shared" si="739"/>
        <v>180.35335689045937</v>
      </c>
      <c r="DL415" s="898">
        <f t="shared" si="739"/>
        <v>238.29187279151944</v>
      </c>
      <c r="DM415" s="661">
        <f t="shared" si="681"/>
        <v>943.39835100117773</v>
      </c>
      <c r="DN415" s="898">
        <f t="shared" si="682"/>
        <v>651.60164899882216</v>
      </c>
      <c r="DO415" s="516">
        <f t="shared" si="683"/>
        <v>0</v>
      </c>
      <c r="DP415" s="898">
        <f t="shared" si="684"/>
        <v>0</v>
      </c>
      <c r="DQ415" s="860" t="s">
        <v>4246</v>
      </c>
      <c r="DR415" s="610" t="s">
        <v>4247</v>
      </c>
      <c r="DS415" s="1221" t="s">
        <v>4248</v>
      </c>
      <c r="DT415" s="632"/>
    </row>
    <row r="416" spans="1:124" ht="57" x14ac:dyDescent="0.2">
      <c r="A416" s="484" t="str">
        <f t="shared" si="679"/>
        <v>Piccotts End Road uncontrolled crossing</v>
      </c>
      <c r="B416" s="1163">
        <v>413</v>
      </c>
      <c r="C416" s="1156" t="s">
        <v>4512</v>
      </c>
      <c r="D416" s="481" t="s">
        <v>2481</v>
      </c>
      <c r="E416" s="481" t="s">
        <v>53</v>
      </c>
      <c r="F416" s="481" t="s">
        <v>655</v>
      </c>
      <c r="G416" s="775" t="s">
        <v>932</v>
      </c>
      <c r="H416" s="855" t="s">
        <v>1170</v>
      </c>
      <c r="I416" s="775" t="str">
        <f t="shared" si="732"/>
        <v>SG23-1</v>
      </c>
      <c r="J416" s="673" t="s">
        <v>1171</v>
      </c>
      <c r="K416" s="664" t="s">
        <v>3104</v>
      </c>
      <c r="L416" s="852" t="s">
        <v>3167</v>
      </c>
      <c r="M416" s="515" t="s">
        <v>4244</v>
      </c>
      <c r="N416" s="775" t="s">
        <v>81</v>
      </c>
      <c r="O416" s="654" t="s">
        <v>3051</v>
      </c>
      <c r="P416" s="657" t="s">
        <v>61</v>
      </c>
      <c r="Q416" s="852" t="s">
        <v>71</v>
      </c>
      <c r="R416" s="657"/>
      <c r="S416" s="657"/>
      <c r="T416" s="853">
        <v>65866</v>
      </c>
      <c r="U416" s="854"/>
      <c r="V416" s="657" t="s">
        <v>4245</v>
      </c>
      <c r="W416" s="642">
        <f t="shared" si="728"/>
        <v>0</v>
      </c>
      <c r="X416" s="745">
        <f t="shared" si="729"/>
        <v>65866</v>
      </c>
      <c r="Y416" s="745" t="s">
        <v>3106</v>
      </c>
      <c r="Z416" s="745" t="str">
        <f>_xlfn.XLOOKUP(I416, 'CALCS Aecom (July 25 2025)'!F:F, 'CALCS Aecom (July 25 2025)'!W:W)</f>
        <v>Multiple Scenario 2 (Step 6)</v>
      </c>
      <c r="AA416" s="650" t="s">
        <v>65</v>
      </c>
      <c r="AB416" s="516" t="s">
        <v>66</v>
      </c>
      <c r="AC416" s="516" t="s">
        <v>66</v>
      </c>
      <c r="AD416" s="516" t="s">
        <v>66</v>
      </c>
      <c r="AE416" s="516" t="s">
        <v>66</v>
      </c>
      <c r="AF416" s="516" t="s">
        <v>66</v>
      </c>
      <c r="AG416" s="516" t="s">
        <v>66</v>
      </c>
      <c r="AH416" s="516" t="s">
        <v>66</v>
      </c>
      <c r="AI416" s="516" t="s">
        <v>66</v>
      </c>
      <c r="AJ416" s="516" t="s">
        <v>66</v>
      </c>
      <c r="AK416" s="516" t="s">
        <v>66</v>
      </c>
      <c r="AL416" s="516" t="s">
        <v>66</v>
      </c>
      <c r="AM416" s="516" t="s">
        <v>66</v>
      </c>
      <c r="AN416" s="516" t="s">
        <v>66</v>
      </c>
      <c r="AO416" s="516" t="s">
        <v>66</v>
      </c>
      <c r="AP416" s="516" t="s">
        <v>66</v>
      </c>
      <c r="AQ416" s="516" t="s">
        <v>66</v>
      </c>
      <c r="AR416" s="516" t="s">
        <v>66</v>
      </c>
      <c r="AS416" s="516"/>
      <c r="AT416" s="516"/>
      <c r="AU416" s="516"/>
      <c r="AV416" s="516"/>
      <c r="AW416" s="516"/>
      <c r="AX416" s="516"/>
      <c r="AY416" s="516"/>
      <c r="AZ416" s="516"/>
      <c r="BA416" s="516"/>
      <c r="BB416" s="516"/>
      <c r="BC416" s="516"/>
      <c r="BD416" s="516"/>
      <c r="BE416" s="516"/>
      <c r="BF416" s="516"/>
      <c r="BG416" s="516"/>
      <c r="BH416" s="516"/>
      <c r="BI416" s="516"/>
      <c r="BJ416" s="516"/>
      <c r="BK416" s="516"/>
      <c r="BL416" s="516"/>
      <c r="BM416" s="516"/>
      <c r="BN416" s="516"/>
      <c r="BO416" s="516" t="s">
        <v>66</v>
      </c>
      <c r="BP416" s="516" t="s">
        <v>66</v>
      </c>
      <c r="BQ416" s="516" t="s">
        <v>66</v>
      </c>
      <c r="BR416" s="516" t="s">
        <v>66</v>
      </c>
      <c r="BS416" s="884">
        <f t="shared" si="680"/>
        <v>21225</v>
      </c>
      <c r="BT416" s="661">
        <f t="shared" si="730"/>
        <v>3.1032273262661954</v>
      </c>
      <c r="BU416" s="661" t="str">
        <f t="shared" si="733"/>
        <v>GOOD</v>
      </c>
      <c r="BV416" s="898">
        <f t="shared" si="735"/>
        <v>15516.136631330977</v>
      </c>
      <c r="BW416" s="898">
        <f t="shared" si="735"/>
        <v>620.64546525323908</v>
      </c>
      <c r="BX416" s="898">
        <f t="shared" si="735"/>
        <v>1396.452296819788</v>
      </c>
      <c r="BY416" s="898">
        <f t="shared" si="735"/>
        <v>1086.1295641931683</v>
      </c>
      <c r="BZ416" s="898">
        <f t="shared" si="735"/>
        <v>1551.6136631330976</v>
      </c>
      <c r="CA416" s="898">
        <f t="shared" si="735"/>
        <v>1489.5491166077738</v>
      </c>
      <c r="CB416" s="898">
        <f t="shared" si="735"/>
        <v>310.32273262661954</v>
      </c>
      <c r="CC416" s="898">
        <f t="shared" si="735"/>
        <v>1210.2586572438163</v>
      </c>
      <c r="CD416" s="898">
        <f t="shared" si="735"/>
        <v>1551.6136631330976</v>
      </c>
      <c r="CE416" s="898">
        <f t="shared" si="735"/>
        <v>1551.6136631330976</v>
      </c>
      <c r="CF416" s="898">
        <f t="shared" si="736"/>
        <v>2327.4204946996465</v>
      </c>
      <c r="CG416" s="898">
        <f t="shared" si="736"/>
        <v>620.64546525323908</v>
      </c>
      <c r="CH416" s="898">
        <f t="shared" si="736"/>
        <v>726.1551943462897</v>
      </c>
      <c r="CI416" s="898">
        <f t="shared" si="736"/>
        <v>1086.1295641931683</v>
      </c>
      <c r="CJ416" s="898">
        <f t="shared" si="736"/>
        <v>279.29045936395761</v>
      </c>
      <c r="CK416" s="898">
        <f t="shared" si="736"/>
        <v>248.25818610129562</v>
      </c>
      <c r="CL416" s="898">
        <f t="shared" si="736"/>
        <v>7385.6810365135452</v>
      </c>
      <c r="CM416" s="898" t="str">
        <f t="shared" si="736"/>
        <v/>
      </c>
      <c r="CN416" s="898" t="str">
        <f t="shared" si="736"/>
        <v/>
      </c>
      <c r="CO416" s="898" t="str">
        <f t="shared" si="736"/>
        <v/>
      </c>
      <c r="CP416" s="898" t="str">
        <f t="shared" si="737"/>
        <v/>
      </c>
      <c r="CQ416" s="898" t="str">
        <f t="shared" si="737"/>
        <v/>
      </c>
      <c r="CR416" s="898" t="str">
        <f t="shared" si="737"/>
        <v/>
      </c>
      <c r="CS416" s="898" t="str">
        <f t="shared" si="737"/>
        <v/>
      </c>
      <c r="CT416" s="898" t="str">
        <f t="shared" si="737"/>
        <v/>
      </c>
      <c r="CU416" s="898" t="str">
        <f t="shared" si="737"/>
        <v/>
      </c>
      <c r="CV416" s="898" t="str">
        <f t="shared" si="737"/>
        <v/>
      </c>
      <c r="CW416" s="898" t="str">
        <f t="shared" si="737"/>
        <v/>
      </c>
      <c r="CX416" s="898" t="str">
        <f t="shared" si="737"/>
        <v/>
      </c>
      <c r="CY416" s="898" t="str">
        <f t="shared" si="737"/>
        <v/>
      </c>
      <c r="CZ416" s="898" t="str">
        <f t="shared" si="738"/>
        <v/>
      </c>
      <c r="DA416" s="898" t="str">
        <f t="shared" si="738"/>
        <v/>
      </c>
      <c r="DB416" s="898" t="str">
        <f t="shared" si="738"/>
        <v/>
      </c>
      <c r="DC416" s="898" t="str">
        <f t="shared" si="738"/>
        <v/>
      </c>
      <c r="DD416" s="898" t="str">
        <f t="shared" si="738"/>
        <v/>
      </c>
      <c r="DE416" s="898" t="str">
        <f t="shared" si="738"/>
        <v/>
      </c>
      <c r="DF416" s="898" t="str">
        <f t="shared" si="738"/>
        <v/>
      </c>
      <c r="DG416" s="898" t="str">
        <f t="shared" si="738"/>
        <v/>
      </c>
      <c r="DH416" s="898" t="str">
        <f t="shared" si="738"/>
        <v/>
      </c>
      <c r="DI416" s="898">
        <f t="shared" si="738"/>
        <v>4654.840989399293</v>
      </c>
      <c r="DJ416" s="898">
        <f t="shared" si="739"/>
        <v>4965.1637220259126</v>
      </c>
      <c r="DK416" s="898">
        <f t="shared" si="739"/>
        <v>7447.745583038869</v>
      </c>
      <c r="DL416" s="898">
        <f t="shared" si="739"/>
        <v>9840.333851590105</v>
      </c>
      <c r="DM416" s="661">
        <f t="shared" si="681"/>
        <v>38957.915853945822</v>
      </c>
      <c r="DN416" s="898">
        <f t="shared" si="682"/>
        <v>26908.084146054178</v>
      </c>
      <c r="DO416" s="516">
        <f t="shared" si="683"/>
        <v>0</v>
      </c>
      <c r="DP416" s="898">
        <f t="shared" si="684"/>
        <v>0</v>
      </c>
      <c r="DQ416" s="860" t="s">
        <v>4246</v>
      </c>
      <c r="DR416" s="610" t="s">
        <v>4247</v>
      </c>
      <c r="DS416" s="1221" t="s">
        <v>4248</v>
      </c>
      <c r="DT416" s="632"/>
    </row>
    <row r="417" spans="1:124" ht="57" x14ac:dyDescent="0.2">
      <c r="A417" s="484" t="str">
        <f t="shared" si="679"/>
        <v>Piccotts End Road Gadebridge Park active mode access improvement</v>
      </c>
      <c r="B417" s="1163">
        <v>414</v>
      </c>
      <c r="C417" s="1156" t="s">
        <v>4513</v>
      </c>
      <c r="D417" s="481" t="s">
        <v>2481</v>
      </c>
      <c r="E417" s="481" t="s">
        <v>53</v>
      </c>
      <c r="F417" s="481" t="s">
        <v>655</v>
      </c>
      <c r="G417" s="775" t="s">
        <v>932</v>
      </c>
      <c r="H417" s="855" t="s">
        <v>1173</v>
      </c>
      <c r="I417" s="775" t="str">
        <f t="shared" si="732"/>
        <v>SG23-2</v>
      </c>
      <c r="J417" s="673" t="s">
        <v>1174</v>
      </c>
      <c r="K417" s="664" t="s">
        <v>3104</v>
      </c>
      <c r="L417" s="852" t="s">
        <v>3167</v>
      </c>
      <c r="M417" s="515" t="s">
        <v>4244</v>
      </c>
      <c r="N417" s="775" t="s">
        <v>81</v>
      </c>
      <c r="O417" s="654" t="s">
        <v>3051</v>
      </c>
      <c r="P417" s="657" t="s">
        <v>61</v>
      </c>
      <c r="Q417" s="852" t="s">
        <v>71</v>
      </c>
      <c r="R417" s="657"/>
      <c r="S417" s="657"/>
      <c r="T417" s="853">
        <v>2848</v>
      </c>
      <c r="U417" s="854"/>
      <c r="V417" s="657" t="s">
        <v>4245</v>
      </c>
      <c r="W417" s="642">
        <f t="shared" si="728"/>
        <v>0</v>
      </c>
      <c r="X417" s="745">
        <f t="shared" si="729"/>
        <v>2848</v>
      </c>
      <c r="Y417" s="745" t="s">
        <v>3106</v>
      </c>
      <c r="Z417" s="745" t="str">
        <f>_xlfn.XLOOKUP(I417, 'CALCS Aecom (July 25 2025)'!F:F, 'CALCS Aecom (July 25 2025)'!W:W)</f>
        <v>Multiple Scenario 2 (Step 6)</v>
      </c>
      <c r="AA417" s="650" t="s">
        <v>65</v>
      </c>
      <c r="AB417" s="516" t="s">
        <v>66</v>
      </c>
      <c r="AC417" s="516" t="s">
        <v>66</v>
      </c>
      <c r="AD417" s="516" t="s">
        <v>66</v>
      </c>
      <c r="AE417" s="516" t="s">
        <v>66</v>
      </c>
      <c r="AF417" s="516" t="s">
        <v>66</v>
      </c>
      <c r="AG417" s="516" t="s">
        <v>66</v>
      </c>
      <c r="AH417" s="516" t="s">
        <v>66</v>
      </c>
      <c r="AI417" s="516" t="s">
        <v>66</v>
      </c>
      <c r="AJ417" s="516" t="s">
        <v>66</v>
      </c>
      <c r="AK417" s="516" t="s">
        <v>66</v>
      </c>
      <c r="AL417" s="516" t="s">
        <v>66</v>
      </c>
      <c r="AM417" s="516" t="s">
        <v>66</v>
      </c>
      <c r="AN417" s="516" t="s">
        <v>66</v>
      </c>
      <c r="AO417" s="516" t="s">
        <v>66</v>
      </c>
      <c r="AP417" s="516" t="s">
        <v>66</v>
      </c>
      <c r="AQ417" s="516" t="s">
        <v>66</v>
      </c>
      <c r="AR417" s="516" t="s">
        <v>66</v>
      </c>
      <c r="AS417" s="892"/>
      <c r="AT417" s="892"/>
      <c r="AU417" s="892"/>
      <c r="AV417" s="661"/>
      <c r="AW417" s="892"/>
      <c r="AX417" s="892"/>
      <c r="AY417" s="892"/>
      <c r="AZ417" s="661"/>
      <c r="BA417" s="892"/>
      <c r="BB417" s="661"/>
      <c r="BC417" s="661"/>
      <c r="BD417" s="892"/>
      <c r="BE417" s="661"/>
      <c r="BF417" s="661"/>
      <c r="BG417" s="746"/>
      <c r="BH417" s="746"/>
      <c r="BI417" s="746"/>
      <c r="BJ417" s="746"/>
      <c r="BK417" s="746"/>
      <c r="BL417" s="746"/>
      <c r="BM417" s="746"/>
      <c r="BN417" s="746"/>
      <c r="BO417" s="516" t="s">
        <v>66</v>
      </c>
      <c r="BP417" s="516" t="s">
        <v>66</v>
      </c>
      <c r="BQ417" s="516" t="s">
        <v>66</v>
      </c>
      <c r="BR417" s="516" t="s">
        <v>66</v>
      </c>
      <c r="BS417" s="884">
        <f t="shared" si="680"/>
        <v>21225</v>
      </c>
      <c r="BT417" s="661">
        <f t="shared" si="730"/>
        <v>0.13418138987043582</v>
      </c>
      <c r="BU417" s="661" t="str">
        <f t="shared" si="733"/>
        <v>GOOD</v>
      </c>
      <c r="BV417" s="898">
        <f t="shared" si="735"/>
        <v>670.90694935217914</v>
      </c>
      <c r="BW417" s="898">
        <f t="shared" si="735"/>
        <v>26.836277974087164</v>
      </c>
      <c r="BX417" s="898">
        <f t="shared" si="735"/>
        <v>60.381625441696116</v>
      </c>
      <c r="BY417" s="898">
        <f t="shared" si="735"/>
        <v>46.963486454652539</v>
      </c>
      <c r="BZ417" s="898">
        <f t="shared" si="735"/>
        <v>67.090694935217911</v>
      </c>
      <c r="CA417" s="898">
        <f t="shared" si="735"/>
        <v>64.407067137809193</v>
      </c>
      <c r="CB417" s="898">
        <f t="shared" si="735"/>
        <v>13.418138987043582</v>
      </c>
      <c r="CC417" s="898">
        <f t="shared" si="735"/>
        <v>52.330742049469968</v>
      </c>
      <c r="CD417" s="898">
        <f t="shared" si="735"/>
        <v>67.090694935217911</v>
      </c>
      <c r="CE417" s="898">
        <f t="shared" si="735"/>
        <v>67.090694935217911</v>
      </c>
      <c r="CF417" s="898">
        <f t="shared" si="736"/>
        <v>100.63604240282686</v>
      </c>
      <c r="CG417" s="898">
        <f t="shared" si="736"/>
        <v>26.836277974087164</v>
      </c>
      <c r="CH417" s="898">
        <f t="shared" si="736"/>
        <v>31.398445229681982</v>
      </c>
      <c r="CI417" s="898">
        <f t="shared" si="736"/>
        <v>46.963486454652539</v>
      </c>
      <c r="CJ417" s="898">
        <f t="shared" si="736"/>
        <v>12.076325088339225</v>
      </c>
      <c r="CK417" s="898">
        <f t="shared" si="736"/>
        <v>10.734511189634866</v>
      </c>
      <c r="CL417" s="898">
        <f t="shared" si="736"/>
        <v>319.35170789163726</v>
      </c>
      <c r="CM417" s="898" t="str">
        <f t="shared" si="736"/>
        <v/>
      </c>
      <c r="CN417" s="898" t="str">
        <f t="shared" si="736"/>
        <v/>
      </c>
      <c r="CO417" s="898" t="str">
        <f t="shared" si="736"/>
        <v/>
      </c>
      <c r="CP417" s="898" t="str">
        <f t="shared" si="737"/>
        <v/>
      </c>
      <c r="CQ417" s="898" t="str">
        <f t="shared" si="737"/>
        <v/>
      </c>
      <c r="CR417" s="898" t="str">
        <f t="shared" si="737"/>
        <v/>
      </c>
      <c r="CS417" s="898" t="str">
        <f t="shared" si="737"/>
        <v/>
      </c>
      <c r="CT417" s="898" t="str">
        <f t="shared" si="737"/>
        <v/>
      </c>
      <c r="CU417" s="898" t="str">
        <f t="shared" si="737"/>
        <v/>
      </c>
      <c r="CV417" s="898" t="str">
        <f t="shared" si="737"/>
        <v/>
      </c>
      <c r="CW417" s="898" t="str">
        <f t="shared" si="737"/>
        <v/>
      </c>
      <c r="CX417" s="898" t="str">
        <f t="shared" si="737"/>
        <v/>
      </c>
      <c r="CY417" s="898" t="str">
        <f t="shared" si="737"/>
        <v/>
      </c>
      <c r="CZ417" s="898" t="str">
        <f t="shared" si="738"/>
        <v/>
      </c>
      <c r="DA417" s="898" t="str">
        <f t="shared" si="738"/>
        <v/>
      </c>
      <c r="DB417" s="898" t="str">
        <f t="shared" si="738"/>
        <v/>
      </c>
      <c r="DC417" s="898" t="str">
        <f t="shared" si="738"/>
        <v/>
      </c>
      <c r="DD417" s="898" t="str">
        <f t="shared" si="738"/>
        <v/>
      </c>
      <c r="DE417" s="898" t="str">
        <f t="shared" si="738"/>
        <v/>
      </c>
      <c r="DF417" s="898" t="str">
        <f t="shared" si="738"/>
        <v/>
      </c>
      <c r="DG417" s="898" t="str">
        <f t="shared" si="738"/>
        <v/>
      </c>
      <c r="DH417" s="898" t="str">
        <f t="shared" si="738"/>
        <v/>
      </c>
      <c r="DI417" s="898">
        <f t="shared" si="738"/>
        <v>201.27208480565372</v>
      </c>
      <c r="DJ417" s="898">
        <f t="shared" si="739"/>
        <v>214.69022379269731</v>
      </c>
      <c r="DK417" s="898">
        <f t="shared" si="739"/>
        <v>322.03533568904595</v>
      </c>
      <c r="DL417" s="898">
        <f t="shared" si="739"/>
        <v>425.48918727915196</v>
      </c>
      <c r="DM417" s="661">
        <f t="shared" si="681"/>
        <v>1684.5131684334513</v>
      </c>
      <c r="DN417" s="898">
        <f t="shared" si="682"/>
        <v>1163.486831566549</v>
      </c>
      <c r="DO417" s="516">
        <f t="shared" si="683"/>
        <v>0</v>
      </c>
      <c r="DP417" s="898">
        <f t="shared" si="684"/>
        <v>0</v>
      </c>
      <c r="DQ417" s="860" t="s">
        <v>4246</v>
      </c>
      <c r="DR417" s="610" t="s">
        <v>4247</v>
      </c>
      <c r="DS417" s="1221" t="s">
        <v>4248</v>
      </c>
      <c r="DT417" s="632"/>
    </row>
    <row r="418" spans="1:124" ht="57" x14ac:dyDescent="0.2">
      <c r="A418" s="484" t="str">
        <f t="shared" si="679"/>
        <v>Piccotts End Road Wayfinding Signage</v>
      </c>
      <c r="B418" s="1163">
        <v>415</v>
      </c>
      <c r="C418" s="1156" t="s">
        <v>4514</v>
      </c>
      <c r="D418" s="481" t="s">
        <v>2481</v>
      </c>
      <c r="E418" s="481" t="s">
        <v>53</v>
      </c>
      <c r="F418" s="481" t="s">
        <v>655</v>
      </c>
      <c r="G418" s="775" t="s">
        <v>932</v>
      </c>
      <c r="H418" s="855" t="s">
        <v>1175</v>
      </c>
      <c r="I418" s="775" t="str">
        <f t="shared" si="732"/>
        <v>SG23-3</v>
      </c>
      <c r="J418" s="673" t="s">
        <v>1176</v>
      </c>
      <c r="K418" s="664" t="s">
        <v>3104</v>
      </c>
      <c r="L418" s="852" t="s">
        <v>3167</v>
      </c>
      <c r="M418" s="515" t="s">
        <v>4244</v>
      </c>
      <c r="N418" s="775" t="s">
        <v>81</v>
      </c>
      <c r="O418" s="654" t="s">
        <v>3051</v>
      </c>
      <c r="P418" s="657" t="s">
        <v>61</v>
      </c>
      <c r="Q418" s="852" t="s">
        <v>71</v>
      </c>
      <c r="R418" s="657"/>
      <c r="S418" s="657"/>
      <c r="T418" s="853">
        <v>3480</v>
      </c>
      <c r="U418" s="854"/>
      <c r="V418" s="657" t="s">
        <v>4245</v>
      </c>
      <c r="W418" s="642">
        <f t="shared" si="728"/>
        <v>0</v>
      </c>
      <c r="X418" s="745">
        <f t="shared" si="729"/>
        <v>3480</v>
      </c>
      <c r="Y418" s="745" t="s">
        <v>3106</v>
      </c>
      <c r="Z418" s="745" t="str">
        <f>_xlfn.XLOOKUP(I418, 'CALCS Aecom (July 25 2025)'!F:F, 'CALCS Aecom (July 25 2025)'!W:W)</f>
        <v>Multiple Scenario 2 (Step 6)</v>
      </c>
      <c r="AA418" s="650" t="s">
        <v>65</v>
      </c>
      <c r="AB418" s="516" t="s">
        <v>66</v>
      </c>
      <c r="AC418" s="516" t="s">
        <v>66</v>
      </c>
      <c r="AD418" s="516" t="s">
        <v>66</v>
      </c>
      <c r="AE418" s="516" t="s">
        <v>66</v>
      </c>
      <c r="AF418" s="516" t="s">
        <v>66</v>
      </c>
      <c r="AG418" s="516" t="s">
        <v>66</v>
      </c>
      <c r="AH418" s="516" t="s">
        <v>66</v>
      </c>
      <c r="AI418" s="516" t="s">
        <v>66</v>
      </c>
      <c r="AJ418" s="516" t="s">
        <v>66</v>
      </c>
      <c r="AK418" s="516" t="s">
        <v>66</v>
      </c>
      <c r="AL418" s="516" t="s">
        <v>66</v>
      </c>
      <c r="AM418" s="516" t="s">
        <v>66</v>
      </c>
      <c r="AN418" s="516" t="s">
        <v>66</v>
      </c>
      <c r="AO418" s="516" t="s">
        <v>66</v>
      </c>
      <c r="AP418" s="516" t="s">
        <v>66</v>
      </c>
      <c r="AQ418" s="516" t="s">
        <v>66</v>
      </c>
      <c r="AR418" s="516" t="s">
        <v>66</v>
      </c>
      <c r="AS418" s="657"/>
      <c r="AT418" s="657"/>
      <c r="AU418" s="657"/>
      <c r="AV418" s="657"/>
      <c r="AW418" s="657"/>
      <c r="AX418" s="657"/>
      <c r="AY418" s="657"/>
      <c r="AZ418" s="657"/>
      <c r="BA418" s="657"/>
      <c r="BB418" s="657"/>
      <c r="BC418" s="657"/>
      <c r="BD418" s="657"/>
      <c r="BE418" s="657"/>
      <c r="BF418" s="657"/>
      <c r="BG418" s="746"/>
      <c r="BH418" s="746"/>
      <c r="BI418" s="746"/>
      <c r="BJ418" s="746"/>
      <c r="BK418" s="746"/>
      <c r="BL418" s="746"/>
      <c r="BM418" s="746"/>
      <c r="BN418" s="746"/>
      <c r="BO418" s="516" t="s">
        <v>66</v>
      </c>
      <c r="BP418" s="516" t="s">
        <v>66</v>
      </c>
      <c r="BQ418" s="516" t="s">
        <v>66</v>
      </c>
      <c r="BR418" s="516" t="s">
        <v>66</v>
      </c>
      <c r="BS418" s="884">
        <f t="shared" si="680"/>
        <v>21225</v>
      </c>
      <c r="BT418" s="661">
        <f t="shared" si="730"/>
        <v>0.16395759717314487</v>
      </c>
      <c r="BU418" s="661" t="str">
        <f t="shared" si="733"/>
        <v>GOOD</v>
      </c>
      <c r="BV418" s="898">
        <f t="shared" si="735"/>
        <v>819.78798586572429</v>
      </c>
      <c r="BW418" s="898">
        <f t="shared" si="735"/>
        <v>32.791519434628974</v>
      </c>
      <c r="BX418" s="898">
        <f t="shared" si="735"/>
        <v>73.780918727915193</v>
      </c>
      <c r="BY418" s="898">
        <f t="shared" si="735"/>
        <v>57.385159010600702</v>
      </c>
      <c r="BZ418" s="898">
        <f t="shared" si="735"/>
        <v>81.978798586572438</v>
      </c>
      <c r="CA418" s="898">
        <f t="shared" si="735"/>
        <v>78.699646643109531</v>
      </c>
      <c r="CB418" s="898">
        <f t="shared" si="735"/>
        <v>16.395759717314487</v>
      </c>
      <c r="CC418" s="898">
        <f t="shared" si="735"/>
        <v>63.943462897526501</v>
      </c>
      <c r="CD418" s="898">
        <f t="shared" si="735"/>
        <v>81.978798586572438</v>
      </c>
      <c r="CE418" s="898">
        <f t="shared" si="735"/>
        <v>81.978798586572438</v>
      </c>
      <c r="CF418" s="898">
        <f t="shared" si="736"/>
        <v>122.96819787985865</v>
      </c>
      <c r="CG418" s="898">
        <f t="shared" si="736"/>
        <v>32.791519434628974</v>
      </c>
      <c r="CH418" s="898">
        <f t="shared" si="736"/>
        <v>38.366077738515898</v>
      </c>
      <c r="CI418" s="898">
        <f t="shared" si="736"/>
        <v>57.385159010600702</v>
      </c>
      <c r="CJ418" s="898">
        <f t="shared" si="736"/>
        <v>14.756183745583039</v>
      </c>
      <c r="CK418" s="898">
        <f t="shared" si="736"/>
        <v>13.116607773851589</v>
      </c>
      <c r="CL418" s="898">
        <f t="shared" si="736"/>
        <v>390.21908127208479</v>
      </c>
      <c r="CM418" s="898" t="str">
        <f t="shared" si="736"/>
        <v/>
      </c>
      <c r="CN418" s="898" t="str">
        <f t="shared" si="736"/>
        <v/>
      </c>
      <c r="CO418" s="898" t="str">
        <f t="shared" si="736"/>
        <v/>
      </c>
      <c r="CP418" s="898" t="str">
        <f t="shared" si="737"/>
        <v/>
      </c>
      <c r="CQ418" s="898" t="str">
        <f t="shared" si="737"/>
        <v/>
      </c>
      <c r="CR418" s="898" t="str">
        <f t="shared" si="737"/>
        <v/>
      </c>
      <c r="CS418" s="898" t="str">
        <f t="shared" si="737"/>
        <v/>
      </c>
      <c r="CT418" s="898" t="str">
        <f t="shared" si="737"/>
        <v/>
      </c>
      <c r="CU418" s="898" t="str">
        <f t="shared" si="737"/>
        <v/>
      </c>
      <c r="CV418" s="898" t="str">
        <f t="shared" si="737"/>
        <v/>
      </c>
      <c r="CW418" s="898" t="str">
        <f t="shared" si="737"/>
        <v/>
      </c>
      <c r="CX418" s="898" t="str">
        <f t="shared" si="737"/>
        <v/>
      </c>
      <c r="CY418" s="898" t="str">
        <f t="shared" si="737"/>
        <v/>
      </c>
      <c r="CZ418" s="898" t="str">
        <f t="shared" si="738"/>
        <v/>
      </c>
      <c r="DA418" s="898" t="str">
        <f t="shared" si="738"/>
        <v/>
      </c>
      <c r="DB418" s="898" t="str">
        <f t="shared" si="738"/>
        <v/>
      </c>
      <c r="DC418" s="898" t="str">
        <f t="shared" si="738"/>
        <v/>
      </c>
      <c r="DD418" s="898" t="str">
        <f t="shared" si="738"/>
        <v/>
      </c>
      <c r="DE418" s="898" t="str">
        <f t="shared" si="738"/>
        <v/>
      </c>
      <c r="DF418" s="898" t="str">
        <f t="shared" si="738"/>
        <v/>
      </c>
      <c r="DG418" s="898" t="str">
        <f t="shared" si="738"/>
        <v/>
      </c>
      <c r="DH418" s="898" t="str">
        <f t="shared" si="738"/>
        <v/>
      </c>
      <c r="DI418" s="898">
        <f t="shared" si="738"/>
        <v>245.9363957597173</v>
      </c>
      <c r="DJ418" s="898">
        <f t="shared" si="739"/>
        <v>262.33215547703179</v>
      </c>
      <c r="DK418" s="898">
        <f t="shared" si="739"/>
        <v>393.49823321554771</v>
      </c>
      <c r="DL418" s="898">
        <f t="shared" si="739"/>
        <v>519.90954063604238</v>
      </c>
      <c r="DM418" s="661">
        <f t="shared" si="681"/>
        <v>2058.3236749116604</v>
      </c>
      <c r="DN418" s="898">
        <f t="shared" si="682"/>
        <v>1421.6763250883391</v>
      </c>
      <c r="DO418" s="516">
        <f t="shared" si="683"/>
        <v>0</v>
      </c>
      <c r="DP418" s="898">
        <f t="shared" si="684"/>
        <v>0</v>
      </c>
      <c r="DQ418" s="860" t="s">
        <v>4246</v>
      </c>
      <c r="DR418" s="610" t="s">
        <v>4247</v>
      </c>
      <c r="DS418" s="1221" t="s">
        <v>4248</v>
      </c>
      <c r="DT418" s="632"/>
    </row>
    <row r="419" spans="1:124" ht="71.25" x14ac:dyDescent="0.2">
      <c r="A419" s="484" t="str">
        <f t="shared" si="679"/>
        <v>Piccotts End Road Traffic Calming</v>
      </c>
      <c r="B419" s="1163">
        <v>416</v>
      </c>
      <c r="C419" s="1156" t="s">
        <v>4515</v>
      </c>
      <c r="D419" s="481" t="s">
        <v>2481</v>
      </c>
      <c r="E419" s="481" t="s">
        <v>53</v>
      </c>
      <c r="F419" s="481" t="s">
        <v>655</v>
      </c>
      <c r="G419" s="775" t="s">
        <v>900</v>
      </c>
      <c r="H419" s="855" t="s">
        <v>1177</v>
      </c>
      <c r="I419" s="775" t="str">
        <f t="shared" si="732"/>
        <v>SG24-1</v>
      </c>
      <c r="J419" s="673" t="s">
        <v>1178</v>
      </c>
      <c r="K419" s="664" t="s">
        <v>3104</v>
      </c>
      <c r="L419" s="852" t="s">
        <v>3167</v>
      </c>
      <c r="M419" s="713" t="s">
        <v>2996</v>
      </c>
      <c r="N419" s="775" t="s">
        <v>81</v>
      </c>
      <c r="O419" s="654" t="s">
        <v>3051</v>
      </c>
      <c r="P419" s="657" t="s">
        <v>77</v>
      </c>
      <c r="Q419" s="852" t="s">
        <v>71</v>
      </c>
      <c r="R419" s="657"/>
      <c r="S419" s="657"/>
      <c r="T419" s="853">
        <v>130360</v>
      </c>
      <c r="U419" s="854"/>
      <c r="V419" s="657" t="s">
        <v>4245</v>
      </c>
      <c r="W419" s="642">
        <f t="shared" si="728"/>
        <v>0</v>
      </c>
      <c r="X419" s="745">
        <f t="shared" si="729"/>
        <v>130360</v>
      </c>
      <c r="Y419" s="745" t="s">
        <v>3106</v>
      </c>
      <c r="Z419" s="745" t="str">
        <f>_xlfn.XLOOKUP(I419, 'CALCS Aecom (July 25 2025)'!F:F, 'CALCS Aecom (July 25 2025)'!W:W)</f>
        <v>Multiple Scenario 2 (Step 6)</v>
      </c>
      <c r="AA419" s="650" t="s">
        <v>65</v>
      </c>
      <c r="AB419" s="516" t="s">
        <v>66</v>
      </c>
      <c r="AC419" s="516" t="s">
        <v>66</v>
      </c>
      <c r="AD419" s="516" t="s">
        <v>66</v>
      </c>
      <c r="AE419" s="516" t="s">
        <v>66</v>
      </c>
      <c r="AF419" s="516" t="s">
        <v>66</v>
      </c>
      <c r="AG419" s="516" t="s">
        <v>66</v>
      </c>
      <c r="AH419" s="516" t="s">
        <v>66</v>
      </c>
      <c r="AI419" s="516" t="s">
        <v>66</v>
      </c>
      <c r="AJ419" s="516" t="s">
        <v>66</v>
      </c>
      <c r="AK419" s="516" t="s">
        <v>66</v>
      </c>
      <c r="AL419" s="516" t="s">
        <v>66</v>
      </c>
      <c r="AM419" s="516" t="s">
        <v>66</v>
      </c>
      <c r="AN419" s="516" t="s">
        <v>66</v>
      </c>
      <c r="AO419" s="516" t="s">
        <v>66</v>
      </c>
      <c r="AP419" s="516" t="s">
        <v>66</v>
      </c>
      <c r="AQ419" s="516" t="s">
        <v>66</v>
      </c>
      <c r="AR419" s="516" t="s">
        <v>66</v>
      </c>
      <c r="AS419" s="892"/>
      <c r="AT419" s="892"/>
      <c r="AU419" s="892"/>
      <c r="AV419" s="661"/>
      <c r="AW419" s="892"/>
      <c r="AX419" s="892"/>
      <c r="AY419" s="892"/>
      <c r="AZ419" s="661"/>
      <c r="BA419" s="892"/>
      <c r="BB419" s="661"/>
      <c r="BC419" s="661"/>
      <c r="BD419" s="892"/>
      <c r="BE419" s="661"/>
      <c r="BF419" s="661"/>
      <c r="BG419" s="746"/>
      <c r="BH419" s="746"/>
      <c r="BI419" s="746"/>
      <c r="BJ419" s="746"/>
      <c r="BK419" s="746"/>
      <c r="BL419" s="746"/>
      <c r="BM419" s="746"/>
      <c r="BN419" s="746"/>
      <c r="BO419" s="516" t="s">
        <v>66</v>
      </c>
      <c r="BP419" s="516" t="s">
        <v>66</v>
      </c>
      <c r="BQ419" s="516" t="s">
        <v>66</v>
      </c>
      <c r="BR419" s="516" t="s">
        <v>66</v>
      </c>
      <c r="BS419" s="884">
        <f t="shared" si="680"/>
        <v>21225</v>
      </c>
      <c r="BT419" s="661">
        <f t="shared" si="730"/>
        <v>6.141813898704358</v>
      </c>
      <c r="BU419" s="661" t="str">
        <f t="shared" si="733"/>
        <v>GOOD</v>
      </c>
      <c r="BV419" s="898">
        <f t="shared" si="735"/>
        <v>30709.069493521791</v>
      </c>
      <c r="BW419" s="898">
        <f t="shared" si="735"/>
        <v>1228.3627797408717</v>
      </c>
      <c r="BX419" s="898">
        <f t="shared" si="735"/>
        <v>2763.8162544169613</v>
      </c>
      <c r="BY419" s="898">
        <f t="shared" si="735"/>
        <v>2149.6348645465255</v>
      </c>
      <c r="BZ419" s="898">
        <f t="shared" si="735"/>
        <v>3070.9069493521788</v>
      </c>
      <c r="CA419" s="898">
        <f t="shared" si="735"/>
        <v>2948.0706713780919</v>
      </c>
      <c r="CB419" s="898">
        <f t="shared" si="735"/>
        <v>614.18138987043585</v>
      </c>
      <c r="CC419" s="898">
        <f t="shared" si="735"/>
        <v>2395.3074204946997</v>
      </c>
      <c r="CD419" s="898">
        <f t="shared" si="735"/>
        <v>3070.9069493521788</v>
      </c>
      <c r="CE419" s="898">
        <f t="shared" si="735"/>
        <v>3070.9069493521788</v>
      </c>
      <c r="CF419" s="898">
        <f t="shared" si="736"/>
        <v>4606.3604240282684</v>
      </c>
      <c r="CG419" s="898">
        <f t="shared" si="736"/>
        <v>1228.3627797408717</v>
      </c>
      <c r="CH419" s="898">
        <f t="shared" si="736"/>
        <v>1437.1844522968197</v>
      </c>
      <c r="CI419" s="898">
        <f t="shared" si="736"/>
        <v>2149.6348645465255</v>
      </c>
      <c r="CJ419" s="898">
        <f t="shared" si="736"/>
        <v>552.76325088339217</v>
      </c>
      <c r="CK419" s="898">
        <f t="shared" si="736"/>
        <v>491.34511189634861</v>
      </c>
      <c r="CL419" s="898">
        <f t="shared" si="736"/>
        <v>14617.517078916371</v>
      </c>
      <c r="CM419" s="898" t="str">
        <f t="shared" si="736"/>
        <v/>
      </c>
      <c r="CN419" s="898" t="str">
        <f t="shared" si="736"/>
        <v/>
      </c>
      <c r="CO419" s="898" t="str">
        <f t="shared" si="736"/>
        <v/>
      </c>
      <c r="CP419" s="898" t="str">
        <f t="shared" si="737"/>
        <v/>
      </c>
      <c r="CQ419" s="898" t="str">
        <f t="shared" si="737"/>
        <v/>
      </c>
      <c r="CR419" s="898" t="str">
        <f t="shared" si="737"/>
        <v/>
      </c>
      <c r="CS419" s="898" t="str">
        <f t="shared" si="737"/>
        <v/>
      </c>
      <c r="CT419" s="898" t="str">
        <f t="shared" si="737"/>
        <v/>
      </c>
      <c r="CU419" s="898" t="str">
        <f t="shared" si="737"/>
        <v/>
      </c>
      <c r="CV419" s="898" t="str">
        <f t="shared" si="737"/>
        <v/>
      </c>
      <c r="CW419" s="898" t="str">
        <f t="shared" si="737"/>
        <v/>
      </c>
      <c r="CX419" s="898" t="str">
        <f t="shared" si="737"/>
        <v/>
      </c>
      <c r="CY419" s="898" t="str">
        <f t="shared" si="737"/>
        <v/>
      </c>
      <c r="CZ419" s="898" t="str">
        <f t="shared" si="738"/>
        <v/>
      </c>
      <c r="DA419" s="898" t="str">
        <f t="shared" si="738"/>
        <v/>
      </c>
      <c r="DB419" s="898" t="str">
        <f t="shared" si="738"/>
        <v/>
      </c>
      <c r="DC419" s="898" t="str">
        <f t="shared" si="738"/>
        <v/>
      </c>
      <c r="DD419" s="898" t="str">
        <f t="shared" si="738"/>
        <v/>
      </c>
      <c r="DE419" s="898" t="str">
        <f t="shared" si="738"/>
        <v/>
      </c>
      <c r="DF419" s="898" t="str">
        <f t="shared" si="738"/>
        <v/>
      </c>
      <c r="DG419" s="898" t="str">
        <f t="shared" si="738"/>
        <v/>
      </c>
      <c r="DH419" s="898" t="str">
        <f t="shared" si="738"/>
        <v/>
      </c>
      <c r="DI419" s="898">
        <f t="shared" si="738"/>
        <v>9212.7208480565369</v>
      </c>
      <c r="DJ419" s="898">
        <f t="shared" si="739"/>
        <v>9826.9022379269736</v>
      </c>
      <c r="DK419" s="898">
        <f t="shared" si="739"/>
        <v>14740.353356890459</v>
      </c>
      <c r="DL419" s="898">
        <f t="shared" si="739"/>
        <v>19475.691872791518</v>
      </c>
      <c r="DM419" s="661">
        <f t="shared" si="681"/>
        <v>77104.331684334509</v>
      </c>
      <c r="DN419" s="898">
        <f t="shared" si="682"/>
        <v>53255.668315665491</v>
      </c>
      <c r="DO419" s="516">
        <f t="shared" si="683"/>
        <v>0</v>
      </c>
      <c r="DP419" s="898">
        <f t="shared" si="684"/>
        <v>0</v>
      </c>
      <c r="DQ419" s="860" t="s">
        <v>4246</v>
      </c>
      <c r="DR419" s="610" t="s">
        <v>4247</v>
      </c>
      <c r="DS419" s="1221" t="s">
        <v>4248</v>
      </c>
      <c r="DT419" s="632"/>
    </row>
    <row r="420" spans="1:124" ht="256.5" x14ac:dyDescent="0.2">
      <c r="A420" s="484" t="str">
        <f t="shared" si="679"/>
        <v>Hillfield Road-Marlowes junctions reconfiguration</v>
      </c>
      <c r="B420" s="1163">
        <v>417</v>
      </c>
      <c r="C420" s="1156" t="s">
        <v>4516</v>
      </c>
      <c r="D420" s="481" t="s">
        <v>2481</v>
      </c>
      <c r="E420" s="481" t="s">
        <v>53</v>
      </c>
      <c r="F420" s="481" t="s">
        <v>655</v>
      </c>
      <c r="G420" s="775" t="s">
        <v>900</v>
      </c>
      <c r="H420" s="855" t="s">
        <v>1182</v>
      </c>
      <c r="I420" s="775" t="str">
        <f t="shared" si="732"/>
        <v>SG25-2</v>
      </c>
      <c r="J420" s="673" t="s">
        <v>1183</v>
      </c>
      <c r="K420" s="664" t="s">
        <v>3104</v>
      </c>
      <c r="L420" s="852" t="s">
        <v>4393</v>
      </c>
      <c r="M420" s="657" t="s">
        <v>2996</v>
      </c>
      <c r="N420" s="775" t="s">
        <v>81</v>
      </c>
      <c r="O420" s="654" t="s">
        <v>3051</v>
      </c>
      <c r="P420" s="657" t="s">
        <v>77</v>
      </c>
      <c r="Q420" s="852" t="s">
        <v>122</v>
      </c>
      <c r="R420" s="657"/>
      <c r="S420" s="657"/>
      <c r="T420" s="853">
        <v>94053</v>
      </c>
      <c r="U420" s="854"/>
      <c r="V420" s="657" t="s">
        <v>4245</v>
      </c>
      <c r="W420" s="642">
        <f t="shared" si="728"/>
        <v>0</v>
      </c>
      <c r="X420" s="745">
        <f t="shared" si="729"/>
        <v>94053</v>
      </c>
      <c r="Y420" s="745" t="s">
        <v>4260</v>
      </c>
      <c r="Z420" s="745" t="str">
        <f>_xlfn.XLOOKUP(I420, 'CALCS Aecom (July 25 2025)'!F:F, 'CALCS Aecom (July 25 2025)'!W:W)</f>
        <v>Mutliple Scenario 2 (Step 5)</v>
      </c>
      <c r="AA420" s="650" t="s">
        <v>65</v>
      </c>
      <c r="AB420" s="713" t="str">
        <f t="shared" ref="AB420:AK427" si="740">IF(BV420&gt;0, "Yes", "")</f>
        <v>Yes</v>
      </c>
      <c r="AC420" s="713" t="str">
        <f t="shared" si="740"/>
        <v>Yes</v>
      </c>
      <c r="AD420" s="713" t="str">
        <f t="shared" si="740"/>
        <v>Yes</v>
      </c>
      <c r="AE420" s="713" t="str">
        <f t="shared" si="740"/>
        <v>Yes</v>
      </c>
      <c r="AF420" s="713" t="str">
        <f t="shared" si="740"/>
        <v>Yes</v>
      </c>
      <c r="AG420" s="713" t="str">
        <f t="shared" si="740"/>
        <v>Yes</v>
      </c>
      <c r="AH420" s="713" t="str">
        <f t="shared" si="740"/>
        <v/>
      </c>
      <c r="AI420" s="713" t="str">
        <f t="shared" si="740"/>
        <v>Yes</v>
      </c>
      <c r="AJ420" s="713" t="str">
        <f t="shared" si="740"/>
        <v/>
      </c>
      <c r="AK420" s="713" t="str">
        <f t="shared" si="740"/>
        <v>Yes</v>
      </c>
      <c r="AL420" s="713" t="str">
        <f t="shared" ref="AL420:AR427" si="741">IF(CF420&gt;0, "Yes", "")</f>
        <v>Yes</v>
      </c>
      <c r="AM420" s="713" t="str">
        <f t="shared" si="741"/>
        <v/>
      </c>
      <c r="AN420" s="713" t="str">
        <f t="shared" si="741"/>
        <v>Yes</v>
      </c>
      <c r="AO420" s="713" t="str">
        <f t="shared" si="741"/>
        <v>Yes</v>
      </c>
      <c r="AP420" s="713" t="str">
        <f t="shared" si="741"/>
        <v/>
      </c>
      <c r="AQ420" s="713" t="str">
        <f t="shared" si="741"/>
        <v/>
      </c>
      <c r="AR420" s="713" t="str">
        <f t="shared" si="741"/>
        <v/>
      </c>
      <c r="AS420" s="657"/>
      <c r="AT420" s="657"/>
      <c r="AU420" s="657"/>
      <c r="AV420" s="657"/>
      <c r="AW420" s="657"/>
      <c r="AX420" s="657"/>
      <c r="AY420" s="657"/>
      <c r="AZ420" s="657"/>
      <c r="BA420" s="657"/>
      <c r="BB420" s="657"/>
      <c r="BC420" s="657"/>
      <c r="BD420" s="657"/>
      <c r="BE420" s="657"/>
      <c r="BF420" s="657"/>
      <c r="BG420" s="746"/>
      <c r="BH420" s="746"/>
      <c r="BI420" s="746"/>
      <c r="BJ420" s="746"/>
      <c r="BK420" s="746"/>
      <c r="BL420" s="746"/>
      <c r="BM420" s="746"/>
      <c r="BN420" s="746"/>
      <c r="BO420" s="892" t="str">
        <f t="shared" ref="BO420:BO428" si="742">IF(DI420&gt;0, "Yes", "")</f>
        <v>Yes</v>
      </c>
      <c r="BP420" s="892" t="str">
        <f t="shared" ref="BP420:BP428" si="743">IF(DJ420&gt;0, "Yes", "")</f>
        <v>Yes</v>
      </c>
      <c r="BQ420" s="892" t="str">
        <f t="shared" ref="BQ420:BQ428" si="744">IF(DK420&gt;0, "Yes", "")</f>
        <v>Yes</v>
      </c>
      <c r="BR420" s="892" t="str">
        <f t="shared" ref="BR420:BR428" si="745">IF(DL420&gt;0, "Yes", "")</f>
        <v>Yes</v>
      </c>
      <c r="BS420" s="884">
        <f t="shared" si="680"/>
        <v>17875</v>
      </c>
      <c r="BT420" s="661">
        <f t="shared" si="730"/>
        <v>5.2617062937062933</v>
      </c>
      <c r="BU420" s="661" t="str">
        <f t="shared" si="733"/>
        <v>GOOD</v>
      </c>
      <c r="BV420" s="1149">
        <f>$X420*_xlfn.XLOOKUP($I420, 'CALCS Aecom (July 25 2025)'!$F:$F, 'CALCS Aecom (July 25 2025)'!BZ:BZ)</f>
        <v>7205.328876280937</v>
      </c>
      <c r="BW420" s="1149">
        <f>$X420*_xlfn.XLOOKUP($I420, 'CALCS Aecom (July 25 2025)'!$F:$F, 'CALCS Aecom (July 25 2025)'!CC:CC)</f>
        <v>1310.0597956874428</v>
      </c>
      <c r="BX420" s="1149">
        <f>$X420*_xlfn.XLOOKUP($I420, 'CALCS Aecom (July 25 2025)'!$F:$F, 'CALCS Aecom (July 25 2025)'!CI:CI)</f>
        <v>66158.019682215876</v>
      </c>
      <c r="BY420" s="1149">
        <f>$X420*_xlfn.XLOOKUP($I420, 'CALCS Aecom (July 25 2025)'!$F:$F, 'CALCS Aecom (July 25 2025)'!BQ:BQ)</f>
        <v>5240.2391827497713</v>
      </c>
      <c r="BZ420" s="1149">
        <f>$X420*_xlfn.XLOOKUP($I420, 'CALCS Aecom (July 25 2025)'!$F:$F, 'CALCS Aecom (July 25 2025)'!BV:BV)</f>
        <v>655.02989784372141</v>
      </c>
      <c r="CA420" s="1149">
        <f>$X420*_xlfn.XLOOKUP($I420, 'CALCS Aecom (July 25 2025)'!$F:$F, 'CALCS Aecom (July 25 2025)'!BR:BR)</f>
        <v>655.02989784372141</v>
      </c>
      <c r="CB420" s="1149">
        <f>$X420*_xlfn.XLOOKUP($I420, 'CALCS Aecom (July 25 2025)'!$F:$F, 'CALCS Aecom (July 25 2025)'!CD:CD)</f>
        <v>0</v>
      </c>
      <c r="CC420" s="1149">
        <f>$X420*_xlfn.XLOOKUP($I420, 'CALCS Aecom (July 25 2025)'!$F:$F, 'CALCS Aecom (July 25 2025)'!BT:BT)</f>
        <v>655.02989784372141</v>
      </c>
      <c r="CD420" s="1149">
        <f>$X420*_xlfn.XLOOKUP($I420, 'CALCS Aecom (July 25 2025)'!$F:$F, 'CALCS Aecom (July 25 2025)'!BU:BU)</f>
        <v>0</v>
      </c>
      <c r="CE420" s="1149">
        <f>$X420*_xlfn.XLOOKUP($I420, 'CALCS Aecom (July 25 2025)'!$F:$F, 'CALCS Aecom (July 25 2025)'!BW:BW)</f>
        <v>655.02989784372141</v>
      </c>
      <c r="CF420" s="1149">
        <f>$X420*_xlfn.XLOOKUP($I420, 'CALCS Aecom (July 25 2025)'!$F:$F, 'CALCS Aecom (July 25 2025)'!BS:BS)</f>
        <v>1310.0597956874428</v>
      </c>
      <c r="CG420" s="1149">
        <f>$X420*_xlfn.XLOOKUP($I420, 'CALCS Aecom (July 25 2025)'!$F:$F, 'CALCS Aecom (July 25 2025)'!CE:CE)</f>
        <v>0</v>
      </c>
      <c r="CH420" s="1149">
        <f>$X420*_xlfn.XLOOKUP($I420, 'CALCS Aecom (July 25 2025)'!$F:$F, 'CALCS Aecom (July 25 2025)'!CJ:CJ)</f>
        <v>383.72460834780935</v>
      </c>
      <c r="CI420" s="1149">
        <f>$X420*_xlfn.XLOOKUP($I420, 'CALCS Aecom (July 25 2025)'!$F:$F, 'CALCS Aecom (July 25 2025)'!CB:CB)</f>
        <v>655.02989784372141</v>
      </c>
      <c r="CJ420" s="1149">
        <f>$X420*_xlfn.XLOOKUP($I420, 'CALCS Aecom (July 25 2025)'!$F:$F, 'CALCS Aecom (July 25 2025)'!CF:CF)</f>
        <v>0</v>
      </c>
      <c r="CK420" s="1149">
        <f>$X420*_xlfn.XLOOKUP($I420, 'CALCS Aecom (July 25 2025)'!$F:$F, 'CALCS Aecom (July 25 2025)'!CG:CG)</f>
        <v>0</v>
      </c>
      <c r="CL420" s="1149"/>
      <c r="CM420" s="898"/>
      <c r="CN420" s="898"/>
      <c r="CO420" s="898"/>
      <c r="CP420" s="898"/>
      <c r="CQ420" s="898"/>
      <c r="CR420" s="898"/>
      <c r="CS420" s="898"/>
      <c r="CT420" s="898"/>
      <c r="CU420" s="898"/>
      <c r="CV420" s="898"/>
      <c r="CW420" s="898"/>
      <c r="CX420" s="898"/>
      <c r="CY420" s="898"/>
      <c r="CZ420" s="898"/>
      <c r="DA420" s="898"/>
      <c r="DB420" s="898"/>
      <c r="DC420" s="898"/>
      <c r="DD420" s="898"/>
      <c r="DE420" s="898"/>
      <c r="DF420" s="898"/>
      <c r="DG420" s="898"/>
      <c r="DH420" s="898"/>
      <c r="DI420" s="1149">
        <f>$X420*_xlfn.XLOOKUP($I420, 'CALCS Aecom (July 25 2025)'!$F:$F, 'CALCS Aecom (July 25 2025)'!CA:CA)</f>
        <v>1310.0597956874428</v>
      </c>
      <c r="DJ420" s="1149">
        <f>$X420*_xlfn.XLOOKUP($I420, 'CALCS Aecom (July 25 2025)'!$F:$F, 'CALCS Aecom (July 25 2025)'!BX:BX)</f>
        <v>2620.1195913748857</v>
      </c>
      <c r="DK420" s="1149">
        <f>$X420*_xlfn.XLOOKUP($I420, 'CALCS Aecom (July 25 2025)'!$F:$F, 'CALCS Aecom (July 25 2025)'!BY:BY)</f>
        <v>3275.149489218607</v>
      </c>
      <c r="DL420" s="1149">
        <f>$X420*_xlfn.XLOOKUP($I420, 'CALCS Aecom (July 25 2025)'!$F:$F, 'CALCS Aecom (July 25 2025)'!CH:CH)</f>
        <v>1965.0896935311644</v>
      </c>
      <c r="DM420" s="661">
        <f t="shared" si="681"/>
        <v>84882.581430187885</v>
      </c>
      <c r="DN420" s="898">
        <f t="shared" si="682"/>
        <v>9170.4185698121</v>
      </c>
      <c r="DO420" s="516">
        <f t="shared" si="683"/>
        <v>0</v>
      </c>
      <c r="DP420" s="898">
        <f t="shared" si="684"/>
        <v>0</v>
      </c>
      <c r="DQ420" s="860" t="s">
        <v>4246</v>
      </c>
      <c r="DR420" s="860" t="s">
        <v>4261</v>
      </c>
      <c r="DS420" s="1221" t="s">
        <v>4265</v>
      </c>
      <c r="DT420" s="632"/>
    </row>
    <row r="421" spans="1:124" ht="256.5" x14ac:dyDescent="0.2">
      <c r="A421" s="484" t="str">
        <f t="shared" si="679"/>
        <v>Marlowes carriageway reconfiguration - Hillfield Road-Combe Street</v>
      </c>
      <c r="B421" s="1163">
        <v>418</v>
      </c>
      <c r="C421" s="1156" t="s">
        <v>4517</v>
      </c>
      <c r="D421" s="481" t="s">
        <v>2481</v>
      </c>
      <c r="E421" s="481" t="s">
        <v>53</v>
      </c>
      <c r="F421" s="481" t="s">
        <v>655</v>
      </c>
      <c r="G421" s="775" t="s">
        <v>932</v>
      </c>
      <c r="H421" s="855" t="s">
        <v>4518</v>
      </c>
      <c r="I421" s="775" t="str">
        <f t="shared" si="732"/>
        <v>SG25-3</v>
      </c>
      <c r="J421" s="673" t="s">
        <v>1185</v>
      </c>
      <c r="K421" s="664" t="s">
        <v>3104</v>
      </c>
      <c r="L421" s="852" t="s">
        <v>4393</v>
      </c>
      <c r="M421" s="515" t="s">
        <v>2986</v>
      </c>
      <c r="N421" s="775" t="s">
        <v>81</v>
      </c>
      <c r="O421" s="654" t="s">
        <v>3051</v>
      </c>
      <c r="P421" s="657" t="s">
        <v>61</v>
      </c>
      <c r="Q421" s="852" t="s">
        <v>122</v>
      </c>
      <c r="R421" s="657"/>
      <c r="S421" s="657"/>
      <c r="T421" s="853">
        <v>313019</v>
      </c>
      <c r="U421" s="854"/>
      <c r="V421" s="657" t="s">
        <v>4245</v>
      </c>
      <c r="W421" s="642">
        <f t="shared" si="728"/>
        <v>0</v>
      </c>
      <c r="X421" s="745">
        <f t="shared" si="729"/>
        <v>313019</v>
      </c>
      <c r="Y421" s="745" t="s">
        <v>4260</v>
      </c>
      <c r="Z421" s="745" t="str">
        <f>_xlfn.XLOOKUP(I421, 'CALCS Aecom (July 25 2025)'!F:F, 'CALCS Aecom (July 25 2025)'!W:W)</f>
        <v>Mutliple Scenario 2 (Step 5)</v>
      </c>
      <c r="AA421" s="650" t="s">
        <v>65</v>
      </c>
      <c r="AB421" s="713" t="str">
        <f t="shared" si="740"/>
        <v>Yes</v>
      </c>
      <c r="AC421" s="713" t="str">
        <f t="shared" si="740"/>
        <v>Yes</v>
      </c>
      <c r="AD421" s="713" t="str">
        <f t="shared" si="740"/>
        <v>Yes</v>
      </c>
      <c r="AE421" s="713" t="str">
        <f t="shared" si="740"/>
        <v>Yes</v>
      </c>
      <c r="AF421" s="713" t="str">
        <f t="shared" si="740"/>
        <v>Yes</v>
      </c>
      <c r="AG421" s="713" t="str">
        <f t="shared" si="740"/>
        <v>Yes</v>
      </c>
      <c r="AH421" s="713" t="str">
        <f t="shared" si="740"/>
        <v/>
      </c>
      <c r="AI421" s="713" t="str">
        <f t="shared" si="740"/>
        <v>Yes</v>
      </c>
      <c r="AJ421" s="713" t="str">
        <f t="shared" si="740"/>
        <v/>
      </c>
      <c r="AK421" s="713" t="str">
        <f t="shared" si="740"/>
        <v>Yes</v>
      </c>
      <c r="AL421" s="713" t="str">
        <f t="shared" si="741"/>
        <v>Yes</v>
      </c>
      <c r="AM421" s="713" t="str">
        <f t="shared" si="741"/>
        <v/>
      </c>
      <c r="AN421" s="713" t="str">
        <f t="shared" si="741"/>
        <v>Yes</v>
      </c>
      <c r="AO421" s="713" t="str">
        <f t="shared" si="741"/>
        <v>Yes</v>
      </c>
      <c r="AP421" s="713" t="str">
        <f t="shared" si="741"/>
        <v/>
      </c>
      <c r="AQ421" s="713" t="str">
        <f t="shared" si="741"/>
        <v/>
      </c>
      <c r="AR421" s="713" t="str">
        <f t="shared" si="741"/>
        <v/>
      </c>
      <c r="AS421" s="657"/>
      <c r="AT421" s="657"/>
      <c r="AU421" s="657"/>
      <c r="AV421" s="657"/>
      <c r="AW421" s="657"/>
      <c r="AX421" s="657"/>
      <c r="AY421" s="657"/>
      <c r="AZ421" s="657"/>
      <c r="BA421" s="657"/>
      <c r="BB421" s="657"/>
      <c r="BC421" s="657"/>
      <c r="BD421" s="657"/>
      <c r="BE421" s="657"/>
      <c r="BF421" s="657"/>
      <c r="BG421" s="746"/>
      <c r="BH421" s="746"/>
      <c r="BI421" s="746"/>
      <c r="BJ421" s="746"/>
      <c r="BK421" s="746"/>
      <c r="BL421" s="746"/>
      <c r="BM421" s="746"/>
      <c r="BN421" s="746"/>
      <c r="BO421" s="892" t="str">
        <f t="shared" si="742"/>
        <v>Yes</v>
      </c>
      <c r="BP421" s="892" t="str">
        <f t="shared" si="743"/>
        <v>Yes</v>
      </c>
      <c r="BQ421" s="892" t="str">
        <f t="shared" si="744"/>
        <v>Yes</v>
      </c>
      <c r="BR421" s="892" t="str">
        <f t="shared" si="745"/>
        <v>Yes</v>
      </c>
      <c r="BS421" s="884">
        <f t="shared" si="680"/>
        <v>17875</v>
      </c>
      <c r="BT421" s="661">
        <f t="shared" si="730"/>
        <v>17.511552447552447</v>
      </c>
      <c r="BU421" s="661" t="str">
        <f t="shared" si="733"/>
        <v>GOOD</v>
      </c>
      <c r="BV421" s="1149">
        <f>$X421*_xlfn.XLOOKUP($I421, 'CALCS Aecom (July 25 2025)'!$F:$F, 'CALCS Aecom (July 25 2025)'!BZ:BZ)</f>
        <v>23980.1477839578</v>
      </c>
      <c r="BW421" s="1149">
        <f>$X421*_xlfn.XLOOKUP($I421, 'CALCS Aecom (July 25 2025)'!$F:$F, 'CALCS Aecom (July 25 2025)'!CC:CC)</f>
        <v>4360.0268698105092</v>
      </c>
      <c r="BX421" s="1149">
        <f>$X421*_xlfn.XLOOKUP($I421, 'CALCS Aecom (July 25 2025)'!$F:$F, 'CALCS Aecom (July 25 2025)'!CI:CI)</f>
        <v>220181.35692543071</v>
      </c>
      <c r="BY421" s="1149">
        <f>$X421*_xlfn.XLOOKUP($I421, 'CALCS Aecom (July 25 2025)'!$F:$F, 'CALCS Aecom (July 25 2025)'!BQ:BQ)</f>
        <v>17440.107479242037</v>
      </c>
      <c r="BZ421" s="1149">
        <f>$X421*_xlfn.XLOOKUP($I421, 'CALCS Aecom (July 25 2025)'!$F:$F, 'CALCS Aecom (July 25 2025)'!BV:BV)</f>
        <v>2180.0134349052546</v>
      </c>
      <c r="CA421" s="1149">
        <f>$X421*_xlfn.XLOOKUP($I421, 'CALCS Aecom (July 25 2025)'!$F:$F, 'CALCS Aecom (July 25 2025)'!BR:BR)</f>
        <v>2180.0134349052546</v>
      </c>
      <c r="CB421" s="1149">
        <f>$X421*_xlfn.XLOOKUP($I421, 'CALCS Aecom (July 25 2025)'!$F:$F, 'CALCS Aecom (July 25 2025)'!CD:CD)</f>
        <v>0</v>
      </c>
      <c r="CC421" s="1149">
        <f>$X421*_xlfn.XLOOKUP($I421, 'CALCS Aecom (July 25 2025)'!$F:$F, 'CALCS Aecom (July 25 2025)'!BT:BT)</f>
        <v>2180.0134349052546</v>
      </c>
      <c r="CD421" s="1149">
        <f>$X421*_xlfn.XLOOKUP($I421, 'CALCS Aecom (July 25 2025)'!$F:$F, 'CALCS Aecom (July 25 2025)'!BU:BU)</f>
        <v>0</v>
      </c>
      <c r="CE421" s="1149">
        <f>$X421*_xlfn.XLOOKUP($I421, 'CALCS Aecom (July 25 2025)'!$F:$F, 'CALCS Aecom (July 25 2025)'!BW:BW)</f>
        <v>2180.0134349052546</v>
      </c>
      <c r="CF421" s="1149">
        <f>$X421*_xlfn.XLOOKUP($I421, 'CALCS Aecom (July 25 2025)'!$F:$F, 'CALCS Aecom (July 25 2025)'!BS:BS)</f>
        <v>4360.0268698105092</v>
      </c>
      <c r="CG421" s="1149">
        <f>$X421*_xlfn.XLOOKUP($I421, 'CALCS Aecom (July 25 2025)'!$F:$F, 'CALCS Aecom (July 25 2025)'!CE:CE)</f>
        <v>0</v>
      </c>
      <c r="CH421" s="1149">
        <f>$X421*_xlfn.XLOOKUP($I421, 'CALCS Aecom (July 25 2025)'!$F:$F, 'CALCS Aecom (July 25 2025)'!CJ:CJ)</f>
        <v>1277.0788085486158</v>
      </c>
      <c r="CI421" s="1149">
        <f>$X421*_xlfn.XLOOKUP($I421, 'CALCS Aecom (July 25 2025)'!$F:$F, 'CALCS Aecom (July 25 2025)'!CB:CB)</f>
        <v>2180.0134349052546</v>
      </c>
      <c r="CJ421" s="1149">
        <f>$X421*_xlfn.XLOOKUP($I421, 'CALCS Aecom (July 25 2025)'!$F:$F, 'CALCS Aecom (July 25 2025)'!CF:CF)</f>
        <v>0</v>
      </c>
      <c r="CK421" s="1149">
        <f>$X421*_xlfn.XLOOKUP($I421, 'CALCS Aecom (July 25 2025)'!$F:$F, 'CALCS Aecom (July 25 2025)'!CG:CG)</f>
        <v>0</v>
      </c>
      <c r="CL421" s="1149"/>
      <c r="CM421" s="898"/>
      <c r="CN421" s="898"/>
      <c r="CO421" s="898"/>
      <c r="CP421" s="898"/>
      <c r="CQ421" s="898"/>
      <c r="CR421" s="898"/>
      <c r="CS421" s="898"/>
      <c r="CT421" s="898"/>
      <c r="CU421" s="898"/>
      <c r="CV421" s="898"/>
      <c r="CW421" s="898"/>
      <c r="CX421" s="898"/>
      <c r="CY421" s="898"/>
      <c r="CZ421" s="898"/>
      <c r="DA421" s="898"/>
      <c r="DB421" s="898"/>
      <c r="DC421" s="898"/>
      <c r="DD421" s="898"/>
      <c r="DE421" s="898"/>
      <c r="DF421" s="898"/>
      <c r="DG421" s="898"/>
      <c r="DH421" s="898"/>
      <c r="DI421" s="1149">
        <f>$X421*_xlfn.XLOOKUP($I421, 'CALCS Aecom (July 25 2025)'!$F:$F, 'CALCS Aecom (July 25 2025)'!CA:CA)</f>
        <v>4360.0268698105092</v>
      </c>
      <c r="DJ421" s="1149">
        <f>$X421*_xlfn.XLOOKUP($I421, 'CALCS Aecom (July 25 2025)'!$F:$F, 'CALCS Aecom (July 25 2025)'!BX:BX)</f>
        <v>8720.0537396210184</v>
      </c>
      <c r="DK421" s="1149">
        <f>$X421*_xlfn.XLOOKUP($I421, 'CALCS Aecom (July 25 2025)'!$F:$F, 'CALCS Aecom (July 25 2025)'!BY:BY)</f>
        <v>10900.067174526272</v>
      </c>
      <c r="DL421" s="1149">
        <f>$X421*_xlfn.XLOOKUP($I421, 'CALCS Aecom (July 25 2025)'!$F:$F, 'CALCS Aecom (July 25 2025)'!CH:CH)</f>
        <v>6540.0403047157633</v>
      </c>
      <c r="DM421" s="661">
        <f t="shared" si="681"/>
        <v>282498.81191132654</v>
      </c>
      <c r="DN421" s="898">
        <f t="shared" si="682"/>
        <v>30520.188088673563</v>
      </c>
      <c r="DO421" s="516">
        <f t="shared" si="683"/>
        <v>0</v>
      </c>
      <c r="DP421" s="898">
        <f t="shared" si="684"/>
        <v>0</v>
      </c>
      <c r="DQ421" s="860" t="s">
        <v>4246</v>
      </c>
      <c r="DR421" s="860" t="s">
        <v>4261</v>
      </c>
      <c r="DS421" s="1221" t="s">
        <v>4265</v>
      </c>
      <c r="DT421" s="632"/>
    </row>
    <row r="422" spans="1:124" ht="256.5" x14ac:dyDescent="0.2">
      <c r="A422" s="484" t="str">
        <f t="shared" si="679"/>
        <v>Marlowes carriageway reconfiguration - Combe Street-Midland Road</v>
      </c>
      <c r="B422" s="1163">
        <v>419</v>
      </c>
      <c r="C422" s="1156" t="s">
        <v>4519</v>
      </c>
      <c r="D422" s="481" t="s">
        <v>2481</v>
      </c>
      <c r="E422" s="481" t="s">
        <v>53</v>
      </c>
      <c r="F422" s="481" t="s">
        <v>655</v>
      </c>
      <c r="G422" s="775" t="s">
        <v>932</v>
      </c>
      <c r="H422" s="855" t="s">
        <v>4520</v>
      </c>
      <c r="I422" s="775" t="str">
        <f t="shared" si="732"/>
        <v>SG25-4</v>
      </c>
      <c r="J422" s="673" t="s">
        <v>4521</v>
      </c>
      <c r="K422" s="664" t="s">
        <v>3104</v>
      </c>
      <c r="L422" s="852" t="s">
        <v>4393</v>
      </c>
      <c r="M422" s="515" t="s">
        <v>2986</v>
      </c>
      <c r="N422" s="775" t="s">
        <v>81</v>
      </c>
      <c r="O422" s="654" t="s">
        <v>3051</v>
      </c>
      <c r="P422" s="657" t="s">
        <v>61</v>
      </c>
      <c r="Q422" s="852" t="s">
        <v>122</v>
      </c>
      <c r="R422" s="657"/>
      <c r="S422" s="657"/>
      <c r="T422" s="853">
        <v>290466</v>
      </c>
      <c r="U422" s="854"/>
      <c r="V422" s="657" t="s">
        <v>4245</v>
      </c>
      <c r="W422" s="642">
        <f t="shared" si="728"/>
        <v>0</v>
      </c>
      <c r="X422" s="745">
        <f t="shared" si="729"/>
        <v>290466</v>
      </c>
      <c r="Y422" s="745" t="s">
        <v>4260</v>
      </c>
      <c r="Z422" s="745" t="str">
        <f>_xlfn.XLOOKUP(I422, 'CALCS Aecom (July 25 2025)'!F:F, 'CALCS Aecom (July 25 2025)'!W:W)</f>
        <v>Mutliple Scenario 2 (Step 5)</v>
      </c>
      <c r="AA422" s="650" t="s">
        <v>65</v>
      </c>
      <c r="AB422" s="713" t="str">
        <f t="shared" si="740"/>
        <v>Yes</v>
      </c>
      <c r="AC422" s="713" t="str">
        <f t="shared" si="740"/>
        <v>Yes</v>
      </c>
      <c r="AD422" s="713" t="str">
        <f t="shared" si="740"/>
        <v>Yes</v>
      </c>
      <c r="AE422" s="713" t="str">
        <f t="shared" si="740"/>
        <v>Yes</v>
      </c>
      <c r="AF422" s="713" t="str">
        <f t="shared" si="740"/>
        <v>Yes</v>
      </c>
      <c r="AG422" s="713" t="str">
        <f t="shared" si="740"/>
        <v>Yes</v>
      </c>
      <c r="AH422" s="713" t="str">
        <f t="shared" si="740"/>
        <v/>
      </c>
      <c r="AI422" s="713" t="str">
        <f t="shared" si="740"/>
        <v>Yes</v>
      </c>
      <c r="AJ422" s="713" t="str">
        <f t="shared" si="740"/>
        <v/>
      </c>
      <c r="AK422" s="713" t="str">
        <f t="shared" si="740"/>
        <v>Yes</v>
      </c>
      <c r="AL422" s="713" t="str">
        <f t="shared" si="741"/>
        <v>Yes</v>
      </c>
      <c r="AM422" s="713" t="str">
        <f t="shared" si="741"/>
        <v/>
      </c>
      <c r="AN422" s="713" t="str">
        <f t="shared" si="741"/>
        <v>Yes</v>
      </c>
      <c r="AO422" s="713" t="str">
        <f t="shared" si="741"/>
        <v>Yes</v>
      </c>
      <c r="AP422" s="713" t="str">
        <f t="shared" si="741"/>
        <v/>
      </c>
      <c r="AQ422" s="713" t="str">
        <f t="shared" si="741"/>
        <v/>
      </c>
      <c r="AR422" s="713" t="str">
        <f t="shared" si="741"/>
        <v/>
      </c>
      <c r="AS422" s="657"/>
      <c r="AT422" s="657"/>
      <c r="AU422" s="657"/>
      <c r="AV422" s="657"/>
      <c r="AW422" s="657"/>
      <c r="AX422" s="657"/>
      <c r="AY422" s="657"/>
      <c r="AZ422" s="657"/>
      <c r="BA422" s="657"/>
      <c r="BB422" s="657"/>
      <c r="BC422" s="657"/>
      <c r="BD422" s="657"/>
      <c r="BE422" s="657"/>
      <c r="BF422" s="657"/>
      <c r="BG422" s="746"/>
      <c r="BH422" s="746"/>
      <c r="BI422" s="746"/>
      <c r="BJ422" s="746"/>
      <c r="BK422" s="746"/>
      <c r="BL422" s="746"/>
      <c r="BM422" s="746"/>
      <c r="BN422" s="746"/>
      <c r="BO422" s="892" t="str">
        <f t="shared" si="742"/>
        <v>Yes</v>
      </c>
      <c r="BP422" s="892" t="str">
        <f t="shared" si="743"/>
        <v>Yes</v>
      </c>
      <c r="BQ422" s="892" t="str">
        <f t="shared" si="744"/>
        <v>Yes</v>
      </c>
      <c r="BR422" s="892" t="str">
        <f t="shared" si="745"/>
        <v>Yes</v>
      </c>
      <c r="BS422" s="884">
        <f t="shared" si="680"/>
        <v>17875</v>
      </c>
      <c r="BT422" s="661">
        <f t="shared" si="730"/>
        <v>16.249846153846153</v>
      </c>
      <c r="BU422" s="661" t="str">
        <f t="shared" si="733"/>
        <v>GOOD</v>
      </c>
      <c r="BV422" s="1149">
        <f>$X422*_xlfn.XLOOKUP($I422, 'CALCS Aecom (July 25 2025)'!$F:$F, 'CALCS Aecom (July 25 2025)'!BZ:BZ)</f>
        <v>22252.379587868745</v>
      </c>
      <c r="BW422" s="1149">
        <f>$X422*_xlfn.XLOOKUP($I422, 'CALCS Aecom (July 25 2025)'!$F:$F, 'CALCS Aecom (July 25 2025)'!CC:CC)</f>
        <v>4045.8871977943168</v>
      </c>
      <c r="BX422" s="1149">
        <f>$X422*_xlfn.XLOOKUP($I422, 'CALCS Aecom (July 25 2025)'!$F:$F, 'CALCS Aecom (July 25 2025)'!CI:CI)</f>
        <v>204317.30348861302</v>
      </c>
      <c r="BY422" s="1149">
        <f>$X422*_xlfn.XLOOKUP($I422, 'CALCS Aecom (July 25 2025)'!$F:$F, 'CALCS Aecom (July 25 2025)'!BQ:BQ)</f>
        <v>16183.548791177267</v>
      </c>
      <c r="BZ422" s="1149">
        <f>$X422*_xlfn.XLOOKUP($I422, 'CALCS Aecom (July 25 2025)'!$F:$F, 'CALCS Aecom (July 25 2025)'!BV:BV)</f>
        <v>2022.9435988971584</v>
      </c>
      <c r="CA422" s="1149">
        <f>$X422*_xlfn.XLOOKUP($I422, 'CALCS Aecom (July 25 2025)'!$F:$F, 'CALCS Aecom (July 25 2025)'!BR:BR)</f>
        <v>2022.9435988971584</v>
      </c>
      <c r="CB422" s="1149">
        <f>$X422*_xlfn.XLOOKUP($I422, 'CALCS Aecom (July 25 2025)'!$F:$F, 'CALCS Aecom (July 25 2025)'!CD:CD)</f>
        <v>0</v>
      </c>
      <c r="CC422" s="1149">
        <f>$X422*_xlfn.XLOOKUP($I422, 'CALCS Aecom (July 25 2025)'!$F:$F, 'CALCS Aecom (July 25 2025)'!BT:BT)</f>
        <v>2022.9435988971584</v>
      </c>
      <c r="CD422" s="1149">
        <f>$X422*_xlfn.XLOOKUP($I422, 'CALCS Aecom (July 25 2025)'!$F:$F, 'CALCS Aecom (July 25 2025)'!BU:BU)</f>
        <v>0</v>
      </c>
      <c r="CE422" s="1149">
        <f>$X422*_xlfn.XLOOKUP($I422, 'CALCS Aecom (July 25 2025)'!$F:$F, 'CALCS Aecom (July 25 2025)'!BW:BW)</f>
        <v>2022.9435988971584</v>
      </c>
      <c r="CF422" s="1149">
        <f>$X422*_xlfn.XLOOKUP($I422, 'CALCS Aecom (July 25 2025)'!$F:$F, 'CALCS Aecom (July 25 2025)'!BS:BS)</f>
        <v>4045.8871977943168</v>
      </c>
      <c r="CG422" s="1149">
        <f>$X422*_xlfn.XLOOKUP($I422, 'CALCS Aecom (July 25 2025)'!$F:$F, 'CALCS Aecom (July 25 2025)'!CE:CE)</f>
        <v>0</v>
      </c>
      <c r="CH422" s="1149">
        <f>$X422*_xlfn.XLOOKUP($I422, 'CALCS Aecom (July 25 2025)'!$F:$F, 'CALCS Aecom (July 25 2025)'!CJ:CJ)</f>
        <v>1185.0653577063445</v>
      </c>
      <c r="CI422" s="1149">
        <f>$X422*_xlfn.XLOOKUP($I422, 'CALCS Aecom (July 25 2025)'!$F:$F, 'CALCS Aecom (July 25 2025)'!CB:CB)</f>
        <v>2022.9435988971584</v>
      </c>
      <c r="CJ422" s="1149">
        <f>$X422*_xlfn.XLOOKUP($I422, 'CALCS Aecom (July 25 2025)'!$F:$F, 'CALCS Aecom (July 25 2025)'!CF:CF)</f>
        <v>0</v>
      </c>
      <c r="CK422" s="1149">
        <f>$X422*_xlfn.XLOOKUP($I422, 'CALCS Aecom (July 25 2025)'!$F:$F, 'CALCS Aecom (July 25 2025)'!CG:CG)</f>
        <v>0</v>
      </c>
      <c r="CL422" s="1149"/>
      <c r="CM422" s="898"/>
      <c r="CN422" s="898"/>
      <c r="CO422" s="898"/>
      <c r="CP422" s="898"/>
      <c r="CQ422" s="898"/>
      <c r="CR422" s="898"/>
      <c r="CS422" s="898"/>
      <c r="CT422" s="898"/>
      <c r="CU422" s="898"/>
      <c r="CV422" s="898"/>
      <c r="CW422" s="898"/>
      <c r="CX422" s="898"/>
      <c r="CY422" s="898"/>
      <c r="CZ422" s="898"/>
      <c r="DA422" s="898"/>
      <c r="DB422" s="898"/>
      <c r="DC422" s="898"/>
      <c r="DD422" s="898"/>
      <c r="DE422" s="898"/>
      <c r="DF422" s="898"/>
      <c r="DG422" s="898"/>
      <c r="DH422" s="898"/>
      <c r="DI422" s="1149">
        <f>$X422*_xlfn.XLOOKUP($I422, 'CALCS Aecom (July 25 2025)'!$F:$F, 'CALCS Aecom (July 25 2025)'!CA:CA)</f>
        <v>4045.8871977943168</v>
      </c>
      <c r="DJ422" s="1149">
        <f>$X422*_xlfn.XLOOKUP($I422, 'CALCS Aecom (July 25 2025)'!$F:$F, 'CALCS Aecom (July 25 2025)'!BX:BX)</f>
        <v>8091.7743955886335</v>
      </c>
      <c r="DK422" s="1149">
        <f>$X422*_xlfn.XLOOKUP($I422, 'CALCS Aecom (July 25 2025)'!$F:$F, 'CALCS Aecom (July 25 2025)'!BY:BY)</f>
        <v>10114.717994485791</v>
      </c>
      <c r="DL422" s="1149">
        <f>$X422*_xlfn.XLOOKUP($I422, 'CALCS Aecom (July 25 2025)'!$F:$F, 'CALCS Aecom (July 25 2025)'!CH:CH)</f>
        <v>6068.8307966914754</v>
      </c>
      <c r="DM422" s="661">
        <f t="shared" si="681"/>
        <v>262144.78961543983</v>
      </c>
      <c r="DN422" s="898">
        <f t="shared" si="682"/>
        <v>28321.210384560218</v>
      </c>
      <c r="DO422" s="516">
        <f t="shared" si="683"/>
        <v>0</v>
      </c>
      <c r="DP422" s="898">
        <f t="shared" si="684"/>
        <v>0</v>
      </c>
      <c r="DQ422" s="860" t="s">
        <v>4246</v>
      </c>
      <c r="DR422" s="860" t="s">
        <v>4261</v>
      </c>
      <c r="DS422" s="1221" t="s">
        <v>4265</v>
      </c>
      <c r="DT422" s="632"/>
    </row>
    <row r="423" spans="1:124" ht="256.5" x14ac:dyDescent="0.2">
      <c r="A423" s="484" t="str">
        <f t="shared" si="679"/>
        <v>Marlowes cycle stands</v>
      </c>
      <c r="B423" s="1163">
        <v>420</v>
      </c>
      <c r="C423" s="1156" t="s">
        <v>4522</v>
      </c>
      <c r="D423" s="481" t="s">
        <v>2481</v>
      </c>
      <c r="E423" s="481" t="s">
        <v>53</v>
      </c>
      <c r="F423" s="481" t="s">
        <v>655</v>
      </c>
      <c r="G423" s="775" t="s">
        <v>932</v>
      </c>
      <c r="H423" s="855" t="s">
        <v>1188</v>
      </c>
      <c r="I423" s="775" t="str">
        <f t="shared" si="732"/>
        <v>SG25-5</v>
      </c>
      <c r="J423" s="673" t="s">
        <v>1189</v>
      </c>
      <c r="K423" s="664" t="s">
        <v>3104</v>
      </c>
      <c r="L423" s="852" t="s">
        <v>4393</v>
      </c>
      <c r="M423" s="515" t="s">
        <v>2986</v>
      </c>
      <c r="N423" s="775" t="s">
        <v>81</v>
      </c>
      <c r="O423" s="654" t="s">
        <v>3051</v>
      </c>
      <c r="P423" s="657" t="s">
        <v>61</v>
      </c>
      <c r="Q423" s="852" t="s">
        <v>122</v>
      </c>
      <c r="R423" s="657"/>
      <c r="S423" s="657"/>
      <c r="T423" s="853">
        <v>2392</v>
      </c>
      <c r="U423" s="854"/>
      <c r="V423" s="657" t="s">
        <v>4245</v>
      </c>
      <c r="W423" s="642">
        <f t="shared" ref="W423:W454" si="746">T423-X423</f>
        <v>0</v>
      </c>
      <c r="X423" s="745">
        <f t="shared" ref="X423:X454" si="747">IF(ISTEXT(T423),T423,T423-U423)</f>
        <v>2392</v>
      </c>
      <c r="Y423" s="745" t="s">
        <v>4260</v>
      </c>
      <c r="Z423" s="745" t="str">
        <f>_xlfn.XLOOKUP(I423, 'CALCS Aecom (July 25 2025)'!F:F, 'CALCS Aecom (July 25 2025)'!W:W)</f>
        <v>Mutliple Scenario 2 (Step 5)</v>
      </c>
      <c r="AA423" s="650" t="s">
        <v>65</v>
      </c>
      <c r="AB423" s="713" t="str">
        <f t="shared" si="740"/>
        <v>Yes</v>
      </c>
      <c r="AC423" s="713" t="str">
        <f t="shared" si="740"/>
        <v>Yes</v>
      </c>
      <c r="AD423" s="713" t="str">
        <f t="shared" si="740"/>
        <v>Yes</v>
      </c>
      <c r="AE423" s="713" t="str">
        <f t="shared" si="740"/>
        <v>Yes</v>
      </c>
      <c r="AF423" s="713" t="str">
        <f t="shared" si="740"/>
        <v>Yes</v>
      </c>
      <c r="AG423" s="713" t="str">
        <f t="shared" si="740"/>
        <v>Yes</v>
      </c>
      <c r="AH423" s="713" t="str">
        <f t="shared" si="740"/>
        <v/>
      </c>
      <c r="AI423" s="713" t="str">
        <f t="shared" si="740"/>
        <v>Yes</v>
      </c>
      <c r="AJ423" s="713" t="str">
        <f t="shared" si="740"/>
        <v/>
      </c>
      <c r="AK423" s="713" t="str">
        <f t="shared" si="740"/>
        <v>Yes</v>
      </c>
      <c r="AL423" s="713" t="str">
        <f t="shared" si="741"/>
        <v>Yes</v>
      </c>
      <c r="AM423" s="713" t="str">
        <f t="shared" si="741"/>
        <v/>
      </c>
      <c r="AN423" s="713" t="str">
        <f t="shared" si="741"/>
        <v>Yes</v>
      </c>
      <c r="AO423" s="713" t="str">
        <f t="shared" si="741"/>
        <v>Yes</v>
      </c>
      <c r="AP423" s="713" t="str">
        <f t="shared" si="741"/>
        <v/>
      </c>
      <c r="AQ423" s="713" t="str">
        <f t="shared" si="741"/>
        <v/>
      </c>
      <c r="AR423" s="713" t="str">
        <f t="shared" si="741"/>
        <v/>
      </c>
      <c r="AS423" s="657"/>
      <c r="AT423" s="657"/>
      <c r="AU423" s="657"/>
      <c r="AV423" s="657"/>
      <c r="AW423" s="657"/>
      <c r="AX423" s="657"/>
      <c r="AY423" s="657"/>
      <c r="AZ423" s="657"/>
      <c r="BA423" s="657"/>
      <c r="BB423" s="657"/>
      <c r="BC423" s="657"/>
      <c r="BD423" s="657"/>
      <c r="BE423" s="657"/>
      <c r="BF423" s="657"/>
      <c r="BG423" s="746"/>
      <c r="BH423" s="746"/>
      <c r="BI423" s="746"/>
      <c r="BJ423" s="746"/>
      <c r="BK423" s="746"/>
      <c r="BL423" s="746"/>
      <c r="BM423" s="746"/>
      <c r="BN423" s="746"/>
      <c r="BO423" s="892" t="str">
        <f t="shared" si="742"/>
        <v>Yes</v>
      </c>
      <c r="BP423" s="892" t="str">
        <f t="shared" si="743"/>
        <v>Yes</v>
      </c>
      <c r="BQ423" s="892" t="str">
        <f t="shared" si="744"/>
        <v>Yes</v>
      </c>
      <c r="BR423" s="892" t="str">
        <f t="shared" si="745"/>
        <v>Yes</v>
      </c>
      <c r="BS423" s="884">
        <f t="shared" si="680"/>
        <v>17875</v>
      </c>
      <c r="BT423" s="661">
        <f t="shared" si="730"/>
        <v>0.13381818181818181</v>
      </c>
      <c r="BU423" s="661" t="str">
        <f t="shared" si="733"/>
        <v>GOOD</v>
      </c>
      <c r="BV423" s="1149">
        <f>$X423*_xlfn.XLOOKUP($I423, 'CALCS Aecom (July 25 2025)'!$F:$F, 'CALCS Aecom (July 25 2025)'!BZ:BZ)</f>
        <v>183.24930275551023</v>
      </c>
      <c r="BW423" s="1149">
        <f>$X423*_xlfn.XLOOKUP($I423, 'CALCS Aecom (July 25 2025)'!$F:$F, 'CALCS Aecom (July 25 2025)'!CC:CC)</f>
        <v>33.318055046456408</v>
      </c>
      <c r="BX423" s="1149">
        <f>$X423*_xlfn.XLOOKUP($I423, 'CALCS Aecom (July 25 2025)'!$F:$F, 'CALCS Aecom (July 25 2025)'!CI:CI)</f>
        <v>1682.5617798460485</v>
      </c>
      <c r="BY423" s="1149">
        <f>$X423*_xlfn.XLOOKUP($I423, 'CALCS Aecom (July 25 2025)'!$F:$F, 'CALCS Aecom (July 25 2025)'!BQ:BQ)</f>
        <v>133.27222018582563</v>
      </c>
      <c r="BZ423" s="1149">
        <f>$X423*_xlfn.XLOOKUP($I423, 'CALCS Aecom (July 25 2025)'!$F:$F, 'CALCS Aecom (July 25 2025)'!BV:BV)</f>
        <v>16.659027523228204</v>
      </c>
      <c r="CA423" s="1149">
        <f>$X423*_xlfn.XLOOKUP($I423, 'CALCS Aecom (July 25 2025)'!$F:$F, 'CALCS Aecom (July 25 2025)'!BR:BR)</f>
        <v>16.659027523228204</v>
      </c>
      <c r="CB423" s="1149">
        <f>$X423*_xlfn.XLOOKUP($I423, 'CALCS Aecom (July 25 2025)'!$F:$F, 'CALCS Aecom (July 25 2025)'!CD:CD)</f>
        <v>0</v>
      </c>
      <c r="CC423" s="1149">
        <f>$X423*_xlfn.XLOOKUP($I423, 'CALCS Aecom (July 25 2025)'!$F:$F, 'CALCS Aecom (July 25 2025)'!BT:BT)</f>
        <v>16.659027523228204</v>
      </c>
      <c r="CD423" s="1149">
        <f>$X423*_xlfn.XLOOKUP($I423, 'CALCS Aecom (July 25 2025)'!$F:$F, 'CALCS Aecom (July 25 2025)'!BU:BU)</f>
        <v>0</v>
      </c>
      <c r="CE423" s="1149">
        <f>$X423*_xlfn.XLOOKUP($I423, 'CALCS Aecom (July 25 2025)'!$F:$F, 'CALCS Aecom (July 25 2025)'!BW:BW)</f>
        <v>16.659027523228204</v>
      </c>
      <c r="CF423" s="1149">
        <f>$X423*_xlfn.XLOOKUP($I423, 'CALCS Aecom (July 25 2025)'!$F:$F, 'CALCS Aecom (July 25 2025)'!BS:BS)</f>
        <v>33.318055046456408</v>
      </c>
      <c r="CG423" s="1149">
        <f>$X423*_xlfn.XLOOKUP($I423, 'CALCS Aecom (July 25 2025)'!$F:$F, 'CALCS Aecom (July 25 2025)'!CE:CE)</f>
        <v>0</v>
      </c>
      <c r="CH423" s="1149">
        <f>$X423*_xlfn.XLOOKUP($I423, 'CALCS Aecom (July 25 2025)'!$F:$F, 'CALCS Aecom (July 25 2025)'!CJ:CJ)</f>
        <v>9.7590641783670939</v>
      </c>
      <c r="CI423" s="1149">
        <f>$X423*_xlfn.XLOOKUP($I423, 'CALCS Aecom (July 25 2025)'!$F:$F, 'CALCS Aecom (July 25 2025)'!CB:CB)</f>
        <v>16.659027523228204</v>
      </c>
      <c r="CJ423" s="1149">
        <f>$X423*_xlfn.XLOOKUP($I423, 'CALCS Aecom (July 25 2025)'!$F:$F, 'CALCS Aecom (July 25 2025)'!CF:CF)</f>
        <v>0</v>
      </c>
      <c r="CK423" s="1149">
        <f>$X423*_xlfn.XLOOKUP($I423, 'CALCS Aecom (July 25 2025)'!$F:$F, 'CALCS Aecom (July 25 2025)'!CG:CG)</f>
        <v>0</v>
      </c>
      <c r="CL423" s="1149"/>
      <c r="CM423" s="898"/>
      <c r="CN423" s="898"/>
      <c r="CO423" s="898"/>
      <c r="CP423" s="898"/>
      <c r="CQ423" s="898"/>
      <c r="CR423" s="898"/>
      <c r="CS423" s="898"/>
      <c r="CT423" s="898"/>
      <c r="CU423" s="898"/>
      <c r="CV423" s="898"/>
      <c r="CW423" s="898"/>
      <c r="CX423" s="898"/>
      <c r="CY423" s="898"/>
      <c r="CZ423" s="898"/>
      <c r="DA423" s="898"/>
      <c r="DB423" s="898"/>
      <c r="DC423" s="898"/>
      <c r="DD423" s="898"/>
      <c r="DE423" s="898"/>
      <c r="DF423" s="898"/>
      <c r="DG423" s="898"/>
      <c r="DH423" s="898"/>
      <c r="DI423" s="1149">
        <f>$X423*_xlfn.XLOOKUP($I423, 'CALCS Aecom (July 25 2025)'!$F:$F, 'CALCS Aecom (July 25 2025)'!CA:CA)</f>
        <v>33.318055046456408</v>
      </c>
      <c r="DJ423" s="1149">
        <f>$X423*_xlfn.XLOOKUP($I423, 'CALCS Aecom (July 25 2025)'!$F:$F, 'CALCS Aecom (July 25 2025)'!BX:BX)</f>
        <v>66.636110092912816</v>
      </c>
      <c r="DK423" s="1149">
        <f>$X423*_xlfn.XLOOKUP($I423, 'CALCS Aecom (July 25 2025)'!$F:$F, 'CALCS Aecom (July 25 2025)'!BY:BY)</f>
        <v>83.295137616141005</v>
      </c>
      <c r="DL423" s="1149">
        <f>$X423*_xlfn.XLOOKUP($I423, 'CALCS Aecom (July 25 2025)'!$F:$F, 'CALCS Aecom (July 25 2025)'!CH:CH)</f>
        <v>49.977082569684605</v>
      </c>
      <c r="DM423" s="661">
        <f t="shared" si="681"/>
        <v>2158.7736146748061</v>
      </c>
      <c r="DN423" s="898">
        <f t="shared" si="682"/>
        <v>233.22638532519483</v>
      </c>
      <c r="DO423" s="516">
        <f t="shared" si="683"/>
        <v>0</v>
      </c>
      <c r="DP423" s="898">
        <f t="shared" si="684"/>
        <v>0</v>
      </c>
      <c r="DQ423" s="860" t="s">
        <v>4246</v>
      </c>
      <c r="DR423" s="860" t="s">
        <v>4261</v>
      </c>
      <c r="DS423" s="1221" t="s">
        <v>4265</v>
      </c>
      <c r="DT423" s="632"/>
    </row>
    <row r="424" spans="1:124" ht="256.5" x14ac:dyDescent="0.2">
      <c r="A424" s="484" t="str">
        <f t="shared" si="679"/>
        <v>Midland Road pedestrian crossing</v>
      </c>
      <c r="B424" s="1163">
        <v>421</v>
      </c>
      <c r="C424" s="1156" t="s">
        <v>4523</v>
      </c>
      <c r="D424" s="481" t="s">
        <v>2481</v>
      </c>
      <c r="E424" s="481" t="s">
        <v>53</v>
      </c>
      <c r="F424" s="481" t="s">
        <v>655</v>
      </c>
      <c r="G424" s="775" t="s">
        <v>932</v>
      </c>
      <c r="H424" s="855" t="s">
        <v>1190</v>
      </c>
      <c r="I424" s="775" t="str">
        <f t="shared" si="732"/>
        <v>SG25-6</v>
      </c>
      <c r="J424" s="673" t="s">
        <v>1191</v>
      </c>
      <c r="K424" s="664" t="s">
        <v>3104</v>
      </c>
      <c r="L424" s="852" t="s">
        <v>4393</v>
      </c>
      <c r="M424" s="515" t="s">
        <v>2986</v>
      </c>
      <c r="N424" s="775" t="s">
        <v>81</v>
      </c>
      <c r="O424" s="654" t="s">
        <v>3051</v>
      </c>
      <c r="P424" s="657" t="s">
        <v>61</v>
      </c>
      <c r="Q424" s="852" t="s">
        <v>122</v>
      </c>
      <c r="R424" s="657"/>
      <c r="S424" s="657"/>
      <c r="T424" s="853">
        <v>200552</v>
      </c>
      <c r="U424" s="854"/>
      <c r="V424" s="657" t="s">
        <v>4245</v>
      </c>
      <c r="W424" s="642">
        <f t="shared" si="746"/>
        <v>0</v>
      </c>
      <c r="X424" s="745">
        <f t="shared" si="747"/>
        <v>200552</v>
      </c>
      <c r="Y424" s="745" t="s">
        <v>4260</v>
      </c>
      <c r="Z424" s="745" t="str">
        <f>_xlfn.XLOOKUP(I424, 'CALCS Aecom (July 25 2025)'!F:F, 'CALCS Aecom (July 25 2025)'!W:W)</f>
        <v>Mutliple Scenario 2 (Step 5)</v>
      </c>
      <c r="AA424" s="650" t="s">
        <v>65</v>
      </c>
      <c r="AB424" s="713" t="str">
        <f t="shared" si="740"/>
        <v>Yes</v>
      </c>
      <c r="AC424" s="713" t="str">
        <f t="shared" si="740"/>
        <v>Yes</v>
      </c>
      <c r="AD424" s="713" t="str">
        <f t="shared" si="740"/>
        <v>Yes</v>
      </c>
      <c r="AE424" s="713" t="str">
        <f t="shared" si="740"/>
        <v>Yes</v>
      </c>
      <c r="AF424" s="713" t="str">
        <f t="shared" si="740"/>
        <v>Yes</v>
      </c>
      <c r="AG424" s="713" t="str">
        <f t="shared" si="740"/>
        <v>Yes</v>
      </c>
      <c r="AH424" s="713" t="str">
        <f t="shared" si="740"/>
        <v/>
      </c>
      <c r="AI424" s="713" t="str">
        <f t="shared" si="740"/>
        <v>Yes</v>
      </c>
      <c r="AJ424" s="713" t="str">
        <f t="shared" si="740"/>
        <v/>
      </c>
      <c r="AK424" s="713" t="str">
        <f t="shared" si="740"/>
        <v>Yes</v>
      </c>
      <c r="AL424" s="713" t="str">
        <f t="shared" si="741"/>
        <v>Yes</v>
      </c>
      <c r="AM424" s="713" t="str">
        <f t="shared" si="741"/>
        <v/>
      </c>
      <c r="AN424" s="713" t="str">
        <f t="shared" si="741"/>
        <v>Yes</v>
      </c>
      <c r="AO424" s="713" t="str">
        <f t="shared" si="741"/>
        <v>Yes</v>
      </c>
      <c r="AP424" s="713" t="str">
        <f t="shared" si="741"/>
        <v/>
      </c>
      <c r="AQ424" s="713" t="str">
        <f t="shared" si="741"/>
        <v/>
      </c>
      <c r="AR424" s="713" t="str">
        <f t="shared" si="741"/>
        <v/>
      </c>
      <c r="AS424" s="892"/>
      <c r="AT424" s="892"/>
      <c r="AU424" s="892"/>
      <c r="AV424" s="661"/>
      <c r="AW424" s="892"/>
      <c r="AX424" s="892"/>
      <c r="AY424" s="892"/>
      <c r="AZ424" s="661"/>
      <c r="BA424" s="892"/>
      <c r="BB424" s="661"/>
      <c r="BC424" s="661"/>
      <c r="BD424" s="892"/>
      <c r="BE424" s="661"/>
      <c r="BF424" s="661"/>
      <c r="BG424" s="746"/>
      <c r="BH424" s="746"/>
      <c r="BI424" s="746"/>
      <c r="BJ424" s="746"/>
      <c r="BK424" s="746"/>
      <c r="BL424" s="746"/>
      <c r="BM424" s="746"/>
      <c r="BN424" s="746"/>
      <c r="BO424" s="892" t="str">
        <f t="shared" si="742"/>
        <v>Yes</v>
      </c>
      <c r="BP424" s="892" t="str">
        <f t="shared" si="743"/>
        <v>Yes</v>
      </c>
      <c r="BQ424" s="892" t="str">
        <f t="shared" si="744"/>
        <v>Yes</v>
      </c>
      <c r="BR424" s="892" t="str">
        <f t="shared" si="745"/>
        <v>Yes</v>
      </c>
      <c r="BS424" s="884">
        <f t="shared" si="680"/>
        <v>17875</v>
      </c>
      <c r="BT424" s="661">
        <f t="shared" si="730"/>
        <v>11.219692307692307</v>
      </c>
      <c r="BU424" s="661" t="str">
        <f t="shared" si="733"/>
        <v>GOOD</v>
      </c>
      <c r="BV424" s="1149">
        <f>$X424*_xlfn.XLOOKUP($I424, 'CALCS Aecom (July 25 2025)'!$F:$F, 'CALCS Aecom (July 25 2025)'!BZ:BZ)</f>
        <v>15364.136357116675</v>
      </c>
      <c r="BW424" s="1149">
        <f>$X424*_xlfn.XLOOKUP($I424, 'CALCS Aecom (July 25 2025)'!$F:$F, 'CALCS Aecom (July 25 2025)'!CC:CC)</f>
        <v>2793.4793376575772</v>
      </c>
      <c r="BX424" s="1149">
        <f>$X424*_xlfn.XLOOKUP($I424, 'CALCS Aecom (July 25 2025)'!$F:$F, 'CALCS Aecom (July 25 2025)'!CI:CI)</f>
        <v>141070.70655170767</v>
      </c>
      <c r="BY424" s="1149">
        <f>$X424*_xlfn.XLOOKUP($I424, 'CALCS Aecom (July 25 2025)'!$F:$F, 'CALCS Aecom (July 25 2025)'!BQ:BQ)</f>
        <v>11173.917350630309</v>
      </c>
      <c r="BZ424" s="1149">
        <f>$X424*_xlfn.XLOOKUP($I424, 'CALCS Aecom (July 25 2025)'!$F:$F, 'CALCS Aecom (July 25 2025)'!BV:BV)</f>
        <v>1396.7396688287886</v>
      </c>
      <c r="CA424" s="1149">
        <f>$X424*_xlfn.XLOOKUP($I424, 'CALCS Aecom (July 25 2025)'!$F:$F, 'CALCS Aecom (July 25 2025)'!BR:BR)</f>
        <v>1396.7396688287886</v>
      </c>
      <c r="CB424" s="1149">
        <f>$X424*_xlfn.XLOOKUP($I424, 'CALCS Aecom (July 25 2025)'!$F:$F, 'CALCS Aecom (July 25 2025)'!CD:CD)</f>
        <v>0</v>
      </c>
      <c r="CC424" s="1149">
        <f>$X424*_xlfn.XLOOKUP($I424, 'CALCS Aecom (July 25 2025)'!$F:$F, 'CALCS Aecom (July 25 2025)'!BT:BT)</f>
        <v>1396.7396688287886</v>
      </c>
      <c r="CD424" s="1149">
        <f>$X424*_xlfn.XLOOKUP($I424, 'CALCS Aecom (July 25 2025)'!$F:$F, 'CALCS Aecom (July 25 2025)'!BU:BU)</f>
        <v>0</v>
      </c>
      <c r="CE424" s="1149">
        <f>$X424*_xlfn.XLOOKUP($I424, 'CALCS Aecom (July 25 2025)'!$F:$F, 'CALCS Aecom (July 25 2025)'!BW:BW)</f>
        <v>1396.7396688287886</v>
      </c>
      <c r="CF424" s="1149">
        <f>$X424*_xlfn.XLOOKUP($I424, 'CALCS Aecom (July 25 2025)'!$F:$F, 'CALCS Aecom (July 25 2025)'!BS:BS)</f>
        <v>2793.4793376575772</v>
      </c>
      <c r="CG424" s="1149">
        <f>$X424*_xlfn.XLOOKUP($I424, 'CALCS Aecom (July 25 2025)'!$F:$F, 'CALCS Aecom (July 25 2025)'!CE:CE)</f>
        <v>0</v>
      </c>
      <c r="CH424" s="1149">
        <f>$X424*_xlfn.XLOOKUP($I424, 'CALCS Aecom (July 25 2025)'!$F:$F, 'CALCS Aecom (July 25 2025)'!CJ:CJ)</f>
        <v>818.22735748322634</v>
      </c>
      <c r="CI424" s="1149">
        <f>$X424*_xlfn.XLOOKUP($I424, 'CALCS Aecom (July 25 2025)'!$F:$F, 'CALCS Aecom (July 25 2025)'!CB:CB)</f>
        <v>1396.7396688287886</v>
      </c>
      <c r="CJ424" s="1149">
        <f>$X424*_xlfn.XLOOKUP($I424, 'CALCS Aecom (July 25 2025)'!$F:$F, 'CALCS Aecom (July 25 2025)'!CF:CF)</f>
        <v>0</v>
      </c>
      <c r="CK424" s="1149">
        <f>$X424*_xlfn.XLOOKUP($I424, 'CALCS Aecom (July 25 2025)'!$F:$F, 'CALCS Aecom (July 25 2025)'!CG:CG)</f>
        <v>0</v>
      </c>
      <c r="CL424" s="1149"/>
      <c r="CM424" s="898"/>
      <c r="CN424" s="898"/>
      <c r="CO424" s="898"/>
      <c r="CP424" s="898"/>
      <c r="CQ424" s="898"/>
      <c r="CR424" s="898"/>
      <c r="CS424" s="898"/>
      <c r="CT424" s="898"/>
      <c r="CU424" s="898"/>
      <c r="CV424" s="898"/>
      <c r="CW424" s="898"/>
      <c r="CX424" s="898"/>
      <c r="CY424" s="898"/>
      <c r="CZ424" s="898"/>
      <c r="DA424" s="898"/>
      <c r="DB424" s="898"/>
      <c r="DC424" s="898"/>
      <c r="DD424" s="898"/>
      <c r="DE424" s="898"/>
      <c r="DF424" s="898"/>
      <c r="DG424" s="898"/>
      <c r="DH424" s="898"/>
      <c r="DI424" s="1149">
        <f>$X424*_xlfn.XLOOKUP($I424, 'CALCS Aecom (July 25 2025)'!$F:$F, 'CALCS Aecom (July 25 2025)'!CA:CA)</f>
        <v>2793.4793376575772</v>
      </c>
      <c r="DJ424" s="1149">
        <f>$X424*_xlfn.XLOOKUP($I424, 'CALCS Aecom (July 25 2025)'!$F:$F, 'CALCS Aecom (July 25 2025)'!BX:BX)</f>
        <v>5586.9586753151543</v>
      </c>
      <c r="DK424" s="1149">
        <f>$X424*_xlfn.XLOOKUP($I424, 'CALCS Aecom (July 25 2025)'!$F:$F, 'CALCS Aecom (July 25 2025)'!BY:BY)</f>
        <v>6983.6983441439424</v>
      </c>
      <c r="DL424" s="1149">
        <f>$X424*_xlfn.XLOOKUP($I424, 'CALCS Aecom (July 25 2025)'!$F:$F, 'CALCS Aecom (July 25 2025)'!CH:CH)</f>
        <v>4190.2190064863653</v>
      </c>
      <c r="DM424" s="661">
        <f t="shared" si="681"/>
        <v>180997.64463639696</v>
      </c>
      <c r="DN424" s="898">
        <f t="shared" si="682"/>
        <v>19554.355363603041</v>
      </c>
      <c r="DO424" s="516">
        <f t="shared" si="683"/>
        <v>0</v>
      </c>
      <c r="DP424" s="898">
        <f t="shared" si="684"/>
        <v>0</v>
      </c>
      <c r="DQ424" s="860" t="s">
        <v>4246</v>
      </c>
      <c r="DR424" s="860" t="s">
        <v>4261</v>
      </c>
      <c r="DS424" s="1221" t="s">
        <v>4265</v>
      </c>
      <c r="DT424" s="632"/>
    </row>
    <row r="425" spans="1:124" ht="285" x14ac:dyDescent="0.2">
      <c r="A425" s="484" t="str">
        <f t="shared" si="679"/>
        <v>Two Waters Way Cycle Link</v>
      </c>
      <c r="B425" s="1163">
        <v>422</v>
      </c>
      <c r="C425" s="1156" t="s">
        <v>4524</v>
      </c>
      <c r="D425" s="481" t="s">
        <v>2481</v>
      </c>
      <c r="E425" s="481" t="s">
        <v>53</v>
      </c>
      <c r="F425" s="481" t="s">
        <v>655</v>
      </c>
      <c r="G425" s="775" t="s">
        <v>932</v>
      </c>
      <c r="H425" s="855" t="s">
        <v>1192</v>
      </c>
      <c r="I425" s="775" t="str">
        <f t="shared" si="732"/>
        <v>SG26-1</v>
      </c>
      <c r="J425" s="673" t="s">
        <v>1193</v>
      </c>
      <c r="K425" s="664" t="s">
        <v>3104</v>
      </c>
      <c r="L425" s="852" t="s">
        <v>4525</v>
      </c>
      <c r="M425" s="515" t="s">
        <v>2986</v>
      </c>
      <c r="N425" s="775" t="s">
        <v>81</v>
      </c>
      <c r="O425" s="654" t="s">
        <v>3051</v>
      </c>
      <c r="P425" s="657" t="s">
        <v>61</v>
      </c>
      <c r="Q425" s="852" t="s">
        <v>71</v>
      </c>
      <c r="R425" s="657"/>
      <c r="S425" s="657"/>
      <c r="T425" s="853">
        <v>1370676</v>
      </c>
      <c r="U425" s="854"/>
      <c r="V425" s="657" t="s">
        <v>4245</v>
      </c>
      <c r="W425" s="642">
        <f t="shared" si="746"/>
        <v>0</v>
      </c>
      <c r="X425" s="745">
        <f t="shared" si="747"/>
        <v>1370676</v>
      </c>
      <c r="Y425" s="745" t="s">
        <v>4260</v>
      </c>
      <c r="Z425" s="745" t="str">
        <f>_xlfn.XLOOKUP(I425, 'CALCS Aecom (July 25 2025)'!F:F, 'CALCS Aecom (July 25 2025)'!W:W)</f>
        <v>Mutliple Scenario 2 (Step 5)</v>
      </c>
      <c r="AA425" s="650" t="s">
        <v>65</v>
      </c>
      <c r="AB425" s="713" t="str">
        <f t="shared" si="740"/>
        <v>Yes</v>
      </c>
      <c r="AC425" s="713" t="str">
        <f t="shared" si="740"/>
        <v>Yes</v>
      </c>
      <c r="AD425" s="713" t="str">
        <f t="shared" si="740"/>
        <v>Yes</v>
      </c>
      <c r="AE425" s="713" t="str">
        <f t="shared" si="740"/>
        <v>Yes</v>
      </c>
      <c r="AF425" s="713" t="str">
        <f t="shared" si="740"/>
        <v>Yes</v>
      </c>
      <c r="AG425" s="713" t="str">
        <f t="shared" si="740"/>
        <v>Yes</v>
      </c>
      <c r="AH425" s="713" t="str">
        <f t="shared" si="740"/>
        <v/>
      </c>
      <c r="AI425" s="713" t="str">
        <f t="shared" si="740"/>
        <v/>
      </c>
      <c r="AJ425" s="713" t="str">
        <f t="shared" si="740"/>
        <v>Yes</v>
      </c>
      <c r="AK425" s="713" t="str">
        <f t="shared" si="740"/>
        <v>Yes</v>
      </c>
      <c r="AL425" s="713" t="str">
        <f t="shared" si="741"/>
        <v>Yes</v>
      </c>
      <c r="AM425" s="713" t="str">
        <f t="shared" si="741"/>
        <v>Yes</v>
      </c>
      <c r="AN425" s="713" t="str">
        <f t="shared" si="741"/>
        <v>Yes</v>
      </c>
      <c r="AO425" s="713" t="str">
        <f t="shared" si="741"/>
        <v>Yes</v>
      </c>
      <c r="AP425" s="713" t="str">
        <f t="shared" si="741"/>
        <v>Yes</v>
      </c>
      <c r="AQ425" s="713" t="str">
        <f t="shared" si="741"/>
        <v>Yes</v>
      </c>
      <c r="AR425" s="713" t="str">
        <f t="shared" si="741"/>
        <v/>
      </c>
      <c r="AS425" s="892"/>
      <c r="AT425" s="892"/>
      <c r="AU425" s="892"/>
      <c r="AV425" s="661"/>
      <c r="AW425" s="892"/>
      <c r="AX425" s="892"/>
      <c r="AY425" s="892"/>
      <c r="AZ425" s="661"/>
      <c r="BA425" s="892"/>
      <c r="BB425" s="661"/>
      <c r="BC425" s="661"/>
      <c r="BD425" s="892"/>
      <c r="BE425" s="661"/>
      <c r="BF425" s="661"/>
      <c r="BG425" s="746"/>
      <c r="BH425" s="746"/>
      <c r="BI425" s="746"/>
      <c r="BJ425" s="746"/>
      <c r="BK425" s="746"/>
      <c r="BL425" s="746"/>
      <c r="BM425" s="746"/>
      <c r="BN425" s="746"/>
      <c r="BO425" s="892" t="str">
        <f t="shared" si="742"/>
        <v>Yes</v>
      </c>
      <c r="BP425" s="892" t="str">
        <f t="shared" si="743"/>
        <v>Yes</v>
      </c>
      <c r="BQ425" s="892" t="str">
        <f t="shared" si="744"/>
        <v>Yes</v>
      </c>
      <c r="BR425" s="892" t="str">
        <f t="shared" si="745"/>
        <v>Yes</v>
      </c>
      <c r="BS425" s="884">
        <f t="shared" si="680"/>
        <v>18355</v>
      </c>
      <c r="BT425" s="661">
        <f t="shared" si="730"/>
        <v>74.675892127485696</v>
      </c>
      <c r="BU425" s="661" t="str">
        <f t="shared" si="733"/>
        <v>GOOD</v>
      </c>
      <c r="BV425" s="1149">
        <f>$X425*_xlfn.XLOOKUP($I425, 'CALCS Aecom (July 25 2025)'!$F:$F, 'CALCS Aecom (July 25 2025)'!BZ:BZ)</f>
        <v>463257.25461576384</v>
      </c>
      <c r="BW425" s="1149">
        <f>$X425*_xlfn.XLOOKUP($I425, 'CALCS Aecom (July 25 2025)'!$F:$F, 'CALCS Aecom (July 25 2025)'!CC:CC)</f>
        <v>21763.763639666759</v>
      </c>
      <c r="BX425" s="1149">
        <f>$X425*_xlfn.XLOOKUP($I425, 'CALCS Aecom (July 25 2025)'!$F:$F, 'CALCS Aecom (July 25 2025)'!CI:CI)</f>
        <v>55963.96364485738</v>
      </c>
      <c r="BY425" s="1149">
        <f>$X425*_xlfn.XLOOKUP($I425, 'CALCS Aecom (July 25 2025)'!$F:$F, 'CALCS Aecom (July 25 2025)'!BQ:BQ)</f>
        <v>40418.418187952549</v>
      </c>
      <c r="BZ425" s="1149">
        <f>$X425*_xlfn.XLOOKUP($I425, 'CALCS Aecom (July 25 2025)'!$F:$F, 'CALCS Aecom (July 25 2025)'!BV:BV)</f>
        <v>52854.854553476413</v>
      </c>
      <c r="CA425" s="1149">
        <f>$X425*_xlfn.XLOOKUP($I425, 'CALCS Aecom (July 25 2025)'!$F:$F, 'CALCS Aecom (July 25 2025)'!BR:BR)</f>
        <v>139909.90911214345</v>
      </c>
      <c r="CB425" s="1149">
        <f>$X425*_xlfn.XLOOKUP($I425, 'CALCS Aecom (July 25 2025)'!$F:$F, 'CALCS Aecom (July 25 2025)'!CD:CD)</f>
        <v>0</v>
      </c>
      <c r="CC425" s="1149">
        <f>$X425*_xlfn.XLOOKUP($I425, 'CALCS Aecom (July 25 2025)'!$F:$F, 'CALCS Aecom (July 25 2025)'!BT:BT)</f>
        <v>0</v>
      </c>
      <c r="CD425" s="1149">
        <f>$X425*_xlfn.XLOOKUP($I425, 'CALCS Aecom (July 25 2025)'!$F:$F, 'CALCS Aecom (July 25 2025)'!BU:BU)</f>
        <v>24872.872731047722</v>
      </c>
      <c r="CE425" s="1149">
        <f>$X425*_xlfn.XLOOKUP($I425, 'CALCS Aecom (July 25 2025)'!$F:$F, 'CALCS Aecom (July 25 2025)'!BW:BW)</f>
        <v>133691.6909293815</v>
      </c>
      <c r="CF425" s="1149">
        <f>$X425*_xlfn.XLOOKUP($I425, 'CALCS Aecom (July 25 2025)'!$F:$F, 'CALCS Aecom (July 25 2025)'!BS:BS)</f>
        <v>68400.400010381243</v>
      </c>
      <c r="CG425" s="1149">
        <f>$X425*_xlfn.XLOOKUP($I425, 'CALCS Aecom (July 25 2025)'!$F:$F, 'CALCS Aecom (July 25 2025)'!CE:CE)</f>
        <v>6218.2181827619306</v>
      </c>
      <c r="CH425" s="1149">
        <f>$X425*_xlfn.XLOOKUP($I425, 'CALCS Aecom (July 25 2025)'!$F:$F, 'CALCS Aecom (July 25 2025)'!CJ:CJ)</f>
        <v>18213.545249279796</v>
      </c>
      <c r="CI425" s="1149">
        <f>$X425*_xlfn.XLOOKUP($I425, 'CALCS Aecom (July 25 2025)'!$F:$F, 'CALCS Aecom (July 25 2025)'!CB:CB)</f>
        <v>15545.545456904827</v>
      </c>
      <c r="CJ425" s="1149">
        <f>$X425*_xlfn.XLOOKUP($I425, 'CALCS Aecom (July 25 2025)'!$F:$F, 'CALCS Aecom (July 25 2025)'!CF:CF)</f>
        <v>6218.2181827619306</v>
      </c>
      <c r="CK425" s="1149">
        <f>$X425*_xlfn.XLOOKUP($I425, 'CALCS Aecom (July 25 2025)'!$F:$F, 'CALCS Aecom (July 25 2025)'!CG:CG)</f>
        <v>3109.1090913809653</v>
      </c>
      <c r="CL425" s="1149"/>
      <c r="CM425" s="898"/>
      <c r="CN425" s="898"/>
      <c r="CO425" s="898"/>
      <c r="CP425" s="898"/>
      <c r="CQ425" s="898"/>
      <c r="CR425" s="898"/>
      <c r="CS425" s="898"/>
      <c r="CT425" s="898"/>
      <c r="CU425" s="898"/>
      <c r="CV425" s="898"/>
      <c r="CW425" s="898"/>
      <c r="CX425" s="898"/>
      <c r="CY425" s="898"/>
      <c r="CZ425" s="898"/>
      <c r="DA425" s="898"/>
      <c r="DB425" s="898"/>
      <c r="DC425" s="898"/>
      <c r="DD425" s="898"/>
      <c r="DE425" s="898"/>
      <c r="DF425" s="898"/>
      <c r="DG425" s="898"/>
      <c r="DH425" s="898"/>
      <c r="DI425" s="1149">
        <f>$X425*_xlfn.XLOOKUP($I425, 'CALCS Aecom (July 25 2025)'!$F:$F, 'CALCS Aecom (July 25 2025)'!CA:CA)</f>
        <v>9327.3272741428955</v>
      </c>
      <c r="DJ425" s="1149">
        <f>$X425*_xlfn.XLOOKUP($I425, 'CALCS Aecom (July 25 2025)'!$F:$F, 'CALCS Aecom (July 25 2025)'!BX:BX)</f>
        <v>40418.418187952549</v>
      </c>
      <c r="DK425" s="1149">
        <f>$X425*_xlfn.XLOOKUP($I425, 'CALCS Aecom (July 25 2025)'!$F:$F, 'CALCS Aecom (July 25 2025)'!BY:BY)</f>
        <v>146128.12729490537</v>
      </c>
      <c r="DL425" s="1149">
        <f>$X425*_xlfn.XLOOKUP($I425, 'CALCS Aecom (July 25 2025)'!$F:$F, 'CALCS Aecom (July 25 2025)'!CH:CH)</f>
        <v>124364.36365523862</v>
      </c>
      <c r="DM425" s="661">
        <f t="shared" si="681"/>
        <v>1050437.7635877605</v>
      </c>
      <c r="DN425" s="898">
        <f t="shared" si="682"/>
        <v>320238.23641223944</v>
      </c>
      <c r="DO425" s="516">
        <f t="shared" si="683"/>
        <v>0</v>
      </c>
      <c r="DP425" s="898">
        <f t="shared" si="684"/>
        <v>0</v>
      </c>
      <c r="DQ425" s="860" t="s">
        <v>4246</v>
      </c>
      <c r="DR425" s="860" t="s">
        <v>4261</v>
      </c>
      <c r="DS425" s="1221" t="s">
        <v>4248</v>
      </c>
      <c r="DT425" s="632"/>
    </row>
    <row r="426" spans="1:124" ht="285" x14ac:dyDescent="0.2">
      <c r="A426" s="484" t="str">
        <f t="shared" si="679"/>
        <v>Corner Hall cycle parking</v>
      </c>
      <c r="B426" s="1163">
        <v>423</v>
      </c>
      <c r="C426" s="1156" t="s">
        <v>4526</v>
      </c>
      <c r="D426" s="481" t="s">
        <v>2481</v>
      </c>
      <c r="E426" s="481" t="s">
        <v>53</v>
      </c>
      <c r="F426" s="481" t="s">
        <v>655</v>
      </c>
      <c r="G426" s="775" t="s">
        <v>932</v>
      </c>
      <c r="H426" s="855" t="s">
        <v>1197</v>
      </c>
      <c r="I426" s="775" t="str">
        <f t="shared" si="732"/>
        <v>SG26-3</v>
      </c>
      <c r="J426" s="673" t="s">
        <v>1198</v>
      </c>
      <c r="K426" s="664" t="s">
        <v>3104</v>
      </c>
      <c r="L426" s="852" t="s">
        <v>4525</v>
      </c>
      <c r="M426" s="515" t="s">
        <v>2986</v>
      </c>
      <c r="N426" s="775" t="s">
        <v>81</v>
      </c>
      <c r="O426" s="654" t="s">
        <v>3051</v>
      </c>
      <c r="P426" s="657" t="s">
        <v>61</v>
      </c>
      <c r="Q426" s="852" t="s">
        <v>71</v>
      </c>
      <c r="R426" s="657"/>
      <c r="S426" s="657"/>
      <c r="T426" s="853">
        <v>797</v>
      </c>
      <c r="U426" s="854"/>
      <c r="V426" s="657" t="s">
        <v>4245</v>
      </c>
      <c r="W426" s="642">
        <f t="shared" si="746"/>
        <v>0</v>
      </c>
      <c r="X426" s="745">
        <f t="shared" si="747"/>
        <v>797</v>
      </c>
      <c r="Y426" s="745" t="s">
        <v>4260</v>
      </c>
      <c r="Z426" s="745" t="str">
        <f>_xlfn.XLOOKUP(I426, 'CALCS Aecom (July 25 2025)'!F:F, 'CALCS Aecom (July 25 2025)'!W:W)</f>
        <v>Mutliple Scenario 2 (Step 5)</v>
      </c>
      <c r="AA426" s="650" t="s">
        <v>65</v>
      </c>
      <c r="AB426" s="713" t="str">
        <f t="shared" si="740"/>
        <v>Yes</v>
      </c>
      <c r="AC426" s="713" t="str">
        <f t="shared" si="740"/>
        <v>Yes</v>
      </c>
      <c r="AD426" s="713" t="str">
        <f t="shared" si="740"/>
        <v>Yes</v>
      </c>
      <c r="AE426" s="713" t="str">
        <f t="shared" si="740"/>
        <v>Yes</v>
      </c>
      <c r="AF426" s="713" t="str">
        <f t="shared" si="740"/>
        <v>Yes</v>
      </c>
      <c r="AG426" s="713" t="str">
        <f t="shared" si="740"/>
        <v>Yes</v>
      </c>
      <c r="AH426" s="713" t="str">
        <f t="shared" si="740"/>
        <v/>
      </c>
      <c r="AI426" s="713" t="str">
        <f t="shared" si="740"/>
        <v/>
      </c>
      <c r="AJ426" s="713" t="str">
        <f t="shared" si="740"/>
        <v>Yes</v>
      </c>
      <c r="AK426" s="713" t="str">
        <f t="shared" si="740"/>
        <v>Yes</v>
      </c>
      <c r="AL426" s="713" t="str">
        <f t="shared" si="741"/>
        <v>Yes</v>
      </c>
      <c r="AM426" s="713" t="str">
        <f t="shared" si="741"/>
        <v>Yes</v>
      </c>
      <c r="AN426" s="713" t="str">
        <f t="shared" si="741"/>
        <v>Yes</v>
      </c>
      <c r="AO426" s="713" t="str">
        <f t="shared" si="741"/>
        <v>Yes</v>
      </c>
      <c r="AP426" s="713" t="str">
        <f t="shared" si="741"/>
        <v>Yes</v>
      </c>
      <c r="AQ426" s="713" t="str">
        <f t="shared" si="741"/>
        <v>Yes</v>
      </c>
      <c r="AR426" s="713" t="str">
        <f t="shared" si="741"/>
        <v/>
      </c>
      <c r="AS426" s="892"/>
      <c r="AT426" s="892"/>
      <c r="AU426" s="892"/>
      <c r="AV426" s="661"/>
      <c r="AW426" s="892"/>
      <c r="AX426" s="892"/>
      <c r="AY426" s="892"/>
      <c r="AZ426" s="661"/>
      <c r="BA426" s="892"/>
      <c r="BB426" s="661"/>
      <c r="BC426" s="661"/>
      <c r="BD426" s="892"/>
      <c r="BE426" s="661"/>
      <c r="BF426" s="661"/>
      <c r="BG426" s="746"/>
      <c r="BH426" s="746"/>
      <c r="BI426" s="746"/>
      <c r="BJ426" s="746"/>
      <c r="BK426" s="746"/>
      <c r="BL426" s="746"/>
      <c r="BM426" s="746"/>
      <c r="BN426" s="746"/>
      <c r="BO426" s="892" t="str">
        <f t="shared" si="742"/>
        <v>Yes</v>
      </c>
      <c r="BP426" s="892" t="str">
        <f t="shared" si="743"/>
        <v>Yes</v>
      </c>
      <c r="BQ426" s="892" t="str">
        <f t="shared" si="744"/>
        <v>Yes</v>
      </c>
      <c r="BR426" s="892" t="str">
        <f t="shared" si="745"/>
        <v>Yes</v>
      </c>
      <c r="BS426" s="884">
        <f t="shared" si="680"/>
        <v>18355</v>
      </c>
      <c r="BT426" s="661">
        <f t="shared" si="730"/>
        <v>4.3421411059656773E-2</v>
      </c>
      <c r="BU426" s="661" t="str">
        <f t="shared" si="733"/>
        <v>GOOD</v>
      </c>
      <c r="BV426" s="1149">
        <f>$X426*_xlfn.XLOOKUP($I426, 'CALCS Aecom (July 25 2025)'!$F:$F, 'CALCS Aecom (July 25 2025)'!BZ:BZ)</f>
        <v>269.36783888297725</v>
      </c>
      <c r="BW426" s="1149">
        <f>$X426*_xlfn.XLOOKUP($I426, 'CALCS Aecom (July 25 2025)'!$F:$F, 'CALCS Aecom (July 25 2025)'!CC:CC)</f>
        <v>12.654864913965376</v>
      </c>
      <c r="BX426" s="1149">
        <f>$X426*_xlfn.XLOOKUP($I426, 'CALCS Aecom (July 25 2025)'!$F:$F, 'CALCS Aecom (July 25 2025)'!CI:CI)</f>
        <v>32.541081207339538</v>
      </c>
      <c r="BY426" s="1149">
        <f>$X426*_xlfn.XLOOKUP($I426, 'CALCS Aecom (July 25 2025)'!$F:$F, 'CALCS Aecom (July 25 2025)'!BQ:BQ)</f>
        <v>23.501891983078554</v>
      </c>
      <c r="BZ426" s="1149">
        <f>$X426*_xlfn.XLOOKUP($I426, 'CALCS Aecom (July 25 2025)'!$F:$F, 'CALCS Aecom (July 25 2025)'!BV:BV)</f>
        <v>30.733243362487343</v>
      </c>
      <c r="CA426" s="1149">
        <f>$X426*_xlfn.XLOOKUP($I426, 'CALCS Aecom (July 25 2025)'!$F:$F, 'CALCS Aecom (July 25 2025)'!BR:BR)</f>
        <v>81.352703018348848</v>
      </c>
      <c r="CB426" s="1149">
        <f>$X426*_xlfn.XLOOKUP($I426, 'CALCS Aecom (July 25 2025)'!$F:$F, 'CALCS Aecom (July 25 2025)'!CD:CD)</f>
        <v>0</v>
      </c>
      <c r="CC426" s="1149">
        <f>$X426*_xlfn.XLOOKUP($I426, 'CALCS Aecom (July 25 2025)'!$F:$F, 'CALCS Aecom (July 25 2025)'!BT:BT)</f>
        <v>0</v>
      </c>
      <c r="CD426" s="1149">
        <f>$X426*_xlfn.XLOOKUP($I426, 'CALCS Aecom (July 25 2025)'!$F:$F, 'CALCS Aecom (July 25 2025)'!BU:BU)</f>
        <v>14.462702758817573</v>
      </c>
      <c r="CE426" s="1149">
        <f>$X426*_xlfn.XLOOKUP($I426, 'CALCS Aecom (July 25 2025)'!$F:$F, 'CALCS Aecom (July 25 2025)'!BW:BW)</f>
        <v>77.737027328644459</v>
      </c>
      <c r="CF426" s="1149">
        <f>$X426*_xlfn.XLOOKUP($I426, 'CALCS Aecom (July 25 2025)'!$F:$F, 'CALCS Aecom (July 25 2025)'!BS:BS)</f>
        <v>39.772432586748323</v>
      </c>
      <c r="CG426" s="1149">
        <f>$X426*_xlfn.XLOOKUP($I426, 'CALCS Aecom (July 25 2025)'!$F:$F, 'CALCS Aecom (July 25 2025)'!CE:CE)</f>
        <v>3.6156756897043931</v>
      </c>
      <c r="CH426" s="1149">
        <f>$X426*_xlfn.XLOOKUP($I426, 'CALCS Aecom (July 25 2025)'!$F:$F, 'CALCS Aecom (July 25 2025)'!CJ:CJ)</f>
        <v>10.590537489294331</v>
      </c>
      <c r="CI426" s="1149">
        <f>$X426*_xlfn.XLOOKUP($I426, 'CALCS Aecom (July 25 2025)'!$F:$F, 'CALCS Aecom (July 25 2025)'!CB:CB)</f>
        <v>9.0391892242609835</v>
      </c>
      <c r="CJ426" s="1149">
        <f>$X426*_xlfn.XLOOKUP($I426, 'CALCS Aecom (July 25 2025)'!$F:$F, 'CALCS Aecom (July 25 2025)'!CF:CF)</f>
        <v>3.6156756897043931</v>
      </c>
      <c r="CK426" s="1149">
        <f>$X426*_xlfn.XLOOKUP($I426, 'CALCS Aecom (July 25 2025)'!$F:$F, 'CALCS Aecom (July 25 2025)'!CG:CG)</f>
        <v>1.8078378448521966</v>
      </c>
      <c r="CL426" s="1149"/>
      <c r="CM426" s="898"/>
      <c r="CN426" s="898"/>
      <c r="CO426" s="898"/>
      <c r="CP426" s="898"/>
      <c r="CQ426" s="898"/>
      <c r="CR426" s="898"/>
      <c r="CS426" s="898"/>
      <c r="CT426" s="898"/>
      <c r="CU426" s="898"/>
      <c r="CV426" s="898"/>
      <c r="CW426" s="898"/>
      <c r="CX426" s="898"/>
      <c r="CY426" s="898"/>
      <c r="CZ426" s="898"/>
      <c r="DA426" s="898"/>
      <c r="DB426" s="898"/>
      <c r="DC426" s="898"/>
      <c r="DD426" s="898"/>
      <c r="DE426" s="898"/>
      <c r="DF426" s="898"/>
      <c r="DG426" s="898"/>
      <c r="DH426" s="898"/>
      <c r="DI426" s="1149">
        <f>$X426*_xlfn.XLOOKUP($I426, 'CALCS Aecom (July 25 2025)'!$F:$F, 'CALCS Aecom (July 25 2025)'!CA:CA)</f>
        <v>5.4235135345565899</v>
      </c>
      <c r="DJ426" s="1149">
        <f>$X426*_xlfn.XLOOKUP($I426, 'CALCS Aecom (July 25 2025)'!$F:$F, 'CALCS Aecom (July 25 2025)'!BX:BX)</f>
        <v>23.501891983078554</v>
      </c>
      <c r="DK426" s="1149">
        <f>$X426*_xlfn.XLOOKUP($I426, 'CALCS Aecom (July 25 2025)'!$F:$F, 'CALCS Aecom (July 25 2025)'!BY:BY)</f>
        <v>84.968378708053237</v>
      </c>
      <c r="DL426" s="1149">
        <f>$X426*_xlfn.XLOOKUP($I426, 'CALCS Aecom (July 25 2025)'!$F:$F, 'CALCS Aecom (July 25 2025)'!CH:CH)</f>
        <v>72.313513794087868</v>
      </c>
      <c r="DM426" s="661">
        <f t="shared" si="681"/>
        <v>610.79270198022357</v>
      </c>
      <c r="DN426" s="898">
        <f t="shared" si="682"/>
        <v>186.20729801977626</v>
      </c>
      <c r="DO426" s="516">
        <f t="shared" si="683"/>
        <v>0</v>
      </c>
      <c r="DP426" s="898">
        <f t="shared" si="684"/>
        <v>0</v>
      </c>
      <c r="DQ426" s="860" t="s">
        <v>4246</v>
      </c>
      <c r="DR426" s="860" t="s">
        <v>4261</v>
      </c>
      <c r="DS426" s="1221" t="s">
        <v>4248</v>
      </c>
      <c r="DT426" s="632"/>
    </row>
    <row r="427" spans="1:124" ht="285" x14ac:dyDescent="0.2">
      <c r="A427" s="484" t="str">
        <f t="shared" si="679"/>
        <v>Corner Hall pedestrian crossing improvements</v>
      </c>
      <c r="B427" s="1163">
        <v>424</v>
      </c>
      <c r="C427" s="1156" t="s">
        <v>4527</v>
      </c>
      <c r="D427" s="481" t="s">
        <v>2481</v>
      </c>
      <c r="E427" s="481" t="s">
        <v>53</v>
      </c>
      <c r="F427" s="481" t="s">
        <v>655</v>
      </c>
      <c r="G427" s="775" t="s">
        <v>932</v>
      </c>
      <c r="H427" s="855" t="s">
        <v>1199</v>
      </c>
      <c r="I427" s="775" t="str">
        <f t="shared" si="732"/>
        <v>SG26-4</v>
      </c>
      <c r="J427" s="673" t="s">
        <v>1200</v>
      </c>
      <c r="K427" s="664" t="s">
        <v>3104</v>
      </c>
      <c r="L427" s="852" t="s">
        <v>4525</v>
      </c>
      <c r="M427" s="515" t="s">
        <v>2986</v>
      </c>
      <c r="N427" s="775" t="s">
        <v>81</v>
      </c>
      <c r="O427" s="654" t="s">
        <v>3051</v>
      </c>
      <c r="P427" s="657" t="s">
        <v>61</v>
      </c>
      <c r="Q427" s="852" t="s">
        <v>71</v>
      </c>
      <c r="R427" s="657"/>
      <c r="S427" s="657"/>
      <c r="T427" s="853">
        <v>2430</v>
      </c>
      <c r="U427" s="854"/>
      <c r="V427" s="657" t="s">
        <v>4245</v>
      </c>
      <c r="W427" s="642">
        <f t="shared" si="746"/>
        <v>0</v>
      </c>
      <c r="X427" s="745">
        <f t="shared" si="747"/>
        <v>2430</v>
      </c>
      <c r="Y427" s="745" t="s">
        <v>4260</v>
      </c>
      <c r="Z427" s="745" t="str">
        <f>_xlfn.XLOOKUP(I427, 'CALCS Aecom (July 25 2025)'!F:F, 'CALCS Aecom (July 25 2025)'!W:W)</f>
        <v>Mutliple Scenario 2 (Step 5)</v>
      </c>
      <c r="AA427" s="650" t="s">
        <v>65</v>
      </c>
      <c r="AB427" s="657" t="str">
        <f t="shared" si="740"/>
        <v>Yes</v>
      </c>
      <c r="AC427" s="657" t="str">
        <f t="shared" si="740"/>
        <v>Yes</v>
      </c>
      <c r="AD427" s="657" t="str">
        <f t="shared" si="740"/>
        <v>Yes</v>
      </c>
      <c r="AE427" s="657" t="str">
        <f t="shared" si="740"/>
        <v>Yes</v>
      </c>
      <c r="AF427" s="657" t="str">
        <f t="shared" si="740"/>
        <v>Yes</v>
      </c>
      <c r="AG427" s="657" t="str">
        <f t="shared" si="740"/>
        <v>Yes</v>
      </c>
      <c r="AH427" s="657" t="str">
        <f t="shared" si="740"/>
        <v/>
      </c>
      <c r="AI427" s="657" t="str">
        <f t="shared" si="740"/>
        <v/>
      </c>
      <c r="AJ427" s="657" t="str">
        <f t="shared" si="740"/>
        <v>Yes</v>
      </c>
      <c r="AK427" s="657" t="str">
        <f t="shared" si="740"/>
        <v>Yes</v>
      </c>
      <c r="AL427" s="657" t="str">
        <f t="shared" si="741"/>
        <v>Yes</v>
      </c>
      <c r="AM427" s="657" t="str">
        <f t="shared" si="741"/>
        <v>Yes</v>
      </c>
      <c r="AN427" s="657" t="str">
        <f t="shared" si="741"/>
        <v>Yes</v>
      </c>
      <c r="AO427" s="657" t="str">
        <f t="shared" si="741"/>
        <v>Yes</v>
      </c>
      <c r="AP427" s="657" t="str">
        <f t="shared" si="741"/>
        <v>Yes</v>
      </c>
      <c r="AQ427" s="657" t="str">
        <f t="shared" si="741"/>
        <v>Yes</v>
      </c>
      <c r="AR427" s="657" t="str">
        <f t="shared" si="741"/>
        <v/>
      </c>
      <c r="AS427" s="892"/>
      <c r="AT427" s="892"/>
      <c r="AU427" s="892"/>
      <c r="AV427" s="661"/>
      <c r="AW427" s="892"/>
      <c r="AX427" s="892"/>
      <c r="AY427" s="892"/>
      <c r="AZ427" s="661"/>
      <c r="BA427" s="892"/>
      <c r="BB427" s="661"/>
      <c r="BC427" s="661"/>
      <c r="BD427" s="892"/>
      <c r="BE427" s="661"/>
      <c r="BF427" s="661"/>
      <c r="BG427" s="746"/>
      <c r="BH427" s="746"/>
      <c r="BI427" s="746"/>
      <c r="BJ427" s="746"/>
      <c r="BK427" s="746"/>
      <c r="BL427" s="746"/>
      <c r="BM427" s="746"/>
      <c r="BN427" s="746"/>
      <c r="BO427" s="892" t="str">
        <f t="shared" si="742"/>
        <v>Yes</v>
      </c>
      <c r="BP427" s="892" t="str">
        <f t="shared" si="743"/>
        <v>Yes</v>
      </c>
      <c r="BQ427" s="892" t="str">
        <f t="shared" si="744"/>
        <v>Yes</v>
      </c>
      <c r="BR427" s="892" t="str">
        <f t="shared" si="745"/>
        <v>Yes</v>
      </c>
      <c r="BS427" s="884">
        <f t="shared" si="680"/>
        <v>18355</v>
      </c>
      <c r="BT427" s="661">
        <f t="shared" si="730"/>
        <v>0.13238899482429856</v>
      </c>
      <c r="BU427" s="661" t="str">
        <f t="shared" si="733"/>
        <v>GOOD</v>
      </c>
      <c r="BV427" s="1149">
        <f>$X427*_xlfn.XLOOKUP($I427, 'CALCS Aecom (July 25 2025)'!$F:$F, 'CALCS Aecom (July 25 2025)'!BZ:BZ)</f>
        <v>821.28462796190058</v>
      </c>
      <c r="BW427" s="1149">
        <f>$X427*_xlfn.XLOOKUP($I427, 'CALCS Aecom (July 25 2025)'!$F:$F, 'CALCS Aecom (July 25 2025)'!CC:CC)</f>
        <v>38.583841582102714</v>
      </c>
      <c r="BX427" s="1149">
        <f>$X427*_xlfn.XLOOKUP($I427, 'CALCS Aecom (July 25 2025)'!$F:$F, 'CALCS Aecom (July 25 2025)'!CI:CI)</f>
        <v>99.215592639692701</v>
      </c>
      <c r="BY427" s="1149">
        <f>$X427*_xlfn.XLOOKUP($I427, 'CALCS Aecom (July 25 2025)'!$F:$F, 'CALCS Aecom (July 25 2025)'!BQ:BQ)</f>
        <v>71.655705795333617</v>
      </c>
      <c r="BZ427" s="1149">
        <f>$X427*_xlfn.XLOOKUP($I427, 'CALCS Aecom (July 25 2025)'!$F:$F, 'CALCS Aecom (July 25 2025)'!BV:BV)</f>
        <v>93.703615270820876</v>
      </c>
      <c r="CA427" s="1149">
        <f>$X427*_xlfn.XLOOKUP($I427, 'CALCS Aecom (July 25 2025)'!$F:$F, 'CALCS Aecom (July 25 2025)'!BR:BR)</f>
        <v>248.03898159923173</v>
      </c>
      <c r="CB427" s="1149">
        <f>$X427*_xlfn.XLOOKUP($I427, 'CALCS Aecom (July 25 2025)'!$F:$F, 'CALCS Aecom (July 25 2025)'!CD:CD)</f>
        <v>0</v>
      </c>
      <c r="CC427" s="1149">
        <f>$X427*_xlfn.XLOOKUP($I427, 'CALCS Aecom (July 25 2025)'!$F:$F, 'CALCS Aecom (July 25 2025)'!BT:BT)</f>
        <v>0</v>
      </c>
      <c r="CD427" s="1149">
        <f>$X427*_xlfn.XLOOKUP($I427, 'CALCS Aecom (July 25 2025)'!$F:$F, 'CALCS Aecom (July 25 2025)'!BU:BU)</f>
        <v>44.095818950974532</v>
      </c>
      <c r="CE427" s="1149">
        <f>$X427*_xlfn.XLOOKUP($I427, 'CALCS Aecom (July 25 2025)'!$F:$F, 'CALCS Aecom (July 25 2025)'!BW:BW)</f>
        <v>237.01502686148811</v>
      </c>
      <c r="CF427" s="1149">
        <f>$X427*_xlfn.XLOOKUP($I427, 'CALCS Aecom (July 25 2025)'!$F:$F, 'CALCS Aecom (July 25 2025)'!BS:BS)</f>
        <v>121.26350211517996</v>
      </c>
      <c r="CG427" s="1149">
        <f>$X427*_xlfn.XLOOKUP($I427, 'CALCS Aecom (July 25 2025)'!$F:$F, 'CALCS Aecom (July 25 2025)'!CE:CE)</f>
        <v>11.023954737743633</v>
      </c>
      <c r="CH427" s="1149">
        <f>$X427*_xlfn.XLOOKUP($I427, 'CALCS Aecom (July 25 2025)'!$F:$F, 'CALCS Aecom (July 25 2025)'!CJ:CJ)</f>
        <v>32.289844540759383</v>
      </c>
      <c r="CI427" s="1149">
        <f>$X427*_xlfn.XLOOKUP($I427, 'CALCS Aecom (July 25 2025)'!$F:$F, 'CALCS Aecom (July 25 2025)'!CB:CB)</f>
        <v>27.559886844359081</v>
      </c>
      <c r="CJ427" s="1149">
        <f>$X427*_xlfn.XLOOKUP($I427, 'CALCS Aecom (July 25 2025)'!$F:$F, 'CALCS Aecom (July 25 2025)'!CF:CF)</f>
        <v>11.023954737743633</v>
      </c>
      <c r="CK427" s="1149">
        <f>$X427*_xlfn.XLOOKUP($I427, 'CALCS Aecom (July 25 2025)'!$F:$F, 'CALCS Aecom (July 25 2025)'!CG:CG)</f>
        <v>5.5119773688718166</v>
      </c>
      <c r="CL427" s="1149"/>
      <c r="CM427" s="898"/>
      <c r="CN427" s="898"/>
      <c r="CO427" s="898"/>
      <c r="CP427" s="898"/>
      <c r="CQ427" s="898"/>
      <c r="CR427" s="898"/>
      <c r="CS427" s="898"/>
      <c r="CT427" s="898"/>
      <c r="CU427" s="898"/>
      <c r="CV427" s="898"/>
      <c r="CW427" s="898"/>
      <c r="CX427" s="898"/>
      <c r="CY427" s="898"/>
      <c r="CZ427" s="898"/>
      <c r="DA427" s="898"/>
      <c r="DB427" s="898"/>
      <c r="DC427" s="898"/>
      <c r="DD427" s="898"/>
      <c r="DE427" s="898"/>
      <c r="DF427" s="898"/>
      <c r="DG427" s="898"/>
      <c r="DH427" s="898"/>
      <c r="DI427" s="1149">
        <f>$X427*_xlfn.XLOOKUP($I427, 'CALCS Aecom (July 25 2025)'!$F:$F, 'CALCS Aecom (July 25 2025)'!CA:CA)</f>
        <v>16.535932106615448</v>
      </c>
      <c r="DJ427" s="1149">
        <f>$X427*_xlfn.XLOOKUP($I427, 'CALCS Aecom (July 25 2025)'!$F:$F, 'CALCS Aecom (July 25 2025)'!BX:BX)</f>
        <v>71.655705795333617</v>
      </c>
      <c r="DK427" s="1149">
        <f>$X427*_xlfn.XLOOKUP($I427, 'CALCS Aecom (July 25 2025)'!$F:$F, 'CALCS Aecom (July 25 2025)'!BY:BY)</f>
        <v>259.06293633697538</v>
      </c>
      <c r="DL427" s="1149">
        <f>$X427*_xlfn.XLOOKUP($I427, 'CALCS Aecom (July 25 2025)'!$F:$F, 'CALCS Aecom (July 25 2025)'!CH:CH)</f>
        <v>220.47909475487265</v>
      </c>
      <c r="DM427" s="661">
        <f t="shared" si="681"/>
        <v>1862.2663310062023</v>
      </c>
      <c r="DN427" s="898">
        <f t="shared" si="682"/>
        <v>567.7336689937971</v>
      </c>
      <c r="DO427" s="516">
        <f t="shared" si="683"/>
        <v>0</v>
      </c>
      <c r="DP427" s="898">
        <f t="shared" si="684"/>
        <v>0</v>
      </c>
      <c r="DQ427" s="610" t="s">
        <v>4246</v>
      </c>
      <c r="DR427" s="610" t="s">
        <v>4261</v>
      </c>
      <c r="DS427" s="1221" t="s">
        <v>4248</v>
      </c>
      <c r="DT427" s="632"/>
    </row>
    <row r="428" spans="1:124" ht="71.25" x14ac:dyDescent="0.2">
      <c r="A428" s="484" t="str">
        <f t="shared" si="679"/>
        <v>Two Waters Way Wayfinding Signage</v>
      </c>
      <c r="B428" s="1163">
        <v>425</v>
      </c>
      <c r="C428" s="1156" t="s">
        <v>4528</v>
      </c>
      <c r="D428" s="481" t="s">
        <v>2481</v>
      </c>
      <c r="E428" s="481" t="s">
        <v>53</v>
      </c>
      <c r="F428" s="481" t="s">
        <v>655</v>
      </c>
      <c r="G428" s="775" t="s">
        <v>932</v>
      </c>
      <c r="H428" s="855" t="s">
        <v>1201</v>
      </c>
      <c r="I428" s="775" t="str">
        <f t="shared" si="732"/>
        <v>SG26-5</v>
      </c>
      <c r="J428" s="673" t="s">
        <v>1202</v>
      </c>
      <c r="K428" s="664" t="s">
        <v>3104</v>
      </c>
      <c r="L428" s="852" t="s">
        <v>3167</v>
      </c>
      <c r="M428" s="515" t="s">
        <v>2986</v>
      </c>
      <c r="N428" s="775" t="s">
        <v>81</v>
      </c>
      <c r="O428" s="654" t="s">
        <v>3051</v>
      </c>
      <c r="P428" s="657" t="s">
        <v>61</v>
      </c>
      <c r="Q428" s="852" t="s">
        <v>71</v>
      </c>
      <c r="R428" s="657"/>
      <c r="S428" s="657"/>
      <c r="T428" s="853">
        <v>6961</v>
      </c>
      <c r="U428" s="854"/>
      <c r="V428" s="657" t="s">
        <v>4245</v>
      </c>
      <c r="W428" s="642">
        <f t="shared" si="746"/>
        <v>0</v>
      </c>
      <c r="X428" s="745">
        <f t="shared" si="747"/>
        <v>6961</v>
      </c>
      <c r="Y428" s="745" t="s">
        <v>4260</v>
      </c>
      <c r="Z428" s="745" t="str">
        <f>_xlfn.XLOOKUP(I428, 'CALCS Aecom (July 25 2025)'!F:F, 'CALCS Aecom (July 25 2025)'!W:W)</f>
        <v>Mutliple Scenario 2 (Step 5)</v>
      </c>
      <c r="AA428" s="650" t="s">
        <v>65</v>
      </c>
      <c r="AB428" s="713" t="str">
        <f t="shared" ref="AB428:AQ428" si="748">IF(BV428&gt;0, "Yes", "")</f>
        <v>Yes</v>
      </c>
      <c r="AC428" s="713" t="str">
        <f t="shared" si="748"/>
        <v>Yes</v>
      </c>
      <c r="AD428" s="713" t="str">
        <f t="shared" si="748"/>
        <v>Yes</v>
      </c>
      <c r="AE428" s="713" t="str">
        <f t="shared" si="748"/>
        <v>Yes</v>
      </c>
      <c r="AF428" s="713" t="str">
        <f t="shared" si="748"/>
        <v>Yes</v>
      </c>
      <c r="AG428" s="713" t="str">
        <f t="shared" si="748"/>
        <v>Yes</v>
      </c>
      <c r="AH428" s="713" t="str">
        <f t="shared" si="748"/>
        <v>Yes</v>
      </c>
      <c r="AI428" s="713" t="str">
        <f t="shared" si="748"/>
        <v>Yes</v>
      </c>
      <c r="AJ428" s="713" t="str">
        <f t="shared" si="748"/>
        <v>Yes</v>
      </c>
      <c r="AK428" s="713" t="str">
        <f t="shared" si="748"/>
        <v>Yes</v>
      </c>
      <c r="AL428" s="713" t="str">
        <f t="shared" si="748"/>
        <v>Yes</v>
      </c>
      <c r="AM428" s="713" t="str">
        <f t="shared" si="748"/>
        <v>Yes</v>
      </c>
      <c r="AN428" s="713" t="str">
        <f t="shared" si="748"/>
        <v>Yes</v>
      </c>
      <c r="AO428" s="713" t="str">
        <f t="shared" si="748"/>
        <v>Yes</v>
      </c>
      <c r="AP428" s="713" t="str">
        <f t="shared" si="748"/>
        <v>Yes</v>
      </c>
      <c r="AQ428" s="713" t="str">
        <f t="shared" si="748"/>
        <v>Yes</v>
      </c>
      <c r="AR428" s="516"/>
      <c r="AS428" s="657"/>
      <c r="AT428" s="657"/>
      <c r="AU428" s="657"/>
      <c r="AV428" s="657"/>
      <c r="AW428" s="657"/>
      <c r="AX428" s="657"/>
      <c r="AY428" s="657"/>
      <c r="AZ428" s="657"/>
      <c r="BA428" s="657"/>
      <c r="BB428" s="657"/>
      <c r="BC428" s="657"/>
      <c r="BD428" s="657"/>
      <c r="BE428" s="657"/>
      <c r="BF428" s="657"/>
      <c r="BG428" s="746"/>
      <c r="BH428" s="746"/>
      <c r="BI428" s="746"/>
      <c r="BJ428" s="746"/>
      <c r="BK428" s="746"/>
      <c r="BL428" s="746"/>
      <c r="BM428" s="746"/>
      <c r="BN428" s="746"/>
      <c r="BO428" s="892" t="str">
        <f t="shared" si="742"/>
        <v>Yes</v>
      </c>
      <c r="BP428" s="892" t="str">
        <f t="shared" si="743"/>
        <v>Yes</v>
      </c>
      <c r="BQ428" s="892" t="str">
        <f t="shared" si="744"/>
        <v>Yes</v>
      </c>
      <c r="BR428" s="892" t="str">
        <f t="shared" si="745"/>
        <v>Yes</v>
      </c>
      <c r="BS428" s="884">
        <f t="shared" si="680"/>
        <v>18845</v>
      </c>
      <c r="BT428" s="661">
        <f t="shared" ref="BT428:BT459" si="749">X428/BS428</f>
        <v>0.36938179888564604</v>
      </c>
      <c r="BU428" s="661" t="str">
        <f t="shared" si="733"/>
        <v>GOOD</v>
      </c>
      <c r="BV428" s="1149">
        <f>$X428*_xlfn.XLOOKUP($I428, 'CALCS Aecom (July 25 2025)'!$F:$F, 'CALCS Aecom (July 25 2025)'!BZ:BZ)</f>
        <v>1841.282372276672</v>
      </c>
      <c r="BW428" s="1149">
        <f>$X428*_xlfn.XLOOKUP($I428, 'CALCS Aecom (July 25 2025)'!$F:$F, 'CALCS Aecom (July 25 2025)'!CC:CC)</f>
        <v>85.357460966468238</v>
      </c>
      <c r="BX428" s="1149">
        <f>$X428*_xlfn.XLOOKUP($I428, 'CALCS Aecom (July 25 2025)'!$F:$F, 'CALCS Aecom (July 25 2025)'!CI:CI)</f>
        <v>219.49061391377543</v>
      </c>
      <c r="BY428" s="1149">
        <f>$X428*_xlfn.XLOOKUP($I428, 'CALCS Aecom (July 25 2025)'!$F:$F, 'CALCS Aecom (July 25 2025)'!BQ:BQ)</f>
        <v>158.52099893772672</v>
      </c>
      <c r="BZ428" s="1149">
        <f>$X428*_xlfn.XLOOKUP($I428, 'CALCS Aecom (July 25 2025)'!$F:$F, 'CALCS Aecom (July 25 2025)'!BV:BV)</f>
        <v>207.2966909185657</v>
      </c>
      <c r="CA428" s="1149">
        <f>$X428*_xlfn.XLOOKUP($I428, 'CALCS Aecom (July 25 2025)'!$F:$F, 'CALCS Aecom (July 25 2025)'!BR:BR)</f>
        <v>877.96245565510173</v>
      </c>
      <c r="CB428" s="1149">
        <f>$X428*_xlfn.XLOOKUP($I428, 'CALCS Aecom (July 25 2025)'!$F:$F, 'CALCS Aecom (July 25 2025)'!CD:CD)</f>
        <v>109.74530695688772</v>
      </c>
      <c r="CC428" s="1149">
        <f>$X428*_xlfn.XLOOKUP($I428, 'CALCS Aecom (July 25 2025)'!$F:$F, 'CALCS Aecom (July 25 2025)'!BT:BT)</f>
        <v>36.581768985629246</v>
      </c>
      <c r="CD428" s="1149">
        <f>$X428*_xlfn.XLOOKUP($I428, 'CALCS Aecom (July 25 2025)'!$F:$F, 'CALCS Aecom (July 25 2025)'!BU:BU)</f>
        <v>207.2966909185657</v>
      </c>
      <c r="CE428" s="1149">
        <f>$X428*_xlfn.XLOOKUP($I428, 'CALCS Aecom (July 25 2025)'!$F:$F, 'CALCS Aecom (July 25 2025)'!BW:BW)</f>
        <v>1024.2895315976189</v>
      </c>
      <c r="CF428" s="1149">
        <f>$X428*_xlfn.XLOOKUP($I428, 'CALCS Aecom (July 25 2025)'!$F:$F, 'CALCS Aecom (July 25 2025)'!BS:BS)</f>
        <v>268.26630589461445</v>
      </c>
      <c r="CG428" s="1149">
        <f>$X428*_xlfn.XLOOKUP($I428, 'CALCS Aecom (July 25 2025)'!$F:$F, 'CALCS Aecom (July 25 2025)'!CE:CE)</f>
        <v>24.387845990419496</v>
      </c>
      <c r="CH428" s="1149">
        <f>$X428*_xlfn.XLOOKUP($I428, 'CALCS Aecom (July 25 2025)'!$F:$F, 'CALCS Aecom (July 25 2025)'!CJ:CJ)</f>
        <v>71.433507706491881</v>
      </c>
      <c r="CI428" s="1149">
        <f>$X428*_xlfn.XLOOKUP($I428, 'CALCS Aecom (July 25 2025)'!$F:$F, 'CALCS Aecom (July 25 2025)'!CB:CB)</f>
        <v>536.53261178922889</v>
      </c>
      <c r="CJ428" s="1149">
        <f>$X428*_xlfn.XLOOKUP($I428, 'CALCS Aecom (July 25 2025)'!$F:$F, 'CALCS Aecom (July 25 2025)'!CF:CF)</f>
        <v>24.387845990419496</v>
      </c>
      <c r="CK428" s="1149">
        <f>$X428*_xlfn.XLOOKUP($I428, 'CALCS Aecom (July 25 2025)'!$F:$F, 'CALCS Aecom (July 25 2025)'!CG:CG)</f>
        <v>12.193922995209748</v>
      </c>
      <c r="CL428" s="1149"/>
      <c r="CM428" s="898"/>
      <c r="CN428" s="898"/>
      <c r="CO428" s="898"/>
      <c r="CP428" s="898"/>
      <c r="CQ428" s="898"/>
      <c r="CR428" s="898"/>
      <c r="CS428" s="898"/>
      <c r="CT428" s="898"/>
      <c r="CU428" s="898"/>
      <c r="CV428" s="898"/>
      <c r="CW428" s="898"/>
      <c r="CX428" s="898"/>
      <c r="CY428" s="898"/>
      <c r="CZ428" s="898"/>
      <c r="DA428" s="898"/>
      <c r="DB428" s="898"/>
      <c r="DC428" s="898"/>
      <c r="DD428" s="898"/>
      <c r="DE428" s="898"/>
      <c r="DF428" s="898"/>
      <c r="DG428" s="898"/>
      <c r="DH428" s="898"/>
      <c r="DI428" s="1149">
        <f>$X428*_xlfn.XLOOKUP($I428, 'CALCS Aecom (July 25 2025)'!$F:$F, 'CALCS Aecom (July 25 2025)'!CA:CA)</f>
        <v>36.581768985629246</v>
      </c>
      <c r="DJ428" s="1149">
        <f>$X428*_xlfn.XLOOKUP($I428, 'CALCS Aecom (July 25 2025)'!$F:$F, 'CALCS Aecom (July 25 2025)'!BX:BX)</f>
        <v>158.52099893772672</v>
      </c>
      <c r="DK428" s="1149">
        <f>$X428*_xlfn.XLOOKUP($I428, 'CALCS Aecom (July 25 2025)'!$F:$F, 'CALCS Aecom (July 25 2025)'!BY:BY)</f>
        <v>573.11438077485809</v>
      </c>
      <c r="DL428" s="1149">
        <f>$X428*_xlfn.XLOOKUP($I428, 'CALCS Aecom (July 25 2025)'!$F:$F, 'CALCS Aecom (July 25 2025)'!CH:CH)</f>
        <v>487.75691980838991</v>
      </c>
      <c r="DM428" s="661">
        <f t="shared" si="681"/>
        <v>5705.0259314933965</v>
      </c>
      <c r="DN428" s="898">
        <f t="shared" si="682"/>
        <v>1255.974068506604</v>
      </c>
      <c r="DO428" s="516">
        <f t="shared" si="683"/>
        <v>0</v>
      </c>
      <c r="DP428" s="898">
        <f t="shared" si="684"/>
        <v>0</v>
      </c>
      <c r="DQ428" s="860" t="s">
        <v>4246</v>
      </c>
      <c r="DR428" s="860" t="s">
        <v>4327</v>
      </c>
      <c r="DS428" s="1221" t="s">
        <v>4248</v>
      </c>
      <c r="DT428" s="632"/>
    </row>
    <row r="429" spans="1:124" ht="57" x14ac:dyDescent="0.2">
      <c r="A429" s="484" t="str">
        <f t="shared" si="679"/>
        <v>Lawn Lane-Crabtree Lane pedestrian crossing improvement</v>
      </c>
      <c r="B429" s="1163">
        <v>426</v>
      </c>
      <c r="C429" s="1156" t="s">
        <v>4529</v>
      </c>
      <c r="D429" s="481" t="s">
        <v>2481</v>
      </c>
      <c r="E429" s="481" t="s">
        <v>53</v>
      </c>
      <c r="F429" s="481" t="s">
        <v>655</v>
      </c>
      <c r="G429" s="775" t="s">
        <v>932</v>
      </c>
      <c r="H429" s="855" t="s">
        <v>1203</v>
      </c>
      <c r="I429" s="775" t="str">
        <f t="shared" si="732"/>
        <v>SG27-1</v>
      </c>
      <c r="J429" s="673" t="s">
        <v>1204</v>
      </c>
      <c r="K429" s="664" t="s">
        <v>3104</v>
      </c>
      <c r="L429" s="852" t="s">
        <v>3167</v>
      </c>
      <c r="M429" s="515" t="s">
        <v>4244</v>
      </c>
      <c r="N429" s="775" t="s">
        <v>81</v>
      </c>
      <c r="O429" s="654" t="s">
        <v>3051</v>
      </c>
      <c r="P429" s="657" t="s">
        <v>61</v>
      </c>
      <c r="Q429" s="852" t="s">
        <v>71</v>
      </c>
      <c r="R429" s="657"/>
      <c r="S429" s="657"/>
      <c r="T429" s="853">
        <v>33063</v>
      </c>
      <c r="U429" s="854"/>
      <c r="V429" s="657" t="s">
        <v>4245</v>
      </c>
      <c r="W429" s="642">
        <f t="shared" si="746"/>
        <v>0</v>
      </c>
      <c r="X429" s="745">
        <f t="shared" si="747"/>
        <v>33063</v>
      </c>
      <c r="Y429" s="745" t="s">
        <v>3106</v>
      </c>
      <c r="Z429" s="745" t="str">
        <f>_xlfn.XLOOKUP(I429, 'CALCS Aecom (July 25 2025)'!F:F, 'CALCS Aecom (July 25 2025)'!W:W)</f>
        <v>Multiple Scenario 2 (Step 6)</v>
      </c>
      <c r="AA429" s="650" t="s">
        <v>65</v>
      </c>
      <c r="AB429" s="516" t="s">
        <v>66</v>
      </c>
      <c r="AC429" s="516" t="s">
        <v>66</v>
      </c>
      <c r="AD429" s="516" t="s">
        <v>66</v>
      </c>
      <c r="AE429" s="516" t="s">
        <v>66</v>
      </c>
      <c r="AF429" s="516" t="s">
        <v>66</v>
      </c>
      <c r="AG429" s="516" t="s">
        <v>66</v>
      </c>
      <c r="AH429" s="516" t="s">
        <v>66</v>
      </c>
      <c r="AI429" s="516" t="s">
        <v>66</v>
      </c>
      <c r="AJ429" s="516" t="s">
        <v>66</v>
      </c>
      <c r="AK429" s="516" t="s">
        <v>66</v>
      </c>
      <c r="AL429" s="516" t="s">
        <v>66</v>
      </c>
      <c r="AM429" s="516" t="s">
        <v>66</v>
      </c>
      <c r="AN429" s="516" t="s">
        <v>66</v>
      </c>
      <c r="AO429" s="516" t="s">
        <v>66</v>
      </c>
      <c r="AP429" s="516" t="s">
        <v>66</v>
      </c>
      <c r="AQ429" s="516" t="s">
        <v>66</v>
      </c>
      <c r="AR429" s="516" t="s">
        <v>66</v>
      </c>
      <c r="AS429" s="657"/>
      <c r="AT429" s="657"/>
      <c r="AU429" s="657"/>
      <c r="AV429" s="657"/>
      <c r="AW429" s="657"/>
      <c r="AX429" s="657"/>
      <c r="AY429" s="657"/>
      <c r="AZ429" s="657"/>
      <c r="BA429" s="657"/>
      <c r="BB429" s="657"/>
      <c r="BC429" s="657"/>
      <c r="BD429" s="657"/>
      <c r="BE429" s="657"/>
      <c r="BF429" s="657"/>
      <c r="BG429" s="746"/>
      <c r="BH429" s="746"/>
      <c r="BI429" s="746"/>
      <c r="BJ429" s="746"/>
      <c r="BK429" s="746"/>
      <c r="BL429" s="746"/>
      <c r="BM429" s="746"/>
      <c r="BN429" s="746"/>
      <c r="BO429" s="516" t="s">
        <v>66</v>
      </c>
      <c r="BP429" s="516" t="s">
        <v>66</v>
      </c>
      <c r="BQ429" s="516" t="s">
        <v>66</v>
      </c>
      <c r="BR429" s="516" t="s">
        <v>66</v>
      </c>
      <c r="BS429" s="884">
        <f t="shared" si="680"/>
        <v>21225</v>
      </c>
      <c r="BT429" s="661">
        <f t="shared" si="749"/>
        <v>1.5577385159010602</v>
      </c>
      <c r="BU429" s="661" t="str">
        <f t="shared" si="733"/>
        <v>GOOD</v>
      </c>
      <c r="BV429" s="898">
        <f t="shared" ref="BV429:BV451" si="750">IF(AB429="yes",(AB$3*$BT429),"")</f>
        <v>7788.6925795053012</v>
      </c>
      <c r="BW429" s="898">
        <f t="shared" ref="BW429:BW451" si="751">IF(AC429="yes",(AC$3*$BT429),"")</f>
        <v>311.54770318021201</v>
      </c>
      <c r="BX429" s="898">
        <f t="shared" ref="BX429:BX451" si="752">IF(AD429="yes",(AD$3*$BT429),"")</f>
        <v>700.98233215547702</v>
      </c>
      <c r="BY429" s="898">
        <f t="shared" ref="BY429:BY451" si="753">IF(AE429="yes",(AE$3*$BT429),"")</f>
        <v>545.20848056537102</v>
      </c>
      <c r="BZ429" s="898">
        <f t="shared" ref="BZ429:BZ451" si="754">IF(AF429="yes",(AF$3*$BT429),"")</f>
        <v>778.86925795053003</v>
      </c>
      <c r="CA429" s="898">
        <f t="shared" ref="CA429:CA451" si="755">IF(AG429="yes",(AG$3*$BT429),"")</f>
        <v>747.71448763250885</v>
      </c>
      <c r="CB429" s="898">
        <f t="shared" ref="CB429:CB451" si="756">IF(AH429="yes",(AH$3*$BT429),"")</f>
        <v>155.77385159010601</v>
      </c>
      <c r="CC429" s="898">
        <f t="shared" ref="CC429:CC451" si="757">IF(AI429="yes",(AI$3*$BT429),"")</f>
        <v>607.51802120141349</v>
      </c>
      <c r="CD429" s="898">
        <f t="shared" ref="CD429:CD451" si="758">IF(AJ429="yes",(AJ$3*$BT429),"")</f>
        <v>778.86925795053003</v>
      </c>
      <c r="CE429" s="898">
        <f t="shared" ref="CE429:CE451" si="759">IF(AK429="yes",(AK$3*$BT429),"")</f>
        <v>778.86925795053003</v>
      </c>
      <c r="CF429" s="898">
        <f t="shared" ref="CF429:CF451" si="760">IF(AL429="yes",(AL$3*$BT429),"")</f>
        <v>1168.303886925795</v>
      </c>
      <c r="CG429" s="898">
        <f t="shared" ref="CG429:CG451" si="761">IF(AM429="yes",(AM$3*$BT429),"")</f>
        <v>311.54770318021201</v>
      </c>
      <c r="CH429" s="898">
        <f t="shared" ref="CH429:CH451" si="762">IF(AN429="yes",(AN$3*$BT429),"")</f>
        <v>364.51081272084809</v>
      </c>
      <c r="CI429" s="898">
        <f t="shared" ref="CI429:CI451" si="763">IF(AO429="yes",(AO$3*$BT429),"")</f>
        <v>545.20848056537102</v>
      </c>
      <c r="CJ429" s="898">
        <f t="shared" ref="CJ429:CJ451" si="764">IF(AP429="yes",(AP$3*$BT429),"")</f>
        <v>140.19646643109542</v>
      </c>
      <c r="CK429" s="898">
        <f t="shared" ref="CK429:CK451" si="765">IF(AQ429="yes",(AQ$3*$BT429),"")</f>
        <v>124.61908127208481</v>
      </c>
      <c r="CL429" s="898">
        <f t="shared" ref="CL429:CL451" si="766">IF(AR429="yes",(AR$3*$BT429),"")</f>
        <v>3707.4176678445233</v>
      </c>
      <c r="CM429" s="898" t="str">
        <f t="shared" ref="CM429:CM451" si="767">IF(AS429="yes",(AS$3*$BT429),"")</f>
        <v/>
      </c>
      <c r="CN429" s="898" t="str">
        <f t="shared" ref="CN429:CN451" si="768">IF(AT429="yes",(AT$3*$BT429),"")</f>
        <v/>
      </c>
      <c r="CO429" s="898" t="str">
        <f t="shared" ref="CO429:CO451" si="769">IF(AU429="yes",(AU$3*$BT429),"")</f>
        <v/>
      </c>
      <c r="CP429" s="898" t="str">
        <f t="shared" ref="CP429:CP451" si="770">IF(AV429="yes",(AV$3*$BT429),"")</f>
        <v/>
      </c>
      <c r="CQ429" s="898" t="str">
        <f t="shared" ref="CQ429:CQ451" si="771">IF(AW429="yes",(AW$3*$BT429),"")</f>
        <v/>
      </c>
      <c r="CR429" s="898" t="str">
        <f t="shared" ref="CR429:CR451" si="772">IF(AX429="yes",(AX$3*$BT429),"")</f>
        <v/>
      </c>
      <c r="CS429" s="898" t="str">
        <f t="shared" ref="CS429:CS451" si="773">IF(AY429="yes",(AY$3*$BT429),"")</f>
        <v/>
      </c>
      <c r="CT429" s="898" t="str">
        <f t="shared" ref="CT429:CT451" si="774">IF(AZ429="yes",(AZ$3*$BT429),"")</f>
        <v/>
      </c>
      <c r="CU429" s="898" t="str">
        <f t="shared" ref="CU429:CU451" si="775">IF(BA429="yes",(BA$3*$BT429),"")</f>
        <v/>
      </c>
      <c r="CV429" s="898" t="str">
        <f t="shared" ref="CV429:CV451" si="776">IF(BB429="yes",(BB$3*$BT429),"")</f>
        <v/>
      </c>
      <c r="CW429" s="898" t="str">
        <f t="shared" ref="CW429:CW451" si="777">IF(BC429="yes",(BC$3*$BT429),"")</f>
        <v/>
      </c>
      <c r="CX429" s="898" t="str">
        <f t="shared" ref="CX429:CX451" si="778">IF(BD429="yes",(BD$3*$BT429),"")</f>
        <v/>
      </c>
      <c r="CY429" s="898" t="str">
        <f t="shared" ref="CY429:CY451" si="779">IF(BE429="yes",(BE$3*$BT429),"")</f>
        <v/>
      </c>
      <c r="CZ429" s="898" t="str">
        <f t="shared" ref="CZ429:CZ451" si="780">IF(BF429="yes",(BF$3*$BT429),"")</f>
        <v/>
      </c>
      <c r="DA429" s="898" t="str">
        <f t="shared" ref="DA429:DA451" si="781">IF(BG429="yes",(BG$3*$BT429),"")</f>
        <v/>
      </c>
      <c r="DB429" s="898" t="str">
        <f t="shared" ref="DB429:DB451" si="782">IF(BH429="yes",(BH$3*$BT429),"")</f>
        <v/>
      </c>
      <c r="DC429" s="898" t="str">
        <f t="shared" ref="DC429:DC451" si="783">IF(BI429="yes",(BI$3*$BT429),"")</f>
        <v/>
      </c>
      <c r="DD429" s="898" t="str">
        <f t="shared" ref="DD429:DD451" si="784">IF(BJ429="yes",(BJ$3*$BT429),"")</f>
        <v/>
      </c>
      <c r="DE429" s="898" t="str">
        <f t="shared" ref="DE429:DE451" si="785">IF(BK429="yes",(BK$3*$BT429),"")</f>
        <v/>
      </c>
      <c r="DF429" s="898" t="str">
        <f t="shared" ref="DF429:DF451" si="786">IF(BL429="yes",(BL$3*$BT429),"")</f>
        <v/>
      </c>
      <c r="DG429" s="898" t="str">
        <f t="shared" ref="DG429:DG451" si="787">IF(BM429="yes",(BM$3*$BT429),"")</f>
        <v/>
      </c>
      <c r="DH429" s="898" t="str">
        <f t="shared" ref="DH429:DH451" si="788">IF(BN429="yes",(BN$3*$BT429),"")</f>
        <v/>
      </c>
      <c r="DI429" s="898">
        <f t="shared" ref="DI429:DI451" si="789">IF(BO429="yes",(BO$3*$BT429),"")</f>
        <v>2336.6077738515901</v>
      </c>
      <c r="DJ429" s="898">
        <f t="shared" ref="DJ429:DJ451" si="790">IF(BP429="yes",(BP$3*$BT429),"")</f>
        <v>2492.3816254416961</v>
      </c>
      <c r="DK429" s="898">
        <f t="shared" ref="DK429:DK451" si="791">IF(BQ429="yes",(BQ$3*$BT429),"")</f>
        <v>3738.5724381625446</v>
      </c>
      <c r="DL429" s="898">
        <f t="shared" ref="DL429:DL451" si="792">IF(BR429="yes",(BR$3*$BT429),"")</f>
        <v>4939.588833922262</v>
      </c>
      <c r="DM429" s="661">
        <f t="shared" si="681"/>
        <v>19555.849328621905</v>
      </c>
      <c r="DN429" s="898">
        <f t="shared" si="682"/>
        <v>13507.150671378093</v>
      </c>
      <c r="DO429" s="516">
        <f t="shared" si="683"/>
        <v>0</v>
      </c>
      <c r="DP429" s="898">
        <f t="shared" si="684"/>
        <v>0</v>
      </c>
      <c r="DQ429" s="860" t="s">
        <v>4246</v>
      </c>
      <c r="DR429" s="610" t="s">
        <v>4247</v>
      </c>
      <c r="DS429" s="1221" t="s">
        <v>4248</v>
      </c>
      <c r="DT429" s="632"/>
    </row>
    <row r="430" spans="1:124" ht="57" x14ac:dyDescent="0.2">
      <c r="A430" s="484" t="str">
        <f t="shared" si="679"/>
        <v>Lawn Lane new signalised crossing near Crabtree Lane</v>
      </c>
      <c r="B430" s="1163">
        <v>427</v>
      </c>
      <c r="C430" s="1156" t="s">
        <v>4530</v>
      </c>
      <c r="D430" s="481" t="s">
        <v>2481</v>
      </c>
      <c r="E430" s="481" t="s">
        <v>53</v>
      </c>
      <c r="F430" s="481" t="s">
        <v>655</v>
      </c>
      <c r="G430" s="775" t="s">
        <v>932</v>
      </c>
      <c r="H430" s="855" t="s">
        <v>1205</v>
      </c>
      <c r="I430" s="775" t="str">
        <f t="shared" si="732"/>
        <v>SG27-2</v>
      </c>
      <c r="J430" s="673" t="s">
        <v>1206</v>
      </c>
      <c r="K430" s="664" t="s">
        <v>3104</v>
      </c>
      <c r="L430" s="852" t="s">
        <v>3167</v>
      </c>
      <c r="M430" s="515" t="s">
        <v>4244</v>
      </c>
      <c r="N430" s="775" t="s">
        <v>81</v>
      </c>
      <c r="O430" s="654" t="s">
        <v>3051</v>
      </c>
      <c r="P430" s="657" t="s">
        <v>61</v>
      </c>
      <c r="Q430" s="852" t="s">
        <v>71</v>
      </c>
      <c r="R430" s="657"/>
      <c r="S430" s="657"/>
      <c r="T430" s="853">
        <v>450565</v>
      </c>
      <c r="U430" s="854"/>
      <c r="V430" s="657" t="s">
        <v>4245</v>
      </c>
      <c r="W430" s="642">
        <f t="shared" si="746"/>
        <v>0</v>
      </c>
      <c r="X430" s="745">
        <f t="shared" si="747"/>
        <v>450565</v>
      </c>
      <c r="Y430" s="745" t="s">
        <v>3106</v>
      </c>
      <c r="Z430" s="745" t="str">
        <f>_xlfn.XLOOKUP(I430, 'CALCS Aecom (July 25 2025)'!F:F, 'CALCS Aecom (July 25 2025)'!W:W)</f>
        <v>Multiple Scenario 2 (Step 6)</v>
      </c>
      <c r="AA430" s="650" t="s">
        <v>65</v>
      </c>
      <c r="AB430" s="516" t="s">
        <v>66</v>
      </c>
      <c r="AC430" s="516" t="s">
        <v>66</v>
      </c>
      <c r="AD430" s="516" t="s">
        <v>66</v>
      </c>
      <c r="AE430" s="516" t="s">
        <v>66</v>
      </c>
      <c r="AF430" s="516" t="s">
        <v>66</v>
      </c>
      <c r="AG430" s="516" t="s">
        <v>66</v>
      </c>
      <c r="AH430" s="516" t="s">
        <v>66</v>
      </c>
      <c r="AI430" s="516" t="s">
        <v>66</v>
      </c>
      <c r="AJ430" s="516" t="s">
        <v>66</v>
      </c>
      <c r="AK430" s="516" t="s">
        <v>66</v>
      </c>
      <c r="AL430" s="516" t="s">
        <v>66</v>
      </c>
      <c r="AM430" s="516" t="s">
        <v>66</v>
      </c>
      <c r="AN430" s="516" t="s">
        <v>66</v>
      </c>
      <c r="AO430" s="516" t="s">
        <v>66</v>
      </c>
      <c r="AP430" s="516" t="s">
        <v>66</v>
      </c>
      <c r="AQ430" s="516" t="s">
        <v>66</v>
      </c>
      <c r="AR430" s="516" t="s">
        <v>66</v>
      </c>
      <c r="AS430" s="657"/>
      <c r="AT430" s="657"/>
      <c r="AU430" s="657"/>
      <c r="AV430" s="657"/>
      <c r="AW430" s="657"/>
      <c r="AX430" s="657"/>
      <c r="AY430" s="657"/>
      <c r="AZ430" s="657"/>
      <c r="BA430" s="657"/>
      <c r="BB430" s="657"/>
      <c r="BC430" s="657"/>
      <c r="BD430" s="657"/>
      <c r="BE430" s="657"/>
      <c r="BF430" s="657"/>
      <c r="BG430" s="746"/>
      <c r="BH430" s="746"/>
      <c r="BI430" s="746"/>
      <c r="BJ430" s="746"/>
      <c r="BK430" s="746"/>
      <c r="BL430" s="746"/>
      <c r="BM430" s="746"/>
      <c r="BN430" s="746"/>
      <c r="BO430" s="516" t="s">
        <v>66</v>
      </c>
      <c r="BP430" s="516" t="s">
        <v>66</v>
      </c>
      <c r="BQ430" s="516" t="s">
        <v>66</v>
      </c>
      <c r="BR430" s="516" t="s">
        <v>66</v>
      </c>
      <c r="BS430" s="884">
        <f t="shared" si="680"/>
        <v>21225</v>
      </c>
      <c r="BT430" s="661">
        <f t="shared" si="749"/>
        <v>21.228032979976444</v>
      </c>
      <c r="BU430" s="661" t="str">
        <f t="shared" si="733"/>
        <v>GOOD</v>
      </c>
      <c r="BV430" s="898">
        <f t="shared" si="750"/>
        <v>106140.16489988222</v>
      </c>
      <c r="BW430" s="898">
        <f t="shared" si="751"/>
        <v>4245.6065959952884</v>
      </c>
      <c r="BX430" s="898">
        <f t="shared" si="752"/>
        <v>9552.6148409893995</v>
      </c>
      <c r="BY430" s="898">
        <f t="shared" si="753"/>
        <v>7429.8115429917552</v>
      </c>
      <c r="BZ430" s="898">
        <f t="shared" si="754"/>
        <v>10614.016489988222</v>
      </c>
      <c r="CA430" s="898">
        <f t="shared" si="755"/>
        <v>10189.455830388693</v>
      </c>
      <c r="CB430" s="898">
        <f t="shared" si="756"/>
        <v>2122.8032979976442</v>
      </c>
      <c r="CC430" s="898">
        <f t="shared" si="757"/>
        <v>8278.9328621908135</v>
      </c>
      <c r="CD430" s="898">
        <f t="shared" si="758"/>
        <v>10614.016489988222</v>
      </c>
      <c r="CE430" s="898">
        <f t="shared" si="759"/>
        <v>10614.016489988222</v>
      </c>
      <c r="CF430" s="898">
        <f t="shared" si="760"/>
        <v>15921.024734982333</v>
      </c>
      <c r="CG430" s="898">
        <f t="shared" si="761"/>
        <v>4245.6065959952884</v>
      </c>
      <c r="CH430" s="898">
        <f t="shared" si="762"/>
        <v>4967.3597173144881</v>
      </c>
      <c r="CI430" s="898">
        <f t="shared" si="763"/>
        <v>7429.8115429917552</v>
      </c>
      <c r="CJ430" s="898">
        <f t="shared" si="764"/>
        <v>1910.5229681978799</v>
      </c>
      <c r="CK430" s="898">
        <f t="shared" si="765"/>
        <v>1698.2426383981156</v>
      </c>
      <c r="CL430" s="898">
        <f t="shared" si="766"/>
        <v>50522.718492343934</v>
      </c>
      <c r="CM430" s="898" t="str">
        <f t="shared" si="767"/>
        <v/>
      </c>
      <c r="CN430" s="898" t="str">
        <f t="shared" si="768"/>
        <v/>
      </c>
      <c r="CO430" s="898" t="str">
        <f t="shared" si="769"/>
        <v/>
      </c>
      <c r="CP430" s="898" t="str">
        <f t="shared" si="770"/>
        <v/>
      </c>
      <c r="CQ430" s="898" t="str">
        <f t="shared" si="771"/>
        <v/>
      </c>
      <c r="CR430" s="898" t="str">
        <f t="shared" si="772"/>
        <v/>
      </c>
      <c r="CS430" s="898" t="str">
        <f t="shared" si="773"/>
        <v/>
      </c>
      <c r="CT430" s="898" t="str">
        <f t="shared" si="774"/>
        <v/>
      </c>
      <c r="CU430" s="898" t="str">
        <f t="shared" si="775"/>
        <v/>
      </c>
      <c r="CV430" s="898" t="str">
        <f t="shared" si="776"/>
        <v/>
      </c>
      <c r="CW430" s="898" t="str">
        <f t="shared" si="777"/>
        <v/>
      </c>
      <c r="CX430" s="898" t="str">
        <f t="shared" si="778"/>
        <v/>
      </c>
      <c r="CY430" s="898" t="str">
        <f t="shared" si="779"/>
        <v/>
      </c>
      <c r="CZ430" s="898" t="str">
        <f t="shared" si="780"/>
        <v/>
      </c>
      <c r="DA430" s="898" t="str">
        <f t="shared" si="781"/>
        <v/>
      </c>
      <c r="DB430" s="898" t="str">
        <f t="shared" si="782"/>
        <v/>
      </c>
      <c r="DC430" s="898" t="str">
        <f t="shared" si="783"/>
        <v/>
      </c>
      <c r="DD430" s="898" t="str">
        <f t="shared" si="784"/>
        <v/>
      </c>
      <c r="DE430" s="898" t="str">
        <f t="shared" si="785"/>
        <v/>
      </c>
      <c r="DF430" s="898" t="str">
        <f t="shared" si="786"/>
        <v/>
      </c>
      <c r="DG430" s="898" t="str">
        <f t="shared" si="787"/>
        <v/>
      </c>
      <c r="DH430" s="898" t="str">
        <f t="shared" si="788"/>
        <v/>
      </c>
      <c r="DI430" s="898">
        <f t="shared" si="789"/>
        <v>31842.049469964666</v>
      </c>
      <c r="DJ430" s="898">
        <f t="shared" si="790"/>
        <v>33964.852767962308</v>
      </c>
      <c r="DK430" s="898">
        <f t="shared" si="791"/>
        <v>50947.279151943469</v>
      </c>
      <c r="DL430" s="898">
        <f t="shared" si="792"/>
        <v>67314.092579505304</v>
      </c>
      <c r="DM430" s="661">
        <f t="shared" si="681"/>
        <v>266496.72603062424</v>
      </c>
      <c r="DN430" s="898">
        <f t="shared" si="682"/>
        <v>184068.27396937576</v>
      </c>
      <c r="DO430" s="516">
        <f t="shared" si="683"/>
        <v>0</v>
      </c>
      <c r="DP430" s="898">
        <f t="shared" si="684"/>
        <v>0</v>
      </c>
      <c r="DQ430" s="860" t="s">
        <v>4246</v>
      </c>
      <c r="DR430" s="610" t="s">
        <v>4247</v>
      </c>
      <c r="DS430" s="1221" t="s">
        <v>4248</v>
      </c>
      <c r="DT430" s="632"/>
    </row>
    <row r="431" spans="1:124" ht="57" x14ac:dyDescent="0.2">
      <c r="A431" s="484" t="str">
        <f t="shared" si="679"/>
        <v>Lawn Lane new signalised crossing near Corner Hall</v>
      </c>
      <c r="B431" s="1163">
        <v>428</v>
      </c>
      <c r="C431" s="1156" t="s">
        <v>4531</v>
      </c>
      <c r="D431" s="481" t="s">
        <v>2481</v>
      </c>
      <c r="E431" s="481" t="s">
        <v>53</v>
      </c>
      <c r="F431" s="481" t="s">
        <v>655</v>
      </c>
      <c r="G431" s="775" t="s">
        <v>932</v>
      </c>
      <c r="H431" s="855" t="s">
        <v>1207</v>
      </c>
      <c r="I431" s="775" t="str">
        <f t="shared" si="732"/>
        <v>SG27-3</v>
      </c>
      <c r="J431" s="673" t="s">
        <v>4532</v>
      </c>
      <c r="K431" s="664" t="s">
        <v>3104</v>
      </c>
      <c r="L431" s="852" t="s">
        <v>3167</v>
      </c>
      <c r="M431" s="515" t="s">
        <v>4244</v>
      </c>
      <c r="N431" s="775" t="s">
        <v>81</v>
      </c>
      <c r="O431" s="654" t="s">
        <v>3051</v>
      </c>
      <c r="P431" s="657" t="s">
        <v>61</v>
      </c>
      <c r="Q431" s="852" t="s">
        <v>71</v>
      </c>
      <c r="R431" s="657"/>
      <c r="S431" s="657"/>
      <c r="T431" s="853">
        <v>453150</v>
      </c>
      <c r="U431" s="854"/>
      <c r="V431" s="657" t="s">
        <v>4245</v>
      </c>
      <c r="W431" s="642">
        <f t="shared" si="746"/>
        <v>0</v>
      </c>
      <c r="X431" s="745">
        <f t="shared" si="747"/>
        <v>453150</v>
      </c>
      <c r="Y431" s="745" t="s">
        <v>3106</v>
      </c>
      <c r="Z431" s="745" t="str">
        <f>_xlfn.XLOOKUP(I431, 'CALCS Aecom (July 25 2025)'!F:F, 'CALCS Aecom (July 25 2025)'!W:W)</f>
        <v>Multiple Scenario 2 (Step 6)</v>
      </c>
      <c r="AA431" s="650" t="s">
        <v>65</v>
      </c>
      <c r="AB431" s="516" t="s">
        <v>66</v>
      </c>
      <c r="AC431" s="516" t="s">
        <v>66</v>
      </c>
      <c r="AD431" s="516" t="s">
        <v>66</v>
      </c>
      <c r="AE431" s="516" t="s">
        <v>66</v>
      </c>
      <c r="AF431" s="516" t="s">
        <v>66</v>
      </c>
      <c r="AG431" s="516" t="s">
        <v>66</v>
      </c>
      <c r="AH431" s="516" t="s">
        <v>66</v>
      </c>
      <c r="AI431" s="516" t="s">
        <v>66</v>
      </c>
      <c r="AJ431" s="516" t="s">
        <v>66</v>
      </c>
      <c r="AK431" s="516" t="s">
        <v>66</v>
      </c>
      <c r="AL431" s="516" t="s">
        <v>66</v>
      </c>
      <c r="AM431" s="516" t="s">
        <v>66</v>
      </c>
      <c r="AN431" s="516" t="s">
        <v>66</v>
      </c>
      <c r="AO431" s="516" t="s">
        <v>66</v>
      </c>
      <c r="AP431" s="516" t="s">
        <v>66</v>
      </c>
      <c r="AQ431" s="516" t="s">
        <v>66</v>
      </c>
      <c r="AR431" s="516" t="s">
        <v>66</v>
      </c>
      <c r="AS431" s="657"/>
      <c r="AT431" s="657"/>
      <c r="AU431" s="657"/>
      <c r="AV431" s="657"/>
      <c r="AW431" s="657"/>
      <c r="AX431" s="657"/>
      <c r="AY431" s="657"/>
      <c r="AZ431" s="657"/>
      <c r="BA431" s="657"/>
      <c r="BB431" s="657"/>
      <c r="BC431" s="657"/>
      <c r="BD431" s="657"/>
      <c r="BE431" s="657"/>
      <c r="BF431" s="657"/>
      <c r="BG431" s="746"/>
      <c r="BH431" s="746"/>
      <c r="BI431" s="746"/>
      <c r="BJ431" s="746"/>
      <c r="BK431" s="746"/>
      <c r="BL431" s="746"/>
      <c r="BM431" s="746"/>
      <c r="BN431" s="746"/>
      <c r="BO431" s="516" t="s">
        <v>66</v>
      </c>
      <c r="BP431" s="516" t="s">
        <v>66</v>
      </c>
      <c r="BQ431" s="516" t="s">
        <v>66</v>
      </c>
      <c r="BR431" s="516" t="s">
        <v>66</v>
      </c>
      <c r="BS431" s="884">
        <f t="shared" si="680"/>
        <v>21225</v>
      </c>
      <c r="BT431" s="661">
        <f t="shared" si="749"/>
        <v>21.349823321554769</v>
      </c>
      <c r="BU431" s="661" t="str">
        <f t="shared" si="733"/>
        <v>GOOD</v>
      </c>
      <c r="BV431" s="898">
        <f t="shared" si="750"/>
        <v>106749.11660777385</v>
      </c>
      <c r="BW431" s="898">
        <f t="shared" si="751"/>
        <v>4269.9646643109536</v>
      </c>
      <c r="BX431" s="898">
        <f t="shared" si="752"/>
        <v>9607.420494699647</v>
      </c>
      <c r="BY431" s="898">
        <f t="shared" si="753"/>
        <v>7472.4381625441692</v>
      </c>
      <c r="BZ431" s="898">
        <f t="shared" si="754"/>
        <v>10674.911660777385</v>
      </c>
      <c r="CA431" s="898">
        <f t="shared" si="755"/>
        <v>10247.915194346289</v>
      </c>
      <c r="CB431" s="898">
        <f t="shared" si="756"/>
        <v>2134.9823321554768</v>
      </c>
      <c r="CC431" s="898">
        <f t="shared" si="757"/>
        <v>8326.4310954063603</v>
      </c>
      <c r="CD431" s="898">
        <f t="shared" si="758"/>
        <v>10674.911660777385</v>
      </c>
      <c r="CE431" s="898">
        <f t="shared" si="759"/>
        <v>10674.911660777385</v>
      </c>
      <c r="CF431" s="898">
        <f t="shared" si="760"/>
        <v>16012.367491166076</v>
      </c>
      <c r="CG431" s="898">
        <f t="shared" si="761"/>
        <v>4269.9646643109536</v>
      </c>
      <c r="CH431" s="898">
        <f t="shared" si="762"/>
        <v>4995.8586572438162</v>
      </c>
      <c r="CI431" s="898">
        <f t="shared" si="763"/>
        <v>7472.4381625441692</v>
      </c>
      <c r="CJ431" s="898">
        <f t="shared" si="764"/>
        <v>1921.4840989399293</v>
      </c>
      <c r="CK431" s="898">
        <f t="shared" si="765"/>
        <v>1707.9858657243815</v>
      </c>
      <c r="CL431" s="898">
        <f t="shared" si="766"/>
        <v>50812.579505300353</v>
      </c>
      <c r="CM431" s="898" t="str">
        <f t="shared" si="767"/>
        <v/>
      </c>
      <c r="CN431" s="898" t="str">
        <f t="shared" si="768"/>
        <v/>
      </c>
      <c r="CO431" s="898" t="str">
        <f t="shared" si="769"/>
        <v/>
      </c>
      <c r="CP431" s="898" t="str">
        <f t="shared" si="770"/>
        <v/>
      </c>
      <c r="CQ431" s="898" t="str">
        <f t="shared" si="771"/>
        <v/>
      </c>
      <c r="CR431" s="898" t="str">
        <f t="shared" si="772"/>
        <v/>
      </c>
      <c r="CS431" s="898" t="str">
        <f t="shared" si="773"/>
        <v/>
      </c>
      <c r="CT431" s="898" t="str">
        <f t="shared" si="774"/>
        <v/>
      </c>
      <c r="CU431" s="898" t="str">
        <f t="shared" si="775"/>
        <v/>
      </c>
      <c r="CV431" s="898" t="str">
        <f t="shared" si="776"/>
        <v/>
      </c>
      <c r="CW431" s="898" t="str">
        <f t="shared" si="777"/>
        <v/>
      </c>
      <c r="CX431" s="898" t="str">
        <f t="shared" si="778"/>
        <v/>
      </c>
      <c r="CY431" s="898" t="str">
        <f t="shared" si="779"/>
        <v/>
      </c>
      <c r="CZ431" s="898" t="str">
        <f t="shared" si="780"/>
        <v/>
      </c>
      <c r="DA431" s="898" t="str">
        <f t="shared" si="781"/>
        <v/>
      </c>
      <c r="DB431" s="898" t="str">
        <f t="shared" si="782"/>
        <v/>
      </c>
      <c r="DC431" s="898" t="str">
        <f t="shared" si="783"/>
        <v/>
      </c>
      <c r="DD431" s="898" t="str">
        <f t="shared" si="784"/>
        <v/>
      </c>
      <c r="DE431" s="898" t="str">
        <f t="shared" si="785"/>
        <v/>
      </c>
      <c r="DF431" s="898" t="str">
        <f t="shared" si="786"/>
        <v/>
      </c>
      <c r="DG431" s="898" t="str">
        <f t="shared" si="787"/>
        <v/>
      </c>
      <c r="DH431" s="898" t="str">
        <f t="shared" si="788"/>
        <v/>
      </c>
      <c r="DI431" s="898">
        <f t="shared" si="789"/>
        <v>32024.734982332153</v>
      </c>
      <c r="DJ431" s="898">
        <f t="shared" si="790"/>
        <v>34159.717314487629</v>
      </c>
      <c r="DK431" s="898">
        <f t="shared" si="791"/>
        <v>51239.575971731443</v>
      </c>
      <c r="DL431" s="898">
        <f t="shared" si="792"/>
        <v>67700.289752650177</v>
      </c>
      <c r="DM431" s="661">
        <f t="shared" si="681"/>
        <v>268025.68197879853</v>
      </c>
      <c r="DN431" s="898">
        <f t="shared" si="682"/>
        <v>185124.31802120141</v>
      </c>
      <c r="DO431" s="516">
        <f t="shared" si="683"/>
        <v>0</v>
      </c>
      <c r="DP431" s="898">
        <f t="shared" si="684"/>
        <v>0</v>
      </c>
      <c r="DQ431" s="860" t="s">
        <v>4246</v>
      </c>
      <c r="DR431" s="610" t="s">
        <v>4247</v>
      </c>
      <c r="DS431" s="1221" t="s">
        <v>4248</v>
      </c>
      <c r="DT431" s="632"/>
    </row>
    <row r="432" spans="1:124" ht="57" x14ac:dyDescent="0.2">
      <c r="A432" s="484" t="str">
        <f t="shared" si="679"/>
        <v>Corner Hall Stopping Up and widened footway</v>
      </c>
      <c r="B432" s="1163">
        <v>429</v>
      </c>
      <c r="C432" s="1156" t="s">
        <v>4533</v>
      </c>
      <c r="D432" s="481" t="s">
        <v>2481</v>
      </c>
      <c r="E432" s="481" t="s">
        <v>53</v>
      </c>
      <c r="F432" s="481" t="s">
        <v>655</v>
      </c>
      <c r="G432" s="775" t="s">
        <v>932</v>
      </c>
      <c r="H432" s="855" t="s">
        <v>1209</v>
      </c>
      <c r="I432" s="775" t="str">
        <f t="shared" si="732"/>
        <v>SG27-4</v>
      </c>
      <c r="J432" s="673" t="s">
        <v>1210</v>
      </c>
      <c r="K432" s="664" t="s">
        <v>3104</v>
      </c>
      <c r="L432" s="852" t="s">
        <v>3167</v>
      </c>
      <c r="M432" s="515" t="s">
        <v>4244</v>
      </c>
      <c r="N432" s="775" t="s">
        <v>81</v>
      </c>
      <c r="O432" s="654" t="s">
        <v>3051</v>
      </c>
      <c r="P432" s="657" t="s">
        <v>61</v>
      </c>
      <c r="Q432" s="852" t="s">
        <v>71</v>
      </c>
      <c r="R432" s="657"/>
      <c r="S432" s="657"/>
      <c r="T432" s="853">
        <v>118969</v>
      </c>
      <c r="U432" s="854"/>
      <c r="V432" s="657" t="s">
        <v>4245</v>
      </c>
      <c r="W432" s="642">
        <f t="shared" si="746"/>
        <v>0</v>
      </c>
      <c r="X432" s="745">
        <f t="shared" si="747"/>
        <v>118969</v>
      </c>
      <c r="Y432" s="745" t="s">
        <v>3106</v>
      </c>
      <c r="Z432" s="745" t="str">
        <f>_xlfn.XLOOKUP(I432, 'CALCS Aecom (July 25 2025)'!F:F, 'CALCS Aecom (July 25 2025)'!W:W)</f>
        <v>Multiple Scenario 2 (Step 6)</v>
      </c>
      <c r="AA432" s="650" t="s">
        <v>65</v>
      </c>
      <c r="AB432" s="516" t="s">
        <v>66</v>
      </c>
      <c r="AC432" s="516" t="s">
        <v>66</v>
      </c>
      <c r="AD432" s="516" t="s">
        <v>66</v>
      </c>
      <c r="AE432" s="516" t="s">
        <v>66</v>
      </c>
      <c r="AF432" s="516" t="s">
        <v>66</v>
      </c>
      <c r="AG432" s="516" t="s">
        <v>66</v>
      </c>
      <c r="AH432" s="516" t="s">
        <v>66</v>
      </c>
      <c r="AI432" s="516" t="s">
        <v>66</v>
      </c>
      <c r="AJ432" s="516" t="s">
        <v>66</v>
      </c>
      <c r="AK432" s="516" t="s">
        <v>66</v>
      </c>
      <c r="AL432" s="516" t="s">
        <v>66</v>
      </c>
      <c r="AM432" s="516" t="s">
        <v>66</v>
      </c>
      <c r="AN432" s="516" t="s">
        <v>66</v>
      </c>
      <c r="AO432" s="516" t="s">
        <v>66</v>
      </c>
      <c r="AP432" s="516" t="s">
        <v>66</v>
      </c>
      <c r="AQ432" s="516" t="s">
        <v>66</v>
      </c>
      <c r="AR432" s="516" t="s">
        <v>66</v>
      </c>
      <c r="AS432" s="657"/>
      <c r="AT432" s="657"/>
      <c r="AU432" s="657"/>
      <c r="AV432" s="657"/>
      <c r="AW432" s="657"/>
      <c r="AX432" s="657"/>
      <c r="AY432" s="657"/>
      <c r="AZ432" s="657"/>
      <c r="BA432" s="657"/>
      <c r="BB432" s="657"/>
      <c r="BC432" s="657"/>
      <c r="BD432" s="657"/>
      <c r="BE432" s="657"/>
      <c r="BF432" s="657"/>
      <c r="BG432" s="746"/>
      <c r="BH432" s="746"/>
      <c r="BI432" s="746"/>
      <c r="BJ432" s="746"/>
      <c r="BK432" s="746"/>
      <c r="BL432" s="746"/>
      <c r="BM432" s="746"/>
      <c r="BN432" s="746"/>
      <c r="BO432" s="516" t="s">
        <v>66</v>
      </c>
      <c r="BP432" s="516" t="s">
        <v>66</v>
      </c>
      <c r="BQ432" s="516" t="s">
        <v>66</v>
      </c>
      <c r="BR432" s="516" t="s">
        <v>66</v>
      </c>
      <c r="BS432" s="884">
        <f t="shared" si="680"/>
        <v>21225</v>
      </c>
      <c r="BT432" s="661">
        <f t="shared" si="749"/>
        <v>5.6051354534746762</v>
      </c>
      <c r="BU432" s="661" t="str">
        <f t="shared" si="733"/>
        <v>GOOD</v>
      </c>
      <c r="BV432" s="898">
        <f t="shared" si="750"/>
        <v>28025.677267373379</v>
      </c>
      <c r="BW432" s="898">
        <f t="shared" si="751"/>
        <v>1121.0270906949352</v>
      </c>
      <c r="BX432" s="898">
        <f t="shared" si="752"/>
        <v>2522.3109540636042</v>
      </c>
      <c r="BY432" s="898">
        <f t="shared" si="753"/>
        <v>1961.7974087161367</v>
      </c>
      <c r="BZ432" s="898">
        <f t="shared" si="754"/>
        <v>2802.567726737338</v>
      </c>
      <c r="CA432" s="898">
        <f t="shared" si="755"/>
        <v>2690.4650176678447</v>
      </c>
      <c r="CB432" s="898">
        <f t="shared" si="756"/>
        <v>560.51354534746758</v>
      </c>
      <c r="CC432" s="898">
        <f t="shared" si="757"/>
        <v>2186.0028268551237</v>
      </c>
      <c r="CD432" s="898">
        <f t="shared" si="758"/>
        <v>2802.567726737338</v>
      </c>
      <c r="CE432" s="898">
        <f t="shared" si="759"/>
        <v>2802.567726737338</v>
      </c>
      <c r="CF432" s="898">
        <f t="shared" si="760"/>
        <v>4203.8515901060073</v>
      </c>
      <c r="CG432" s="898">
        <f t="shared" si="761"/>
        <v>1121.0270906949352</v>
      </c>
      <c r="CH432" s="898">
        <f t="shared" si="762"/>
        <v>1311.6016961130742</v>
      </c>
      <c r="CI432" s="898">
        <f t="shared" si="763"/>
        <v>1961.7974087161367</v>
      </c>
      <c r="CJ432" s="898">
        <f t="shared" si="764"/>
        <v>504.46219081272085</v>
      </c>
      <c r="CK432" s="898">
        <f t="shared" si="765"/>
        <v>448.41083627797411</v>
      </c>
      <c r="CL432" s="898">
        <f t="shared" si="766"/>
        <v>13340.22237926973</v>
      </c>
      <c r="CM432" s="898" t="str">
        <f t="shared" si="767"/>
        <v/>
      </c>
      <c r="CN432" s="898" t="str">
        <f t="shared" si="768"/>
        <v/>
      </c>
      <c r="CO432" s="898" t="str">
        <f t="shared" si="769"/>
        <v/>
      </c>
      <c r="CP432" s="898" t="str">
        <f t="shared" si="770"/>
        <v/>
      </c>
      <c r="CQ432" s="898" t="str">
        <f t="shared" si="771"/>
        <v/>
      </c>
      <c r="CR432" s="898" t="str">
        <f t="shared" si="772"/>
        <v/>
      </c>
      <c r="CS432" s="898" t="str">
        <f t="shared" si="773"/>
        <v/>
      </c>
      <c r="CT432" s="898" t="str">
        <f t="shared" si="774"/>
        <v/>
      </c>
      <c r="CU432" s="898" t="str">
        <f t="shared" si="775"/>
        <v/>
      </c>
      <c r="CV432" s="898" t="str">
        <f t="shared" si="776"/>
        <v/>
      </c>
      <c r="CW432" s="898" t="str">
        <f t="shared" si="777"/>
        <v/>
      </c>
      <c r="CX432" s="898" t="str">
        <f t="shared" si="778"/>
        <v/>
      </c>
      <c r="CY432" s="898" t="str">
        <f t="shared" si="779"/>
        <v/>
      </c>
      <c r="CZ432" s="898" t="str">
        <f t="shared" si="780"/>
        <v/>
      </c>
      <c r="DA432" s="898" t="str">
        <f t="shared" si="781"/>
        <v/>
      </c>
      <c r="DB432" s="898" t="str">
        <f t="shared" si="782"/>
        <v/>
      </c>
      <c r="DC432" s="898" t="str">
        <f t="shared" si="783"/>
        <v/>
      </c>
      <c r="DD432" s="898" t="str">
        <f t="shared" si="784"/>
        <v/>
      </c>
      <c r="DE432" s="898" t="str">
        <f t="shared" si="785"/>
        <v/>
      </c>
      <c r="DF432" s="898" t="str">
        <f t="shared" si="786"/>
        <v/>
      </c>
      <c r="DG432" s="898" t="str">
        <f t="shared" si="787"/>
        <v/>
      </c>
      <c r="DH432" s="898" t="str">
        <f t="shared" si="788"/>
        <v/>
      </c>
      <c r="DI432" s="898">
        <f t="shared" si="789"/>
        <v>8407.7031802120146</v>
      </c>
      <c r="DJ432" s="898">
        <f t="shared" si="790"/>
        <v>8968.2167255594813</v>
      </c>
      <c r="DK432" s="898">
        <f t="shared" si="791"/>
        <v>13452.325088339223</v>
      </c>
      <c r="DL432" s="898">
        <f t="shared" si="792"/>
        <v>17773.884522968197</v>
      </c>
      <c r="DM432" s="661">
        <f t="shared" si="681"/>
        <v>70366.870482921091</v>
      </c>
      <c r="DN432" s="898">
        <f t="shared" si="682"/>
        <v>48602.129517078916</v>
      </c>
      <c r="DO432" s="516">
        <f t="shared" si="683"/>
        <v>0</v>
      </c>
      <c r="DP432" s="898">
        <f t="shared" si="684"/>
        <v>0</v>
      </c>
      <c r="DQ432" s="860" t="s">
        <v>4246</v>
      </c>
      <c r="DR432" s="610" t="s">
        <v>4247</v>
      </c>
      <c r="DS432" s="1221" t="s">
        <v>4248</v>
      </c>
      <c r="DT432" s="632"/>
    </row>
    <row r="433" spans="1:124" ht="57" x14ac:dyDescent="0.2">
      <c r="A433" s="484" t="str">
        <f t="shared" si="679"/>
        <v>Durrants Hill Road-Ebberns Road pedestrian crossing improvements</v>
      </c>
      <c r="B433" s="1163">
        <v>430</v>
      </c>
      <c r="C433" s="1156" t="s">
        <v>4534</v>
      </c>
      <c r="D433" s="481" t="s">
        <v>2481</v>
      </c>
      <c r="E433" s="481" t="s">
        <v>53</v>
      </c>
      <c r="F433" s="481" t="s">
        <v>655</v>
      </c>
      <c r="G433" s="775" t="s">
        <v>932</v>
      </c>
      <c r="H433" s="855" t="s">
        <v>1211</v>
      </c>
      <c r="I433" s="775" t="str">
        <f t="shared" si="732"/>
        <v>SG28-1</v>
      </c>
      <c r="J433" s="673" t="s">
        <v>1212</v>
      </c>
      <c r="K433" s="664" t="s">
        <v>3104</v>
      </c>
      <c r="L433" s="852" t="s">
        <v>3167</v>
      </c>
      <c r="M433" s="515" t="s">
        <v>4244</v>
      </c>
      <c r="N433" s="775" t="s">
        <v>81</v>
      </c>
      <c r="O433" s="654" t="s">
        <v>3051</v>
      </c>
      <c r="P433" s="657" t="s">
        <v>61</v>
      </c>
      <c r="Q433" s="852" t="s">
        <v>71</v>
      </c>
      <c r="R433" s="657"/>
      <c r="S433" s="657"/>
      <c r="T433" s="853">
        <v>6382</v>
      </c>
      <c r="U433" s="854"/>
      <c r="V433" s="657" t="s">
        <v>4245</v>
      </c>
      <c r="W433" s="642">
        <f t="shared" si="746"/>
        <v>0</v>
      </c>
      <c r="X433" s="745">
        <f t="shared" si="747"/>
        <v>6382</v>
      </c>
      <c r="Y433" s="745" t="s">
        <v>3106</v>
      </c>
      <c r="Z433" s="745" t="str">
        <f>_xlfn.XLOOKUP(I433, 'CALCS Aecom (July 25 2025)'!F:F, 'CALCS Aecom (July 25 2025)'!W:W)</f>
        <v>Multiple Scenario 2 (Step 6)</v>
      </c>
      <c r="AA433" s="650" t="s">
        <v>65</v>
      </c>
      <c r="AB433" s="516" t="s">
        <v>66</v>
      </c>
      <c r="AC433" s="516" t="s">
        <v>66</v>
      </c>
      <c r="AD433" s="516" t="s">
        <v>66</v>
      </c>
      <c r="AE433" s="516" t="s">
        <v>66</v>
      </c>
      <c r="AF433" s="516" t="s">
        <v>66</v>
      </c>
      <c r="AG433" s="516" t="s">
        <v>66</v>
      </c>
      <c r="AH433" s="516" t="s">
        <v>66</v>
      </c>
      <c r="AI433" s="516" t="s">
        <v>66</v>
      </c>
      <c r="AJ433" s="516" t="s">
        <v>66</v>
      </c>
      <c r="AK433" s="516" t="s">
        <v>66</v>
      </c>
      <c r="AL433" s="516" t="s">
        <v>66</v>
      </c>
      <c r="AM433" s="516" t="s">
        <v>66</v>
      </c>
      <c r="AN433" s="516" t="s">
        <v>66</v>
      </c>
      <c r="AO433" s="516" t="s">
        <v>66</v>
      </c>
      <c r="AP433" s="516" t="s">
        <v>66</v>
      </c>
      <c r="AQ433" s="516" t="s">
        <v>66</v>
      </c>
      <c r="AR433" s="516" t="s">
        <v>66</v>
      </c>
      <c r="AS433" s="892"/>
      <c r="AT433" s="892"/>
      <c r="AU433" s="892"/>
      <c r="AV433" s="661"/>
      <c r="AW433" s="892"/>
      <c r="AX433" s="892"/>
      <c r="AY433" s="892"/>
      <c r="AZ433" s="661"/>
      <c r="BA433" s="892"/>
      <c r="BB433" s="661"/>
      <c r="BC433" s="661"/>
      <c r="BD433" s="892"/>
      <c r="BE433" s="661"/>
      <c r="BF433" s="661"/>
      <c r="BG433" s="746"/>
      <c r="BH433" s="746"/>
      <c r="BI433" s="746"/>
      <c r="BJ433" s="746"/>
      <c r="BK433" s="746"/>
      <c r="BL433" s="746"/>
      <c r="BM433" s="746"/>
      <c r="BN433" s="746"/>
      <c r="BO433" s="516" t="s">
        <v>66</v>
      </c>
      <c r="BP433" s="516" t="s">
        <v>66</v>
      </c>
      <c r="BQ433" s="516" t="s">
        <v>66</v>
      </c>
      <c r="BR433" s="516" t="s">
        <v>66</v>
      </c>
      <c r="BS433" s="884">
        <f t="shared" si="680"/>
        <v>21225</v>
      </c>
      <c r="BT433" s="661">
        <f t="shared" si="749"/>
        <v>0.3006831566548881</v>
      </c>
      <c r="BU433" s="661" t="str">
        <f t="shared" si="733"/>
        <v>GOOD</v>
      </c>
      <c r="BV433" s="898">
        <f t="shared" si="750"/>
        <v>1503.4157832744404</v>
      </c>
      <c r="BW433" s="898">
        <f t="shared" si="751"/>
        <v>60.136631330977622</v>
      </c>
      <c r="BX433" s="898">
        <f t="shared" si="752"/>
        <v>135.30742049469964</v>
      </c>
      <c r="BY433" s="898">
        <f t="shared" si="753"/>
        <v>105.23910482921083</v>
      </c>
      <c r="BZ433" s="898">
        <f t="shared" si="754"/>
        <v>150.34157832744404</v>
      </c>
      <c r="CA433" s="898">
        <f t="shared" si="755"/>
        <v>144.32791519434628</v>
      </c>
      <c r="CB433" s="898">
        <f t="shared" si="756"/>
        <v>30.068315665488811</v>
      </c>
      <c r="CC433" s="898">
        <f t="shared" si="757"/>
        <v>117.26643109540636</v>
      </c>
      <c r="CD433" s="898">
        <f t="shared" si="758"/>
        <v>150.34157832744404</v>
      </c>
      <c r="CE433" s="898">
        <f t="shared" si="759"/>
        <v>150.34157832744404</v>
      </c>
      <c r="CF433" s="898">
        <f t="shared" si="760"/>
        <v>225.51236749116606</v>
      </c>
      <c r="CG433" s="898">
        <f t="shared" si="761"/>
        <v>60.136631330977622</v>
      </c>
      <c r="CH433" s="898">
        <f t="shared" si="762"/>
        <v>70.359858657243819</v>
      </c>
      <c r="CI433" s="898">
        <f t="shared" si="763"/>
        <v>105.23910482921083</v>
      </c>
      <c r="CJ433" s="898">
        <f t="shared" si="764"/>
        <v>27.061484098939928</v>
      </c>
      <c r="CK433" s="898">
        <f t="shared" si="765"/>
        <v>24.054652532391046</v>
      </c>
      <c r="CL433" s="898">
        <f t="shared" si="766"/>
        <v>715.62591283863367</v>
      </c>
      <c r="CM433" s="898" t="str">
        <f t="shared" si="767"/>
        <v/>
      </c>
      <c r="CN433" s="898" t="str">
        <f t="shared" si="768"/>
        <v/>
      </c>
      <c r="CO433" s="898" t="str">
        <f t="shared" si="769"/>
        <v/>
      </c>
      <c r="CP433" s="898" t="str">
        <f t="shared" si="770"/>
        <v/>
      </c>
      <c r="CQ433" s="898" t="str">
        <f t="shared" si="771"/>
        <v/>
      </c>
      <c r="CR433" s="898" t="str">
        <f t="shared" si="772"/>
        <v/>
      </c>
      <c r="CS433" s="898" t="str">
        <f t="shared" si="773"/>
        <v/>
      </c>
      <c r="CT433" s="898" t="str">
        <f t="shared" si="774"/>
        <v/>
      </c>
      <c r="CU433" s="898" t="str">
        <f t="shared" si="775"/>
        <v/>
      </c>
      <c r="CV433" s="898" t="str">
        <f t="shared" si="776"/>
        <v/>
      </c>
      <c r="CW433" s="898" t="str">
        <f t="shared" si="777"/>
        <v/>
      </c>
      <c r="CX433" s="898" t="str">
        <f t="shared" si="778"/>
        <v/>
      </c>
      <c r="CY433" s="898" t="str">
        <f t="shared" si="779"/>
        <v/>
      </c>
      <c r="CZ433" s="898" t="str">
        <f t="shared" si="780"/>
        <v/>
      </c>
      <c r="DA433" s="898" t="str">
        <f t="shared" si="781"/>
        <v/>
      </c>
      <c r="DB433" s="898" t="str">
        <f t="shared" si="782"/>
        <v/>
      </c>
      <c r="DC433" s="898" t="str">
        <f t="shared" si="783"/>
        <v/>
      </c>
      <c r="DD433" s="898" t="str">
        <f t="shared" si="784"/>
        <v/>
      </c>
      <c r="DE433" s="898" t="str">
        <f t="shared" si="785"/>
        <v/>
      </c>
      <c r="DF433" s="898" t="str">
        <f t="shared" si="786"/>
        <v/>
      </c>
      <c r="DG433" s="898" t="str">
        <f t="shared" si="787"/>
        <v/>
      </c>
      <c r="DH433" s="898" t="str">
        <f t="shared" si="788"/>
        <v/>
      </c>
      <c r="DI433" s="898">
        <f t="shared" si="789"/>
        <v>451.02473498233212</v>
      </c>
      <c r="DJ433" s="898">
        <f t="shared" si="790"/>
        <v>481.09305064782097</v>
      </c>
      <c r="DK433" s="898">
        <f t="shared" si="791"/>
        <v>721.63957597173146</v>
      </c>
      <c r="DL433" s="898">
        <f t="shared" si="792"/>
        <v>953.46628975265014</v>
      </c>
      <c r="DM433" s="661">
        <f t="shared" si="681"/>
        <v>3774.7763486454655</v>
      </c>
      <c r="DN433" s="898">
        <f t="shared" si="682"/>
        <v>2607.2236513545345</v>
      </c>
      <c r="DO433" s="516">
        <f t="shared" si="683"/>
        <v>0</v>
      </c>
      <c r="DP433" s="898">
        <f t="shared" si="684"/>
        <v>0</v>
      </c>
      <c r="DQ433" s="860" t="s">
        <v>4246</v>
      </c>
      <c r="DR433" s="610" t="s">
        <v>4247</v>
      </c>
      <c r="DS433" s="1221" t="s">
        <v>4248</v>
      </c>
      <c r="DT433" s="632"/>
    </row>
    <row r="434" spans="1:124" ht="57" x14ac:dyDescent="0.2">
      <c r="A434" s="484" t="str">
        <f t="shared" si="679"/>
        <v xml:space="preserve">Durrents Hill additional pedestrian crossing </v>
      </c>
      <c r="B434" s="1163">
        <v>431</v>
      </c>
      <c r="C434" s="1156" t="s">
        <v>4535</v>
      </c>
      <c r="D434" s="481" t="s">
        <v>2481</v>
      </c>
      <c r="E434" s="481" t="s">
        <v>53</v>
      </c>
      <c r="F434" s="481" t="s">
        <v>655</v>
      </c>
      <c r="G434" s="775" t="s">
        <v>932</v>
      </c>
      <c r="H434" s="855" t="s">
        <v>1213</v>
      </c>
      <c r="I434" s="775" t="str">
        <f t="shared" si="732"/>
        <v>SG28-2</v>
      </c>
      <c r="J434" s="673" t="s">
        <v>1214</v>
      </c>
      <c r="K434" s="664" t="s">
        <v>3104</v>
      </c>
      <c r="L434" s="852" t="s">
        <v>3167</v>
      </c>
      <c r="M434" s="515" t="s">
        <v>4244</v>
      </c>
      <c r="N434" s="775" t="s">
        <v>81</v>
      </c>
      <c r="O434" s="654" t="s">
        <v>3051</v>
      </c>
      <c r="P434" s="657" t="s">
        <v>61</v>
      </c>
      <c r="Q434" s="852" t="s">
        <v>71</v>
      </c>
      <c r="R434" s="657"/>
      <c r="S434" s="657"/>
      <c r="T434" s="853">
        <v>68524</v>
      </c>
      <c r="U434" s="854"/>
      <c r="V434" s="657" t="s">
        <v>4245</v>
      </c>
      <c r="W434" s="642">
        <f t="shared" si="746"/>
        <v>0</v>
      </c>
      <c r="X434" s="745">
        <f t="shared" si="747"/>
        <v>68524</v>
      </c>
      <c r="Y434" s="745" t="s">
        <v>3106</v>
      </c>
      <c r="Z434" s="745" t="str">
        <f>_xlfn.XLOOKUP(I434, 'CALCS Aecom (July 25 2025)'!F:F, 'CALCS Aecom (July 25 2025)'!W:W)</f>
        <v>Multiple Scenario 2 (Step 6)</v>
      </c>
      <c r="AA434" s="650" t="s">
        <v>65</v>
      </c>
      <c r="AB434" s="516" t="s">
        <v>66</v>
      </c>
      <c r="AC434" s="516" t="s">
        <v>66</v>
      </c>
      <c r="AD434" s="516" t="s">
        <v>66</v>
      </c>
      <c r="AE434" s="516" t="s">
        <v>66</v>
      </c>
      <c r="AF434" s="516" t="s">
        <v>66</v>
      </c>
      <c r="AG434" s="516" t="s">
        <v>66</v>
      </c>
      <c r="AH434" s="516" t="s">
        <v>66</v>
      </c>
      <c r="AI434" s="516" t="s">
        <v>66</v>
      </c>
      <c r="AJ434" s="516" t="s">
        <v>66</v>
      </c>
      <c r="AK434" s="516" t="s">
        <v>66</v>
      </c>
      <c r="AL434" s="516" t="s">
        <v>66</v>
      </c>
      <c r="AM434" s="516" t="s">
        <v>66</v>
      </c>
      <c r="AN434" s="516" t="s">
        <v>66</v>
      </c>
      <c r="AO434" s="516" t="s">
        <v>66</v>
      </c>
      <c r="AP434" s="516" t="s">
        <v>66</v>
      </c>
      <c r="AQ434" s="516" t="s">
        <v>66</v>
      </c>
      <c r="AR434" s="516" t="s">
        <v>66</v>
      </c>
      <c r="AS434" s="892"/>
      <c r="AT434" s="892"/>
      <c r="AU434" s="892"/>
      <c r="AV434" s="661"/>
      <c r="AW434" s="892"/>
      <c r="AX434" s="892"/>
      <c r="AY434" s="892"/>
      <c r="AZ434" s="661"/>
      <c r="BA434" s="892"/>
      <c r="BB434" s="661"/>
      <c r="BC434" s="661"/>
      <c r="BD434" s="892"/>
      <c r="BE434" s="661"/>
      <c r="BF434" s="661"/>
      <c r="BG434" s="746"/>
      <c r="BH434" s="746"/>
      <c r="BI434" s="746"/>
      <c r="BJ434" s="746"/>
      <c r="BK434" s="746"/>
      <c r="BL434" s="746"/>
      <c r="BM434" s="746"/>
      <c r="BN434" s="746"/>
      <c r="BO434" s="516" t="s">
        <v>66</v>
      </c>
      <c r="BP434" s="516" t="s">
        <v>66</v>
      </c>
      <c r="BQ434" s="516" t="s">
        <v>66</v>
      </c>
      <c r="BR434" s="516" t="s">
        <v>66</v>
      </c>
      <c r="BS434" s="884">
        <f t="shared" si="680"/>
        <v>21225</v>
      </c>
      <c r="BT434" s="661">
        <f t="shared" si="749"/>
        <v>3.2284570082449942</v>
      </c>
      <c r="BU434" s="661" t="str">
        <f t="shared" ref="BU434:BU463" si="793">IF(SUM(BV434:DL434)=X434, "GOOD", "ERROR")</f>
        <v>GOOD</v>
      </c>
      <c r="BV434" s="898">
        <f t="shared" si="750"/>
        <v>16142.28504122497</v>
      </c>
      <c r="BW434" s="898">
        <f t="shared" si="751"/>
        <v>645.69140164899886</v>
      </c>
      <c r="BX434" s="898">
        <f t="shared" si="752"/>
        <v>1452.8056537102473</v>
      </c>
      <c r="BY434" s="898">
        <f t="shared" si="753"/>
        <v>1129.959952885748</v>
      </c>
      <c r="BZ434" s="898">
        <f t="shared" si="754"/>
        <v>1614.228504122497</v>
      </c>
      <c r="CA434" s="898">
        <f t="shared" si="755"/>
        <v>1549.6593639575972</v>
      </c>
      <c r="CB434" s="898">
        <f t="shared" si="756"/>
        <v>322.84570082449943</v>
      </c>
      <c r="CC434" s="898">
        <f t="shared" si="757"/>
        <v>1259.0982332155477</v>
      </c>
      <c r="CD434" s="898">
        <f t="shared" si="758"/>
        <v>1614.228504122497</v>
      </c>
      <c r="CE434" s="898">
        <f t="shared" si="759"/>
        <v>1614.228504122497</v>
      </c>
      <c r="CF434" s="898">
        <f t="shared" si="760"/>
        <v>2421.3427561837457</v>
      </c>
      <c r="CG434" s="898">
        <f t="shared" si="761"/>
        <v>645.69140164899886</v>
      </c>
      <c r="CH434" s="898">
        <f t="shared" si="762"/>
        <v>755.45893992932861</v>
      </c>
      <c r="CI434" s="898">
        <f t="shared" si="763"/>
        <v>1129.959952885748</v>
      </c>
      <c r="CJ434" s="898">
        <f t="shared" si="764"/>
        <v>290.5611307420495</v>
      </c>
      <c r="CK434" s="898">
        <f t="shared" si="765"/>
        <v>258.27656065959951</v>
      </c>
      <c r="CL434" s="898">
        <f t="shared" si="766"/>
        <v>7683.7276796230863</v>
      </c>
      <c r="CM434" s="898" t="str">
        <f t="shared" si="767"/>
        <v/>
      </c>
      <c r="CN434" s="898" t="str">
        <f t="shared" si="768"/>
        <v/>
      </c>
      <c r="CO434" s="898" t="str">
        <f t="shared" si="769"/>
        <v/>
      </c>
      <c r="CP434" s="898" t="str">
        <f t="shared" si="770"/>
        <v/>
      </c>
      <c r="CQ434" s="898" t="str">
        <f t="shared" si="771"/>
        <v/>
      </c>
      <c r="CR434" s="898" t="str">
        <f t="shared" si="772"/>
        <v/>
      </c>
      <c r="CS434" s="898" t="str">
        <f t="shared" si="773"/>
        <v/>
      </c>
      <c r="CT434" s="898" t="str">
        <f t="shared" si="774"/>
        <v/>
      </c>
      <c r="CU434" s="898" t="str">
        <f t="shared" si="775"/>
        <v/>
      </c>
      <c r="CV434" s="898" t="str">
        <f t="shared" si="776"/>
        <v/>
      </c>
      <c r="CW434" s="898" t="str">
        <f t="shared" si="777"/>
        <v/>
      </c>
      <c r="CX434" s="898" t="str">
        <f t="shared" si="778"/>
        <v/>
      </c>
      <c r="CY434" s="898" t="str">
        <f t="shared" si="779"/>
        <v/>
      </c>
      <c r="CZ434" s="898" t="str">
        <f t="shared" si="780"/>
        <v/>
      </c>
      <c r="DA434" s="898" t="str">
        <f t="shared" si="781"/>
        <v/>
      </c>
      <c r="DB434" s="898" t="str">
        <f t="shared" si="782"/>
        <v/>
      </c>
      <c r="DC434" s="898" t="str">
        <f t="shared" si="783"/>
        <v/>
      </c>
      <c r="DD434" s="898" t="str">
        <f t="shared" si="784"/>
        <v/>
      </c>
      <c r="DE434" s="898" t="str">
        <f t="shared" si="785"/>
        <v/>
      </c>
      <c r="DF434" s="898" t="str">
        <f t="shared" si="786"/>
        <v/>
      </c>
      <c r="DG434" s="898" t="str">
        <f t="shared" si="787"/>
        <v/>
      </c>
      <c r="DH434" s="898" t="str">
        <f t="shared" si="788"/>
        <v/>
      </c>
      <c r="DI434" s="898">
        <f t="shared" si="789"/>
        <v>4842.6855123674914</v>
      </c>
      <c r="DJ434" s="898">
        <f t="shared" si="790"/>
        <v>5165.5312131919909</v>
      </c>
      <c r="DK434" s="898">
        <f t="shared" si="791"/>
        <v>7748.2968197879864</v>
      </c>
      <c r="DL434" s="898">
        <f t="shared" si="792"/>
        <v>10237.437173144877</v>
      </c>
      <c r="DM434" s="661">
        <f t="shared" si="681"/>
        <v>40530.04928150765</v>
      </c>
      <c r="DN434" s="898">
        <f t="shared" si="682"/>
        <v>27993.950718492346</v>
      </c>
      <c r="DO434" s="516">
        <f t="shared" si="683"/>
        <v>0</v>
      </c>
      <c r="DP434" s="898">
        <f t="shared" si="684"/>
        <v>0</v>
      </c>
      <c r="DQ434" s="860" t="s">
        <v>4246</v>
      </c>
      <c r="DR434" s="610" t="s">
        <v>4247</v>
      </c>
      <c r="DS434" s="1221" t="s">
        <v>4248</v>
      </c>
      <c r="DT434" s="632"/>
    </row>
    <row r="435" spans="1:124" ht="57" x14ac:dyDescent="0.2">
      <c r="A435" s="484" t="str">
        <f t="shared" si="679"/>
        <v>Durrants Hill Road Wayfinding Signage</v>
      </c>
      <c r="B435" s="1163">
        <v>432</v>
      </c>
      <c r="C435" s="1156" t="s">
        <v>4536</v>
      </c>
      <c r="D435" s="481" t="s">
        <v>2481</v>
      </c>
      <c r="E435" s="481" t="s">
        <v>53</v>
      </c>
      <c r="F435" s="481" t="s">
        <v>655</v>
      </c>
      <c r="G435" s="775" t="s">
        <v>932</v>
      </c>
      <c r="H435" s="855" t="s">
        <v>1215</v>
      </c>
      <c r="I435" s="775" t="str">
        <f t="shared" si="732"/>
        <v>SG28-3</v>
      </c>
      <c r="J435" s="673" t="s">
        <v>1216</v>
      </c>
      <c r="K435" s="664" t="s">
        <v>3104</v>
      </c>
      <c r="L435" s="852" t="s">
        <v>3167</v>
      </c>
      <c r="M435" s="515" t="s">
        <v>4244</v>
      </c>
      <c r="N435" s="775" t="s">
        <v>81</v>
      </c>
      <c r="O435" s="654" t="s">
        <v>3051</v>
      </c>
      <c r="P435" s="657" t="s">
        <v>61</v>
      </c>
      <c r="Q435" s="852" t="s">
        <v>71</v>
      </c>
      <c r="R435" s="657"/>
      <c r="S435" s="657"/>
      <c r="T435" s="853">
        <v>10441</v>
      </c>
      <c r="U435" s="854"/>
      <c r="V435" s="657" t="s">
        <v>4245</v>
      </c>
      <c r="W435" s="642">
        <f t="shared" si="746"/>
        <v>0</v>
      </c>
      <c r="X435" s="745">
        <f t="shared" si="747"/>
        <v>10441</v>
      </c>
      <c r="Y435" s="745" t="s">
        <v>3106</v>
      </c>
      <c r="Z435" s="745" t="str">
        <f>_xlfn.XLOOKUP(I435, 'CALCS Aecom (July 25 2025)'!F:F, 'CALCS Aecom (July 25 2025)'!W:W)</f>
        <v>Multiple Scenario 2 (Step 6)</v>
      </c>
      <c r="AA435" s="650" t="s">
        <v>65</v>
      </c>
      <c r="AB435" s="516" t="s">
        <v>66</v>
      </c>
      <c r="AC435" s="516" t="s">
        <v>66</v>
      </c>
      <c r="AD435" s="516" t="s">
        <v>66</v>
      </c>
      <c r="AE435" s="516" t="s">
        <v>66</v>
      </c>
      <c r="AF435" s="516" t="s">
        <v>66</v>
      </c>
      <c r="AG435" s="516" t="s">
        <v>66</v>
      </c>
      <c r="AH435" s="516" t="s">
        <v>66</v>
      </c>
      <c r="AI435" s="516" t="s">
        <v>66</v>
      </c>
      <c r="AJ435" s="516" t="s">
        <v>66</v>
      </c>
      <c r="AK435" s="516" t="s">
        <v>66</v>
      </c>
      <c r="AL435" s="516" t="s">
        <v>66</v>
      </c>
      <c r="AM435" s="516" t="s">
        <v>66</v>
      </c>
      <c r="AN435" s="516" t="s">
        <v>66</v>
      </c>
      <c r="AO435" s="516" t="s">
        <v>66</v>
      </c>
      <c r="AP435" s="516" t="s">
        <v>66</v>
      </c>
      <c r="AQ435" s="516" t="s">
        <v>66</v>
      </c>
      <c r="AR435" s="516" t="s">
        <v>66</v>
      </c>
      <c r="AS435" s="892"/>
      <c r="AT435" s="892"/>
      <c r="AU435" s="892"/>
      <c r="AV435" s="661"/>
      <c r="AW435" s="892"/>
      <c r="AX435" s="892"/>
      <c r="AY435" s="892"/>
      <c r="AZ435" s="661"/>
      <c r="BA435" s="892"/>
      <c r="BB435" s="661"/>
      <c r="BC435" s="661"/>
      <c r="BD435" s="892"/>
      <c r="BE435" s="661"/>
      <c r="BF435" s="661"/>
      <c r="BG435" s="746"/>
      <c r="BH435" s="746"/>
      <c r="BI435" s="746"/>
      <c r="BJ435" s="746"/>
      <c r="BK435" s="746"/>
      <c r="BL435" s="746"/>
      <c r="BM435" s="746"/>
      <c r="BN435" s="746"/>
      <c r="BO435" s="516" t="s">
        <v>66</v>
      </c>
      <c r="BP435" s="516" t="s">
        <v>66</v>
      </c>
      <c r="BQ435" s="516" t="s">
        <v>66</v>
      </c>
      <c r="BR435" s="516" t="s">
        <v>66</v>
      </c>
      <c r="BS435" s="884">
        <f t="shared" si="680"/>
        <v>21225</v>
      </c>
      <c r="BT435" s="661">
        <f t="shared" si="749"/>
        <v>0.49191990577149586</v>
      </c>
      <c r="BU435" s="661" t="str">
        <f t="shared" si="793"/>
        <v>GOOD</v>
      </c>
      <c r="BV435" s="898">
        <f t="shared" si="750"/>
        <v>2459.5995288574791</v>
      </c>
      <c r="BW435" s="898">
        <f t="shared" si="751"/>
        <v>98.383981154299178</v>
      </c>
      <c r="BX435" s="898">
        <f t="shared" si="752"/>
        <v>221.36395759717314</v>
      </c>
      <c r="BY435" s="898">
        <f t="shared" si="753"/>
        <v>172.17196702002354</v>
      </c>
      <c r="BZ435" s="898">
        <f t="shared" si="754"/>
        <v>245.95995288574792</v>
      </c>
      <c r="CA435" s="898">
        <f t="shared" si="755"/>
        <v>236.121554770318</v>
      </c>
      <c r="CB435" s="898">
        <f t="shared" si="756"/>
        <v>49.191990577149589</v>
      </c>
      <c r="CC435" s="898">
        <f t="shared" si="757"/>
        <v>191.84876325088339</v>
      </c>
      <c r="CD435" s="898">
        <f t="shared" si="758"/>
        <v>245.95995288574792</v>
      </c>
      <c r="CE435" s="898">
        <f t="shared" si="759"/>
        <v>245.95995288574792</v>
      </c>
      <c r="CF435" s="898">
        <f t="shared" si="760"/>
        <v>368.93992932862187</v>
      </c>
      <c r="CG435" s="898">
        <f t="shared" si="761"/>
        <v>98.383981154299178</v>
      </c>
      <c r="CH435" s="898">
        <f t="shared" si="762"/>
        <v>115.10925795053004</v>
      </c>
      <c r="CI435" s="898">
        <f t="shared" si="763"/>
        <v>172.17196702002354</v>
      </c>
      <c r="CJ435" s="898">
        <f t="shared" si="764"/>
        <v>44.272791519434627</v>
      </c>
      <c r="CK435" s="898">
        <f t="shared" si="765"/>
        <v>39.353592461719671</v>
      </c>
      <c r="CL435" s="898">
        <f t="shared" si="766"/>
        <v>1170.7693757361601</v>
      </c>
      <c r="CM435" s="898" t="str">
        <f t="shared" si="767"/>
        <v/>
      </c>
      <c r="CN435" s="898" t="str">
        <f t="shared" si="768"/>
        <v/>
      </c>
      <c r="CO435" s="898" t="str">
        <f t="shared" si="769"/>
        <v/>
      </c>
      <c r="CP435" s="898" t="str">
        <f t="shared" si="770"/>
        <v/>
      </c>
      <c r="CQ435" s="898" t="str">
        <f t="shared" si="771"/>
        <v/>
      </c>
      <c r="CR435" s="898" t="str">
        <f t="shared" si="772"/>
        <v/>
      </c>
      <c r="CS435" s="898" t="str">
        <f t="shared" si="773"/>
        <v/>
      </c>
      <c r="CT435" s="898" t="str">
        <f t="shared" si="774"/>
        <v/>
      </c>
      <c r="CU435" s="898" t="str">
        <f t="shared" si="775"/>
        <v/>
      </c>
      <c r="CV435" s="898" t="str">
        <f t="shared" si="776"/>
        <v/>
      </c>
      <c r="CW435" s="898" t="str">
        <f t="shared" si="777"/>
        <v/>
      </c>
      <c r="CX435" s="898" t="str">
        <f t="shared" si="778"/>
        <v/>
      </c>
      <c r="CY435" s="898" t="str">
        <f t="shared" si="779"/>
        <v/>
      </c>
      <c r="CZ435" s="898" t="str">
        <f t="shared" si="780"/>
        <v/>
      </c>
      <c r="DA435" s="898" t="str">
        <f t="shared" si="781"/>
        <v/>
      </c>
      <c r="DB435" s="898" t="str">
        <f t="shared" si="782"/>
        <v/>
      </c>
      <c r="DC435" s="898" t="str">
        <f t="shared" si="783"/>
        <v/>
      </c>
      <c r="DD435" s="898" t="str">
        <f t="shared" si="784"/>
        <v/>
      </c>
      <c r="DE435" s="898" t="str">
        <f t="shared" si="785"/>
        <v/>
      </c>
      <c r="DF435" s="898" t="str">
        <f t="shared" si="786"/>
        <v/>
      </c>
      <c r="DG435" s="898" t="str">
        <f t="shared" si="787"/>
        <v/>
      </c>
      <c r="DH435" s="898" t="str">
        <f t="shared" si="788"/>
        <v/>
      </c>
      <c r="DI435" s="898">
        <f t="shared" si="789"/>
        <v>737.87985865724374</v>
      </c>
      <c r="DJ435" s="898">
        <f t="shared" si="790"/>
        <v>787.07184923439343</v>
      </c>
      <c r="DK435" s="898">
        <f t="shared" si="791"/>
        <v>1180.6077738515901</v>
      </c>
      <c r="DL435" s="898">
        <f t="shared" si="792"/>
        <v>1559.8780212014133</v>
      </c>
      <c r="DM435" s="661">
        <f t="shared" si="681"/>
        <v>6175.5624970553599</v>
      </c>
      <c r="DN435" s="898">
        <f t="shared" si="682"/>
        <v>4265.437502944641</v>
      </c>
      <c r="DO435" s="516">
        <f t="shared" si="683"/>
        <v>0</v>
      </c>
      <c r="DP435" s="898">
        <f t="shared" si="684"/>
        <v>0</v>
      </c>
      <c r="DQ435" s="860" t="s">
        <v>4246</v>
      </c>
      <c r="DR435" s="610" t="s">
        <v>4247</v>
      </c>
      <c r="DS435" s="1221" t="s">
        <v>4248</v>
      </c>
      <c r="DT435" s="632"/>
    </row>
    <row r="436" spans="1:124" ht="57" x14ac:dyDescent="0.2">
      <c r="A436" s="484" t="str">
        <f t="shared" si="679"/>
        <v>Durrants Hill Road cycle parking</v>
      </c>
      <c r="B436" s="1163">
        <v>433</v>
      </c>
      <c r="C436" s="1156" t="s">
        <v>4537</v>
      </c>
      <c r="D436" s="481" t="s">
        <v>2481</v>
      </c>
      <c r="E436" s="481" t="s">
        <v>53</v>
      </c>
      <c r="F436" s="481" t="s">
        <v>655</v>
      </c>
      <c r="G436" s="775" t="s">
        <v>932</v>
      </c>
      <c r="H436" s="855" t="s">
        <v>1217</v>
      </c>
      <c r="I436" s="775" t="str">
        <f t="shared" si="732"/>
        <v>SG28-4</v>
      </c>
      <c r="J436" s="673" t="s">
        <v>1218</v>
      </c>
      <c r="K436" s="664" t="s">
        <v>3104</v>
      </c>
      <c r="L436" s="852" t="s">
        <v>3167</v>
      </c>
      <c r="M436" s="515" t="s">
        <v>4244</v>
      </c>
      <c r="N436" s="775" t="s">
        <v>81</v>
      </c>
      <c r="O436" s="654" t="s">
        <v>3051</v>
      </c>
      <c r="P436" s="657" t="s">
        <v>61</v>
      </c>
      <c r="Q436" s="852" t="s">
        <v>71</v>
      </c>
      <c r="R436" s="657"/>
      <c r="S436" s="657"/>
      <c r="T436" s="853">
        <v>797</v>
      </c>
      <c r="U436" s="854"/>
      <c r="V436" s="657" t="s">
        <v>4245</v>
      </c>
      <c r="W436" s="642">
        <f t="shared" si="746"/>
        <v>0</v>
      </c>
      <c r="X436" s="745">
        <f t="shared" si="747"/>
        <v>797</v>
      </c>
      <c r="Y436" s="745" t="s">
        <v>3106</v>
      </c>
      <c r="Z436" s="745" t="str">
        <f>_xlfn.XLOOKUP(I436, 'CALCS Aecom (July 25 2025)'!F:F, 'CALCS Aecom (July 25 2025)'!W:W)</f>
        <v>Multiple Scenario 2 (Step 6)</v>
      </c>
      <c r="AA436" s="650" t="s">
        <v>65</v>
      </c>
      <c r="AB436" s="516" t="s">
        <v>66</v>
      </c>
      <c r="AC436" s="516" t="s">
        <v>66</v>
      </c>
      <c r="AD436" s="516" t="s">
        <v>66</v>
      </c>
      <c r="AE436" s="516" t="s">
        <v>66</v>
      </c>
      <c r="AF436" s="516" t="s">
        <v>66</v>
      </c>
      <c r="AG436" s="516" t="s">
        <v>66</v>
      </c>
      <c r="AH436" s="516" t="s">
        <v>66</v>
      </c>
      <c r="AI436" s="516" t="s">
        <v>66</v>
      </c>
      <c r="AJ436" s="516" t="s">
        <v>66</v>
      </c>
      <c r="AK436" s="516" t="s">
        <v>66</v>
      </c>
      <c r="AL436" s="516" t="s">
        <v>66</v>
      </c>
      <c r="AM436" s="516" t="s">
        <v>66</v>
      </c>
      <c r="AN436" s="516" t="s">
        <v>66</v>
      </c>
      <c r="AO436" s="516" t="s">
        <v>66</v>
      </c>
      <c r="AP436" s="516" t="s">
        <v>66</v>
      </c>
      <c r="AQ436" s="516" t="s">
        <v>66</v>
      </c>
      <c r="AR436" s="516" t="s">
        <v>66</v>
      </c>
      <c r="AS436" s="892"/>
      <c r="AT436" s="892"/>
      <c r="AU436" s="892"/>
      <c r="AV436" s="661"/>
      <c r="AW436" s="892"/>
      <c r="AX436" s="892"/>
      <c r="AY436" s="892"/>
      <c r="AZ436" s="661"/>
      <c r="BA436" s="892"/>
      <c r="BB436" s="661"/>
      <c r="BC436" s="661"/>
      <c r="BD436" s="892"/>
      <c r="BE436" s="661"/>
      <c r="BF436" s="661"/>
      <c r="BG436" s="746"/>
      <c r="BH436" s="746"/>
      <c r="BI436" s="746"/>
      <c r="BJ436" s="746"/>
      <c r="BK436" s="746"/>
      <c r="BL436" s="746"/>
      <c r="BM436" s="746"/>
      <c r="BN436" s="746"/>
      <c r="BO436" s="516" t="s">
        <v>66</v>
      </c>
      <c r="BP436" s="516" t="s">
        <v>66</v>
      </c>
      <c r="BQ436" s="516" t="s">
        <v>66</v>
      </c>
      <c r="BR436" s="516" t="s">
        <v>66</v>
      </c>
      <c r="BS436" s="884">
        <f t="shared" si="680"/>
        <v>21225</v>
      </c>
      <c r="BT436" s="661">
        <f t="shared" si="749"/>
        <v>3.7550058892815076E-2</v>
      </c>
      <c r="BU436" s="661" t="str">
        <f t="shared" si="793"/>
        <v>GOOD</v>
      </c>
      <c r="BV436" s="898">
        <f t="shared" si="750"/>
        <v>187.75029446407538</v>
      </c>
      <c r="BW436" s="898">
        <f t="shared" si="751"/>
        <v>7.5100117785630154</v>
      </c>
      <c r="BX436" s="898">
        <f t="shared" si="752"/>
        <v>16.897526501766784</v>
      </c>
      <c r="BY436" s="898">
        <f t="shared" si="753"/>
        <v>13.142520612485276</v>
      </c>
      <c r="BZ436" s="898">
        <f t="shared" si="754"/>
        <v>18.775029446407537</v>
      </c>
      <c r="CA436" s="898">
        <f t="shared" si="755"/>
        <v>18.024028268551238</v>
      </c>
      <c r="CB436" s="898">
        <f t="shared" si="756"/>
        <v>3.7550058892815077</v>
      </c>
      <c r="CC436" s="898">
        <f t="shared" si="757"/>
        <v>14.644522968197879</v>
      </c>
      <c r="CD436" s="898">
        <f t="shared" si="758"/>
        <v>18.775029446407537</v>
      </c>
      <c r="CE436" s="898">
        <f t="shared" si="759"/>
        <v>18.775029446407537</v>
      </c>
      <c r="CF436" s="898">
        <f t="shared" si="760"/>
        <v>28.162544169611309</v>
      </c>
      <c r="CG436" s="898">
        <f t="shared" si="761"/>
        <v>7.5100117785630154</v>
      </c>
      <c r="CH436" s="898">
        <f t="shared" si="762"/>
        <v>8.7867137809187277</v>
      </c>
      <c r="CI436" s="898">
        <f t="shared" si="763"/>
        <v>13.142520612485276</v>
      </c>
      <c r="CJ436" s="898">
        <f t="shared" si="764"/>
        <v>3.3795053003533568</v>
      </c>
      <c r="CK436" s="898">
        <f t="shared" si="765"/>
        <v>3.004004711425206</v>
      </c>
      <c r="CL436" s="898">
        <f t="shared" si="766"/>
        <v>89.369140164899875</v>
      </c>
      <c r="CM436" s="898" t="str">
        <f t="shared" si="767"/>
        <v/>
      </c>
      <c r="CN436" s="898" t="str">
        <f t="shared" si="768"/>
        <v/>
      </c>
      <c r="CO436" s="898" t="str">
        <f t="shared" si="769"/>
        <v/>
      </c>
      <c r="CP436" s="898" t="str">
        <f t="shared" si="770"/>
        <v/>
      </c>
      <c r="CQ436" s="898" t="str">
        <f t="shared" si="771"/>
        <v/>
      </c>
      <c r="CR436" s="898" t="str">
        <f t="shared" si="772"/>
        <v/>
      </c>
      <c r="CS436" s="898" t="str">
        <f t="shared" si="773"/>
        <v/>
      </c>
      <c r="CT436" s="898" t="str">
        <f t="shared" si="774"/>
        <v/>
      </c>
      <c r="CU436" s="898" t="str">
        <f t="shared" si="775"/>
        <v/>
      </c>
      <c r="CV436" s="898" t="str">
        <f t="shared" si="776"/>
        <v/>
      </c>
      <c r="CW436" s="898" t="str">
        <f t="shared" si="777"/>
        <v/>
      </c>
      <c r="CX436" s="898" t="str">
        <f t="shared" si="778"/>
        <v/>
      </c>
      <c r="CY436" s="898" t="str">
        <f t="shared" si="779"/>
        <v/>
      </c>
      <c r="CZ436" s="898" t="str">
        <f t="shared" si="780"/>
        <v/>
      </c>
      <c r="DA436" s="898" t="str">
        <f t="shared" si="781"/>
        <v/>
      </c>
      <c r="DB436" s="898" t="str">
        <f t="shared" si="782"/>
        <v/>
      </c>
      <c r="DC436" s="898" t="str">
        <f t="shared" si="783"/>
        <v/>
      </c>
      <c r="DD436" s="898" t="str">
        <f t="shared" si="784"/>
        <v/>
      </c>
      <c r="DE436" s="898" t="str">
        <f t="shared" si="785"/>
        <v/>
      </c>
      <c r="DF436" s="898" t="str">
        <f t="shared" si="786"/>
        <v/>
      </c>
      <c r="DG436" s="898" t="str">
        <f t="shared" si="787"/>
        <v/>
      </c>
      <c r="DH436" s="898" t="str">
        <f t="shared" si="788"/>
        <v/>
      </c>
      <c r="DI436" s="898">
        <f t="shared" si="789"/>
        <v>56.325088339222617</v>
      </c>
      <c r="DJ436" s="898">
        <f t="shared" si="790"/>
        <v>60.080094228504123</v>
      </c>
      <c r="DK436" s="898">
        <f t="shared" si="791"/>
        <v>90.120141342756185</v>
      </c>
      <c r="DL436" s="898">
        <f t="shared" si="792"/>
        <v>119.07123674911661</v>
      </c>
      <c r="DM436" s="661">
        <f t="shared" si="681"/>
        <v>471.40343934040033</v>
      </c>
      <c r="DN436" s="898">
        <f t="shared" si="682"/>
        <v>325.59656065959956</v>
      </c>
      <c r="DO436" s="516">
        <f t="shared" si="683"/>
        <v>0</v>
      </c>
      <c r="DP436" s="898">
        <f t="shared" si="684"/>
        <v>0</v>
      </c>
      <c r="DQ436" s="860" t="s">
        <v>4246</v>
      </c>
      <c r="DR436" s="610" t="s">
        <v>4247</v>
      </c>
      <c r="DS436" s="1221" t="s">
        <v>4248</v>
      </c>
      <c r="DT436" s="632"/>
    </row>
    <row r="437" spans="1:124" ht="57" x14ac:dyDescent="0.2">
      <c r="A437" s="484" t="str">
        <f t="shared" si="679"/>
        <v>A414 new crossing near to Wood Crescent/Wood Lane junctions</v>
      </c>
      <c r="B437" s="1163">
        <v>434</v>
      </c>
      <c r="C437" s="1156" t="s">
        <v>4538</v>
      </c>
      <c r="D437" s="481" t="s">
        <v>2481</v>
      </c>
      <c r="E437" s="481" t="s">
        <v>53</v>
      </c>
      <c r="F437" s="481" t="s">
        <v>655</v>
      </c>
      <c r="G437" s="775" t="s">
        <v>932</v>
      </c>
      <c r="H437" s="855" t="s">
        <v>1219</v>
      </c>
      <c r="I437" s="775" t="str">
        <f t="shared" si="732"/>
        <v>SG29-1</v>
      </c>
      <c r="J437" s="855" t="s">
        <v>1220</v>
      </c>
      <c r="K437" s="664" t="s">
        <v>3104</v>
      </c>
      <c r="L437" s="852" t="s">
        <v>3167</v>
      </c>
      <c r="M437" s="515" t="s">
        <v>4244</v>
      </c>
      <c r="N437" s="775" t="s">
        <v>81</v>
      </c>
      <c r="O437" s="654" t="s">
        <v>3051</v>
      </c>
      <c r="P437" s="657" t="s">
        <v>61</v>
      </c>
      <c r="Q437" s="852" t="s">
        <v>71</v>
      </c>
      <c r="R437" s="657"/>
      <c r="S437" s="657"/>
      <c r="T437" s="853">
        <v>922013</v>
      </c>
      <c r="U437" s="854"/>
      <c r="V437" s="657" t="s">
        <v>4245</v>
      </c>
      <c r="W437" s="642">
        <f t="shared" si="746"/>
        <v>0</v>
      </c>
      <c r="X437" s="745">
        <f t="shared" si="747"/>
        <v>922013</v>
      </c>
      <c r="Y437" s="745" t="s">
        <v>3106</v>
      </c>
      <c r="Z437" s="745" t="str">
        <f>_xlfn.XLOOKUP(I437, 'CALCS Aecom (July 25 2025)'!F:F, 'CALCS Aecom (July 25 2025)'!W:W)</f>
        <v>Multiple Scenario 2 (Step 6)</v>
      </c>
      <c r="AA437" s="650" t="s">
        <v>65</v>
      </c>
      <c r="AB437" s="516" t="s">
        <v>66</v>
      </c>
      <c r="AC437" s="516" t="s">
        <v>66</v>
      </c>
      <c r="AD437" s="516" t="s">
        <v>66</v>
      </c>
      <c r="AE437" s="516" t="s">
        <v>66</v>
      </c>
      <c r="AF437" s="516" t="s">
        <v>66</v>
      </c>
      <c r="AG437" s="516" t="s">
        <v>66</v>
      </c>
      <c r="AH437" s="516" t="s">
        <v>66</v>
      </c>
      <c r="AI437" s="516" t="s">
        <v>66</v>
      </c>
      <c r="AJ437" s="516" t="s">
        <v>66</v>
      </c>
      <c r="AK437" s="516" t="s">
        <v>66</v>
      </c>
      <c r="AL437" s="516" t="s">
        <v>66</v>
      </c>
      <c r="AM437" s="516" t="s">
        <v>66</v>
      </c>
      <c r="AN437" s="516" t="s">
        <v>66</v>
      </c>
      <c r="AO437" s="516" t="s">
        <v>66</v>
      </c>
      <c r="AP437" s="516" t="s">
        <v>66</v>
      </c>
      <c r="AQ437" s="516" t="s">
        <v>66</v>
      </c>
      <c r="AR437" s="516" t="s">
        <v>66</v>
      </c>
      <c r="AS437" s="892"/>
      <c r="AT437" s="892"/>
      <c r="AU437" s="892"/>
      <c r="AV437" s="661"/>
      <c r="AW437" s="892"/>
      <c r="AX437" s="892"/>
      <c r="AY437" s="892"/>
      <c r="AZ437" s="661"/>
      <c r="BA437" s="892"/>
      <c r="BB437" s="661"/>
      <c r="BC437" s="661"/>
      <c r="BD437" s="892"/>
      <c r="BE437" s="661"/>
      <c r="BF437" s="661"/>
      <c r="BG437" s="746"/>
      <c r="BH437" s="746"/>
      <c r="BI437" s="746"/>
      <c r="BJ437" s="746"/>
      <c r="BK437" s="746"/>
      <c r="BL437" s="746"/>
      <c r="BM437" s="746"/>
      <c r="BN437" s="746"/>
      <c r="BO437" s="516" t="s">
        <v>66</v>
      </c>
      <c r="BP437" s="516" t="s">
        <v>66</v>
      </c>
      <c r="BQ437" s="516" t="s">
        <v>66</v>
      </c>
      <c r="BR437" s="516" t="s">
        <v>66</v>
      </c>
      <c r="BS437" s="884">
        <f t="shared" si="680"/>
        <v>21225</v>
      </c>
      <c r="BT437" s="661">
        <f t="shared" si="749"/>
        <v>43.439952885747935</v>
      </c>
      <c r="BU437" s="661" t="str">
        <f t="shared" si="793"/>
        <v>GOOD</v>
      </c>
      <c r="BV437" s="898">
        <f t="shared" si="750"/>
        <v>217199.76442873967</v>
      </c>
      <c r="BW437" s="898">
        <f t="shared" si="751"/>
        <v>8687.9905771495869</v>
      </c>
      <c r="BX437" s="898">
        <f t="shared" si="752"/>
        <v>19547.97879858657</v>
      </c>
      <c r="BY437" s="898">
        <f t="shared" si="753"/>
        <v>15203.983510011778</v>
      </c>
      <c r="BZ437" s="898">
        <f t="shared" si="754"/>
        <v>21719.976442873969</v>
      </c>
      <c r="CA437" s="898">
        <f t="shared" si="755"/>
        <v>20851.177385159008</v>
      </c>
      <c r="CB437" s="898">
        <f t="shared" si="756"/>
        <v>4343.9952885747934</v>
      </c>
      <c r="CC437" s="898">
        <f t="shared" si="757"/>
        <v>16941.581625441693</v>
      </c>
      <c r="CD437" s="898">
        <f t="shared" si="758"/>
        <v>21719.976442873969</v>
      </c>
      <c r="CE437" s="898">
        <f t="shared" si="759"/>
        <v>21719.976442873969</v>
      </c>
      <c r="CF437" s="898">
        <f t="shared" si="760"/>
        <v>32579.964664310952</v>
      </c>
      <c r="CG437" s="898">
        <f t="shared" si="761"/>
        <v>8687.9905771495869</v>
      </c>
      <c r="CH437" s="898">
        <f t="shared" si="762"/>
        <v>10164.948975265017</v>
      </c>
      <c r="CI437" s="898">
        <f t="shared" si="763"/>
        <v>15203.983510011778</v>
      </c>
      <c r="CJ437" s="898">
        <f t="shared" si="764"/>
        <v>3909.5957597173142</v>
      </c>
      <c r="CK437" s="898">
        <f t="shared" si="765"/>
        <v>3475.1962308598349</v>
      </c>
      <c r="CL437" s="898">
        <f t="shared" si="766"/>
        <v>103387.08786808008</v>
      </c>
      <c r="CM437" s="898" t="str">
        <f t="shared" si="767"/>
        <v/>
      </c>
      <c r="CN437" s="898" t="str">
        <f t="shared" si="768"/>
        <v/>
      </c>
      <c r="CO437" s="898" t="str">
        <f t="shared" si="769"/>
        <v/>
      </c>
      <c r="CP437" s="898" t="str">
        <f t="shared" si="770"/>
        <v/>
      </c>
      <c r="CQ437" s="898" t="str">
        <f t="shared" si="771"/>
        <v/>
      </c>
      <c r="CR437" s="898" t="str">
        <f t="shared" si="772"/>
        <v/>
      </c>
      <c r="CS437" s="898" t="str">
        <f t="shared" si="773"/>
        <v/>
      </c>
      <c r="CT437" s="898" t="str">
        <f t="shared" si="774"/>
        <v/>
      </c>
      <c r="CU437" s="898" t="str">
        <f t="shared" si="775"/>
        <v/>
      </c>
      <c r="CV437" s="898" t="str">
        <f t="shared" si="776"/>
        <v/>
      </c>
      <c r="CW437" s="898" t="str">
        <f t="shared" si="777"/>
        <v/>
      </c>
      <c r="CX437" s="898" t="str">
        <f t="shared" si="778"/>
        <v/>
      </c>
      <c r="CY437" s="898" t="str">
        <f t="shared" si="779"/>
        <v/>
      </c>
      <c r="CZ437" s="898" t="str">
        <f t="shared" si="780"/>
        <v/>
      </c>
      <c r="DA437" s="898" t="str">
        <f t="shared" si="781"/>
        <v/>
      </c>
      <c r="DB437" s="898" t="str">
        <f t="shared" si="782"/>
        <v/>
      </c>
      <c r="DC437" s="898" t="str">
        <f t="shared" si="783"/>
        <v/>
      </c>
      <c r="DD437" s="898" t="str">
        <f t="shared" si="784"/>
        <v/>
      </c>
      <c r="DE437" s="898" t="str">
        <f t="shared" si="785"/>
        <v/>
      </c>
      <c r="DF437" s="898" t="str">
        <f t="shared" si="786"/>
        <v/>
      </c>
      <c r="DG437" s="898" t="str">
        <f t="shared" si="787"/>
        <v/>
      </c>
      <c r="DH437" s="898" t="str">
        <f t="shared" si="788"/>
        <v/>
      </c>
      <c r="DI437" s="898">
        <f t="shared" si="789"/>
        <v>65159.929328621904</v>
      </c>
      <c r="DJ437" s="898">
        <f t="shared" si="790"/>
        <v>69503.924617196695</v>
      </c>
      <c r="DK437" s="898">
        <f t="shared" si="791"/>
        <v>104255.88692579504</v>
      </c>
      <c r="DL437" s="898">
        <f t="shared" si="792"/>
        <v>137748.0906007067</v>
      </c>
      <c r="DM437" s="661">
        <f t="shared" si="681"/>
        <v>545345.16852767952</v>
      </c>
      <c r="DN437" s="898">
        <f t="shared" si="682"/>
        <v>376667.83147232037</v>
      </c>
      <c r="DO437" s="516">
        <f t="shared" si="683"/>
        <v>0</v>
      </c>
      <c r="DP437" s="898">
        <f t="shared" si="684"/>
        <v>0</v>
      </c>
      <c r="DQ437" s="860" t="s">
        <v>4246</v>
      </c>
      <c r="DR437" s="610" t="s">
        <v>4247</v>
      </c>
      <c r="DS437" s="1221" t="s">
        <v>4248</v>
      </c>
      <c r="DT437" s="632"/>
    </row>
    <row r="438" spans="1:124" ht="57" x14ac:dyDescent="0.2">
      <c r="A438" s="484" t="str">
        <f t="shared" si="679"/>
        <v>Wood Crescent-Runham Road-Deaconsfield Road Wayfinding Signage</v>
      </c>
      <c r="B438" s="1163">
        <v>435</v>
      </c>
      <c r="C438" s="1156" t="s">
        <v>4539</v>
      </c>
      <c r="D438" s="481" t="s">
        <v>2481</v>
      </c>
      <c r="E438" s="481" t="s">
        <v>53</v>
      </c>
      <c r="F438" s="481" t="s">
        <v>655</v>
      </c>
      <c r="G438" s="775" t="s">
        <v>932</v>
      </c>
      <c r="H438" s="855" t="s">
        <v>1221</v>
      </c>
      <c r="I438" s="775" t="str">
        <f t="shared" si="732"/>
        <v>SG29-2</v>
      </c>
      <c r="J438" s="855" t="s">
        <v>1222</v>
      </c>
      <c r="K438" s="664" t="s">
        <v>3104</v>
      </c>
      <c r="L438" s="852" t="s">
        <v>3167</v>
      </c>
      <c r="M438" s="515" t="s">
        <v>4244</v>
      </c>
      <c r="N438" s="775" t="s">
        <v>81</v>
      </c>
      <c r="O438" s="654" t="s">
        <v>3051</v>
      </c>
      <c r="P438" s="657" t="s">
        <v>61</v>
      </c>
      <c r="Q438" s="852" t="s">
        <v>71</v>
      </c>
      <c r="R438" s="657"/>
      <c r="S438" s="657"/>
      <c r="T438" s="853">
        <v>6961</v>
      </c>
      <c r="U438" s="854"/>
      <c r="V438" s="657" t="s">
        <v>4245</v>
      </c>
      <c r="W438" s="642">
        <f t="shared" si="746"/>
        <v>0</v>
      </c>
      <c r="X438" s="745">
        <f t="shared" si="747"/>
        <v>6961</v>
      </c>
      <c r="Y438" s="745" t="s">
        <v>3106</v>
      </c>
      <c r="Z438" s="745" t="str">
        <f>_xlfn.XLOOKUP(I438, 'CALCS Aecom (July 25 2025)'!F:F, 'CALCS Aecom (July 25 2025)'!W:W)</f>
        <v>Multiple Scenario 2 (Step 6)</v>
      </c>
      <c r="AA438" s="650" t="s">
        <v>65</v>
      </c>
      <c r="AB438" s="516" t="s">
        <v>66</v>
      </c>
      <c r="AC438" s="516" t="s">
        <v>66</v>
      </c>
      <c r="AD438" s="516" t="s">
        <v>66</v>
      </c>
      <c r="AE438" s="516" t="s">
        <v>66</v>
      </c>
      <c r="AF438" s="516" t="s">
        <v>66</v>
      </c>
      <c r="AG438" s="516" t="s">
        <v>66</v>
      </c>
      <c r="AH438" s="516" t="s">
        <v>66</v>
      </c>
      <c r="AI438" s="516" t="s">
        <v>66</v>
      </c>
      <c r="AJ438" s="516" t="s">
        <v>66</v>
      </c>
      <c r="AK438" s="516" t="s">
        <v>66</v>
      </c>
      <c r="AL438" s="516" t="s">
        <v>66</v>
      </c>
      <c r="AM438" s="516" t="s">
        <v>66</v>
      </c>
      <c r="AN438" s="516" t="s">
        <v>66</v>
      </c>
      <c r="AO438" s="516" t="s">
        <v>66</v>
      </c>
      <c r="AP438" s="516" t="s">
        <v>66</v>
      </c>
      <c r="AQ438" s="516" t="s">
        <v>66</v>
      </c>
      <c r="AR438" s="516" t="s">
        <v>66</v>
      </c>
      <c r="AS438" s="892"/>
      <c r="AT438" s="892"/>
      <c r="AU438" s="892"/>
      <c r="AV438" s="661"/>
      <c r="AW438" s="892"/>
      <c r="AX438" s="892"/>
      <c r="AY438" s="892"/>
      <c r="AZ438" s="661"/>
      <c r="BA438" s="892"/>
      <c r="BB438" s="661"/>
      <c r="BC438" s="661"/>
      <c r="BD438" s="892"/>
      <c r="BE438" s="661"/>
      <c r="BF438" s="661"/>
      <c r="BG438" s="746"/>
      <c r="BH438" s="746"/>
      <c r="BI438" s="746"/>
      <c r="BJ438" s="746"/>
      <c r="BK438" s="746"/>
      <c r="BL438" s="746"/>
      <c r="BM438" s="746"/>
      <c r="BN438" s="746"/>
      <c r="BO438" s="516" t="s">
        <v>66</v>
      </c>
      <c r="BP438" s="516" t="s">
        <v>66</v>
      </c>
      <c r="BQ438" s="516" t="s">
        <v>66</v>
      </c>
      <c r="BR438" s="516" t="s">
        <v>66</v>
      </c>
      <c r="BS438" s="884">
        <f t="shared" si="680"/>
        <v>21225</v>
      </c>
      <c r="BT438" s="661">
        <f t="shared" si="749"/>
        <v>0.32796230859835102</v>
      </c>
      <c r="BU438" s="661" t="str">
        <f t="shared" si="793"/>
        <v>GOOD</v>
      </c>
      <c r="BV438" s="898">
        <f t="shared" si="750"/>
        <v>1639.811542991755</v>
      </c>
      <c r="BW438" s="898">
        <f t="shared" si="751"/>
        <v>65.592461719670197</v>
      </c>
      <c r="BX438" s="898">
        <f t="shared" si="752"/>
        <v>147.58303886925796</v>
      </c>
      <c r="BY438" s="898">
        <f t="shared" si="753"/>
        <v>114.78680800942286</v>
      </c>
      <c r="BZ438" s="898">
        <f t="shared" si="754"/>
        <v>163.9811542991755</v>
      </c>
      <c r="CA438" s="898">
        <f t="shared" si="755"/>
        <v>157.4219081272085</v>
      </c>
      <c r="CB438" s="898">
        <f t="shared" si="756"/>
        <v>32.796230859835099</v>
      </c>
      <c r="CC438" s="898">
        <f t="shared" si="757"/>
        <v>127.90530035335689</v>
      </c>
      <c r="CD438" s="898">
        <f t="shared" si="758"/>
        <v>163.9811542991755</v>
      </c>
      <c r="CE438" s="898">
        <f t="shared" si="759"/>
        <v>163.9811542991755</v>
      </c>
      <c r="CF438" s="898">
        <f t="shared" si="760"/>
        <v>245.97173144876325</v>
      </c>
      <c r="CG438" s="898">
        <f t="shared" si="761"/>
        <v>65.592461719670197</v>
      </c>
      <c r="CH438" s="898">
        <f t="shared" si="762"/>
        <v>76.743180212014138</v>
      </c>
      <c r="CI438" s="898">
        <f t="shared" si="763"/>
        <v>114.78680800942286</v>
      </c>
      <c r="CJ438" s="898">
        <f t="shared" si="764"/>
        <v>29.516607773851593</v>
      </c>
      <c r="CK438" s="898">
        <f t="shared" si="765"/>
        <v>26.23698468786808</v>
      </c>
      <c r="CL438" s="898">
        <f t="shared" si="766"/>
        <v>780.55029446407536</v>
      </c>
      <c r="CM438" s="898" t="str">
        <f t="shared" si="767"/>
        <v/>
      </c>
      <c r="CN438" s="898" t="str">
        <f t="shared" si="768"/>
        <v/>
      </c>
      <c r="CO438" s="898" t="str">
        <f t="shared" si="769"/>
        <v/>
      </c>
      <c r="CP438" s="898" t="str">
        <f t="shared" si="770"/>
        <v/>
      </c>
      <c r="CQ438" s="898" t="str">
        <f t="shared" si="771"/>
        <v/>
      </c>
      <c r="CR438" s="898" t="str">
        <f t="shared" si="772"/>
        <v/>
      </c>
      <c r="CS438" s="898" t="str">
        <f t="shared" si="773"/>
        <v/>
      </c>
      <c r="CT438" s="898" t="str">
        <f t="shared" si="774"/>
        <v/>
      </c>
      <c r="CU438" s="898" t="str">
        <f t="shared" si="775"/>
        <v/>
      </c>
      <c r="CV438" s="898" t="str">
        <f t="shared" si="776"/>
        <v/>
      </c>
      <c r="CW438" s="898" t="str">
        <f t="shared" si="777"/>
        <v/>
      </c>
      <c r="CX438" s="898" t="str">
        <f t="shared" si="778"/>
        <v/>
      </c>
      <c r="CY438" s="898" t="str">
        <f t="shared" si="779"/>
        <v/>
      </c>
      <c r="CZ438" s="898" t="str">
        <f t="shared" si="780"/>
        <v/>
      </c>
      <c r="DA438" s="898" t="str">
        <f t="shared" si="781"/>
        <v/>
      </c>
      <c r="DB438" s="898" t="str">
        <f t="shared" si="782"/>
        <v/>
      </c>
      <c r="DC438" s="898" t="str">
        <f t="shared" si="783"/>
        <v/>
      </c>
      <c r="DD438" s="898" t="str">
        <f t="shared" si="784"/>
        <v/>
      </c>
      <c r="DE438" s="898" t="str">
        <f t="shared" si="785"/>
        <v/>
      </c>
      <c r="DF438" s="898" t="str">
        <f t="shared" si="786"/>
        <v/>
      </c>
      <c r="DG438" s="898" t="str">
        <f t="shared" si="787"/>
        <v/>
      </c>
      <c r="DH438" s="898" t="str">
        <f t="shared" si="788"/>
        <v/>
      </c>
      <c r="DI438" s="898">
        <f t="shared" si="789"/>
        <v>491.9434628975265</v>
      </c>
      <c r="DJ438" s="898">
        <f t="shared" si="790"/>
        <v>524.73969375736158</v>
      </c>
      <c r="DK438" s="898">
        <f t="shared" si="791"/>
        <v>787.10954063604242</v>
      </c>
      <c r="DL438" s="898">
        <f t="shared" si="792"/>
        <v>1039.968480565371</v>
      </c>
      <c r="DM438" s="661">
        <f t="shared" si="681"/>
        <v>4117.2388221436995</v>
      </c>
      <c r="DN438" s="898">
        <f t="shared" si="682"/>
        <v>2843.7611778563014</v>
      </c>
      <c r="DO438" s="516">
        <f t="shared" si="683"/>
        <v>0</v>
      </c>
      <c r="DP438" s="898">
        <f t="shared" si="684"/>
        <v>0</v>
      </c>
      <c r="DQ438" s="860" t="s">
        <v>4246</v>
      </c>
      <c r="DR438" s="610" t="s">
        <v>4247</v>
      </c>
      <c r="DS438" s="1221" t="s">
        <v>4248</v>
      </c>
      <c r="DT438" s="632"/>
    </row>
    <row r="439" spans="1:124" ht="85.5" x14ac:dyDescent="0.2">
      <c r="A439" s="484" t="str">
        <f t="shared" si="679"/>
        <v>Leys Road cycle route</v>
      </c>
      <c r="B439" s="1163">
        <v>436</v>
      </c>
      <c r="C439" s="1156" t="s">
        <v>4540</v>
      </c>
      <c r="D439" s="481" t="s">
        <v>2481</v>
      </c>
      <c r="E439" s="481" t="s">
        <v>53</v>
      </c>
      <c r="F439" s="481" t="s">
        <v>655</v>
      </c>
      <c r="G439" s="775" t="s">
        <v>932</v>
      </c>
      <c r="H439" s="855" t="s">
        <v>1223</v>
      </c>
      <c r="I439" s="775" t="str">
        <f t="shared" si="732"/>
        <v>SG30-1</v>
      </c>
      <c r="J439" s="855" t="s">
        <v>4541</v>
      </c>
      <c r="K439" s="664" t="s">
        <v>3104</v>
      </c>
      <c r="L439" s="852" t="s">
        <v>3167</v>
      </c>
      <c r="M439" s="515" t="s">
        <v>4244</v>
      </c>
      <c r="N439" s="775" t="s">
        <v>81</v>
      </c>
      <c r="O439" s="654" t="s">
        <v>3051</v>
      </c>
      <c r="P439" s="657" t="s">
        <v>61</v>
      </c>
      <c r="Q439" s="852" t="s">
        <v>71</v>
      </c>
      <c r="R439" s="657"/>
      <c r="S439" s="657"/>
      <c r="T439" s="853">
        <v>1983442</v>
      </c>
      <c r="U439" s="854"/>
      <c r="V439" s="657" t="s">
        <v>4245</v>
      </c>
      <c r="W439" s="642">
        <f t="shared" si="746"/>
        <v>0</v>
      </c>
      <c r="X439" s="745">
        <f t="shared" si="747"/>
        <v>1983442</v>
      </c>
      <c r="Y439" s="745" t="s">
        <v>3106</v>
      </c>
      <c r="Z439" s="745" t="str">
        <f>_xlfn.XLOOKUP(I439, 'CALCS Aecom (July 25 2025)'!F:F, 'CALCS Aecom (July 25 2025)'!W:W)</f>
        <v>Multiple Scenario 2 (Step 6)</v>
      </c>
      <c r="AA439" s="650" t="s">
        <v>65</v>
      </c>
      <c r="AB439" s="516" t="s">
        <v>66</v>
      </c>
      <c r="AC439" s="516" t="s">
        <v>66</v>
      </c>
      <c r="AD439" s="516" t="s">
        <v>66</v>
      </c>
      <c r="AE439" s="516" t="s">
        <v>66</v>
      </c>
      <c r="AF439" s="516" t="s">
        <v>66</v>
      </c>
      <c r="AG439" s="516" t="s">
        <v>66</v>
      </c>
      <c r="AH439" s="516" t="s">
        <v>66</v>
      </c>
      <c r="AI439" s="516" t="s">
        <v>66</v>
      </c>
      <c r="AJ439" s="516" t="s">
        <v>66</v>
      </c>
      <c r="AK439" s="516" t="s">
        <v>66</v>
      </c>
      <c r="AL439" s="516" t="s">
        <v>66</v>
      </c>
      <c r="AM439" s="516" t="s">
        <v>66</v>
      </c>
      <c r="AN439" s="516" t="s">
        <v>66</v>
      </c>
      <c r="AO439" s="516" t="s">
        <v>66</v>
      </c>
      <c r="AP439" s="516" t="s">
        <v>66</v>
      </c>
      <c r="AQ439" s="516" t="s">
        <v>66</v>
      </c>
      <c r="AR439" s="516" t="s">
        <v>66</v>
      </c>
      <c r="AS439" s="892"/>
      <c r="AT439" s="892"/>
      <c r="AU439" s="892"/>
      <c r="AV439" s="661"/>
      <c r="AW439" s="892"/>
      <c r="AX439" s="892"/>
      <c r="AY439" s="892"/>
      <c r="AZ439" s="661"/>
      <c r="BA439" s="892"/>
      <c r="BB439" s="661"/>
      <c r="BC439" s="661"/>
      <c r="BD439" s="892"/>
      <c r="BE439" s="661"/>
      <c r="BF439" s="661"/>
      <c r="BG439" s="746"/>
      <c r="BH439" s="746"/>
      <c r="BI439" s="746"/>
      <c r="BJ439" s="746"/>
      <c r="BK439" s="746"/>
      <c r="BL439" s="746"/>
      <c r="BM439" s="746"/>
      <c r="BN439" s="746"/>
      <c r="BO439" s="516" t="s">
        <v>66</v>
      </c>
      <c r="BP439" s="516" t="s">
        <v>66</v>
      </c>
      <c r="BQ439" s="516" t="s">
        <v>66</v>
      </c>
      <c r="BR439" s="516" t="s">
        <v>66</v>
      </c>
      <c r="BS439" s="884">
        <f t="shared" si="680"/>
        <v>21225</v>
      </c>
      <c r="BT439" s="661">
        <f t="shared" si="749"/>
        <v>93.448386336866903</v>
      </c>
      <c r="BU439" s="661" t="str">
        <f t="shared" si="793"/>
        <v>GOOD</v>
      </c>
      <c r="BV439" s="898">
        <f t="shared" si="750"/>
        <v>467241.93168433453</v>
      </c>
      <c r="BW439" s="898">
        <f t="shared" si="751"/>
        <v>18689.677267373379</v>
      </c>
      <c r="BX439" s="898">
        <f t="shared" si="752"/>
        <v>42051.773851590107</v>
      </c>
      <c r="BY439" s="898">
        <f t="shared" si="753"/>
        <v>32706.935217903418</v>
      </c>
      <c r="BZ439" s="898">
        <f t="shared" si="754"/>
        <v>46724.193168433449</v>
      </c>
      <c r="CA439" s="898">
        <f t="shared" si="755"/>
        <v>44855.225441696115</v>
      </c>
      <c r="CB439" s="898">
        <f t="shared" si="756"/>
        <v>9344.8386336866897</v>
      </c>
      <c r="CC439" s="898">
        <f t="shared" si="757"/>
        <v>36444.870671378092</v>
      </c>
      <c r="CD439" s="898">
        <f t="shared" si="758"/>
        <v>46724.193168433449</v>
      </c>
      <c r="CE439" s="898">
        <f t="shared" si="759"/>
        <v>46724.193168433449</v>
      </c>
      <c r="CF439" s="898">
        <f t="shared" si="760"/>
        <v>70086.289752650177</v>
      </c>
      <c r="CG439" s="898">
        <f t="shared" si="761"/>
        <v>18689.677267373379</v>
      </c>
      <c r="CH439" s="898">
        <f t="shared" si="762"/>
        <v>21866.922402826855</v>
      </c>
      <c r="CI439" s="898">
        <f t="shared" si="763"/>
        <v>32706.935217903418</v>
      </c>
      <c r="CJ439" s="898">
        <f t="shared" si="764"/>
        <v>8410.3547703180211</v>
      </c>
      <c r="CK439" s="898">
        <f t="shared" si="765"/>
        <v>7475.8709069493525</v>
      </c>
      <c r="CL439" s="898">
        <f t="shared" si="766"/>
        <v>222407.15948174323</v>
      </c>
      <c r="CM439" s="898" t="str">
        <f t="shared" si="767"/>
        <v/>
      </c>
      <c r="CN439" s="898" t="str">
        <f t="shared" si="768"/>
        <v/>
      </c>
      <c r="CO439" s="898" t="str">
        <f t="shared" si="769"/>
        <v/>
      </c>
      <c r="CP439" s="898" t="str">
        <f t="shared" si="770"/>
        <v/>
      </c>
      <c r="CQ439" s="898" t="str">
        <f t="shared" si="771"/>
        <v/>
      </c>
      <c r="CR439" s="898" t="str">
        <f t="shared" si="772"/>
        <v/>
      </c>
      <c r="CS439" s="898" t="str">
        <f t="shared" si="773"/>
        <v/>
      </c>
      <c r="CT439" s="898" t="str">
        <f t="shared" si="774"/>
        <v/>
      </c>
      <c r="CU439" s="898" t="str">
        <f t="shared" si="775"/>
        <v/>
      </c>
      <c r="CV439" s="898" t="str">
        <f t="shared" si="776"/>
        <v/>
      </c>
      <c r="CW439" s="898" t="str">
        <f t="shared" si="777"/>
        <v/>
      </c>
      <c r="CX439" s="898" t="str">
        <f t="shared" si="778"/>
        <v/>
      </c>
      <c r="CY439" s="898" t="str">
        <f t="shared" si="779"/>
        <v/>
      </c>
      <c r="CZ439" s="898" t="str">
        <f t="shared" si="780"/>
        <v/>
      </c>
      <c r="DA439" s="898" t="str">
        <f t="shared" si="781"/>
        <v/>
      </c>
      <c r="DB439" s="898" t="str">
        <f t="shared" si="782"/>
        <v/>
      </c>
      <c r="DC439" s="898" t="str">
        <f t="shared" si="783"/>
        <v/>
      </c>
      <c r="DD439" s="898" t="str">
        <f t="shared" si="784"/>
        <v/>
      </c>
      <c r="DE439" s="898" t="str">
        <f t="shared" si="785"/>
        <v/>
      </c>
      <c r="DF439" s="898" t="str">
        <f t="shared" si="786"/>
        <v/>
      </c>
      <c r="DG439" s="898" t="str">
        <f t="shared" si="787"/>
        <v/>
      </c>
      <c r="DH439" s="898" t="str">
        <f t="shared" si="788"/>
        <v/>
      </c>
      <c r="DI439" s="898">
        <f t="shared" si="789"/>
        <v>140172.57950530035</v>
      </c>
      <c r="DJ439" s="898">
        <f t="shared" si="790"/>
        <v>149517.41813898704</v>
      </c>
      <c r="DK439" s="898">
        <f t="shared" si="791"/>
        <v>224276.12720848058</v>
      </c>
      <c r="DL439" s="898">
        <f t="shared" si="792"/>
        <v>296324.83307420497</v>
      </c>
      <c r="DM439" s="661">
        <f t="shared" si="681"/>
        <v>1173151.0420730272</v>
      </c>
      <c r="DN439" s="898">
        <f t="shared" si="682"/>
        <v>810290.957926973</v>
      </c>
      <c r="DO439" s="516">
        <f t="shared" si="683"/>
        <v>0</v>
      </c>
      <c r="DP439" s="898">
        <f t="shared" si="684"/>
        <v>0</v>
      </c>
      <c r="DQ439" s="860" t="s">
        <v>4246</v>
      </c>
      <c r="DR439" s="610" t="s">
        <v>4247</v>
      </c>
      <c r="DS439" s="1221" t="s">
        <v>4248</v>
      </c>
      <c r="DT439" s="632"/>
    </row>
    <row r="440" spans="1:124" ht="57" x14ac:dyDescent="0.2">
      <c r="A440" s="484" t="str">
        <f t="shared" si="679"/>
        <v>Leys Road-Pescroft junction reconfiguration and parallel crossing</v>
      </c>
      <c r="B440" s="1163">
        <v>437</v>
      </c>
      <c r="C440" s="1156" t="s">
        <v>4542</v>
      </c>
      <c r="D440" s="481" t="s">
        <v>2481</v>
      </c>
      <c r="E440" s="481" t="s">
        <v>53</v>
      </c>
      <c r="F440" s="481" t="s">
        <v>655</v>
      </c>
      <c r="G440" s="775" t="s">
        <v>932</v>
      </c>
      <c r="H440" s="855" t="s">
        <v>1225</v>
      </c>
      <c r="I440" s="775" t="str">
        <f t="shared" si="732"/>
        <v>SG30-2</v>
      </c>
      <c r="J440" s="855" t="s">
        <v>1226</v>
      </c>
      <c r="K440" s="664" t="s">
        <v>3104</v>
      </c>
      <c r="L440" s="852" t="s">
        <v>3167</v>
      </c>
      <c r="M440" s="515" t="s">
        <v>4244</v>
      </c>
      <c r="N440" s="775" t="s">
        <v>81</v>
      </c>
      <c r="O440" s="654" t="s">
        <v>3051</v>
      </c>
      <c r="P440" s="657" t="s">
        <v>61</v>
      </c>
      <c r="Q440" s="852" t="s">
        <v>71</v>
      </c>
      <c r="R440" s="657"/>
      <c r="S440" s="657"/>
      <c r="T440" s="853">
        <v>234142</v>
      </c>
      <c r="U440" s="854"/>
      <c r="V440" s="657" t="s">
        <v>4245</v>
      </c>
      <c r="W440" s="642">
        <f t="shared" si="746"/>
        <v>0</v>
      </c>
      <c r="X440" s="745">
        <f t="shared" si="747"/>
        <v>234142</v>
      </c>
      <c r="Y440" s="745" t="s">
        <v>3106</v>
      </c>
      <c r="Z440" s="745" t="str">
        <f>_xlfn.XLOOKUP(I440, 'CALCS Aecom (July 25 2025)'!F:F, 'CALCS Aecom (July 25 2025)'!W:W)</f>
        <v>Multiple Scenario 2 (Step 6)</v>
      </c>
      <c r="AA440" s="650" t="s">
        <v>65</v>
      </c>
      <c r="AB440" s="516" t="s">
        <v>66</v>
      </c>
      <c r="AC440" s="516" t="s">
        <v>66</v>
      </c>
      <c r="AD440" s="516" t="s">
        <v>66</v>
      </c>
      <c r="AE440" s="516" t="s">
        <v>66</v>
      </c>
      <c r="AF440" s="516" t="s">
        <v>66</v>
      </c>
      <c r="AG440" s="516" t="s">
        <v>66</v>
      </c>
      <c r="AH440" s="516" t="s">
        <v>66</v>
      </c>
      <c r="AI440" s="516" t="s">
        <v>66</v>
      </c>
      <c r="AJ440" s="516" t="s">
        <v>66</v>
      </c>
      <c r="AK440" s="516" t="s">
        <v>66</v>
      </c>
      <c r="AL440" s="516" t="s">
        <v>66</v>
      </c>
      <c r="AM440" s="516" t="s">
        <v>66</v>
      </c>
      <c r="AN440" s="516" t="s">
        <v>66</v>
      </c>
      <c r="AO440" s="516" t="s">
        <v>66</v>
      </c>
      <c r="AP440" s="516" t="s">
        <v>66</v>
      </c>
      <c r="AQ440" s="516" t="s">
        <v>66</v>
      </c>
      <c r="AR440" s="516" t="s">
        <v>66</v>
      </c>
      <c r="AS440" s="892"/>
      <c r="AT440" s="892"/>
      <c r="AU440" s="892"/>
      <c r="AV440" s="661"/>
      <c r="AW440" s="892"/>
      <c r="AX440" s="892"/>
      <c r="AY440" s="892"/>
      <c r="AZ440" s="661"/>
      <c r="BA440" s="892"/>
      <c r="BB440" s="661"/>
      <c r="BC440" s="661"/>
      <c r="BD440" s="892"/>
      <c r="BE440" s="661"/>
      <c r="BF440" s="661"/>
      <c r="BG440" s="746"/>
      <c r="BH440" s="746"/>
      <c r="BI440" s="746"/>
      <c r="BJ440" s="746"/>
      <c r="BK440" s="746"/>
      <c r="BL440" s="746"/>
      <c r="BM440" s="746"/>
      <c r="BN440" s="746"/>
      <c r="BO440" s="516" t="s">
        <v>66</v>
      </c>
      <c r="BP440" s="516" t="s">
        <v>66</v>
      </c>
      <c r="BQ440" s="516" t="s">
        <v>66</v>
      </c>
      <c r="BR440" s="516" t="s">
        <v>66</v>
      </c>
      <c r="BS440" s="884">
        <f t="shared" si="680"/>
        <v>21225</v>
      </c>
      <c r="BT440" s="661">
        <f t="shared" si="749"/>
        <v>11.031425206124853</v>
      </c>
      <c r="BU440" s="661" t="str">
        <f t="shared" si="793"/>
        <v>GOOD</v>
      </c>
      <c r="BV440" s="898">
        <f t="shared" si="750"/>
        <v>55157.126030624262</v>
      </c>
      <c r="BW440" s="898">
        <f t="shared" si="751"/>
        <v>2206.2850412249704</v>
      </c>
      <c r="BX440" s="898">
        <f t="shared" si="752"/>
        <v>4964.1413427561838</v>
      </c>
      <c r="BY440" s="898">
        <f t="shared" si="753"/>
        <v>3860.9988221436984</v>
      </c>
      <c r="BZ440" s="898">
        <f t="shared" si="754"/>
        <v>5515.7126030624268</v>
      </c>
      <c r="CA440" s="898">
        <f t="shared" si="755"/>
        <v>5295.0840989399294</v>
      </c>
      <c r="CB440" s="898">
        <f t="shared" si="756"/>
        <v>1103.1425206124852</v>
      </c>
      <c r="CC440" s="898">
        <f t="shared" si="757"/>
        <v>4302.2558303886926</v>
      </c>
      <c r="CD440" s="898">
        <f t="shared" si="758"/>
        <v>5515.7126030624268</v>
      </c>
      <c r="CE440" s="898">
        <f t="shared" si="759"/>
        <v>5515.7126030624268</v>
      </c>
      <c r="CF440" s="898">
        <f t="shared" si="760"/>
        <v>8273.5689045936397</v>
      </c>
      <c r="CG440" s="898">
        <f t="shared" si="761"/>
        <v>2206.2850412249704</v>
      </c>
      <c r="CH440" s="898">
        <f t="shared" si="762"/>
        <v>2581.3534982332158</v>
      </c>
      <c r="CI440" s="898">
        <f t="shared" si="763"/>
        <v>3860.9988221436984</v>
      </c>
      <c r="CJ440" s="898">
        <f t="shared" si="764"/>
        <v>992.82826855123676</v>
      </c>
      <c r="CK440" s="898">
        <f t="shared" si="765"/>
        <v>882.51401648998819</v>
      </c>
      <c r="CL440" s="898">
        <f t="shared" si="766"/>
        <v>26254.791990577149</v>
      </c>
      <c r="CM440" s="898" t="str">
        <f t="shared" si="767"/>
        <v/>
      </c>
      <c r="CN440" s="898" t="str">
        <f t="shared" si="768"/>
        <v/>
      </c>
      <c r="CO440" s="898" t="str">
        <f t="shared" si="769"/>
        <v/>
      </c>
      <c r="CP440" s="898" t="str">
        <f t="shared" si="770"/>
        <v/>
      </c>
      <c r="CQ440" s="898" t="str">
        <f t="shared" si="771"/>
        <v/>
      </c>
      <c r="CR440" s="898" t="str">
        <f t="shared" si="772"/>
        <v/>
      </c>
      <c r="CS440" s="898" t="str">
        <f t="shared" si="773"/>
        <v/>
      </c>
      <c r="CT440" s="898" t="str">
        <f t="shared" si="774"/>
        <v/>
      </c>
      <c r="CU440" s="898" t="str">
        <f t="shared" si="775"/>
        <v/>
      </c>
      <c r="CV440" s="898" t="str">
        <f t="shared" si="776"/>
        <v/>
      </c>
      <c r="CW440" s="898" t="str">
        <f t="shared" si="777"/>
        <v/>
      </c>
      <c r="CX440" s="898" t="str">
        <f t="shared" si="778"/>
        <v/>
      </c>
      <c r="CY440" s="898" t="str">
        <f t="shared" si="779"/>
        <v/>
      </c>
      <c r="CZ440" s="898" t="str">
        <f t="shared" si="780"/>
        <v/>
      </c>
      <c r="DA440" s="898" t="str">
        <f t="shared" si="781"/>
        <v/>
      </c>
      <c r="DB440" s="898" t="str">
        <f t="shared" si="782"/>
        <v/>
      </c>
      <c r="DC440" s="898" t="str">
        <f t="shared" si="783"/>
        <v/>
      </c>
      <c r="DD440" s="898" t="str">
        <f t="shared" si="784"/>
        <v/>
      </c>
      <c r="DE440" s="898" t="str">
        <f t="shared" si="785"/>
        <v/>
      </c>
      <c r="DF440" s="898" t="str">
        <f t="shared" si="786"/>
        <v/>
      </c>
      <c r="DG440" s="898" t="str">
        <f t="shared" si="787"/>
        <v/>
      </c>
      <c r="DH440" s="898" t="str">
        <f t="shared" si="788"/>
        <v/>
      </c>
      <c r="DI440" s="898">
        <f t="shared" si="789"/>
        <v>16547.137809187279</v>
      </c>
      <c r="DJ440" s="898">
        <f t="shared" si="790"/>
        <v>17650.280329799763</v>
      </c>
      <c r="DK440" s="898">
        <f t="shared" si="791"/>
        <v>26475.420494699647</v>
      </c>
      <c r="DL440" s="898">
        <f t="shared" si="792"/>
        <v>34980.649328621905</v>
      </c>
      <c r="DM440" s="661">
        <f t="shared" si="681"/>
        <v>138488.5120376914</v>
      </c>
      <c r="DN440" s="898">
        <f t="shared" si="682"/>
        <v>95653.487962308602</v>
      </c>
      <c r="DO440" s="516">
        <f t="shared" si="683"/>
        <v>0</v>
      </c>
      <c r="DP440" s="898">
        <f t="shared" si="684"/>
        <v>0</v>
      </c>
      <c r="DQ440" s="860" t="s">
        <v>4246</v>
      </c>
      <c r="DR440" s="610" t="s">
        <v>4247</v>
      </c>
      <c r="DS440" s="1221" t="s">
        <v>4248</v>
      </c>
      <c r="DT440" s="632"/>
    </row>
    <row r="441" spans="1:124" ht="99.75" x14ac:dyDescent="0.2">
      <c r="A441" s="484" t="str">
        <f t="shared" si="679"/>
        <v>Lime Walk park desire line shared use path</v>
      </c>
      <c r="B441" s="1163">
        <v>438</v>
      </c>
      <c r="C441" s="1156" t="s">
        <v>4543</v>
      </c>
      <c r="D441" s="481" t="s">
        <v>2481</v>
      </c>
      <c r="E441" s="481" t="s">
        <v>53</v>
      </c>
      <c r="F441" s="481" t="s">
        <v>655</v>
      </c>
      <c r="G441" s="775" t="s">
        <v>932</v>
      </c>
      <c r="H441" s="855" t="s">
        <v>1227</v>
      </c>
      <c r="I441" s="775" t="str">
        <f t="shared" si="732"/>
        <v>SG30-3</v>
      </c>
      <c r="J441" s="855" t="s">
        <v>1228</v>
      </c>
      <c r="K441" s="664" t="s">
        <v>3104</v>
      </c>
      <c r="L441" s="852" t="s">
        <v>3167</v>
      </c>
      <c r="M441" s="515" t="s">
        <v>4244</v>
      </c>
      <c r="N441" s="775" t="s">
        <v>81</v>
      </c>
      <c r="O441" s="654" t="s">
        <v>3051</v>
      </c>
      <c r="P441" s="657" t="s">
        <v>61</v>
      </c>
      <c r="Q441" s="852" t="s">
        <v>71</v>
      </c>
      <c r="R441" s="657"/>
      <c r="S441" s="657"/>
      <c r="T441" s="853">
        <v>341774</v>
      </c>
      <c r="U441" s="854"/>
      <c r="V441" s="657" t="s">
        <v>4245</v>
      </c>
      <c r="W441" s="642">
        <f t="shared" si="746"/>
        <v>0</v>
      </c>
      <c r="X441" s="745">
        <f t="shared" si="747"/>
        <v>341774</v>
      </c>
      <c r="Y441" s="745" t="s">
        <v>3106</v>
      </c>
      <c r="Z441" s="745" t="str">
        <f>_xlfn.XLOOKUP(I441, 'CALCS Aecom (July 25 2025)'!F:F, 'CALCS Aecom (July 25 2025)'!W:W)</f>
        <v>Multiple Scenario 2 (Step 6)</v>
      </c>
      <c r="AA441" s="650" t="s">
        <v>65</v>
      </c>
      <c r="AB441" s="516" t="s">
        <v>66</v>
      </c>
      <c r="AC441" s="516" t="s">
        <v>66</v>
      </c>
      <c r="AD441" s="516" t="s">
        <v>66</v>
      </c>
      <c r="AE441" s="516" t="s">
        <v>66</v>
      </c>
      <c r="AF441" s="516" t="s">
        <v>66</v>
      </c>
      <c r="AG441" s="516" t="s">
        <v>66</v>
      </c>
      <c r="AH441" s="516" t="s">
        <v>66</v>
      </c>
      <c r="AI441" s="516" t="s">
        <v>66</v>
      </c>
      <c r="AJ441" s="516" t="s">
        <v>66</v>
      </c>
      <c r="AK441" s="516" t="s">
        <v>66</v>
      </c>
      <c r="AL441" s="516" t="s">
        <v>66</v>
      </c>
      <c r="AM441" s="516" t="s">
        <v>66</v>
      </c>
      <c r="AN441" s="516" t="s">
        <v>66</v>
      </c>
      <c r="AO441" s="516" t="s">
        <v>66</v>
      </c>
      <c r="AP441" s="516" t="s">
        <v>66</v>
      </c>
      <c r="AQ441" s="516" t="s">
        <v>66</v>
      </c>
      <c r="AR441" s="516" t="s">
        <v>66</v>
      </c>
      <c r="AS441" s="892"/>
      <c r="AT441" s="892"/>
      <c r="AU441" s="892"/>
      <c r="AV441" s="661"/>
      <c r="AW441" s="892"/>
      <c r="AX441" s="892"/>
      <c r="AY441" s="892"/>
      <c r="AZ441" s="661"/>
      <c r="BA441" s="892"/>
      <c r="BB441" s="661"/>
      <c r="BC441" s="661"/>
      <c r="BD441" s="892"/>
      <c r="BE441" s="661"/>
      <c r="BF441" s="661"/>
      <c r="BG441" s="746"/>
      <c r="BH441" s="746"/>
      <c r="BI441" s="746"/>
      <c r="BJ441" s="746"/>
      <c r="BK441" s="746"/>
      <c r="BL441" s="746"/>
      <c r="BM441" s="746"/>
      <c r="BN441" s="746"/>
      <c r="BO441" s="516" t="s">
        <v>66</v>
      </c>
      <c r="BP441" s="516" t="s">
        <v>66</v>
      </c>
      <c r="BQ441" s="516" t="s">
        <v>66</v>
      </c>
      <c r="BR441" s="516" t="s">
        <v>66</v>
      </c>
      <c r="BS441" s="884">
        <f t="shared" si="680"/>
        <v>21225</v>
      </c>
      <c r="BT441" s="661">
        <f t="shared" si="749"/>
        <v>16.102426383981154</v>
      </c>
      <c r="BU441" s="661" t="str">
        <f t="shared" si="793"/>
        <v>GOOD</v>
      </c>
      <c r="BV441" s="898">
        <f t="shared" si="750"/>
        <v>80512.131919905776</v>
      </c>
      <c r="BW441" s="898">
        <f t="shared" si="751"/>
        <v>3220.4852767962307</v>
      </c>
      <c r="BX441" s="898">
        <f t="shared" si="752"/>
        <v>7246.0918727915196</v>
      </c>
      <c r="BY441" s="898">
        <f t="shared" si="753"/>
        <v>5635.849234393404</v>
      </c>
      <c r="BZ441" s="898">
        <f t="shared" si="754"/>
        <v>8051.2131919905769</v>
      </c>
      <c r="CA441" s="898">
        <f t="shared" si="755"/>
        <v>7729.1646643109543</v>
      </c>
      <c r="CB441" s="898">
        <f t="shared" si="756"/>
        <v>1610.2426383981153</v>
      </c>
      <c r="CC441" s="898">
        <f t="shared" si="757"/>
        <v>6279.94628975265</v>
      </c>
      <c r="CD441" s="898">
        <f t="shared" si="758"/>
        <v>8051.2131919905769</v>
      </c>
      <c r="CE441" s="898">
        <f t="shared" si="759"/>
        <v>8051.2131919905769</v>
      </c>
      <c r="CF441" s="898">
        <f t="shared" si="760"/>
        <v>12076.819787985865</v>
      </c>
      <c r="CG441" s="898">
        <f t="shared" si="761"/>
        <v>3220.4852767962307</v>
      </c>
      <c r="CH441" s="898">
        <f t="shared" si="762"/>
        <v>3767.9677738515902</v>
      </c>
      <c r="CI441" s="898">
        <f t="shared" si="763"/>
        <v>5635.849234393404</v>
      </c>
      <c r="CJ441" s="898">
        <f t="shared" si="764"/>
        <v>1449.2183745583038</v>
      </c>
      <c r="CK441" s="898">
        <f t="shared" si="765"/>
        <v>1288.1941107184923</v>
      </c>
      <c r="CL441" s="898">
        <f t="shared" si="766"/>
        <v>38323.774793875149</v>
      </c>
      <c r="CM441" s="898" t="str">
        <f t="shared" si="767"/>
        <v/>
      </c>
      <c r="CN441" s="898" t="str">
        <f t="shared" si="768"/>
        <v/>
      </c>
      <c r="CO441" s="898" t="str">
        <f t="shared" si="769"/>
        <v/>
      </c>
      <c r="CP441" s="898" t="str">
        <f t="shared" si="770"/>
        <v/>
      </c>
      <c r="CQ441" s="898" t="str">
        <f t="shared" si="771"/>
        <v/>
      </c>
      <c r="CR441" s="898" t="str">
        <f t="shared" si="772"/>
        <v/>
      </c>
      <c r="CS441" s="898" t="str">
        <f t="shared" si="773"/>
        <v/>
      </c>
      <c r="CT441" s="898" t="str">
        <f t="shared" si="774"/>
        <v/>
      </c>
      <c r="CU441" s="898" t="str">
        <f t="shared" si="775"/>
        <v/>
      </c>
      <c r="CV441" s="898" t="str">
        <f t="shared" si="776"/>
        <v/>
      </c>
      <c r="CW441" s="898" t="str">
        <f t="shared" si="777"/>
        <v/>
      </c>
      <c r="CX441" s="898" t="str">
        <f t="shared" si="778"/>
        <v/>
      </c>
      <c r="CY441" s="898" t="str">
        <f t="shared" si="779"/>
        <v/>
      </c>
      <c r="CZ441" s="898" t="str">
        <f t="shared" si="780"/>
        <v/>
      </c>
      <c r="DA441" s="898" t="str">
        <f t="shared" si="781"/>
        <v/>
      </c>
      <c r="DB441" s="898" t="str">
        <f t="shared" si="782"/>
        <v/>
      </c>
      <c r="DC441" s="898" t="str">
        <f t="shared" si="783"/>
        <v/>
      </c>
      <c r="DD441" s="898" t="str">
        <f t="shared" si="784"/>
        <v/>
      </c>
      <c r="DE441" s="898" t="str">
        <f t="shared" si="785"/>
        <v/>
      </c>
      <c r="DF441" s="898" t="str">
        <f t="shared" si="786"/>
        <v/>
      </c>
      <c r="DG441" s="898" t="str">
        <f t="shared" si="787"/>
        <v/>
      </c>
      <c r="DH441" s="898" t="str">
        <f t="shared" si="788"/>
        <v/>
      </c>
      <c r="DI441" s="898">
        <f t="shared" si="789"/>
        <v>24153.639575971731</v>
      </c>
      <c r="DJ441" s="898">
        <f t="shared" si="790"/>
        <v>25763.882214369845</v>
      </c>
      <c r="DK441" s="898">
        <f t="shared" si="791"/>
        <v>38645.823321554766</v>
      </c>
      <c r="DL441" s="898">
        <f t="shared" si="792"/>
        <v>51060.79406360424</v>
      </c>
      <c r="DM441" s="661">
        <f t="shared" si="681"/>
        <v>202149.86082449945</v>
      </c>
      <c r="DN441" s="898">
        <f t="shared" si="682"/>
        <v>139624.13917550058</v>
      </c>
      <c r="DO441" s="516">
        <f t="shared" si="683"/>
        <v>0</v>
      </c>
      <c r="DP441" s="898">
        <f t="shared" si="684"/>
        <v>0</v>
      </c>
      <c r="DQ441" s="860" t="s">
        <v>4246</v>
      </c>
      <c r="DR441" s="610" t="s">
        <v>4247</v>
      </c>
      <c r="DS441" s="1221" t="s">
        <v>4248</v>
      </c>
      <c r="DT441" s="632"/>
    </row>
    <row r="442" spans="1:124" ht="57" x14ac:dyDescent="0.2">
      <c r="A442" s="484" t="str">
        <f t="shared" si="679"/>
        <v>Lime Walk park Wayfinding Signage</v>
      </c>
      <c r="B442" s="1163">
        <v>439</v>
      </c>
      <c r="C442" s="1156" t="s">
        <v>4544</v>
      </c>
      <c r="D442" s="481" t="s">
        <v>2481</v>
      </c>
      <c r="E442" s="481" t="s">
        <v>53</v>
      </c>
      <c r="F442" s="481" t="s">
        <v>655</v>
      </c>
      <c r="G442" s="775" t="s">
        <v>932</v>
      </c>
      <c r="H442" s="855" t="s">
        <v>1229</v>
      </c>
      <c r="I442" s="775" t="str">
        <f t="shared" si="732"/>
        <v>SG30-4</v>
      </c>
      <c r="J442" s="855" t="s">
        <v>1230</v>
      </c>
      <c r="K442" s="664" t="s">
        <v>3104</v>
      </c>
      <c r="L442" s="852" t="s">
        <v>3167</v>
      </c>
      <c r="M442" s="515" t="s">
        <v>4244</v>
      </c>
      <c r="N442" s="775" t="s">
        <v>81</v>
      </c>
      <c r="O442" s="654" t="s">
        <v>3051</v>
      </c>
      <c r="P442" s="657" t="s">
        <v>61</v>
      </c>
      <c r="Q442" s="852" t="s">
        <v>71</v>
      </c>
      <c r="R442" s="657"/>
      <c r="S442" s="657"/>
      <c r="T442" s="853">
        <v>6961</v>
      </c>
      <c r="U442" s="854"/>
      <c r="V442" s="657" t="s">
        <v>4245</v>
      </c>
      <c r="W442" s="642">
        <f t="shared" si="746"/>
        <v>0</v>
      </c>
      <c r="X442" s="745">
        <f t="shared" si="747"/>
        <v>6961</v>
      </c>
      <c r="Y442" s="745" t="s">
        <v>3106</v>
      </c>
      <c r="Z442" s="745" t="str">
        <f>_xlfn.XLOOKUP(I442, 'CALCS Aecom (July 25 2025)'!F:F, 'CALCS Aecom (July 25 2025)'!W:W)</f>
        <v>Multiple Scenario 2 (Step 6)</v>
      </c>
      <c r="AA442" s="650" t="s">
        <v>65</v>
      </c>
      <c r="AB442" s="516" t="s">
        <v>66</v>
      </c>
      <c r="AC442" s="516" t="s">
        <v>66</v>
      </c>
      <c r="AD442" s="516" t="s">
        <v>66</v>
      </c>
      <c r="AE442" s="516" t="s">
        <v>66</v>
      </c>
      <c r="AF442" s="516" t="s">
        <v>66</v>
      </c>
      <c r="AG442" s="516" t="s">
        <v>66</v>
      </c>
      <c r="AH442" s="516" t="s">
        <v>66</v>
      </c>
      <c r="AI442" s="516" t="s">
        <v>66</v>
      </c>
      <c r="AJ442" s="516" t="s">
        <v>66</v>
      </c>
      <c r="AK442" s="516" t="s">
        <v>66</v>
      </c>
      <c r="AL442" s="516" t="s">
        <v>66</v>
      </c>
      <c r="AM442" s="516" t="s">
        <v>66</v>
      </c>
      <c r="AN442" s="516" t="s">
        <v>66</v>
      </c>
      <c r="AO442" s="516" t="s">
        <v>66</v>
      </c>
      <c r="AP442" s="516" t="s">
        <v>66</v>
      </c>
      <c r="AQ442" s="516" t="s">
        <v>66</v>
      </c>
      <c r="AR442" s="516" t="s">
        <v>66</v>
      </c>
      <c r="AS442" s="892"/>
      <c r="AT442" s="892"/>
      <c r="AU442" s="892"/>
      <c r="AV442" s="661"/>
      <c r="AW442" s="892"/>
      <c r="AX442" s="892"/>
      <c r="AY442" s="892"/>
      <c r="AZ442" s="661"/>
      <c r="BA442" s="892"/>
      <c r="BB442" s="661"/>
      <c r="BC442" s="661"/>
      <c r="BD442" s="892"/>
      <c r="BE442" s="661"/>
      <c r="BF442" s="661"/>
      <c r="BG442" s="746"/>
      <c r="BH442" s="746"/>
      <c r="BI442" s="746"/>
      <c r="BJ442" s="746"/>
      <c r="BK442" s="746"/>
      <c r="BL442" s="746"/>
      <c r="BM442" s="746"/>
      <c r="BN442" s="746"/>
      <c r="BO442" s="516" t="s">
        <v>66</v>
      </c>
      <c r="BP442" s="516" t="s">
        <v>66</v>
      </c>
      <c r="BQ442" s="516" t="s">
        <v>66</v>
      </c>
      <c r="BR442" s="516" t="s">
        <v>66</v>
      </c>
      <c r="BS442" s="884">
        <f t="shared" si="680"/>
        <v>21225</v>
      </c>
      <c r="BT442" s="661">
        <f t="shared" si="749"/>
        <v>0.32796230859835102</v>
      </c>
      <c r="BU442" s="661" t="str">
        <f t="shared" si="793"/>
        <v>GOOD</v>
      </c>
      <c r="BV442" s="898">
        <f t="shared" si="750"/>
        <v>1639.811542991755</v>
      </c>
      <c r="BW442" s="898">
        <f t="shared" si="751"/>
        <v>65.592461719670197</v>
      </c>
      <c r="BX442" s="898">
        <f t="shared" si="752"/>
        <v>147.58303886925796</v>
      </c>
      <c r="BY442" s="898">
        <f t="shared" si="753"/>
        <v>114.78680800942286</v>
      </c>
      <c r="BZ442" s="898">
        <f t="shared" si="754"/>
        <v>163.9811542991755</v>
      </c>
      <c r="CA442" s="898">
        <f t="shared" si="755"/>
        <v>157.4219081272085</v>
      </c>
      <c r="CB442" s="898">
        <f t="shared" si="756"/>
        <v>32.796230859835099</v>
      </c>
      <c r="CC442" s="898">
        <f t="shared" si="757"/>
        <v>127.90530035335689</v>
      </c>
      <c r="CD442" s="898">
        <f t="shared" si="758"/>
        <v>163.9811542991755</v>
      </c>
      <c r="CE442" s="898">
        <f t="shared" si="759"/>
        <v>163.9811542991755</v>
      </c>
      <c r="CF442" s="898">
        <f t="shared" si="760"/>
        <v>245.97173144876325</v>
      </c>
      <c r="CG442" s="898">
        <f t="shared" si="761"/>
        <v>65.592461719670197</v>
      </c>
      <c r="CH442" s="898">
        <f t="shared" si="762"/>
        <v>76.743180212014138</v>
      </c>
      <c r="CI442" s="898">
        <f t="shared" si="763"/>
        <v>114.78680800942286</v>
      </c>
      <c r="CJ442" s="898">
        <f t="shared" si="764"/>
        <v>29.516607773851593</v>
      </c>
      <c r="CK442" s="898">
        <f t="shared" si="765"/>
        <v>26.23698468786808</v>
      </c>
      <c r="CL442" s="898">
        <f t="shared" si="766"/>
        <v>780.55029446407536</v>
      </c>
      <c r="CM442" s="898" t="str">
        <f t="shared" si="767"/>
        <v/>
      </c>
      <c r="CN442" s="898" t="str">
        <f t="shared" si="768"/>
        <v/>
      </c>
      <c r="CO442" s="898" t="str">
        <f t="shared" si="769"/>
        <v/>
      </c>
      <c r="CP442" s="898" t="str">
        <f t="shared" si="770"/>
        <v/>
      </c>
      <c r="CQ442" s="898" t="str">
        <f t="shared" si="771"/>
        <v/>
      </c>
      <c r="CR442" s="898" t="str">
        <f t="shared" si="772"/>
        <v/>
      </c>
      <c r="CS442" s="898" t="str">
        <f t="shared" si="773"/>
        <v/>
      </c>
      <c r="CT442" s="898" t="str">
        <f t="shared" si="774"/>
        <v/>
      </c>
      <c r="CU442" s="898" t="str">
        <f t="shared" si="775"/>
        <v/>
      </c>
      <c r="CV442" s="898" t="str">
        <f t="shared" si="776"/>
        <v/>
      </c>
      <c r="CW442" s="898" t="str">
        <f t="shared" si="777"/>
        <v/>
      </c>
      <c r="CX442" s="898" t="str">
        <f t="shared" si="778"/>
        <v/>
      </c>
      <c r="CY442" s="898" t="str">
        <f t="shared" si="779"/>
        <v/>
      </c>
      <c r="CZ442" s="898" t="str">
        <f t="shared" si="780"/>
        <v/>
      </c>
      <c r="DA442" s="898" t="str">
        <f t="shared" si="781"/>
        <v/>
      </c>
      <c r="DB442" s="898" t="str">
        <f t="shared" si="782"/>
        <v/>
      </c>
      <c r="DC442" s="898" t="str">
        <f t="shared" si="783"/>
        <v/>
      </c>
      <c r="DD442" s="898" t="str">
        <f t="shared" si="784"/>
        <v/>
      </c>
      <c r="DE442" s="898" t="str">
        <f t="shared" si="785"/>
        <v/>
      </c>
      <c r="DF442" s="898" t="str">
        <f t="shared" si="786"/>
        <v/>
      </c>
      <c r="DG442" s="898" t="str">
        <f t="shared" si="787"/>
        <v/>
      </c>
      <c r="DH442" s="898" t="str">
        <f t="shared" si="788"/>
        <v/>
      </c>
      <c r="DI442" s="898">
        <f t="shared" si="789"/>
        <v>491.9434628975265</v>
      </c>
      <c r="DJ442" s="898">
        <f t="shared" si="790"/>
        <v>524.73969375736158</v>
      </c>
      <c r="DK442" s="898">
        <f t="shared" si="791"/>
        <v>787.10954063604242</v>
      </c>
      <c r="DL442" s="898">
        <f t="shared" si="792"/>
        <v>1039.968480565371</v>
      </c>
      <c r="DM442" s="661">
        <f t="shared" si="681"/>
        <v>4117.2388221436995</v>
      </c>
      <c r="DN442" s="898">
        <f t="shared" si="682"/>
        <v>2843.7611778563014</v>
      </c>
      <c r="DO442" s="516">
        <f t="shared" si="683"/>
        <v>0</v>
      </c>
      <c r="DP442" s="898">
        <f t="shared" si="684"/>
        <v>0</v>
      </c>
      <c r="DQ442" s="860" t="s">
        <v>4246</v>
      </c>
      <c r="DR442" s="610" t="s">
        <v>4247</v>
      </c>
      <c r="DS442" s="1221" t="s">
        <v>4248</v>
      </c>
      <c r="DT442" s="632"/>
    </row>
    <row r="443" spans="1:124" ht="57" x14ac:dyDescent="0.2">
      <c r="A443" s="484" t="str">
        <f t="shared" si="679"/>
        <v>Lime Walk park cycle parking</v>
      </c>
      <c r="B443" s="1163">
        <v>440</v>
      </c>
      <c r="C443" s="1156" t="s">
        <v>4545</v>
      </c>
      <c r="D443" s="481" t="s">
        <v>2481</v>
      </c>
      <c r="E443" s="481" t="s">
        <v>53</v>
      </c>
      <c r="F443" s="481" t="s">
        <v>655</v>
      </c>
      <c r="G443" s="775" t="s">
        <v>932</v>
      </c>
      <c r="H443" s="855" t="s">
        <v>1231</v>
      </c>
      <c r="I443" s="775" t="str">
        <f t="shared" si="732"/>
        <v>SG30-5</v>
      </c>
      <c r="J443" s="855" t="s">
        <v>1232</v>
      </c>
      <c r="K443" s="664" t="s">
        <v>3104</v>
      </c>
      <c r="L443" s="852" t="s">
        <v>3167</v>
      </c>
      <c r="M443" s="515" t="s">
        <v>4244</v>
      </c>
      <c r="N443" s="775" t="s">
        <v>81</v>
      </c>
      <c r="O443" s="654" t="s">
        <v>3051</v>
      </c>
      <c r="P443" s="657" t="s">
        <v>61</v>
      </c>
      <c r="Q443" s="852" t="s">
        <v>71</v>
      </c>
      <c r="R443" s="657"/>
      <c r="S443" s="657"/>
      <c r="T443" s="853">
        <v>598</v>
      </c>
      <c r="U443" s="854"/>
      <c r="V443" s="657" t="s">
        <v>4245</v>
      </c>
      <c r="W443" s="642">
        <f t="shared" si="746"/>
        <v>0</v>
      </c>
      <c r="X443" s="745">
        <f t="shared" si="747"/>
        <v>598</v>
      </c>
      <c r="Y443" s="745" t="s">
        <v>3106</v>
      </c>
      <c r="Z443" s="745" t="str">
        <f>_xlfn.XLOOKUP(I443, 'CALCS Aecom (July 25 2025)'!F:F, 'CALCS Aecom (July 25 2025)'!W:W)</f>
        <v>Multiple Scenario 2 (Step 6)</v>
      </c>
      <c r="AA443" s="650" t="s">
        <v>65</v>
      </c>
      <c r="AB443" s="516" t="s">
        <v>66</v>
      </c>
      <c r="AC443" s="516" t="s">
        <v>66</v>
      </c>
      <c r="AD443" s="516" t="s">
        <v>66</v>
      </c>
      <c r="AE443" s="516" t="s">
        <v>66</v>
      </c>
      <c r="AF443" s="516" t="s">
        <v>66</v>
      </c>
      <c r="AG443" s="516" t="s">
        <v>66</v>
      </c>
      <c r="AH443" s="516" t="s">
        <v>66</v>
      </c>
      <c r="AI443" s="516" t="s">
        <v>66</v>
      </c>
      <c r="AJ443" s="516" t="s">
        <v>66</v>
      </c>
      <c r="AK443" s="516" t="s">
        <v>66</v>
      </c>
      <c r="AL443" s="516" t="s">
        <v>66</v>
      </c>
      <c r="AM443" s="516" t="s">
        <v>66</v>
      </c>
      <c r="AN443" s="516" t="s">
        <v>66</v>
      </c>
      <c r="AO443" s="516" t="s">
        <v>66</v>
      </c>
      <c r="AP443" s="516" t="s">
        <v>66</v>
      </c>
      <c r="AQ443" s="516" t="s">
        <v>66</v>
      </c>
      <c r="AR443" s="516" t="s">
        <v>66</v>
      </c>
      <c r="AS443" s="892"/>
      <c r="AT443" s="892"/>
      <c r="AU443" s="892"/>
      <c r="AV443" s="661"/>
      <c r="AW443" s="892"/>
      <c r="AX443" s="892"/>
      <c r="AY443" s="892"/>
      <c r="AZ443" s="661"/>
      <c r="BA443" s="892"/>
      <c r="BB443" s="661"/>
      <c r="BC443" s="661"/>
      <c r="BD443" s="892"/>
      <c r="BE443" s="661"/>
      <c r="BF443" s="661"/>
      <c r="BG443" s="746"/>
      <c r="BH443" s="746"/>
      <c r="BI443" s="746"/>
      <c r="BJ443" s="746"/>
      <c r="BK443" s="746"/>
      <c r="BL443" s="746"/>
      <c r="BM443" s="746"/>
      <c r="BN443" s="746"/>
      <c r="BO443" s="516" t="s">
        <v>66</v>
      </c>
      <c r="BP443" s="516" t="s">
        <v>66</v>
      </c>
      <c r="BQ443" s="516" t="s">
        <v>66</v>
      </c>
      <c r="BR443" s="516" t="s">
        <v>66</v>
      </c>
      <c r="BS443" s="884">
        <f t="shared" si="680"/>
        <v>21225</v>
      </c>
      <c r="BT443" s="661">
        <f t="shared" si="749"/>
        <v>2.8174322732626621E-2</v>
      </c>
      <c r="BU443" s="661" t="str">
        <f t="shared" si="793"/>
        <v>GOOD</v>
      </c>
      <c r="BV443" s="898">
        <f t="shared" si="750"/>
        <v>140.8716136631331</v>
      </c>
      <c r="BW443" s="898">
        <f t="shared" si="751"/>
        <v>5.634864546525324</v>
      </c>
      <c r="BX443" s="898">
        <f t="shared" si="752"/>
        <v>12.67844522968198</v>
      </c>
      <c r="BY443" s="898">
        <f t="shared" si="753"/>
        <v>9.8610129564193176</v>
      </c>
      <c r="BZ443" s="898">
        <f t="shared" si="754"/>
        <v>14.08716136631331</v>
      </c>
      <c r="CA443" s="898">
        <f t="shared" si="755"/>
        <v>13.523674911660779</v>
      </c>
      <c r="CB443" s="898">
        <f t="shared" si="756"/>
        <v>2.817432273262662</v>
      </c>
      <c r="CC443" s="898">
        <f t="shared" si="757"/>
        <v>10.987985865724383</v>
      </c>
      <c r="CD443" s="898">
        <f t="shared" si="758"/>
        <v>14.08716136631331</v>
      </c>
      <c r="CE443" s="898">
        <f t="shared" si="759"/>
        <v>14.08716136631331</v>
      </c>
      <c r="CF443" s="898">
        <f t="shared" si="760"/>
        <v>21.130742049469966</v>
      </c>
      <c r="CG443" s="898">
        <f t="shared" si="761"/>
        <v>5.634864546525324</v>
      </c>
      <c r="CH443" s="898">
        <f t="shared" si="762"/>
        <v>6.5927915194346296</v>
      </c>
      <c r="CI443" s="898">
        <f t="shared" si="763"/>
        <v>9.8610129564193176</v>
      </c>
      <c r="CJ443" s="898">
        <f t="shared" si="764"/>
        <v>2.5356890459363957</v>
      </c>
      <c r="CK443" s="898">
        <f t="shared" si="765"/>
        <v>2.2539458186101298</v>
      </c>
      <c r="CL443" s="898">
        <f t="shared" si="766"/>
        <v>67.054888103651351</v>
      </c>
      <c r="CM443" s="898" t="str">
        <f t="shared" si="767"/>
        <v/>
      </c>
      <c r="CN443" s="898" t="str">
        <f t="shared" si="768"/>
        <v/>
      </c>
      <c r="CO443" s="898" t="str">
        <f t="shared" si="769"/>
        <v/>
      </c>
      <c r="CP443" s="898" t="str">
        <f t="shared" si="770"/>
        <v/>
      </c>
      <c r="CQ443" s="898" t="str">
        <f t="shared" si="771"/>
        <v/>
      </c>
      <c r="CR443" s="898" t="str">
        <f t="shared" si="772"/>
        <v/>
      </c>
      <c r="CS443" s="898" t="str">
        <f t="shared" si="773"/>
        <v/>
      </c>
      <c r="CT443" s="898" t="str">
        <f t="shared" si="774"/>
        <v/>
      </c>
      <c r="CU443" s="898" t="str">
        <f t="shared" si="775"/>
        <v/>
      </c>
      <c r="CV443" s="898" t="str">
        <f t="shared" si="776"/>
        <v/>
      </c>
      <c r="CW443" s="898" t="str">
        <f t="shared" si="777"/>
        <v/>
      </c>
      <c r="CX443" s="898" t="str">
        <f t="shared" si="778"/>
        <v/>
      </c>
      <c r="CY443" s="898" t="str">
        <f t="shared" si="779"/>
        <v/>
      </c>
      <c r="CZ443" s="898" t="str">
        <f t="shared" si="780"/>
        <v/>
      </c>
      <c r="DA443" s="898" t="str">
        <f t="shared" si="781"/>
        <v/>
      </c>
      <c r="DB443" s="898" t="str">
        <f t="shared" si="782"/>
        <v/>
      </c>
      <c r="DC443" s="898" t="str">
        <f t="shared" si="783"/>
        <v/>
      </c>
      <c r="DD443" s="898" t="str">
        <f t="shared" si="784"/>
        <v/>
      </c>
      <c r="DE443" s="898" t="str">
        <f t="shared" si="785"/>
        <v/>
      </c>
      <c r="DF443" s="898" t="str">
        <f t="shared" si="786"/>
        <v/>
      </c>
      <c r="DG443" s="898" t="str">
        <f t="shared" si="787"/>
        <v/>
      </c>
      <c r="DH443" s="898" t="str">
        <f t="shared" si="788"/>
        <v/>
      </c>
      <c r="DI443" s="898">
        <f t="shared" si="789"/>
        <v>42.261484098939931</v>
      </c>
      <c r="DJ443" s="898">
        <f t="shared" si="790"/>
        <v>45.078916372202592</v>
      </c>
      <c r="DK443" s="898">
        <f t="shared" si="791"/>
        <v>67.618374558303884</v>
      </c>
      <c r="DL443" s="898">
        <f t="shared" si="792"/>
        <v>89.340777385159015</v>
      </c>
      <c r="DM443" s="661">
        <f t="shared" si="681"/>
        <v>353.70044758539461</v>
      </c>
      <c r="DN443" s="898">
        <f t="shared" si="682"/>
        <v>244.29955241460542</v>
      </c>
      <c r="DO443" s="516">
        <f t="shared" si="683"/>
        <v>0</v>
      </c>
      <c r="DP443" s="898">
        <f t="shared" si="684"/>
        <v>0</v>
      </c>
      <c r="DQ443" s="860" t="s">
        <v>4246</v>
      </c>
      <c r="DR443" s="610" t="s">
        <v>4247</v>
      </c>
      <c r="DS443" s="1221" t="s">
        <v>4248</v>
      </c>
      <c r="DT443" s="632"/>
    </row>
    <row r="444" spans="1:124" ht="57" x14ac:dyDescent="0.2">
      <c r="A444" s="484" t="str">
        <f t="shared" si="679"/>
        <v>St Albans Hill Zebra Crossing by Dacorum Athletics Track</v>
      </c>
      <c r="B444" s="1163">
        <v>441</v>
      </c>
      <c r="C444" s="1156" t="s">
        <v>4546</v>
      </c>
      <c r="D444" s="481" t="s">
        <v>2481</v>
      </c>
      <c r="E444" s="481" t="s">
        <v>53</v>
      </c>
      <c r="F444" s="481" t="s">
        <v>655</v>
      </c>
      <c r="G444" s="775" t="s">
        <v>932</v>
      </c>
      <c r="H444" s="855" t="s">
        <v>1233</v>
      </c>
      <c r="I444" s="775" t="str">
        <f t="shared" si="732"/>
        <v>SG31-1</v>
      </c>
      <c r="J444" s="855" t="s">
        <v>1234</v>
      </c>
      <c r="K444" s="664" t="s">
        <v>3104</v>
      </c>
      <c r="L444" s="852" t="s">
        <v>3167</v>
      </c>
      <c r="M444" s="515" t="s">
        <v>4244</v>
      </c>
      <c r="N444" s="775" t="s">
        <v>81</v>
      </c>
      <c r="O444" s="654" t="s">
        <v>3051</v>
      </c>
      <c r="P444" s="657" t="s">
        <v>61</v>
      </c>
      <c r="Q444" s="852" t="s">
        <v>71</v>
      </c>
      <c r="R444" s="657"/>
      <c r="S444" s="657"/>
      <c r="T444" s="853">
        <v>199337</v>
      </c>
      <c r="U444" s="854"/>
      <c r="V444" s="657" t="s">
        <v>4245</v>
      </c>
      <c r="W444" s="642">
        <f t="shared" si="746"/>
        <v>0</v>
      </c>
      <c r="X444" s="745">
        <f t="shared" si="747"/>
        <v>199337</v>
      </c>
      <c r="Y444" s="745" t="s">
        <v>3106</v>
      </c>
      <c r="Z444" s="745" t="str">
        <f>_xlfn.XLOOKUP(I444, 'CALCS Aecom (July 25 2025)'!F:F, 'CALCS Aecom (July 25 2025)'!W:W)</f>
        <v>Multiple Scenario 2 (Step 6)</v>
      </c>
      <c r="AA444" s="650" t="s">
        <v>65</v>
      </c>
      <c r="AB444" s="516" t="s">
        <v>66</v>
      </c>
      <c r="AC444" s="516" t="s">
        <v>66</v>
      </c>
      <c r="AD444" s="516" t="s">
        <v>66</v>
      </c>
      <c r="AE444" s="516" t="s">
        <v>66</v>
      </c>
      <c r="AF444" s="516" t="s">
        <v>66</v>
      </c>
      <c r="AG444" s="516" t="s">
        <v>66</v>
      </c>
      <c r="AH444" s="516" t="s">
        <v>66</v>
      </c>
      <c r="AI444" s="516" t="s">
        <v>66</v>
      </c>
      <c r="AJ444" s="516" t="s">
        <v>66</v>
      </c>
      <c r="AK444" s="516" t="s">
        <v>66</v>
      </c>
      <c r="AL444" s="516" t="s">
        <v>66</v>
      </c>
      <c r="AM444" s="516" t="s">
        <v>66</v>
      </c>
      <c r="AN444" s="516" t="s">
        <v>66</v>
      </c>
      <c r="AO444" s="516" t="s">
        <v>66</v>
      </c>
      <c r="AP444" s="516" t="s">
        <v>66</v>
      </c>
      <c r="AQ444" s="516" t="s">
        <v>66</v>
      </c>
      <c r="AR444" s="516" t="s">
        <v>66</v>
      </c>
      <c r="AS444" s="892"/>
      <c r="AT444" s="892"/>
      <c r="AU444" s="892"/>
      <c r="AV444" s="661"/>
      <c r="AW444" s="892"/>
      <c r="AX444" s="892"/>
      <c r="AY444" s="892"/>
      <c r="AZ444" s="661"/>
      <c r="BA444" s="892"/>
      <c r="BB444" s="661"/>
      <c r="BC444" s="661"/>
      <c r="BD444" s="892"/>
      <c r="BE444" s="661"/>
      <c r="BF444" s="661"/>
      <c r="BG444" s="746"/>
      <c r="BH444" s="746"/>
      <c r="BI444" s="746"/>
      <c r="BJ444" s="746"/>
      <c r="BK444" s="746"/>
      <c r="BL444" s="746"/>
      <c r="BM444" s="746"/>
      <c r="BN444" s="746"/>
      <c r="BO444" s="516" t="s">
        <v>66</v>
      </c>
      <c r="BP444" s="516" t="s">
        <v>66</v>
      </c>
      <c r="BQ444" s="516" t="s">
        <v>66</v>
      </c>
      <c r="BR444" s="516" t="s">
        <v>66</v>
      </c>
      <c r="BS444" s="884">
        <f t="shared" si="680"/>
        <v>21225</v>
      </c>
      <c r="BT444" s="661">
        <f t="shared" si="749"/>
        <v>9.3916136631330982</v>
      </c>
      <c r="BU444" s="661" t="str">
        <f t="shared" si="793"/>
        <v>GOOD</v>
      </c>
      <c r="BV444" s="898">
        <f t="shared" si="750"/>
        <v>46958.068315665492</v>
      </c>
      <c r="BW444" s="898">
        <f t="shared" si="751"/>
        <v>1878.3227326266197</v>
      </c>
      <c r="BX444" s="898">
        <f t="shared" si="752"/>
        <v>4226.2261484098944</v>
      </c>
      <c r="BY444" s="898">
        <f t="shared" si="753"/>
        <v>3287.0647820965842</v>
      </c>
      <c r="BZ444" s="898">
        <f t="shared" si="754"/>
        <v>4695.8068315665487</v>
      </c>
      <c r="CA444" s="898">
        <f t="shared" si="755"/>
        <v>4507.9745583038875</v>
      </c>
      <c r="CB444" s="898">
        <f t="shared" si="756"/>
        <v>939.16136631330983</v>
      </c>
      <c r="CC444" s="898">
        <f t="shared" si="757"/>
        <v>3662.7293286219083</v>
      </c>
      <c r="CD444" s="898">
        <f t="shared" si="758"/>
        <v>4695.8068315665487</v>
      </c>
      <c r="CE444" s="898">
        <f t="shared" si="759"/>
        <v>4695.8068315665487</v>
      </c>
      <c r="CF444" s="898">
        <f t="shared" si="760"/>
        <v>7043.7102473498235</v>
      </c>
      <c r="CG444" s="898">
        <f t="shared" si="761"/>
        <v>1878.3227326266197</v>
      </c>
      <c r="CH444" s="898">
        <f t="shared" si="762"/>
        <v>2197.637597173145</v>
      </c>
      <c r="CI444" s="898">
        <f t="shared" si="763"/>
        <v>3287.0647820965842</v>
      </c>
      <c r="CJ444" s="898">
        <f t="shared" si="764"/>
        <v>845.2452296819788</v>
      </c>
      <c r="CK444" s="898">
        <f t="shared" si="765"/>
        <v>751.32909305064788</v>
      </c>
      <c r="CL444" s="898">
        <f t="shared" si="766"/>
        <v>22352.040518256774</v>
      </c>
      <c r="CM444" s="898" t="str">
        <f t="shared" si="767"/>
        <v/>
      </c>
      <c r="CN444" s="898" t="str">
        <f t="shared" si="768"/>
        <v/>
      </c>
      <c r="CO444" s="898" t="str">
        <f t="shared" si="769"/>
        <v/>
      </c>
      <c r="CP444" s="898" t="str">
        <f t="shared" si="770"/>
        <v/>
      </c>
      <c r="CQ444" s="898" t="str">
        <f t="shared" si="771"/>
        <v/>
      </c>
      <c r="CR444" s="898" t="str">
        <f t="shared" si="772"/>
        <v/>
      </c>
      <c r="CS444" s="898" t="str">
        <f t="shared" si="773"/>
        <v/>
      </c>
      <c r="CT444" s="898" t="str">
        <f t="shared" si="774"/>
        <v/>
      </c>
      <c r="CU444" s="898" t="str">
        <f t="shared" si="775"/>
        <v/>
      </c>
      <c r="CV444" s="898" t="str">
        <f t="shared" si="776"/>
        <v/>
      </c>
      <c r="CW444" s="898" t="str">
        <f t="shared" si="777"/>
        <v/>
      </c>
      <c r="CX444" s="898" t="str">
        <f t="shared" si="778"/>
        <v/>
      </c>
      <c r="CY444" s="898" t="str">
        <f t="shared" si="779"/>
        <v/>
      </c>
      <c r="CZ444" s="898" t="str">
        <f t="shared" si="780"/>
        <v/>
      </c>
      <c r="DA444" s="898" t="str">
        <f t="shared" si="781"/>
        <v/>
      </c>
      <c r="DB444" s="898" t="str">
        <f t="shared" si="782"/>
        <v/>
      </c>
      <c r="DC444" s="898" t="str">
        <f t="shared" si="783"/>
        <v/>
      </c>
      <c r="DD444" s="898" t="str">
        <f t="shared" si="784"/>
        <v/>
      </c>
      <c r="DE444" s="898" t="str">
        <f t="shared" si="785"/>
        <v/>
      </c>
      <c r="DF444" s="898" t="str">
        <f t="shared" si="786"/>
        <v/>
      </c>
      <c r="DG444" s="898" t="str">
        <f t="shared" si="787"/>
        <v/>
      </c>
      <c r="DH444" s="898" t="str">
        <f t="shared" si="788"/>
        <v/>
      </c>
      <c r="DI444" s="898">
        <f t="shared" si="789"/>
        <v>14087.420494699647</v>
      </c>
      <c r="DJ444" s="898">
        <f t="shared" si="790"/>
        <v>15026.581861012957</v>
      </c>
      <c r="DK444" s="898">
        <f t="shared" si="791"/>
        <v>22539.872791519436</v>
      </c>
      <c r="DL444" s="898">
        <f t="shared" si="792"/>
        <v>29780.806925795056</v>
      </c>
      <c r="DM444" s="661">
        <f t="shared" si="681"/>
        <v>117902.3179269729</v>
      </c>
      <c r="DN444" s="898">
        <f t="shared" si="682"/>
        <v>81434.682073027099</v>
      </c>
      <c r="DO444" s="516">
        <f t="shared" si="683"/>
        <v>0</v>
      </c>
      <c r="DP444" s="898">
        <f t="shared" si="684"/>
        <v>0</v>
      </c>
      <c r="DQ444" s="860" t="s">
        <v>4246</v>
      </c>
      <c r="DR444" s="610" t="s">
        <v>4247</v>
      </c>
      <c r="DS444" s="1221" t="s">
        <v>4248</v>
      </c>
      <c r="DT444" s="632"/>
    </row>
    <row r="445" spans="1:124" ht="57" x14ac:dyDescent="0.2">
      <c r="A445" s="484" t="str">
        <f t="shared" si="679"/>
        <v>St Albans Hill - Bennetts End Road pedestrian crossing improvement</v>
      </c>
      <c r="B445" s="1163">
        <v>442</v>
      </c>
      <c r="C445" s="1156" t="s">
        <v>4547</v>
      </c>
      <c r="D445" s="481" t="s">
        <v>2481</v>
      </c>
      <c r="E445" s="481" t="s">
        <v>53</v>
      </c>
      <c r="F445" s="481" t="s">
        <v>655</v>
      </c>
      <c r="G445" s="775" t="s">
        <v>932</v>
      </c>
      <c r="H445" s="855" t="s">
        <v>1235</v>
      </c>
      <c r="I445" s="775" t="str">
        <f t="shared" si="732"/>
        <v>SG31-2</v>
      </c>
      <c r="J445" s="855" t="s">
        <v>1236</v>
      </c>
      <c r="K445" s="664" t="s">
        <v>3104</v>
      </c>
      <c r="L445" s="852" t="s">
        <v>3167</v>
      </c>
      <c r="M445" s="515" t="s">
        <v>4244</v>
      </c>
      <c r="N445" s="775" t="s">
        <v>81</v>
      </c>
      <c r="O445" s="654" t="s">
        <v>3051</v>
      </c>
      <c r="P445" s="657" t="s">
        <v>61</v>
      </c>
      <c r="Q445" s="852" t="s">
        <v>71</v>
      </c>
      <c r="R445" s="657"/>
      <c r="S445" s="657"/>
      <c r="T445" s="853">
        <v>110163</v>
      </c>
      <c r="U445" s="854"/>
      <c r="V445" s="657" t="s">
        <v>4245</v>
      </c>
      <c r="W445" s="642">
        <f t="shared" si="746"/>
        <v>0</v>
      </c>
      <c r="X445" s="745">
        <f t="shared" si="747"/>
        <v>110163</v>
      </c>
      <c r="Y445" s="745" t="s">
        <v>3106</v>
      </c>
      <c r="Z445" s="745" t="str">
        <f>_xlfn.XLOOKUP(I445, 'CALCS Aecom (July 25 2025)'!F:F, 'CALCS Aecom (July 25 2025)'!W:W)</f>
        <v>Multiple Scenario 2 (Step 6)</v>
      </c>
      <c r="AA445" s="650" t="s">
        <v>65</v>
      </c>
      <c r="AB445" s="516" t="s">
        <v>66</v>
      </c>
      <c r="AC445" s="516" t="s">
        <v>66</v>
      </c>
      <c r="AD445" s="516" t="s">
        <v>66</v>
      </c>
      <c r="AE445" s="516" t="s">
        <v>66</v>
      </c>
      <c r="AF445" s="516" t="s">
        <v>66</v>
      </c>
      <c r="AG445" s="516" t="s">
        <v>66</v>
      </c>
      <c r="AH445" s="516" t="s">
        <v>66</v>
      </c>
      <c r="AI445" s="516" t="s">
        <v>66</v>
      </c>
      <c r="AJ445" s="516" t="s">
        <v>66</v>
      </c>
      <c r="AK445" s="516" t="s">
        <v>66</v>
      </c>
      <c r="AL445" s="516" t="s">
        <v>66</v>
      </c>
      <c r="AM445" s="516" t="s">
        <v>66</v>
      </c>
      <c r="AN445" s="516" t="s">
        <v>66</v>
      </c>
      <c r="AO445" s="516" t="s">
        <v>66</v>
      </c>
      <c r="AP445" s="516" t="s">
        <v>66</v>
      </c>
      <c r="AQ445" s="516" t="s">
        <v>66</v>
      </c>
      <c r="AR445" s="516" t="s">
        <v>66</v>
      </c>
      <c r="AS445" s="892"/>
      <c r="AT445" s="892"/>
      <c r="AU445" s="892"/>
      <c r="AV445" s="661"/>
      <c r="AW445" s="892"/>
      <c r="AX445" s="892"/>
      <c r="AY445" s="892"/>
      <c r="AZ445" s="661"/>
      <c r="BA445" s="892"/>
      <c r="BB445" s="661"/>
      <c r="BC445" s="661"/>
      <c r="BD445" s="892"/>
      <c r="BE445" s="661"/>
      <c r="BF445" s="661"/>
      <c r="BG445" s="746"/>
      <c r="BH445" s="746"/>
      <c r="BI445" s="746"/>
      <c r="BJ445" s="746"/>
      <c r="BK445" s="746"/>
      <c r="BL445" s="746"/>
      <c r="BM445" s="746"/>
      <c r="BN445" s="746"/>
      <c r="BO445" s="516" t="s">
        <v>66</v>
      </c>
      <c r="BP445" s="516" t="s">
        <v>66</v>
      </c>
      <c r="BQ445" s="516" t="s">
        <v>66</v>
      </c>
      <c r="BR445" s="516" t="s">
        <v>66</v>
      </c>
      <c r="BS445" s="884">
        <f t="shared" si="680"/>
        <v>21225</v>
      </c>
      <c r="BT445" s="661">
        <f t="shared" si="749"/>
        <v>5.1902473498233217</v>
      </c>
      <c r="BU445" s="661" t="str">
        <f t="shared" si="793"/>
        <v>GOOD</v>
      </c>
      <c r="BV445" s="898">
        <f t="shared" si="750"/>
        <v>25951.236749116608</v>
      </c>
      <c r="BW445" s="898">
        <f t="shared" si="751"/>
        <v>1038.0494699646642</v>
      </c>
      <c r="BX445" s="898">
        <f t="shared" si="752"/>
        <v>2335.6113074204945</v>
      </c>
      <c r="BY445" s="898">
        <f t="shared" si="753"/>
        <v>1816.5865724381626</v>
      </c>
      <c r="BZ445" s="898">
        <f t="shared" si="754"/>
        <v>2595.1236749116611</v>
      </c>
      <c r="CA445" s="898">
        <f t="shared" si="755"/>
        <v>2491.3187279151944</v>
      </c>
      <c r="CB445" s="898">
        <f t="shared" si="756"/>
        <v>519.02473498233212</v>
      </c>
      <c r="CC445" s="898">
        <f t="shared" si="757"/>
        <v>2024.1964664310954</v>
      </c>
      <c r="CD445" s="898">
        <f t="shared" si="758"/>
        <v>2595.1236749116611</v>
      </c>
      <c r="CE445" s="898">
        <f t="shared" si="759"/>
        <v>2595.1236749116611</v>
      </c>
      <c r="CF445" s="898">
        <f t="shared" si="760"/>
        <v>3892.6855123674914</v>
      </c>
      <c r="CG445" s="898">
        <f t="shared" si="761"/>
        <v>1038.0494699646642</v>
      </c>
      <c r="CH445" s="898">
        <f t="shared" si="762"/>
        <v>1214.5178798586574</v>
      </c>
      <c r="CI445" s="898">
        <f t="shared" si="763"/>
        <v>1816.5865724381626</v>
      </c>
      <c r="CJ445" s="898">
        <f t="shared" si="764"/>
        <v>467.12226148409894</v>
      </c>
      <c r="CK445" s="898">
        <f t="shared" si="765"/>
        <v>415.21978798586576</v>
      </c>
      <c r="CL445" s="898">
        <f t="shared" si="766"/>
        <v>12352.788692579506</v>
      </c>
      <c r="CM445" s="898" t="str">
        <f t="shared" si="767"/>
        <v/>
      </c>
      <c r="CN445" s="898" t="str">
        <f t="shared" si="768"/>
        <v/>
      </c>
      <c r="CO445" s="898" t="str">
        <f t="shared" si="769"/>
        <v/>
      </c>
      <c r="CP445" s="898" t="str">
        <f t="shared" si="770"/>
        <v/>
      </c>
      <c r="CQ445" s="898" t="str">
        <f t="shared" si="771"/>
        <v/>
      </c>
      <c r="CR445" s="898" t="str">
        <f t="shared" si="772"/>
        <v/>
      </c>
      <c r="CS445" s="898" t="str">
        <f t="shared" si="773"/>
        <v/>
      </c>
      <c r="CT445" s="898" t="str">
        <f t="shared" si="774"/>
        <v/>
      </c>
      <c r="CU445" s="898" t="str">
        <f t="shared" si="775"/>
        <v/>
      </c>
      <c r="CV445" s="898" t="str">
        <f t="shared" si="776"/>
        <v/>
      </c>
      <c r="CW445" s="898" t="str">
        <f t="shared" si="777"/>
        <v/>
      </c>
      <c r="CX445" s="898" t="str">
        <f t="shared" si="778"/>
        <v/>
      </c>
      <c r="CY445" s="898" t="str">
        <f t="shared" si="779"/>
        <v/>
      </c>
      <c r="CZ445" s="898" t="str">
        <f t="shared" si="780"/>
        <v/>
      </c>
      <c r="DA445" s="898" t="str">
        <f t="shared" si="781"/>
        <v/>
      </c>
      <c r="DB445" s="898" t="str">
        <f t="shared" si="782"/>
        <v/>
      </c>
      <c r="DC445" s="898" t="str">
        <f t="shared" si="783"/>
        <v/>
      </c>
      <c r="DD445" s="898" t="str">
        <f t="shared" si="784"/>
        <v/>
      </c>
      <c r="DE445" s="898" t="str">
        <f t="shared" si="785"/>
        <v/>
      </c>
      <c r="DF445" s="898" t="str">
        <f t="shared" si="786"/>
        <v/>
      </c>
      <c r="DG445" s="898" t="str">
        <f t="shared" si="787"/>
        <v/>
      </c>
      <c r="DH445" s="898" t="str">
        <f t="shared" si="788"/>
        <v/>
      </c>
      <c r="DI445" s="898">
        <f t="shared" si="789"/>
        <v>7785.3710247349827</v>
      </c>
      <c r="DJ445" s="898">
        <f t="shared" si="790"/>
        <v>8304.3957597173139</v>
      </c>
      <c r="DK445" s="898">
        <f t="shared" si="791"/>
        <v>12456.593639575973</v>
      </c>
      <c r="DL445" s="898">
        <f t="shared" si="792"/>
        <v>16458.274346289752</v>
      </c>
      <c r="DM445" s="661">
        <f t="shared" si="681"/>
        <v>65158.365229681978</v>
      </c>
      <c r="DN445" s="898">
        <f t="shared" si="682"/>
        <v>45004.634770318022</v>
      </c>
      <c r="DO445" s="516">
        <f t="shared" si="683"/>
        <v>0</v>
      </c>
      <c r="DP445" s="898">
        <f t="shared" si="684"/>
        <v>0</v>
      </c>
      <c r="DQ445" s="860" t="s">
        <v>4246</v>
      </c>
      <c r="DR445" s="610" t="s">
        <v>4247</v>
      </c>
      <c r="DS445" s="1221" t="s">
        <v>4248</v>
      </c>
      <c r="DT445" s="632"/>
    </row>
    <row r="446" spans="1:124" s="613" customFormat="1" ht="85.5" x14ac:dyDescent="0.2">
      <c r="A446" s="484" t="str">
        <f t="shared" si="679"/>
        <v>Bennetts End Road cycle route</v>
      </c>
      <c r="B446" s="1163">
        <v>443</v>
      </c>
      <c r="C446" s="1156" t="s">
        <v>4548</v>
      </c>
      <c r="D446" s="481" t="s">
        <v>2481</v>
      </c>
      <c r="E446" s="481" t="s">
        <v>53</v>
      </c>
      <c r="F446" s="481" t="s">
        <v>655</v>
      </c>
      <c r="G446" s="775" t="s">
        <v>932</v>
      </c>
      <c r="H446" s="855" t="s">
        <v>1237</v>
      </c>
      <c r="I446" s="775" t="str">
        <f t="shared" si="732"/>
        <v>SG31-3</v>
      </c>
      <c r="J446" s="855" t="s">
        <v>1238</v>
      </c>
      <c r="K446" s="664" t="s">
        <v>3104</v>
      </c>
      <c r="L446" s="852" t="s">
        <v>3167</v>
      </c>
      <c r="M446" s="515" t="s">
        <v>4244</v>
      </c>
      <c r="N446" s="775" t="s">
        <v>81</v>
      </c>
      <c r="O446" s="654" t="s">
        <v>3051</v>
      </c>
      <c r="P446" s="657" t="s">
        <v>61</v>
      </c>
      <c r="Q446" s="852" t="s">
        <v>71</v>
      </c>
      <c r="R446" s="657"/>
      <c r="S446" s="657"/>
      <c r="T446" s="853">
        <v>643137</v>
      </c>
      <c r="U446" s="854"/>
      <c r="V446" s="657" t="s">
        <v>4245</v>
      </c>
      <c r="W446" s="642">
        <f t="shared" si="746"/>
        <v>0</v>
      </c>
      <c r="X446" s="745">
        <f t="shared" si="747"/>
        <v>643137</v>
      </c>
      <c r="Y446" s="745" t="s">
        <v>3106</v>
      </c>
      <c r="Z446" s="745" t="str">
        <f>_xlfn.XLOOKUP(I446, 'CALCS Aecom (July 25 2025)'!F:F, 'CALCS Aecom (July 25 2025)'!W:W)</f>
        <v>Multiple Scenario 2 (Step 6)</v>
      </c>
      <c r="AA446" s="650" t="s">
        <v>65</v>
      </c>
      <c r="AB446" s="516" t="s">
        <v>66</v>
      </c>
      <c r="AC446" s="516" t="s">
        <v>66</v>
      </c>
      <c r="AD446" s="516" t="s">
        <v>66</v>
      </c>
      <c r="AE446" s="516" t="s">
        <v>66</v>
      </c>
      <c r="AF446" s="516" t="s">
        <v>66</v>
      </c>
      <c r="AG446" s="516" t="s">
        <v>66</v>
      </c>
      <c r="AH446" s="516" t="s">
        <v>66</v>
      </c>
      <c r="AI446" s="516" t="s">
        <v>66</v>
      </c>
      <c r="AJ446" s="516" t="s">
        <v>66</v>
      </c>
      <c r="AK446" s="516" t="s">
        <v>66</v>
      </c>
      <c r="AL446" s="516" t="s">
        <v>66</v>
      </c>
      <c r="AM446" s="516" t="s">
        <v>66</v>
      </c>
      <c r="AN446" s="516" t="s">
        <v>66</v>
      </c>
      <c r="AO446" s="516" t="s">
        <v>66</v>
      </c>
      <c r="AP446" s="516" t="s">
        <v>66</v>
      </c>
      <c r="AQ446" s="516" t="s">
        <v>66</v>
      </c>
      <c r="AR446" s="516" t="s">
        <v>66</v>
      </c>
      <c r="AS446" s="892"/>
      <c r="AT446" s="892"/>
      <c r="AU446" s="892"/>
      <c r="AV446" s="661"/>
      <c r="AW446" s="892"/>
      <c r="AX446" s="892"/>
      <c r="AY446" s="892"/>
      <c r="AZ446" s="661"/>
      <c r="BA446" s="892"/>
      <c r="BB446" s="661"/>
      <c r="BC446" s="661"/>
      <c r="BD446" s="892"/>
      <c r="BE446" s="661"/>
      <c r="BF446" s="661"/>
      <c r="BG446" s="746"/>
      <c r="BH446" s="746"/>
      <c r="BI446" s="746"/>
      <c r="BJ446" s="746"/>
      <c r="BK446" s="746"/>
      <c r="BL446" s="746"/>
      <c r="BM446" s="746"/>
      <c r="BN446" s="746"/>
      <c r="BO446" s="516" t="s">
        <v>66</v>
      </c>
      <c r="BP446" s="516" t="s">
        <v>66</v>
      </c>
      <c r="BQ446" s="516" t="s">
        <v>66</v>
      </c>
      <c r="BR446" s="516" t="s">
        <v>66</v>
      </c>
      <c r="BS446" s="884">
        <f t="shared" si="680"/>
        <v>21225</v>
      </c>
      <c r="BT446" s="661">
        <f t="shared" si="749"/>
        <v>30.300918727915196</v>
      </c>
      <c r="BU446" s="661" t="str">
        <f t="shared" si="793"/>
        <v>GOOD</v>
      </c>
      <c r="BV446" s="898">
        <f t="shared" si="750"/>
        <v>151504.59363957599</v>
      </c>
      <c r="BW446" s="898">
        <f t="shared" si="751"/>
        <v>6060.1837455830391</v>
      </c>
      <c r="BX446" s="898">
        <f t="shared" si="752"/>
        <v>13635.413427561838</v>
      </c>
      <c r="BY446" s="898">
        <f t="shared" si="753"/>
        <v>10605.321554770318</v>
      </c>
      <c r="BZ446" s="898">
        <f t="shared" si="754"/>
        <v>15150.459363957598</v>
      </c>
      <c r="CA446" s="898">
        <f t="shared" si="755"/>
        <v>14544.440989399294</v>
      </c>
      <c r="CB446" s="898">
        <f t="shared" si="756"/>
        <v>3030.0918727915196</v>
      </c>
      <c r="CC446" s="898">
        <f t="shared" si="757"/>
        <v>11817.358303886926</v>
      </c>
      <c r="CD446" s="898">
        <f t="shared" si="758"/>
        <v>15150.459363957598</v>
      </c>
      <c r="CE446" s="898">
        <f t="shared" si="759"/>
        <v>15150.459363957598</v>
      </c>
      <c r="CF446" s="898">
        <f t="shared" si="760"/>
        <v>22725.689045936397</v>
      </c>
      <c r="CG446" s="898">
        <f t="shared" si="761"/>
        <v>6060.1837455830391</v>
      </c>
      <c r="CH446" s="898">
        <f t="shared" si="762"/>
        <v>7090.4149823321559</v>
      </c>
      <c r="CI446" s="898">
        <f t="shared" si="763"/>
        <v>10605.321554770318</v>
      </c>
      <c r="CJ446" s="898">
        <f t="shared" si="764"/>
        <v>2727.0826855123678</v>
      </c>
      <c r="CK446" s="898">
        <f t="shared" si="765"/>
        <v>2424.0734982332156</v>
      </c>
      <c r="CL446" s="898">
        <f t="shared" si="766"/>
        <v>72116.186572438164</v>
      </c>
      <c r="CM446" s="898" t="str">
        <f t="shared" si="767"/>
        <v/>
      </c>
      <c r="CN446" s="898" t="str">
        <f t="shared" si="768"/>
        <v/>
      </c>
      <c r="CO446" s="898" t="str">
        <f t="shared" si="769"/>
        <v/>
      </c>
      <c r="CP446" s="898" t="str">
        <f t="shared" si="770"/>
        <v/>
      </c>
      <c r="CQ446" s="898" t="str">
        <f t="shared" si="771"/>
        <v/>
      </c>
      <c r="CR446" s="898" t="str">
        <f t="shared" si="772"/>
        <v/>
      </c>
      <c r="CS446" s="898" t="str">
        <f t="shared" si="773"/>
        <v/>
      </c>
      <c r="CT446" s="898" t="str">
        <f t="shared" si="774"/>
        <v/>
      </c>
      <c r="CU446" s="898" t="str">
        <f t="shared" si="775"/>
        <v/>
      </c>
      <c r="CV446" s="898" t="str">
        <f t="shared" si="776"/>
        <v/>
      </c>
      <c r="CW446" s="898" t="str">
        <f t="shared" si="777"/>
        <v/>
      </c>
      <c r="CX446" s="898" t="str">
        <f t="shared" si="778"/>
        <v/>
      </c>
      <c r="CY446" s="898" t="str">
        <f t="shared" si="779"/>
        <v/>
      </c>
      <c r="CZ446" s="898" t="str">
        <f t="shared" si="780"/>
        <v/>
      </c>
      <c r="DA446" s="898" t="str">
        <f t="shared" si="781"/>
        <v/>
      </c>
      <c r="DB446" s="898" t="str">
        <f t="shared" si="782"/>
        <v/>
      </c>
      <c r="DC446" s="898" t="str">
        <f t="shared" si="783"/>
        <v/>
      </c>
      <c r="DD446" s="898" t="str">
        <f t="shared" si="784"/>
        <v/>
      </c>
      <c r="DE446" s="898" t="str">
        <f t="shared" si="785"/>
        <v/>
      </c>
      <c r="DF446" s="898" t="str">
        <f t="shared" si="786"/>
        <v/>
      </c>
      <c r="DG446" s="898" t="str">
        <f t="shared" si="787"/>
        <v/>
      </c>
      <c r="DH446" s="898" t="str">
        <f t="shared" si="788"/>
        <v/>
      </c>
      <c r="DI446" s="898">
        <f t="shared" si="789"/>
        <v>45451.378091872793</v>
      </c>
      <c r="DJ446" s="898">
        <f t="shared" si="790"/>
        <v>48481.469964664313</v>
      </c>
      <c r="DK446" s="898">
        <f t="shared" si="791"/>
        <v>72722.20494699647</v>
      </c>
      <c r="DL446" s="898">
        <f t="shared" si="792"/>
        <v>96084.213286219092</v>
      </c>
      <c r="DM446" s="661">
        <f t="shared" si="681"/>
        <v>380397.7337102475</v>
      </c>
      <c r="DN446" s="898">
        <f t="shared" si="682"/>
        <v>262739.26628975268</v>
      </c>
      <c r="DO446" s="516">
        <f t="shared" si="683"/>
        <v>0</v>
      </c>
      <c r="DP446" s="898">
        <f t="shared" si="684"/>
        <v>0</v>
      </c>
      <c r="DQ446" s="860" t="s">
        <v>4246</v>
      </c>
      <c r="DR446" s="610" t="s">
        <v>4247</v>
      </c>
      <c r="DS446" s="1221" t="s">
        <v>4248</v>
      </c>
      <c r="DT446" s="632"/>
    </row>
    <row r="447" spans="1:124" s="613" customFormat="1" ht="57" x14ac:dyDescent="0.2">
      <c r="A447" s="484" t="str">
        <f t="shared" si="679"/>
        <v>Bennetts End Road Wayfinding signage</v>
      </c>
      <c r="B447" s="1163">
        <v>444</v>
      </c>
      <c r="C447" s="1156" t="s">
        <v>4549</v>
      </c>
      <c r="D447" s="481" t="s">
        <v>2481</v>
      </c>
      <c r="E447" s="481" t="s">
        <v>53</v>
      </c>
      <c r="F447" s="481" t="s">
        <v>655</v>
      </c>
      <c r="G447" s="775" t="s">
        <v>932</v>
      </c>
      <c r="H447" s="855" t="s">
        <v>1239</v>
      </c>
      <c r="I447" s="775" t="str">
        <f t="shared" si="732"/>
        <v>SG31-4</v>
      </c>
      <c r="J447" s="855" t="s">
        <v>1240</v>
      </c>
      <c r="K447" s="664" t="s">
        <v>3104</v>
      </c>
      <c r="L447" s="852" t="s">
        <v>3167</v>
      </c>
      <c r="M447" s="515" t="s">
        <v>4244</v>
      </c>
      <c r="N447" s="775" t="s">
        <v>81</v>
      </c>
      <c r="O447" s="654" t="s">
        <v>3051</v>
      </c>
      <c r="P447" s="657" t="s">
        <v>61</v>
      </c>
      <c r="Q447" s="852" t="s">
        <v>71</v>
      </c>
      <c r="R447" s="657"/>
      <c r="S447" s="657"/>
      <c r="T447" s="853">
        <v>3480</v>
      </c>
      <c r="U447" s="854"/>
      <c r="V447" s="657" t="s">
        <v>4245</v>
      </c>
      <c r="W447" s="642">
        <f t="shared" si="746"/>
        <v>0</v>
      </c>
      <c r="X447" s="745">
        <f t="shared" si="747"/>
        <v>3480</v>
      </c>
      <c r="Y447" s="745" t="s">
        <v>3106</v>
      </c>
      <c r="Z447" s="745" t="str">
        <f>_xlfn.XLOOKUP(I447, 'CALCS Aecom (July 25 2025)'!F:F, 'CALCS Aecom (July 25 2025)'!W:W)</f>
        <v>Multiple Scenario 2 (Step 6)</v>
      </c>
      <c r="AA447" s="650" t="s">
        <v>65</v>
      </c>
      <c r="AB447" s="516" t="s">
        <v>66</v>
      </c>
      <c r="AC447" s="516" t="s">
        <v>66</v>
      </c>
      <c r="AD447" s="516" t="s">
        <v>66</v>
      </c>
      <c r="AE447" s="516" t="s">
        <v>66</v>
      </c>
      <c r="AF447" s="516" t="s">
        <v>66</v>
      </c>
      <c r="AG447" s="516" t="s">
        <v>66</v>
      </c>
      <c r="AH447" s="516" t="s">
        <v>66</v>
      </c>
      <c r="AI447" s="516" t="s">
        <v>66</v>
      </c>
      <c r="AJ447" s="516" t="s">
        <v>66</v>
      </c>
      <c r="AK447" s="516" t="s">
        <v>66</v>
      </c>
      <c r="AL447" s="516" t="s">
        <v>66</v>
      </c>
      <c r="AM447" s="516" t="s">
        <v>66</v>
      </c>
      <c r="AN447" s="516" t="s">
        <v>66</v>
      </c>
      <c r="AO447" s="516" t="s">
        <v>66</v>
      </c>
      <c r="AP447" s="516" t="s">
        <v>66</v>
      </c>
      <c r="AQ447" s="516" t="s">
        <v>66</v>
      </c>
      <c r="AR447" s="516" t="s">
        <v>66</v>
      </c>
      <c r="AS447" s="892"/>
      <c r="AT447" s="892"/>
      <c r="AU447" s="892"/>
      <c r="AV447" s="661"/>
      <c r="AW447" s="892"/>
      <c r="AX447" s="892"/>
      <c r="AY447" s="892"/>
      <c r="AZ447" s="661"/>
      <c r="BA447" s="892"/>
      <c r="BB447" s="661"/>
      <c r="BC447" s="661"/>
      <c r="BD447" s="892"/>
      <c r="BE447" s="661"/>
      <c r="BF447" s="661"/>
      <c r="BG447" s="746"/>
      <c r="BH447" s="746"/>
      <c r="BI447" s="746"/>
      <c r="BJ447" s="746"/>
      <c r="BK447" s="746"/>
      <c r="BL447" s="746"/>
      <c r="BM447" s="746"/>
      <c r="BN447" s="746"/>
      <c r="BO447" s="516" t="s">
        <v>66</v>
      </c>
      <c r="BP447" s="516" t="s">
        <v>66</v>
      </c>
      <c r="BQ447" s="516" t="s">
        <v>66</v>
      </c>
      <c r="BR447" s="516" t="s">
        <v>66</v>
      </c>
      <c r="BS447" s="884">
        <f t="shared" si="680"/>
        <v>21225</v>
      </c>
      <c r="BT447" s="661">
        <f t="shared" si="749"/>
        <v>0.16395759717314487</v>
      </c>
      <c r="BU447" s="661" t="str">
        <f t="shared" si="793"/>
        <v>GOOD</v>
      </c>
      <c r="BV447" s="898">
        <f t="shared" si="750"/>
        <v>819.78798586572429</v>
      </c>
      <c r="BW447" s="898">
        <f t="shared" si="751"/>
        <v>32.791519434628974</v>
      </c>
      <c r="BX447" s="898">
        <f t="shared" si="752"/>
        <v>73.780918727915193</v>
      </c>
      <c r="BY447" s="898">
        <f t="shared" si="753"/>
        <v>57.385159010600702</v>
      </c>
      <c r="BZ447" s="898">
        <f t="shared" si="754"/>
        <v>81.978798586572438</v>
      </c>
      <c r="CA447" s="898">
        <f t="shared" si="755"/>
        <v>78.699646643109531</v>
      </c>
      <c r="CB447" s="898">
        <f t="shared" si="756"/>
        <v>16.395759717314487</v>
      </c>
      <c r="CC447" s="898">
        <f t="shared" si="757"/>
        <v>63.943462897526501</v>
      </c>
      <c r="CD447" s="898">
        <f t="shared" si="758"/>
        <v>81.978798586572438</v>
      </c>
      <c r="CE447" s="898">
        <f t="shared" si="759"/>
        <v>81.978798586572438</v>
      </c>
      <c r="CF447" s="898">
        <f t="shared" si="760"/>
        <v>122.96819787985865</v>
      </c>
      <c r="CG447" s="898">
        <f t="shared" si="761"/>
        <v>32.791519434628974</v>
      </c>
      <c r="CH447" s="898">
        <f t="shared" si="762"/>
        <v>38.366077738515898</v>
      </c>
      <c r="CI447" s="898">
        <f t="shared" si="763"/>
        <v>57.385159010600702</v>
      </c>
      <c r="CJ447" s="898">
        <f t="shared" si="764"/>
        <v>14.756183745583039</v>
      </c>
      <c r="CK447" s="898">
        <f t="shared" si="765"/>
        <v>13.116607773851589</v>
      </c>
      <c r="CL447" s="898">
        <f t="shared" si="766"/>
        <v>390.21908127208479</v>
      </c>
      <c r="CM447" s="898" t="str">
        <f t="shared" si="767"/>
        <v/>
      </c>
      <c r="CN447" s="898" t="str">
        <f t="shared" si="768"/>
        <v/>
      </c>
      <c r="CO447" s="898" t="str">
        <f t="shared" si="769"/>
        <v/>
      </c>
      <c r="CP447" s="898" t="str">
        <f t="shared" si="770"/>
        <v/>
      </c>
      <c r="CQ447" s="898" t="str">
        <f t="shared" si="771"/>
        <v/>
      </c>
      <c r="CR447" s="898" t="str">
        <f t="shared" si="772"/>
        <v/>
      </c>
      <c r="CS447" s="898" t="str">
        <f t="shared" si="773"/>
        <v/>
      </c>
      <c r="CT447" s="898" t="str">
        <f t="shared" si="774"/>
        <v/>
      </c>
      <c r="CU447" s="898" t="str">
        <f t="shared" si="775"/>
        <v/>
      </c>
      <c r="CV447" s="898" t="str">
        <f t="shared" si="776"/>
        <v/>
      </c>
      <c r="CW447" s="898" t="str">
        <f t="shared" si="777"/>
        <v/>
      </c>
      <c r="CX447" s="898" t="str">
        <f t="shared" si="778"/>
        <v/>
      </c>
      <c r="CY447" s="898" t="str">
        <f t="shared" si="779"/>
        <v/>
      </c>
      <c r="CZ447" s="898" t="str">
        <f t="shared" si="780"/>
        <v/>
      </c>
      <c r="DA447" s="898" t="str">
        <f t="shared" si="781"/>
        <v/>
      </c>
      <c r="DB447" s="898" t="str">
        <f t="shared" si="782"/>
        <v/>
      </c>
      <c r="DC447" s="898" t="str">
        <f t="shared" si="783"/>
        <v/>
      </c>
      <c r="DD447" s="898" t="str">
        <f t="shared" si="784"/>
        <v/>
      </c>
      <c r="DE447" s="898" t="str">
        <f t="shared" si="785"/>
        <v/>
      </c>
      <c r="DF447" s="898" t="str">
        <f t="shared" si="786"/>
        <v/>
      </c>
      <c r="DG447" s="898" t="str">
        <f t="shared" si="787"/>
        <v/>
      </c>
      <c r="DH447" s="898" t="str">
        <f t="shared" si="788"/>
        <v/>
      </c>
      <c r="DI447" s="898">
        <f t="shared" si="789"/>
        <v>245.9363957597173</v>
      </c>
      <c r="DJ447" s="898">
        <f t="shared" si="790"/>
        <v>262.33215547703179</v>
      </c>
      <c r="DK447" s="898">
        <f t="shared" si="791"/>
        <v>393.49823321554771</v>
      </c>
      <c r="DL447" s="898">
        <f t="shared" si="792"/>
        <v>519.90954063604238</v>
      </c>
      <c r="DM447" s="661">
        <f t="shared" si="681"/>
        <v>2058.3236749116604</v>
      </c>
      <c r="DN447" s="898">
        <f t="shared" si="682"/>
        <v>1421.6763250883391</v>
      </c>
      <c r="DO447" s="516">
        <f t="shared" si="683"/>
        <v>0</v>
      </c>
      <c r="DP447" s="898">
        <f t="shared" si="684"/>
        <v>0</v>
      </c>
      <c r="DQ447" s="860" t="s">
        <v>4246</v>
      </c>
      <c r="DR447" s="610" t="s">
        <v>4247</v>
      </c>
      <c r="DS447" s="1221" t="s">
        <v>4248</v>
      </c>
      <c r="DT447" s="632"/>
    </row>
    <row r="448" spans="1:124" s="613" customFormat="1" ht="57" x14ac:dyDescent="0.2">
      <c r="A448" s="484" t="str">
        <f t="shared" si="679"/>
        <v>Cycle parking at Snow Centre</v>
      </c>
      <c r="B448" s="1163">
        <v>445</v>
      </c>
      <c r="C448" s="1156" t="s">
        <v>4550</v>
      </c>
      <c r="D448" s="481" t="s">
        <v>2481</v>
      </c>
      <c r="E448" s="481" t="s">
        <v>53</v>
      </c>
      <c r="F448" s="481" t="s">
        <v>655</v>
      </c>
      <c r="G448" s="775" t="s">
        <v>932</v>
      </c>
      <c r="H448" s="855" t="s">
        <v>1241</v>
      </c>
      <c r="I448" s="775" t="str">
        <f t="shared" si="732"/>
        <v>SG31-5</v>
      </c>
      <c r="J448" s="855" t="s">
        <v>1242</v>
      </c>
      <c r="K448" s="664" t="s">
        <v>3104</v>
      </c>
      <c r="L448" s="852" t="s">
        <v>3167</v>
      </c>
      <c r="M448" s="515" t="s">
        <v>4244</v>
      </c>
      <c r="N448" s="775" t="s">
        <v>81</v>
      </c>
      <c r="O448" s="654" t="s">
        <v>3051</v>
      </c>
      <c r="P448" s="657" t="s">
        <v>61</v>
      </c>
      <c r="Q448" s="852" t="s">
        <v>71</v>
      </c>
      <c r="R448" s="657"/>
      <c r="S448" s="657"/>
      <c r="T448" s="853">
        <v>797</v>
      </c>
      <c r="U448" s="854"/>
      <c r="V448" s="657" t="s">
        <v>4245</v>
      </c>
      <c r="W448" s="642">
        <f t="shared" si="746"/>
        <v>0</v>
      </c>
      <c r="X448" s="745">
        <f t="shared" si="747"/>
        <v>797</v>
      </c>
      <c r="Y448" s="745" t="s">
        <v>3106</v>
      </c>
      <c r="Z448" s="745" t="str">
        <f>_xlfn.XLOOKUP(I448, 'CALCS Aecom (July 25 2025)'!F:F, 'CALCS Aecom (July 25 2025)'!W:W)</f>
        <v>Multiple Scenario 2 (Step 6)</v>
      </c>
      <c r="AA448" s="650" t="s">
        <v>65</v>
      </c>
      <c r="AB448" s="516" t="s">
        <v>66</v>
      </c>
      <c r="AC448" s="516" t="s">
        <v>66</v>
      </c>
      <c r="AD448" s="516" t="s">
        <v>66</v>
      </c>
      <c r="AE448" s="516" t="s">
        <v>66</v>
      </c>
      <c r="AF448" s="516" t="s">
        <v>66</v>
      </c>
      <c r="AG448" s="516" t="s">
        <v>66</v>
      </c>
      <c r="AH448" s="516" t="s">
        <v>66</v>
      </c>
      <c r="AI448" s="516" t="s">
        <v>66</v>
      </c>
      <c r="AJ448" s="516" t="s">
        <v>66</v>
      </c>
      <c r="AK448" s="516" t="s">
        <v>66</v>
      </c>
      <c r="AL448" s="516" t="s">
        <v>66</v>
      </c>
      <c r="AM448" s="516" t="s">
        <v>66</v>
      </c>
      <c r="AN448" s="516" t="s">
        <v>66</v>
      </c>
      <c r="AO448" s="516" t="s">
        <v>66</v>
      </c>
      <c r="AP448" s="516" t="s">
        <v>66</v>
      </c>
      <c r="AQ448" s="516" t="s">
        <v>66</v>
      </c>
      <c r="AR448" s="516" t="s">
        <v>66</v>
      </c>
      <c r="AS448" s="892"/>
      <c r="AT448" s="892"/>
      <c r="AU448" s="892"/>
      <c r="AV448" s="661"/>
      <c r="AW448" s="892"/>
      <c r="AX448" s="892"/>
      <c r="AY448" s="892"/>
      <c r="AZ448" s="661"/>
      <c r="BA448" s="892"/>
      <c r="BB448" s="661"/>
      <c r="BC448" s="661"/>
      <c r="BD448" s="892"/>
      <c r="BE448" s="661"/>
      <c r="BF448" s="661"/>
      <c r="BG448" s="746"/>
      <c r="BH448" s="746"/>
      <c r="BI448" s="746"/>
      <c r="BJ448" s="746"/>
      <c r="BK448" s="746"/>
      <c r="BL448" s="746"/>
      <c r="BM448" s="746"/>
      <c r="BN448" s="746"/>
      <c r="BO448" s="516" t="s">
        <v>66</v>
      </c>
      <c r="BP448" s="516" t="s">
        <v>66</v>
      </c>
      <c r="BQ448" s="516" t="s">
        <v>66</v>
      </c>
      <c r="BR448" s="516" t="s">
        <v>66</v>
      </c>
      <c r="BS448" s="884">
        <f t="shared" si="680"/>
        <v>21225</v>
      </c>
      <c r="BT448" s="661">
        <f t="shared" si="749"/>
        <v>3.7550058892815076E-2</v>
      </c>
      <c r="BU448" s="661" t="str">
        <f t="shared" si="793"/>
        <v>GOOD</v>
      </c>
      <c r="BV448" s="898">
        <f t="shared" si="750"/>
        <v>187.75029446407538</v>
      </c>
      <c r="BW448" s="898">
        <f t="shared" si="751"/>
        <v>7.5100117785630154</v>
      </c>
      <c r="BX448" s="898">
        <f t="shared" si="752"/>
        <v>16.897526501766784</v>
      </c>
      <c r="BY448" s="898">
        <f t="shared" si="753"/>
        <v>13.142520612485276</v>
      </c>
      <c r="BZ448" s="898">
        <f t="shared" si="754"/>
        <v>18.775029446407537</v>
      </c>
      <c r="CA448" s="898">
        <f t="shared" si="755"/>
        <v>18.024028268551238</v>
      </c>
      <c r="CB448" s="898">
        <f t="shared" si="756"/>
        <v>3.7550058892815077</v>
      </c>
      <c r="CC448" s="898">
        <f t="shared" si="757"/>
        <v>14.644522968197879</v>
      </c>
      <c r="CD448" s="898">
        <f t="shared" si="758"/>
        <v>18.775029446407537</v>
      </c>
      <c r="CE448" s="898">
        <f t="shared" si="759"/>
        <v>18.775029446407537</v>
      </c>
      <c r="CF448" s="898">
        <f t="shared" si="760"/>
        <v>28.162544169611309</v>
      </c>
      <c r="CG448" s="898">
        <f t="shared" si="761"/>
        <v>7.5100117785630154</v>
      </c>
      <c r="CH448" s="898">
        <f t="shared" si="762"/>
        <v>8.7867137809187277</v>
      </c>
      <c r="CI448" s="898">
        <f t="shared" si="763"/>
        <v>13.142520612485276</v>
      </c>
      <c r="CJ448" s="898">
        <f t="shared" si="764"/>
        <v>3.3795053003533568</v>
      </c>
      <c r="CK448" s="898">
        <f t="shared" si="765"/>
        <v>3.004004711425206</v>
      </c>
      <c r="CL448" s="898">
        <f t="shared" si="766"/>
        <v>89.369140164899875</v>
      </c>
      <c r="CM448" s="898" t="str">
        <f t="shared" si="767"/>
        <v/>
      </c>
      <c r="CN448" s="898" t="str">
        <f t="shared" si="768"/>
        <v/>
      </c>
      <c r="CO448" s="898" t="str">
        <f t="shared" si="769"/>
        <v/>
      </c>
      <c r="CP448" s="898" t="str">
        <f t="shared" si="770"/>
        <v/>
      </c>
      <c r="CQ448" s="898" t="str">
        <f t="shared" si="771"/>
        <v/>
      </c>
      <c r="CR448" s="898" t="str">
        <f t="shared" si="772"/>
        <v/>
      </c>
      <c r="CS448" s="898" t="str">
        <f t="shared" si="773"/>
        <v/>
      </c>
      <c r="CT448" s="898" t="str">
        <f t="shared" si="774"/>
        <v/>
      </c>
      <c r="CU448" s="898" t="str">
        <f t="shared" si="775"/>
        <v/>
      </c>
      <c r="CV448" s="898" t="str">
        <f t="shared" si="776"/>
        <v/>
      </c>
      <c r="CW448" s="898" t="str">
        <f t="shared" si="777"/>
        <v/>
      </c>
      <c r="CX448" s="898" t="str">
        <f t="shared" si="778"/>
        <v/>
      </c>
      <c r="CY448" s="898" t="str">
        <f t="shared" si="779"/>
        <v/>
      </c>
      <c r="CZ448" s="898" t="str">
        <f t="shared" si="780"/>
        <v/>
      </c>
      <c r="DA448" s="898" t="str">
        <f t="shared" si="781"/>
        <v/>
      </c>
      <c r="DB448" s="898" t="str">
        <f t="shared" si="782"/>
        <v/>
      </c>
      <c r="DC448" s="898" t="str">
        <f t="shared" si="783"/>
        <v/>
      </c>
      <c r="DD448" s="898" t="str">
        <f t="shared" si="784"/>
        <v/>
      </c>
      <c r="DE448" s="898" t="str">
        <f t="shared" si="785"/>
        <v/>
      </c>
      <c r="DF448" s="898" t="str">
        <f t="shared" si="786"/>
        <v/>
      </c>
      <c r="DG448" s="898" t="str">
        <f t="shared" si="787"/>
        <v/>
      </c>
      <c r="DH448" s="898" t="str">
        <f t="shared" si="788"/>
        <v/>
      </c>
      <c r="DI448" s="898">
        <f t="shared" si="789"/>
        <v>56.325088339222617</v>
      </c>
      <c r="DJ448" s="898">
        <f t="shared" si="790"/>
        <v>60.080094228504123</v>
      </c>
      <c r="DK448" s="898">
        <f t="shared" si="791"/>
        <v>90.120141342756185</v>
      </c>
      <c r="DL448" s="898">
        <f t="shared" si="792"/>
        <v>119.07123674911661</v>
      </c>
      <c r="DM448" s="661">
        <f t="shared" si="681"/>
        <v>471.40343934040033</v>
      </c>
      <c r="DN448" s="898">
        <f t="shared" si="682"/>
        <v>325.59656065959956</v>
      </c>
      <c r="DO448" s="516">
        <f t="shared" si="683"/>
        <v>0</v>
      </c>
      <c r="DP448" s="898">
        <f t="shared" si="684"/>
        <v>0</v>
      </c>
      <c r="DQ448" s="860" t="s">
        <v>4246</v>
      </c>
      <c r="DR448" s="610" t="s">
        <v>4247</v>
      </c>
      <c r="DS448" s="1221" t="s">
        <v>4248</v>
      </c>
      <c r="DT448" s="632"/>
    </row>
    <row r="449" spans="1:124" s="613" customFormat="1" ht="57" x14ac:dyDescent="0.2">
      <c r="A449" s="484" t="str">
        <f t="shared" si="679"/>
        <v>Pedestrian crossing improvements on side arms along White Hart Road and Windmill Road</v>
      </c>
      <c r="B449" s="1163">
        <v>446</v>
      </c>
      <c r="C449" s="1156" t="s">
        <v>4551</v>
      </c>
      <c r="D449" s="481" t="s">
        <v>2481</v>
      </c>
      <c r="E449" s="481" t="s">
        <v>53</v>
      </c>
      <c r="F449" s="481" t="s">
        <v>655</v>
      </c>
      <c r="G449" s="775" t="s">
        <v>932</v>
      </c>
      <c r="H449" s="855" t="s">
        <v>1243</v>
      </c>
      <c r="I449" s="775" t="str">
        <f t="shared" si="732"/>
        <v>SG32-1</v>
      </c>
      <c r="J449" s="855" t="s">
        <v>1244</v>
      </c>
      <c r="K449" s="664" t="s">
        <v>3104</v>
      </c>
      <c r="L449" s="852" t="s">
        <v>3167</v>
      </c>
      <c r="M449" s="515" t="s">
        <v>4244</v>
      </c>
      <c r="N449" s="775" t="s">
        <v>81</v>
      </c>
      <c r="O449" s="654" t="s">
        <v>3051</v>
      </c>
      <c r="P449" s="657" t="s">
        <v>61</v>
      </c>
      <c r="Q449" s="852" t="s">
        <v>71</v>
      </c>
      <c r="R449" s="657"/>
      <c r="S449" s="657"/>
      <c r="T449" s="853">
        <v>7445</v>
      </c>
      <c r="U449" s="854"/>
      <c r="V449" s="657" t="s">
        <v>4245</v>
      </c>
      <c r="W449" s="642">
        <f t="shared" si="746"/>
        <v>0</v>
      </c>
      <c r="X449" s="745">
        <f t="shared" si="747"/>
        <v>7445</v>
      </c>
      <c r="Y449" s="745" t="s">
        <v>3106</v>
      </c>
      <c r="Z449" s="745" t="str">
        <f>_xlfn.XLOOKUP(I449, 'CALCS Aecom (July 25 2025)'!F:F, 'CALCS Aecom (July 25 2025)'!W:W)</f>
        <v>Multiple Scenario 2 (Step 6)</v>
      </c>
      <c r="AA449" s="650" t="s">
        <v>65</v>
      </c>
      <c r="AB449" s="516" t="s">
        <v>66</v>
      </c>
      <c r="AC449" s="516" t="s">
        <v>66</v>
      </c>
      <c r="AD449" s="516" t="s">
        <v>66</v>
      </c>
      <c r="AE449" s="516" t="s">
        <v>66</v>
      </c>
      <c r="AF449" s="516" t="s">
        <v>66</v>
      </c>
      <c r="AG449" s="516" t="s">
        <v>66</v>
      </c>
      <c r="AH449" s="516" t="s">
        <v>66</v>
      </c>
      <c r="AI449" s="516" t="s">
        <v>66</v>
      </c>
      <c r="AJ449" s="516" t="s">
        <v>66</v>
      </c>
      <c r="AK449" s="516" t="s">
        <v>66</v>
      </c>
      <c r="AL449" s="516" t="s">
        <v>66</v>
      </c>
      <c r="AM449" s="516" t="s">
        <v>66</v>
      </c>
      <c r="AN449" s="516" t="s">
        <v>66</v>
      </c>
      <c r="AO449" s="516" t="s">
        <v>66</v>
      </c>
      <c r="AP449" s="516" t="s">
        <v>66</v>
      </c>
      <c r="AQ449" s="516" t="s">
        <v>66</v>
      </c>
      <c r="AR449" s="516" t="s">
        <v>66</v>
      </c>
      <c r="AS449" s="892"/>
      <c r="AT449" s="892"/>
      <c r="AU449" s="892"/>
      <c r="AV449" s="661"/>
      <c r="AW449" s="892"/>
      <c r="AX449" s="892"/>
      <c r="AY449" s="892"/>
      <c r="AZ449" s="661"/>
      <c r="BA449" s="892"/>
      <c r="BB449" s="661"/>
      <c r="BC449" s="661"/>
      <c r="BD449" s="892"/>
      <c r="BE449" s="661"/>
      <c r="BF449" s="661"/>
      <c r="BG449" s="746"/>
      <c r="BH449" s="746"/>
      <c r="BI449" s="746"/>
      <c r="BJ449" s="746"/>
      <c r="BK449" s="746"/>
      <c r="BL449" s="746"/>
      <c r="BM449" s="746"/>
      <c r="BN449" s="746"/>
      <c r="BO449" s="516" t="s">
        <v>66</v>
      </c>
      <c r="BP449" s="516" t="s">
        <v>66</v>
      </c>
      <c r="BQ449" s="516" t="s">
        <v>66</v>
      </c>
      <c r="BR449" s="516" t="s">
        <v>66</v>
      </c>
      <c r="BS449" s="884">
        <f t="shared" si="680"/>
        <v>21225</v>
      </c>
      <c r="BT449" s="661">
        <f t="shared" si="749"/>
        <v>0.35076560659599532</v>
      </c>
      <c r="BU449" s="661" t="str">
        <f t="shared" si="793"/>
        <v>GOOD</v>
      </c>
      <c r="BV449" s="898">
        <f t="shared" si="750"/>
        <v>1753.8280329799766</v>
      </c>
      <c r="BW449" s="898">
        <f t="shared" si="751"/>
        <v>70.153121319199059</v>
      </c>
      <c r="BX449" s="898">
        <f t="shared" si="752"/>
        <v>157.84452296819788</v>
      </c>
      <c r="BY449" s="898">
        <f t="shared" si="753"/>
        <v>122.76796230859836</v>
      </c>
      <c r="BZ449" s="898">
        <f t="shared" si="754"/>
        <v>175.38280329799767</v>
      </c>
      <c r="CA449" s="898">
        <f t="shared" si="755"/>
        <v>168.36749116607774</v>
      </c>
      <c r="CB449" s="898">
        <f t="shared" si="756"/>
        <v>35.076560659599529</v>
      </c>
      <c r="CC449" s="898">
        <f t="shared" si="757"/>
        <v>136.79858657243818</v>
      </c>
      <c r="CD449" s="898">
        <f t="shared" si="758"/>
        <v>175.38280329799767</v>
      </c>
      <c r="CE449" s="898">
        <f t="shared" si="759"/>
        <v>175.38280329799767</v>
      </c>
      <c r="CF449" s="898">
        <f t="shared" si="760"/>
        <v>263.07420494699647</v>
      </c>
      <c r="CG449" s="898">
        <f t="shared" si="761"/>
        <v>70.153121319199059</v>
      </c>
      <c r="CH449" s="898">
        <f t="shared" si="762"/>
        <v>82.079151943462904</v>
      </c>
      <c r="CI449" s="898">
        <f t="shared" si="763"/>
        <v>122.76796230859836</v>
      </c>
      <c r="CJ449" s="898">
        <f t="shared" si="764"/>
        <v>31.56890459363958</v>
      </c>
      <c r="CK449" s="898">
        <f t="shared" si="765"/>
        <v>28.061248527679624</v>
      </c>
      <c r="CL449" s="898">
        <f t="shared" si="766"/>
        <v>834.82214369846884</v>
      </c>
      <c r="CM449" s="898" t="str">
        <f t="shared" si="767"/>
        <v/>
      </c>
      <c r="CN449" s="898" t="str">
        <f t="shared" si="768"/>
        <v/>
      </c>
      <c r="CO449" s="898" t="str">
        <f t="shared" si="769"/>
        <v/>
      </c>
      <c r="CP449" s="898" t="str">
        <f t="shared" si="770"/>
        <v/>
      </c>
      <c r="CQ449" s="898" t="str">
        <f t="shared" si="771"/>
        <v/>
      </c>
      <c r="CR449" s="898" t="str">
        <f t="shared" si="772"/>
        <v/>
      </c>
      <c r="CS449" s="898" t="str">
        <f t="shared" si="773"/>
        <v/>
      </c>
      <c r="CT449" s="898" t="str">
        <f t="shared" si="774"/>
        <v/>
      </c>
      <c r="CU449" s="898" t="str">
        <f t="shared" si="775"/>
        <v/>
      </c>
      <c r="CV449" s="898" t="str">
        <f t="shared" si="776"/>
        <v/>
      </c>
      <c r="CW449" s="898" t="str">
        <f t="shared" si="777"/>
        <v/>
      </c>
      <c r="CX449" s="898" t="str">
        <f t="shared" si="778"/>
        <v/>
      </c>
      <c r="CY449" s="898" t="str">
        <f t="shared" si="779"/>
        <v/>
      </c>
      <c r="CZ449" s="898" t="str">
        <f t="shared" si="780"/>
        <v/>
      </c>
      <c r="DA449" s="898" t="str">
        <f t="shared" si="781"/>
        <v/>
      </c>
      <c r="DB449" s="898" t="str">
        <f t="shared" si="782"/>
        <v/>
      </c>
      <c r="DC449" s="898" t="str">
        <f t="shared" si="783"/>
        <v/>
      </c>
      <c r="DD449" s="898" t="str">
        <f t="shared" si="784"/>
        <v/>
      </c>
      <c r="DE449" s="898" t="str">
        <f t="shared" si="785"/>
        <v/>
      </c>
      <c r="DF449" s="898" t="str">
        <f t="shared" si="786"/>
        <v/>
      </c>
      <c r="DG449" s="898" t="str">
        <f t="shared" si="787"/>
        <v/>
      </c>
      <c r="DH449" s="898" t="str">
        <f t="shared" si="788"/>
        <v/>
      </c>
      <c r="DI449" s="898">
        <f t="shared" si="789"/>
        <v>526.14840989399295</v>
      </c>
      <c r="DJ449" s="898">
        <f t="shared" si="790"/>
        <v>561.22497055359247</v>
      </c>
      <c r="DK449" s="898">
        <f t="shared" si="791"/>
        <v>841.83745583038876</v>
      </c>
      <c r="DL449" s="898">
        <f t="shared" si="792"/>
        <v>1112.2777385159011</v>
      </c>
      <c r="DM449" s="661">
        <f t="shared" si="681"/>
        <v>4403.5114252061258</v>
      </c>
      <c r="DN449" s="898">
        <f t="shared" si="682"/>
        <v>3041.4885747938752</v>
      </c>
      <c r="DO449" s="516">
        <f t="shared" si="683"/>
        <v>0</v>
      </c>
      <c r="DP449" s="898">
        <f t="shared" si="684"/>
        <v>0</v>
      </c>
      <c r="DQ449" s="860" t="s">
        <v>4246</v>
      </c>
      <c r="DR449" s="610" t="s">
        <v>4247</v>
      </c>
      <c r="DS449" s="1221" t="s">
        <v>4248</v>
      </c>
      <c r="DT449" s="632"/>
    </row>
    <row r="450" spans="1:124" s="613" customFormat="1" ht="57" x14ac:dyDescent="0.2">
      <c r="A450" s="484" t="str">
        <f t="shared" si="679"/>
        <v>White Hart Road-Windmill Road Wayfinding signage</v>
      </c>
      <c r="B450" s="1163">
        <v>447</v>
      </c>
      <c r="C450" s="1156" t="s">
        <v>4552</v>
      </c>
      <c r="D450" s="481" t="s">
        <v>2481</v>
      </c>
      <c r="E450" s="481" t="s">
        <v>53</v>
      </c>
      <c r="F450" s="481" t="s">
        <v>655</v>
      </c>
      <c r="G450" s="775" t="s">
        <v>932</v>
      </c>
      <c r="H450" s="855" t="s">
        <v>1247</v>
      </c>
      <c r="I450" s="775" t="str">
        <f t="shared" si="732"/>
        <v>SG32-3</v>
      </c>
      <c r="J450" s="855" t="s">
        <v>1248</v>
      </c>
      <c r="K450" s="664" t="s">
        <v>3104</v>
      </c>
      <c r="L450" s="852" t="s">
        <v>3167</v>
      </c>
      <c r="M450" s="515" t="s">
        <v>4244</v>
      </c>
      <c r="N450" s="775" t="s">
        <v>81</v>
      </c>
      <c r="O450" s="654" t="s">
        <v>3051</v>
      </c>
      <c r="P450" s="657" t="s">
        <v>61</v>
      </c>
      <c r="Q450" s="852" t="s">
        <v>71</v>
      </c>
      <c r="R450" s="657"/>
      <c r="S450" s="657"/>
      <c r="T450" s="853">
        <v>10441</v>
      </c>
      <c r="U450" s="854"/>
      <c r="V450" s="657" t="s">
        <v>4245</v>
      </c>
      <c r="W450" s="642">
        <f t="shared" si="746"/>
        <v>0</v>
      </c>
      <c r="X450" s="745">
        <f t="shared" si="747"/>
        <v>10441</v>
      </c>
      <c r="Y450" s="745" t="s">
        <v>3106</v>
      </c>
      <c r="Z450" s="745" t="str">
        <f>_xlfn.XLOOKUP(I450, 'CALCS Aecom (July 25 2025)'!F:F, 'CALCS Aecom (July 25 2025)'!W:W)</f>
        <v>Multiple Scenario 2 (Step 6)</v>
      </c>
      <c r="AA450" s="650" t="s">
        <v>65</v>
      </c>
      <c r="AB450" s="516" t="s">
        <v>66</v>
      </c>
      <c r="AC450" s="516" t="s">
        <v>66</v>
      </c>
      <c r="AD450" s="516" t="s">
        <v>66</v>
      </c>
      <c r="AE450" s="516" t="s">
        <v>66</v>
      </c>
      <c r="AF450" s="516" t="s">
        <v>66</v>
      </c>
      <c r="AG450" s="516" t="s">
        <v>66</v>
      </c>
      <c r="AH450" s="516" t="s">
        <v>66</v>
      </c>
      <c r="AI450" s="516" t="s">
        <v>66</v>
      </c>
      <c r="AJ450" s="516" t="s">
        <v>66</v>
      </c>
      <c r="AK450" s="516" t="s">
        <v>66</v>
      </c>
      <c r="AL450" s="516" t="s">
        <v>66</v>
      </c>
      <c r="AM450" s="516" t="s">
        <v>66</v>
      </c>
      <c r="AN450" s="516" t="s">
        <v>66</v>
      </c>
      <c r="AO450" s="516" t="s">
        <v>66</v>
      </c>
      <c r="AP450" s="516" t="s">
        <v>66</v>
      </c>
      <c r="AQ450" s="516" t="s">
        <v>66</v>
      </c>
      <c r="AR450" s="516" t="s">
        <v>66</v>
      </c>
      <c r="AS450" s="892"/>
      <c r="AT450" s="892"/>
      <c r="AU450" s="892"/>
      <c r="AV450" s="661"/>
      <c r="AW450" s="892"/>
      <c r="AX450" s="892"/>
      <c r="AY450" s="892"/>
      <c r="AZ450" s="661"/>
      <c r="BA450" s="892"/>
      <c r="BB450" s="661"/>
      <c r="BC450" s="661"/>
      <c r="BD450" s="892"/>
      <c r="BE450" s="661"/>
      <c r="BF450" s="661"/>
      <c r="BG450" s="746"/>
      <c r="BH450" s="746"/>
      <c r="BI450" s="746"/>
      <c r="BJ450" s="746"/>
      <c r="BK450" s="746"/>
      <c r="BL450" s="746"/>
      <c r="BM450" s="746"/>
      <c r="BN450" s="746"/>
      <c r="BO450" s="516" t="s">
        <v>66</v>
      </c>
      <c r="BP450" s="516" t="s">
        <v>66</v>
      </c>
      <c r="BQ450" s="516" t="s">
        <v>66</v>
      </c>
      <c r="BR450" s="516" t="s">
        <v>66</v>
      </c>
      <c r="BS450" s="884">
        <f t="shared" si="680"/>
        <v>21225</v>
      </c>
      <c r="BT450" s="661">
        <f t="shared" si="749"/>
        <v>0.49191990577149586</v>
      </c>
      <c r="BU450" s="661" t="str">
        <f t="shared" si="793"/>
        <v>GOOD</v>
      </c>
      <c r="BV450" s="898">
        <f t="shared" si="750"/>
        <v>2459.5995288574791</v>
      </c>
      <c r="BW450" s="898">
        <f t="shared" si="751"/>
        <v>98.383981154299178</v>
      </c>
      <c r="BX450" s="898">
        <f t="shared" si="752"/>
        <v>221.36395759717314</v>
      </c>
      <c r="BY450" s="898">
        <f t="shared" si="753"/>
        <v>172.17196702002354</v>
      </c>
      <c r="BZ450" s="898">
        <f t="shared" si="754"/>
        <v>245.95995288574792</v>
      </c>
      <c r="CA450" s="898">
        <f t="shared" si="755"/>
        <v>236.121554770318</v>
      </c>
      <c r="CB450" s="898">
        <f t="shared" si="756"/>
        <v>49.191990577149589</v>
      </c>
      <c r="CC450" s="898">
        <f t="shared" si="757"/>
        <v>191.84876325088339</v>
      </c>
      <c r="CD450" s="898">
        <f t="shared" si="758"/>
        <v>245.95995288574792</v>
      </c>
      <c r="CE450" s="898">
        <f t="shared" si="759"/>
        <v>245.95995288574792</v>
      </c>
      <c r="CF450" s="898">
        <f t="shared" si="760"/>
        <v>368.93992932862187</v>
      </c>
      <c r="CG450" s="898">
        <f t="shared" si="761"/>
        <v>98.383981154299178</v>
      </c>
      <c r="CH450" s="898">
        <f t="shared" si="762"/>
        <v>115.10925795053004</v>
      </c>
      <c r="CI450" s="898">
        <f t="shared" si="763"/>
        <v>172.17196702002354</v>
      </c>
      <c r="CJ450" s="898">
        <f t="shared" si="764"/>
        <v>44.272791519434627</v>
      </c>
      <c r="CK450" s="898">
        <f t="shared" si="765"/>
        <v>39.353592461719671</v>
      </c>
      <c r="CL450" s="898">
        <f t="shared" si="766"/>
        <v>1170.7693757361601</v>
      </c>
      <c r="CM450" s="898" t="str">
        <f t="shared" si="767"/>
        <v/>
      </c>
      <c r="CN450" s="898" t="str">
        <f t="shared" si="768"/>
        <v/>
      </c>
      <c r="CO450" s="898" t="str">
        <f t="shared" si="769"/>
        <v/>
      </c>
      <c r="CP450" s="898" t="str">
        <f t="shared" si="770"/>
        <v/>
      </c>
      <c r="CQ450" s="898" t="str">
        <f t="shared" si="771"/>
        <v/>
      </c>
      <c r="CR450" s="898" t="str">
        <f t="shared" si="772"/>
        <v/>
      </c>
      <c r="CS450" s="898" t="str">
        <f t="shared" si="773"/>
        <v/>
      </c>
      <c r="CT450" s="898" t="str">
        <f t="shared" si="774"/>
        <v/>
      </c>
      <c r="CU450" s="898" t="str">
        <f t="shared" si="775"/>
        <v/>
      </c>
      <c r="CV450" s="898" t="str">
        <f t="shared" si="776"/>
        <v/>
      </c>
      <c r="CW450" s="898" t="str">
        <f t="shared" si="777"/>
        <v/>
      </c>
      <c r="CX450" s="898" t="str">
        <f t="shared" si="778"/>
        <v/>
      </c>
      <c r="CY450" s="898" t="str">
        <f t="shared" si="779"/>
        <v/>
      </c>
      <c r="CZ450" s="898" t="str">
        <f t="shared" si="780"/>
        <v/>
      </c>
      <c r="DA450" s="898" t="str">
        <f t="shared" si="781"/>
        <v/>
      </c>
      <c r="DB450" s="898" t="str">
        <f t="shared" si="782"/>
        <v/>
      </c>
      <c r="DC450" s="898" t="str">
        <f t="shared" si="783"/>
        <v/>
      </c>
      <c r="DD450" s="898" t="str">
        <f t="shared" si="784"/>
        <v/>
      </c>
      <c r="DE450" s="898" t="str">
        <f t="shared" si="785"/>
        <v/>
      </c>
      <c r="DF450" s="898" t="str">
        <f t="shared" si="786"/>
        <v/>
      </c>
      <c r="DG450" s="898" t="str">
        <f t="shared" si="787"/>
        <v/>
      </c>
      <c r="DH450" s="898" t="str">
        <f t="shared" si="788"/>
        <v/>
      </c>
      <c r="DI450" s="898">
        <f t="shared" si="789"/>
        <v>737.87985865724374</v>
      </c>
      <c r="DJ450" s="898">
        <f t="shared" si="790"/>
        <v>787.07184923439343</v>
      </c>
      <c r="DK450" s="898">
        <f t="shared" si="791"/>
        <v>1180.6077738515901</v>
      </c>
      <c r="DL450" s="898">
        <f t="shared" si="792"/>
        <v>1559.8780212014133</v>
      </c>
      <c r="DM450" s="661">
        <f t="shared" si="681"/>
        <v>6175.5624970553599</v>
      </c>
      <c r="DN450" s="898">
        <f t="shared" si="682"/>
        <v>4265.437502944641</v>
      </c>
      <c r="DO450" s="516">
        <f t="shared" si="683"/>
        <v>0</v>
      </c>
      <c r="DP450" s="898">
        <f t="shared" si="684"/>
        <v>0</v>
      </c>
      <c r="DQ450" s="860" t="s">
        <v>4246</v>
      </c>
      <c r="DR450" s="610" t="s">
        <v>4247</v>
      </c>
      <c r="DS450" s="1221" t="s">
        <v>4248</v>
      </c>
      <c r="DT450" s="632"/>
    </row>
    <row r="451" spans="1:124" s="613" customFormat="1" ht="57" x14ac:dyDescent="0.2">
      <c r="A451" s="484" t="str">
        <f t="shared" si="679"/>
        <v>White Hart Road signal-controlled crossing north of A414</v>
      </c>
      <c r="B451" s="1163">
        <v>448</v>
      </c>
      <c r="C451" s="1156" t="s">
        <v>4553</v>
      </c>
      <c r="D451" s="481" t="s">
        <v>2481</v>
      </c>
      <c r="E451" s="481" t="s">
        <v>53</v>
      </c>
      <c r="F451" s="481" t="s">
        <v>655</v>
      </c>
      <c r="G451" s="775" t="s">
        <v>932</v>
      </c>
      <c r="H451" s="855" t="s">
        <v>1245</v>
      </c>
      <c r="I451" s="775" t="str">
        <f t="shared" si="732"/>
        <v>SG32-3</v>
      </c>
      <c r="J451" s="855" t="s">
        <v>1246</v>
      </c>
      <c r="K451" s="664" t="s">
        <v>3104</v>
      </c>
      <c r="L451" s="852" t="s">
        <v>3167</v>
      </c>
      <c r="M451" s="515" t="s">
        <v>4244</v>
      </c>
      <c r="N451" s="775" t="s">
        <v>81</v>
      </c>
      <c r="O451" s="654" t="s">
        <v>3051</v>
      </c>
      <c r="P451" s="657" t="s">
        <v>61</v>
      </c>
      <c r="Q451" s="852" t="s">
        <v>71</v>
      </c>
      <c r="R451" s="657"/>
      <c r="S451" s="657"/>
      <c r="T451" s="853">
        <v>387284</v>
      </c>
      <c r="U451" s="854"/>
      <c r="V451" s="657" t="s">
        <v>4245</v>
      </c>
      <c r="W451" s="642">
        <f t="shared" si="746"/>
        <v>0</v>
      </c>
      <c r="X451" s="745">
        <f t="shared" si="747"/>
        <v>387284</v>
      </c>
      <c r="Y451" s="745" t="s">
        <v>3106</v>
      </c>
      <c r="Z451" s="745" t="str">
        <f>_xlfn.XLOOKUP(I451, 'CALCS Aecom (July 25 2025)'!F:F, 'CALCS Aecom (July 25 2025)'!W:W)</f>
        <v>Multiple Scenario 2 (Step 6)</v>
      </c>
      <c r="AA451" s="650" t="s">
        <v>65</v>
      </c>
      <c r="AB451" s="516" t="s">
        <v>66</v>
      </c>
      <c r="AC451" s="516" t="s">
        <v>66</v>
      </c>
      <c r="AD451" s="516" t="s">
        <v>66</v>
      </c>
      <c r="AE451" s="516" t="s">
        <v>66</v>
      </c>
      <c r="AF451" s="516" t="s">
        <v>66</v>
      </c>
      <c r="AG451" s="516" t="s">
        <v>66</v>
      </c>
      <c r="AH451" s="516" t="s">
        <v>66</v>
      </c>
      <c r="AI451" s="516" t="s">
        <v>66</v>
      </c>
      <c r="AJ451" s="516" t="s">
        <v>66</v>
      </c>
      <c r="AK451" s="516" t="s">
        <v>66</v>
      </c>
      <c r="AL451" s="516" t="s">
        <v>66</v>
      </c>
      <c r="AM451" s="516" t="s">
        <v>66</v>
      </c>
      <c r="AN451" s="516" t="s">
        <v>66</v>
      </c>
      <c r="AO451" s="516" t="s">
        <v>66</v>
      </c>
      <c r="AP451" s="516" t="s">
        <v>66</v>
      </c>
      <c r="AQ451" s="516" t="s">
        <v>66</v>
      </c>
      <c r="AR451" s="516" t="s">
        <v>66</v>
      </c>
      <c r="AS451" s="892"/>
      <c r="AT451" s="892"/>
      <c r="AU451" s="892"/>
      <c r="AV451" s="661"/>
      <c r="AW451" s="892"/>
      <c r="AX451" s="892"/>
      <c r="AY451" s="892"/>
      <c r="AZ451" s="661"/>
      <c r="BA451" s="892"/>
      <c r="BB451" s="661"/>
      <c r="BC451" s="661"/>
      <c r="BD451" s="892"/>
      <c r="BE451" s="661"/>
      <c r="BF451" s="661"/>
      <c r="BG451" s="746"/>
      <c r="BH451" s="746"/>
      <c r="BI451" s="746"/>
      <c r="BJ451" s="746"/>
      <c r="BK451" s="746"/>
      <c r="BL451" s="746"/>
      <c r="BM451" s="746"/>
      <c r="BN451" s="746"/>
      <c r="BO451" s="516" t="s">
        <v>66</v>
      </c>
      <c r="BP451" s="516" t="s">
        <v>66</v>
      </c>
      <c r="BQ451" s="516" t="s">
        <v>66</v>
      </c>
      <c r="BR451" s="516" t="s">
        <v>66</v>
      </c>
      <c r="BS451" s="884">
        <f t="shared" si="680"/>
        <v>21225</v>
      </c>
      <c r="BT451" s="661">
        <f t="shared" si="749"/>
        <v>18.246595995288576</v>
      </c>
      <c r="BU451" s="661" t="str">
        <f t="shared" si="793"/>
        <v>GOOD</v>
      </c>
      <c r="BV451" s="898">
        <f t="shared" si="750"/>
        <v>91232.979976442875</v>
      </c>
      <c r="BW451" s="898">
        <f t="shared" si="751"/>
        <v>3649.3191990577152</v>
      </c>
      <c r="BX451" s="898">
        <f t="shared" si="752"/>
        <v>8210.9681978798599</v>
      </c>
      <c r="BY451" s="898">
        <f t="shared" si="753"/>
        <v>6386.3085983510018</v>
      </c>
      <c r="BZ451" s="898">
        <f t="shared" si="754"/>
        <v>9123.2979976442875</v>
      </c>
      <c r="CA451" s="898">
        <f t="shared" si="755"/>
        <v>8758.3660777385157</v>
      </c>
      <c r="CB451" s="898">
        <f t="shared" si="756"/>
        <v>1824.6595995288576</v>
      </c>
      <c r="CC451" s="898">
        <f t="shared" si="757"/>
        <v>7116.1724381625445</v>
      </c>
      <c r="CD451" s="898">
        <f t="shared" si="758"/>
        <v>9123.2979976442875</v>
      </c>
      <c r="CE451" s="898">
        <f t="shared" si="759"/>
        <v>9123.2979976442875</v>
      </c>
      <c r="CF451" s="898">
        <f t="shared" si="760"/>
        <v>13684.946996466431</v>
      </c>
      <c r="CG451" s="898">
        <f t="shared" si="761"/>
        <v>3649.3191990577152</v>
      </c>
      <c r="CH451" s="898">
        <f t="shared" si="762"/>
        <v>4269.7034628975271</v>
      </c>
      <c r="CI451" s="898">
        <f t="shared" si="763"/>
        <v>6386.3085983510018</v>
      </c>
      <c r="CJ451" s="898">
        <f t="shared" si="764"/>
        <v>1642.1936395759719</v>
      </c>
      <c r="CK451" s="898">
        <f t="shared" si="765"/>
        <v>1459.727679623086</v>
      </c>
      <c r="CL451" s="898">
        <f t="shared" si="766"/>
        <v>43426.898468786814</v>
      </c>
      <c r="CM451" s="898" t="str">
        <f t="shared" si="767"/>
        <v/>
      </c>
      <c r="CN451" s="898" t="str">
        <f t="shared" si="768"/>
        <v/>
      </c>
      <c r="CO451" s="898" t="str">
        <f t="shared" si="769"/>
        <v/>
      </c>
      <c r="CP451" s="898" t="str">
        <f t="shared" si="770"/>
        <v/>
      </c>
      <c r="CQ451" s="898" t="str">
        <f t="shared" si="771"/>
        <v/>
      </c>
      <c r="CR451" s="898" t="str">
        <f t="shared" si="772"/>
        <v/>
      </c>
      <c r="CS451" s="898" t="str">
        <f t="shared" si="773"/>
        <v/>
      </c>
      <c r="CT451" s="898" t="str">
        <f t="shared" si="774"/>
        <v/>
      </c>
      <c r="CU451" s="898" t="str">
        <f t="shared" si="775"/>
        <v/>
      </c>
      <c r="CV451" s="898" t="str">
        <f t="shared" si="776"/>
        <v/>
      </c>
      <c r="CW451" s="898" t="str">
        <f t="shared" si="777"/>
        <v/>
      </c>
      <c r="CX451" s="898" t="str">
        <f t="shared" si="778"/>
        <v/>
      </c>
      <c r="CY451" s="898" t="str">
        <f t="shared" si="779"/>
        <v/>
      </c>
      <c r="CZ451" s="898" t="str">
        <f t="shared" si="780"/>
        <v/>
      </c>
      <c r="DA451" s="898" t="str">
        <f t="shared" si="781"/>
        <v/>
      </c>
      <c r="DB451" s="898" t="str">
        <f t="shared" si="782"/>
        <v/>
      </c>
      <c r="DC451" s="898" t="str">
        <f t="shared" si="783"/>
        <v/>
      </c>
      <c r="DD451" s="898" t="str">
        <f t="shared" si="784"/>
        <v/>
      </c>
      <c r="DE451" s="898" t="str">
        <f t="shared" si="785"/>
        <v/>
      </c>
      <c r="DF451" s="898" t="str">
        <f t="shared" si="786"/>
        <v/>
      </c>
      <c r="DG451" s="898" t="str">
        <f t="shared" si="787"/>
        <v/>
      </c>
      <c r="DH451" s="898" t="str">
        <f t="shared" si="788"/>
        <v/>
      </c>
      <c r="DI451" s="898">
        <f t="shared" si="789"/>
        <v>27369.893992932863</v>
      </c>
      <c r="DJ451" s="898">
        <f t="shared" si="790"/>
        <v>29194.553592461722</v>
      </c>
      <c r="DK451" s="898">
        <f t="shared" si="791"/>
        <v>43791.830388692586</v>
      </c>
      <c r="DL451" s="898">
        <f t="shared" si="792"/>
        <v>57859.955901060071</v>
      </c>
      <c r="DM451" s="661">
        <f t="shared" si="681"/>
        <v>229067.76612485279</v>
      </c>
      <c r="DN451" s="898">
        <f t="shared" si="682"/>
        <v>158216.23387514724</v>
      </c>
      <c r="DO451" s="516">
        <f t="shared" si="683"/>
        <v>0</v>
      </c>
      <c r="DP451" s="898">
        <f t="shared" si="684"/>
        <v>0</v>
      </c>
      <c r="DQ451" s="860" t="s">
        <v>4246</v>
      </c>
      <c r="DR451" s="610" t="s">
        <v>4247</v>
      </c>
      <c r="DS451" s="1221" t="s">
        <v>4248</v>
      </c>
      <c r="DT451" s="632"/>
    </row>
    <row r="452" spans="1:124" s="613" customFormat="1" ht="313.5" x14ac:dyDescent="0.2">
      <c r="A452" s="484" t="str">
        <f t="shared" ref="A452:A515" si="794">H452</f>
        <v>Redbourn Road-Swallowdale Lane Roundabout reconfiguration including improved crossings</v>
      </c>
      <c r="B452" s="1163">
        <v>449</v>
      </c>
      <c r="C452" s="1156" t="s">
        <v>4554</v>
      </c>
      <c r="D452" s="481" t="s">
        <v>2481</v>
      </c>
      <c r="E452" s="481" t="s">
        <v>53</v>
      </c>
      <c r="F452" s="481" t="s">
        <v>655</v>
      </c>
      <c r="G452" s="775" t="s">
        <v>932</v>
      </c>
      <c r="H452" s="855" t="s">
        <v>1249</v>
      </c>
      <c r="I452" s="775" t="str">
        <f t="shared" si="732"/>
        <v>SG33-1</v>
      </c>
      <c r="J452" s="855" t="s">
        <v>1250</v>
      </c>
      <c r="K452" s="664" t="s">
        <v>3104</v>
      </c>
      <c r="L452" s="852" t="s">
        <v>4555</v>
      </c>
      <c r="M452" s="515" t="s">
        <v>2986</v>
      </c>
      <c r="N452" s="775" t="s">
        <v>81</v>
      </c>
      <c r="O452" s="654" t="s">
        <v>3051</v>
      </c>
      <c r="P452" s="657" t="s">
        <v>61</v>
      </c>
      <c r="Q452" s="852" t="s">
        <v>122</v>
      </c>
      <c r="R452" s="657"/>
      <c r="S452" s="657"/>
      <c r="T452" s="853">
        <v>1692649</v>
      </c>
      <c r="U452" s="854"/>
      <c r="V452" s="657" t="s">
        <v>4245</v>
      </c>
      <c r="W452" s="642">
        <f t="shared" si="746"/>
        <v>0</v>
      </c>
      <c r="X452" s="745">
        <f t="shared" si="747"/>
        <v>1692649</v>
      </c>
      <c r="Y452" s="745" t="s">
        <v>4260</v>
      </c>
      <c r="Z452" s="745" t="str">
        <f>_xlfn.XLOOKUP(I452, 'CALCS Aecom (July 25 2025)'!F:F, 'CALCS Aecom (July 25 2025)'!W:W)</f>
        <v>Mutliple Scenario 2 (Step 5)</v>
      </c>
      <c r="AA452" s="650" t="s">
        <v>65</v>
      </c>
      <c r="AB452" s="713" t="str">
        <f t="shared" ref="AB452:AK453" si="795">IF(BV452&gt;0, "Yes", "")</f>
        <v>Yes</v>
      </c>
      <c r="AC452" s="713" t="str">
        <f t="shared" si="795"/>
        <v>Yes</v>
      </c>
      <c r="AD452" s="713" t="str">
        <f t="shared" si="795"/>
        <v>Yes</v>
      </c>
      <c r="AE452" s="713" t="str">
        <f t="shared" si="795"/>
        <v>Yes</v>
      </c>
      <c r="AF452" s="713" t="str">
        <f t="shared" si="795"/>
        <v>Yes</v>
      </c>
      <c r="AG452" s="713" t="str">
        <f t="shared" si="795"/>
        <v>Yes</v>
      </c>
      <c r="AH452" s="713" t="str">
        <f t="shared" si="795"/>
        <v/>
      </c>
      <c r="AI452" s="713" t="str">
        <f t="shared" si="795"/>
        <v>Yes</v>
      </c>
      <c r="AJ452" s="713" t="str">
        <f t="shared" si="795"/>
        <v>Yes</v>
      </c>
      <c r="AK452" s="713" t="str">
        <f t="shared" si="795"/>
        <v>Yes</v>
      </c>
      <c r="AL452" s="713" t="str">
        <f t="shared" ref="AL452:AR453" si="796">IF(CF452&gt;0, "Yes", "")</f>
        <v>Yes</v>
      </c>
      <c r="AM452" s="713" t="str">
        <f t="shared" si="796"/>
        <v>Yes</v>
      </c>
      <c r="AN452" s="713" t="str">
        <f t="shared" si="796"/>
        <v>Yes</v>
      </c>
      <c r="AO452" s="713" t="str">
        <f t="shared" si="796"/>
        <v>Yes</v>
      </c>
      <c r="AP452" s="713" t="str">
        <f t="shared" si="796"/>
        <v>Yes</v>
      </c>
      <c r="AQ452" s="713" t="str">
        <f t="shared" si="796"/>
        <v>Yes</v>
      </c>
      <c r="AR452" s="713" t="str">
        <f t="shared" si="796"/>
        <v/>
      </c>
      <c r="AS452" s="892"/>
      <c r="AT452" s="892"/>
      <c r="AU452" s="892"/>
      <c r="AV452" s="661"/>
      <c r="AW452" s="892"/>
      <c r="AX452" s="892"/>
      <c r="AY452" s="892"/>
      <c r="AZ452" s="661"/>
      <c r="BA452" s="892"/>
      <c r="BB452" s="661"/>
      <c r="BC452" s="661"/>
      <c r="BD452" s="892"/>
      <c r="BE452" s="661"/>
      <c r="BF452" s="661"/>
      <c r="BG452" s="746"/>
      <c r="BH452" s="746"/>
      <c r="BI452" s="746"/>
      <c r="BJ452" s="746"/>
      <c r="BK452" s="746"/>
      <c r="BL452" s="746"/>
      <c r="BM452" s="746"/>
      <c r="BN452" s="746"/>
      <c r="BO452" s="892" t="str">
        <f t="shared" ref="BO452:BR453" si="797">IF(DI452&gt;0, "Yes", "")</f>
        <v>Yes</v>
      </c>
      <c r="BP452" s="892" t="str">
        <f t="shared" si="797"/>
        <v>Yes</v>
      </c>
      <c r="BQ452" s="892" t="str">
        <f t="shared" si="797"/>
        <v>Yes</v>
      </c>
      <c r="BR452" s="892" t="str">
        <f t="shared" si="797"/>
        <v>Yes</v>
      </c>
      <c r="BS452" s="884">
        <f t="shared" ref="BS452:BS515" si="798">SUMIF(AB452:BR452,"YES",$AB$3:$BR$3)</f>
        <v>18745</v>
      </c>
      <c r="BT452" s="661">
        <f t="shared" si="749"/>
        <v>90.298692984795949</v>
      </c>
      <c r="BU452" s="661" t="str">
        <f t="shared" si="793"/>
        <v>GOOD</v>
      </c>
      <c r="BV452" s="1149">
        <f>$X452*_xlfn.XLOOKUP($I452, 'CALCS Aecom (July 25 2025)'!$F:$F, 'CALCS Aecom (July 25 2025)'!BZ:BZ)</f>
        <v>766494.43952427874</v>
      </c>
      <c r="BW452" s="1149">
        <f>$X452*_xlfn.XLOOKUP($I452, 'CALCS Aecom (July 25 2025)'!$F:$F, 'CALCS Aecom (July 25 2025)'!CC:CC)</f>
        <v>38032.166846624517</v>
      </c>
      <c r="BX452" s="1149">
        <f>$X452*_xlfn.XLOOKUP($I452, 'CALCS Aecom (July 25 2025)'!$F:$F, 'CALCS Aecom (July 25 2025)'!CI:CI)</f>
        <v>14627.756479470969</v>
      </c>
      <c r="BY452" s="1149">
        <f>$X452*_xlfn.XLOOKUP($I452, 'CALCS Aecom (July 25 2025)'!$F:$F, 'CALCS Aecom (July 25 2025)'!BQ:BQ)</f>
        <v>5851.1025917883881</v>
      </c>
      <c r="BZ452" s="1149">
        <f>$X452*_xlfn.XLOOKUP($I452, 'CALCS Aecom (July 25 2025)'!$F:$F, 'CALCS Aecom (July 25 2025)'!BV:BV)</f>
        <v>2925.551295894194</v>
      </c>
      <c r="CA452" s="1149">
        <f>$X452*_xlfn.XLOOKUP($I452, 'CALCS Aecom (July 25 2025)'!$F:$F, 'CALCS Aecom (July 25 2025)'!BR:BR)</f>
        <v>5851.1025917883881</v>
      </c>
      <c r="CB452" s="1149">
        <f>$X452*_xlfn.XLOOKUP($I452, 'CALCS Aecom (July 25 2025)'!$F:$F, 'CALCS Aecom (July 25 2025)'!CD:CD)</f>
        <v>0</v>
      </c>
      <c r="CC452" s="1149">
        <f>$X452*_xlfn.XLOOKUP($I452, 'CALCS Aecom (July 25 2025)'!$F:$F, 'CALCS Aecom (July 25 2025)'!BT:BT)</f>
        <v>2925.551295894194</v>
      </c>
      <c r="CD452" s="1149">
        <f>$X452*_xlfn.XLOOKUP($I452, 'CALCS Aecom (July 25 2025)'!$F:$F, 'CALCS Aecom (July 25 2025)'!BU:BU)</f>
        <v>2925.551295894194</v>
      </c>
      <c r="CE452" s="1149">
        <f>$X452*_xlfn.XLOOKUP($I452, 'CALCS Aecom (July 25 2025)'!$F:$F, 'CALCS Aecom (July 25 2025)'!BW:BW)</f>
        <v>8776.6538876825816</v>
      </c>
      <c r="CF452" s="1149">
        <f>$X452*_xlfn.XLOOKUP($I452, 'CALCS Aecom (July 25 2025)'!$F:$F, 'CALCS Aecom (July 25 2025)'!BS:BS)</f>
        <v>38032.166846624517</v>
      </c>
      <c r="CG452" s="1149">
        <f>$X452*_xlfn.XLOOKUP($I452, 'CALCS Aecom (July 25 2025)'!$F:$F, 'CALCS Aecom (July 25 2025)'!CE:CE)</f>
        <v>61436.577213778073</v>
      </c>
      <c r="CH452" s="1149">
        <f>$X452*_xlfn.XLOOKUP($I452, 'CALCS Aecom (July 25 2025)'!$F:$F, 'CALCS Aecom (July 25 2025)'!CJ:CJ)</f>
        <v>51414.723003357918</v>
      </c>
      <c r="CI452" s="1149">
        <f>$X452*_xlfn.XLOOKUP($I452, 'CALCS Aecom (July 25 2025)'!$F:$F, 'CALCS Aecom (July 25 2025)'!CB:CB)</f>
        <v>81915.436285037431</v>
      </c>
      <c r="CJ452" s="1149">
        <f>$X452*_xlfn.XLOOKUP($I452, 'CALCS Aecom (July 25 2025)'!$F:$F, 'CALCS Aecom (July 25 2025)'!CF:CF)</f>
        <v>26329.961663047743</v>
      </c>
      <c r="CK452" s="1149">
        <f>$X452*_xlfn.XLOOKUP($I452, 'CALCS Aecom (July 25 2025)'!$F:$F, 'CALCS Aecom (July 25 2025)'!CG:CG)</f>
        <v>2925.551295894194</v>
      </c>
      <c r="CL452" s="1149"/>
      <c r="CM452" s="898"/>
      <c r="CN452" s="898"/>
      <c r="CO452" s="898"/>
      <c r="CP452" s="898"/>
      <c r="CQ452" s="898"/>
      <c r="CR452" s="898"/>
      <c r="CS452" s="898"/>
      <c r="CT452" s="898"/>
      <c r="CU452" s="898"/>
      <c r="CV452" s="898"/>
      <c r="CW452" s="898"/>
      <c r="CX452" s="898"/>
      <c r="CY452" s="898"/>
      <c r="CZ452" s="898"/>
      <c r="DA452" s="898"/>
      <c r="DB452" s="898"/>
      <c r="DC452" s="898"/>
      <c r="DD452" s="898"/>
      <c r="DE452" s="898"/>
      <c r="DF452" s="898"/>
      <c r="DG452" s="898"/>
      <c r="DH452" s="898"/>
      <c r="DI452" s="1149">
        <f>$X452*_xlfn.XLOOKUP($I452, 'CALCS Aecom (July 25 2025)'!$F:$F, 'CALCS Aecom (July 25 2025)'!CA:CA)</f>
        <v>61436.577213778073</v>
      </c>
      <c r="DJ452" s="1149">
        <f>$X452*_xlfn.XLOOKUP($I452, 'CALCS Aecom (July 25 2025)'!$F:$F, 'CALCS Aecom (July 25 2025)'!BX:BX)</f>
        <v>307182.88606889034</v>
      </c>
      <c r="DK452" s="1149">
        <f>$X452*_xlfn.XLOOKUP($I452, 'CALCS Aecom (July 25 2025)'!$F:$F, 'CALCS Aecom (July 25 2025)'!BY:BY)</f>
        <v>55585.474621989684</v>
      </c>
      <c r="DL452" s="1149">
        <f>$X452*_xlfn.XLOOKUP($I452, 'CALCS Aecom (July 25 2025)'!$F:$F, 'CALCS Aecom (July 25 2025)'!CH:CH)</f>
        <v>157979.76997828647</v>
      </c>
      <c r="DM452" s="661">
        <f t="shared" ref="DM452:DM489" si="799">SUM(BV452:CL452)</f>
        <v>1110464.2921170562</v>
      </c>
      <c r="DN452" s="898">
        <f t="shared" ref="DN452:DN489" si="800">SUM(DI452:DL452)</f>
        <v>582184.70788294449</v>
      </c>
      <c r="DO452" s="516">
        <f t="shared" ref="DO452:DO489" si="801">SUM(CM452:CZ452)</f>
        <v>0</v>
      </c>
      <c r="DP452" s="898">
        <f t="shared" ref="DP452:DP489" si="802">SUM(DA452:DH452)</f>
        <v>0</v>
      </c>
      <c r="DQ452" s="860" t="s">
        <v>4246</v>
      </c>
      <c r="DR452" s="860" t="s">
        <v>4261</v>
      </c>
      <c r="DS452" s="1221" t="s">
        <v>4265</v>
      </c>
      <c r="DT452" s="632"/>
    </row>
    <row r="453" spans="1:124" s="613" customFormat="1" ht="156.75" x14ac:dyDescent="0.2">
      <c r="A453" s="484" t="str">
        <f t="shared" si="794"/>
        <v>Additional Wayfinding Signage on Redbourn Road</v>
      </c>
      <c r="B453" s="1163">
        <v>450</v>
      </c>
      <c r="C453" s="1156" t="s">
        <v>4556</v>
      </c>
      <c r="D453" s="481" t="s">
        <v>2481</v>
      </c>
      <c r="E453" s="481" t="s">
        <v>53</v>
      </c>
      <c r="F453" s="481" t="s">
        <v>655</v>
      </c>
      <c r="G453" s="775" t="s">
        <v>932</v>
      </c>
      <c r="H453" s="855" t="s">
        <v>1251</v>
      </c>
      <c r="I453" s="775" t="str">
        <f t="shared" si="732"/>
        <v>SG33-2</v>
      </c>
      <c r="J453" s="855" t="s">
        <v>1252</v>
      </c>
      <c r="K453" s="664" t="s">
        <v>3104</v>
      </c>
      <c r="L453" s="852" t="s">
        <v>4557</v>
      </c>
      <c r="M453" s="515" t="s">
        <v>2986</v>
      </c>
      <c r="N453" s="775" t="s">
        <v>81</v>
      </c>
      <c r="O453" s="654" t="s">
        <v>3051</v>
      </c>
      <c r="P453" s="657" t="s">
        <v>61</v>
      </c>
      <c r="Q453" s="852" t="s">
        <v>71</v>
      </c>
      <c r="R453" s="657"/>
      <c r="S453" s="657"/>
      <c r="T453" s="853">
        <v>6961</v>
      </c>
      <c r="U453" s="854"/>
      <c r="V453" s="657" t="s">
        <v>4245</v>
      </c>
      <c r="W453" s="642">
        <f t="shared" si="746"/>
        <v>0</v>
      </c>
      <c r="X453" s="745">
        <f t="shared" si="747"/>
        <v>6961</v>
      </c>
      <c r="Y453" s="745" t="s">
        <v>4260</v>
      </c>
      <c r="Z453" s="745" t="str">
        <f>_xlfn.XLOOKUP(I453, 'CALCS Aecom (July 25 2025)'!F:F, 'CALCS Aecom (July 25 2025)'!W:W)</f>
        <v>Mutliple Scenario 2 (Step 5)</v>
      </c>
      <c r="AA453" s="650" t="s">
        <v>65</v>
      </c>
      <c r="AB453" s="713" t="str">
        <f t="shared" si="795"/>
        <v>Yes</v>
      </c>
      <c r="AC453" s="713" t="str">
        <f t="shared" si="795"/>
        <v/>
      </c>
      <c r="AD453" s="713" t="str">
        <f t="shared" si="795"/>
        <v/>
      </c>
      <c r="AE453" s="713" t="str">
        <f t="shared" si="795"/>
        <v/>
      </c>
      <c r="AF453" s="713" t="str">
        <f t="shared" si="795"/>
        <v/>
      </c>
      <c r="AG453" s="713" t="str">
        <f t="shared" si="795"/>
        <v/>
      </c>
      <c r="AH453" s="713" t="str">
        <f t="shared" si="795"/>
        <v/>
      </c>
      <c r="AI453" s="713" t="str">
        <f t="shared" si="795"/>
        <v/>
      </c>
      <c r="AJ453" s="713" t="str">
        <f t="shared" si="795"/>
        <v/>
      </c>
      <c r="AK453" s="713" t="str">
        <f t="shared" si="795"/>
        <v/>
      </c>
      <c r="AL453" s="713" t="str">
        <f t="shared" si="796"/>
        <v>Yes</v>
      </c>
      <c r="AM453" s="713" t="str">
        <f t="shared" si="796"/>
        <v>Yes</v>
      </c>
      <c r="AN453" s="713" t="str">
        <f t="shared" si="796"/>
        <v>Yes</v>
      </c>
      <c r="AO453" s="713" t="str">
        <f t="shared" si="796"/>
        <v>Yes</v>
      </c>
      <c r="AP453" s="713" t="str">
        <f t="shared" si="796"/>
        <v/>
      </c>
      <c r="AQ453" s="713" t="str">
        <f t="shared" si="796"/>
        <v/>
      </c>
      <c r="AR453" s="713" t="str">
        <f t="shared" si="796"/>
        <v/>
      </c>
      <c r="AS453" s="892"/>
      <c r="AT453" s="892"/>
      <c r="AU453" s="892"/>
      <c r="AV453" s="661"/>
      <c r="AW453" s="892"/>
      <c r="AX453" s="892"/>
      <c r="AY453" s="892"/>
      <c r="AZ453" s="661"/>
      <c r="BA453" s="892"/>
      <c r="BB453" s="661"/>
      <c r="BC453" s="661"/>
      <c r="BD453" s="892"/>
      <c r="BE453" s="661"/>
      <c r="BF453" s="661"/>
      <c r="BG453" s="746"/>
      <c r="BH453" s="746"/>
      <c r="BI453" s="746"/>
      <c r="BJ453" s="746"/>
      <c r="BK453" s="746"/>
      <c r="BL453" s="746"/>
      <c r="BM453" s="746"/>
      <c r="BN453" s="746"/>
      <c r="BO453" s="892" t="str">
        <f t="shared" si="797"/>
        <v>Yes</v>
      </c>
      <c r="BP453" s="892" t="str">
        <f t="shared" si="797"/>
        <v>Yes</v>
      </c>
      <c r="BQ453" s="892" t="str">
        <f t="shared" si="797"/>
        <v>Yes</v>
      </c>
      <c r="BR453" s="892" t="str">
        <f t="shared" si="797"/>
        <v>Yes</v>
      </c>
      <c r="BS453" s="884">
        <f t="shared" si="798"/>
        <v>15205</v>
      </c>
      <c r="BT453" s="661">
        <f t="shared" si="749"/>
        <v>0.45780993094376848</v>
      </c>
      <c r="BU453" s="661" t="str">
        <f t="shared" si="793"/>
        <v>GOOD</v>
      </c>
      <c r="BV453" s="1149">
        <f>$X453*_xlfn.XLOOKUP($I453, 'CALCS Aecom (July 25 2025)'!$F:$F, 'CALCS Aecom (July 25 2025)'!BZ:BZ)</f>
        <v>3364.8447559709248</v>
      </c>
      <c r="BW453" s="1149">
        <f>$X453*_xlfn.XLOOKUP($I453, 'CALCS Aecom (July 25 2025)'!$F:$F, 'CALCS Aecom (July 25 2025)'!CC:CC)</f>
        <v>0</v>
      </c>
      <c r="BX453" s="1149">
        <f>$X453*_xlfn.XLOOKUP($I453, 'CALCS Aecom (July 25 2025)'!$F:$F, 'CALCS Aecom (July 25 2025)'!CI:CI)</f>
        <v>0</v>
      </c>
      <c r="BY453" s="1149">
        <f>$X453*_xlfn.XLOOKUP($I453, 'CALCS Aecom (July 25 2025)'!$F:$F, 'CALCS Aecom (July 25 2025)'!BQ:BQ)</f>
        <v>0</v>
      </c>
      <c r="BZ453" s="1149">
        <f>$X453*_xlfn.XLOOKUP($I453, 'CALCS Aecom (July 25 2025)'!$F:$F, 'CALCS Aecom (July 25 2025)'!BV:BV)</f>
        <v>0</v>
      </c>
      <c r="CA453" s="1149">
        <f>$X453*_xlfn.XLOOKUP($I453, 'CALCS Aecom (July 25 2025)'!$F:$F, 'CALCS Aecom (July 25 2025)'!BR:BR)</f>
        <v>0</v>
      </c>
      <c r="CB453" s="1149">
        <f>$X453*_xlfn.XLOOKUP($I453, 'CALCS Aecom (July 25 2025)'!$F:$F, 'CALCS Aecom (July 25 2025)'!CD:CD)</f>
        <v>0</v>
      </c>
      <c r="CC453" s="1149">
        <f>$X453*_xlfn.XLOOKUP($I453, 'CALCS Aecom (July 25 2025)'!$F:$F, 'CALCS Aecom (July 25 2025)'!BT:BT)</f>
        <v>0</v>
      </c>
      <c r="CD453" s="1149">
        <f>$X453*_xlfn.XLOOKUP($I453, 'CALCS Aecom (July 25 2025)'!$F:$F, 'CALCS Aecom (July 25 2025)'!BU:BU)</f>
        <v>0</v>
      </c>
      <c r="CE453" s="1149">
        <f>$X453*_xlfn.XLOOKUP($I453, 'CALCS Aecom (July 25 2025)'!$F:$F, 'CALCS Aecom (July 25 2025)'!BW:BW)</f>
        <v>0</v>
      </c>
      <c r="CF453" s="1149">
        <f>$X453*_xlfn.XLOOKUP($I453, 'CALCS Aecom (July 25 2025)'!$F:$F, 'CALCS Aecom (July 25 2025)'!BS:BS)</f>
        <v>137.34060228452753</v>
      </c>
      <c r="CG453" s="1149">
        <f>$X453*_xlfn.XLOOKUP($I453, 'CALCS Aecom (July 25 2025)'!$F:$F, 'CALCS Aecom (July 25 2025)'!CE:CE)</f>
        <v>412.02180685358263</v>
      </c>
      <c r="CH453" s="1149">
        <f>$X453*_xlfn.XLOOKUP($I453, 'CALCS Aecom (July 25 2025)'!$F:$F, 'CALCS Aecom (July 25 2025)'!CJ:CJ)</f>
        <v>231.31048805815166</v>
      </c>
      <c r="CI453" s="1149">
        <f>$X453*_xlfn.XLOOKUP($I453, 'CALCS Aecom (July 25 2025)'!$F:$F, 'CALCS Aecom (July 25 2025)'!CB:CB)</f>
        <v>480.69210799584641</v>
      </c>
      <c r="CJ453" s="1149">
        <f>$X453*_xlfn.XLOOKUP($I453, 'CALCS Aecom (July 25 2025)'!$F:$F, 'CALCS Aecom (July 25 2025)'!CF:CF)</f>
        <v>0</v>
      </c>
      <c r="CK453" s="1149">
        <f>$X453*_xlfn.XLOOKUP($I453, 'CALCS Aecom (July 25 2025)'!$F:$F, 'CALCS Aecom (July 25 2025)'!CG:CG)</f>
        <v>0</v>
      </c>
      <c r="CL453" s="1149"/>
      <c r="CM453" s="898"/>
      <c r="CN453" s="898"/>
      <c r="CO453" s="898"/>
      <c r="CP453" s="898"/>
      <c r="CQ453" s="898"/>
      <c r="CR453" s="898"/>
      <c r="CS453" s="898"/>
      <c r="CT453" s="898"/>
      <c r="CU453" s="898"/>
      <c r="CV453" s="898"/>
      <c r="CW453" s="898"/>
      <c r="CX453" s="898"/>
      <c r="CY453" s="898"/>
      <c r="CZ453" s="898"/>
      <c r="DA453" s="898"/>
      <c r="DB453" s="898"/>
      <c r="DC453" s="898"/>
      <c r="DD453" s="898"/>
      <c r="DE453" s="898"/>
      <c r="DF453" s="898"/>
      <c r="DG453" s="898"/>
      <c r="DH453" s="898"/>
      <c r="DI453" s="1149">
        <f>$X453*_xlfn.XLOOKUP($I453, 'CALCS Aecom (July 25 2025)'!$F:$F, 'CALCS Aecom (July 25 2025)'!CA:CA)</f>
        <v>34.335150571131884</v>
      </c>
      <c r="DJ453" s="1149">
        <f>$X453*_xlfn.XLOOKUP($I453, 'CALCS Aecom (July 25 2025)'!$F:$F, 'CALCS Aecom (July 25 2025)'!BX:BX)</f>
        <v>1545.0817757009349</v>
      </c>
      <c r="DK453" s="1149">
        <f>$X453*_xlfn.XLOOKUP($I453, 'CALCS Aecom (July 25 2025)'!$F:$F, 'CALCS Aecom (July 25 2025)'!BY:BY)</f>
        <v>480.69210799584641</v>
      </c>
      <c r="DL453" s="1149">
        <f>$X453*_xlfn.XLOOKUP($I453, 'CALCS Aecom (July 25 2025)'!$F:$F, 'CALCS Aecom (July 25 2025)'!CH:CH)</f>
        <v>274.68120456905507</v>
      </c>
      <c r="DM453" s="661">
        <f t="shared" si="799"/>
        <v>4626.2097611630334</v>
      </c>
      <c r="DN453" s="898">
        <f t="shared" si="800"/>
        <v>2334.790238836968</v>
      </c>
      <c r="DO453" s="516">
        <f t="shared" si="801"/>
        <v>0</v>
      </c>
      <c r="DP453" s="898">
        <f t="shared" si="802"/>
        <v>0</v>
      </c>
      <c r="DQ453" s="860" t="s">
        <v>4246</v>
      </c>
      <c r="DR453" s="860" t="s">
        <v>4261</v>
      </c>
      <c r="DS453" s="1221" t="s">
        <v>4265</v>
      </c>
      <c r="DT453" s="632"/>
    </row>
    <row r="454" spans="1:124" s="613" customFormat="1" ht="57" x14ac:dyDescent="0.2">
      <c r="A454" s="484" t="str">
        <f t="shared" si="794"/>
        <v>Toucan Crossings on Swallowdale Lane</v>
      </c>
      <c r="B454" s="1163">
        <v>451</v>
      </c>
      <c r="C454" s="1156" t="s">
        <v>4558</v>
      </c>
      <c r="D454" s="481" t="s">
        <v>2481</v>
      </c>
      <c r="E454" s="481" t="s">
        <v>53</v>
      </c>
      <c r="F454" s="481" t="s">
        <v>655</v>
      </c>
      <c r="G454" s="775" t="s">
        <v>932</v>
      </c>
      <c r="H454" s="855" t="s">
        <v>1253</v>
      </c>
      <c r="I454" s="775" t="str">
        <f t="shared" si="732"/>
        <v>SG34-1</v>
      </c>
      <c r="J454" s="855" t="s">
        <v>1254</v>
      </c>
      <c r="K454" s="664" t="s">
        <v>3104</v>
      </c>
      <c r="L454" s="852" t="s">
        <v>3167</v>
      </c>
      <c r="M454" s="515" t="s">
        <v>4244</v>
      </c>
      <c r="N454" s="775" t="s">
        <v>81</v>
      </c>
      <c r="O454" s="654" t="s">
        <v>3051</v>
      </c>
      <c r="P454" s="657" t="s">
        <v>61</v>
      </c>
      <c r="Q454" s="852" t="s">
        <v>71</v>
      </c>
      <c r="R454" s="657"/>
      <c r="S454" s="657"/>
      <c r="T454" s="853">
        <v>885943</v>
      </c>
      <c r="U454" s="854"/>
      <c r="V454" s="657" t="s">
        <v>4245</v>
      </c>
      <c r="W454" s="642">
        <f t="shared" si="746"/>
        <v>0</v>
      </c>
      <c r="X454" s="745">
        <f t="shared" si="747"/>
        <v>885943</v>
      </c>
      <c r="Y454" s="745" t="s">
        <v>3106</v>
      </c>
      <c r="Z454" s="745" t="str">
        <f>_xlfn.XLOOKUP(I454, 'CALCS Aecom (July 25 2025)'!F:F, 'CALCS Aecom (July 25 2025)'!W:W)</f>
        <v>Multiple Scenario 2 (Step 6)</v>
      </c>
      <c r="AA454" s="650" t="s">
        <v>65</v>
      </c>
      <c r="AB454" s="516" t="s">
        <v>66</v>
      </c>
      <c r="AC454" s="516" t="s">
        <v>66</v>
      </c>
      <c r="AD454" s="516" t="s">
        <v>66</v>
      </c>
      <c r="AE454" s="516" t="s">
        <v>66</v>
      </c>
      <c r="AF454" s="516" t="s">
        <v>66</v>
      </c>
      <c r="AG454" s="516" t="s">
        <v>66</v>
      </c>
      <c r="AH454" s="516" t="s">
        <v>66</v>
      </c>
      <c r="AI454" s="516" t="s">
        <v>66</v>
      </c>
      <c r="AJ454" s="516" t="s">
        <v>66</v>
      </c>
      <c r="AK454" s="516" t="s">
        <v>66</v>
      </c>
      <c r="AL454" s="516" t="s">
        <v>66</v>
      </c>
      <c r="AM454" s="516" t="s">
        <v>66</v>
      </c>
      <c r="AN454" s="516" t="s">
        <v>66</v>
      </c>
      <c r="AO454" s="516" t="s">
        <v>66</v>
      </c>
      <c r="AP454" s="516" t="s">
        <v>66</v>
      </c>
      <c r="AQ454" s="516" t="s">
        <v>66</v>
      </c>
      <c r="AR454" s="516" t="s">
        <v>66</v>
      </c>
      <c r="AS454" s="892"/>
      <c r="AT454" s="892"/>
      <c r="AU454" s="892"/>
      <c r="AV454" s="661"/>
      <c r="AW454" s="892"/>
      <c r="AX454" s="892"/>
      <c r="AY454" s="892"/>
      <c r="AZ454" s="661"/>
      <c r="BA454" s="892"/>
      <c r="BB454" s="661"/>
      <c r="BC454" s="661"/>
      <c r="BD454" s="892"/>
      <c r="BE454" s="661"/>
      <c r="BF454" s="661"/>
      <c r="BG454" s="746"/>
      <c r="BH454" s="746"/>
      <c r="BI454" s="746"/>
      <c r="BJ454" s="746"/>
      <c r="BK454" s="746"/>
      <c r="BL454" s="746"/>
      <c r="BM454" s="746"/>
      <c r="BN454" s="746"/>
      <c r="BO454" s="516" t="s">
        <v>66</v>
      </c>
      <c r="BP454" s="516" t="s">
        <v>66</v>
      </c>
      <c r="BQ454" s="516" t="s">
        <v>66</v>
      </c>
      <c r="BR454" s="516" t="s">
        <v>66</v>
      </c>
      <c r="BS454" s="884">
        <f t="shared" si="798"/>
        <v>21225</v>
      </c>
      <c r="BT454" s="661">
        <f t="shared" si="749"/>
        <v>41.740541813898702</v>
      </c>
      <c r="BU454" s="661" t="str">
        <f t="shared" si="793"/>
        <v>GOOD</v>
      </c>
      <c r="BV454" s="898">
        <f t="shared" ref="BV454:BV471" si="803">IF(AB454="yes",(AB$3*$BT454),"")</f>
        <v>208702.70906949352</v>
      </c>
      <c r="BW454" s="898">
        <f t="shared" ref="BW454:BW471" si="804">IF(AC454="yes",(AC$3*$BT454),"")</f>
        <v>8348.1083627797398</v>
      </c>
      <c r="BX454" s="898">
        <f t="shared" ref="BX454:BX471" si="805">IF(AD454="yes",(AD$3*$BT454),"")</f>
        <v>18783.243816254417</v>
      </c>
      <c r="BY454" s="898">
        <f t="shared" ref="BY454:BY471" si="806">IF(AE454="yes",(AE$3*$BT454),"")</f>
        <v>14609.189634864546</v>
      </c>
      <c r="BZ454" s="898">
        <f t="shared" ref="BZ454:BZ471" si="807">IF(AF454="yes",(AF$3*$BT454),"")</f>
        <v>20870.27090694935</v>
      </c>
      <c r="CA454" s="898">
        <f t="shared" ref="CA454:CA471" si="808">IF(AG454="yes",(AG$3*$BT454),"")</f>
        <v>20035.460070671375</v>
      </c>
      <c r="CB454" s="898">
        <f t="shared" ref="CB454:CB471" si="809">IF(AH454="yes",(AH$3*$BT454),"")</f>
        <v>4174.0541813898699</v>
      </c>
      <c r="CC454" s="898">
        <f t="shared" ref="CC454:CC471" si="810">IF(AI454="yes",(AI$3*$BT454),"")</f>
        <v>16278.811307420494</v>
      </c>
      <c r="CD454" s="898">
        <f t="shared" ref="CD454:CD471" si="811">IF(AJ454="yes",(AJ$3*$BT454),"")</f>
        <v>20870.27090694935</v>
      </c>
      <c r="CE454" s="898">
        <f t="shared" ref="CE454:CE471" si="812">IF(AK454="yes",(AK$3*$BT454),"")</f>
        <v>20870.27090694935</v>
      </c>
      <c r="CF454" s="898">
        <f t="shared" ref="CF454:CF471" si="813">IF(AL454="yes",(AL$3*$BT454),"")</f>
        <v>31305.406360424025</v>
      </c>
      <c r="CG454" s="898">
        <f t="shared" ref="CG454:CG471" si="814">IF(AM454="yes",(AM$3*$BT454),"")</f>
        <v>8348.1083627797398</v>
      </c>
      <c r="CH454" s="898">
        <f t="shared" ref="CH454:CH471" si="815">IF(AN454="yes",(AN$3*$BT454),"")</f>
        <v>9767.2867844522971</v>
      </c>
      <c r="CI454" s="898">
        <f t="shared" ref="CI454:CI471" si="816">IF(AO454="yes",(AO$3*$BT454),"")</f>
        <v>14609.189634864546</v>
      </c>
      <c r="CJ454" s="898">
        <f t="shared" ref="CJ454:CJ471" si="817">IF(AP454="yes",(AP$3*$BT454),"")</f>
        <v>3756.6487632508833</v>
      </c>
      <c r="CK454" s="898">
        <f t="shared" ref="CK454:CK471" si="818">IF(AQ454="yes",(AQ$3*$BT454),"")</f>
        <v>3339.2433451118959</v>
      </c>
      <c r="CL454" s="898">
        <f t="shared" ref="CL454:CL471" si="819">IF(AR454="yes",(AR$3*$BT454),"")</f>
        <v>99342.48951707891</v>
      </c>
      <c r="CM454" s="898" t="str">
        <f t="shared" ref="CM454:CM471" si="820">IF(AS454="yes",(AS$3*$BT454),"")</f>
        <v/>
      </c>
      <c r="CN454" s="898" t="str">
        <f t="shared" ref="CN454:CN471" si="821">IF(AT454="yes",(AT$3*$BT454),"")</f>
        <v/>
      </c>
      <c r="CO454" s="898" t="str">
        <f t="shared" ref="CO454:CO471" si="822">IF(AU454="yes",(AU$3*$BT454),"")</f>
        <v/>
      </c>
      <c r="CP454" s="898" t="str">
        <f t="shared" ref="CP454:CP471" si="823">IF(AV454="yes",(AV$3*$BT454),"")</f>
        <v/>
      </c>
      <c r="CQ454" s="898" t="str">
        <f t="shared" ref="CQ454:CQ471" si="824">IF(AW454="yes",(AW$3*$BT454),"")</f>
        <v/>
      </c>
      <c r="CR454" s="898" t="str">
        <f t="shared" ref="CR454:CR471" si="825">IF(AX454="yes",(AX$3*$BT454),"")</f>
        <v/>
      </c>
      <c r="CS454" s="898" t="str">
        <f t="shared" ref="CS454:CS471" si="826">IF(AY454="yes",(AY$3*$BT454),"")</f>
        <v/>
      </c>
      <c r="CT454" s="898" t="str">
        <f t="shared" ref="CT454:CT471" si="827">IF(AZ454="yes",(AZ$3*$BT454),"")</f>
        <v/>
      </c>
      <c r="CU454" s="898" t="str">
        <f t="shared" ref="CU454:CU471" si="828">IF(BA454="yes",(BA$3*$BT454),"")</f>
        <v/>
      </c>
      <c r="CV454" s="898" t="str">
        <f t="shared" ref="CV454:CV471" si="829">IF(BB454="yes",(BB$3*$BT454),"")</f>
        <v/>
      </c>
      <c r="CW454" s="898" t="str">
        <f t="shared" ref="CW454:CW471" si="830">IF(BC454="yes",(BC$3*$BT454),"")</f>
        <v/>
      </c>
      <c r="CX454" s="898" t="str">
        <f t="shared" ref="CX454:CX471" si="831">IF(BD454="yes",(BD$3*$BT454),"")</f>
        <v/>
      </c>
      <c r="CY454" s="898" t="str">
        <f t="shared" ref="CY454:CY471" si="832">IF(BE454="yes",(BE$3*$BT454),"")</f>
        <v/>
      </c>
      <c r="CZ454" s="898" t="str">
        <f t="shared" ref="CZ454:CZ471" si="833">IF(BF454="yes",(BF$3*$BT454),"")</f>
        <v/>
      </c>
      <c r="DA454" s="898" t="str">
        <f t="shared" ref="DA454:DA471" si="834">IF(BG454="yes",(BG$3*$BT454),"")</f>
        <v/>
      </c>
      <c r="DB454" s="898" t="str">
        <f t="shared" ref="DB454:DB471" si="835">IF(BH454="yes",(BH$3*$BT454),"")</f>
        <v/>
      </c>
      <c r="DC454" s="898" t="str">
        <f t="shared" ref="DC454:DC471" si="836">IF(BI454="yes",(BI$3*$BT454),"")</f>
        <v/>
      </c>
      <c r="DD454" s="898" t="str">
        <f t="shared" ref="DD454:DD471" si="837">IF(BJ454="yes",(BJ$3*$BT454),"")</f>
        <v/>
      </c>
      <c r="DE454" s="898" t="str">
        <f t="shared" ref="DE454:DE471" si="838">IF(BK454="yes",(BK$3*$BT454),"")</f>
        <v/>
      </c>
      <c r="DF454" s="898" t="str">
        <f t="shared" ref="DF454:DF471" si="839">IF(BL454="yes",(BL$3*$BT454),"")</f>
        <v/>
      </c>
      <c r="DG454" s="898" t="str">
        <f t="shared" ref="DG454:DG471" si="840">IF(BM454="yes",(BM$3*$BT454),"")</f>
        <v/>
      </c>
      <c r="DH454" s="898" t="str">
        <f t="shared" ref="DH454:DH471" si="841">IF(BN454="yes",(BN$3*$BT454),"")</f>
        <v/>
      </c>
      <c r="DI454" s="898">
        <f t="shared" ref="DI454:DI471" si="842">IF(BO454="yes",(BO$3*$BT454),"")</f>
        <v>62610.812720848051</v>
      </c>
      <c r="DJ454" s="898">
        <f t="shared" ref="DJ454:DJ471" si="843">IF(BP454="yes",(BP$3*$BT454),"")</f>
        <v>66784.866902237918</v>
      </c>
      <c r="DK454" s="898">
        <f t="shared" ref="DK454:DK471" si="844">IF(BQ454="yes",(BQ$3*$BT454),"")</f>
        <v>100177.30035335688</v>
      </c>
      <c r="DL454" s="898">
        <f t="shared" ref="DL454:DL471" si="845">IF(BR454="yes",(BR$3*$BT454),"")</f>
        <v>132359.25809187279</v>
      </c>
      <c r="DM454" s="661">
        <f t="shared" si="799"/>
        <v>524010.76193168433</v>
      </c>
      <c r="DN454" s="898">
        <f t="shared" si="800"/>
        <v>361932.23806831567</v>
      </c>
      <c r="DO454" s="516">
        <f t="shared" si="801"/>
        <v>0</v>
      </c>
      <c r="DP454" s="898">
        <f t="shared" si="802"/>
        <v>0</v>
      </c>
      <c r="DQ454" s="860" t="s">
        <v>4246</v>
      </c>
      <c r="DR454" s="610" t="s">
        <v>4247</v>
      </c>
      <c r="DS454" s="1221" t="s">
        <v>4248</v>
      </c>
      <c r="DT454" s="632"/>
    </row>
    <row r="455" spans="1:124" s="613" customFormat="1" ht="57" x14ac:dyDescent="0.2">
      <c r="A455" s="484" t="str">
        <f t="shared" si="794"/>
        <v>Signalised crossing on Three Cherry Trees Lane</v>
      </c>
      <c r="B455" s="1163">
        <v>452</v>
      </c>
      <c r="C455" s="1156" t="s">
        <v>4559</v>
      </c>
      <c r="D455" s="481" t="s">
        <v>2481</v>
      </c>
      <c r="E455" s="481" t="s">
        <v>53</v>
      </c>
      <c r="F455" s="481" t="s">
        <v>655</v>
      </c>
      <c r="G455" s="775" t="s">
        <v>932</v>
      </c>
      <c r="H455" s="855" t="s">
        <v>1255</v>
      </c>
      <c r="I455" s="775" t="str">
        <f t="shared" si="732"/>
        <v>SG34-2</v>
      </c>
      <c r="J455" s="855" t="s">
        <v>1256</v>
      </c>
      <c r="K455" s="664" t="s">
        <v>3104</v>
      </c>
      <c r="L455" s="852" t="s">
        <v>3167</v>
      </c>
      <c r="M455" s="515" t="s">
        <v>4244</v>
      </c>
      <c r="N455" s="775" t="s">
        <v>81</v>
      </c>
      <c r="O455" s="654" t="s">
        <v>3051</v>
      </c>
      <c r="P455" s="657" t="s">
        <v>61</v>
      </c>
      <c r="Q455" s="852" t="s">
        <v>71</v>
      </c>
      <c r="R455" s="657"/>
      <c r="S455" s="657"/>
      <c r="T455" s="853">
        <v>448034</v>
      </c>
      <c r="U455" s="854"/>
      <c r="V455" s="657" t="s">
        <v>4245</v>
      </c>
      <c r="W455" s="642">
        <f t="shared" ref="W455:W486" si="846">T455-X455</f>
        <v>0</v>
      </c>
      <c r="X455" s="745">
        <f t="shared" ref="X455:X486" si="847">IF(ISTEXT(T455),T455,T455-U455)</f>
        <v>448034</v>
      </c>
      <c r="Y455" s="745" t="s">
        <v>3106</v>
      </c>
      <c r="Z455" s="745" t="str">
        <f>_xlfn.XLOOKUP(I455, 'CALCS Aecom (July 25 2025)'!F:F, 'CALCS Aecom (July 25 2025)'!W:W)</f>
        <v>Multiple Scenario 2 (Step 6)</v>
      </c>
      <c r="AA455" s="650" t="s">
        <v>65</v>
      </c>
      <c r="AB455" s="516" t="s">
        <v>66</v>
      </c>
      <c r="AC455" s="516" t="s">
        <v>66</v>
      </c>
      <c r="AD455" s="516" t="s">
        <v>66</v>
      </c>
      <c r="AE455" s="516" t="s">
        <v>66</v>
      </c>
      <c r="AF455" s="516" t="s">
        <v>66</v>
      </c>
      <c r="AG455" s="516" t="s">
        <v>66</v>
      </c>
      <c r="AH455" s="516" t="s">
        <v>66</v>
      </c>
      <c r="AI455" s="516" t="s">
        <v>66</v>
      </c>
      <c r="AJ455" s="516" t="s">
        <v>66</v>
      </c>
      <c r="AK455" s="516" t="s">
        <v>66</v>
      </c>
      <c r="AL455" s="516" t="s">
        <v>66</v>
      </c>
      <c r="AM455" s="516" t="s">
        <v>66</v>
      </c>
      <c r="AN455" s="516" t="s">
        <v>66</v>
      </c>
      <c r="AO455" s="516" t="s">
        <v>66</v>
      </c>
      <c r="AP455" s="516" t="s">
        <v>66</v>
      </c>
      <c r="AQ455" s="516" t="s">
        <v>66</v>
      </c>
      <c r="AR455" s="516" t="s">
        <v>66</v>
      </c>
      <c r="AS455" s="892"/>
      <c r="AT455" s="892"/>
      <c r="AU455" s="892"/>
      <c r="AV455" s="661"/>
      <c r="AW455" s="892"/>
      <c r="AX455" s="892"/>
      <c r="AY455" s="892"/>
      <c r="AZ455" s="661"/>
      <c r="BA455" s="892"/>
      <c r="BB455" s="661"/>
      <c r="BC455" s="661"/>
      <c r="BD455" s="892"/>
      <c r="BE455" s="661"/>
      <c r="BF455" s="661"/>
      <c r="BG455" s="746"/>
      <c r="BH455" s="746"/>
      <c r="BI455" s="746"/>
      <c r="BJ455" s="746"/>
      <c r="BK455" s="746"/>
      <c r="BL455" s="746"/>
      <c r="BM455" s="746"/>
      <c r="BN455" s="746"/>
      <c r="BO455" s="516" t="s">
        <v>66</v>
      </c>
      <c r="BP455" s="516" t="s">
        <v>66</v>
      </c>
      <c r="BQ455" s="516" t="s">
        <v>66</v>
      </c>
      <c r="BR455" s="516" t="s">
        <v>66</v>
      </c>
      <c r="BS455" s="884">
        <f t="shared" si="798"/>
        <v>21225</v>
      </c>
      <c r="BT455" s="661">
        <f t="shared" si="749"/>
        <v>21.108786808009423</v>
      </c>
      <c r="BU455" s="661" t="str">
        <f t="shared" si="793"/>
        <v>GOOD</v>
      </c>
      <c r="BV455" s="898">
        <f t="shared" si="803"/>
        <v>105543.93404004711</v>
      </c>
      <c r="BW455" s="898">
        <f t="shared" si="804"/>
        <v>4221.7573616018844</v>
      </c>
      <c r="BX455" s="898">
        <f t="shared" si="805"/>
        <v>9498.9540636042402</v>
      </c>
      <c r="BY455" s="898">
        <f t="shared" si="806"/>
        <v>7388.0753828032985</v>
      </c>
      <c r="BZ455" s="898">
        <f t="shared" si="807"/>
        <v>10554.393404004712</v>
      </c>
      <c r="CA455" s="898">
        <f t="shared" si="808"/>
        <v>10132.217667844523</v>
      </c>
      <c r="CB455" s="898">
        <f t="shared" si="809"/>
        <v>2110.8786808009422</v>
      </c>
      <c r="CC455" s="898">
        <f t="shared" si="810"/>
        <v>8232.4268551236746</v>
      </c>
      <c r="CD455" s="898">
        <f t="shared" si="811"/>
        <v>10554.393404004712</v>
      </c>
      <c r="CE455" s="898">
        <f t="shared" si="812"/>
        <v>10554.393404004712</v>
      </c>
      <c r="CF455" s="898">
        <f t="shared" si="813"/>
        <v>15831.590106007068</v>
      </c>
      <c r="CG455" s="898">
        <f t="shared" si="814"/>
        <v>4221.7573616018844</v>
      </c>
      <c r="CH455" s="898">
        <f t="shared" si="815"/>
        <v>4939.4561130742049</v>
      </c>
      <c r="CI455" s="898">
        <f t="shared" si="816"/>
        <v>7388.0753828032985</v>
      </c>
      <c r="CJ455" s="898">
        <f t="shared" si="817"/>
        <v>1899.7908127208482</v>
      </c>
      <c r="CK455" s="898">
        <f t="shared" si="818"/>
        <v>1688.7029446407539</v>
      </c>
      <c r="CL455" s="898">
        <f t="shared" si="819"/>
        <v>50238.912603062425</v>
      </c>
      <c r="CM455" s="898" t="str">
        <f t="shared" si="820"/>
        <v/>
      </c>
      <c r="CN455" s="898" t="str">
        <f t="shared" si="821"/>
        <v/>
      </c>
      <c r="CO455" s="898" t="str">
        <f t="shared" si="822"/>
        <v/>
      </c>
      <c r="CP455" s="898" t="str">
        <f t="shared" si="823"/>
        <v/>
      </c>
      <c r="CQ455" s="898" t="str">
        <f t="shared" si="824"/>
        <v/>
      </c>
      <c r="CR455" s="898" t="str">
        <f t="shared" si="825"/>
        <v/>
      </c>
      <c r="CS455" s="898" t="str">
        <f t="shared" si="826"/>
        <v/>
      </c>
      <c r="CT455" s="898" t="str">
        <f t="shared" si="827"/>
        <v/>
      </c>
      <c r="CU455" s="898" t="str">
        <f t="shared" si="828"/>
        <v/>
      </c>
      <c r="CV455" s="898" t="str">
        <f t="shared" si="829"/>
        <v/>
      </c>
      <c r="CW455" s="898" t="str">
        <f t="shared" si="830"/>
        <v/>
      </c>
      <c r="CX455" s="898" t="str">
        <f t="shared" si="831"/>
        <v/>
      </c>
      <c r="CY455" s="898" t="str">
        <f t="shared" si="832"/>
        <v/>
      </c>
      <c r="CZ455" s="898" t="str">
        <f t="shared" si="833"/>
        <v/>
      </c>
      <c r="DA455" s="898" t="str">
        <f t="shared" si="834"/>
        <v/>
      </c>
      <c r="DB455" s="898" t="str">
        <f t="shared" si="835"/>
        <v/>
      </c>
      <c r="DC455" s="898" t="str">
        <f t="shared" si="836"/>
        <v/>
      </c>
      <c r="DD455" s="898" t="str">
        <f t="shared" si="837"/>
        <v/>
      </c>
      <c r="DE455" s="898" t="str">
        <f t="shared" si="838"/>
        <v/>
      </c>
      <c r="DF455" s="898" t="str">
        <f t="shared" si="839"/>
        <v/>
      </c>
      <c r="DG455" s="898" t="str">
        <f t="shared" si="840"/>
        <v/>
      </c>
      <c r="DH455" s="898" t="str">
        <f t="shared" si="841"/>
        <v/>
      </c>
      <c r="DI455" s="898">
        <f t="shared" si="842"/>
        <v>31663.180212014136</v>
      </c>
      <c r="DJ455" s="898">
        <f t="shared" si="843"/>
        <v>33774.058892815076</v>
      </c>
      <c r="DK455" s="898">
        <f t="shared" si="844"/>
        <v>50661.088339222617</v>
      </c>
      <c r="DL455" s="898">
        <f t="shared" si="845"/>
        <v>66935.962968197884</v>
      </c>
      <c r="DM455" s="661">
        <f t="shared" si="799"/>
        <v>264999.70958775026</v>
      </c>
      <c r="DN455" s="898">
        <f t="shared" si="800"/>
        <v>183034.29041224971</v>
      </c>
      <c r="DO455" s="516">
        <f t="shared" si="801"/>
        <v>0</v>
      </c>
      <c r="DP455" s="898">
        <f t="shared" si="802"/>
        <v>0</v>
      </c>
      <c r="DQ455" s="860" t="s">
        <v>4246</v>
      </c>
      <c r="DR455" s="610" t="s">
        <v>4247</v>
      </c>
      <c r="DS455" s="1221" t="s">
        <v>4248</v>
      </c>
      <c r="DT455" s="632"/>
    </row>
    <row r="456" spans="1:124" s="613" customFormat="1" ht="57" x14ac:dyDescent="0.2">
      <c r="A456" s="484" t="str">
        <f t="shared" si="794"/>
        <v>Shared use Cycleway on Swallowdale Lane</v>
      </c>
      <c r="B456" s="1163">
        <v>453</v>
      </c>
      <c r="C456" s="1156" t="s">
        <v>4560</v>
      </c>
      <c r="D456" s="481" t="s">
        <v>2481</v>
      </c>
      <c r="E456" s="481" t="s">
        <v>53</v>
      </c>
      <c r="F456" s="481" t="s">
        <v>655</v>
      </c>
      <c r="G456" s="775" t="s">
        <v>932</v>
      </c>
      <c r="H456" s="855" t="s">
        <v>1257</v>
      </c>
      <c r="I456" s="775" t="str">
        <f t="shared" si="732"/>
        <v>SG34-3</v>
      </c>
      <c r="J456" s="855" t="s">
        <v>1258</v>
      </c>
      <c r="K456" s="664" t="s">
        <v>3104</v>
      </c>
      <c r="L456" s="852" t="s">
        <v>3167</v>
      </c>
      <c r="M456" s="515" t="s">
        <v>4244</v>
      </c>
      <c r="N456" s="775" t="s">
        <v>81</v>
      </c>
      <c r="O456" s="654" t="s">
        <v>3051</v>
      </c>
      <c r="P456" s="657" t="s">
        <v>61</v>
      </c>
      <c r="Q456" s="852" t="s">
        <v>71</v>
      </c>
      <c r="R456" s="657"/>
      <c r="S456" s="657"/>
      <c r="T456" s="853">
        <v>301853</v>
      </c>
      <c r="U456" s="854"/>
      <c r="V456" s="657" t="s">
        <v>4245</v>
      </c>
      <c r="W456" s="642">
        <f t="shared" si="846"/>
        <v>0</v>
      </c>
      <c r="X456" s="745">
        <f t="shared" si="847"/>
        <v>301853</v>
      </c>
      <c r="Y456" s="745" t="s">
        <v>3106</v>
      </c>
      <c r="Z456" s="745" t="str">
        <f>_xlfn.XLOOKUP(I456, 'CALCS Aecom (July 25 2025)'!F:F, 'CALCS Aecom (July 25 2025)'!W:W)</f>
        <v>Multiple Scenario 2 (Step 6)</v>
      </c>
      <c r="AA456" s="650" t="s">
        <v>65</v>
      </c>
      <c r="AB456" s="516" t="s">
        <v>66</v>
      </c>
      <c r="AC456" s="516" t="s">
        <v>66</v>
      </c>
      <c r="AD456" s="516" t="s">
        <v>66</v>
      </c>
      <c r="AE456" s="516" t="s">
        <v>66</v>
      </c>
      <c r="AF456" s="516" t="s">
        <v>66</v>
      </c>
      <c r="AG456" s="516" t="s">
        <v>66</v>
      </c>
      <c r="AH456" s="516" t="s">
        <v>66</v>
      </c>
      <c r="AI456" s="516" t="s">
        <v>66</v>
      </c>
      <c r="AJ456" s="516" t="s">
        <v>66</v>
      </c>
      <c r="AK456" s="516" t="s">
        <v>66</v>
      </c>
      <c r="AL456" s="516" t="s">
        <v>66</v>
      </c>
      <c r="AM456" s="516" t="s">
        <v>66</v>
      </c>
      <c r="AN456" s="516" t="s">
        <v>66</v>
      </c>
      <c r="AO456" s="516" t="s">
        <v>66</v>
      </c>
      <c r="AP456" s="516" t="s">
        <v>66</v>
      </c>
      <c r="AQ456" s="516" t="s">
        <v>66</v>
      </c>
      <c r="AR456" s="516" t="s">
        <v>66</v>
      </c>
      <c r="AS456" s="892"/>
      <c r="AT456" s="892"/>
      <c r="AU456" s="892"/>
      <c r="AV456" s="661"/>
      <c r="AW456" s="892"/>
      <c r="AX456" s="892"/>
      <c r="AY456" s="892"/>
      <c r="AZ456" s="661"/>
      <c r="BA456" s="892"/>
      <c r="BB456" s="661"/>
      <c r="BC456" s="661"/>
      <c r="BD456" s="892"/>
      <c r="BE456" s="661"/>
      <c r="BF456" s="661"/>
      <c r="BG456" s="746"/>
      <c r="BH456" s="746"/>
      <c r="BI456" s="746"/>
      <c r="BJ456" s="746"/>
      <c r="BK456" s="746"/>
      <c r="BL456" s="746"/>
      <c r="BM456" s="746"/>
      <c r="BN456" s="746"/>
      <c r="BO456" s="516" t="s">
        <v>66</v>
      </c>
      <c r="BP456" s="516" t="s">
        <v>66</v>
      </c>
      <c r="BQ456" s="516" t="s">
        <v>66</v>
      </c>
      <c r="BR456" s="516" t="s">
        <v>66</v>
      </c>
      <c r="BS456" s="884">
        <f t="shared" si="798"/>
        <v>21225</v>
      </c>
      <c r="BT456" s="661">
        <f t="shared" si="749"/>
        <v>14.221578327444051</v>
      </c>
      <c r="BU456" s="661" t="str">
        <f t="shared" si="793"/>
        <v>GOOD</v>
      </c>
      <c r="BV456" s="898">
        <f t="shared" si="803"/>
        <v>71107.891637220251</v>
      </c>
      <c r="BW456" s="898">
        <f t="shared" si="804"/>
        <v>2844.3156654888103</v>
      </c>
      <c r="BX456" s="898">
        <f t="shared" si="805"/>
        <v>6399.7102473498235</v>
      </c>
      <c r="BY456" s="898">
        <f t="shared" si="806"/>
        <v>4977.5524146054177</v>
      </c>
      <c r="BZ456" s="898">
        <f t="shared" si="807"/>
        <v>7110.7891637220255</v>
      </c>
      <c r="CA456" s="898">
        <f t="shared" si="808"/>
        <v>6826.3575971731443</v>
      </c>
      <c r="CB456" s="898">
        <f t="shared" si="809"/>
        <v>1422.1578327444051</v>
      </c>
      <c r="CC456" s="898">
        <f t="shared" si="810"/>
        <v>5546.41554770318</v>
      </c>
      <c r="CD456" s="898">
        <f t="shared" si="811"/>
        <v>7110.7891637220255</v>
      </c>
      <c r="CE456" s="898">
        <f t="shared" si="812"/>
        <v>7110.7891637220255</v>
      </c>
      <c r="CF456" s="898">
        <f t="shared" si="813"/>
        <v>10666.183745583039</v>
      </c>
      <c r="CG456" s="898">
        <f t="shared" si="814"/>
        <v>2844.3156654888103</v>
      </c>
      <c r="CH456" s="898">
        <f t="shared" si="815"/>
        <v>3327.8493286219082</v>
      </c>
      <c r="CI456" s="898">
        <f t="shared" si="816"/>
        <v>4977.5524146054177</v>
      </c>
      <c r="CJ456" s="898">
        <f t="shared" si="817"/>
        <v>1279.9420494699646</v>
      </c>
      <c r="CK456" s="898">
        <f t="shared" si="818"/>
        <v>1137.7262661955242</v>
      </c>
      <c r="CL456" s="898">
        <f t="shared" si="819"/>
        <v>33847.356419316842</v>
      </c>
      <c r="CM456" s="898" t="str">
        <f t="shared" si="820"/>
        <v/>
      </c>
      <c r="CN456" s="898" t="str">
        <f t="shared" si="821"/>
        <v/>
      </c>
      <c r="CO456" s="898" t="str">
        <f t="shared" si="822"/>
        <v/>
      </c>
      <c r="CP456" s="898" t="str">
        <f t="shared" si="823"/>
        <v/>
      </c>
      <c r="CQ456" s="898" t="str">
        <f t="shared" si="824"/>
        <v/>
      </c>
      <c r="CR456" s="898" t="str">
        <f t="shared" si="825"/>
        <v/>
      </c>
      <c r="CS456" s="898" t="str">
        <f t="shared" si="826"/>
        <v/>
      </c>
      <c r="CT456" s="898" t="str">
        <f t="shared" si="827"/>
        <v/>
      </c>
      <c r="CU456" s="898" t="str">
        <f t="shared" si="828"/>
        <v/>
      </c>
      <c r="CV456" s="898" t="str">
        <f t="shared" si="829"/>
        <v/>
      </c>
      <c r="CW456" s="898" t="str">
        <f t="shared" si="830"/>
        <v/>
      </c>
      <c r="CX456" s="898" t="str">
        <f t="shared" si="831"/>
        <v/>
      </c>
      <c r="CY456" s="898" t="str">
        <f t="shared" si="832"/>
        <v/>
      </c>
      <c r="CZ456" s="898" t="str">
        <f t="shared" si="833"/>
        <v/>
      </c>
      <c r="DA456" s="898" t="str">
        <f t="shared" si="834"/>
        <v/>
      </c>
      <c r="DB456" s="898" t="str">
        <f t="shared" si="835"/>
        <v/>
      </c>
      <c r="DC456" s="898" t="str">
        <f t="shared" si="836"/>
        <v/>
      </c>
      <c r="DD456" s="898" t="str">
        <f t="shared" si="837"/>
        <v/>
      </c>
      <c r="DE456" s="898" t="str">
        <f t="shared" si="838"/>
        <v/>
      </c>
      <c r="DF456" s="898" t="str">
        <f t="shared" si="839"/>
        <v/>
      </c>
      <c r="DG456" s="898" t="str">
        <f t="shared" si="840"/>
        <v/>
      </c>
      <c r="DH456" s="898" t="str">
        <f t="shared" si="841"/>
        <v/>
      </c>
      <c r="DI456" s="898">
        <f t="shared" si="842"/>
        <v>21332.367491166078</v>
      </c>
      <c r="DJ456" s="898">
        <f t="shared" si="843"/>
        <v>22754.525323910482</v>
      </c>
      <c r="DK456" s="898">
        <f t="shared" si="844"/>
        <v>34131.787985865725</v>
      </c>
      <c r="DL456" s="898">
        <f t="shared" si="845"/>
        <v>45096.624876325084</v>
      </c>
      <c r="DM456" s="661">
        <f t="shared" si="799"/>
        <v>178537.69432273266</v>
      </c>
      <c r="DN456" s="898">
        <f t="shared" si="800"/>
        <v>123315.30567726737</v>
      </c>
      <c r="DO456" s="516">
        <f t="shared" si="801"/>
        <v>0</v>
      </c>
      <c r="DP456" s="898">
        <f t="shared" si="802"/>
        <v>0</v>
      </c>
      <c r="DQ456" s="860" t="s">
        <v>4246</v>
      </c>
      <c r="DR456" s="610" t="s">
        <v>4247</v>
      </c>
      <c r="DS456" s="1221" t="s">
        <v>4248</v>
      </c>
      <c r="DT456" s="632"/>
    </row>
    <row r="457" spans="1:124" s="613" customFormat="1" ht="57" x14ac:dyDescent="0.2">
      <c r="A457" s="484" t="str">
        <f t="shared" si="794"/>
        <v>Cycleway on Three Cherry Trees Lane - Swallowdale Lane to Boundary Way</v>
      </c>
      <c r="B457" s="1163">
        <v>454</v>
      </c>
      <c r="C457" s="1156" t="s">
        <v>4561</v>
      </c>
      <c r="D457" s="481" t="s">
        <v>2481</v>
      </c>
      <c r="E457" s="481" t="s">
        <v>53</v>
      </c>
      <c r="F457" s="481" t="s">
        <v>655</v>
      </c>
      <c r="G457" s="775" t="s">
        <v>932</v>
      </c>
      <c r="H457" s="855" t="s">
        <v>1259</v>
      </c>
      <c r="I457" s="775" t="str">
        <f t="shared" si="732"/>
        <v>SG34-4</v>
      </c>
      <c r="J457" s="855" t="s">
        <v>1260</v>
      </c>
      <c r="K457" s="664" t="s">
        <v>3104</v>
      </c>
      <c r="L457" s="852" t="s">
        <v>3167</v>
      </c>
      <c r="M457" s="515" t="s">
        <v>4244</v>
      </c>
      <c r="N457" s="775" t="s">
        <v>81</v>
      </c>
      <c r="O457" s="654" t="s">
        <v>3051</v>
      </c>
      <c r="P457" s="657" t="s">
        <v>61</v>
      </c>
      <c r="Q457" s="852" t="s">
        <v>71</v>
      </c>
      <c r="R457" s="657"/>
      <c r="S457" s="657"/>
      <c r="T457" s="853">
        <v>110110</v>
      </c>
      <c r="U457" s="854"/>
      <c r="V457" s="657" t="s">
        <v>4245</v>
      </c>
      <c r="W457" s="642">
        <f t="shared" si="846"/>
        <v>0</v>
      </c>
      <c r="X457" s="745">
        <f t="shared" si="847"/>
        <v>110110</v>
      </c>
      <c r="Y457" s="745" t="s">
        <v>3106</v>
      </c>
      <c r="Z457" s="745" t="str">
        <f>_xlfn.XLOOKUP(I457, 'CALCS Aecom (July 25 2025)'!F:F, 'CALCS Aecom (July 25 2025)'!W:W)</f>
        <v>Multiple Scenario 2 (Step 6)</v>
      </c>
      <c r="AA457" s="650" t="s">
        <v>65</v>
      </c>
      <c r="AB457" s="516" t="s">
        <v>66</v>
      </c>
      <c r="AC457" s="516" t="s">
        <v>66</v>
      </c>
      <c r="AD457" s="516" t="s">
        <v>66</v>
      </c>
      <c r="AE457" s="516" t="s">
        <v>66</v>
      </c>
      <c r="AF457" s="516" t="s">
        <v>66</v>
      </c>
      <c r="AG457" s="516" t="s">
        <v>66</v>
      </c>
      <c r="AH457" s="516" t="s">
        <v>66</v>
      </c>
      <c r="AI457" s="516" t="s">
        <v>66</v>
      </c>
      <c r="AJ457" s="516" t="s">
        <v>66</v>
      </c>
      <c r="AK457" s="516" t="s">
        <v>66</v>
      </c>
      <c r="AL457" s="516" t="s">
        <v>66</v>
      </c>
      <c r="AM457" s="516" t="s">
        <v>66</v>
      </c>
      <c r="AN457" s="516" t="s">
        <v>66</v>
      </c>
      <c r="AO457" s="516" t="s">
        <v>66</v>
      </c>
      <c r="AP457" s="516" t="s">
        <v>66</v>
      </c>
      <c r="AQ457" s="516" t="s">
        <v>66</v>
      </c>
      <c r="AR457" s="516" t="s">
        <v>66</v>
      </c>
      <c r="AS457" s="892"/>
      <c r="AT457" s="892"/>
      <c r="AU457" s="892"/>
      <c r="AV457" s="661"/>
      <c r="AW457" s="892"/>
      <c r="AX457" s="892"/>
      <c r="AY457" s="892"/>
      <c r="AZ457" s="661"/>
      <c r="BA457" s="892"/>
      <c r="BB457" s="661"/>
      <c r="BC457" s="661"/>
      <c r="BD457" s="892"/>
      <c r="BE457" s="661"/>
      <c r="BF457" s="661"/>
      <c r="BG457" s="746"/>
      <c r="BH457" s="746"/>
      <c r="BI457" s="746"/>
      <c r="BJ457" s="746"/>
      <c r="BK457" s="746"/>
      <c r="BL457" s="746"/>
      <c r="BM457" s="746"/>
      <c r="BN457" s="746"/>
      <c r="BO457" s="516" t="s">
        <v>66</v>
      </c>
      <c r="BP457" s="516" t="s">
        <v>66</v>
      </c>
      <c r="BQ457" s="516" t="s">
        <v>66</v>
      </c>
      <c r="BR457" s="516" t="s">
        <v>66</v>
      </c>
      <c r="BS457" s="884">
        <f t="shared" si="798"/>
        <v>21225</v>
      </c>
      <c r="BT457" s="661">
        <f t="shared" si="749"/>
        <v>5.1877502944640757</v>
      </c>
      <c r="BU457" s="661" t="str">
        <f t="shared" si="793"/>
        <v>GOOD</v>
      </c>
      <c r="BV457" s="898">
        <f t="shared" si="803"/>
        <v>25938.751472320379</v>
      </c>
      <c r="BW457" s="898">
        <f t="shared" si="804"/>
        <v>1037.5500588928151</v>
      </c>
      <c r="BX457" s="898">
        <f t="shared" si="805"/>
        <v>2334.4876325088339</v>
      </c>
      <c r="BY457" s="898">
        <f t="shared" si="806"/>
        <v>1815.7126030624265</v>
      </c>
      <c r="BZ457" s="898">
        <f t="shared" si="807"/>
        <v>2593.8751472320378</v>
      </c>
      <c r="CA457" s="898">
        <f t="shared" si="808"/>
        <v>2490.1201413427561</v>
      </c>
      <c r="CB457" s="898">
        <f t="shared" si="809"/>
        <v>518.77502944640753</v>
      </c>
      <c r="CC457" s="898">
        <f t="shared" si="810"/>
        <v>2023.2226148409895</v>
      </c>
      <c r="CD457" s="898">
        <f t="shared" si="811"/>
        <v>2593.8751472320378</v>
      </c>
      <c r="CE457" s="898">
        <f t="shared" si="812"/>
        <v>2593.8751472320378</v>
      </c>
      <c r="CF457" s="898">
        <f t="shared" si="813"/>
        <v>3890.8127208480569</v>
      </c>
      <c r="CG457" s="898">
        <f t="shared" si="814"/>
        <v>1037.5500588928151</v>
      </c>
      <c r="CH457" s="898">
        <f t="shared" si="815"/>
        <v>1213.9335689045938</v>
      </c>
      <c r="CI457" s="898">
        <f t="shared" si="816"/>
        <v>1815.7126030624265</v>
      </c>
      <c r="CJ457" s="898">
        <f t="shared" si="817"/>
        <v>466.89752650176683</v>
      </c>
      <c r="CK457" s="898">
        <f t="shared" si="818"/>
        <v>415.02002355712602</v>
      </c>
      <c r="CL457" s="898">
        <f t="shared" si="819"/>
        <v>12346.8457008245</v>
      </c>
      <c r="CM457" s="898" t="str">
        <f t="shared" si="820"/>
        <v/>
      </c>
      <c r="CN457" s="898" t="str">
        <f t="shared" si="821"/>
        <v/>
      </c>
      <c r="CO457" s="898" t="str">
        <f t="shared" si="822"/>
        <v/>
      </c>
      <c r="CP457" s="898" t="str">
        <f t="shared" si="823"/>
        <v/>
      </c>
      <c r="CQ457" s="898" t="str">
        <f t="shared" si="824"/>
        <v/>
      </c>
      <c r="CR457" s="898" t="str">
        <f t="shared" si="825"/>
        <v/>
      </c>
      <c r="CS457" s="898" t="str">
        <f t="shared" si="826"/>
        <v/>
      </c>
      <c r="CT457" s="898" t="str">
        <f t="shared" si="827"/>
        <v/>
      </c>
      <c r="CU457" s="898" t="str">
        <f t="shared" si="828"/>
        <v/>
      </c>
      <c r="CV457" s="898" t="str">
        <f t="shared" si="829"/>
        <v/>
      </c>
      <c r="CW457" s="898" t="str">
        <f t="shared" si="830"/>
        <v/>
      </c>
      <c r="CX457" s="898" t="str">
        <f t="shared" si="831"/>
        <v/>
      </c>
      <c r="CY457" s="898" t="str">
        <f t="shared" si="832"/>
        <v/>
      </c>
      <c r="CZ457" s="898" t="str">
        <f t="shared" si="833"/>
        <v/>
      </c>
      <c r="DA457" s="898" t="str">
        <f t="shared" si="834"/>
        <v/>
      </c>
      <c r="DB457" s="898" t="str">
        <f t="shared" si="835"/>
        <v/>
      </c>
      <c r="DC457" s="898" t="str">
        <f t="shared" si="836"/>
        <v/>
      </c>
      <c r="DD457" s="898" t="str">
        <f t="shared" si="837"/>
        <v/>
      </c>
      <c r="DE457" s="898" t="str">
        <f t="shared" si="838"/>
        <v/>
      </c>
      <c r="DF457" s="898" t="str">
        <f t="shared" si="839"/>
        <v/>
      </c>
      <c r="DG457" s="898" t="str">
        <f t="shared" si="840"/>
        <v/>
      </c>
      <c r="DH457" s="898" t="str">
        <f t="shared" si="841"/>
        <v/>
      </c>
      <c r="DI457" s="898">
        <f t="shared" si="842"/>
        <v>7781.6254416961137</v>
      </c>
      <c r="DJ457" s="898">
        <f t="shared" si="843"/>
        <v>8300.4004711425205</v>
      </c>
      <c r="DK457" s="898">
        <f t="shared" si="844"/>
        <v>12450.600706713782</v>
      </c>
      <c r="DL457" s="898">
        <f t="shared" si="845"/>
        <v>16450.356183745585</v>
      </c>
      <c r="DM457" s="661">
        <f t="shared" si="799"/>
        <v>65127.017196702</v>
      </c>
      <c r="DN457" s="898">
        <f t="shared" si="800"/>
        <v>44982.982803298</v>
      </c>
      <c r="DO457" s="516">
        <f t="shared" si="801"/>
        <v>0</v>
      </c>
      <c r="DP457" s="898">
        <f t="shared" si="802"/>
        <v>0</v>
      </c>
      <c r="DQ457" s="860" t="s">
        <v>4246</v>
      </c>
      <c r="DR457" s="610" t="s">
        <v>4247</v>
      </c>
      <c r="DS457" s="1221" t="s">
        <v>4248</v>
      </c>
      <c r="DT457" s="632"/>
    </row>
    <row r="458" spans="1:124" s="613" customFormat="1" ht="57" x14ac:dyDescent="0.2">
      <c r="A458" s="484" t="str">
        <f t="shared" si="794"/>
        <v>Maxted Road pedestrian crossing improvements</v>
      </c>
      <c r="B458" s="1163">
        <v>455</v>
      </c>
      <c r="C458" s="1156" t="s">
        <v>4562</v>
      </c>
      <c r="D458" s="481" t="s">
        <v>2481</v>
      </c>
      <c r="E458" s="481" t="s">
        <v>53</v>
      </c>
      <c r="F458" s="481" t="s">
        <v>655</v>
      </c>
      <c r="G458" s="775" t="s">
        <v>932</v>
      </c>
      <c r="H458" s="855" t="s">
        <v>1261</v>
      </c>
      <c r="I458" s="775" t="str">
        <f t="shared" si="732"/>
        <v>SG34-5</v>
      </c>
      <c r="J458" s="855" t="s">
        <v>4563</v>
      </c>
      <c r="K458" s="664" t="s">
        <v>3104</v>
      </c>
      <c r="L458" s="852" t="s">
        <v>3167</v>
      </c>
      <c r="M458" s="515" t="s">
        <v>4244</v>
      </c>
      <c r="N458" s="775" t="s">
        <v>81</v>
      </c>
      <c r="O458" s="654" t="s">
        <v>3051</v>
      </c>
      <c r="P458" s="657" t="s">
        <v>61</v>
      </c>
      <c r="Q458" s="852" t="s">
        <v>71</v>
      </c>
      <c r="R458" s="657"/>
      <c r="S458" s="657"/>
      <c r="T458" s="853">
        <v>1215</v>
      </c>
      <c r="U458" s="854"/>
      <c r="V458" s="657" t="s">
        <v>4245</v>
      </c>
      <c r="W458" s="642">
        <f t="shared" si="846"/>
        <v>0</v>
      </c>
      <c r="X458" s="745">
        <f t="shared" si="847"/>
        <v>1215</v>
      </c>
      <c r="Y458" s="745" t="s">
        <v>3106</v>
      </c>
      <c r="Z458" s="745" t="str">
        <f>_xlfn.XLOOKUP(I458, 'CALCS Aecom (July 25 2025)'!F:F, 'CALCS Aecom (July 25 2025)'!W:W)</f>
        <v>Multiple Scenario 2 (Step 6)</v>
      </c>
      <c r="AA458" s="650" t="s">
        <v>65</v>
      </c>
      <c r="AB458" s="516" t="s">
        <v>66</v>
      </c>
      <c r="AC458" s="516" t="s">
        <v>66</v>
      </c>
      <c r="AD458" s="516" t="s">
        <v>66</v>
      </c>
      <c r="AE458" s="516" t="s">
        <v>66</v>
      </c>
      <c r="AF458" s="516" t="s">
        <v>66</v>
      </c>
      <c r="AG458" s="516" t="s">
        <v>66</v>
      </c>
      <c r="AH458" s="516" t="s">
        <v>66</v>
      </c>
      <c r="AI458" s="516" t="s">
        <v>66</v>
      </c>
      <c r="AJ458" s="516" t="s">
        <v>66</v>
      </c>
      <c r="AK458" s="516" t="s">
        <v>66</v>
      </c>
      <c r="AL458" s="516" t="s">
        <v>66</v>
      </c>
      <c r="AM458" s="516" t="s">
        <v>66</v>
      </c>
      <c r="AN458" s="516" t="s">
        <v>66</v>
      </c>
      <c r="AO458" s="516" t="s">
        <v>66</v>
      </c>
      <c r="AP458" s="516" t="s">
        <v>66</v>
      </c>
      <c r="AQ458" s="516" t="s">
        <v>66</v>
      </c>
      <c r="AR458" s="516" t="s">
        <v>66</v>
      </c>
      <c r="AS458" s="657"/>
      <c r="AT458" s="657"/>
      <c r="AU458" s="657"/>
      <c r="AV458" s="657"/>
      <c r="AW458" s="657"/>
      <c r="AX458" s="657"/>
      <c r="AY458" s="657"/>
      <c r="AZ458" s="657"/>
      <c r="BA458" s="657"/>
      <c r="BB458" s="657"/>
      <c r="BC458" s="657"/>
      <c r="BD458" s="657"/>
      <c r="BE458" s="657"/>
      <c r="BF458" s="657"/>
      <c r="BG458" s="746"/>
      <c r="BH458" s="746"/>
      <c r="BI458" s="746"/>
      <c r="BJ458" s="746"/>
      <c r="BK458" s="746"/>
      <c r="BL458" s="746"/>
      <c r="BM458" s="746"/>
      <c r="BN458" s="746"/>
      <c r="BO458" s="516" t="s">
        <v>66</v>
      </c>
      <c r="BP458" s="516" t="s">
        <v>66</v>
      </c>
      <c r="BQ458" s="516" t="s">
        <v>66</v>
      </c>
      <c r="BR458" s="516" t="s">
        <v>66</v>
      </c>
      <c r="BS458" s="884">
        <f t="shared" si="798"/>
        <v>21225</v>
      </c>
      <c r="BT458" s="661">
        <f t="shared" si="749"/>
        <v>5.7243816254416963E-2</v>
      </c>
      <c r="BU458" s="661" t="str">
        <f t="shared" si="793"/>
        <v>GOOD</v>
      </c>
      <c r="BV458" s="898">
        <f t="shared" si="803"/>
        <v>286.21908127208479</v>
      </c>
      <c r="BW458" s="898">
        <f t="shared" si="804"/>
        <v>11.448763250883392</v>
      </c>
      <c r="BX458" s="898">
        <f t="shared" si="805"/>
        <v>25.759717314487634</v>
      </c>
      <c r="BY458" s="898">
        <f t="shared" si="806"/>
        <v>20.035335689045937</v>
      </c>
      <c r="BZ458" s="898">
        <f t="shared" si="807"/>
        <v>28.621908127208481</v>
      </c>
      <c r="CA458" s="898">
        <f t="shared" si="808"/>
        <v>27.477031802120141</v>
      </c>
      <c r="CB458" s="898">
        <f t="shared" si="809"/>
        <v>5.7243816254416959</v>
      </c>
      <c r="CC458" s="898">
        <f t="shared" si="810"/>
        <v>22.325088339222617</v>
      </c>
      <c r="CD458" s="898">
        <f t="shared" si="811"/>
        <v>28.621908127208481</v>
      </c>
      <c r="CE458" s="898">
        <f t="shared" si="812"/>
        <v>28.621908127208481</v>
      </c>
      <c r="CF458" s="898">
        <f t="shared" si="813"/>
        <v>42.93286219081272</v>
      </c>
      <c r="CG458" s="898">
        <f t="shared" si="814"/>
        <v>11.448763250883392</v>
      </c>
      <c r="CH458" s="898">
        <f t="shared" si="815"/>
        <v>13.395053003533569</v>
      </c>
      <c r="CI458" s="898">
        <f t="shared" si="816"/>
        <v>20.035335689045937</v>
      </c>
      <c r="CJ458" s="898">
        <f t="shared" si="817"/>
        <v>5.1519434628975267</v>
      </c>
      <c r="CK458" s="898">
        <f t="shared" si="818"/>
        <v>4.5795053003533575</v>
      </c>
      <c r="CL458" s="898">
        <f t="shared" si="819"/>
        <v>136.24028268551237</v>
      </c>
      <c r="CM458" s="898" t="str">
        <f t="shared" si="820"/>
        <v/>
      </c>
      <c r="CN458" s="898" t="str">
        <f t="shared" si="821"/>
        <v/>
      </c>
      <c r="CO458" s="898" t="str">
        <f t="shared" si="822"/>
        <v/>
      </c>
      <c r="CP458" s="898" t="str">
        <f t="shared" si="823"/>
        <v/>
      </c>
      <c r="CQ458" s="898" t="str">
        <f t="shared" si="824"/>
        <v/>
      </c>
      <c r="CR458" s="898" t="str">
        <f t="shared" si="825"/>
        <v/>
      </c>
      <c r="CS458" s="898" t="str">
        <f t="shared" si="826"/>
        <v/>
      </c>
      <c r="CT458" s="898" t="str">
        <f t="shared" si="827"/>
        <v/>
      </c>
      <c r="CU458" s="898" t="str">
        <f t="shared" si="828"/>
        <v/>
      </c>
      <c r="CV458" s="898" t="str">
        <f t="shared" si="829"/>
        <v/>
      </c>
      <c r="CW458" s="898" t="str">
        <f t="shared" si="830"/>
        <v/>
      </c>
      <c r="CX458" s="898" t="str">
        <f t="shared" si="831"/>
        <v/>
      </c>
      <c r="CY458" s="898" t="str">
        <f t="shared" si="832"/>
        <v/>
      </c>
      <c r="CZ458" s="898" t="str">
        <f t="shared" si="833"/>
        <v/>
      </c>
      <c r="DA458" s="898" t="str">
        <f t="shared" si="834"/>
        <v/>
      </c>
      <c r="DB458" s="898" t="str">
        <f t="shared" si="835"/>
        <v/>
      </c>
      <c r="DC458" s="898" t="str">
        <f t="shared" si="836"/>
        <v/>
      </c>
      <c r="DD458" s="898" t="str">
        <f t="shared" si="837"/>
        <v/>
      </c>
      <c r="DE458" s="898" t="str">
        <f t="shared" si="838"/>
        <v/>
      </c>
      <c r="DF458" s="898" t="str">
        <f t="shared" si="839"/>
        <v/>
      </c>
      <c r="DG458" s="898" t="str">
        <f t="shared" si="840"/>
        <v/>
      </c>
      <c r="DH458" s="898" t="str">
        <f t="shared" si="841"/>
        <v/>
      </c>
      <c r="DI458" s="898">
        <f t="shared" si="842"/>
        <v>85.865724381625441</v>
      </c>
      <c r="DJ458" s="898">
        <f t="shared" si="843"/>
        <v>91.590106007067135</v>
      </c>
      <c r="DK458" s="898">
        <f t="shared" si="844"/>
        <v>137.38515901060072</v>
      </c>
      <c r="DL458" s="898">
        <f t="shared" si="845"/>
        <v>181.52014134275618</v>
      </c>
      <c r="DM458" s="661">
        <f t="shared" si="799"/>
        <v>718.63886925795066</v>
      </c>
      <c r="DN458" s="898">
        <f t="shared" si="800"/>
        <v>496.36113074204945</v>
      </c>
      <c r="DO458" s="516">
        <f t="shared" si="801"/>
        <v>0</v>
      </c>
      <c r="DP458" s="898">
        <f t="shared" si="802"/>
        <v>0</v>
      </c>
      <c r="DQ458" s="860" t="s">
        <v>4246</v>
      </c>
      <c r="DR458" s="610" t="s">
        <v>4247</v>
      </c>
      <c r="DS458" s="1221" t="s">
        <v>4248</v>
      </c>
      <c r="DT458" s="632"/>
    </row>
    <row r="459" spans="1:124" s="613" customFormat="1" ht="57" x14ac:dyDescent="0.2">
      <c r="A459" s="484" t="str">
        <f t="shared" si="794"/>
        <v>Swallowdale Lane and Three Cherry Trees Lane Wayfinding signage</v>
      </c>
      <c r="B459" s="1163">
        <v>456</v>
      </c>
      <c r="C459" s="1156" t="s">
        <v>4564</v>
      </c>
      <c r="D459" s="481" t="s">
        <v>2481</v>
      </c>
      <c r="E459" s="481" t="s">
        <v>53</v>
      </c>
      <c r="F459" s="481" t="s">
        <v>655</v>
      </c>
      <c r="G459" s="775" t="s">
        <v>932</v>
      </c>
      <c r="H459" s="855" t="s">
        <v>1263</v>
      </c>
      <c r="I459" s="775" t="str">
        <f t="shared" si="732"/>
        <v>SG34-6</v>
      </c>
      <c r="J459" s="855" t="s">
        <v>4565</v>
      </c>
      <c r="K459" s="664" t="s">
        <v>3104</v>
      </c>
      <c r="L459" s="852" t="s">
        <v>3167</v>
      </c>
      <c r="M459" s="515" t="s">
        <v>4244</v>
      </c>
      <c r="N459" s="775" t="s">
        <v>81</v>
      </c>
      <c r="O459" s="654" t="s">
        <v>3051</v>
      </c>
      <c r="P459" s="657" t="s">
        <v>61</v>
      </c>
      <c r="Q459" s="852" t="s">
        <v>71</v>
      </c>
      <c r="R459" s="657"/>
      <c r="S459" s="657"/>
      <c r="T459" s="853">
        <v>10441</v>
      </c>
      <c r="U459" s="854"/>
      <c r="V459" s="657" t="s">
        <v>4245</v>
      </c>
      <c r="W459" s="642">
        <f t="shared" si="846"/>
        <v>0</v>
      </c>
      <c r="X459" s="745">
        <f t="shared" si="847"/>
        <v>10441</v>
      </c>
      <c r="Y459" s="745" t="s">
        <v>3106</v>
      </c>
      <c r="Z459" s="745" t="str">
        <f>_xlfn.XLOOKUP(I459, 'CALCS Aecom (July 25 2025)'!F:F, 'CALCS Aecom (July 25 2025)'!W:W)</f>
        <v>Multiple Scenario 2 (Step 6)</v>
      </c>
      <c r="AA459" s="650" t="s">
        <v>65</v>
      </c>
      <c r="AB459" s="516" t="s">
        <v>66</v>
      </c>
      <c r="AC459" s="516" t="s">
        <v>66</v>
      </c>
      <c r="AD459" s="516" t="s">
        <v>66</v>
      </c>
      <c r="AE459" s="516" t="s">
        <v>66</v>
      </c>
      <c r="AF459" s="516" t="s">
        <v>66</v>
      </c>
      <c r="AG459" s="516" t="s">
        <v>66</v>
      </c>
      <c r="AH459" s="516" t="s">
        <v>66</v>
      </c>
      <c r="AI459" s="516" t="s">
        <v>66</v>
      </c>
      <c r="AJ459" s="516" t="s">
        <v>66</v>
      </c>
      <c r="AK459" s="516" t="s">
        <v>66</v>
      </c>
      <c r="AL459" s="516" t="s">
        <v>66</v>
      </c>
      <c r="AM459" s="516" t="s">
        <v>66</v>
      </c>
      <c r="AN459" s="516" t="s">
        <v>66</v>
      </c>
      <c r="AO459" s="516" t="s">
        <v>66</v>
      </c>
      <c r="AP459" s="516" t="s">
        <v>66</v>
      </c>
      <c r="AQ459" s="516" t="s">
        <v>66</v>
      </c>
      <c r="AR459" s="516" t="s">
        <v>66</v>
      </c>
      <c r="AS459" s="657"/>
      <c r="AT459" s="657"/>
      <c r="AU459" s="657"/>
      <c r="AV459" s="657"/>
      <c r="AW459" s="657"/>
      <c r="AX459" s="657"/>
      <c r="AY459" s="657"/>
      <c r="AZ459" s="657"/>
      <c r="BA459" s="657"/>
      <c r="BB459" s="657"/>
      <c r="BC459" s="657"/>
      <c r="BD459" s="657"/>
      <c r="BE459" s="657"/>
      <c r="BF459" s="657"/>
      <c r="BG459" s="746"/>
      <c r="BH459" s="746"/>
      <c r="BI459" s="746"/>
      <c r="BJ459" s="746"/>
      <c r="BK459" s="746"/>
      <c r="BL459" s="746"/>
      <c r="BM459" s="746"/>
      <c r="BN459" s="746"/>
      <c r="BO459" s="516" t="s">
        <v>66</v>
      </c>
      <c r="BP459" s="516" t="s">
        <v>66</v>
      </c>
      <c r="BQ459" s="516" t="s">
        <v>66</v>
      </c>
      <c r="BR459" s="516" t="s">
        <v>66</v>
      </c>
      <c r="BS459" s="884">
        <f t="shared" si="798"/>
        <v>21225</v>
      </c>
      <c r="BT459" s="661">
        <f t="shared" si="749"/>
        <v>0.49191990577149586</v>
      </c>
      <c r="BU459" s="661" t="str">
        <f t="shared" si="793"/>
        <v>GOOD</v>
      </c>
      <c r="BV459" s="898">
        <f t="shared" si="803"/>
        <v>2459.5995288574791</v>
      </c>
      <c r="BW459" s="898">
        <f t="shared" si="804"/>
        <v>98.383981154299178</v>
      </c>
      <c r="BX459" s="898">
        <f t="shared" si="805"/>
        <v>221.36395759717314</v>
      </c>
      <c r="BY459" s="898">
        <f t="shared" si="806"/>
        <v>172.17196702002354</v>
      </c>
      <c r="BZ459" s="898">
        <f t="shared" si="807"/>
        <v>245.95995288574792</v>
      </c>
      <c r="CA459" s="898">
        <f t="shared" si="808"/>
        <v>236.121554770318</v>
      </c>
      <c r="CB459" s="898">
        <f t="shared" si="809"/>
        <v>49.191990577149589</v>
      </c>
      <c r="CC459" s="898">
        <f t="shared" si="810"/>
        <v>191.84876325088339</v>
      </c>
      <c r="CD459" s="898">
        <f t="shared" si="811"/>
        <v>245.95995288574792</v>
      </c>
      <c r="CE459" s="898">
        <f t="shared" si="812"/>
        <v>245.95995288574792</v>
      </c>
      <c r="CF459" s="898">
        <f t="shared" si="813"/>
        <v>368.93992932862187</v>
      </c>
      <c r="CG459" s="898">
        <f t="shared" si="814"/>
        <v>98.383981154299178</v>
      </c>
      <c r="CH459" s="898">
        <f t="shared" si="815"/>
        <v>115.10925795053004</v>
      </c>
      <c r="CI459" s="898">
        <f t="shared" si="816"/>
        <v>172.17196702002354</v>
      </c>
      <c r="CJ459" s="898">
        <f t="shared" si="817"/>
        <v>44.272791519434627</v>
      </c>
      <c r="CK459" s="898">
        <f t="shared" si="818"/>
        <v>39.353592461719671</v>
      </c>
      <c r="CL459" s="898">
        <f t="shared" si="819"/>
        <v>1170.7693757361601</v>
      </c>
      <c r="CM459" s="898" t="str">
        <f t="shared" si="820"/>
        <v/>
      </c>
      <c r="CN459" s="898" t="str">
        <f t="shared" si="821"/>
        <v/>
      </c>
      <c r="CO459" s="898" t="str">
        <f t="shared" si="822"/>
        <v/>
      </c>
      <c r="CP459" s="898" t="str">
        <f t="shared" si="823"/>
        <v/>
      </c>
      <c r="CQ459" s="898" t="str">
        <f t="shared" si="824"/>
        <v/>
      </c>
      <c r="CR459" s="898" t="str">
        <f t="shared" si="825"/>
        <v/>
      </c>
      <c r="CS459" s="898" t="str">
        <f t="shared" si="826"/>
        <v/>
      </c>
      <c r="CT459" s="898" t="str">
        <f t="shared" si="827"/>
        <v/>
      </c>
      <c r="CU459" s="898" t="str">
        <f t="shared" si="828"/>
        <v/>
      </c>
      <c r="CV459" s="898" t="str">
        <f t="shared" si="829"/>
        <v/>
      </c>
      <c r="CW459" s="898" t="str">
        <f t="shared" si="830"/>
        <v/>
      </c>
      <c r="CX459" s="898" t="str">
        <f t="shared" si="831"/>
        <v/>
      </c>
      <c r="CY459" s="898" t="str">
        <f t="shared" si="832"/>
        <v/>
      </c>
      <c r="CZ459" s="898" t="str">
        <f t="shared" si="833"/>
        <v/>
      </c>
      <c r="DA459" s="898" t="str">
        <f t="shared" si="834"/>
        <v/>
      </c>
      <c r="DB459" s="898" t="str">
        <f t="shared" si="835"/>
        <v/>
      </c>
      <c r="DC459" s="898" t="str">
        <f t="shared" si="836"/>
        <v/>
      </c>
      <c r="DD459" s="898" t="str">
        <f t="shared" si="837"/>
        <v/>
      </c>
      <c r="DE459" s="898" t="str">
        <f t="shared" si="838"/>
        <v/>
      </c>
      <c r="DF459" s="898" t="str">
        <f t="shared" si="839"/>
        <v/>
      </c>
      <c r="DG459" s="898" t="str">
        <f t="shared" si="840"/>
        <v/>
      </c>
      <c r="DH459" s="898" t="str">
        <f t="shared" si="841"/>
        <v/>
      </c>
      <c r="DI459" s="898">
        <f t="shared" si="842"/>
        <v>737.87985865724374</v>
      </c>
      <c r="DJ459" s="898">
        <f t="shared" si="843"/>
        <v>787.07184923439343</v>
      </c>
      <c r="DK459" s="898">
        <f t="shared" si="844"/>
        <v>1180.6077738515901</v>
      </c>
      <c r="DL459" s="898">
        <f t="shared" si="845"/>
        <v>1559.8780212014133</v>
      </c>
      <c r="DM459" s="661">
        <f t="shared" si="799"/>
        <v>6175.5624970553599</v>
      </c>
      <c r="DN459" s="898">
        <f t="shared" si="800"/>
        <v>4265.437502944641</v>
      </c>
      <c r="DO459" s="516">
        <f t="shared" si="801"/>
        <v>0</v>
      </c>
      <c r="DP459" s="898">
        <f t="shared" si="802"/>
        <v>0</v>
      </c>
      <c r="DQ459" s="860" t="s">
        <v>4246</v>
      </c>
      <c r="DR459" s="610" t="s">
        <v>4247</v>
      </c>
      <c r="DS459" s="1221" t="s">
        <v>4248</v>
      </c>
      <c r="DT459" s="632"/>
    </row>
    <row r="460" spans="1:124" s="613" customFormat="1" ht="71.25" x14ac:dyDescent="0.2">
      <c r="A460" s="484" t="str">
        <f t="shared" si="794"/>
        <v>Cycleway along St Agnells Lane</v>
      </c>
      <c r="B460" s="1163">
        <v>457</v>
      </c>
      <c r="C460" s="1156" t="s">
        <v>4566</v>
      </c>
      <c r="D460" s="481" t="s">
        <v>2481</v>
      </c>
      <c r="E460" s="481" t="s">
        <v>53</v>
      </c>
      <c r="F460" s="481" t="s">
        <v>655</v>
      </c>
      <c r="G460" s="775" t="s">
        <v>932</v>
      </c>
      <c r="H460" s="855" t="s">
        <v>1265</v>
      </c>
      <c r="I460" s="775" t="str">
        <f t="shared" si="732"/>
        <v>SG35-1</v>
      </c>
      <c r="J460" s="855" t="s">
        <v>1266</v>
      </c>
      <c r="K460" s="664" t="s">
        <v>3104</v>
      </c>
      <c r="L460" s="852" t="s">
        <v>3167</v>
      </c>
      <c r="M460" s="515" t="s">
        <v>4244</v>
      </c>
      <c r="N460" s="775" t="s">
        <v>81</v>
      </c>
      <c r="O460" s="654" t="s">
        <v>3051</v>
      </c>
      <c r="P460" s="657" t="s">
        <v>61</v>
      </c>
      <c r="Q460" s="852" t="s">
        <v>71</v>
      </c>
      <c r="R460" s="657"/>
      <c r="S460" s="657"/>
      <c r="T460" s="853">
        <v>3058882</v>
      </c>
      <c r="U460" s="854"/>
      <c r="V460" s="657" t="s">
        <v>4245</v>
      </c>
      <c r="W460" s="642">
        <f t="shared" si="846"/>
        <v>0</v>
      </c>
      <c r="X460" s="745">
        <f t="shared" si="847"/>
        <v>3058882</v>
      </c>
      <c r="Y460" s="745" t="s">
        <v>3106</v>
      </c>
      <c r="Z460" s="745" t="str">
        <f>_xlfn.XLOOKUP(I460, 'CALCS Aecom (July 25 2025)'!F:F, 'CALCS Aecom (July 25 2025)'!W:W)</f>
        <v>Multiple Scenario 2 (Step 6)</v>
      </c>
      <c r="AA460" s="650" t="s">
        <v>65</v>
      </c>
      <c r="AB460" s="516" t="s">
        <v>66</v>
      </c>
      <c r="AC460" s="516" t="s">
        <v>66</v>
      </c>
      <c r="AD460" s="516" t="s">
        <v>66</v>
      </c>
      <c r="AE460" s="516" t="s">
        <v>66</v>
      </c>
      <c r="AF460" s="516" t="s">
        <v>66</v>
      </c>
      <c r="AG460" s="516" t="s">
        <v>66</v>
      </c>
      <c r="AH460" s="516" t="s">
        <v>66</v>
      </c>
      <c r="AI460" s="516" t="s">
        <v>66</v>
      </c>
      <c r="AJ460" s="516" t="s">
        <v>66</v>
      </c>
      <c r="AK460" s="516" t="s">
        <v>66</v>
      </c>
      <c r="AL460" s="516" t="s">
        <v>66</v>
      </c>
      <c r="AM460" s="516" t="s">
        <v>66</v>
      </c>
      <c r="AN460" s="516" t="s">
        <v>66</v>
      </c>
      <c r="AO460" s="516" t="s">
        <v>66</v>
      </c>
      <c r="AP460" s="516" t="s">
        <v>66</v>
      </c>
      <c r="AQ460" s="516" t="s">
        <v>66</v>
      </c>
      <c r="AR460" s="516" t="s">
        <v>66</v>
      </c>
      <c r="AS460" s="657"/>
      <c r="AT460" s="657"/>
      <c r="AU460" s="657"/>
      <c r="AV460" s="657"/>
      <c r="AW460" s="657"/>
      <c r="AX460" s="657"/>
      <c r="AY460" s="657"/>
      <c r="AZ460" s="657"/>
      <c r="BA460" s="657"/>
      <c r="BB460" s="657"/>
      <c r="BC460" s="657"/>
      <c r="BD460" s="657"/>
      <c r="BE460" s="657"/>
      <c r="BF460" s="657"/>
      <c r="BG460" s="746"/>
      <c r="BH460" s="746"/>
      <c r="BI460" s="746"/>
      <c r="BJ460" s="746"/>
      <c r="BK460" s="746"/>
      <c r="BL460" s="746"/>
      <c r="BM460" s="746"/>
      <c r="BN460" s="746"/>
      <c r="BO460" s="516" t="s">
        <v>66</v>
      </c>
      <c r="BP460" s="516" t="s">
        <v>66</v>
      </c>
      <c r="BQ460" s="516" t="s">
        <v>66</v>
      </c>
      <c r="BR460" s="516" t="s">
        <v>66</v>
      </c>
      <c r="BS460" s="884">
        <f t="shared" si="798"/>
        <v>21225</v>
      </c>
      <c r="BT460" s="661">
        <f t="shared" ref="BT460:BT489" si="848">X460/BS460</f>
        <v>144.11693757361601</v>
      </c>
      <c r="BU460" s="661" t="str">
        <f t="shared" si="793"/>
        <v>GOOD</v>
      </c>
      <c r="BV460" s="898">
        <f t="shared" si="803"/>
        <v>720584.6878680801</v>
      </c>
      <c r="BW460" s="898">
        <f t="shared" si="804"/>
        <v>28823.387514723203</v>
      </c>
      <c r="BX460" s="898">
        <f t="shared" si="805"/>
        <v>64852.621908127207</v>
      </c>
      <c r="BY460" s="898">
        <f t="shared" si="806"/>
        <v>50440.928150765605</v>
      </c>
      <c r="BZ460" s="898">
        <f t="shared" si="807"/>
        <v>72058.468786808007</v>
      </c>
      <c r="CA460" s="898">
        <f t="shared" si="808"/>
        <v>69176.130035335693</v>
      </c>
      <c r="CB460" s="898">
        <f t="shared" si="809"/>
        <v>14411.693757361601</v>
      </c>
      <c r="CC460" s="898">
        <f t="shared" si="810"/>
        <v>56205.605653710249</v>
      </c>
      <c r="CD460" s="898">
        <f t="shared" si="811"/>
        <v>72058.468786808007</v>
      </c>
      <c r="CE460" s="898">
        <f t="shared" si="812"/>
        <v>72058.468786808007</v>
      </c>
      <c r="CF460" s="898">
        <f t="shared" si="813"/>
        <v>108087.703180212</v>
      </c>
      <c r="CG460" s="898">
        <f t="shared" si="814"/>
        <v>28823.387514723203</v>
      </c>
      <c r="CH460" s="898">
        <f t="shared" si="815"/>
        <v>33723.363392226151</v>
      </c>
      <c r="CI460" s="898">
        <f t="shared" si="816"/>
        <v>50440.928150765605</v>
      </c>
      <c r="CJ460" s="898">
        <f t="shared" si="817"/>
        <v>12970.524381625441</v>
      </c>
      <c r="CK460" s="898">
        <f t="shared" si="818"/>
        <v>11529.355005889282</v>
      </c>
      <c r="CL460" s="898">
        <f t="shared" si="819"/>
        <v>342998.31142520614</v>
      </c>
      <c r="CM460" s="898" t="str">
        <f t="shared" si="820"/>
        <v/>
      </c>
      <c r="CN460" s="898" t="str">
        <f t="shared" si="821"/>
        <v/>
      </c>
      <c r="CO460" s="898" t="str">
        <f t="shared" si="822"/>
        <v/>
      </c>
      <c r="CP460" s="898" t="str">
        <f t="shared" si="823"/>
        <v/>
      </c>
      <c r="CQ460" s="898" t="str">
        <f t="shared" si="824"/>
        <v/>
      </c>
      <c r="CR460" s="898" t="str">
        <f t="shared" si="825"/>
        <v/>
      </c>
      <c r="CS460" s="898" t="str">
        <f t="shared" si="826"/>
        <v/>
      </c>
      <c r="CT460" s="898" t="str">
        <f t="shared" si="827"/>
        <v/>
      </c>
      <c r="CU460" s="898" t="str">
        <f t="shared" si="828"/>
        <v/>
      </c>
      <c r="CV460" s="898" t="str">
        <f t="shared" si="829"/>
        <v/>
      </c>
      <c r="CW460" s="898" t="str">
        <f t="shared" si="830"/>
        <v/>
      </c>
      <c r="CX460" s="898" t="str">
        <f t="shared" si="831"/>
        <v/>
      </c>
      <c r="CY460" s="898" t="str">
        <f t="shared" si="832"/>
        <v/>
      </c>
      <c r="CZ460" s="898" t="str">
        <f t="shared" si="833"/>
        <v/>
      </c>
      <c r="DA460" s="898" t="str">
        <f t="shared" si="834"/>
        <v/>
      </c>
      <c r="DB460" s="898" t="str">
        <f t="shared" si="835"/>
        <v/>
      </c>
      <c r="DC460" s="898" t="str">
        <f t="shared" si="836"/>
        <v/>
      </c>
      <c r="DD460" s="898" t="str">
        <f t="shared" si="837"/>
        <v/>
      </c>
      <c r="DE460" s="898" t="str">
        <f t="shared" si="838"/>
        <v/>
      </c>
      <c r="DF460" s="898" t="str">
        <f t="shared" si="839"/>
        <v/>
      </c>
      <c r="DG460" s="898" t="str">
        <f t="shared" si="840"/>
        <v/>
      </c>
      <c r="DH460" s="898" t="str">
        <f t="shared" si="841"/>
        <v/>
      </c>
      <c r="DI460" s="898">
        <f t="shared" si="842"/>
        <v>216175.40636042401</v>
      </c>
      <c r="DJ460" s="898">
        <f t="shared" si="843"/>
        <v>230587.10011778562</v>
      </c>
      <c r="DK460" s="898">
        <f t="shared" si="844"/>
        <v>345880.65017667843</v>
      </c>
      <c r="DL460" s="898">
        <f t="shared" si="845"/>
        <v>456994.80904593639</v>
      </c>
      <c r="DM460" s="661">
        <f t="shared" si="799"/>
        <v>1809244.0342991753</v>
      </c>
      <c r="DN460" s="898">
        <f t="shared" si="800"/>
        <v>1249637.9657008245</v>
      </c>
      <c r="DO460" s="516">
        <f t="shared" si="801"/>
        <v>0</v>
      </c>
      <c r="DP460" s="898">
        <f t="shared" si="802"/>
        <v>0</v>
      </c>
      <c r="DQ460" s="860" t="s">
        <v>4246</v>
      </c>
      <c r="DR460" s="610" t="s">
        <v>4247</v>
      </c>
      <c r="DS460" s="1221" t="s">
        <v>4248</v>
      </c>
      <c r="DT460" s="632"/>
    </row>
    <row r="461" spans="1:124" s="613" customFormat="1" ht="57" x14ac:dyDescent="0.2">
      <c r="A461" s="484" t="str">
        <f t="shared" si="794"/>
        <v>Zebra crossing adjacent to Cupid Green Lane junction</v>
      </c>
      <c r="B461" s="1163">
        <v>458</v>
      </c>
      <c r="C461" s="1156" t="s">
        <v>4567</v>
      </c>
      <c r="D461" s="481" t="s">
        <v>2481</v>
      </c>
      <c r="E461" s="481" t="s">
        <v>53</v>
      </c>
      <c r="F461" s="481" t="s">
        <v>655</v>
      </c>
      <c r="G461" s="775" t="s">
        <v>932</v>
      </c>
      <c r="H461" s="855" t="s">
        <v>1267</v>
      </c>
      <c r="I461" s="775" t="str">
        <f t="shared" si="732"/>
        <v>SG35-2</v>
      </c>
      <c r="J461" s="855" t="s">
        <v>1268</v>
      </c>
      <c r="K461" s="664" t="s">
        <v>3104</v>
      </c>
      <c r="L461" s="852" t="s">
        <v>3167</v>
      </c>
      <c r="M461" s="515" t="s">
        <v>4244</v>
      </c>
      <c r="N461" s="775" t="s">
        <v>81</v>
      </c>
      <c r="O461" s="654" t="s">
        <v>3051</v>
      </c>
      <c r="P461" s="657" t="s">
        <v>61</v>
      </c>
      <c r="Q461" s="852" t="s">
        <v>71</v>
      </c>
      <c r="R461" s="657"/>
      <c r="S461" s="657"/>
      <c r="T461" s="853">
        <v>199337</v>
      </c>
      <c r="U461" s="854"/>
      <c r="V461" s="657" t="s">
        <v>4245</v>
      </c>
      <c r="W461" s="642">
        <f t="shared" si="846"/>
        <v>0</v>
      </c>
      <c r="X461" s="745">
        <f t="shared" si="847"/>
        <v>199337</v>
      </c>
      <c r="Y461" s="745" t="s">
        <v>3106</v>
      </c>
      <c r="Z461" s="745" t="str">
        <f>_xlfn.XLOOKUP(I461, 'CALCS Aecom (July 25 2025)'!F:F, 'CALCS Aecom (July 25 2025)'!W:W)</f>
        <v>Multiple Scenario 2 (Step 6)</v>
      </c>
      <c r="AA461" s="650" t="s">
        <v>65</v>
      </c>
      <c r="AB461" s="516" t="s">
        <v>66</v>
      </c>
      <c r="AC461" s="516" t="s">
        <v>66</v>
      </c>
      <c r="AD461" s="516" t="s">
        <v>66</v>
      </c>
      <c r="AE461" s="516" t="s">
        <v>66</v>
      </c>
      <c r="AF461" s="516" t="s">
        <v>66</v>
      </c>
      <c r="AG461" s="516" t="s">
        <v>66</v>
      </c>
      <c r="AH461" s="516" t="s">
        <v>66</v>
      </c>
      <c r="AI461" s="516" t="s">
        <v>66</v>
      </c>
      <c r="AJ461" s="516" t="s">
        <v>66</v>
      </c>
      <c r="AK461" s="516" t="s">
        <v>66</v>
      </c>
      <c r="AL461" s="516" t="s">
        <v>66</v>
      </c>
      <c r="AM461" s="516" t="s">
        <v>66</v>
      </c>
      <c r="AN461" s="516" t="s">
        <v>66</v>
      </c>
      <c r="AO461" s="516" t="s">
        <v>66</v>
      </c>
      <c r="AP461" s="516" t="s">
        <v>66</v>
      </c>
      <c r="AQ461" s="516" t="s">
        <v>66</v>
      </c>
      <c r="AR461" s="516" t="s">
        <v>66</v>
      </c>
      <c r="AS461" s="657"/>
      <c r="AT461" s="657"/>
      <c r="AU461" s="657"/>
      <c r="AV461" s="657"/>
      <c r="AW461" s="657"/>
      <c r="AX461" s="657"/>
      <c r="AY461" s="657"/>
      <c r="AZ461" s="657"/>
      <c r="BA461" s="657"/>
      <c r="BB461" s="657"/>
      <c r="BC461" s="657"/>
      <c r="BD461" s="657"/>
      <c r="BE461" s="657"/>
      <c r="BF461" s="657"/>
      <c r="BG461" s="746"/>
      <c r="BH461" s="746"/>
      <c r="BI461" s="746"/>
      <c r="BJ461" s="746"/>
      <c r="BK461" s="746"/>
      <c r="BL461" s="746"/>
      <c r="BM461" s="746"/>
      <c r="BN461" s="746"/>
      <c r="BO461" s="516" t="s">
        <v>66</v>
      </c>
      <c r="BP461" s="516" t="s">
        <v>66</v>
      </c>
      <c r="BQ461" s="516" t="s">
        <v>66</v>
      </c>
      <c r="BR461" s="516" t="s">
        <v>66</v>
      </c>
      <c r="BS461" s="884">
        <f t="shared" si="798"/>
        <v>21225</v>
      </c>
      <c r="BT461" s="661">
        <f t="shared" si="848"/>
        <v>9.3916136631330982</v>
      </c>
      <c r="BU461" s="661" t="str">
        <f t="shared" si="793"/>
        <v>GOOD</v>
      </c>
      <c r="BV461" s="898">
        <f t="shared" si="803"/>
        <v>46958.068315665492</v>
      </c>
      <c r="BW461" s="898">
        <f t="shared" si="804"/>
        <v>1878.3227326266197</v>
      </c>
      <c r="BX461" s="898">
        <f t="shared" si="805"/>
        <v>4226.2261484098944</v>
      </c>
      <c r="BY461" s="898">
        <f t="shared" si="806"/>
        <v>3287.0647820965842</v>
      </c>
      <c r="BZ461" s="898">
        <f t="shared" si="807"/>
        <v>4695.8068315665487</v>
      </c>
      <c r="CA461" s="898">
        <f t="shared" si="808"/>
        <v>4507.9745583038875</v>
      </c>
      <c r="CB461" s="898">
        <f t="shared" si="809"/>
        <v>939.16136631330983</v>
      </c>
      <c r="CC461" s="898">
        <f t="shared" si="810"/>
        <v>3662.7293286219083</v>
      </c>
      <c r="CD461" s="898">
        <f t="shared" si="811"/>
        <v>4695.8068315665487</v>
      </c>
      <c r="CE461" s="898">
        <f t="shared" si="812"/>
        <v>4695.8068315665487</v>
      </c>
      <c r="CF461" s="898">
        <f t="shared" si="813"/>
        <v>7043.7102473498235</v>
      </c>
      <c r="CG461" s="898">
        <f t="shared" si="814"/>
        <v>1878.3227326266197</v>
      </c>
      <c r="CH461" s="898">
        <f t="shared" si="815"/>
        <v>2197.637597173145</v>
      </c>
      <c r="CI461" s="898">
        <f t="shared" si="816"/>
        <v>3287.0647820965842</v>
      </c>
      <c r="CJ461" s="898">
        <f t="shared" si="817"/>
        <v>845.2452296819788</v>
      </c>
      <c r="CK461" s="898">
        <f t="shared" si="818"/>
        <v>751.32909305064788</v>
      </c>
      <c r="CL461" s="898">
        <f t="shared" si="819"/>
        <v>22352.040518256774</v>
      </c>
      <c r="CM461" s="898" t="str">
        <f t="shared" si="820"/>
        <v/>
      </c>
      <c r="CN461" s="898" t="str">
        <f t="shared" si="821"/>
        <v/>
      </c>
      <c r="CO461" s="898" t="str">
        <f t="shared" si="822"/>
        <v/>
      </c>
      <c r="CP461" s="898" t="str">
        <f t="shared" si="823"/>
        <v/>
      </c>
      <c r="CQ461" s="898" t="str">
        <f t="shared" si="824"/>
        <v/>
      </c>
      <c r="CR461" s="898" t="str">
        <f t="shared" si="825"/>
        <v/>
      </c>
      <c r="CS461" s="898" t="str">
        <f t="shared" si="826"/>
        <v/>
      </c>
      <c r="CT461" s="898" t="str">
        <f t="shared" si="827"/>
        <v/>
      </c>
      <c r="CU461" s="898" t="str">
        <f t="shared" si="828"/>
        <v/>
      </c>
      <c r="CV461" s="898" t="str">
        <f t="shared" si="829"/>
        <v/>
      </c>
      <c r="CW461" s="898" t="str">
        <f t="shared" si="830"/>
        <v/>
      </c>
      <c r="CX461" s="898" t="str">
        <f t="shared" si="831"/>
        <v/>
      </c>
      <c r="CY461" s="898" t="str">
        <f t="shared" si="832"/>
        <v/>
      </c>
      <c r="CZ461" s="898" t="str">
        <f t="shared" si="833"/>
        <v/>
      </c>
      <c r="DA461" s="898" t="str">
        <f t="shared" si="834"/>
        <v/>
      </c>
      <c r="DB461" s="898" t="str">
        <f t="shared" si="835"/>
        <v/>
      </c>
      <c r="DC461" s="898" t="str">
        <f t="shared" si="836"/>
        <v/>
      </c>
      <c r="DD461" s="898" t="str">
        <f t="shared" si="837"/>
        <v/>
      </c>
      <c r="DE461" s="898" t="str">
        <f t="shared" si="838"/>
        <v/>
      </c>
      <c r="DF461" s="898" t="str">
        <f t="shared" si="839"/>
        <v/>
      </c>
      <c r="DG461" s="898" t="str">
        <f t="shared" si="840"/>
        <v/>
      </c>
      <c r="DH461" s="898" t="str">
        <f t="shared" si="841"/>
        <v/>
      </c>
      <c r="DI461" s="898">
        <f t="shared" si="842"/>
        <v>14087.420494699647</v>
      </c>
      <c r="DJ461" s="898">
        <f t="shared" si="843"/>
        <v>15026.581861012957</v>
      </c>
      <c r="DK461" s="898">
        <f t="shared" si="844"/>
        <v>22539.872791519436</v>
      </c>
      <c r="DL461" s="898">
        <f t="shared" si="845"/>
        <v>29780.806925795056</v>
      </c>
      <c r="DM461" s="661">
        <f t="shared" si="799"/>
        <v>117902.3179269729</v>
      </c>
      <c r="DN461" s="898">
        <f t="shared" si="800"/>
        <v>81434.682073027099</v>
      </c>
      <c r="DO461" s="516">
        <f t="shared" si="801"/>
        <v>0</v>
      </c>
      <c r="DP461" s="898">
        <f t="shared" si="802"/>
        <v>0</v>
      </c>
      <c r="DQ461" s="860" t="s">
        <v>4246</v>
      </c>
      <c r="DR461" s="610" t="s">
        <v>4247</v>
      </c>
      <c r="DS461" s="1221" t="s">
        <v>4248</v>
      </c>
      <c r="DT461" s="632"/>
    </row>
    <row r="462" spans="1:124" s="613" customFormat="1" ht="114" x14ac:dyDescent="0.2">
      <c r="A462" s="484" t="str">
        <f t="shared" si="794"/>
        <v>Cupid Green Lane Quietway</v>
      </c>
      <c r="B462" s="1163">
        <v>459</v>
      </c>
      <c r="C462" s="1156" t="s">
        <v>4568</v>
      </c>
      <c r="D462" s="481" t="s">
        <v>2481</v>
      </c>
      <c r="E462" s="481" t="s">
        <v>53</v>
      </c>
      <c r="F462" s="481" t="s">
        <v>655</v>
      </c>
      <c r="G462" s="775" t="s">
        <v>932</v>
      </c>
      <c r="H462" s="855" t="s">
        <v>1269</v>
      </c>
      <c r="I462" s="775" t="str">
        <f t="shared" si="732"/>
        <v>SG35-3</v>
      </c>
      <c r="J462" s="855" t="s">
        <v>4569</v>
      </c>
      <c r="K462" s="664" t="s">
        <v>3104</v>
      </c>
      <c r="L462" s="852" t="s">
        <v>3167</v>
      </c>
      <c r="M462" s="515" t="s">
        <v>4244</v>
      </c>
      <c r="N462" s="775" t="s">
        <v>81</v>
      </c>
      <c r="O462" s="654" t="s">
        <v>3051</v>
      </c>
      <c r="P462" s="657" t="s">
        <v>61</v>
      </c>
      <c r="Q462" s="852" t="s">
        <v>71</v>
      </c>
      <c r="R462" s="657"/>
      <c r="S462" s="657"/>
      <c r="T462" s="853">
        <v>547386</v>
      </c>
      <c r="U462" s="854"/>
      <c r="V462" s="657" t="s">
        <v>4245</v>
      </c>
      <c r="W462" s="642">
        <f t="shared" si="846"/>
        <v>0</v>
      </c>
      <c r="X462" s="745">
        <f t="shared" si="847"/>
        <v>547386</v>
      </c>
      <c r="Y462" s="745" t="s">
        <v>3106</v>
      </c>
      <c r="Z462" s="745" t="str">
        <f>_xlfn.XLOOKUP(I462, 'CALCS Aecom (July 25 2025)'!F:F, 'CALCS Aecom (July 25 2025)'!W:W)</f>
        <v>Multiple Scenario 2 (Step 6)</v>
      </c>
      <c r="AA462" s="1330" t="s">
        <v>3220</v>
      </c>
      <c r="AB462" s="516" t="s">
        <v>66</v>
      </c>
      <c r="AC462" s="516" t="s">
        <v>66</v>
      </c>
      <c r="AD462" s="516" t="s">
        <v>66</v>
      </c>
      <c r="AE462" s="516" t="s">
        <v>66</v>
      </c>
      <c r="AF462" s="516" t="s">
        <v>66</v>
      </c>
      <c r="AG462" s="516" t="s">
        <v>66</v>
      </c>
      <c r="AH462" s="516" t="s">
        <v>66</v>
      </c>
      <c r="AI462" s="516" t="s">
        <v>66</v>
      </c>
      <c r="AJ462" s="516" t="s">
        <v>66</v>
      </c>
      <c r="AK462" s="516" t="s">
        <v>66</v>
      </c>
      <c r="AL462" s="516" t="s">
        <v>66</v>
      </c>
      <c r="AM462" s="516" t="s">
        <v>66</v>
      </c>
      <c r="AN462" s="516" t="s">
        <v>66</v>
      </c>
      <c r="AO462" s="516" t="s">
        <v>66</v>
      </c>
      <c r="AP462" s="516" t="s">
        <v>66</v>
      </c>
      <c r="AQ462" s="516" t="s">
        <v>66</v>
      </c>
      <c r="AR462" s="516" t="s">
        <v>66</v>
      </c>
      <c r="AS462" s="657"/>
      <c r="AT462" s="657"/>
      <c r="AU462" s="657"/>
      <c r="AV462" s="657"/>
      <c r="AW462" s="657"/>
      <c r="AX462" s="657"/>
      <c r="AY462" s="657"/>
      <c r="AZ462" s="657"/>
      <c r="BA462" s="657"/>
      <c r="BB462" s="657"/>
      <c r="BC462" s="657"/>
      <c r="BD462" s="657"/>
      <c r="BE462" s="657"/>
      <c r="BF462" s="657"/>
      <c r="BG462" s="746"/>
      <c r="BH462" s="746"/>
      <c r="BI462" s="746"/>
      <c r="BJ462" s="746"/>
      <c r="BK462" s="746"/>
      <c r="BL462" s="746"/>
      <c r="BM462" s="746"/>
      <c r="BN462" s="746"/>
      <c r="BO462" s="516" t="s">
        <v>66</v>
      </c>
      <c r="BP462" s="516" t="s">
        <v>66</v>
      </c>
      <c r="BQ462" s="516" t="s">
        <v>66</v>
      </c>
      <c r="BR462" s="516" t="s">
        <v>66</v>
      </c>
      <c r="BS462" s="884">
        <f t="shared" si="798"/>
        <v>21225</v>
      </c>
      <c r="BT462" s="661">
        <f t="shared" si="848"/>
        <v>25.789681978798587</v>
      </c>
      <c r="BU462" s="661" t="str">
        <f t="shared" si="793"/>
        <v>GOOD</v>
      </c>
      <c r="BV462" s="898">
        <f t="shared" si="803"/>
        <v>128948.40989399294</v>
      </c>
      <c r="BW462" s="898">
        <f t="shared" si="804"/>
        <v>5157.936395759717</v>
      </c>
      <c r="BX462" s="898">
        <f t="shared" si="805"/>
        <v>11605.356890459365</v>
      </c>
      <c r="BY462" s="898">
        <f t="shared" si="806"/>
        <v>9026.388692579505</v>
      </c>
      <c r="BZ462" s="898">
        <f t="shared" si="807"/>
        <v>12894.840989399294</v>
      </c>
      <c r="CA462" s="898">
        <f t="shared" si="808"/>
        <v>12379.047349823322</v>
      </c>
      <c r="CB462" s="898">
        <f t="shared" si="809"/>
        <v>2578.9681978798585</v>
      </c>
      <c r="CC462" s="898">
        <f t="shared" si="810"/>
        <v>10057.975971731448</v>
      </c>
      <c r="CD462" s="898">
        <f t="shared" si="811"/>
        <v>12894.840989399294</v>
      </c>
      <c r="CE462" s="898">
        <f t="shared" si="812"/>
        <v>12894.840989399294</v>
      </c>
      <c r="CF462" s="898">
        <f t="shared" si="813"/>
        <v>19342.261484098941</v>
      </c>
      <c r="CG462" s="898">
        <f t="shared" si="814"/>
        <v>5157.936395759717</v>
      </c>
      <c r="CH462" s="898">
        <f t="shared" si="815"/>
        <v>6034.7855830388689</v>
      </c>
      <c r="CI462" s="898">
        <f t="shared" si="816"/>
        <v>9026.388692579505</v>
      </c>
      <c r="CJ462" s="898">
        <f t="shared" si="817"/>
        <v>2321.0713780918727</v>
      </c>
      <c r="CK462" s="898">
        <f t="shared" si="818"/>
        <v>2063.1745583038869</v>
      </c>
      <c r="CL462" s="898">
        <f t="shared" si="819"/>
        <v>61379.44310954064</v>
      </c>
      <c r="CM462" s="898" t="str">
        <f t="shared" si="820"/>
        <v/>
      </c>
      <c r="CN462" s="898" t="str">
        <f t="shared" si="821"/>
        <v/>
      </c>
      <c r="CO462" s="898" t="str">
        <f t="shared" si="822"/>
        <v/>
      </c>
      <c r="CP462" s="898" t="str">
        <f t="shared" si="823"/>
        <v/>
      </c>
      <c r="CQ462" s="898" t="str">
        <f t="shared" si="824"/>
        <v/>
      </c>
      <c r="CR462" s="898" t="str">
        <f t="shared" si="825"/>
        <v/>
      </c>
      <c r="CS462" s="898" t="str">
        <f t="shared" si="826"/>
        <v/>
      </c>
      <c r="CT462" s="898" t="str">
        <f t="shared" si="827"/>
        <v/>
      </c>
      <c r="CU462" s="898" t="str">
        <f t="shared" si="828"/>
        <v/>
      </c>
      <c r="CV462" s="898" t="str">
        <f t="shared" si="829"/>
        <v/>
      </c>
      <c r="CW462" s="898" t="str">
        <f t="shared" si="830"/>
        <v/>
      </c>
      <c r="CX462" s="898" t="str">
        <f t="shared" si="831"/>
        <v/>
      </c>
      <c r="CY462" s="898" t="str">
        <f t="shared" si="832"/>
        <v/>
      </c>
      <c r="CZ462" s="898" t="str">
        <f t="shared" si="833"/>
        <v/>
      </c>
      <c r="DA462" s="898" t="str">
        <f t="shared" si="834"/>
        <v/>
      </c>
      <c r="DB462" s="898" t="str">
        <f t="shared" si="835"/>
        <v/>
      </c>
      <c r="DC462" s="898" t="str">
        <f t="shared" si="836"/>
        <v/>
      </c>
      <c r="DD462" s="898" t="str">
        <f t="shared" si="837"/>
        <v/>
      </c>
      <c r="DE462" s="898" t="str">
        <f t="shared" si="838"/>
        <v/>
      </c>
      <c r="DF462" s="898" t="str">
        <f t="shared" si="839"/>
        <v/>
      </c>
      <c r="DG462" s="898" t="str">
        <f t="shared" si="840"/>
        <v/>
      </c>
      <c r="DH462" s="898" t="str">
        <f t="shared" si="841"/>
        <v/>
      </c>
      <c r="DI462" s="898">
        <f t="shared" si="842"/>
        <v>38684.522968197882</v>
      </c>
      <c r="DJ462" s="898">
        <f t="shared" si="843"/>
        <v>41263.491166077736</v>
      </c>
      <c r="DK462" s="898">
        <f t="shared" si="844"/>
        <v>61895.236749116608</v>
      </c>
      <c r="DL462" s="898">
        <f t="shared" si="845"/>
        <v>81779.081554770324</v>
      </c>
      <c r="DM462" s="661">
        <f t="shared" si="799"/>
        <v>323763.66756183741</v>
      </c>
      <c r="DN462" s="898">
        <f t="shared" si="800"/>
        <v>223622.33243816256</v>
      </c>
      <c r="DO462" s="516">
        <f t="shared" si="801"/>
        <v>0</v>
      </c>
      <c r="DP462" s="898">
        <f t="shared" si="802"/>
        <v>0</v>
      </c>
      <c r="DQ462" s="860" t="s">
        <v>4246</v>
      </c>
      <c r="DR462" s="610" t="s">
        <v>4247</v>
      </c>
      <c r="DS462" s="1221" t="s">
        <v>4248</v>
      </c>
      <c r="DT462" s="632"/>
    </row>
    <row r="463" spans="1:124" s="613" customFormat="1" ht="57" x14ac:dyDescent="0.2">
      <c r="A463" s="484" t="str">
        <f t="shared" si="794"/>
        <v>Grovehill Playing Fields - connection to North Hemel Hempstead (Hm01) development</v>
      </c>
      <c r="B463" s="1163">
        <v>460</v>
      </c>
      <c r="C463" s="1156" t="s">
        <v>4570</v>
      </c>
      <c r="D463" s="481" t="s">
        <v>2481</v>
      </c>
      <c r="E463" s="481" t="s">
        <v>53</v>
      </c>
      <c r="F463" s="481" t="s">
        <v>655</v>
      </c>
      <c r="G463" s="775" t="s">
        <v>932</v>
      </c>
      <c r="H463" s="855" t="s">
        <v>4571</v>
      </c>
      <c r="I463" s="775" t="str">
        <f t="shared" si="732"/>
        <v>SG35-4</v>
      </c>
      <c r="J463" s="855" t="s">
        <v>4572</v>
      </c>
      <c r="K463" s="664" t="s">
        <v>3104</v>
      </c>
      <c r="L463" s="852" t="s">
        <v>3167</v>
      </c>
      <c r="M463" s="515" t="s">
        <v>4244</v>
      </c>
      <c r="N463" s="775" t="s">
        <v>81</v>
      </c>
      <c r="O463" s="654" t="s">
        <v>3051</v>
      </c>
      <c r="P463" s="657" t="s">
        <v>61</v>
      </c>
      <c r="Q463" s="852" t="s">
        <v>71</v>
      </c>
      <c r="R463" s="657"/>
      <c r="S463" s="657"/>
      <c r="T463" s="853">
        <v>785325</v>
      </c>
      <c r="U463" s="854"/>
      <c r="V463" s="657" t="s">
        <v>4245</v>
      </c>
      <c r="W463" s="642">
        <f t="shared" si="846"/>
        <v>0</v>
      </c>
      <c r="X463" s="745">
        <f t="shared" si="847"/>
        <v>785325</v>
      </c>
      <c r="Y463" s="745" t="s">
        <v>3106</v>
      </c>
      <c r="Z463" s="745" t="str">
        <f>_xlfn.XLOOKUP(I463, 'CALCS Aecom (July 25 2025)'!F:F, 'CALCS Aecom (July 25 2025)'!W:W)</f>
        <v>Multiple Scenario 2 (Step 6)</v>
      </c>
      <c r="AA463" s="1331" t="s">
        <v>3220</v>
      </c>
      <c r="AB463" s="516" t="s">
        <v>66</v>
      </c>
      <c r="AC463" s="516" t="s">
        <v>66</v>
      </c>
      <c r="AD463" s="516" t="s">
        <v>66</v>
      </c>
      <c r="AE463" s="516" t="s">
        <v>66</v>
      </c>
      <c r="AF463" s="516" t="s">
        <v>66</v>
      </c>
      <c r="AG463" s="516" t="s">
        <v>66</v>
      </c>
      <c r="AH463" s="516" t="s">
        <v>66</v>
      </c>
      <c r="AI463" s="516" t="s">
        <v>66</v>
      </c>
      <c r="AJ463" s="516" t="s">
        <v>66</v>
      </c>
      <c r="AK463" s="516" t="s">
        <v>66</v>
      </c>
      <c r="AL463" s="516" t="s">
        <v>66</v>
      </c>
      <c r="AM463" s="516" t="s">
        <v>66</v>
      </c>
      <c r="AN463" s="516" t="s">
        <v>66</v>
      </c>
      <c r="AO463" s="516" t="s">
        <v>66</v>
      </c>
      <c r="AP463" s="516" t="s">
        <v>66</v>
      </c>
      <c r="AQ463" s="516" t="s">
        <v>66</v>
      </c>
      <c r="AR463" s="516" t="s">
        <v>66</v>
      </c>
      <c r="AS463" s="657"/>
      <c r="AT463" s="657"/>
      <c r="AU463" s="657"/>
      <c r="AV463" s="657"/>
      <c r="AW463" s="657"/>
      <c r="AX463" s="657"/>
      <c r="AY463" s="657"/>
      <c r="AZ463" s="657"/>
      <c r="BA463" s="657"/>
      <c r="BB463" s="657"/>
      <c r="BC463" s="657"/>
      <c r="BD463" s="657"/>
      <c r="BE463" s="657"/>
      <c r="BF463" s="657"/>
      <c r="BG463" s="746"/>
      <c r="BH463" s="746"/>
      <c r="BI463" s="746"/>
      <c r="BJ463" s="746"/>
      <c r="BK463" s="746"/>
      <c r="BL463" s="746"/>
      <c r="BM463" s="746"/>
      <c r="BN463" s="746"/>
      <c r="BO463" s="516" t="s">
        <v>66</v>
      </c>
      <c r="BP463" s="516" t="s">
        <v>66</v>
      </c>
      <c r="BQ463" s="516" t="s">
        <v>66</v>
      </c>
      <c r="BR463" s="516" t="s">
        <v>66</v>
      </c>
      <c r="BS463" s="884">
        <f t="shared" si="798"/>
        <v>21225</v>
      </c>
      <c r="BT463" s="661">
        <f t="shared" si="848"/>
        <v>37</v>
      </c>
      <c r="BU463" s="661" t="str">
        <f t="shared" si="793"/>
        <v>GOOD</v>
      </c>
      <c r="BV463" s="898">
        <f t="shared" si="803"/>
        <v>185000</v>
      </c>
      <c r="BW463" s="898">
        <f t="shared" si="804"/>
        <v>7400</v>
      </c>
      <c r="BX463" s="898">
        <f t="shared" si="805"/>
        <v>16650</v>
      </c>
      <c r="BY463" s="898">
        <f t="shared" si="806"/>
        <v>12950</v>
      </c>
      <c r="BZ463" s="898">
        <f t="shared" si="807"/>
        <v>18500</v>
      </c>
      <c r="CA463" s="898">
        <f t="shared" si="808"/>
        <v>17760</v>
      </c>
      <c r="CB463" s="898">
        <f t="shared" si="809"/>
        <v>3700</v>
      </c>
      <c r="CC463" s="898">
        <f t="shared" si="810"/>
        <v>14430</v>
      </c>
      <c r="CD463" s="898">
        <f t="shared" si="811"/>
        <v>18500</v>
      </c>
      <c r="CE463" s="898">
        <f t="shared" si="812"/>
        <v>18500</v>
      </c>
      <c r="CF463" s="898">
        <f t="shared" si="813"/>
        <v>27750</v>
      </c>
      <c r="CG463" s="898">
        <f t="shared" si="814"/>
        <v>7400</v>
      </c>
      <c r="CH463" s="898">
        <f t="shared" si="815"/>
        <v>8658</v>
      </c>
      <c r="CI463" s="898">
        <f t="shared" si="816"/>
        <v>12950</v>
      </c>
      <c r="CJ463" s="898">
        <f t="shared" si="817"/>
        <v>3330</v>
      </c>
      <c r="CK463" s="898">
        <f t="shared" si="818"/>
        <v>2960</v>
      </c>
      <c r="CL463" s="898">
        <f t="shared" si="819"/>
        <v>88060</v>
      </c>
      <c r="CM463" s="898" t="str">
        <f t="shared" si="820"/>
        <v/>
      </c>
      <c r="CN463" s="898" t="str">
        <f t="shared" si="821"/>
        <v/>
      </c>
      <c r="CO463" s="898" t="str">
        <f t="shared" si="822"/>
        <v/>
      </c>
      <c r="CP463" s="898" t="str">
        <f t="shared" si="823"/>
        <v/>
      </c>
      <c r="CQ463" s="898" t="str">
        <f t="shared" si="824"/>
        <v/>
      </c>
      <c r="CR463" s="898" t="str">
        <f t="shared" si="825"/>
        <v/>
      </c>
      <c r="CS463" s="898" t="str">
        <f t="shared" si="826"/>
        <v/>
      </c>
      <c r="CT463" s="898" t="str">
        <f t="shared" si="827"/>
        <v/>
      </c>
      <c r="CU463" s="898" t="str">
        <f t="shared" si="828"/>
        <v/>
      </c>
      <c r="CV463" s="898" t="str">
        <f t="shared" si="829"/>
        <v/>
      </c>
      <c r="CW463" s="898" t="str">
        <f t="shared" si="830"/>
        <v/>
      </c>
      <c r="CX463" s="898" t="str">
        <f t="shared" si="831"/>
        <v/>
      </c>
      <c r="CY463" s="898" t="str">
        <f t="shared" si="832"/>
        <v/>
      </c>
      <c r="CZ463" s="898" t="str">
        <f t="shared" si="833"/>
        <v/>
      </c>
      <c r="DA463" s="898" t="str">
        <f t="shared" si="834"/>
        <v/>
      </c>
      <c r="DB463" s="898" t="str">
        <f t="shared" si="835"/>
        <v/>
      </c>
      <c r="DC463" s="898" t="str">
        <f t="shared" si="836"/>
        <v/>
      </c>
      <c r="DD463" s="898" t="str">
        <f t="shared" si="837"/>
        <v/>
      </c>
      <c r="DE463" s="898" t="str">
        <f t="shared" si="838"/>
        <v/>
      </c>
      <c r="DF463" s="898" t="str">
        <f t="shared" si="839"/>
        <v/>
      </c>
      <c r="DG463" s="898" t="str">
        <f t="shared" si="840"/>
        <v/>
      </c>
      <c r="DH463" s="898" t="str">
        <f t="shared" si="841"/>
        <v/>
      </c>
      <c r="DI463" s="898">
        <f t="shared" si="842"/>
        <v>55500</v>
      </c>
      <c r="DJ463" s="898">
        <f t="shared" si="843"/>
        <v>59200</v>
      </c>
      <c r="DK463" s="898">
        <f t="shared" si="844"/>
        <v>88800</v>
      </c>
      <c r="DL463" s="898">
        <f t="shared" si="845"/>
        <v>117327</v>
      </c>
      <c r="DM463" s="661">
        <f t="shared" si="799"/>
        <v>464498</v>
      </c>
      <c r="DN463" s="898">
        <f t="shared" si="800"/>
        <v>320827</v>
      </c>
      <c r="DO463" s="516">
        <f t="shared" si="801"/>
        <v>0</v>
      </c>
      <c r="DP463" s="898">
        <f t="shared" si="802"/>
        <v>0</v>
      </c>
      <c r="DQ463" s="860" t="s">
        <v>4246</v>
      </c>
      <c r="DR463" s="610" t="s">
        <v>4247</v>
      </c>
      <c r="DS463" s="1221" t="s">
        <v>4248</v>
      </c>
      <c r="DT463" s="632"/>
    </row>
    <row r="464" spans="1:124" s="613" customFormat="1" ht="57" x14ac:dyDescent="0.2">
      <c r="A464" s="484" t="str">
        <f t="shared" si="794"/>
        <v xml:space="preserve">Washington Avenue-North Hemel Hempstead footway/cycle link </v>
      </c>
      <c r="B464" s="1163">
        <v>461</v>
      </c>
      <c r="C464" s="1156" t="s">
        <v>4573</v>
      </c>
      <c r="D464" s="481" t="s">
        <v>2481</v>
      </c>
      <c r="E464" s="481" t="s">
        <v>53</v>
      </c>
      <c r="F464" s="481" t="s">
        <v>655</v>
      </c>
      <c r="G464" s="775" t="s">
        <v>932</v>
      </c>
      <c r="H464" s="855" t="s">
        <v>1273</v>
      </c>
      <c r="I464" s="775" t="str">
        <f t="shared" ref="I464:I490" si="849">IF(ISNUMBER(SEARCH("(", LEFT(J464, 1))),MID(J464,SEARCH("(",J464)+1,SEARCH(")",J464)-SEARCH("(",J464)-1), "")</f>
        <v>SG35-5</v>
      </c>
      <c r="J464" s="855" t="s">
        <v>4574</v>
      </c>
      <c r="K464" s="664" t="s">
        <v>3104</v>
      </c>
      <c r="L464" s="738" t="s">
        <v>1360</v>
      </c>
      <c r="M464" s="515" t="s">
        <v>3005</v>
      </c>
      <c r="N464" s="775" t="s">
        <v>81</v>
      </c>
      <c r="O464" s="664" t="s">
        <v>525</v>
      </c>
      <c r="P464" s="657" t="s">
        <v>61</v>
      </c>
      <c r="Q464" s="852" t="s">
        <v>71</v>
      </c>
      <c r="R464" s="657"/>
      <c r="S464" s="657"/>
      <c r="T464" s="853">
        <v>220536</v>
      </c>
      <c r="U464" s="854"/>
      <c r="V464" s="657" t="s">
        <v>2989</v>
      </c>
      <c r="W464" s="642">
        <f t="shared" si="846"/>
        <v>0</v>
      </c>
      <c r="X464" s="745">
        <f t="shared" si="847"/>
        <v>220536</v>
      </c>
      <c r="Y464" s="745" t="s">
        <v>3106</v>
      </c>
      <c r="Z464" s="745" t="str">
        <f>_xlfn.XLOOKUP(I464, 'CALCS Aecom (July 25 2025)'!F:F, 'CALCS Aecom (July 25 2025)'!W:W)</f>
        <v>Single Scenario 2 (Step 2)</v>
      </c>
      <c r="AA464" s="650" t="s">
        <v>65</v>
      </c>
      <c r="AB464" s="516" t="s">
        <v>66</v>
      </c>
      <c r="AC464" s="657"/>
      <c r="AD464" s="657"/>
      <c r="AE464" s="657"/>
      <c r="AF464" s="657"/>
      <c r="AG464" s="657"/>
      <c r="AH464" s="657"/>
      <c r="AI464" s="657"/>
      <c r="AJ464" s="657"/>
      <c r="AK464" s="657"/>
      <c r="AL464" s="657"/>
      <c r="AM464" s="657"/>
      <c r="AN464" s="657"/>
      <c r="AO464" s="661"/>
      <c r="AP464" s="657"/>
      <c r="AQ464" s="657"/>
      <c r="AR464" s="657"/>
      <c r="AS464" s="657"/>
      <c r="AT464" s="657"/>
      <c r="AU464" s="657"/>
      <c r="AV464" s="657"/>
      <c r="AW464" s="657"/>
      <c r="AX464" s="657"/>
      <c r="AY464" s="657"/>
      <c r="AZ464" s="657"/>
      <c r="BA464" s="657"/>
      <c r="BB464" s="657"/>
      <c r="BC464" s="657"/>
      <c r="BD464" s="657"/>
      <c r="BE464" s="657"/>
      <c r="BF464" s="657"/>
      <c r="BG464" s="746"/>
      <c r="BH464" s="746"/>
      <c r="BI464" s="746"/>
      <c r="BJ464" s="746"/>
      <c r="BK464" s="746"/>
      <c r="BL464" s="746"/>
      <c r="BM464" s="746"/>
      <c r="BN464" s="746"/>
      <c r="BO464" s="892"/>
      <c r="BP464" s="892"/>
      <c r="BQ464" s="892"/>
      <c r="BR464" s="892"/>
      <c r="BS464" s="884">
        <f t="shared" si="798"/>
        <v>5000</v>
      </c>
      <c r="BT464" s="661">
        <f t="shared" si="848"/>
        <v>44.107199999999999</v>
      </c>
      <c r="BU464" s="661"/>
      <c r="BV464" s="898">
        <f t="shared" si="803"/>
        <v>220536</v>
      </c>
      <c r="BW464" s="898" t="str">
        <f t="shared" si="804"/>
        <v/>
      </c>
      <c r="BX464" s="898" t="str">
        <f t="shared" si="805"/>
        <v/>
      </c>
      <c r="BY464" s="898" t="str">
        <f t="shared" si="806"/>
        <v/>
      </c>
      <c r="BZ464" s="898" t="str">
        <f t="shared" si="807"/>
        <v/>
      </c>
      <c r="CA464" s="898" t="str">
        <f t="shared" si="808"/>
        <v/>
      </c>
      <c r="CB464" s="898" t="str">
        <f t="shared" si="809"/>
        <v/>
      </c>
      <c r="CC464" s="898" t="str">
        <f t="shared" si="810"/>
        <v/>
      </c>
      <c r="CD464" s="898" t="str">
        <f t="shared" si="811"/>
        <v/>
      </c>
      <c r="CE464" s="898" t="str">
        <f t="shared" si="812"/>
        <v/>
      </c>
      <c r="CF464" s="898" t="str">
        <f t="shared" si="813"/>
        <v/>
      </c>
      <c r="CG464" s="898" t="str">
        <f t="shared" si="814"/>
        <v/>
      </c>
      <c r="CH464" s="898" t="str">
        <f t="shared" si="815"/>
        <v/>
      </c>
      <c r="CI464" s="898" t="str">
        <f t="shared" si="816"/>
        <v/>
      </c>
      <c r="CJ464" s="898" t="str">
        <f t="shared" si="817"/>
        <v/>
      </c>
      <c r="CK464" s="898" t="str">
        <f t="shared" si="818"/>
        <v/>
      </c>
      <c r="CL464" s="898" t="str">
        <f t="shared" si="819"/>
        <v/>
      </c>
      <c r="CM464" s="898" t="str">
        <f t="shared" si="820"/>
        <v/>
      </c>
      <c r="CN464" s="898" t="str">
        <f t="shared" si="821"/>
        <v/>
      </c>
      <c r="CO464" s="898" t="str">
        <f t="shared" si="822"/>
        <v/>
      </c>
      <c r="CP464" s="898" t="str">
        <f t="shared" si="823"/>
        <v/>
      </c>
      <c r="CQ464" s="898" t="str">
        <f t="shared" si="824"/>
        <v/>
      </c>
      <c r="CR464" s="898" t="str">
        <f t="shared" si="825"/>
        <v/>
      </c>
      <c r="CS464" s="898" t="str">
        <f t="shared" si="826"/>
        <v/>
      </c>
      <c r="CT464" s="898" t="str">
        <f t="shared" si="827"/>
        <v/>
      </c>
      <c r="CU464" s="898" t="str">
        <f t="shared" si="828"/>
        <v/>
      </c>
      <c r="CV464" s="898" t="str">
        <f t="shared" si="829"/>
        <v/>
      </c>
      <c r="CW464" s="898" t="str">
        <f t="shared" si="830"/>
        <v/>
      </c>
      <c r="CX464" s="898" t="str">
        <f t="shared" si="831"/>
        <v/>
      </c>
      <c r="CY464" s="898" t="str">
        <f t="shared" si="832"/>
        <v/>
      </c>
      <c r="CZ464" s="898" t="str">
        <f t="shared" si="833"/>
        <v/>
      </c>
      <c r="DA464" s="898" t="str">
        <f t="shared" si="834"/>
        <v/>
      </c>
      <c r="DB464" s="898" t="str">
        <f t="shared" si="835"/>
        <v/>
      </c>
      <c r="DC464" s="898" t="str">
        <f t="shared" si="836"/>
        <v/>
      </c>
      <c r="DD464" s="898" t="str">
        <f t="shared" si="837"/>
        <v/>
      </c>
      <c r="DE464" s="898" t="str">
        <f t="shared" si="838"/>
        <v/>
      </c>
      <c r="DF464" s="898" t="str">
        <f t="shared" si="839"/>
        <v/>
      </c>
      <c r="DG464" s="898" t="str">
        <f t="shared" si="840"/>
        <v/>
      </c>
      <c r="DH464" s="898" t="str">
        <f t="shared" si="841"/>
        <v/>
      </c>
      <c r="DI464" s="898" t="str">
        <f t="shared" si="842"/>
        <v/>
      </c>
      <c r="DJ464" s="898" t="str">
        <f t="shared" si="843"/>
        <v/>
      </c>
      <c r="DK464" s="898" t="str">
        <f t="shared" si="844"/>
        <v/>
      </c>
      <c r="DL464" s="898" t="str">
        <f t="shared" si="845"/>
        <v/>
      </c>
      <c r="DM464" s="661">
        <f t="shared" si="799"/>
        <v>220536</v>
      </c>
      <c r="DN464" s="898">
        <f t="shared" si="800"/>
        <v>0</v>
      </c>
      <c r="DO464" s="516">
        <f t="shared" si="801"/>
        <v>0</v>
      </c>
      <c r="DP464" s="898">
        <f t="shared" si="802"/>
        <v>0</v>
      </c>
      <c r="DQ464" s="860" t="s">
        <v>4246</v>
      </c>
      <c r="DR464" s="610"/>
      <c r="DS464" s="1221" t="s">
        <v>4248</v>
      </c>
      <c r="DT464" s="632"/>
    </row>
    <row r="465" spans="1:124" s="613" customFormat="1" ht="71.25" x14ac:dyDescent="0.2">
      <c r="A465" s="484" t="str">
        <f t="shared" si="794"/>
        <v>Woodhall Farm-North Hemel Hempstead footway/cycle link</v>
      </c>
      <c r="B465" s="1163">
        <v>462</v>
      </c>
      <c r="C465" s="1156" t="s">
        <v>4575</v>
      </c>
      <c r="D465" s="481" t="s">
        <v>2481</v>
      </c>
      <c r="E465" s="481" t="s">
        <v>53</v>
      </c>
      <c r="F465" s="481" t="s">
        <v>655</v>
      </c>
      <c r="G465" s="775" t="s">
        <v>932</v>
      </c>
      <c r="H465" s="855" t="s">
        <v>1275</v>
      </c>
      <c r="I465" s="775" t="str">
        <f t="shared" si="849"/>
        <v>SG35-6</v>
      </c>
      <c r="J465" s="855" t="s">
        <v>4576</v>
      </c>
      <c r="K465" s="664" t="s">
        <v>3104</v>
      </c>
      <c r="L465" s="775" t="s">
        <v>4365</v>
      </c>
      <c r="M465" s="515" t="s">
        <v>3005</v>
      </c>
      <c r="N465" s="775" t="s">
        <v>81</v>
      </c>
      <c r="O465" s="654" t="s">
        <v>3051</v>
      </c>
      <c r="P465" s="657" t="s">
        <v>61</v>
      </c>
      <c r="Q465" s="852" t="s">
        <v>71</v>
      </c>
      <c r="R465" s="657"/>
      <c r="S465" s="657"/>
      <c r="T465" s="853">
        <v>345715</v>
      </c>
      <c r="U465" s="854"/>
      <c r="V465" s="657" t="s">
        <v>4245</v>
      </c>
      <c r="W465" s="642">
        <f t="shared" si="846"/>
        <v>0</v>
      </c>
      <c r="X465" s="745">
        <f t="shared" si="847"/>
        <v>345715</v>
      </c>
      <c r="Y465" s="745" t="s">
        <v>3106</v>
      </c>
      <c r="Z465" s="745" t="str">
        <f>_xlfn.XLOOKUP(I465, 'CALCS Aecom (July 25 2025)'!F:F, 'CALCS Aecom (July 25 2025)'!W:W)</f>
        <v>Multiple Scenario 1 (Step 3)</v>
      </c>
      <c r="AA465" s="650" t="s">
        <v>65</v>
      </c>
      <c r="AB465" s="516" t="s">
        <v>66</v>
      </c>
      <c r="AC465" s="657"/>
      <c r="AD465" s="657"/>
      <c r="AE465" s="657"/>
      <c r="AF465" s="657"/>
      <c r="AG465" s="657"/>
      <c r="AH465" s="657"/>
      <c r="AI465" s="657"/>
      <c r="AJ465" s="657"/>
      <c r="AK465" s="657"/>
      <c r="AL465" s="657"/>
      <c r="AM465" s="657"/>
      <c r="AN465" s="657"/>
      <c r="AO465" s="661"/>
      <c r="AP465" s="657"/>
      <c r="AQ465" s="657"/>
      <c r="AR465" s="657"/>
      <c r="AS465" s="657"/>
      <c r="AT465" s="657"/>
      <c r="AU465" s="657"/>
      <c r="AV465" s="657"/>
      <c r="AW465" s="657"/>
      <c r="AX465" s="657"/>
      <c r="AY465" s="657"/>
      <c r="AZ465" s="657"/>
      <c r="BA465" s="657"/>
      <c r="BB465" s="657"/>
      <c r="BC465" s="657"/>
      <c r="BD465" s="657"/>
      <c r="BE465" s="657"/>
      <c r="BF465" s="657"/>
      <c r="BG465" s="746"/>
      <c r="BH465" s="746"/>
      <c r="BI465" s="746"/>
      <c r="BJ465" s="746"/>
      <c r="BK465" s="746"/>
      <c r="BL465" s="746"/>
      <c r="BM465" s="746"/>
      <c r="BN465" s="746"/>
      <c r="BO465" s="892" t="s">
        <v>66</v>
      </c>
      <c r="BP465" s="892"/>
      <c r="BQ465" s="892"/>
      <c r="BR465" s="892"/>
      <c r="BS465" s="884">
        <f t="shared" si="798"/>
        <v>6500</v>
      </c>
      <c r="BT465" s="661">
        <f t="shared" si="848"/>
        <v>53.18692307692308</v>
      </c>
      <c r="BU465" s="661"/>
      <c r="BV465" s="898">
        <f t="shared" si="803"/>
        <v>265934.61538461538</v>
      </c>
      <c r="BW465" s="898" t="str">
        <f t="shared" si="804"/>
        <v/>
      </c>
      <c r="BX465" s="898" t="str">
        <f t="shared" si="805"/>
        <v/>
      </c>
      <c r="BY465" s="898" t="str">
        <f t="shared" si="806"/>
        <v/>
      </c>
      <c r="BZ465" s="898" t="str">
        <f t="shared" si="807"/>
        <v/>
      </c>
      <c r="CA465" s="898" t="str">
        <f t="shared" si="808"/>
        <v/>
      </c>
      <c r="CB465" s="898" t="str">
        <f t="shared" si="809"/>
        <v/>
      </c>
      <c r="CC465" s="898" t="str">
        <f t="shared" si="810"/>
        <v/>
      </c>
      <c r="CD465" s="898" t="str">
        <f t="shared" si="811"/>
        <v/>
      </c>
      <c r="CE465" s="898" t="str">
        <f t="shared" si="812"/>
        <v/>
      </c>
      <c r="CF465" s="898" t="str">
        <f t="shared" si="813"/>
        <v/>
      </c>
      <c r="CG465" s="898" t="str">
        <f t="shared" si="814"/>
        <v/>
      </c>
      <c r="CH465" s="898" t="str">
        <f t="shared" si="815"/>
        <v/>
      </c>
      <c r="CI465" s="898" t="str">
        <f t="shared" si="816"/>
        <v/>
      </c>
      <c r="CJ465" s="898" t="str">
        <f t="shared" si="817"/>
        <v/>
      </c>
      <c r="CK465" s="898" t="str">
        <f t="shared" si="818"/>
        <v/>
      </c>
      <c r="CL465" s="898" t="str">
        <f t="shared" si="819"/>
        <v/>
      </c>
      <c r="CM465" s="898" t="str">
        <f t="shared" si="820"/>
        <v/>
      </c>
      <c r="CN465" s="898" t="str">
        <f t="shared" si="821"/>
        <v/>
      </c>
      <c r="CO465" s="898" t="str">
        <f t="shared" si="822"/>
        <v/>
      </c>
      <c r="CP465" s="898" t="str">
        <f t="shared" si="823"/>
        <v/>
      </c>
      <c r="CQ465" s="898" t="str">
        <f t="shared" si="824"/>
        <v/>
      </c>
      <c r="CR465" s="898" t="str">
        <f t="shared" si="825"/>
        <v/>
      </c>
      <c r="CS465" s="898" t="str">
        <f t="shared" si="826"/>
        <v/>
      </c>
      <c r="CT465" s="898" t="str">
        <f t="shared" si="827"/>
        <v/>
      </c>
      <c r="CU465" s="898" t="str">
        <f t="shared" si="828"/>
        <v/>
      </c>
      <c r="CV465" s="898" t="str">
        <f t="shared" si="829"/>
        <v/>
      </c>
      <c r="CW465" s="898" t="str">
        <f t="shared" si="830"/>
        <v/>
      </c>
      <c r="CX465" s="898" t="str">
        <f t="shared" si="831"/>
        <v/>
      </c>
      <c r="CY465" s="898" t="str">
        <f t="shared" si="832"/>
        <v/>
      </c>
      <c r="CZ465" s="898" t="str">
        <f t="shared" si="833"/>
        <v/>
      </c>
      <c r="DA465" s="898" t="str">
        <f t="shared" si="834"/>
        <v/>
      </c>
      <c r="DB465" s="898" t="str">
        <f t="shared" si="835"/>
        <v/>
      </c>
      <c r="DC465" s="898" t="str">
        <f t="shared" si="836"/>
        <v/>
      </c>
      <c r="DD465" s="898" t="str">
        <f t="shared" si="837"/>
        <v/>
      </c>
      <c r="DE465" s="898" t="str">
        <f t="shared" si="838"/>
        <v/>
      </c>
      <c r="DF465" s="898" t="str">
        <f t="shared" si="839"/>
        <v/>
      </c>
      <c r="DG465" s="898" t="str">
        <f t="shared" si="840"/>
        <v/>
      </c>
      <c r="DH465" s="898" t="str">
        <f t="shared" si="841"/>
        <v/>
      </c>
      <c r="DI465" s="898">
        <f t="shared" si="842"/>
        <v>79780.384615384624</v>
      </c>
      <c r="DJ465" s="898" t="str">
        <f t="shared" si="843"/>
        <v/>
      </c>
      <c r="DK465" s="898" t="str">
        <f t="shared" si="844"/>
        <v/>
      </c>
      <c r="DL465" s="898" t="str">
        <f t="shared" si="845"/>
        <v/>
      </c>
      <c r="DM465" s="661">
        <f t="shared" si="799"/>
        <v>265934.61538461538</v>
      </c>
      <c r="DN465" s="898">
        <f t="shared" si="800"/>
        <v>79780.384615384624</v>
      </c>
      <c r="DO465" s="516">
        <f t="shared" si="801"/>
        <v>0</v>
      </c>
      <c r="DP465" s="898">
        <f t="shared" si="802"/>
        <v>0</v>
      </c>
      <c r="DQ465" s="860" t="s">
        <v>4246</v>
      </c>
      <c r="DR465" s="610"/>
      <c r="DS465" s="1221" t="s">
        <v>4248</v>
      </c>
      <c r="DT465" s="632"/>
    </row>
    <row r="466" spans="1:124" s="613" customFormat="1" ht="57" x14ac:dyDescent="0.2">
      <c r="A466" s="484" t="str">
        <f t="shared" si="794"/>
        <v>Northridge Way-Cangels Close-Moorland Road Cycle Route</v>
      </c>
      <c r="B466" s="1163">
        <v>463</v>
      </c>
      <c r="C466" s="1156" t="s">
        <v>4577</v>
      </c>
      <c r="D466" s="481" t="s">
        <v>2481</v>
      </c>
      <c r="E466" s="481" t="s">
        <v>53</v>
      </c>
      <c r="F466" s="481" t="s">
        <v>655</v>
      </c>
      <c r="G466" s="775" t="s">
        <v>932</v>
      </c>
      <c r="H466" s="855" t="s">
        <v>1277</v>
      </c>
      <c r="I466" s="775" t="str">
        <f t="shared" si="849"/>
        <v>SG36-1</v>
      </c>
      <c r="J466" s="855" t="s">
        <v>1278</v>
      </c>
      <c r="K466" s="664" t="s">
        <v>3104</v>
      </c>
      <c r="L466" s="852" t="s">
        <v>3167</v>
      </c>
      <c r="M466" s="515" t="s">
        <v>4244</v>
      </c>
      <c r="N466" s="775" t="s">
        <v>81</v>
      </c>
      <c r="O466" s="654" t="s">
        <v>3051</v>
      </c>
      <c r="P466" s="657" t="s">
        <v>61</v>
      </c>
      <c r="Q466" s="852" t="s">
        <v>71</v>
      </c>
      <c r="R466" s="657"/>
      <c r="S466" s="657"/>
      <c r="T466" s="853">
        <v>1936418</v>
      </c>
      <c r="U466" s="854"/>
      <c r="V466" s="657" t="s">
        <v>4245</v>
      </c>
      <c r="W466" s="642">
        <f t="shared" si="846"/>
        <v>0</v>
      </c>
      <c r="X466" s="745">
        <f t="shared" si="847"/>
        <v>1936418</v>
      </c>
      <c r="Y466" s="745" t="s">
        <v>3106</v>
      </c>
      <c r="Z466" s="745" t="str">
        <f>_xlfn.XLOOKUP(I466, 'CALCS Aecom (July 25 2025)'!F:F, 'CALCS Aecom (July 25 2025)'!W:W)</f>
        <v>Multiple Scenario 2 (Step 6)</v>
      </c>
      <c r="AA466" s="650" t="s">
        <v>65</v>
      </c>
      <c r="AB466" s="516" t="s">
        <v>66</v>
      </c>
      <c r="AC466" s="516" t="s">
        <v>66</v>
      </c>
      <c r="AD466" s="516" t="s">
        <v>66</v>
      </c>
      <c r="AE466" s="516" t="s">
        <v>66</v>
      </c>
      <c r="AF466" s="516" t="s">
        <v>66</v>
      </c>
      <c r="AG466" s="516" t="s">
        <v>66</v>
      </c>
      <c r="AH466" s="516" t="s">
        <v>66</v>
      </c>
      <c r="AI466" s="516" t="s">
        <v>66</v>
      </c>
      <c r="AJ466" s="516" t="s">
        <v>66</v>
      </c>
      <c r="AK466" s="516" t="s">
        <v>66</v>
      </c>
      <c r="AL466" s="516" t="s">
        <v>66</v>
      </c>
      <c r="AM466" s="516" t="s">
        <v>66</v>
      </c>
      <c r="AN466" s="516" t="s">
        <v>66</v>
      </c>
      <c r="AO466" s="516" t="s">
        <v>66</v>
      </c>
      <c r="AP466" s="516" t="s">
        <v>66</v>
      </c>
      <c r="AQ466" s="516" t="s">
        <v>66</v>
      </c>
      <c r="AR466" s="516" t="s">
        <v>66</v>
      </c>
      <c r="AS466" s="657"/>
      <c r="AT466" s="657"/>
      <c r="AU466" s="657"/>
      <c r="AV466" s="657"/>
      <c r="AW466" s="657"/>
      <c r="AX466" s="657"/>
      <c r="AY466" s="657"/>
      <c r="AZ466" s="657"/>
      <c r="BA466" s="657"/>
      <c r="BB466" s="657"/>
      <c r="BC466" s="657"/>
      <c r="BD466" s="657"/>
      <c r="BE466" s="657"/>
      <c r="BF466" s="657"/>
      <c r="BG466" s="746"/>
      <c r="BH466" s="746"/>
      <c r="BI466" s="746"/>
      <c r="BJ466" s="746"/>
      <c r="BK466" s="746"/>
      <c r="BL466" s="746"/>
      <c r="BM466" s="746"/>
      <c r="BN466" s="746"/>
      <c r="BO466" s="516" t="s">
        <v>66</v>
      </c>
      <c r="BP466" s="516" t="s">
        <v>66</v>
      </c>
      <c r="BQ466" s="516" t="s">
        <v>66</v>
      </c>
      <c r="BR466" s="516" t="s">
        <v>66</v>
      </c>
      <c r="BS466" s="884">
        <f t="shared" si="798"/>
        <v>21225</v>
      </c>
      <c r="BT466" s="661">
        <f t="shared" si="848"/>
        <v>91.232885747938752</v>
      </c>
      <c r="BU466" s="661" t="str">
        <f t="shared" ref="BU466:BU474" si="850">IF(SUM(BV466:DL466)=X466, "GOOD", "ERROR")</f>
        <v>GOOD</v>
      </c>
      <c r="BV466" s="898">
        <f t="shared" si="803"/>
        <v>456164.42873969377</v>
      </c>
      <c r="BW466" s="898">
        <f t="shared" si="804"/>
        <v>18246.577149587749</v>
      </c>
      <c r="BX466" s="898">
        <f t="shared" si="805"/>
        <v>41054.79858657244</v>
      </c>
      <c r="BY466" s="898">
        <f t="shared" si="806"/>
        <v>31931.510011778562</v>
      </c>
      <c r="BZ466" s="898">
        <f t="shared" si="807"/>
        <v>45616.442873969376</v>
      </c>
      <c r="CA466" s="898">
        <f t="shared" si="808"/>
        <v>43791.7851590106</v>
      </c>
      <c r="CB466" s="898">
        <f t="shared" si="809"/>
        <v>9123.2885747938744</v>
      </c>
      <c r="CC466" s="898">
        <f t="shared" si="810"/>
        <v>35580.825441696114</v>
      </c>
      <c r="CD466" s="898">
        <f t="shared" si="811"/>
        <v>45616.442873969376</v>
      </c>
      <c r="CE466" s="898">
        <f t="shared" si="812"/>
        <v>45616.442873969376</v>
      </c>
      <c r="CF466" s="898">
        <f t="shared" si="813"/>
        <v>68424.66431095406</v>
      </c>
      <c r="CG466" s="898">
        <f t="shared" si="814"/>
        <v>18246.577149587749</v>
      </c>
      <c r="CH466" s="898">
        <f t="shared" si="815"/>
        <v>21348.495265017667</v>
      </c>
      <c r="CI466" s="898">
        <f t="shared" si="816"/>
        <v>31931.510011778562</v>
      </c>
      <c r="CJ466" s="898">
        <f t="shared" si="817"/>
        <v>8210.9597173144884</v>
      </c>
      <c r="CK466" s="898">
        <f t="shared" si="818"/>
        <v>7298.6308598351006</v>
      </c>
      <c r="CL466" s="898">
        <f t="shared" si="819"/>
        <v>217134.26808009422</v>
      </c>
      <c r="CM466" s="898" t="str">
        <f t="shared" si="820"/>
        <v/>
      </c>
      <c r="CN466" s="898" t="str">
        <f t="shared" si="821"/>
        <v/>
      </c>
      <c r="CO466" s="898" t="str">
        <f t="shared" si="822"/>
        <v/>
      </c>
      <c r="CP466" s="898" t="str">
        <f t="shared" si="823"/>
        <v/>
      </c>
      <c r="CQ466" s="898" t="str">
        <f t="shared" si="824"/>
        <v/>
      </c>
      <c r="CR466" s="898" t="str">
        <f t="shared" si="825"/>
        <v/>
      </c>
      <c r="CS466" s="898" t="str">
        <f t="shared" si="826"/>
        <v/>
      </c>
      <c r="CT466" s="898" t="str">
        <f t="shared" si="827"/>
        <v/>
      </c>
      <c r="CU466" s="898" t="str">
        <f t="shared" si="828"/>
        <v/>
      </c>
      <c r="CV466" s="898" t="str">
        <f t="shared" si="829"/>
        <v/>
      </c>
      <c r="CW466" s="898" t="str">
        <f t="shared" si="830"/>
        <v/>
      </c>
      <c r="CX466" s="898" t="str">
        <f t="shared" si="831"/>
        <v/>
      </c>
      <c r="CY466" s="898" t="str">
        <f t="shared" si="832"/>
        <v/>
      </c>
      <c r="CZ466" s="898" t="str">
        <f t="shared" si="833"/>
        <v/>
      </c>
      <c r="DA466" s="898" t="str">
        <f t="shared" si="834"/>
        <v/>
      </c>
      <c r="DB466" s="898" t="str">
        <f t="shared" si="835"/>
        <v/>
      </c>
      <c r="DC466" s="898" t="str">
        <f t="shared" si="836"/>
        <v/>
      </c>
      <c r="DD466" s="898" t="str">
        <f t="shared" si="837"/>
        <v/>
      </c>
      <c r="DE466" s="898" t="str">
        <f t="shared" si="838"/>
        <v/>
      </c>
      <c r="DF466" s="898" t="str">
        <f t="shared" si="839"/>
        <v/>
      </c>
      <c r="DG466" s="898" t="str">
        <f t="shared" si="840"/>
        <v/>
      </c>
      <c r="DH466" s="898" t="str">
        <f t="shared" si="841"/>
        <v/>
      </c>
      <c r="DI466" s="898">
        <f t="shared" si="842"/>
        <v>136849.32862190812</v>
      </c>
      <c r="DJ466" s="898">
        <f t="shared" si="843"/>
        <v>145972.61719670199</v>
      </c>
      <c r="DK466" s="898">
        <f t="shared" si="844"/>
        <v>218958.92579505302</v>
      </c>
      <c r="DL466" s="898">
        <f t="shared" si="845"/>
        <v>289299.4807067138</v>
      </c>
      <c r="DM466" s="661">
        <f t="shared" si="799"/>
        <v>1145337.6476796228</v>
      </c>
      <c r="DN466" s="898">
        <f t="shared" si="800"/>
        <v>791080.35232037702</v>
      </c>
      <c r="DO466" s="516">
        <f t="shared" si="801"/>
        <v>0</v>
      </c>
      <c r="DP466" s="898">
        <f t="shared" si="802"/>
        <v>0</v>
      </c>
      <c r="DQ466" s="860" t="s">
        <v>4246</v>
      </c>
      <c r="DR466" s="610" t="s">
        <v>4247</v>
      </c>
      <c r="DS466" s="1221" t="s">
        <v>4248</v>
      </c>
      <c r="DT466" s="632"/>
    </row>
    <row r="467" spans="1:124" s="613" customFormat="1" ht="71.25" x14ac:dyDescent="0.2">
      <c r="A467" s="484" t="str">
        <f t="shared" si="794"/>
        <v>Northridge Way-Jocketts Road crossing and cycle route</v>
      </c>
      <c r="B467" s="1163">
        <v>464</v>
      </c>
      <c r="C467" s="1156" t="s">
        <v>4578</v>
      </c>
      <c r="D467" s="481" t="s">
        <v>2481</v>
      </c>
      <c r="E467" s="481" t="s">
        <v>53</v>
      </c>
      <c r="F467" s="481" t="s">
        <v>655</v>
      </c>
      <c r="G467" s="775" t="s">
        <v>932</v>
      </c>
      <c r="H467" s="855" t="s">
        <v>1279</v>
      </c>
      <c r="I467" s="775" t="str">
        <f t="shared" si="849"/>
        <v>SG36-2</v>
      </c>
      <c r="J467" s="855" t="s">
        <v>1280</v>
      </c>
      <c r="K467" s="664" t="s">
        <v>3104</v>
      </c>
      <c r="L467" s="852" t="s">
        <v>3167</v>
      </c>
      <c r="M467" s="515" t="s">
        <v>4244</v>
      </c>
      <c r="N467" s="775" t="s">
        <v>81</v>
      </c>
      <c r="O467" s="654" t="s">
        <v>3051</v>
      </c>
      <c r="P467" s="657" t="s">
        <v>61</v>
      </c>
      <c r="Q467" s="852" t="s">
        <v>71</v>
      </c>
      <c r="R467" s="657"/>
      <c r="S467" s="657"/>
      <c r="T467" s="853">
        <v>234194</v>
      </c>
      <c r="U467" s="854"/>
      <c r="V467" s="657" t="s">
        <v>4245</v>
      </c>
      <c r="W467" s="642">
        <f t="shared" si="846"/>
        <v>0</v>
      </c>
      <c r="X467" s="745">
        <f t="shared" si="847"/>
        <v>234194</v>
      </c>
      <c r="Y467" s="745" t="s">
        <v>3106</v>
      </c>
      <c r="Z467" s="745" t="str">
        <f>_xlfn.XLOOKUP(I467, 'CALCS Aecom (July 25 2025)'!F:F, 'CALCS Aecom (July 25 2025)'!W:W)</f>
        <v>Multiple Scenario 2 (Step 6)</v>
      </c>
      <c r="AA467" s="650" t="s">
        <v>65</v>
      </c>
      <c r="AB467" s="516" t="s">
        <v>66</v>
      </c>
      <c r="AC467" s="516" t="s">
        <v>66</v>
      </c>
      <c r="AD467" s="516" t="s">
        <v>66</v>
      </c>
      <c r="AE467" s="516" t="s">
        <v>66</v>
      </c>
      <c r="AF467" s="516" t="s">
        <v>66</v>
      </c>
      <c r="AG467" s="516" t="s">
        <v>66</v>
      </c>
      <c r="AH467" s="516" t="s">
        <v>66</v>
      </c>
      <c r="AI467" s="516" t="s">
        <v>66</v>
      </c>
      <c r="AJ467" s="516" t="s">
        <v>66</v>
      </c>
      <c r="AK467" s="516" t="s">
        <v>66</v>
      </c>
      <c r="AL467" s="516" t="s">
        <v>66</v>
      </c>
      <c r="AM467" s="516" t="s">
        <v>66</v>
      </c>
      <c r="AN467" s="516" t="s">
        <v>66</v>
      </c>
      <c r="AO467" s="516" t="s">
        <v>66</v>
      </c>
      <c r="AP467" s="516" t="s">
        <v>66</v>
      </c>
      <c r="AQ467" s="516" t="s">
        <v>66</v>
      </c>
      <c r="AR467" s="516" t="s">
        <v>66</v>
      </c>
      <c r="AS467" s="892"/>
      <c r="AT467" s="892"/>
      <c r="AU467" s="892"/>
      <c r="AV467" s="661"/>
      <c r="AW467" s="892"/>
      <c r="AX467" s="892"/>
      <c r="AY467" s="892"/>
      <c r="AZ467" s="661"/>
      <c r="BA467" s="892"/>
      <c r="BB467" s="661"/>
      <c r="BC467" s="661"/>
      <c r="BD467" s="892"/>
      <c r="BE467" s="661"/>
      <c r="BF467" s="661"/>
      <c r="BG467" s="746"/>
      <c r="BH467" s="746"/>
      <c r="BI467" s="746"/>
      <c r="BJ467" s="746"/>
      <c r="BK467" s="746"/>
      <c r="BL467" s="746"/>
      <c r="BM467" s="746"/>
      <c r="BN467" s="746"/>
      <c r="BO467" s="516" t="s">
        <v>66</v>
      </c>
      <c r="BP467" s="516" t="s">
        <v>66</v>
      </c>
      <c r="BQ467" s="516" t="s">
        <v>66</v>
      </c>
      <c r="BR467" s="516" t="s">
        <v>66</v>
      </c>
      <c r="BS467" s="884">
        <f t="shared" si="798"/>
        <v>21225</v>
      </c>
      <c r="BT467" s="661">
        <f t="shared" si="848"/>
        <v>11.033875147232038</v>
      </c>
      <c r="BU467" s="661" t="str">
        <f t="shared" si="850"/>
        <v>GOOD</v>
      </c>
      <c r="BV467" s="898">
        <f t="shared" si="803"/>
        <v>55169.375736160189</v>
      </c>
      <c r="BW467" s="898">
        <f t="shared" si="804"/>
        <v>2206.7750294464076</v>
      </c>
      <c r="BX467" s="898">
        <f t="shared" si="805"/>
        <v>4965.2438162544167</v>
      </c>
      <c r="BY467" s="898">
        <f t="shared" si="806"/>
        <v>3861.8563015312134</v>
      </c>
      <c r="BZ467" s="898">
        <f t="shared" si="807"/>
        <v>5516.9375736160191</v>
      </c>
      <c r="CA467" s="898">
        <f t="shared" si="808"/>
        <v>5296.2600706713783</v>
      </c>
      <c r="CB467" s="898">
        <f t="shared" si="809"/>
        <v>1103.3875147232038</v>
      </c>
      <c r="CC467" s="898">
        <f t="shared" si="810"/>
        <v>4303.2113074204954</v>
      </c>
      <c r="CD467" s="898">
        <f t="shared" si="811"/>
        <v>5516.9375736160191</v>
      </c>
      <c r="CE467" s="898">
        <f t="shared" si="812"/>
        <v>5516.9375736160191</v>
      </c>
      <c r="CF467" s="898">
        <f t="shared" si="813"/>
        <v>8275.4063604240291</v>
      </c>
      <c r="CG467" s="898">
        <f t="shared" si="814"/>
        <v>2206.7750294464076</v>
      </c>
      <c r="CH467" s="898">
        <f t="shared" si="815"/>
        <v>2581.9267844522969</v>
      </c>
      <c r="CI467" s="898">
        <f t="shared" si="816"/>
        <v>3861.8563015312134</v>
      </c>
      <c r="CJ467" s="898">
        <f t="shared" si="817"/>
        <v>993.04876325088344</v>
      </c>
      <c r="CK467" s="898">
        <f t="shared" si="818"/>
        <v>882.71001177856306</v>
      </c>
      <c r="CL467" s="898">
        <f t="shared" si="819"/>
        <v>26260.622850412252</v>
      </c>
      <c r="CM467" s="898" t="str">
        <f t="shared" si="820"/>
        <v/>
      </c>
      <c r="CN467" s="898" t="str">
        <f t="shared" si="821"/>
        <v/>
      </c>
      <c r="CO467" s="898" t="str">
        <f t="shared" si="822"/>
        <v/>
      </c>
      <c r="CP467" s="898" t="str">
        <f t="shared" si="823"/>
        <v/>
      </c>
      <c r="CQ467" s="898" t="str">
        <f t="shared" si="824"/>
        <v/>
      </c>
      <c r="CR467" s="898" t="str">
        <f t="shared" si="825"/>
        <v/>
      </c>
      <c r="CS467" s="898" t="str">
        <f t="shared" si="826"/>
        <v/>
      </c>
      <c r="CT467" s="898" t="str">
        <f t="shared" si="827"/>
        <v/>
      </c>
      <c r="CU467" s="898" t="str">
        <f t="shared" si="828"/>
        <v/>
      </c>
      <c r="CV467" s="898" t="str">
        <f t="shared" si="829"/>
        <v/>
      </c>
      <c r="CW467" s="898" t="str">
        <f t="shared" si="830"/>
        <v/>
      </c>
      <c r="CX467" s="898" t="str">
        <f t="shared" si="831"/>
        <v/>
      </c>
      <c r="CY467" s="898" t="str">
        <f t="shared" si="832"/>
        <v/>
      </c>
      <c r="CZ467" s="898" t="str">
        <f t="shared" si="833"/>
        <v/>
      </c>
      <c r="DA467" s="898" t="str">
        <f t="shared" si="834"/>
        <v/>
      </c>
      <c r="DB467" s="898" t="str">
        <f t="shared" si="835"/>
        <v/>
      </c>
      <c r="DC467" s="898" t="str">
        <f t="shared" si="836"/>
        <v/>
      </c>
      <c r="DD467" s="898" t="str">
        <f t="shared" si="837"/>
        <v/>
      </c>
      <c r="DE467" s="898" t="str">
        <f t="shared" si="838"/>
        <v/>
      </c>
      <c r="DF467" s="898" t="str">
        <f t="shared" si="839"/>
        <v/>
      </c>
      <c r="DG467" s="898" t="str">
        <f t="shared" si="840"/>
        <v/>
      </c>
      <c r="DH467" s="898" t="str">
        <f t="shared" si="841"/>
        <v/>
      </c>
      <c r="DI467" s="898">
        <f t="shared" si="842"/>
        <v>16550.812720848058</v>
      </c>
      <c r="DJ467" s="898">
        <f t="shared" si="843"/>
        <v>17654.200235571261</v>
      </c>
      <c r="DK467" s="898">
        <f t="shared" si="844"/>
        <v>26481.300353356892</v>
      </c>
      <c r="DL467" s="898">
        <f t="shared" si="845"/>
        <v>34988.418091872794</v>
      </c>
      <c r="DM467" s="661">
        <f t="shared" si="799"/>
        <v>138519.26859835096</v>
      </c>
      <c r="DN467" s="898">
        <f t="shared" si="800"/>
        <v>95674.731401649013</v>
      </c>
      <c r="DO467" s="516">
        <f t="shared" si="801"/>
        <v>0</v>
      </c>
      <c r="DP467" s="898">
        <f t="shared" si="802"/>
        <v>0</v>
      </c>
      <c r="DQ467" s="860" t="s">
        <v>4246</v>
      </c>
      <c r="DR467" s="610" t="s">
        <v>4247</v>
      </c>
      <c r="DS467" s="1221" t="s">
        <v>4248</v>
      </c>
      <c r="DT467" s="632"/>
    </row>
    <row r="468" spans="1:124" s="613" customFormat="1" ht="57" x14ac:dyDescent="0.2">
      <c r="A468" s="484" t="str">
        <f t="shared" si="794"/>
        <v>Northridge Way Wayfinding Signage</v>
      </c>
      <c r="B468" s="1163">
        <v>465</v>
      </c>
      <c r="C468" s="1156" t="s">
        <v>4579</v>
      </c>
      <c r="D468" s="481" t="s">
        <v>2481</v>
      </c>
      <c r="E468" s="481" t="s">
        <v>53</v>
      </c>
      <c r="F468" s="481" t="s">
        <v>655</v>
      </c>
      <c r="G468" s="775" t="s">
        <v>932</v>
      </c>
      <c r="H468" s="855" t="s">
        <v>1281</v>
      </c>
      <c r="I468" s="775" t="str">
        <f t="shared" si="849"/>
        <v>SG36-3</v>
      </c>
      <c r="J468" s="855" t="s">
        <v>1282</v>
      </c>
      <c r="K468" s="664" t="s">
        <v>3104</v>
      </c>
      <c r="L468" s="852" t="s">
        <v>3167</v>
      </c>
      <c r="M468" s="515" t="s">
        <v>4244</v>
      </c>
      <c r="N468" s="775" t="s">
        <v>81</v>
      </c>
      <c r="O468" s="654" t="s">
        <v>3051</v>
      </c>
      <c r="P468" s="657" t="s">
        <v>61</v>
      </c>
      <c r="Q468" s="852" t="s">
        <v>71</v>
      </c>
      <c r="R468" s="657"/>
      <c r="S468" s="657"/>
      <c r="T468" s="853">
        <v>10441</v>
      </c>
      <c r="U468" s="854"/>
      <c r="V468" s="657" t="s">
        <v>4245</v>
      </c>
      <c r="W468" s="642">
        <f t="shared" si="846"/>
        <v>0</v>
      </c>
      <c r="X468" s="745">
        <f t="shared" si="847"/>
        <v>10441</v>
      </c>
      <c r="Y468" s="745" t="s">
        <v>3106</v>
      </c>
      <c r="Z468" s="745" t="str">
        <f>_xlfn.XLOOKUP(I468, 'CALCS Aecom (July 25 2025)'!F:F, 'CALCS Aecom (July 25 2025)'!W:W)</f>
        <v>Multiple Scenario 2 (Step 6)</v>
      </c>
      <c r="AA468" s="650" t="s">
        <v>65</v>
      </c>
      <c r="AB468" s="516" t="s">
        <v>66</v>
      </c>
      <c r="AC468" s="516" t="s">
        <v>66</v>
      </c>
      <c r="AD468" s="516" t="s">
        <v>66</v>
      </c>
      <c r="AE468" s="516" t="s">
        <v>66</v>
      </c>
      <c r="AF468" s="516" t="s">
        <v>66</v>
      </c>
      <c r="AG468" s="516" t="s">
        <v>66</v>
      </c>
      <c r="AH468" s="516" t="s">
        <v>66</v>
      </c>
      <c r="AI468" s="516" t="s">
        <v>66</v>
      </c>
      <c r="AJ468" s="516" t="s">
        <v>66</v>
      </c>
      <c r="AK468" s="516" t="s">
        <v>66</v>
      </c>
      <c r="AL468" s="516" t="s">
        <v>66</v>
      </c>
      <c r="AM468" s="516" t="s">
        <v>66</v>
      </c>
      <c r="AN468" s="516" t="s">
        <v>66</v>
      </c>
      <c r="AO468" s="516" t="s">
        <v>66</v>
      </c>
      <c r="AP468" s="516" t="s">
        <v>66</v>
      </c>
      <c r="AQ468" s="516" t="s">
        <v>66</v>
      </c>
      <c r="AR468" s="516" t="s">
        <v>66</v>
      </c>
      <c r="AS468" s="892"/>
      <c r="AT468" s="892"/>
      <c r="AU468" s="892"/>
      <c r="AV468" s="661"/>
      <c r="AW468" s="892"/>
      <c r="AX468" s="892"/>
      <c r="AY468" s="892"/>
      <c r="AZ468" s="661"/>
      <c r="BA468" s="892"/>
      <c r="BB468" s="661"/>
      <c r="BC468" s="661"/>
      <c r="BD468" s="892"/>
      <c r="BE468" s="661"/>
      <c r="BF468" s="661"/>
      <c r="BG468" s="746"/>
      <c r="BH468" s="746"/>
      <c r="BI468" s="746"/>
      <c r="BJ468" s="746"/>
      <c r="BK468" s="746"/>
      <c r="BL468" s="746"/>
      <c r="BM468" s="746"/>
      <c r="BN468" s="746"/>
      <c r="BO468" s="516" t="s">
        <v>66</v>
      </c>
      <c r="BP468" s="516" t="s">
        <v>66</v>
      </c>
      <c r="BQ468" s="516" t="s">
        <v>66</v>
      </c>
      <c r="BR468" s="516" t="s">
        <v>66</v>
      </c>
      <c r="BS468" s="884">
        <f t="shared" si="798"/>
        <v>21225</v>
      </c>
      <c r="BT468" s="661">
        <f t="shared" si="848"/>
        <v>0.49191990577149586</v>
      </c>
      <c r="BU468" s="661" t="str">
        <f t="shared" si="850"/>
        <v>GOOD</v>
      </c>
      <c r="BV468" s="898">
        <f t="shared" si="803"/>
        <v>2459.5995288574791</v>
      </c>
      <c r="BW468" s="898">
        <f t="shared" si="804"/>
        <v>98.383981154299178</v>
      </c>
      <c r="BX468" s="898">
        <f t="shared" si="805"/>
        <v>221.36395759717314</v>
      </c>
      <c r="BY468" s="898">
        <f t="shared" si="806"/>
        <v>172.17196702002354</v>
      </c>
      <c r="BZ468" s="898">
        <f t="shared" si="807"/>
        <v>245.95995288574792</v>
      </c>
      <c r="CA468" s="898">
        <f t="shared" si="808"/>
        <v>236.121554770318</v>
      </c>
      <c r="CB468" s="898">
        <f t="shared" si="809"/>
        <v>49.191990577149589</v>
      </c>
      <c r="CC468" s="898">
        <f t="shared" si="810"/>
        <v>191.84876325088339</v>
      </c>
      <c r="CD468" s="898">
        <f t="shared" si="811"/>
        <v>245.95995288574792</v>
      </c>
      <c r="CE468" s="898">
        <f t="shared" si="812"/>
        <v>245.95995288574792</v>
      </c>
      <c r="CF468" s="898">
        <f t="shared" si="813"/>
        <v>368.93992932862187</v>
      </c>
      <c r="CG468" s="898">
        <f t="shared" si="814"/>
        <v>98.383981154299178</v>
      </c>
      <c r="CH468" s="898">
        <f t="shared" si="815"/>
        <v>115.10925795053004</v>
      </c>
      <c r="CI468" s="898">
        <f t="shared" si="816"/>
        <v>172.17196702002354</v>
      </c>
      <c r="CJ468" s="898">
        <f t="shared" si="817"/>
        <v>44.272791519434627</v>
      </c>
      <c r="CK468" s="898">
        <f t="shared" si="818"/>
        <v>39.353592461719671</v>
      </c>
      <c r="CL468" s="898">
        <f t="shared" si="819"/>
        <v>1170.7693757361601</v>
      </c>
      <c r="CM468" s="898" t="str">
        <f t="shared" si="820"/>
        <v/>
      </c>
      <c r="CN468" s="898" t="str">
        <f t="shared" si="821"/>
        <v/>
      </c>
      <c r="CO468" s="898" t="str">
        <f t="shared" si="822"/>
        <v/>
      </c>
      <c r="CP468" s="898" t="str">
        <f t="shared" si="823"/>
        <v/>
      </c>
      <c r="CQ468" s="898" t="str">
        <f t="shared" si="824"/>
        <v/>
      </c>
      <c r="CR468" s="898" t="str">
        <f t="shared" si="825"/>
        <v/>
      </c>
      <c r="CS468" s="898" t="str">
        <f t="shared" si="826"/>
        <v/>
      </c>
      <c r="CT468" s="898" t="str">
        <f t="shared" si="827"/>
        <v/>
      </c>
      <c r="CU468" s="898" t="str">
        <f t="shared" si="828"/>
        <v/>
      </c>
      <c r="CV468" s="898" t="str">
        <f t="shared" si="829"/>
        <v/>
      </c>
      <c r="CW468" s="898" t="str">
        <f t="shared" si="830"/>
        <v/>
      </c>
      <c r="CX468" s="898" t="str">
        <f t="shared" si="831"/>
        <v/>
      </c>
      <c r="CY468" s="898" t="str">
        <f t="shared" si="832"/>
        <v/>
      </c>
      <c r="CZ468" s="898" t="str">
        <f t="shared" si="833"/>
        <v/>
      </c>
      <c r="DA468" s="898" t="str">
        <f t="shared" si="834"/>
        <v/>
      </c>
      <c r="DB468" s="898" t="str">
        <f t="shared" si="835"/>
        <v/>
      </c>
      <c r="DC468" s="898" t="str">
        <f t="shared" si="836"/>
        <v/>
      </c>
      <c r="DD468" s="898" t="str">
        <f t="shared" si="837"/>
        <v/>
      </c>
      <c r="DE468" s="898" t="str">
        <f t="shared" si="838"/>
        <v/>
      </c>
      <c r="DF468" s="898" t="str">
        <f t="shared" si="839"/>
        <v/>
      </c>
      <c r="DG468" s="898" t="str">
        <f t="shared" si="840"/>
        <v/>
      </c>
      <c r="DH468" s="898" t="str">
        <f t="shared" si="841"/>
        <v/>
      </c>
      <c r="DI468" s="898">
        <f t="shared" si="842"/>
        <v>737.87985865724374</v>
      </c>
      <c r="DJ468" s="898">
        <f t="shared" si="843"/>
        <v>787.07184923439343</v>
      </c>
      <c r="DK468" s="898">
        <f t="shared" si="844"/>
        <v>1180.6077738515901</v>
      </c>
      <c r="DL468" s="898">
        <f t="shared" si="845"/>
        <v>1559.8780212014133</v>
      </c>
      <c r="DM468" s="661">
        <f t="shared" si="799"/>
        <v>6175.5624970553599</v>
      </c>
      <c r="DN468" s="898">
        <f t="shared" si="800"/>
        <v>4265.437502944641</v>
      </c>
      <c r="DO468" s="516">
        <f t="shared" si="801"/>
        <v>0</v>
      </c>
      <c r="DP468" s="898">
        <f t="shared" si="802"/>
        <v>0</v>
      </c>
      <c r="DQ468" s="860" t="s">
        <v>4246</v>
      </c>
      <c r="DR468" s="610" t="s">
        <v>4247</v>
      </c>
      <c r="DS468" s="1221" t="s">
        <v>4248</v>
      </c>
      <c r="DT468" s="632"/>
    </row>
    <row r="469" spans="1:124" s="613" customFormat="1" ht="57" x14ac:dyDescent="0.2">
      <c r="A469" s="484" t="str">
        <f t="shared" si="794"/>
        <v>Northridge Way Park cycle parking</v>
      </c>
      <c r="B469" s="1163">
        <v>466</v>
      </c>
      <c r="C469" s="1156" t="s">
        <v>4580</v>
      </c>
      <c r="D469" s="481" t="s">
        <v>2481</v>
      </c>
      <c r="E469" s="481" t="s">
        <v>53</v>
      </c>
      <c r="F469" s="481" t="s">
        <v>655</v>
      </c>
      <c r="G469" s="775" t="s">
        <v>932</v>
      </c>
      <c r="H469" s="855" t="s">
        <v>1283</v>
      </c>
      <c r="I469" s="775" t="str">
        <f t="shared" si="849"/>
        <v>SG36-4</v>
      </c>
      <c r="J469" s="855" t="s">
        <v>1284</v>
      </c>
      <c r="K469" s="664" t="s">
        <v>3104</v>
      </c>
      <c r="L469" s="852" t="s">
        <v>3167</v>
      </c>
      <c r="M469" s="515" t="s">
        <v>4244</v>
      </c>
      <c r="N469" s="775" t="s">
        <v>81</v>
      </c>
      <c r="O469" s="654" t="s">
        <v>3051</v>
      </c>
      <c r="P469" s="657" t="s">
        <v>61</v>
      </c>
      <c r="Q469" s="852" t="s">
        <v>71</v>
      </c>
      <c r="R469" s="657"/>
      <c r="S469" s="657"/>
      <c r="T469" s="853">
        <v>797</v>
      </c>
      <c r="U469" s="854"/>
      <c r="V469" s="657" t="s">
        <v>4245</v>
      </c>
      <c r="W469" s="642">
        <f t="shared" si="846"/>
        <v>0</v>
      </c>
      <c r="X469" s="745">
        <f t="shared" si="847"/>
        <v>797</v>
      </c>
      <c r="Y469" s="745" t="s">
        <v>3106</v>
      </c>
      <c r="Z469" s="745" t="str">
        <f>_xlfn.XLOOKUP(I469, 'CALCS Aecom (July 25 2025)'!F:F, 'CALCS Aecom (July 25 2025)'!W:W)</f>
        <v>Multiple Scenario 2 (Step 6)</v>
      </c>
      <c r="AA469" s="650" t="s">
        <v>65</v>
      </c>
      <c r="AB469" s="516" t="s">
        <v>66</v>
      </c>
      <c r="AC469" s="516" t="s">
        <v>66</v>
      </c>
      <c r="AD469" s="516" t="s">
        <v>66</v>
      </c>
      <c r="AE469" s="516" t="s">
        <v>66</v>
      </c>
      <c r="AF469" s="516" t="s">
        <v>66</v>
      </c>
      <c r="AG469" s="516" t="s">
        <v>66</v>
      </c>
      <c r="AH469" s="516" t="s">
        <v>66</v>
      </c>
      <c r="AI469" s="516" t="s">
        <v>66</v>
      </c>
      <c r="AJ469" s="516" t="s">
        <v>66</v>
      </c>
      <c r="AK469" s="516" t="s">
        <v>66</v>
      </c>
      <c r="AL469" s="516" t="s">
        <v>66</v>
      </c>
      <c r="AM469" s="516" t="s">
        <v>66</v>
      </c>
      <c r="AN469" s="516" t="s">
        <v>66</v>
      </c>
      <c r="AO469" s="516" t="s">
        <v>66</v>
      </c>
      <c r="AP469" s="516" t="s">
        <v>66</v>
      </c>
      <c r="AQ469" s="516" t="s">
        <v>66</v>
      </c>
      <c r="AR469" s="516" t="s">
        <v>66</v>
      </c>
      <c r="AS469" s="892"/>
      <c r="AT469" s="892"/>
      <c r="AU469" s="892"/>
      <c r="AV469" s="661"/>
      <c r="AW469" s="892"/>
      <c r="AX469" s="892"/>
      <c r="AY469" s="892"/>
      <c r="AZ469" s="661"/>
      <c r="BA469" s="892"/>
      <c r="BB469" s="661"/>
      <c r="BC469" s="661"/>
      <c r="BD469" s="892"/>
      <c r="BE469" s="661"/>
      <c r="BF469" s="661"/>
      <c r="BG469" s="746"/>
      <c r="BH469" s="746"/>
      <c r="BI469" s="746"/>
      <c r="BJ469" s="746"/>
      <c r="BK469" s="746"/>
      <c r="BL469" s="746"/>
      <c r="BM469" s="746"/>
      <c r="BN469" s="746"/>
      <c r="BO469" s="516" t="s">
        <v>66</v>
      </c>
      <c r="BP469" s="516" t="s">
        <v>66</v>
      </c>
      <c r="BQ469" s="516" t="s">
        <v>66</v>
      </c>
      <c r="BR469" s="516" t="s">
        <v>66</v>
      </c>
      <c r="BS469" s="884">
        <f t="shared" si="798"/>
        <v>21225</v>
      </c>
      <c r="BT469" s="661">
        <f t="shared" si="848"/>
        <v>3.7550058892815076E-2</v>
      </c>
      <c r="BU469" s="661" t="str">
        <f t="shared" si="850"/>
        <v>GOOD</v>
      </c>
      <c r="BV469" s="898">
        <f t="shared" si="803"/>
        <v>187.75029446407538</v>
      </c>
      <c r="BW469" s="898">
        <f t="shared" si="804"/>
        <v>7.5100117785630154</v>
      </c>
      <c r="BX469" s="898">
        <f t="shared" si="805"/>
        <v>16.897526501766784</v>
      </c>
      <c r="BY469" s="898">
        <f t="shared" si="806"/>
        <v>13.142520612485276</v>
      </c>
      <c r="BZ469" s="898">
        <f t="shared" si="807"/>
        <v>18.775029446407537</v>
      </c>
      <c r="CA469" s="898">
        <f t="shared" si="808"/>
        <v>18.024028268551238</v>
      </c>
      <c r="CB469" s="898">
        <f t="shared" si="809"/>
        <v>3.7550058892815077</v>
      </c>
      <c r="CC469" s="898">
        <f t="shared" si="810"/>
        <v>14.644522968197879</v>
      </c>
      <c r="CD469" s="898">
        <f t="shared" si="811"/>
        <v>18.775029446407537</v>
      </c>
      <c r="CE469" s="898">
        <f t="shared" si="812"/>
        <v>18.775029446407537</v>
      </c>
      <c r="CF469" s="898">
        <f t="shared" si="813"/>
        <v>28.162544169611309</v>
      </c>
      <c r="CG469" s="898">
        <f t="shared" si="814"/>
        <v>7.5100117785630154</v>
      </c>
      <c r="CH469" s="898">
        <f t="shared" si="815"/>
        <v>8.7867137809187277</v>
      </c>
      <c r="CI469" s="898">
        <f t="shared" si="816"/>
        <v>13.142520612485276</v>
      </c>
      <c r="CJ469" s="898">
        <f t="shared" si="817"/>
        <v>3.3795053003533568</v>
      </c>
      <c r="CK469" s="898">
        <f t="shared" si="818"/>
        <v>3.004004711425206</v>
      </c>
      <c r="CL469" s="898">
        <f t="shared" si="819"/>
        <v>89.369140164899875</v>
      </c>
      <c r="CM469" s="898" t="str">
        <f t="shared" si="820"/>
        <v/>
      </c>
      <c r="CN469" s="898" t="str">
        <f t="shared" si="821"/>
        <v/>
      </c>
      <c r="CO469" s="898" t="str">
        <f t="shared" si="822"/>
        <v/>
      </c>
      <c r="CP469" s="898" t="str">
        <f t="shared" si="823"/>
        <v/>
      </c>
      <c r="CQ469" s="898" t="str">
        <f t="shared" si="824"/>
        <v/>
      </c>
      <c r="CR469" s="898" t="str">
        <f t="shared" si="825"/>
        <v/>
      </c>
      <c r="CS469" s="898" t="str">
        <f t="shared" si="826"/>
        <v/>
      </c>
      <c r="CT469" s="898" t="str">
        <f t="shared" si="827"/>
        <v/>
      </c>
      <c r="CU469" s="898" t="str">
        <f t="shared" si="828"/>
        <v/>
      </c>
      <c r="CV469" s="898" t="str">
        <f t="shared" si="829"/>
        <v/>
      </c>
      <c r="CW469" s="898" t="str">
        <f t="shared" si="830"/>
        <v/>
      </c>
      <c r="CX469" s="898" t="str">
        <f t="shared" si="831"/>
        <v/>
      </c>
      <c r="CY469" s="898" t="str">
        <f t="shared" si="832"/>
        <v/>
      </c>
      <c r="CZ469" s="898" t="str">
        <f t="shared" si="833"/>
        <v/>
      </c>
      <c r="DA469" s="898" t="str">
        <f t="shared" si="834"/>
        <v/>
      </c>
      <c r="DB469" s="898" t="str">
        <f t="shared" si="835"/>
        <v/>
      </c>
      <c r="DC469" s="898" t="str">
        <f t="shared" si="836"/>
        <v/>
      </c>
      <c r="DD469" s="898" t="str">
        <f t="shared" si="837"/>
        <v/>
      </c>
      <c r="DE469" s="898" t="str">
        <f t="shared" si="838"/>
        <v/>
      </c>
      <c r="DF469" s="898" t="str">
        <f t="shared" si="839"/>
        <v/>
      </c>
      <c r="DG469" s="898" t="str">
        <f t="shared" si="840"/>
        <v/>
      </c>
      <c r="DH469" s="898" t="str">
        <f t="shared" si="841"/>
        <v/>
      </c>
      <c r="DI469" s="898">
        <f t="shared" si="842"/>
        <v>56.325088339222617</v>
      </c>
      <c r="DJ469" s="898">
        <f t="shared" si="843"/>
        <v>60.080094228504123</v>
      </c>
      <c r="DK469" s="898">
        <f t="shared" si="844"/>
        <v>90.120141342756185</v>
      </c>
      <c r="DL469" s="898">
        <f t="shared" si="845"/>
        <v>119.07123674911661</v>
      </c>
      <c r="DM469" s="661">
        <f t="shared" si="799"/>
        <v>471.40343934040033</v>
      </c>
      <c r="DN469" s="898">
        <f t="shared" si="800"/>
        <v>325.59656065959956</v>
      </c>
      <c r="DO469" s="516">
        <f t="shared" si="801"/>
        <v>0</v>
      </c>
      <c r="DP469" s="898">
        <f t="shared" si="802"/>
        <v>0</v>
      </c>
      <c r="DQ469" s="860" t="s">
        <v>4246</v>
      </c>
      <c r="DR469" s="610" t="s">
        <v>4247</v>
      </c>
      <c r="DS469" s="1221" t="s">
        <v>4248</v>
      </c>
      <c r="DT469" s="632"/>
    </row>
    <row r="470" spans="1:124" s="613" customFormat="1" ht="57" x14ac:dyDescent="0.2">
      <c r="A470" s="484" t="str">
        <f t="shared" si="794"/>
        <v>Green End Road crossing and traffic calming feature near St Rose's School</v>
      </c>
      <c r="B470" s="1163">
        <v>467</v>
      </c>
      <c r="C470" s="1156" t="s">
        <v>4581</v>
      </c>
      <c r="D470" s="481" t="s">
        <v>2481</v>
      </c>
      <c r="E470" s="481" t="s">
        <v>53</v>
      </c>
      <c r="F470" s="481" t="s">
        <v>655</v>
      </c>
      <c r="G470" s="775" t="s">
        <v>932</v>
      </c>
      <c r="H470" s="855" t="s">
        <v>1285</v>
      </c>
      <c r="I470" s="775" t="str">
        <f t="shared" si="849"/>
        <v>SG37-1</v>
      </c>
      <c r="J470" s="855" t="s">
        <v>1286</v>
      </c>
      <c r="K470" s="664" t="s">
        <v>3104</v>
      </c>
      <c r="L470" s="852" t="s">
        <v>3167</v>
      </c>
      <c r="M470" s="515" t="s">
        <v>4244</v>
      </c>
      <c r="N470" s="775" t="s">
        <v>81</v>
      </c>
      <c r="O470" s="654" t="s">
        <v>3051</v>
      </c>
      <c r="P470" s="657" t="s">
        <v>61</v>
      </c>
      <c r="Q470" s="852" t="s">
        <v>71</v>
      </c>
      <c r="R470" s="657"/>
      <c r="S470" s="657"/>
      <c r="T470" s="853">
        <v>10938</v>
      </c>
      <c r="U470" s="854"/>
      <c r="V470" s="657" t="s">
        <v>4245</v>
      </c>
      <c r="W470" s="642">
        <f t="shared" si="846"/>
        <v>0</v>
      </c>
      <c r="X470" s="745">
        <f t="shared" si="847"/>
        <v>10938</v>
      </c>
      <c r="Y470" s="745" t="s">
        <v>3106</v>
      </c>
      <c r="Z470" s="745" t="str">
        <f>_xlfn.XLOOKUP(I470, 'CALCS Aecom (July 25 2025)'!F:F, 'CALCS Aecom (July 25 2025)'!W:W)</f>
        <v>Multiple Scenario 2 (Step 6)</v>
      </c>
      <c r="AA470" s="650" t="s">
        <v>65</v>
      </c>
      <c r="AB470" s="516" t="s">
        <v>66</v>
      </c>
      <c r="AC470" s="516" t="s">
        <v>66</v>
      </c>
      <c r="AD470" s="516" t="s">
        <v>66</v>
      </c>
      <c r="AE470" s="516" t="s">
        <v>66</v>
      </c>
      <c r="AF470" s="516" t="s">
        <v>66</v>
      </c>
      <c r="AG470" s="516" t="s">
        <v>66</v>
      </c>
      <c r="AH470" s="516" t="s">
        <v>66</v>
      </c>
      <c r="AI470" s="516" t="s">
        <v>66</v>
      </c>
      <c r="AJ470" s="516" t="s">
        <v>66</v>
      </c>
      <c r="AK470" s="516" t="s">
        <v>66</v>
      </c>
      <c r="AL470" s="516" t="s">
        <v>66</v>
      </c>
      <c r="AM470" s="516" t="s">
        <v>66</v>
      </c>
      <c r="AN470" s="516" t="s">
        <v>66</v>
      </c>
      <c r="AO470" s="516" t="s">
        <v>66</v>
      </c>
      <c r="AP470" s="516" t="s">
        <v>66</v>
      </c>
      <c r="AQ470" s="516" t="s">
        <v>66</v>
      </c>
      <c r="AR470" s="516" t="s">
        <v>66</v>
      </c>
      <c r="AS470" s="892"/>
      <c r="AT470" s="892"/>
      <c r="AU470" s="892"/>
      <c r="AV470" s="661"/>
      <c r="AW470" s="892"/>
      <c r="AX470" s="892"/>
      <c r="AY470" s="892"/>
      <c r="AZ470" s="661"/>
      <c r="BA470" s="892"/>
      <c r="BB470" s="661"/>
      <c r="BC470" s="661"/>
      <c r="BD470" s="892"/>
      <c r="BE470" s="661"/>
      <c r="BF470" s="661"/>
      <c r="BG470" s="746"/>
      <c r="BH470" s="746"/>
      <c r="BI470" s="746"/>
      <c r="BJ470" s="746"/>
      <c r="BK470" s="746"/>
      <c r="BL470" s="746"/>
      <c r="BM470" s="746"/>
      <c r="BN470" s="746"/>
      <c r="BO470" s="516" t="s">
        <v>66</v>
      </c>
      <c r="BP470" s="516" t="s">
        <v>66</v>
      </c>
      <c r="BQ470" s="516" t="s">
        <v>66</v>
      </c>
      <c r="BR470" s="516" t="s">
        <v>66</v>
      </c>
      <c r="BS470" s="884">
        <f t="shared" si="798"/>
        <v>21225</v>
      </c>
      <c r="BT470" s="661">
        <f t="shared" si="848"/>
        <v>0.51533568904593641</v>
      </c>
      <c r="BU470" s="661" t="str">
        <f t="shared" si="850"/>
        <v>GOOD</v>
      </c>
      <c r="BV470" s="898">
        <f t="shared" si="803"/>
        <v>2576.678445229682</v>
      </c>
      <c r="BW470" s="898">
        <f t="shared" si="804"/>
        <v>103.06713780918729</v>
      </c>
      <c r="BX470" s="898">
        <f t="shared" si="805"/>
        <v>231.90106007067138</v>
      </c>
      <c r="BY470" s="898">
        <f t="shared" si="806"/>
        <v>180.36749116607774</v>
      </c>
      <c r="BZ470" s="898">
        <f t="shared" si="807"/>
        <v>257.66784452296821</v>
      </c>
      <c r="CA470" s="898">
        <f t="shared" si="808"/>
        <v>247.36113074204948</v>
      </c>
      <c r="CB470" s="898">
        <f t="shared" si="809"/>
        <v>51.533568904593643</v>
      </c>
      <c r="CC470" s="898">
        <f t="shared" si="810"/>
        <v>200.9809187279152</v>
      </c>
      <c r="CD470" s="898">
        <f t="shared" si="811"/>
        <v>257.66784452296821</v>
      </c>
      <c r="CE470" s="898">
        <f t="shared" si="812"/>
        <v>257.66784452296821</v>
      </c>
      <c r="CF470" s="898">
        <f t="shared" si="813"/>
        <v>386.50176678445229</v>
      </c>
      <c r="CG470" s="898">
        <f t="shared" si="814"/>
        <v>103.06713780918729</v>
      </c>
      <c r="CH470" s="898">
        <f t="shared" si="815"/>
        <v>120.58855123674913</v>
      </c>
      <c r="CI470" s="898">
        <f t="shared" si="816"/>
        <v>180.36749116607774</v>
      </c>
      <c r="CJ470" s="898">
        <f t="shared" si="817"/>
        <v>46.38021201413428</v>
      </c>
      <c r="CK470" s="898">
        <f t="shared" si="818"/>
        <v>41.226855123674909</v>
      </c>
      <c r="CL470" s="898">
        <f t="shared" si="819"/>
        <v>1226.4989399293286</v>
      </c>
      <c r="CM470" s="898" t="str">
        <f t="shared" si="820"/>
        <v/>
      </c>
      <c r="CN470" s="898" t="str">
        <f t="shared" si="821"/>
        <v/>
      </c>
      <c r="CO470" s="898" t="str">
        <f t="shared" si="822"/>
        <v/>
      </c>
      <c r="CP470" s="898" t="str">
        <f t="shared" si="823"/>
        <v/>
      </c>
      <c r="CQ470" s="898" t="str">
        <f t="shared" si="824"/>
        <v/>
      </c>
      <c r="CR470" s="898" t="str">
        <f t="shared" si="825"/>
        <v/>
      </c>
      <c r="CS470" s="898" t="str">
        <f t="shared" si="826"/>
        <v/>
      </c>
      <c r="CT470" s="898" t="str">
        <f t="shared" si="827"/>
        <v/>
      </c>
      <c r="CU470" s="898" t="str">
        <f t="shared" si="828"/>
        <v/>
      </c>
      <c r="CV470" s="898" t="str">
        <f t="shared" si="829"/>
        <v/>
      </c>
      <c r="CW470" s="898" t="str">
        <f t="shared" si="830"/>
        <v/>
      </c>
      <c r="CX470" s="898" t="str">
        <f t="shared" si="831"/>
        <v/>
      </c>
      <c r="CY470" s="898" t="str">
        <f t="shared" si="832"/>
        <v/>
      </c>
      <c r="CZ470" s="898" t="str">
        <f t="shared" si="833"/>
        <v/>
      </c>
      <c r="DA470" s="898" t="str">
        <f t="shared" si="834"/>
        <v/>
      </c>
      <c r="DB470" s="898" t="str">
        <f t="shared" si="835"/>
        <v/>
      </c>
      <c r="DC470" s="898" t="str">
        <f t="shared" si="836"/>
        <v/>
      </c>
      <c r="DD470" s="898" t="str">
        <f t="shared" si="837"/>
        <v/>
      </c>
      <c r="DE470" s="898" t="str">
        <f t="shared" si="838"/>
        <v/>
      </c>
      <c r="DF470" s="898" t="str">
        <f t="shared" si="839"/>
        <v/>
      </c>
      <c r="DG470" s="898" t="str">
        <f t="shared" si="840"/>
        <v/>
      </c>
      <c r="DH470" s="898" t="str">
        <f t="shared" si="841"/>
        <v/>
      </c>
      <c r="DI470" s="898">
        <f t="shared" si="842"/>
        <v>773.00353356890457</v>
      </c>
      <c r="DJ470" s="898">
        <f t="shared" si="843"/>
        <v>824.53710247349829</v>
      </c>
      <c r="DK470" s="898">
        <f t="shared" si="844"/>
        <v>1236.8056537102473</v>
      </c>
      <c r="DL470" s="898">
        <f t="shared" si="845"/>
        <v>1634.1294699646644</v>
      </c>
      <c r="DM470" s="661">
        <f t="shared" si="799"/>
        <v>6469.5242402826862</v>
      </c>
      <c r="DN470" s="898">
        <f t="shared" si="800"/>
        <v>4468.4757597173148</v>
      </c>
      <c r="DO470" s="516">
        <f t="shared" si="801"/>
        <v>0</v>
      </c>
      <c r="DP470" s="898">
        <f t="shared" si="802"/>
        <v>0</v>
      </c>
      <c r="DQ470" s="860" t="s">
        <v>4246</v>
      </c>
      <c r="DR470" s="610" t="s">
        <v>4247</v>
      </c>
      <c r="DS470" s="1221" t="s">
        <v>4248</v>
      </c>
      <c r="DT470" s="632"/>
    </row>
    <row r="471" spans="1:124" s="613" customFormat="1" ht="57" x14ac:dyDescent="0.2">
      <c r="A471" s="484" t="str">
        <f t="shared" si="794"/>
        <v>Zebra crossing on Ashtree Way</v>
      </c>
      <c r="B471" s="1163">
        <v>468</v>
      </c>
      <c r="C471" s="1156" t="s">
        <v>4582</v>
      </c>
      <c r="D471" s="481" t="s">
        <v>2481</v>
      </c>
      <c r="E471" s="481" t="s">
        <v>53</v>
      </c>
      <c r="F471" s="481" t="s">
        <v>655</v>
      </c>
      <c r="G471" s="775" t="s">
        <v>932</v>
      </c>
      <c r="H471" s="855" t="s">
        <v>1287</v>
      </c>
      <c r="I471" s="775" t="str">
        <f t="shared" si="849"/>
        <v>SG37-2</v>
      </c>
      <c r="J471" s="855" t="s">
        <v>1288</v>
      </c>
      <c r="K471" s="664" t="s">
        <v>3104</v>
      </c>
      <c r="L471" s="852" t="s">
        <v>3167</v>
      </c>
      <c r="M471" s="515" t="s">
        <v>4244</v>
      </c>
      <c r="N471" s="775" t="s">
        <v>81</v>
      </c>
      <c r="O471" s="654" t="s">
        <v>3051</v>
      </c>
      <c r="P471" s="657" t="s">
        <v>61</v>
      </c>
      <c r="Q471" s="852" t="s">
        <v>71</v>
      </c>
      <c r="R471" s="657"/>
      <c r="S471" s="657"/>
      <c r="T471" s="853">
        <v>199337</v>
      </c>
      <c r="U471" s="854"/>
      <c r="V471" s="657" t="s">
        <v>4245</v>
      </c>
      <c r="W471" s="642">
        <f t="shared" si="846"/>
        <v>0</v>
      </c>
      <c r="X471" s="745">
        <f t="shared" si="847"/>
        <v>199337</v>
      </c>
      <c r="Y471" s="745" t="s">
        <v>3106</v>
      </c>
      <c r="Z471" s="745" t="str">
        <f>_xlfn.XLOOKUP(I471, 'CALCS Aecom (July 25 2025)'!F:F, 'CALCS Aecom (July 25 2025)'!W:W)</f>
        <v>Multiple Scenario 2 (Step 6)</v>
      </c>
      <c r="AA471" s="650" t="s">
        <v>65</v>
      </c>
      <c r="AB471" s="516" t="s">
        <v>66</v>
      </c>
      <c r="AC471" s="516" t="s">
        <v>66</v>
      </c>
      <c r="AD471" s="516" t="s">
        <v>66</v>
      </c>
      <c r="AE471" s="516" t="s">
        <v>66</v>
      </c>
      <c r="AF471" s="516" t="s">
        <v>66</v>
      </c>
      <c r="AG471" s="516" t="s">
        <v>66</v>
      </c>
      <c r="AH471" s="516" t="s">
        <v>66</v>
      </c>
      <c r="AI471" s="516" t="s">
        <v>66</v>
      </c>
      <c r="AJ471" s="516" t="s">
        <v>66</v>
      </c>
      <c r="AK471" s="516" t="s">
        <v>66</v>
      </c>
      <c r="AL471" s="516" t="s">
        <v>66</v>
      </c>
      <c r="AM471" s="516" t="s">
        <v>66</v>
      </c>
      <c r="AN471" s="516" t="s">
        <v>66</v>
      </c>
      <c r="AO471" s="516" t="s">
        <v>66</v>
      </c>
      <c r="AP471" s="516" t="s">
        <v>66</v>
      </c>
      <c r="AQ471" s="516" t="s">
        <v>66</v>
      </c>
      <c r="AR471" s="516" t="s">
        <v>66</v>
      </c>
      <c r="AS471" s="892"/>
      <c r="AT471" s="892"/>
      <c r="AU471" s="892"/>
      <c r="AV471" s="661"/>
      <c r="AW471" s="892"/>
      <c r="AX471" s="892"/>
      <c r="AY471" s="892"/>
      <c r="AZ471" s="661"/>
      <c r="BA471" s="892"/>
      <c r="BB471" s="661"/>
      <c r="BC471" s="661"/>
      <c r="BD471" s="892"/>
      <c r="BE471" s="661"/>
      <c r="BF471" s="661"/>
      <c r="BG471" s="746"/>
      <c r="BH471" s="746"/>
      <c r="BI471" s="746"/>
      <c r="BJ471" s="746"/>
      <c r="BK471" s="746"/>
      <c r="BL471" s="746"/>
      <c r="BM471" s="746"/>
      <c r="BN471" s="746"/>
      <c r="BO471" s="516" t="s">
        <v>66</v>
      </c>
      <c r="BP471" s="516" t="s">
        <v>66</v>
      </c>
      <c r="BQ471" s="516" t="s">
        <v>66</v>
      </c>
      <c r="BR471" s="516" t="s">
        <v>66</v>
      </c>
      <c r="BS471" s="884">
        <f t="shared" si="798"/>
        <v>21225</v>
      </c>
      <c r="BT471" s="661">
        <f t="shared" si="848"/>
        <v>9.3916136631330982</v>
      </c>
      <c r="BU471" s="661" t="str">
        <f t="shared" si="850"/>
        <v>GOOD</v>
      </c>
      <c r="BV471" s="898">
        <f t="shared" si="803"/>
        <v>46958.068315665492</v>
      </c>
      <c r="BW471" s="898">
        <f t="shared" si="804"/>
        <v>1878.3227326266197</v>
      </c>
      <c r="BX471" s="898">
        <f t="shared" si="805"/>
        <v>4226.2261484098944</v>
      </c>
      <c r="BY471" s="898">
        <f t="shared" si="806"/>
        <v>3287.0647820965842</v>
      </c>
      <c r="BZ471" s="898">
        <f t="shared" si="807"/>
        <v>4695.8068315665487</v>
      </c>
      <c r="CA471" s="898">
        <f t="shared" si="808"/>
        <v>4507.9745583038875</v>
      </c>
      <c r="CB471" s="898">
        <f t="shared" si="809"/>
        <v>939.16136631330983</v>
      </c>
      <c r="CC471" s="898">
        <f t="shared" si="810"/>
        <v>3662.7293286219083</v>
      </c>
      <c r="CD471" s="898">
        <f t="shared" si="811"/>
        <v>4695.8068315665487</v>
      </c>
      <c r="CE471" s="898">
        <f t="shared" si="812"/>
        <v>4695.8068315665487</v>
      </c>
      <c r="CF471" s="898">
        <f t="shared" si="813"/>
        <v>7043.7102473498235</v>
      </c>
      <c r="CG471" s="898">
        <f t="shared" si="814"/>
        <v>1878.3227326266197</v>
      </c>
      <c r="CH471" s="898">
        <f t="shared" si="815"/>
        <v>2197.637597173145</v>
      </c>
      <c r="CI471" s="898">
        <f t="shared" si="816"/>
        <v>3287.0647820965842</v>
      </c>
      <c r="CJ471" s="898">
        <f t="shared" si="817"/>
        <v>845.2452296819788</v>
      </c>
      <c r="CK471" s="898">
        <f t="shared" si="818"/>
        <v>751.32909305064788</v>
      </c>
      <c r="CL471" s="898">
        <f t="shared" si="819"/>
        <v>22352.040518256774</v>
      </c>
      <c r="CM471" s="898" t="str">
        <f t="shared" si="820"/>
        <v/>
      </c>
      <c r="CN471" s="898" t="str">
        <f t="shared" si="821"/>
        <v/>
      </c>
      <c r="CO471" s="898" t="str">
        <f t="shared" si="822"/>
        <v/>
      </c>
      <c r="CP471" s="898" t="str">
        <f t="shared" si="823"/>
        <v/>
      </c>
      <c r="CQ471" s="898" t="str">
        <f t="shared" si="824"/>
        <v/>
      </c>
      <c r="CR471" s="898" t="str">
        <f t="shared" si="825"/>
        <v/>
      </c>
      <c r="CS471" s="898" t="str">
        <f t="shared" si="826"/>
        <v/>
      </c>
      <c r="CT471" s="898" t="str">
        <f t="shared" si="827"/>
        <v/>
      </c>
      <c r="CU471" s="898" t="str">
        <f t="shared" si="828"/>
        <v/>
      </c>
      <c r="CV471" s="898" t="str">
        <f t="shared" si="829"/>
        <v/>
      </c>
      <c r="CW471" s="898" t="str">
        <f t="shared" si="830"/>
        <v/>
      </c>
      <c r="CX471" s="898" t="str">
        <f t="shared" si="831"/>
        <v/>
      </c>
      <c r="CY471" s="898" t="str">
        <f t="shared" si="832"/>
        <v/>
      </c>
      <c r="CZ471" s="898" t="str">
        <f t="shared" si="833"/>
        <v/>
      </c>
      <c r="DA471" s="898" t="str">
        <f t="shared" si="834"/>
        <v/>
      </c>
      <c r="DB471" s="898" t="str">
        <f t="shared" si="835"/>
        <v/>
      </c>
      <c r="DC471" s="898" t="str">
        <f t="shared" si="836"/>
        <v/>
      </c>
      <c r="DD471" s="898" t="str">
        <f t="shared" si="837"/>
        <v/>
      </c>
      <c r="DE471" s="898" t="str">
        <f t="shared" si="838"/>
        <v/>
      </c>
      <c r="DF471" s="898" t="str">
        <f t="shared" si="839"/>
        <v/>
      </c>
      <c r="DG471" s="898" t="str">
        <f t="shared" si="840"/>
        <v/>
      </c>
      <c r="DH471" s="898" t="str">
        <f t="shared" si="841"/>
        <v/>
      </c>
      <c r="DI471" s="898">
        <f t="shared" si="842"/>
        <v>14087.420494699647</v>
      </c>
      <c r="DJ471" s="898">
        <f t="shared" si="843"/>
        <v>15026.581861012957</v>
      </c>
      <c r="DK471" s="898">
        <f t="shared" si="844"/>
        <v>22539.872791519436</v>
      </c>
      <c r="DL471" s="898">
        <f t="shared" si="845"/>
        <v>29780.806925795056</v>
      </c>
      <c r="DM471" s="661">
        <f t="shared" si="799"/>
        <v>117902.3179269729</v>
      </c>
      <c r="DN471" s="898">
        <f t="shared" si="800"/>
        <v>81434.682073027099</v>
      </c>
      <c r="DO471" s="516">
        <f t="shared" si="801"/>
        <v>0</v>
      </c>
      <c r="DP471" s="898">
        <f t="shared" si="802"/>
        <v>0</v>
      </c>
      <c r="DQ471" s="860" t="s">
        <v>4246</v>
      </c>
      <c r="DR471" s="610" t="s">
        <v>4247</v>
      </c>
      <c r="DS471" s="1221" t="s">
        <v>4248</v>
      </c>
      <c r="DT471" s="632"/>
    </row>
    <row r="472" spans="1:124" s="613" customFormat="1" ht="285" x14ac:dyDescent="0.2">
      <c r="A472" s="484" t="str">
        <f t="shared" si="794"/>
        <v>Leighton Buzzard Road bus priority</v>
      </c>
      <c r="B472" s="1163">
        <v>469</v>
      </c>
      <c r="C472" s="1156" t="s">
        <v>4583</v>
      </c>
      <c r="D472" s="722" t="s">
        <v>4584</v>
      </c>
      <c r="E472" s="481" t="s">
        <v>53</v>
      </c>
      <c r="F472" s="671" t="s">
        <v>655</v>
      </c>
      <c r="G472" s="665" t="s">
        <v>1350</v>
      </c>
      <c r="H472" s="513" t="s">
        <v>1518</v>
      </c>
      <c r="I472" s="775" t="str">
        <f t="shared" si="849"/>
        <v>EXT-1</v>
      </c>
      <c r="J472" s="513" t="s">
        <v>4585</v>
      </c>
      <c r="K472" s="664" t="s">
        <v>3104</v>
      </c>
      <c r="L472" s="852" t="s">
        <v>4586</v>
      </c>
      <c r="M472" s="713" t="s">
        <v>3985</v>
      </c>
      <c r="N472" s="713" t="s">
        <v>81</v>
      </c>
      <c r="O472" s="654" t="s">
        <v>3051</v>
      </c>
      <c r="P472" s="657" t="s">
        <v>61</v>
      </c>
      <c r="Q472" s="852" t="s">
        <v>181</v>
      </c>
      <c r="R472" s="657"/>
      <c r="S472" s="657"/>
      <c r="T472" s="853">
        <v>2429027</v>
      </c>
      <c r="U472" s="747"/>
      <c r="V472" s="657" t="s">
        <v>4245</v>
      </c>
      <c r="W472" s="642">
        <f t="shared" si="846"/>
        <v>0</v>
      </c>
      <c r="X472" s="745">
        <f t="shared" si="847"/>
        <v>2429027</v>
      </c>
      <c r="Y472" s="745" t="s">
        <v>4260</v>
      </c>
      <c r="Z472" s="745" t="str">
        <f>_xlfn.XLOOKUP(I472, 'CALCS Aecom (July 25 2025)'!F:F, 'CALCS Aecom (July 25 2025)'!W:W)</f>
        <v>Mutliple Scenario 2 (Step 5)</v>
      </c>
      <c r="AA472" s="1330" t="s">
        <v>3220</v>
      </c>
      <c r="AB472" s="713" t="str">
        <f t="shared" ref="AB472:AK474" si="851">IF(BV472&gt;0, "Yes", "")</f>
        <v>Yes</v>
      </c>
      <c r="AC472" s="713" t="str">
        <f t="shared" si="851"/>
        <v>Yes</v>
      </c>
      <c r="AD472" s="713" t="str">
        <f t="shared" si="851"/>
        <v>Yes</v>
      </c>
      <c r="AE472" s="713" t="str">
        <f t="shared" si="851"/>
        <v>Yes</v>
      </c>
      <c r="AF472" s="713" t="str">
        <f t="shared" si="851"/>
        <v>Yes</v>
      </c>
      <c r="AG472" s="713" t="str">
        <f t="shared" si="851"/>
        <v>Yes</v>
      </c>
      <c r="AH472" s="713" t="str">
        <f t="shared" si="851"/>
        <v/>
      </c>
      <c r="AI472" s="713" t="str">
        <f t="shared" si="851"/>
        <v>Yes</v>
      </c>
      <c r="AJ472" s="713" t="str">
        <f t="shared" si="851"/>
        <v>Yes</v>
      </c>
      <c r="AK472" s="713" t="str">
        <f t="shared" si="851"/>
        <v>Yes</v>
      </c>
      <c r="AL472" s="713" t="str">
        <f t="shared" ref="AL472:AR474" si="852">IF(CF472&gt;0, "Yes", "")</f>
        <v>Yes</v>
      </c>
      <c r="AM472" s="713" t="str">
        <f t="shared" si="852"/>
        <v>Yes</v>
      </c>
      <c r="AN472" s="713" t="str">
        <f t="shared" si="852"/>
        <v>Yes</v>
      </c>
      <c r="AO472" s="713" t="str">
        <f t="shared" si="852"/>
        <v>Yes</v>
      </c>
      <c r="AP472" s="713" t="str">
        <f t="shared" si="852"/>
        <v>Yes</v>
      </c>
      <c r="AQ472" s="713" t="str">
        <f t="shared" si="852"/>
        <v/>
      </c>
      <c r="AR472" s="713" t="str">
        <f t="shared" si="852"/>
        <v/>
      </c>
      <c r="AS472" s="713"/>
      <c r="AT472" s="713"/>
      <c r="AU472" s="713"/>
      <c r="AV472" s="713"/>
      <c r="AW472" s="713"/>
      <c r="AX472" s="713"/>
      <c r="AY472" s="713"/>
      <c r="AZ472" s="713"/>
      <c r="BA472" s="713"/>
      <c r="BB472" s="713"/>
      <c r="BC472" s="713"/>
      <c r="BD472" s="713"/>
      <c r="BE472" s="713"/>
      <c r="BF472" s="713"/>
      <c r="BG472" s="676"/>
      <c r="BH472" s="676"/>
      <c r="BI472" s="676"/>
      <c r="BJ472" s="676"/>
      <c r="BK472" s="676"/>
      <c r="BL472" s="676"/>
      <c r="BM472" s="676"/>
      <c r="BN472" s="676"/>
      <c r="BO472" s="892" t="str">
        <f t="shared" ref="BO472:BR474" si="853">IF(DI472&gt;0, "Yes", "")</f>
        <v>Yes</v>
      </c>
      <c r="BP472" s="892" t="str">
        <f t="shared" si="853"/>
        <v>Yes</v>
      </c>
      <c r="BQ472" s="892" t="str">
        <f t="shared" si="853"/>
        <v>Yes</v>
      </c>
      <c r="BR472" s="892" t="str">
        <f t="shared" si="853"/>
        <v>Yes</v>
      </c>
      <c r="BS472" s="884">
        <f t="shared" si="798"/>
        <v>18665</v>
      </c>
      <c r="BT472" s="661">
        <f t="shared" si="848"/>
        <v>130.13806589874096</v>
      </c>
      <c r="BU472" s="661" t="str">
        <f t="shared" si="850"/>
        <v>GOOD</v>
      </c>
      <c r="BV472" s="1149">
        <f>$X472*_xlfn.XLOOKUP($I472, 'CALCS Aecom (July 25 2025)'!$F:$F, 'CALCS Aecom (July 25 2025)'!BZ:BZ)</f>
        <v>1445066.8886081281</v>
      </c>
      <c r="BW472" s="1149">
        <f>$X472*_xlfn.XLOOKUP($I472, 'CALCS Aecom (July 25 2025)'!$F:$F, 'CALCS Aecom (July 25 2025)'!CC:CC)</f>
        <v>20792.329332491056</v>
      </c>
      <c r="BX472" s="1149">
        <f>$X472*_xlfn.XLOOKUP($I472, 'CALCS Aecom (July 25 2025)'!$F:$F, 'CALCS Aecom (July 25 2025)'!CI:CI)</f>
        <v>67575.070330595918</v>
      </c>
      <c r="BY472" s="1149">
        <f>$X472*_xlfn.XLOOKUP($I472, 'CALCS Aecom (July 25 2025)'!$F:$F, 'CALCS Aecom (July 25 2025)'!BQ:BQ)</f>
        <v>25990.411665613814</v>
      </c>
      <c r="BZ472" s="1149">
        <f>$X472*_xlfn.XLOOKUP($I472, 'CALCS Aecom (July 25 2025)'!$F:$F, 'CALCS Aecom (July 25 2025)'!BV:BV)</f>
        <v>15594.24699936829</v>
      </c>
      <c r="CA472" s="1149">
        <f>$X472*_xlfn.XLOOKUP($I472, 'CALCS Aecom (July 25 2025)'!$F:$F, 'CALCS Aecom (July 25 2025)'!BR:BR)</f>
        <v>25990.411665613814</v>
      </c>
      <c r="CB472" s="1149">
        <f>$X472*_xlfn.XLOOKUP($I472, 'CALCS Aecom (July 25 2025)'!$F:$F, 'CALCS Aecom (July 25 2025)'!CD:CD)</f>
        <v>0</v>
      </c>
      <c r="CC472" s="1149">
        <f>$X472*_xlfn.XLOOKUP($I472, 'CALCS Aecom (July 25 2025)'!$F:$F, 'CALCS Aecom (July 25 2025)'!BT:BT)</f>
        <v>10396.164666245528</v>
      </c>
      <c r="CD472" s="1149">
        <f>$X472*_xlfn.XLOOKUP($I472, 'CALCS Aecom (July 25 2025)'!$F:$F, 'CALCS Aecom (July 25 2025)'!BU:BU)</f>
        <v>20792.329332491056</v>
      </c>
      <c r="CE472" s="1149">
        <f>$X472*_xlfn.XLOOKUP($I472, 'CALCS Aecom (July 25 2025)'!$F:$F, 'CALCS Aecom (July 25 2025)'!BW:BW)</f>
        <v>103961.64666245526</v>
      </c>
      <c r="CF472" s="1149">
        <f>$X472*_xlfn.XLOOKUP($I472, 'CALCS Aecom (July 25 2025)'!$F:$F, 'CALCS Aecom (July 25 2025)'!BS:BS)</f>
        <v>421044.66898294381</v>
      </c>
      <c r="CG472" s="1149">
        <f>$X472*_xlfn.XLOOKUP($I472, 'CALCS Aecom (July 25 2025)'!$F:$F, 'CALCS Aecom (July 25 2025)'!CE:CE)</f>
        <v>20792.329332491056</v>
      </c>
      <c r="CH472" s="1149">
        <f>$X472*_xlfn.XLOOKUP($I472, 'CALCS Aecom (July 25 2025)'!$F:$F, 'CALCS Aecom (July 25 2025)'!CJ:CJ)</f>
        <v>1522.5504316698255</v>
      </c>
      <c r="CI472" s="1149">
        <f>$X472*_xlfn.XLOOKUP($I472, 'CALCS Aecom (July 25 2025)'!$F:$F, 'CALCS Aecom (July 25 2025)'!CB:CB)</f>
        <v>83169.317329964222</v>
      </c>
      <c r="CJ472" s="1149">
        <f>$X472*_xlfn.XLOOKUP($I472, 'CALCS Aecom (July 25 2025)'!$F:$F, 'CALCS Aecom (July 25 2025)'!CF:CF)</f>
        <v>5198.0823331227639</v>
      </c>
      <c r="CK472" s="1149">
        <f>$X472*_xlfn.XLOOKUP($I472, 'CALCS Aecom (July 25 2025)'!$F:$F, 'CALCS Aecom (July 25 2025)'!CG:CG)</f>
        <v>0</v>
      </c>
      <c r="CL472" s="1149"/>
      <c r="CM472" s="898"/>
      <c r="CN472" s="898"/>
      <c r="CO472" s="898"/>
      <c r="CP472" s="898"/>
      <c r="CQ472" s="898"/>
      <c r="CR472" s="898"/>
      <c r="CS472" s="898"/>
      <c r="CT472" s="898"/>
      <c r="CU472" s="898"/>
      <c r="CV472" s="898"/>
      <c r="CW472" s="898"/>
      <c r="CX472" s="898"/>
      <c r="CY472" s="898"/>
      <c r="CZ472" s="898"/>
      <c r="DA472" s="898"/>
      <c r="DB472" s="898"/>
      <c r="DC472" s="898"/>
      <c r="DD472" s="898"/>
      <c r="DE472" s="898"/>
      <c r="DF472" s="898"/>
      <c r="DG472" s="898"/>
      <c r="DH472" s="898"/>
      <c r="DI472" s="1149">
        <f>$X472*_xlfn.XLOOKUP($I472, 'CALCS Aecom (July 25 2025)'!$F:$F, 'CALCS Aecom (July 25 2025)'!CA:CA)</f>
        <v>25990.411665613814</v>
      </c>
      <c r="DJ472" s="1149">
        <f>$X472*_xlfn.XLOOKUP($I472, 'CALCS Aecom (July 25 2025)'!$F:$F, 'CALCS Aecom (July 25 2025)'!BX:BX)</f>
        <v>5198.0823331227639</v>
      </c>
      <c r="DK472" s="1149">
        <f>$X472*_xlfn.XLOOKUP($I472, 'CALCS Aecom (July 25 2025)'!$F:$F, 'CALCS Aecom (July 25 2025)'!BY:BY)</f>
        <v>41584.658664982111</v>
      </c>
      <c r="DL472" s="1149">
        <f>$X472*_xlfn.XLOOKUP($I472, 'CALCS Aecom (July 25 2025)'!$F:$F, 'CALCS Aecom (July 25 2025)'!CH:CH)</f>
        <v>88367.399663086981</v>
      </c>
      <c r="DM472" s="661">
        <f t="shared" si="799"/>
        <v>2267886.4476731941</v>
      </c>
      <c r="DN472" s="898">
        <f t="shared" si="800"/>
        <v>161140.55232680566</v>
      </c>
      <c r="DO472" s="516">
        <f t="shared" si="801"/>
        <v>0</v>
      </c>
      <c r="DP472" s="898">
        <f t="shared" si="802"/>
        <v>0</v>
      </c>
      <c r="DQ472" s="860" t="s">
        <v>4246</v>
      </c>
      <c r="DR472" s="860" t="s">
        <v>4261</v>
      </c>
      <c r="DS472" s="1221" t="s">
        <v>4587</v>
      </c>
      <c r="DT472" s="632"/>
    </row>
    <row r="473" spans="1:124" s="613" customFormat="1" ht="299.25" x14ac:dyDescent="0.2">
      <c r="A473" s="484" t="str">
        <f t="shared" si="794"/>
        <v>Link Road bus priority bypass lane - approach to Leighton Buzzard Road roundabout</v>
      </c>
      <c r="B473" s="1163">
        <v>470</v>
      </c>
      <c r="C473" s="1156" t="s">
        <v>4588</v>
      </c>
      <c r="D473" s="722" t="s">
        <v>4584</v>
      </c>
      <c r="E473" s="481" t="s">
        <v>53</v>
      </c>
      <c r="F473" s="671" t="s">
        <v>655</v>
      </c>
      <c r="G473" s="665" t="s">
        <v>1350</v>
      </c>
      <c r="H473" s="513" t="s">
        <v>1567</v>
      </c>
      <c r="I473" s="775" t="str">
        <f t="shared" si="849"/>
        <v>EXT-2</v>
      </c>
      <c r="J473" s="513" t="s">
        <v>4589</v>
      </c>
      <c r="K473" s="664" t="s">
        <v>3104</v>
      </c>
      <c r="L473" s="852" t="s">
        <v>4590</v>
      </c>
      <c r="M473" s="713" t="s">
        <v>3985</v>
      </c>
      <c r="N473" s="713" t="s">
        <v>81</v>
      </c>
      <c r="O473" s="654" t="s">
        <v>3051</v>
      </c>
      <c r="P473" s="657" t="s">
        <v>61</v>
      </c>
      <c r="Q473" s="852" t="s">
        <v>181</v>
      </c>
      <c r="R473" s="657"/>
      <c r="S473" s="657"/>
      <c r="T473" s="853">
        <v>901923</v>
      </c>
      <c r="U473" s="747"/>
      <c r="V473" s="657" t="s">
        <v>4245</v>
      </c>
      <c r="W473" s="642">
        <f t="shared" si="846"/>
        <v>0</v>
      </c>
      <c r="X473" s="745">
        <f t="shared" si="847"/>
        <v>901923</v>
      </c>
      <c r="Y473" s="745" t="s">
        <v>4260</v>
      </c>
      <c r="Z473" s="745" t="str">
        <f>_xlfn.XLOOKUP(I473, 'CALCS Aecom (July 25 2025)'!F:F, 'CALCS Aecom (July 25 2025)'!W:W)</f>
        <v>Mutliple Scenario 2 (Step 5)</v>
      </c>
      <c r="AA473" s="1330" t="s">
        <v>3220</v>
      </c>
      <c r="AB473" s="713" t="str">
        <f t="shared" si="851"/>
        <v>Yes</v>
      </c>
      <c r="AC473" s="713" t="str">
        <f t="shared" si="851"/>
        <v>Yes</v>
      </c>
      <c r="AD473" s="713" t="str">
        <f t="shared" si="851"/>
        <v>Yes</v>
      </c>
      <c r="AE473" s="713" t="str">
        <f t="shared" si="851"/>
        <v>Yes</v>
      </c>
      <c r="AF473" s="713" t="str">
        <f t="shared" si="851"/>
        <v>Yes</v>
      </c>
      <c r="AG473" s="713" t="str">
        <f t="shared" si="851"/>
        <v>Yes</v>
      </c>
      <c r="AH473" s="713" t="str">
        <f t="shared" si="851"/>
        <v>Yes</v>
      </c>
      <c r="AI473" s="713" t="str">
        <f t="shared" si="851"/>
        <v>Yes</v>
      </c>
      <c r="AJ473" s="713" t="str">
        <f t="shared" si="851"/>
        <v>Yes</v>
      </c>
      <c r="AK473" s="713" t="str">
        <f t="shared" si="851"/>
        <v>Yes</v>
      </c>
      <c r="AL473" s="713" t="str">
        <f t="shared" si="852"/>
        <v>Yes</v>
      </c>
      <c r="AM473" s="713" t="str">
        <f t="shared" si="852"/>
        <v>Yes</v>
      </c>
      <c r="AN473" s="713" t="str">
        <f t="shared" si="852"/>
        <v>Yes</v>
      </c>
      <c r="AO473" s="713" t="str">
        <f t="shared" si="852"/>
        <v>Yes</v>
      </c>
      <c r="AP473" s="713" t="str">
        <f t="shared" si="852"/>
        <v>Yes</v>
      </c>
      <c r="AQ473" s="713" t="str">
        <f t="shared" si="852"/>
        <v/>
      </c>
      <c r="AR473" s="713" t="str">
        <f t="shared" si="852"/>
        <v/>
      </c>
      <c r="AS473" s="713"/>
      <c r="AT473" s="713"/>
      <c r="AU473" s="713"/>
      <c r="AV473" s="713"/>
      <c r="AW473" s="713"/>
      <c r="AX473" s="713"/>
      <c r="AY473" s="713"/>
      <c r="AZ473" s="713"/>
      <c r="BA473" s="713"/>
      <c r="BB473" s="713"/>
      <c r="BC473" s="713"/>
      <c r="BD473" s="713"/>
      <c r="BE473" s="713"/>
      <c r="BF473" s="713"/>
      <c r="BG473" s="676"/>
      <c r="BH473" s="676"/>
      <c r="BI473" s="676"/>
      <c r="BJ473" s="676"/>
      <c r="BK473" s="676"/>
      <c r="BL473" s="676"/>
      <c r="BM473" s="676"/>
      <c r="BN473" s="676"/>
      <c r="BO473" s="892" t="str">
        <f t="shared" si="853"/>
        <v>Yes</v>
      </c>
      <c r="BP473" s="892" t="str">
        <f t="shared" si="853"/>
        <v>Yes</v>
      </c>
      <c r="BQ473" s="892" t="str">
        <f t="shared" si="853"/>
        <v>Yes</v>
      </c>
      <c r="BR473" s="892" t="str">
        <f t="shared" si="853"/>
        <v>Yes</v>
      </c>
      <c r="BS473" s="884">
        <f t="shared" si="798"/>
        <v>18765</v>
      </c>
      <c r="BT473" s="661">
        <f t="shared" si="848"/>
        <v>48.064108713029576</v>
      </c>
      <c r="BU473" s="661" t="str">
        <f t="shared" si="850"/>
        <v>ERROR</v>
      </c>
      <c r="BV473" s="1149">
        <f>$X473*_xlfn.XLOOKUP($I473, 'CALCS Aecom (July 25 2025)'!$F:$F, 'CALCS Aecom (July 25 2025)'!BZ:BZ)</f>
        <v>491853.41853394208</v>
      </c>
      <c r="BW473" s="1149">
        <f>$X473*_xlfn.XLOOKUP($I473, 'CALCS Aecom (July 25 2025)'!$F:$F, 'CALCS Aecom (July 25 2025)'!CC:CC)</f>
        <v>5434.8444036899682</v>
      </c>
      <c r="BX473" s="1149">
        <f>$X473*_xlfn.XLOOKUP($I473, 'CALCS Aecom (July 25 2025)'!$F:$F, 'CALCS Aecom (July 25 2025)'!CI:CI)</f>
        <v>16304.533211069904</v>
      </c>
      <c r="BY473" s="1149">
        <f>$X473*_xlfn.XLOOKUP($I473, 'CALCS Aecom (July 25 2025)'!$F:$F, 'CALCS Aecom (July 25 2025)'!BQ:BQ)</f>
        <v>6793.55550461246</v>
      </c>
      <c r="BZ473" s="1149">
        <f>$X473*_xlfn.XLOOKUP($I473, 'CALCS Aecom (July 25 2025)'!$F:$F, 'CALCS Aecom (July 25 2025)'!BV:BV)</f>
        <v>4076.1333027674759</v>
      </c>
      <c r="CA473" s="1149">
        <f>$X473*_xlfn.XLOOKUP($I473, 'CALCS Aecom (July 25 2025)'!$F:$F, 'CALCS Aecom (July 25 2025)'!BR:BR)</f>
        <v>5434.8444036899682</v>
      </c>
      <c r="CB473" s="1149">
        <f>$X473*_xlfn.XLOOKUP($I473, 'CALCS Aecom (July 25 2025)'!$F:$F, 'CALCS Aecom (July 25 2025)'!CD:CD)</f>
        <v>1358.7111009224921</v>
      </c>
      <c r="CC473" s="1149">
        <f>$X473*_xlfn.XLOOKUP($I473, 'CALCS Aecom (July 25 2025)'!$F:$F, 'CALCS Aecom (July 25 2025)'!BT:BT)</f>
        <v>4076.1333027674759</v>
      </c>
      <c r="CD473" s="1149">
        <f>$X473*_xlfn.XLOOKUP($I473, 'CALCS Aecom (July 25 2025)'!$F:$F, 'CALCS Aecom (July 25 2025)'!BU:BU)</f>
        <v>5434.8444036899682</v>
      </c>
      <c r="CE473" s="1149">
        <f>$X473*_xlfn.XLOOKUP($I473, 'CALCS Aecom (July 25 2025)'!$F:$F, 'CALCS Aecom (July 25 2025)'!BW:BW)</f>
        <v>27174.22201844984</v>
      </c>
      <c r="CF473" s="1149">
        <f>$X473*_xlfn.XLOOKUP($I473, 'CALCS Aecom (July 25 2025)'!$F:$F, 'CALCS Aecom (July 25 2025)'!BS:BS)</f>
        <v>161686.62100977654</v>
      </c>
      <c r="CG473" s="1149">
        <f>$X473*_xlfn.XLOOKUP($I473, 'CALCS Aecom (July 25 2025)'!$F:$F, 'CALCS Aecom (July 25 2025)'!CE:CE)</f>
        <v>20380.666513837379</v>
      </c>
      <c r="CH473" s="1149">
        <f>$X473*_xlfn.XLOOKUP($I473, 'CALCS Aecom (July 25 2025)'!$F:$F, 'CALCS Aecom (July 25 2025)'!CJ:CJ)</f>
        <v>5173.6733911556676</v>
      </c>
      <c r="CI473" s="1149">
        <f>$X473*_xlfn.XLOOKUP($I473, 'CALCS Aecom (July 25 2025)'!$F:$F, 'CALCS Aecom (July 25 2025)'!CB:CB)</f>
        <v>43478.755229519746</v>
      </c>
      <c r="CJ473" s="1149">
        <f>$X473*_xlfn.XLOOKUP($I473, 'CALCS Aecom (July 25 2025)'!$F:$F, 'CALCS Aecom (July 25 2025)'!CF:CF)</f>
        <v>1358.7111009224921</v>
      </c>
      <c r="CK473" s="1149">
        <f>$X473*_xlfn.XLOOKUP($I473, 'CALCS Aecom (July 25 2025)'!$F:$F, 'CALCS Aecom (July 25 2025)'!CG:CG)</f>
        <v>0</v>
      </c>
      <c r="CL473" s="1149"/>
      <c r="CM473" s="898"/>
      <c r="CN473" s="898"/>
      <c r="CO473" s="898"/>
      <c r="CP473" s="898"/>
      <c r="CQ473" s="898"/>
      <c r="CR473" s="898"/>
      <c r="CS473" s="898"/>
      <c r="CT473" s="898"/>
      <c r="CU473" s="898"/>
      <c r="CV473" s="898"/>
      <c r="CW473" s="898"/>
      <c r="CX473" s="898"/>
      <c r="CY473" s="898"/>
      <c r="CZ473" s="898"/>
      <c r="DA473" s="898"/>
      <c r="DB473" s="898"/>
      <c r="DC473" s="898"/>
      <c r="DD473" s="898"/>
      <c r="DE473" s="898"/>
      <c r="DF473" s="898"/>
      <c r="DG473" s="898"/>
      <c r="DH473" s="898"/>
      <c r="DI473" s="1149">
        <f>$X473*_xlfn.XLOOKUP($I473, 'CALCS Aecom (July 25 2025)'!$F:$F, 'CALCS Aecom (July 25 2025)'!CA:CA)</f>
        <v>43478.755229519746</v>
      </c>
      <c r="DJ473" s="1149">
        <f>$X473*_xlfn.XLOOKUP($I473, 'CALCS Aecom (July 25 2025)'!$F:$F, 'CALCS Aecom (July 25 2025)'!BX:BX)</f>
        <v>27174.22201844984</v>
      </c>
      <c r="DK473" s="1149">
        <f>$X473*_xlfn.XLOOKUP($I473, 'CALCS Aecom (July 25 2025)'!$F:$F, 'CALCS Aecom (July 25 2025)'!BY:BY)</f>
        <v>9510.9777064574446</v>
      </c>
      <c r="DL473" s="1149">
        <f>$X473*_xlfn.XLOOKUP($I473, 'CALCS Aecom (July 25 2025)'!$F:$F, 'CALCS Aecom (July 25 2025)'!CH:CH)</f>
        <v>21739.377614759873</v>
      </c>
      <c r="DM473" s="661">
        <f t="shared" si="799"/>
        <v>800019.66743081366</v>
      </c>
      <c r="DN473" s="898">
        <f t="shared" si="800"/>
        <v>101903.3325691869</v>
      </c>
      <c r="DO473" s="516">
        <f t="shared" si="801"/>
        <v>0</v>
      </c>
      <c r="DP473" s="898">
        <f t="shared" si="802"/>
        <v>0</v>
      </c>
      <c r="DQ473" s="860" t="s">
        <v>4246</v>
      </c>
      <c r="DR473" s="860" t="s">
        <v>4261</v>
      </c>
      <c r="DS473" s="1221" t="s">
        <v>4587</v>
      </c>
      <c r="DT473" s="632"/>
    </row>
    <row r="474" spans="1:124" s="613" customFormat="1" ht="156.75" x14ac:dyDescent="0.2">
      <c r="A474" s="484" t="str">
        <f t="shared" si="794"/>
        <v>Redbourn Road (north-south orientated section) bus priority</v>
      </c>
      <c r="B474" s="1163">
        <v>471</v>
      </c>
      <c r="C474" s="1156" t="s">
        <v>4591</v>
      </c>
      <c r="D474" s="722" t="s">
        <v>4584</v>
      </c>
      <c r="E474" s="481" t="s">
        <v>53</v>
      </c>
      <c r="F474" s="671" t="s">
        <v>655</v>
      </c>
      <c r="G474" s="665" t="s">
        <v>1350</v>
      </c>
      <c r="H474" s="513" t="s">
        <v>1571</v>
      </c>
      <c r="I474" s="775" t="str">
        <f t="shared" si="849"/>
        <v>EXT-3</v>
      </c>
      <c r="J474" s="513" t="s">
        <v>4592</v>
      </c>
      <c r="K474" s="664" t="s">
        <v>3104</v>
      </c>
      <c r="L474" s="852" t="s">
        <v>4557</v>
      </c>
      <c r="M474" s="713" t="s">
        <v>3985</v>
      </c>
      <c r="N474" s="713" t="s">
        <v>81</v>
      </c>
      <c r="O474" s="654" t="s">
        <v>3051</v>
      </c>
      <c r="P474" s="657" t="s">
        <v>61</v>
      </c>
      <c r="Q474" s="852" t="s">
        <v>181</v>
      </c>
      <c r="R474" s="657"/>
      <c r="S474" s="657"/>
      <c r="T474" s="853">
        <v>1244205</v>
      </c>
      <c r="U474" s="747"/>
      <c r="V474" s="657" t="s">
        <v>4245</v>
      </c>
      <c r="W474" s="642">
        <f t="shared" si="846"/>
        <v>0</v>
      </c>
      <c r="X474" s="745">
        <f t="shared" si="847"/>
        <v>1244205</v>
      </c>
      <c r="Y474" s="745" t="s">
        <v>4260</v>
      </c>
      <c r="Z474" s="745" t="str">
        <f>_xlfn.XLOOKUP(I474, 'CALCS Aecom (July 25 2025)'!F:F, 'CALCS Aecom (July 25 2025)'!W:W)</f>
        <v>Mutliple Scenario 2 (Step 5)</v>
      </c>
      <c r="AA474" s="1330" t="s">
        <v>3220</v>
      </c>
      <c r="AB474" s="713" t="str">
        <f t="shared" si="851"/>
        <v>Yes</v>
      </c>
      <c r="AC474" s="713" t="str">
        <f t="shared" si="851"/>
        <v/>
      </c>
      <c r="AD474" s="713" t="str">
        <f t="shared" si="851"/>
        <v/>
      </c>
      <c r="AE474" s="713" t="str">
        <f t="shared" si="851"/>
        <v/>
      </c>
      <c r="AF474" s="713" t="str">
        <f t="shared" si="851"/>
        <v/>
      </c>
      <c r="AG474" s="713" t="str">
        <f t="shared" si="851"/>
        <v/>
      </c>
      <c r="AH474" s="713" t="str">
        <f t="shared" si="851"/>
        <v/>
      </c>
      <c r="AI474" s="713" t="str">
        <f t="shared" si="851"/>
        <v/>
      </c>
      <c r="AJ474" s="713" t="str">
        <f t="shared" si="851"/>
        <v/>
      </c>
      <c r="AK474" s="713" t="str">
        <f t="shared" si="851"/>
        <v/>
      </c>
      <c r="AL474" s="713" t="str">
        <f t="shared" si="852"/>
        <v>Yes</v>
      </c>
      <c r="AM474" s="713" t="str">
        <f t="shared" si="852"/>
        <v>Yes</v>
      </c>
      <c r="AN474" s="713" t="str">
        <f t="shared" si="852"/>
        <v>Yes</v>
      </c>
      <c r="AO474" s="713" t="str">
        <f t="shared" si="852"/>
        <v>Yes</v>
      </c>
      <c r="AP474" s="713" t="str">
        <f t="shared" si="852"/>
        <v/>
      </c>
      <c r="AQ474" s="713" t="str">
        <f t="shared" si="852"/>
        <v/>
      </c>
      <c r="AR474" s="713" t="str">
        <f t="shared" si="852"/>
        <v/>
      </c>
      <c r="AS474" s="713"/>
      <c r="AT474" s="713"/>
      <c r="AU474" s="713"/>
      <c r="AV474" s="713"/>
      <c r="AW474" s="713"/>
      <c r="AX474" s="713"/>
      <c r="AY474" s="713"/>
      <c r="AZ474" s="713"/>
      <c r="BA474" s="713"/>
      <c r="BB474" s="713"/>
      <c r="BC474" s="713"/>
      <c r="BD474" s="713"/>
      <c r="BE474" s="713"/>
      <c r="BF474" s="713"/>
      <c r="BG474" s="676"/>
      <c r="BH474" s="676"/>
      <c r="BI474" s="676"/>
      <c r="BJ474" s="676"/>
      <c r="BK474" s="676"/>
      <c r="BL474" s="676"/>
      <c r="BM474" s="676"/>
      <c r="BN474" s="676"/>
      <c r="BO474" s="892" t="str">
        <f t="shared" si="853"/>
        <v>Yes</v>
      </c>
      <c r="BP474" s="892" t="str">
        <f t="shared" si="853"/>
        <v>Yes</v>
      </c>
      <c r="BQ474" s="892" t="str">
        <f t="shared" si="853"/>
        <v>Yes</v>
      </c>
      <c r="BR474" s="892" t="str">
        <f t="shared" si="853"/>
        <v>Yes</v>
      </c>
      <c r="BS474" s="884">
        <f t="shared" si="798"/>
        <v>15205</v>
      </c>
      <c r="BT474" s="661">
        <f t="shared" si="848"/>
        <v>81.828674778033545</v>
      </c>
      <c r="BU474" s="661" t="str">
        <f t="shared" si="850"/>
        <v>GOOD</v>
      </c>
      <c r="BV474" s="1149">
        <f>$X474*_xlfn.XLOOKUP($I474, 'CALCS Aecom (July 25 2025)'!$F:$F, 'CALCS Aecom (July 25 2025)'!BZ:BZ)</f>
        <v>613535.41048728826</v>
      </c>
      <c r="BW474" s="1149">
        <f>$X474*_xlfn.XLOOKUP($I474, 'CALCS Aecom (July 25 2025)'!$F:$F, 'CALCS Aecom (July 25 2025)'!CC:CC)</f>
        <v>0</v>
      </c>
      <c r="BX474" s="1149">
        <f>$X474*_xlfn.XLOOKUP($I474, 'CALCS Aecom (July 25 2025)'!$F:$F, 'CALCS Aecom (July 25 2025)'!CI:CI)</f>
        <v>0</v>
      </c>
      <c r="BY474" s="1149">
        <f>$X474*_xlfn.XLOOKUP($I474, 'CALCS Aecom (July 25 2025)'!$F:$F, 'CALCS Aecom (July 25 2025)'!BQ:BQ)</f>
        <v>0</v>
      </c>
      <c r="BZ474" s="1149">
        <f>$X474*_xlfn.XLOOKUP($I474, 'CALCS Aecom (July 25 2025)'!$F:$F, 'CALCS Aecom (July 25 2025)'!BV:BV)</f>
        <v>0</v>
      </c>
      <c r="CA474" s="1149">
        <f>$X474*_xlfn.XLOOKUP($I474, 'CALCS Aecom (July 25 2025)'!$F:$F, 'CALCS Aecom (July 25 2025)'!BR:BR)</f>
        <v>0</v>
      </c>
      <c r="CB474" s="1149">
        <f>$X474*_xlfn.XLOOKUP($I474, 'CALCS Aecom (July 25 2025)'!$F:$F, 'CALCS Aecom (July 25 2025)'!CD:CD)</f>
        <v>0</v>
      </c>
      <c r="CC474" s="1149">
        <f>$X474*_xlfn.XLOOKUP($I474, 'CALCS Aecom (July 25 2025)'!$F:$F, 'CALCS Aecom (July 25 2025)'!BT:BT)</f>
        <v>0</v>
      </c>
      <c r="CD474" s="1149">
        <f>$X474*_xlfn.XLOOKUP($I474, 'CALCS Aecom (July 25 2025)'!$F:$F, 'CALCS Aecom (July 25 2025)'!BU:BU)</f>
        <v>0</v>
      </c>
      <c r="CE474" s="1149">
        <f>$X474*_xlfn.XLOOKUP($I474, 'CALCS Aecom (July 25 2025)'!$F:$F, 'CALCS Aecom (July 25 2025)'!BW:BW)</f>
        <v>0</v>
      </c>
      <c r="CF474" s="1149">
        <f>$X474*_xlfn.XLOOKUP($I474, 'CALCS Aecom (July 25 2025)'!$F:$F, 'CALCS Aecom (July 25 2025)'!BS:BS)</f>
        <v>25042.26165254238</v>
      </c>
      <c r="CG474" s="1149">
        <f>$X474*_xlfn.XLOOKUP($I474, 'CALCS Aecom (July 25 2025)'!$F:$F, 'CALCS Aecom (July 25 2025)'!CE:CE)</f>
        <v>75126.78495762714</v>
      </c>
      <c r="CH474" s="1149">
        <f>$X474*_xlfn.XLOOKUP($I474, 'CALCS Aecom (July 25 2025)'!$F:$F, 'CALCS Aecom (July 25 2025)'!CJ:CJ)</f>
        <v>42176.440677966108</v>
      </c>
      <c r="CI474" s="1149">
        <f>$X474*_xlfn.XLOOKUP($I474, 'CALCS Aecom (July 25 2025)'!$F:$F, 'CALCS Aecom (July 25 2025)'!CB:CB)</f>
        <v>87647.915783898308</v>
      </c>
      <c r="CJ474" s="1149">
        <f>$X474*_xlfn.XLOOKUP($I474, 'CALCS Aecom (July 25 2025)'!$F:$F, 'CALCS Aecom (July 25 2025)'!CF:CF)</f>
        <v>0</v>
      </c>
      <c r="CK474" s="1149">
        <f>$X474*_xlfn.XLOOKUP($I474, 'CALCS Aecom (July 25 2025)'!$F:$F, 'CALCS Aecom (July 25 2025)'!CG:CG)</f>
        <v>0</v>
      </c>
      <c r="CL474" s="1149"/>
      <c r="CM474" s="898"/>
      <c r="CN474" s="898"/>
      <c r="CO474" s="898"/>
      <c r="CP474" s="898"/>
      <c r="CQ474" s="898"/>
      <c r="CR474" s="898"/>
      <c r="CS474" s="898"/>
      <c r="CT474" s="898"/>
      <c r="CU474" s="898"/>
      <c r="CV474" s="898"/>
      <c r="CW474" s="898"/>
      <c r="CX474" s="898"/>
      <c r="CY474" s="898"/>
      <c r="CZ474" s="898"/>
      <c r="DA474" s="898"/>
      <c r="DB474" s="898"/>
      <c r="DC474" s="898"/>
      <c r="DD474" s="898"/>
      <c r="DE474" s="898"/>
      <c r="DF474" s="898"/>
      <c r="DG474" s="898"/>
      <c r="DH474" s="898"/>
      <c r="DI474" s="1149">
        <f>$X474*_xlfn.XLOOKUP($I474, 'CALCS Aecom (July 25 2025)'!$F:$F, 'CALCS Aecom (July 25 2025)'!CA:CA)</f>
        <v>6260.565413135595</v>
      </c>
      <c r="DJ474" s="1149">
        <f>$X474*_xlfn.XLOOKUP($I474, 'CALCS Aecom (July 25 2025)'!$F:$F, 'CALCS Aecom (July 25 2025)'!BX:BX)</f>
        <v>281725.44359110174</v>
      </c>
      <c r="DK474" s="1149">
        <f>$X474*_xlfn.XLOOKUP($I474, 'CALCS Aecom (July 25 2025)'!$F:$F, 'CALCS Aecom (July 25 2025)'!BY:BY)</f>
        <v>87647.915783898308</v>
      </c>
      <c r="DL474" s="1149">
        <f>$X474*_xlfn.XLOOKUP($I474, 'CALCS Aecom (July 25 2025)'!$F:$F, 'CALCS Aecom (July 25 2025)'!CH:CH)</f>
        <v>25042.26165254238</v>
      </c>
      <c r="DM474" s="661">
        <f t="shared" si="799"/>
        <v>843528.81355932227</v>
      </c>
      <c r="DN474" s="898">
        <f t="shared" si="800"/>
        <v>400676.18644067802</v>
      </c>
      <c r="DO474" s="516">
        <f t="shared" si="801"/>
        <v>0</v>
      </c>
      <c r="DP474" s="898">
        <f t="shared" si="802"/>
        <v>0</v>
      </c>
      <c r="DQ474" s="860" t="s">
        <v>4246</v>
      </c>
      <c r="DR474" s="860" t="s">
        <v>4261</v>
      </c>
      <c r="DS474" s="1221" t="s">
        <v>4587</v>
      </c>
      <c r="DT474" s="632"/>
    </row>
    <row r="475" spans="1:124" s="613" customFormat="1" ht="57" x14ac:dyDescent="0.2">
      <c r="A475" s="484" t="str">
        <f t="shared" si="794"/>
        <v>North Hemel STC Bus Gates (within main site)</v>
      </c>
      <c r="B475" s="1163">
        <v>472</v>
      </c>
      <c r="C475" s="1156" t="s">
        <v>4593</v>
      </c>
      <c r="D475" s="722" t="s">
        <v>4584</v>
      </c>
      <c r="E475" s="481" t="s">
        <v>1385</v>
      </c>
      <c r="F475" s="671" t="s">
        <v>655</v>
      </c>
      <c r="G475" s="665" t="s">
        <v>1350</v>
      </c>
      <c r="H475" s="513" t="s">
        <v>1557</v>
      </c>
      <c r="I475" s="775" t="str">
        <f t="shared" si="849"/>
        <v>EXT-4</v>
      </c>
      <c r="J475" s="513" t="s">
        <v>4594</v>
      </c>
      <c r="K475" s="664" t="s">
        <v>3104</v>
      </c>
      <c r="L475" s="852" t="s">
        <v>1375</v>
      </c>
      <c r="M475" s="713" t="s">
        <v>3027</v>
      </c>
      <c r="N475" s="713" t="s">
        <v>60</v>
      </c>
      <c r="O475" s="654" t="s">
        <v>525</v>
      </c>
      <c r="P475" s="657" t="s">
        <v>61</v>
      </c>
      <c r="Q475" s="852" t="s">
        <v>62</v>
      </c>
      <c r="R475" s="657"/>
      <c r="S475" s="657"/>
      <c r="T475" s="853">
        <v>109695</v>
      </c>
      <c r="U475" s="747"/>
      <c r="V475" s="657" t="s">
        <v>2989</v>
      </c>
      <c r="W475" s="642">
        <f t="shared" si="846"/>
        <v>0</v>
      </c>
      <c r="X475" s="745">
        <f t="shared" si="847"/>
        <v>109695</v>
      </c>
      <c r="Y475" s="745" t="s">
        <v>3106</v>
      </c>
      <c r="Z475" s="745" t="str">
        <f>_xlfn.XLOOKUP(I475, 'CALCS Aecom (July 25 2025)'!F:F, 'CALCS Aecom (July 25 2025)'!W:W)</f>
        <v>Single Scenario 1 (Step 1)</v>
      </c>
      <c r="AA475" s="776" t="s">
        <v>65</v>
      </c>
      <c r="AB475" s="713"/>
      <c r="AC475" s="713"/>
      <c r="AD475" s="713"/>
      <c r="AE475" s="713"/>
      <c r="AF475" s="713"/>
      <c r="AG475" s="713"/>
      <c r="AH475" s="713"/>
      <c r="AI475" s="713"/>
      <c r="AJ475" s="713"/>
      <c r="AK475" s="713"/>
      <c r="AL475" s="713"/>
      <c r="AM475" s="713"/>
      <c r="AN475" s="713"/>
      <c r="AO475" s="713"/>
      <c r="AP475" s="713"/>
      <c r="AQ475" s="713"/>
      <c r="AR475" s="713"/>
      <c r="AS475" s="713"/>
      <c r="AT475" s="713"/>
      <c r="AU475" s="713"/>
      <c r="AV475" s="713"/>
      <c r="AW475" s="713"/>
      <c r="AX475" s="713"/>
      <c r="AY475" s="713"/>
      <c r="AZ475" s="713"/>
      <c r="BA475" s="713"/>
      <c r="BB475" s="713"/>
      <c r="BC475" s="713"/>
      <c r="BD475" s="713"/>
      <c r="BE475" s="713"/>
      <c r="BF475" s="713"/>
      <c r="BG475" s="676"/>
      <c r="BH475" s="676"/>
      <c r="BI475" s="676"/>
      <c r="BJ475" s="676"/>
      <c r="BK475" s="676"/>
      <c r="BL475" s="676"/>
      <c r="BM475" s="676"/>
      <c r="BN475" s="676"/>
      <c r="BO475" s="713" t="s">
        <v>66</v>
      </c>
      <c r="BP475" s="713"/>
      <c r="BQ475" s="713"/>
      <c r="BR475" s="713"/>
      <c r="BS475" s="884">
        <f t="shared" si="798"/>
        <v>1500</v>
      </c>
      <c r="BT475" s="661">
        <f t="shared" si="848"/>
        <v>73.13</v>
      </c>
      <c r="BU475" s="661"/>
      <c r="BV475" s="898" t="str">
        <f t="shared" ref="BV475:CE476" si="854">IF(AB475="yes",(AB$3*$BT475),"")</f>
        <v/>
      </c>
      <c r="BW475" s="898" t="str">
        <f t="shared" si="854"/>
        <v/>
      </c>
      <c r="BX475" s="898" t="str">
        <f t="shared" si="854"/>
        <v/>
      </c>
      <c r="BY475" s="898" t="str">
        <f t="shared" si="854"/>
        <v/>
      </c>
      <c r="BZ475" s="898" t="str">
        <f t="shared" si="854"/>
        <v/>
      </c>
      <c r="CA475" s="898" t="str">
        <f t="shared" si="854"/>
        <v/>
      </c>
      <c r="CB475" s="898" t="str">
        <f t="shared" si="854"/>
        <v/>
      </c>
      <c r="CC475" s="898" t="str">
        <f t="shared" si="854"/>
        <v/>
      </c>
      <c r="CD475" s="898" t="str">
        <f t="shared" si="854"/>
        <v/>
      </c>
      <c r="CE475" s="898" t="str">
        <f t="shared" si="854"/>
        <v/>
      </c>
      <c r="CF475" s="898" t="str">
        <f t="shared" ref="CF475:CO476" si="855">IF(AL475="yes",(AL$3*$BT475),"")</f>
        <v/>
      </c>
      <c r="CG475" s="898" t="str">
        <f t="shared" si="855"/>
        <v/>
      </c>
      <c r="CH475" s="898" t="str">
        <f t="shared" si="855"/>
        <v/>
      </c>
      <c r="CI475" s="898" t="str">
        <f t="shared" si="855"/>
        <v/>
      </c>
      <c r="CJ475" s="898" t="str">
        <f t="shared" si="855"/>
        <v/>
      </c>
      <c r="CK475" s="898" t="str">
        <f t="shared" si="855"/>
        <v/>
      </c>
      <c r="CL475" s="898" t="str">
        <f t="shared" si="855"/>
        <v/>
      </c>
      <c r="CM475" s="898" t="str">
        <f t="shared" si="855"/>
        <v/>
      </c>
      <c r="CN475" s="898" t="str">
        <f t="shared" si="855"/>
        <v/>
      </c>
      <c r="CO475" s="898" t="str">
        <f t="shared" si="855"/>
        <v/>
      </c>
      <c r="CP475" s="898" t="str">
        <f t="shared" ref="CP475:CY476" si="856">IF(AV475="yes",(AV$3*$BT475),"")</f>
        <v/>
      </c>
      <c r="CQ475" s="898" t="str">
        <f t="shared" si="856"/>
        <v/>
      </c>
      <c r="CR475" s="898" t="str">
        <f t="shared" si="856"/>
        <v/>
      </c>
      <c r="CS475" s="898" t="str">
        <f t="shared" si="856"/>
        <v/>
      </c>
      <c r="CT475" s="898" t="str">
        <f t="shared" si="856"/>
        <v/>
      </c>
      <c r="CU475" s="898" t="str">
        <f t="shared" si="856"/>
        <v/>
      </c>
      <c r="CV475" s="898" t="str">
        <f t="shared" si="856"/>
        <v/>
      </c>
      <c r="CW475" s="898" t="str">
        <f t="shared" si="856"/>
        <v/>
      </c>
      <c r="CX475" s="898" t="str">
        <f t="shared" si="856"/>
        <v/>
      </c>
      <c r="CY475" s="898" t="str">
        <f t="shared" si="856"/>
        <v/>
      </c>
      <c r="CZ475" s="898" t="str">
        <f t="shared" ref="CZ475:DI476" si="857">IF(BF475="yes",(BF$3*$BT475),"")</f>
        <v/>
      </c>
      <c r="DA475" s="898" t="str">
        <f t="shared" si="857"/>
        <v/>
      </c>
      <c r="DB475" s="898" t="str">
        <f t="shared" si="857"/>
        <v/>
      </c>
      <c r="DC475" s="898" t="str">
        <f t="shared" si="857"/>
        <v/>
      </c>
      <c r="DD475" s="898" t="str">
        <f t="shared" si="857"/>
        <v/>
      </c>
      <c r="DE475" s="898" t="str">
        <f t="shared" si="857"/>
        <v/>
      </c>
      <c r="DF475" s="898" t="str">
        <f t="shared" si="857"/>
        <v/>
      </c>
      <c r="DG475" s="898" t="str">
        <f t="shared" si="857"/>
        <v/>
      </c>
      <c r="DH475" s="898" t="str">
        <f t="shared" si="857"/>
        <v/>
      </c>
      <c r="DI475" s="898">
        <f t="shared" si="857"/>
        <v>109695</v>
      </c>
      <c r="DJ475" s="898" t="str">
        <f t="shared" ref="DJ475:DL476" si="858">IF(BP475="yes",(BP$3*$BT475),"")</f>
        <v/>
      </c>
      <c r="DK475" s="898" t="str">
        <f t="shared" si="858"/>
        <v/>
      </c>
      <c r="DL475" s="898" t="str">
        <f t="shared" si="858"/>
        <v/>
      </c>
      <c r="DM475" s="661">
        <f t="shared" si="799"/>
        <v>0</v>
      </c>
      <c r="DN475" s="898">
        <f t="shared" si="800"/>
        <v>109695</v>
      </c>
      <c r="DO475" s="516">
        <f t="shared" si="801"/>
        <v>0</v>
      </c>
      <c r="DP475" s="898">
        <f t="shared" si="802"/>
        <v>0</v>
      </c>
      <c r="DQ475" s="860" t="s">
        <v>4246</v>
      </c>
      <c r="DR475" s="860"/>
      <c r="DS475" s="1221" t="s">
        <v>4587</v>
      </c>
      <c r="DT475" s="632"/>
    </row>
    <row r="476" spans="1:124" s="613" customFormat="1" ht="57" x14ac:dyDescent="0.2">
      <c r="A476" s="484" t="str">
        <f t="shared" si="794"/>
        <v>North Hemel-Marchmont Farm STC Bus Gate connection</v>
      </c>
      <c r="B476" s="1163">
        <v>473</v>
      </c>
      <c r="C476" s="1156" t="s">
        <v>4595</v>
      </c>
      <c r="D476" s="722" t="s">
        <v>4584</v>
      </c>
      <c r="E476" s="481" t="s">
        <v>53</v>
      </c>
      <c r="F476" s="671" t="s">
        <v>655</v>
      </c>
      <c r="G476" s="665" t="s">
        <v>1350</v>
      </c>
      <c r="H476" s="513" t="s">
        <v>1651</v>
      </c>
      <c r="I476" s="775" t="str">
        <f t="shared" si="849"/>
        <v>EXT-5</v>
      </c>
      <c r="J476" s="513" t="s">
        <v>4596</v>
      </c>
      <c r="K476" s="664" t="s">
        <v>3104</v>
      </c>
      <c r="L476" s="852" t="s">
        <v>4495</v>
      </c>
      <c r="M476" s="713" t="s">
        <v>3985</v>
      </c>
      <c r="N476" s="713" t="s">
        <v>81</v>
      </c>
      <c r="O476" s="654" t="s">
        <v>3051</v>
      </c>
      <c r="P476" s="657" t="s">
        <v>61</v>
      </c>
      <c r="Q476" s="852" t="s">
        <v>3359</v>
      </c>
      <c r="R476" s="657"/>
      <c r="S476" s="657"/>
      <c r="T476" s="853">
        <v>109695</v>
      </c>
      <c r="U476" s="747"/>
      <c r="V476" s="657" t="s">
        <v>4245</v>
      </c>
      <c r="W476" s="642">
        <f t="shared" si="846"/>
        <v>0</v>
      </c>
      <c r="X476" s="745">
        <f t="shared" si="847"/>
        <v>109695</v>
      </c>
      <c r="Y476" s="745" t="s">
        <v>3106</v>
      </c>
      <c r="Z476" s="745" t="str">
        <f>_xlfn.XLOOKUP(I476, 'CALCS Aecom (July 25 2025)'!F:F, 'CALCS Aecom (July 25 2025)'!W:W)</f>
        <v>Multiple Scenario 1 (Step 3)</v>
      </c>
      <c r="AA476" s="1330" t="s">
        <v>3220</v>
      </c>
      <c r="AB476" s="713" t="s">
        <v>66</v>
      </c>
      <c r="AC476" s="713"/>
      <c r="AD476" s="713"/>
      <c r="AE476" s="713"/>
      <c r="AF476" s="713"/>
      <c r="AG476" s="713"/>
      <c r="AH476" s="713"/>
      <c r="AI476" s="713"/>
      <c r="AJ476" s="713"/>
      <c r="AK476" s="713"/>
      <c r="AL476" s="713"/>
      <c r="AM476" s="713"/>
      <c r="AN476" s="713"/>
      <c r="AO476" s="713" t="s">
        <v>66</v>
      </c>
      <c r="AP476" s="713"/>
      <c r="AQ476" s="713"/>
      <c r="AR476" s="713"/>
      <c r="AS476" s="713"/>
      <c r="AT476" s="713"/>
      <c r="AU476" s="713"/>
      <c r="AV476" s="713"/>
      <c r="AW476" s="713"/>
      <c r="AX476" s="713"/>
      <c r="AY476" s="713"/>
      <c r="AZ476" s="713"/>
      <c r="BA476" s="713"/>
      <c r="BB476" s="713"/>
      <c r="BC476" s="713"/>
      <c r="BD476" s="713"/>
      <c r="BE476" s="713"/>
      <c r="BF476" s="713"/>
      <c r="BG476" s="676"/>
      <c r="BH476" s="676"/>
      <c r="BI476" s="676"/>
      <c r="BJ476" s="676"/>
      <c r="BK476" s="676"/>
      <c r="BL476" s="676"/>
      <c r="BM476" s="676"/>
      <c r="BN476" s="676"/>
      <c r="BO476" s="713"/>
      <c r="BP476" s="713"/>
      <c r="BQ476" s="713"/>
      <c r="BR476" s="713"/>
      <c r="BS476" s="884">
        <f t="shared" si="798"/>
        <v>5350</v>
      </c>
      <c r="BT476" s="661">
        <f t="shared" si="848"/>
        <v>20.503738317757009</v>
      </c>
      <c r="BU476" s="661" t="str">
        <f>IF(SUM(BV476:DL476)=X476, "GOOD", "ERROR")</f>
        <v>GOOD</v>
      </c>
      <c r="BV476" s="898">
        <f t="shared" si="854"/>
        <v>102518.69158878505</v>
      </c>
      <c r="BW476" s="898" t="str">
        <f t="shared" si="854"/>
        <v/>
      </c>
      <c r="BX476" s="898" t="str">
        <f t="shared" si="854"/>
        <v/>
      </c>
      <c r="BY476" s="898" t="str">
        <f t="shared" si="854"/>
        <v/>
      </c>
      <c r="BZ476" s="898" t="str">
        <f t="shared" si="854"/>
        <v/>
      </c>
      <c r="CA476" s="898" t="str">
        <f t="shared" si="854"/>
        <v/>
      </c>
      <c r="CB476" s="898" t="str">
        <f t="shared" si="854"/>
        <v/>
      </c>
      <c r="CC476" s="898" t="str">
        <f t="shared" si="854"/>
        <v/>
      </c>
      <c r="CD476" s="898" t="str">
        <f t="shared" si="854"/>
        <v/>
      </c>
      <c r="CE476" s="898" t="str">
        <f t="shared" si="854"/>
        <v/>
      </c>
      <c r="CF476" s="898" t="str">
        <f t="shared" si="855"/>
        <v/>
      </c>
      <c r="CG476" s="898" t="str">
        <f t="shared" si="855"/>
        <v/>
      </c>
      <c r="CH476" s="898" t="str">
        <f t="shared" si="855"/>
        <v/>
      </c>
      <c r="CI476" s="898">
        <f t="shared" si="855"/>
        <v>7176.3084112149527</v>
      </c>
      <c r="CJ476" s="898" t="str">
        <f t="shared" si="855"/>
        <v/>
      </c>
      <c r="CK476" s="898" t="str">
        <f t="shared" si="855"/>
        <v/>
      </c>
      <c r="CL476" s="898" t="str">
        <f t="shared" si="855"/>
        <v/>
      </c>
      <c r="CM476" s="898" t="str">
        <f t="shared" si="855"/>
        <v/>
      </c>
      <c r="CN476" s="898" t="str">
        <f t="shared" si="855"/>
        <v/>
      </c>
      <c r="CO476" s="898" t="str">
        <f t="shared" si="855"/>
        <v/>
      </c>
      <c r="CP476" s="898" t="str">
        <f t="shared" si="856"/>
        <v/>
      </c>
      <c r="CQ476" s="898" t="str">
        <f t="shared" si="856"/>
        <v/>
      </c>
      <c r="CR476" s="898" t="str">
        <f t="shared" si="856"/>
        <v/>
      </c>
      <c r="CS476" s="898" t="str">
        <f t="shared" si="856"/>
        <v/>
      </c>
      <c r="CT476" s="898" t="str">
        <f t="shared" si="856"/>
        <v/>
      </c>
      <c r="CU476" s="898" t="str">
        <f t="shared" si="856"/>
        <v/>
      </c>
      <c r="CV476" s="898" t="str">
        <f t="shared" si="856"/>
        <v/>
      </c>
      <c r="CW476" s="898" t="str">
        <f t="shared" si="856"/>
        <v/>
      </c>
      <c r="CX476" s="898" t="str">
        <f t="shared" si="856"/>
        <v/>
      </c>
      <c r="CY476" s="898" t="str">
        <f t="shared" si="856"/>
        <v/>
      </c>
      <c r="CZ476" s="898" t="str">
        <f t="shared" si="857"/>
        <v/>
      </c>
      <c r="DA476" s="898" t="str">
        <f t="shared" si="857"/>
        <v/>
      </c>
      <c r="DB476" s="898" t="str">
        <f t="shared" si="857"/>
        <v/>
      </c>
      <c r="DC476" s="898" t="str">
        <f t="shared" si="857"/>
        <v/>
      </c>
      <c r="DD476" s="898" t="str">
        <f t="shared" si="857"/>
        <v/>
      </c>
      <c r="DE476" s="898" t="str">
        <f t="shared" si="857"/>
        <v/>
      </c>
      <c r="DF476" s="898" t="str">
        <f t="shared" si="857"/>
        <v/>
      </c>
      <c r="DG476" s="898" t="str">
        <f t="shared" si="857"/>
        <v/>
      </c>
      <c r="DH476" s="898" t="str">
        <f t="shared" si="857"/>
        <v/>
      </c>
      <c r="DI476" s="898" t="str">
        <f t="shared" si="857"/>
        <v/>
      </c>
      <c r="DJ476" s="898" t="str">
        <f t="shared" si="858"/>
        <v/>
      </c>
      <c r="DK476" s="898" t="str">
        <f t="shared" si="858"/>
        <v/>
      </c>
      <c r="DL476" s="898" t="str">
        <f t="shared" si="858"/>
        <v/>
      </c>
      <c r="DM476" s="661">
        <f t="shared" si="799"/>
        <v>109695</v>
      </c>
      <c r="DN476" s="898">
        <f t="shared" si="800"/>
        <v>0</v>
      </c>
      <c r="DO476" s="516">
        <f t="shared" si="801"/>
        <v>0</v>
      </c>
      <c r="DP476" s="898">
        <f t="shared" si="802"/>
        <v>0</v>
      </c>
      <c r="DQ476" s="860" t="s">
        <v>4246</v>
      </c>
      <c r="DR476" s="860"/>
      <c r="DS476" s="1221" t="s">
        <v>4587</v>
      </c>
      <c r="DT476" s="632"/>
    </row>
    <row r="477" spans="1:124" s="613" customFormat="1" ht="185.25" x14ac:dyDescent="0.2">
      <c r="A477" s="484" t="str">
        <f t="shared" si="794"/>
        <v>HERT route - conversion of eastbound bypass lane at Jarman Park to bys-only link. Also incorporating new interchange stop</v>
      </c>
      <c r="B477" s="1163">
        <v>474</v>
      </c>
      <c r="C477" s="1156" t="s">
        <v>4597</v>
      </c>
      <c r="D477" s="722" t="s">
        <v>4584</v>
      </c>
      <c r="E477" s="481" t="s">
        <v>53</v>
      </c>
      <c r="F477" s="671" t="s">
        <v>655</v>
      </c>
      <c r="G477" s="665" t="s">
        <v>1350</v>
      </c>
      <c r="H477" s="513" t="s">
        <v>1575</v>
      </c>
      <c r="I477" s="775" t="str">
        <f t="shared" si="849"/>
        <v>EXT-6</v>
      </c>
      <c r="J477" s="513" t="s">
        <v>4598</v>
      </c>
      <c r="K477" s="664" t="s">
        <v>3104</v>
      </c>
      <c r="L477" s="852" t="s">
        <v>4599</v>
      </c>
      <c r="M477" s="713" t="s">
        <v>3985</v>
      </c>
      <c r="N477" s="713" t="s">
        <v>81</v>
      </c>
      <c r="O477" s="654" t="s">
        <v>3051</v>
      </c>
      <c r="P477" s="657" t="s">
        <v>61</v>
      </c>
      <c r="Q477" s="515" t="s">
        <v>2378</v>
      </c>
      <c r="R477" s="657"/>
      <c r="S477" s="657"/>
      <c r="T477" s="749">
        <v>1309074</v>
      </c>
      <c r="U477" s="747"/>
      <c r="V477" s="657" t="s">
        <v>4245</v>
      </c>
      <c r="W477" s="642">
        <f t="shared" si="846"/>
        <v>0</v>
      </c>
      <c r="X477" s="745">
        <f t="shared" si="847"/>
        <v>1309074</v>
      </c>
      <c r="Y477" s="745" t="s">
        <v>4260</v>
      </c>
      <c r="Z477" s="745" t="str">
        <f>_xlfn.XLOOKUP(I477, 'CALCS Aecom (July 25 2025)'!F:F, 'CALCS Aecom (July 25 2025)'!W:W)</f>
        <v>Mutliple Scenario 2 (Step 5)</v>
      </c>
      <c r="AA477" s="1330" t="s">
        <v>3220</v>
      </c>
      <c r="AB477" s="713" t="str">
        <f t="shared" ref="AB477:AR477" si="859">IF(BV477&gt;0, "Yes", "")</f>
        <v>Yes</v>
      </c>
      <c r="AC477" s="713" t="str">
        <f t="shared" si="859"/>
        <v/>
      </c>
      <c r="AD477" s="713" t="str">
        <f t="shared" si="859"/>
        <v>Yes</v>
      </c>
      <c r="AE477" s="713" t="str">
        <f t="shared" si="859"/>
        <v>Yes</v>
      </c>
      <c r="AF477" s="713" t="str">
        <f t="shared" si="859"/>
        <v>Yes</v>
      </c>
      <c r="AG477" s="713" t="str">
        <f t="shared" si="859"/>
        <v>Yes</v>
      </c>
      <c r="AH477" s="713" t="str">
        <f t="shared" si="859"/>
        <v>Yes</v>
      </c>
      <c r="AI477" s="713" t="str">
        <f t="shared" si="859"/>
        <v>Yes</v>
      </c>
      <c r="AJ477" s="713" t="str">
        <f t="shared" si="859"/>
        <v>Yes</v>
      </c>
      <c r="AK477" s="713" t="str">
        <f t="shared" si="859"/>
        <v>Yes</v>
      </c>
      <c r="AL477" s="713" t="str">
        <f t="shared" si="859"/>
        <v>Yes</v>
      </c>
      <c r="AM477" s="713" t="str">
        <f t="shared" si="859"/>
        <v/>
      </c>
      <c r="AN477" s="713" t="str">
        <f t="shared" si="859"/>
        <v/>
      </c>
      <c r="AO477" s="713" t="str">
        <f t="shared" si="859"/>
        <v/>
      </c>
      <c r="AP477" s="713" t="str">
        <f t="shared" si="859"/>
        <v/>
      </c>
      <c r="AQ477" s="713" t="str">
        <f t="shared" si="859"/>
        <v/>
      </c>
      <c r="AR477" s="713" t="str">
        <f t="shared" si="859"/>
        <v/>
      </c>
      <c r="AS477" s="713"/>
      <c r="AT477" s="713"/>
      <c r="AU477" s="713"/>
      <c r="AV477" s="713"/>
      <c r="AW477" s="713"/>
      <c r="AX477" s="713"/>
      <c r="AY477" s="713"/>
      <c r="AZ477" s="713"/>
      <c r="BA477" s="713"/>
      <c r="BB477" s="713"/>
      <c r="BC477" s="713"/>
      <c r="BD477" s="713"/>
      <c r="BE477" s="713"/>
      <c r="BF477" s="713"/>
      <c r="BG477" s="676"/>
      <c r="BH477" s="676"/>
      <c r="BI477" s="676"/>
      <c r="BJ477" s="676"/>
      <c r="BK477" s="676"/>
      <c r="BL477" s="676"/>
      <c r="BM477" s="676"/>
      <c r="BN477" s="676"/>
      <c r="BO477" s="892" t="str">
        <f t="shared" ref="BO477:BR478" si="860">IF(DI477&gt;0, "Yes", "")</f>
        <v/>
      </c>
      <c r="BP477" s="892" t="str">
        <f t="shared" si="860"/>
        <v/>
      </c>
      <c r="BQ477" s="892" t="str">
        <f t="shared" si="860"/>
        <v/>
      </c>
      <c r="BR477" s="892" t="str">
        <f t="shared" si="860"/>
        <v>Yes</v>
      </c>
      <c r="BS477" s="884">
        <f t="shared" si="798"/>
        <v>12191</v>
      </c>
      <c r="BT477" s="661">
        <f t="shared" si="848"/>
        <v>107.38036256254614</v>
      </c>
      <c r="BU477" s="661" t="str">
        <f>IF(SUM(BV477:DL477)=X477, "GOOD", "ERROR")</f>
        <v>GOOD</v>
      </c>
      <c r="BV477" s="1149">
        <f>$X477*_xlfn.XLOOKUP($I477, 'CALCS Aecom (July 25 2025)'!$F:$F, 'CALCS Aecom (July 25 2025)'!BZ:BZ)</f>
        <v>21637.586776859505</v>
      </c>
      <c r="BW477" s="1149">
        <f>$X477*_xlfn.XLOOKUP($I477, 'CALCS Aecom (July 25 2025)'!$F:$F, 'CALCS Aecom (July 25 2025)'!CC:CC)</f>
        <v>0</v>
      </c>
      <c r="BX477" s="1149">
        <f>$X477*_xlfn.XLOOKUP($I477, 'CALCS Aecom (July 25 2025)'!$F:$F, 'CALCS Aecom (July 25 2025)'!CI:CI)</f>
        <v>113597.3305785124</v>
      </c>
      <c r="BY477" s="1149">
        <f>$X477*_xlfn.XLOOKUP($I477, 'CALCS Aecom (July 25 2025)'!$F:$F, 'CALCS Aecom (July 25 2025)'!BQ:BQ)</f>
        <v>173100.69421487604</v>
      </c>
      <c r="BZ477" s="1149">
        <f>$X477*_xlfn.XLOOKUP($I477, 'CALCS Aecom (July 25 2025)'!$F:$F, 'CALCS Aecom (July 25 2025)'!BV:BV)</f>
        <v>243422.8512396694</v>
      </c>
      <c r="CA477" s="1149">
        <f>$X477*_xlfn.XLOOKUP($I477, 'CALCS Aecom (July 25 2025)'!$F:$F, 'CALCS Aecom (July 25 2025)'!BR:BR)</f>
        <v>129825.52066115703</v>
      </c>
      <c r="CB477" s="1149">
        <f>$X477*_xlfn.XLOOKUP($I477, 'CALCS Aecom (July 25 2025)'!$F:$F, 'CALCS Aecom (July 25 2025)'!CD:CD)</f>
        <v>10818.793388429753</v>
      </c>
      <c r="CC477" s="1149">
        <f>$X477*_xlfn.XLOOKUP($I477, 'CALCS Aecom (July 25 2025)'!$F:$F, 'CALCS Aecom (July 25 2025)'!BT:BT)</f>
        <v>119006.72727272728</v>
      </c>
      <c r="CD477" s="1149">
        <f>$X477*_xlfn.XLOOKUP($I477, 'CALCS Aecom (July 25 2025)'!$F:$F, 'CALCS Aecom (July 25 2025)'!BU:BU)</f>
        <v>10818.793388429753</v>
      </c>
      <c r="CE477" s="1149">
        <f>$X477*_xlfn.XLOOKUP($I477, 'CALCS Aecom (July 25 2025)'!$F:$F, 'CALCS Aecom (July 25 2025)'!BW:BW)</f>
        <v>27046.983471074382</v>
      </c>
      <c r="CF477" s="1149">
        <f>$X477*_xlfn.XLOOKUP($I477, 'CALCS Aecom (July 25 2025)'!$F:$F, 'CALCS Aecom (July 25 2025)'!BS:BS)</f>
        <v>129825.52066115703</v>
      </c>
      <c r="CG477" s="1149">
        <f>$X477*_xlfn.XLOOKUP($I477, 'CALCS Aecom (July 25 2025)'!$F:$F, 'CALCS Aecom (July 25 2025)'!CE:CE)</f>
        <v>0</v>
      </c>
      <c r="CH477" s="1149">
        <f>$X477*_xlfn.XLOOKUP($I477, 'CALCS Aecom (July 25 2025)'!$F:$F, 'CALCS Aecom (July 25 2025)'!CJ:CJ)</f>
        <v>0</v>
      </c>
      <c r="CI477" s="1149">
        <f>$X477*_xlfn.XLOOKUP($I477, 'CALCS Aecom (July 25 2025)'!$F:$F, 'CALCS Aecom (July 25 2025)'!CB:CB)</f>
        <v>0</v>
      </c>
      <c r="CJ477" s="1149">
        <f>$X477*_xlfn.XLOOKUP($I477, 'CALCS Aecom (July 25 2025)'!$F:$F, 'CALCS Aecom (July 25 2025)'!CF:CF)</f>
        <v>0</v>
      </c>
      <c r="CK477" s="1149">
        <f>$X477*_xlfn.XLOOKUP($I477, 'CALCS Aecom (July 25 2025)'!$F:$F, 'CALCS Aecom (July 25 2025)'!CG:CG)</f>
        <v>0</v>
      </c>
      <c r="CL477" s="1149"/>
      <c r="CM477" s="898"/>
      <c r="CN477" s="898"/>
      <c r="CO477" s="898"/>
      <c r="CP477" s="898"/>
      <c r="CQ477" s="898"/>
      <c r="CR477" s="898"/>
      <c r="CS477" s="898"/>
      <c r="CT477" s="898"/>
      <c r="CU477" s="898"/>
      <c r="CV477" s="898"/>
      <c r="CW477" s="898"/>
      <c r="CX477" s="898"/>
      <c r="CY477" s="898"/>
      <c r="CZ477" s="898"/>
      <c r="DA477" s="898"/>
      <c r="DB477" s="898"/>
      <c r="DC477" s="898"/>
      <c r="DD477" s="898"/>
      <c r="DE477" s="898"/>
      <c r="DF477" s="898"/>
      <c r="DG477" s="898"/>
      <c r="DH477" s="898"/>
      <c r="DI477" s="1149">
        <f>$X477*_xlfn.XLOOKUP($I477, 'CALCS Aecom (July 25 2025)'!$F:$F, 'CALCS Aecom (July 25 2025)'!CA:CA)</f>
        <v>0</v>
      </c>
      <c r="DJ477" s="1149">
        <f>$X477*_xlfn.XLOOKUP($I477, 'CALCS Aecom (July 25 2025)'!$F:$F, 'CALCS Aecom (July 25 2025)'!BX:BX)</f>
        <v>0</v>
      </c>
      <c r="DK477" s="1149">
        <f>$X477*_xlfn.XLOOKUP($I477, 'CALCS Aecom (July 25 2025)'!$F:$F, 'CALCS Aecom (July 25 2025)'!BY:BY)</f>
        <v>0</v>
      </c>
      <c r="DL477" s="1149">
        <f>$X477*_xlfn.XLOOKUP($I477, 'CALCS Aecom (July 25 2025)'!$F:$F, 'CALCS Aecom (July 25 2025)'!CH:CH)</f>
        <v>329973.19834710745</v>
      </c>
      <c r="DM477" s="661">
        <f t="shared" si="799"/>
        <v>979100.80165289273</v>
      </c>
      <c r="DN477" s="898">
        <f t="shared" si="800"/>
        <v>329973.19834710745</v>
      </c>
      <c r="DO477" s="516">
        <f t="shared" si="801"/>
        <v>0</v>
      </c>
      <c r="DP477" s="898">
        <f t="shared" si="802"/>
        <v>0</v>
      </c>
      <c r="DQ477" s="860" t="s">
        <v>4246</v>
      </c>
      <c r="DR477" s="860" t="s">
        <v>4261</v>
      </c>
      <c r="DS477" s="1221" t="s">
        <v>4587</v>
      </c>
      <c r="DT477" s="632"/>
    </row>
    <row r="478" spans="1:124" s="613" customFormat="1" ht="71.25" x14ac:dyDescent="0.2">
      <c r="A478" s="484" t="str">
        <f t="shared" si="794"/>
        <v>HERT route - A414/Bennets End Roundabout signalised hamburger with bus priority links</v>
      </c>
      <c r="B478" s="1163">
        <v>475</v>
      </c>
      <c r="C478" s="1156" t="s">
        <v>4600</v>
      </c>
      <c r="D478" s="722" t="s">
        <v>4584</v>
      </c>
      <c r="E478" s="481" t="s">
        <v>53</v>
      </c>
      <c r="F478" s="671" t="s">
        <v>655</v>
      </c>
      <c r="G478" s="665" t="s">
        <v>1350</v>
      </c>
      <c r="H478" s="513" t="s">
        <v>4601</v>
      </c>
      <c r="I478" s="775" t="str">
        <f t="shared" si="849"/>
        <v>EXT-7</v>
      </c>
      <c r="J478" s="513" t="s">
        <v>4602</v>
      </c>
      <c r="K478" s="664" t="s">
        <v>3104</v>
      </c>
      <c r="L478" s="852" t="s">
        <v>3167</v>
      </c>
      <c r="M478" s="713" t="s">
        <v>3985</v>
      </c>
      <c r="N478" s="713" t="s">
        <v>81</v>
      </c>
      <c r="O478" s="654" t="s">
        <v>3051</v>
      </c>
      <c r="P478" s="657" t="s">
        <v>61</v>
      </c>
      <c r="Q478" s="515" t="s">
        <v>2378</v>
      </c>
      <c r="R478" s="657"/>
      <c r="S478" s="657"/>
      <c r="T478" s="853">
        <v>9492614</v>
      </c>
      <c r="U478" s="745"/>
      <c r="V478" s="657" t="s">
        <v>4325</v>
      </c>
      <c r="W478" s="642">
        <f t="shared" si="846"/>
        <v>0</v>
      </c>
      <c r="X478" s="745">
        <f t="shared" si="847"/>
        <v>9492614</v>
      </c>
      <c r="Y478" s="745" t="s">
        <v>4260</v>
      </c>
      <c r="Z478" s="745" t="str">
        <f>_xlfn.XLOOKUP(I478, 'CALCS Aecom (July 25 2025)'!F:F, 'CALCS Aecom (July 25 2025)'!W:W)</f>
        <v>Mutliple Scenario 2 (Step 5)</v>
      </c>
      <c r="AA478" s="1330" t="s">
        <v>3220</v>
      </c>
      <c r="AB478" s="713" t="str">
        <f t="shared" ref="AB478:AQ478" si="861">IF(BV478&gt;0, "Yes", "")</f>
        <v>Yes</v>
      </c>
      <c r="AC478" s="713" t="str">
        <f t="shared" si="861"/>
        <v>Yes</v>
      </c>
      <c r="AD478" s="713" t="str">
        <f t="shared" si="861"/>
        <v>Yes</v>
      </c>
      <c r="AE478" s="713" t="str">
        <f t="shared" si="861"/>
        <v>Yes</v>
      </c>
      <c r="AF478" s="713" t="str">
        <f t="shared" si="861"/>
        <v>Yes</v>
      </c>
      <c r="AG478" s="713" t="str">
        <f t="shared" si="861"/>
        <v>Yes</v>
      </c>
      <c r="AH478" s="713" t="str">
        <f t="shared" si="861"/>
        <v>Yes</v>
      </c>
      <c r="AI478" s="713" t="str">
        <f t="shared" si="861"/>
        <v>Yes</v>
      </c>
      <c r="AJ478" s="713" t="str">
        <f t="shared" si="861"/>
        <v>Yes</v>
      </c>
      <c r="AK478" s="713" t="str">
        <f t="shared" si="861"/>
        <v>Yes</v>
      </c>
      <c r="AL478" s="713" t="str">
        <f t="shared" si="861"/>
        <v>Yes</v>
      </c>
      <c r="AM478" s="713" t="str">
        <f t="shared" si="861"/>
        <v>Yes</v>
      </c>
      <c r="AN478" s="713" t="str">
        <f t="shared" si="861"/>
        <v>Yes</v>
      </c>
      <c r="AO478" s="713" t="str">
        <f t="shared" si="861"/>
        <v>Yes</v>
      </c>
      <c r="AP478" s="713" t="str">
        <f t="shared" si="861"/>
        <v>Yes</v>
      </c>
      <c r="AQ478" s="713" t="str">
        <f t="shared" si="861"/>
        <v>Yes</v>
      </c>
      <c r="AR478" s="661"/>
      <c r="AS478" s="713"/>
      <c r="AT478" s="713"/>
      <c r="AU478" s="713"/>
      <c r="AV478" s="713"/>
      <c r="AW478" s="713"/>
      <c r="AX478" s="713"/>
      <c r="AY478" s="713"/>
      <c r="AZ478" s="713"/>
      <c r="BA478" s="713"/>
      <c r="BB478" s="713"/>
      <c r="BC478" s="713"/>
      <c r="BD478" s="713"/>
      <c r="BE478" s="713"/>
      <c r="BF478" s="713"/>
      <c r="BG478" s="676"/>
      <c r="BH478" s="676"/>
      <c r="BI478" s="676"/>
      <c r="BJ478" s="676"/>
      <c r="BK478" s="676"/>
      <c r="BL478" s="676"/>
      <c r="BM478" s="676"/>
      <c r="BN478" s="676"/>
      <c r="BO478" s="892" t="str">
        <f t="shared" si="860"/>
        <v>Yes</v>
      </c>
      <c r="BP478" s="892" t="str">
        <f t="shared" si="860"/>
        <v>Yes</v>
      </c>
      <c r="BQ478" s="892" t="str">
        <f t="shared" si="860"/>
        <v>Yes</v>
      </c>
      <c r="BR478" s="892" t="str">
        <f t="shared" si="860"/>
        <v>Yes</v>
      </c>
      <c r="BS478" s="884">
        <f t="shared" si="798"/>
        <v>18845</v>
      </c>
      <c r="BT478" s="661">
        <f t="shared" si="848"/>
        <v>503.72056248341732</v>
      </c>
      <c r="BU478" s="661" t="str">
        <f>IF(SUM(BV478:DL478)=X478, "GOOD", "ERROR")</f>
        <v>GOOD</v>
      </c>
      <c r="BV478" s="1149">
        <f>$X478*_xlfn.XLOOKUP($I478, 'CALCS Aecom (July 25 2025)'!$F:$F, 'CALCS Aecom (July 25 2025)'!BZ:BZ)</f>
        <v>930371.94603643089</v>
      </c>
      <c r="BW478" s="1149">
        <f>$X478*_xlfn.XLOOKUP($I478, 'CALCS Aecom (July 25 2025)'!$F:$F, 'CALCS Aecom (July 25 2025)'!CC:CC)</f>
        <v>13483.651391832333</v>
      </c>
      <c r="BX478" s="1149">
        <f>$X478*_xlfn.XLOOKUP($I478, 'CALCS Aecom (July 25 2025)'!$F:$F, 'CALCS Aecom (July 25 2025)'!CI:CI)</f>
        <v>283156.67922847898</v>
      </c>
      <c r="BY478" s="1149">
        <f>$X478*_xlfn.XLOOKUP($I478, 'CALCS Aecom (July 25 2025)'!$F:$F, 'CALCS Aecom (July 25 2025)'!BQ:BQ)</f>
        <v>431476.84453863464</v>
      </c>
      <c r="BZ478" s="1149">
        <f>$X478*_xlfn.XLOOKUP($I478, 'CALCS Aecom (July 25 2025)'!$F:$F, 'CALCS Aecom (July 25 2025)'!BV:BV)</f>
        <v>606764.31263245502</v>
      </c>
      <c r="CA478" s="1149">
        <f>$X478*_xlfn.XLOOKUP($I478, 'CALCS Aecom (July 25 2025)'!$F:$F, 'CALCS Aecom (July 25 2025)'!BR:BR)</f>
        <v>323607.63340397598</v>
      </c>
      <c r="CB478" s="1149">
        <f>$X478*_xlfn.XLOOKUP($I478, 'CALCS Aecom (July 25 2025)'!$F:$F, 'CALCS Aecom (July 25 2025)'!CD:CD)</f>
        <v>26967.302783664665</v>
      </c>
      <c r="CC478" s="1149">
        <f>$X478*_xlfn.XLOOKUP($I478, 'CALCS Aecom (July 25 2025)'!$F:$F, 'CALCS Aecom (July 25 2025)'!BT:BT)</f>
        <v>296640.33062031132</v>
      </c>
      <c r="CD478" s="1149">
        <f>$X478*_xlfn.XLOOKUP($I478, 'CALCS Aecom (July 25 2025)'!$F:$F, 'CALCS Aecom (July 25 2025)'!BU:BU)</f>
        <v>552829.70706512569</v>
      </c>
      <c r="CE478" s="1149">
        <f>$X478*_xlfn.XLOOKUP($I478, 'CALCS Aecom (July 25 2025)'!$F:$F, 'CALCS Aecom (July 25 2025)'!BW:BW)</f>
        <v>930371.94603643089</v>
      </c>
      <c r="CF478" s="1149">
        <f>$X478*_xlfn.XLOOKUP($I478, 'CALCS Aecom (July 25 2025)'!$F:$F, 'CALCS Aecom (July 25 2025)'!BS:BS)</f>
        <v>323607.63340397598</v>
      </c>
      <c r="CG478" s="1149">
        <f>$X478*_xlfn.XLOOKUP($I478, 'CALCS Aecom (July 25 2025)'!$F:$F, 'CALCS Aecom (July 25 2025)'!CE:CE)</f>
        <v>107869.21113465866</v>
      </c>
      <c r="CH478" s="1149">
        <f>$X478*_xlfn.XLOOKUP($I478, 'CALCS Aecom (July 25 2025)'!$F:$F, 'CALCS Aecom (July 25 2025)'!CJ:CJ)</f>
        <v>161927.23685202765</v>
      </c>
      <c r="CI478" s="1149">
        <f>$X478*_xlfn.XLOOKUP($I478, 'CALCS Aecom (July 25 2025)'!$F:$F, 'CALCS Aecom (July 25 2025)'!CB:CB)</f>
        <v>107869.21113465866</v>
      </c>
      <c r="CJ478" s="1149">
        <f>$X478*_xlfn.XLOOKUP($I478, 'CALCS Aecom (July 25 2025)'!$F:$F, 'CALCS Aecom (July 25 2025)'!CF:CF)</f>
        <v>13483.651391832333</v>
      </c>
      <c r="CK478" s="1149">
        <f>$X478*_xlfn.XLOOKUP($I478, 'CALCS Aecom (July 25 2025)'!$F:$F, 'CALCS Aecom (July 25 2025)'!CG:CG)</f>
        <v>40450.954175496998</v>
      </c>
      <c r="CL478" s="1149"/>
      <c r="CM478" s="898"/>
      <c r="CN478" s="898"/>
      <c r="CO478" s="898"/>
      <c r="CP478" s="898"/>
      <c r="CQ478" s="898"/>
      <c r="CR478" s="898"/>
      <c r="CS478" s="898"/>
      <c r="CT478" s="898"/>
      <c r="CU478" s="898"/>
      <c r="CV478" s="898"/>
      <c r="CW478" s="898"/>
      <c r="CX478" s="898"/>
      <c r="CY478" s="898"/>
      <c r="CZ478" s="898"/>
      <c r="DA478" s="898"/>
      <c r="DB478" s="898"/>
      <c r="DC478" s="898"/>
      <c r="DD478" s="898"/>
      <c r="DE478" s="898"/>
      <c r="DF478" s="898"/>
      <c r="DG478" s="898"/>
      <c r="DH478" s="898"/>
      <c r="DI478" s="1149">
        <f>$X478*_xlfn.XLOOKUP($I478, 'CALCS Aecom (July 25 2025)'!$F:$F, 'CALCS Aecom (July 25 2025)'!CA:CA)</f>
        <v>148320.16531015566</v>
      </c>
      <c r="DJ478" s="1149">
        <f>$X478*_xlfn.XLOOKUP($I478, 'CALCS Aecom (July 25 2025)'!$F:$F, 'CALCS Aecom (July 25 2025)'!BX:BX)</f>
        <v>256189.37644481432</v>
      </c>
      <c r="DK478" s="1149">
        <f>$X478*_xlfn.XLOOKUP($I478, 'CALCS Aecom (July 25 2025)'!$F:$F, 'CALCS Aecom (July 25 2025)'!BY:BY)</f>
        <v>2656279.3241909691</v>
      </c>
      <c r="DL478" s="1149">
        <f>$X478*_xlfn.XLOOKUP($I478, 'CALCS Aecom (July 25 2025)'!$F:$F, 'CALCS Aecom (July 25 2025)'!CH:CH)</f>
        <v>1280946.8822240715</v>
      </c>
      <c r="DM478" s="661">
        <f t="shared" si="799"/>
        <v>5150878.251829992</v>
      </c>
      <c r="DN478" s="898">
        <f t="shared" si="800"/>
        <v>4341735.7481700107</v>
      </c>
      <c r="DO478" s="516">
        <f t="shared" si="801"/>
        <v>0</v>
      </c>
      <c r="DP478" s="898">
        <f t="shared" si="802"/>
        <v>0</v>
      </c>
      <c r="DQ478" s="860" t="s">
        <v>4246</v>
      </c>
      <c r="DR478" s="860" t="s">
        <v>4327</v>
      </c>
      <c r="DS478" s="1221" t="s">
        <v>4587</v>
      </c>
      <c r="DT478" s="632"/>
    </row>
    <row r="479" spans="1:124" ht="57" x14ac:dyDescent="0.2">
      <c r="A479" s="484" t="str">
        <f t="shared" si="794"/>
        <v>HERT - A414 St Albans route</v>
      </c>
      <c r="B479" s="1163">
        <v>476</v>
      </c>
      <c r="C479" s="1156" t="s">
        <v>4603</v>
      </c>
      <c r="D479" s="722" t="s">
        <v>4584</v>
      </c>
      <c r="E479" s="481" t="s">
        <v>1385</v>
      </c>
      <c r="F479" s="671" t="s">
        <v>655</v>
      </c>
      <c r="G479" s="665" t="s">
        <v>1350</v>
      </c>
      <c r="H479" s="513" t="s">
        <v>4604</v>
      </c>
      <c r="I479" s="775" t="str">
        <f t="shared" si="849"/>
        <v>EXT-8</v>
      </c>
      <c r="J479" s="513" t="s">
        <v>4605</v>
      </c>
      <c r="K479" s="664" t="s">
        <v>3104</v>
      </c>
      <c r="L479" s="852" t="s">
        <v>3167</v>
      </c>
      <c r="M479" s="713" t="s">
        <v>2996</v>
      </c>
      <c r="N479" s="713" t="s">
        <v>81</v>
      </c>
      <c r="O479" s="654" t="s">
        <v>3051</v>
      </c>
      <c r="P479" s="657" t="s">
        <v>61</v>
      </c>
      <c r="Q479" s="515" t="s">
        <v>2378</v>
      </c>
      <c r="R479" s="657"/>
      <c r="S479" s="657"/>
      <c r="T479" s="853">
        <v>2809962</v>
      </c>
      <c r="U479" s="747"/>
      <c r="V479" s="657" t="s">
        <v>4245</v>
      </c>
      <c r="W479" s="642">
        <f t="shared" si="846"/>
        <v>0</v>
      </c>
      <c r="X479" s="745">
        <f t="shared" si="847"/>
        <v>2809962</v>
      </c>
      <c r="Y479" s="745" t="s">
        <v>3106</v>
      </c>
      <c r="Z479" s="745" t="str">
        <f>_xlfn.XLOOKUP(I479, 'CALCS Aecom (July 25 2025)'!F:F, 'CALCS Aecom (July 25 2025)'!W:W)</f>
        <v>Multiple Scenario 2 (Step 8)</v>
      </c>
      <c r="AA479" s="1330" t="s">
        <v>3220</v>
      </c>
      <c r="AB479" s="661" t="s">
        <v>66</v>
      </c>
      <c r="AC479" s="661" t="s">
        <v>66</v>
      </c>
      <c r="AD479" s="661" t="s">
        <v>66</v>
      </c>
      <c r="AE479" s="661" t="s">
        <v>66</v>
      </c>
      <c r="AF479" s="661" t="s">
        <v>66</v>
      </c>
      <c r="AG479" s="661" t="s">
        <v>66</v>
      </c>
      <c r="AH479" s="661" t="s">
        <v>66</v>
      </c>
      <c r="AI479" s="661" t="s">
        <v>66</v>
      </c>
      <c r="AJ479" s="661" t="s">
        <v>66</v>
      </c>
      <c r="AK479" s="661" t="s">
        <v>66</v>
      </c>
      <c r="AL479" s="661" t="s">
        <v>66</v>
      </c>
      <c r="AM479" s="661" t="s">
        <v>66</v>
      </c>
      <c r="AN479" s="661" t="s">
        <v>66</v>
      </c>
      <c r="AO479" s="661" t="s">
        <v>66</v>
      </c>
      <c r="AP479" s="661" t="s">
        <v>66</v>
      </c>
      <c r="AQ479" s="661" t="s">
        <v>66</v>
      </c>
      <c r="AR479" s="661" t="s">
        <v>66</v>
      </c>
      <c r="AS479" s="713"/>
      <c r="AT479" s="713"/>
      <c r="AU479" s="713"/>
      <c r="AV479" s="713"/>
      <c r="AW479" s="713"/>
      <c r="AX479" s="713"/>
      <c r="AY479" s="713"/>
      <c r="AZ479" s="713"/>
      <c r="BA479" s="713"/>
      <c r="BB479" s="713"/>
      <c r="BC479" s="713"/>
      <c r="BD479" s="713"/>
      <c r="BE479" s="713"/>
      <c r="BF479" s="713"/>
      <c r="BG479" s="676"/>
      <c r="BH479" s="676"/>
      <c r="BI479" s="676"/>
      <c r="BJ479" s="676"/>
      <c r="BK479" s="676"/>
      <c r="BL479" s="676"/>
      <c r="BM479" s="676"/>
      <c r="BN479" s="676"/>
      <c r="BO479" s="661" t="s">
        <v>66</v>
      </c>
      <c r="BP479" s="661" t="s">
        <v>66</v>
      </c>
      <c r="BQ479" s="661" t="s">
        <v>66</v>
      </c>
      <c r="BR479" s="661" t="s">
        <v>66</v>
      </c>
      <c r="BS479" s="884">
        <f t="shared" si="798"/>
        <v>21225</v>
      </c>
      <c r="BT479" s="661">
        <f t="shared" si="848"/>
        <v>132.38925795053004</v>
      </c>
      <c r="BU479" s="661" t="str">
        <f>IF(SUM(BV479:DL479)=X479, "GOOD", "ERROR")</f>
        <v>GOOD</v>
      </c>
      <c r="BV479" s="898">
        <f t="shared" ref="BV479:CE481" si="862">IF(AB479="yes",(AB$3*$BT479),"")</f>
        <v>661946.28975265019</v>
      </c>
      <c r="BW479" s="898">
        <f t="shared" si="862"/>
        <v>26477.851590106009</v>
      </c>
      <c r="BX479" s="898">
        <f t="shared" si="862"/>
        <v>59575.166077738519</v>
      </c>
      <c r="BY479" s="898">
        <f t="shared" si="862"/>
        <v>46336.24028268551</v>
      </c>
      <c r="BZ479" s="898">
        <f t="shared" si="862"/>
        <v>66194.628975265019</v>
      </c>
      <c r="CA479" s="898">
        <f t="shared" si="862"/>
        <v>63546.843816254419</v>
      </c>
      <c r="CB479" s="898">
        <f t="shared" si="862"/>
        <v>13238.925795053005</v>
      </c>
      <c r="CC479" s="898">
        <f t="shared" si="862"/>
        <v>51631.810600706718</v>
      </c>
      <c r="CD479" s="898">
        <f t="shared" si="862"/>
        <v>66194.628975265019</v>
      </c>
      <c r="CE479" s="898">
        <f t="shared" si="862"/>
        <v>66194.628975265019</v>
      </c>
      <c r="CF479" s="898">
        <f t="shared" ref="CF479:CO481" si="863">IF(AL479="yes",(AL$3*$BT479),"")</f>
        <v>99291.943462897529</v>
      </c>
      <c r="CG479" s="898">
        <f t="shared" si="863"/>
        <v>26477.851590106009</v>
      </c>
      <c r="CH479" s="898">
        <f t="shared" si="863"/>
        <v>30979.086360424029</v>
      </c>
      <c r="CI479" s="898">
        <f t="shared" si="863"/>
        <v>46336.24028268551</v>
      </c>
      <c r="CJ479" s="898">
        <f t="shared" si="863"/>
        <v>11915.033215547703</v>
      </c>
      <c r="CK479" s="898">
        <f t="shared" si="863"/>
        <v>10591.140636042403</v>
      </c>
      <c r="CL479" s="898">
        <f t="shared" si="863"/>
        <v>315086.43392226147</v>
      </c>
      <c r="CM479" s="898" t="str">
        <f t="shared" si="863"/>
        <v/>
      </c>
      <c r="CN479" s="898" t="str">
        <f t="shared" si="863"/>
        <v/>
      </c>
      <c r="CO479" s="898" t="str">
        <f t="shared" si="863"/>
        <v/>
      </c>
      <c r="CP479" s="898" t="str">
        <f t="shared" ref="CP479:CY481" si="864">IF(AV479="yes",(AV$3*$BT479),"")</f>
        <v/>
      </c>
      <c r="CQ479" s="898" t="str">
        <f t="shared" si="864"/>
        <v/>
      </c>
      <c r="CR479" s="898" t="str">
        <f t="shared" si="864"/>
        <v/>
      </c>
      <c r="CS479" s="898" t="str">
        <f t="shared" si="864"/>
        <v/>
      </c>
      <c r="CT479" s="898" t="str">
        <f t="shared" si="864"/>
        <v/>
      </c>
      <c r="CU479" s="898" t="str">
        <f t="shared" si="864"/>
        <v/>
      </c>
      <c r="CV479" s="898" t="str">
        <f t="shared" si="864"/>
        <v/>
      </c>
      <c r="CW479" s="898" t="str">
        <f t="shared" si="864"/>
        <v/>
      </c>
      <c r="CX479" s="898" t="str">
        <f t="shared" si="864"/>
        <v/>
      </c>
      <c r="CY479" s="898" t="str">
        <f t="shared" si="864"/>
        <v/>
      </c>
      <c r="CZ479" s="898" t="str">
        <f t="shared" ref="CZ479:DI481" si="865">IF(BF479="yes",(BF$3*$BT479),"")</f>
        <v/>
      </c>
      <c r="DA479" s="898" t="str">
        <f t="shared" si="865"/>
        <v/>
      </c>
      <c r="DB479" s="898" t="str">
        <f t="shared" si="865"/>
        <v/>
      </c>
      <c r="DC479" s="898" t="str">
        <f t="shared" si="865"/>
        <v/>
      </c>
      <c r="DD479" s="898" t="str">
        <f t="shared" si="865"/>
        <v/>
      </c>
      <c r="DE479" s="898" t="str">
        <f t="shared" si="865"/>
        <v/>
      </c>
      <c r="DF479" s="898" t="str">
        <f t="shared" si="865"/>
        <v/>
      </c>
      <c r="DG479" s="898" t="str">
        <f t="shared" si="865"/>
        <v/>
      </c>
      <c r="DH479" s="898" t="str">
        <f t="shared" si="865"/>
        <v/>
      </c>
      <c r="DI479" s="898">
        <f t="shared" si="865"/>
        <v>198583.88692579506</v>
      </c>
      <c r="DJ479" s="898">
        <f t="shared" ref="DJ479:DL481" si="866">IF(BP479="yes",(BP$3*$BT479),"")</f>
        <v>211822.81272084807</v>
      </c>
      <c r="DK479" s="898">
        <f t="shared" si="866"/>
        <v>317734.21908127208</v>
      </c>
      <c r="DL479" s="898">
        <f t="shared" si="866"/>
        <v>419806.33696113073</v>
      </c>
      <c r="DM479" s="661">
        <f t="shared" si="799"/>
        <v>1662014.7443109541</v>
      </c>
      <c r="DN479" s="898">
        <f t="shared" si="800"/>
        <v>1147947.2556890459</v>
      </c>
      <c r="DO479" s="516">
        <f t="shared" si="801"/>
        <v>0</v>
      </c>
      <c r="DP479" s="898">
        <f t="shared" si="802"/>
        <v>0</v>
      </c>
      <c r="DQ479" s="860" t="s">
        <v>4246</v>
      </c>
      <c r="DR479" s="610" t="s">
        <v>4247</v>
      </c>
      <c r="DS479" s="1221" t="s">
        <v>4248</v>
      </c>
      <c r="DT479" s="632"/>
    </row>
    <row r="480" spans="1:124" s="613" customFormat="1" ht="57" x14ac:dyDescent="0.2">
      <c r="A480" s="484" t="str">
        <f t="shared" si="794"/>
        <v>Redbourn Road shared use footway and cycleway link</v>
      </c>
      <c r="B480" s="1163">
        <v>477</v>
      </c>
      <c r="C480" s="1156" t="s">
        <v>4606</v>
      </c>
      <c r="D480" s="722" t="s">
        <v>4584</v>
      </c>
      <c r="E480" s="481" t="s">
        <v>53</v>
      </c>
      <c r="F480" s="671" t="s">
        <v>655</v>
      </c>
      <c r="G480" s="852" t="s">
        <v>932</v>
      </c>
      <c r="H480" s="513" t="s">
        <v>1656</v>
      </c>
      <c r="I480" s="775" t="str">
        <f t="shared" si="849"/>
        <v>EXT-9</v>
      </c>
      <c r="J480" s="513" t="s">
        <v>4607</v>
      </c>
      <c r="K480" s="664" t="s">
        <v>3104</v>
      </c>
      <c r="L480" s="738" t="s">
        <v>4368</v>
      </c>
      <c r="M480" s="713" t="s">
        <v>3027</v>
      </c>
      <c r="N480" s="713" t="s">
        <v>81</v>
      </c>
      <c r="O480" s="654" t="s">
        <v>3051</v>
      </c>
      <c r="P480" s="657" t="s">
        <v>61</v>
      </c>
      <c r="Q480" s="852" t="s">
        <v>122</v>
      </c>
      <c r="R480" s="657"/>
      <c r="S480" s="657"/>
      <c r="T480" s="853">
        <v>622119</v>
      </c>
      <c r="U480" s="747"/>
      <c r="V480" s="657" t="s">
        <v>4245</v>
      </c>
      <c r="W480" s="642">
        <f t="shared" si="846"/>
        <v>0</v>
      </c>
      <c r="X480" s="745">
        <f t="shared" si="847"/>
        <v>622119</v>
      </c>
      <c r="Y480" s="745" t="s">
        <v>3106</v>
      </c>
      <c r="Z480" s="745" t="str">
        <f>_xlfn.XLOOKUP(I480, 'CALCS Aecom (July 25 2025)'!F:F, 'CALCS Aecom (July 25 2025)'!W:W)</f>
        <v>Multiple Scenario 1 (Step 3)</v>
      </c>
      <c r="AA480" s="776" t="s">
        <v>65</v>
      </c>
      <c r="AB480" s="661"/>
      <c r="AC480" s="661"/>
      <c r="AD480" s="661"/>
      <c r="AE480" s="661"/>
      <c r="AF480" s="661"/>
      <c r="AG480" s="661"/>
      <c r="AH480" s="661"/>
      <c r="AI480" s="661"/>
      <c r="AJ480" s="661"/>
      <c r="AK480" s="661"/>
      <c r="AL480" s="661"/>
      <c r="AM480" s="661"/>
      <c r="AN480" s="661"/>
      <c r="AO480" s="661"/>
      <c r="AP480" s="661"/>
      <c r="AQ480" s="661"/>
      <c r="AR480" s="661"/>
      <c r="AS480" s="713"/>
      <c r="AT480" s="713"/>
      <c r="AU480" s="713"/>
      <c r="AV480" s="713"/>
      <c r="AW480" s="713"/>
      <c r="AX480" s="713"/>
      <c r="AY480" s="713"/>
      <c r="AZ480" s="713"/>
      <c r="BA480" s="713"/>
      <c r="BB480" s="713"/>
      <c r="BC480" s="713"/>
      <c r="BD480" s="713"/>
      <c r="BE480" s="713"/>
      <c r="BF480" s="713"/>
      <c r="BG480" s="676"/>
      <c r="BH480" s="676"/>
      <c r="BI480" s="676"/>
      <c r="BJ480" s="676"/>
      <c r="BK480" s="676"/>
      <c r="BL480" s="676"/>
      <c r="BM480" s="676"/>
      <c r="BN480" s="676"/>
      <c r="BO480" s="892" t="s">
        <v>66</v>
      </c>
      <c r="BP480" s="892" t="s">
        <v>66</v>
      </c>
      <c r="BQ480" s="892"/>
      <c r="BR480" s="892"/>
      <c r="BS480" s="884">
        <f t="shared" si="798"/>
        <v>3100</v>
      </c>
      <c r="BT480" s="661">
        <f t="shared" si="848"/>
        <v>200.68354838709678</v>
      </c>
      <c r="BU480" s="661"/>
      <c r="BV480" s="898" t="str">
        <f t="shared" si="862"/>
        <v/>
      </c>
      <c r="BW480" s="898" t="str">
        <f t="shared" si="862"/>
        <v/>
      </c>
      <c r="BX480" s="898" t="str">
        <f t="shared" si="862"/>
        <v/>
      </c>
      <c r="BY480" s="898" t="str">
        <f t="shared" si="862"/>
        <v/>
      </c>
      <c r="BZ480" s="898" t="str">
        <f t="shared" si="862"/>
        <v/>
      </c>
      <c r="CA480" s="898" t="str">
        <f t="shared" si="862"/>
        <v/>
      </c>
      <c r="CB480" s="898" t="str">
        <f t="shared" si="862"/>
        <v/>
      </c>
      <c r="CC480" s="898" t="str">
        <f t="shared" si="862"/>
        <v/>
      </c>
      <c r="CD480" s="898" t="str">
        <f t="shared" si="862"/>
        <v/>
      </c>
      <c r="CE480" s="898" t="str">
        <f t="shared" si="862"/>
        <v/>
      </c>
      <c r="CF480" s="898" t="str">
        <f t="shared" si="863"/>
        <v/>
      </c>
      <c r="CG480" s="898" t="str">
        <f t="shared" si="863"/>
        <v/>
      </c>
      <c r="CH480" s="898" t="str">
        <f t="shared" si="863"/>
        <v/>
      </c>
      <c r="CI480" s="898" t="str">
        <f t="shared" si="863"/>
        <v/>
      </c>
      <c r="CJ480" s="898" t="str">
        <f t="shared" si="863"/>
        <v/>
      </c>
      <c r="CK480" s="898" t="str">
        <f t="shared" si="863"/>
        <v/>
      </c>
      <c r="CL480" s="898" t="str">
        <f t="shared" si="863"/>
        <v/>
      </c>
      <c r="CM480" s="898" t="str">
        <f t="shared" si="863"/>
        <v/>
      </c>
      <c r="CN480" s="898" t="str">
        <f t="shared" si="863"/>
        <v/>
      </c>
      <c r="CO480" s="898" t="str">
        <f t="shared" si="863"/>
        <v/>
      </c>
      <c r="CP480" s="898" t="str">
        <f t="shared" si="864"/>
        <v/>
      </c>
      <c r="CQ480" s="898" t="str">
        <f t="shared" si="864"/>
        <v/>
      </c>
      <c r="CR480" s="898" t="str">
        <f t="shared" si="864"/>
        <v/>
      </c>
      <c r="CS480" s="898" t="str">
        <f t="shared" si="864"/>
        <v/>
      </c>
      <c r="CT480" s="898" t="str">
        <f t="shared" si="864"/>
        <v/>
      </c>
      <c r="CU480" s="898" t="str">
        <f t="shared" si="864"/>
        <v/>
      </c>
      <c r="CV480" s="898" t="str">
        <f t="shared" si="864"/>
        <v/>
      </c>
      <c r="CW480" s="898" t="str">
        <f t="shared" si="864"/>
        <v/>
      </c>
      <c r="CX480" s="898" t="str">
        <f t="shared" si="864"/>
        <v/>
      </c>
      <c r="CY480" s="898" t="str">
        <f t="shared" si="864"/>
        <v/>
      </c>
      <c r="CZ480" s="898" t="str">
        <f t="shared" si="865"/>
        <v/>
      </c>
      <c r="DA480" s="898" t="str">
        <f t="shared" si="865"/>
        <v/>
      </c>
      <c r="DB480" s="898" t="str">
        <f t="shared" si="865"/>
        <v/>
      </c>
      <c r="DC480" s="898" t="str">
        <f t="shared" si="865"/>
        <v/>
      </c>
      <c r="DD480" s="898" t="str">
        <f t="shared" si="865"/>
        <v/>
      </c>
      <c r="DE480" s="898" t="str">
        <f t="shared" si="865"/>
        <v/>
      </c>
      <c r="DF480" s="898" t="str">
        <f t="shared" si="865"/>
        <v/>
      </c>
      <c r="DG480" s="898" t="str">
        <f t="shared" si="865"/>
        <v/>
      </c>
      <c r="DH480" s="898" t="str">
        <f t="shared" si="865"/>
        <v/>
      </c>
      <c r="DI480" s="898">
        <f t="shared" si="865"/>
        <v>301025.32258064515</v>
      </c>
      <c r="DJ480" s="898">
        <f t="shared" si="866"/>
        <v>321093.67741935485</v>
      </c>
      <c r="DK480" s="898" t="str">
        <f t="shared" si="866"/>
        <v/>
      </c>
      <c r="DL480" s="898" t="str">
        <f t="shared" si="866"/>
        <v/>
      </c>
      <c r="DM480" s="661">
        <f t="shared" si="799"/>
        <v>0</v>
      </c>
      <c r="DN480" s="898">
        <f t="shared" si="800"/>
        <v>622119</v>
      </c>
      <c r="DO480" s="516">
        <f t="shared" si="801"/>
        <v>0</v>
      </c>
      <c r="DP480" s="898">
        <f t="shared" si="802"/>
        <v>0</v>
      </c>
      <c r="DQ480" s="860" t="s">
        <v>4246</v>
      </c>
      <c r="DR480" s="860"/>
      <c r="DS480" s="1221" t="s">
        <v>4587</v>
      </c>
      <c r="DT480" s="632"/>
    </row>
    <row r="481" spans="1:124" s="613" customFormat="1" ht="57" x14ac:dyDescent="0.2">
      <c r="A481" s="484" t="str">
        <f t="shared" si="794"/>
        <v>Hemel Hempstead Station - Highway Access Alterations including Bus</v>
      </c>
      <c r="B481" s="1163">
        <v>478</v>
      </c>
      <c r="C481" s="1156" t="s">
        <v>4608</v>
      </c>
      <c r="D481" s="722" t="s">
        <v>4584</v>
      </c>
      <c r="E481" s="481" t="s">
        <v>53</v>
      </c>
      <c r="F481" s="671" t="s">
        <v>655</v>
      </c>
      <c r="G481" s="775" t="s">
        <v>830</v>
      </c>
      <c r="H481" s="513" t="s">
        <v>2094</v>
      </c>
      <c r="I481" s="775" t="str">
        <f t="shared" si="849"/>
        <v>EXT-10</v>
      </c>
      <c r="J481" s="513" t="s">
        <v>4609</v>
      </c>
      <c r="K481" s="664" t="s">
        <v>3104</v>
      </c>
      <c r="L481" s="852" t="s">
        <v>3167</v>
      </c>
      <c r="M481" s="713" t="s">
        <v>2996</v>
      </c>
      <c r="N481" s="713" t="s">
        <v>81</v>
      </c>
      <c r="O481" s="657" t="s">
        <v>4318</v>
      </c>
      <c r="P481" s="657" t="s">
        <v>61</v>
      </c>
      <c r="Q481" s="852" t="s">
        <v>181</v>
      </c>
      <c r="R481" s="657"/>
      <c r="S481" s="657"/>
      <c r="T481" s="853">
        <v>370629.19</v>
      </c>
      <c r="U481" s="747"/>
      <c r="V481" s="657" t="s">
        <v>4245</v>
      </c>
      <c r="W481" s="642">
        <f t="shared" si="846"/>
        <v>0</v>
      </c>
      <c r="X481" s="745">
        <f t="shared" si="847"/>
        <v>370629.19</v>
      </c>
      <c r="Y481" s="745" t="s">
        <v>3106</v>
      </c>
      <c r="Z481" s="745" t="str">
        <f>_xlfn.XLOOKUP(I481, 'CALCS Aecom (July 25 2025)'!F:F, 'CALCS Aecom (July 25 2025)'!W:W)</f>
        <v>Multiple Scenario 2 (Step 8)</v>
      </c>
      <c r="AA481" s="776" t="s">
        <v>65</v>
      </c>
      <c r="AB481" s="661" t="s">
        <v>66</v>
      </c>
      <c r="AC481" s="661" t="s">
        <v>66</v>
      </c>
      <c r="AD481" s="661" t="s">
        <v>66</v>
      </c>
      <c r="AE481" s="661" t="s">
        <v>66</v>
      </c>
      <c r="AF481" s="661" t="s">
        <v>66</v>
      </c>
      <c r="AG481" s="661" t="s">
        <v>66</v>
      </c>
      <c r="AH481" s="661" t="s">
        <v>66</v>
      </c>
      <c r="AI481" s="661" t="s">
        <v>66</v>
      </c>
      <c r="AJ481" s="661" t="s">
        <v>66</v>
      </c>
      <c r="AK481" s="661" t="s">
        <v>66</v>
      </c>
      <c r="AL481" s="661" t="s">
        <v>66</v>
      </c>
      <c r="AM481" s="661" t="s">
        <v>66</v>
      </c>
      <c r="AN481" s="661" t="s">
        <v>66</v>
      </c>
      <c r="AO481" s="661" t="s">
        <v>66</v>
      </c>
      <c r="AP481" s="661" t="s">
        <v>66</v>
      </c>
      <c r="AQ481" s="661" t="s">
        <v>66</v>
      </c>
      <c r="AR481" s="661" t="s">
        <v>66</v>
      </c>
      <c r="AS481" s="713"/>
      <c r="AT481" s="713"/>
      <c r="AU481" s="713"/>
      <c r="AV481" s="713"/>
      <c r="AW481" s="713"/>
      <c r="AX481" s="713"/>
      <c r="AY481" s="713"/>
      <c r="AZ481" s="713"/>
      <c r="BA481" s="713"/>
      <c r="BB481" s="713"/>
      <c r="BC481" s="713"/>
      <c r="BD481" s="713"/>
      <c r="BE481" s="713"/>
      <c r="BF481" s="713"/>
      <c r="BG481" s="676"/>
      <c r="BH481" s="676"/>
      <c r="BI481" s="676"/>
      <c r="BJ481" s="676"/>
      <c r="BK481" s="676"/>
      <c r="BL481" s="676"/>
      <c r="BM481" s="676"/>
      <c r="BN481" s="676"/>
      <c r="BO481" s="661" t="s">
        <v>66</v>
      </c>
      <c r="BP481" s="661" t="s">
        <v>66</v>
      </c>
      <c r="BQ481" s="661" t="s">
        <v>66</v>
      </c>
      <c r="BR481" s="654"/>
      <c r="BS481" s="884">
        <f t="shared" si="798"/>
        <v>18054</v>
      </c>
      <c r="BT481" s="661">
        <f t="shared" si="848"/>
        <v>20.528923784202949</v>
      </c>
      <c r="BU481" s="661" t="str">
        <f t="shared" ref="BU481:BU489" si="867">IF(SUM(BV481:DL481)=X481, "GOOD", "ERROR")</f>
        <v>GOOD</v>
      </c>
      <c r="BV481" s="898">
        <f t="shared" si="862"/>
        <v>102644.61892101474</v>
      </c>
      <c r="BW481" s="898">
        <f t="shared" si="862"/>
        <v>4105.7847568405896</v>
      </c>
      <c r="BX481" s="898">
        <f t="shared" si="862"/>
        <v>9238.0157028913272</v>
      </c>
      <c r="BY481" s="898">
        <f t="shared" si="862"/>
        <v>7185.123324471032</v>
      </c>
      <c r="BZ481" s="898">
        <f t="shared" si="862"/>
        <v>10264.461892101473</v>
      </c>
      <c r="CA481" s="898">
        <f t="shared" si="862"/>
        <v>9853.883416417415</v>
      </c>
      <c r="CB481" s="898">
        <f t="shared" si="862"/>
        <v>2052.8923784202948</v>
      </c>
      <c r="CC481" s="898">
        <f t="shared" si="862"/>
        <v>8006.2802758391499</v>
      </c>
      <c r="CD481" s="898">
        <f t="shared" si="862"/>
        <v>10264.461892101473</v>
      </c>
      <c r="CE481" s="898">
        <f t="shared" si="862"/>
        <v>10264.461892101473</v>
      </c>
      <c r="CF481" s="898">
        <f t="shared" si="863"/>
        <v>15396.692838152212</v>
      </c>
      <c r="CG481" s="898">
        <f t="shared" si="863"/>
        <v>4105.7847568405896</v>
      </c>
      <c r="CH481" s="898">
        <f t="shared" si="863"/>
        <v>4803.7681655034903</v>
      </c>
      <c r="CI481" s="898">
        <f t="shared" si="863"/>
        <v>7185.123324471032</v>
      </c>
      <c r="CJ481" s="898">
        <f t="shared" si="863"/>
        <v>1847.6031405782653</v>
      </c>
      <c r="CK481" s="898">
        <f t="shared" si="863"/>
        <v>1642.3139027362358</v>
      </c>
      <c r="CL481" s="898">
        <f t="shared" si="863"/>
        <v>48858.83860640302</v>
      </c>
      <c r="CM481" s="898" t="str">
        <f t="shared" si="863"/>
        <v/>
      </c>
      <c r="CN481" s="898" t="str">
        <f t="shared" si="863"/>
        <v/>
      </c>
      <c r="CO481" s="898" t="str">
        <f t="shared" si="863"/>
        <v/>
      </c>
      <c r="CP481" s="898" t="str">
        <f t="shared" si="864"/>
        <v/>
      </c>
      <c r="CQ481" s="898" t="str">
        <f t="shared" si="864"/>
        <v/>
      </c>
      <c r="CR481" s="898" t="str">
        <f t="shared" si="864"/>
        <v/>
      </c>
      <c r="CS481" s="898" t="str">
        <f t="shared" si="864"/>
        <v/>
      </c>
      <c r="CT481" s="898" t="str">
        <f t="shared" si="864"/>
        <v/>
      </c>
      <c r="CU481" s="898" t="str">
        <f t="shared" si="864"/>
        <v/>
      </c>
      <c r="CV481" s="898" t="str">
        <f t="shared" si="864"/>
        <v/>
      </c>
      <c r="CW481" s="898" t="str">
        <f t="shared" si="864"/>
        <v/>
      </c>
      <c r="CX481" s="898" t="str">
        <f t="shared" si="864"/>
        <v/>
      </c>
      <c r="CY481" s="898" t="str">
        <f t="shared" si="864"/>
        <v/>
      </c>
      <c r="CZ481" s="898" t="str">
        <f t="shared" si="865"/>
        <v/>
      </c>
      <c r="DA481" s="898" t="str">
        <f t="shared" si="865"/>
        <v/>
      </c>
      <c r="DB481" s="898" t="str">
        <f t="shared" si="865"/>
        <v/>
      </c>
      <c r="DC481" s="898" t="str">
        <f t="shared" si="865"/>
        <v/>
      </c>
      <c r="DD481" s="898" t="str">
        <f t="shared" si="865"/>
        <v/>
      </c>
      <c r="DE481" s="898" t="str">
        <f t="shared" si="865"/>
        <v/>
      </c>
      <c r="DF481" s="898" t="str">
        <f t="shared" si="865"/>
        <v/>
      </c>
      <c r="DG481" s="898" t="str">
        <f t="shared" si="865"/>
        <v/>
      </c>
      <c r="DH481" s="898" t="str">
        <f t="shared" si="865"/>
        <v/>
      </c>
      <c r="DI481" s="898">
        <f t="shared" si="865"/>
        <v>30793.385676304424</v>
      </c>
      <c r="DJ481" s="898">
        <f t="shared" si="866"/>
        <v>32846.278054724717</v>
      </c>
      <c r="DK481" s="898">
        <f t="shared" si="866"/>
        <v>49269.417082087079</v>
      </c>
      <c r="DL481" s="898" t="str">
        <f t="shared" si="866"/>
        <v/>
      </c>
      <c r="DM481" s="661">
        <f t="shared" si="799"/>
        <v>257720.10918688378</v>
      </c>
      <c r="DN481" s="898">
        <f t="shared" si="800"/>
        <v>112909.08081311622</v>
      </c>
      <c r="DO481" s="516">
        <f t="shared" si="801"/>
        <v>0</v>
      </c>
      <c r="DP481" s="898">
        <f t="shared" si="802"/>
        <v>0</v>
      </c>
      <c r="DQ481" s="1223" t="s">
        <v>4610</v>
      </c>
      <c r="DR481" s="610" t="s">
        <v>4247</v>
      </c>
      <c r="DS481" s="1221" t="s">
        <v>4248</v>
      </c>
      <c r="DT481" s="632"/>
    </row>
    <row r="482" spans="1:124" s="613" customFormat="1" ht="185.25" x14ac:dyDescent="0.2">
      <c r="A482" s="484" t="str">
        <f t="shared" si="794"/>
        <v xml:space="preserve">B487 Hemel Hempstead Road - Hemel Hempstead Road Redbourn junction improvement </v>
      </c>
      <c r="B482" s="1163">
        <v>479</v>
      </c>
      <c r="C482" s="1156" t="s">
        <v>4611</v>
      </c>
      <c r="D482" s="722" t="s">
        <v>4584</v>
      </c>
      <c r="E482" s="481" t="s">
        <v>1385</v>
      </c>
      <c r="F482" s="671" t="s">
        <v>655</v>
      </c>
      <c r="G482" s="852" t="s">
        <v>900</v>
      </c>
      <c r="H482" s="513" t="s">
        <v>1530</v>
      </c>
      <c r="I482" s="775" t="str">
        <f t="shared" si="849"/>
        <v>EXT-11</v>
      </c>
      <c r="J482" s="513" t="s">
        <v>4612</v>
      </c>
      <c r="K482" s="664" t="s">
        <v>3104</v>
      </c>
      <c r="L482" s="852" t="s">
        <v>4613</v>
      </c>
      <c r="M482" s="713" t="s">
        <v>3027</v>
      </c>
      <c r="N482" s="713" t="s">
        <v>81</v>
      </c>
      <c r="O482" s="654" t="s">
        <v>3051</v>
      </c>
      <c r="P482" s="657" t="s">
        <v>61</v>
      </c>
      <c r="Q482" s="515" t="s">
        <v>2378</v>
      </c>
      <c r="R482" s="657"/>
      <c r="S482" s="657"/>
      <c r="T482" s="853">
        <v>1708604</v>
      </c>
      <c r="U482" s="747"/>
      <c r="V482" s="657" t="s">
        <v>4245</v>
      </c>
      <c r="W482" s="642">
        <f t="shared" si="846"/>
        <v>0</v>
      </c>
      <c r="X482" s="745">
        <f t="shared" si="847"/>
        <v>1708604</v>
      </c>
      <c r="Y482" s="745" t="s">
        <v>4260</v>
      </c>
      <c r="Z482" s="745" t="str">
        <f>_xlfn.XLOOKUP(I482, 'CALCS Aecom (July 25 2025)'!F:F, 'CALCS Aecom (July 25 2025)'!W:W)</f>
        <v>Mutliple Scenario 2 (Step 5)</v>
      </c>
      <c r="AA482" s="1330" t="s">
        <v>3220</v>
      </c>
      <c r="AB482" s="713" t="str">
        <f t="shared" ref="AB482:AR482" si="868">IF(BV482&gt;0, "Yes", "")</f>
        <v>Yes</v>
      </c>
      <c r="AC482" s="713" t="str">
        <f t="shared" si="868"/>
        <v>Yes</v>
      </c>
      <c r="AD482" s="713" t="str">
        <f t="shared" si="868"/>
        <v>Yes</v>
      </c>
      <c r="AE482" s="713" t="str">
        <f t="shared" si="868"/>
        <v/>
      </c>
      <c r="AF482" s="713" t="str">
        <f t="shared" si="868"/>
        <v/>
      </c>
      <c r="AG482" s="713" t="str">
        <f t="shared" si="868"/>
        <v/>
      </c>
      <c r="AH482" s="713" t="str">
        <f t="shared" si="868"/>
        <v/>
      </c>
      <c r="AI482" s="713" t="str">
        <f t="shared" si="868"/>
        <v/>
      </c>
      <c r="AJ482" s="713" t="str">
        <f t="shared" si="868"/>
        <v/>
      </c>
      <c r="AK482" s="713" t="str">
        <f t="shared" si="868"/>
        <v/>
      </c>
      <c r="AL482" s="713" t="str">
        <f t="shared" si="868"/>
        <v>Yes</v>
      </c>
      <c r="AM482" s="713" t="str">
        <f t="shared" si="868"/>
        <v>Yes</v>
      </c>
      <c r="AN482" s="713" t="str">
        <f t="shared" si="868"/>
        <v>Yes</v>
      </c>
      <c r="AO482" s="713" t="str">
        <f t="shared" si="868"/>
        <v>Yes</v>
      </c>
      <c r="AP482" s="713" t="str">
        <f t="shared" si="868"/>
        <v>Yes</v>
      </c>
      <c r="AQ482" s="713" t="str">
        <f t="shared" si="868"/>
        <v/>
      </c>
      <c r="AR482" s="713" t="str">
        <f t="shared" si="868"/>
        <v/>
      </c>
      <c r="AS482" s="713"/>
      <c r="AT482" s="713"/>
      <c r="AU482" s="713"/>
      <c r="AV482" s="713"/>
      <c r="AW482" s="713"/>
      <c r="AX482" s="713"/>
      <c r="AY482" s="713"/>
      <c r="AZ482" s="713"/>
      <c r="BA482" s="713"/>
      <c r="BB482" s="713"/>
      <c r="BC482" s="713"/>
      <c r="BD482" s="713"/>
      <c r="BE482" s="713"/>
      <c r="BF482" s="713"/>
      <c r="BG482" s="676"/>
      <c r="BH482" s="676"/>
      <c r="BI482" s="676"/>
      <c r="BJ482" s="676"/>
      <c r="BK482" s="676"/>
      <c r="BL482" s="676"/>
      <c r="BM482" s="676"/>
      <c r="BN482" s="676"/>
      <c r="BO482" s="892" t="str">
        <f>IF(DI482&gt;0, "Yes", "")</f>
        <v>Yes</v>
      </c>
      <c r="BP482" s="892" t="str">
        <f>IF(DJ482&gt;0, "Yes", "")</f>
        <v>Yes</v>
      </c>
      <c r="BQ482" s="892" t="str">
        <f>IF(DK482&gt;0, "Yes", "")</f>
        <v>Yes</v>
      </c>
      <c r="BR482" s="892" t="str">
        <f>IF(DL482&gt;0, "Yes", "")</f>
        <v>Yes</v>
      </c>
      <c r="BS482" s="884">
        <f t="shared" si="798"/>
        <v>15945</v>
      </c>
      <c r="BT482" s="661">
        <f t="shared" si="848"/>
        <v>107.15609909062402</v>
      </c>
      <c r="BU482" s="661" t="str">
        <f t="shared" si="867"/>
        <v>GOOD</v>
      </c>
      <c r="BV482" s="1149">
        <f>$X482*_xlfn.XLOOKUP($I482, 'CALCS Aecom (July 25 2025)'!$F:$F, 'CALCS Aecom (July 25 2025)'!BZ:BZ)</f>
        <v>734250.31087769347</v>
      </c>
      <c r="BW482" s="1149">
        <f>$X482*_xlfn.XLOOKUP($I482, 'CALCS Aecom (July 25 2025)'!$F:$F, 'CALCS Aecom (July 25 2025)'!CC:CC)</f>
        <v>16137.369469839416</v>
      </c>
      <c r="BX482" s="1149">
        <f>$X482*_xlfn.XLOOKUP($I482, 'CALCS Aecom (July 25 2025)'!$F:$F, 'CALCS Aecom (July 25 2025)'!CI:CI)</f>
        <v>8068.6847349197078</v>
      </c>
      <c r="BY482" s="1149">
        <f>$X482*_xlfn.XLOOKUP($I482, 'CALCS Aecom (July 25 2025)'!$F:$F, 'CALCS Aecom (July 25 2025)'!BQ:BQ)</f>
        <v>0</v>
      </c>
      <c r="BZ482" s="1149">
        <f>$X482*_xlfn.XLOOKUP($I482, 'CALCS Aecom (July 25 2025)'!$F:$F, 'CALCS Aecom (July 25 2025)'!BV:BV)</f>
        <v>0</v>
      </c>
      <c r="CA482" s="1149">
        <f>$X482*_xlfn.XLOOKUP($I482, 'CALCS Aecom (July 25 2025)'!$F:$F, 'CALCS Aecom (July 25 2025)'!BR:BR)</f>
        <v>0</v>
      </c>
      <c r="CB482" s="1149">
        <f>$X482*_xlfn.XLOOKUP($I482, 'CALCS Aecom (July 25 2025)'!$F:$F, 'CALCS Aecom (July 25 2025)'!CD:CD)</f>
        <v>0</v>
      </c>
      <c r="CC482" s="1149">
        <f>$X482*_xlfn.XLOOKUP($I482, 'CALCS Aecom (July 25 2025)'!$F:$F, 'CALCS Aecom (July 25 2025)'!BT:BT)</f>
        <v>0</v>
      </c>
      <c r="CD482" s="1149">
        <f>$X482*_xlfn.XLOOKUP($I482, 'CALCS Aecom (July 25 2025)'!$F:$F, 'CALCS Aecom (July 25 2025)'!BU:BU)</f>
        <v>0</v>
      </c>
      <c r="CE482" s="1149">
        <f>$X482*_xlfn.XLOOKUP($I482, 'CALCS Aecom (July 25 2025)'!$F:$F, 'CALCS Aecom (July 25 2025)'!BW:BW)</f>
        <v>0</v>
      </c>
      <c r="CF482" s="1149">
        <f>$X482*_xlfn.XLOOKUP($I482, 'CALCS Aecom (July 25 2025)'!$F:$F, 'CALCS Aecom (July 25 2025)'!BS:BS)</f>
        <v>72618.162614277375</v>
      </c>
      <c r="CG482" s="1149">
        <f>$X482*_xlfn.XLOOKUP($I482, 'CALCS Aecom (July 25 2025)'!$F:$F, 'CALCS Aecom (July 25 2025)'!CE:CE)</f>
        <v>16137.369469839416</v>
      </c>
      <c r="CH482" s="1149">
        <f>$X482*_xlfn.XLOOKUP($I482, 'CALCS Aecom (July 25 2025)'!$F:$F, 'CALCS Aecom (July 25 2025)'!CJ:CJ)</f>
        <v>14180.205666861182</v>
      </c>
      <c r="CI482" s="1149">
        <f>$X482*_xlfn.XLOOKUP($I482, 'CALCS Aecom (July 25 2025)'!$F:$F, 'CALCS Aecom (July 25 2025)'!CB:CB)</f>
        <v>52446.450776978112</v>
      </c>
      <c r="CJ482" s="1149">
        <f>$X482*_xlfn.XLOOKUP($I482, 'CALCS Aecom (July 25 2025)'!$F:$F, 'CALCS Aecom (July 25 2025)'!CF:CF)</f>
        <v>8068.6847349197078</v>
      </c>
      <c r="CK482" s="1149">
        <f>$X482*_xlfn.XLOOKUP($I482, 'CALCS Aecom (July 25 2025)'!$F:$F, 'CALCS Aecom (July 25 2025)'!CG:CG)</f>
        <v>0</v>
      </c>
      <c r="CL482" s="1149"/>
      <c r="CM482" s="898"/>
      <c r="CN482" s="898"/>
      <c r="CO482" s="898"/>
      <c r="CP482" s="898"/>
      <c r="CQ482" s="898"/>
      <c r="CR482" s="898"/>
      <c r="CS482" s="898"/>
      <c r="CT482" s="898"/>
      <c r="CU482" s="898"/>
      <c r="CV482" s="898"/>
      <c r="CW482" s="898"/>
      <c r="CX482" s="898"/>
      <c r="CY482" s="898"/>
      <c r="CZ482" s="898"/>
      <c r="DA482" s="898"/>
      <c r="DB482" s="898"/>
      <c r="DC482" s="898"/>
      <c r="DD482" s="898"/>
      <c r="DE482" s="898"/>
      <c r="DF482" s="898"/>
      <c r="DG482" s="898"/>
      <c r="DH482" s="898"/>
      <c r="DI482" s="1149">
        <f>$X482*_xlfn.XLOOKUP($I482, 'CALCS Aecom (July 25 2025)'!$F:$F, 'CALCS Aecom (July 25 2025)'!CA:CA)</f>
        <v>419571.6062158249</v>
      </c>
      <c r="DJ482" s="1149">
        <f>$X482*_xlfn.XLOOKUP($I482, 'CALCS Aecom (July 25 2025)'!$F:$F, 'CALCS Aecom (July 25 2025)'!BX:BX)</f>
        <v>217854.48784283211</v>
      </c>
      <c r="DK482" s="1149">
        <f>$X482*_xlfn.XLOOKUP($I482, 'CALCS Aecom (July 25 2025)'!$F:$F, 'CALCS Aecom (July 25 2025)'!BY:BY)</f>
        <v>4034.3423674598539</v>
      </c>
      <c r="DL482" s="1149">
        <f>$X482*_xlfn.XLOOKUP($I482, 'CALCS Aecom (July 25 2025)'!$F:$F, 'CALCS Aecom (July 25 2025)'!CH:CH)</f>
        <v>145236.32522855475</v>
      </c>
      <c r="DM482" s="661">
        <f t="shared" si="799"/>
        <v>921907.23834532825</v>
      </c>
      <c r="DN482" s="898">
        <f t="shared" si="800"/>
        <v>786696.76165467175</v>
      </c>
      <c r="DO482" s="516">
        <f t="shared" si="801"/>
        <v>0</v>
      </c>
      <c r="DP482" s="898">
        <f t="shared" si="802"/>
        <v>0</v>
      </c>
      <c r="DQ482" s="860" t="s">
        <v>4246</v>
      </c>
      <c r="DR482" s="860" t="s">
        <v>4261</v>
      </c>
      <c r="DS482" s="1221" t="s">
        <v>4587</v>
      </c>
      <c r="DT482" s="632"/>
    </row>
    <row r="483" spans="1:124" s="613" customFormat="1" ht="42.75" x14ac:dyDescent="0.2">
      <c r="A483" s="484" t="str">
        <f t="shared" si="794"/>
        <v>Redbourn SW mobility hub</v>
      </c>
      <c r="B483" s="1163">
        <v>480</v>
      </c>
      <c r="C483" s="1156" t="s">
        <v>4614</v>
      </c>
      <c r="D483" s="722" t="s">
        <v>4584</v>
      </c>
      <c r="E483" s="481" t="s">
        <v>1385</v>
      </c>
      <c r="F483" s="671" t="s">
        <v>655</v>
      </c>
      <c r="G483" s="665" t="s">
        <v>1350</v>
      </c>
      <c r="H483" s="513" t="s">
        <v>2101</v>
      </c>
      <c r="I483" s="775" t="str">
        <f t="shared" si="849"/>
        <v>EXT-12</v>
      </c>
      <c r="J483" s="513" t="s">
        <v>4615</v>
      </c>
      <c r="K483" s="664" t="s">
        <v>3104</v>
      </c>
      <c r="L483" s="852" t="s">
        <v>3167</v>
      </c>
      <c r="M483" s="713" t="s">
        <v>2996</v>
      </c>
      <c r="N483" s="713" t="s">
        <v>81</v>
      </c>
      <c r="O483" s="654" t="s">
        <v>3051</v>
      </c>
      <c r="P483" s="657" t="s">
        <v>61</v>
      </c>
      <c r="Q483" s="515" t="s">
        <v>2378</v>
      </c>
      <c r="R483" s="657"/>
      <c r="S483" s="657"/>
      <c r="T483" s="853">
        <v>370629.19</v>
      </c>
      <c r="U483" s="747"/>
      <c r="V483" s="657" t="s">
        <v>4245</v>
      </c>
      <c r="W483" s="642">
        <f t="shared" si="846"/>
        <v>0</v>
      </c>
      <c r="X483" s="745">
        <f t="shared" si="847"/>
        <v>370629.19</v>
      </c>
      <c r="Y483" s="745" t="s">
        <v>3106</v>
      </c>
      <c r="Z483" s="745" t="str">
        <f>_xlfn.XLOOKUP(I483, 'CALCS Aecom (July 25 2025)'!F:F, 'CALCS Aecom (July 25 2025)'!W:W)</f>
        <v>Multiple Scenario 2 (Step 9)</v>
      </c>
      <c r="AA483" s="1332" t="s">
        <v>82</v>
      </c>
      <c r="AB483" s="661" t="s">
        <v>66</v>
      </c>
      <c r="AC483" s="661" t="s">
        <v>66</v>
      </c>
      <c r="AD483" s="661" t="s">
        <v>66</v>
      </c>
      <c r="AE483" s="661" t="s">
        <v>66</v>
      </c>
      <c r="AF483" s="661" t="s">
        <v>66</v>
      </c>
      <c r="AG483" s="661" t="s">
        <v>66</v>
      </c>
      <c r="AH483" s="661" t="s">
        <v>66</v>
      </c>
      <c r="AI483" s="661" t="s">
        <v>66</v>
      </c>
      <c r="AJ483" s="661" t="s">
        <v>66</v>
      </c>
      <c r="AK483" s="661" t="s">
        <v>66</v>
      </c>
      <c r="AL483" s="661" t="s">
        <v>66</v>
      </c>
      <c r="AM483" s="661" t="s">
        <v>66</v>
      </c>
      <c r="AN483" s="661" t="s">
        <v>66</v>
      </c>
      <c r="AO483" s="661" t="s">
        <v>66</v>
      </c>
      <c r="AP483" s="661" t="s">
        <v>66</v>
      </c>
      <c r="AQ483" s="661" t="s">
        <v>66</v>
      </c>
      <c r="AR483" s="661" t="s">
        <v>66</v>
      </c>
      <c r="AS483" s="713"/>
      <c r="AT483" s="713"/>
      <c r="AU483" s="713"/>
      <c r="AV483" s="713"/>
      <c r="AW483" s="713"/>
      <c r="AX483" s="713"/>
      <c r="AY483" s="713"/>
      <c r="AZ483" s="713"/>
      <c r="BA483" s="713"/>
      <c r="BB483" s="713"/>
      <c r="BC483" s="713"/>
      <c r="BD483" s="713"/>
      <c r="BE483" s="713"/>
      <c r="BF483" s="713"/>
      <c r="BG483" s="676"/>
      <c r="BH483" s="676"/>
      <c r="BI483" s="676"/>
      <c r="BJ483" s="676"/>
      <c r="BK483" s="676"/>
      <c r="BL483" s="676"/>
      <c r="BM483" s="676"/>
      <c r="BN483" s="676"/>
      <c r="BO483" s="661" t="s">
        <v>66</v>
      </c>
      <c r="BP483" s="661" t="s">
        <v>66</v>
      </c>
      <c r="BQ483" s="661" t="s">
        <v>66</v>
      </c>
      <c r="BR483" s="661" t="s">
        <v>66</v>
      </c>
      <c r="BS483" s="884">
        <f t="shared" si="798"/>
        <v>21225</v>
      </c>
      <c r="BT483" s="661">
        <f t="shared" si="848"/>
        <v>17.461917078916372</v>
      </c>
      <c r="BU483" s="661" t="str">
        <f t="shared" si="867"/>
        <v>GOOD</v>
      </c>
      <c r="BV483" s="898">
        <f t="shared" ref="BV483:CE489" si="869">IF(AB483="yes",(AB$3*$BT483),"")</f>
        <v>87309.585394581853</v>
      </c>
      <c r="BW483" s="898">
        <f t="shared" si="869"/>
        <v>3492.3834157832744</v>
      </c>
      <c r="BX483" s="898">
        <f t="shared" si="869"/>
        <v>7857.8626855123675</v>
      </c>
      <c r="BY483" s="898">
        <f t="shared" si="869"/>
        <v>6111.6709776207299</v>
      </c>
      <c r="BZ483" s="898">
        <f t="shared" si="869"/>
        <v>8730.9585394581864</v>
      </c>
      <c r="CA483" s="898">
        <f t="shared" si="869"/>
        <v>8381.7201978798585</v>
      </c>
      <c r="CB483" s="898">
        <f t="shared" si="869"/>
        <v>1746.1917078916372</v>
      </c>
      <c r="CC483" s="898">
        <f t="shared" si="869"/>
        <v>6810.1476607773848</v>
      </c>
      <c r="CD483" s="898">
        <f t="shared" si="869"/>
        <v>8730.9585394581864</v>
      </c>
      <c r="CE483" s="898">
        <f t="shared" si="869"/>
        <v>8730.9585394581864</v>
      </c>
      <c r="CF483" s="898">
        <f t="shared" ref="CF483:CO489" si="870">IF(AL483="yes",(AL$3*$BT483),"")</f>
        <v>13096.437809187279</v>
      </c>
      <c r="CG483" s="898">
        <f t="shared" si="870"/>
        <v>3492.3834157832744</v>
      </c>
      <c r="CH483" s="898">
        <f t="shared" si="870"/>
        <v>4086.0885964664312</v>
      </c>
      <c r="CI483" s="898">
        <f t="shared" si="870"/>
        <v>6111.6709776207299</v>
      </c>
      <c r="CJ483" s="898">
        <f t="shared" si="870"/>
        <v>1571.5725371024735</v>
      </c>
      <c r="CK483" s="898">
        <f t="shared" si="870"/>
        <v>1396.9533663133097</v>
      </c>
      <c r="CL483" s="898">
        <f t="shared" si="870"/>
        <v>41559.362647820963</v>
      </c>
      <c r="CM483" s="898" t="str">
        <f t="shared" si="870"/>
        <v/>
      </c>
      <c r="CN483" s="898" t="str">
        <f t="shared" si="870"/>
        <v/>
      </c>
      <c r="CO483" s="898" t="str">
        <f t="shared" si="870"/>
        <v/>
      </c>
      <c r="CP483" s="898" t="str">
        <f t="shared" ref="CP483:CY489" si="871">IF(AV483="yes",(AV$3*$BT483),"")</f>
        <v/>
      </c>
      <c r="CQ483" s="898" t="str">
        <f t="shared" si="871"/>
        <v/>
      </c>
      <c r="CR483" s="898" t="str">
        <f t="shared" si="871"/>
        <v/>
      </c>
      <c r="CS483" s="898" t="str">
        <f t="shared" si="871"/>
        <v/>
      </c>
      <c r="CT483" s="898" t="str">
        <f t="shared" si="871"/>
        <v/>
      </c>
      <c r="CU483" s="898" t="str">
        <f t="shared" si="871"/>
        <v/>
      </c>
      <c r="CV483" s="898" t="str">
        <f t="shared" si="871"/>
        <v/>
      </c>
      <c r="CW483" s="898" t="str">
        <f t="shared" si="871"/>
        <v/>
      </c>
      <c r="CX483" s="898" t="str">
        <f t="shared" si="871"/>
        <v/>
      </c>
      <c r="CY483" s="898" t="str">
        <f t="shared" si="871"/>
        <v/>
      </c>
      <c r="CZ483" s="898" t="str">
        <f t="shared" ref="CZ483:DI489" si="872">IF(BF483="yes",(BF$3*$BT483),"")</f>
        <v/>
      </c>
      <c r="DA483" s="898" t="str">
        <f t="shared" si="872"/>
        <v/>
      </c>
      <c r="DB483" s="898" t="str">
        <f t="shared" si="872"/>
        <v/>
      </c>
      <c r="DC483" s="898" t="str">
        <f t="shared" si="872"/>
        <v/>
      </c>
      <c r="DD483" s="898" t="str">
        <f t="shared" si="872"/>
        <v/>
      </c>
      <c r="DE483" s="898" t="str">
        <f t="shared" si="872"/>
        <v/>
      </c>
      <c r="DF483" s="898" t="str">
        <f t="shared" si="872"/>
        <v/>
      </c>
      <c r="DG483" s="898" t="str">
        <f t="shared" si="872"/>
        <v/>
      </c>
      <c r="DH483" s="898" t="str">
        <f t="shared" si="872"/>
        <v/>
      </c>
      <c r="DI483" s="898">
        <f t="shared" si="872"/>
        <v>26192.875618374557</v>
      </c>
      <c r="DJ483" s="898">
        <f t="shared" ref="DJ483:DL489" si="873">IF(BP483="yes",(BP$3*$BT483),"")</f>
        <v>27939.067326266195</v>
      </c>
      <c r="DK483" s="898">
        <f t="shared" si="873"/>
        <v>41908.600989399289</v>
      </c>
      <c r="DL483" s="898">
        <f t="shared" si="873"/>
        <v>55371.739057243816</v>
      </c>
      <c r="DM483" s="661">
        <f t="shared" si="799"/>
        <v>219216.90700871611</v>
      </c>
      <c r="DN483" s="898">
        <f t="shared" si="800"/>
        <v>151412.28299128386</v>
      </c>
      <c r="DO483" s="516">
        <f t="shared" si="801"/>
        <v>0</v>
      </c>
      <c r="DP483" s="898">
        <f t="shared" si="802"/>
        <v>0</v>
      </c>
      <c r="DQ483" s="1223" t="s">
        <v>4610</v>
      </c>
      <c r="DR483" s="610" t="s">
        <v>4247</v>
      </c>
      <c r="DS483" s="1221" t="s">
        <v>4248</v>
      </c>
      <c r="DT483" s="632"/>
    </row>
    <row r="484" spans="1:124" s="613" customFormat="1" ht="57" x14ac:dyDescent="0.2">
      <c r="A484" s="484" t="str">
        <f t="shared" si="794"/>
        <v>New HGC Orbital Service</v>
      </c>
      <c r="B484" s="1163">
        <v>481</v>
      </c>
      <c r="C484" s="1156" t="s">
        <v>4616</v>
      </c>
      <c r="D484" s="722" t="s">
        <v>4584</v>
      </c>
      <c r="E484" s="903" t="s">
        <v>2106</v>
      </c>
      <c r="F484" s="671" t="s">
        <v>655</v>
      </c>
      <c r="G484" s="665" t="s">
        <v>1350</v>
      </c>
      <c r="H484" s="513" t="s">
        <v>2104</v>
      </c>
      <c r="I484" s="775" t="str">
        <f t="shared" si="849"/>
        <v>EXT-13</v>
      </c>
      <c r="J484" s="513" t="s">
        <v>4617</v>
      </c>
      <c r="K484" s="664" t="s">
        <v>3104</v>
      </c>
      <c r="L484" s="852" t="s">
        <v>3167</v>
      </c>
      <c r="M484" s="713" t="s">
        <v>2996</v>
      </c>
      <c r="N484" s="713" t="s">
        <v>81</v>
      </c>
      <c r="O484" s="654" t="s">
        <v>3051</v>
      </c>
      <c r="P484" s="657" t="s">
        <v>61</v>
      </c>
      <c r="Q484" s="852" t="s">
        <v>181</v>
      </c>
      <c r="R484" s="657"/>
      <c r="S484" s="657"/>
      <c r="T484" s="853">
        <v>10500000</v>
      </c>
      <c r="U484" s="747"/>
      <c r="V484" s="657" t="s">
        <v>4325</v>
      </c>
      <c r="W484" s="642">
        <f t="shared" si="846"/>
        <v>0</v>
      </c>
      <c r="X484" s="745">
        <f t="shared" si="847"/>
        <v>10500000</v>
      </c>
      <c r="Y484" s="745" t="s">
        <v>3106</v>
      </c>
      <c r="Z484" s="745" t="str">
        <f>_xlfn.XLOOKUP(I484, 'CALCS Aecom (July 25 2025)'!F:F, 'CALCS Aecom (July 25 2025)'!W:W)</f>
        <v>Multiple Scenario 2 (Step 7)</v>
      </c>
      <c r="AA484" s="1331" t="s">
        <v>3220</v>
      </c>
      <c r="AB484" s="713" t="s">
        <v>66</v>
      </c>
      <c r="AC484" s="713" t="s">
        <v>66</v>
      </c>
      <c r="AD484" s="713" t="s">
        <v>66</v>
      </c>
      <c r="AE484" s="713" t="s">
        <v>66</v>
      </c>
      <c r="AF484" s="713" t="s">
        <v>66</v>
      </c>
      <c r="AG484" s="713" t="s">
        <v>66</v>
      </c>
      <c r="AH484" s="713" t="s">
        <v>66</v>
      </c>
      <c r="AI484" s="713" t="s">
        <v>66</v>
      </c>
      <c r="AJ484" s="713" t="s">
        <v>66</v>
      </c>
      <c r="AK484" s="713" t="s">
        <v>66</v>
      </c>
      <c r="AL484" s="713" t="s">
        <v>66</v>
      </c>
      <c r="AM484" s="713" t="s">
        <v>66</v>
      </c>
      <c r="AN484" s="713" t="s">
        <v>66</v>
      </c>
      <c r="AO484" s="713" t="s">
        <v>66</v>
      </c>
      <c r="AP484" s="713" t="s">
        <v>66</v>
      </c>
      <c r="AQ484" s="713" t="s">
        <v>66</v>
      </c>
      <c r="AR484" s="713" t="s">
        <v>66</v>
      </c>
      <c r="AS484" s="713"/>
      <c r="AT484" s="713"/>
      <c r="AU484" s="713"/>
      <c r="AV484" s="713"/>
      <c r="AW484" s="713"/>
      <c r="AX484" s="713"/>
      <c r="AY484" s="713"/>
      <c r="AZ484" s="713"/>
      <c r="BA484" s="713"/>
      <c r="BB484" s="713"/>
      <c r="BC484" s="713"/>
      <c r="BD484" s="713"/>
      <c r="BE484" s="713"/>
      <c r="BF484" s="713"/>
      <c r="BG484" s="713"/>
      <c r="BH484" s="713"/>
      <c r="BI484" s="713"/>
      <c r="BJ484" s="713"/>
      <c r="BK484" s="713"/>
      <c r="BL484" s="713"/>
      <c r="BM484" s="713"/>
      <c r="BN484" s="713"/>
      <c r="BO484" s="713" t="s">
        <v>66</v>
      </c>
      <c r="BP484" s="713" t="s">
        <v>66</v>
      </c>
      <c r="BQ484" s="713" t="s">
        <v>66</v>
      </c>
      <c r="BR484" s="713" t="s">
        <v>66</v>
      </c>
      <c r="BS484" s="884">
        <f t="shared" si="798"/>
        <v>21225</v>
      </c>
      <c r="BT484" s="661">
        <f t="shared" si="848"/>
        <v>494.69964664310953</v>
      </c>
      <c r="BU484" s="661" t="str">
        <f t="shared" si="867"/>
        <v>GOOD</v>
      </c>
      <c r="BV484" s="898">
        <f t="shared" si="869"/>
        <v>2473498.2332155476</v>
      </c>
      <c r="BW484" s="898">
        <f t="shared" si="869"/>
        <v>98939.929328621904</v>
      </c>
      <c r="BX484" s="898">
        <f t="shared" si="869"/>
        <v>222614.84098939929</v>
      </c>
      <c r="BY484" s="898">
        <f t="shared" si="869"/>
        <v>173144.87632508835</v>
      </c>
      <c r="BZ484" s="898">
        <f t="shared" si="869"/>
        <v>247349.82332155475</v>
      </c>
      <c r="CA484" s="898">
        <f t="shared" si="869"/>
        <v>237455.83038869259</v>
      </c>
      <c r="CB484" s="898">
        <f t="shared" si="869"/>
        <v>49469.964664310952</v>
      </c>
      <c r="CC484" s="898">
        <f t="shared" si="869"/>
        <v>192932.86219081271</v>
      </c>
      <c r="CD484" s="898">
        <f t="shared" si="869"/>
        <v>247349.82332155475</v>
      </c>
      <c r="CE484" s="898">
        <f t="shared" si="869"/>
        <v>247349.82332155475</v>
      </c>
      <c r="CF484" s="898">
        <f t="shared" si="870"/>
        <v>371024.73498233216</v>
      </c>
      <c r="CG484" s="898">
        <f t="shared" si="870"/>
        <v>98939.929328621904</v>
      </c>
      <c r="CH484" s="898">
        <f t="shared" si="870"/>
        <v>115759.71731448763</v>
      </c>
      <c r="CI484" s="898">
        <f t="shared" si="870"/>
        <v>173144.87632508835</v>
      </c>
      <c r="CJ484" s="898">
        <f t="shared" si="870"/>
        <v>44522.968197879854</v>
      </c>
      <c r="CK484" s="898">
        <f t="shared" si="870"/>
        <v>39575.971731448764</v>
      </c>
      <c r="CL484" s="898">
        <f t="shared" si="870"/>
        <v>1177385.1590106008</v>
      </c>
      <c r="CM484" s="898" t="str">
        <f t="shared" si="870"/>
        <v/>
      </c>
      <c r="CN484" s="898" t="str">
        <f t="shared" si="870"/>
        <v/>
      </c>
      <c r="CO484" s="898" t="str">
        <f t="shared" si="870"/>
        <v/>
      </c>
      <c r="CP484" s="898" t="str">
        <f t="shared" si="871"/>
        <v/>
      </c>
      <c r="CQ484" s="898" t="str">
        <f t="shared" si="871"/>
        <v/>
      </c>
      <c r="CR484" s="898" t="str">
        <f t="shared" si="871"/>
        <v/>
      </c>
      <c r="CS484" s="898" t="str">
        <f t="shared" si="871"/>
        <v/>
      </c>
      <c r="CT484" s="898" t="str">
        <f t="shared" si="871"/>
        <v/>
      </c>
      <c r="CU484" s="898" t="str">
        <f t="shared" si="871"/>
        <v/>
      </c>
      <c r="CV484" s="898" t="str">
        <f t="shared" si="871"/>
        <v/>
      </c>
      <c r="CW484" s="898" t="str">
        <f t="shared" si="871"/>
        <v/>
      </c>
      <c r="CX484" s="898" t="str">
        <f t="shared" si="871"/>
        <v/>
      </c>
      <c r="CY484" s="898" t="str">
        <f t="shared" si="871"/>
        <v/>
      </c>
      <c r="CZ484" s="898" t="str">
        <f t="shared" si="872"/>
        <v/>
      </c>
      <c r="DA484" s="898" t="str">
        <f t="shared" si="872"/>
        <v/>
      </c>
      <c r="DB484" s="898" t="str">
        <f t="shared" si="872"/>
        <v/>
      </c>
      <c r="DC484" s="898" t="str">
        <f t="shared" si="872"/>
        <v/>
      </c>
      <c r="DD484" s="898" t="str">
        <f t="shared" si="872"/>
        <v/>
      </c>
      <c r="DE484" s="898" t="str">
        <f t="shared" si="872"/>
        <v/>
      </c>
      <c r="DF484" s="898" t="str">
        <f t="shared" si="872"/>
        <v/>
      </c>
      <c r="DG484" s="898" t="str">
        <f t="shared" si="872"/>
        <v/>
      </c>
      <c r="DH484" s="898" t="str">
        <f t="shared" si="872"/>
        <v/>
      </c>
      <c r="DI484" s="898">
        <f t="shared" si="872"/>
        <v>742049.46996466431</v>
      </c>
      <c r="DJ484" s="898">
        <f t="shared" si="873"/>
        <v>791519.43462897523</v>
      </c>
      <c r="DK484" s="898">
        <f t="shared" si="873"/>
        <v>1187279.1519434629</v>
      </c>
      <c r="DL484" s="898">
        <f t="shared" si="873"/>
        <v>1568692.5795053004</v>
      </c>
      <c r="DM484" s="661">
        <f t="shared" si="799"/>
        <v>6210459.3639575988</v>
      </c>
      <c r="DN484" s="898">
        <f t="shared" si="800"/>
        <v>4289540.6360424031</v>
      </c>
      <c r="DO484" s="516">
        <f t="shared" si="801"/>
        <v>0</v>
      </c>
      <c r="DP484" s="898">
        <f t="shared" si="802"/>
        <v>0</v>
      </c>
      <c r="DQ484" s="1223" t="s">
        <v>4618</v>
      </c>
      <c r="DR484" s="610" t="s">
        <v>4247</v>
      </c>
      <c r="DS484" s="1221" t="s">
        <v>4248</v>
      </c>
      <c r="DT484" s="632"/>
    </row>
    <row r="485" spans="1:124" s="613" customFormat="1" ht="42.75" x14ac:dyDescent="0.2">
      <c r="A485" s="484" t="str">
        <f t="shared" si="794"/>
        <v>Centrebus 46 frequency enhancement / new stop</v>
      </c>
      <c r="B485" s="1163">
        <v>482</v>
      </c>
      <c r="C485" s="1156" t="s">
        <v>4619</v>
      </c>
      <c r="D485" s="722" t="s">
        <v>4584</v>
      </c>
      <c r="E485" s="903" t="s">
        <v>2106</v>
      </c>
      <c r="F485" s="671" t="s">
        <v>655</v>
      </c>
      <c r="G485" s="665" t="s">
        <v>1350</v>
      </c>
      <c r="H485" s="513" t="s">
        <v>2108</v>
      </c>
      <c r="I485" s="775" t="str">
        <f t="shared" si="849"/>
        <v>EXT-14</v>
      </c>
      <c r="J485" s="513" t="s">
        <v>4620</v>
      </c>
      <c r="K485" s="664" t="s">
        <v>3104</v>
      </c>
      <c r="L485" s="852" t="s">
        <v>3167</v>
      </c>
      <c r="M485" s="713" t="s">
        <v>2996</v>
      </c>
      <c r="N485" s="713" t="s">
        <v>81</v>
      </c>
      <c r="O485" s="654" t="s">
        <v>3051</v>
      </c>
      <c r="P485" s="657" t="s">
        <v>61</v>
      </c>
      <c r="Q485" s="852" t="s">
        <v>122</v>
      </c>
      <c r="R485" s="657"/>
      <c r="S485" s="657"/>
      <c r="T485" s="853">
        <v>5250000</v>
      </c>
      <c r="U485" s="747"/>
      <c r="V485" s="657" t="s">
        <v>4245</v>
      </c>
      <c r="W485" s="642">
        <f t="shared" si="846"/>
        <v>0</v>
      </c>
      <c r="X485" s="745">
        <f t="shared" si="847"/>
        <v>5250000</v>
      </c>
      <c r="Y485" s="745" t="s">
        <v>3106</v>
      </c>
      <c r="Z485" s="745" t="str">
        <f>_xlfn.XLOOKUP(I485, 'CALCS Aecom (July 25 2025)'!F:F, 'CALCS Aecom (July 25 2025)'!W:W)</f>
        <v>Multiple Scenario 2 (Step 7)</v>
      </c>
      <c r="AA485" s="1331" t="s">
        <v>3220</v>
      </c>
      <c r="AB485" s="713" t="s">
        <v>66</v>
      </c>
      <c r="AC485" s="713" t="s">
        <v>66</v>
      </c>
      <c r="AD485" s="713" t="s">
        <v>66</v>
      </c>
      <c r="AE485" s="713" t="s">
        <v>66</v>
      </c>
      <c r="AF485" s="713" t="s">
        <v>66</v>
      </c>
      <c r="AG485" s="713" t="s">
        <v>66</v>
      </c>
      <c r="AH485" s="713" t="s">
        <v>66</v>
      </c>
      <c r="AI485" s="713" t="s">
        <v>66</v>
      </c>
      <c r="AJ485" s="713" t="s">
        <v>66</v>
      </c>
      <c r="AK485" s="713" t="s">
        <v>66</v>
      </c>
      <c r="AL485" s="713" t="s">
        <v>66</v>
      </c>
      <c r="AM485" s="713" t="s">
        <v>66</v>
      </c>
      <c r="AN485" s="713" t="s">
        <v>66</v>
      </c>
      <c r="AO485" s="713" t="s">
        <v>66</v>
      </c>
      <c r="AP485" s="713" t="s">
        <v>66</v>
      </c>
      <c r="AQ485" s="713" t="s">
        <v>66</v>
      </c>
      <c r="AR485" s="713" t="s">
        <v>66</v>
      </c>
      <c r="AS485" s="713"/>
      <c r="AT485" s="713"/>
      <c r="AU485" s="713"/>
      <c r="AV485" s="713"/>
      <c r="AW485" s="713"/>
      <c r="AX485" s="713"/>
      <c r="AY485" s="713"/>
      <c r="AZ485" s="713"/>
      <c r="BA485" s="713"/>
      <c r="BB485" s="713"/>
      <c r="BC485" s="713"/>
      <c r="BD485" s="713"/>
      <c r="BE485" s="713"/>
      <c r="BF485" s="713"/>
      <c r="BG485" s="676"/>
      <c r="BH485" s="676"/>
      <c r="BI485" s="676"/>
      <c r="BJ485" s="676"/>
      <c r="BK485" s="676"/>
      <c r="BL485" s="676"/>
      <c r="BM485" s="676"/>
      <c r="BN485" s="676"/>
      <c r="BO485" s="713" t="s">
        <v>66</v>
      </c>
      <c r="BP485" s="713" t="s">
        <v>66</v>
      </c>
      <c r="BQ485" s="713" t="s">
        <v>66</v>
      </c>
      <c r="BR485" s="713" t="s">
        <v>66</v>
      </c>
      <c r="BS485" s="884">
        <f t="shared" si="798"/>
        <v>21225</v>
      </c>
      <c r="BT485" s="661">
        <f t="shared" si="848"/>
        <v>247.34982332155477</v>
      </c>
      <c r="BU485" s="661" t="str">
        <f t="shared" si="867"/>
        <v>GOOD</v>
      </c>
      <c r="BV485" s="898">
        <f t="shared" si="869"/>
        <v>1236749.1166077738</v>
      </c>
      <c r="BW485" s="898">
        <f t="shared" si="869"/>
        <v>49469.964664310952</v>
      </c>
      <c r="BX485" s="898">
        <f t="shared" si="869"/>
        <v>111307.42049469965</v>
      </c>
      <c r="BY485" s="898">
        <f t="shared" si="869"/>
        <v>86572.438162544175</v>
      </c>
      <c r="BZ485" s="898">
        <f t="shared" si="869"/>
        <v>123674.91166077738</v>
      </c>
      <c r="CA485" s="898">
        <f t="shared" si="869"/>
        <v>118727.91519434629</v>
      </c>
      <c r="CB485" s="898">
        <f t="shared" si="869"/>
        <v>24734.982332155476</v>
      </c>
      <c r="CC485" s="898">
        <f t="shared" si="869"/>
        <v>96466.431095406355</v>
      </c>
      <c r="CD485" s="898">
        <f t="shared" si="869"/>
        <v>123674.91166077738</v>
      </c>
      <c r="CE485" s="898">
        <f t="shared" si="869"/>
        <v>123674.91166077738</v>
      </c>
      <c r="CF485" s="898">
        <f t="shared" si="870"/>
        <v>185512.36749116608</v>
      </c>
      <c r="CG485" s="898">
        <f t="shared" si="870"/>
        <v>49469.964664310952</v>
      </c>
      <c r="CH485" s="898">
        <f t="shared" si="870"/>
        <v>57879.858657243814</v>
      </c>
      <c r="CI485" s="898">
        <f t="shared" si="870"/>
        <v>86572.438162544175</v>
      </c>
      <c r="CJ485" s="898">
        <f t="shared" si="870"/>
        <v>22261.484098939927</v>
      </c>
      <c r="CK485" s="898">
        <f t="shared" si="870"/>
        <v>19787.985865724382</v>
      </c>
      <c r="CL485" s="898">
        <f t="shared" si="870"/>
        <v>588692.57950530038</v>
      </c>
      <c r="CM485" s="898" t="str">
        <f t="shared" si="870"/>
        <v/>
      </c>
      <c r="CN485" s="898" t="str">
        <f t="shared" si="870"/>
        <v/>
      </c>
      <c r="CO485" s="898" t="str">
        <f t="shared" si="870"/>
        <v/>
      </c>
      <c r="CP485" s="898" t="str">
        <f t="shared" si="871"/>
        <v/>
      </c>
      <c r="CQ485" s="898" t="str">
        <f t="shared" si="871"/>
        <v/>
      </c>
      <c r="CR485" s="898" t="str">
        <f t="shared" si="871"/>
        <v/>
      </c>
      <c r="CS485" s="898" t="str">
        <f t="shared" si="871"/>
        <v/>
      </c>
      <c r="CT485" s="898" t="str">
        <f t="shared" si="871"/>
        <v/>
      </c>
      <c r="CU485" s="898" t="str">
        <f t="shared" si="871"/>
        <v/>
      </c>
      <c r="CV485" s="898" t="str">
        <f t="shared" si="871"/>
        <v/>
      </c>
      <c r="CW485" s="898" t="str">
        <f t="shared" si="871"/>
        <v/>
      </c>
      <c r="CX485" s="898" t="str">
        <f t="shared" si="871"/>
        <v/>
      </c>
      <c r="CY485" s="898" t="str">
        <f t="shared" si="871"/>
        <v/>
      </c>
      <c r="CZ485" s="898" t="str">
        <f t="shared" si="872"/>
        <v/>
      </c>
      <c r="DA485" s="898" t="str">
        <f t="shared" si="872"/>
        <v/>
      </c>
      <c r="DB485" s="898" t="str">
        <f t="shared" si="872"/>
        <v/>
      </c>
      <c r="DC485" s="898" t="str">
        <f t="shared" si="872"/>
        <v/>
      </c>
      <c r="DD485" s="898" t="str">
        <f t="shared" si="872"/>
        <v/>
      </c>
      <c r="DE485" s="898" t="str">
        <f t="shared" si="872"/>
        <v/>
      </c>
      <c r="DF485" s="898" t="str">
        <f t="shared" si="872"/>
        <v/>
      </c>
      <c r="DG485" s="898" t="str">
        <f t="shared" si="872"/>
        <v/>
      </c>
      <c r="DH485" s="898" t="str">
        <f t="shared" si="872"/>
        <v/>
      </c>
      <c r="DI485" s="898">
        <f t="shared" si="872"/>
        <v>371024.73498233216</v>
      </c>
      <c r="DJ485" s="898">
        <f t="shared" si="873"/>
        <v>395759.71731448761</v>
      </c>
      <c r="DK485" s="898">
        <f t="shared" si="873"/>
        <v>593639.57597173145</v>
      </c>
      <c r="DL485" s="898">
        <f t="shared" si="873"/>
        <v>784346.28975265019</v>
      </c>
      <c r="DM485" s="661">
        <f t="shared" si="799"/>
        <v>3105229.6819787994</v>
      </c>
      <c r="DN485" s="898">
        <f t="shared" si="800"/>
        <v>2144770.3180212015</v>
      </c>
      <c r="DO485" s="516">
        <f t="shared" si="801"/>
        <v>0</v>
      </c>
      <c r="DP485" s="898">
        <f t="shared" si="802"/>
        <v>0</v>
      </c>
      <c r="DQ485" s="1223" t="s">
        <v>4618</v>
      </c>
      <c r="DR485" s="610" t="s">
        <v>4247</v>
      </c>
      <c r="DS485" s="1221" t="s">
        <v>4248</v>
      </c>
      <c r="DT485" s="632"/>
    </row>
    <row r="486" spans="1:124" s="613" customFormat="1" ht="57" x14ac:dyDescent="0.2">
      <c r="A486" s="484" t="str">
        <f t="shared" si="794"/>
        <v>Arriva 721 new stop</v>
      </c>
      <c r="B486" s="1163">
        <v>483</v>
      </c>
      <c r="C486" s="1156" t="s">
        <v>4621</v>
      </c>
      <c r="D486" s="722" t="s">
        <v>4584</v>
      </c>
      <c r="E486" s="481" t="s">
        <v>53</v>
      </c>
      <c r="F486" s="671" t="s">
        <v>655</v>
      </c>
      <c r="G486" s="665" t="s">
        <v>1350</v>
      </c>
      <c r="H486" s="513" t="s">
        <v>1665</v>
      </c>
      <c r="I486" s="775" t="str">
        <f t="shared" si="849"/>
        <v>EXT-15</v>
      </c>
      <c r="J486" s="513" t="s">
        <v>4622</v>
      </c>
      <c r="K486" s="664" t="s">
        <v>3104</v>
      </c>
      <c r="L486" s="515" t="s">
        <v>1377</v>
      </c>
      <c r="M486" s="713" t="s">
        <v>3027</v>
      </c>
      <c r="N486" s="713" t="s">
        <v>81</v>
      </c>
      <c r="O486" s="664" t="s">
        <v>525</v>
      </c>
      <c r="P486" s="657" t="s">
        <v>61</v>
      </c>
      <c r="Q486" s="852" t="s">
        <v>181</v>
      </c>
      <c r="R486" s="657"/>
      <c r="S486" s="657"/>
      <c r="T486" s="853">
        <v>126563</v>
      </c>
      <c r="U486" s="747"/>
      <c r="V486" s="657" t="s">
        <v>2989</v>
      </c>
      <c r="W486" s="642">
        <f t="shared" si="846"/>
        <v>0</v>
      </c>
      <c r="X486" s="745">
        <f t="shared" si="847"/>
        <v>126563</v>
      </c>
      <c r="Y486" s="745" t="s">
        <v>3106</v>
      </c>
      <c r="Z486" s="745" t="str">
        <f>_xlfn.XLOOKUP(I486, 'CALCS Aecom (July 25 2025)'!F:F, 'CALCS Aecom (July 25 2025)'!W:W)</f>
        <v>Single Scenario 2 (Step 2)</v>
      </c>
      <c r="AA486" s="776" t="s">
        <v>65</v>
      </c>
      <c r="AB486" s="713"/>
      <c r="AC486" s="713"/>
      <c r="AD486" s="713"/>
      <c r="AE486" s="713"/>
      <c r="AF486" s="713"/>
      <c r="AG486" s="713"/>
      <c r="AH486" s="713"/>
      <c r="AI486" s="713"/>
      <c r="AJ486" s="713"/>
      <c r="AK486" s="713"/>
      <c r="AL486" s="713"/>
      <c r="AM486" s="713"/>
      <c r="AN486" s="713"/>
      <c r="AO486" s="713"/>
      <c r="AP486" s="713"/>
      <c r="AQ486" s="713"/>
      <c r="AR486" s="713"/>
      <c r="AS486" s="713"/>
      <c r="AT486" s="713"/>
      <c r="AU486" s="713"/>
      <c r="AV486" s="713"/>
      <c r="AW486" s="713"/>
      <c r="AX486" s="713"/>
      <c r="AY486" s="713"/>
      <c r="AZ486" s="713"/>
      <c r="BA486" s="713"/>
      <c r="BB486" s="713"/>
      <c r="BC486" s="713"/>
      <c r="BD486" s="713"/>
      <c r="BE486" s="713"/>
      <c r="BF486" s="713"/>
      <c r="BG486" s="676"/>
      <c r="BH486" s="676"/>
      <c r="BI486" s="676"/>
      <c r="BJ486" s="676"/>
      <c r="BK486" s="676"/>
      <c r="BL486" s="676"/>
      <c r="BM486" s="676"/>
      <c r="BN486" s="676"/>
      <c r="BO486" s="713"/>
      <c r="BP486" s="713"/>
      <c r="BQ486" s="713" t="s">
        <v>66</v>
      </c>
      <c r="BR486" s="713"/>
      <c r="BS486" s="884">
        <f t="shared" si="798"/>
        <v>2400</v>
      </c>
      <c r="BT486" s="661">
        <f t="shared" si="848"/>
        <v>52.734583333333333</v>
      </c>
      <c r="BU486" s="661" t="str">
        <f t="shared" si="867"/>
        <v>GOOD</v>
      </c>
      <c r="BV486" s="898" t="str">
        <f t="shared" si="869"/>
        <v/>
      </c>
      <c r="BW486" s="898" t="str">
        <f t="shared" si="869"/>
        <v/>
      </c>
      <c r="BX486" s="898" t="str">
        <f t="shared" si="869"/>
        <v/>
      </c>
      <c r="BY486" s="898" t="str">
        <f t="shared" si="869"/>
        <v/>
      </c>
      <c r="BZ486" s="898" t="str">
        <f t="shared" si="869"/>
        <v/>
      </c>
      <c r="CA486" s="898" t="str">
        <f t="shared" si="869"/>
        <v/>
      </c>
      <c r="CB486" s="898" t="str">
        <f t="shared" si="869"/>
        <v/>
      </c>
      <c r="CC486" s="898" t="str">
        <f t="shared" si="869"/>
        <v/>
      </c>
      <c r="CD486" s="898" t="str">
        <f t="shared" si="869"/>
        <v/>
      </c>
      <c r="CE486" s="898" t="str">
        <f t="shared" si="869"/>
        <v/>
      </c>
      <c r="CF486" s="898" t="str">
        <f t="shared" si="870"/>
        <v/>
      </c>
      <c r="CG486" s="898" t="str">
        <f t="shared" si="870"/>
        <v/>
      </c>
      <c r="CH486" s="898" t="str">
        <f t="shared" si="870"/>
        <v/>
      </c>
      <c r="CI486" s="898" t="str">
        <f t="shared" si="870"/>
        <v/>
      </c>
      <c r="CJ486" s="898" t="str">
        <f t="shared" si="870"/>
        <v/>
      </c>
      <c r="CK486" s="898" t="str">
        <f t="shared" si="870"/>
        <v/>
      </c>
      <c r="CL486" s="898" t="str">
        <f t="shared" si="870"/>
        <v/>
      </c>
      <c r="CM486" s="898" t="str">
        <f t="shared" si="870"/>
        <v/>
      </c>
      <c r="CN486" s="898" t="str">
        <f t="shared" si="870"/>
        <v/>
      </c>
      <c r="CO486" s="898" t="str">
        <f t="shared" si="870"/>
        <v/>
      </c>
      <c r="CP486" s="898" t="str">
        <f t="shared" si="871"/>
        <v/>
      </c>
      <c r="CQ486" s="898" t="str">
        <f t="shared" si="871"/>
        <v/>
      </c>
      <c r="CR486" s="898" t="str">
        <f t="shared" si="871"/>
        <v/>
      </c>
      <c r="CS486" s="898" t="str">
        <f t="shared" si="871"/>
        <v/>
      </c>
      <c r="CT486" s="898" t="str">
        <f t="shared" si="871"/>
        <v/>
      </c>
      <c r="CU486" s="898" t="str">
        <f t="shared" si="871"/>
        <v/>
      </c>
      <c r="CV486" s="898" t="str">
        <f t="shared" si="871"/>
        <v/>
      </c>
      <c r="CW486" s="898" t="str">
        <f t="shared" si="871"/>
        <v/>
      </c>
      <c r="CX486" s="898" t="str">
        <f t="shared" si="871"/>
        <v/>
      </c>
      <c r="CY486" s="898" t="str">
        <f t="shared" si="871"/>
        <v/>
      </c>
      <c r="CZ486" s="898" t="str">
        <f t="shared" si="872"/>
        <v/>
      </c>
      <c r="DA486" s="898" t="str">
        <f t="shared" si="872"/>
        <v/>
      </c>
      <c r="DB486" s="898" t="str">
        <f t="shared" si="872"/>
        <v/>
      </c>
      <c r="DC486" s="898" t="str">
        <f t="shared" si="872"/>
        <v/>
      </c>
      <c r="DD486" s="898" t="str">
        <f t="shared" si="872"/>
        <v/>
      </c>
      <c r="DE486" s="898" t="str">
        <f t="shared" si="872"/>
        <v/>
      </c>
      <c r="DF486" s="898" t="str">
        <f t="shared" si="872"/>
        <v/>
      </c>
      <c r="DG486" s="898" t="str">
        <f t="shared" si="872"/>
        <v/>
      </c>
      <c r="DH486" s="898" t="str">
        <f t="shared" si="872"/>
        <v/>
      </c>
      <c r="DI486" s="898" t="str">
        <f t="shared" si="872"/>
        <v/>
      </c>
      <c r="DJ486" s="898" t="str">
        <f t="shared" si="873"/>
        <v/>
      </c>
      <c r="DK486" s="898">
        <f t="shared" si="873"/>
        <v>126563</v>
      </c>
      <c r="DL486" s="898" t="str">
        <f t="shared" si="873"/>
        <v/>
      </c>
      <c r="DM486" s="661">
        <f t="shared" si="799"/>
        <v>0</v>
      </c>
      <c r="DN486" s="898">
        <f t="shared" si="800"/>
        <v>126563</v>
      </c>
      <c r="DO486" s="516">
        <f t="shared" si="801"/>
        <v>0</v>
      </c>
      <c r="DP486" s="898">
        <f t="shared" si="802"/>
        <v>0</v>
      </c>
      <c r="DQ486" s="860" t="s">
        <v>4246</v>
      </c>
      <c r="DR486" s="860"/>
      <c r="DS486" s="1221" t="s">
        <v>4587</v>
      </c>
      <c r="DT486" s="632"/>
    </row>
    <row r="487" spans="1:124" s="613" customFormat="1" ht="42.75" x14ac:dyDescent="0.2">
      <c r="A487" s="484" t="str">
        <f t="shared" si="794"/>
        <v>Red Eagle Buses ML1 new stopping pattern</v>
      </c>
      <c r="B487" s="1163">
        <v>484</v>
      </c>
      <c r="C487" s="1156" t="s">
        <v>4623</v>
      </c>
      <c r="D487" s="722" t="s">
        <v>4584</v>
      </c>
      <c r="E487" s="481" t="s">
        <v>53</v>
      </c>
      <c r="F487" s="671" t="s">
        <v>655</v>
      </c>
      <c r="G487" s="665" t="s">
        <v>1350</v>
      </c>
      <c r="H487" s="513" t="s">
        <v>2112</v>
      </c>
      <c r="I487" s="775" t="str">
        <f t="shared" si="849"/>
        <v>EXT-16</v>
      </c>
      <c r="J487" s="513" t="s">
        <v>4624</v>
      </c>
      <c r="K487" s="664" t="s">
        <v>3104</v>
      </c>
      <c r="L487" s="852" t="s">
        <v>3167</v>
      </c>
      <c r="M487" s="713" t="s">
        <v>2996</v>
      </c>
      <c r="N487" s="713" t="s">
        <v>81</v>
      </c>
      <c r="O487" s="654" t="s">
        <v>3051</v>
      </c>
      <c r="P487" s="657" t="s">
        <v>61</v>
      </c>
      <c r="Q487" s="852" t="s">
        <v>181</v>
      </c>
      <c r="R487" s="657"/>
      <c r="S487" s="657"/>
      <c r="T487" s="853">
        <v>875000</v>
      </c>
      <c r="U487" s="747"/>
      <c r="V487" s="657" t="s">
        <v>4245</v>
      </c>
      <c r="W487" s="642">
        <f t="shared" ref="W487:W492" si="874">T487-X487</f>
        <v>0</v>
      </c>
      <c r="X487" s="745">
        <f t="shared" ref="X487:X492" si="875">IF(ISTEXT(T487),T487,T487-U487)</f>
        <v>875000</v>
      </c>
      <c r="Y487" s="745" t="s">
        <v>3106</v>
      </c>
      <c r="Z487" s="745" t="str">
        <f>_xlfn.XLOOKUP(I487, 'CALCS Aecom (July 25 2025)'!F:F, 'CALCS Aecom (July 25 2025)'!W:W)</f>
        <v>Multiple Scenario 2 (Step 7)</v>
      </c>
      <c r="AA487" s="1331" t="s">
        <v>3220</v>
      </c>
      <c r="AB487" s="713" t="s">
        <v>66</v>
      </c>
      <c r="AC487" s="713" t="s">
        <v>66</v>
      </c>
      <c r="AD487" s="713" t="s">
        <v>66</v>
      </c>
      <c r="AE487" s="713" t="s">
        <v>66</v>
      </c>
      <c r="AF487" s="713" t="s">
        <v>66</v>
      </c>
      <c r="AG487" s="713" t="s">
        <v>66</v>
      </c>
      <c r="AH487" s="713" t="s">
        <v>66</v>
      </c>
      <c r="AI487" s="713" t="s">
        <v>66</v>
      </c>
      <c r="AJ487" s="713" t="s">
        <v>66</v>
      </c>
      <c r="AK487" s="713" t="s">
        <v>66</v>
      </c>
      <c r="AL487" s="713" t="s">
        <v>66</v>
      </c>
      <c r="AM487" s="713" t="s">
        <v>66</v>
      </c>
      <c r="AN487" s="713" t="s">
        <v>66</v>
      </c>
      <c r="AO487" s="713" t="s">
        <v>66</v>
      </c>
      <c r="AP487" s="713" t="s">
        <v>66</v>
      </c>
      <c r="AQ487" s="713" t="s">
        <v>66</v>
      </c>
      <c r="AR487" s="713" t="s">
        <v>66</v>
      </c>
      <c r="AS487" s="713"/>
      <c r="AT487" s="713"/>
      <c r="AU487" s="713"/>
      <c r="AV487" s="713"/>
      <c r="AW487" s="713"/>
      <c r="AX487" s="713"/>
      <c r="AY487" s="713"/>
      <c r="AZ487" s="713"/>
      <c r="BA487" s="713"/>
      <c r="BB487" s="713"/>
      <c r="BC487" s="713"/>
      <c r="BD487" s="713"/>
      <c r="BE487" s="713"/>
      <c r="BF487" s="713"/>
      <c r="BG487" s="676"/>
      <c r="BH487" s="676"/>
      <c r="BI487" s="676"/>
      <c r="BJ487" s="676"/>
      <c r="BK487" s="676"/>
      <c r="BL487" s="676"/>
      <c r="BM487" s="676"/>
      <c r="BN487" s="676"/>
      <c r="BO487" s="713" t="s">
        <v>66</v>
      </c>
      <c r="BP487" s="713" t="s">
        <v>66</v>
      </c>
      <c r="BQ487" s="713" t="s">
        <v>66</v>
      </c>
      <c r="BR487" s="713" t="s">
        <v>66</v>
      </c>
      <c r="BS487" s="884">
        <f t="shared" si="798"/>
        <v>21225</v>
      </c>
      <c r="BT487" s="661">
        <f t="shared" si="848"/>
        <v>41.224970553592463</v>
      </c>
      <c r="BU487" s="661" t="str">
        <f t="shared" si="867"/>
        <v>GOOD</v>
      </c>
      <c r="BV487" s="898">
        <f t="shared" si="869"/>
        <v>206124.85276796232</v>
      </c>
      <c r="BW487" s="898">
        <f t="shared" si="869"/>
        <v>8244.9941107184932</v>
      </c>
      <c r="BX487" s="898">
        <f t="shared" si="869"/>
        <v>18551.236749116608</v>
      </c>
      <c r="BY487" s="898">
        <f t="shared" si="869"/>
        <v>14428.739693757363</v>
      </c>
      <c r="BZ487" s="898">
        <f t="shared" si="869"/>
        <v>20612.485276796233</v>
      </c>
      <c r="CA487" s="898">
        <f t="shared" si="869"/>
        <v>19787.985865724382</v>
      </c>
      <c r="CB487" s="898">
        <f t="shared" si="869"/>
        <v>4122.4970553592466</v>
      </c>
      <c r="CC487" s="898">
        <f t="shared" si="869"/>
        <v>16077.738515901061</v>
      </c>
      <c r="CD487" s="898">
        <f t="shared" si="869"/>
        <v>20612.485276796233</v>
      </c>
      <c r="CE487" s="898">
        <f t="shared" si="869"/>
        <v>20612.485276796233</v>
      </c>
      <c r="CF487" s="898">
        <f t="shared" si="870"/>
        <v>30918.727915194348</v>
      </c>
      <c r="CG487" s="898">
        <f t="shared" si="870"/>
        <v>8244.9941107184932</v>
      </c>
      <c r="CH487" s="898">
        <f t="shared" si="870"/>
        <v>9646.6431095406369</v>
      </c>
      <c r="CI487" s="898">
        <f t="shared" si="870"/>
        <v>14428.739693757363</v>
      </c>
      <c r="CJ487" s="898">
        <f t="shared" si="870"/>
        <v>3710.2473498233217</v>
      </c>
      <c r="CK487" s="898">
        <f t="shared" si="870"/>
        <v>3297.9976442873972</v>
      </c>
      <c r="CL487" s="898">
        <f t="shared" si="870"/>
        <v>98115.429917550064</v>
      </c>
      <c r="CM487" s="898" t="str">
        <f t="shared" si="870"/>
        <v/>
      </c>
      <c r="CN487" s="898" t="str">
        <f t="shared" si="870"/>
        <v/>
      </c>
      <c r="CO487" s="898" t="str">
        <f t="shared" si="870"/>
        <v/>
      </c>
      <c r="CP487" s="898" t="str">
        <f t="shared" si="871"/>
        <v/>
      </c>
      <c r="CQ487" s="898" t="str">
        <f t="shared" si="871"/>
        <v/>
      </c>
      <c r="CR487" s="898" t="str">
        <f t="shared" si="871"/>
        <v/>
      </c>
      <c r="CS487" s="898" t="str">
        <f t="shared" si="871"/>
        <v/>
      </c>
      <c r="CT487" s="898" t="str">
        <f t="shared" si="871"/>
        <v/>
      </c>
      <c r="CU487" s="898" t="str">
        <f t="shared" si="871"/>
        <v/>
      </c>
      <c r="CV487" s="898" t="str">
        <f t="shared" si="871"/>
        <v/>
      </c>
      <c r="CW487" s="898" t="str">
        <f t="shared" si="871"/>
        <v/>
      </c>
      <c r="CX487" s="898" t="str">
        <f t="shared" si="871"/>
        <v/>
      </c>
      <c r="CY487" s="898" t="str">
        <f t="shared" si="871"/>
        <v/>
      </c>
      <c r="CZ487" s="898" t="str">
        <f t="shared" si="872"/>
        <v/>
      </c>
      <c r="DA487" s="898" t="str">
        <f t="shared" si="872"/>
        <v/>
      </c>
      <c r="DB487" s="898" t="str">
        <f t="shared" si="872"/>
        <v/>
      </c>
      <c r="DC487" s="898" t="str">
        <f t="shared" si="872"/>
        <v/>
      </c>
      <c r="DD487" s="898" t="str">
        <f t="shared" si="872"/>
        <v/>
      </c>
      <c r="DE487" s="898" t="str">
        <f t="shared" si="872"/>
        <v/>
      </c>
      <c r="DF487" s="898" t="str">
        <f t="shared" si="872"/>
        <v/>
      </c>
      <c r="DG487" s="898" t="str">
        <f t="shared" si="872"/>
        <v/>
      </c>
      <c r="DH487" s="898" t="str">
        <f t="shared" si="872"/>
        <v/>
      </c>
      <c r="DI487" s="898">
        <f t="shared" si="872"/>
        <v>61837.455830388695</v>
      </c>
      <c r="DJ487" s="898">
        <f t="shared" si="873"/>
        <v>65959.952885747945</v>
      </c>
      <c r="DK487" s="898">
        <f t="shared" si="873"/>
        <v>98939.929328621918</v>
      </c>
      <c r="DL487" s="898">
        <f t="shared" si="873"/>
        <v>130724.3816254417</v>
      </c>
      <c r="DM487" s="661">
        <f t="shared" si="799"/>
        <v>517538.2803297998</v>
      </c>
      <c r="DN487" s="898">
        <f t="shared" si="800"/>
        <v>357461.71967020025</v>
      </c>
      <c r="DO487" s="516">
        <f t="shared" si="801"/>
        <v>0</v>
      </c>
      <c r="DP487" s="898">
        <f t="shared" si="802"/>
        <v>0</v>
      </c>
      <c r="DQ487" s="1223" t="s">
        <v>4618</v>
      </c>
      <c r="DR487" s="610" t="s">
        <v>4247</v>
      </c>
      <c r="DS487" s="1221" t="s">
        <v>4248</v>
      </c>
      <c r="DT487" s="632"/>
    </row>
    <row r="488" spans="1:124" s="613" customFormat="1" ht="114" x14ac:dyDescent="0.2">
      <c r="A488" s="484" t="str">
        <f t="shared" si="794"/>
        <v>Marchmont Farm-Washington Avenue pedestrian routes</v>
      </c>
      <c r="B488" s="1163">
        <v>485</v>
      </c>
      <c r="C488" s="1156" t="s">
        <v>4625</v>
      </c>
      <c r="D488" s="722" t="s">
        <v>4584</v>
      </c>
      <c r="E488" s="481" t="s">
        <v>53</v>
      </c>
      <c r="F488" s="671" t="s">
        <v>655</v>
      </c>
      <c r="G488" s="852" t="s">
        <v>932</v>
      </c>
      <c r="H488" s="513" t="s">
        <v>4626</v>
      </c>
      <c r="I488" s="775" t="str">
        <f t="shared" si="849"/>
        <v>EXT-17</v>
      </c>
      <c r="J488" s="513" t="s">
        <v>4627</v>
      </c>
      <c r="K488" s="664" t="s">
        <v>3104</v>
      </c>
      <c r="L488" s="852" t="s">
        <v>1372</v>
      </c>
      <c r="M488" s="713" t="s">
        <v>3985</v>
      </c>
      <c r="N488" s="713" t="s">
        <v>81</v>
      </c>
      <c r="O488" s="664" t="s">
        <v>525</v>
      </c>
      <c r="P488" s="657" t="s">
        <v>61</v>
      </c>
      <c r="Q488" s="852" t="s">
        <v>71</v>
      </c>
      <c r="R488" s="657"/>
      <c r="S488" s="657"/>
      <c r="T488" s="853">
        <v>134473</v>
      </c>
      <c r="U488" s="747"/>
      <c r="V488" s="657" t="s">
        <v>2989</v>
      </c>
      <c r="W488" s="642">
        <f t="shared" si="874"/>
        <v>0</v>
      </c>
      <c r="X488" s="745">
        <f t="shared" si="875"/>
        <v>134473</v>
      </c>
      <c r="Y488" s="745" t="s">
        <v>3106</v>
      </c>
      <c r="Z488" s="745" t="str">
        <f>_xlfn.XLOOKUP(I488, 'CALCS Aecom (July 25 2025)'!F:F, 'CALCS Aecom (July 25 2025)'!W:W)</f>
        <v>Single Scenario 2 (Step 2)</v>
      </c>
      <c r="AA488" s="776" t="s">
        <v>65</v>
      </c>
      <c r="AB488" s="713"/>
      <c r="AC488" s="713"/>
      <c r="AD488" s="713"/>
      <c r="AE488" s="713"/>
      <c r="AF488" s="713"/>
      <c r="AG488" s="713"/>
      <c r="AH488" s="713"/>
      <c r="AI488" s="713"/>
      <c r="AJ488" s="713"/>
      <c r="AK488" s="713"/>
      <c r="AL488" s="713"/>
      <c r="AM488" s="713"/>
      <c r="AN488" s="713"/>
      <c r="AO488" s="713" t="s">
        <v>66</v>
      </c>
      <c r="AP488" s="713"/>
      <c r="AQ488" s="713"/>
      <c r="AR488" s="713"/>
      <c r="AS488" s="713"/>
      <c r="AT488" s="713"/>
      <c r="AU488" s="713"/>
      <c r="AV488" s="713"/>
      <c r="AW488" s="713"/>
      <c r="AX488" s="713"/>
      <c r="AY488" s="713"/>
      <c r="AZ488" s="713"/>
      <c r="BA488" s="713"/>
      <c r="BB488" s="713"/>
      <c r="BC488" s="713"/>
      <c r="BD488" s="713"/>
      <c r="BE488" s="713"/>
      <c r="BF488" s="713"/>
      <c r="BG488" s="676"/>
      <c r="BH488" s="676"/>
      <c r="BI488" s="676"/>
      <c r="BJ488" s="676"/>
      <c r="BK488" s="676"/>
      <c r="BL488" s="676"/>
      <c r="BM488" s="676"/>
      <c r="BN488" s="676"/>
      <c r="BO488" s="713"/>
      <c r="BP488" s="713"/>
      <c r="BQ488" s="713"/>
      <c r="BR488" s="713"/>
      <c r="BS488" s="884">
        <f t="shared" si="798"/>
        <v>350</v>
      </c>
      <c r="BT488" s="661">
        <f t="shared" si="848"/>
        <v>384.20857142857142</v>
      </c>
      <c r="BU488" s="661" t="str">
        <f t="shared" si="867"/>
        <v>GOOD</v>
      </c>
      <c r="BV488" s="898" t="str">
        <f t="shared" si="869"/>
        <v/>
      </c>
      <c r="BW488" s="898" t="str">
        <f t="shared" si="869"/>
        <v/>
      </c>
      <c r="BX488" s="898" t="str">
        <f t="shared" si="869"/>
        <v/>
      </c>
      <c r="BY488" s="898" t="str">
        <f t="shared" si="869"/>
        <v/>
      </c>
      <c r="BZ488" s="898" t="str">
        <f t="shared" si="869"/>
        <v/>
      </c>
      <c r="CA488" s="898" t="str">
        <f t="shared" si="869"/>
        <v/>
      </c>
      <c r="CB488" s="898" t="str">
        <f t="shared" si="869"/>
        <v/>
      </c>
      <c r="CC488" s="898" t="str">
        <f t="shared" si="869"/>
        <v/>
      </c>
      <c r="CD488" s="898" t="str">
        <f t="shared" si="869"/>
        <v/>
      </c>
      <c r="CE488" s="898" t="str">
        <f t="shared" si="869"/>
        <v/>
      </c>
      <c r="CF488" s="898" t="str">
        <f t="shared" si="870"/>
        <v/>
      </c>
      <c r="CG488" s="898" t="str">
        <f t="shared" si="870"/>
        <v/>
      </c>
      <c r="CH488" s="898" t="str">
        <f t="shared" si="870"/>
        <v/>
      </c>
      <c r="CI488" s="898">
        <f t="shared" si="870"/>
        <v>134473</v>
      </c>
      <c r="CJ488" s="898" t="str">
        <f t="shared" si="870"/>
        <v/>
      </c>
      <c r="CK488" s="898" t="str">
        <f t="shared" si="870"/>
        <v/>
      </c>
      <c r="CL488" s="898" t="str">
        <f t="shared" si="870"/>
        <v/>
      </c>
      <c r="CM488" s="898" t="str">
        <f t="shared" si="870"/>
        <v/>
      </c>
      <c r="CN488" s="898" t="str">
        <f t="shared" si="870"/>
        <v/>
      </c>
      <c r="CO488" s="898" t="str">
        <f t="shared" si="870"/>
        <v/>
      </c>
      <c r="CP488" s="898" t="str">
        <f t="shared" si="871"/>
        <v/>
      </c>
      <c r="CQ488" s="898" t="str">
        <f t="shared" si="871"/>
        <v/>
      </c>
      <c r="CR488" s="898" t="str">
        <f t="shared" si="871"/>
        <v/>
      </c>
      <c r="CS488" s="898" t="str">
        <f t="shared" si="871"/>
        <v/>
      </c>
      <c r="CT488" s="898" t="str">
        <f t="shared" si="871"/>
        <v/>
      </c>
      <c r="CU488" s="898" t="str">
        <f t="shared" si="871"/>
        <v/>
      </c>
      <c r="CV488" s="898" t="str">
        <f t="shared" si="871"/>
        <v/>
      </c>
      <c r="CW488" s="898" t="str">
        <f t="shared" si="871"/>
        <v/>
      </c>
      <c r="CX488" s="898" t="str">
        <f t="shared" si="871"/>
        <v/>
      </c>
      <c r="CY488" s="898" t="str">
        <f t="shared" si="871"/>
        <v/>
      </c>
      <c r="CZ488" s="898" t="str">
        <f t="shared" si="872"/>
        <v/>
      </c>
      <c r="DA488" s="898" t="str">
        <f t="shared" si="872"/>
        <v/>
      </c>
      <c r="DB488" s="898" t="str">
        <f t="shared" si="872"/>
        <v/>
      </c>
      <c r="DC488" s="898" t="str">
        <f t="shared" si="872"/>
        <v/>
      </c>
      <c r="DD488" s="898" t="str">
        <f t="shared" si="872"/>
        <v/>
      </c>
      <c r="DE488" s="898" t="str">
        <f t="shared" si="872"/>
        <v/>
      </c>
      <c r="DF488" s="898" t="str">
        <f t="shared" si="872"/>
        <v/>
      </c>
      <c r="DG488" s="898" t="str">
        <f t="shared" si="872"/>
        <v/>
      </c>
      <c r="DH488" s="898" t="str">
        <f t="shared" si="872"/>
        <v/>
      </c>
      <c r="DI488" s="898" t="str">
        <f t="shared" si="872"/>
        <v/>
      </c>
      <c r="DJ488" s="898" t="str">
        <f t="shared" si="873"/>
        <v/>
      </c>
      <c r="DK488" s="898" t="str">
        <f t="shared" si="873"/>
        <v/>
      </c>
      <c r="DL488" s="898" t="str">
        <f t="shared" si="873"/>
        <v/>
      </c>
      <c r="DM488" s="661">
        <f t="shared" si="799"/>
        <v>134473</v>
      </c>
      <c r="DN488" s="898">
        <f t="shared" si="800"/>
        <v>0</v>
      </c>
      <c r="DO488" s="516">
        <f t="shared" si="801"/>
        <v>0</v>
      </c>
      <c r="DP488" s="898">
        <f t="shared" si="802"/>
        <v>0</v>
      </c>
      <c r="DQ488" s="860" t="s">
        <v>4246</v>
      </c>
      <c r="DR488" s="860"/>
      <c r="DS488" s="1221" t="s">
        <v>4587</v>
      </c>
      <c r="DT488" s="632"/>
    </row>
    <row r="489" spans="1:124" s="613" customFormat="1" ht="85.5" x14ac:dyDescent="0.2">
      <c r="A489" s="484" t="str">
        <f t="shared" si="794"/>
        <v xml:space="preserve">A5183 Chequers Hill junction (Flamsted) improvement </v>
      </c>
      <c r="B489" s="1163">
        <v>486</v>
      </c>
      <c r="C489" s="1156" t="s">
        <v>4628</v>
      </c>
      <c r="D489" s="722" t="s">
        <v>4584</v>
      </c>
      <c r="E489" s="481" t="s">
        <v>53</v>
      </c>
      <c r="F489" s="671" t="s">
        <v>655</v>
      </c>
      <c r="G489" s="852" t="s">
        <v>900</v>
      </c>
      <c r="H489" s="513" t="s">
        <v>4629</v>
      </c>
      <c r="I489" s="775" t="str">
        <f t="shared" si="849"/>
        <v>EXT-18</v>
      </c>
      <c r="J489" s="513" t="s">
        <v>4630</v>
      </c>
      <c r="K489" s="664" t="s">
        <v>3104</v>
      </c>
      <c r="L489" s="852" t="s">
        <v>3167</v>
      </c>
      <c r="M489" s="713" t="s">
        <v>2996</v>
      </c>
      <c r="N489" s="713" t="s">
        <v>81</v>
      </c>
      <c r="O489" s="654" t="s">
        <v>3051</v>
      </c>
      <c r="P489" s="657" t="s">
        <v>61</v>
      </c>
      <c r="Q489" s="515" t="s">
        <v>2378</v>
      </c>
      <c r="R489" s="657"/>
      <c r="S489" s="657"/>
      <c r="T489" s="853">
        <v>1582041</v>
      </c>
      <c r="U489" s="747"/>
      <c r="V489" s="657" t="s">
        <v>4245</v>
      </c>
      <c r="W489" s="642">
        <f t="shared" si="874"/>
        <v>0</v>
      </c>
      <c r="X489" s="745">
        <f t="shared" si="875"/>
        <v>1582041</v>
      </c>
      <c r="Y489" s="745" t="s">
        <v>3106</v>
      </c>
      <c r="Z489" s="745" t="str">
        <f>_xlfn.XLOOKUP(I489, 'CALCS Aecom (July 25 2025)'!F:F, 'CALCS Aecom (July 25 2025)'!W:W)</f>
        <v>Multiple Scenario 2 (Step 9)</v>
      </c>
      <c r="AA489" s="1330" t="s">
        <v>3220</v>
      </c>
      <c r="AB489" s="661" t="s">
        <v>66</v>
      </c>
      <c r="AC489" s="661" t="s">
        <v>66</v>
      </c>
      <c r="AD489" s="661" t="s">
        <v>66</v>
      </c>
      <c r="AE489" s="661" t="s">
        <v>66</v>
      </c>
      <c r="AF489" s="661" t="s">
        <v>66</v>
      </c>
      <c r="AG489" s="661" t="s">
        <v>66</v>
      </c>
      <c r="AH489" s="661" t="s">
        <v>66</v>
      </c>
      <c r="AI489" s="661" t="s">
        <v>66</v>
      </c>
      <c r="AJ489" s="661" t="s">
        <v>66</v>
      </c>
      <c r="AK489" s="661" t="s">
        <v>66</v>
      </c>
      <c r="AL489" s="661" t="s">
        <v>66</v>
      </c>
      <c r="AM489" s="661" t="s">
        <v>66</v>
      </c>
      <c r="AN489" s="661" t="s">
        <v>66</v>
      </c>
      <c r="AO489" s="661" t="s">
        <v>66</v>
      </c>
      <c r="AP489" s="661" t="s">
        <v>66</v>
      </c>
      <c r="AQ489" s="661" t="s">
        <v>66</v>
      </c>
      <c r="AR489" s="661" t="s">
        <v>66</v>
      </c>
      <c r="AS489" s="713"/>
      <c r="AT489" s="713"/>
      <c r="AU489" s="713"/>
      <c r="AV489" s="713"/>
      <c r="AW489" s="713"/>
      <c r="AX489" s="713"/>
      <c r="AY489" s="713"/>
      <c r="AZ489" s="713"/>
      <c r="BA489" s="713"/>
      <c r="BB489" s="713"/>
      <c r="BC489" s="713"/>
      <c r="BD489" s="713"/>
      <c r="BE489" s="713"/>
      <c r="BF489" s="713"/>
      <c r="BG489" s="676"/>
      <c r="BH489" s="676"/>
      <c r="BI489" s="676"/>
      <c r="BJ489" s="676"/>
      <c r="BK489" s="676"/>
      <c r="BL489" s="676"/>
      <c r="BM489" s="676"/>
      <c r="BN489" s="676"/>
      <c r="BO489" s="661" t="s">
        <v>66</v>
      </c>
      <c r="BP489" s="661" t="s">
        <v>66</v>
      </c>
      <c r="BQ489" s="661" t="s">
        <v>66</v>
      </c>
      <c r="BR489" s="661" t="s">
        <v>66</v>
      </c>
      <c r="BS489" s="884">
        <f t="shared" si="798"/>
        <v>21225</v>
      </c>
      <c r="BT489" s="661">
        <f t="shared" si="848"/>
        <v>74.536678445229683</v>
      </c>
      <c r="BU489" s="661" t="str">
        <f t="shared" si="867"/>
        <v>GOOD</v>
      </c>
      <c r="BV489" s="898">
        <f t="shared" si="869"/>
        <v>372683.3922261484</v>
      </c>
      <c r="BW489" s="898">
        <f t="shared" si="869"/>
        <v>14907.335689045936</v>
      </c>
      <c r="BX489" s="898">
        <f t="shared" si="869"/>
        <v>33541.505300353354</v>
      </c>
      <c r="BY489" s="898">
        <f t="shared" si="869"/>
        <v>26087.837455830388</v>
      </c>
      <c r="BZ489" s="898">
        <f t="shared" si="869"/>
        <v>37268.339222614843</v>
      </c>
      <c r="CA489" s="898">
        <f t="shared" si="869"/>
        <v>35777.605653710249</v>
      </c>
      <c r="CB489" s="898">
        <f t="shared" si="869"/>
        <v>7453.6678445229682</v>
      </c>
      <c r="CC489" s="898">
        <f t="shared" si="869"/>
        <v>29069.304593639576</v>
      </c>
      <c r="CD489" s="898">
        <f t="shared" si="869"/>
        <v>37268.339222614843</v>
      </c>
      <c r="CE489" s="898">
        <f t="shared" si="869"/>
        <v>37268.339222614843</v>
      </c>
      <c r="CF489" s="898">
        <f t="shared" si="870"/>
        <v>55902.508833922264</v>
      </c>
      <c r="CG489" s="898">
        <f t="shared" si="870"/>
        <v>14907.335689045936</v>
      </c>
      <c r="CH489" s="898">
        <f t="shared" si="870"/>
        <v>17441.582756183747</v>
      </c>
      <c r="CI489" s="898">
        <f t="shared" si="870"/>
        <v>26087.837455830388</v>
      </c>
      <c r="CJ489" s="898">
        <f t="shared" si="870"/>
        <v>6708.3010600706712</v>
      </c>
      <c r="CK489" s="898">
        <f t="shared" si="870"/>
        <v>5962.9342756183742</v>
      </c>
      <c r="CL489" s="898">
        <f t="shared" si="870"/>
        <v>177397.29469964665</v>
      </c>
      <c r="CM489" s="898" t="str">
        <f t="shared" si="870"/>
        <v/>
      </c>
      <c r="CN489" s="898" t="str">
        <f t="shared" si="870"/>
        <v/>
      </c>
      <c r="CO489" s="898" t="str">
        <f t="shared" si="870"/>
        <v/>
      </c>
      <c r="CP489" s="898" t="str">
        <f t="shared" si="871"/>
        <v/>
      </c>
      <c r="CQ489" s="898" t="str">
        <f t="shared" si="871"/>
        <v/>
      </c>
      <c r="CR489" s="898" t="str">
        <f t="shared" si="871"/>
        <v/>
      </c>
      <c r="CS489" s="898" t="str">
        <f t="shared" si="871"/>
        <v/>
      </c>
      <c r="CT489" s="898" t="str">
        <f t="shared" si="871"/>
        <v/>
      </c>
      <c r="CU489" s="898" t="str">
        <f t="shared" si="871"/>
        <v/>
      </c>
      <c r="CV489" s="898" t="str">
        <f t="shared" si="871"/>
        <v/>
      </c>
      <c r="CW489" s="898" t="str">
        <f t="shared" si="871"/>
        <v/>
      </c>
      <c r="CX489" s="898" t="str">
        <f t="shared" si="871"/>
        <v/>
      </c>
      <c r="CY489" s="898" t="str">
        <f t="shared" si="871"/>
        <v/>
      </c>
      <c r="CZ489" s="898" t="str">
        <f t="shared" si="872"/>
        <v/>
      </c>
      <c r="DA489" s="898" t="str">
        <f t="shared" si="872"/>
        <v/>
      </c>
      <c r="DB489" s="898" t="str">
        <f t="shared" si="872"/>
        <v/>
      </c>
      <c r="DC489" s="898" t="str">
        <f t="shared" si="872"/>
        <v/>
      </c>
      <c r="DD489" s="898" t="str">
        <f t="shared" si="872"/>
        <v/>
      </c>
      <c r="DE489" s="898" t="str">
        <f t="shared" si="872"/>
        <v/>
      </c>
      <c r="DF489" s="898" t="str">
        <f t="shared" si="872"/>
        <v/>
      </c>
      <c r="DG489" s="898" t="str">
        <f t="shared" si="872"/>
        <v/>
      </c>
      <c r="DH489" s="898" t="str">
        <f t="shared" si="872"/>
        <v/>
      </c>
      <c r="DI489" s="898">
        <f t="shared" si="872"/>
        <v>111805.01766784453</v>
      </c>
      <c r="DJ489" s="898">
        <f t="shared" si="873"/>
        <v>119258.68551236749</v>
      </c>
      <c r="DK489" s="898">
        <f t="shared" si="873"/>
        <v>178888.02826855125</v>
      </c>
      <c r="DL489" s="898">
        <f t="shared" si="873"/>
        <v>236355.80734982333</v>
      </c>
      <c r="DM489" s="661">
        <f t="shared" si="799"/>
        <v>935733.46120141342</v>
      </c>
      <c r="DN489" s="898">
        <f t="shared" si="800"/>
        <v>646307.53879858658</v>
      </c>
      <c r="DO489" s="516">
        <f t="shared" si="801"/>
        <v>0</v>
      </c>
      <c r="DP489" s="898">
        <f t="shared" si="802"/>
        <v>0</v>
      </c>
      <c r="DQ489" s="860" t="s">
        <v>4246</v>
      </c>
      <c r="DR489" s="610" t="s">
        <v>4247</v>
      </c>
      <c r="DS489" s="1221" t="s">
        <v>4248</v>
      </c>
      <c r="DT489" s="632"/>
    </row>
    <row r="490" spans="1:124" s="613" customFormat="1" ht="142.5" x14ac:dyDescent="0.2">
      <c r="A490" s="484" t="str">
        <f t="shared" si="794"/>
        <v xml:space="preserve">A414 cycle route (Park Street to Strategic Rail Freight Interchange) </v>
      </c>
      <c r="B490" s="1163">
        <v>487</v>
      </c>
      <c r="C490" s="1156" t="s">
        <v>4631</v>
      </c>
      <c r="D490" s="481" t="s">
        <v>2182</v>
      </c>
      <c r="E490" s="481" t="s">
        <v>1385</v>
      </c>
      <c r="F490" s="481" t="s">
        <v>655</v>
      </c>
      <c r="G490" s="775" t="s">
        <v>932</v>
      </c>
      <c r="H490" s="673" t="s">
        <v>4632</v>
      </c>
      <c r="I490" s="775" t="str">
        <f t="shared" si="849"/>
        <v/>
      </c>
      <c r="J490" s="673" t="s">
        <v>4633</v>
      </c>
      <c r="K490" s="664" t="s">
        <v>4634</v>
      </c>
      <c r="L490" s="852" t="s">
        <v>63</v>
      </c>
      <c r="M490" s="515" t="s">
        <v>2986</v>
      </c>
      <c r="N490" s="775" t="s">
        <v>81</v>
      </c>
      <c r="O490" s="654" t="s">
        <v>77</v>
      </c>
      <c r="P490" s="657" t="s">
        <v>61</v>
      </c>
      <c r="Q490" s="654" t="s">
        <v>2258</v>
      </c>
      <c r="R490" s="657"/>
      <c r="S490" s="657"/>
      <c r="T490" s="853">
        <v>1000000</v>
      </c>
      <c r="U490" s="854"/>
      <c r="V490" s="657" t="s">
        <v>4635</v>
      </c>
      <c r="W490" s="642">
        <f t="shared" si="874"/>
        <v>0</v>
      </c>
      <c r="X490" s="745">
        <f t="shared" si="875"/>
        <v>1000000</v>
      </c>
      <c r="Y490" s="745"/>
      <c r="Z490" s="745"/>
      <c r="AA490" s="1331" t="s">
        <v>3220</v>
      </c>
      <c r="AB490" s="657"/>
      <c r="AC490" s="657"/>
      <c r="AD490" s="657"/>
      <c r="AE490" s="657"/>
      <c r="AF490" s="657"/>
      <c r="AG490" s="657"/>
      <c r="AH490" s="657"/>
      <c r="AI490" s="657"/>
      <c r="AJ490" s="657"/>
      <c r="AK490" s="657"/>
      <c r="AL490" s="657"/>
      <c r="AM490" s="657"/>
      <c r="AN490" s="657"/>
      <c r="AO490" s="657"/>
      <c r="AP490" s="657"/>
      <c r="AQ490" s="657"/>
      <c r="AR490" s="657"/>
      <c r="AS490" s="657"/>
      <c r="AT490" s="657"/>
      <c r="AU490" s="657"/>
      <c r="AV490" s="657"/>
      <c r="AW490" s="657"/>
      <c r="AX490" s="657"/>
      <c r="AY490" s="657"/>
      <c r="AZ490" s="657"/>
      <c r="BA490" s="657"/>
      <c r="BB490" s="657"/>
      <c r="BC490" s="657"/>
      <c r="BD490" s="657"/>
      <c r="BE490" s="657"/>
      <c r="BF490" s="657"/>
      <c r="BG490" s="746"/>
      <c r="BH490" s="746"/>
      <c r="BI490" s="746"/>
      <c r="BJ490" s="746"/>
      <c r="BK490" s="746"/>
      <c r="BL490" s="746"/>
      <c r="BM490" s="746"/>
      <c r="BN490" s="746"/>
      <c r="BO490" s="892"/>
      <c r="BP490" s="892"/>
      <c r="BQ490" s="892"/>
      <c r="BR490" s="892"/>
      <c r="BS490" s="884">
        <f t="shared" si="798"/>
        <v>0</v>
      </c>
      <c r="BT490" s="661"/>
      <c r="BU490" s="661"/>
      <c r="BV490" s="1149"/>
      <c r="BW490" s="1149"/>
      <c r="BX490" s="1149"/>
      <c r="BY490" s="1149"/>
      <c r="BZ490" s="1149"/>
      <c r="CA490" s="1149"/>
      <c r="CB490" s="1149"/>
      <c r="CC490" s="1149"/>
      <c r="CD490" s="1149"/>
      <c r="CE490" s="1149"/>
      <c r="CF490" s="1149"/>
      <c r="CG490" s="1149"/>
      <c r="CH490" s="1149"/>
      <c r="CI490" s="1149"/>
      <c r="CJ490" s="1149"/>
      <c r="CK490" s="1149"/>
      <c r="CL490" s="1149"/>
      <c r="CM490" s="898"/>
      <c r="CN490" s="898"/>
      <c r="CO490" s="898"/>
      <c r="CP490" s="898"/>
      <c r="CQ490" s="898"/>
      <c r="CR490" s="898"/>
      <c r="CS490" s="898"/>
      <c r="CT490" s="898"/>
      <c r="CU490" s="898"/>
      <c r="CV490" s="898"/>
      <c r="CW490" s="898"/>
      <c r="CX490" s="898"/>
      <c r="CY490" s="898"/>
      <c r="CZ490" s="898"/>
      <c r="DA490" s="898"/>
      <c r="DB490" s="898"/>
      <c r="DC490" s="898"/>
      <c r="DD490" s="898"/>
      <c r="DE490" s="898"/>
      <c r="DF490" s="898"/>
      <c r="DG490" s="898"/>
      <c r="DH490" s="898"/>
      <c r="DI490" s="1149"/>
      <c r="DJ490" s="1149"/>
      <c r="DK490" s="1149">
        <f>X490*0.7324</f>
        <v>732400</v>
      </c>
      <c r="DL490" s="1149"/>
      <c r="DM490" s="661"/>
      <c r="DN490" s="898"/>
      <c r="DO490" s="516"/>
      <c r="DP490" s="898">
        <f>X490*0.2676</f>
        <v>267600</v>
      </c>
      <c r="DQ490" s="610" t="s">
        <v>4636</v>
      </c>
      <c r="DR490" s="610"/>
      <c r="DS490" s="1221"/>
      <c r="DT490" s="632"/>
    </row>
    <row r="491" spans="1:124" s="613" customFormat="1" ht="57" x14ac:dyDescent="0.2">
      <c r="A491" s="484" t="str">
        <f t="shared" si="794"/>
        <v>Nickey Line North-South Extension</v>
      </c>
      <c r="B491" s="1163">
        <v>488</v>
      </c>
      <c r="C491" s="1156" t="s">
        <v>4637</v>
      </c>
      <c r="D491" s="511" t="s">
        <v>2182</v>
      </c>
      <c r="E491" s="511" t="s">
        <v>1385</v>
      </c>
      <c r="F491" s="511" t="s">
        <v>655</v>
      </c>
      <c r="G491" s="515" t="s">
        <v>932</v>
      </c>
      <c r="H491" s="513" t="s">
        <v>2411</v>
      </c>
      <c r="I491" s="515"/>
      <c r="J491" s="513" t="s">
        <v>2412</v>
      </c>
      <c r="K491" s="664" t="s">
        <v>3104</v>
      </c>
      <c r="L491" s="515" t="s">
        <v>4638</v>
      </c>
      <c r="M491" s="543" t="s">
        <v>3005</v>
      </c>
      <c r="N491" s="515" t="s">
        <v>60</v>
      </c>
      <c r="O491" s="654" t="s">
        <v>3051</v>
      </c>
      <c r="P491" s="657" t="s">
        <v>61</v>
      </c>
      <c r="Q491" s="515" t="s">
        <v>2387</v>
      </c>
      <c r="R491" s="745">
        <v>1080000</v>
      </c>
      <c r="S491" s="745">
        <v>1610000</v>
      </c>
      <c r="T491" s="853">
        <f>(R491+S491)/2</f>
        <v>1345000</v>
      </c>
      <c r="U491" s="516"/>
      <c r="V491" s="657" t="s">
        <v>64</v>
      </c>
      <c r="W491" s="642">
        <f t="shared" si="874"/>
        <v>0</v>
      </c>
      <c r="X491" s="745">
        <f t="shared" si="875"/>
        <v>1345000</v>
      </c>
      <c r="Y491" s="745" t="s">
        <v>3106</v>
      </c>
      <c r="Z491" s="745">
        <f>_xlfn.XLOOKUP(I491, 'CALCS Aecom (July 25 2025)'!F:F, 'CALCS Aecom (July 25 2025)'!W:W)</f>
        <v>0</v>
      </c>
      <c r="AA491" s="651" t="s">
        <v>65</v>
      </c>
      <c r="AB491" s="516"/>
      <c r="AC491" s="516"/>
      <c r="AD491" s="516"/>
      <c r="AE491" s="516"/>
      <c r="AF491" s="516"/>
      <c r="AG491" s="516"/>
      <c r="AH491" s="516"/>
      <c r="AI491" s="516"/>
      <c r="AJ491" s="516"/>
      <c r="AK491" s="516"/>
      <c r="AL491" s="516"/>
      <c r="AM491" s="516"/>
      <c r="AN491" s="516"/>
      <c r="AO491" s="516"/>
      <c r="AP491" s="516"/>
      <c r="AQ491" s="516"/>
      <c r="AR491" s="516"/>
      <c r="AS491" s="516"/>
      <c r="AT491" s="516"/>
      <c r="AU491" s="516"/>
      <c r="AV491" s="516"/>
      <c r="AW491" s="516"/>
      <c r="AX491" s="516"/>
      <c r="AY491" s="516"/>
      <c r="AZ491" s="516"/>
      <c r="BA491" s="516"/>
      <c r="BB491" s="516"/>
      <c r="BC491" s="516"/>
      <c r="BD491" s="516"/>
      <c r="BE491" s="516"/>
      <c r="BF491" s="516"/>
      <c r="BG491" s="516"/>
      <c r="BH491" s="516"/>
      <c r="BI491" s="516"/>
      <c r="BJ491" s="516"/>
      <c r="BK491" s="516"/>
      <c r="BL491" s="516"/>
      <c r="BM491" s="516"/>
      <c r="BN491" s="516"/>
      <c r="BO491" s="516"/>
      <c r="BP491" s="516" t="s">
        <v>66</v>
      </c>
      <c r="BQ491" s="516" t="s">
        <v>66</v>
      </c>
      <c r="BR491" s="516" t="s">
        <v>66</v>
      </c>
      <c r="BS491" s="884">
        <f t="shared" si="798"/>
        <v>7171</v>
      </c>
      <c r="BT491" s="661">
        <f t="shared" ref="BT491:BT522" si="876">X491/BS491</f>
        <v>187.56100962208896</v>
      </c>
      <c r="BU491" s="661"/>
      <c r="BV491" s="898" t="str">
        <f t="shared" ref="BV491:BV510" si="877">IF(AB491="yes",(AB$3*$BT491),"")</f>
        <v/>
      </c>
      <c r="BW491" s="898" t="str">
        <f t="shared" ref="BW491:BW510" si="878">IF(AC491="yes",(AC$3*$BT491),"")</f>
        <v/>
      </c>
      <c r="BX491" s="898" t="str">
        <f t="shared" ref="BX491:BX510" si="879">IF(AD491="yes",(AD$3*$BT491),"")</f>
        <v/>
      </c>
      <c r="BY491" s="898" t="str">
        <f t="shared" ref="BY491:BY510" si="880">IF(AE491="yes",(AE$3*$BT491),"")</f>
        <v/>
      </c>
      <c r="BZ491" s="898" t="str">
        <f t="shared" ref="BZ491:BZ510" si="881">IF(AF491="yes",(AF$3*$BT491),"")</f>
        <v/>
      </c>
      <c r="CA491" s="898" t="str">
        <f t="shared" ref="CA491:CA510" si="882">IF(AG491="yes",(AG$3*$BT491),"")</f>
        <v/>
      </c>
      <c r="CB491" s="898" t="str">
        <f t="shared" ref="CB491:CB510" si="883">IF(AH491="yes",(AH$3*$BT491),"")</f>
        <v/>
      </c>
      <c r="CC491" s="898" t="str">
        <f t="shared" ref="CC491:CC510" si="884">IF(AI491="yes",(AI$3*$BT491),"")</f>
        <v/>
      </c>
      <c r="CD491" s="898" t="str">
        <f t="shared" ref="CD491:CD510" si="885">IF(AJ491="yes",(AJ$3*$BT491),"")</f>
        <v/>
      </c>
      <c r="CE491" s="898" t="str">
        <f t="shared" ref="CE491:CE510" si="886">IF(AK491="yes",(AK$3*$BT491),"")</f>
        <v/>
      </c>
      <c r="CF491" s="898" t="str">
        <f t="shared" ref="CF491:CF510" si="887">IF(AL491="yes",(AL$3*$BT491),"")</f>
        <v/>
      </c>
      <c r="CG491" s="898" t="str">
        <f t="shared" ref="CG491:CG510" si="888">IF(AM491="yes",(AM$3*$BT491),"")</f>
        <v/>
      </c>
      <c r="CH491" s="898" t="str">
        <f t="shared" ref="CH491:CH510" si="889">IF(AN491="yes",(AN$3*$BT491),"")</f>
        <v/>
      </c>
      <c r="CI491" s="898" t="str">
        <f t="shared" ref="CI491:CI510" si="890">IF(AO491="yes",(AO$3*$BT491),"")</f>
        <v/>
      </c>
      <c r="CJ491" s="898" t="str">
        <f t="shared" ref="CJ491:CJ510" si="891">IF(AP491="yes",(AP$3*$BT491),"")</f>
        <v/>
      </c>
      <c r="CK491" s="898" t="str">
        <f t="shared" ref="CK491:CK510" si="892">IF(AQ491="yes",(AQ$3*$BT491),"")</f>
        <v/>
      </c>
      <c r="CL491" s="898" t="str">
        <f t="shared" ref="CL491:CL510" si="893">IF(AR491="yes",(AR$3*$BT491),"")</f>
        <v/>
      </c>
      <c r="CM491" s="898" t="str">
        <f t="shared" ref="CM491:CM510" si="894">IF(AS491="yes",(AS$3*$BT491),"")</f>
        <v/>
      </c>
      <c r="CN491" s="898" t="str">
        <f t="shared" ref="CN491:CN510" si="895">IF(AT491="yes",(AT$3*$BT491),"")</f>
        <v/>
      </c>
      <c r="CO491" s="898" t="str">
        <f t="shared" ref="CO491:CO510" si="896">IF(AU491="yes",(AU$3*$BT491),"")</f>
        <v/>
      </c>
      <c r="CP491" s="898" t="str">
        <f t="shared" ref="CP491:CP510" si="897">IF(AV491="yes",(AV$3*$BT491),"")</f>
        <v/>
      </c>
      <c r="CQ491" s="898" t="str">
        <f t="shared" ref="CQ491:CQ510" si="898">IF(AW491="yes",(AW$3*$BT491),"")</f>
        <v/>
      </c>
      <c r="CR491" s="898" t="str">
        <f t="shared" ref="CR491:CR510" si="899">IF(AX491="yes",(AX$3*$BT491),"")</f>
        <v/>
      </c>
      <c r="CS491" s="898" t="str">
        <f t="shared" ref="CS491:CS510" si="900">IF(AY491="yes",(AY$3*$BT491),"")</f>
        <v/>
      </c>
      <c r="CT491" s="898" t="str">
        <f t="shared" ref="CT491:CT510" si="901">IF(AZ491="yes",(AZ$3*$BT491),"")</f>
        <v/>
      </c>
      <c r="CU491" s="898" t="str">
        <f t="shared" ref="CU491:CU510" si="902">IF(BA491="yes",(BA$3*$BT491),"")</f>
        <v/>
      </c>
      <c r="CV491" s="898" t="str">
        <f t="shared" ref="CV491:CV510" si="903">IF(BB491="yes",(BB$3*$BT491),"")</f>
        <v/>
      </c>
      <c r="CW491" s="898" t="str">
        <f t="shared" ref="CW491:CW510" si="904">IF(BC491="yes",(BC$3*$BT491),"")</f>
        <v/>
      </c>
      <c r="CX491" s="898" t="str">
        <f t="shared" ref="CX491:CX510" si="905">IF(BD491="yes",(BD$3*$BT491),"")</f>
        <v/>
      </c>
      <c r="CY491" s="898" t="str">
        <f t="shared" ref="CY491:CY510" si="906">IF(BE491="yes",(BE$3*$BT491),"")</f>
        <v/>
      </c>
      <c r="CZ491" s="898" t="str">
        <f t="shared" ref="CZ491:CZ510" si="907">IF(BF491="yes",(BF$3*$BT491),"")</f>
        <v/>
      </c>
      <c r="DA491" s="898" t="str">
        <f t="shared" ref="DA491:DA510" si="908">IF(BG491="yes",(BG$3*$BT491),"")</f>
        <v/>
      </c>
      <c r="DB491" s="898" t="str">
        <f t="shared" ref="DB491:DB510" si="909">IF(BH491="yes",(BH$3*$BT491),"")</f>
        <v/>
      </c>
      <c r="DC491" s="898" t="str">
        <f t="shared" ref="DC491:DC510" si="910">IF(BI491="yes",(BI$3*$BT491),"")</f>
        <v/>
      </c>
      <c r="DD491" s="898" t="str">
        <f t="shared" ref="DD491:DD510" si="911">IF(BJ491="yes",(BJ$3*$BT491),"")</f>
        <v/>
      </c>
      <c r="DE491" s="898" t="str">
        <f t="shared" ref="DE491:DE510" si="912">IF(BK491="yes",(BK$3*$BT491),"")</f>
        <v/>
      </c>
      <c r="DF491" s="898" t="str">
        <f t="shared" ref="DF491:DF510" si="913">IF(BL491="yes",(BL$3*$BT491),"")</f>
        <v/>
      </c>
      <c r="DG491" s="898" t="str">
        <f t="shared" ref="DG491:DG510" si="914">IF(BM491="yes",(BM$3*$BT491),"")</f>
        <v/>
      </c>
      <c r="DH491" s="898" t="str">
        <f t="shared" ref="DH491:DH510" si="915">IF(BN491="yes",(BN$3*$BT491),"")</f>
        <v/>
      </c>
      <c r="DI491" s="898" t="str">
        <f t="shared" ref="DI491:DI510" si="916">IF(BO491="yes",(BO$3*$BT491),"")</f>
        <v/>
      </c>
      <c r="DJ491" s="898">
        <f t="shared" ref="DJ491:DJ510" si="917">IF(BP491="yes",(BP$3*$BT491),"")</f>
        <v>300097.61539534235</v>
      </c>
      <c r="DK491" s="898">
        <f t="shared" ref="DK491:DK510" si="918">IF(BQ491="yes",(BQ$3*$BT491),"")</f>
        <v>450146.42309301352</v>
      </c>
      <c r="DL491" s="898">
        <f t="shared" ref="DL491:DL510" si="919">IF(BR491="yes",(BR$3*$BT491),"")</f>
        <v>594755.96151164407</v>
      </c>
      <c r="DM491" s="661">
        <f t="shared" ref="DM491:DM509" si="920">SUM(BV491:CL491)</f>
        <v>0</v>
      </c>
      <c r="DN491" s="898">
        <f t="shared" ref="DN491:DN509" si="921">SUM(DI491:DL491)</f>
        <v>1345000</v>
      </c>
      <c r="DO491" s="516">
        <f t="shared" ref="DO491:DO509" si="922">SUM(CM491:CZ491)</f>
        <v>0</v>
      </c>
      <c r="DP491" s="898">
        <f>SUM(DA491:DH491)</f>
        <v>0</v>
      </c>
      <c r="DQ491" s="522" t="s">
        <v>2359</v>
      </c>
      <c r="DR491" s="522"/>
      <c r="DS491" s="522" t="s">
        <v>4639</v>
      </c>
      <c r="DT491" s="632"/>
    </row>
    <row r="492" spans="1:124" s="613" customFormat="1" ht="71.25" x14ac:dyDescent="0.2">
      <c r="A492" s="484" t="str">
        <f t="shared" si="794"/>
        <v>New lighting on Nickey Line within urban area</v>
      </c>
      <c r="B492" s="1163">
        <v>489</v>
      </c>
      <c r="C492" s="1156" t="s">
        <v>4640</v>
      </c>
      <c r="D492" s="511" t="s">
        <v>2182</v>
      </c>
      <c r="E492" s="511" t="s">
        <v>1385</v>
      </c>
      <c r="F492" s="511" t="s">
        <v>655</v>
      </c>
      <c r="G492" s="515" t="s">
        <v>932</v>
      </c>
      <c r="H492" s="513" t="s">
        <v>2414</v>
      </c>
      <c r="I492" s="515"/>
      <c r="J492" s="513" t="s">
        <v>2415</v>
      </c>
      <c r="K492" s="664" t="s">
        <v>3104</v>
      </c>
      <c r="L492" s="515" t="s">
        <v>3457</v>
      </c>
      <c r="M492" s="543" t="s">
        <v>3005</v>
      </c>
      <c r="N492" s="515" t="s">
        <v>81</v>
      </c>
      <c r="O492" s="664" t="s">
        <v>4641</v>
      </c>
      <c r="P492" s="657" t="s">
        <v>61</v>
      </c>
      <c r="Q492" s="515" t="s">
        <v>2251</v>
      </c>
      <c r="R492" s="657"/>
      <c r="S492" s="657"/>
      <c r="T492" s="516">
        <v>250000</v>
      </c>
      <c r="U492" s="516"/>
      <c r="V492" s="657" t="s">
        <v>64</v>
      </c>
      <c r="W492" s="642">
        <f t="shared" si="874"/>
        <v>0</v>
      </c>
      <c r="X492" s="745">
        <f t="shared" si="875"/>
        <v>250000</v>
      </c>
      <c r="Y492" s="745" t="s">
        <v>3106</v>
      </c>
      <c r="Z492" s="745">
        <f>_xlfn.XLOOKUP(I492, 'CALCS Aecom (July 25 2025)'!F:F, 'CALCS Aecom (July 25 2025)'!W:W)</f>
        <v>0</v>
      </c>
      <c r="AA492" s="651" t="s">
        <v>65</v>
      </c>
      <c r="AB492" s="516"/>
      <c r="AC492" s="516"/>
      <c r="AD492" s="516"/>
      <c r="AE492" s="516"/>
      <c r="AF492" s="516"/>
      <c r="AG492" s="516"/>
      <c r="AH492" s="516"/>
      <c r="AI492" s="516"/>
      <c r="AJ492" s="516"/>
      <c r="AK492" s="516"/>
      <c r="AL492" s="516"/>
      <c r="AM492" s="516"/>
      <c r="AN492" s="516"/>
      <c r="AO492" s="516"/>
      <c r="AP492" s="516"/>
      <c r="AQ492" s="516"/>
      <c r="AR492" s="516"/>
      <c r="AS492" s="516"/>
      <c r="AT492" s="516"/>
      <c r="AU492" s="516"/>
      <c r="AV492" s="516"/>
      <c r="AW492" s="516"/>
      <c r="AX492" s="516"/>
      <c r="AY492" s="516"/>
      <c r="AZ492" s="516"/>
      <c r="BA492" s="516"/>
      <c r="BB492" s="516"/>
      <c r="BC492" s="516"/>
      <c r="BD492" s="516"/>
      <c r="BE492" s="516"/>
      <c r="BF492" s="516"/>
      <c r="BG492" s="516"/>
      <c r="BH492" s="516"/>
      <c r="BI492" s="516"/>
      <c r="BJ492" s="516"/>
      <c r="BK492" s="516"/>
      <c r="BL492" s="516"/>
      <c r="BM492" s="516"/>
      <c r="BN492" s="516"/>
      <c r="BO492" s="516" t="s">
        <v>66</v>
      </c>
      <c r="BP492" s="516" t="s">
        <v>66</v>
      </c>
      <c r="BQ492" s="516" t="s">
        <v>66</v>
      </c>
      <c r="BR492" s="516"/>
      <c r="BS492" s="884">
        <f t="shared" si="798"/>
        <v>5500</v>
      </c>
      <c r="BT492" s="661">
        <f t="shared" si="876"/>
        <v>45.454545454545453</v>
      </c>
      <c r="BU492" s="661"/>
      <c r="BV492" s="898" t="str">
        <f t="shared" si="877"/>
        <v/>
      </c>
      <c r="BW492" s="898" t="str">
        <f t="shared" si="878"/>
        <v/>
      </c>
      <c r="BX492" s="898" t="str">
        <f t="shared" si="879"/>
        <v/>
      </c>
      <c r="BY492" s="898" t="str">
        <f t="shared" si="880"/>
        <v/>
      </c>
      <c r="BZ492" s="898" t="str">
        <f t="shared" si="881"/>
        <v/>
      </c>
      <c r="CA492" s="898" t="str">
        <f t="shared" si="882"/>
        <v/>
      </c>
      <c r="CB492" s="898" t="str">
        <f t="shared" si="883"/>
        <v/>
      </c>
      <c r="CC492" s="898" t="str">
        <f t="shared" si="884"/>
        <v/>
      </c>
      <c r="CD492" s="898" t="str">
        <f t="shared" si="885"/>
        <v/>
      </c>
      <c r="CE492" s="898" t="str">
        <f t="shared" si="886"/>
        <v/>
      </c>
      <c r="CF492" s="898" t="str">
        <f t="shared" si="887"/>
        <v/>
      </c>
      <c r="CG492" s="898" t="str">
        <f t="shared" si="888"/>
        <v/>
      </c>
      <c r="CH492" s="898" t="str">
        <f t="shared" si="889"/>
        <v/>
      </c>
      <c r="CI492" s="898" t="str">
        <f t="shared" si="890"/>
        <v/>
      </c>
      <c r="CJ492" s="898" t="str">
        <f t="shared" si="891"/>
        <v/>
      </c>
      <c r="CK492" s="898" t="str">
        <f t="shared" si="892"/>
        <v/>
      </c>
      <c r="CL492" s="898" t="str">
        <f t="shared" si="893"/>
        <v/>
      </c>
      <c r="CM492" s="898" t="str">
        <f t="shared" si="894"/>
        <v/>
      </c>
      <c r="CN492" s="898" t="str">
        <f t="shared" si="895"/>
        <v/>
      </c>
      <c r="CO492" s="898" t="str">
        <f t="shared" si="896"/>
        <v/>
      </c>
      <c r="CP492" s="898" t="str">
        <f t="shared" si="897"/>
        <v/>
      </c>
      <c r="CQ492" s="898" t="str">
        <f t="shared" si="898"/>
        <v/>
      </c>
      <c r="CR492" s="898" t="str">
        <f t="shared" si="899"/>
        <v/>
      </c>
      <c r="CS492" s="898" t="str">
        <f t="shared" si="900"/>
        <v/>
      </c>
      <c r="CT492" s="898" t="str">
        <f t="shared" si="901"/>
        <v/>
      </c>
      <c r="CU492" s="898" t="str">
        <f t="shared" si="902"/>
        <v/>
      </c>
      <c r="CV492" s="898" t="str">
        <f t="shared" si="903"/>
        <v/>
      </c>
      <c r="CW492" s="898" t="str">
        <f t="shared" si="904"/>
        <v/>
      </c>
      <c r="CX492" s="898" t="str">
        <f t="shared" si="905"/>
        <v/>
      </c>
      <c r="CY492" s="898" t="str">
        <f t="shared" si="906"/>
        <v/>
      </c>
      <c r="CZ492" s="898" t="str">
        <f t="shared" si="907"/>
        <v/>
      </c>
      <c r="DA492" s="898" t="str">
        <f t="shared" si="908"/>
        <v/>
      </c>
      <c r="DB492" s="898" t="str">
        <f t="shared" si="909"/>
        <v/>
      </c>
      <c r="DC492" s="898" t="str">
        <f t="shared" si="910"/>
        <v/>
      </c>
      <c r="DD492" s="898" t="str">
        <f t="shared" si="911"/>
        <v/>
      </c>
      <c r="DE492" s="898" t="str">
        <f t="shared" si="912"/>
        <v/>
      </c>
      <c r="DF492" s="898" t="str">
        <f t="shared" si="913"/>
        <v/>
      </c>
      <c r="DG492" s="898" t="str">
        <f t="shared" si="914"/>
        <v/>
      </c>
      <c r="DH492" s="898" t="str">
        <f t="shared" si="915"/>
        <v/>
      </c>
      <c r="DI492" s="898">
        <f t="shared" si="916"/>
        <v>68181.818181818177</v>
      </c>
      <c r="DJ492" s="898">
        <f t="shared" si="917"/>
        <v>72727.272727272721</v>
      </c>
      <c r="DK492" s="898">
        <f t="shared" si="918"/>
        <v>109090.90909090909</v>
      </c>
      <c r="DL492" s="898" t="str">
        <f t="shared" si="919"/>
        <v/>
      </c>
      <c r="DM492" s="661">
        <f t="shared" si="920"/>
        <v>0</v>
      </c>
      <c r="DN492" s="898">
        <f t="shared" si="921"/>
        <v>249999.99999999997</v>
      </c>
      <c r="DO492" s="516">
        <f t="shared" si="922"/>
        <v>0</v>
      </c>
      <c r="DP492" s="898">
        <f>SUM(DA492:DH492)</f>
        <v>0</v>
      </c>
      <c r="DQ492" s="522" t="s">
        <v>2359</v>
      </c>
      <c r="DR492" s="522"/>
      <c r="DS492" s="522" t="s">
        <v>4639</v>
      </c>
      <c r="DT492" s="632"/>
    </row>
    <row r="493" spans="1:124" s="613" customFormat="1" ht="57" x14ac:dyDescent="0.2">
      <c r="A493" s="484" t="str">
        <f t="shared" si="794"/>
        <v xml:space="preserve">Active travel schemes associated with the North Hemel Hempstead (H1) site </v>
      </c>
      <c r="B493" s="1163">
        <v>490</v>
      </c>
      <c r="C493" s="1156" t="s">
        <v>4642</v>
      </c>
      <c r="D493" s="511" t="s">
        <v>2182</v>
      </c>
      <c r="E493" s="511" t="s">
        <v>1385</v>
      </c>
      <c r="F493" s="511" t="s">
        <v>655</v>
      </c>
      <c r="G493" s="515" t="s">
        <v>932</v>
      </c>
      <c r="H493" s="513" t="s">
        <v>4643</v>
      </c>
      <c r="I493" s="515"/>
      <c r="J493" s="513" t="s">
        <v>2403</v>
      </c>
      <c r="K493" s="664" t="s">
        <v>3104</v>
      </c>
      <c r="L493" s="515" t="s">
        <v>4368</v>
      </c>
      <c r="M493" s="543" t="s">
        <v>3005</v>
      </c>
      <c r="N493" s="515" t="s">
        <v>60</v>
      </c>
      <c r="O493" s="654" t="s">
        <v>3051</v>
      </c>
      <c r="P493" s="657" t="s">
        <v>61</v>
      </c>
      <c r="Q493" s="515" t="s">
        <v>169</v>
      </c>
      <c r="R493" s="657"/>
      <c r="S493" s="657"/>
      <c r="T493" s="676" t="s">
        <v>3360</v>
      </c>
      <c r="U493" s="516"/>
      <c r="V493" s="657" t="s">
        <v>64</v>
      </c>
      <c r="W493" s="642"/>
      <c r="X493" s="745"/>
      <c r="Y493" s="745" t="s">
        <v>3106</v>
      </c>
      <c r="Z493" s="745">
        <f>_xlfn.XLOOKUP(I493, 'CALCS Aecom (July 25 2025)'!F:F, 'CALCS Aecom (July 25 2025)'!W:W)</f>
        <v>0</v>
      </c>
      <c r="AA493" s="651" t="s">
        <v>65</v>
      </c>
      <c r="AB493" s="516"/>
      <c r="AC493" s="516"/>
      <c r="AD493" s="516"/>
      <c r="AE493" s="516"/>
      <c r="AF493" s="516"/>
      <c r="AG493" s="516"/>
      <c r="AH493" s="516"/>
      <c r="AI493" s="516"/>
      <c r="AJ493" s="516"/>
      <c r="AK493" s="516"/>
      <c r="AL493" s="516"/>
      <c r="AM493" s="516"/>
      <c r="AN493" s="516"/>
      <c r="AO493" s="516"/>
      <c r="AP493" s="516"/>
      <c r="AQ493" s="516"/>
      <c r="AR493" s="516"/>
      <c r="AS493" s="516"/>
      <c r="AT493" s="516"/>
      <c r="AU493" s="516"/>
      <c r="AV493" s="516"/>
      <c r="AW493" s="516"/>
      <c r="AX493" s="516"/>
      <c r="AY493" s="516"/>
      <c r="AZ493" s="516"/>
      <c r="BA493" s="516"/>
      <c r="BB493" s="516"/>
      <c r="BC493" s="516"/>
      <c r="BD493" s="516"/>
      <c r="BE493" s="516"/>
      <c r="BF493" s="516"/>
      <c r="BG493" s="516"/>
      <c r="BH493" s="516"/>
      <c r="BI493" s="516"/>
      <c r="BJ493" s="516"/>
      <c r="BK493" s="516"/>
      <c r="BL493" s="516"/>
      <c r="BM493" s="516"/>
      <c r="BN493" s="516"/>
      <c r="BO493" s="516" t="s">
        <v>66</v>
      </c>
      <c r="BP493" s="516" t="s">
        <v>66</v>
      </c>
      <c r="BQ493" s="516"/>
      <c r="BR493" s="516"/>
      <c r="BS493" s="884">
        <f t="shared" si="798"/>
        <v>3100</v>
      </c>
      <c r="BT493" s="661">
        <f t="shared" si="876"/>
        <v>0</v>
      </c>
      <c r="BU493" s="661"/>
      <c r="BV493" s="898" t="str">
        <f t="shared" si="877"/>
        <v/>
      </c>
      <c r="BW493" s="898" t="str">
        <f t="shared" si="878"/>
        <v/>
      </c>
      <c r="BX493" s="898" t="str">
        <f t="shared" si="879"/>
        <v/>
      </c>
      <c r="BY493" s="898" t="str">
        <f t="shared" si="880"/>
        <v/>
      </c>
      <c r="BZ493" s="898" t="str">
        <f t="shared" si="881"/>
        <v/>
      </c>
      <c r="CA493" s="898" t="str">
        <f t="shared" si="882"/>
        <v/>
      </c>
      <c r="CB493" s="898" t="str">
        <f t="shared" si="883"/>
        <v/>
      </c>
      <c r="CC493" s="898" t="str">
        <f t="shared" si="884"/>
        <v/>
      </c>
      <c r="CD493" s="898" t="str">
        <f t="shared" si="885"/>
        <v/>
      </c>
      <c r="CE493" s="898" t="str">
        <f t="shared" si="886"/>
        <v/>
      </c>
      <c r="CF493" s="898" t="str">
        <f t="shared" si="887"/>
        <v/>
      </c>
      <c r="CG493" s="898" t="str">
        <f t="shared" si="888"/>
        <v/>
      </c>
      <c r="CH493" s="898" t="str">
        <f t="shared" si="889"/>
        <v/>
      </c>
      <c r="CI493" s="898" t="str">
        <f t="shared" si="890"/>
        <v/>
      </c>
      <c r="CJ493" s="898" t="str">
        <f t="shared" si="891"/>
        <v/>
      </c>
      <c r="CK493" s="898" t="str">
        <f t="shared" si="892"/>
        <v/>
      </c>
      <c r="CL493" s="898" t="str">
        <f t="shared" si="893"/>
        <v/>
      </c>
      <c r="CM493" s="898" t="str">
        <f t="shared" si="894"/>
        <v/>
      </c>
      <c r="CN493" s="898" t="str">
        <f t="shared" si="895"/>
        <v/>
      </c>
      <c r="CO493" s="898" t="str">
        <f t="shared" si="896"/>
        <v/>
      </c>
      <c r="CP493" s="898" t="str">
        <f t="shared" si="897"/>
        <v/>
      </c>
      <c r="CQ493" s="898" t="str">
        <f t="shared" si="898"/>
        <v/>
      </c>
      <c r="CR493" s="898" t="str">
        <f t="shared" si="899"/>
        <v/>
      </c>
      <c r="CS493" s="898" t="str">
        <f t="shared" si="900"/>
        <v/>
      </c>
      <c r="CT493" s="898" t="str">
        <f t="shared" si="901"/>
        <v/>
      </c>
      <c r="CU493" s="898" t="str">
        <f t="shared" si="902"/>
        <v/>
      </c>
      <c r="CV493" s="898" t="str">
        <f t="shared" si="903"/>
        <v/>
      </c>
      <c r="CW493" s="898" t="str">
        <f t="shared" si="904"/>
        <v/>
      </c>
      <c r="CX493" s="898" t="str">
        <f t="shared" si="905"/>
        <v/>
      </c>
      <c r="CY493" s="898" t="str">
        <f t="shared" si="906"/>
        <v/>
      </c>
      <c r="CZ493" s="898" t="str">
        <f t="shared" si="907"/>
        <v/>
      </c>
      <c r="DA493" s="898" t="str">
        <f t="shared" si="908"/>
        <v/>
      </c>
      <c r="DB493" s="898" t="str">
        <f t="shared" si="909"/>
        <v/>
      </c>
      <c r="DC493" s="898" t="str">
        <f t="shared" si="910"/>
        <v/>
      </c>
      <c r="DD493" s="898" t="str">
        <f t="shared" si="911"/>
        <v/>
      </c>
      <c r="DE493" s="898" t="str">
        <f t="shared" si="912"/>
        <v/>
      </c>
      <c r="DF493" s="898" t="str">
        <f t="shared" si="913"/>
        <v/>
      </c>
      <c r="DG493" s="898" t="str">
        <f t="shared" si="914"/>
        <v/>
      </c>
      <c r="DH493" s="898" t="str">
        <f t="shared" si="915"/>
        <v/>
      </c>
      <c r="DI493" s="898">
        <f t="shared" si="916"/>
        <v>0</v>
      </c>
      <c r="DJ493" s="898">
        <f t="shared" si="917"/>
        <v>0</v>
      </c>
      <c r="DK493" s="898" t="str">
        <f t="shared" si="918"/>
        <v/>
      </c>
      <c r="DL493" s="898" t="str">
        <f t="shared" si="919"/>
        <v/>
      </c>
      <c r="DM493" s="661">
        <f t="shared" si="920"/>
        <v>0</v>
      </c>
      <c r="DN493" s="898">
        <f t="shared" si="921"/>
        <v>0</v>
      </c>
      <c r="DO493" s="516">
        <f t="shared" si="922"/>
        <v>0</v>
      </c>
      <c r="DP493" s="898">
        <f>SUM(DA493:DH493)</f>
        <v>0</v>
      </c>
      <c r="DQ493" s="522" t="s">
        <v>2300</v>
      </c>
      <c r="DR493" s="522"/>
      <c r="DS493" s="522" t="s">
        <v>4644</v>
      </c>
      <c r="DT493" s="632"/>
    </row>
    <row r="494" spans="1:124" s="613" customFormat="1" ht="85.5" x14ac:dyDescent="0.2">
      <c r="A494" s="484" t="str">
        <f t="shared" si="794"/>
        <v>Hemel Garden Community Circular Route Segments: HGC - Redbourn</v>
      </c>
      <c r="B494" s="1163">
        <v>491</v>
      </c>
      <c r="C494" s="1156" t="s">
        <v>4645</v>
      </c>
      <c r="D494" s="511" t="s">
        <v>2182</v>
      </c>
      <c r="E494" s="511" t="s">
        <v>1385</v>
      </c>
      <c r="F494" s="511" t="s">
        <v>655</v>
      </c>
      <c r="G494" s="515" t="s">
        <v>932</v>
      </c>
      <c r="H494" s="513" t="s">
        <v>4646</v>
      </c>
      <c r="I494" s="515"/>
      <c r="J494" s="513" t="s">
        <v>4647</v>
      </c>
      <c r="K494" s="515" t="s">
        <v>4634</v>
      </c>
      <c r="L494" s="515" t="s">
        <v>4648</v>
      </c>
      <c r="M494" s="543" t="s">
        <v>3005</v>
      </c>
      <c r="N494" s="515" t="s">
        <v>81</v>
      </c>
      <c r="O494" s="654" t="s">
        <v>3051</v>
      </c>
      <c r="P494" s="657" t="s">
        <v>61</v>
      </c>
      <c r="Q494" s="515" t="s">
        <v>2258</v>
      </c>
      <c r="R494" s="657"/>
      <c r="S494" s="657"/>
      <c r="T494" s="516">
        <v>1640000</v>
      </c>
      <c r="U494" s="516"/>
      <c r="V494" s="657" t="s">
        <v>64</v>
      </c>
      <c r="W494" s="642">
        <f>T494-X494</f>
        <v>0</v>
      </c>
      <c r="X494" s="745">
        <f>IF(ISTEXT(T494),T494,T494-U494)</f>
        <v>1640000</v>
      </c>
      <c r="Y494" s="745" t="s">
        <v>3106</v>
      </c>
      <c r="Z494" s="745">
        <f>_xlfn.XLOOKUP(I494, 'CALCS Aecom (July 25 2025)'!F:F, 'CALCS Aecom (July 25 2025)'!W:W)</f>
        <v>0</v>
      </c>
      <c r="AA494" s="1330" t="s">
        <v>3220</v>
      </c>
      <c r="AB494" s="516"/>
      <c r="AC494" s="516"/>
      <c r="AD494" s="516"/>
      <c r="AE494" s="516"/>
      <c r="AF494" s="516"/>
      <c r="AG494" s="516"/>
      <c r="AH494" s="516"/>
      <c r="AI494" s="516"/>
      <c r="AJ494" s="516"/>
      <c r="AK494" s="516"/>
      <c r="AL494" s="516"/>
      <c r="AM494" s="516"/>
      <c r="AN494" s="516"/>
      <c r="AO494" s="516"/>
      <c r="AP494" s="516"/>
      <c r="AQ494" s="516"/>
      <c r="AR494" s="516"/>
      <c r="AS494" s="516"/>
      <c r="AT494" s="516"/>
      <c r="AU494" s="516"/>
      <c r="AV494" s="516"/>
      <c r="AW494" s="516"/>
      <c r="AX494" s="516"/>
      <c r="AY494" s="516"/>
      <c r="AZ494" s="516"/>
      <c r="BA494" s="516"/>
      <c r="BB494" s="516"/>
      <c r="BC494" s="516"/>
      <c r="BD494" s="516"/>
      <c r="BE494" s="516"/>
      <c r="BF494" s="516"/>
      <c r="BG494" s="516" t="s">
        <v>66</v>
      </c>
      <c r="BH494" s="516"/>
      <c r="BI494" s="516"/>
      <c r="BJ494" s="516"/>
      <c r="BK494" s="516"/>
      <c r="BL494" s="516"/>
      <c r="BM494" s="516"/>
      <c r="BN494" s="516"/>
      <c r="BO494" s="516" t="s">
        <v>66</v>
      </c>
      <c r="BP494" s="516" t="s">
        <v>66</v>
      </c>
      <c r="BQ494" s="516" t="s">
        <v>66</v>
      </c>
      <c r="BR494" s="713" t="s">
        <v>66</v>
      </c>
      <c r="BS494" s="884">
        <f t="shared" si="798"/>
        <v>9768</v>
      </c>
      <c r="BT494" s="661">
        <f t="shared" si="876"/>
        <v>167.8951678951679</v>
      </c>
      <c r="BU494" s="661"/>
      <c r="BV494" s="898" t="str">
        <f t="shared" si="877"/>
        <v/>
      </c>
      <c r="BW494" s="898" t="str">
        <f t="shared" si="878"/>
        <v/>
      </c>
      <c r="BX494" s="898" t="str">
        <f t="shared" si="879"/>
        <v/>
      </c>
      <c r="BY494" s="898" t="str">
        <f t="shared" si="880"/>
        <v/>
      </c>
      <c r="BZ494" s="898" t="str">
        <f t="shared" si="881"/>
        <v/>
      </c>
      <c r="CA494" s="898" t="str">
        <f t="shared" si="882"/>
        <v/>
      </c>
      <c r="CB494" s="898" t="str">
        <f t="shared" si="883"/>
        <v/>
      </c>
      <c r="CC494" s="898" t="str">
        <f t="shared" si="884"/>
        <v/>
      </c>
      <c r="CD494" s="898" t="str">
        <f t="shared" si="885"/>
        <v/>
      </c>
      <c r="CE494" s="898" t="str">
        <f t="shared" si="886"/>
        <v/>
      </c>
      <c r="CF494" s="898" t="str">
        <f t="shared" si="887"/>
        <v/>
      </c>
      <c r="CG494" s="898" t="str">
        <f t="shared" si="888"/>
        <v/>
      </c>
      <c r="CH494" s="898" t="str">
        <f t="shared" si="889"/>
        <v/>
      </c>
      <c r="CI494" s="898" t="str">
        <f t="shared" si="890"/>
        <v/>
      </c>
      <c r="CJ494" s="898" t="str">
        <f t="shared" si="891"/>
        <v/>
      </c>
      <c r="CK494" s="898" t="str">
        <f t="shared" si="892"/>
        <v/>
      </c>
      <c r="CL494" s="898" t="str">
        <f t="shared" si="893"/>
        <v/>
      </c>
      <c r="CM494" s="898" t="str">
        <f t="shared" si="894"/>
        <v/>
      </c>
      <c r="CN494" s="898" t="str">
        <f t="shared" si="895"/>
        <v/>
      </c>
      <c r="CO494" s="898" t="str">
        <f t="shared" si="896"/>
        <v/>
      </c>
      <c r="CP494" s="898" t="str">
        <f t="shared" si="897"/>
        <v/>
      </c>
      <c r="CQ494" s="898" t="str">
        <f t="shared" si="898"/>
        <v/>
      </c>
      <c r="CR494" s="898" t="str">
        <f t="shared" si="899"/>
        <v/>
      </c>
      <c r="CS494" s="898" t="str">
        <f t="shared" si="900"/>
        <v/>
      </c>
      <c r="CT494" s="898" t="str">
        <f t="shared" si="901"/>
        <v/>
      </c>
      <c r="CU494" s="898" t="str">
        <f t="shared" si="902"/>
        <v/>
      </c>
      <c r="CV494" s="898" t="str">
        <f t="shared" si="903"/>
        <v/>
      </c>
      <c r="CW494" s="898" t="str">
        <f t="shared" si="904"/>
        <v/>
      </c>
      <c r="CX494" s="898" t="str">
        <f t="shared" si="905"/>
        <v/>
      </c>
      <c r="CY494" s="898" t="str">
        <f t="shared" si="906"/>
        <v/>
      </c>
      <c r="CZ494" s="898" t="str">
        <f t="shared" si="907"/>
        <v/>
      </c>
      <c r="DA494" s="898">
        <f t="shared" si="908"/>
        <v>184180.99918099918</v>
      </c>
      <c r="DB494" s="898" t="str">
        <f t="shared" si="909"/>
        <v/>
      </c>
      <c r="DC494" s="898" t="str">
        <f t="shared" si="910"/>
        <v/>
      </c>
      <c r="DD494" s="898" t="str">
        <f t="shared" si="911"/>
        <v/>
      </c>
      <c r="DE494" s="898" t="str">
        <f t="shared" si="912"/>
        <v/>
      </c>
      <c r="DF494" s="898" t="str">
        <f t="shared" si="913"/>
        <v/>
      </c>
      <c r="DG494" s="898" t="str">
        <f t="shared" si="914"/>
        <v/>
      </c>
      <c r="DH494" s="898" t="str">
        <f t="shared" si="915"/>
        <v/>
      </c>
      <c r="DI494" s="898">
        <f t="shared" si="916"/>
        <v>251842.75184275187</v>
      </c>
      <c r="DJ494" s="898">
        <f t="shared" si="917"/>
        <v>268632.26863226865</v>
      </c>
      <c r="DK494" s="898">
        <f t="shared" si="918"/>
        <v>402948.40294840297</v>
      </c>
      <c r="DL494" s="898">
        <f t="shared" si="919"/>
        <v>532395.57739557745</v>
      </c>
      <c r="DM494" s="661">
        <f t="shared" si="920"/>
        <v>0</v>
      </c>
      <c r="DN494" s="898">
        <f t="shared" si="921"/>
        <v>1455819.0008190009</v>
      </c>
      <c r="DO494" s="516">
        <f t="shared" si="922"/>
        <v>0</v>
      </c>
      <c r="DP494" s="516">
        <f>DA494</f>
        <v>184180.99918099918</v>
      </c>
      <c r="DQ494" s="522" t="s">
        <v>2429</v>
      </c>
      <c r="DR494" s="522"/>
      <c r="DS494" s="1224" t="s">
        <v>4649</v>
      </c>
      <c r="DT494" s="632"/>
    </row>
    <row r="495" spans="1:124" s="613" customFormat="1" ht="42.75" x14ac:dyDescent="0.2">
      <c r="A495" s="484" t="str">
        <f t="shared" si="794"/>
        <v xml:space="preserve">Nickey Line (HGC - Redbourn) </v>
      </c>
      <c r="B495" s="1163">
        <v>492</v>
      </c>
      <c r="C495" s="1156" t="s">
        <v>4650</v>
      </c>
      <c r="D495" s="511" t="s">
        <v>2182</v>
      </c>
      <c r="E495" s="511" t="s">
        <v>1385</v>
      </c>
      <c r="F495" s="511" t="s">
        <v>655</v>
      </c>
      <c r="G495" s="515" t="s">
        <v>932</v>
      </c>
      <c r="H495" s="1213" t="s">
        <v>2435</v>
      </c>
      <c r="I495" s="515"/>
      <c r="J495" s="513" t="s">
        <v>4651</v>
      </c>
      <c r="K495" s="664" t="s">
        <v>3104</v>
      </c>
      <c r="L495" s="515" t="s">
        <v>4652</v>
      </c>
      <c r="M495" s="543" t="s">
        <v>3005</v>
      </c>
      <c r="N495" s="775" t="s">
        <v>8</v>
      </c>
      <c r="O495" s="654" t="s">
        <v>3051</v>
      </c>
      <c r="P495" s="657" t="s">
        <v>61</v>
      </c>
      <c r="Q495" s="515" t="s">
        <v>2258</v>
      </c>
      <c r="R495" s="745">
        <v>1136645</v>
      </c>
      <c r="S495" s="745">
        <v>1630553</v>
      </c>
      <c r="T495" s="853">
        <f>(R495+S495)/2</f>
        <v>1383599</v>
      </c>
      <c r="U495" s="516"/>
      <c r="V495" s="657" t="s">
        <v>64</v>
      </c>
      <c r="W495" s="642">
        <f>T495-X495</f>
        <v>0</v>
      </c>
      <c r="X495" s="745">
        <f>IF(ISTEXT(T495),T495,T495-U495)</f>
        <v>1383599</v>
      </c>
      <c r="Y495" s="745" t="s">
        <v>3106</v>
      </c>
      <c r="Z495" s="745">
        <f>_xlfn.XLOOKUP(I495, 'CALCS Aecom (July 25 2025)'!F:F, 'CALCS Aecom (July 25 2025)'!W:W)</f>
        <v>0</v>
      </c>
      <c r="AA495" s="1330" t="s">
        <v>3220</v>
      </c>
      <c r="AB495" s="516"/>
      <c r="AC495" s="516"/>
      <c r="AD495" s="516"/>
      <c r="AE495" s="516"/>
      <c r="AF495" s="516"/>
      <c r="AG495" s="516"/>
      <c r="AH495" s="516"/>
      <c r="AI495" s="516"/>
      <c r="AJ495" s="516"/>
      <c r="AK495" s="516"/>
      <c r="AL495" s="516"/>
      <c r="AM495" s="516"/>
      <c r="AN495" s="516"/>
      <c r="AO495" s="516"/>
      <c r="AP495" s="516"/>
      <c r="AQ495" s="516"/>
      <c r="AR495" s="516"/>
      <c r="AS495" s="516"/>
      <c r="AT495" s="516"/>
      <c r="AU495" s="516"/>
      <c r="AV495" s="516"/>
      <c r="AW495" s="516"/>
      <c r="AX495" s="516"/>
      <c r="AY495" s="516"/>
      <c r="AZ495" s="516"/>
      <c r="BA495" s="516"/>
      <c r="BB495" s="516"/>
      <c r="BC495" s="516"/>
      <c r="BD495" s="516"/>
      <c r="BE495" s="516"/>
      <c r="BF495" s="516"/>
      <c r="BG495" s="516"/>
      <c r="BH495" s="516"/>
      <c r="BI495" s="516" t="s">
        <v>66</v>
      </c>
      <c r="BJ495" s="516"/>
      <c r="BK495" s="516"/>
      <c r="BL495" s="516"/>
      <c r="BM495" s="516"/>
      <c r="BN495" s="516"/>
      <c r="BO495" s="516" t="s">
        <v>66</v>
      </c>
      <c r="BP495" s="516" t="s">
        <v>66</v>
      </c>
      <c r="BQ495" s="516"/>
      <c r="BR495" s="516"/>
      <c r="BS495" s="884">
        <f t="shared" si="798"/>
        <v>3645</v>
      </c>
      <c r="BT495" s="661">
        <f t="shared" si="876"/>
        <v>379.58820301783265</v>
      </c>
      <c r="BU495" s="661"/>
      <c r="BV495" s="898" t="str">
        <f t="shared" si="877"/>
        <v/>
      </c>
      <c r="BW495" s="898" t="str">
        <f t="shared" si="878"/>
        <v/>
      </c>
      <c r="BX495" s="898" t="str">
        <f t="shared" si="879"/>
        <v/>
      </c>
      <c r="BY495" s="898" t="str">
        <f t="shared" si="880"/>
        <v/>
      </c>
      <c r="BZ495" s="898" t="str">
        <f t="shared" si="881"/>
        <v/>
      </c>
      <c r="CA495" s="898" t="str">
        <f t="shared" si="882"/>
        <v/>
      </c>
      <c r="CB495" s="898" t="str">
        <f t="shared" si="883"/>
        <v/>
      </c>
      <c r="CC495" s="898" t="str">
        <f t="shared" si="884"/>
        <v/>
      </c>
      <c r="CD495" s="898" t="str">
        <f t="shared" si="885"/>
        <v/>
      </c>
      <c r="CE495" s="898" t="str">
        <f t="shared" si="886"/>
        <v/>
      </c>
      <c r="CF495" s="898" t="str">
        <f t="shared" si="887"/>
        <v/>
      </c>
      <c r="CG495" s="898" t="str">
        <f t="shared" si="888"/>
        <v/>
      </c>
      <c r="CH495" s="898" t="str">
        <f t="shared" si="889"/>
        <v/>
      </c>
      <c r="CI495" s="898" t="str">
        <f t="shared" si="890"/>
        <v/>
      </c>
      <c r="CJ495" s="898" t="str">
        <f t="shared" si="891"/>
        <v/>
      </c>
      <c r="CK495" s="898" t="str">
        <f t="shared" si="892"/>
        <v/>
      </c>
      <c r="CL495" s="898" t="str">
        <f t="shared" si="893"/>
        <v/>
      </c>
      <c r="CM495" s="898" t="str">
        <f t="shared" si="894"/>
        <v/>
      </c>
      <c r="CN495" s="898" t="str">
        <f t="shared" si="895"/>
        <v/>
      </c>
      <c r="CO495" s="898" t="str">
        <f t="shared" si="896"/>
        <v/>
      </c>
      <c r="CP495" s="898" t="str">
        <f t="shared" si="897"/>
        <v/>
      </c>
      <c r="CQ495" s="898" t="str">
        <f t="shared" si="898"/>
        <v/>
      </c>
      <c r="CR495" s="898" t="str">
        <f t="shared" si="899"/>
        <v/>
      </c>
      <c r="CS495" s="898" t="str">
        <f t="shared" si="900"/>
        <v/>
      </c>
      <c r="CT495" s="898" t="str">
        <f t="shared" si="901"/>
        <v/>
      </c>
      <c r="CU495" s="898" t="str">
        <f t="shared" si="902"/>
        <v/>
      </c>
      <c r="CV495" s="898" t="str">
        <f t="shared" si="903"/>
        <v/>
      </c>
      <c r="CW495" s="898" t="str">
        <f t="shared" si="904"/>
        <v/>
      </c>
      <c r="CX495" s="898" t="str">
        <f t="shared" si="905"/>
        <v/>
      </c>
      <c r="CY495" s="898" t="str">
        <f t="shared" si="906"/>
        <v/>
      </c>
      <c r="CZ495" s="898" t="str">
        <f t="shared" si="907"/>
        <v/>
      </c>
      <c r="DA495" s="898" t="str">
        <f t="shared" si="908"/>
        <v/>
      </c>
      <c r="DB495" s="898" t="str">
        <f t="shared" si="909"/>
        <v/>
      </c>
      <c r="DC495" s="898">
        <f t="shared" si="910"/>
        <v>206875.5706447188</v>
      </c>
      <c r="DD495" s="898" t="str">
        <f t="shared" si="911"/>
        <v/>
      </c>
      <c r="DE495" s="898" t="str">
        <f t="shared" si="912"/>
        <v/>
      </c>
      <c r="DF495" s="898" t="str">
        <f t="shared" si="913"/>
        <v/>
      </c>
      <c r="DG495" s="898" t="str">
        <f t="shared" si="914"/>
        <v/>
      </c>
      <c r="DH495" s="898" t="str">
        <f t="shared" si="915"/>
        <v/>
      </c>
      <c r="DI495" s="898">
        <f t="shared" si="916"/>
        <v>569382.30452674895</v>
      </c>
      <c r="DJ495" s="898">
        <f t="shared" si="917"/>
        <v>607341.12482853222</v>
      </c>
      <c r="DK495" s="898" t="str">
        <f t="shared" si="918"/>
        <v/>
      </c>
      <c r="DL495" s="898" t="str">
        <f t="shared" si="919"/>
        <v/>
      </c>
      <c r="DM495" s="661">
        <f t="shared" si="920"/>
        <v>0</v>
      </c>
      <c r="DN495" s="898">
        <f t="shared" si="921"/>
        <v>1176723.4293552812</v>
      </c>
      <c r="DO495" s="516">
        <f t="shared" si="922"/>
        <v>0</v>
      </c>
      <c r="DP495" s="516">
        <f>DC495</f>
        <v>206875.5706447188</v>
      </c>
      <c r="DQ495" s="522" t="s">
        <v>2429</v>
      </c>
      <c r="DR495" s="522"/>
      <c r="DS495" s="1224" t="s">
        <v>4649</v>
      </c>
      <c r="DT495" s="632"/>
    </row>
    <row r="496" spans="1:124" s="613" customFormat="1" ht="57" x14ac:dyDescent="0.2">
      <c r="A496" s="484" t="str">
        <f t="shared" si="794"/>
        <v>Redbourn Road (A5183)</v>
      </c>
      <c r="B496" s="1163">
        <v>493</v>
      </c>
      <c r="C496" s="1156" t="s">
        <v>4653</v>
      </c>
      <c r="D496" s="511" t="s">
        <v>2182</v>
      </c>
      <c r="E496" s="511" t="s">
        <v>1385</v>
      </c>
      <c r="F496" s="511" t="s">
        <v>655</v>
      </c>
      <c r="G496" s="515" t="s">
        <v>932</v>
      </c>
      <c r="H496" s="513" t="s">
        <v>2426</v>
      </c>
      <c r="I496" s="515"/>
      <c r="J496" s="513" t="s">
        <v>2427</v>
      </c>
      <c r="K496" s="515" t="s">
        <v>4634</v>
      </c>
      <c r="L496" s="515" t="s">
        <v>3457</v>
      </c>
      <c r="M496" s="543" t="s">
        <v>3005</v>
      </c>
      <c r="N496" s="515" t="s">
        <v>81</v>
      </c>
      <c r="O496" s="654" t="s">
        <v>3051</v>
      </c>
      <c r="P496" s="657" t="s">
        <v>61</v>
      </c>
      <c r="Q496" s="515" t="s">
        <v>2258</v>
      </c>
      <c r="R496" s="657"/>
      <c r="S496" s="657"/>
      <c r="T496" s="516">
        <v>6830000</v>
      </c>
      <c r="U496" s="516"/>
      <c r="V496" s="516" t="s">
        <v>4635</v>
      </c>
      <c r="W496" s="642">
        <f>T496-X496</f>
        <v>0</v>
      </c>
      <c r="X496" s="745">
        <f>IF(ISTEXT(T496),T496,T496-U496)</f>
        <v>6830000</v>
      </c>
      <c r="Y496" s="745" t="s">
        <v>3106</v>
      </c>
      <c r="Z496" s="745">
        <f>_xlfn.XLOOKUP(I496, 'CALCS Aecom (July 25 2025)'!F:F, 'CALCS Aecom (July 25 2025)'!W:W)</f>
        <v>0</v>
      </c>
      <c r="AA496" s="1330" t="s">
        <v>3220</v>
      </c>
      <c r="AB496" s="516"/>
      <c r="AC496" s="516"/>
      <c r="AD496" s="516"/>
      <c r="AE496" s="516"/>
      <c r="AF496" s="516"/>
      <c r="AG496" s="516"/>
      <c r="AH496" s="516"/>
      <c r="AI496" s="516"/>
      <c r="AJ496" s="516"/>
      <c r="AK496" s="516"/>
      <c r="AL496" s="516"/>
      <c r="AM496" s="516"/>
      <c r="AN496" s="516"/>
      <c r="AO496" s="516"/>
      <c r="AP496" s="516"/>
      <c r="AQ496" s="516"/>
      <c r="AR496" s="516"/>
      <c r="AS496" s="516"/>
      <c r="AT496" s="516"/>
      <c r="AU496" s="516"/>
      <c r="AV496" s="516"/>
      <c r="AW496" s="516"/>
      <c r="AX496" s="516"/>
      <c r="AY496" s="516"/>
      <c r="AZ496" s="516"/>
      <c r="BA496" s="516"/>
      <c r="BB496" s="516"/>
      <c r="BC496" s="516"/>
      <c r="BD496" s="516"/>
      <c r="BE496" s="516"/>
      <c r="BF496" s="516"/>
      <c r="BG496" s="516"/>
      <c r="BH496" s="516"/>
      <c r="BI496" s="516"/>
      <c r="BJ496" s="516"/>
      <c r="BK496" s="516"/>
      <c r="BL496" s="516"/>
      <c r="BM496" s="516"/>
      <c r="BN496" s="516"/>
      <c r="BO496" s="516" t="s">
        <v>66</v>
      </c>
      <c r="BP496" s="516" t="s">
        <v>66</v>
      </c>
      <c r="BQ496" s="516" t="s">
        <v>66</v>
      </c>
      <c r="BR496" s="516"/>
      <c r="BS496" s="884">
        <f t="shared" si="798"/>
        <v>5500</v>
      </c>
      <c r="BT496" s="661">
        <f t="shared" si="876"/>
        <v>1241.8181818181818</v>
      </c>
      <c r="BU496" s="661"/>
      <c r="BV496" s="898" t="str">
        <f t="shared" si="877"/>
        <v/>
      </c>
      <c r="BW496" s="898" t="str">
        <f t="shared" si="878"/>
        <v/>
      </c>
      <c r="BX496" s="898" t="str">
        <f t="shared" si="879"/>
        <v/>
      </c>
      <c r="BY496" s="898" t="str">
        <f t="shared" si="880"/>
        <v/>
      </c>
      <c r="BZ496" s="898" t="str">
        <f t="shared" si="881"/>
        <v/>
      </c>
      <c r="CA496" s="898" t="str">
        <f t="shared" si="882"/>
        <v/>
      </c>
      <c r="CB496" s="898" t="str">
        <f t="shared" si="883"/>
        <v/>
      </c>
      <c r="CC496" s="898" t="str">
        <f t="shared" si="884"/>
        <v/>
      </c>
      <c r="CD496" s="898" t="str">
        <f t="shared" si="885"/>
        <v/>
      </c>
      <c r="CE496" s="898" t="str">
        <f t="shared" si="886"/>
        <v/>
      </c>
      <c r="CF496" s="898" t="str">
        <f t="shared" si="887"/>
        <v/>
      </c>
      <c r="CG496" s="898" t="str">
        <f t="shared" si="888"/>
        <v/>
      </c>
      <c r="CH496" s="898" t="str">
        <f t="shared" si="889"/>
        <v/>
      </c>
      <c r="CI496" s="898" t="str">
        <f t="shared" si="890"/>
        <v/>
      </c>
      <c r="CJ496" s="898" t="str">
        <f t="shared" si="891"/>
        <v/>
      </c>
      <c r="CK496" s="898" t="str">
        <f t="shared" si="892"/>
        <v/>
      </c>
      <c r="CL496" s="898" t="str">
        <f t="shared" si="893"/>
        <v/>
      </c>
      <c r="CM496" s="898" t="str">
        <f t="shared" si="894"/>
        <v/>
      </c>
      <c r="CN496" s="898" t="str">
        <f t="shared" si="895"/>
        <v/>
      </c>
      <c r="CO496" s="898" t="str">
        <f t="shared" si="896"/>
        <v/>
      </c>
      <c r="CP496" s="898" t="str">
        <f t="shared" si="897"/>
        <v/>
      </c>
      <c r="CQ496" s="898" t="str">
        <f t="shared" si="898"/>
        <v/>
      </c>
      <c r="CR496" s="898" t="str">
        <f t="shared" si="899"/>
        <v/>
      </c>
      <c r="CS496" s="898" t="str">
        <f t="shared" si="900"/>
        <v/>
      </c>
      <c r="CT496" s="898" t="str">
        <f t="shared" si="901"/>
        <v/>
      </c>
      <c r="CU496" s="898" t="str">
        <f t="shared" si="902"/>
        <v/>
      </c>
      <c r="CV496" s="898" t="str">
        <f t="shared" si="903"/>
        <v/>
      </c>
      <c r="CW496" s="898" t="str">
        <f t="shared" si="904"/>
        <v/>
      </c>
      <c r="CX496" s="898" t="str">
        <f t="shared" si="905"/>
        <v/>
      </c>
      <c r="CY496" s="898" t="str">
        <f t="shared" si="906"/>
        <v/>
      </c>
      <c r="CZ496" s="898" t="str">
        <f t="shared" si="907"/>
        <v/>
      </c>
      <c r="DA496" s="898" t="str">
        <f t="shared" si="908"/>
        <v/>
      </c>
      <c r="DB496" s="898" t="str">
        <f t="shared" si="909"/>
        <v/>
      </c>
      <c r="DC496" s="898" t="str">
        <f t="shared" si="910"/>
        <v/>
      </c>
      <c r="DD496" s="898" t="str">
        <f t="shared" si="911"/>
        <v/>
      </c>
      <c r="DE496" s="898" t="str">
        <f t="shared" si="912"/>
        <v/>
      </c>
      <c r="DF496" s="898" t="str">
        <f t="shared" si="913"/>
        <v/>
      </c>
      <c r="DG496" s="898" t="str">
        <f t="shared" si="914"/>
        <v/>
      </c>
      <c r="DH496" s="898" t="str">
        <f t="shared" si="915"/>
        <v/>
      </c>
      <c r="DI496" s="898">
        <f t="shared" si="916"/>
        <v>1862727.2727272727</v>
      </c>
      <c r="DJ496" s="898">
        <f t="shared" si="917"/>
        <v>1986909.0909090908</v>
      </c>
      <c r="DK496" s="898">
        <f t="shared" si="918"/>
        <v>2980363.6363636362</v>
      </c>
      <c r="DL496" s="898" t="str">
        <f t="shared" si="919"/>
        <v/>
      </c>
      <c r="DM496" s="661">
        <f t="shared" si="920"/>
        <v>0</v>
      </c>
      <c r="DN496" s="898">
        <f t="shared" si="921"/>
        <v>6830000</v>
      </c>
      <c r="DO496" s="516">
        <f t="shared" si="922"/>
        <v>0</v>
      </c>
      <c r="DP496" s="898">
        <f t="shared" ref="DP496:DP509" si="923">SUM(DA496:DH496)</f>
        <v>0</v>
      </c>
      <c r="DQ496" s="522" t="s">
        <v>2429</v>
      </c>
      <c r="DR496" s="522"/>
      <c r="DS496" s="1224" t="s">
        <v>4649</v>
      </c>
      <c r="DT496" s="632"/>
    </row>
    <row r="497" spans="1:124" s="632" customFormat="1" ht="57" x14ac:dyDescent="0.2">
      <c r="A497" s="484" t="str">
        <f t="shared" si="794"/>
        <v>Improved step free access from Cherry Tree Lane onto the Nickey Line</v>
      </c>
      <c r="B497" s="1163">
        <v>494</v>
      </c>
      <c r="C497" s="1156" t="s">
        <v>4654</v>
      </c>
      <c r="D497" s="511" t="s">
        <v>2182</v>
      </c>
      <c r="E497" s="511" t="s">
        <v>1385</v>
      </c>
      <c r="F497" s="511" t="s">
        <v>655</v>
      </c>
      <c r="G497" s="515" t="s">
        <v>932</v>
      </c>
      <c r="H497" s="513" t="s">
        <v>2419</v>
      </c>
      <c r="I497" s="515"/>
      <c r="J497" s="513" t="s">
        <v>2420</v>
      </c>
      <c r="K497" s="664" t="s">
        <v>3104</v>
      </c>
      <c r="L497" s="515" t="s">
        <v>3457</v>
      </c>
      <c r="M497" s="543" t="s">
        <v>3005</v>
      </c>
      <c r="N497" s="515" t="s">
        <v>8</v>
      </c>
      <c r="O497" s="515" t="s">
        <v>4212</v>
      </c>
      <c r="P497" s="713" t="s">
        <v>61</v>
      </c>
      <c r="Q497" s="515" t="s">
        <v>2251</v>
      </c>
      <c r="R497" s="661">
        <v>0</v>
      </c>
      <c r="S497" s="516">
        <v>500000</v>
      </c>
      <c r="T497" s="516">
        <v>250000</v>
      </c>
      <c r="U497" s="516"/>
      <c r="V497" s="657" t="s">
        <v>3028</v>
      </c>
      <c r="W497" s="642">
        <f>T497-X497</f>
        <v>0</v>
      </c>
      <c r="X497" s="745">
        <f>IF(ISTEXT(T497),T497,T497-U497)</f>
        <v>250000</v>
      </c>
      <c r="Y497" s="745" t="s">
        <v>3106</v>
      </c>
      <c r="Z497" s="745">
        <f>_xlfn.XLOOKUP(I497, 'CALCS Aecom (July 25 2025)'!F:F, 'CALCS Aecom (July 25 2025)'!W:W)</f>
        <v>0</v>
      </c>
      <c r="AA497" s="651" t="s">
        <v>65</v>
      </c>
      <c r="AB497" s="516"/>
      <c r="AC497" s="516"/>
      <c r="AD497" s="516"/>
      <c r="AE497" s="516"/>
      <c r="AF497" s="516"/>
      <c r="AG497" s="516"/>
      <c r="AH497" s="516"/>
      <c r="AI497" s="516"/>
      <c r="AJ497" s="516"/>
      <c r="AK497" s="516"/>
      <c r="AL497" s="516"/>
      <c r="AM497" s="516"/>
      <c r="AN497" s="516"/>
      <c r="AO497" s="516"/>
      <c r="AP497" s="516"/>
      <c r="AQ497" s="516"/>
      <c r="AR497" s="516"/>
      <c r="AS497" s="516"/>
      <c r="AT497" s="516"/>
      <c r="AU497" s="516"/>
      <c r="AV497" s="516"/>
      <c r="AW497" s="516"/>
      <c r="AX497" s="516"/>
      <c r="AY497" s="516"/>
      <c r="AZ497" s="516"/>
      <c r="BA497" s="516"/>
      <c r="BB497" s="516"/>
      <c r="BC497" s="516"/>
      <c r="BD497" s="516"/>
      <c r="BE497" s="516"/>
      <c r="BF497" s="516"/>
      <c r="BG497" s="516"/>
      <c r="BH497" s="516"/>
      <c r="BI497" s="516"/>
      <c r="BJ497" s="516"/>
      <c r="BK497" s="516"/>
      <c r="BL497" s="516"/>
      <c r="BM497" s="516"/>
      <c r="BN497" s="516"/>
      <c r="BO497" s="516" t="s">
        <v>66</v>
      </c>
      <c r="BP497" s="516" t="s">
        <v>66</v>
      </c>
      <c r="BQ497" s="516" t="s">
        <v>66</v>
      </c>
      <c r="BR497" s="516"/>
      <c r="BS497" s="884">
        <f t="shared" si="798"/>
        <v>5500</v>
      </c>
      <c r="BT497" s="661">
        <f t="shared" si="876"/>
        <v>45.454545454545453</v>
      </c>
      <c r="BU497" s="661"/>
      <c r="BV497" s="898" t="str">
        <f t="shared" si="877"/>
        <v/>
      </c>
      <c r="BW497" s="898" t="str">
        <f t="shared" si="878"/>
        <v/>
      </c>
      <c r="BX497" s="898" t="str">
        <f t="shared" si="879"/>
        <v/>
      </c>
      <c r="BY497" s="898" t="str">
        <f t="shared" si="880"/>
        <v/>
      </c>
      <c r="BZ497" s="898" t="str">
        <f t="shared" si="881"/>
        <v/>
      </c>
      <c r="CA497" s="898" t="str">
        <f t="shared" si="882"/>
        <v/>
      </c>
      <c r="CB497" s="898" t="str">
        <f t="shared" si="883"/>
        <v/>
      </c>
      <c r="CC497" s="898" t="str">
        <f t="shared" si="884"/>
        <v/>
      </c>
      <c r="CD497" s="898" t="str">
        <f t="shared" si="885"/>
        <v/>
      </c>
      <c r="CE497" s="898" t="str">
        <f t="shared" si="886"/>
        <v/>
      </c>
      <c r="CF497" s="898" t="str">
        <f t="shared" si="887"/>
        <v/>
      </c>
      <c r="CG497" s="898" t="str">
        <f t="shared" si="888"/>
        <v/>
      </c>
      <c r="CH497" s="898" t="str">
        <f t="shared" si="889"/>
        <v/>
      </c>
      <c r="CI497" s="898" t="str">
        <f t="shared" si="890"/>
        <v/>
      </c>
      <c r="CJ497" s="898" t="str">
        <f t="shared" si="891"/>
        <v/>
      </c>
      <c r="CK497" s="898" t="str">
        <f t="shared" si="892"/>
        <v/>
      </c>
      <c r="CL497" s="898" t="str">
        <f t="shared" si="893"/>
        <v/>
      </c>
      <c r="CM497" s="898" t="str">
        <f t="shared" si="894"/>
        <v/>
      </c>
      <c r="CN497" s="898" t="str">
        <f t="shared" si="895"/>
        <v/>
      </c>
      <c r="CO497" s="898" t="str">
        <f t="shared" si="896"/>
        <v/>
      </c>
      <c r="CP497" s="898" t="str">
        <f t="shared" si="897"/>
        <v/>
      </c>
      <c r="CQ497" s="898" t="str">
        <f t="shared" si="898"/>
        <v/>
      </c>
      <c r="CR497" s="898" t="str">
        <f t="shared" si="899"/>
        <v/>
      </c>
      <c r="CS497" s="898" t="str">
        <f t="shared" si="900"/>
        <v/>
      </c>
      <c r="CT497" s="898" t="str">
        <f t="shared" si="901"/>
        <v/>
      </c>
      <c r="CU497" s="898" t="str">
        <f t="shared" si="902"/>
        <v/>
      </c>
      <c r="CV497" s="898" t="str">
        <f t="shared" si="903"/>
        <v/>
      </c>
      <c r="CW497" s="898" t="str">
        <f t="shared" si="904"/>
        <v/>
      </c>
      <c r="CX497" s="898" t="str">
        <f t="shared" si="905"/>
        <v/>
      </c>
      <c r="CY497" s="898" t="str">
        <f t="shared" si="906"/>
        <v/>
      </c>
      <c r="CZ497" s="898" t="str">
        <f t="shared" si="907"/>
        <v/>
      </c>
      <c r="DA497" s="898" t="str">
        <f t="shared" si="908"/>
        <v/>
      </c>
      <c r="DB497" s="898" t="str">
        <f t="shared" si="909"/>
        <v/>
      </c>
      <c r="DC497" s="898" t="str">
        <f t="shared" si="910"/>
        <v/>
      </c>
      <c r="DD497" s="898" t="str">
        <f t="shared" si="911"/>
        <v/>
      </c>
      <c r="DE497" s="898" t="str">
        <f t="shared" si="912"/>
        <v/>
      </c>
      <c r="DF497" s="898" t="str">
        <f t="shared" si="913"/>
        <v/>
      </c>
      <c r="DG497" s="898" t="str">
        <f t="shared" si="914"/>
        <v/>
      </c>
      <c r="DH497" s="898" t="str">
        <f t="shared" si="915"/>
        <v/>
      </c>
      <c r="DI497" s="898">
        <f t="shared" si="916"/>
        <v>68181.818181818177</v>
      </c>
      <c r="DJ497" s="898">
        <f t="shared" si="917"/>
        <v>72727.272727272721</v>
      </c>
      <c r="DK497" s="898">
        <f t="shared" si="918"/>
        <v>109090.90909090909</v>
      </c>
      <c r="DL497" s="898" t="str">
        <f t="shared" si="919"/>
        <v/>
      </c>
      <c r="DM497" s="661">
        <f t="shared" si="920"/>
        <v>0</v>
      </c>
      <c r="DN497" s="898">
        <f t="shared" si="921"/>
        <v>249999.99999999997</v>
      </c>
      <c r="DO497" s="516">
        <f t="shared" si="922"/>
        <v>0</v>
      </c>
      <c r="DP497" s="898">
        <f t="shared" si="923"/>
        <v>0</v>
      </c>
      <c r="DQ497" s="522" t="s">
        <v>2359</v>
      </c>
      <c r="DR497" s="522"/>
      <c r="DS497" s="522" t="s">
        <v>4639</v>
      </c>
    </row>
    <row r="498" spans="1:124" s="613" customFormat="1" ht="42.75" x14ac:dyDescent="0.2">
      <c r="A498" s="484" t="str">
        <f t="shared" si="794"/>
        <v>St. Albans - Hemel Hempstead Link (A4147)</v>
      </c>
      <c r="B498" s="1163">
        <v>495</v>
      </c>
      <c r="C498" s="1156" t="s">
        <v>4655</v>
      </c>
      <c r="D498" s="511" t="s">
        <v>2182</v>
      </c>
      <c r="E498" s="511" t="s">
        <v>1385</v>
      </c>
      <c r="F498" s="511" t="s">
        <v>655</v>
      </c>
      <c r="G498" s="515" t="s">
        <v>932</v>
      </c>
      <c r="H498" s="513" t="s">
        <v>2430</v>
      </c>
      <c r="I498" s="515"/>
      <c r="J498" s="513" t="s">
        <v>2431</v>
      </c>
      <c r="K498" s="515" t="s">
        <v>4634</v>
      </c>
      <c r="L498" s="515" t="s">
        <v>1377</v>
      </c>
      <c r="M498" s="543" t="s">
        <v>3005</v>
      </c>
      <c r="N498" s="515" t="s">
        <v>81</v>
      </c>
      <c r="O498" s="654" t="s">
        <v>3051</v>
      </c>
      <c r="P498" s="657" t="s">
        <v>61</v>
      </c>
      <c r="Q498" s="515" t="s">
        <v>2258</v>
      </c>
      <c r="R498" s="657"/>
      <c r="S498" s="657"/>
      <c r="T498" s="516">
        <v>6080000</v>
      </c>
      <c r="U498" s="516"/>
      <c r="V498" s="516" t="s">
        <v>4635</v>
      </c>
      <c r="W498" s="642">
        <f>T498-X498</f>
        <v>0</v>
      </c>
      <c r="X498" s="745">
        <f>IF(ISTEXT(T498),T498,T498-U498)</f>
        <v>6080000</v>
      </c>
      <c r="Y498" s="745" t="s">
        <v>3106</v>
      </c>
      <c r="Z498" s="745">
        <f>_xlfn.XLOOKUP(I498, 'CALCS Aecom (July 25 2025)'!F:F, 'CALCS Aecom (July 25 2025)'!W:W)</f>
        <v>0</v>
      </c>
      <c r="AA498" s="1330" t="s">
        <v>3220</v>
      </c>
      <c r="AB498" s="516"/>
      <c r="AC498" s="516"/>
      <c r="AD498" s="516"/>
      <c r="AE498" s="516"/>
      <c r="AF498" s="516"/>
      <c r="AG498" s="516"/>
      <c r="AH498" s="516"/>
      <c r="AI498" s="516"/>
      <c r="AJ498" s="516"/>
      <c r="AK498" s="516"/>
      <c r="AL498" s="516"/>
      <c r="AM498" s="516"/>
      <c r="AN498" s="516"/>
      <c r="AO498" s="516"/>
      <c r="AP498" s="516"/>
      <c r="AQ498" s="516"/>
      <c r="AR498" s="516"/>
      <c r="AS498" s="516"/>
      <c r="AT498" s="516"/>
      <c r="AU498" s="516"/>
      <c r="AV498" s="516"/>
      <c r="AW498" s="516"/>
      <c r="AX498" s="516"/>
      <c r="AY498" s="516"/>
      <c r="AZ498" s="516"/>
      <c r="BA498" s="516"/>
      <c r="BB498" s="516"/>
      <c r="BC498" s="516"/>
      <c r="BD498" s="516"/>
      <c r="BE498" s="516"/>
      <c r="BF498" s="516"/>
      <c r="BG498" s="516"/>
      <c r="BH498" s="516"/>
      <c r="BI498" s="516"/>
      <c r="BJ498" s="516"/>
      <c r="BK498" s="516"/>
      <c r="BL498" s="516"/>
      <c r="BM498" s="516"/>
      <c r="BN498" s="516"/>
      <c r="BO498" s="516"/>
      <c r="BP498" s="516"/>
      <c r="BQ498" s="516" t="s">
        <v>66</v>
      </c>
      <c r="BR498" s="516"/>
      <c r="BS498" s="884">
        <f t="shared" si="798"/>
        <v>2400</v>
      </c>
      <c r="BT498" s="661">
        <f t="shared" si="876"/>
        <v>2533.3333333333335</v>
      </c>
      <c r="BU498" s="661"/>
      <c r="BV498" s="898" t="str">
        <f t="shared" si="877"/>
        <v/>
      </c>
      <c r="BW498" s="898" t="str">
        <f t="shared" si="878"/>
        <v/>
      </c>
      <c r="BX498" s="898" t="str">
        <f t="shared" si="879"/>
        <v/>
      </c>
      <c r="BY498" s="898" t="str">
        <f t="shared" si="880"/>
        <v/>
      </c>
      <c r="BZ498" s="898" t="str">
        <f t="shared" si="881"/>
        <v/>
      </c>
      <c r="CA498" s="898" t="str">
        <f t="shared" si="882"/>
        <v/>
      </c>
      <c r="CB498" s="898" t="str">
        <f t="shared" si="883"/>
        <v/>
      </c>
      <c r="CC498" s="898" t="str">
        <f t="shared" si="884"/>
        <v/>
      </c>
      <c r="CD498" s="898" t="str">
        <f t="shared" si="885"/>
        <v/>
      </c>
      <c r="CE498" s="898" t="str">
        <f t="shared" si="886"/>
        <v/>
      </c>
      <c r="CF498" s="898" t="str">
        <f t="shared" si="887"/>
        <v/>
      </c>
      <c r="CG498" s="898" t="str">
        <f t="shared" si="888"/>
        <v/>
      </c>
      <c r="CH498" s="898" t="str">
        <f t="shared" si="889"/>
        <v/>
      </c>
      <c r="CI498" s="898" t="str">
        <f t="shared" si="890"/>
        <v/>
      </c>
      <c r="CJ498" s="898" t="str">
        <f t="shared" si="891"/>
        <v/>
      </c>
      <c r="CK498" s="898" t="str">
        <f t="shared" si="892"/>
        <v/>
      </c>
      <c r="CL498" s="898" t="str">
        <f t="shared" si="893"/>
        <v/>
      </c>
      <c r="CM498" s="898" t="str">
        <f t="shared" si="894"/>
        <v/>
      </c>
      <c r="CN498" s="898" t="str">
        <f t="shared" si="895"/>
        <v/>
      </c>
      <c r="CO498" s="898" t="str">
        <f t="shared" si="896"/>
        <v/>
      </c>
      <c r="CP498" s="898" t="str">
        <f t="shared" si="897"/>
        <v/>
      </c>
      <c r="CQ498" s="898" t="str">
        <f t="shared" si="898"/>
        <v/>
      </c>
      <c r="CR498" s="898" t="str">
        <f t="shared" si="899"/>
        <v/>
      </c>
      <c r="CS498" s="898" t="str">
        <f t="shared" si="900"/>
        <v/>
      </c>
      <c r="CT498" s="898" t="str">
        <f t="shared" si="901"/>
        <v/>
      </c>
      <c r="CU498" s="898" t="str">
        <f t="shared" si="902"/>
        <v/>
      </c>
      <c r="CV498" s="898" t="str">
        <f t="shared" si="903"/>
        <v/>
      </c>
      <c r="CW498" s="898" t="str">
        <f t="shared" si="904"/>
        <v/>
      </c>
      <c r="CX498" s="898" t="str">
        <f t="shared" si="905"/>
        <v/>
      </c>
      <c r="CY498" s="898" t="str">
        <f t="shared" si="906"/>
        <v/>
      </c>
      <c r="CZ498" s="898" t="str">
        <f t="shared" si="907"/>
        <v/>
      </c>
      <c r="DA498" s="898" t="str">
        <f t="shared" si="908"/>
        <v/>
      </c>
      <c r="DB498" s="898" t="str">
        <f t="shared" si="909"/>
        <v/>
      </c>
      <c r="DC498" s="898" t="str">
        <f t="shared" si="910"/>
        <v/>
      </c>
      <c r="DD498" s="898" t="str">
        <f t="shared" si="911"/>
        <v/>
      </c>
      <c r="DE498" s="898" t="str">
        <f t="shared" si="912"/>
        <v/>
      </c>
      <c r="DF498" s="898" t="str">
        <f t="shared" si="913"/>
        <v/>
      </c>
      <c r="DG498" s="898" t="str">
        <f t="shared" si="914"/>
        <v/>
      </c>
      <c r="DH498" s="898" t="str">
        <f t="shared" si="915"/>
        <v/>
      </c>
      <c r="DI498" s="898" t="str">
        <f t="shared" si="916"/>
        <v/>
      </c>
      <c r="DJ498" s="898" t="str">
        <f t="shared" si="917"/>
        <v/>
      </c>
      <c r="DK498" s="898">
        <f t="shared" si="918"/>
        <v>6080000</v>
      </c>
      <c r="DL498" s="898" t="str">
        <f t="shared" si="919"/>
        <v/>
      </c>
      <c r="DM498" s="661">
        <f t="shared" si="920"/>
        <v>0</v>
      </c>
      <c r="DN498" s="898">
        <f t="shared" si="921"/>
        <v>6080000</v>
      </c>
      <c r="DO498" s="516">
        <f t="shared" si="922"/>
        <v>0</v>
      </c>
      <c r="DP498" s="898">
        <f t="shared" si="923"/>
        <v>0</v>
      </c>
      <c r="DQ498" s="522" t="s">
        <v>2429</v>
      </c>
      <c r="DR498" s="522"/>
      <c r="DS498" s="1224" t="s">
        <v>4649</v>
      </c>
    </row>
    <row r="499" spans="1:124" s="613" customFormat="1" ht="299.25" x14ac:dyDescent="0.2">
      <c r="A499" s="484" t="str">
        <f t="shared" si="794"/>
        <v>Walking and cycling improvements associated with Hemel Garden Communities sites in St Albans District</v>
      </c>
      <c r="B499" s="1163">
        <v>496</v>
      </c>
      <c r="C499" s="1156" t="s">
        <v>4656</v>
      </c>
      <c r="D499" s="511" t="s">
        <v>2182</v>
      </c>
      <c r="E499" s="511" t="s">
        <v>1385</v>
      </c>
      <c r="F499" s="511" t="s">
        <v>655</v>
      </c>
      <c r="G499" s="515" t="s">
        <v>932</v>
      </c>
      <c r="H499" s="513" t="s">
        <v>2396</v>
      </c>
      <c r="I499" s="515"/>
      <c r="J499" s="513" t="s">
        <v>4657</v>
      </c>
      <c r="K499" s="664" t="s">
        <v>3104</v>
      </c>
      <c r="L499" s="515" t="s">
        <v>3457</v>
      </c>
      <c r="M499" s="543" t="s">
        <v>3005</v>
      </c>
      <c r="N499" s="775" t="s">
        <v>8</v>
      </c>
      <c r="O499" s="654" t="s">
        <v>3051</v>
      </c>
      <c r="P499" s="657" t="s">
        <v>61</v>
      </c>
      <c r="Q499" s="515" t="s">
        <v>2226</v>
      </c>
      <c r="R499" s="657"/>
      <c r="S499" s="657"/>
      <c r="T499" s="676" t="s">
        <v>3360</v>
      </c>
      <c r="U499" s="516"/>
      <c r="V499" s="657" t="s">
        <v>3028</v>
      </c>
      <c r="W499" s="642"/>
      <c r="X499" s="745"/>
      <c r="Y499" s="745" t="s">
        <v>3106</v>
      </c>
      <c r="Z499" s="745">
        <f>_xlfn.XLOOKUP(I499, 'CALCS Aecom (July 25 2025)'!F:F, 'CALCS Aecom (July 25 2025)'!W:W)</f>
        <v>0</v>
      </c>
      <c r="AA499" s="651" t="s">
        <v>65</v>
      </c>
      <c r="AB499" s="516"/>
      <c r="AC499" s="516"/>
      <c r="AD499" s="516"/>
      <c r="AE499" s="516"/>
      <c r="AF499" s="516"/>
      <c r="AG499" s="516"/>
      <c r="AH499" s="516"/>
      <c r="AI499" s="516"/>
      <c r="AJ499" s="516"/>
      <c r="AK499" s="516"/>
      <c r="AL499" s="516"/>
      <c r="AM499" s="516"/>
      <c r="AN499" s="516"/>
      <c r="AO499" s="516"/>
      <c r="AP499" s="516"/>
      <c r="AQ499" s="516"/>
      <c r="AR499" s="516"/>
      <c r="AS499" s="516"/>
      <c r="AT499" s="516"/>
      <c r="AU499" s="516"/>
      <c r="AV499" s="516"/>
      <c r="AW499" s="516"/>
      <c r="AX499" s="516"/>
      <c r="AY499" s="516"/>
      <c r="AZ499" s="516"/>
      <c r="BA499" s="516"/>
      <c r="BB499" s="516"/>
      <c r="BC499" s="516"/>
      <c r="BD499" s="516"/>
      <c r="BE499" s="516"/>
      <c r="BF499" s="516"/>
      <c r="BG499" s="516"/>
      <c r="BH499" s="516"/>
      <c r="BI499" s="516"/>
      <c r="BJ499" s="516"/>
      <c r="BK499" s="516"/>
      <c r="BL499" s="516"/>
      <c r="BM499" s="516"/>
      <c r="BN499" s="516"/>
      <c r="BO499" s="516" t="s">
        <v>66</v>
      </c>
      <c r="BP499" s="516" t="s">
        <v>66</v>
      </c>
      <c r="BQ499" s="516" t="s">
        <v>66</v>
      </c>
      <c r="BR499" s="892"/>
      <c r="BS499" s="884">
        <f t="shared" si="798"/>
        <v>5500</v>
      </c>
      <c r="BT499" s="661">
        <f t="shared" si="876"/>
        <v>0</v>
      </c>
      <c r="BU499" s="661"/>
      <c r="BV499" s="898" t="str">
        <f t="shared" si="877"/>
        <v/>
      </c>
      <c r="BW499" s="898" t="str">
        <f t="shared" si="878"/>
        <v/>
      </c>
      <c r="BX499" s="898" t="str">
        <f t="shared" si="879"/>
        <v/>
      </c>
      <c r="BY499" s="898" t="str">
        <f t="shared" si="880"/>
        <v/>
      </c>
      <c r="BZ499" s="898" t="str">
        <f t="shared" si="881"/>
        <v/>
      </c>
      <c r="CA499" s="898" t="str">
        <f t="shared" si="882"/>
        <v/>
      </c>
      <c r="CB499" s="898" t="str">
        <f t="shared" si="883"/>
        <v/>
      </c>
      <c r="CC499" s="898" t="str">
        <f t="shared" si="884"/>
        <v/>
      </c>
      <c r="CD499" s="898" t="str">
        <f t="shared" si="885"/>
        <v/>
      </c>
      <c r="CE499" s="898" t="str">
        <f t="shared" si="886"/>
        <v/>
      </c>
      <c r="CF499" s="898" t="str">
        <f t="shared" si="887"/>
        <v/>
      </c>
      <c r="CG499" s="898" t="str">
        <f t="shared" si="888"/>
        <v/>
      </c>
      <c r="CH499" s="898" t="str">
        <f t="shared" si="889"/>
        <v/>
      </c>
      <c r="CI499" s="898" t="str">
        <f t="shared" si="890"/>
        <v/>
      </c>
      <c r="CJ499" s="898" t="str">
        <f t="shared" si="891"/>
        <v/>
      </c>
      <c r="CK499" s="898" t="str">
        <f t="shared" si="892"/>
        <v/>
      </c>
      <c r="CL499" s="898" t="str">
        <f t="shared" si="893"/>
        <v/>
      </c>
      <c r="CM499" s="898" t="str">
        <f t="shared" si="894"/>
        <v/>
      </c>
      <c r="CN499" s="898" t="str">
        <f t="shared" si="895"/>
        <v/>
      </c>
      <c r="CO499" s="898" t="str">
        <f t="shared" si="896"/>
        <v/>
      </c>
      <c r="CP499" s="898" t="str">
        <f t="shared" si="897"/>
        <v/>
      </c>
      <c r="CQ499" s="898" t="str">
        <f t="shared" si="898"/>
        <v/>
      </c>
      <c r="CR499" s="898" t="str">
        <f t="shared" si="899"/>
        <v/>
      </c>
      <c r="CS499" s="898" t="str">
        <f t="shared" si="900"/>
        <v/>
      </c>
      <c r="CT499" s="898" t="str">
        <f t="shared" si="901"/>
        <v/>
      </c>
      <c r="CU499" s="898" t="str">
        <f t="shared" si="902"/>
        <v/>
      </c>
      <c r="CV499" s="898" t="str">
        <f t="shared" si="903"/>
        <v/>
      </c>
      <c r="CW499" s="898" t="str">
        <f t="shared" si="904"/>
        <v/>
      </c>
      <c r="CX499" s="898" t="str">
        <f t="shared" si="905"/>
        <v/>
      </c>
      <c r="CY499" s="898" t="str">
        <f t="shared" si="906"/>
        <v/>
      </c>
      <c r="CZ499" s="898" t="str">
        <f t="shared" si="907"/>
        <v/>
      </c>
      <c r="DA499" s="898" t="str">
        <f t="shared" si="908"/>
        <v/>
      </c>
      <c r="DB499" s="898" t="str">
        <f t="shared" si="909"/>
        <v/>
      </c>
      <c r="DC499" s="898" t="str">
        <f t="shared" si="910"/>
        <v/>
      </c>
      <c r="DD499" s="898" t="str">
        <f t="shared" si="911"/>
        <v/>
      </c>
      <c r="DE499" s="898" t="str">
        <f t="shared" si="912"/>
        <v/>
      </c>
      <c r="DF499" s="898" t="str">
        <f t="shared" si="913"/>
        <v/>
      </c>
      <c r="DG499" s="898" t="str">
        <f t="shared" si="914"/>
        <v/>
      </c>
      <c r="DH499" s="898" t="str">
        <f t="shared" si="915"/>
        <v/>
      </c>
      <c r="DI499" s="898">
        <f t="shared" si="916"/>
        <v>0</v>
      </c>
      <c r="DJ499" s="898">
        <f t="shared" si="917"/>
        <v>0</v>
      </c>
      <c r="DK499" s="898">
        <f t="shared" si="918"/>
        <v>0</v>
      </c>
      <c r="DL499" s="898" t="str">
        <f t="shared" si="919"/>
        <v/>
      </c>
      <c r="DM499" s="661">
        <f t="shared" si="920"/>
        <v>0</v>
      </c>
      <c r="DN499" s="898">
        <f t="shared" si="921"/>
        <v>0</v>
      </c>
      <c r="DO499" s="516">
        <f t="shared" si="922"/>
        <v>0</v>
      </c>
      <c r="DP499" s="898">
        <f t="shared" si="923"/>
        <v>0</v>
      </c>
      <c r="DQ499" s="522" t="s">
        <v>2300</v>
      </c>
      <c r="DR499" s="522"/>
      <c r="DS499" s="522" t="s">
        <v>4644</v>
      </c>
    </row>
    <row r="500" spans="1:124" s="613" customFormat="1" ht="114" x14ac:dyDescent="0.2">
      <c r="A500" s="484" t="str">
        <f t="shared" si="794"/>
        <v>New facilities around the Maylands area (in SADC)</v>
      </c>
      <c r="B500" s="1163">
        <v>497</v>
      </c>
      <c r="C500" s="1156" t="s">
        <v>4658</v>
      </c>
      <c r="D500" s="511" t="s">
        <v>2182</v>
      </c>
      <c r="E500" s="481" t="s">
        <v>1385</v>
      </c>
      <c r="F500" s="511" t="s">
        <v>655</v>
      </c>
      <c r="G500" s="515" t="s">
        <v>932</v>
      </c>
      <c r="H500" s="513" t="s">
        <v>2346</v>
      </c>
      <c r="I500" s="515"/>
      <c r="J500" s="513" t="s">
        <v>4659</v>
      </c>
      <c r="K500" s="664" t="s">
        <v>3104</v>
      </c>
      <c r="L500" s="852" t="s">
        <v>3167</v>
      </c>
      <c r="M500" s="543" t="s">
        <v>2986</v>
      </c>
      <c r="N500" s="515" t="s">
        <v>60</v>
      </c>
      <c r="O500" s="654" t="s">
        <v>3051</v>
      </c>
      <c r="P500" s="657" t="s">
        <v>4234</v>
      </c>
      <c r="Q500" s="515" t="s">
        <v>2350</v>
      </c>
      <c r="R500" s="657"/>
      <c r="S500" s="657"/>
      <c r="T500" s="676" t="s">
        <v>3360</v>
      </c>
      <c r="U500" s="516"/>
      <c r="V500" s="657" t="s">
        <v>4245</v>
      </c>
      <c r="W500" s="642"/>
      <c r="X500" s="745"/>
      <c r="Y500" s="745" t="s">
        <v>3106</v>
      </c>
      <c r="Z500" s="745">
        <f>_xlfn.XLOOKUP(I500, 'CALCS Aecom (July 25 2025)'!F:F, 'CALCS Aecom (July 25 2025)'!W:W)</f>
        <v>0</v>
      </c>
      <c r="AA500" s="651" t="s">
        <v>65</v>
      </c>
      <c r="AB500" s="661" t="s">
        <v>66</v>
      </c>
      <c r="AC500" s="661" t="s">
        <v>66</v>
      </c>
      <c r="AD500" s="661" t="s">
        <v>66</v>
      </c>
      <c r="AE500" s="661" t="s">
        <v>66</v>
      </c>
      <c r="AF500" s="661" t="s">
        <v>66</v>
      </c>
      <c r="AG500" s="661" t="s">
        <v>66</v>
      </c>
      <c r="AH500" s="661" t="s">
        <v>66</v>
      </c>
      <c r="AI500" s="661" t="s">
        <v>66</v>
      </c>
      <c r="AJ500" s="661" t="s">
        <v>66</v>
      </c>
      <c r="AK500" s="661" t="s">
        <v>66</v>
      </c>
      <c r="AL500" s="661" t="s">
        <v>66</v>
      </c>
      <c r="AM500" s="661" t="s">
        <v>66</v>
      </c>
      <c r="AN500" s="661" t="s">
        <v>66</v>
      </c>
      <c r="AO500" s="661" t="s">
        <v>66</v>
      </c>
      <c r="AP500" s="661" t="s">
        <v>66</v>
      </c>
      <c r="AQ500" s="661" t="s">
        <v>66</v>
      </c>
      <c r="AR500" s="661" t="s">
        <v>66</v>
      </c>
      <c r="AS500" s="516"/>
      <c r="AT500" s="516"/>
      <c r="AU500" s="516"/>
      <c r="AV500" s="516"/>
      <c r="AW500" s="516"/>
      <c r="AX500" s="516"/>
      <c r="AY500" s="516"/>
      <c r="AZ500" s="516"/>
      <c r="BA500" s="516"/>
      <c r="BB500" s="516"/>
      <c r="BC500" s="516"/>
      <c r="BD500" s="516"/>
      <c r="BE500" s="516"/>
      <c r="BF500" s="516"/>
      <c r="BG500" s="516"/>
      <c r="BH500" s="516"/>
      <c r="BI500" s="516"/>
      <c r="BJ500" s="516"/>
      <c r="BK500" s="516"/>
      <c r="BL500" s="516"/>
      <c r="BM500" s="516"/>
      <c r="BN500" s="516"/>
      <c r="BO500" s="661" t="s">
        <v>66</v>
      </c>
      <c r="BP500" s="661" t="s">
        <v>66</v>
      </c>
      <c r="BQ500" s="661" t="s">
        <v>66</v>
      </c>
      <c r="BR500" s="661" t="s">
        <v>66</v>
      </c>
      <c r="BS500" s="884">
        <f t="shared" si="798"/>
        <v>21225</v>
      </c>
      <c r="BT500" s="661">
        <f t="shared" si="876"/>
        <v>0</v>
      </c>
      <c r="BU500" s="661"/>
      <c r="BV500" s="898">
        <f t="shared" si="877"/>
        <v>0</v>
      </c>
      <c r="BW500" s="898">
        <f t="shared" si="878"/>
        <v>0</v>
      </c>
      <c r="BX500" s="898">
        <f t="shared" si="879"/>
        <v>0</v>
      </c>
      <c r="BY500" s="898">
        <f t="shared" si="880"/>
        <v>0</v>
      </c>
      <c r="BZ500" s="898">
        <f t="shared" si="881"/>
        <v>0</v>
      </c>
      <c r="CA500" s="898">
        <f t="shared" si="882"/>
        <v>0</v>
      </c>
      <c r="CB500" s="898">
        <f t="shared" si="883"/>
        <v>0</v>
      </c>
      <c r="CC500" s="898">
        <f t="shared" si="884"/>
        <v>0</v>
      </c>
      <c r="CD500" s="898">
        <f t="shared" si="885"/>
        <v>0</v>
      </c>
      <c r="CE500" s="898">
        <f t="shared" si="886"/>
        <v>0</v>
      </c>
      <c r="CF500" s="898">
        <f t="shared" si="887"/>
        <v>0</v>
      </c>
      <c r="CG500" s="898">
        <f t="shared" si="888"/>
        <v>0</v>
      </c>
      <c r="CH500" s="898">
        <f t="shared" si="889"/>
        <v>0</v>
      </c>
      <c r="CI500" s="898">
        <f t="shared" si="890"/>
        <v>0</v>
      </c>
      <c r="CJ500" s="898">
        <f t="shared" si="891"/>
        <v>0</v>
      </c>
      <c r="CK500" s="898">
        <f t="shared" si="892"/>
        <v>0</v>
      </c>
      <c r="CL500" s="898">
        <f t="shared" si="893"/>
        <v>0</v>
      </c>
      <c r="CM500" s="898" t="str">
        <f t="shared" si="894"/>
        <v/>
      </c>
      <c r="CN500" s="898" t="str">
        <f t="shared" si="895"/>
        <v/>
      </c>
      <c r="CO500" s="898" t="str">
        <f t="shared" si="896"/>
        <v/>
      </c>
      <c r="CP500" s="898" t="str">
        <f t="shared" si="897"/>
        <v/>
      </c>
      <c r="CQ500" s="898" t="str">
        <f t="shared" si="898"/>
        <v/>
      </c>
      <c r="CR500" s="898" t="str">
        <f t="shared" si="899"/>
        <v/>
      </c>
      <c r="CS500" s="898" t="str">
        <f t="shared" si="900"/>
        <v/>
      </c>
      <c r="CT500" s="898" t="str">
        <f t="shared" si="901"/>
        <v/>
      </c>
      <c r="CU500" s="898" t="str">
        <f t="shared" si="902"/>
        <v/>
      </c>
      <c r="CV500" s="898" t="str">
        <f t="shared" si="903"/>
        <v/>
      </c>
      <c r="CW500" s="898" t="str">
        <f t="shared" si="904"/>
        <v/>
      </c>
      <c r="CX500" s="898" t="str">
        <f t="shared" si="905"/>
        <v/>
      </c>
      <c r="CY500" s="898" t="str">
        <f t="shared" si="906"/>
        <v/>
      </c>
      <c r="CZ500" s="898" t="str">
        <f t="shared" si="907"/>
        <v/>
      </c>
      <c r="DA500" s="898" t="str">
        <f t="shared" si="908"/>
        <v/>
      </c>
      <c r="DB500" s="898" t="str">
        <f t="shared" si="909"/>
        <v/>
      </c>
      <c r="DC500" s="898" t="str">
        <f t="shared" si="910"/>
        <v/>
      </c>
      <c r="DD500" s="898" t="str">
        <f t="shared" si="911"/>
        <v/>
      </c>
      <c r="DE500" s="898" t="str">
        <f t="shared" si="912"/>
        <v/>
      </c>
      <c r="DF500" s="898" t="str">
        <f t="shared" si="913"/>
        <v/>
      </c>
      <c r="DG500" s="898" t="str">
        <f t="shared" si="914"/>
        <v/>
      </c>
      <c r="DH500" s="898" t="str">
        <f t="shared" si="915"/>
        <v/>
      </c>
      <c r="DI500" s="898">
        <f t="shared" si="916"/>
        <v>0</v>
      </c>
      <c r="DJ500" s="898">
        <f t="shared" si="917"/>
        <v>0</v>
      </c>
      <c r="DK500" s="898">
        <f t="shared" si="918"/>
        <v>0</v>
      </c>
      <c r="DL500" s="898">
        <f t="shared" si="919"/>
        <v>0</v>
      </c>
      <c r="DM500" s="661">
        <f t="shared" si="920"/>
        <v>0</v>
      </c>
      <c r="DN500" s="898">
        <f t="shared" si="921"/>
        <v>0</v>
      </c>
      <c r="DO500" s="516">
        <f t="shared" si="922"/>
        <v>0</v>
      </c>
      <c r="DP500" s="898">
        <f t="shared" si="923"/>
        <v>0</v>
      </c>
      <c r="DQ500" s="522" t="s">
        <v>2300</v>
      </c>
      <c r="DR500" s="522"/>
      <c r="DS500" s="522" t="s">
        <v>4644</v>
      </c>
      <c r="DT500" s="137"/>
    </row>
    <row r="501" spans="1:124" s="613" customFormat="1" ht="57" x14ac:dyDescent="0.2">
      <c r="A501" s="484" t="str">
        <f t="shared" si="794"/>
        <v>Maylands Urban Design Improvements</v>
      </c>
      <c r="B501" s="1163">
        <v>498</v>
      </c>
      <c r="C501" s="1156" t="s">
        <v>4660</v>
      </c>
      <c r="D501" s="481" t="s">
        <v>2481</v>
      </c>
      <c r="E501" s="481" t="s">
        <v>53</v>
      </c>
      <c r="F501" s="481" t="s">
        <v>655</v>
      </c>
      <c r="G501" s="775" t="s">
        <v>1292</v>
      </c>
      <c r="H501" s="855" t="s">
        <v>1293</v>
      </c>
      <c r="I501" s="515"/>
      <c r="J501" s="855" t="s">
        <v>4661</v>
      </c>
      <c r="K501" s="664" t="s">
        <v>3104</v>
      </c>
      <c r="L501" s="1154" t="s">
        <v>1295</v>
      </c>
      <c r="M501" s="515" t="s">
        <v>2986</v>
      </c>
      <c r="N501" s="775" t="s">
        <v>81</v>
      </c>
      <c r="O501" s="515" t="s">
        <v>4212</v>
      </c>
      <c r="P501" s="657" t="s">
        <v>61</v>
      </c>
      <c r="Q501" s="775" t="s">
        <v>225</v>
      </c>
      <c r="R501" s="657"/>
      <c r="S501" s="657"/>
      <c r="T501" s="745">
        <v>3685000</v>
      </c>
      <c r="U501" s="745"/>
      <c r="V501" s="657" t="s">
        <v>64</v>
      </c>
      <c r="W501" s="642">
        <f>T501-X501</f>
        <v>0</v>
      </c>
      <c r="X501" s="745">
        <f>IF(ISTEXT(T501),T501,T501-U501)</f>
        <v>3685000</v>
      </c>
      <c r="Y501" s="745" t="s">
        <v>3106</v>
      </c>
      <c r="Z501" s="745">
        <f>_xlfn.XLOOKUP(I501, 'CALCS Aecom (July 25 2025)'!F:F, 'CALCS Aecom (July 25 2025)'!W:W)</f>
        <v>0</v>
      </c>
      <c r="AA501" s="776" t="s">
        <v>65</v>
      </c>
      <c r="AB501" s="657"/>
      <c r="AC501" s="657"/>
      <c r="AD501" s="657"/>
      <c r="AE501" s="657"/>
      <c r="AF501" s="657"/>
      <c r="AG501" s="657"/>
      <c r="AH501" s="657"/>
      <c r="AI501" s="657"/>
      <c r="AJ501" s="657"/>
      <c r="AK501" s="657"/>
      <c r="AL501" s="657"/>
      <c r="AM501" s="657"/>
      <c r="AN501" s="657"/>
      <c r="AO501" s="657"/>
      <c r="AP501" s="657"/>
      <c r="AQ501" s="657"/>
      <c r="AR501" s="657"/>
      <c r="AS501" s="657"/>
      <c r="AT501" s="657"/>
      <c r="AU501" s="657"/>
      <c r="AV501" s="657"/>
      <c r="AW501" s="657"/>
      <c r="AX501" s="657"/>
      <c r="AY501" s="657"/>
      <c r="AZ501" s="657"/>
      <c r="BA501" s="657"/>
      <c r="BB501" s="657"/>
      <c r="BC501" s="657"/>
      <c r="BD501" s="657"/>
      <c r="BE501" s="657"/>
      <c r="BF501" s="657"/>
      <c r="BG501" s="746"/>
      <c r="BH501" s="746"/>
      <c r="BI501" s="746"/>
      <c r="BJ501" s="746"/>
      <c r="BK501" s="746"/>
      <c r="BL501" s="746"/>
      <c r="BM501" s="746"/>
      <c r="BN501" s="746"/>
      <c r="BO501" s="892"/>
      <c r="BP501" s="892"/>
      <c r="BQ501" s="892"/>
      <c r="BR501" s="516" t="s">
        <v>66</v>
      </c>
      <c r="BS501" s="884">
        <f t="shared" si="798"/>
        <v>3171</v>
      </c>
      <c r="BT501" s="661">
        <f t="shared" si="876"/>
        <v>1162.0939766635131</v>
      </c>
      <c r="BU501" s="661"/>
      <c r="BV501" s="898" t="str">
        <f t="shared" si="877"/>
        <v/>
      </c>
      <c r="BW501" s="898" t="str">
        <f t="shared" si="878"/>
        <v/>
      </c>
      <c r="BX501" s="898" t="str">
        <f t="shared" si="879"/>
        <v/>
      </c>
      <c r="BY501" s="898" t="str">
        <f t="shared" si="880"/>
        <v/>
      </c>
      <c r="BZ501" s="898" t="str">
        <f t="shared" si="881"/>
        <v/>
      </c>
      <c r="CA501" s="898" t="str">
        <f t="shared" si="882"/>
        <v/>
      </c>
      <c r="CB501" s="898" t="str">
        <f t="shared" si="883"/>
        <v/>
      </c>
      <c r="CC501" s="898" t="str">
        <f t="shared" si="884"/>
        <v/>
      </c>
      <c r="CD501" s="898" t="str">
        <f t="shared" si="885"/>
        <v/>
      </c>
      <c r="CE501" s="898" t="str">
        <f t="shared" si="886"/>
        <v/>
      </c>
      <c r="CF501" s="898" t="str">
        <f t="shared" si="887"/>
        <v/>
      </c>
      <c r="CG501" s="898" t="str">
        <f t="shared" si="888"/>
        <v/>
      </c>
      <c r="CH501" s="898" t="str">
        <f t="shared" si="889"/>
        <v/>
      </c>
      <c r="CI501" s="898" t="str">
        <f t="shared" si="890"/>
        <v/>
      </c>
      <c r="CJ501" s="898" t="str">
        <f t="shared" si="891"/>
        <v/>
      </c>
      <c r="CK501" s="898" t="str">
        <f t="shared" si="892"/>
        <v/>
      </c>
      <c r="CL501" s="898" t="str">
        <f t="shared" si="893"/>
        <v/>
      </c>
      <c r="CM501" s="898" t="str">
        <f t="shared" si="894"/>
        <v/>
      </c>
      <c r="CN501" s="898" t="str">
        <f t="shared" si="895"/>
        <v/>
      </c>
      <c r="CO501" s="898" t="str">
        <f t="shared" si="896"/>
        <v/>
      </c>
      <c r="CP501" s="898" t="str">
        <f t="shared" si="897"/>
        <v/>
      </c>
      <c r="CQ501" s="898" t="str">
        <f t="shared" si="898"/>
        <v/>
      </c>
      <c r="CR501" s="898" t="str">
        <f t="shared" si="899"/>
        <v/>
      </c>
      <c r="CS501" s="898" t="str">
        <f t="shared" si="900"/>
        <v/>
      </c>
      <c r="CT501" s="898" t="str">
        <f t="shared" si="901"/>
        <v/>
      </c>
      <c r="CU501" s="898" t="str">
        <f t="shared" si="902"/>
        <v/>
      </c>
      <c r="CV501" s="898" t="str">
        <f t="shared" si="903"/>
        <v/>
      </c>
      <c r="CW501" s="898" t="str">
        <f t="shared" si="904"/>
        <v/>
      </c>
      <c r="CX501" s="898" t="str">
        <f t="shared" si="905"/>
        <v/>
      </c>
      <c r="CY501" s="898" t="str">
        <f t="shared" si="906"/>
        <v/>
      </c>
      <c r="CZ501" s="898" t="str">
        <f t="shared" si="907"/>
        <v/>
      </c>
      <c r="DA501" s="898" t="str">
        <f t="shared" si="908"/>
        <v/>
      </c>
      <c r="DB501" s="898" t="str">
        <f t="shared" si="909"/>
        <v/>
      </c>
      <c r="DC501" s="898" t="str">
        <f t="shared" si="910"/>
        <v/>
      </c>
      <c r="DD501" s="898" t="str">
        <f t="shared" si="911"/>
        <v/>
      </c>
      <c r="DE501" s="898" t="str">
        <f t="shared" si="912"/>
        <v/>
      </c>
      <c r="DF501" s="898" t="str">
        <f t="shared" si="913"/>
        <v/>
      </c>
      <c r="DG501" s="898" t="str">
        <f t="shared" si="914"/>
        <v/>
      </c>
      <c r="DH501" s="898" t="str">
        <f t="shared" si="915"/>
        <v/>
      </c>
      <c r="DI501" s="898" t="str">
        <f t="shared" si="916"/>
        <v/>
      </c>
      <c r="DJ501" s="898" t="str">
        <f t="shared" si="917"/>
        <v/>
      </c>
      <c r="DK501" s="898" t="str">
        <f t="shared" si="918"/>
        <v/>
      </c>
      <c r="DL501" s="898">
        <f t="shared" si="919"/>
        <v>3685000</v>
      </c>
      <c r="DM501" s="661">
        <f t="shared" si="920"/>
        <v>0</v>
      </c>
      <c r="DN501" s="898">
        <f t="shared" si="921"/>
        <v>3685000</v>
      </c>
      <c r="DO501" s="516">
        <f t="shared" si="922"/>
        <v>0</v>
      </c>
      <c r="DP501" s="898">
        <f t="shared" si="923"/>
        <v>0</v>
      </c>
      <c r="DQ501" s="610"/>
      <c r="DR501" s="610"/>
      <c r="DS501" s="610" t="s">
        <v>4662</v>
      </c>
      <c r="DT501" s="137"/>
    </row>
    <row r="502" spans="1:124" ht="85.5" x14ac:dyDescent="0.2">
      <c r="A502" s="484" t="str">
        <f t="shared" si="794"/>
        <v>Highways Access to support development at East Hemel Hempstead (North) (Countryside access links including connections under the M1 motorway and improved off-road paths (rights of way).</v>
      </c>
      <c r="B502" s="1163">
        <v>499</v>
      </c>
      <c r="C502" s="1156" t="s">
        <v>4663</v>
      </c>
      <c r="D502" s="511" t="s">
        <v>2182</v>
      </c>
      <c r="E502" s="511" t="s">
        <v>1385</v>
      </c>
      <c r="F502" s="511" t="s">
        <v>655</v>
      </c>
      <c r="G502" s="515" t="s">
        <v>900</v>
      </c>
      <c r="H502" s="513" t="s">
        <v>2392</v>
      </c>
      <c r="I502" s="515"/>
      <c r="J502" s="513" t="s">
        <v>2393</v>
      </c>
      <c r="K502" s="664" t="s">
        <v>3104</v>
      </c>
      <c r="L502" s="515" t="s">
        <v>1376</v>
      </c>
      <c r="M502" s="775" t="s">
        <v>3325</v>
      </c>
      <c r="N502" s="515" t="s">
        <v>60</v>
      </c>
      <c r="O502" s="654" t="s">
        <v>3051</v>
      </c>
      <c r="P502" s="657" t="s">
        <v>61</v>
      </c>
      <c r="Q502" s="515" t="s">
        <v>2258</v>
      </c>
      <c r="R502" s="657"/>
      <c r="S502" s="657"/>
      <c r="T502" s="676" t="s">
        <v>3360</v>
      </c>
      <c r="U502" s="516"/>
      <c r="V502" s="657" t="s">
        <v>64</v>
      </c>
      <c r="W502" s="642"/>
      <c r="X502" s="745"/>
      <c r="Y502" s="745" t="s">
        <v>3106</v>
      </c>
      <c r="Z502" s="745">
        <f>_xlfn.XLOOKUP(I502, 'CALCS Aecom (July 25 2025)'!F:F, 'CALCS Aecom (July 25 2025)'!W:W)</f>
        <v>0</v>
      </c>
      <c r="AA502" s="1322" t="s">
        <v>245</v>
      </c>
      <c r="AB502" s="516"/>
      <c r="AC502" s="516"/>
      <c r="AD502" s="516"/>
      <c r="AE502" s="516"/>
      <c r="AF502" s="516"/>
      <c r="AG502" s="516"/>
      <c r="AH502" s="516"/>
      <c r="AI502" s="516"/>
      <c r="AJ502" s="516"/>
      <c r="AK502" s="516"/>
      <c r="AL502" s="516"/>
      <c r="AM502" s="516"/>
      <c r="AN502" s="516"/>
      <c r="AO502" s="516"/>
      <c r="AP502" s="516"/>
      <c r="AQ502" s="516"/>
      <c r="AR502" s="516"/>
      <c r="AS502" s="516"/>
      <c r="AT502" s="516"/>
      <c r="AU502" s="516"/>
      <c r="AV502" s="516"/>
      <c r="AW502" s="516"/>
      <c r="AX502" s="516"/>
      <c r="AY502" s="516"/>
      <c r="AZ502" s="516"/>
      <c r="BA502" s="516"/>
      <c r="BB502" s="516"/>
      <c r="BC502" s="516"/>
      <c r="BD502" s="516"/>
      <c r="BE502" s="516"/>
      <c r="BF502" s="516"/>
      <c r="BG502" s="516"/>
      <c r="BH502" s="516"/>
      <c r="BI502" s="516"/>
      <c r="BJ502" s="516"/>
      <c r="BK502" s="516"/>
      <c r="BL502" s="516"/>
      <c r="BM502" s="516"/>
      <c r="BN502" s="516"/>
      <c r="BO502" s="516"/>
      <c r="BP502" s="516" t="s">
        <v>66</v>
      </c>
      <c r="BQ502" s="516"/>
      <c r="BR502" s="516"/>
      <c r="BS502" s="884">
        <f t="shared" si="798"/>
        <v>1600</v>
      </c>
      <c r="BT502" s="661">
        <f t="shared" si="876"/>
        <v>0</v>
      </c>
      <c r="BU502" s="661"/>
      <c r="BV502" s="898" t="str">
        <f t="shared" si="877"/>
        <v/>
      </c>
      <c r="BW502" s="898" t="str">
        <f t="shared" si="878"/>
        <v/>
      </c>
      <c r="BX502" s="898" t="str">
        <f t="shared" si="879"/>
        <v/>
      </c>
      <c r="BY502" s="898" t="str">
        <f t="shared" si="880"/>
        <v/>
      </c>
      <c r="BZ502" s="898" t="str">
        <f t="shared" si="881"/>
        <v/>
      </c>
      <c r="CA502" s="898" t="str">
        <f t="shared" si="882"/>
        <v/>
      </c>
      <c r="CB502" s="898" t="str">
        <f t="shared" si="883"/>
        <v/>
      </c>
      <c r="CC502" s="898" t="str">
        <f t="shared" si="884"/>
        <v/>
      </c>
      <c r="CD502" s="898" t="str">
        <f t="shared" si="885"/>
        <v/>
      </c>
      <c r="CE502" s="898" t="str">
        <f t="shared" si="886"/>
        <v/>
      </c>
      <c r="CF502" s="898" t="str">
        <f t="shared" si="887"/>
        <v/>
      </c>
      <c r="CG502" s="898" t="str">
        <f t="shared" si="888"/>
        <v/>
      </c>
      <c r="CH502" s="898" t="str">
        <f t="shared" si="889"/>
        <v/>
      </c>
      <c r="CI502" s="898" t="str">
        <f t="shared" si="890"/>
        <v/>
      </c>
      <c r="CJ502" s="898" t="str">
        <f t="shared" si="891"/>
        <v/>
      </c>
      <c r="CK502" s="898" t="str">
        <f t="shared" si="892"/>
        <v/>
      </c>
      <c r="CL502" s="898" t="str">
        <f t="shared" si="893"/>
        <v/>
      </c>
      <c r="CM502" s="898" t="str">
        <f t="shared" si="894"/>
        <v/>
      </c>
      <c r="CN502" s="898" t="str">
        <f t="shared" si="895"/>
        <v/>
      </c>
      <c r="CO502" s="898" t="str">
        <f t="shared" si="896"/>
        <v/>
      </c>
      <c r="CP502" s="898" t="str">
        <f t="shared" si="897"/>
        <v/>
      </c>
      <c r="CQ502" s="898" t="str">
        <f t="shared" si="898"/>
        <v/>
      </c>
      <c r="CR502" s="898" t="str">
        <f t="shared" si="899"/>
        <v/>
      </c>
      <c r="CS502" s="898" t="str">
        <f t="shared" si="900"/>
        <v/>
      </c>
      <c r="CT502" s="898" t="str">
        <f t="shared" si="901"/>
        <v/>
      </c>
      <c r="CU502" s="898" t="str">
        <f t="shared" si="902"/>
        <v/>
      </c>
      <c r="CV502" s="898" t="str">
        <f t="shared" si="903"/>
        <v/>
      </c>
      <c r="CW502" s="898" t="str">
        <f t="shared" si="904"/>
        <v/>
      </c>
      <c r="CX502" s="898" t="str">
        <f t="shared" si="905"/>
        <v/>
      </c>
      <c r="CY502" s="898" t="str">
        <f t="shared" si="906"/>
        <v/>
      </c>
      <c r="CZ502" s="898" t="str">
        <f t="shared" si="907"/>
        <v/>
      </c>
      <c r="DA502" s="898" t="str">
        <f t="shared" si="908"/>
        <v/>
      </c>
      <c r="DB502" s="898" t="str">
        <f t="shared" si="909"/>
        <v/>
      </c>
      <c r="DC502" s="898" t="str">
        <f t="shared" si="910"/>
        <v/>
      </c>
      <c r="DD502" s="898" t="str">
        <f t="shared" si="911"/>
        <v/>
      </c>
      <c r="DE502" s="898" t="str">
        <f t="shared" si="912"/>
        <v/>
      </c>
      <c r="DF502" s="898" t="str">
        <f t="shared" si="913"/>
        <v/>
      </c>
      <c r="DG502" s="898" t="str">
        <f t="shared" si="914"/>
        <v/>
      </c>
      <c r="DH502" s="898" t="str">
        <f t="shared" si="915"/>
        <v/>
      </c>
      <c r="DI502" s="898" t="str">
        <f t="shared" si="916"/>
        <v/>
      </c>
      <c r="DJ502" s="898">
        <f t="shared" si="917"/>
        <v>0</v>
      </c>
      <c r="DK502" s="898" t="str">
        <f t="shared" si="918"/>
        <v/>
      </c>
      <c r="DL502" s="898" t="str">
        <f t="shared" si="919"/>
        <v/>
      </c>
      <c r="DM502" s="661">
        <f t="shared" si="920"/>
        <v>0</v>
      </c>
      <c r="DN502" s="898">
        <f t="shared" si="921"/>
        <v>0</v>
      </c>
      <c r="DO502" s="516">
        <f t="shared" si="922"/>
        <v>0</v>
      </c>
      <c r="DP502" s="898">
        <f t="shared" si="923"/>
        <v>0</v>
      </c>
      <c r="DQ502" s="522" t="s">
        <v>2300</v>
      </c>
      <c r="DR502" s="522"/>
      <c r="DS502" s="522" t="s">
        <v>4664</v>
      </c>
    </row>
    <row r="503" spans="1:124" ht="42.75" x14ac:dyDescent="0.2">
      <c r="A503" s="484" t="str">
        <f t="shared" si="794"/>
        <v xml:space="preserve">Highways Access to support development at East Hemel Hempstead (South) </v>
      </c>
      <c r="B503" s="1163">
        <v>500</v>
      </c>
      <c r="C503" s="1156" t="s">
        <v>4665</v>
      </c>
      <c r="D503" s="511" t="s">
        <v>2182</v>
      </c>
      <c r="E503" s="511" t="s">
        <v>1385</v>
      </c>
      <c r="F503" s="511" t="s">
        <v>655</v>
      </c>
      <c r="G503" s="515" t="s">
        <v>900</v>
      </c>
      <c r="H503" s="513" t="s">
        <v>2400</v>
      </c>
      <c r="I503" s="515"/>
      <c r="J503" s="689" t="s">
        <v>4666</v>
      </c>
      <c r="K503" s="664" t="s">
        <v>3104</v>
      </c>
      <c r="L503" s="515" t="s">
        <v>1377</v>
      </c>
      <c r="M503" s="775" t="s">
        <v>3325</v>
      </c>
      <c r="N503" s="515" t="s">
        <v>60</v>
      </c>
      <c r="O503" s="664" t="s">
        <v>525</v>
      </c>
      <c r="P503" s="657" t="s">
        <v>61</v>
      </c>
      <c r="Q503" s="515" t="s">
        <v>2258</v>
      </c>
      <c r="R503" s="657"/>
      <c r="S503" s="657"/>
      <c r="T503" s="676" t="s">
        <v>3360</v>
      </c>
      <c r="U503" s="516"/>
      <c r="V503" s="657" t="s">
        <v>3028</v>
      </c>
      <c r="W503" s="642"/>
      <c r="X503" s="745"/>
      <c r="Y503" s="745" t="s">
        <v>3106</v>
      </c>
      <c r="Z503" s="745">
        <f>_xlfn.XLOOKUP(I503, 'CALCS Aecom (July 25 2025)'!F:F, 'CALCS Aecom (July 25 2025)'!W:W)</f>
        <v>0</v>
      </c>
      <c r="AA503" s="1322" t="s">
        <v>245</v>
      </c>
      <c r="AB503" s="516"/>
      <c r="AC503" s="516"/>
      <c r="AD503" s="516"/>
      <c r="AE503" s="516"/>
      <c r="AF503" s="516"/>
      <c r="AG503" s="516"/>
      <c r="AH503" s="516"/>
      <c r="AI503" s="516"/>
      <c r="AJ503" s="516"/>
      <c r="AK503" s="516"/>
      <c r="AL503" s="516"/>
      <c r="AM503" s="516"/>
      <c r="AN503" s="516"/>
      <c r="AO503" s="516"/>
      <c r="AP503" s="516"/>
      <c r="AQ503" s="516"/>
      <c r="AR503" s="516"/>
      <c r="AS503" s="516"/>
      <c r="AT503" s="516"/>
      <c r="AU503" s="516"/>
      <c r="AV503" s="516"/>
      <c r="AW503" s="516"/>
      <c r="AX503" s="516"/>
      <c r="AY503" s="516"/>
      <c r="AZ503" s="516"/>
      <c r="BA503" s="516"/>
      <c r="BB503" s="516"/>
      <c r="BC503" s="516"/>
      <c r="BD503" s="516"/>
      <c r="BE503" s="516"/>
      <c r="BF503" s="516"/>
      <c r="BG503" s="516"/>
      <c r="BH503" s="516"/>
      <c r="BI503" s="516"/>
      <c r="BJ503" s="516"/>
      <c r="BK503" s="516"/>
      <c r="BL503" s="516"/>
      <c r="BM503" s="516"/>
      <c r="BN503" s="516"/>
      <c r="BO503" s="516"/>
      <c r="BP503" s="516"/>
      <c r="BQ503" s="516" t="s">
        <v>66</v>
      </c>
      <c r="BR503" s="516"/>
      <c r="BS503" s="884">
        <f t="shared" si="798"/>
        <v>2400</v>
      </c>
      <c r="BT503" s="661">
        <f t="shared" si="876"/>
        <v>0</v>
      </c>
      <c r="BU503" s="661"/>
      <c r="BV503" s="898" t="str">
        <f t="shared" si="877"/>
        <v/>
      </c>
      <c r="BW503" s="898" t="str">
        <f t="shared" si="878"/>
        <v/>
      </c>
      <c r="BX503" s="898" t="str">
        <f t="shared" si="879"/>
        <v/>
      </c>
      <c r="BY503" s="898" t="str">
        <f t="shared" si="880"/>
        <v/>
      </c>
      <c r="BZ503" s="898" t="str">
        <f t="shared" si="881"/>
        <v/>
      </c>
      <c r="CA503" s="898" t="str">
        <f t="shared" si="882"/>
        <v/>
      </c>
      <c r="CB503" s="898" t="str">
        <f t="shared" si="883"/>
        <v/>
      </c>
      <c r="CC503" s="898" t="str">
        <f t="shared" si="884"/>
        <v/>
      </c>
      <c r="CD503" s="898" t="str">
        <f t="shared" si="885"/>
        <v/>
      </c>
      <c r="CE503" s="898" t="str">
        <f t="shared" si="886"/>
        <v/>
      </c>
      <c r="CF503" s="898" t="str">
        <f t="shared" si="887"/>
        <v/>
      </c>
      <c r="CG503" s="898" t="str">
        <f t="shared" si="888"/>
        <v/>
      </c>
      <c r="CH503" s="898" t="str">
        <f t="shared" si="889"/>
        <v/>
      </c>
      <c r="CI503" s="898" t="str">
        <f t="shared" si="890"/>
        <v/>
      </c>
      <c r="CJ503" s="898" t="str">
        <f t="shared" si="891"/>
        <v/>
      </c>
      <c r="CK503" s="898" t="str">
        <f t="shared" si="892"/>
        <v/>
      </c>
      <c r="CL503" s="898" t="str">
        <f t="shared" si="893"/>
        <v/>
      </c>
      <c r="CM503" s="898" t="str">
        <f t="shared" si="894"/>
        <v/>
      </c>
      <c r="CN503" s="898" t="str">
        <f t="shared" si="895"/>
        <v/>
      </c>
      <c r="CO503" s="898" t="str">
        <f t="shared" si="896"/>
        <v/>
      </c>
      <c r="CP503" s="898" t="str">
        <f t="shared" si="897"/>
        <v/>
      </c>
      <c r="CQ503" s="898" t="str">
        <f t="shared" si="898"/>
        <v/>
      </c>
      <c r="CR503" s="898" t="str">
        <f t="shared" si="899"/>
        <v/>
      </c>
      <c r="CS503" s="898" t="str">
        <f t="shared" si="900"/>
        <v/>
      </c>
      <c r="CT503" s="898" t="str">
        <f t="shared" si="901"/>
        <v/>
      </c>
      <c r="CU503" s="898" t="str">
        <f t="shared" si="902"/>
        <v/>
      </c>
      <c r="CV503" s="898" t="str">
        <f t="shared" si="903"/>
        <v/>
      </c>
      <c r="CW503" s="898" t="str">
        <f t="shared" si="904"/>
        <v/>
      </c>
      <c r="CX503" s="898" t="str">
        <f t="shared" si="905"/>
        <v/>
      </c>
      <c r="CY503" s="898" t="str">
        <f t="shared" si="906"/>
        <v/>
      </c>
      <c r="CZ503" s="898" t="str">
        <f t="shared" si="907"/>
        <v/>
      </c>
      <c r="DA503" s="898" t="str">
        <f t="shared" si="908"/>
        <v/>
      </c>
      <c r="DB503" s="898" t="str">
        <f t="shared" si="909"/>
        <v/>
      </c>
      <c r="DC503" s="898" t="str">
        <f t="shared" si="910"/>
        <v/>
      </c>
      <c r="DD503" s="898" t="str">
        <f t="shared" si="911"/>
        <v/>
      </c>
      <c r="DE503" s="898" t="str">
        <f t="shared" si="912"/>
        <v/>
      </c>
      <c r="DF503" s="898" t="str">
        <f t="shared" si="913"/>
        <v/>
      </c>
      <c r="DG503" s="898" t="str">
        <f t="shared" si="914"/>
        <v/>
      </c>
      <c r="DH503" s="898" t="str">
        <f t="shared" si="915"/>
        <v/>
      </c>
      <c r="DI503" s="898" t="str">
        <f t="shared" si="916"/>
        <v/>
      </c>
      <c r="DJ503" s="898" t="str">
        <f t="shared" si="917"/>
        <v/>
      </c>
      <c r="DK503" s="898">
        <f t="shared" si="918"/>
        <v>0</v>
      </c>
      <c r="DL503" s="898" t="str">
        <f t="shared" si="919"/>
        <v/>
      </c>
      <c r="DM503" s="661">
        <f t="shared" si="920"/>
        <v>0</v>
      </c>
      <c r="DN503" s="898">
        <f t="shared" si="921"/>
        <v>0</v>
      </c>
      <c r="DO503" s="516">
        <f t="shared" si="922"/>
        <v>0</v>
      </c>
      <c r="DP503" s="898">
        <f t="shared" si="923"/>
        <v>0</v>
      </c>
      <c r="DQ503" s="522" t="s">
        <v>2300</v>
      </c>
      <c r="DR503" s="522"/>
      <c r="DS503" s="522" t="s">
        <v>4664</v>
      </c>
      <c r="DT503" s="613"/>
    </row>
    <row r="504" spans="1:124" ht="142.5" x14ac:dyDescent="0.2">
      <c r="A504" s="484" t="str">
        <f t="shared" si="794"/>
        <v>Highways Access to support development at East Hemel Hempstead (Central) - (Including transport measures as part of M1 J8 Enhancements)</v>
      </c>
      <c r="B504" s="1163">
        <v>501</v>
      </c>
      <c r="C504" s="1156" t="s">
        <v>4667</v>
      </c>
      <c r="D504" s="511" t="s">
        <v>2182</v>
      </c>
      <c r="E504" s="511" t="s">
        <v>1385</v>
      </c>
      <c r="F504" s="511" t="s">
        <v>655</v>
      </c>
      <c r="G504" s="515" t="s">
        <v>900</v>
      </c>
      <c r="H504" s="1213" t="s">
        <v>2394</v>
      </c>
      <c r="I504" s="515"/>
      <c r="J504" s="513" t="s">
        <v>2395</v>
      </c>
      <c r="K504" s="664" t="s">
        <v>3104</v>
      </c>
      <c r="L504" s="515" t="s">
        <v>1378</v>
      </c>
      <c r="M504" s="775" t="s">
        <v>3325</v>
      </c>
      <c r="N504" s="515" t="s">
        <v>60</v>
      </c>
      <c r="O504" s="664" t="s">
        <v>4287</v>
      </c>
      <c r="P504" s="657" t="s">
        <v>2988</v>
      </c>
      <c r="Q504" s="515" t="s">
        <v>2258</v>
      </c>
      <c r="R504" s="657"/>
      <c r="S504" s="657"/>
      <c r="T504" s="676" t="s">
        <v>3360</v>
      </c>
      <c r="U504" s="516"/>
      <c r="V504" s="657" t="s">
        <v>3028</v>
      </c>
      <c r="W504" s="642"/>
      <c r="X504" s="745"/>
      <c r="Y504" s="745" t="s">
        <v>3106</v>
      </c>
      <c r="Z504" s="745">
        <f>_xlfn.XLOOKUP(I504, 'CALCS Aecom (July 25 2025)'!F:F, 'CALCS Aecom (July 25 2025)'!W:W)</f>
        <v>0</v>
      </c>
      <c r="AA504" s="1322" t="s">
        <v>245</v>
      </c>
      <c r="AB504" s="516"/>
      <c r="AC504" s="516"/>
      <c r="AD504" s="516"/>
      <c r="AE504" s="516"/>
      <c r="AF504" s="516"/>
      <c r="AG504" s="516"/>
      <c r="AH504" s="516"/>
      <c r="AI504" s="516"/>
      <c r="AJ504" s="516"/>
      <c r="AK504" s="516"/>
      <c r="AL504" s="516"/>
      <c r="AM504" s="516"/>
      <c r="AN504" s="516"/>
      <c r="AO504" s="516"/>
      <c r="AP504" s="516"/>
      <c r="AQ504" s="516"/>
      <c r="AR504" s="516"/>
      <c r="AS504" s="516"/>
      <c r="AT504" s="516"/>
      <c r="AU504" s="516"/>
      <c r="AV504" s="516"/>
      <c r="AW504" s="516"/>
      <c r="AX504" s="516"/>
      <c r="AY504" s="516"/>
      <c r="AZ504" s="516"/>
      <c r="BA504" s="516"/>
      <c r="BB504" s="516"/>
      <c r="BC504" s="516"/>
      <c r="BD504" s="516"/>
      <c r="BE504" s="516"/>
      <c r="BF504" s="516"/>
      <c r="BG504" s="516"/>
      <c r="BH504" s="516"/>
      <c r="BI504" s="516"/>
      <c r="BJ504" s="516"/>
      <c r="BK504" s="516"/>
      <c r="BL504" s="516"/>
      <c r="BM504" s="516"/>
      <c r="BN504" s="516"/>
      <c r="BO504" s="516"/>
      <c r="BP504" s="516"/>
      <c r="BQ504" s="516"/>
      <c r="BR504" s="516" t="s">
        <v>66</v>
      </c>
      <c r="BS504" s="884">
        <f t="shared" si="798"/>
        <v>3171</v>
      </c>
      <c r="BT504" s="661">
        <f t="shared" si="876"/>
        <v>0</v>
      </c>
      <c r="BU504" s="661"/>
      <c r="BV504" s="898" t="str">
        <f t="shared" si="877"/>
        <v/>
      </c>
      <c r="BW504" s="898" t="str">
        <f t="shared" si="878"/>
        <v/>
      </c>
      <c r="BX504" s="898" t="str">
        <f t="shared" si="879"/>
        <v/>
      </c>
      <c r="BY504" s="898" t="str">
        <f t="shared" si="880"/>
        <v/>
      </c>
      <c r="BZ504" s="898" t="str">
        <f t="shared" si="881"/>
        <v/>
      </c>
      <c r="CA504" s="898" t="str">
        <f t="shared" si="882"/>
        <v/>
      </c>
      <c r="CB504" s="898" t="str">
        <f t="shared" si="883"/>
        <v/>
      </c>
      <c r="CC504" s="898" t="str">
        <f t="shared" si="884"/>
        <v/>
      </c>
      <c r="CD504" s="898" t="str">
        <f t="shared" si="885"/>
        <v/>
      </c>
      <c r="CE504" s="898" t="str">
        <f t="shared" si="886"/>
        <v/>
      </c>
      <c r="CF504" s="898" t="str">
        <f t="shared" si="887"/>
        <v/>
      </c>
      <c r="CG504" s="898" t="str">
        <f t="shared" si="888"/>
        <v/>
      </c>
      <c r="CH504" s="898" t="str">
        <f t="shared" si="889"/>
        <v/>
      </c>
      <c r="CI504" s="898" t="str">
        <f t="shared" si="890"/>
        <v/>
      </c>
      <c r="CJ504" s="898" t="str">
        <f t="shared" si="891"/>
        <v/>
      </c>
      <c r="CK504" s="898" t="str">
        <f t="shared" si="892"/>
        <v/>
      </c>
      <c r="CL504" s="898" t="str">
        <f t="shared" si="893"/>
        <v/>
      </c>
      <c r="CM504" s="898" t="str">
        <f t="shared" si="894"/>
        <v/>
      </c>
      <c r="CN504" s="898" t="str">
        <f t="shared" si="895"/>
        <v/>
      </c>
      <c r="CO504" s="898" t="str">
        <f t="shared" si="896"/>
        <v/>
      </c>
      <c r="CP504" s="898" t="str">
        <f t="shared" si="897"/>
        <v/>
      </c>
      <c r="CQ504" s="898" t="str">
        <f t="shared" si="898"/>
        <v/>
      </c>
      <c r="CR504" s="898" t="str">
        <f t="shared" si="899"/>
        <v/>
      </c>
      <c r="CS504" s="898" t="str">
        <f t="shared" si="900"/>
        <v/>
      </c>
      <c r="CT504" s="898" t="str">
        <f t="shared" si="901"/>
        <v/>
      </c>
      <c r="CU504" s="898" t="str">
        <f t="shared" si="902"/>
        <v/>
      </c>
      <c r="CV504" s="898" t="str">
        <f t="shared" si="903"/>
        <v/>
      </c>
      <c r="CW504" s="898" t="str">
        <f t="shared" si="904"/>
        <v/>
      </c>
      <c r="CX504" s="898" t="str">
        <f t="shared" si="905"/>
        <v/>
      </c>
      <c r="CY504" s="898" t="str">
        <f t="shared" si="906"/>
        <v/>
      </c>
      <c r="CZ504" s="898" t="str">
        <f t="shared" si="907"/>
        <v/>
      </c>
      <c r="DA504" s="898" t="str">
        <f t="shared" si="908"/>
        <v/>
      </c>
      <c r="DB504" s="898" t="str">
        <f t="shared" si="909"/>
        <v/>
      </c>
      <c r="DC504" s="898" t="str">
        <f t="shared" si="910"/>
        <v/>
      </c>
      <c r="DD504" s="898" t="str">
        <f t="shared" si="911"/>
        <v/>
      </c>
      <c r="DE504" s="898" t="str">
        <f t="shared" si="912"/>
        <v/>
      </c>
      <c r="DF504" s="898" t="str">
        <f t="shared" si="913"/>
        <v/>
      </c>
      <c r="DG504" s="898" t="str">
        <f t="shared" si="914"/>
        <v/>
      </c>
      <c r="DH504" s="898" t="str">
        <f t="shared" si="915"/>
        <v/>
      </c>
      <c r="DI504" s="898" t="str">
        <f t="shared" si="916"/>
        <v/>
      </c>
      <c r="DJ504" s="898" t="str">
        <f t="shared" si="917"/>
        <v/>
      </c>
      <c r="DK504" s="898" t="str">
        <f t="shared" si="918"/>
        <v/>
      </c>
      <c r="DL504" s="898">
        <f t="shared" si="919"/>
        <v>0</v>
      </c>
      <c r="DM504" s="661">
        <f t="shared" si="920"/>
        <v>0</v>
      </c>
      <c r="DN504" s="898">
        <f t="shared" si="921"/>
        <v>0</v>
      </c>
      <c r="DO504" s="516">
        <f t="shared" si="922"/>
        <v>0</v>
      </c>
      <c r="DP504" s="898">
        <f t="shared" si="923"/>
        <v>0</v>
      </c>
      <c r="DQ504" s="522" t="s">
        <v>2300</v>
      </c>
      <c r="DR504" s="522"/>
      <c r="DS504" s="522" t="s">
        <v>4664</v>
      </c>
    </row>
    <row r="505" spans="1:124" ht="57" x14ac:dyDescent="0.2">
      <c r="A505" s="484" t="str">
        <f t="shared" si="794"/>
        <v>Highways Access to support development at North Hemel Hempstead (H1)</v>
      </c>
      <c r="B505" s="1163">
        <v>502</v>
      </c>
      <c r="C505" s="1156" t="s">
        <v>4668</v>
      </c>
      <c r="D505" s="511" t="s">
        <v>2182</v>
      </c>
      <c r="E505" s="511" t="s">
        <v>1385</v>
      </c>
      <c r="F505" s="511" t="s">
        <v>655</v>
      </c>
      <c r="G505" s="515" t="s">
        <v>900</v>
      </c>
      <c r="H505" s="513" t="s">
        <v>4669</v>
      </c>
      <c r="I505" s="515"/>
      <c r="J505" s="513" t="s">
        <v>4670</v>
      </c>
      <c r="K505" s="664" t="s">
        <v>3104</v>
      </c>
      <c r="L505" s="515" t="s">
        <v>1375</v>
      </c>
      <c r="M505" s="657" t="s">
        <v>3027</v>
      </c>
      <c r="N505" s="515" t="s">
        <v>60</v>
      </c>
      <c r="O505" s="664" t="s">
        <v>525</v>
      </c>
      <c r="P505" s="657" t="s">
        <v>61</v>
      </c>
      <c r="Q505" s="515" t="s">
        <v>2258</v>
      </c>
      <c r="R505" s="657"/>
      <c r="S505" s="657"/>
      <c r="T505" s="676" t="s">
        <v>3360</v>
      </c>
      <c r="U505" s="516"/>
      <c r="V505" s="657" t="s">
        <v>64</v>
      </c>
      <c r="W505" s="642"/>
      <c r="X505" s="745"/>
      <c r="Y505" s="745" t="s">
        <v>3106</v>
      </c>
      <c r="Z505" s="745">
        <f>_xlfn.XLOOKUP(I505, 'CALCS Aecom (July 25 2025)'!F:F, 'CALCS Aecom (July 25 2025)'!W:W)</f>
        <v>0</v>
      </c>
      <c r="AA505" s="1322" t="s">
        <v>245</v>
      </c>
      <c r="AB505" s="516"/>
      <c r="AC505" s="516"/>
      <c r="AD505" s="516"/>
      <c r="AE505" s="516"/>
      <c r="AF505" s="516"/>
      <c r="AG505" s="516"/>
      <c r="AH505" s="516"/>
      <c r="AI505" s="516"/>
      <c r="AJ505" s="516"/>
      <c r="AK505" s="516"/>
      <c r="AL505" s="516"/>
      <c r="AM505" s="516"/>
      <c r="AN505" s="516"/>
      <c r="AO505" s="516"/>
      <c r="AP505" s="516"/>
      <c r="AQ505" s="516"/>
      <c r="AR505" s="516"/>
      <c r="AS505" s="516"/>
      <c r="AT505" s="516"/>
      <c r="AU505" s="516"/>
      <c r="AV505" s="516"/>
      <c r="AW505" s="516"/>
      <c r="AX505" s="516"/>
      <c r="AY505" s="516"/>
      <c r="AZ505" s="516"/>
      <c r="BA505" s="516"/>
      <c r="BB505" s="516"/>
      <c r="BC505" s="516"/>
      <c r="BD505" s="516"/>
      <c r="BE505" s="516"/>
      <c r="BF505" s="516"/>
      <c r="BG505" s="516"/>
      <c r="BH505" s="516"/>
      <c r="BI505" s="516"/>
      <c r="BJ505" s="516"/>
      <c r="BK505" s="516"/>
      <c r="BL505" s="516"/>
      <c r="BM505" s="516"/>
      <c r="BN505" s="516"/>
      <c r="BO505" s="516" t="s">
        <v>66</v>
      </c>
      <c r="BP505" s="516"/>
      <c r="BQ505" s="516"/>
      <c r="BR505" s="516"/>
      <c r="BS505" s="884">
        <f t="shared" si="798"/>
        <v>1500</v>
      </c>
      <c r="BT505" s="661">
        <f t="shared" si="876"/>
        <v>0</v>
      </c>
      <c r="BU505" s="661"/>
      <c r="BV505" s="898" t="str">
        <f t="shared" si="877"/>
        <v/>
      </c>
      <c r="BW505" s="898" t="str">
        <f t="shared" si="878"/>
        <v/>
      </c>
      <c r="BX505" s="898" t="str">
        <f t="shared" si="879"/>
        <v/>
      </c>
      <c r="BY505" s="898" t="str">
        <f t="shared" si="880"/>
        <v/>
      </c>
      <c r="BZ505" s="898" t="str">
        <f t="shared" si="881"/>
        <v/>
      </c>
      <c r="CA505" s="898" t="str">
        <f t="shared" si="882"/>
        <v/>
      </c>
      <c r="CB505" s="898" t="str">
        <f t="shared" si="883"/>
        <v/>
      </c>
      <c r="CC505" s="898" t="str">
        <f t="shared" si="884"/>
        <v/>
      </c>
      <c r="CD505" s="898" t="str">
        <f t="shared" si="885"/>
        <v/>
      </c>
      <c r="CE505" s="898" t="str">
        <f t="shared" si="886"/>
        <v/>
      </c>
      <c r="CF505" s="898" t="str">
        <f t="shared" si="887"/>
        <v/>
      </c>
      <c r="CG505" s="898" t="str">
        <f t="shared" si="888"/>
        <v/>
      </c>
      <c r="CH505" s="898" t="str">
        <f t="shared" si="889"/>
        <v/>
      </c>
      <c r="CI505" s="898" t="str">
        <f t="shared" si="890"/>
        <v/>
      </c>
      <c r="CJ505" s="898" t="str">
        <f t="shared" si="891"/>
        <v/>
      </c>
      <c r="CK505" s="898" t="str">
        <f t="shared" si="892"/>
        <v/>
      </c>
      <c r="CL505" s="898" t="str">
        <f t="shared" si="893"/>
        <v/>
      </c>
      <c r="CM505" s="898" t="str">
        <f t="shared" si="894"/>
        <v/>
      </c>
      <c r="CN505" s="898" t="str">
        <f t="shared" si="895"/>
        <v/>
      </c>
      <c r="CO505" s="898" t="str">
        <f t="shared" si="896"/>
        <v/>
      </c>
      <c r="CP505" s="898" t="str">
        <f t="shared" si="897"/>
        <v/>
      </c>
      <c r="CQ505" s="898" t="str">
        <f t="shared" si="898"/>
        <v/>
      </c>
      <c r="CR505" s="898" t="str">
        <f t="shared" si="899"/>
        <v/>
      </c>
      <c r="CS505" s="898" t="str">
        <f t="shared" si="900"/>
        <v/>
      </c>
      <c r="CT505" s="898" t="str">
        <f t="shared" si="901"/>
        <v/>
      </c>
      <c r="CU505" s="898" t="str">
        <f t="shared" si="902"/>
        <v/>
      </c>
      <c r="CV505" s="898" t="str">
        <f t="shared" si="903"/>
        <v/>
      </c>
      <c r="CW505" s="898" t="str">
        <f t="shared" si="904"/>
        <v/>
      </c>
      <c r="CX505" s="898" t="str">
        <f t="shared" si="905"/>
        <v/>
      </c>
      <c r="CY505" s="898" t="str">
        <f t="shared" si="906"/>
        <v/>
      </c>
      <c r="CZ505" s="898" t="str">
        <f t="shared" si="907"/>
        <v/>
      </c>
      <c r="DA505" s="898" t="str">
        <f t="shared" si="908"/>
        <v/>
      </c>
      <c r="DB505" s="898" t="str">
        <f t="shared" si="909"/>
        <v/>
      </c>
      <c r="DC505" s="898" t="str">
        <f t="shared" si="910"/>
        <v/>
      </c>
      <c r="DD505" s="898" t="str">
        <f t="shared" si="911"/>
        <v/>
      </c>
      <c r="DE505" s="898" t="str">
        <f t="shared" si="912"/>
        <v/>
      </c>
      <c r="DF505" s="898" t="str">
        <f t="shared" si="913"/>
        <v/>
      </c>
      <c r="DG505" s="898" t="str">
        <f t="shared" si="914"/>
        <v/>
      </c>
      <c r="DH505" s="898" t="str">
        <f t="shared" si="915"/>
        <v/>
      </c>
      <c r="DI505" s="898">
        <f t="shared" si="916"/>
        <v>0</v>
      </c>
      <c r="DJ505" s="898" t="str">
        <f t="shared" si="917"/>
        <v/>
      </c>
      <c r="DK505" s="898" t="str">
        <f t="shared" si="918"/>
        <v/>
      </c>
      <c r="DL505" s="898" t="str">
        <f t="shared" si="919"/>
        <v/>
      </c>
      <c r="DM505" s="661">
        <f t="shared" si="920"/>
        <v>0</v>
      </c>
      <c r="DN505" s="898">
        <f t="shared" si="921"/>
        <v>0</v>
      </c>
      <c r="DO505" s="516">
        <f t="shared" si="922"/>
        <v>0</v>
      </c>
      <c r="DP505" s="898">
        <f t="shared" si="923"/>
        <v>0</v>
      </c>
      <c r="DQ505" s="522" t="s">
        <v>2300</v>
      </c>
      <c r="DR505" s="522"/>
      <c r="DS505" s="522" t="s">
        <v>4664</v>
      </c>
      <c r="DT505" s="613"/>
    </row>
    <row r="506" spans="1:124" ht="71.25" x14ac:dyDescent="0.2">
      <c r="A506" s="484" t="str">
        <f t="shared" si="794"/>
        <v>M1 Junction 8 enhancement - Phase 2 - Prioritisation of active and sustainable modes of travel</v>
      </c>
      <c r="B506" s="1163">
        <v>503</v>
      </c>
      <c r="C506" s="1156" t="s">
        <v>4671</v>
      </c>
      <c r="D506" s="511" t="s">
        <v>2182</v>
      </c>
      <c r="E506" s="511" t="s">
        <v>1385</v>
      </c>
      <c r="F506" s="511" t="s">
        <v>655</v>
      </c>
      <c r="G506" s="515" t="s">
        <v>900</v>
      </c>
      <c r="H506" s="513" t="s">
        <v>2363</v>
      </c>
      <c r="I506" s="515"/>
      <c r="J506" s="513" t="s">
        <v>4672</v>
      </c>
      <c r="K506" s="664" t="s">
        <v>3104</v>
      </c>
      <c r="L506" s="515" t="s">
        <v>4638</v>
      </c>
      <c r="M506" s="775" t="s">
        <v>3325</v>
      </c>
      <c r="N506" s="515" t="s">
        <v>81</v>
      </c>
      <c r="O506" s="664" t="s">
        <v>4287</v>
      </c>
      <c r="P506" s="657" t="s">
        <v>61</v>
      </c>
      <c r="Q506" s="515" t="s">
        <v>249</v>
      </c>
      <c r="R506" s="657"/>
      <c r="S506" s="657"/>
      <c r="T506" s="853">
        <v>63943500</v>
      </c>
      <c r="U506" s="516"/>
      <c r="V506" s="657" t="s">
        <v>3469</v>
      </c>
      <c r="W506" s="642">
        <f>T506-X506</f>
        <v>0</v>
      </c>
      <c r="X506" s="745">
        <f>IF(ISTEXT(T506),T506,T506-U506)</f>
        <v>63943500</v>
      </c>
      <c r="Y506" s="745" t="s">
        <v>3106</v>
      </c>
      <c r="Z506" s="745">
        <f>_xlfn.XLOOKUP(I506, 'CALCS Aecom (July 25 2025)'!F:F, 'CALCS Aecom (July 25 2025)'!W:W)</f>
        <v>0</v>
      </c>
      <c r="AA506" s="1322" t="s">
        <v>245</v>
      </c>
      <c r="AB506" s="516"/>
      <c r="AC506" s="516"/>
      <c r="AD506" s="516"/>
      <c r="AE506" s="516"/>
      <c r="AF506" s="516"/>
      <c r="AG506" s="516"/>
      <c r="AH506" s="516"/>
      <c r="AI506" s="516"/>
      <c r="AJ506" s="516"/>
      <c r="AK506" s="516"/>
      <c r="AL506" s="516"/>
      <c r="AM506" s="516"/>
      <c r="AN506" s="516"/>
      <c r="AO506" s="516"/>
      <c r="AP506" s="516"/>
      <c r="AQ506" s="516"/>
      <c r="AR506" s="516"/>
      <c r="AS506" s="516"/>
      <c r="AT506" s="516"/>
      <c r="AU506" s="516"/>
      <c r="AV506" s="516"/>
      <c r="AW506" s="516"/>
      <c r="AX506" s="516"/>
      <c r="AY506" s="516"/>
      <c r="AZ506" s="516"/>
      <c r="BA506" s="516"/>
      <c r="BB506" s="516"/>
      <c r="BC506" s="516"/>
      <c r="BD506" s="516"/>
      <c r="BE506" s="516"/>
      <c r="BF506" s="516"/>
      <c r="BG506" s="516"/>
      <c r="BH506" s="516"/>
      <c r="BI506" s="516"/>
      <c r="BJ506" s="516"/>
      <c r="BK506" s="516"/>
      <c r="BL506" s="516"/>
      <c r="BM506" s="516"/>
      <c r="BN506" s="516"/>
      <c r="BO506" s="892"/>
      <c r="BP506" s="516" t="s">
        <v>66</v>
      </c>
      <c r="BQ506" s="516" t="s">
        <v>66</v>
      </c>
      <c r="BR506" s="516" t="s">
        <v>66</v>
      </c>
      <c r="BS506" s="884">
        <f t="shared" si="798"/>
        <v>7171</v>
      </c>
      <c r="BT506" s="661">
        <f t="shared" si="876"/>
        <v>8916.9571886766134</v>
      </c>
      <c r="BU506" s="661"/>
      <c r="BV506" s="898" t="str">
        <f t="shared" si="877"/>
        <v/>
      </c>
      <c r="BW506" s="898" t="str">
        <f t="shared" si="878"/>
        <v/>
      </c>
      <c r="BX506" s="898" t="str">
        <f t="shared" si="879"/>
        <v/>
      </c>
      <c r="BY506" s="898" t="str">
        <f t="shared" si="880"/>
        <v/>
      </c>
      <c r="BZ506" s="898" t="str">
        <f t="shared" si="881"/>
        <v/>
      </c>
      <c r="CA506" s="898" t="str">
        <f t="shared" si="882"/>
        <v/>
      </c>
      <c r="CB506" s="898" t="str">
        <f t="shared" si="883"/>
        <v/>
      </c>
      <c r="CC506" s="898" t="str">
        <f t="shared" si="884"/>
        <v/>
      </c>
      <c r="CD506" s="898" t="str">
        <f t="shared" si="885"/>
        <v/>
      </c>
      <c r="CE506" s="898" t="str">
        <f t="shared" si="886"/>
        <v/>
      </c>
      <c r="CF506" s="898" t="str">
        <f t="shared" si="887"/>
        <v/>
      </c>
      <c r="CG506" s="898" t="str">
        <f t="shared" si="888"/>
        <v/>
      </c>
      <c r="CH506" s="898" t="str">
        <f t="shared" si="889"/>
        <v/>
      </c>
      <c r="CI506" s="898" t="str">
        <f t="shared" si="890"/>
        <v/>
      </c>
      <c r="CJ506" s="898" t="str">
        <f t="shared" si="891"/>
        <v/>
      </c>
      <c r="CK506" s="898" t="str">
        <f t="shared" si="892"/>
        <v/>
      </c>
      <c r="CL506" s="898" t="str">
        <f t="shared" si="893"/>
        <v/>
      </c>
      <c r="CM506" s="898" t="str">
        <f t="shared" si="894"/>
        <v/>
      </c>
      <c r="CN506" s="898" t="str">
        <f t="shared" si="895"/>
        <v/>
      </c>
      <c r="CO506" s="898" t="str">
        <f t="shared" si="896"/>
        <v/>
      </c>
      <c r="CP506" s="898" t="str">
        <f t="shared" si="897"/>
        <v/>
      </c>
      <c r="CQ506" s="898" t="str">
        <f t="shared" si="898"/>
        <v/>
      </c>
      <c r="CR506" s="898" t="str">
        <f t="shared" si="899"/>
        <v/>
      </c>
      <c r="CS506" s="898" t="str">
        <f t="shared" si="900"/>
        <v/>
      </c>
      <c r="CT506" s="898" t="str">
        <f t="shared" si="901"/>
        <v/>
      </c>
      <c r="CU506" s="898" t="str">
        <f t="shared" si="902"/>
        <v/>
      </c>
      <c r="CV506" s="898" t="str">
        <f t="shared" si="903"/>
        <v/>
      </c>
      <c r="CW506" s="898" t="str">
        <f t="shared" si="904"/>
        <v/>
      </c>
      <c r="CX506" s="898" t="str">
        <f t="shared" si="905"/>
        <v/>
      </c>
      <c r="CY506" s="898" t="str">
        <f t="shared" si="906"/>
        <v/>
      </c>
      <c r="CZ506" s="898" t="str">
        <f t="shared" si="907"/>
        <v/>
      </c>
      <c r="DA506" s="898" t="str">
        <f t="shared" si="908"/>
        <v/>
      </c>
      <c r="DB506" s="898" t="str">
        <f t="shared" si="909"/>
        <v/>
      </c>
      <c r="DC506" s="898" t="str">
        <f t="shared" si="910"/>
        <v/>
      </c>
      <c r="DD506" s="898" t="str">
        <f t="shared" si="911"/>
        <v/>
      </c>
      <c r="DE506" s="898" t="str">
        <f t="shared" si="912"/>
        <v/>
      </c>
      <c r="DF506" s="898" t="str">
        <f t="shared" si="913"/>
        <v/>
      </c>
      <c r="DG506" s="898" t="str">
        <f t="shared" si="914"/>
        <v/>
      </c>
      <c r="DH506" s="898" t="str">
        <f t="shared" si="915"/>
        <v/>
      </c>
      <c r="DI506" s="898" t="str">
        <f t="shared" si="916"/>
        <v/>
      </c>
      <c r="DJ506" s="898">
        <f t="shared" si="917"/>
        <v>14267131.501882581</v>
      </c>
      <c r="DK506" s="898">
        <f t="shared" si="918"/>
        <v>21400697.252823871</v>
      </c>
      <c r="DL506" s="898">
        <f t="shared" si="919"/>
        <v>28275671.245293543</v>
      </c>
      <c r="DM506" s="661">
        <f t="shared" si="920"/>
        <v>0</v>
      </c>
      <c r="DN506" s="898">
        <f t="shared" si="921"/>
        <v>63943499.999999993</v>
      </c>
      <c r="DO506" s="516">
        <f t="shared" si="922"/>
        <v>0</v>
      </c>
      <c r="DP506" s="898">
        <f t="shared" si="923"/>
        <v>0</v>
      </c>
      <c r="DQ506" s="522" t="s">
        <v>4673</v>
      </c>
      <c r="DR506" s="522"/>
      <c r="DS506" s="522" t="s">
        <v>4644</v>
      </c>
      <c r="DT506" s="613"/>
    </row>
    <row r="507" spans="1:124" ht="185.25" x14ac:dyDescent="0.2">
      <c r="A507" s="484" t="str">
        <f t="shared" si="794"/>
        <v>Integrated Mobility Hub at East Hemel Hempstead (Central)</v>
      </c>
      <c r="B507" s="1163">
        <v>504</v>
      </c>
      <c r="C507" s="1156" t="s">
        <v>4674</v>
      </c>
      <c r="D507" s="511" t="s">
        <v>2182</v>
      </c>
      <c r="E507" s="511" t="s">
        <v>1385</v>
      </c>
      <c r="F507" s="511" t="s">
        <v>655</v>
      </c>
      <c r="G507" s="775" t="s">
        <v>830</v>
      </c>
      <c r="H507" s="513" t="s">
        <v>4675</v>
      </c>
      <c r="I507" s="515"/>
      <c r="J507" s="513" t="s">
        <v>4676</v>
      </c>
      <c r="K507" s="664" t="s">
        <v>3104</v>
      </c>
      <c r="L507" s="515" t="s">
        <v>1378</v>
      </c>
      <c r="M507" s="543" t="s">
        <v>3005</v>
      </c>
      <c r="N507" s="515" t="s">
        <v>60</v>
      </c>
      <c r="O507" s="664" t="s">
        <v>4287</v>
      </c>
      <c r="P507" s="657" t="s">
        <v>61</v>
      </c>
      <c r="Q507" s="515" t="s">
        <v>249</v>
      </c>
      <c r="R507" s="745">
        <v>2500000</v>
      </c>
      <c r="S507" s="745">
        <v>5000000</v>
      </c>
      <c r="T507" s="853">
        <f>(R507+S507)/2</f>
        <v>3750000</v>
      </c>
      <c r="U507" s="516"/>
      <c r="V507" s="657" t="s">
        <v>64</v>
      </c>
      <c r="W507" s="642">
        <f>T507-X507</f>
        <v>0</v>
      </c>
      <c r="X507" s="745">
        <f>IF(ISTEXT(T507),T507,T507-U507)</f>
        <v>3750000</v>
      </c>
      <c r="Y507" s="745" t="s">
        <v>3106</v>
      </c>
      <c r="Z507" s="745">
        <f>_xlfn.XLOOKUP(I507, 'CALCS Aecom (July 25 2025)'!F:F, 'CALCS Aecom (July 25 2025)'!W:W)</f>
        <v>0</v>
      </c>
      <c r="AA507" s="651" t="s">
        <v>65</v>
      </c>
      <c r="AB507" s="516"/>
      <c r="AC507" s="516"/>
      <c r="AD507" s="516"/>
      <c r="AE507" s="516"/>
      <c r="AF507" s="516"/>
      <c r="AG507" s="516"/>
      <c r="AH507" s="516"/>
      <c r="AI507" s="516"/>
      <c r="AJ507" s="516"/>
      <c r="AK507" s="516"/>
      <c r="AL507" s="516"/>
      <c r="AM507" s="516"/>
      <c r="AN507" s="516"/>
      <c r="AO507" s="516"/>
      <c r="AP507" s="516"/>
      <c r="AQ507" s="516"/>
      <c r="AR507" s="516"/>
      <c r="AS507" s="516"/>
      <c r="AT507" s="516"/>
      <c r="AU507" s="516"/>
      <c r="AV507" s="516"/>
      <c r="AW507" s="516"/>
      <c r="AX507" s="516"/>
      <c r="AY507" s="516"/>
      <c r="AZ507" s="516"/>
      <c r="BA507" s="516"/>
      <c r="BB507" s="516"/>
      <c r="BC507" s="516"/>
      <c r="BD507" s="516"/>
      <c r="BE507" s="516"/>
      <c r="BF507" s="516"/>
      <c r="BG507" s="516"/>
      <c r="BH507" s="516"/>
      <c r="BI507" s="516"/>
      <c r="BJ507" s="516"/>
      <c r="BK507" s="516"/>
      <c r="BL507" s="516"/>
      <c r="BM507" s="516"/>
      <c r="BN507" s="516"/>
      <c r="BO507" s="516"/>
      <c r="BP507" s="516"/>
      <c r="BQ507" s="516"/>
      <c r="BR507" s="516" t="s">
        <v>66</v>
      </c>
      <c r="BS507" s="884">
        <f t="shared" si="798"/>
        <v>3171</v>
      </c>
      <c r="BT507" s="661">
        <f t="shared" si="876"/>
        <v>1182.5922421948912</v>
      </c>
      <c r="BU507" s="661"/>
      <c r="BV507" s="898" t="str">
        <f t="shared" si="877"/>
        <v/>
      </c>
      <c r="BW507" s="898" t="str">
        <f t="shared" si="878"/>
        <v/>
      </c>
      <c r="BX507" s="898" t="str">
        <f t="shared" si="879"/>
        <v/>
      </c>
      <c r="BY507" s="898" t="str">
        <f t="shared" si="880"/>
        <v/>
      </c>
      <c r="BZ507" s="898" t="str">
        <f t="shared" si="881"/>
        <v/>
      </c>
      <c r="CA507" s="898" t="str">
        <f t="shared" si="882"/>
        <v/>
      </c>
      <c r="CB507" s="898" t="str">
        <f t="shared" si="883"/>
        <v/>
      </c>
      <c r="CC507" s="898" t="str">
        <f t="shared" si="884"/>
        <v/>
      </c>
      <c r="CD507" s="898" t="str">
        <f t="shared" si="885"/>
        <v/>
      </c>
      <c r="CE507" s="898" t="str">
        <f t="shared" si="886"/>
        <v/>
      </c>
      <c r="CF507" s="898" t="str">
        <f t="shared" si="887"/>
        <v/>
      </c>
      <c r="CG507" s="898" t="str">
        <f t="shared" si="888"/>
        <v/>
      </c>
      <c r="CH507" s="898" t="str">
        <f t="shared" si="889"/>
        <v/>
      </c>
      <c r="CI507" s="898" t="str">
        <f t="shared" si="890"/>
        <v/>
      </c>
      <c r="CJ507" s="898" t="str">
        <f t="shared" si="891"/>
        <v/>
      </c>
      <c r="CK507" s="898" t="str">
        <f t="shared" si="892"/>
        <v/>
      </c>
      <c r="CL507" s="898" t="str">
        <f t="shared" si="893"/>
        <v/>
      </c>
      <c r="CM507" s="898" t="str">
        <f t="shared" si="894"/>
        <v/>
      </c>
      <c r="CN507" s="898" t="str">
        <f t="shared" si="895"/>
        <v/>
      </c>
      <c r="CO507" s="898" t="str">
        <f t="shared" si="896"/>
        <v/>
      </c>
      <c r="CP507" s="898" t="str">
        <f t="shared" si="897"/>
        <v/>
      </c>
      <c r="CQ507" s="898" t="str">
        <f t="shared" si="898"/>
        <v/>
      </c>
      <c r="CR507" s="898" t="str">
        <f t="shared" si="899"/>
        <v/>
      </c>
      <c r="CS507" s="898" t="str">
        <f t="shared" si="900"/>
        <v/>
      </c>
      <c r="CT507" s="898" t="str">
        <f t="shared" si="901"/>
        <v/>
      </c>
      <c r="CU507" s="898" t="str">
        <f t="shared" si="902"/>
        <v/>
      </c>
      <c r="CV507" s="898" t="str">
        <f t="shared" si="903"/>
        <v/>
      </c>
      <c r="CW507" s="898" t="str">
        <f t="shared" si="904"/>
        <v/>
      </c>
      <c r="CX507" s="898" t="str">
        <f t="shared" si="905"/>
        <v/>
      </c>
      <c r="CY507" s="898" t="str">
        <f t="shared" si="906"/>
        <v/>
      </c>
      <c r="CZ507" s="898" t="str">
        <f t="shared" si="907"/>
        <v/>
      </c>
      <c r="DA507" s="898" t="str">
        <f t="shared" si="908"/>
        <v/>
      </c>
      <c r="DB507" s="898" t="str">
        <f t="shared" si="909"/>
        <v/>
      </c>
      <c r="DC507" s="898" t="str">
        <f t="shared" si="910"/>
        <v/>
      </c>
      <c r="DD507" s="898" t="str">
        <f t="shared" si="911"/>
        <v/>
      </c>
      <c r="DE507" s="898" t="str">
        <f t="shared" si="912"/>
        <v/>
      </c>
      <c r="DF507" s="898" t="str">
        <f t="shared" si="913"/>
        <v/>
      </c>
      <c r="DG507" s="898" t="str">
        <f t="shared" si="914"/>
        <v/>
      </c>
      <c r="DH507" s="898" t="str">
        <f t="shared" si="915"/>
        <v/>
      </c>
      <c r="DI507" s="898" t="str">
        <f t="shared" si="916"/>
        <v/>
      </c>
      <c r="DJ507" s="898" t="str">
        <f t="shared" si="917"/>
        <v/>
      </c>
      <c r="DK507" s="898" t="str">
        <f t="shared" si="918"/>
        <v/>
      </c>
      <c r="DL507" s="898">
        <f t="shared" si="919"/>
        <v>3750000</v>
      </c>
      <c r="DM507" s="661">
        <f t="shared" si="920"/>
        <v>0</v>
      </c>
      <c r="DN507" s="898">
        <f t="shared" si="921"/>
        <v>3750000</v>
      </c>
      <c r="DO507" s="516">
        <f t="shared" si="922"/>
        <v>0</v>
      </c>
      <c r="DP507" s="898">
        <f t="shared" si="923"/>
        <v>0</v>
      </c>
      <c r="DQ507" s="522" t="s">
        <v>2359</v>
      </c>
      <c r="DR507" s="522" t="s">
        <v>4677</v>
      </c>
      <c r="DS507" s="522" t="s">
        <v>4639</v>
      </c>
      <c r="DT507" s="613"/>
    </row>
    <row r="508" spans="1:124" ht="42.75" x14ac:dyDescent="0.2">
      <c r="A508" s="484" t="str">
        <f t="shared" si="794"/>
        <v>Integrated Mobility Hub at North Hemel Hempstead (H1)</v>
      </c>
      <c r="B508" s="1163">
        <v>505</v>
      </c>
      <c r="C508" s="1156" t="s">
        <v>4678</v>
      </c>
      <c r="D508" s="511" t="s">
        <v>2182</v>
      </c>
      <c r="E508" s="511" t="s">
        <v>1385</v>
      </c>
      <c r="F508" s="511" t="s">
        <v>655</v>
      </c>
      <c r="G508" s="775" t="s">
        <v>830</v>
      </c>
      <c r="H508" s="513" t="s">
        <v>4679</v>
      </c>
      <c r="I508" s="515"/>
      <c r="J508" s="513" t="s">
        <v>2354</v>
      </c>
      <c r="K508" s="664" t="s">
        <v>3104</v>
      </c>
      <c r="L508" s="515" t="s">
        <v>1375</v>
      </c>
      <c r="M508" s="657" t="s">
        <v>3027</v>
      </c>
      <c r="N508" s="515" t="s">
        <v>60</v>
      </c>
      <c r="O508" s="654" t="s">
        <v>525</v>
      </c>
      <c r="P508" s="657" t="s">
        <v>61</v>
      </c>
      <c r="Q508" s="515" t="s">
        <v>2258</v>
      </c>
      <c r="R508" s="745">
        <v>332640</v>
      </c>
      <c r="S508" s="745">
        <v>499699</v>
      </c>
      <c r="T508" s="853">
        <f>(R508+S508)/2</f>
        <v>416169.5</v>
      </c>
      <c r="U508" s="516"/>
      <c r="V508" s="657" t="s">
        <v>64</v>
      </c>
      <c r="W508" s="642">
        <f>T508-X508</f>
        <v>0</v>
      </c>
      <c r="X508" s="745">
        <f>IF(ISTEXT(T508),T508,T508-U508)</f>
        <v>416169.5</v>
      </c>
      <c r="Y508" s="745" t="s">
        <v>3106</v>
      </c>
      <c r="Z508" s="745">
        <f>_xlfn.XLOOKUP(I508, 'CALCS Aecom (July 25 2025)'!F:F, 'CALCS Aecom (July 25 2025)'!W:W)</f>
        <v>0</v>
      </c>
      <c r="AA508" s="651" t="s">
        <v>65</v>
      </c>
      <c r="AB508" s="516"/>
      <c r="AC508" s="516"/>
      <c r="AD508" s="516"/>
      <c r="AE508" s="516"/>
      <c r="AF508" s="516"/>
      <c r="AG508" s="516"/>
      <c r="AH508" s="516"/>
      <c r="AI508" s="516"/>
      <c r="AJ508" s="516"/>
      <c r="AK508" s="516"/>
      <c r="AL508" s="516"/>
      <c r="AM508" s="516"/>
      <c r="AN508" s="516"/>
      <c r="AO508" s="516"/>
      <c r="AP508" s="516"/>
      <c r="AQ508" s="516"/>
      <c r="AR508" s="516"/>
      <c r="AS508" s="516"/>
      <c r="AT508" s="516"/>
      <c r="AU508" s="516"/>
      <c r="AV508" s="516"/>
      <c r="AW508" s="516"/>
      <c r="AX508" s="516"/>
      <c r="AY508" s="516"/>
      <c r="AZ508" s="516"/>
      <c r="BA508" s="516"/>
      <c r="BB508" s="516"/>
      <c r="BC508" s="516"/>
      <c r="BD508" s="516"/>
      <c r="BE508" s="516"/>
      <c r="BF508" s="516"/>
      <c r="BG508" s="516"/>
      <c r="BH508" s="516"/>
      <c r="BI508" s="516"/>
      <c r="BJ508" s="516"/>
      <c r="BK508" s="516"/>
      <c r="BL508" s="516"/>
      <c r="BM508" s="516"/>
      <c r="BN508" s="516"/>
      <c r="BO508" s="516" t="s">
        <v>66</v>
      </c>
      <c r="BP508" s="516"/>
      <c r="BQ508" s="516"/>
      <c r="BR508" s="516"/>
      <c r="BS508" s="884">
        <f t="shared" si="798"/>
        <v>1500</v>
      </c>
      <c r="BT508" s="661">
        <f t="shared" si="876"/>
        <v>277.44633333333331</v>
      </c>
      <c r="BU508" s="661"/>
      <c r="BV508" s="898" t="str">
        <f t="shared" si="877"/>
        <v/>
      </c>
      <c r="BW508" s="898" t="str">
        <f t="shared" si="878"/>
        <v/>
      </c>
      <c r="BX508" s="898" t="str">
        <f t="shared" si="879"/>
        <v/>
      </c>
      <c r="BY508" s="898" t="str">
        <f t="shared" si="880"/>
        <v/>
      </c>
      <c r="BZ508" s="898" t="str">
        <f t="shared" si="881"/>
        <v/>
      </c>
      <c r="CA508" s="898" t="str">
        <f t="shared" si="882"/>
        <v/>
      </c>
      <c r="CB508" s="898" t="str">
        <f t="shared" si="883"/>
        <v/>
      </c>
      <c r="CC508" s="898" t="str">
        <f t="shared" si="884"/>
        <v/>
      </c>
      <c r="CD508" s="898" t="str">
        <f t="shared" si="885"/>
        <v/>
      </c>
      <c r="CE508" s="898" t="str">
        <f t="shared" si="886"/>
        <v/>
      </c>
      <c r="CF508" s="898" t="str">
        <f t="shared" si="887"/>
        <v/>
      </c>
      <c r="CG508" s="898" t="str">
        <f t="shared" si="888"/>
        <v/>
      </c>
      <c r="CH508" s="898" t="str">
        <f t="shared" si="889"/>
        <v/>
      </c>
      <c r="CI508" s="898" t="str">
        <f t="shared" si="890"/>
        <v/>
      </c>
      <c r="CJ508" s="898" t="str">
        <f t="shared" si="891"/>
        <v/>
      </c>
      <c r="CK508" s="898" t="str">
        <f t="shared" si="892"/>
        <v/>
      </c>
      <c r="CL508" s="898" t="str">
        <f t="shared" si="893"/>
        <v/>
      </c>
      <c r="CM508" s="898" t="str">
        <f t="shared" si="894"/>
        <v/>
      </c>
      <c r="CN508" s="898" t="str">
        <f t="shared" si="895"/>
        <v/>
      </c>
      <c r="CO508" s="898" t="str">
        <f t="shared" si="896"/>
        <v/>
      </c>
      <c r="CP508" s="898" t="str">
        <f t="shared" si="897"/>
        <v/>
      </c>
      <c r="CQ508" s="898" t="str">
        <f t="shared" si="898"/>
        <v/>
      </c>
      <c r="CR508" s="898" t="str">
        <f t="shared" si="899"/>
        <v/>
      </c>
      <c r="CS508" s="898" t="str">
        <f t="shared" si="900"/>
        <v/>
      </c>
      <c r="CT508" s="898" t="str">
        <f t="shared" si="901"/>
        <v/>
      </c>
      <c r="CU508" s="898" t="str">
        <f t="shared" si="902"/>
        <v/>
      </c>
      <c r="CV508" s="898" t="str">
        <f t="shared" si="903"/>
        <v/>
      </c>
      <c r="CW508" s="898" t="str">
        <f t="shared" si="904"/>
        <v/>
      </c>
      <c r="CX508" s="898" t="str">
        <f t="shared" si="905"/>
        <v/>
      </c>
      <c r="CY508" s="898" t="str">
        <f t="shared" si="906"/>
        <v/>
      </c>
      <c r="CZ508" s="898" t="str">
        <f t="shared" si="907"/>
        <v/>
      </c>
      <c r="DA508" s="898" t="str">
        <f t="shared" si="908"/>
        <v/>
      </c>
      <c r="DB508" s="898" t="str">
        <f t="shared" si="909"/>
        <v/>
      </c>
      <c r="DC508" s="898" t="str">
        <f t="shared" si="910"/>
        <v/>
      </c>
      <c r="DD508" s="898" t="str">
        <f t="shared" si="911"/>
        <v/>
      </c>
      <c r="DE508" s="898" t="str">
        <f t="shared" si="912"/>
        <v/>
      </c>
      <c r="DF508" s="898" t="str">
        <f t="shared" si="913"/>
        <v/>
      </c>
      <c r="DG508" s="898" t="str">
        <f t="shared" si="914"/>
        <v/>
      </c>
      <c r="DH508" s="898" t="str">
        <f t="shared" si="915"/>
        <v/>
      </c>
      <c r="DI508" s="898">
        <f t="shared" si="916"/>
        <v>416169.5</v>
      </c>
      <c r="DJ508" s="898" t="str">
        <f t="shared" si="917"/>
        <v/>
      </c>
      <c r="DK508" s="898" t="str">
        <f t="shared" si="918"/>
        <v/>
      </c>
      <c r="DL508" s="898" t="str">
        <f t="shared" si="919"/>
        <v/>
      </c>
      <c r="DM508" s="661">
        <f t="shared" si="920"/>
        <v>0</v>
      </c>
      <c r="DN508" s="898">
        <f t="shared" si="921"/>
        <v>416169.5</v>
      </c>
      <c r="DO508" s="516">
        <f t="shared" si="922"/>
        <v>0</v>
      </c>
      <c r="DP508" s="898">
        <f t="shared" si="923"/>
        <v>0</v>
      </c>
      <c r="DQ508" s="522"/>
      <c r="DR508" s="522" t="s">
        <v>4677</v>
      </c>
      <c r="DS508" s="522" t="s">
        <v>4680</v>
      </c>
      <c r="DT508" s="613"/>
    </row>
    <row r="509" spans="1:124" ht="171" x14ac:dyDescent="0.2">
      <c r="A509" s="484" t="str">
        <f t="shared" si="794"/>
        <v>Shendish Manor and Fairfields Access</v>
      </c>
      <c r="B509" s="1163">
        <v>506</v>
      </c>
      <c r="C509" s="1156" t="s">
        <v>4681</v>
      </c>
      <c r="D509" s="481" t="s">
        <v>4682</v>
      </c>
      <c r="E509" s="481" t="s">
        <v>53</v>
      </c>
      <c r="F509" s="481" t="s">
        <v>655</v>
      </c>
      <c r="G509" s="775" t="s">
        <v>830</v>
      </c>
      <c r="H509" s="855" t="s">
        <v>4683</v>
      </c>
      <c r="I509" s="515"/>
      <c r="J509" s="673" t="s">
        <v>4684</v>
      </c>
      <c r="K509" s="664" t="s">
        <v>3104</v>
      </c>
      <c r="L509" s="775" t="s">
        <v>1369</v>
      </c>
      <c r="M509" s="657" t="s">
        <v>2996</v>
      </c>
      <c r="N509" s="775" t="s">
        <v>60</v>
      </c>
      <c r="O509" s="654" t="s">
        <v>3051</v>
      </c>
      <c r="P509" s="657" t="s">
        <v>61</v>
      </c>
      <c r="Q509" s="852" t="s">
        <v>122</v>
      </c>
      <c r="R509" s="657"/>
      <c r="S509" s="657"/>
      <c r="T509" s="676" t="s">
        <v>3360</v>
      </c>
      <c r="U509" s="854"/>
      <c r="V509" s="657" t="s">
        <v>64</v>
      </c>
      <c r="W509" s="642"/>
      <c r="X509" s="745"/>
      <c r="Y509" s="745" t="s">
        <v>3106</v>
      </c>
      <c r="Z509" s="745">
        <f>_xlfn.XLOOKUP(I509, 'CALCS Aecom (July 25 2025)'!F:F, 'CALCS Aecom (July 25 2025)'!W:W)</f>
        <v>0</v>
      </c>
      <c r="AA509" s="650" t="s">
        <v>65</v>
      </c>
      <c r="AB509" s="899"/>
      <c r="AC509" s="899"/>
      <c r="AD509" s="899"/>
      <c r="AE509" s="899"/>
      <c r="AF509" s="899"/>
      <c r="AG509" s="899"/>
      <c r="AH509" s="899"/>
      <c r="AI509" s="899"/>
      <c r="AJ509" s="899"/>
      <c r="AK509" s="899" t="s">
        <v>66</v>
      </c>
      <c r="AL509" s="900"/>
      <c r="AM509" s="899"/>
      <c r="AN509" s="899"/>
      <c r="AO509" s="899"/>
      <c r="AP509" s="899"/>
      <c r="AQ509" s="899"/>
      <c r="AR509" s="899"/>
      <c r="AS509" s="661"/>
      <c r="AT509" s="661"/>
      <c r="AU509" s="661"/>
      <c r="AV509" s="661"/>
      <c r="AW509" s="661"/>
      <c r="AX509" s="661"/>
      <c r="AY509" s="661"/>
      <c r="AZ509" s="661"/>
      <c r="BA509" s="661"/>
      <c r="BB509" s="661"/>
      <c r="BC509" s="661"/>
      <c r="BD509" s="661"/>
      <c r="BE509" s="661"/>
      <c r="BF509" s="661"/>
      <c r="BG509" s="746"/>
      <c r="BH509" s="746"/>
      <c r="BI509" s="746"/>
      <c r="BJ509" s="746"/>
      <c r="BK509" s="746"/>
      <c r="BL509" s="746"/>
      <c r="BM509" s="746"/>
      <c r="BN509" s="746"/>
      <c r="BO509" s="892"/>
      <c r="BP509" s="892"/>
      <c r="BQ509" s="892"/>
      <c r="BR509" s="892"/>
      <c r="BS509" s="884">
        <f t="shared" si="798"/>
        <v>500</v>
      </c>
      <c r="BT509" s="661">
        <f t="shared" si="876"/>
        <v>0</v>
      </c>
      <c r="BU509" s="661"/>
      <c r="BV509" s="898" t="str">
        <f t="shared" si="877"/>
        <v/>
      </c>
      <c r="BW509" s="898" t="str">
        <f t="shared" si="878"/>
        <v/>
      </c>
      <c r="BX509" s="898" t="str">
        <f t="shared" si="879"/>
        <v/>
      </c>
      <c r="BY509" s="898" t="str">
        <f t="shared" si="880"/>
        <v/>
      </c>
      <c r="BZ509" s="898" t="str">
        <f t="shared" si="881"/>
        <v/>
      </c>
      <c r="CA509" s="898" t="str">
        <f t="shared" si="882"/>
        <v/>
      </c>
      <c r="CB509" s="898" t="str">
        <f t="shared" si="883"/>
        <v/>
      </c>
      <c r="CC509" s="898" t="str">
        <f t="shared" si="884"/>
        <v/>
      </c>
      <c r="CD509" s="898" t="str">
        <f t="shared" si="885"/>
        <v/>
      </c>
      <c r="CE509" s="898">
        <f t="shared" si="886"/>
        <v>0</v>
      </c>
      <c r="CF509" s="898" t="str">
        <f t="shared" si="887"/>
        <v/>
      </c>
      <c r="CG509" s="898" t="str">
        <f t="shared" si="888"/>
        <v/>
      </c>
      <c r="CH509" s="898" t="str">
        <f t="shared" si="889"/>
        <v/>
      </c>
      <c r="CI509" s="898" t="str">
        <f t="shared" si="890"/>
        <v/>
      </c>
      <c r="CJ509" s="898" t="str">
        <f t="shared" si="891"/>
        <v/>
      </c>
      <c r="CK509" s="898" t="str">
        <f t="shared" si="892"/>
        <v/>
      </c>
      <c r="CL509" s="898" t="str">
        <f t="shared" si="893"/>
        <v/>
      </c>
      <c r="CM509" s="898" t="str">
        <f t="shared" si="894"/>
        <v/>
      </c>
      <c r="CN509" s="898" t="str">
        <f t="shared" si="895"/>
        <v/>
      </c>
      <c r="CO509" s="898" t="str">
        <f t="shared" si="896"/>
        <v/>
      </c>
      <c r="CP509" s="898" t="str">
        <f t="shared" si="897"/>
        <v/>
      </c>
      <c r="CQ509" s="898" t="str">
        <f t="shared" si="898"/>
        <v/>
      </c>
      <c r="CR509" s="898" t="str">
        <f t="shared" si="899"/>
        <v/>
      </c>
      <c r="CS509" s="898" t="str">
        <f t="shared" si="900"/>
        <v/>
      </c>
      <c r="CT509" s="898" t="str">
        <f t="shared" si="901"/>
        <v/>
      </c>
      <c r="CU509" s="898" t="str">
        <f t="shared" si="902"/>
        <v/>
      </c>
      <c r="CV509" s="898" t="str">
        <f t="shared" si="903"/>
        <v/>
      </c>
      <c r="CW509" s="898" t="str">
        <f t="shared" si="904"/>
        <v/>
      </c>
      <c r="CX509" s="898" t="str">
        <f t="shared" si="905"/>
        <v/>
      </c>
      <c r="CY509" s="898" t="str">
        <f t="shared" si="906"/>
        <v/>
      </c>
      <c r="CZ509" s="898" t="str">
        <f t="shared" si="907"/>
        <v/>
      </c>
      <c r="DA509" s="898" t="str">
        <f t="shared" si="908"/>
        <v/>
      </c>
      <c r="DB509" s="898" t="str">
        <f t="shared" si="909"/>
        <v/>
      </c>
      <c r="DC509" s="898" t="str">
        <f t="shared" si="910"/>
        <v/>
      </c>
      <c r="DD509" s="898" t="str">
        <f t="shared" si="911"/>
        <v/>
      </c>
      <c r="DE509" s="898" t="str">
        <f t="shared" si="912"/>
        <v/>
      </c>
      <c r="DF509" s="898" t="str">
        <f t="shared" si="913"/>
        <v/>
      </c>
      <c r="DG509" s="898" t="str">
        <f t="shared" si="914"/>
        <v/>
      </c>
      <c r="DH509" s="898" t="str">
        <f t="shared" si="915"/>
        <v/>
      </c>
      <c r="DI509" s="898" t="str">
        <f t="shared" si="916"/>
        <v/>
      </c>
      <c r="DJ509" s="898" t="str">
        <f t="shared" si="917"/>
        <v/>
      </c>
      <c r="DK509" s="898" t="str">
        <f t="shared" si="918"/>
        <v/>
      </c>
      <c r="DL509" s="898" t="str">
        <f t="shared" si="919"/>
        <v/>
      </c>
      <c r="DM509" s="661">
        <f t="shared" si="920"/>
        <v>0</v>
      </c>
      <c r="DN509" s="898">
        <f t="shared" si="921"/>
        <v>0</v>
      </c>
      <c r="DO509" s="516">
        <f t="shared" si="922"/>
        <v>0</v>
      </c>
      <c r="DP509" s="898">
        <f t="shared" si="923"/>
        <v>0</v>
      </c>
      <c r="DQ509" s="860"/>
      <c r="DR509" s="1220"/>
      <c r="DS509" s="1221" t="s">
        <v>4685</v>
      </c>
      <c r="DT509" s="613"/>
    </row>
    <row r="510" spans="1:124" ht="199.5" x14ac:dyDescent="0.2">
      <c r="A510" s="484" t="str">
        <f t="shared" si="794"/>
        <v>Adeyfield Road - DBC LCWIP Scheme H1 – Cycling</v>
      </c>
      <c r="B510" s="1163">
        <v>507</v>
      </c>
      <c r="C510" s="1156" t="s">
        <v>4686</v>
      </c>
      <c r="D510" s="481" t="s">
        <v>3212</v>
      </c>
      <c r="E510" s="481" t="s">
        <v>53</v>
      </c>
      <c r="F510" s="481" t="s">
        <v>655</v>
      </c>
      <c r="G510" s="775" t="s">
        <v>932</v>
      </c>
      <c r="H510" s="78" t="s">
        <v>4687</v>
      </c>
      <c r="I510" s="775"/>
      <c r="J510" s="78" t="s">
        <v>4688</v>
      </c>
      <c r="K510" s="664" t="s">
        <v>3104</v>
      </c>
      <c r="L510" s="1160" t="s">
        <v>4689</v>
      </c>
      <c r="M510" s="515" t="s">
        <v>2996</v>
      </c>
      <c r="N510" s="775" t="s">
        <v>81</v>
      </c>
      <c r="O510" s="654" t="s">
        <v>3216</v>
      </c>
      <c r="P510" s="657" t="s">
        <v>61</v>
      </c>
      <c r="Q510" s="654" t="s">
        <v>3218</v>
      </c>
      <c r="R510" s="657"/>
      <c r="S510" s="657"/>
      <c r="T510" s="1159">
        <v>6176269.7999999998</v>
      </c>
      <c r="U510" s="854"/>
      <c r="V510" s="657" t="s">
        <v>3219</v>
      </c>
      <c r="W510" s="642">
        <f t="shared" ref="W510:W543" si="924">T510-X510</f>
        <v>0</v>
      </c>
      <c r="X510" s="745">
        <f t="shared" ref="X510:X543" si="925">T510</f>
        <v>6176269.7999999998</v>
      </c>
      <c r="Y510" s="745"/>
      <c r="Z510" s="745"/>
      <c r="AA510" s="1331" t="s">
        <v>3220</v>
      </c>
      <c r="AB510" s="713"/>
      <c r="AC510" s="1162" t="s">
        <v>66</v>
      </c>
      <c r="AD510" s="713" t="s">
        <v>66</v>
      </c>
      <c r="AE510" s="713" t="s">
        <v>66</v>
      </c>
      <c r="AF510" s="713" t="s">
        <v>66</v>
      </c>
      <c r="AG510" s="713"/>
      <c r="AH510" s="713"/>
      <c r="AI510" s="713"/>
      <c r="AJ510" s="713"/>
      <c r="AK510" s="713"/>
      <c r="AL510" s="713"/>
      <c r="AM510" s="713"/>
      <c r="AN510" s="713" t="s">
        <v>66</v>
      </c>
      <c r="AO510" s="713"/>
      <c r="AP510" s="713" t="s">
        <v>66</v>
      </c>
      <c r="AQ510" s="713" t="s">
        <v>66</v>
      </c>
      <c r="AR510" s="713"/>
      <c r="AS510" s="657"/>
      <c r="AT510" s="657"/>
      <c r="AU510" s="657"/>
      <c r="AV510" s="657"/>
      <c r="AW510" s="657"/>
      <c r="AX510" s="657"/>
      <c r="AY510" s="657"/>
      <c r="AZ510" s="657"/>
      <c r="BA510" s="657"/>
      <c r="BB510" s="657"/>
      <c r="BC510" s="657"/>
      <c r="BD510" s="657"/>
      <c r="BE510" s="657"/>
      <c r="BF510" s="657"/>
      <c r="BG510" s="746"/>
      <c r="BH510" s="746"/>
      <c r="BI510" s="746"/>
      <c r="BJ510" s="746"/>
      <c r="BK510" s="746"/>
      <c r="BL510" s="746"/>
      <c r="BM510" s="746"/>
      <c r="BN510" s="746"/>
      <c r="BO510" s="892"/>
      <c r="BP510" s="892" t="s">
        <v>66</v>
      </c>
      <c r="BQ510" s="892"/>
      <c r="BR510" s="892" t="s">
        <v>66</v>
      </c>
      <c r="BS510" s="884">
        <f t="shared" si="798"/>
        <v>6675</v>
      </c>
      <c r="BT510" s="661">
        <f t="shared" si="876"/>
        <v>925.28386516853925</v>
      </c>
      <c r="BU510" s="661"/>
      <c r="BV510" s="898" t="str">
        <f t="shared" si="877"/>
        <v/>
      </c>
      <c r="BW510" s="898">
        <f t="shared" si="878"/>
        <v>185056.77303370784</v>
      </c>
      <c r="BX510" s="898">
        <f t="shared" si="879"/>
        <v>416377.73932584265</v>
      </c>
      <c r="BY510" s="898">
        <f t="shared" si="880"/>
        <v>323849.35280898871</v>
      </c>
      <c r="BZ510" s="898">
        <f t="shared" si="881"/>
        <v>462641.93258426961</v>
      </c>
      <c r="CA510" s="898" t="str">
        <f t="shared" si="882"/>
        <v/>
      </c>
      <c r="CB510" s="898" t="str">
        <f t="shared" si="883"/>
        <v/>
      </c>
      <c r="CC510" s="898" t="str">
        <f t="shared" si="884"/>
        <v/>
      </c>
      <c r="CD510" s="898" t="str">
        <f t="shared" si="885"/>
        <v/>
      </c>
      <c r="CE510" s="898" t="str">
        <f t="shared" si="886"/>
        <v/>
      </c>
      <c r="CF510" s="898" t="str">
        <f t="shared" si="887"/>
        <v/>
      </c>
      <c r="CG510" s="898" t="str">
        <f t="shared" si="888"/>
        <v/>
      </c>
      <c r="CH510" s="898">
        <f t="shared" si="889"/>
        <v>216516.42444943817</v>
      </c>
      <c r="CI510" s="898" t="str">
        <f t="shared" si="890"/>
        <v/>
      </c>
      <c r="CJ510" s="898">
        <f t="shared" si="891"/>
        <v>83275.547865168526</v>
      </c>
      <c r="CK510" s="898">
        <f t="shared" si="892"/>
        <v>74022.709213483147</v>
      </c>
      <c r="CL510" s="898" t="str">
        <f t="shared" si="893"/>
        <v/>
      </c>
      <c r="CM510" s="898" t="str">
        <f t="shared" si="894"/>
        <v/>
      </c>
      <c r="CN510" s="898" t="str">
        <f t="shared" si="895"/>
        <v/>
      </c>
      <c r="CO510" s="898" t="str">
        <f t="shared" si="896"/>
        <v/>
      </c>
      <c r="CP510" s="898" t="str">
        <f t="shared" si="897"/>
        <v/>
      </c>
      <c r="CQ510" s="898" t="str">
        <f t="shared" si="898"/>
        <v/>
      </c>
      <c r="CR510" s="898" t="str">
        <f t="shared" si="899"/>
        <v/>
      </c>
      <c r="CS510" s="898" t="str">
        <f t="shared" si="900"/>
        <v/>
      </c>
      <c r="CT510" s="898" t="str">
        <f t="shared" si="901"/>
        <v/>
      </c>
      <c r="CU510" s="898" t="str">
        <f t="shared" si="902"/>
        <v/>
      </c>
      <c r="CV510" s="898" t="str">
        <f t="shared" si="903"/>
        <v/>
      </c>
      <c r="CW510" s="898" t="str">
        <f t="shared" si="904"/>
        <v/>
      </c>
      <c r="CX510" s="898" t="str">
        <f t="shared" si="905"/>
        <v/>
      </c>
      <c r="CY510" s="898" t="str">
        <f t="shared" si="906"/>
        <v/>
      </c>
      <c r="CZ510" s="898" t="str">
        <f t="shared" si="907"/>
        <v/>
      </c>
      <c r="DA510" s="898" t="str">
        <f t="shared" si="908"/>
        <v/>
      </c>
      <c r="DB510" s="898" t="str">
        <f t="shared" si="909"/>
        <v/>
      </c>
      <c r="DC510" s="898" t="str">
        <f t="shared" si="910"/>
        <v/>
      </c>
      <c r="DD510" s="898" t="str">
        <f t="shared" si="911"/>
        <v/>
      </c>
      <c r="DE510" s="898" t="str">
        <f t="shared" si="912"/>
        <v/>
      </c>
      <c r="DF510" s="898" t="str">
        <f t="shared" si="913"/>
        <v/>
      </c>
      <c r="DG510" s="898" t="str">
        <f t="shared" si="914"/>
        <v/>
      </c>
      <c r="DH510" s="898" t="str">
        <f t="shared" si="915"/>
        <v/>
      </c>
      <c r="DI510" s="898" t="str">
        <f t="shared" si="916"/>
        <v/>
      </c>
      <c r="DJ510" s="898">
        <f t="shared" si="917"/>
        <v>1480454.1842696627</v>
      </c>
      <c r="DK510" s="898" t="str">
        <f t="shared" si="918"/>
        <v/>
      </c>
      <c r="DL510" s="898">
        <f t="shared" si="919"/>
        <v>2934075.1364494381</v>
      </c>
      <c r="DM510" s="661"/>
      <c r="DN510" s="898"/>
      <c r="DO510" s="516"/>
      <c r="DP510" s="898"/>
      <c r="DQ510" s="860" t="s">
        <v>4690</v>
      </c>
      <c r="DR510" s="860" t="s">
        <v>4691</v>
      </c>
      <c r="DS510" s="1221" t="s">
        <v>3222</v>
      </c>
      <c r="DT510" s="613"/>
    </row>
    <row r="511" spans="1:124" ht="199.5" x14ac:dyDescent="0.2">
      <c r="A511" s="484" t="str">
        <f t="shared" si="794"/>
        <v>Marlowes to Maylands Avenue South - DBC LCWIP Scheme H2 – Walking</v>
      </c>
      <c r="B511" s="1163">
        <v>508</v>
      </c>
      <c r="C511" s="1156" t="s">
        <v>4692</v>
      </c>
      <c r="D511" s="481" t="s">
        <v>3212</v>
      </c>
      <c r="E511" s="481" t="s">
        <v>53</v>
      </c>
      <c r="F511" s="481" t="s">
        <v>655</v>
      </c>
      <c r="G511" s="775" t="s">
        <v>932</v>
      </c>
      <c r="H511" s="78" t="s">
        <v>4693</v>
      </c>
      <c r="I511" s="775"/>
      <c r="J511" s="78" t="s">
        <v>4694</v>
      </c>
      <c r="K511" s="664" t="s">
        <v>3104</v>
      </c>
      <c r="L511" s="1161" t="s">
        <v>4695</v>
      </c>
      <c r="M511" s="515" t="s">
        <v>2996</v>
      </c>
      <c r="N511" s="775" t="s">
        <v>81</v>
      </c>
      <c r="O511" s="654" t="s">
        <v>3216</v>
      </c>
      <c r="P511" s="657" t="s">
        <v>61</v>
      </c>
      <c r="Q511" s="654" t="s">
        <v>3218</v>
      </c>
      <c r="R511" s="657"/>
      <c r="S511" s="657"/>
      <c r="T511" s="1159">
        <v>2020471</v>
      </c>
      <c r="U511" s="854"/>
      <c r="V511" s="657" t="s">
        <v>3219</v>
      </c>
      <c r="W511" s="642">
        <f t="shared" si="924"/>
        <v>0</v>
      </c>
      <c r="X511" s="745">
        <f t="shared" si="925"/>
        <v>2020471</v>
      </c>
      <c r="Y511" s="745"/>
      <c r="Z511" s="745"/>
      <c r="AA511" s="1331" t="s">
        <v>3220</v>
      </c>
      <c r="AB511" s="713"/>
      <c r="AC511" s="1162" t="s">
        <v>66</v>
      </c>
      <c r="AD511" s="713" t="s">
        <v>66</v>
      </c>
      <c r="AE511" s="713" t="s">
        <v>66</v>
      </c>
      <c r="AF511" s="713" t="s">
        <v>66</v>
      </c>
      <c r="AG511" s="713"/>
      <c r="AH511" s="713"/>
      <c r="AI511" s="713"/>
      <c r="AJ511" s="713"/>
      <c r="AK511" s="713"/>
      <c r="AL511" s="713"/>
      <c r="AM511" s="713"/>
      <c r="AN511" s="713" t="s">
        <v>66</v>
      </c>
      <c r="AO511" s="713"/>
      <c r="AP511" s="713" t="s">
        <v>66</v>
      </c>
      <c r="AQ511" s="713" t="s">
        <v>66</v>
      </c>
      <c r="AR511" s="713"/>
      <c r="AS511" s="657"/>
      <c r="AT511" s="657"/>
      <c r="AU511" s="657"/>
      <c r="AV511" s="657"/>
      <c r="AW511" s="657"/>
      <c r="AX511" s="657"/>
      <c r="AY511" s="657"/>
      <c r="AZ511" s="657"/>
      <c r="BA511" s="657"/>
      <c r="BB511" s="657"/>
      <c r="BC511" s="657"/>
      <c r="BD511" s="657"/>
      <c r="BE511" s="657"/>
      <c r="BF511" s="657"/>
      <c r="BG511" s="746"/>
      <c r="BH511" s="746"/>
      <c r="BI511" s="746"/>
      <c r="BJ511" s="746"/>
      <c r="BK511" s="746"/>
      <c r="BL511" s="746"/>
      <c r="BM511" s="746"/>
      <c r="BN511" s="746"/>
      <c r="BO511" s="892"/>
      <c r="BP511" s="892" t="s">
        <v>66</v>
      </c>
      <c r="BQ511" s="892" t="s">
        <v>66</v>
      </c>
      <c r="BR511" s="892" t="s">
        <v>66</v>
      </c>
      <c r="BS511" s="884">
        <f t="shared" si="798"/>
        <v>9075</v>
      </c>
      <c r="BT511" s="661">
        <f t="shared" si="876"/>
        <v>222.64143250688704</v>
      </c>
      <c r="BU511" s="661"/>
      <c r="BV511" s="898" t="str">
        <f t="shared" ref="BV511:BV553" si="926">IF(AB511="yes",(AB$3*$BT511),"")</f>
        <v/>
      </c>
      <c r="BW511" s="898">
        <f t="shared" ref="BW511:BW553" si="927">IF(AC511="yes",(AC$3*$BT511),"")</f>
        <v>44528.286501377406</v>
      </c>
      <c r="BX511" s="898">
        <f t="shared" ref="BX511:BX553" si="928">IF(AD511="yes",(AD$3*$BT511),"")</f>
        <v>100188.64462809917</v>
      </c>
      <c r="BY511" s="898">
        <f t="shared" ref="BY511:BY553" si="929">IF(AE511="yes",(AE$3*$BT511),"")</f>
        <v>77924.501377410459</v>
      </c>
      <c r="BZ511" s="898">
        <f t="shared" ref="BZ511:BZ553" si="930">IF(AF511="yes",(AF$3*$BT511),"")</f>
        <v>111320.71625344352</v>
      </c>
      <c r="CA511" s="898" t="str">
        <f t="shared" ref="CA511:CA553" si="931">IF(AG511="yes",(AG$3*$BT511),"")</f>
        <v/>
      </c>
      <c r="CB511" s="898" t="str">
        <f t="shared" ref="CB511:CB553" si="932">IF(AH511="yes",(AH$3*$BT511),"")</f>
        <v/>
      </c>
      <c r="CC511" s="898" t="str">
        <f t="shared" ref="CC511:CC553" si="933">IF(AI511="yes",(AI$3*$BT511),"")</f>
        <v/>
      </c>
      <c r="CD511" s="898" t="str">
        <f t="shared" ref="CD511:CD553" si="934">IF(AJ511="yes",(AJ$3*$BT511),"")</f>
        <v/>
      </c>
      <c r="CE511" s="898" t="str">
        <f t="shared" ref="CE511:CE553" si="935">IF(AK511="yes",(AK$3*$BT511),"")</f>
        <v/>
      </c>
      <c r="CF511" s="898" t="str">
        <f t="shared" ref="CF511:CF553" si="936">IF(AL511="yes",(AL$3*$BT511),"")</f>
        <v/>
      </c>
      <c r="CG511" s="898" t="str">
        <f t="shared" ref="CG511:CG553" si="937">IF(AM511="yes",(AM$3*$BT511),"")</f>
        <v/>
      </c>
      <c r="CH511" s="898">
        <f t="shared" ref="CH511:CH553" si="938">IF(AN511="yes",(AN$3*$BT511),"")</f>
        <v>52098.095206611571</v>
      </c>
      <c r="CI511" s="898" t="str">
        <f t="shared" ref="CI511:CI553" si="939">IF(AO511="yes",(AO$3*$BT511),"")</f>
        <v/>
      </c>
      <c r="CJ511" s="898">
        <f t="shared" ref="CJ511:CJ553" si="940">IF(AP511="yes",(AP$3*$BT511),"")</f>
        <v>20037.728925619835</v>
      </c>
      <c r="CK511" s="898">
        <f t="shared" ref="CK511:CK553" si="941">IF(AQ511="yes",(AQ$3*$BT511),"")</f>
        <v>17811.314600550962</v>
      </c>
      <c r="CL511" s="898" t="str">
        <f t="shared" ref="CL511:CL553" si="942">IF(AR511="yes",(AR$3*$BT511),"")</f>
        <v/>
      </c>
      <c r="CM511" s="898"/>
      <c r="CN511" s="898"/>
      <c r="CO511" s="898"/>
      <c r="CP511" s="898"/>
      <c r="CQ511" s="898"/>
      <c r="CR511" s="898"/>
      <c r="CS511" s="898"/>
      <c r="CT511" s="898"/>
      <c r="CU511" s="898"/>
      <c r="CV511" s="898"/>
      <c r="CW511" s="898"/>
      <c r="CX511" s="898"/>
      <c r="CY511" s="898"/>
      <c r="CZ511" s="898"/>
      <c r="DA511" s="898"/>
      <c r="DB511" s="898"/>
      <c r="DC511" s="898"/>
      <c r="DD511" s="898"/>
      <c r="DE511" s="898"/>
      <c r="DF511" s="898"/>
      <c r="DG511" s="898"/>
      <c r="DH511" s="898"/>
      <c r="DI511" s="898" t="str">
        <f t="shared" ref="DI511:DI543" si="943">IF(BO511="yes",(BO$3*$BT511),"")</f>
        <v/>
      </c>
      <c r="DJ511" s="898">
        <f t="shared" ref="DJ511:DJ543" si="944">IF(BP511="yes",(BP$3*$BT511),"")</f>
        <v>356226.29201101925</v>
      </c>
      <c r="DK511" s="898">
        <f t="shared" ref="DK511:DK543" si="945">IF(BQ511="yes",(BQ$3*$BT511),"")</f>
        <v>534339.43801652885</v>
      </c>
      <c r="DL511" s="898">
        <f t="shared" ref="DL511:DL543" si="946">IF(BR511="yes",(BR$3*$BT511),"")</f>
        <v>705995.98247933877</v>
      </c>
      <c r="DM511" s="661"/>
      <c r="DN511" s="898"/>
      <c r="DO511" s="516"/>
      <c r="DP511" s="898"/>
      <c r="DQ511" s="860" t="s">
        <v>4690</v>
      </c>
      <c r="DR511" s="860" t="s">
        <v>4691</v>
      </c>
      <c r="DS511" s="1221" t="s">
        <v>3222</v>
      </c>
      <c r="DT511" s="613"/>
    </row>
    <row r="512" spans="1:124" ht="199.5" x14ac:dyDescent="0.2">
      <c r="A512" s="484" t="str">
        <f t="shared" si="794"/>
        <v>Leighton Buzzard Road - DBC LCWIP Scheme H3 – Cycling</v>
      </c>
      <c r="B512" s="1163">
        <v>509</v>
      </c>
      <c r="C512" s="1156" t="s">
        <v>4696</v>
      </c>
      <c r="D512" s="481" t="s">
        <v>3212</v>
      </c>
      <c r="E512" s="481" t="s">
        <v>53</v>
      </c>
      <c r="F512" s="481" t="s">
        <v>655</v>
      </c>
      <c r="G512" s="775" t="s">
        <v>932</v>
      </c>
      <c r="H512" s="78" t="s">
        <v>4697</v>
      </c>
      <c r="I512" s="775"/>
      <c r="J512" s="78" t="s">
        <v>4698</v>
      </c>
      <c r="K512" s="664" t="s">
        <v>3104</v>
      </c>
      <c r="L512" s="1160" t="s">
        <v>4699</v>
      </c>
      <c r="M512" s="515" t="s">
        <v>2996</v>
      </c>
      <c r="N512" s="775" t="s">
        <v>81</v>
      </c>
      <c r="O512" s="654" t="s">
        <v>3216</v>
      </c>
      <c r="P512" s="657" t="s">
        <v>61</v>
      </c>
      <c r="Q512" s="654" t="s">
        <v>3218</v>
      </c>
      <c r="R512" s="657"/>
      <c r="S512" s="657"/>
      <c r="T512" s="1159">
        <v>3117500</v>
      </c>
      <c r="U512" s="854"/>
      <c r="V512" s="657" t="s">
        <v>3219</v>
      </c>
      <c r="W512" s="642">
        <f t="shared" si="924"/>
        <v>0</v>
      </c>
      <c r="X512" s="745">
        <f t="shared" si="925"/>
        <v>3117500</v>
      </c>
      <c r="Y512" s="745"/>
      <c r="Z512" s="745"/>
      <c r="AA512" s="1331" t="s">
        <v>3220</v>
      </c>
      <c r="AB512" s="713" t="s">
        <v>66</v>
      </c>
      <c r="AC512" s="1162" t="s">
        <v>66</v>
      </c>
      <c r="AD512" s="713" t="s">
        <v>66</v>
      </c>
      <c r="AE512" s="713" t="s">
        <v>66</v>
      </c>
      <c r="AF512" s="713" t="s">
        <v>66</v>
      </c>
      <c r="AG512" s="713" t="s">
        <v>66</v>
      </c>
      <c r="AH512" s="713" t="s">
        <v>66</v>
      </c>
      <c r="AI512" s="713" t="s">
        <v>66</v>
      </c>
      <c r="AJ512" s="713"/>
      <c r="AK512" s="713"/>
      <c r="AL512" s="713" t="s">
        <v>66</v>
      </c>
      <c r="AM512" s="713"/>
      <c r="AN512" s="713"/>
      <c r="AO512" s="713" t="s">
        <v>66</v>
      </c>
      <c r="AP512" s="713" t="s">
        <v>66</v>
      </c>
      <c r="AQ512" s="713"/>
      <c r="AR512" s="713"/>
      <c r="AS512" s="657"/>
      <c r="AT512" s="657"/>
      <c r="AU512" s="657"/>
      <c r="AV512" s="657"/>
      <c r="AW512" s="657"/>
      <c r="AX512" s="657"/>
      <c r="AY512" s="657"/>
      <c r="AZ512" s="657"/>
      <c r="BA512" s="657"/>
      <c r="BB512" s="657"/>
      <c r="BC512" s="657"/>
      <c r="BD512" s="657"/>
      <c r="BE512" s="657"/>
      <c r="BF512" s="657"/>
      <c r="BG512" s="746"/>
      <c r="BH512" s="746"/>
      <c r="BI512" s="746"/>
      <c r="BJ512" s="746"/>
      <c r="BK512" s="746"/>
      <c r="BL512" s="746"/>
      <c r="BM512" s="746"/>
      <c r="BN512" s="746"/>
      <c r="BO512" s="892"/>
      <c r="BP512" s="892"/>
      <c r="BQ512" s="892"/>
      <c r="BR512" s="892"/>
      <c r="BS512" s="884">
        <f t="shared" si="798"/>
        <v>8660</v>
      </c>
      <c r="BT512" s="661">
        <f t="shared" si="876"/>
        <v>359.98845265588915</v>
      </c>
      <c r="BU512" s="661"/>
      <c r="BV512" s="898">
        <f t="shared" si="926"/>
        <v>1799942.2632794457</v>
      </c>
      <c r="BW512" s="898">
        <f t="shared" si="927"/>
        <v>71997.690531177825</v>
      </c>
      <c r="BX512" s="898">
        <f t="shared" si="928"/>
        <v>161994.80369515013</v>
      </c>
      <c r="BY512" s="898">
        <f t="shared" si="929"/>
        <v>125995.9584295612</v>
      </c>
      <c r="BZ512" s="898">
        <f t="shared" si="930"/>
        <v>179994.22632794458</v>
      </c>
      <c r="CA512" s="898">
        <f t="shared" si="931"/>
        <v>172794.4572748268</v>
      </c>
      <c r="CB512" s="898">
        <f t="shared" si="932"/>
        <v>35998.845265588912</v>
      </c>
      <c r="CC512" s="898">
        <f t="shared" si="933"/>
        <v>140395.49653579676</v>
      </c>
      <c r="CD512" s="898" t="str">
        <f t="shared" si="934"/>
        <v/>
      </c>
      <c r="CE512" s="898" t="str">
        <f t="shared" si="935"/>
        <v/>
      </c>
      <c r="CF512" s="898">
        <f t="shared" si="936"/>
        <v>269991.33949191688</v>
      </c>
      <c r="CG512" s="898" t="str">
        <f t="shared" si="937"/>
        <v/>
      </c>
      <c r="CH512" s="898" t="str">
        <f t="shared" si="938"/>
        <v/>
      </c>
      <c r="CI512" s="898">
        <f t="shared" si="939"/>
        <v>125995.9584295612</v>
      </c>
      <c r="CJ512" s="898">
        <f t="shared" si="940"/>
        <v>32398.960739030023</v>
      </c>
      <c r="CK512" s="898" t="str">
        <f t="shared" si="941"/>
        <v/>
      </c>
      <c r="CL512" s="898" t="str">
        <f t="shared" si="942"/>
        <v/>
      </c>
      <c r="CM512" s="898"/>
      <c r="CN512" s="898"/>
      <c r="CO512" s="898"/>
      <c r="CP512" s="898"/>
      <c r="CQ512" s="898"/>
      <c r="CR512" s="898"/>
      <c r="CS512" s="898"/>
      <c r="CT512" s="898"/>
      <c r="CU512" s="898"/>
      <c r="CV512" s="898"/>
      <c r="CW512" s="898"/>
      <c r="CX512" s="898"/>
      <c r="CY512" s="898"/>
      <c r="CZ512" s="898"/>
      <c r="DA512" s="898"/>
      <c r="DB512" s="898"/>
      <c r="DC512" s="898"/>
      <c r="DD512" s="898"/>
      <c r="DE512" s="898"/>
      <c r="DF512" s="898"/>
      <c r="DG512" s="898"/>
      <c r="DH512" s="898"/>
      <c r="DI512" s="898" t="str">
        <f t="shared" si="943"/>
        <v/>
      </c>
      <c r="DJ512" s="898" t="str">
        <f t="shared" si="944"/>
        <v/>
      </c>
      <c r="DK512" s="898" t="str">
        <f t="shared" si="945"/>
        <v/>
      </c>
      <c r="DL512" s="898" t="str">
        <f t="shared" si="946"/>
        <v/>
      </c>
      <c r="DM512" s="661"/>
      <c r="DN512" s="898"/>
      <c r="DO512" s="516"/>
      <c r="DP512" s="898"/>
      <c r="DQ512" s="860" t="s">
        <v>4690</v>
      </c>
      <c r="DR512" s="860" t="s">
        <v>4691</v>
      </c>
      <c r="DS512" s="1221" t="s">
        <v>3222</v>
      </c>
      <c r="DT512" s="613"/>
    </row>
    <row r="513" spans="1:124" ht="199.5" x14ac:dyDescent="0.2">
      <c r="A513" s="484" t="str">
        <f t="shared" si="794"/>
        <v>Bennetts End Road - DBC LCWIP Scheme H4 – Cycling</v>
      </c>
      <c r="B513" s="1163">
        <v>510</v>
      </c>
      <c r="C513" s="1156" t="s">
        <v>4700</v>
      </c>
      <c r="D513" s="481" t="s">
        <v>3212</v>
      </c>
      <c r="E513" s="481" t="s">
        <v>53</v>
      </c>
      <c r="F513" s="481" t="s">
        <v>655</v>
      </c>
      <c r="G513" s="775" t="s">
        <v>932</v>
      </c>
      <c r="H513" s="78" t="s">
        <v>4701</v>
      </c>
      <c r="I513" s="775"/>
      <c r="J513" s="78" t="s">
        <v>4702</v>
      </c>
      <c r="K513" s="664" t="s">
        <v>3104</v>
      </c>
      <c r="L513" s="1160" t="s">
        <v>4703</v>
      </c>
      <c r="M513" s="515" t="s">
        <v>2996</v>
      </c>
      <c r="N513" s="775" t="s">
        <v>81</v>
      </c>
      <c r="O513" s="654" t="s">
        <v>3216</v>
      </c>
      <c r="P513" s="657" t="s">
        <v>61</v>
      </c>
      <c r="Q513" s="654" t="s">
        <v>3218</v>
      </c>
      <c r="R513" s="657"/>
      <c r="S513" s="657"/>
      <c r="T513" s="1159">
        <v>2076800</v>
      </c>
      <c r="U513" s="854"/>
      <c r="V513" s="657" t="s">
        <v>3219</v>
      </c>
      <c r="W513" s="642">
        <f t="shared" si="924"/>
        <v>0</v>
      </c>
      <c r="X513" s="745">
        <f t="shared" si="925"/>
        <v>2076800</v>
      </c>
      <c r="Y513" s="745"/>
      <c r="Z513" s="745"/>
      <c r="AA513" s="1331" t="s">
        <v>3220</v>
      </c>
      <c r="AB513" s="713"/>
      <c r="AC513" s="713"/>
      <c r="AD513" s="713" t="s">
        <v>66</v>
      </c>
      <c r="AE513" s="713" t="s">
        <v>66</v>
      </c>
      <c r="AF513" s="713"/>
      <c r="AG513" s="713"/>
      <c r="AH513" s="713"/>
      <c r="AI513" s="713"/>
      <c r="AJ513" s="713" t="s">
        <v>66</v>
      </c>
      <c r="AK513" s="713" t="s">
        <v>66</v>
      </c>
      <c r="AL513" s="713"/>
      <c r="AM513" s="713"/>
      <c r="AN513" s="713"/>
      <c r="AO513" s="713"/>
      <c r="AP513" s="713"/>
      <c r="AQ513" s="713"/>
      <c r="AR513" s="713"/>
      <c r="AS513" s="657"/>
      <c r="AT513" s="657"/>
      <c r="AU513" s="657"/>
      <c r="AV513" s="657"/>
      <c r="AW513" s="657"/>
      <c r="AX513" s="657"/>
      <c r="AY513" s="657"/>
      <c r="AZ513" s="657"/>
      <c r="BA513" s="657"/>
      <c r="BB513" s="657"/>
      <c r="BC513" s="657"/>
      <c r="BD513" s="657"/>
      <c r="BE513" s="657"/>
      <c r="BF513" s="657"/>
      <c r="BG513" s="746"/>
      <c r="BH513" s="746"/>
      <c r="BI513" s="746"/>
      <c r="BJ513" s="746"/>
      <c r="BK513" s="746"/>
      <c r="BL513" s="746"/>
      <c r="BM513" s="746"/>
      <c r="BN513" s="746"/>
      <c r="BO513" s="892"/>
      <c r="BP513" s="892"/>
      <c r="BQ513" s="892"/>
      <c r="BR513" s="892"/>
      <c r="BS513" s="884">
        <f t="shared" si="798"/>
        <v>1800</v>
      </c>
      <c r="BT513" s="661">
        <f t="shared" si="876"/>
        <v>1153.7777777777778</v>
      </c>
      <c r="BU513" s="661"/>
      <c r="BV513" s="898" t="str">
        <f t="shared" si="926"/>
        <v/>
      </c>
      <c r="BW513" s="898" t="str">
        <f t="shared" si="927"/>
        <v/>
      </c>
      <c r="BX513" s="898">
        <f t="shared" si="928"/>
        <v>519200</v>
      </c>
      <c r="BY513" s="898">
        <f t="shared" si="929"/>
        <v>403822.22222222225</v>
      </c>
      <c r="BZ513" s="898" t="str">
        <f t="shared" si="930"/>
        <v/>
      </c>
      <c r="CA513" s="898" t="str">
        <f t="shared" si="931"/>
        <v/>
      </c>
      <c r="CB513" s="898" t="str">
        <f t="shared" si="932"/>
        <v/>
      </c>
      <c r="CC513" s="898" t="str">
        <f t="shared" si="933"/>
        <v/>
      </c>
      <c r="CD513" s="898">
        <f t="shared" si="934"/>
        <v>576888.88888888888</v>
      </c>
      <c r="CE513" s="898">
        <f t="shared" si="935"/>
        <v>576888.88888888888</v>
      </c>
      <c r="CF513" s="898" t="str">
        <f t="shared" si="936"/>
        <v/>
      </c>
      <c r="CG513" s="898" t="str">
        <f t="shared" si="937"/>
        <v/>
      </c>
      <c r="CH513" s="898" t="str">
        <f t="shared" si="938"/>
        <v/>
      </c>
      <c r="CI513" s="898" t="str">
        <f t="shared" si="939"/>
        <v/>
      </c>
      <c r="CJ513" s="898" t="str">
        <f t="shared" si="940"/>
        <v/>
      </c>
      <c r="CK513" s="898" t="str">
        <f t="shared" si="941"/>
        <v/>
      </c>
      <c r="CL513" s="898" t="str">
        <f t="shared" si="942"/>
        <v/>
      </c>
      <c r="CM513" s="898"/>
      <c r="CN513" s="898"/>
      <c r="CO513" s="898"/>
      <c r="CP513" s="898"/>
      <c r="CQ513" s="898"/>
      <c r="CR513" s="898"/>
      <c r="CS513" s="898"/>
      <c r="CT513" s="898"/>
      <c r="CU513" s="898"/>
      <c r="CV513" s="898"/>
      <c r="CW513" s="898"/>
      <c r="CX513" s="898"/>
      <c r="CY513" s="898"/>
      <c r="CZ513" s="898"/>
      <c r="DA513" s="898"/>
      <c r="DB513" s="898"/>
      <c r="DC513" s="898"/>
      <c r="DD513" s="898"/>
      <c r="DE513" s="898"/>
      <c r="DF513" s="898"/>
      <c r="DG513" s="898"/>
      <c r="DH513" s="898"/>
      <c r="DI513" s="898" t="str">
        <f t="shared" si="943"/>
        <v/>
      </c>
      <c r="DJ513" s="898" t="str">
        <f t="shared" si="944"/>
        <v/>
      </c>
      <c r="DK513" s="898" t="str">
        <f t="shared" si="945"/>
        <v/>
      </c>
      <c r="DL513" s="898" t="str">
        <f t="shared" si="946"/>
        <v/>
      </c>
      <c r="DM513" s="661"/>
      <c r="DN513" s="898"/>
      <c r="DO513" s="516"/>
      <c r="DP513" s="898"/>
      <c r="DQ513" s="860" t="s">
        <v>4690</v>
      </c>
      <c r="DR513" s="860" t="s">
        <v>4691</v>
      </c>
      <c r="DS513" s="1221" t="s">
        <v>3222</v>
      </c>
      <c r="DT513" s="613"/>
    </row>
    <row r="514" spans="1:124" ht="199.5" x14ac:dyDescent="0.2">
      <c r="A514" s="484" t="str">
        <f t="shared" si="794"/>
        <v>South Hill Primary School to Waterhouse Street - DBC LCWIP Scheme H5 – Walking</v>
      </c>
      <c r="B514" s="1163">
        <v>511</v>
      </c>
      <c r="C514" s="1156" t="s">
        <v>4704</v>
      </c>
      <c r="D514" s="481" t="s">
        <v>3212</v>
      </c>
      <c r="E514" s="481" t="s">
        <v>53</v>
      </c>
      <c r="F514" s="481" t="s">
        <v>655</v>
      </c>
      <c r="G514" s="775" t="s">
        <v>932</v>
      </c>
      <c r="H514" s="78" t="s">
        <v>4705</v>
      </c>
      <c r="I514" s="775"/>
      <c r="J514" s="78" t="s">
        <v>4706</v>
      </c>
      <c r="K514" s="664" t="s">
        <v>3104</v>
      </c>
      <c r="L514" s="1161" t="s">
        <v>4707</v>
      </c>
      <c r="M514" s="515" t="s">
        <v>2996</v>
      </c>
      <c r="N514" s="775" t="s">
        <v>81</v>
      </c>
      <c r="O514" s="654" t="s">
        <v>3216</v>
      </c>
      <c r="P514" s="657" t="s">
        <v>61</v>
      </c>
      <c r="Q514" s="654" t="s">
        <v>3218</v>
      </c>
      <c r="R514" s="657"/>
      <c r="S514" s="657"/>
      <c r="T514" s="1159">
        <v>204334</v>
      </c>
      <c r="U514" s="854"/>
      <c r="V514" s="657" t="s">
        <v>3219</v>
      </c>
      <c r="W514" s="642">
        <f t="shared" si="924"/>
        <v>0</v>
      </c>
      <c r="X514" s="745">
        <f t="shared" si="925"/>
        <v>204334</v>
      </c>
      <c r="Y514" s="745"/>
      <c r="Z514" s="745"/>
      <c r="AA514" s="1331" t="s">
        <v>3220</v>
      </c>
      <c r="AB514" s="713"/>
      <c r="AC514" s="1162" t="s">
        <v>66</v>
      </c>
      <c r="AD514" s="713" t="s">
        <v>66</v>
      </c>
      <c r="AE514" s="713" t="s">
        <v>66</v>
      </c>
      <c r="AF514" s="713" t="s">
        <v>66</v>
      </c>
      <c r="AG514" s="713" t="s">
        <v>66</v>
      </c>
      <c r="AH514" s="713" t="s">
        <v>66</v>
      </c>
      <c r="AI514" s="713" t="s">
        <v>66</v>
      </c>
      <c r="AJ514" s="713"/>
      <c r="AK514" s="713"/>
      <c r="AL514" s="713"/>
      <c r="AM514" s="713"/>
      <c r="AN514" s="713"/>
      <c r="AO514" s="713"/>
      <c r="AP514" s="713"/>
      <c r="AQ514" s="713"/>
      <c r="AR514" s="713"/>
      <c r="AS514" s="657"/>
      <c r="AT514" s="657"/>
      <c r="AU514" s="657"/>
      <c r="AV514" s="657"/>
      <c r="AW514" s="657"/>
      <c r="AX514" s="657"/>
      <c r="AY514" s="657"/>
      <c r="AZ514" s="657"/>
      <c r="BA514" s="657"/>
      <c r="BB514" s="657"/>
      <c r="BC514" s="657"/>
      <c r="BD514" s="657"/>
      <c r="BE514" s="657"/>
      <c r="BF514" s="657"/>
      <c r="BG514" s="746"/>
      <c r="BH514" s="746"/>
      <c r="BI514" s="746"/>
      <c r="BJ514" s="746"/>
      <c r="BK514" s="746"/>
      <c r="BL514" s="746"/>
      <c r="BM514" s="746"/>
      <c r="BN514" s="746"/>
      <c r="BO514" s="892"/>
      <c r="BP514" s="892"/>
      <c r="BQ514" s="892"/>
      <c r="BR514" s="892"/>
      <c r="BS514" s="884">
        <f t="shared" si="798"/>
        <v>2470</v>
      </c>
      <c r="BT514" s="661">
        <f t="shared" si="876"/>
        <v>82.726315789473688</v>
      </c>
      <c r="BU514" s="661"/>
      <c r="BV514" s="898" t="str">
        <f t="shared" si="926"/>
        <v/>
      </c>
      <c r="BW514" s="898">
        <f t="shared" si="927"/>
        <v>16545.263157894737</v>
      </c>
      <c r="BX514" s="898">
        <f t="shared" si="928"/>
        <v>37226.84210526316</v>
      </c>
      <c r="BY514" s="898">
        <f t="shared" si="929"/>
        <v>28954.21052631579</v>
      </c>
      <c r="BZ514" s="898">
        <f t="shared" si="930"/>
        <v>41363.157894736847</v>
      </c>
      <c r="CA514" s="898">
        <f t="shared" si="931"/>
        <v>39708.631578947374</v>
      </c>
      <c r="CB514" s="898">
        <f t="shared" si="932"/>
        <v>8272.6315789473683</v>
      </c>
      <c r="CC514" s="898">
        <f t="shared" si="933"/>
        <v>32263.263157894737</v>
      </c>
      <c r="CD514" s="898" t="str">
        <f t="shared" si="934"/>
        <v/>
      </c>
      <c r="CE514" s="898" t="str">
        <f t="shared" si="935"/>
        <v/>
      </c>
      <c r="CF514" s="898" t="str">
        <f t="shared" si="936"/>
        <v/>
      </c>
      <c r="CG514" s="898" t="str">
        <f t="shared" si="937"/>
        <v/>
      </c>
      <c r="CH514" s="898" t="str">
        <f t="shared" si="938"/>
        <v/>
      </c>
      <c r="CI514" s="898" t="str">
        <f t="shared" si="939"/>
        <v/>
      </c>
      <c r="CJ514" s="898" t="str">
        <f t="shared" si="940"/>
        <v/>
      </c>
      <c r="CK514" s="898" t="str">
        <f t="shared" si="941"/>
        <v/>
      </c>
      <c r="CL514" s="898" t="str">
        <f t="shared" si="942"/>
        <v/>
      </c>
      <c r="CM514" s="898"/>
      <c r="CN514" s="898"/>
      <c r="CO514" s="898"/>
      <c r="CP514" s="898"/>
      <c r="CQ514" s="898"/>
      <c r="CR514" s="898"/>
      <c r="CS514" s="898"/>
      <c r="CT514" s="898"/>
      <c r="CU514" s="898"/>
      <c r="CV514" s="898"/>
      <c r="CW514" s="898"/>
      <c r="CX514" s="898"/>
      <c r="CY514" s="898"/>
      <c r="CZ514" s="898"/>
      <c r="DA514" s="898"/>
      <c r="DB514" s="898"/>
      <c r="DC514" s="898"/>
      <c r="DD514" s="898"/>
      <c r="DE514" s="898"/>
      <c r="DF514" s="898"/>
      <c r="DG514" s="898"/>
      <c r="DH514" s="898"/>
      <c r="DI514" s="898" t="str">
        <f t="shared" si="943"/>
        <v/>
      </c>
      <c r="DJ514" s="898" t="str">
        <f t="shared" si="944"/>
        <v/>
      </c>
      <c r="DK514" s="898" t="str">
        <f t="shared" si="945"/>
        <v/>
      </c>
      <c r="DL514" s="898" t="str">
        <f t="shared" si="946"/>
        <v/>
      </c>
      <c r="DM514" s="661"/>
      <c r="DN514" s="898"/>
      <c r="DO514" s="516"/>
      <c r="DP514" s="898"/>
      <c r="DQ514" s="860" t="s">
        <v>4690</v>
      </c>
      <c r="DR514" s="860" t="s">
        <v>4691</v>
      </c>
      <c r="DS514" s="1221" t="s">
        <v>3222</v>
      </c>
      <c r="DT514" s="613"/>
    </row>
    <row r="515" spans="1:124" ht="199.5" x14ac:dyDescent="0.2">
      <c r="A515" s="484" t="str">
        <f t="shared" si="794"/>
        <v>Queensway - DBC LCWIP Scheme H6 – Cycling</v>
      </c>
      <c r="B515" s="1163">
        <v>512</v>
      </c>
      <c r="C515" s="1156" t="s">
        <v>4708</v>
      </c>
      <c r="D515" s="481" t="s">
        <v>3212</v>
      </c>
      <c r="E515" s="481" t="s">
        <v>53</v>
      </c>
      <c r="F515" s="481" t="s">
        <v>655</v>
      </c>
      <c r="G515" s="775" t="s">
        <v>932</v>
      </c>
      <c r="H515" s="78" t="s">
        <v>4709</v>
      </c>
      <c r="I515" s="775"/>
      <c r="J515" s="78" t="s">
        <v>4710</v>
      </c>
      <c r="K515" s="664" t="s">
        <v>3104</v>
      </c>
      <c r="L515" s="1160" t="s">
        <v>4711</v>
      </c>
      <c r="M515" s="515" t="s">
        <v>2996</v>
      </c>
      <c r="N515" s="775" t="s">
        <v>81</v>
      </c>
      <c r="O515" s="654" t="s">
        <v>3216</v>
      </c>
      <c r="P515" s="657" t="s">
        <v>61</v>
      </c>
      <c r="Q515" s="654" t="s">
        <v>3218</v>
      </c>
      <c r="R515" s="657"/>
      <c r="S515" s="657"/>
      <c r="T515" s="1159">
        <v>1580500</v>
      </c>
      <c r="U515" s="854"/>
      <c r="V515" s="657" t="s">
        <v>3219</v>
      </c>
      <c r="W515" s="642">
        <f t="shared" si="924"/>
        <v>0</v>
      </c>
      <c r="X515" s="745">
        <f t="shared" si="925"/>
        <v>1580500</v>
      </c>
      <c r="Y515" s="745"/>
      <c r="Z515" s="745"/>
      <c r="AA515" s="1331" t="s">
        <v>3220</v>
      </c>
      <c r="AB515" s="713" t="s">
        <v>66</v>
      </c>
      <c r="AC515" s="1162" t="s">
        <v>66</v>
      </c>
      <c r="AD515" s="713" t="s">
        <v>66</v>
      </c>
      <c r="AE515" s="713" t="s">
        <v>66</v>
      </c>
      <c r="AF515" s="713"/>
      <c r="AG515" s="713"/>
      <c r="AH515" s="713"/>
      <c r="AI515" s="713"/>
      <c r="AJ515" s="713"/>
      <c r="AK515" s="713"/>
      <c r="AL515" s="713"/>
      <c r="AM515" s="713" t="s">
        <v>66</v>
      </c>
      <c r="AN515" s="713"/>
      <c r="AO515" s="713" t="s">
        <v>66</v>
      </c>
      <c r="AP515" s="713" t="s">
        <v>66</v>
      </c>
      <c r="AQ515" s="713"/>
      <c r="AR515" s="713"/>
      <c r="AS515" s="657"/>
      <c r="AT515" s="657"/>
      <c r="AU515" s="657"/>
      <c r="AV515" s="657"/>
      <c r="AW515" s="657"/>
      <c r="AX515" s="657"/>
      <c r="AY515" s="657"/>
      <c r="AZ515" s="657"/>
      <c r="BA515" s="657"/>
      <c r="BB515" s="657"/>
      <c r="BC515" s="657"/>
      <c r="BD515" s="657"/>
      <c r="BE515" s="657"/>
      <c r="BF515" s="657"/>
      <c r="BG515" s="746"/>
      <c r="BH515" s="746"/>
      <c r="BI515" s="746"/>
      <c r="BJ515" s="746"/>
      <c r="BK515" s="746"/>
      <c r="BL515" s="746"/>
      <c r="BM515" s="746"/>
      <c r="BN515" s="746"/>
      <c r="BO515" s="892" t="s">
        <v>66</v>
      </c>
      <c r="BP515" s="892" t="s">
        <v>66</v>
      </c>
      <c r="BQ515" s="892"/>
      <c r="BR515" s="892"/>
      <c r="BS515" s="884">
        <f t="shared" si="798"/>
        <v>9740</v>
      </c>
      <c r="BT515" s="661">
        <f t="shared" si="876"/>
        <v>162.26899383983573</v>
      </c>
      <c r="BU515" s="661"/>
      <c r="BV515" s="898">
        <f t="shared" si="926"/>
        <v>811344.96919917862</v>
      </c>
      <c r="BW515" s="898">
        <f t="shared" si="927"/>
        <v>32453.798767967146</v>
      </c>
      <c r="BX515" s="898">
        <f t="shared" si="928"/>
        <v>73021.047227926072</v>
      </c>
      <c r="BY515" s="898">
        <f t="shared" si="929"/>
        <v>56794.147843942505</v>
      </c>
      <c r="BZ515" s="898" t="str">
        <f t="shared" si="930"/>
        <v/>
      </c>
      <c r="CA515" s="898" t="str">
        <f t="shared" si="931"/>
        <v/>
      </c>
      <c r="CB515" s="898" t="str">
        <f t="shared" si="932"/>
        <v/>
      </c>
      <c r="CC515" s="898" t="str">
        <f t="shared" si="933"/>
        <v/>
      </c>
      <c r="CD515" s="898" t="str">
        <f t="shared" si="934"/>
        <v/>
      </c>
      <c r="CE515" s="898" t="str">
        <f t="shared" si="935"/>
        <v/>
      </c>
      <c r="CF515" s="898" t="str">
        <f t="shared" si="936"/>
        <v/>
      </c>
      <c r="CG515" s="898">
        <f t="shared" si="937"/>
        <v>32453.798767967146</v>
      </c>
      <c r="CH515" s="898" t="str">
        <f t="shared" si="938"/>
        <v/>
      </c>
      <c r="CI515" s="898">
        <f t="shared" si="939"/>
        <v>56794.147843942505</v>
      </c>
      <c r="CJ515" s="898">
        <f t="shared" si="940"/>
        <v>14604.209445585217</v>
      </c>
      <c r="CK515" s="898" t="str">
        <f t="shared" si="941"/>
        <v/>
      </c>
      <c r="CL515" s="898" t="str">
        <f t="shared" si="942"/>
        <v/>
      </c>
      <c r="CM515" s="898"/>
      <c r="CN515" s="898"/>
      <c r="CO515" s="898"/>
      <c r="CP515" s="898"/>
      <c r="CQ515" s="898"/>
      <c r="CR515" s="898"/>
      <c r="CS515" s="898"/>
      <c r="CT515" s="898"/>
      <c r="CU515" s="898"/>
      <c r="CV515" s="898"/>
      <c r="CW515" s="898"/>
      <c r="CX515" s="898"/>
      <c r="CY515" s="898"/>
      <c r="CZ515" s="898"/>
      <c r="DA515" s="898"/>
      <c r="DB515" s="898"/>
      <c r="DC515" s="898"/>
      <c r="DD515" s="898"/>
      <c r="DE515" s="898"/>
      <c r="DF515" s="898"/>
      <c r="DG515" s="898"/>
      <c r="DH515" s="898"/>
      <c r="DI515" s="898">
        <f t="shared" si="943"/>
        <v>243403.49075975359</v>
      </c>
      <c r="DJ515" s="898">
        <f t="shared" si="944"/>
        <v>259630.39014373717</v>
      </c>
      <c r="DK515" s="898" t="str">
        <f t="shared" si="945"/>
        <v/>
      </c>
      <c r="DL515" s="898" t="str">
        <f t="shared" si="946"/>
        <v/>
      </c>
      <c r="DM515" s="661"/>
      <c r="DN515" s="898"/>
      <c r="DO515" s="516"/>
      <c r="DP515" s="898"/>
      <c r="DQ515" s="860" t="s">
        <v>4690</v>
      </c>
      <c r="DR515" s="860" t="s">
        <v>4691</v>
      </c>
      <c r="DS515" s="1221" t="s">
        <v>3222</v>
      </c>
      <c r="DT515" s="613"/>
    </row>
    <row r="516" spans="1:124" ht="199.5" x14ac:dyDescent="0.2">
      <c r="A516" s="484" t="str">
        <f t="shared" ref="A516:A554" si="947">H516</f>
        <v>Piccotts End Road to Alexandra Road - DBC LCWIP Scheme H7 – Cycling</v>
      </c>
      <c r="B516" s="1163">
        <v>513</v>
      </c>
      <c r="C516" s="1156" t="s">
        <v>4712</v>
      </c>
      <c r="D516" s="481" t="s">
        <v>3212</v>
      </c>
      <c r="E516" s="481" t="s">
        <v>53</v>
      </c>
      <c r="F516" s="481" t="s">
        <v>655</v>
      </c>
      <c r="G516" s="775" t="s">
        <v>932</v>
      </c>
      <c r="H516" s="78" t="s">
        <v>4713</v>
      </c>
      <c r="I516" s="775"/>
      <c r="J516" s="78" t="s">
        <v>4714</v>
      </c>
      <c r="K516" s="664" t="s">
        <v>3104</v>
      </c>
      <c r="L516" s="1160" t="s">
        <v>4715</v>
      </c>
      <c r="M516" s="515" t="s">
        <v>2996</v>
      </c>
      <c r="N516" s="775" t="s">
        <v>81</v>
      </c>
      <c r="O516" s="654" t="s">
        <v>3216</v>
      </c>
      <c r="P516" s="657" t="s">
        <v>61</v>
      </c>
      <c r="Q516" s="654" t="s">
        <v>3218</v>
      </c>
      <c r="R516" s="657"/>
      <c r="S516" s="657"/>
      <c r="T516" s="1159">
        <v>285500</v>
      </c>
      <c r="U516" s="854"/>
      <c r="V516" s="657" t="s">
        <v>3219</v>
      </c>
      <c r="W516" s="642">
        <f t="shared" si="924"/>
        <v>0</v>
      </c>
      <c r="X516" s="745">
        <f t="shared" si="925"/>
        <v>285500</v>
      </c>
      <c r="Y516" s="745"/>
      <c r="Z516" s="745"/>
      <c r="AA516" s="1331" t="s">
        <v>3220</v>
      </c>
      <c r="AB516" s="713" t="s">
        <v>66</v>
      </c>
      <c r="AC516" s="1162" t="s">
        <v>66</v>
      </c>
      <c r="AD516" s="713" t="s">
        <v>66</v>
      </c>
      <c r="AE516" s="713" t="s">
        <v>66</v>
      </c>
      <c r="AF516" s="713" t="s">
        <v>66</v>
      </c>
      <c r="AG516" s="713"/>
      <c r="AH516" s="713"/>
      <c r="AI516" s="713"/>
      <c r="AJ516" s="713"/>
      <c r="AK516" s="713"/>
      <c r="AL516" s="713"/>
      <c r="AM516" s="713"/>
      <c r="AN516" s="713"/>
      <c r="AO516" s="713" t="s">
        <v>66</v>
      </c>
      <c r="AP516" s="713" t="s">
        <v>66</v>
      </c>
      <c r="AQ516" s="713"/>
      <c r="AR516" s="713"/>
      <c r="AS516" s="657"/>
      <c r="AT516" s="657"/>
      <c r="AU516" s="657"/>
      <c r="AV516" s="657"/>
      <c r="AW516" s="657"/>
      <c r="AX516" s="657"/>
      <c r="AY516" s="657"/>
      <c r="AZ516" s="657"/>
      <c r="BA516" s="657"/>
      <c r="BB516" s="657"/>
      <c r="BC516" s="657"/>
      <c r="BD516" s="657"/>
      <c r="BE516" s="657"/>
      <c r="BF516" s="657"/>
      <c r="BG516" s="746"/>
      <c r="BH516" s="746"/>
      <c r="BI516" s="746"/>
      <c r="BJ516" s="746"/>
      <c r="BK516" s="746"/>
      <c r="BL516" s="746"/>
      <c r="BM516" s="746"/>
      <c r="BN516" s="746"/>
      <c r="BO516" s="892"/>
      <c r="BP516" s="892"/>
      <c r="BQ516" s="892"/>
      <c r="BR516" s="892"/>
      <c r="BS516" s="884">
        <f t="shared" ref="BS516:BS554" si="948">SUMIF(AB516:BR516,"YES",$AB$3:$BR$3)</f>
        <v>6940</v>
      </c>
      <c r="BT516" s="661">
        <f t="shared" si="876"/>
        <v>41.138328530259365</v>
      </c>
      <c r="BU516" s="661"/>
      <c r="BV516" s="898">
        <f t="shared" si="926"/>
        <v>205691.64265129683</v>
      </c>
      <c r="BW516" s="898">
        <f t="shared" si="927"/>
        <v>8227.6657060518737</v>
      </c>
      <c r="BX516" s="898">
        <f t="shared" si="928"/>
        <v>18512.247838616713</v>
      </c>
      <c r="BY516" s="898">
        <f t="shared" si="929"/>
        <v>14398.414985590778</v>
      </c>
      <c r="BZ516" s="898">
        <f t="shared" si="930"/>
        <v>20569.164265129682</v>
      </c>
      <c r="CA516" s="898" t="str">
        <f t="shared" si="931"/>
        <v/>
      </c>
      <c r="CB516" s="898" t="str">
        <f t="shared" si="932"/>
        <v/>
      </c>
      <c r="CC516" s="898" t="str">
        <f t="shared" si="933"/>
        <v/>
      </c>
      <c r="CD516" s="898" t="str">
        <f t="shared" si="934"/>
        <v/>
      </c>
      <c r="CE516" s="898" t="str">
        <f t="shared" si="935"/>
        <v/>
      </c>
      <c r="CF516" s="898" t="str">
        <f t="shared" si="936"/>
        <v/>
      </c>
      <c r="CG516" s="898" t="str">
        <f t="shared" si="937"/>
        <v/>
      </c>
      <c r="CH516" s="898" t="str">
        <f t="shared" si="938"/>
        <v/>
      </c>
      <c r="CI516" s="898">
        <f t="shared" si="939"/>
        <v>14398.414985590778</v>
      </c>
      <c r="CJ516" s="898">
        <f t="shared" si="940"/>
        <v>3702.4495677233426</v>
      </c>
      <c r="CK516" s="898" t="str">
        <f t="shared" si="941"/>
        <v/>
      </c>
      <c r="CL516" s="898" t="str">
        <f t="shared" si="942"/>
        <v/>
      </c>
      <c r="CM516" s="898"/>
      <c r="CN516" s="898"/>
      <c r="CO516" s="898"/>
      <c r="CP516" s="898"/>
      <c r="CQ516" s="898"/>
      <c r="CR516" s="898"/>
      <c r="CS516" s="898"/>
      <c r="CT516" s="898"/>
      <c r="CU516" s="898"/>
      <c r="CV516" s="898"/>
      <c r="CW516" s="898"/>
      <c r="CX516" s="898"/>
      <c r="CY516" s="898"/>
      <c r="CZ516" s="898"/>
      <c r="DA516" s="898"/>
      <c r="DB516" s="898"/>
      <c r="DC516" s="898"/>
      <c r="DD516" s="898"/>
      <c r="DE516" s="898"/>
      <c r="DF516" s="898"/>
      <c r="DG516" s="898"/>
      <c r="DH516" s="898"/>
      <c r="DI516" s="898" t="str">
        <f t="shared" si="943"/>
        <v/>
      </c>
      <c r="DJ516" s="898" t="str">
        <f t="shared" si="944"/>
        <v/>
      </c>
      <c r="DK516" s="898" t="str">
        <f t="shared" si="945"/>
        <v/>
      </c>
      <c r="DL516" s="898" t="str">
        <f t="shared" si="946"/>
        <v/>
      </c>
      <c r="DM516" s="661"/>
      <c r="DN516" s="898"/>
      <c r="DO516" s="516"/>
      <c r="DP516" s="898"/>
      <c r="DQ516" s="860" t="s">
        <v>4690</v>
      </c>
      <c r="DR516" s="860" t="s">
        <v>4691</v>
      </c>
      <c r="DS516" s="1221" t="s">
        <v>3222</v>
      </c>
      <c r="DT516" s="613"/>
    </row>
    <row r="517" spans="1:124" ht="199.5" x14ac:dyDescent="0.2">
      <c r="A517" s="484" t="str">
        <f t="shared" si="947"/>
        <v>Saint Albans Hill to Jarman Way (Alternative Path)  - DBC LCWIP Scheme H8 – Cycling</v>
      </c>
      <c r="B517" s="1163">
        <v>514</v>
      </c>
      <c r="C517" s="1156" t="s">
        <v>4716</v>
      </c>
      <c r="D517" s="481" t="s">
        <v>3212</v>
      </c>
      <c r="E517" s="481" t="s">
        <v>53</v>
      </c>
      <c r="F517" s="481" t="s">
        <v>655</v>
      </c>
      <c r="G517" s="775" t="s">
        <v>932</v>
      </c>
      <c r="H517" s="78" t="s">
        <v>4717</v>
      </c>
      <c r="I517" s="775"/>
      <c r="J517" s="78" t="s">
        <v>4718</v>
      </c>
      <c r="K517" s="664" t="s">
        <v>3104</v>
      </c>
      <c r="L517" s="1160" t="s">
        <v>4719</v>
      </c>
      <c r="M517" s="515" t="s">
        <v>2996</v>
      </c>
      <c r="N517" s="775" t="s">
        <v>81</v>
      </c>
      <c r="O517" s="654" t="s">
        <v>3216</v>
      </c>
      <c r="P517" s="657" t="s">
        <v>61</v>
      </c>
      <c r="Q517" s="654" t="s">
        <v>3218</v>
      </c>
      <c r="R517" s="657"/>
      <c r="S517" s="657"/>
      <c r="T517" s="1159">
        <v>174000</v>
      </c>
      <c r="U517" s="854"/>
      <c r="V517" s="657" t="s">
        <v>3219</v>
      </c>
      <c r="W517" s="642">
        <f t="shared" si="924"/>
        <v>0</v>
      </c>
      <c r="X517" s="745">
        <f t="shared" si="925"/>
        <v>174000</v>
      </c>
      <c r="Y517" s="745"/>
      <c r="Z517" s="745"/>
      <c r="AA517" s="1331" t="s">
        <v>3220</v>
      </c>
      <c r="AB517" s="713"/>
      <c r="AC517" s="1162" t="s">
        <v>66</v>
      </c>
      <c r="AD517" s="713" t="s">
        <v>66</v>
      </c>
      <c r="AE517" s="713" t="s">
        <v>66</v>
      </c>
      <c r="AF517" s="713" t="s">
        <v>66</v>
      </c>
      <c r="AG517" s="713"/>
      <c r="AH517" s="713"/>
      <c r="AI517" s="713"/>
      <c r="AJ517" s="713" t="s">
        <v>66</v>
      </c>
      <c r="AK517" s="713"/>
      <c r="AL517" s="713"/>
      <c r="AM517" s="713"/>
      <c r="AN517" s="713"/>
      <c r="AO517" s="713"/>
      <c r="AP517" s="713"/>
      <c r="AQ517" s="713"/>
      <c r="AR517" s="713"/>
      <c r="AS517" s="657"/>
      <c r="AT517" s="657"/>
      <c r="AU517" s="657"/>
      <c r="AV517" s="657"/>
      <c r="AW517" s="657"/>
      <c r="AX517" s="657"/>
      <c r="AY517" s="657"/>
      <c r="AZ517" s="657"/>
      <c r="BA517" s="657"/>
      <c r="BB517" s="657"/>
      <c r="BC517" s="657"/>
      <c r="BD517" s="657"/>
      <c r="BE517" s="657"/>
      <c r="BF517" s="657"/>
      <c r="BG517" s="746"/>
      <c r="BH517" s="746"/>
      <c r="BI517" s="746"/>
      <c r="BJ517" s="746"/>
      <c r="BK517" s="746"/>
      <c r="BL517" s="746"/>
      <c r="BM517" s="746"/>
      <c r="BN517" s="746"/>
      <c r="BO517" s="892"/>
      <c r="BP517" s="892"/>
      <c r="BQ517" s="892"/>
      <c r="BR517" s="892"/>
      <c r="BS517" s="884">
        <f t="shared" si="948"/>
        <v>2000</v>
      </c>
      <c r="BT517" s="661">
        <f t="shared" si="876"/>
        <v>87</v>
      </c>
      <c r="BU517" s="661"/>
      <c r="BV517" s="898" t="str">
        <f t="shared" si="926"/>
        <v/>
      </c>
      <c r="BW517" s="898">
        <f t="shared" si="927"/>
        <v>17400</v>
      </c>
      <c r="BX517" s="898">
        <f t="shared" si="928"/>
        <v>39150</v>
      </c>
      <c r="BY517" s="898">
        <f t="shared" si="929"/>
        <v>30450</v>
      </c>
      <c r="BZ517" s="898">
        <f t="shared" si="930"/>
        <v>43500</v>
      </c>
      <c r="CA517" s="898" t="str">
        <f t="shared" si="931"/>
        <v/>
      </c>
      <c r="CB517" s="898" t="str">
        <f t="shared" si="932"/>
        <v/>
      </c>
      <c r="CC517" s="898" t="str">
        <f t="shared" si="933"/>
        <v/>
      </c>
      <c r="CD517" s="898">
        <f t="shared" si="934"/>
        <v>43500</v>
      </c>
      <c r="CE517" s="898" t="str">
        <f t="shared" si="935"/>
        <v/>
      </c>
      <c r="CF517" s="898" t="str">
        <f t="shared" si="936"/>
        <v/>
      </c>
      <c r="CG517" s="898" t="str">
        <f t="shared" si="937"/>
        <v/>
      </c>
      <c r="CH517" s="898" t="str">
        <f t="shared" si="938"/>
        <v/>
      </c>
      <c r="CI517" s="898" t="str">
        <f t="shared" si="939"/>
        <v/>
      </c>
      <c r="CJ517" s="898" t="str">
        <f t="shared" si="940"/>
        <v/>
      </c>
      <c r="CK517" s="898" t="str">
        <f t="shared" si="941"/>
        <v/>
      </c>
      <c r="CL517" s="898" t="str">
        <f t="shared" si="942"/>
        <v/>
      </c>
      <c r="CM517" s="898"/>
      <c r="CN517" s="898"/>
      <c r="CO517" s="898"/>
      <c r="CP517" s="898"/>
      <c r="CQ517" s="898"/>
      <c r="CR517" s="898"/>
      <c r="CS517" s="898"/>
      <c r="CT517" s="898"/>
      <c r="CU517" s="898"/>
      <c r="CV517" s="898"/>
      <c r="CW517" s="898"/>
      <c r="CX517" s="898"/>
      <c r="CY517" s="898"/>
      <c r="CZ517" s="898"/>
      <c r="DA517" s="898"/>
      <c r="DB517" s="898"/>
      <c r="DC517" s="898"/>
      <c r="DD517" s="898"/>
      <c r="DE517" s="898"/>
      <c r="DF517" s="898"/>
      <c r="DG517" s="898"/>
      <c r="DH517" s="898"/>
      <c r="DI517" s="898" t="str">
        <f t="shared" si="943"/>
        <v/>
      </c>
      <c r="DJ517" s="898" t="str">
        <f t="shared" si="944"/>
        <v/>
      </c>
      <c r="DK517" s="898" t="str">
        <f t="shared" si="945"/>
        <v/>
      </c>
      <c r="DL517" s="898" t="str">
        <f t="shared" si="946"/>
        <v/>
      </c>
      <c r="DM517" s="661"/>
      <c r="DN517" s="898"/>
      <c r="DO517" s="516"/>
      <c r="DP517" s="898"/>
      <c r="DQ517" s="860" t="s">
        <v>4690</v>
      </c>
      <c r="DR517" s="860" t="s">
        <v>4691</v>
      </c>
      <c r="DS517" s="1221" t="s">
        <v>3222</v>
      </c>
      <c r="DT517" s="613"/>
    </row>
    <row r="518" spans="1:124" ht="199.5" x14ac:dyDescent="0.2">
      <c r="A518" s="484" t="str">
        <f t="shared" si="947"/>
        <v>Magic Roundabout to Jarman Square via St Albans Hill - DBC LCWIP Scheme H9 – Cycling</v>
      </c>
      <c r="B518" s="1163">
        <v>515</v>
      </c>
      <c r="C518" s="1156" t="s">
        <v>4720</v>
      </c>
      <c r="D518" s="481" t="s">
        <v>3212</v>
      </c>
      <c r="E518" s="481" t="s">
        <v>53</v>
      </c>
      <c r="F518" s="481" t="s">
        <v>655</v>
      </c>
      <c r="G518" s="775" t="s">
        <v>932</v>
      </c>
      <c r="H518" s="78" t="s">
        <v>4721</v>
      </c>
      <c r="I518" s="775"/>
      <c r="J518" s="78" t="s">
        <v>4722</v>
      </c>
      <c r="K518" s="664" t="s">
        <v>3104</v>
      </c>
      <c r="L518" s="1160" t="s">
        <v>4723</v>
      </c>
      <c r="M518" s="515" t="s">
        <v>2996</v>
      </c>
      <c r="N518" s="775" t="s">
        <v>81</v>
      </c>
      <c r="O518" s="654" t="s">
        <v>3216</v>
      </c>
      <c r="P518" s="657" t="s">
        <v>61</v>
      </c>
      <c r="Q518" s="654" t="s">
        <v>3218</v>
      </c>
      <c r="R518" s="657"/>
      <c r="S518" s="657"/>
      <c r="T518" s="1159">
        <v>439500</v>
      </c>
      <c r="U518" s="854"/>
      <c r="V518" s="657" t="s">
        <v>3219</v>
      </c>
      <c r="W518" s="642">
        <f t="shared" si="924"/>
        <v>0</v>
      </c>
      <c r="X518" s="745">
        <f t="shared" si="925"/>
        <v>439500</v>
      </c>
      <c r="Y518" s="745"/>
      <c r="Z518" s="745"/>
      <c r="AA518" s="1331" t="s">
        <v>3220</v>
      </c>
      <c r="AB518" s="713"/>
      <c r="AC518" s="1162" t="s">
        <v>66</v>
      </c>
      <c r="AD518" s="713" t="s">
        <v>66</v>
      </c>
      <c r="AE518" s="713" t="s">
        <v>66</v>
      </c>
      <c r="AF518" s="713" t="s">
        <v>66</v>
      </c>
      <c r="AG518" s="713" t="s">
        <v>66</v>
      </c>
      <c r="AH518" s="713" t="s">
        <v>66</v>
      </c>
      <c r="AI518" s="713"/>
      <c r="AJ518" s="713" t="s">
        <v>66</v>
      </c>
      <c r="AK518" s="713" t="s">
        <v>66</v>
      </c>
      <c r="AL518" s="713"/>
      <c r="AM518" s="713"/>
      <c r="AN518" s="713"/>
      <c r="AO518" s="713"/>
      <c r="AP518" s="713"/>
      <c r="AQ518" s="713"/>
      <c r="AR518" s="713"/>
      <c r="AS518" s="657"/>
      <c r="AT518" s="657"/>
      <c r="AU518" s="657"/>
      <c r="AV518" s="657"/>
      <c r="AW518" s="657"/>
      <c r="AX518" s="657"/>
      <c r="AY518" s="657"/>
      <c r="AZ518" s="657"/>
      <c r="BA518" s="657"/>
      <c r="BB518" s="657"/>
      <c r="BC518" s="657"/>
      <c r="BD518" s="657"/>
      <c r="BE518" s="657"/>
      <c r="BF518" s="657"/>
      <c r="BG518" s="746"/>
      <c r="BH518" s="746"/>
      <c r="BI518" s="746"/>
      <c r="BJ518" s="746"/>
      <c r="BK518" s="746"/>
      <c r="BL518" s="746"/>
      <c r="BM518" s="746"/>
      <c r="BN518" s="746"/>
      <c r="BO518" s="892"/>
      <c r="BP518" s="892"/>
      <c r="BQ518" s="892"/>
      <c r="BR518" s="892"/>
      <c r="BS518" s="884">
        <f t="shared" si="948"/>
        <v>3080</v>
      </c>
      <c r="BT518" s="661">
        <f t="shared" si="876"/>
        <v>142.69480519480518</v>
      </c>
      <c r="BU518" s="661"/>
      <c r="BV518" s="898" t="str">
        <f t="shared" si="926"/>
        <v/>
      </c>
      <c r="BW518" s="898">
        <f t="shared" si="927"/>
        <v>28538.961038961035</v>
      </c>
      <c r="BX518" s="898">
        <f t="shared" si="928"/>
        <v>64212.662337662332</v>
      </c>
      <c r="BY518" s="898">
        <f t="shared" si="929"/>
        <v>49943.181818181816</v>
      </c>
      <c r="BZ518" s="898">
        <f t="shared" si="930"/>
        <v>71347.402597402586</v>
      </c>
      <c r="CA518" s="898">
        <f t="shared" si="931"/>
        <v>68493.506493506487</v>
      </c>
      <c r="CB518" s="898">
        <f t="shared" si="932"/>
        <v>14269.480519480518</v>
      </c>
      <c r="CC518" s="898" t="str">
        <f t="shared" si="933"/>
        <v/>
      </c>
      <c r="CD518" s="898">
        <f t="shared" si="934"/>
        <v>71347.402597402586</v>
      </c>
      <c r="CE518" s="898">
        <f t="shared" si="935"/>
        <v>71347.402597402586</v>
      </c>
      <c r="CF518" s="898" t="str">
        <f t="shared" si="936"/>
        <v/>
      </c>
      <c r="CG518" s="898" t="str">
        <f t="shared" si="937"/>
        <v/>
      </c>
      <c r="CH518" s="898" t="str">
        <f t="shared" si="938"/>
        <v/>
      </c>
      <c r="CI518" s="898" t="str">
        <f t="shared" si="939"/>
        <v/>
      </c>
      <c r="CJ518" s="898" t="str">
        <f t="shared" si="940"/>
        <v/>
      </c>
      <c r="CK518" s="898" t="str">
        <f t="shared" si="941"/>
        <v/>
      </c>
      <c r="CL518" s="898" t="str">
        <f t="shared" si="942"/>
        <v/>
      </c>
      <c r="CM518" s="898"/>
      <c r="CN518" s="898"/>
      <c r="CO518" s="898"/>
      <c r="CP518" s="898"/>
      <c r="CQ518" s="898"/>
      <c r="CR518" s="898"/>
      <c r="CS518" s="898"/>
      <c r="CT518" s="898"/>
      <c r="CU518" s="898"/>
      <c r="CV518" s="898"/>
      <c r="CW518" s="898"/>
      <c r="CX518" s="898"/>
      <c r="CY518" s="898"/>
      <c r="CZ518" s="898"/>
      <c r="DA518" s="898"/>
      <c r="DB518" s="898"/>
      <c r="DC518" s="898"/>
      <c r="DD518" s="898"/>
      <c r="DE518" s="898"/>
      <c r="DF518" s="898"/>
      <c r="DG518" s="898"/>
      <c r="DH518" s="898"/>
      <c r="DI518" s="898" t="str">
        <f t="shared" si="943"/>
        <v/>
      </c>
      <c r="DJ518" s="898" t="str">
        <f t="shared" si="944"/>
        <v/>
      </c>
      <c r="DK518" s="898" t="str">
        <f t="shared" si="945"/>
        <v/>
      </c>
      <c r="DL518" s="898" t="str">
        <f t="shared" si="946"/>
        <v/>
      </c>
      <c r="DM518" s="661"/>
      <c r="DN518" s="898"/>
      <c r="DO518" s="516"/>
      <c r="DP518" s="898"/>
      <c r="DQ518" s="860" t="s">
        <v>4690</v>
      </c>
      <c r="DR518" s="860" t="s">
        <v>4691</v>
      </c>
      <c r="DS518" s="1221" t="s">
        <v>3222</v>
      </c>
      <c r="DT518" s="613"/>
    </row>
    <row r="519" spans="1:124" ht="199.5" x14ac:dyDescent="0.2">
      <c r="A519" s="484" t="str">
        <f t="shared" si="947"/>
        <v>Warners End Road to The Gade Dvlpt - DBC LCWIP Scheme H10 – Walking</v>
      </c>
      <c r="B519" s="1163">
        <v>516</v>
      </c>
      <c r="C519" s="1156" t="s">
        <v>4724</v>
      </c>
      <c r="D519" s="481" t="s">
        <v>3212</v>
      </c>
      <c r="E519" s="481" t="s">
        <v>53</v>
      </c>
      <c r="F519" s="481" t="s">
        <v>655</v>
      </c>
      <c r="G519" s="775" t="s">
        <v>932</v>
      </c>
      <c r="H519" s="78" t="s">
        <v>4725</v>
      </c>
      <c r="I519" s="775"/>
      <c r="J519" s="78" t="s">
        <v>4726</v>
      </c>
      <c r="K519" s="664" t="s">
        <v>3104</v>
      </c>
      <c r="L519" s="1161" t="s">
        <v>4727</v>
      </c>
      <c r="M519" s="515" t="s">
        <v>2996</v>
      </c>
      <c r="N519" s="775" t="s">
        <v>81</v>
      </c>
      <c r="O519" s="654" t="s">
        <v>3216</v>
      </c>
      <c r="P519" s="657" t="s">
        <v>61</v>
      </c>
      <c r="Q519" s="654" t="s">
        <v>3218</v>
      </c>
      <c r="R519" s="657"/>
      <c r="S519" s="657"/>
      <c r="T519" s="1159">
        <v>398594</v>
      </c>
      <c r="U519" s="854"/>
      <c r="V519" s="657" t="s">
        <v>3219</v>
      </c>
      <c r="W519" s="642">
        <f t="shared" si="924"/>
        <v>0</v>
      </c>
      <c r="X519" s="745">
        <f t="shared" si="925"/>
        <v>398594</v>
      </c>
      <c r="Y519" s="745"/>
      <c r="Z519" s="745"/>
      <c r="AA519" s="1331" t="s">
        <v>3220</v>
      </c>
      <c r="AB519" s="713"/>
      <c r="AC519" s="1162" t="s">
        <v>66</v>
      </c>
      <c r="AD519" s="713" t="s">
        <v>66</v>
      </c>
      <c r="AE519" s="713" t="s">
        <v>66</v>
      </c>
      <c r="AF519" s="713" t="s">
        <v>66</v>
      </c>
      <c r="AG519" s="713"/>
      <c r="AH519" s="713"/>
      <c r="AI519" s="713"/>
      <c r="AJ519" s="713"/>
      <c r="AK519" s="713"/>
      <c r="AL519" s="713" t="s">
        <v>66</v>
      </c>
      <c r="AM519" s="713"/>
      <c r="AN519" s="713"/>
      <c r="AO519" s="713"/>
      <c r="AP519" s="713" t="s">
        <v>66</v>
      </c>
      <c r="AQ519" s="713"/>
      <c r="AR519" s="713"/>
      <c r="AS519" s="657"/>
      <c r="AT519" s="657"/>
      <c r="AU519" s="657"/>
      <c r="AV519" s="657"/>
      <c r="AW519" s="657"/>
      <c r="AX519" s="657"/>
      <c r="AY519" s="657"/>
      <c r="AZ519" s="657"/>
      <c r="BA519" s="657"/>
      <c r="BB519" s="657"/>
      <c r="BC519" s="657"/>
      <c r="BD519" s="657"/>
      <c r="BE519" s="657"/>
      <c r="BF519" s="657"/>
      <c r="BG519" s="746"/>
      <c r="BH519" s="746"/>
      <c r="BI519" s="746"/>
      <c r="BJ519" s="746"/>
      <c r="BK519" s="746"/>
      <c r="BL519" s="746"/>
      <c r="BM519" s="746"/>
      <c r="BN519" s="746"/>
      <c r="BO519" s="892"/>
      <c r="BP519" s="892"/>
      <c r="BQ519" s="892"/>
      <c r="BR519" s="892"/>
      <c r="BS519" s="884">
        <f t="shared" si="948"/>
        <v>2340</v>
      </c>
      <c r="BT519" s="661">
        <f t="shared" si="876"/>
        <v>170.33931623931625</v>
      </c>
      <c r="BU519" s="661"/>
      <c r="BV519" s="898" t="str">
        <f t="shared" si="926"/>
        <v/>
      </c>
      <c r="BW519" s="898">
        <f t="shared" si="927"/>
        <v>34067.86324786325</v>
      </c>
      <c r="BX519" s="898">
        <f t="shared" si="928"/>
        <v>76652.692307692312</v>
      </c>
      <c r="BY519" s="898">
        <f t="shared" si="929"/>
        <v>59618.760683760687</v>
      </c>
      <c r="BZ519" s="898">
        <f t="shared" si="930"/>
        <v>85169.658119658125</v>
      </c>
      <c r="CA519" s="898" t="str">
        <f t="shared" si="931"/>
        <v/>
      </c>
      <c r="CB519" s="898" t="str">
        <f t="shared" si="932"/>
        <v/>
      </c>
      <c r="CC519" s="898" t="str">
        <f t="shared" si="933"/>
        <v/>
      </c>
      <c r="CD519" s="898" t="str">
        <f t="shared" si="934"/>
        <v/>
      </c>
      <c r="CE519" s="898" t="str">
        <f t="shared" si="935"/>
        <v/>
      </c>
      <c r="CF519" s="898">
        <f t="shared" si="936"/>
        <v>127754.48717948719</v>
      </c>
      <c r="CG519" s="898" t="str">
        <f t="shared" si="937"/>
        <v/>
      </c>
      <c r="CH519" s="898" t="str">
        <f t="shared" si="938"/>
        <v/>
      </c>
      <c r="CI519" s="898" t="str">
        <f t="shared" si="939"/>
        <v/>
      </c>
      <c r="CJ519" s="898">
        <f t="shared" si="940"/>
        <v>15330.538461538463</v>
      </c>
      <c r="CK519" s="898" t="str">
        <f t="shared" si="941"/>
        <v/>
      </c>
      <c r="CL519" s="898" t="str">
        <f t="shared" si="942"/>
        <v/>
      </c>
      <c r="CM519" s="898"/>
      <c r="CN519" s="898"/>
      <c r="CO519" s="898"/>
      <c r="CP519" s="898"/>
      <c r="CQ519" s="898"/>
      <c r="CR519" s="898"/>
      <c r="CS519" s="898"/>
      <c r="CT519" s="898"/>
      <c r="CU519" s="898"/>
      <c r="CV519" s="898"/>
      <c r="CW519" s="898"/>
      <c r="CX519" s="898"/>
      <c r="CY519" s="898"/>
      <c r="CZ519" s="898"/>
      <c r="DA519" s="898"/>
      <c r="DB519" s="898"/>
      <c r="DC519" s="898"/>
      <c r="DD519" s="898"/>
      <c r="DE519" s="898"/>
      <c r="DF519" s="898"/>
      <c r="DG519" s="898"/>
      <c r="DH519" s="898"/>
      <c r="DI519" s="898" t="str">
        <f t="shared" si="943"/>
        <v/>
      </c>
      <c r="DJ519" s="898" t="str">
        <f t="shared" si="944"/>
        <v/>
      </c>
      <c r="DK519" s="898" t="str">
        <f t="shared" si="945"/>
        <v/>
      </c>
      <c r="DL519" s="898" t="str">
        <f t="shared" si="946"/>
        <v/>
      </c>
      <c r="DM519" s="661"/>
      <c r="DN519" s="898"/>
      <c r="DO519" s="516"/>
      <c r="DP519" s="898"/>
      <c r="DQ519" s="860" t="s">
        <v>4690</v>
      </c>
      <c r="DR519" s="860" t="s">
        <v>4691</v>
      </c>
      <c r="DS519" s="1221" t="s">
        <v>3222</v>
      </c>
      <c r="DT519" s="613"/>
    </row>
    <row r="520" spans="1:124" ht="199.5" x14ac:dyDescent="0.2">
      <c r="A520" s="484" t="str">
        <f t="shared" si="947"/>
        <v>Marlowes - DBC LCWIP Scheme H11 – Walking</v>
      </c>
      <c r="B520" s="1163">
        <v>517</v>
      </c>
      <c r="C520" s="1156" t="s">
        <v>4728</v>
      </c>
      <c r="D520" s="481" t="s">
        <v>3212</v>
      </c>
      <c r="E520" s="481" t="s">
        <v>53</v>
      </c>
      <c r="F520" s="481" t="s">
        <v>655</v>
      </c>
      <c r="G520" s="775" t="s">
        <v>932</v>
      </c>
      <c r="H520" s="78" t="s">
        <v>4729</v>
      </c>
      <c r="I520" s="775"/>
      <c r="J520" s="78" t="s">
        <v>4730</v>
      </c>
      <c r="K520" s="664" t="s">
        <v>3104</v>
      </c>
      <c r="L520" s="1161" t="s">
        <v>4731</v>
      </c>
      <c r="M520" s="515" t="s">
        <v>2996</v>
      </c>
      <c r="N520" s="775" t="s">
        <v>81</v>
      </c>
      <c r="O520" s="654" t="s">
        <v>3216</v>
      </c>
      <c r="P520" s="657" t="s">
        <v>61</v>
      </c>
      <c r="Q520" s="654" t="s">
        <v>3218</v>
      </c>
      <c r="R520" s="657"/>
      <c r="S520" s="657"/>
      <c r="T520" s="1159">
        <v>579168</v>
      </c>
      <c r="U520" s="854"/>
      <c r="V520" s="657" t="s">
        <v>3219</v>
      </c>
      <c r="W520" s="642">
        <f t="shared" si="924"/>
        <v>0</v>
      </c>
      <c r="X520" s="745">
        <f t="shared" si="925"/>
        <v>579168</v>
      </c>
      <c r="Y520" s="745"/>
      <c r="Z520" s="745"/>
      <c r="AA520" s="1331" t="s">
        <v>3220</v>
      </c>
      <c r="AB520" s="713"/>
      <c r="AC520" s="1162" t="s">
        <v>66</v>
      </c>
      <c r="AD520" s="713" t="s">
        <v>66</v>
      </c>
      <c r="AE520" s="713" t="s">
        <v>66</v>
      </c>
      <c r="AF520" s="713" t="s">
        <v>66</v>
      </c>
      <c r="AG520" s="713" t="s">
        <v>66</v>
      </c>
      <c r="AH520" s="713" t="s">
        <v>66</v>
      </c>
      <c r="AI520" s="713" t="s">
        <v>66</v>
      </c>
      <c r="AJ520" s="713"/>
      <c r="AK520" s="713"/>
      <c r="AL520" s="713"/>
      <c r="AM520" s="713"/>
      <c r="AN520" s="713"/>
      <c r="AO520" s="713"/>
      <c r="AP520" s="713" t="s">
        <v>66</v>
      </c>
      <c r="AQ520" s="713"/>
      <c r="AR520" s="713"/>
      <c r="AS520" s="657"/>
      <c r="AT520" s="657"/>
      <c r="AU520" s="657"/>
      <c r="AV520" s="657"/>
      <c r="AW520" s="657"/>
      <c r="AX520" s="657"/>
      <c r="AY520" s="657"/>
      <c r="AZ520" s="657"/>
      <c r="BA520" s="657"/>
      <c r="BB520" s="657"/>
      <c r="BC520" s="657"/>
      <c r="BD520" s="657"/>
      <c r="BE520" s="657"/>
      <c r="BF520" s="657"/>
      <c r="BG520" s="746"/>
      <c r="BH520" s="746"/>
      <c r="BI520" s="746"/>
      <c r="BJ520" s="746"/>
      <c r="BK520" s="746"/>
      <c r="BL520" s="746"/>
      <c r="BM520" s="746"/>
      <c r="BN520" s="746"/>
      <c r="BO520" s="892"/>
      <c r="BP520" s="892"/>
      <c r="BQ520" s="892"/>
      <c r="BR520" s="892"/>
      <c r="BS520" s="884">
        <f t="shared" si="948"/>
        <v>2560</v>
      </c>
      <c r="BT520" s="661">
        <f t="shared" si="876"/>
        <v>226.23750000000001</v>
      </c>
      <c r="BU520" s="661"/>
      <c r="BV520" s="898" t="str">
        <f t="shared" si="926"/>
        <v/>
      </c>
      <c r="BW520" s="898">
        <f t="shared" si="927"/>
        <v>45247.5</v>
      </c>
      <c r="BX520" s="898">
        <f t="shared" si="928"/>
        <v>101806.875</v>
      </c>
      <c r="BY520" s="898">
        <f t="shared" si="929"/>
        <v>79183.125</v>
      </c>
      <c r="BZ520" s="898">
        <f t="shared" si="930"/>
        <v>113118.75</v>
      </c>
      <c r="CA520" s="898">
        <f t="shared" si="931"/>
        <v>108594</v>
      </c>
      <c r="CB520" s="898">
        <f t="shared" si="932"/>
        <v>22623.75</v>
      </c>
      <c r="CC520" s="898">
        <f t="shared" si="933"/>
        <v>88232.625</v>
      </c>
      <c r="CD520" s="898" t="str">
        <f t="shared" si="934"/>
        <v/>
      </c>
      <c r="CE520" s="898" t="str">
        <f t="shared" si="935"/>
        <v/>
      </c>
      <c r="CF520" s="898" t="str">
        <f t="shared" si="936"/>
        <v/>
      </c>
      <c r="CG520" s="898" t="str">
        <f t="shared" si="937"/>
        <v/>
      </c>
      <c r="CH520" s="898" t="str">
        <f t="shared" si="938"/>
        <v/>
      </c>
      <c r="CI520" s="898" t="str">
        <f t="shared" si="939"/>
        <v/>
      </c>
      <c r="CJ520" s="898">
        <f t="shared" si="940"/>
        <v>20361.375</v>
      </c>
      <c r="CK520" s="898" t="str">
        <f t="shared" si="941"/>
        <v/>
      </c>
      <c r="CL520" s="898" t="str">
        <f t="shared" si="942"/>
        <v/>
      </c>
      <c r="CM520" s="898"/>
      <c r="CN520" s="898"/>
      <c r="CO520" s="898"/>
      <c r="CP520" s="898"/>
      <c r="CQ520" s="898"/>
      <c r="CR520" s="898"/>
      <c r="CS520" s="898"/>
      <c r="CT520" s="898"/>
      <c r="CU520" s="898"/>
      <c r="CV520" s="898"/>
      <c r="CW520" s="898"/>
      <c r="CX520" s="898"/>
      <c r="CY520" s="898"/>
      <c r="CZ520" s="898"/>
      <c r="DA520" s="898"/>
      <c r="DB520" s="898"/>
      <c r="DC520" s="898"/>
      <c r="DD520" s="898"/>
      <c r="DE520" s="898"/>
      <c r="DF520" s="898"/>
      <c r="DG520" s="898"/>
      <c r="DH520" s="898"/>
      <c r="DI520" s="898" t="str">
        <f t="shared" si="943"/>
        <v/>
      </c>
      <c r="DJ520" s="898" t="str">
        <f t="shared" si="944"/>
        <v/>
      </c>
      <c r="DK520" s="898" t="str">
        <f t="shared" si="945"/>
        <v/>
      </c>
      <c r="DL520" s="898" t="str">
        <f t="shared" si="946"/>
        <v/>
      </c>
      <c r="DM520" s="661"/>
      <c r="DN520" s="898"/>
      <c r="DO520" s="516"/>
      <c r="DP520" s="898"/>
      <c r="DQ520" s="860" t="s">
        <v>4690</v>
      </c>
      <c r="DR520" s="860" t="s">
        <v>4691</v>
      </c>
      <c r="DS520" s="1221" t="s">
        <v>3222</v>
      </c>
      <c r="DT520" s="613"/>
    </row>
    <row r="521" spans="1:124" ht="199.5" x14ac:dyDescent="0.2">
      <c r="A521" s="484" t="str">
        <f t="shared" si="947"/>
        <v>Nickey Line Ext - DBC LCWIP Scheme H12 – Cycling</v>
      </c>
      <c r="B521" s="1163">
        <v>518</v>
      </c>
      <c r="C521" s="1156" t="s">
        <v>4732</v>
      </c>
      <c r="D521" s="481" t="s">
        <v>3212</v>
      </c>
      <c r="E521" s="481" t="s">
        <v>53</v>
      </c>
      <c r="F521" s="481" t="s">
        <v>655</v>
      </c>
      <c r="G521" s="775" t="s">
        <v>932</v>
      </c>
      <c r="H521" s="78" t="s">
        <v>4733</v>
      </c>
      <c r="I521" s="775"/>
      <c r="J521" s="78" t="s">
        <v>4734</v>
      </c>
      <c r="K521" s="664" t="s">
        <v>3104</v>
      </c>
      <c r="L521" s="1160" t="s">
        <v>4735</v>
      </c>
      <c r="M521" s="515" t="s">
        <v>2996</v>
      </c>
      <c r="N521" s="775" t="s">
        <v>81</v>
      </c>
      <c r="O521" s="654" t="s">
        <v>3216</v>
      </c>
      <c r="P521" s="657" t="s">
        <v>61</v>
      </c>
      <c r="Q521" s="654" t="s">
        <v>3218</v>
      </c>
      <c r="R521" s="657"/>
      <c r="S521" s="657"/>
      <c r="T521" s="1159">
        <v>875511</v>
      </c>
      <c r="U521" s="854"/>
      <c r="V521" s="657" t="s">
        <v>3219</v>
      </c>
      <c r="W521" s="642">
        <f t="shared" si="924"/>
        <v>0</v>
      </c>
      <c r="X521" s="745">
        <f t="shared" si="925"/>
        <v>875511</v>
      </c>
      <c r="Y521" s="745"/>
      <c r="Z521" s="745"/>
      <c r="AA521" s="1331" t="s">
        <v>3220</v>
      </c>
      <c r="AB521" s="713"/>
      <c r="AC521" s="1162" t="s">
        <v>66</v>
      </c>
      <c r="AD521" s="713" t="s">
        <v>66</v>
      </c>
      <c r="AE521" s="713" t="s">
        <v>66</v>
      </c>
      <c r="AF521" s="713" t="s">
        <v>66</v>
      </c>
      <c r="AG521" s="713" t="s">
        <v>66</v>
      </c>
      <c r="AH521" s="713" t="s">
        <v>66</v>
      </c>
      <c r="AI521" s="713"/>
      <c r="AJ521" s="713"/>
      <c r="AK521" s="713"/>
      <c r="AL521" s="713"/>
      <c r="AM521" s="713"/>
      <c r="AN521" s="713"/>
      <c r="AO521" s="713"/>
      <c r="AP521" s="713" t="s">
        <v>66</v>
      </c>
      <c r="AQ521" s="713"/>
      <c r="AR521" s="713"/>
      <c r="AS521" s="657"/>
      <c r="AT521" s="657"/>
      <c r="AU521" s="657"/>
      <c r="AV521" s="657"/>
      <c r="AW521" s="657"/>
      <c r="AX521" s="657"/>
      <c r="AY521" s="657"/>
      <c r="AZ521" s="657"/>
      <c r="BA521" s="657"/>
      <c r="BB521" s="657"/>
      <c r="BC521" s="657"/>
      <c r="BD521" s="657"/>
      <c r="BE521" s="657"/>
      <c r="BF521" s="657"/>
      <c r="BG521" s="746"/>
      <c r="BH521" s="746"/>
      <c r="BI521" s="746"/>
      <c r="BJ521" s="746"/>
      <c r="BK521" s="746"/>
      <c r="BL521" s="746"/>
      <c r="BM521" s="746"/>
      <c r="BN521" s="746"/>
      <c r="BO521" s="892"/>
      <c r="BP521" s="892"/>
      <c r="BQ521" s="892"/>
      <c r="BR521" s="892"/>
      <c r="BS521" s="884">
        <f t="shared" si="948"/>
        <v>2170</v>
      </c>
      <c r="BT521" s="661">
        <f t="shared" si="876"/>
        <v>403.46129032258062</v>
      </c>
      <c r="BU521" s="661"/>
      <c r="BV521" s="898" t="str">
        <f t="shared" si="926"/>
        <v/>
      </c>
      <c r="BW521" s="898">
        <f t="shared" si="927"/>
        <v>80692.258064516122</v>
      </c>
      <c r="BX521" s="898">
        <f t="shared" si="928"/>
        <v>181557.58064516127</v>
      </c>
      <c r="BY521" s="898">
        <f t="shared" si="929"/>
        <v>141211.45161290321</v>
      </c>
      <c r="BZ521" s="898">
        <f t="shared" si="930"/>
        <v>201730.6451612903</v>
      </c>
      <c r="CA521" s="898">
        <f t="shared" si="931"/>
        <v>193661.4193548387</v>
      </c>
      <c r="CB521" s="898">
        <f t="shared" si="932"/>
        <v>40346.129032258061</v>
      </c>
      <c r="CC521" s="898" t="str">
        <f t="shared" si="933"/>
        <v/>
      </c>
      <c r="CD521" s="898" t="str">
        <f t="shared" si="934"/>
        <v/>
      </c>
      <c r="CE521" s="898" t="str">
        <f t="shared" si="935"/>
        <v/>
      </c>
      <c r="CF521" s="898" t="str">
        <f t="shared" si="936"/>
        <v/>
      </c>
      <c r="CG521" s="898" t="str">
        <f t="shared" si="937"/>
        <v/>
      </c>
      <c r="CH521" s="898" t="str">
        <f t="shared" si="938"/>
        <v/>
      </c>
      <c r="CI521" s="898" t="str">
        <f t="shared" si="939"/>
        <v/>
      </c>
      <c r="CJ521" s="898">
        <f t="shared" si="940"/>
        <v>36311.516129032258</v>
      </c>
      <c r="CK521" s="898" t="str">
        <f t="shared" si="941"/>
        <v/>
      </c>
      <c r="CL521" s="898" t="str">
        <f t="shared" si="942"/>
        <v/>
      </c>
      <c r="CM521" s="898"/>
      <c r="CN521" s="898"/>
      <c r="CO521" s="898"/>
      <c r="CP521" s="898"/>
      <c r="CQ521" s="898"/>
      <c r="CR521" s="898"/>
      <c r="CS521" s="898"/>
      <c r="CT521" s="898"/>
      <c r="CU521" s="898"/>
      <c r="CV521" s="898"/>
      <c r="CW521" s="898"/>
      <c r="CX521" s="898"/>
      <c r="CY521" s="898"/>
      <c r="CZ521" s="898"/>
      <c r="DA521" s="898"/>
      <c r="DB521" s="898"/>
      <c r="DC521" s="898"/>
      <c r="DD521" s="898"/>
      <c r="DE521" s="898"/>
      <c r="DF521" s="898"/>
      <c r="DG521" s="898"/>
      <c r="DH521" s="898"/>
      <c r="DI521" s="898" t="str">
        <f t="shared" si="943"/>
        <v/>
      </c>
      <c r="DJ521" s="898" t="str">
        <f t="shared" si="944"/>
        <v/>
      </c>
      <c r="DK521" s="898" t="str">
        <f t="shared" si="945"/>
        <v/>
      </c>
      <c r="DL521" s="898" t="str">
        <f t="shared" si="946"/>
        <v/>
      </c>
      <c r="DM521" s="661"/>
      <c r="DN521" s="898"/>
      <c r="DO521" s="516"/>
      <c r="DP521" s="898"/>
      <c r="DQ521" s="860" t="s">
        <v>4690</v>
      </c>
      <c r="DR521" s="860" t="s">
        <v>4691</v>
      </c>
      <c r="DS521" s="1221" t="s">
        <v>3222</v>
      </c>
      <c r="DT521" s="613"/>
    </row>
    <row r="522" spans="1:124" ht="199.5" x14ac:dyDescent="0.2">
      <c r="A522" s="484" t="str">
        <f t="shared" si="947"/>
        <v>St Agnells Ln- Cupid Green Ln - DBC LCWIP Scheme H13 – Cycling</v>
      </c>
      <c r="B522" s="1163">
        <v>519</v>
      </c>
      <c r="C522" s="1156" t="s">
        <v>4736</v>
      </c>
      <c r="D522" s="481" t="s">
        <v>3212</v>
      </c>
      <c r="E522" s="481" t="s">
        <v>53</v>
      </c>
      <c r="F522" s="481" t="s">
        <v>655</v>
      </c>
      <c r="G522" s="775" t="s">
        <v>932</v>
      </c>
      <c r="H522" s="78" t="s">
        <v>4737</v>
      </c>
      <c r="I522" s="775"/>
      <c r="J522" s="78" t="s">
        <v>4738</v>
      </c>
      <c r="K522" s="664" t="s">
        <v>3104</v>
      </c>
      <c r="L522" s="1160" t="s">
        <v>4739</v>
      </c>
      <c r="M522" s="515" t="s">
        <v>2996</v>
      </c>
      <c r="N522" s="775" t="s">
        <v>81</v>
      </c>
      <c r="O522" s="654" t="s">
        <v>3216</v>
      </c>
      <c r="P522" s="657" t="s">
        <v>61</v>
      </c>
      <c r="Q522" s="654" t="s">
        <v>3218</v>
      </c>
      <c r="R522" s="657"/>
      <c r="S522" s="657"/>
      <c r="T522" s="1159">
        <v>178500</v>
      </c>
      <c r="U522" s="854"/>
      <c r="V522" s="657" t="s">
        <v>3219</v>
      </c>
      <c r="W522" s="642">
        <f t="shared" si="924"/>
        <v>0</v>
      </c>
      <c r="X522" s="745">
        <f t="shared" si="925"/>
        <v>178500</v>
      </c>
      <c r="Y522" s="745"/>
      <c r="Z522" s="745"/>
      <c r="AA522" s="1331" t="s">
        <v>3220</v>
      </c>
      <c r="AB522" s="713" t="s">
        <v>66</v>
      </c>
      <c r="AC522" s="713"/>
      <c r="AD522" s="713"/>
      <c r="AE522" s="713"/>
      <c r="AF522" s="713"/>
      <c r="AG522" s="713"/>
      <c r="AH522" s="713"/>
      <c r="AI522" s="713"/>
      <c r="AJ522" s="713"/>
      <c r="AK522" s="713"/>
      <c r="AL522" s="713"/>
      <c r="AM522" s="713" t="s">
        <v>66</v>
      </c>
      <c r="AN522" s="713"/>
      <c r="AO522" s="713" t="s">
        <v>66</v>
      </c>
      <c r="AP522" s="713"/>
      <c r="AQ522" s="713"/>
      <c r="AR522" s="713"/>
      <c r="AS522" s="657"/>
      <c r="AT522" s="657"/>
      <c r="AU522" s="657"/>
      <c r="AV522" s="657"/>
      <c r="AW522" s="657"/>
      <c r="AX522" s="657"/>
      <c r="AY522" s="657"/>
      <c r="AZ522" s="657"/>
      <c r="BA522" s="657"/>
      <c r="BB522" s="657"/>
      <c r="BC522" s="657"/>
      <c r="BD522" s="657"/>
      <c r="BE522" s="657"/>
      <c r="BF522" s="657"/>
      <c r="BG522" s="746"/>
      <c r="BH522" s="746"/>
      <c r="BI522" s="746"/>
      <c r="BJ522" s="746"/>
      <c r="BK522" s="746"/>
      <c r="BL522" s="746"/>
      <c r="BM522" s="746"/>
      <c r="BN522" s="746"/>
      <c r="BO522" s="892" t="s">
        <v>66</v>
      </c>
      <c r="BP522" s="892" t="s">
        <v>66</v>
      </c>
      <c r="BQ522" s="892"/>
      <c r="BR522" s="892"/>
      <c r="BS522" s="884">
        <f t="shared" si="948"/>
        <v>8650</v>
      </c>
      <c r="BT522" s="661">
        <f t="shared" si="876"/>
        <v>20.635838150289018</v>
      </c>
      <c r="BU522" s="661"/>
      <c r="BV522" s="898">
        <f t="shared" si="926"/>
        <v>103179.19075144509</v>
      </c>
      <c r="BW522" s="898" t="str">
        <f t="shared" si="927"/>
        <v/>
      </c>
      <c r="BX522" s="898" t="str">
        <f t="shared" si="928"/>
        <v/>
      </c>
      <c r="BY522" s="898" t="str">
        <f t="shared" si="929"/>
        <v/>
      </c>
      <c r="BZ522" s="898" t="str">
        <f t="shared" si="930"/>
        <v/>
      </c>
      <c r="CA522" s="898" t="str">
        <f t="shared" si="931"/>
        <v/>
      </c>
      <c r="CB522" s="898" t="str">
        <f t="shared" si="932"/>
        <v/>
      </c>
      <c r="CC522" s="898" t="str">
        <f t="shared" si="933"/>
        <v/>
      </c>
      <c r="CD522" s="898" t="str">
        <f t="shared" si="934"/>
        <v/>
      </c>
      <c r="CE522" s="898" t="str">
        <f t="shared" si="935"/>
        <v/>
      </c>
      <c r="CF522" s="898" t="str">
        <f t="shared" si="936"/>
        <v/>
      </c>
      <c r="CG522" s="898">
        <f t="shared" si="937"/>
        <v>4127.1676300578038</v>
      </c>
      <c r="CH522" s="898" t="str">
        <f t="shared" si="938"/>
        <v/>
      </c>
      <c r="CI522" s="898">
        <f t="shared" si="939"/>
        <v>7222.5433526011566</v>
      </c>
      <c r="CJ522" s="898" t="str">
        <f t="shared" si="940"/>
        <v/>
      </c>
      <c r="CK522" s="898" t="str">
        <f t="shared" si="941"/>
        <v/>
      </c>
      <c r="CL522" s="898" t="str">
        <f t="shared" si="942"/>
        <v/>
      </c>
      <c r="CM522" s="898"/>
      <c r="CN522" s="898"/>
      <c r="CO522" s="898"/>
      <c r="CP522" s="898"/>
      <c r="CQ522" s="898"/>
      <c r="CR522" s="898"/>
      <c r="CS522" s="898"/>
      <c r="CT522" s="898"/>
      <c r="CU522" s="898"/>
      <c r="CV522" s="898"/>
      <c r="CW522" s="898"/>
      <c r="CX522" s="898"/>
      <c r="CY522" s="898"/>
      <c r="CZ522" s="898"/>
      <c r="DA522" s="898"/>
      <c r="DB522" s="898"/>
      <c r="DC522" s="898"/>
      <c r="DD522" s="898"/>
      <c r="DE522" s="898"/>
      <c r="DF522" s="898"/>
      <c r="DG522" s="898"/>
      <c r="DH522" s="898"/>
      <c r="DI522" s="898">
        <f t="shared" si="943"/>
        <v>30953.757225433528</v>
      </c>
      <c r="DJ522" s="898">
        <f t="shared" si="944"/>
        <v>33017.34104046243</v>
      </c>
      <c r="DK522" s="898" t="str">
        <f t="shared" si="945"/>
        <v/>
      </c>
      <c r="DL522" s="898" t="str">
        <f t="shared" si="946"/>
        <v/>
      </c>
      <c r="DM522" s="661"/>
      <c r="DN522" s="898"/>
      <c r="DO522" s="516"/>
      <c r="DP522" s="898"/>
      <c r="DQ522" s="860" t="s">
        <v>4690</v>
      </c>
      <c r="DR522" s="860" t="s">
        <v>4691</v>
      </c>
      <c r="DS522" s="1221" t="s">
        <v>3222</v>
      </c>
      <c r="DT522" s="613"/>
    </row>
    <row r="523" spans="1:124" ht="199.5" x14ac:dyDescent="0.2">
      <c r="A523" s="484" t="str">
        <f t="shared" si="947"/>
        <v>St Albans Road (Magic Roundabout to Breakspear Way) - DBC LCWIP Scheme H14 – Cycling</v>
      </c>
      <c r="B523" s="1163">
        <v>520</v>
      </c>
      <c r="C523" s="1156" t="s">
        <v>4740</v>
      </c>
      <c r="D523" s="481" t="s">
        <v>3212</v>
      </c>
      <c r="E523" s="481" t="s">
        <v>53</v>
      </c>
      <c r="F523" s="481" t="s">
        <v>655</v>
      </c>
      <c r="G523" s="775" t="s">
        <v>932</v>
      </c>
      <c r="H523" s="78" t="s">
        <v>4741</v>
      </c>
      <c r="I523" s="775"/>
      <c r="J523" s="78" t="s">
        <v>4742</v>
      </c>
      <c r="K523" s="664" t="s">
        <v>3104</v>
      </c>
      <c r="L523" s="1160" t="s">
        <v>4743</v>
      </c>
      <c r="M523" s="515" t="s">
        <v>2996</v>
      </c>
      <c r="N523" s="775" t="s">
        <v>81</v>
      </c>
      <c r="O523" s="654" t="s">
        <v>3216</v>
      </c>
      <c r="P523" s="657" t="s">
        <v>61</v>
      </c>
      <c r="Q523" s="654" t="s">
        <v>3218</v>
      </c>
      <c r="R523" s="657"/>
      <c r="S523" s="657"/>
      <c r="T523" s="1159">
        <v>4453600</v>
      </c>
      <c r="U523" s="854"/>
      <c r="V523" s="657" t="s">
        <v>3219</v>
      </c>
      <c r="W523" s="642">
        <f t="shared" si="924"/>
        <v>0</v>
      </c>
      <c r="X523" s="745">
        <f t="shared" si="925"/>
        <v>4453600</v>
      </c>
      <c r="Y523" s="745"/>
      <c r="Z523" s="745"/>
      <c r="AA523" s="1331" t="s">
        <v>3220</v>
      </c>
      <c r="AB523" s="713"/>
      <c r="AC523" s="1162" t="s">
        <v>66</v>
      </c>
      <c r="AD523" s="713" t="s">
        <v>66</v>
      </c>
      <c r="AE523" s="713" t="s">
        <v>66</v>
      </c>
      <c r="AF523" s="713" t="s">
        <v>66</v>
      </c>
      <c r="AG523" s="713" t="s">
        <v>66</v>
      </c>
      <c r="AH523" s="713" t="s">
        <v>66</v>
      </c>
      <c r="AI523" s="713"/>
      <c r="AJ523" s="713"/>
      <c r="AK523" s="713"/>
      <c r="AL523" s="713"/>
      <c r="AM523" s="713"/>
      <c r="AN523" s="713" t="s">
        <v>66</v>
      </c>
      <c r="AO523" s="713"/>
      <c r="AP523" s="713"/>
      <c r="AQ523" s="713" t="s">
        <v>66</v>
      </c>
      <c r="AR523" s="713"/>
      <c r="AS523" s="657"/>
      <c r="AT523" s="657"/>
      <c r="AU523" s="657"/>
      <c r="AV523" s="657"/>
      <c r="AW523" s="657"/>
      <c r="AX523" s="657"/>
      <c r="AY523" s="657"/>
      <c r="AZ523" s="657"/>
      <c r="BA523" s="657"/>
      <c r="BB523" s="657"/>
      <c r="BC523" s="657"/>
      <c r="BD523" s="657"/>
      <c r="BE523" s="657"/>
      <c r="BF523" s="657"/>
      <c r="BG523" s="746"/>
      <c r="BH523" s="746"/>
      <c r="BI523" s="746"/>
      <c r="BJ523" s="746"/>
      <c r="BK523" s="746"/>
      <c r="BL523" s="746"/>
      <c r="BM523" s="746"/>
      <c r="BN523" s="746"/>
      <c r="BO523" s="892"/>
      <c r="BP523" s="892"/>
      <c r="BQ523" s="892" t="s">
        <v>66</v>
      </c>
      <c r="BR523" s="892" t="s">
        <v>66</v>
      </c>
      <c r="BS523" s="884">
        <f t="shared" si="948"/>
        <v>7965</v>
      </c>
      <c r="BT523" s="661">
        <f t="shared" ref="BT523:BT543" si="949">X523/BS523</f>
        <v>559.14626490897672</v>
      </c>
      <c r="BU523" s="661"/>
      <c r="BV523" s="898" t="str">
        <f t="shared" si="926"/>
        <v/>
      </c>
      <c r="BW523" s="898">
        <f t="shared" si="927"/>
        <v>111829.25298179535</v>
      </c>
      <c r="BX523" s="898">
        <f t="shared" si="928"/>
        <v>251615.81920903953</v>
      </c>
      <c r="BY523" s="898">
        <f t="shared" si="929"/>
        <v>195701.19271814186</v>
      </c>
      <c r="BZ523" s="898">
        <f t="shared" si="930"/>
        <v>279573.13245448837</v>
      </c>
      <c r="CA523" s="898">
        <f t="shared" si="931"/>
        <v>268390.20715630881</v>
      </c>
      <c r="CB523" s="898">
        <f t="shared" si="932"/>
        <v>55914.626490897674</v>
      </c>
      <c r="CC523" s="898" t="str">
        <f t="shared" si="933"/>
        <v/>
      </c>
      <c r="CD523" s="898" t="str">
        <f t="shared" si="934"/>
        <v/>
      </c>
      <c r="CE523" s="898" t="str">
        <f t="shared" si="935"/>
        <v/>
      </c>
      <c r="CF523" s="898" t="str">
        <f t="shared" si="936"/>
        <v/>
      </c>
      <c r="CG523" s="898" t="str">
        <f t="shared" si="937"/>
        <v/>
      </c>
      <c r="CH523" s="898">
        <f t="shared" si="938"/>
        <v>130840.22598870055</v>
      </c>
      <c r="CI523" s="898" t="str">
        <f t="shared" si="939"/>
        <v/>
      </c>
      <c r="CJ523" s="898" t="str">
        <f t="shared" si="940"/>
        <v/>
      </c>
      <c r="CK523" s="898">
        <f t="shared" si="941"/>
        <v>44731.701192718137</v>
      </c>
      <c r="CL523" s="898" t="str">
        <f t="shared" si="942"/>
        <v/>
      </c>
      <c r="CM523" s="898"/>
      <c r="CN523" s="898"/>
      <c r="CO523" s="898"/>
      <c r="CP523" s="898"/>
      <c r="CQ523" s="898"/>
      <c r="CR523" s="898"/>
      <c r="CS523" s="898"/>
      <c r="CT523" s="898"/>
      <c r="CU523" s="898"/>
      <c r="CV523" s="898"/>
      <c r="CW523" s="898"/>
      <c r="CX523" s="898"/>
      <c r="CY523" s="898"/>
      <c r="CZ523" s="898"/>
      <c r="DA523" s="898"/>
      <c r="DB523" s="898"/>
      <c r="DC523" s="898"/>
      <c r="DD523" s="898"/>
      <c r="DE523" s="898"/>
      <c r="DF523" s="898"/>
      <c r="DG523" s="898"/>
      <c r="DH523" s="898"/>
      <c r="DI523" s="898" t="str">
        <f t="shared" si="943"/>
        <v/>
      </c>
      <c r="DJ523" s="898" t="str">
        <f t="shared" si="944"/>
        <v/>
      </c>
      <c r="DK523" s="898">
        <f t="shared" si="945"/>
        <v>1341951.0357815442</v>
      </c>
      <c r="DL523" s="898">
        <f t="shared" si="946"/>
        <v>1773052.8060263651</v>
      </c>
      <c r="DM523" s="661"/>
      <c r="DN523" s="898"/>
      <c r="DO523" s="516"/>
      <c r="DP523" s="898"/>
      <c r="DQ523" s="860" t="s">
        <v>4690</v>
      </c>
      <c r="DR523" s="860" t="s">
        <v>4691</v>
      </c>
      <c r="DS523" s="1221" t="s">
        <v>3222</v>
      </c>
      <c r="DT523" s="613"/>
    </row>
    <row r="524" spans="1:124" ht="199.5" x14ac:dyDescent="0.2">
      <c r="A524" s="484" t="str">
        <f t="shared" si="947"/>
        <v>St John's Road - DBC LCWIP Scheme H15 – Cycling</v>
      </c>
      <c r="B524" s="1163">
        <v>521</v>
      </c>
      <c r="C524" s="1156" t="s">
        <v>4744</v>
      </c>
      <c r="D524" s="481" t="s">
        <v>3212</v>
      </c>
      <c r="E524" s="481" t="s">
        <v>53</v>
      </c>
      <c r="F524" s="481" t="s">
        <v>655</v>
      </c>
      <c r="G524" s="775" t="s">
        <v>932</v>
      </c>
      <c r="H524" s="78" t="s">
        <v>4745</v>
      </c>
      <c r="I524" s="775"/>
      <c r="J524" s="78" t="s">
        <v>4746</v>
      </c>
      <c r="K524" s="664" t="s">
        <v>3104</v>
      </c>
      <c r="L524" s="1160" t="s">
        <v>4747</v>
      </c>
      <c r="M524" s="515" t="s">
        <v>2996</v>
      </c>
      <c r="N524" s="775" t="s">
        <v>81</v>
      </c>
      <c r="O524" s="654" t="s">
        <v>3216</v>
      </c>
      <c r="P524" s="657" t="s">
        <v>61</v>
      </c>
      <c r="Q524" s="654" t="s">
        <v>3218</v>
      </c>
      <c r="R524" s="657"/>
      <c r="S524" s="657"/>
      <c r="T524" s="1159">
        <v>3620323.5</v>
      </c>
      <c r="U524" s="854"/>
      <c r="V524" s="657" t="s">
        <v>3219</v>
      </c>
      <c r="W524" s="642">
        <f t="shared" si="924"/>
        <v>0</v>
      </c>
      <c r="X524" s="745">
        <f t="shared" si="925"/>
        <v>3620323.5</v>
      </c>
      <c r="Y524" s="745"/>
      <c r="Z524" s="745"/>
      <c r="AA524" s="1331" t="s">
        <v>3220</v>
      </c>
      <c r="AB524" s="713"/>
      <c r="AC524" s="1162" t="s">
        <v>66</v>
      </c>
      <c r="AD524" s="713" t="s">
        <v>66</v>
      </c>
      <c r="AE524" s="713" t="s">
        <v>66</v>
      </c>
      <c r="AF524" s="713" t="s">
        <v>66</v>
      </c>
      <c r="AG524" s="713" t="s">
        <v>66</v>
      </c>
      <c r="AH524" s="713" t="s">
        <v>66</v>
      </c>
      <c r="AI524" s="713" t="s">
        <v>66</v>
      </c>
      <c r="AJ524" s="713"/>
      <c r="AK524" s="713"/>
      <c r="AL524" s="713" t="s">
        <v>66</v>
      </c>
      <c r="AM524" s="713"/>
      <c r="AN524" s="713"/>
      <c r="AO524" s="713"/>
      <c r="AP524" s="713" t="s">
        <v>66</v>
      </c>
      <c r="AQ524" s="713"/>
      <c r="AR524" s="713"/>
      <c r="AS524" s="657"/>
      <c r="AT524" s="657"/>
      <c r="AU524" s="657"/>
      <c r="AV524" s="657"/>
      <c r="AW524" s="657"/>
      <c r="AX524" s="657"/>
      <c r="AY524" s="657"/>
      <c r="AZ524" s="657"/>
      <c r="BA524" s="657"/>
      <c r="BB524" s="657"/>
      <c r="BC524" s="657"/>
      <c r="BD524" s="657"/>
      <c r="BE524" s="657"/>
      <c r="BF524" s="657"/>
      <c r="BG524" s="746"/>
      <c r="BH524" s="746"/>
      <c r="BI524" s="746"/>
      <c r="BJ524" s="746"/>
      <c r="BK524" s="746"/>
      <c r="BL524" s="746"/>
      <c r="BM524" s="746"/>
      <c r="BN524" s="746"/>
      <c r="BO524" s="892"/>
      <c r="BP524" s="892"/>
      <c r="BQ524" s="892"/>
      <c r="BR524" s="892"/>
      <c r="BS524" s="884">
        <f t="shared" si="948"/>
        <v>3310</v>
      </c>
      <c r="BT524" s="661">
        <f t="shared" si="949"/>
        <v>1093.7533232628398</v>
      </c>
      <c r="BU524" s="661"/>
      <c r="BV524" s="898" t="str">
        <f t="shared" si="926"/>
        <v/>
      </c>
      <c r="BW524" s="898">
        <f t="shared" si="927"/>
        <v>218750.66465256797</v>
      </c>
      <c r="BX524" s="898">
        <f t="shared" si="928"/>
        <v>492188.99546827789</v>
      </c>
      <c r="BY524" s="898">
        <f t="shared" si="929"/>
        <v>382813.66314199392</v>
      </c>
      <c r="BZ524" s="898">
        <f t="shared" si="930"/>
        <v>546876.66163141991</v>
      </c>
      <c r="CA524" s="898">
        <f t="shared" si="931"/>
        <v>525001.59516616305</v>
      </c>
      <c r="CB524" s="898">
        <f t="shared" si="932"/>
        <v>109375.33232628398</v>
      </c>
      <c r="CC524" s="898">
        <f t="shared" si="933"/>
        <v>426563.79607250751</v>
      </c>
      <c r="CD524" s="898" t="str">
        <f t="shared" si="934"/>
        <v/>
      </c>
      <c r="CE524" s="898" t="str">
        <f t="shared" si="935"/>
        <v/>
      </c>
      <c r="CF524" s="898">
        <f t="shared" si="936"/>
        <v>820314.9924471298</v>
      </c>
      <c r="CG524" s="898" t="str">
        <f t="shared" si="937"/>
        <v/>
      </c>
      <c r="CH524" s="898" t="str">
        <f t="shared" si="938"/>
        <v/>
      </c>
      <c r="CI524" s="898" t="str">
        <f t="shared" si="939"/>
        <v/>
      </c>
      <c r="CJ524" s="898">
        <f t="shared" si="940"/>
        <v>98437.799093655587</v>
      </c>
      <c r="CK524" s="898" t="str">
        <f t="shared" si="941"/>
        <v/>
      </c>
      <c r="CL524" s="898" t="str">
        <f t="shared" si="942"/>
        <v/>
      </c>
      <c r="CM524" s="898"/>
      <c r="CN524" s="898"/>
      <c r="CO524" s="898"/>
      <c r="CP524" s="898"/>
      <c r="CQ524" s="898"/>
      <c r="CR524" s="898"/>
      <c r="CS524" s="898"/>
      <c r="CT524" s="898"/>
      <c r="CU524" s="898"/>
      <c r="CV524" s="898"/>
      <c r="CW524" s="898"/>
      <c r="CX524" s="898"/>
      <c r="CY524" s="898"/>
      <c r="CZ524" s="898"/>
      <c r="DA524" s="898"/>
      <c r="DB524" s="898"/>
      <c r="DC524" s="898"/>
      <c r="DD524" s="898"/>
      <c r="DE524" s="898"/>
      <c r="DF524" s="898"/>
      <c r="DG524" s="898"/>
      <c r="DH524" s="898"/>
      <c r="DI524" s="898" t="str">
        <f t="shared" si="943"/>
        <v/>
      </c>
      <c r="DJ524" s="898" t="str">
        <f t="shared" si="944"/>
        <v/>
      </c>
      <c r="DK524" s="898" t="str">
        <f t="shared" si="945"/>
        <v/>
      </c>
      <c r="DL524" s="898" t="str">
        <f t="shared" si="946"/>
        <v/>
      </c>
      <c r="DM524" s="661"/>
      <c r="DN524" s="898"/>
      <c r="DO524" s="516"/>
      <c r="DP524" s="898"/>
      <c r="DQ524" s="860" t="s">
        <v>4690</v>
      </c>
      <c r="DR524" s="860" t="s">
        <v>4691</v>
      </c>
      <c r="DS524" s="1221" t="s">
        <v>3222</v>
      </c>
      <c r="DT524" s="613"/>
    </row>
    <row r="525" spans="1:124" ht="199.5" x14ac:dyDescent="0.2">
      <c r="A525" s="484" t="str">
        <f t="shared" si="947"/>
        <v>Link Road - DBC LCWIP Scheme H16 – Cycling</v>
      </c>
      <c r="B525" s="1163">
        <v>522</v>
      </c>
      <c r="C525" s="1156" t="s">
        <v>4748</v>
      </c>
      <c r="D525" s="481" t="s">
        <v>3212</v>
      </c>
      <c r="E525" s="481" t="s">
        <v>53</v>
      </c>
      <c r="F525" s="481" t="s">
        <v>655</v>
      </c>
      <c r="G525" s="775" t="s">
        <v>932</v>
      </c>
      <c r="H525" s="78" t="s">
        <v>4749</v>
      </c>
      <c r="I525" s="775"/>
      <c r="J525" s="78" t="s">
        <v>4750</v>
      </c>
      <c r="K525" s="664" t="s">
        <v>3104</v>
      </c>
      <c r="L525" s="1160" t="s">
        <v>4751</v>
      </c>
      <c r="M525" s="515" t="s">
        <v>2996</v>
      </c>
      <c r="N525" s="775" t="s">
        <v>81</v>
      </c>
      <c r="O525" s="654" t="s">
        <v>3216</v>
      </c>
      <c r="P525" s="657" t="s">
        <v>61</v>
      </c>
      <c r="Q525" s="654" t="s">
        <v>3218</v>
      </c>
      <c r="R525" s="657"/>
      <c r="S525" s="657"/>
      <c r="T525" s="1159">
        <v>6621721.2000000002</v>
      </c>
      <c r="U525" s="854"/>
      <c r="V525" s="657" t="s">
        <v>3219</v>
      </c>
      <c r="W525" s="642">
        <f t="shared" si="924"/>
        <v>0</v>
      </c>
      <c r="X525" s="745">
        <f t="shared" si="925"/>
        <v>6621721.2000000002</v>
      </c>
      <c r="Y525" s="745"/>
      <c r="Z525" s="745"/>
      <c r="AA525" s="1331" t="s">
        <v>3220</v>
      </c>
      <c r="AB525" s="713" t="s">
        <v>66</v>
      </c>
      <c r="AC525" s="713"/>
      <c r="AD525" s="713"/>
      <c r="AE525" s="713"/>
      <c r="AF525" s="713"/>
      <c r="AG525" s="713"/>
      <c r="AH525" s="713"/>
      <c r="AI525" s="713"/>
      <c r="AJ525" s="713"/>
      <c r="AK525" s="713"/>
      <c r="AL525" s="713" t="s">
        <v>66</v>
      </c>
      <c r="AM525" s="713" t="s">
        <v>66</v>
      </c>
      <c r="AN525" s="713"/>
      <c r="AO525" s="713" t="s">
        <v>66</v>
      </c>
      <c r="AP525" s="713" t="s">
        <v>66</v>
      </c>
      <c r="AQ525" s="713"/>
      <c r="AR525" s="713"/>
      <c r="AS525" s="657"/>
      <c r="AT525" s="657"/>
      <c r="AU525" s="657"/>
      <c r="AV525" s="657"/>
      <c r="AW525" s="657"/>
      <c r="AX525" s="657"/>
      <c r="AY525" s="657"/>
      <c r="AZ525" s="657"/>
      <c r="BA525" s="657"/>
      <c r="BB525" s="657"/>
      <c r="BC525" s="657"/>
      <c r="BD525" s="657"/>
      <c r="BE525" s="657"/>
      <c r="BF525" s="657"/>
      <c r="BG525" s="746"/>
      <c r="BH525" s="746"/>
      <c r="BI525" s="746"/>
      <c r="BJ525" s="746"/>
      <c r="BK525" s="746"/>
      <c r="BL525" s="746"/>
      <c r="BM525" s="746"/>
      <c r="BN525" s="746"/>
      <c r="BO525" s="892" t="s">
        <v>66</v>
      </c>
      <c r="BP525" s="892" t="s">
        <v>66</v>
      </c>
      <c r="BQ525" s="892"/>
      <c r="BR525" s="892"/>
      <c r="BS525" s="884">
        <f t="shared" si="948"/>
        <v>9490</v>
      </c>
      <c r="BT525" s="661">
        <f t="shared" si="949"/>
        <v>697.75776606954696</v>
      </c>
      <c r="BU525" s="661"/>
      <c r="BV525" s="898">
        <f t="shared" si="926"/>
        <v>3488788.830347735</v>
      </c>
      <c r="BW525" s="898" t="str">
        <f t="shared" si="927"/>
        <v/>
      </c>
      <c r="BX525" s="898" t="str">
        <f t="shared" si="928"/>
        <v/>
      </c>
      <c r="BY525" s="898" t="str">
        <f t="shared" si="929"/>
        <v/>
      </c>
      <c r="BZ525" s="898" t="str">
        <f t="shared" si="930"/>
        <v/>
      </c>
      <c r="CA525" s="898" t="str">
        <f t="shared" si="931"/>
        <v/>
      </c>
      <c r="CB525" s="898" t="str">
        <f t="shared" si="932"/>
        <v/>
      </c>
      <c r="CC525" s="898" t="str">
        <f t="shared" si="933"/>
        <v/>
      </c>
      <c r="CD525" s="898" t="str">
        <f t="shared" si="934"/>
        <v/>
      </c>
      <c r="CE525" s="898" t="str">
        <f t="shared" si="935"/>
        <v/>
      </c>
      <c r="CF525" s="898">
        <f t="shared" si="936"/>
        <v>523318.32455216022</v>
      </c>
      <c r="CG525" s="898">
        <f t="shared" si="937"/>
        <v>139551.55321390938</v>
      </c>
      <c r="CH525" s="898" t="str">
        <f t="shared" si="938"/>
        <v/>
      </c>
      <c r="CI525" s="898">
        <f t="shared" si="939"/>
        <v>244215.21812434142</v>
      </c>
      <c r="CJ525" s="898">
        <f t="shared" si="940"/>
        <v>62798.198946259225</v>
      </c>
      <c r="CK525" s="898" t="str">
        <f t="shared" si="941"/>
        <v/>
      </c>
      <c r="CL525" s="898" t="str">
        <f t="shared" si="942"/>
        <v/>
      </c>
      <c r="CM525" s="898"/>
      <c r="CN525" s="898"/>
      <c r="CO525" s="898"/>
      <c r="CP525" s="898"/>
      <c r="CQ525" s="898"/>
      <c r="CR525" s="898"/>
      <c r="CS525" s="898"/>
      <c r="CT525" s="898"/>
      <c r="CU525" s="898"/>
      <c r="CV525" s="898"/>
      <c r="CW525" s="898"/>
      <c r="CX525" s="898"/>
      <c r="CY525" s="898"/>
      <c r="CZ525" s="898"/>
      <c r="DA525" s="898"/>
      <c r="DB525" s="898"/>
      <c r="DC525" s="898"/>
      <c r="DD525" s="898"/>
      <c r="DE525" s="898"/>
      <c r="DF525" s="898"/>
      <c r="DG525" s="898"/>
      <c r="DH525" s="898"/>
      <c r="DI525" s="898">
        <f t="shared" si="943"/>
        <v>1046636.6491043204</v>
      </c>
      <c r="DJ525" s="898">
        <f t="shared" si="944"/>
        <v>1116412.4257112751</v>
      </c>
      <c r="DK525" s="898" t="str">
        <f t="shared" si="945"/>
        <v/>
      </c>
      <c r="DL525" s="898" t="str">
        <f t="shared" si="946"/>
        <v/>
      </c>
      <c r="DM525" s="661"/>
      <c r="DN525" s="898"/>
      <c r="DO525" s="516"/>
      <c r="DP525" s="898"/>
      <c r="DQ525" s="860" t="s">
        <v>4690</v>
      </c>
      <c r="DR525" s="860" t="s">
        <v>4691</v>
      </c>
      <c r="DS525" s="1221" t="s">
        <v>3222</v>
      </c>
      <c r="DT525" s="613"/>
    </row>
    <row r="526" spans="1:124" ht="199.5" x14ac:dyDescent="0.2">
      <c r="A526" s="484" t="str">
        <f t="shared" si="947"/>
        <v>HH Train Station to Centre - DBC LCWIP Scheme H17 – Cycling</v>
      </c>
      <c r="B526" s="1163">
        <v>523</v>
      </c>
      <c r="C526" s="1156" t="s">
        <v>4752</v>
      </c>
      <c r="D526" s="481" t="s">
        <v>3212</v>
      </c>
      <c r="E526" s="481" t="s">
        <v>53</v>
      </c>
      <c r="F526" s="481" t="s">
        <v>655</v>
      </c>
      <c r="G526" s="775" t="s">
        <v>932</v>
      </c>
      <c r="H526" s="78" t="s">
        <v>4753</v>
      </c>
      <c r="I526" s="775"/>
      <c r="J526" s="78" t="s">
        <v>4754</v>
      </c>
      <c r="K526" s="664" t="s">
        <v>3104</v>
      </c>
      <c r="L526" s="1160" t="s">
        <v>4755</v>
      </c>
      <c r="M526" s="515" t="s">
        <v>2996</v>
      </c>
      <c r="N526" s="775" t="s">
        <v>81</v>
      </c>
      <c r="O526" s="654" t="s">
        <v>3216</v>
      </c>
      <c r="P526" s="657" t="s">
        <v>61</v>
      </c>
      <c r="Q526" s="654" t="s">
        <v>3218</v>
      </c>
      <c r="R526" s="657"/>
      <c r="S526" s="657"/>
      <c r="T526" s="1159">
        <v>1959000</v>
      </c>
      <c r="U526" s="854"/>
      <c r="V526" s="657" t="s">
        <v>3219</v>
      </c>
      <c r="W526" s="642">
        <f t="shared" si="924"/>
        <v>0</v>
      </c>
      <c r="X526" s="745">
        <f t="shared" si="925"/>
        <v>1959000</v>
      </c>
      <c r="Y526" s="745"/>
      <c r="Z526" s="745"/>
      <c r="AA526" s="1331" t="s">
        <v>3220</v>
      </c>
      <c r="AB526" s="713"/>
      <c r="AC526" s="713"/>
      <c r="AD526" s="713"/>
      <c r="AE526" s="713"/>
      <c r="AF526" s="713"/>
      <c r="AG526" s="713" t="s">
        <v>66</v>
      </c>
      <c r="AH526" s="713" t="s">
        <v>66</v>
      </c>
      <c r="AI526" s="713" t="s">
        <v>66</v>
      </c>
      <c r="AJ526" s="713"/>
      <c r="AK526" s="713"/>
      <c r="AL526" s="713"/>
      <c r="AM526" s="713"/>
      <c r="AN526" s="713"/>
      <c r="AO526" s="713"/>
      <c r="AP526" s="713"/>
      <c r="AQ526" s="713"/>
      <c r="AR526" s="713"/>
      <c r="AS526" s="657"/>
      <c r="AT526" s="657"/>
      <c r="AU526" s="657"/>
      <c r="AV526" s="657"/>
      <c r="AW526" s="657"/>
      <c r="AX526" s="657"/>
      <c r="AY526" s="657"/>
      <c r="AZ526" s="657"/>
      <c r="BA526" s="657"/>
      <c r="BB526" s="657"/>
      <c r="BC526" s="657"/>
      <c r="BD526" s="657"/>
      <c r="BE526" s="657"/>
      <c r="BF526" s="657"/>
      <c r="BG526" s="746"/>
      <c r="BH526" s="746"/>
      <c r="BI526" s="746"/>
      <c r="BJ526" s="746"/>
      <c r="BK526" s="746"/>
      <c r="BL526" s="746"/>
      <c r="BM526" s="746"/>
      <c r="BN526" s="746"/>
      <c r="BO526" s="892"/>
      <c r="BP526" s="892"/>
      <c r="BQ526" s="892"/>
      <c r="BR526" s="892"/>
      <c r="BS526" s="884">
        <f t="shared" si="948"/>
        <v>970</v>
      </c>
      <c r="BT526" s="661">
        <f t="shared" si="949"/>
        <v>2019.5876288659795</v>
      </c>
      <c r="BU526" s="661"/>
      <c r="BV526" s="898" t="str">
        <f t="shared" si="926"/>
        <v/>
      </c>
      <c r="BW526" s="898" t="str">
        <f t="shared" si="927"/>
        <v/>
      </c>
      <c r="BX526" s="898" t="str">
        <f t="shared" si="928"/>
        <v/>
      </c>
      <c r="BY526" s="898" t="str">
        <f t="shared" si="929"/>
        <v/>
      </c>
      <c r="BZ526" s="898" t="str">
        <f t="shared" si="930"/>
        <v/>
      </c>
      <c r="CA526" s="898">
        <f t="shared" si="931"/>
        <v>969402.06185567018</v>
      </c>
      <c r="CB526" s="898">
        <f t="shared" si="932"/>
        <v>201958.76288659795</v>
      </c>
      <c r="CC526" s="898">
        <f t="shared" si="933"/>
        <v>787639.17525773204</v>
      </c>
      <c r="CD526" s="898" t="str">
        <f t="shared" si="934"/>
        <v/>
      </c>
      <c r="CE526" s="898" t="str">
        <f t="shared" si="935"/>
        <v/>
      </c>
      <c r="CF526" s="898" t="str">
        <f t="shared" si="936"/>
        <v/>
      </c>
      <c r="CG526" s="898" t="str">
        <f t="shared" si="937"/>
        <v/>
      </c>
      <c r="CH526" s="898" t="str">
        <f t="shared" si="938"/>
        <v/>
      </c>
      <c r="CI526" s="898" t="str">
        <f t="shared" si="939"/>
        <v/>
      </c>
      <c r="CJ526" s="898" t="str">
        <f t="shared" si="940"/>
        <v/>
      </c>
      <c r="CK526" s="898" t="str">
        <f t="shared" si="941"/>
        <v/>
      </c>
      <c r="CL526" s="898" t="str">
        <f t="shared" si="942"/>
        <v/>
      </c>
      <c r="CM526" s="898"/>
      <c r="CN526" s="898"/>
      <c r="CO526" s="898"/>
      <c r="CP526" s="898"/>
      <c r="CQ526" s="898"/>
      <c r="CR526" s="898"/>
      <c r="CS526" s="898"/>
      <c r="CT526" s="898"/>
      <c r="CU526" s="898"/>
      <c r="CV526" s="898"/>
      <c r="CW526" s="898"/>
      <c r="CX526" s="898"/>
      <c r="CY526" s="898"/>
      <c r="CZ526" s="898"/>
      <c r="DA526" s="898"/>
      <c r="DB526" s="898"/>
      <c r="DC526" s="898"/>
      <c r="DD526" s="898"/>
      <c r="DE526" s="898"/>
      <c r="DF526" s="898"/>
      <c r="DG526" s="898"/>
      <c r="DH526" s="898"/>
      <c r="DI526" s="898" t="str">
        <f t="shared" si="943"/>
        <v/>
      </c>
      <c r="DJ526" s="898" t="str">
        <f t="shared" si="944"/>
        <v/>
      </c>
      <c r="DK526" s="898" t="str">
        <f t="shared" si="945"/>
        <v/>
      </c>
      <c r="DL526" s="898" t="str">
        <f t="shared" si="946"/>
        <v/>
      </c>
      <c r="DM526" s="661"/>
      <c r="DN526" s="898"/>
      <c r="DO526" s="516"/>
      <c r="DP526" s="898"/>
      <c r="DQ526" s="860" t="s">
        <v>4690</v>
      </c>
      <c r="DR526" s="860" t="s">
        <v>4691</v>
      </c>
      <c r="DS526" s="1221" t="s">
        <v>3222</v>
      </c>
      <c r="DT526" s="613"/>
    </row>
    <row r="527" spans="1:124" ht="199.5" x14ac:dyDescent="0.2">
      <c r="A527" s="484" t="str">
        <f t="shared" si="947"/>
        <v>Leverstock Green Road - DBC LCWIP Scheme H18 – Walking</v>
      </c>
      <c r="B527" s="1163">
        <v>524</v>
      </c>
      <c r="C527" s="1156" t="s">
        <v>4756</v>
      </c>
      <c r="D527" s="481" t="s">
        <v>3212</v>
      </c>
      <c r="E527" s="481" t="s">
        <v>53</v>
      </c>
      <c r="F527" s="481" t="s">
        <v>655</v>
      </c>
      <c r="G527" s="775" t="s">
        <v>932</v>
      </c>
      <c r="H527" s="78" t="s">
        <v>4757</v>
      </c>
      <c r="I527" s="775"/>
      <c r="J527" s="78" t="s">
        <v>4758</v>
      </c>
      <c r="K527" s="664" t="s">
        <v>3104</v>
      </c>
      <c r="L527" s="1161" t="s">
        <v>4759</v>
      </c>
      <c r="M527" s="515" t="s">
        <v>2996</v>
      </c>
      <c r="N527" s="775" t="s">
        <v>81</v>
      </c>
      <c r="O527" s="654" t="s">
        <v>3216</v>
      </c>
      <c r="P527" s="657" t="s">
        <v>61</v>
      </c>
      <c r="Q527" s="654" t="s">
        <v>3218</v>
      </c>
      <c r="R527" s="657"/>
      <c r="S527" s="657"/>
      <c r="T527" s="1159">
        <v>1129353</v>
      </c>
      <c r="U527" s="854"/>
      <c r="V527" s="657" t="s">
        <v>3219</v>
      </c>
      <c r="W527" s="642">
        <f t="shared" si="924"/>
        <v>0</v>
      </c>
      <c r="X527" s="745">
        <f t="shared" si="925"/>
        <v>1129353</v>
      </c>
      <c r="Y527" s="745"/>
      <c r="Z527" s="745"/>
      <c r="AA527" s="1331" t="s">
        <v>3220</v>
      </c>
      <c r="AB527" s="713"/>
      <c r="AC527" s="713"/>
      <c r="AD527" s="713"/>
      <c r="AE527" s="713"/>
      <c r="AF527" s="713"/>
      <c r="AG527" s="713"/>
      <c r="AH527" s="713"/>
      <c r="AI527" s="713"/>
      <c r="AJ527" s="713"/>
      <c r="AK527" s="713"/>
      <c r="AL527" s="713"/>
      <c r="AM527" s="713"/>
      <c r="AN527" s="713" t="s">
        <v>66</v>
      </c>
      <c r="AO527" s="713"/>
      <c r="AP527" s="713"/>
      <c r="AQ527" s="713" t="s">
        <v>66</v>
      </c>
      <c r="AR527" s="713"/>
      <c r="AS527" s="657"/>
      <c r="AT527" s="657"/>
      <c r="AU527" s="657"/>
      <c r="AV527" s="657"/>
      <c r="AW527" s="657"/>
      <c r="AX527" s="657"/>
      <c r="AY527" s="657"/>
      <c r="AZ527" s="657"/>
      <c r="BA527" s="657"/>
      <c r="BB527" s="657"/>
      <c r="BC527" s="657"/>
      <c r="BD527" s="657"/>
      <c r="BE527" s="657"/>
      <c r="BF527" s="657"/>
      <c r="BG527" s="746"/>
      <c r="BH527" s="746"/>
      <c r="BI527" s="746"/>
      <c r="BJ527" s="746"/>
      <c r="BK527" s="746"/>
      <c r="BL527" s="746"/>
      <c r="BM527" s="746"/>
      <c r="BN527" s="746"/>
      <c r="BO527" s="892"/>
      <c r="BP527" s="892"/>
      <c r="BQ527" s="892" t="s">
        <v>66</v>
      </c>
      <c r="BR527" s="892" t="s">
        <v>66</v>
      </c>
      <c r="BS527" s="884">
        <f t="shared" si="948"/>
        <v>5885</v>
      </c>
      <c r="BT527" s="661">
        <f t="shared" si="949"/>
        <v>191.9036533559898</v>
      </c>
      <c r="BU527" s="661"/>
      <c r="BV527" s="898" t="str">
        <f t="shared" si="926"/>
        <v/>
      </c>
      <c r="BW527" s="898" t="str">
        <f t="shared" si="927"/>
        <v/>
      </c>
      <c r="BX527" s="898" t="str">
        <f t="shared" si="928"/>
        <v/>
      </c>
      <c r="BY527" s="898" t="str">
        <f t="shared" si="929"/>
        <v/>
      </c>
      <c r="BZ527" s="898" t="str">
        <f t="shared" si="930"/>
        <v/>
      </c>
      <c r="CA527" s="898" t="str">
        <f t="shared" si="931"/>
        <v/>
      </c>
      <c r="CB527" s="898" t="str">
        <f t="shared" si="932"/>
        <v/>
      </c>
      <c r="CC527" s="898" t="str">
        <f t="shared" si="933"/>
        <v/>
      </c>
      <c r="CD527" s="898" t="str">
        <f t="shared" si="934"/>
        <v/>
      </c>
      <c r="CE527" s="898" t="str">
        <f t="shared" si="935"/>
        <v/>
      </c>
      <c r="CF527" s="898" t="str">
        <f t="shared" si="936"/>
        <v/>
      </c>
      <c r="CG527" s="898" t="str">
        <f t="shared" si="937"/>
        <v/>
      </c>
      <c r="CH527" s="898">
        <f t="shared" si="938"/>
        <v>44905.454885301617</v>
      </c>
      <c r="CI527" s="898" t="str">
        <f t="shared" si="939"/>
        <v/>
      </c>
      <c r="CJ527" s="898" t="str">
        <f t="shared" si="940"/>
        <v/>
      </c>
      <c r="CK527" s="898">
        <f t="shared" si="941"/>
        <v>15352.292268479185</v>
      </c>
      <c r="CL527" s="898" t="str">
        <f t="shared" si="942"/>
        <v/>
      </c>
      <c r="CM527" s="898"/>
      <c r="CN527" s="898"/>
      <c r="CO527" s="898"/>
      <c r="CP527" s="898"/>
      <c r="CQ527" s="898"/>
      <c r="CR527" s="898"/>
      <c r="CS527" s="898"/>
      <c r="CT527" s="898"/>
      <c r="CU527" s="898"/>
      <c r="CV527" s="898"/>
      <c r="CW527" s="898"/>
      <c r="CX527" s="898"/>
      <c r="CY527" s="898"/>
      <c r="CZ527" s="898"/>
      <c r="DA527" s="898"/>
      <c r="DB527" s="898"/>
      <c r="DC527" s="898"/>
      <c r="DD527" s="898"/>
      <c r="DE527" s="898"/>
      <c r="DF527" s="898"/>
      <c r="DG527" s="898"/>
      <c r="DH527" s="898"/>
      <c r="DI527" s="898" t="str">
        <f t="shared" si="943"/>
        <v/>
      </c>
      <c r="DJ527" s="898" t="str">
        <f t="shared" si="944"/>
        <v/>
      </c>
      <c r="DK527" s="898">
        <f t="shared" si="945"/>
        <v>460568.76805437554</v>
      </c>
      <c r="DL527" s="898">
        <f t="shared" si="946"/>
        <v>608526.48479184369</v>
      </c>
      <c r="DM527" s="661"/>
      <c r="DN527" s="898"/>
      <c r="DO527" s="516"/>
      <c r="DP527" s="898"/>
      <c r="DQ527" s="860" t="s">
        <v>4690</v>
      </c>
      <c r="DR527" s="860" t="s">
        <v>4691</v>
      </c>
      <c r="DS527" s="1221" t="s">
        <v>3222</v>
      </c>
      <c r="DT527" s="613"/>
    </row>
    <row r="528" spans="1:124" ht="199.5" x14ac:dyDescent="0.2">
      <c r="A528" s="484" t="str">
        <f t="shared" si="947"/>
        <v>St Albans Road to East Hemel Hempstead South Dvlpt - DBC LCWIP Scheme H19 – Walking</v>
      </c>
      <c r="B528" s="1163">
        <v>525</v>
      </c>
      <c r="C528" s="1156" t="s">
        <v>4760</v>
      </c>
      <c r="D528" s="481" t="s">
        <v>3212</v>
      </c>
      <c r="E528" s="481" t="s">
        <v>53</v>
      </c>
      <c r="F528" s="481" t="s">
        <v>655</v>
      </c>
      <c r="G528" s="775" t="s">
        <v>932</v>
      </c>
      <c r="H528" s="78" t="s">
        <v>4761</v>
      </c>
      <c r="I528" s="775"/>
      <c r="J528" s="78" t="s">
        <v>4762</v>
      </c>
      <c r="K528" s="664" t="s">
        <v>3104</v>
      </c>
      <c r="L528" s="1161" t="s">
        <v>4759</v>
      </c>
      <c r="M528" s="515" t="s">
        <v>2996</v>
      </c>
      <c r="N528" s="775" t="s">
        <v>81</v>
      </c>
      <c r="O528" s="654" t="s">
        <v>3216</v>
      </c>
      <c r="P528" s="657" t="s">
        <v>61</v>
      </c>
      <c r="Q528" s="654" t="s">
        <v>3218</v>
      </c>
      <c r="R528" s="657"/>
      <c r="S528" s="657"/>
      <c r="T528" s="1159">
        <v>2517276</v>
      </c>
      <c r="U528" s="854"/>
      <c r="V528" s="657" t="s">
        <v>3219</v>
      </c>
      <c r="W528" s="642">
        <f t="shared" si="924"/>
        <v>0</v>
      </c>
      <c r="X528" s="745">
        <f t="shared" si="925"/>
        <v>2517276</v>
      </c>
      <c r="Y528" s="745"/>
      <c r="Z528" s="745"/>
      <c r="AA528" s="1331" t="s">
        <v>3220</v>
      </c>
      <c r="AB528" s="713"/>
      <c r="AC528" s="713"/>
      <c r="AD528" s="713"/>
      <c r="AE528" s="713"/>
      <c r="AF528" s="713"/>
      <c r="AG528" s="713"/>
      <c r="AH528" s="713"/>
      <c r="AI528" s="713"/>
      <c r="AJ528" s="713"/>
      <c r="AK528" s="713"/>
      <c r="AL528" s="713"/>
      <c r="AM528" s="713"/>
      <c r="AN528" s="713" t="s">
        <v>66</v>
      </c>
      <c r="AO528" s="713"/>
      <c r="AP528" s="713"/>
      <c r="AQ528" s="713" t="s">
        <v>66</v>
      </c>
      <c r="AR528" s="713"/>
      <c r="AS528" s="657"/>
      <c r="AT528" s="657"/>
      <c r="AU528" s="657"/>
      <c r="AV528" s="657"/>
      <c r="AW528" s="657"/>
      <c r="AX528" s="657"/>
      <c r="AY528" s="657"/>
      <c r="AZ528" s="657"/>
      <c r="BA528" s="657"/>
      <c r="BB528" s="657"/>
      <c r="BC528" s="657"/>
      <c r="BD528" s="657"/>
      <c r="BE528" s="657"/>
      <c r="BF528" s="657"/>
      <c r="BG528" s="746"/>
      <c r="BH528" s="746"/>
      <c r="BI528" s="746"/>
      <c r="BJ528" s="746"/>
      <c r="BK528" s="746"/>
      <c r="BL528" s="746"/>
      <c r="BM528" s="746"/>
      <c r="BN528" s="746"/>
      <c r="BO528" s="892"/>
      <c r="BP528" s="892"/>
      <c r="BQ528" s="892" t="s">
        <v>66</v>
      </c>
      <c r="BR528" s="892" t="s">
        <v>66</v>
      </c>
      <c r="BS528" s="884">
        <f t="shared" si="948"/>
        <v>5885</v>
      </c>
      <c r="BT528" s="661">
        <f t="shared" si="949"/>
        <v>427.74443500424809</v>
      </c>
      <c r="BU528" s="661"/>
      <c r="BV528" s="898" t="str">
        <f t="shared" si="926"/>
        <v/>
      </c>
      <c r="BW528" s="898" t="str">
        <f t="shared" si="927"/>
        <v/>
      </c>
      <c r="BX528" s="898" t="str">
        <f t="shared" si="928"/>
        <v/>
      </c>
      <c r="BY528" s="898" t="str">
        <f t="shared" si="929"/>
        <v/>
      </c>
      <c r="BZ528" s="898" t="str">
        <f t="shared" si="930"/>
        <v/>
      </c>
      <c r="CA528" s="898" t="str">
        <f t="shared" si="931"/>
        <v/>
      </c>
      <c r="CB528" s="898" t="str">
        <f t="shared" si="932"/>
        <v/>
      </c>
      <c r="CC528" s="898" t="str">
        <f t="shared" si="933"/>
        <v/>
      </c>
      <c r="CD528" s="898" t="str">
        <f t="shared" si="934"/>
        <v/>
      </c>
      <c r="CE528" s="898" t="str">
        <f t="shared" si="935"/>
        <v/>
      </c>
      <c r="CF528" s="898" t="str">
        <f t="shared" si="936"/>
        <v/>
      </c>
      <c r="CG528" s="898" t="str">
        <f t="shared" si="937"/>
        <v/>
      </c>
      <c r="CH528" s="898">
        <f t="shared" si="938"/>
        <v>100092.19779099405</v>
      </c>
      <c r="CI528" s="898" t="str">
        <f t="shared" si="939"/>
        <v/>
      </c>
      <c r="CJ528" s="898" t="str">
        <f t="shared" si="940"/>
        <v/>
      </c>
      <c r="CK528" s="898">
        <f t="shared" si="941"/>
        <v>34219.554800339843</v>
      </c>
      <c r="CL528" s="898" t="str">
        <f t="shared" si="942"/>
        <v/>
      </c>
      <c r="CM528" s="898"/>
      <c r="CN528" s="898"/>
      <c r="CO528" s="898"/>
      <c r="CP528" s="898"/>
      <c r="CQ528" s="898"/>
      <c r="CR528" s="898"/>
      <c r="CS528" s="898"/>
      <c r="CT528" s="898"/>
      <c r="CU528" s="898"/>
      <c r="CV528" s="898"/>
      <c r="CW528" s="898"/>
      <c r="CX528" s="898"/>
      <c r="CY528" s="898"/>
      <c r="CZ528" s="898"/>
      <c r="DA528" s="898"/>
      <c r="DB528" s="898"/>
      <c r="DC528" s="898"/>
      <c r="DD528" s="898"/>
      <c r="DE528" s="898"/>
      <c r="DF528" s="898"/>
      <c r="DG528" s="898"/>
      <c r="DH528" s="898"/>
      <c r="DI528" s="898" t="str">
        <f t="shared" si="943"/>
        <v/>
      </c>
      <c r="DJ528" s="898" t="str">
        <f t="shared" si="944"/>
        <v/>
      </c>
      <c r="DK528" s="898">
        <f t="shared" si="945"/>
        <v>1026586.6440101954</v>
      </c>
      <c r="DL528" s="898">
        <f t="shared" si="946"/>
        <v>1356377.6033984707</v>
      </c>
      <c r="DM528" s="661"/>
      <c r="DN528" s="898"/>
      <c r="DO528" s="516"/>
      <c r="DP528" s="898"/>
      <c r="DQ528" s="860" t="s">
        <v>4690</v>
      </c>
      <c r="DR528" s="860" t="s">
        <v>4691</v>
      </c>
      <c r="DS528" s="1221" t="s">
        <v>3222</v>
      </c>
      <c r="DT528" s="613"/>
    </row>
    <row r="529" spans="1:124" ht="199.5" x14ac:dyDescent="0.2">
      <c r="A529" s="484" t="str">
        <f t="shared" si="947"/>
        <v>A414 (Two Waters Rd towards Kings Langley) - DBC LCWIP Scheme H20 – Cycling</v>
      </c>
      <c r="B529" s="1163">
        <v>526</v>
      </c>
      <c r="C529" s="1156" t="s">
        <v>4763</v>
      </c>
      <c r="D529" s="481" t="s">
        <v>3212</v>
      </c>
      <c r="E529" s="481" t="s">
        <v>53</v>
      </c>
      <c r="F529" s="481" t="s">
        <v>655</v>
      </c>
      <c r="G529" s="775" t="s">
        <v>932</v>
      </c>
      <c r="H529" s="78" t="s">
        <v>4764</v>
      </c>
      <c r="I529" s="775"/>
      <c r="J529" s="78" t="s">
        <v>4765</v>
      </c>
      <c r="K529" s="664" t="s">
        <v>3104</v>
      </c>
      <c r="L529" s="1160" t="s">
        <v>4766</v>
      </c>
      <c r="M529" s="515" t="s">
        <v>2996</v>
      </c>
      <c r="N529" s="775" t="s">
        <v>81</v>
      </c>
      <c r="O529" s="654" t="s">
        <v>3216</v>
      </c>
      <c r="P529" s="657" t="s">
        <v>61</v>
      </c>
      <c r="Q529" s="654" t="s">
        <v>3218</v>
      </c>
      <c r="R529" s="657"/>
      <c r="S529" s="657"/>
      <c r="T529" s="1159">
        <v>5485075.5</v>
      </c>
      <c r="U529" s="854"/>
      <c r="V529" s="657" t="s">
        <v>3219</v>
      </c>
      <c r="W529" s="642">
        <f t="shared" si="924"/>
        <v>0</v>
      </c>
      <c r="X529" s="745">
        <f t="shared" si="925"/>
        <v>5485075.5</v>
      </c>
      <c r="Y529" s="745"/>
      <c r="Z529" s="745"/>
      <c r="AA529" s="1331" t="s">
        <v>3220</v>
      </c>
      <c r="AB529" s="713"/>
      <c r="AC529" s="1162" t="s">
        <v>66</v>
      </c>
      <c r="AD529" s="713" t="s">
        <v>66</v>
      </c>
      <c r="AE529" s="713" t="s">
        <v>66</v>
      </c>
      <c r="AF529" s="713" t="s">
        <v>66</v>
      </c>
      <c r="AG529" s="713" t="s">
        <v>66</v>
      </c>
      <c r="AH529" s="713" t="s">
        <v>66</v>
      </c>
      <c r="AI529" s="713" t="s">
        <v>66</v>
      </c>
      <c r="AJ529" s="713" t="s">
        <v>66</v>
      </c>
      <c r="AK529" s="713" t="s">
        <v>66</v>
      </c>
      <c r="AL529" s="713"/>
      <c r="AM529" s="713"/>
      <c r="AN529" s="713"/>
      <c r="AO529" s="713"/>
      <c r="AP529" s="713"/>
      <c r="AQ529" s="713"/>
      <c r="AR529" s="713"/>
      <c r="AS529" s="657"/>
      <c r="AT529" s="657"/>
      <c r="AU529" s="657"/>
      <c r="AV529" s="657"/>
      <c r="AW529" s="657"/>
      <c r="AX529" s="657"/>
      <c r="AY529" s="657"/>
      <c r="AZ529" s="657"/>
      <c r="BA529" s="657"/>
      <c r="BB529" s="657"/>
      <c r="BC529" s="657"/>
      <c r="BD529" s="657"/>
      <c r="BE529" s="657"/>
      <c r="BF529" s="657"/>
      <c r="BG529" s="746"/>
      <c r="BH529" s="746"/>
      <c r="BI529" s="746"/>
      <c r="BJ529" s="746"/>
      <c r="BK529" s="746"/>
      <c r="BL529" s="746"/>
      <c r="BM529" s="746"/>
      <c r="BN529" s="746"/>
      <c r="BO529" s="892"/>
      <c r="BP529" s="892"/>
      <c r="BQ529" s="892"/>
      <c r="BR529" s="892"/>
      <c r="BS529" s="884">
        <f t="shared" si="948"/>
        <v>3470</v>
      </c>
      <c r="BT529" s="661">
        <f t="shared" si="949"/>
        <v>1580.7134005763689</v>
      </c>
      <c r="BU529" s="661"/>
      <c r="BV529" s="898" t="str">
        <f t="shared" si="926"/>
        <v/>
      </c>
      <c r="BW529" s="898">
        <f t="shared" si="927"/>
        <v>316142.6801152738</v>
      </c>
      <c r="BX529" s="898">
        <f t="shared" si="928"/>
        <v>711321.03025936603</v>
      </c>
      <c r="BY529" s="898">
        <f t="shared" si="929"/>
        <v>553249.69020172919</v>
      </c>
      <c r="BZ529" s="898">
        <f t="shared" si="930"/>
        <v>790356.70028818445</v>
      </c>
      <c r="CA529" s="898">
        <f t="shared" si="931"/>
        <v>758742.43227665708</v>
      </c>
      <c r="CB529" s="898">
        <f t="shared" si="932"/>
        <v>158071.3400576369</v>
      </c>
      <c r="CC529" s="898">
        <f t="shared" si="933"/>
        <v>616478.22622478392</v>
      </c>
      <c r="CD529" s="898">
        <f t="shared" si="934"/>
        <v>790356.70028818445</v>
      </c>
      <c r="CE529" s="898">
        <f t="shared" si="935"/>
        <v>790356.70028818445</v>
      </c>
      <c r="CF529" s="898" t="str">
        <f t="shared" si="936"/>
        <v/>
      </c>
      <c r="CG529" s="898" t="str">
        <f t="shared" si="937"/>
        <v/>
      </c>
      <c r="CH529" s="898" t="str">
        <f t="shared" si="938"/>
        <v/>
      </c>
      <c r="CI529" s="898" t="str">
        <f t="shared" si="939"/>
        <v/>
      </c>
      <c r="CJ529" s="898" t="str">
        <f t="shared" si="940"/>
        <v/>
      </c>
      <c r="CK529" s="898" t="str">
        <f t="shared" si="941"/>
        <v/>
      </c>
      <c r="CL529" s="898" t="str">
        <f t="shared" si="942"/>
        <v/>
      </c>
      <c r="CM529" s="898"/>
      <c r="CN529" s="898"/>
      <c r="CO529" s="898"/>
      <c r="CP529" s="898"/>
      <c r="CQ529" s="898"/>
      <c r="CR529" s="898"/>
      <c r="CS529" s="898"/>
      <c r="CT529" s="898"/>
      <c r="CU529" s="898"/>
      <c r="CV529" s="898"/>
      <c r="CW529" s="898"/>
      <c r="CX529" s="898"/>
      <c r="CY529" s="898"/>
      <c r="CZ529" s="898"/>
      <c r="DA529" s="898"/>
      <c r="DB529" s="898"/>
      <c r="DC529" s="898"/>
      <c r="DD529" s="898"/>
      <c r="DE529" s="898"/>
      <c r="DF529" s="898"/>
      <c r="DG529" s="898"/>
      <c r="DH529" s="898"/>
      <c r="DI529" s="898" t="str">
        <f t="shared" si="943"/>
        <v/>
      </c>
      <c r="DJ529" s="898" t="str">
        <f t="shared" si="944"/>
        <v/>
      </c>
      <c r="DK529" s="898" t="str">
        <f t="shared" si="945"/>
        <v/>
      </c>
      <c r="DL529" s="898" t="str">
        <f t="shared" si="946"/>
        <v/>
      </c>
      <c r="DM529" s="661"/>
      <c r="DN529" s="898"/>
      <c r="DO529" s="516"/>
      <c r="DP529" s="898"/>
      <c r="DQ529" s="860" t="s">
        <v>4690</v>
      </c>
      <c r="DR529" s="860" t="s">
        <v>4691</v>
      </c>
      <c r="DS529" s="1221" t="s">
        <v>3222</v>
      </c>
      <c r="DT529" s="613"/>
    </row>
    <row r="530" spans="1:124" ht="199.5" x14ac:dyDescent="0.2">
      <c r="A530" s="484" t="str">
        <f t="shared" si="947"/>
        <v>Long Chaulden to Anchor Lane - DBC LCWIP Scheme H21 – Walking</v>
      </c>
      <c r="B530" s="1163">
        <v>527</v>
      </c>
      <c r="C530" s="1156" t="s">
        <v>4767</v>
      </c>
      <c r="D530" s="481" t="s">
        <v>3212</v>
      </c>
      <c r="E530" s="481" t="s">
        <v>53</v>
      </c>
      <c r="F530" s="481" t="s">
        <v>655</v>
      </c>
      <c r="G530" s="775" t="s">
        <v>932</v>
      </c>
      <c r="H530" s="78" t="s">
        <v>4768</v>
      </c>
      <c r="I530" s="775"/>
      <c r="J530" s="78" t="s">
        <v>4769</v>
      </c>
      <c r="K530" s="664" t="s">
        <v>3104</v>
      </c>
      <c r="L530" s="1161" t="s">
        <v>4770</v>
      </c>
      <c r="M530" s="515" t="s">
        <v>2996</v>
      </c>
      <c r="N530" s="775" t="s">
        <v>81</v>
      </c>
      <c r="O530" s="654" t="s">
        <v>3216</v>
      </c>
      <c r="P530" s="657" t="s">
        <v>61</v>
      </c>
      <c r="Q530" s="654" t="s">
        <v>3218</v>
      </c>
      <c r="R530" s="657"/>
      <c r="S530" s="657"/>
      <c r="T530" s="1159">
        <v>178200</v>
      </c>
      <c r="U530" s="854"/>
      <c r="V530" s="657" t="s">
        <v>3219</v>
      </c>
      <c r="W530" s="642">
        <f t="shared" si="924"/>
        <v>0</v>
      </c>
      <c r="X530" s="745">
        <f t="shared" si="925"/>
        <v>178200</v>
      </c>
      <c r="Y530" s="745"/>
      <c r="Z530" s="745"/>
      <c r="AA530" s="1331" t="s">
        <v>3220</v>
      </c>
      <c r="AB530" s="713"/>
      <c r="AC530" s="1162" t="s">
        <v>66</v>
      </c>
      <c r="AD530" s="713" t="s">
        <v>66</v>
      </c>
      <c r="AE530" s="713" t="s">
        <v>66</v>
      </c>
      <c r="AF530" s="713" t="s">
        <v>66</v>
      </c>
      <c r="AG530" s="713" t="s">
        <v>66</v>
      </c>
      <c r="AH530" s="713" t="s">
        <v>66</v>
      </c>
      <c r="AI530" s="713" t="s">
        <v>66</v>
      </c>
      <c r="AJ530" s="713"/>
      <c r="AK530" s="713"/>
      <c r="AL530" s="713" t="s">
        <v>66</v>
      </c>
      <c r="AM530" s="713"/>
      <c r="AN530" s="713"/>
      <c r="AO530" s="713"/>
      <c r="AP530" s="713"/>
      <c r="AQ530" s="713"/>
      <c r="AR530" s="713"/>
      <c r="AS530" s="657"/>
      <c r="AT530" s="657"/>
      <c r="AU530" s="657"/>
      <c r="AV530" s="657"/>
      <c r="AW530" s="657"/>
      <c r="AX530" s="657"/>
      <c r="AY530" s="657"/>
      <c r="AZ530" s="657"/>
      <c r="BA530" s="657"/>
      <c r="BB530" s="657"/>
      <c r="BC530" s="657"/>
      <c r="BD530" s="657"/>
      <c r="BE530" s="657"/>
      <c r="BF530" s="657"/>
      <c r="BG530" s="746"/>
      <c r="BH530" s="746"/>
      <c r="BI530" s="746"/>
      <c r="BJ530" s="746"/>
      <c r="BK530" s="746"/>
      <c r="BL530" s="746"/>
      <c r="BM530" s="746"/>
      <c r="BN530" s="746"/>
      <c r="BO530" s="892"/>
      <c r="BP530" s="892"/>
      <c r="BQ530" s="892"/>
      <c r="BR530" s="892"/>
      <c r="BS530" s="884">
        <f t="shared" si="948"/>
        <v>3220</v>
      </c>
      <c r="BT530" s="661">
        <f t="shared" si="949"/>
        <v>55.341614906832298</v>
      </c>
      <c r="BU530" s="661"/>
      <c r="BV530" s="898" t="str">
        <f t="shared" si="926"/>
        <v/>
      </c>
      <c r="BW530" s="898">
        <f t="shared" si="927"/>
        <v>11068.32298136646</v>
      </c>
      <c r="BX530" s="898">
        <f t="shared" si="928"/>
        <v>24903.726708074533</v>
      </c>
      <c r="BY530" s="898">
        <f t="shared" si="929"/>
        <v>19369.565217391304</v>
      </c>
      <c r="BZ530" s="898">
        <f t="shared" si="930"/>
        <v>27670.80745341615</v>
      </c>
      <c r="CA530" s="898">
        <f t="shared" si="931"/>
        <v>26563.975155279502</v>
      </c>
      <c r="CB530" s="898">
        <f t="shared" si="932"/>
        <v>5534.1614906832301</v>
      </c>
      <c r="CC530" s="898">
        <f t="shared" si="933"/>
        <v>21583.229813664595</v>
      </c>
      <c r="CD530" s="898" t="str">
        <f t="shared" si="934"/>
        <v/>
      </c>
      <c r="CE530" s="898" t="str">
        <f t="shared" si="935"/>
        <v/>
      </c>
      <c r="CF530" s="898">
        <f t="shared" si="936"/>
        <v>41506.211180124221</v>
      </c>
      <c r="CG530" s="898" t="str">
        <f t="shared" si="937"/>
        <v/>
      </c>
      <c r="CH530" s="898" t="str">
        <f t="shared" si="938"/>
        <v/>
      </c>
      <c r="CI530" s="898" t="str">
        <f t="shared" si="939"/>
        <v/>
      </c>
      <c r="CJ530" s="898" t="str">
        <f t="shared" si="940"/>
        <v/>
      </c>
      <c r="CK530" s="898" t="str">
        <f t="shared" si="941"/>
        <v/>
      </c>
      <c r="CL530" s="898" t="str">
        <f t="shared" si="942"/>
        <v/>
      </c>
      <c r="CM530" s="898"/>
      <c r="CN530" s="898"/>
      <c r="CO530" s="898"/>
      <c r="CP530" s="898"/>
      <c r="CQ530" s="898"/>
      <c r="CR530" s="898"/>
      <c r="CS530" s="898"/>
      <c r="CT530" s="898"/>
      <c r="CU530" s="898"/>
      <c r="CV530" s="898"/>
      <c r="CW530" s="898"/>
      <c r="CX530" s="898"/>
      <c r="CY530" s="898"/>
      <c r="CZ530" s="898"/>
      <c r="DA530" s="898"/>
      <c r="DB530" s="898"/>
      <c r="DC530" s="898"/>
      <c r="DD530" s="898"/>
      <c r="DE530" s="898"/>
      <c r="DF530" s="898"/>
      <c r="DG530" s="898"/>
      <c r="DH530" s="898"/>
      <c r="DI530" s="898" t="str">
        <f t="shared" si="943"/>
        <v/>
      </c>
      <c r="DJ530" s="898" t="str">
        <f t="shared" si="944"/>
        <v/>
      </c>
      <c r="DK530" s="898" t="str">
        <f t="shared" si="945"/>
        <v/>
      </c>
      <c r="DL530" s="898" t="str">
        <f t="shared" si="946"/>
        <v/>
      </c>
      <c r="DM530" s="661"/>
      <c r="DN530" s="898"/>
      <c r="DO530" s="516"/>
      <c r="DP530" s="898"/>
      <c r="DQ530" s="860" t="s">
        <v>4690</v>
      </c>
      <c r="DR530" s="860" t="s">
        <v>4691</v>
      </c>
      <c r="DS530" s="1221" t="s">
        <v>3222</v>
      </c>
      <c r="DT530" s="613"/>
    </row>
    <row r="531" spans="1:124" ht="199.5" x14ac:dyDescent="0.2">
      <c r="A531" s="484" t="str">
        <f t="shared" si="947"/>
        <v>Magic Roundabout to Hillfield Road - DBC LCWIP Scheme H22 – Cycling</v>
      </c>
      <c r="B531" s="1163">
        <v>528</v>
      </c>
      <c r="C531" s="1156" t="s">
        <v>4771</v>
      </c>
      <c r="D531" s="481" t="s">
        <v>3212</v>
      </c>
      <c r="E531" s="481" t="s">
        <v>53</v>
      </c>
      <c r="F531" s="481" t="s">
        <v>655</v>
      </c>
      <c r="G531" s="775" t="s">
        <v>932</v>
      </c>
      <c r="H531" s="78" t="s">
        <v>4772</v>
      </c>
      <c r="I531" s="775"/>
      <c r="J531" s="78" t="s">
        <v>4773</v>
      </c>
      <c r="K531" s="664" t="s">
        <v>3104</v>
      </c>
      <c r="L531" s="1160" t="s">
        <v>4735</v>
      </c>
      <c r="M531" s="515" t="s">
        <v>2996</v>
      </c>
      <c r="N531" s="775" t="s">
        <v>81</v>
      </c>
      <c r="O531" s="654" t="s">
        <v>3216</v>
      </c>
      <c r="P531" s="657" t="s">
        <v>61</v>
      </c>
      <c r="Q531" s="654" t="s">
        <v>3218</v>
      </c>
      <c r="R531" s="657"/>
      <c r="S531" s="657"/>
      <c r="T531" s="1159">
        <v>40000</v>
      </c>
      <c r="U531" s="854"/>
      <c r="V531" s="657" t="s">
        <v>3219</v>
      </c>
      <c r="W531" s="642">
        <f t="shared" si="924"/>
        <v>0</v>
      </c>
      <c r="X531" s="745">
        <f t="shared" si="925"/>
        <v>40000</v>
      </c>
      <c r="Y531" s="745"/>
      <c r="Z531" s="745"/>
      <c r="AA531" s="1331" t="s">
        <v>3220</v>
      </c>
      <c r="AB531" s="713"/>
      <c r="AC531" s="1162" t="s">
        <v>66</v>
      </c>
      <c r="AD531" s="713" t="s">
        <v>66</v>
      </c>
      <c r="AE531" s="713" t="s">
        <v>66</v>
      </c>
      <c r="AF531" s="713" t="s">
        <v>66</v>
      </c>
      <c r="AG531" s="713" t="s">
        <v>66</v>
      </c>
      <c r="AH531" s="713" t="s">
        <v>66</v>
      </c>
      <c r="AI531" s="713"/>
      <c r="AJ531" s="713"/>
      <c r="AK531" s="713"/>
      <c r="AL531" s="713"/>
      <c r="AM531" s="713"/>
      <c r="AN531" s="713"/>
      <c r="AO531" s="713"/>
      <c r="AP531" s="713" t="s">
        <v>66</v>
      </c>
      <c r="AQ531" s="713"/>
      <c r="AR531" s="713"/>
      <c r="AS531" s="657"/>
      <c r="AT531" s="657"/>
      <c r="AU531" s="657"/>
      <c r="AV531" s="657"/>
      <c r="AW531" s="657"/>
      <c r="AX531" s="657"/>
      <c r="AY531" s="657"/>
      <c r="AZ531" s="657"/>
      <c r="BA531" s="657"/>
      <c r="BB531" s="657"/>
      <c r="BC531" s="657"/>
      <c r="BD531" s="657"/>
      <c r="BE531" s="657"/>
      <c r="BF531" s="657"/>
      <c r="BG531" s="746"/>
      <c r="BH531" s="746"/>
      <c r="BI531" s="746"/>
      <c r="BJ531" s="746"/>
      <c r="BK531" s="746"/>
      <c r="BL531" s="746"/>
      <c r="BM531" s="746"/>
      <c r="BN531" s="746"/>
      <c r="BO531" s="892"/>
      <c r="BP531" s="892"/>
      <c r="BQ531" s="892"/>
      <c r="BR531" s="892"/>
      <c r="BS531" s="884">
        <f t="shared" si="948"/>
        <v>2170</v>
      </c>
      <c r="BT531" s="661">
        <f t="shared" si="949"/>
        <v>18.433179723502302</v>
      </c>
      <c r="BU531" s="661"/>
      <c r="BV531" s="898" t="str">
        <f t="shared" si="926"/>
        <v/>
      </c>
      <c r="BW531" s="898">
        <f t="shared" si="927"/>
        <v>3686.6359447004606</v>
      </c>
      <c r="BX531" s="898">
        <f t="shared" si="928"/>
        <v>8294.9308755760358</v>
      </c>
      <c r="BY531" s="898">
        <f t="shared" si="929"/>
        <v>6451.6129032258059</v>
      </c>
      <c r="BZ531" s="898">
        <f t="shared" si="930"/>
        <v>9216.5898617511521</v>
      </c>
      <c r="CA531" s="898">
        <f t="shared" si="931"/>
        <v>8847.9262672811055</v>
      </c>
      <c r="CB531" s="898">
        <f t="shared" si="932"/>
        <v>1843.3179723502303</v>
      </c>
      <c r="CC531" s="898" t="str">
        <f t="shared" si="933"/>
        <v/>
      </c>
      <c r="CD531" s="898" t="str">
        <f t="shared" si="934"/>
        <v/>
      </c>
      <c r="CE531" s="898" t="str">
        <f t="shared" si="935"/>
        <v/>
      </c>
      <c r="CF531" s="898" t="str">
        <f t="shared" si="936"/>
        <v/>
      </c>
      <c r="CG531" s="898" t="str">
        <f t="shared" si="937"/>
        <v/>
      </c>
      <c r="CH531" s="898" t="str">
        <f t="shared" si="938"/>
        <v/>
      </c>
      <c r="CI531" s="898" t="str">
        <f t="shared" si="939"/>
        <v/>
      </c>
      <c r="CJ531" s="898">
        <f t="shared" si="940"/>
        <v>1658.9861751152073</v>
      </c>
      <c r="CK531" s="898" t="str">
        <f t="shared" si="941"/>
        <v/>
      </c>
      <c r="CL531" s="898" t="str">
        <f t="shared" si="942"/>
        <v/>
      </c>
      <c r="CM531" s="898"/>
      <c r="CN531" s="898"/>
      <c r="CO531" s="898"/>
      <c r="CP531" s="898"/>
      <c r="CQ531" s="898"/>
      <c r="CR531" s="898"/>
      <c r="CS531" s="898"/>
      <c r="CT531" s="898"/>
      <c r="CU531" s="898"/>
      <c r="CV531" s="898"/>
      <c r="CW531" s="898"/>
      <c r="CX531" s="898"/>
      <c r="CY531" s="898"/>
      <c r="CZ531" s="898"/>
      <c r="DA531" s="898"/>
      <c r="DB531" s="898"/>
      <c r="DC531" s="898"/>
      <c r="DD531" s="898"/>
      <c r="DE531" s="898"/>
      <c r="DF531" s="898"/>
      <c r="DG531" s="898"/>
      <c r="DH531" s="898"/>
      <c r="DI531" s="898" t="str">
        <f t="shared" si="943"/>
        <v/>
      </c>
      <c r="DJ531" s="898" t="str">
        <f t="shared" si="944"/>
        <v/>
      </c>
      <c r="DK531" s="898" t="str">
        <f t="shared" si="945"/>
        <v/>
      </c>
      <c r="DL531" s="898" t="str">
        <f t="shared" si="946"/>
        <v/>
      </c>
      <c r="DM531" s="661"/>
      <c r="DN531" s="898"/>
      <c r="DO531" s="516"/>
      <c r="DP531" s="898"/>
      <c r="DQ531" s="860" t="s">
        <v>4690</v>
      </c>
      <c r="DR531" s="860" t="s">
        <v>4691</v>
      </c>
      <c r="DS531" s="1221" t="s">
        <v>3222</v>
      </c>
      <c r="DT531" s="613"/>
    </row>
    <row r="532" spans="1:124" ht="199.5" x14ac:dyDescent="0.2">
      <c r="A532" s="484" t="str">
        <f t="shared" si="947"/>
        <v>St John's Rd to Boxted Rd (via Heath Ln and Polehanger Ln) - DBC LCWIP Scheme H23 – Cycling</v>
      </c>
      <c r="B532" s="1163">
        <v>529</v>
      </c>
      <c r="C532" s="1156" t="s">
        <v>4774</v>
      </c>
      <c r="D532" s="481" t="s">
        <v>3212</v>
      </c>
      <c r="E532" s="481" t="s">
        <v>53</v>
      </c>
      <c r="F532" s="481" t="s">
        <v>655</v>
      </c>
      <c r="G532" s="775" t="s">
        <v>932</v>
      </c>
      <c r="H532" s="78" t="s">
        <v>4775</v>
      </c>
      <c r="I532" s="775"/>
      <c r="J532" s="78" t="s">
        <v>4776</v>
      </c>
      <c r="K532" s="664" t="s">
        <v>3104</v>
      </c>
      <c r="L532" s="1160" t="s">
        <v>4747</v>
      </c>
      <c r="M532" s="515" t="s">
        <v>2996</v>
      </c>
      <c r="N532" s="775" t="s">
        <v>81</v>
      </c>
      <c r="O532" s="654" t="s">
        <v>3216</v>
      </c>
      <c r="P532" s="657" t="s">
        <v>61</v>
      </c>
      <c r="Q532" s="654" t="s">
        <v>3218</v>
      </c>
      <c r="R532" s="657"/>
      <c r="S532" s="657"/>
      <c r="T532" s="1159">
        <v>538000</v>
      </c>
      <c r="U532" s="854"/>
      <c r="V532" s="657" t="s">
        <v>3219</v>
      </c>
      <c r="W532" s="642">
        <f t="shared" si="924"/>
        <v>0</v>
      </c>
      <c r="X532" s="745">
        <f t="shared" si="925"/>
        <v>538000</v>
      </c>
      <c r="Y532" s="745"/>
      <c r="Z532" s="745"/>
      <c r="AA532" s="1331" t="s">
        <v>3220</v>
      </c>
      <c r="AB532" s="713"/>
      <c r="AC532" s="1162" t="s">
        <v>66</v>
      </c>
      <c r="AD532" s="713" t="s">
        <v>66</v>
      </c>
      <c r="AE532" s="713" t="s">
        <v>66</v>
      </c>
      <c r="AF532" s="713" t="s">
        <v>66</v>
      </c>
      <c r="AG532" s="713" t="s">
        <v>66</v>
      </c>
      <c r="AH532" s="713" t="s">
        <v>66</v>
      </c>
      <c r="AI532" s="713" t="s">
        <v>66</v>
      </c>
      <c r="AJ532" s="713"/>
      <c r="AK532" s="713"/>
      <c r="AL532" s="713" t="s">
        <v>66</v>
      </c>
      <c r="AM532" s="713"/>
      <c r="AN532" s="713"/>
      <c r="AO532" s="713"/>
      <c r="AP532" s="713" t="s">
        <v>66</v>
      </c>
      <c r="AQ532" s="713"/>
      <c r="AR532" s="713"/>
      <c r="AS532" s="657"/>
      <c r="AT532" s="657"/>
      <c r="AU532" s="657"/>
      <c r="AV532" s="657"/>
      <c r="AW532" s="657"/>
      <c r="AX532" s="657"/>
      <c r="AY532" s="657"/>
      <c r="AZ532" s="657"/>
      <c r="BA532" s="657"/>
      <c r="BB532" s="657"/>
      <c r="BC532" s="657"/>
      <c r="BD532" s="657"/>
      <c r="BE532" s="657"/>
      <c r="BF532" s="657"/>
      <c r="BG532" s="746"/>
      <c r="BH532" s="746"/>
      <c r="BI532" s="746"/>
      <c r="BJ532" s="746"/>
      <c r="BK532" s="746"/>
      <c r="BL532" s="746"/>
      <c r="BM532" s="746"/>
      <c r="BN532" s="746"/>
      <c r="BO532" s="892"/>
      <c r="BP532" s="892"/>
      <c r="BQ532" s="892"/>
      <c r="BR532" s="892"/>
      <c r="BS532" s="884">
        <f t="shared" si="948"/>
        <v>3310</v>
      </c>
      <c r="BT532" s="661">
        <f t="shared" si="949"/>
        <v>162.53776435045316</v>
      </c>
      <c r="BU532" s="661"/>
      <c r="BV532" s="898" t="str">
        <f t="shared" si="926"/>
        <v/>
      </c>
      <c r="BW532" s="898">
        <f t="shared" si="927"/>
        <v>32507.552870090632</v>
      </c>
      <c r="BX532" s="898">
        <f t="shared" si="928"/>
        <v>73141.993957703919</v>
      </c>
      <c r="BY532" s="898">
        <f t="shared" si="929"/>
        <v>56888.217522658604</v>
      </c>
      <c r="BZ532" s="898">
        <f t="shared" si="930"/>
        <v>81268.882175226579</v>
      </c>
      <c r="CA532" s="898">
        <f t="shared" si="931"/>
        <v>78018.126888217521</v>
      </c>
      <c r="CB532" s="898">
        <f t="shared" si="932"/>
        <v>16253.776435045316</v>
      </c>
      <c r="CC532" s="898">
        <f t="shared" si="933"/>
        <v>63389.728096676728</v>
      </c>
      <c r="CD532" s="898" t="str">
        <f t="shared" si="934"/>
        <v/>
      </c>
      <c r="CE532" s="898" t="str">
        <f t="shared" si="935"/>
        <v/>
      </c>
      <c r="CF532" s="898">
        <f t="shared" si="936"/>
        <v>121903.32326283987</v>
      </c>
      <c r="CG532" s="898" t="str">
        <f t="shared" si="937"/>
        <v/>
      </c>
      <c r="CH532" s="898" t="str">
        <f t="shared" si="938"/>
        <v/>
      </c>
      <c r="CI532" s="898" t="str">
        <f t="shared" si="939"/>
        <v/>
      </c>
      <c r="CJ532" s="898">
        <f t="shared" si="940"/>
        <v>14628.398791540785</v>
      </c>
      <c r="CK532" s="898" t="str">
        <f t="shared" si="941"/>
        <v/>
      </c>
      <c r="CL532" s="898" t="str">
        <f t="shared" si="942"/>
        <v/>
      </c>
      <c r="CM532" s="898"/>
      <c r="CN532" s="898"/>
      <c r="CO532" s="898"/>
      <c r="CP532" s="898"/>
      <c r="CQ532" s="898"/>
      <c r="CR532" s="898"/>
      <c r="CS532" s="898"/>
      <c r="CT532" s="898"/>
      <c r="CU532" s="898"/>
      <c r="CV532" s="898"/>
      <c r="CW532" s="898"/>
      <c r="CX532" s="898"/>
      <c r="CY532" s="898"/>
      <c r="CZ532" s="898"/>
      <c r="DA532" s="898"/>
      <c r="DB532" s="898"/>
      <c r="DC532" s="898"/>
      <c r="DD532" s="898"/>
      <c r="DE532" s="898"/>
      <c r="DF532" s="898"/>
      <c r="DG532" s="898"/>
      <c r="DH532" s="898"/>
      <c r="DI532" s="898" t="str">
        <f t="shared" si="943"/>
        <v/>
      </c>
      <c r="DJ532" s="898" t="str">
        <f t="shared" si="944"/>
        <v/>
      </c>
      <c r="DK532" s="898" t="str">
        <f t="shared" si="945"/>
        <v/>
      </c>
      <c r="DL532" s="898" t="str">
        <f t="shared" si="946"/>
        <v/>
      </c>
      <c r="DM532" s="661"/>
      <c r="DN532" s="898"/>
      <c r="DO532" s="516"/>
      <c r="DP532" s="898"/>
      <c r="DQ532" s="860" t="s">
        <v>4690</v>
      </c>
      <c r="DR532" s="860" t="s">
        <v>4691</v>
      </c>
      <c r="DS532" s="1221" t="s">
        <v>3222</v>
      </c>
      <c r="DT532" s="613"/>
    </row>
    <row r="533" spans="1:124" ht="199.5" x14ac:dyDescent="0.2">
      <c r="A533" s="484" t="str">
        <f t="shared" si="947"/>
        <v>Two Waters Way - DBC LCWIP Scheme H24 – Cycling</v>
      </c>
      <c r="B533" s="1163">
        <v>530</v>
      </c>
      <c r="C533" s="1156" t="s">
        <v>4777</v>
      </c>
      <c r="D533" s="481" t="s">
        <v>3212</v>
      </c>
      <c r="E533" s="481" t="s">
        <v>53</v>
      </c>
      <c r="F533" s="481" t="s">
        <v>655</v>
      </c>
      <c r="G533" s="775" t="s">
        <v>932</v>
      </c>
      <c r="H533" s="78" t="s">
        <v>4778</v>
      </c>
      <c r="I533" s="775"/>
      <c r="J533" s="78" t="s">
        <v>4779</v>
      </c>
      <c r="K533" s="664" t="s">
        <v>3104</v>
      </c>
      <c r="L533" s="1160" t="s">
        <v>4780</v>
      </c>
      <c r="M533" s="515" t="s">
        <v>2996</v>
      </c>
      <c r="N533" s="775" t="s">
        <v>81</v>
      </c>
      <c r="O533" s="654" t="s">
        <v>3216</v>
      </c>
      <c r="P533" s="657" t="s">
        <v>61</v>
      </c>
      <c r="Q533" s="654" t="s">
        <v>3218</v>
      </c>
      <c r="R533" s="657"/>
      <c r="S533" s="657"/>
      <c r="T533" s="1159">
        <v>1650600</v>
      </c>
      <c r="U533" s="854"/>
      <c r="V533" s="657" t="s">
        <v>3219</v>
      </c>
      <c r="W533" s="642">
        <f t="shared" si="924"/>
        <v>0</v>
      </c>
      <c r="X533" s="745">
        <f t="shared" si="925"/>
        <v>1650600</v>
      </c>
      <c r="Y533" s="745"/>
      <c r="Z533" s="745"/>
      <c r="AA533" s="1331" t="s">
        <v>3220</v>
      </c>
      <c r="AB533" s="713"/>
      <c r="AC533" s="713"/>
      <c r="AD533" s="713" t="s">
        <v>66</v>
      </c>
      <c r="AE533" s="713" t="s">
        <v>66</v>
      </c>
      <c r="AF533" s="713" t="s">
        <v>66</v>
      </c>
      <c r="AG533" s="713" t="s">
        <v>66</v>
      </c>
      <c r="AH533" s="713" t="s">
        <v>66</v>
      </c>
      <c r="AI533" s="713" t="s">
        <v>66</v>
      </c>
      <c r="AJ533" s="713" t="s">
        <v>66</v>
      </c>
      <c r="AK533" s="713" t="s">
        <v>66</v>
      </c>
      <c r="AL533" s="713"/>
      <c r="AM533" s="713"/>
      <c r="AN533" s="713"/>
      <c r="AO533" s="713"/>
      <c r="AP533" s="713"/>
      <c r="AQ533" s="713"/>
      <c r="AR533" s="713"/>
      <c r="AS533" s="657"/>
      <c r="AT533" s="657"/>
      <c r="AU533" s="657"/>
      <c r="AV533" s="657"/>
      <c r="AW533" s="657"/>
      <c r="AX533" s="657"/>
      <c r="AY533" s="657"/>
      <c r="AZ533" s="657"/>
      <c r="BA533" s="657"/>
      <c r="BB533" s="657"/>
      <c r="BC533" s="657"/>
      <c r="BD533" s="657"/>
      <c r="BE533" s="657"/>
      <c r="BF533" s="657"/>
      <c r="BG533" s="746"/>
      <c r="BH533" s="746"/>
      <c r="BI533" s="746"/>
      <c r="BJ533" s="746"/>
      <c r="BK533" s="746"/>
      <c r="BL533" s="746"/>
      <c r="BM533" s="746"/>
      <c r="BN533" s="746"/>
      <c r="BO533" s="892"/>
      <c r="BP533" s="892"/>
      <c r="BQ533" s="892"/>
      <c r="BR533" s="892"/>
      <c r="BS533" s="884">
        <f t="shared" si="948"/>
        <v>3270</v>
      </c>
      <c r="BT533" s="661">
        <f t="shared" si="949"/>
        <v>504.77064220183485</v>
      </c>
      <c r="BU533" s="661"/>
      <c r="BV533" s="898" t="str">
        <f t="shared" si="926"/>
        <v/>
      </c>
      <c r="BW533" s="898" t="str">
        <f t="shared" si="927"/>
        <v/>
      </c>
      <c r="BX533" s="898">
        <f t="shared" si="928"/>
        <v>227146.78899082568</v>
      </c>
      <c r="BY533" s="898">
        <f t="shared" si="929"/>
        <v>176669.72477064221</v>
      </c>
      <c r="BZ533" s="898">
        <f t="shared" si="930"/>
        <v>252385.32110091741</v>
      </c>
      <c r="CA533" s="898">
        <f t="shared" si="931"/>
        <v>242289.90825688074</v>
      </c>
      <c r="CB533" s="898">
        <f t="shared" si="932"/>
        <v>50477.064220183485</v>
      </c>
      <c r="CC533" s="898">
        <f t="shared" si="933"/>
        <v>196860.55045871559</v>
      </c>
      <c r="CD533" s="898">
        <f t="shared" si="934"/>
        <v>252385.32110091741</v>
      </c>
      <c r="CE533" s="898">
        <f t="shared" si="935"/>
        <v>252385.32110091741</v>
      </c>
      <c r="CF533" s="898" t="str">
        <f t="shared" si="936"/>
        <v/>
      </c>
      <c r="CG533" s="898" t="str">
        <f t="shared" si="937"/>
        <v/>
      </c>
      <c r="CH533" s="898" t="str">
        <f t="shared" si="938"/>
        <v/>
      </c>
      <c r="CI533" s="898" t="str">
        <f t="shared" si="939"/>
        <v/>
      </c>
      <c r="CJ533" s="898" t="str">
        <f t="shared" si="940"/>
        <v/>
      </c>
      <c r="CK533" s="898" t="str">
        <f t="shared" si="941"/>
        <v/>
      </c>
      <c r="CL533" s="898" t="str">
        <f t="shared" si="942"/>
        <v/>
      </c>
      <c r="CM533" s="898"/>
      <c r="CN533" s="898"/>
      <c r="CO533" s="898"/>
      <c r="CP533" s="898"/>
      <c r="CQ533" s="898"/>
      <c r="CR533" s="898"/>
      <c r="CS533" s="898"/>
      <c r="CT533" s="898"/>
      <c r="CU533" s="898"/>
      <c r="CV533" s="898"/>
      <c r="CW533" s="898"/>
      <c r="CX533" s="898"/>
      <c r="CY533" s="898"/>
      <c r="CZ533" s="898"/>
      <c r="DA533" s="898"/>
      <c r="DB533" s="898"/>
      <c r="DC533" s="898"/>
      <c r="DD533" s="898"/>
      <c r="DE533" s="898"/>
      <c r="DF533" s="898"/>
      <c r="DG533" s="898"/>
      <c r="DH533" s="898"/>
      <c r="DI533" s="898" t="str">
        <f t="shared" si="943"/>
        <v/>
      </c>
      <c r="DJ533" s="898" t="str">
        <f t="shared" si="944"/>
        <v/>
      </c>
      <c r="DK533" s="898" t="str">
        <f t="shared" si="945"/>
        <v/>
      </c>
      <c r="DL533" s="898" t="str">
        <f t="shared" si="946"/>
        <v/>
      </c>
      <c r="DM533" s="661"/>
      <c r="DN533" s="898"/>
      <c r="DO533" s="516"/>
      <c r="DP533" s="898"/>
      <c r="DQ533" s="860" t="s">
        <v>4690</v>
      </c>
      <c r="DR533" s="860" t="s">
        <v>4691</v>
      </c>
      <c r="DS533" s="1221" t="s">
        <v>3222</v>
      </c>
      <c r="DT533" s="613"/>
    </row>
    <row r="534" spans="1:124" ht="199.5" x14ac:dyDescent="0.2">
      <c r="A534" s="484" t="str">
        <f t="shared" si="947"/>
        <v>Boxmoor to Centre  - DBC LCWIP Scheme H25 – Cycling</v>
      </c>
      <c r="B534" s="1163">
        <v>531</v>
      </c>
      <c r="C534" s="1156" t="s">
        <v>4781</v>
      </c>
      <c r="D534" s="481" t="s">
        <v>3212</v>
      </c>
      <c r="E534" s="481" t="s">
        <v>53</v>
      </c>
      <c r="F534" s="481" t="s">
        <v>655</v>
      </c>
      <c r="G534" s="775" t="s">
        <v>932</v>
      </c>
      <c r="H534" s="78" t="s">
        <v>4782</v>
      </c>
      <c r="I534" s="775"/>
      <c r="J534" s="78" t="s">
        <v>4783</v>
      </c>
      <c r="K534" s="664" t="s">
        <v>3104</v>
      </c>
      <c r="L534" s="1160" t="s">
        <v>4707</v>
      </c>
      <c r="M534" s="515" t="s">
        <v>2996</v>
      </c>
      <c r="N534" s="775" t="s">
        <v>81</v>
      </c>
      <c r="O534" s="654" t="s">
        <v>3216</v>
      </c>
      <c r="P534" s="657" t="s">
        <v>61</v>
      </c>
      <c r="Q534" s="654" t="s">
        <v>3218</v>
      </c>
      <c r="R534" s="657"/>
      <c r="S534" s="657"/>
      <c r="T534" s="1159">
        <v>162204.29999999999</v>
      </c>
      <c r="U534" s="854"/>
      <c r="V534" s="657" t="s">
        <v>3219</v>
      </c>
      <c r="W534" s="642">
        <f t="shared" si="924"/>
        <v>0</v>
      </c>
      <c r="X534" s="745">
        <f t="shared" si="925"/>
        <v>162204.29999999999</v>
      </c>
      <c r="Y534" s="745"/>
      <c r="Z534" s="745"/>
      <c r="AA534" s="1331" t="s">
        <v>3220</v>
      </c>
      <c r="AB534" s="713"/>
      <c r="AC534" s="1162" t="s">
        <v>66</v>
      </c>
      <c r="AD534" s="713" t="s">
        <v>66</v>
      </c>
      <c r="AE534" s="713" t="s">
        <v>66</v>
      </c>
      <c r="AF534" s="713" t="s">
        <v>66</v>
      </c>
      <c r="AG534" s="713" t="s">
        <v>66</v>
      </c>
      <c r="AH534" s="713" t="s">
        <v>66</v>
      </c>
      <c r="AI534" s="713" t="s">
        <v>66</v>
      </c>
      <c r="AJ534" s="713"/>
      <c r="AK534" s="713"/>
      <c r="AL534" s="713"/>
      <c r="AM534" s="713"/>
      <c r="AN534" s="713"/>
      <c r="AO534" s="713"/>
      <c r="AP534" s="713"/>
      <c r="AQ534" s="713"/>
      <c r="AR534" s="713"/>
      <c r="AS534" s="657"/>
      <c r="AT534" s="657"/>
      <c r="AU534" s="657"/>
      <c r="AV534" s="657"/>
      <c r="AW534" s="657"/>
      <c r="AX534" s="657"/>
      <c r="AY534" s="657"/>
      <c r="AZ534" s="657"/>
      <c r="BA534" s="657"/>
      <c r="BB534" s="657"/>
      <c r="BC534" s="657"/>
      <c r="BD534" s="657"/>
      <c r="BE534" s="657"/>
      <c r="BF534" s="657"/>
      <c r="BG534" s="746"/>
      <c r="BH534" s="746"/>
      <c r="BI534" s="746"/>
      <c r="BJ534" s="746"/>
      <c r="BK534" s="746"/>
      <c r="BL534" s="746"/>
      <c r="BM534" s="746"/>
      <c r="BN534" s="746"/>
      <c r="BO534" s="892"/>
      <c r="BP534" s="892"/>
      <c r="BQ534" s="892"/>
      <c r="BR534" s="892"/>
      <c r="BS534" s="884">
        <f t="shared" si="948"/>
        <v>2470</v>
      </c>
      <c r="BT534" s="661">
        <f t="shared" si="949"/>
        <v>65.669757085020237</v>
      </c>
      <c r="BU534" s="661"/>
      <c r="BV534" s="898" t="str">
        <f t="shared" si="926"/>
        <v/>
      </c>
      <c r="BW534" s="898">
        <f t="shared" si="927"/>
        <v>13133.951417004047</v>
      </c>
      <c r="BX534" s="898">
        <f t="shared" si="928"/>
        <v>29551.390688259107</v>
      </c>
      <c r="BY534" s="898">
        <f t="shared" si="929"/>
        <v>22984.414979757083</v>
      </c>
      <c r="BZ534" s="898">
        <f t="shared" si="930"/>
        <v>32834.878542510116</v>
      </c>
      <c r="CA534" s="898">
        <f t="shared" si="931"/>
        <v>31521.483400809713</v>
      </c>
      <c r="CB534" s="898">
        <f t="shared" si="932"/>
        <v>6566.9757085020237</v>
      </c>
      <c r="CC534" s="898">
        <f t="shared" si="933"/>
        <v>25611.205263157892</v>
      </c>
      <c r="CD534" s="898" t="str">
        <f t="shared" si="934"/>
        <v/>
      </c>
      <c r="CE534" s="898" t="str">
        <f t="shared" si="935"/>
        <v/>
      </c>
      <c r="CF534" s="898" t="str">
        <f t="shared" si="936"/>
        <v/>
      </c>
      <c r="CG534" s="898" t="str">
        <f t="shared" si="937"/>
        <v/>
      </c>
      <c r="CH534" s="898" t="str">
        <f t="shared" si="938"/>
        <v/>
      </c>
      <c r="CI534" s="898" t="str">
        <f t="shared" si="939"/>
        <v/>
      </c>
      <c r="CJ534" s="898" t="str">
        <f t="shared" si="940"/>
        <v/>
      </c>
      <c r="CK534" s="898" t="str">
        <f t="shared" si="941"/>
        <v/>
      </c>
      <c r="CL534" s="898" t="str">
        <f t="shared" si="942"/>
        <v/>
      </c>
      <c r="CM534" s="898"/>
      <c r="CN534" s="898"/>
      <c r="CO534" s="898"/>
      <c r="CP534" s="898"/>
      <c r="CQ534" s="898"/>
      <c r="CR534" s="898"/>
      <c r="CS534" s="898"/>
      <c r="CT534" s="898"/>
      <c r="CU534" s="898"/>
      <c r="CV534" s="898"/>
      <c r="CW534" s="898"/>
      <c r="CX534" s="898"/>
      <c r="CY534" s="898"/>
      <c r="CZ534" s="898"/>
      <c r="DA534" s="898"/>
      <c r="DB534" s="898"/>
      <c r="DC534" s="898"/>
      <c r="DD534" s="898"/>
      <c r="DE534" s="898"/>
      <c r="DF534" s="898"/>
      <c r="DG534" s="898"/>
      <c r="DH534" s="898"/>
      <c r="DI534" s="898" t="str">
        <f t="shared" si="943"/>
        <v/>
      </c>
      <c r="DJ534" s="898" t="str">
        <f t="shared" si="944"/>
        <v/>
      </c>
      <c r="DK534" s="898" t="str">
        <f t="shared" si="945"/>
        <v/>
      </c>
      <c r="DL534" s="898" t="str">
        <f t="shared" si="946"/>
        <v/>
      </c>
      <c r="DM534" s="661"/>
      <c r="DN534" s="898"/>
      <c r="DO534" s="516"/>
      <c r="DP534" s="898"/>
      <c r="DQ534" s="860" t="s">
        <v>4690</v>
      </c>
      <c r="DR534" s="860" t="s">
        <v>4691</v>
      </c>
      <c r="DS534" s="1221" t="s">
        <v>3222</v>
      </c>
      <c r="DT534" s="613"/>
    </row>
    <row r="535" spans="1:124" ht="199.5" x14ac:dyDescent="0.2">
      <c r="A535" s="484" t="str">
        <f t="shared" si="947"/>
        <v>Grand Union Canal - DBC LCWIP Scheme H26 – Walking</v>
      </c>
      <c r="B535" s="1163">
        <v>532</v>
      </c>
      <c r="C535" s="1156" t="s">
        <v>4784</v>
      </c>
      <c r="D535" s="481" t="s">
        <v>3212</v>
      </c>
      <c r="E535" s="481" t="s">
        <v>53</v>
      </c>
      <c r="F535" s="481" t="s">
        <v>655</v>
      </c>
      <c r="G535" s="775" t="s">
        <v>932</v>
      </c>
      <c r="H535" s="78" t="s">
        <v>4785</v>
      </c>
      <c r="I535" s="775"/>
      <c r="J535" s="78" t="s">
        <v>4786</v>
      </c>
      <c r="K535" s="664" t="s">
        <v>3104</v>
      </c>
      <c r="L535" s="1161" t="s">
        <v>4787</v>
      </c>
      <c r="M535" s="515" t="s">
        <v>2996</v>
      </c>
      <c r="N535" s="775" t="s">
        <v>81</v>
      </c>
      <c r="O535" s="654" t="s">
        <v>3216</v>
      </c>
      <c r="P535" s="657" t="s">
        <v>61</v>
      </c>
      <c r="Q535" s="654" t="s">
        <v>3218</v>
      </c>
      <c r="R535" s="657"/>
      <c r="S535" s="657"/>
      <c r="T535" s="1159">
        <v>1997966</v>
      </c>
      <c r="U535" s="854"/>
      <c r="V535" s="657" t="s">
        <v>3219</v>
      </c>
      <c r="W535" s="642">
        <f t="shared" si="924"/>
        <v>0</v>
      </c>
      <c r="X535" s="745">
        <f t="shared" si="925"/>
        <v>1997966</v>
      </c>
      <c r="Y535" s="745"/>
      <c r="Z535" s="745"/>
      <c r="AA535" s="1331" t="s">
        <v>3220</v>
      </c>
      <c r="AB535" s="713"/>
      <c r="AC535" s="713"/>
      <c r="AD535" s="713"/>
      <c r="AE535" s="713"/>
      <c r="AF535" s="713"/>
      <c r="AG535" s="713"/>
      <c r="AH535" s="713"/>
      <c r="AI535" s="713"/>
      <c r="AJ535" s="713" t="s">
        <v>66</v>
      </c>
      <c r="AK535" s="713" t="s">
        <v>66</v>
      </c>
      <c r="AL535" s="713"/>
      <c r="AM535" s="713"/>
      <c r="AN535" s="713"/>
      <c r="AO535" s="713"/>
      <c r="AP535" s="713"/>
      <c r="AQ535" s="713"/>
      <c r="AR535" s="713"/>
      <c r="AS535" s="657"/>
      <c r="AT535" s="657"/>
      <c r="AU535" s="657"/>
      <c r="AV535" s="657"/>
      <c r="AW535" s="657"/>
      <c r="AX535" s="657"/>
      <c r="AY535" s="657"/>
      <c r="AZ535" s="657"/>
      <c r="BA535" s="657"/>
      <c r="BB535" s="657"/>
      <c r="BC535" s="657"/>
      <c r="BD535" s="657"/>
      <c r="BE535" s="657"/>
      <c r="BF535" s="657"/>
      <c r="BG535" s="746"/>
      <c r="BH535" s="746"/>
      <c r="BI535" s="746"/>
      <c r="BJ535" s="746"/>
      <c r="BK535" s="746"/>
      <c r="BL535" s="746"/>
      <c r="BM535" s="746"/>
      <c r="BN535" s="746"/>
      <c r="BO535" s="892"/>
      <c r="BP535" s="892"/>
      <c r="BQ535" s="892"/>
      <c r="BR535" s="892"/>
      <c r="BS535" s="884">
        <f t="shared" si="948"/>
        <v>1000</v>
      </c>
      <c r="BT535" s="661">
        <f t="shared" si="949"/>
        <v>1997.9659999999999</v>
      </c>
      <c r="BU535" s="661"/>
      <c r="BV535" s="898" t="str">
        <f t="shared" si="926"/>
        <v/>
      </c>
      <c r="BW535" s="898" t="str">
        <f t="shared" si="927"/>
        <v/>
      </c>
      <c r="BX535" s="898" t="str">
        <f t="shared" si="928"/>
        <v/>
      </c>
      <c r="BY535" s="898" t="str">
        <f t="shared" si="929"/>
        <v/>
      </c>
      <c r="BZ535" s="898" t="str">
        <f t="shared" si="930"/>
        <v/>
      </c>
      <c r="CA535" s="898" t="str">
        <f t="shared" si="931"/>
        <v/>
      </c>
      <c r="CB535" s="898" t="str">
        <f t="shared" si="932"/>
        <v/>
      </c>
      <c r="CC535" s="898" t="str">
        <f t="shared" si="933"/>
        <v/>
      </c>
      <c r="CD535" s="898">
        <f t="shared" si="934"/>
        <v>998983</v>
      </c>
      <c r="CE535" s="898">
        <f t="shared" si="935"/>
        <v>998983</v>
      </c>
      <c r="CF535" s="898" t="str">
        <f t="shared" si="936"/>
        <v/>
      </c>
      <c r="CG535" s="898" t="str">
        <f t="shared" si="937"/>
        <v/>
      </c>
      <c r="CH535" s="898" t="str">
        <f t="shared" si="938"/>
        <v/>
      </c>
      <c r="CI535" s="898" t="str">
        <f t="shared" si="939"/>
        <v/>
      </c>
      <c r="CJ535" s="898" t="str">
        <f t="shared" si="940"/>
        <v/>
      </c>
      <c r="CK535" s="898" t="str">
        <f t="shared" si="941"/>
        <v/>
      </c>
      <c r="CL535" s="898" t="str">
        <f t="shared" si="942"/>
        <v/>
      </c>
      <c r="CM535" s="898"/>
      <c r="CN535" s="898"/>
      <c r="CO535" s="898"/>
      <c r="CP535" s="898"/>
      <c r="CQ535" s="898"/>
      <c r="CR535" s="898"/>
      <c r="CS535" s="898"/>
      <c r="CT535" s="898"/>
      <c r="CU535" s="898"/>
      <c r="CV535" s="898"/>
      <c r="CW535" s="898"/>
      <c r="CX535" s="898"/>
      <c r="CY535" s="898"/>
      <c r="CZ535" s="898"/>
      <c r="DA535" s="898"/>
      <c r="DB535" s="898"/>
      <c r="DC535" s="898"/>
      <c r="DD535" s="898"/>
      <c r="DE535" s="898"/>
      <c r="DF535" s="898"/>
      <c r="DG535" s="898"/>
      <c r="DH535" s="898"/>
      <c r="DI535" s="898" t="str">
        <f t="shared" si="943"/>
        <v/>
      </c>
      <c r="DJ535" s="898" t="str">
        <f t="shared" si="944"/>
        <v/>
      </c>
      <c r="DK535" s="898" t="str">
        <f t="shared" si="945"/>
        <v/>
      </c>
      <c r="DL535" s="898" t="str">
        <f t="shared" si="946"/>
        <v/>
      </c>
      <c r="DM535" s="661"/>
      <c r="DN535" s="898"/>
      <c r="DO535" s="516"/>
      <c r="DP535" s="898"/>
      <c r="DQ535" s="860" t="s">
        <v>4690</v>
      </c>
      <c r="DR535" s="860" t="s">
        <v>4691</v>
      </c>
      <c r="DS535" s="1221" t="s">
        <v>3222</v>
      </c>
      <c r="DT535" s="613"/>
    </row>
    <row r="536" spans="1:124" s="1210" customFormat="1" ht="199.5" x14ac:dyDescent="0.2">
      <c r="A536" s="484" t="str">
        <f t="shared" si="947"/>
        <v>Nickey Line Ext - DBC LCWIP Scheme H28 – Walking</v>
      </c>
      <c r="B536" s="1163">
        <v>534</v>
      </c>
      <c r="C536" s="1156" t="s">
        <v>4788</v>
      </c>
      <c r="D536" s="481" t="s">
        <v>3212</v>
      </c>
      <c r="E536" s="481" t="s">
        <v>53</v>
      </c>
      <c r="F536" s="481" t="s">
        <v>655</v>
      </c>
      <c r="G536" s="775" t="s">
        <v>932</v>
      </c>
      <c r="H536" s="78" t="s">
        <v>4789</v>
      </c>
      <c r="I536" s="775"/>
      <c r="J536" s="78" t="s">
        <v>4790</v>
      </c>
      <c r="K536" s="664" t="s">
        <v>3104</v>
      </c>
      <c r="L536" s="1161" t="s">
        <v>4735</v>
      </c>
      <c r="M536" s="515" t="s">
        <v>2996</v>
      </c>
      <c r="N536" s="775" t="s">
        <v>81</v>
      </c>
      <c r="O536" s="654" t="s">
        <v>3216</v>
      </c>
      <c r="P536" s="657" t="s">
        <v>61</v>
      </c>
      <c r="Q536" s="654" t="s">
        <v>3218</v>
      </c>
      <c r="R536" s="657"/>
      <c r="S536" s="657"/>
      <c r="T536" s="1159">
        <v>875511</v>
      </c>
      <c r="U536" s="854"/>
      <c r="V536" s="657" t="s">
        <v>3219</v>
      </c>
      <c r="W536" s="642">
        <f t="shared" si="924"/>
        <v>0</v>
      </c>
      <c r="X536" s="745">
        <f t="shared" si="925"/>
        <v>875511</v>
      </c>
      <c r="Y536" s="745"/>
      <c r="Z536" s="745"/>
      <c r="AA536" s="1331" t="s">
        <v>3220</v>
      </c>
      <c r="AB536" s="713"/>
      <c r="AC536" s="1162" t="s">
        <v>66</v>
      </c>
      <c r="AD536" s="713" t="s">
        <v>66</v>
      </c>
      <c r="AE536" s="713" t="s">
        <v>66</v>
      </c>
      <c r="AF536" s="713" t="s">
        <v>66</v>
      </c>
      <c r="AG536" s="713" t="s">
        <v>66</v>
      </c>
      <c r="AH536" s="713" t="s">
        <v>66</v>
      </c>
      <c r="AI536" s="713"/>
      <c r="AJ536" s="713"/>
      <c r="AK536" s="713"/>
      <c r="AL536" s="713"/>
      <c r="AM536" s="713"/>
      <c r="AN536" s="713"/>
      <c r="AO536" s="713"/>
      <c r="AP536" s="713" t="s">
        <v>66</v>
      </c>
      <c r="AQ536" s="713"/>
      <c r="AR536" s="713"/>
      <c r="AS536" s="657"/>
      <c r="AT536" s="657"/>
      <c r="AU536" s="657"/>
      <c r="AV536" s="657"/>
      <c r="AW536" s="657"/>
      <c r="AX536" s="657"/>
      <c r="AY536" s="657"/>
      <c r="AZ536" s="657"/>
      <c r="BA536" s="657"/>
      <c r="BB536" s="657"/>
      <c r="BC536" s="657"/>
      <c r="BD536" s="657"/>
      <c r="BE536" s="657"/>
      <c r="BF536" s="657"/>
      <c r="BG536" s="746"/>
      <c r="BH536" s="746"/>
      <c r="BI536" s="746"/>
      <c r="BJ536" s="746"/>
      <c r="BK536" s="746"/>
      <c r="BL536" s="746"/>
      <c r="BM536" s="746"/>
      <c r="BN536" s="746"/>
      <c r="BO536" s="892"/>
      <c r="BP536" s="892"/>
      <c r="BQ536" s="892"/>
      <c r="BR536" s="892"/>
      <c r="BS536" s="884">
        <f t="shared" si="948"/>
        <v>2170</v>
      </c>
      <c r="BT536" s="661">
        <f t="shared" si="949"/>
        <v>403.46129032258062</v>
      </c>
      <c r="BU536" s="661"/>
      <c r="BV536" s="898" t="str">
        <f t="shared" si="926"/>
        <v/>
      </c>
      <c r="BW536" s="898">
        <f t="shared" si="927"/>
        <v>80692.258064516122</v>
      </c>
      <c r="BX536" s="898">
        <f t="shared" si="928"/>
        <v>181557.58064516127</v>
      </c>
      <c r="BY536" s="898">
        <f t="shared" si="929"/>
        <v>141211.45161290321</v>
      </c>
      <c r="BZ536" s="898">
        <f t="shared" si="930"/>
        <v>201730.6451612903</v>
      </c>
      <c r="CA536" s="898">
        <f t="shared" si="931"/>
        <v>193661.4193548387</v>
      </c>
      <c r="CB536" s="898">
        <f t="shared" si="932"/>
        <v>40346.129032258061</v>
      </c>
      <c r="CC536" s="898" t="str">
        <f t="shared" si="933"/>
        <v/>
      </c>
      <c r="CD536" s="898" t="str">
        <f t="shared" si="934"/>
        <v/>
      </c>
      <c r="CE536" s="898" t="str">
        <f t="shared" si="935"/>
        <v/>
      </c>
      <c r="CF536" s="898" t="str">
        <f t="shared" si="936"/>
        <v/>
      </c>
      <c r="CG536" s="898" t="str">
        <f t="shared" si="937"/>
        <v/>
      </c>
      <c r="CH536" s="898" t="str">
        <f t="shared" si="938"/>
        <v/>
      </c>
      <c r="CI536" s="898" t="str">
        <f t="shared" si="939"/>
        <v/>
      </c>
      <c r="CJ536" s="898">
        <f t="shared" si="940"/>
        <v>36311.516129032258</v>
      </c>
      <c r="CK536" s="898" t="str">
        <f t="shared" si="941"/>
        <v/>
      </c>
      <c r="CL536" s="898" t="str">
        <f t="shared" si="942"/>
        <v/>
      </c>
      <c r="CM536" s="898"/>
      <c r="CN536" s="898"/>
      <c r="CO536" s="898"/>
      <c r="CP536" s="898"/>
      <c r="CQ536" s="898"/>
      <c r="CR536" s="898"/>
      <c r="CS536" s="898"/>
      <c r="CT536" s="898"/>
      <c r="CU536" s="898"/>
      <c r="CV536" s="898"/>
      <c r="CW536" s="898"/>
      <c r="CX536" s="898"/>
      <c r="CY536" s="898"/>
      <c r="CZ536" s="898"/>
      <c r="DA536" s="898"/>
      <c r="DB536" s="898"/>
      <c r="DC536" s="898"/>
      <c r="DD536" s="898"/>
      <c r="DE536" s="898"/>
      <c r="DF536" s="898"/>
      <c r="DG536" s="898"/>
      <c r="DH536" s="898"/>
      <c r="DI536" s="898" t="str">
        <f t="shared" si="943"/>
        <v/>
      </c>
      <c r="DJ536" s="898" t="str">
        <f t="shared" si="944"/>
        <v/>
      </c>
      <c r="DK536" s="898" t="str">
        <f t="shared" si="945"/>
        <v/>
      </c>
      <c r="DL536" s="898" t="str">
        <f t="shared" si="946"/>
        <v/>
      </c>
      <c r="DM536" s="661"/>
      <c r="DN536" s="898"/>
      <c r="DO536" s="516"/>
      <c r="DP536" s="898"/>
      <c r="DQ536" s="860" t="s">
        <v>4690</v>
      </c>
      <c r="DR536" s="860" t="s">
        <v>4691</v>
      </c>
      <c r="DS536" s="1221" t="s">
        <v>3222</v>
      </c>
      <c r="DT536" s="354"/>
    </row>
    <row r="537" spans="1:124" ht="199.5" x14ac:dyDescent="0.2">
      <c r="A537" s="484" t="str">
        <f t="shared" si="947"/>
        <v>St Albans Road - DBC LCWIP Scheme H29 – Walking</v>
      </c>
      <c r="B537" s="1163">
        <v>535</v>
      </c>
      <c r="C537" s="1156" t="s">
        <v>4791</v>
      </c>
      <c r="D537" s="481" t="s">
        <v>3212</v>
      </c>
      <c r="E537" s="481" t="s">
        <v>53</v>
      </c>
      <c r="F537" s="481" t="s">
        <v>655</v>
      </c>
      <c r="G537" s="775" t="s">
        <v>932</v>
      </c>
      <c r="H537" s="78" t="s">
        <v>4792</v>
      </c>
      <c r="I537" s="775"/>
      <c r="J537" s="78" t="s">
        <v>4793</v>
      </c>
      <c r="K537" s="664" t="s">
        <v>3104</v>
      </c>
      <c r="L537" s="1161" t="s">
        <v>4794</v>
      </c>
      <c r="M537" s="515" t="s">
        <v>2996</v>
      </c>
      <c r="N537" s="775" t="s">
        <v>81</v>
      </c>
      <c r="O537" s="654" t="s">
        <v>3216</v>
      </c>
      <c r="P537" s="657" t="s">
        <v>61</v>
      </c>
      <c r="Q537" s="654" t="s">
        <v>3218</v>
      </c>
      <c r="R537" s="657"/>
      <c r="S537" s="657"/>
      <c r="T537" s="1159">
        <v>1496133</v>
      </c>
      <c r="U537" s="854"/>
      <c r="V537" s="657" t="s">
        <v>3219</v>
      </c>
      <c r="W537" s="642">
        <f t="shared" si="924"/>
        <v>0</v>
      </c>
      <c r="X537" s="745">
        <f t="shared" si="925"/>
        <v>1496133</v>
      </c>
      <c r="Y537" s="745"/>
      <c r="Z537" s="745"/>
      <c r="AA537" s="1331" t="s">
        <v>3220</v>
      </c>
      <c r="AB537" s="713"/>
      <c r="AC537" s="1162" t="s">
        <v>66</v>
      </c>
      <c r="AD537" s="713" t="s">
        <v>66</v>
      </c>
      <c r="AE537" s="713" t="s">
        <v>66</v>
      </c>
      <c r="AF537" s="713" t="s">
        <v>66</v>
      </c>
      <c r="AG537" s="713" t="s">
        <v>66</v>
      </c>
      <c r="AH537" s="713" t="s">
        <v>66</v>
      </c>
      <c r="AI537" s="713"/>
      <c r="AJ537" s="713"/>
      <c r="AK537" s="713"/>
      <c r="AL537" s="713"/>
      <c r="AM537" s="713"/>
      <c r="AN537" s="713"/>
      <c r="AO537" s="713"/>
      <c r="AP537" s="713"/>
      <c r="AQ537" s="713"/>
      <c r="AR537" s="713"/>
      <c r="AS537" s="657"/>
      <c r="AT537" s="657"/>
      <c r="AU537" s="657"/>
      <c r="AV537" s="657"/>
      <c r="AW537" s="657"/>
      <c r="AX537" s="657"/>
      <c r="AY537" s="657"/>
      <c r="AZ537" s="657"/>
      <c r="BA537" s="657"/>
      <c r="BB537" s="657"/>
      <c r="BC537" s="657"/>
      <c r="BD537" s="657"/>
      <c r="BE537" s="657"/>
      <c r="BF537" s="657"/>
      <c r="BG537" s="746"/>
      <c r="BH537" s="746"/>
      <c r="BI537" s="746"/>
      <c r="BJ537" s="746"/>
      <c r="BK537" s="746"/>
      <c r="BL537" s="746"/>
      <c r="BM537" s="746"/>
      <c r="BN537" s="746"/>
      <c r="BO537" s="892"/>
      <c r="BP537" s="892"/>
      <c r="BQ537" s="892"/>
      <c r="BR537" s="892"/>
      <c r="BS537" s="884">
        <f t="shared" si="948"/>
        <v>2080</v>
      </c>
      <c r="BT537" s="661">
        <f t="shared" si="949"/>
        <v>719.29471153846157</v>
      </c>
      <c r="BU537" s="661"/>
      <c r="BV537" s="898" t="str">
        <f t="shared" si="926"/>
        <v/>
      </c>
      <c r="BW537" s="898">
        <f t="shared" si="927"/>
        <v>143858.94230769231</v>
      </c>
      <c r="BX537" s="898">
        <f t="shared" si="928"/>
        <v>323682.62019230769</v>
      </c>
      <c r="BY537" s="898">
        <f t="shared" si="929"/>
        <v>251753.14903846156</v>
      </c>
      <c r="BZ537" s="898">
        <f t="shared" si="930"/>
        <v>359647.35576923081</v>
      </c>
      <c r="CA537" s="898">
        <f t="shared" si="931"/>
        <v>345261.46153846156</v>
      </c>
      <c r="CB537" s="898">
        <f t="shared" si="932"/>
        <v>71929.471153846156</v>
      </c>
      <c r="CC537" s="898" t="str">
        <f t="shared" si="933"/>
        <v/>
      </c>
      <c r="CD537" s="898" t="str">
        <f t="shared" si="934"/>
        <v/>
      </c>
      <c r="CE537" s="898" t="str">
        <f t="shared" si="935"/>
        <v/>
      </c>
      <c r="CF537" s="898" t="str">
        <f t="shared" si="936"/>
        <v/>
      </c>
      <c r="CG537" s="898" t="str">
        <f t="shared" si="937"/>
        <v/>
      </c>
      <c r="CH537" s="898" t="str">
        <f t="shared" si="938"/>
        <v/>
      </c>
      <c r="CI537" s="898" t="str">
        <f t="shared" si="939"/>
        <v/>
      </c>
      <c r="CJ537" s="898" t="str">
        <f t="shared" si="940"/>
        <v/>
      </c>
      <c r="CK537" s="898" t="str">
        <f t="shared" si="941"/>
        <v/>
      </c>
      <c r="CL537" s="898" t="str">
        <f t="shared" si="942"/>
        <v/>
      </c>
      <c r="CM537" s="898"/>
      <c r="CN537" s="898"/>
      <c r="CO537" s="898"/>
      <c r="CP537" s="898"/>
      <c r="CQ537" s="898"/>
      <c r="CR537" s="898"/>
      <c r="CS537" s="898"/>
      <c r="CT537" s="898"/>
      <c r="CU537" s="898"/>
      <c r="CV537" s="898"/>
      <c r="CW537" s="898"/>
      <c r="CX537" s="898"/>
      <c r="CY537" s="898"/>
      <c r="CZ537" s="898"/>
      <c r="DA537" s="898"/>
      <c r="DB537" s="898"/>
      <c r="DC537" s="898"/>
      <c r="DD537" s="898"/>
      <c r="DE537" s="898"/>
      <c r="DF537" s="898"/>
      <c r="DG537" s="898"/>
      <c r="DH537" s="898"/>
      <c r="DI537" s="898" t="str">
        <f t="shared" si="943"/>
        <v/>
      </c>
      <c r="DJ537" s="898" t="str">
        <f t="shared" si="944"/>
        <v/>
      </c>
      <c r="DK537" s="898" t="str">
        <f t="shared" si="945"/>
        <v/>
      </c>
      <c r="DL537" s="898" t="str">
        <f t="shared" si="946"/>
        <v/>
      </c>
      <c r="DM537" s="661"/>
      <c r="DN537" s="898"/>
      <c r="DO537" s="516"/>
      <c r="DP537" s="898"/>
      <c r="DQ537" s="860" t="s">
        <v>4690</v>
      </c>
      <c r="DR537" s="860" t="s">
        <v>4691</v>
      </c>
      <c r="DS537" s="1221" t="s">
        <v>3222</v>
      </c>
      <c r="DT537" s="613"/>
    </row>
    <row r="538" spans="1:124" ht="199.5" x14ac:dyDescent="0.2">
      <c r="A538" s="484" t="str">
        <f t="shared" si="947"/>
        <v>Station to St John's Road (via Fishery Road) - DBC LCWIP Scheme H30 – Walking</v>
      </c>
      <c r="B538" s="1163">
        <v>536</v>
      </c>
      <c r="C538" s="1156" t="s">
        <v>4795</v>
      </c>
      <c r="D538" s="481" t="s">
        <v>3212</v>
      </c>
      <c r="E538" s="481" t="s">
        <v>53</v>
      </c>
      <c r="F538" s="481" t="s">
        <v>655</v>
      </c>
      <c r="G538" s="775" t="s">
        <v>932</v>
      </c>
      <c r="H538" s="78" t="s">
        <v>4796</v>
      </c>
      <c r="I538" s="775"/>
      <c r="J538" s="78" t="s">
        <v>4797</v>
      </c>
      <c r="K538" s="664" t="s">
        <v>3104</v>
      </c>
      <c r="L538" s="1161" t="s">
        <v>4755</v>
      </c>
      <c r="M538" s="515" t="s">
        <v>2996</v>
      </c>
      <c r="N538" s="775" t="s">
        <v>81</v>
      </c>
      <c r="O538" s="654" t="s">
        <v>3216</v>
      </c>
      <c r="P538" s="657" t="s">
        <v>61</v>
      </c>
      <c r="Q538" s="654" t="s">
        <v>3218</v>
      </c>
      <c r="R538" s="657"/>
      <c r="S538" s="657"/>
      <c r="T538" s="1159">
        <v>333400</v>
      </c>
      <c r="U538" s="854"/>
      <c r="V538" s="657" t="s">
        <v>3219</v>
      </c>
      <c r="W538" s="642">
        <f t="shared" si="924"/>
        <v>0</v>
      </c>
      <c r="X538" s="745">
        <f t="shared" si="925"/>
        <v>333400</v>
      </c>
      <c r="Y538" s="745"/>
      <c r="Z538" s="745"/>
      <c r="AA538" s="1331" t="s">
        <v>3220</v>
      </c>
      <c r="AB538" s="713"/>
      <c r="AC538" s="713"/>
      <c r="AD538" s="713"/>
      <c r="AE538" s="713"/>
      <c r="AF538" s="713"/>
      <c r="AG538" s="713" t="s">
        <v>66</v>
      </c>
      <c r="AH538" s="713" t="s">
        <v>66</v>
      </c>
      <c r="AI538" s="713" t="s">
        <v>66</v>
      </c>
      <c r="AJ538" s="713"/>
      <c r="AK538" s="713"/>
      <c r="AL538" s="713"/>
      <c r="AM538" s="713"/>
      <c r="AN538" s="713"/>
      <c r="AO538" s="713"/>
      <c r="AP538" s="713"/>
      <c r="AQ538" s="713"/>
      <c r="AR538" s="713"/>
      <c r="AS538" s="657"/>
      <c r="AT538" s="657"/>
      <c r="AU538" s="657"/>
      <c r="AV538" s="657"/>
      <c r="AW538" s="657"/>
      <c r="AX538" s="657"/>
      <c r="AY538" s="657"/>
      <c r="AZ538" s="657"/>
      <c r="BA538" s="657"/>
      <c r="BB538" s="657"/>
      <c r="BC538" s="657"/>
      <c r="BD538" s="657"/>
      <c r="BE538" s="657"/>
      <c r="BF538" s="657"/>
      <c r="BG538" s="746"/>
      <c r="BH538" s="746"/>
      <c r="BI538" s="746"/>
      <c r="BJ538" s="746"/>
      <c r="BK538" s="746"/>
      <c r="BL538" s="746"/>
      <c r="BM538" s="746"/>
      <c r="BN538" s="746"/>
      <c r="BO538" s="892"/>
      <c r="BP538" s="892"/>
      <c r="BQ538" s="892"/>
      <c r="BR538" s="892"/>
      <c r="BS538" s="884">
        <f t="shared" si="948"/>
        <v>970</v>
      </c>
      <c r="BT538" s="661">
        <f t="shared" si="949"/>
        <v>343.71134020618558</v>
      </c>
      <c r="BU538" s="661"/>
      <c r="BV538" s="898" t="str">
        <f t="shared" si="926"/>
        <v/>
      </c>
      <c r="BW538" s="898" t="str">
        <f t="shared" si="927"/>
        <v/>
      </c>
      <c r="BX538" s="898" t="str">
        <f t="shared" si="928"/>
        <v/>
      </c>
      <c r="BY538" s="898" t="str">
        <f t="shared" si="929"/>
        <v/>
      </c>
      <c r="BZ538" s="898" t="str">
        <f t="shared" si="930"/>
        <v/>
      </c>
      <c r="CA538" s="898">
        <f t="shared" si="931"/>
        <v>164981.44329896907</v>
      </c>
      <c r="CB538" s="898">
        <f t="shared" si="932"/>
        <v>34371.134020618556</v>
      </c>
      <c r="CC538" s="898">
        <f t="shared" si="933"/>
        <v>134047.42268041239</v>
      </c>
      <c r="CD538" s="898" t="str">
        <f t="shared" si="934"/>
        <v/>
      </c>
      <c r="CE538" s="898" t="str">
        <f t="shared" si="935"/>
        <v/>
      </c>
      <c r="CF538" s="898" t="str">
        <f t="shared" si="936"/>
        <v/>
      </c>
      <c r="CG538" s="898" t="str">
        <f t="shared" si="937"/>
        <v/>
      </c>
      <c r="CH538" s="898" t="str">
        <f t="shared" si="938"/>
        <v/>
      </c>
      <c r="CI538" s="898" t="str">
        <f t="shared" si="939"/>
        <v/>
      </c>
      <c r="CJ538" s="898" t="str">
        <f t="shared" si="940"/>
        <v/>
      </c>
      <c r="CK538" s="898" t="str">
        <f t="shared" si="941"/>
        <v/>
      </c>
      <c r="CL538" s="898" t="str">
        <f t="shared" si="942"/>
        <v/>
      </c>
      <c r="CM538" s="898"/>
      <c r="CN538" s="898"/>
      <c r="CO538" s="898"/>
      <c r="CP538" s="898"/>
      <c r="CQ538" s="898"/>
      <c r="CR538" s="898"/>
      <c r="CS538" s="898"/>
      <c r="CT538" s="898"/>
      <c r="CU538" s="898"/>
      <c r="CV538" s="898"/>
      <c r="CW538" s="898"/>
      <c r="CX538" s="898"/>
      <c r="CY538" s="898"/>
      <c r="CZ538" s="898"/>
      <c r="DA538" s="898"/>
      <c r="DB538" s="898"/>
      <c r="DC538" s="898"/>
      <c r="DD538" s="898"/>
      <c r="DE538" s="898"/>
      <c r="DF538" s="898"/>
      <c r="DG538" s="898"/>
      <c r="DH538" s="898"/>
      <c r="DI538" s="898" t="str">
        <f t="shared" si="943"/>
        <v/>
      </c>
      <c r="DJ538" s="898" t="str">
        <f t="shared" si="944"/>
        <v/>
      </c>
      <c r="DK538" s="898" t="str">
        <f t="shared" si="945"/>
        <v/>
      </c>
      <c r="DL538" s="898" t="str">
        <f t="shared" si="946"/>
        <v/>
      </c>
      <c r="DM538" s="661"/>
      <c r="DN538" s="898"/>
      <c r="DO538" s="516"/>
      <c r="DP538" s="898"/>
      <c r="DQ538" s="860" t="s">
        <v>4690</v>
      </c>
      <c r="DR538" s="860" t="s">
        <v>4691</v>
      </c>
      <c r="DS538" s="1221" t="s">
        <v>3222</v>
      </c>
      <c r="DT538" s="613"/>
    </row>
    <row r="539" spans="1:124" ht="199.5" x14ac:dyDescent="0.2">
      <c r="A539" s="484" t="str">
        <f t="shared" si="947"/>
        <v>White Hart Drive Cut-through  - DBC LCWIP Scheme H31 – Cycling</v>
      </c>
      <c r="B539" s="1163">
        <v>537</v>
      </c>
      <c r="C539" s="1156" t="s">
        <v>4798</v>
      </c>
      <c r="D539" s="481" t="s">
        <v>3212</v>
      </c>
      <c r="E539" s="481" t="s">
        <v>53</v>
      </c>
      <c r="F539" s="481" t="s">
        <v>655</v>
      </c>
      <c r="G539" s="775" t="s">
        <v>932</v>
      </c>
      <c r="H539" s="78" t="s">
        <v>4799</v>
      </c>
      <c r="I539" s="775"/>
      <c r="J539" s="78" t="s">
        <v>4800</v>
      </c>
      <c r="K539" s="664" t="s">
        <v>3104</v>
      </c>
      <c r="L539" s="1160" t="s">
        <v>4801</v>
      </c>
      <c r="M539" s="515" t="s">
        <v>2996</v>
      </c>
      <c r="N539" s="775" t="s">
        <v>81</v>
      </c>
      <c r="O539" s="654" t="s">
        <v>3216</v>
      </c>
      <c r="P539" s="657" t="s">
        <v>61</v>
      </c>
      <c r="Q539" s="654" t="s">
        <v>3218</v>
      </c>
      <c r="R539" s="657"/>
      <c r="S539" s="657"/>
      <c r="T539" s="1159">
        <v>77045.200000000012</v>
      </c>
      <c r="U539" s="854"/>
      <c r="V539" s="657" t="s">
        <v>3219</v>
      </c>
      <c r="W539" s="642">
        <f t="shared" si="924"/>
        <v>0</v>
      </c>
      <c r="X539" s="745">
        <f t="shared" si="925"/>
        <v>77045.200000000012</v>
      </c>
      <c r="Y539" s="745"/>
      <c r="Z539" s="745"/>
      <c r="AA539" s="1331" t="s">
        <v>3220</v>
      </c>
      <c r="AB539" s="713"/>
      <c r="AC539" s="713"/>
      <c r="AD539" s="713" t="s">
        <v>66</v>
      </c>
      <c r="AE539" s="713" t="s">
        <v>66</v>
      </c>
      <c r="AF539" s="713"/>
      <c r="AG539" s="713"/>
      <c r="AH539" s="713"/>
      <c r="AI539" s="713"/>
      <c r="AJ539" s="713"/>
      <c r="AK539" s="713"/>
      <c r="AL539" s="713"/>
      <c r="AM539" s="713"/>
      <c r="AN539" s="713" t="s">
        <v>66</v>
      </c>
      <c r="AO539" s="713"/>
      <c r="AP539" s="713"/>
      <c r="AQ539" s="713"/>
      <c r="AR539" s="713"/>
      <c r="AS539" s="657"/>
      <c r="AT539" s="657"/>
      <c r="AU539" s="657"/>
      <c r="AV539" s="657"/>
      <c r="AW539" s="657"/>
      <c r="AX539" s="657"/>
      <c r="AY539" s="657"/>
      <c r="AZ539" s="657"/>
      <c r="BA539" s="657"/>
      <c r="BB539" s="657"/>
      <c r="BC539" s="657"/>
      <c r="BD539" s="657"/>
      <c r="BE539" s="657"/>
      <c r="BF539" s="657"/>
      <c r="BG539" s="746"/>
      <c r="BH539" s="746"/>
      <c r="BI539" s="746"/>
      <c r="BJ539" s="746"/>
      <c r="BK539" s="746"/>
      <c r="BL539" s="746"/>
      <c r="BM539" s="746"/>
      <c r="BN539" s="746"/>
      <c r="BO539" s="892"/>
      <c r="BP539" s="892"/>
      <c r="BQ539" s="892"/>
      <c r="BR539" s="892"/>
      <c r="BS539" s="884">
        <f t="shared" si="948"/>
        <v>1034</v>
      </c>
      <c r="BT539" s="661">
        <f t="shared" si="949"/>
        <v>74.511798839458422</v>
      </c>
      <c r="BU539" s="661"/>
      <c r="BV539" s="898" t="str">
        <f t="shared" si="926"/>
        <v/>
      </c>
      <c r="BW539" s="898" t="str">
        <f t="shared" si="927"/>
        <v/>
      </c>
      <c r="BX539" s="898">
        <f t="shared" si="928"/>
        <v>33530.309477756287</v>
      </c>
      <c r="BY539" s="898">
        <f t="shared" si="929"/>
        <v>26079.129593810449</v>
      </c>
      <c r="BZ539" s="898" t="str">
        <f t="shared" si="930"/>
        <v/>
      </c>
      <c r="CA539" s="898" t="str">
        <f t="shared" si="931"/>
        <v/>
      </c>
      <c r="CB539" s="898" t="str">
        <f t="shared" si="932"/>
        <v/>
      </c>
      <c r="CC539" s="898" t="str">
        <f t="shared" si="933"/>
        <v/>
      </c>
      <c r="CD539" s="898" t="str">
        <f t="shared" si="934"/>
        <v/>
      </c>
      <c r="CE539" s="898" t="str">
        <f t="shared" si="935"/>
        <v/>
      </c>
      <c r="CF539" s="898" t="str">
        <f t="shared" si="936"/>
        <v/>
      </c>
      <c r="CG539" s="898" t="str">
        <f t="shared" si="937"/>
        <v/>
      </c>
      <c r="CH539" s="898">
        <f t="shared" si="938"/>
        <v>17435.760928433272</v>
      </c>
      <c r="CI539" s="898" t="str">
        <f t="shared" si="939"/>
        <v/>
      </c>
      <c r="CJ539" s="898" t="str">
        <f t="shared" si="940"/>
        <v/>
      </c>
      <c r="CK539" s="898" t="str">
        <f t="shared" si="941"/>
        <v/>
      </c>
      <c r="CL539" s="898" t="str">
        <f t="shared" si="942"/>
        <v/>
      </c>
      <c r="CM539" s="898"/>
      <c r="CN539" s="898"/>
      <c r="CO539" s="898"/>
      <c r="CP539" s="898"/>
      <c r="CQ539" s="898"/>
      <c r="CR539" s="898"/>
      <c r="CS539" s="898"/>
      <c r="CT539" s="898"/>
      <c r="CU539" s="898"/>
      <c r="CV539" s="898"/>
      <c r="CW539" s="898"/>
      <c r="CX539" s="898"/>
      <c r="CY539" s="898"/>
      <c r="CZ539" s="898"/>
      <c r="DA539" s="898"/>
      <c r="DB539" s="898"/>
      <c r="DC539" s="898"/>
      <c r="DD539" s="898"/>
      <c r="DE539" s="898"/>
      <c r="DF539" s="898"/>
      <c r="DG539" s="898"/>
      <c r="DH539" s="898"/>
      <c r="DI539" s="898" t="str">
        <f t="shared" si="943"/>
        <v/>
      </c>
      <c r="DJ539" s="898" t="str">
        <f t="shared" si="944"/>
        <v/>
      </c>
      <c r="DK539" s="898" t="str">
        <f t="shared" si="945"/>
        <v/>
      </c>
      <c r="DL539" s="898" t="str">
        <f t="shared" si="946"/>
        <v/>
      </c>
      <c r="DM539" s="661"/>
      <c r="DN539" s="898"/>
      <c r="DO539" s="516"/>
      <c r="DP539" s="898"/>
      <c r="DQ539" s="860" t="s">
        <v>4690</v>
      </c>
      <c r="DR539" s="860" t="s">
        <v>4691</v>
      </c>
      <c r="DS539" s="1221" t="s">
        <v>3222</v>
      </c>
      <c r="DT539" s="613"/>
    </row>
    <row r="540" spans="1:124" ht="199.5" x14ac:dyDescent="0.2">
      <c r="A540" s="484" t="str">
        <f t="shared" si="947"/>
        <v>Belswains Lane - DBC LCWIP Scheme H32 – Both</v>
      </c>
      <c r="B540" s="1163">
        <v>538</v>
      </c>
      <c r="C540" s="1156" t="s">
        <v>4802</v>
      </c>
      <c r="D540" s="481" t="s">
        <v>3212</v>
      </c>
      <c r="E540" s="481" t="s">
        <v>53</v>
      </c>
      <c r="F540" s="481" t="s">
        <v>655</v>
      </c>
      <c r="G540" s="775" t="s">
        <v>932</v>
      </c>
      <c r="H540" s="78" t="s">
        <v>4803</v>
      </c>
      <c r="I540" s="775"/>
      <c r="J540" s="78" t="s">
        <v>4804</v>
      </c>
      <c r="K540" s="664" t="s">
        <v>3104</v>
      </c>
      <c r="L540" s="1161" t="s">
        <v>4723</v>
      </c>
      <c r="M540" s="515" t="s">
        <v>2996</v>
      </c>
      <c r="N540" s="775" t="s">
        <v>81</v>
      </c>
      <c r="O540" s="654" t="s">
        <v>3216</v>
      </c>
      <c r="P540" s="657" t="s">
        <v>61</v>
      </c>
      <c r="Q540" s="654" t="s">
        <v>3218</v>
      </c>
      <c r="R540" s="657"/>
      <c r="S540" s="657"/>
      <c r="T540" s="1159">
        <v>1436275</v>
      </c>
      <c r="U540" s="854"/>
      <c r="V540" s="657" t="s">
        <v>3219</v>
      </c>
      <c r="W540" s="642">
        <f t="shared" si="924"/>
        <v>0</v>
      </c>
      <c r="X540" s="745">
        <f t="shared" si="925"/>
        <v>1436275</v>
      </c>
      <c r="Y540" s="745"/>
      <c r="Z540" s="745"/>
      <c r="AA540" s="1331" t="s">
        <v>3220</v>
      </c>
      <c r="AB540" s="713"/>
      <c r="AC540" s="1162" t="s">
        <v>66</v>
      </c>
      <c r="AD540" s="713" t="s">
        <v>66</v>
      </c>
      <c r="AE540" s="713" t="s">
        <v>66</v>
      </c>
      <c r="AF540" s="713" t="s">
        <v>66</v>
      </c>
      <c r="AG540" s="713" t="s">
        <v>66</v>
      </c>
      <c r="AH540" s="713" t="s">
        <v>66</v>
      </c>
      <c r="AI540" s="713"/>
      <c r="AJ540" s="713" t="s">
        <v>66</v>
      </c>
      <c r="AK540" s="713" t="s">
        <v>66</v>
      </c>
      <c r="AL540" s="713"/>
      <c r="AM540" s="713"/>
      <c r="AN540" s="713"/>
      <c r="AO540" s="713"/>
      <c r="AP540" s="713"/>
      <c r="AQ540" s="713"/>
      <c r="AR540" s="713"/>
      <c r="AS540" s="657"/>
      <c r="AT540" s="657"/>
      <c r="AU540" s="657"/>
      <c r="AV540" s="657"/>
      <c r="AW540" s="657"/>
      <c r="AX540" s="657"/>
      <c r="AY540" s="657"/>
      <c r="AZ540" s="657"/>
      <c r="BA540" s="657"/>
      <c r="BB540" s="657"/>
      <c r="BC540" s="657"/>
      <c r="BD540" s="657"/>
      <c r="BE540" s="657"/>
      <c r="BF540" s="657"/>
      <c r="BG540" s="746"/>
      <c r="BH540" s="746"/>
      <c r="BI540" s="746"/>
      <c r="BJ540" s="746"/>
      <c r="BK540" s="746"/>
      <c r="BL540" s="746"/>
      <c r="BM540" s="746"/>
      <c r="BN540" s="746"/>
      <c r="BO540" s="892"/>
      <c r="BP540" s="892"/>
      <c r="BQ540" s="892"/>
      <c r="BR540" s="892"/>
      <c r="BS540" s="884">
        <f t="shared" si="948"/>
        <v>3080</v>
      </c>
      <c r="BT540" s="661">
        <f t="shared" si="949"/>
        <v>466.32305194805195</v>
      </c>
      <c r="BU540" s="661"/>
      <c r="BV540" s="898" t="str">
        <f t="shared" si="926"/>
        <v/>
      </c>
      <c r="BW540" s="898">
        <f t="shared" si="927"/>
        <v>93264.610389610389</v>
      </c>
      <c r="BX540" s="898">
        <f t="shared" si="928"/>
        <v>209845.37337662338</v>
      </c>
      <c r="BY540" s="898">
        <f t="shared" si="929"/>
        <v>163213.06818181818</v>
      </c>
      <c r="BZ540" s="898">
        <f t="shared" si="930"/>
        <v>233161.52597402598</v>
      </c>
      <c r="CA540" s="898">
        <f t="shared" si="931"/>
        <v>223835.06493506493</v>
      </c>
      <c r="CB540" s="898">
        <f t="shared" si="932"/>
        <v>46632.305194805194</v>
      </c>
      <c r="CC540" s="898" t="str">
        <f t="shared" si="933"/>
        <v/>
      </c>
      <c r="CD540" s="898">
        <f t="shared" si="934"/>
        <v>233161.52597402598</v>
      </c>
      <c r="CE540" s="898">
        <f t="shared" si="935"/>
        <v>233161.52597402598</v>
      </c>
      <c r="CF540" s="898" t="str">
        <f t="shared" si="936"/>
        <v/>
      </c>
      <c r="CG540" s="898" t="str">
        <f t="shared" si="937"/>
        <v/>
      </c>
      <c r="CH540" s="898" t="str">
        <f t="shared" si="938"/>
        <v/>
      </c>
      <c r="CI540" s="898" t="str">
        <f t="shared" si="939"/>
        <v/>
      </c>
      <c r="CJ540" s="898" t="str">
        <f t="shared" si="940"/>
        <v/>
      </c>
      <c r="CK540" s="898" t="str">
        <f t="shared" si="941"/>
        <v/>
      </c>
      <c r="CL540" s="898" t="str">
        <f t="shared" si="942"/>
        <v/>
      </c>
      <c r="CM540" s="898"/>
      <c r="CN540" s="898"/>
      <c r="CO540" s="898"/>
      <c r="CP540" s="898"/>
      <c r="CQ540" s="898"/>
      <c r="CR540" s="898"/>
      <c r="CS540" s="898"/>
      <c r="CT540" s="898"/>
      <c r="CU540" s="898"/>
      <c r="CV540" s="898"/>
      <c r="CW540" s="898"/>
      <c r="CX540" s="898"/>
      <c r="CY540" s="898"/>
      <c r="CZ540" s="898"/>
      <c r="DA540" s="898"/>
      <c r="DB540" s="898"/>
      <c r="DC540" s="898"/>
      <c r="DD540" s="898"/>
      <c r="DE540" s="898"/>
      <c r="DF540" s="898"/>
      <c r="DG540" s="898"/>
      <c r="DH540" s="898"/>
      <c r="DI540" s="898" t="str">
        <f t="shared" si="943"/>
        <v/>
      </c>
      <c r="DJ540" s="898" t="str">
        <f t="shared" si="944"/>
        <v/>
      </c>
      <c r="DK540" s="898" t="str">
        <f t="shared" si="945"/>
        <v/>
      </c>
      <c r="DL540" s="898" t="str">
        <f t="shared" si="946"/>
        <v/>
      </c>
      <c r="DM540" s="661"/>
      <c r="DN540" s="898"/>
      <c r="DO540" s="516"/>
      <c r="DP540" s="898"/>
      <c r="DQ540" s="860" t="s">
        <v>4690</v>
      </c>
      <c r="DR540" s="860" t="s">
        <v>4691</v>
      </c>
      <c r="DS540" s="1221" t="s">
        <v>3222</v>
      </c>
      <c r="DT540" s="613"/>
    </row>
    <row r="541" spans="1:124" ht="199.5" x14ac:dyDescent="0.2">
      <c r="A541" s="484" t="str">
        <f t="shared" si="947"/>
        <v>London Road to Station Road - DBC LCWIP Scheme H33 – Walking</v>
      </c>
      <c r="B541" s="1163">
        <v>539</v>
      </c>
      <c r="C541" s="1156" t="s">
        <v>4805</v>
      </c>
      <c r="D541" s="481" t="s">
        <v>3212</v>
      </c>
      <c r="E541" s="481" t="s">
        <v>53</v>
      </c>
      <c r="F541" s="481" t="s">
        <v>655</v>
      </c>
      <c r="G541" s="775" t="s">
        <v>932</v>
      </c>
      <c r="H541" s="78" t="s">
        <v>4806</v>
      </c>
      <c r="I541" s="775"/>
      <c r="J541" s="78" t="s">
        <v>4807</v>
      </c>
      <c r="K541" s="664" t="s">
        <v>3104</v>
      </c>
      <c r="L541" s="1161" t="s">
        <v>4707</v>
      </c>
      <c r="M541" s="515" t="s">
        <v>2996</v>
      </c>
      <c r="N541" s="775" t="s">
        <v>81</v>
      </c>
      <c r="O541" s="654" t="s">
        <v>3216</v>
      </c>
      <c r="P541" s="657" t="s">
        <v>61</v>
      </c>
      <c r="Q541" s="654" t="s">
        <v>3218</v>
      </c>
      <c r="R541" s="657"/>
      <c r="S541" s="657"/>
      <c r="T541" s="1159">
        <v>204200</v>
      </c>
      <c r="U541" s="854"/>
      <c r="V541" s="657" t="s">
        <v>3219</v>
      </c>
      <c r="W541" s="642">
        <f t="shared" si="924"/>
        <v>0</v>
      </c>
      <c r="X541" s="745">
        <f t="shared" si="925"/>
        <v>204200</v>
      </c>
      <c r="Y541" s="745"/>
      <c r="Z541" s="745"/>
      <c r="AA541" s="1331" t="s">
        <v>3220</v>
      </c>
      <c r="AB541" s="713"/>
      <c r="AC541" s="1162" t="s">
        <v>66</v>
      </c>
      <c r="AD541" s="713" t="s">
        <v>66</v>
      </c>
      <c r="AE541" s="713" t="s">
        <v>66</v>
      </c>
      <c r="AF541" s="713" t="s">
        <v>66</v>
      </c>
      <c r="AG541" s="713" t="s">
        <v>66</v>
      </c>
      <c r="AH541" s="713" t="s">
        <v>66</v>
      </c>
      <c r="AI541" s="713" t="s">
        <v>66</v>
      </c>
      <c r="AJ541" s="713"/>
      <c r="AK541" s="713"/>
      <c r="AL541" s="713"/>
      <c r="AM541" s="713"/>
      <c r="AN541" s="713"/>
      <c r="AO541" s="713"/>
      <c r="AP541" s="713"/>
      <c r="AQ541" s="713"/>
      <c r="AR541" s="713"/>
      <c r="AS541" s="657"/>
      <c r="AT541" s="657"/>
      <c r="AU541" s="657"/>
      <c r="AV541" s="657"/>
      <c r="AW541" s="657"/>
      <c r="AX541" s="657"/>
      <c r="AY541" s="657"/>
      <c r="AZ541" s="657"/>
      <c r="BA541" s="657"/>
      <c r="BB541" s="657"/>
      <c r="BC541" s="657"/>
      <c r="BD541" s="657"/>
      <c r="BE541" s="657"/>
      <c r="BF541" s="657"/>
      <c r="BG541" s="746"/>
      <c r="BH541" s="746"/>
      <c r="BI541" s="746"/>
      <c r="BJ541" s="746"/>
      <c r="BK541" s="746"/>
      <c r="BL541" s="746"/>
      <c r="BM541" s="746"/>
      <c r="BN541" s="746"/>
      <c r="BO541" s="892"/>
      <c r="BP541" s="892"/>
      <c r="BQ541" s="892"/>
      <c r="BR541" s="892"/>
      <c r="BS541" s="884">
        <f t="shared" si="948"/>
        <v>2470</v>
      </c>
      <c r="BT541" s="661">
        <f t="shared" si="949"/>
        <v>82.672064777327932</v>
      </c>
      <c r="BU541" s="661"/>
      <c r="BV541" s="898" t="str">
        <f t="shared" si="926"/>
        <v/>
      </c>
      <c r="BW541" s="898">
        <f t="shared" si="927"/>
        <v>16534.412955465588</v>
      </c>
      <c r="BX541" s="898">
        <f t="shared" si="928"/>
        <v>37202.429149797572</v>
      </c>
      <c r="BY541" s="898">
        <f t="shared" si="929"/>
        <v>28935.222672064778</v>
      </c>
      <c r="BZ541" s="898">
        <f t="shared" si="930"/>
        <v>41336.032388663967</v>
      </c>
      <c r="CA541" s="898">
        <f t="shared" si="931"/>
        <v>39682.591093117408</v>
      </c>
      <c r="CB541" s="898">
        <f t="shared" si="932"/>
        <v>8267.2064777327942</v>
      </c>
      <c r="CC541" s="898">
        <f t="shared" si="933"/>
        <v>32242.105263157893</v>
      </c>
      <c r="CD541" s="898" t="str">
        <f t="shared" si="934"/>
        <v/>
      </c>
      <c r="CE541" s="898" t="str">
        <f t="shared" si="935"/>
        <v/>
      </c>
      <c r="CF541" s="898" t="str">
        <f t="shared" si="936"/>
        <v/>
      </c>
      <c r="CG541" s="898" t="str">
        <f t="shared" si="937"/>
        <v/>
      </c>
      <c r="CH541" s="898" t="str">
        <f t="shared" si="938"/>
        <v/>
      </c>
      <c r="CI541" s="898" t="str">
        <f t="shared" si="939"/>
        <v/>
      </c>
      <c r="CJ541" s="898" t="str">
        <f t="shared" si="940"/>
        <v/>
      </c>
      <c r="CK541" s="898" t="str">
        <f t="shared" si="941"/>
        <v/>
      </c>
      <c r="CL541" s="898" t="str">
        <f t="shared" si="942"/>
        <v/>
      </c>
      <c r="CM541" s="898"/>
      <c r="CN541" s="898"/>
      <c r="CO541" s="898"/>
      <c r="CP541" s="898"/>
      <c r="CQ541" s="898"/>
      <c r="CR541" s="898"/>
      <c r="CS541" s="898"/>
      <c r="CT541" s="898"/>
      <c r="CU541" s="898"/>
      <c r="CV541" s="898"/>
      <c r="CW541" s="898"/>
      <c r="CX541" s="898"/>
      <c r="CY541" s="898"/>
      <c r="CZ541" s="898"/>
      <c r="DA541" s="898"/>
      <c r="DB541" s="898"/>
      <c r="DC541" s="898"/>
      <c r="DD541" s="898"/>
      <c r="DE541" s="898"/>
      <c r="DF541" s="898"/>
      <c r="DG541" s="898"/>
      <c r="DH541" s="898"/>
      <c r="DI541" s="898" t="str">
        <f t="shared" si="943"/>
        <v/>
      </c>
      <c r="DJ541" s="898" t="str">
        <f t="shared" si="944"/>
        <v/>
      </c>
      <c r="DK541" s="898" t="str">
        <f t="shared" si="945"/>
        <v/>
      </c>
      <c r="DL541" s="898" t="str">
        <f t="shared" si="946"/>
        <v/>
      </c>
      <c r="DM541" s="661"/>
      <c r="DN541" s="898"/>
      <c r="DO541" s="516"/>
      <c r="DP541" s="898"/>
      <c r="DQ541" s="860" t="s">
        <v>4690</v>
      </c>
      <c r="DR541" s="860" t="s">
        <v>4691</v>
      </c>
      <c r="DS541" s="1221" t="s">
        <v>3222</v>
      </c>
      <c r="DT541" s="613"/>
    </row>
    <row r="542" spans="1:124" ht="81.75" customHeight="1" x14ac:dyDescent="0.2">
      <c r="A542" s="484" t="str">
        <f t="shared" si="947"/>
        <v>Driftway cut-through  - DBC LCWIP Scheme H34 – Walking</v>
      </c>
      <c r="B542" s="1163">
        <v>540</v>
      </c>
      <c r="C542" s="1156" t="s">
        <v>4808</v>
      </c>
      <c r="D542" s="481" t="s">
        <v>3212</v>
      </c>
      <c r="E542" s="481" t="s">
        <v>53</v>
      </c>
      <c r="F542" s="481" t="s">
        <v>655</v>
      </c>
      <c r="G542" s="775" t="s">
        <v>932</v>
      </c>
      <c r="H542" s="78" t="s">
        <v>4809</v>
      </c>
      <c r="I542" s="775"/>
      <c r="J542" s="78" t="s">
        <v>4810</v>
      </c>
      <c r="K542" s="664" t="s">
        <v>3104</v>
      </c>
      <c r="L542" s="1161" t="s">
        <v>4811</v>
      </c>
      <c r="M542" s="515" t="s">
        <v>2996</v>
      </c>
      <c r="N542" s="775" t="s">
        <v>81</v>
      </c>
      <c r="O542" s="654" t="s">
        <v>3216</v>
      </c>
      <c r="P542" s="657" t="s">
        <v>61</v>
      </c>
      <c r="Q542" s="654" t="s">
        <v>3218</v>
      </c>
      <c r="R542" s="657"/>
      <c r="S542" s="657"/>
      <c r="T542" s="1159">
        <v>14407.8</v>
      </c>
      <c r="U542" s="854"/>
      <c r="V542" s="657" t="s">
        <v>3219</v>
      </c>
      <c r="W542" s="642">
        <f t="shared" si="924"/>
        <v>0</v>
      </c>
      <c r="X542" s="745">
        <f t="shared" si="925"/>
        <v>14407.8</v>
      </c>
      <c r="Y542" s="745"/>
      <c r="Z542" s="745"/>
      <c r="AA542" s="1331" t="s">
        <v>3220</v>
      </c>
      <c r="AB542" s="713"/>
      <c r="AC542" s="713"/>
      <c r="AD542" s="713" t="s">
        <v>66</v>
      </c>
      <c r="AE542" s="713" t="s">
        <v>66</v>
      </c>
      <c r="AF542" s="713"/>
      <c r="AG542" s="713"/>
      <c r="AH542" s="713"/>
      <c r="AI542" s="713"/>
      <c r="AJ542" s="713"/>
      <c r="AK542" s="713"/>
      <c r="AL542" s="713"/>
      <c r="AM542" s="713"/>
      <c r="AN542" s="713"/>
      <c r="AO542" s="713"/>
      <c r="AP542" s="713"/>
      <c r="AQ542" s="713"/>
      <c r="AR542" s="713"/>
      <c r="AS542" s="657"/>
      <c r="AT542" s="657"/>
      <c r="AU542" s="657"/>
      <c r="AV542" s="657"/>
      <c r="AW542" s="657"/>
      <c r="AX542" s="657"/>
      <c r="AY542" s="657"/>
      <c r="AZ542" s="657"/>
      <c r="BA542" s="657"/>
      <c r="BB542" s="657"/>
      <c r="BC542" s="657"/>
      <c r="BD542" s="657"/>
      <c r="BE542" s="657"/>
      <c r="BF542" s="657"/>
      <c r="BG542" s="746"/>
      <c r="BH542" s="746"/>
      <c r="BI542" s="746"/>
      <c r="BJ542" s="746"/>
      <c r="BK542" s="746"/>
      <c r="BL542" s="746"/>
      <c r="BM542" s="746"/>
      <c r="BN542" s="746"/>
      <c r="BO542" s="892"/>
      <c r="BP542" s="892"/>
      <c r="BQ542" s="892"/>
      <c r="BR542" s="892"/>
      <c r="BS542" s="884">
        <f t="shared" si="948"/>
        <v>800</v>
      </c>
      <c r="BT542" s="661">
        <f t="shared" si="949"/>
        <v>18.00975</v>
      </c>
      <c r="BU542" s="661"/>
      <c r="BV542" s="898" t="str">
        <f t="shared" si="926"/>
        <v/>
      </c>
      <c r="BW542" s="898" t="str">
        <f t="shared" si="927"/>
        <v/>
      </c>
      <c r="BX542" s="898">
        <f t="shared" si="928"/>
        <v>8104.3874999999998</v>
      </c>
      <c r="BY542" s="898">
        <f t="shared" si="929"/>
        <v>6303.4125000000004</v>
      </c>
      <c r="BZ542" s="898" t="str">
        <f t="shared" si="930"/>
        <v/>
      </c>
      <c r="CA542" s="898" t="str">
        <f t="shared" si="931"/>
        <v/>
      </c>
      <c r="CB542" s="898" t="str">
        <f t="shared" si="932"/>
        <v/>
      </c>
      <c r="CC542" s="898" t="str">
        <f t="shared" si="933"/>
        <v/>
      </c>
      <c r="CD542" s="898" t="str">
        <f t="shared" si="934"/>
        <v/>
      </c>
      <c r="CE542" s="898" t="str">
        <f t="shared" si="935"/>
        <v/>
      </c>
      <c r="CF542" s="898" t="str">
        <f t="shared" si="936"/>
        <v/>
      </c>
      <c r="CG542" s="898" t="str">
        <f t="shared" si="937"/>
        <v/>
      </c>
      <c r="CH542" s="898" t="str">
        <f t="shared" si="938"/>
        <v/>
      </c>
      <c r="CI542" s="898" t="str">
        <f t="shared" si="939"/>
        <v/>
      </c>
      <c r="CJ542" s="898" t="str">
        <f t="shared" si="940"/>
        <v/>
      </c>
      <c r="CK542" s="898" t="str">
        <f t="shared" si="941"/>
        <v/>
      </c>
      <c r="CL542" s="898" t="str">
        <f t="shared" si="942"/>
        <v/>
      </c>
      <c r="CM542" s="898"/>
      <c r="CN542" s="898"/>
      <c r="CO542" s="898"/>
      <c r="CP542" s="898"/>
      <c r="CQ542" s="898"/>
      <c r="CR542" s="898"/>
      <c r="CS542" s="898"/>
      <c r="CT542" s="898"/>
      <c r="CU542" s="898"/>
      <c r="CV542" s="898"/>
      <c r="CW542" s="898"/>
      <c r="CX542" s="898"/>
      <c r="CY542" s="898"/>
      <c r="CZ542" s="898"/>
      <c r="DA542" s="898"/>
      <c r="DB542" s="898"/>
      <c r="DC542" s="898"/>
      <c r="DD542" s="898"/>
      <c r="DE542" s="898"/>
      <c r="DF542" s="898"/>
      <c r="DG542" s="898"/>
      <c r="DH542" s="898"/>
      <c r="DI542" s="898" t="str">
        <f t="shared" si="943"/>
        <v/>
      </c>
      <c r="DJ542" s="898" t="str">
        <f t="shared" si="944"/>
        <v/>
      </c>
      <c r="DK542" s="898" t="str">
        <f t="shared" si="945"/>
        <v/>
      </c>
      <c r="DL542" s="898" t="str">
        <f t="shared" si="946"/>
        <v/>
      </c>
      <c r="DM542" s="661"/>
      <c r="DN542" s="898"/>
      <c r="DO542" s="516"/>
      <c r="DP542" s="898"/>
      <c r="DQ542" s="860" t="s">
        <v>4690</v>
      </c>
      <c r="DR542" s="860" t="s">
        <v>4691</v>
      </c>
      <c r="DS542" s="1221" t="s">
        <v>3222</v>
      </c>
      <c r="DT542" s="613"/>
    </row>
    <row r="543" spans="1:124" ht="199.5" x14ac:dyDescent="0.2">
      <c r="A543" s="484" t="str">
        <f t="shared" si="947"/>
        <v>Cotterells Hill - DBC LCWIP Scheme H35 – Cycling</v>
      </c>
      <c r="B543" s="1163">
        <v>541</v>
      </c>
      <c r="C543" s="1156" t="s">
        <v>4812</v>
      </c>
      <c r="D543" s="481" t="s">
        <v>3212</v>
      </c>
      <c r="E543" s="481" t="s">
        <v>53</v>
      </c>
      <c r="F543" s="481" t="s">
        <v>655</v>
      </c>
      <c r="G543" s="775" t="s">
        <v>932</v>
      </c>
      <c r="H543" s="78" t="s">
        <v>4813</v>
      </c>
      <c r="I543" s="775"/>
      <c r="J543" s="78" t="s">
        <v>4814</v>
      </c>
      <c r="K543" s="664" t="s">
        <v>3104</v>
      </c>
      <c r="L543" s="1160" t="s">
        <v>4815</v>
      </c>
      <c r="M543" s="515" t="s">
        <v>2996</v>
      </c>
      <c r="N543" s="775" t="s">
        <v>81</v>
      </c>
      <c r="O543" s="654" t="s">
        <v>3216</v>
      </c>
      <c r="P543" s="657" t="s">
        <v>61</v>
      </c>
      <c r="Q543" s="654" t="s">
        <v>3218</v>
      </c>
      <c r="R543" s="657"/>
      <c r="S543" s="657"/>
      <c r="T543" s="1159">
        <v>45302.799999999996</v>
      </c>
      <c r="U543" s="854"/>
      <c r="V543" s="657" t="s">
        <v>3219</v>
      </c>
      <c r="W543" s="642">
        <f t="shared" si="924"/>
        <v>0</v>
      </c>
      <c r="X543" s="745">
        <f t="shared" si="925"/>
        <v>45302.799999999996</v>
      </c>
      <c r="Y543" s="745"/>
      <c r="Z543" s="745"/>
      <c r="AA543" s="1331" t="s">
        <v>3220</v>
      </c>
      <c r="AB543" s="713"/>
      <c r="AC543" s="1162" t="s">
        <v>66</v>
      </c>
      <c r="AD543" s="713" t="s">
        <v>66</v>
      </c>
      <c r="AE543" s="713" t="s">
        <v>66</v>
      </c>
      <c r="AF543" s="713" t="s">
        <v>66</v>
      </c>
      <c r="AG543" s="713"/>
      <c r="AH543" s="713"/>
      <c r="AI543" s="713"/>
      <c r="AJ543" s="713"/>
      <c r="AK543" s="713"/>
      <c r="AL543" s="713"/>
      <c r="AM543" s="713"/>
      <c r="AN543" s="713"/>
      <c r="AO543" s="713"/>
      <c r="AP543" s="713" t="s">
        <v>66</v>
      </c>
      <c r="AQ543" s="713"/>
      <c r="AR543" s="713"/>
      <c r="AS543" s="657"/>
      <c r="AT543" s="657"/>
      <c r="AU543" s="657"/>
      <c r="AV543" s="657"/>
      <c r="AW543" s="657"/>
      <c r="AX543" s="657"/>
      <c r="AY543" s="657"/>
      <c r="AZ543" s="657"/>
      <c r="BA543" s="657"/>
      <c r="BB543" s="657"/>
      <c r="BC543" s="657"/>
      <c r="BD543" s="657"/>
      <c r="BE543" s="657"/>
      <c r="BF543" s="657"/>
      <c r="BG543" s="746"/>
      <c r="BH543" s="746"/>
      <c r="BI543" s="746"/>
      <c r="BJ543" s="746"/>
      <c r="BK543" s="746"/>
      <c r="BL543" s="746"/>
      <c r="BM543" s="746"/>
      <c r="BN543" s="746"/>
      <c r="BO543" s="892"/>
      <c r="BP543" s="892"/>
      <c r="BQ543" s="892"/>
      <c r="BR543" s="892"/>
      <c r="BS543" s="884">
        <f t="shared" si="948"/>
        <v>1590</v>
      </c>
      <c r="BT543" s="661">
        <f t="shared" si="949"/>
        <v>28.492327044025153</v>
      </c>
      <c r="BU543" s="661"/>
      <c r="BV543" s="898" t="str">
        <f t="shared" si="926"/>
        <v/>
      </c>
      <c r="BW543" s="898">
        <f t="shared" si="927"/>
        <v>5698.4654088050302</v>
      </c>
      <c r="BX543" s="898">
        <f t="shared" si="928"/>
        <v>12821.547169811318</v>
      </c>
      <c r="BY543" s="898">
        <f t="shared" si="929"/>
        <v>9972.3144654088028</v>
      </c>
      <c r="BZ543" s="898">
        <f t="shared" si="930"/>
        <v>14246.163522012577</v>
      </c>
      <c r="CA543" s="898" t="str">
        <f t="shared" si="931"/>
        <v/>
      </c>
      <c r="CB543" s="898" t="str">
        <f t="shared" si="932"/>
        <v/>
      </c>
      <c r="CC543" s="898" t="str">
        <f t="shared" si="933"/>
        <v/>
      </c>
      <c r="CD543" s="898" t="str">
        <f t="shared" si="934"/>
        <v/>
      </c>
      <c r="CE543" s="898" t="str">
        <f t="shared" si="935"/>
        <v/>
      </c>
      <c r="CF543" s="898" t="str">
        <f t="shared" si="936"/>
        <v/>
      </c>
      <c r="CG543" s="898" t="str">
        <f t="shared" si="937"/>
        <v/>
      </c>
      <c r="CH543" s="898" t="str">
        <f t="shared" si="938"/>
        <v/>
      </c>
      <c r="CI543" s="898" t="str">
        <f t="shared" si="939"/>
        <v/>
      </c>
      <c r="CJ543" s="898">
        <f t="shared" si="940"/>
        <v>2564.3094339622639</v>
      </c>
      <c r="CK543" s="898" t="str">
        <f t="shared" si="941"/>
        <v/>
      </c>
      <c r="CL543" s="898" t="str">
        <f t="shared" si="942"/>
        <v/>
      </c>
      <c r="CM543" s="898"/>
      <c r="CN543" s="898"/>
      <c r="CO543" s="898"/>
      <c r="CP543" s="898"/>
      <c r="CQ543" s="898"/>
      <c r="CR543" s="898"/>
      <c r="CS543" s="898"/>
      <c r="CT543" s="898"/>
      <c r="CU543" s="898"/>
      <c r="CV543" s="898"/>
      <c r="CW543" s="898"/>
      <c r="CX543" s="898"/>
      <c r="CY543" s="898"/>
      <c r="CZ543" s="898"/>
      <c r="DA543" s="898"/>
      <c r="DB543" s="898"/>
      <c r="DC543" s="898"/>
      <c r="DD543" s="898"/>
      <c r="DE543" s="898"/>
      <c r="DF543" s="898"/>
      <c r="DG543" s="898"/>
      <c r="DH543" s="898"/>
      <c r="DI543" s="898" t="str">
        <f t="shared" si="943"/>
        <v/>
      </c>
      <c r="DJ543" s="898" t="str">
        <f t="shared" si="944"/>
        <v/>
      </c>
      <c r="DK543" s="898" t="str">
        <f t="shared" si="945"/>
        <v/>
      </c>
      <c r="DL543" s="898" t="str">
        <f t="shared" si="946"/>
        <v/>
      </c>
      <c r="DM543" s="661"/>
      <c r="DN543" s="898"/>
      <c r="DO543" s="516"/>
      <c r="DP543" s="898"/>
      <c r="DQ543" s="860" t="s">
        <v>4690</v>
      </c>
      <c r="DR543" s="860" t="s">
        <v>4691</v>
      </c>
      <c r="DS543" s="1221" t="s">
        <v>3222</v>
      </c>
      <c r="DT543" s="613"/>
    </row>
    <row r="544" spans="1:124" ht="171" x14ac:dyDescent="0.2">
      <c r="A544" s="484" t="str">
        <f t="shared" si="947"/>
        <v xml:space="preserve">Replacement of transformers at Hemel North Primary substation </v>
      </c>
      <c r="B544" s="1163">
        <v>542</v>
      </c>
      <c r="C544" s="481" t="s">
        <v>4816</v>
      </c>
      <c r="D544" s="481" t="s">
        <v>2481</v>
      </c>
      <c r="E544" s="481" t="s">
        <v>53</v>
      </c>
      <c r="F544" s="481" t="s">
        <v>1351</v>
      </c>
      <c r="G544" s="654" t="s">
        <v>1352</v>
      </c>
      <c r="H544" s="484" t="s">
        <v>4817</v>
      </c>
      <c r="I544" s="654"/>
      <c r="J544" s="484" t="s">
        <v>4818</v>
      </c>
      <c r="K544" s="657" t="s">
        <v>3104</v>
      </c>
      <c r="L544" s="515" t="s">
        <v>63</v>
      </c>
      <c r="M544" s="654" t="s">
        <v>2996</v>
      </c>
      <c r="N544" s="654" t="s">
        <v>81</v>
      </c>
      <c r="O544" s="654" t="s">
        <v>242</v>
      </c>
      <c r="P544" s="654" t="s">
        <v>242</v>
      </c>
      <c r="Q544" s="654" t="s">
        <v>225</v>
      </c>
      <c r="R544" s="657"/>
      <c r="S544" s="657"/>
      <c r="T544" s="525">
        <v>2750000</v>
      </c>
      <c r="U544" s="723">
        <f>T544</f>
        <v>2750000</v>
      </c>
      <c r="V544" s="654" t="s">
        <v>242</v>
      </c>
      <c r="W544" s="723">
        <f>T544-U544</f>
        <v>0</v>
      </c>
      <c r="X544" s="745">
        <f>IF(ISTEXT(T544),T544,T544-U544)</f>
        <v>0</v>
      </c>
      <c r="Y544" s="723" t="s">
        <v>4819</v>
      </c>
      <c r="Z544" s="723"/>
      <c r="AA544" s="1324" t="s">
        <v>245</v>
      </c>
      <c r="AB544" s="661"/>
      <c r="AC544" s="661"/>
      <c r="AD544" s="661"/>
      <c r="AE544" s="661"/>
      <c r="AF544" s="661"/>
      <c r="AG544" s="661"/>
      <c r="AH544" s="661"/>
      <c r="AI544" s="661"/>
      <c r="AJ544" s="661"/>
      <c r="AK544" s="661"/>
      <c r="AL544" s="661"/>
      <c r="AM544" s="661"/>
      <c r="AN544" s="661"/>
      <c r="AO544" s="661"/>
      <c r="AP544" s="661"/>
      <c r="AQ544" s="661"/>
      <c r="AR544" s="661"/>
      <c r="AS544" s="661"/>
      <c r="AT544" s="661"/>
      <c r="AU544" s="661"/>
      <c r="AV544" s="661"/>
      <c r="AW544" s="661"/>
      <c r="AX544" s="661"/>
      <c r="AY544" s="661"/>
      <c r="AZ544" s="661"/>
      <c r="BA544" s="661"/>
      <c r="BB544" s="661"/>
      <c r="BC544" s="661"/>
      <c r="BD544" s="661"/>
      <c r="BE544" s="661"/>
      <c r="BF544" s="661"/>
      <c r="BG544" s="746"/>
      <c r="BH544" s="746"/>
      <c r="BI544" s="746"/>
      <c r="BJ544" s="746"/>
      <c r="BK544" s="746"/>
      <c r="BL544" s="746"/>
      <c r="BM544" s="746"/>
      <c r="BN544" s="746"/>
      <c r="BO544" s="746"/>
      <c r="BP544" s="746"/>
      <c r="BQ544" s="746"/>
      <c r="BR544" s="746"/>
      <c r="BS544" s="884">
        <f t="shared" si="948"/>
        <v>0</v>
      </c>
      <c r="BT544" s="661"/>
      <c r="BU544" s="661"/>
      <c r="BV544" s="898" t="str">
        <f t="shared" si="926"/>
        <v/>
      </c>
      <c r="BW544" s="898" t="str">
        <f t="shared" si="927"/>
        <v/>
      </c>
      <c r="BX544" s="898" t="str">
        <f t="shared" si="928"/>
        <v/>
      </c>
      <c r="BY544" s="898" t="str">
        <f t="shared" si="929"/>
        <v/>
      </c>
      <c r="BZ544" s="898" t="str">
        <f t="shared" si="930"/>
        <v/>
      </c>
      <c r="CA544" s="898" t="str">
        <f t="shared" si="931"/>
        <v/>
      </c>
      <c r="CB544" s="898" t="str">
        <f t="shared" si="932"/>
        <v/>
      </c>
      <c r="CC544" s="898" t="str">
        <f t="shared" si="933"/>
        <v/>
      </c>
      <c r="CD544" s="898" t="str">
        <f t="shared" si="934"/>
        <v/>
      </c>
      <c r="CE544" s="898" t="str">
        <f t="shared" si="935"/>
        <v/>
      </c>
      <c r="CF544" s="898" t="str">
        <f t="shared" si="936"/>
        <v/>
      </c>
      <c r="CG544" s="898" t="str">
        <f t="shared" si="937"/>
        <v/>
      </c>
      <c r="CH544" s="898" t="str">
        <f t="shared" si="938"/>
        <v/>
      </c>
      <c r="CI544" s="898" t="str">
        <f t="shared" si="939"/>
        <v/>
      </c>
      <c r="CJ544" s="898" t="str">
        <f t="shared" si="940"/>
        <v/>
      </c>
      <c r="CK544" s="898" t="str">
        <f t="shared" si="941"/>
        <v/>
      </c>
      <c r="CL544" s="898" t="str">
        <f t="shared" si="942"/>
        <v/>
      </c>
      <c r="CM544" s="898" t="str">
        <f t="shared" ref="CM544:CM553" si="950">IF(AS544="yes",(AS$3*$BT544),"")</f>
        <v/>
      </c>
      <c r="CN544" s="898" t="str">
        <f t="shared" ref="CN544:CN553" si="951">IF(AT544="yes",(AT$3*$BT544),"")</f>
        <v/>
      </c>
      <c r="CO544" s="898" t="str">
        <f t="shared" ref="CO544:CO553" si="952">IF(AU544="yes",(AU$3*$BT544),"")</f>
        <v/>
      </c>
      <c r="CP544" s="898" t="str">
        <f t="shared" ref="CP544:CP553" si="953">IF(AV544="yes",(AV$3*$BT544),"")</f>
        <v/>
      </c>
      <c r="CQ544" s="898" t="str">
        <f t="shared" ref="CQ544:CQ553" si="954">IF(AW544="yes",(AW$3*$BT544),"")</f>
        <v/>
      </c>
      <c r="CR544" s="898" t="str">
        <f t="shared" ref="CR544:CR553" si="955">IF(AX544="yes",(AX$3*$BT544),"")</f>
        <v/>
      </c>
      <c r="CS544" s="898" t="str">
        <f t="shared" ref="CS544:CS553" si="956">IF(AY544="yes",(AY$3*$BT544),"")</f>
        <v/>
      </c>
      <c r="CT544" s="898" t="str">
        <f t="shared" ref="CT544:CT553" si="957">IF(AZ544="yes",(AZ$3*$BT544),"")</f>
        <v/>
      </c>
      <c r="CU544" s="898" t="str">
        <f t="shared" ref="CU544:CU553" si="958">IF(BA544="yes",(BA$3*$BT544),"")</f>
        <v/>
      </c>
      <c r="CV544" s="898" t="str">
        <f t="shared" ref="CV544:CV553" si="959">IF(BB544="yes",(BB$3*$BT544),"")</f>
        <v/>
      </c>
      <c r="CW544" s="898" t="str">
        <f t="shared" ref="CW544:CW553" si="960">IF(BC544="yes",(BC$3*$BT544),"")</f>
        <v/>
      </c>
      <c r="CX544" s="898" t="str">
        <f t="shared" ref="CX544:CX553" si="961">IF(BD544="yes",(BD$3*$BT544),"")</f>
        <v/>
      </c>
      <c r="CY544" s="898" t="str">
        <f t="shared" ref="CY544:CY553" si="962">IF(BE544="yes",(BE$3*$BT544),"")</f>
        <v/>
      </c>
      <c r="CZ544" s="898" t="str">
        <f t="shared" ref="CZ544:CZ553" si="963">IF(BF544="yes",(BF$3*$BT544),"")</f>
        <v/>
      </c>
      <c r="DA544" s="898"/>
      <c r="DB544" s="898"/>
      <c r="DC544" s="898"/>
      <c r="DD544" s="898"/>
      <c r="DE544" s="898"/>
      <c r="DF544" s="898"/>
      <c r="DG544" s="898"/>
      <c r="DH544" s="898"/>
      <c r="DI544" s="898"/>
      <c r="DJ544" s="898"/>
      <c r="DK544" s="898"/>
      <c r="DL544" s="898"/>
      <c r="DM544" s="661">
        <f t="shared" ref="DM544:DM553" si="964">SUM(BV544:CL544)</f>
        <v>0</v>
      </c>
      <c r="DN544" s="898">
        <f t="shared" ref="DN544:DN553" si="965">SUM(DI544:DL544)</f>
        <v>0</v>
      </c>
      <c r="DO544" s="516">
        <f t="shared" ref="DO544:DO553" si="966">SUM(CM544:CZ544)</f>
        <v>0</v>
      </c>
      <c r="DP544" s="898">
        <f t="shared" ref="DP544:DP553" si="967">SUM(DA544:DH544)</f>
        <v>0</v>
      </c>
      <c r="DQ544" s="522" t="s">
        <v>4820</v>
      </c>
      <c r="DR544" s="483" t="s">
        <v>4821</v>
      </c>
      <c r="DS544" s="936" t="s">
        <v>4822</v>
      </c>
      <c r="DT544" s="613"/>
    </row>
    <row r="545" spans="1:124" s="34" customFormat="1" ht="99.75" x14ac:dyDescent="0.2">
      <c r="A545" s="484" t="str">
        <f t="shared" si="947"/>
        <v>National Grid Interface Substation</v>
      </c>
      <c r="B545" s="1163">
        <v>543</v>
      </c>
      <c r="C545" s="481" t="s">
        <v>4823</v>
      </c>
      <c r="D545" s="511" t="s">
        <v>2182</v>
      </c>
      <c r="E545" s="511" t="s">
        <v>1385</v>
      </c>
      <c r="F545" s="481" t="s">
        <v>1351</v>
      </c>
      <c r="G545" s="515" t="s">
        <v>1352</v>
      </c>
      <c r="H545" s="513" t="s">
        <v>4824</v>
      </c>
      <c r="I545" s="515"/>
      <c r="J545" s="513" t="s">
        <v>4825</v>
      </c>
      <c r="K545" s="657" t="s">
        <v>4826</v>
      </c>
      <c r="L545" s="515" t="s">
        <v>63</v>
      </c>
      <c r="M545" s="654" t="s">
        <v>2996</v>
      </c>
      <c r="N545" s="515" t="s">
        <v>81</v>
      </c>
      <c r="O545" s="515" t="s">
        <v>242</v>
      </c>
      <c r="P545" s="654" t="s">
        <v>242</v>
      </c>
      <c r="Q545" s="515" t="s">
        <v>2251</v>
      </c>
      <c r="R545" s="657"/>
      <c r="S545" s="657"/>
      <c r="T545" s="676" t="s">
        <v>3360</v>
      </c>
      <c r="U545" s="525"/>
      <c r="V545" s="516" t="s">
        <v>242</v>
      </c>
      <c r="W545" s="723"/>
      <c r="X545" s="745"/>
      <c r="Y545" s="723" t="s">
        <v>4819</v>
      </c>
      <c r="Z545" s="723"/>
      <c r="AA545" s="1322" t="s">
        <v>245</v>
      </c>
      <c r="AB545" s="516"/>
      <c r="AC545" s="516"/>
      <c r="AD545" s="516"/>
      <c r="AE545" s="516"/>
      <c r="AF545" s="516"/>
      <c r="AG545" s="516"/>
      <c r="AH545" s="516"/>
      <c r="AI545" s="516"/>
      <c r="AJ545" s="516"/>
      <c r="AK545" s="516"/>
      <c r="AL545" s="516"/>
      <c r="AM545" s="516"/>
      <c r="AN545" s="516"/>
      <c r="AO545" s="516"/>
      <c r="AP545" s="516"/>
      <c r="AQ545" s="516"/>
      <c r="AR545" s="516"/>
      <c r="AS545" s="516"/>
      <c r="AT545" s="516"/>
      <c r="AU545" s="516"/>
      <c r="AV545" s="516"/>
      <c r="AW545" s="516"/>
      <c r="AX545" s="516"/>
      <c r="AY545" s="516"/>
      <c r="AZ545" s="516"/>
      <c r="BA545" s="516"/>
      <c r="BB545" s="516"/>
      <c r="BC545" s="516"/>
      <c r="BD545" s="516"/>
      <c r="BE545" s="516"/>
      <c r="BF545" s="516"/>
      <c r="BG545" s="516"/>
      <c r="BH545" s="516"/>
      <c r="BI545" s="516"/>
      <c r="BJ545" s="516"/>
      <c r="BK545" s="516"/>
      <c r="BL545" s="516"/>
      <c r="BM545" s="516"/>
      <c r="BN545" s="516"/>
      <c r="BO545" s="516"/>
      <c r="BP545" s="516"/>
      <c r="BQ545" s="516"/>
      <c r="BR545" s="516"/>
      <c r="BS545" s="884">
        <f t="shared" si="948"/>
        <v>0</v>
      </c>
      <c r="BT545" s="661"/>
      <c r="BU545" s="661"/>
      <c r="BV545" s="898" t="str">
        <f t="shared" si="926"/>
        <v/>
      </c>
      <c r="BW545" s="898" t="str">
        <f t="shared" si="927"/>
        <v/>
      </c>
      <c r="BX545" s="898" t="str">
        <f t="shared" si="928"/>
        <v/>
      </c>
      <c r="BY545" s="898" t="str">
        <f t="shared" si="929"/>
        <v/>
      </c>
      <c r="BZ545" s="898" t="str">
        <f t="shared" si="930"/>
        <v/>
      </c>
      <c r="CA545" s="898" t="str">
        <f t="shared" si="931"/>
        <v/>
      </c>
      <c r="CB545" s="898" t="str">
        <f t="shared" si="932"/>
        <v/>
      </c>
      <c r="CC545" s="898" t="str">
        <f t="shared" si="933"/>
        <v/>
      </c>
      <c r="CD545" s="898" t="str">
        <f t="shared" si="934"/>
        <v/>
      </c>
      <c r="CE545" s="898" t="str">
        <f t="shared" si="935"/>
        <v/>
      </c>
      <c r="CF545" s="898" t="str">
        <f t="shared" si="936"/>
        <v/>
      </c>
      <c r="CG545" s="898" t="str">
        <f t="shared" si="937"/>
        <v/>
      </c>
      <c r="CH545" s="898" t="str">
        <f t="shared" si="938"/>
        <v/>
      </c>
      <c r="CI545" s="898" t="str">
        <f t="shared" si="939"/>
        <v/>
      </c>
      <c r="CJ545" s="898" t="str">
        <f t="shared" si="940"/>
        <v/>
      </c>
      <c r="CK545" s="898" t="str">
        <f t="shared" si="941"/>
        <v/>
      </c>
      <c r="CL545" s="898" t="str">
        <f t="shared" si="942"/>
        <v/>
      </c>
      <c r="CM545" s="898" t="str">
        <f t="shared" si="950"/>
        <v/>
      </c>
      <c r="CN545" s="898" t="str">
        <f t="shared" si="951"/>
        <v/>
      </c>
      <c r="CO545" s="898" t="str">
        <f t="shared" si="952"/>
        <v/>
      </c>
      <c r="CP545" s="898" t="str">
        <f t="shared" si="953"/>
        <v/>
      </c>
      <c r="CQ545" s="898" t="str">
        <f t="shared" si="954"/>
        <v/>
      </c>
      <c r="CR545" s="898" t="str">
        <f t="shared" si="955"/>
        <v/>
      </c>
      <c r="CS545" s="898" t="str">
        <f t="shared" si="956"/>
        <v/>
      </c>
      <c r="CT545" s="898" t="str">
        <f t="shared" si="957"/>
        <v/>
      </c>
      <c r="CU545" s="898" t="str">
        <f t="shared" si="958"/>
        <v/>
      </c>
      <c r="CV545" s="898" t="str">
        <f t="shared" si="959"/>
        <v/>
      </c>
      <c r="CW545" s="898" t="str">
        <f t="shared" si="960"/>
        <v/>
      </c>
      <c r="CX545" s="898" t="str">
        <f t="shared" si="961"/>
        <v/>
      </c>
      <c r="CY545" s="898" t="str">
        <f t="shared" si="962"/>
        <v/>
      </c>
      <c r="CZ545" s="898" t="str">
        <f t="shared" si="963"/>
        <v/>
      </c>
      <c r="DA545" s="516"/>
      <c r="DB545" s="516"/>
      <c r="DC545" s="516"/>
      <c r="DD545" s="516"/>
      <c r="DE545" s="516"/>
      <c r="DF545" s="516"/>
      <c r="DG545" s="516"/>
      <c r="DH545" s="516"/>
      <c r="DI545" s="516"/>
      <c r="DJ545" s="516"/>
      <c r="DK545" s="516"/>
      <c r="DL545" s="516"/>
      <c r="DM545" s="661">
        <f t="shared" si="964"/>
        <v>0</v>
      </c>
      <c r="DN545" s="898">
        <f t="shared" si="965"/>
        <v>0</v>
      </c>
      <c r="DO545" s="516">
        <f t="shared" si="966"/>
        <v>0</v>
      </c>
      <c r="DP545" s="898">
        <f t="shared" si="967"/>
        <v>0</v>
      </c>
      <c r="DQ545" s="522" t="s">
        <v>4820</v>
      </c>
      <c r="DR545" s="483" t="s">
        <v>4821</v>
      </c>
      <c r="DS545" s="936" t="s">
        <v>4822</v>
      </c>
      <c r="DT545" s="857"/>
    </row>
    <row r="546" spans="1:124" s="354" customFormat="1" ht="60" x14ac:dyDescent="0.2">
      <c r="A546" s="484" t="str">
        <f t="shared" si="947"/>
        <v>Intermediate pressure regulator at Hemel Hempstead</v>
      </c>
      <c r="B546" s="1163">
        <v>544</v>
      </c>
      <c r="C546" s="481" t="s">
        <v>4827</v>
      </c>
      <c r="D546" s="481" t="s">
        <v>4304</v>
      </c>
      <c r="E546" s="481" t="s">
        <v>3415</v>
      </c>
      <c r="F546" s="481" t="s">
        <v>1351</v>
      </c>
      <c r="G546" s="654" t="s">
        <v>250</v>
      </c>
      <c r="H546" s="484" t="s">
        <v>251</v>
      </c>
      <c r="I546" s="654"/>
      <c r="J546" s="484" t="s">
        <v>252</v>
      </c>
      <c r="K546" s="654" t="s">
        <v>3104</v>
      </c>
      <c r="L546" s="657" t="s">
        <v>63</v>
      </c>
      <c r="M546" s="654" t="s">
        <v>2996</v>
      </c>
      <c r="N546" s="654" t="s">
        <v>81</v>
      </c>
      <c r="O546" s="654" t="s">
        <v>255</v>
      </c>
      <c r="P546" s="654" t="s">
        <v>255</v>
      </c>
      <c r="Q546" s="654" t="s">
        <v>256</v>
      </c>
      <c r="R546" s="654"/>
      <c r="S546" s="654"/>
      <c r="T546" s="723">
        <v>1500000</v>
      </c>
      <c r="U546" s="723">
        <v>1500000</v>
      </c>
      <c r="V546" s="654" t="s">
        <v>255</v>
      </c>
      <c r="W546" s="723">
        <f>T546-U546</f>
        <v>0</v>
      </c>
      <c r="X546" s="745">
        <f>IF(ISTEXT(T546),T546,T546-U546)</f>
        <v>0</v>
      </c>
      <c r="Y546" s="723" t="s">
        <v>4819</v>
      </c>
      <c r="Z546" s="723"/>
      <c r="AA546" s="1324" t="s">
        <v>245</v>
      </c>
      <c r="AB546" s="890"/>
      <c r="AC546" s="890"/>
      <c r="AD546" s="890"/>
      <c r="AE546" s="890"/>
      <c r="AF546" s="890"/>
      <c r="AG546" s="890"/>
      <c r="AH546" s="890"/>
      <c r="AI546" s="890"/>
      <c r="AJ546" s="890"/>
      <c r="AK546" s="890"/>
      <c r="AL546" s="890"/>
      <c r="AM546" s="890"/>
      <c r="AN546" s="890"/>
      <c r="AO546" s="890"/>
      <c r="AP546" s="890"/>
      <c r="AQ546" s="890"/>
      <c r="AR546" s="890"/>
      <c r="AS546" s="890"/>
      <c r="AT546" s="890"/>
      <c r="AU546" s="890"/>
      <c r="AV546" s="890"/>
      <c r="AW546" s="890"/>
      <c r="AX546" s="890"/>
      <c r="AY546" s="890"/>
      <c r="AZ546" s="890"/>
      <c r="BA546" s="890"/>
      <c r="BB546" s="890"/>
      <c r="BC546" s="890"/>
      <c r="BD546" s="890"/>
      <c r="BE546" s="890"/>
      <c r="BF546" s="890"/>
      <c r="BG546" s="890"/>
      <c r="BH546" s="890"/>
      <c r="BI546" s="890"/>
      <c r="BJ546" s="890"/>
      <c r="BK546" s="890"/>
      <c r="BL546" s="890"/>
      <c r="BM546" s="890"/>
      <c r="BN546" s="890"/>
      <c r="BO546" s="890"/>
      <c r="BP546" s="890"/>
      <c r="BQ546" s="890"/>
      <c r="BR546" s="890"/>
      <c r="BS546" s="884">
        <f t="shared" si="948"/>
        <v>0</v>
      </c>
      <c r="BT546" s="661"/>
      <c r="BU546" s="661"/>
      <c r="BV546" s="898" t="str">
        <f t="shared" si="926"/>
        <v/>
      </c>
      <c r="BW546" s="898" t="str">
        <f t="shared" si="927"/>
        <v/>
      </c>
      <c r="BX546" s="898" t="str">
        <f t="shared" si="928"/>
        <v/>
      </c>
      <c r="BY546" s="898" t="str">
        <f t="shared" si="929"/>
        <v/>
      </c>
      <c r="BZ546" s="898" t="str">
        <f t="shared" si="930"/>
        <v/>
      </c>
      <c r="CA546" s="898" t="str">
        <f t="shared" si="931"/>
        <v/>
      </c>
      <c r="CB546" s="898" t="str">
        <f t="shared" si="932"/>
        <v/>
      </c>
      <c r="CC546" s="898" t="str">
        <f t="shared" si="933"/>
        <v/>
      </c>
      <c r="CD546" s="898" t="str">
        <f t="shared" si="934"/>
        <v/>
      </c>
      <c r="CE546" s="898" t="str">
        <f t="shared" si="935"/>
        <v/>
      </c>
      <c r="CF546" s="898" t="str">
        <f t="shared" si="936"/>
        <v/>
      </c>
      <c r="CG546" s="898" t="str">
        <f t="shared" si="937"/>
        <v/>
      </c>
      <c r="CH546" s="898" t="str">
        <f t="shared" si="938"/>
        <v/>
      </c>
      <c r="CI546" s="898" t="str">
        <f t="shared" si="939"/>
        <v/>
      </c>
      <c r="CJ546" s="898" t="str">
        <f t="shared" si="940"/>
        <v/>
      </c>
      <c r="CK546" s="898" t="str">
        <f t="shared" si="941"/>
        <v/>
      </c>
      <c r="CL546" s="898" t="str">
        <f t="shared" si="942"/>
        <v/>
      </c>
      <c r="CM546" s="898" t="str">
        <f t="shared" si="950"/>
        <v/>
      </c>
      <c r="CN546" s="898" t="str">
        <f t="shared" si="951"/>
        <v/>
      </c>
      <c r="CO546" s="898" t="str">
        <f t="shared" si="952"/>
        <v/>
      </c>
      <c r="CP546" s="898" t="str">
        <f t="shared" si="953"/>
        <v/>
      </c>
      <c r="CQ546" s="898" t="str">
        <f t="shared" si="954"/>
        <v/>
      </c>
      <c r="CR546" s="898" t="str">
        <f t="shared" si="955"/>
        <v/>
      </c>
      <c r="CS546" s="898" t="str">
        <f t="shared" si="956"/>
        <v/>
      </c>
      <c r="CT546" s="898" t="str">
        <f t="shared" si="957"/>
        <v/>
      </c>
      <c r="CU546" s="898" t="str">
        <f t="shared" si="958"/>
        <v/>
      </c>
      <c r="CV546" s="898" t="str">
        <f t="shared" si="959"/>
        <v/>
      </c>
      <c r="CW546" s="898" t="str">
        <f t="shared" si="960"/>
        <v/>
      </c>
      <c r="CX546" s="898" t="str">
        <f t="shared" si="961"/>
        <v/>
      </c>
      <c r="CY546" s="898" t="str">
        <f t="shared" si="962"/>
        <v/>
      </c>
      <c r="CZ546" s="898" t="str">
        <f t="shared" si="963"/>
        <v/>
      </c>
      <c r="DA546" s="898"/>
      <c r="DB546" s="898"/>
      <c r="DC546" s="898"/>
      <c r="DD546" s="898"/>
      <c r="DE546" s="898"/>
      <c r="DF546" s="898"/>
      <c r="DG546" s="898"/>
      <c r="DH546" s="898"/>
      <c r="DI546" s="898"/>
      <c r="DJ546" s="898"/>
      <c r="DK546" s="898"/>
      <c r="DL546" s="898"/>
      <c r="DM546" s="661">
        <f t="shared" si="964"/>
        <v>0</v>
      </c>
      <c r="DN546" s="898">
        <f t="shared" si="965"/>
        <v>0</v>
      </c>
      <c r="DO546" s="516">
        <f t="shared" si="966"/>
        <v>0</v>
      </c>
      <c r="DP546" s="898">
        <f t="shared" si="967"/>
        <v>0</v>
      </c>
      <c r="DQ546" s="522" t="s">
        <v>4828</v>
      </c>
      <c r="DR546" s="1215" t="s">
        <v>4829</v>
      </c>
      <c r="DS546" s="936" t="s">
        <v>4830</v>
      </c>
      <c r="DT546" s="857"/>
    </row>
    <row r="547" spans="1:124" s="354" customFormat="1" ht="30" x14ac:dyDescent="0.2">
      <c r="A547" s="484" t="str">
        <f t="shared" si="947"/>
        <v>Transfer water from Heronsgate to Clay Lane and Bushey.</v>
      </c>
      <c r="B547" s="1163">
        <v>545</v>
      </c>
      <c r="C547" s="481" t="s">
        <v>4831</v>
      </c>
      <c r="D547" s="616" t="s">
        <v>2182</v>
      </c>
      <c r="E547" s="616" t="s">
        <v>1385</v>
      </c>
      <c r="F547" s="481" t="s">
        <v>1351</v>
      </c>
      <c r="G547" s="618" t="s">
        <v>1353</v>
      </c>
      <c r="H547" s="617" t="s">
        <v>4832</v>
      </c>
      <c r="I547" s="515"/>
      <c r="J547" s="617" t="s">
        <v>2283</v>
      </c>
      <c r="K547" s="657" t="s">
        <v>4826</v>
      </c>
      <c r="L547" s="515" t="s">
        <v>63</v>
      </c>
      <c r="M547" s="654" t="s">
        <v>2996</v>
      </c>
      <c r="N547" s="618" t="s">
        <v>81</v>
      </c>
      <c r="O547" s="515" t="s">
        <v>267</v>
      </c>
      <c r="P547" s="654" t="s">
        <v>267</v>
      </c>
      <c r="Q547" s="618" t="s">
        <v>2284</v>
      </c>
      <c r="R547" s="657"/>
      <c r="S547" s="657"/>
      <c r="T547" s="676" t="s">
        <v>3360</v>
      </c>
      <c r="U547" s="619"/>
      <c r="V547" s="612" t="s">
        <v>267</v>
      </c>
      <c r="W547" s="612"/>
      <c r="X547" s="745"/>
      <c r="Y547" s="723" t="s">
        <v>4819</v>
      </c>
      <c r="Z547" s="723"/>
      <c r="AA547" s="1322" t="s">
        <v>245</v>
      </c>
      <c r="AB547" s="516"/>
      <c r="AC547" s="516"/>
      <c r="AD547" s="516"/>
      <c r="AE547" s="516"/>
      <c r="AF547" s="516"/>
      <c r="AG547" s="516"/>
      <c r="AH547" s="516"/>
      <c r="AI547" s="516"/>
      <c r="AJ547" s="516"/>
      <c r="AK547" s="516"/>
      <c r="AL547" s="516"/>
      <c r="AM547" s="516"/>
      <c r="AN547" s="516"/>
      <c r="AO547" s="516"/>
      <c r="AP547" s="516"/>
      <c r="AQ547" s="516"/>
      <c r="AR547" s="516"/>
      <c r="AS547" s="516"/>
      <c r="AT547" s="516"/>
      <c r="AU547" s="516"/>
      <c r="AV547" s="516"/>
      <c r="AW547" s="516"/>
      <c r="AX547" s="516"/>
      <c r="AY547" s="516"/>
      <c r="AZ547" s="516"/>
      <c r="BA547" s="516"/>
      <c r="BB547" s="516"/>
      <c r="BC547" s="516"/>
      <c r="BD547" s="516"/>
      <c r="BE547" s="516"/>
      <c r="BF547" s="516"/>
      <c r="BG547" s="612"/>
      <c r="BH547" s="612"/>
      <c r="BI547" s="612"/>
      <c r="BJ547" s="612"/>
      <c r="BK547" s="612"/>
      <c r="BL547" s="612"/>
      <c r="BM547" s="612"/>
      <c r="BN547" s="612"/>
      <c r="BO547" s="612"/>
      <c r="BP547" s="612"/>
      <c r="BQ547" s="612"/>
      <c r="BR547" s="612"/>
      <c r="BS547" s="884">
        <f t="shared" si="948"/>
        <v>0</v>
      </c>
      <c r="BT547" s="661"/>
      <c r="BU547" s="661"/>
      <c r="BV547" s="898" t="str">
        <f t="shared" si="926"/>
        <v/>
      </c>
      <c r="BW547" s="898" t="str">
        <f t="shared" si="927"/>
        <v/>
      </c>
      <c r="BX547" s="898" t="str">
        <f t="shared" si="928"/>
        <v/>
      </c>
      <c r="BY547" s="898" t="str">
        <f t="shared" si="929"/>
        <v/>
      </c>
      <c r="BZ547" s="898" t="str">
        <f t="shared" si="930"/>
        <v/>
      </c>
      <c r="CA547" s="898" t="str">
        <f t="shared" si="931"/>
        <v/>
      </c>
      <c r="CB547" s="898" t="str">
        <f t="shared" si="932"/>
        <v/>
      </c>
      <c r="CC547" s="898" t="str">
        <f t="shared" si="933"/>
        <v/>
      </c>
      <c r="CD547" s="898" t="str">
        <f t="shared" si="934"/>
        <v/>
      </c>
      <c r="CE547" s="898" t="str">
        <f t="shared" si="935"/>
        <v/>
      </c>
      <c r="CF547" s="898" t="str">
        <f t="shared" si="936"/>
        <v/>
      </c>
      <c r="CG547" s="898" t="str">
        <f t="shared" si="937"/>
        <v/>
      </c>
      <c r="CH547" s="898" t="str">
        <f t="shared" si="938"/>
        <v/>
      </c>
      <c r="CI547" s="898" t="str">
        <f t="shared" si="939"/>
        <v/>
      </c>
      <c r="CJ547" s="898" t="str">
        <f t="shared" si="940"/>
        <v/>
      </c>
      <c r="CK547" s="898" t="str">
        <f t="shared" si="941"/>
        <v/>
      </c>
      <c r="CL547" s="898" t="str">
        <f t="shared" si="942"/>
        <v/>
      </c>
      <c r="CM547" s="898" t="str">
        <f t="shared" si="950"/>
        <v/>
      </c>
      <c r="CN547" s="898" t="str">
        <f t="shared" si="951"/>
        <v/>
      </c>
      <c r="CO547" s="898" t="str">
        <f t="shared" si="952"/>
        <v/>
      </c>
      <c r="CP547" s="898" t="str">
        <f t="shared" si="953"/>
        <v/>
      </c>
      <c r="CQ547" s="898" t="str">
        <f t="shared" si="954"/>
        <v/>
      </c>
      <c r="CR547" s="898" t="str">
        <f t="shared" si="955"/>
        <v/>
      </c>
      <c r="CS547" s="898" t="str">
        <f t="shared" si="956"/>
        <v/>
      </c>
      <c r="CT547" s="898" t="str">
        <f t="shared" si="957"/>
        <v/>
      </c>
      <c r="CU547" s="898" t="str">
        <f t="shared" si="958"/>
        <v/>
      </c>
      <c r="CV547" s="898" t="str">
        <f t="shared" si="959"/>
        <v/>
      </c>
      <c r="CW547" s="898" t="str">
        <f t="shared" si="960"/>
        <v/>
      </c>
      <c r="CX547" s="898" t="str">
        <f t="shared" si="961"/>
        <v/>
      </c>
      <c r="CY547" s="898" t="str">
        <f t="shared" si="962"/>
        <v/>
      </c>
      <c r="CZ547" s="898" t="str">
        <f t="shared" si="963"/>
        <v/>
      </c>
      <c r="DA547" s="612"/>
      <c r="DB547" s="612"/>
      <c r="DC547" s="612"/>
      <c r="DD547" s="612"/>
      <c r="DE547" s="612"/>
      <c r="DF547" s="612"/>
      <c r="DG547" s="612"/>
      <c r="DH547" s="612"/>
      <c r="DI547" s="612"/>
      <c r="DJ547" s="612"/>
      <c r="DK547" s="612"/>
      <c r="DL547" s="612"/>
      <c r="DM547" s="661">
        <f t="shared" si="964"/>
        <v>0</v>
      </c>
      <c r="DN547" s="898">
        <f t="shared" si="965"/>
        <v>0</v>
      </c>
      <c r="DO547" s="516">
        <f t="shared" si="966"/>
        <v>0</v>
      </c>
      <c r="DP547" s="898">
        <f t="shared" si="967"/>
        <v>0</v>
      </c>
      <c r="DQ547" s="522" t="s">
        <v>3072</v>
      </c>
      <c r="DR547" s="1225" t="s">
        <v>2286</v>
      </c>
      <c r="DS547" s="1225" t="s">
        <v>3073</v>
      </c>
      <c r="DT547" s="857"/>
    </row>
    <row r="548" spans="1:124" s="354" customFormat="1" ht="42.75" x14ac:dyDescent="0.2">
      <c r="A548" s="484" t="str">
        <f t="shared" si="947"/>
        <v>Transfer water from The Grove valve, Hemel Hempstead - Licence Relocation and Booster Pumping Station.</v>
      </c>
      <c r="B548" s="1163">
        <v>546</v>
      </c>
      <c r="C548" s="481" t="s">
        <v>4833</v>
      </c>
      <c r="D548" s="511" t="s">
        <v>2182</v>
      </c>
      <c r="E548" s="511" t="s">
        <v>1385</v>
      </c>
      <c r="F548" s="481" t="s">
        <v>1351</v>
      </c>
      <c r="G548" s="515" t="s">
        <v>1353</v>
      </c>
      <c r="H548" s="513" t="s">
        <v>2312</v>
      </c>
      <c r="I548" s="515"/>
      <c r="J548" s="513" t="s">
        <v>2313</v>
      </c>
      <c r="K548" s="657" t="s">
        <v>4826</v>
      </c>
      <c r="L548" s="515" t="s">
        <v>63</v>
      </c>
      <c r="M548" s="654" t="s">
        <v>2996</v>
      </c>
      <c r="N548" s="515" t="s">
        <v>81</v>
      </c>
      <c r="O548" s="515" t="s">
        <v>267</v>
      </c>
      <c r="P548" s="654" t="s">
        <v>267</v>
      </c>
      <c r="Q548" s="515" t="s">
        <v>2251</v>
      </c>
      <c r="R548" s="657"/>
      <c r="S548" s="657"/>
      <c r="T548" s="676" t="s">
        <v>3360</v>
      </c>
      <c r="U548" s="525"/>
      <c r="V548" s="516" t="s">
        <v>267</v>
      </c>
      <c r="W548" s="612"/>
      <c r="X548" s="745"/>
      <c r="Y548" s="723" t="s">
        <v>4819</v>
      </c>
      <c r="Z548" s="723"/>
      <c r="AA548" s="1322" t="s">
        <v>245</v>
      </c>
      <c r="AB548" s="516"/>
      <c r="AC548" s="516"/>
      <c r="AD548" s="516"/>
      <c r="AE548" s="516"/>
      <c r="AF548" s="516"/>
      <c r="AG548" s="516"/>
      <c r="AH548" s="516"/>
      <c r="AI548" s="516"/>
      <c r="AJ548" s="516"/>
      <c r="AK548" s="516"/>
      <c r="AL548" s="516"/>
      <c r="AM548" s="516"/>
      <c r="AN548" s="516"/>
      <c r="AO548" s="516"/>
      <c r="AP548" s="516"/>
      <c r="AQ548" s="516"/>
      <c r="AR548" s="516"/>
      <c r="AS548" s="516"/>
      <c r="AT548" s="516"/>
      <c r="AU548" s="516"/>
      <c r="AV548" s="516"/>
      <c r="AW548" s="516"/>
      <c r="AX548" s="516"/>
      <c r="AY548" s="516"/>
      <c r="AZ548" s="516"/>
      <c r="BA548" s="516"/>
      <c r="BB548" s="516"/>
      <c r="BC548" s="516"/>
      <c r="BD548" s="516"/>
      <c r="BE548" s="516"/>
      <c r="BF548" s="516"/>
      <c r="BG548" s="516"/>
      <c r="BH548" s="516"/>
      <c r="BI548" s="516"/>
      <c r="BJ548" s="516"/>
      <c r="BK548" s="516"/>
      <c r="BL548" s="516"/>
      <c r="BM548" s="516"/>
      <c r="BN548" s="516"/>
      <c r="BO548" s="516"/>
      <c r="BP548" s="516"/>
      <c r="BQ548" s="516"/>
      <c r="BR548" s="516"/>
      <c r="BS548" s="884">
        <f t="shared" si="948"/>
        <v>0</v>
      </c>
      <c r="BT548" s="661"/>
      <c r="BU548" s="661"/>
      <c r="BV548" s="898" t="str">
        <f t="shared" si="926"/>
        <v/>
      </c>
      <c r="BW548" s="898" t="str">
        <f t="shared" si="927"/>
        <v/>
      </c>
      <c r="BX548" s="898" t="str">
        <f t="shared" si="928"/>
        <v/>
      </c>
      <c r="BY548" s="898" t="str">
        <f t="shared" si="929"/>
        <v/>
      </c>
      <c r="BZ548" s="898" t="str">
        <f t="shared" si="930"/>
        <v/>
      </c>
      <c r="CA548" s="898" t="str">
        <f t="shared" si="931"/>
        <v/>
      </c>
      <c r="CB548" s="898" t="str">
        <f t="shared" si="932"/>
        <v/>
      </c>
      <c r="CC548" s="898" t="str">
        <f t="shared" si="933"/>
        <v/>
      </c>
      <c r="CD548" s="898" t="str">
        <f t="shared" si="934"/>
        <v/>
      </c>
      <c r="CE548" s="898" t="str">
        <f t="shared" si="935"/>
        <v/>
      </c>
      <c r="CF548" s="898" t="str">
        <f t="shared" si="936"/>
        <v/>
      </c>
      <c r="CG548" s="898" t="str">
        <f t="shared" si="937"/>
        <v/>
      </c>
      <c r="CH548" s="898" t="str">
        <f t="shared" si="938"/>
        <v/>
      </c>
      <c r="CI548" s="898" t="str">
        <f t="shared" si="939"/>
        <v/>
      </c>
      <c r="CJ548" s="898" t="str">
        <f t="shared" si="940"/>
        <v/>
      </c>
      <c r="CK548" s="898" t="str">
        <f t="shared" si="941"/>
        <v/>
      </c>
      <c r="CL548" s="898" t="str">
        <f t="shared" si="942"/>
        <v/>
      </c>
      <c r="CM548" s="898" t="str">
        <f t="shared" si="950"/>
        <v/>
      </c>
      <c r="CN548" s="898" t="str">
        <f t="shared" si="951"/>
        <v/>
      </c>
      <c r="CO548" s="898" t="str">
        <f t="shared" si="952"/>
        <v/>
      </c>
      <c r="CP548" s="898" t="str">
        <f t="shared" si="953"/>
        <v/>
      </c>
      <c r="CQ548" s="898" t="str">
        <f t="shared" si="954"/>
        <v/>
      </c>
      <c r="CR548" s="898" t="str">
        <f t="shared" si="955"/>
        <v/>
      </c>
      <c r="CS548" s="898" t="str">
        <f t="shared" si="956"/>
        <v/>
      </c>
      <c r="CT548" s="898" t="str">
        <f t="shared" si="957"/>
        <v/>
      </c>
      <c r="CU548" s="898" t="str">
        <f t="shared" si="958"/>
        <v/>
      </c>
      <c r="CV548" s="898" t="str">
        <f t="shared" si="959"/>
        <v/>
      </c>
      <c r="CW548" s="898" t="str">
        <f t="shared" si="960"/>
        <v/>
      </c>
      <c r="CX548" s="898" t="str">
        <f t="shared" si="961"/>
        <v/>
      </c>
      <c r="CY548" s="898" t="str">
        <f t="shared" si="962"/>
        <v/>
      </c>
      <c r="CZ548" s="898" t="str">
        <f t="shared" si="963"/>
        <v/>
      </c>
      <c r="DA548" s="516"/>
      <c r="DB548" s="516"/>
      <c r="DC548" s="516"/>
      <c r="DD548" s="516"/>
      <c r="DE548" s="516"/>
      <c r="DF548" s="516"/>
      <c r="DG548" s="516"/>
      <c r="DH548" s="516"/>
      <c r="DI548" s="516"/>
      <c r="DJ548" s="516"/>
      <c r="DK548" s="516"/>
      <c r="DL548" s="516"/>
      <c r="DM548" s="661">
        <f t="shared" si="964"/>
        <v>0</v>
      </c>
      <c r="DN548" s="898">
        <f t="shared" si="965"/>
        <v>0</v>
      </c>
      <c r="DO548" s="516">
        <f t="shared" si="966"/>
        <v>0</v>
      </c>
      <c r="DP548" s="898">
        <f t="shared" si="967"/>
        <v>0</v>
      </c>
      <c r="DQ548" s="522" t="s">
        <v>3072</v>
      </c>
      <c r="DR548" s="522" t="s">
        <v>2286</v>
      </c>
      <c r="DS548" s="1225" t="s">
        <v>3073</v>
      </c>
      <c r="DT548" s="857"/>
    </row>
    <row r="549" spans="1:124" s="34" customFormat="1" ht="42.75" x14ac:dyDescent="0.2">
      <c r="A549" s="484" t="str">
        <f t="shared" si="947"/>
        <v xml:space="preserve">Potable water reinforcement schemes </v>
      </c>
      <c r="B549" s="1163">
        <v>547</v>
      </c>
      <c r="C549" s="481" t="s">
        <v>4834</v>
      </c>
      <c r="D549" s="481" t="s">
        <v>2481</v>
      </c>
      <c r="E549" s="481" t="s">
        <v>53</v>
      </c>
      <c r="F549" s="481" t="s">
        <v>1351</v>
      </c>
      <c r="G549" s="654" t="s">
        <v>263</v>
      </c>
      <c r="H549" s="484" t="s">
        <v>4835</v>
      </c>
      <c r="I549" s="654"/>
      <c r="J549" s="484" t="s">
        <v>4836</v>
      </c>
      <c r="K549" s="657" t="s">
        <v>4826</v>
      </c>
      <c r="L549" s="515" t="s">
        <v>63</v>
      </c>
      <c r="M549" s="654" t="s">
        <v>2996</v>
      </c>
      <c r="N549" s="654" t="s">
        <v>81</v>
      </c>
      <c r="O549" s="654" t="s">
        <v>266</v>
      </c>
      <c r="P549" s="654" t="s">
        <v>266</v>
      </c>
      <c r="Q549" s="654" t="s">
        <v>225</v>
      </c>
      <c r="R549" s="654"/>
      <c r="S549" s="654"/>
      <c r="T549" s="676" t="s">
        <v>3360</v>
      </c>
      <c r="U549" s="723"/>
      <c r="V549" s="654" t="s">
        <v>267</v>
      </c>
      <c r="W549" s="612"/>
      <c r="X549" s="745"/>
      <c r="Y549" s="723" t="s">
        <v>4819</v>
      </c>
      <c r="Z549" s="723"/>
      <c r="AA549" s="1324" t="s">
        <v>245</v>
      </c>
      <c r="AB549" s="891"/>
      <c r="AC549" s="891"/>
      <c r="AD549" s="891"/>
      <c r="AE549" s="891"/>
      <c r="AF549" s="891"/>
      <c r="AG549" s="891"/>
      <c r="AH549" s="891"/>
      <c r="AI549" s="891"/>
      <c r="AJ549" s="891"/>
      <c r="AK549" s="891"/>
      <c r="AL549" s="891"/>
      <c r="AM549" s="891"/>
      <c r="AN549" s="891"/>
      <c r="AO549" s="891"/>
      <c r="AP549" s="891"/>
      <c r="AQ549" s="891"/>
      <c r="AR549" s="891"/>
      <c r="AS549" s="883"/>
      <c r="AT549" s="883"/>
      <c r="AU549" s="883"/>
      <c r="AV549" s="883"/>
      <c r="AW549" s="883"/>
      <c r="AX549" s="883"/>
      <c r="AY549" s="883"/>
      <c r="AZ549" s="883"/>
      <c r="BA549" s="883"/>
      <c r="BB549" s="883"/>
      <c r="BC549" s="883"/>
      <c r="BD549" s="883"/>
      <c r="BE549" s="883"/>
      <c r="BF549" s="883"/>
      <c r="BG549" s="746"/>
      <c r="BH549" s="746"/>
      <c r="BI549" s="746"/>
      <c r="BJ549" s="746"/>
      <c r="BK549" s="746"/>
      <c r="BL549" s="746"/>
      <c r="BM549" s="746"/>
      <c r="BN549" s="746"/>
      <c r="BO549" s="746"/>
      <c r="BP549" s="746"/>
      <c r="BQ549" s="746"/>
      <c r="BR549" s="746"/>
      <c r="BS549" s="884">
        <f t="shared" si="948"/>
        <v>0</v>
      </c>
      <c r="BT549" s="661"/>
      <c r="BU549" s="661"/>
      <c r="BV549" s="898" t="str">
        <f t="shared" si="926"/>
        <v/>
      </c>
      <c r="BW549" s="898" t="str">
        <f t="shared" si="927"/>
        <v/>
      </c>
      <c r="BX549" s="898" t="str">
        <f t="shared" si="928"/>
        <v/>
      </c>
      <c r="BY549" s="898" t="str">
        <f t="shared" si="929"/>
        <v/>
      </c>
      <c r="BZ549" s="898" t="str">
        <f t="shared" si="930"/>
        <v/>
      </c>
      <c r="CA549" s="898" t="str">
        <f t="shared" si="931"/>
        <v/>
      </c>
      <c r="CB549" s="898" t="str">
        <f t="shared" si="932"/>
        <v/>
      </c>
      <c r="CC549" s="898" t="str">
        <f t="shared" si="933"/>
        <v/>
      </c>
      <c r="CD549" s="898" t="str">
        <f t="shared" si="934"/>
        <v/>
      </c>
      <c r="CE549" s="898" t="str">
        <f t="shared" si="935"/>
        <v/>
      </c>
      <c r="CF549" s="898" t="str">
        <f t="shared" si="936"/>
        <v/>
      </c>
      <c r="CG549" s="898" t="str">
        <f t="shared" si="937"/>
        <v/>
      </c>
      <c r="CH549" s="898" t="str">
        <f t="shared" si="938"/>
        <v/>
      </c>
      <c r="CI549" s="898" t="str">
        <f t="shared" si="939"/>
        <v/>
      </c>
      <c r="CJ549" s="898" t="str">
        <f t="shared" si="940"/>
        <v/>
      </c>
      <c r="CK549" s="898" t="str">
        <f t="shared" si="941"/>
        <v/>
      </c>
      <c r="CL549" s="898" t="str">
        <f t="shared" si="942"/>
        <v/>
      </c>
      <c r="CM549" s="898" t="str">
        <f t="shared" si="950"/>
        <v/>
      </c>
      <c r="CN549" s="898" t="str">
        <f t="shared" si="951"/>
        <v/>
      </c>
      <c r="CO549" s="898" t="str">
        <f t="shared" si="952"/>
        <v/>
      </c>
      <c r="CP549" s="898" t="str">
        <f t="shared" si="953"/>
        <v/>
      </c>
      <c r="CQ549" s="898" t="str">
        <f t="shared" si="954"/>
        <v/>
      </c>
      <c r="CR549" s="898" t="str">
        <f t="shared" si="955"/>
        <v/>
      </c>
      <c r="CS549" s="898" t="str">
        <f t="shared" si="956"/>
        <v/>
      </c>
      <c r="CT549" s="898" t="str">
        <f t="shared" si="957"/>
        <v/>
      </c>
      <c r="CU549" s="898" t="str">
        <f t="shared" si="958"/>
        <v/>
      </c>
      <c r="CV549" s="898" t="str">
        <f t="shared" si="959"/>
        <v/>
      </c>
      <c r="CW549" s="898" t="str">
        <f t="shared" si="960"/>
        <v/>
      </c>
      <c r="CX549" s="898" t="str">
        <f t="shared" si="961"/>
        <v/>
      </c>
      <c r="CY549" s="898" t="str">
        <f t="shared" si="962"/>
        <v/>
      </c>
      <c r="CZ549" s="898" t="str">
        <f t="shared" si="963"/>
        <v/>
      </c>
      <c r="DA549" s="898"/>
      <c r="DB549" s="898"/>
      <c r="DC549" s="898"/>
      <c r="DD549" s="898"/>
      <c r="DE549" s="898"/>
      <c r="DF549" s="898"/>
      <c r="DG549" s="898"/>
      <c r="DH549" s="898"/>
      <c r="DI549" s="898"/>
      <c r="DJ549" s="898"/>
      <c r="DK549" s="898"/>
      <c r="DL549" s="898"/>
      <c r="DM549" s="661">
        <f t="shared" si="964"/>
        <v>0</v>
      </c>
      <c r="DN549" s="898">
        <f t="shared" si="965"/>
        <v>0</v>
      </c>
      <c r="DO549" s="516">
        <f t="shared" si="966"/>
        <v>0</v>
      </c>
      <c r="DP549" s="898">
        <f t="shared" si="967"/>
        <v>0</v>
      </c>
      <c r="DQ549" s="522" t="s">
        <v>3072</v>
      </c>
      <c r="DR549" s="483"/>
      <c r="DS549" s="936" t="s">
        <v>4837</v>
      </c>
      <c r="DT549" s="857"/>
    </row>
    <row r="550" spans="1:124" s="34" customFormat="1" ht="42.75" x14ac:dyDescent="0.2">
      <c r="A550" s="484" t="str">
        <f t="shared" si="947"/>
        <v>Upgrades to the Waste Water Network</v>
      </c>
      <c r="B550" s="1163">
        <v>548</v>
      </c>
      <c r="C550" s="481" t="s">
        <v>4838</v>
      </c>
      <c r="D550" s="481" t="s">
        <v>2481</v>
      </c>
      <c r="E550" s="481" t="s">
        <v>53</v>
      </c>
      <c r="F550" s="481" t="s">
        <v>1351</v>
      </c>
      <c r="G550" s="654" t="s">
        <v>268</v>
      </c>
      <c r="H550" s="484" t="s">
        <v>269</v>
      </c>
      <c r="I550" s="654"/>
      <c r="J550" s="484" t="s">
        <v>4839</v>
      </c>
      <c r="K550" s="657" t="s">
        <v>4840</v>
      </c>
      <c r="L550" s="515" t="s">
        <v>63</v>
      </c>
      <c r="M550" s="654" t="s">
        <v>2996</v>
      </c>
      <c r="N550" s="654" t="s">
        <v>81</v>
      </c>
      <c r="O550" s="654" t="s">
        <v>272</v>
      </c>
      <c r="P550" s="654" t="s">
        <v>272</v>
      </c>
      <c r="Q550" s="515" t="s">
        <v>2258</v>
      </c>
      <c r="R550" s="654"/>
      <c r="S550" s="654"/>
      <c r="T550" s="676" t="s">
        <v>3360</v>
      </c>
      <c r="U550" s="723"/>
      <c r="V550" s="654" t="s">
        <v>272</v>
      </c>
      <c r="W550" s="861"/>
      <c r="X550" s="745"/>
      <c r="Y550" s="723" t="s">
        <v>4819</v>
      </c>
      <c r="Z550" s="723"/>
      <c r="AA550" s="1324" t="s">
        <v>245</v>
      </c>
      <c r="AB550" s="891"/>
      <c r="AC550" s="883"/>
      <c r="AD550" s="883"/>
      <c r="AE550" s="883"/>
      <c r="AF550" s="883"/>
      <c r="AG550" s="883"/>
      <c r="AH550" s="883"/>
      <c r="AI550" s="883"/>
      <c r="AJ550" s="883"/>
      <c r="AK550" s="883"/>
      <c r="AL550" s="883"/>
      <c r="AM550" s="883"/>
      <c r="AN550" s="883"/>
      <c r="AO550" s="883"/>
      <c r="AP550" s="883"/>
      <c r="AQ550" s="883"/>
      <c r="AR550" s="883"/>
      <c r="AS550" s="883"/>
      <c r="AT550" s="883"/>
      <c r="AU550" s="883"/>
      <c r="AV550" s="883"/>
      <c r="AW550" s="883"/>
      <c r="AX550" s="883"/>
      <c r="AY550" s="883"/>
      <c r="AZ550" s="883"/>
      <c r="BA550" s="883"/>
      <c r="BB550" s="883"/>
      <c r="BC550" s="883"/>
      <c r="BD550" s="883"/>
      <c r="BE550" s="883"/>
      <c r="BF550" s="883"/>
      <c r="BG550" s="746"/>
      <c r="BH550" s="746"/>
      <c r="BI550" s="746"/>
      <c r="BJ550" s="746"/>
      <c r="BK550" s="746"/>
      <c r="BL550" s="746"/>
      <c r="BM550" s="746"/>
      <c r="BN550" s="746"/>
      <c r="BO550" s="746"/>
      <c r="BP550" s="746"/>
      <c r="BQ550" s="746"/>
      <c r="BR550" s="746"/>
      <c r="BS550" s="884">
        <f t="shared" si="948"/>
        <v>0</v>
      </c>
      <c r="BT550" s="661"/>
      <c r="BU550" s="661"/>
      <c r="BV550" s="898" t="str">
        <f t="shared" si="926"/>
        <v/>
      </c>
      <c r="BW550" s="898" t="str">
        <f t="shared" si="927"/>
        <v/>
      </c>
      <c r="BX550" s="898" t="str">
        <f t="shared" si="928"/>
        <v/>
      </c>
      <c r="BY550" s="898" t="str">
        <f t="shared" si="929"/>
        <v/>
      </c>
      <c r="BZ550" s="898" t="str">
        <f t="shared" si="930"/>
        <v/>
      </c>
      <c r="CA550" s="898" t="str">
        <f t="shared" si="931"/>
        <v/>
      </c>
      <c r="CB550" s="898" t="str">
        <f t="shared" si="932"/>
        <v/>
      </c>
      <c r="CC550" s="898" t="str">
        <f t="shared" si="933"/>
        <v/>
      </c>
      <c r="CD550" s="898" t="str">
        <f t="shared" si="934"/>
        <v/>
      </c>
      <c r="CE550" s="898" t="str">
        <f t="shared" si="935"/>
        <v/>
      </c>
      <c r="CF550" s="898" t="str">
        <f t="shared" si="936"/>
        <v/>
      </c>
      <c r="CG550" s="898" t="str">
        <f t="shared" si="937"/>
        <v/>
      </c>
      <c r="CH550" s="898" t="str">
        <f t="shared" si="938"/>
        <v/>
      </c>
      <c r="CI550" s="898" t="str">
        <f t="shared" si="939"/>
        <v/>
      </c>
      <c r="CJ550" s="898" t="str">
        <f t="shared" si="940"/>
        <v/>
      </c>
      <c r="CK550" s="898" t="str">
        <f t="shared" si="941"/>
        <v/>
      </c>
      <c r="CL550" s="898" t="str">
        <f t="shared" si="942"/>
        <v/>
      </c>
      <c r="CM550" s="898" t="str">
        <f t="shared" si="950"/>
        <v/>
      </c>
      <c r="CN550" s="898" t="str">
        <f t="shared" si="951"/>
        <v/>
      </c>
      <c r="CO550" s="898" t="str">
        <f t="shared" si="952"/>
        <v/>
      </c>
      <c r="CP550" s="898" t="str">
        <f t="shared" si="953"/>
        <v/>
      </c>
      <c r="CQ550" s="898" t="str">
        <f t="shared" si="954"/>
        <v/>
      </c>
      <c r="CR550" s="898" t="str">
        <f t="shared" si="955"/>
        <v/>
      </c>
      <c r="CS550" s="898" t="str">
        <f t="shared" si="956"/>
        <v/>
      </c>
      <c r="CT550" s="898" t="str">
        <f t="shared" si="957"/>
        <v/>
      </c>
      <c r="CU550" s="898" t="str">
        <f t="shared" si="958"/>
        <v/>
      </c>
      <c r="CV550" s="898" t="str">
        <f t="shared" si="959"/>
        <v/>
      </c>
      <c r="CW550" s="898" t="str">
        <f t="shared" si="960"/>
        <v/>
      </c>
      <c r="CX550" s="898" t="str">
        <f t="shared" si="961"/>
        <v/>
      </c>
      <c r="CY550" s="898" t="str">
        <f t="shared" si="962"/>
        <v/>
      </c>
      <c r="CZ550" s="898" t="str">
        <f t="shared" si="963"/>
        <v/>
      </c>
      <c r="DA550" s="898"/>
      <c r="DB550" s="898"/>
      <c r="DC550" s="898"/>
      <c r="DD550" s="898"/>
      <c r="DE550" s="898"/>
      <c r="DF550" s="898"/>
      <c r="DG550" s="898"/>
      <c r="DH550" s="898"/>
      <c r="DI550" s="898"/>
      <c r="DJ550" s="898"/>
      <c r="DK550" s="898"/>
      <c r="DL550" s="898"/>
      <c r="DM550" s="661">
        <f t="shared" si="964"/>
        <v>0</v>
      </c>
      <c r="DN550" s="898">
        <f t="shared" si="965"/>
        <v>0</v>
      </c>
      <c r="DO550" s="516">
        <f t="shared" si="966"/>
        <v>0</v>
      </c>
      <c r="DP550" s="898">
        <f t="shared" si="967"/>
        <v>0</v>
      </c>
      <c r="DQ550" s="522" t="s">
        <v>3076</v>
      </c>
      <c r="DR550" s="483"/>
      <c r="DS550" s="936" t="s">
        <v>4841</v>
      </c>
      <c r="DT550" s="857"/>
    </row>
    <row r="551" spans="1:124" s="354" customFormat="1" ht="85.5" x14ac:dyDescent="0.2">
      <c r="A551" s="484" t="str">
        <f t="shared" si="947"/>
        <v>Expansion or relocation of Cupid Green Depot</v>
      </c>
      <c r="B551" s="1163">
        <v>549</v>
      </c>
      <c r="C551" s="481" t="s">
        <v>4842</v>
      </c>
      <c r="D551" s="481" t="s">
        <v>2481</v>
      </c>
      <c r="E551" s="481" t="s">
        <v>53</v>
      </c>
      <c r="F551" s="481" t="s">
        <v>279</v>
      </c>
      <c r="G551" s="654" t="s">
        <v>280</v>
      </c>
      <c r="H551" s="484" t="s">
        <v>4843</v>
      </c>
      <c r="I551" s="654"/>
      <c r="J551" s="484" t="s">
        <v>4844</v>
      </c>
      <c r="K551" s="657" t="s">
        <v>4826</v>
      </c>
      <c r="L551" s="657" t="s">
        <v>4845</v>
      </c>
      <c r="M551" s="654" t="s">
        <v>2996</v>
      </c>
      <c r="N551" s="654" t="s">
        <v>81</v>
      </c>
      <c r="O551" s="713" t="s">
        <v>53</v>
      </c>
      <c r="P551" s="657" t="s">
        <v>291</v>
      </c>
      <c r="Q551" s="654" t="s">
        <v>191</v>
      </c>
      <c r="R551" s="654"/>
      <c r="S551" s="654"/>
      <c r="T551" s="723" t="s">
        <v>191</v>
      </c>
      <c r="U551" s="723"/>
      <c r="V551" s="657" t="s">
        <v>64</v>
      </c>
      <c r="W551" s="642"/>
      <c r="X551" s="745"/>
      <c r="Y551" s="723" t="s">
        <v>3106</v>
      </c>
      <c r="Z551" s="723"/>
      <c r="AA551" s="712" t="s">
        <v>65</v>
      </c>
      <c r="AB551" s="676"/>
      <c r="AC551" s="676"/>
      <c r="AD551" s="676"/>
      <c r="AE551" s="676"/>
      <c r="AF551" s="676"/>
      <c r="AG551" s="676"/>
      <c r="AH551" s="676"/>
      <c r="AI551" s="676"/>
      <c r="AJ551" s="676"/>
      <c r="AK551" s="676"/>
      <c r="AL551" s="676"/>
      <c r="AM551" s="676"/>
      <c r="AN551" s="676"/>
      <c r="AO551" s="676"/>
      <c r="AP551" s="676"/>
      <c r="AQ551" s="676"/>
      <c r="AR551" s="676"/>
      <c r="AS551" s="676"/>
      <c r="AT551" s="676"/>
      <c r="AU551" s="676"/>
      <c r="AV551" s="676"/>
      <c r="AW551" s="676"/>
      <c r="AX551" s="676"/>
      <c r="AY551" s="676"/>
      <c r="AZ551" s="676"/>
      <c r="BA551" s="676"/>
      <c r="BB551" s="676"/>
      <c r="BC551" s="676"/>
      <c r="BD551" s="676"/>
      <c r="BE551" s="676"/>
      <c r="BF551" s="676"/>
      <c r="BG551" s="746"/>
      <c r="BH551" s="746"/>
      <c r="BI551" s="746"/>
      <c r="BJ551" s="746"/>
      <c r="BK551" s="746"/>
      <c r="BL551" s="746"/>
      <c r="BM551" s="746"/>
      <c r="BN551" s="746"/>
      <c r="BO551" s="676"/>
      <c r="BP551" s="676"/>
      <c r="BQ551" s="676"/>
      <c r="BR551" s="676"/>
      <c r="BS551" s="884">
        <f t="shared" si="948"/>
        <v>0</v>
      </c>
      <c r="BT551" s="661"/>
      <c r="BU551" s="661"/>
      <c r="BV551" s="898" t="str">
        <f t="shared" si="926"/>
        <v/>
      </c>
      <c r="BW551" s="898" t="str">
        <f t="shared" si="927"/>
        <v/>
      </c>
      <c r="BX551" s="898" t="str">
        <f t="shared" si="928"/>
        <v/>
      </c>
      <c r="BY551" s="898" t="str">
        <f t="shared" si="929"/>
        <v/>
      </c>
      <c r="BZ551" s="898" t="str">
        <f t="shared" si="930"/>
        <v/>
      </c>
      <c r="CA551" s="898" t="str">
        <f t="shared" si="931"/>
        <v/>
      </c>
      <c r="CB551" s="898" t="str">
        <f t="shared" si="932"/>
        <v/>
      </c>
      <c r="CC551" s="898" t="str">
        <f t="shared" si="933"/>
        <v/>
      </c>
      <c r="CD551" s="898" t="str">
        <f t="shared" si="934"/>
        <v/>
      </c>
      <c r="CE551" s="898" t="str">
        <f t="shared" si="935"/>
        <v/>
      </c>
      <c r="CF551" s="898" t="str">
        <f t="shared" si="936"/>
        <v/>
      </c>
      <c r="CG551" s="898" t="str">
        <f t="shared" si="937"/>
        <v/>
      </c>
      <c r="CH551" s="898" t="str">
        <f t="shared" si="938"/>
        <v/>
      </c>
      <c r="CI551" s="898" t="str">
        <f t="shared" si="939"/>
        <v/>
      </c>
      <c r="CJ551" s="898" t="str">
        <f t="shared" si="940"/>
        <v/>
      </c>
      <c r="CK551" s="898" t="str">
        <f t="shared" si="941"/>
        <v/>
      </c>
      <c r="CL551" s="898" t="str">
        <f t="shared" si="942"/>
        <v/>
      </c>
      <c r="CM551" s="898" t="str">
        <f t="shared" si="950"/>
        <v/>
      </c>
      <c r="CN551" s="898" t="str">
        <f t="shared" si="951"/>
        <v/>
      </c>
      <c r="CO551" s="898" t="str">
        <f t="shared" si="952"/>
        <v/>
      </c>
      <c r="CP551" s="898" t="str">
        <f t="shared" si="953"/>
        <v/>
      </c>
      <c r="CQ551" s="898" t="str">
        <f t="shared" si="954"/>
        <v/>
      </c>
      <c r="CR551" s="898" t="str">
        <f t="shared" si="955"/>
        <v/>
      </c>
      <c r="CS551" s="898" t="str">
        <f t="shared" si="956"/>
        <v/>
      </c>
      <c r="CT551" s="898" t="str">
        <f t="shared" si="957"/>
        <v/>
      </c>
      <c r="CU551" s="898" t="str">
        <f t="shared" si="958"/>
        <v/>
      </c>
      <c r="CV551" s="898" t="str">
        <f t="shared" si="959"/>
        <v/>
      </c>
      <c r="CW551" s="898" t="str">
        <f t="shared" si="960"/>
        <v/>
      </c>
      <c r="CX551" s="898" t="str">
        <f t="shared" si="961"/>
        <v/>
      </c>
      <c r="CY551" s="898" t="str">
        <f t="shared" si="962"/>
        <v/>
      </c>
      <c r="CZ551" s="898" t="str">
        <f t="shared" si="963"/>
        <v/>
      </c>
      <c r="DA551" s="898" t="str">
        <f t="shared" ref="DA551:DL553" si="968">IF(BG551="yes",(BG$3*$BT551),"")</f>
        <v/>
      </c>
      <c r="DB551" s="898" t="str">
        <f t="shared" si="968"/>
        <v/>
      </c>
      <c r="DC551" s="898" t="str">
        <f t="shared" si="968"/>
        <v/>
      </c>
      <c r="DD551" s="898" t="str">
        <f t="shared" si="968"/>
        <v/>
      </c>
      <c r="DE551" s="898" t="str">
        <f t="shared" si="968"/>
        <v/>
      </c>
      <c r="DF551" s="898" t="str">
        <f t="shared" si="968"/>
        <v/>
      </c>
      <c r="DG551" s="898" t="str">
        <f t="shared" si="968"/>
        <v/>
      </c>
      <c r="DH551" s="898" t="str">
        <f t="shared" si="968"/>
        <v/>
      </c>
      <c r="DI551" s="898" t="str">
        <f t="shared" si="968"/>
        <v/>
      </c>
      <c r="DJ551" s="898" t="str">
        <f t="shared" si="968"/>
        <v/>
      </c>
      <c r="DK551" s="898" t="str">
        <f t="shared" si="968"/>
        <v/>
      </c>
      <c r="DL551" s="898" t="str">
        <f t="shared" si="968"/>
        <v/>
      </c>
      <c r="DM551" s="661">
        <f t="shared" si="964"/>
        <v>0</v>
      </c>
      <c r="DN551" s="898">
        <f t="shared" si="965"/>
        <v>0</v>
      </c>
      <c r="DO551" s="516">
        <f t="shared" si="966"/>
        <v>0</v>
      </c>
      <c r="DP551" s="898">
        <f t="shared" si="967"/>
        <v>0</v>
      </c>
      <c r="DQ551" s="483" t="s">
        <v>4846</v>
      </c>
      <c r="DR551" s="610" t="s">
        <v>4847</v>
      </c>
      <c r="DS551" s="1215" t="s">
        <v>4848</v>
      </c>
      <c r="DT551" s="857"/>
    </row>
    <row r="552" spans="1:124" s="354" customFormat="1" ht="128.25" x14ac:dyDescent="0.2">
      <c r="A552" s="484" t="str">
        <f t="shared" si="947"/>
        <v>New Recycling Centre at Hemel Hempstead</v>
      </c>
      <c r="B552" s="1163">
        <v>550</v>
      </c>
      <c r="C552" s="481" t="s">
        <v>4849</v>
      </c>
      <c r="D552" s="481" t="s">
        <v>2481</v>
      </c>
      <c r="E552" s="481" t="s">
        <v>3415</v>
      </c>
      <c r="F552" s="481" t="s">
        <v>279</v>
      </c>
      <c r="G552" s="654" t="s">
        <v>280</v>
      </c>
      <c r="H552" s="484" t="s">
        <v>4850</v>
      </c>
      <c r="I552" s="654"/>
      <c r="J552" s="484" t="s">
        <v>4851</v>
      </c>
      <c r="K552" s="654" t="s">
        <v>3104</v>
      </c>
      <c r="L552" s="657" t="s">
        <v>4845</v>
      </c>
      <c r="M552" s="657" t="s">
        <v>2996</v>
      </c>
      <c r="N552" s="654" t="s">
        <v>60</v>
      </c>
      <c r="O552" s="713" t="s">
        <v>3216</v>
      </c>
      <c r="P552" s="657" t="s">
        <v>61</v>
      </c>
      <c r="Q552" s="654" t="s">
        <v>165</v>
      </c>
      <c r="R552" s="654"/>
      <c r="S552" s="654"/>
      <c r="T552" s="723">
        <v>7705572</v>
      </c>
      <c r="U552" s="723"/>
      <c r="V552" s="654" t="s">
        <v>4852</v>
      </c>
      <c r="W552" s="723">
        <f>T552-X552</f>
        <v>5136157</v>
      </c>
      <c r="X552" s="723">
        <v>2569415</v>
      </c>
      <c r="Y552" s="723" t="s">
        <v>3106</v>
      </c>
      <c r="Z552" s="723"/>
      <c r="AA552" s="712" t="s">
        <v>65</v>
      </c>
      <c r="AB552" s="746" t="s">
        <v>66</v>
      </c>
      <c r="AC552" s="746" t="s">
        <v>66</v>
      </c>
      <c r="AD552" s="746" t="s">
        <v>66</v>
      </c>
      <c r="AE552" s="746" t="s">
        <v>66</v>
      </c>
      <c r="AF552" s="746" t="s">
        <v>66</v>
      </c>
      <c r="AG552" s="746" t="s">
        <v>66</v>
      </c>
      <c r="AH552" s="746" t="s">
        <v>66</v>
      </c>
      <c r="AI552" s="746" t="s">
        <v>66</v>
      </c>
      <c r="AJ552" s="746" t="s">
        <v>66</v>
      </c>
      <c r="AK552" s="746" t="s">
        <v>66</v>
      </c>
      <c r="AL552" s="746" t="s">
        <v>66</v>
      </c>
      <c r="AM552" s="746" t="s">
        <v>66</v>
      </c>
      <c r="AN552" s="746" t="s">
        <v>66</v>
      </c>
      <c r="AO552" s="746" t="s">
        <v>66</v>
      </c>
      <c r="AP552" s="746" t="s">
        <v>66</v>
      </c>
      <c r="AQ552" s="746" t="s">
        <v>66</v>
      </c>
      <c r="AR552" s="746" t="s">
        <v>66</v>
      </c>
      <c r="AS552" s="746"/>
      <c r="AT552" s="746"/>
      <c r="AU552" s="746"/>
      <c r="AV552" s="746"/>
      <c r="AW552" s="746"/>
      <c r="AX552" s="746"/>
      <c r="AY552" s="746"/>
      <c r="AZ552" s="746"/>
      <c r="BA552" s="746"/>
      <c r="BB552" s="746"/>
      <c r="BC552" s="746"/>
      <c r="BD552" s="746"/>
      <c r="BE552" s="746"/>
      <c r="BF552" s="746"/>
      <c r="BG552" s="746"/>
      <c r="BH552" s="746"/>
      <c r="BI552" s="746"/>
      <c r="BJ552" s="746"/>
      <c r="BK552" s="746"/>
      <c r="BL552" s="746"/>
      <c r="BM552" s="746"/>
      <c r="BN552" s="746"/>
      <c r="BO552" s="746" t="s">
        <v>66</v>
      </c>
      <c r="BP552" s="746" t="s">
        <v>66</v>
      </c>
      <c r="BQ552" s="746" t="s">
        <v>66</v>
      </c>
      <c r="BR552" s="676"/>
      <c r="BS552" s="884">
        <f t="shared" si="948"/>
        <v>18054</v>
      </c>
      <c r="BT552" s="661">
        <f>X552/BS552</f>
        <v>142.31832280934972</v>
      </c>
      <c r="BU552" s="661"/>
      <c r="BV552" s="898">
        <f t="shared" si="926"/>
        <v>711591.61404674861</v>
      </c>
      <c r="BW552" s="898">
        <f t="shared" si="927"/>
        <v>28463.664561869944</v>
      </c>
      <c r="BX552" s="898">
        <f t="shared" si="928"/>
        <v>64043.245264207377</v>
      </c>
      <c r="BY552" s="898">
        <f t="shared" si="929"/>
        <v>49811.412983272407</v>
      </c>
      <c r="BZ552" s="898">
        <f t="shared" si="930"/>
        <v>71159.161404674858</v>
      </c>
      <c r="CA552" s="898">
        <f t="shared" si="931"/>
        <v>68312.794948487863</v>
      </c>
      <c r="CB552" s="898">
        <f t="shared" si="932"/>
        <v>14231.832280934972</v>
      </c>
      <c r="CC552" s="898">
        <f t="shared" si="933"/>
        <v>55504.14589564639</v>
      </c>
      <c r="CD552" s="898">
        <f t="shared" si="934"/>
        <v>71159.161404674858</v>
      </c>
      <c r="CE552" s="898">
        <f t="shared" si="935"/>
        <v>71159.161404674858</v>
      </c>
      <c r="CF552" s="898">
        <f t="shared" si="936"/>
        <v>106738.74210701229</v>
      </c>
      <c r="CG552" s="898">
        <f t="shared" si="937"/>
        <v>28463.664561869944</v>
      </c>
      <c r="CH552" s="898">
        <f t="shared" si="938"/>
        <v>33302.487537387839</v>
      </c>
      <c r="CI552" s="898">
        <f t="shared" si="939"/>
        <v>49811.412983272407</v>
      </c>
      <c r="CJ552" s="898">
        <f t="shared" si="940"/>
        <v>12808.649052841474</v>
      </c>
      <c r="CK552" s="898">
        <f t="shared" si="941"/>
        <v>11385.465824747978</v>
      </c>
      <c r="CL552" s="898">
        <f t="shared" si="942"/>
        <v>338717.60828625236</v>
      </c>
      <c r="CM552" s="898" t="str">
        <f t="shared" si="950"/>
        <v/>
      </c>
      <c r="CN552" s="898" t="str">
        <f t="shared" si="951"/>
        <v/>
      </c>
      <c r="CO552" s="898" t="str">
        <f t="shared" si="952"/>
        <v/>
      </c>
      <c r="CP552" s="898" t="str">
        <f t="shared" si="953"/>
        <v/>
      </c>
      <c r="CQ552" s="898" t="str">
        <f t="shared" si="954"/>
        <v/>
      </c>
      <c r="CR552" s="898" t="str">
        <f t="shared" si="955"/>
        <v/>
      </c>
      <c r="CS552" s="898" t="str">
        <f t="shared" si="956"/>
        <v/>
      </c>
      <c r="CT552" s="898" t="str">
        <f t="shared" si="957"/>
        <v/>
      </c>
      <c r="CU552" s="898" t="str">
        <f t="shared" si="958"/>
        <v/>
      </c>
      <c r="CV552" s="898" t="str">
        <f t="shared" si="959"/>
        <v/>
      </c>
      <c r="CW552" s="898" t="str">
        <f t="shared" si="960"/>
        <v/>
      </c>
      <c r="CX552" s="898" t="str">
        <f t="shared" si="961"/>
        <v/>
      </c>
      <c r="CY552" s="898" t="str">
        <f t="shared" si="962"/>
        <v/>
      </c>
      <c r="CZ552" s="898" t="str">
        <f t="shared" si="963"/>
        <v/>
      </c>
      <c r="DA552" s="898" t="str">
        <f t="shared" si="968"/>
        <v/>
      </c>
      <c r="DB552" s="898" t="str">
        <f t="shared" si="968"/>
        <v/>
      </c>
      <c r="DC552" s="898" t="str">
        <f t="shared" si="968"/>
        <v/>
      </c>
      <c r="DD552" s="898" t="str">
        <f t="shared" si="968"/>
        <v/>
      </c>
      <c r="DE552" s="898" t="str">
        <f t="shared" si="968"/>
        <v/>
      </c>
      <c r="DF552" s="898" t="str">
        <f t="shared" si="968"/>
        <v/>
      </c>
      <c r="DG552" s="898" t="str">
        <f t="shared" si="968"/>
        <v/>
      </c>
      <c r="DH552" s="898" t="str">
        <f t="shared" si="968"/>
        <v/>
      </c>
      <c r="DI552" s="898">
        <f t="shared" si="968"/>
        <v>213477.48421402459</v>
      </c>
      <c r="DJ552" s="898">
        <f t="shared" si="968"/>
        <v>227709.31649495955</v>
      </c>
      <c r="DK552" s="898">
        <f t="shared" si="968"/>
        <v>341563.97474243934</v>
      </c>
      <c r="DL552" s="898" t="str">
        <f t="shared" si="968"/>
        <v/>
      </c>
      <c r="DM552" s="661">
        <f t="shared" si="964"/>
        <v>1786664.2245485769</v>
      </c>
      <c r="DN552" s="898">
        <f t="shared" si="965"/>
        <v>782750.77545142348</v>
      </c>
      <c r="DO552" s="516">
        <f t="shared" si="966"/>
        <v>0</v>
      </c>
      <c r="DP552" s="898">
        <f t="shared" si="967"/>
        <v>0</v>
      </c>
      <c r="DQ552" s="483" t="s">
        <v>4853</v>
      </c>
      <c r="DR552" s="483" t="s">
        <v>4854</v>
      </c>
      <c r="DS552" s="1215" t="s">
        <v>4848</v>
      </c>
      <c r="DT552" s="857"/>
    </row>
    <row r="553" spans="1:124" s="354" customFormat="1" ht="256.5" x14ac:dyDescent="0.2">
      <c r="A553" s="484" t="str">
        <f t="shared" si="947"/>
        <v>Expansion and new shredding facility at Waterdale Waste Transfer Station</v>
      </c>
      <c r="B553" s="1163">
        <v>551</v>
      </c>
      <c r="C553" s="481" t="s">
        <v>4855</v>
      </c>
      <c r="D553" s="481" t="s">
        <v>3207</v>
      </c>
      <c r="E553" s="722" t="s">
        <v>4856</v>
      </c>
      <c r="F553" s="481" t="s">
        <v>279</v>
      </c>
      <c r="G553" s="654" t="s">
        <v>280</v>
      </c>
      <c r="H553" s="78" t="s">
        <v>284</v>
      </c>
      <c r="I553" s="657"/>
      <c r="J553" s="78" t="s">
        <v>4857</v>
      </c>
      <c r="K553" s="654" t="s">
        <v>3104</v>
      </c>
      <c r="L553" s="657" t="s">
        <v>4845</v>
      </c>
      <c r="M553" s="676" t="s">
        <v>2996</v>
      </c>
      <c r="N553" s="654" t="s">
        <v>81</v>
      </c>
      <c r="O553" s="713" t="s">
        <v>77</v>
      </c>
      <c r="P553" s="657" t="s">
        <v>61</v>
      </c>
      <c r="Q553" s="657" t="s">
        <v>286</v>
      </c>
      <c r="R553" s="654"/>
      <c r="S553" s="654"/>
      <c r="T553" s="744">
        <v>27719000</v>
      </c>
      <c r="U553" s="744"/>
      <c r="V553" s="657" t="s">
        <v>64</v>
      </c>
      <c r="W553" s="723">
        <f>T553-X553</f>
        <v>25611596</v>
      </c>
      <c r="X553" s="744">
        <v>2107404</v>
      </c>
      <c r="Y553" s="723" t="s">
        <v>3106</v>
      </c>
      <c r="Z553" s="723"/>
      <c r="AA553" s="712" t="s">
        <v>65</v>
      </c>
      <c r="AB553" s="676" t="s">
        <v>66</v>
      </c>
      <c r="AC553" s="676" t="s">
        <v>66</v>
      </c>
      <c r="AD553" s="676" t="s">
        <v>66</v>
      </c>
      <c r="AE553" s="676" t="s">
        <v>66</v>
      </c>
      <c r="AF553" s="676" t="s">
        <v>66</v>
      </c>
      <c r="AG553" s="676" t="s">
        <v>66</v>
      </c>
      <c r="AH553" s="676" t="s">
        <v>66</v>
      </c>
      <c r="AI553" s="676" t="s">
        <v>66</v>
      </c>
      <c r="AJ553" s="676" t="s">
        <v>66</v>
      </c>
      <c r="AK553" s="676" t="s">
        <v>66</v>
      </c>
      <c r="AL553" s="676" t="s">
        <v>66</v>
      </c>
      <c r="AM553" s="676" t="s">
        <v>66</v>
      </c>
      <c r="AN553" s="676" t="s">
        <v>66</v>
      </c>
      <c r="AO553" s="676" t="s">
        <v>66</v>
      </c>
      <c r="AP553" s="676" t="s">
        <v>66</v>
      </c>
      <c r="AQ553" s="676" t="s">
        <v>66</v>
      </c>
      <c r="AR553" s="676" t="s">
        <v>66</v>
      </c>
      <c r="AS553" s="676" t="s">
        <v>66</v>
      </c>
      <c r="AT553" s="676" t="s">
        <v>66</v>
      </c>
      <c r="AU553" s="676" t="s">
        <v>66</v>
      </c>
      <c r="AV553" s="676" t="s">
        <v>66</v>
      </c>
      <c r="AW553" s="676" t="s">
        <v>66</v>
      </c>
      <c r="AX553" s="676" t="s">
        <v>66</v>
      </c>
      <c r="AY553" s="676" t="s">
        <v>66</v>
      </c>
      <c r="AZ553" s="676" t="s">
        <v>66</v>
      </c>
      <c r="BA553" s="676" t="s">
        <v>66</v>
      </c>
      <c r="BB553" s="676" t="s">
        <v>66</v>
      </c>
      <c r="BC553" s="676" t="s">
        <v>66</v>
      </c>
      <c r="BD553" s="676" t="s">
        <v>66</v>
      </c>
      <c r="BE553" s="676" t="s">
        <v>66</v>
      </c>
      <c r="BF553" s="676" t="s">
        <v>66</v>
      </c>
      <c r="BG553" s="676"/>
      <c r="BH553" s="676"/>
      <c r="BI553" s="676"/>
      <c r="BJ553" s="676"/>
      <c r="BK553" s="676"/>
      <c r="BL553" s="676"/>
      <c r="BM553" s="676"/>
      <c r="BN553" s="676"/>
      <c r="BO553" s="676" t="s">
        <v>66</v>
      </c>
      <c r="BP553" s="676" t="s">
        <v>66</v>
      </c>
      <c r="BQ553" s="676" t="s">
        <v>66</v>
      </c>
      <c r="BR553" s="676"/>
      <c r="BS553" s="884">
        <f t="shared" si="948"/>
        <v>22414</v>
      </c>
      <c r="BT553" s="661">
        <f>X553/BS553</f>
        <v>94.021772106719013</v>
      </c>
      <c r="BU553" s="661"/>
      <c r="BV553" s="898">
        <f t="shared" si="926"/>
        <v>470108.86053359509</v>
      </c>
      <c r="BW553" s="898">
        <f t="shared" si="927"/>
        <v>18804.354421343804</v>
      </c>
      <c r="BX553" s="898">
        <f t="shared" si="928"/>
        <v>42309.797448023557</v>
      </c>
      <c r="BY553" s="898">
        <f t="shared" si="929"/>
        <v>32907.620237351657</v>
      </c>
      <c r="BZ553" s="898">
        <f t="shared" si="930"/>
        <v>47010.886053359507</v>
      </c>
      <c r="CA553" s="898">
        <f t="shared" si="931"/>
        <v>45130.450611225126</v>
      </c>
      <c r="CB553" s="898">
        <f t="shared" si="932"/>
        <v>9402.1772106719018</v>
      </c>
      <c r="CC553" s="898">
        <f t="shared" si="933"/>
        <v>36668.491121620413</v>
      </c>
      <c r="CD553" s="898">
        <f t="shared" si="934"/>
        <v>47010.886053359507</v>
      </c>
      <c r="CE553" s="898">
        <f t="shared" si="935"/>
        <v>47010.886053359507</v>
      </c>
      <c r="CF553" s="898">
        <f t="shared" si="936"/>
        <v>70516.329080039257</v>
      </c>
      <c r="CG553" s="898">
        <f t="shared" si="937"/>
        <v>18804.354421343804</v>
      </c>
      <c r="CH553" s="898">
        <f t="shared" si="938"/>
        <v>22001.094672972249</v>
      </c>
      <c r="CI553" s="898">
        <f t="shared" si="939"/>
        <v>32907.620237351657</v>
      </c>
      <c r="CJ553" s="898">
        <f t="shared" si="940"/>
        <v>8461.9594896047111</v>
      </c>
      <c r="CK553" s="898">
        <f t="shared" si="941"/>
        <v>7521.7417685375212</v>
      </c>
      <c r="CL553" s="898">
        <f t="shared" si="942"/>
        <v>223771.81761399124</v>
      </c>
      <c r="CM553" s="898">
        <f t="shared" si="950"/>
        <v>72866.873382707228</v>
      </c>
      <c r="CN553" s="898">
        <f t="shared" si="951"/>
        <v>9402.1772106719018</v>
      </c>
      <c r="CO553" s="898">
        <f t="shared" si="952"/>
        <v>9402.1772106719018</v>
      </c>
      <c r="CP553" s="898">
        <f t="shared" si="953"/>
        <v>28394.57517622914</v>
      </c>
      <c r="CQ553" s="898">
        <f t="shared" si="954"/>
        <v>23505.443026679754</v>
      </c>
      <c r="CR553" s="898">
        <f t="shared" si="955"/>
        <v>37608.708842687607</v>
      </c>
      <c r="CS553" s="898">
        <f t="shared" si="956"/>
        <v>131630.48094940663</v>
      </c>
      <c r="CT553" s="898">
        <f t="shared" si="957"/>
        <v>18898.37619345052</v>
      </c>
      <c r="CU553" s="898">
        <f t="shared" si="958"/>
        <v>20402.724547158025</v>
      </c>
      <c r="CV553" s="898">
        <f t="shared" si="959"/>
        <v>2914.6749353082896</v>
      </c>
      <c r="CW553" s="898">
        <f t="shared" si="960"/>
        <v>6299.4587311501737</v>
      </c>
      <c r="CX553" s="898">
        <f t="shared" si="961"/>
        <v>14103.265816007852</v>
      </c>
      <c r="CY553" s="898">
        <f t="shared" si="962"/>
        <v>2914.6749353082896</v>
      </c>
      <c r="CZ553" s="898">
        <f t="shared" si="963"/>
        <v>31591.315427857589</v>
      </c>
      <c r="DA553" s="898" t="str">
        <f t="shared" si="968"/>
        <v/>
      </c>
      <c r="DB553" s="898" t="str">
        <f t="shared" si="968"/>
        <v/>
      </c>
      <c r="DC553" s="898" t="str">
        <f t="shared" si="968"/>
        <v/>
      </c>
      <c r="DD553" s="898" t="str">
        <f t="shared" si="968"/>
        <v/>
      </c>
      <c r="DE553" s="898" t="str">
        <f t="shared" si="968"/>
        <v/>
      </c>
      <c r="DF553" s="898" t="str">
        <f t="shared" si="968"/>
        <v/>
      </c>
      <c r="DG553" s="898" t="str">
        <f t="shared" si="968"/>
        <v/>
      </c>
      <c r="DH553" s="898" t="str">
        <f t="shared" si="968"/>
        <v/>
      </c>
      <c r="DI553" s="898">
        <f t="shared" si="968"/>
        <v>141032.65816007851</v>
      </c>
      <c r="DJ553" s="898">
        <f t="shared" si="968"/>
        <v>150434.83537075043</v>
      </c>
      <c r="DK553" s="898">
        <f t="shared" si="968"/>
        <v>225652.25305612563</v>
      </c>
      <c r="DL553" s="898" t="str">
        <f t="shared" si="968"/>
        <v/>
      </c>
      <c r="DM553" s="661">
        <f t="shared" si="964"/>
        <v>1180349.3270277504</v>
      </c>
      <c r="DN553" s="898">
        <f t="shared" si="965"/>
        <v>517119.74658695457</v>
      </c>
      <c r="DO553" s="898">
        <f t="shared" si="966"/>
        <v>409934.92638529482</v>
      </c>
      <c r="DP553" s="898">
        <f t="shared" si="967"/>
        <v>0</v>
      </c>
      <c r="DQ553" s="610" t="s">
        <v>4858</v>
      </c>
      <c r="DR553" s="1334"/>
      <c r="DS553" s="1215" t="s">
        <v>4848</v>
      </c>
      <c r="DT553" s="857"/>
    </row>
    <row r="554" spans="1:124" s="354" customFormat="1" ht="128.25" x14ac:dyDescent="0.2">
      <c r="A554" s="484" t="str">
        <f t="shared" si="947"/>
        <v>Hemel Hempstead Health Campus</v>
      </c>
      <c r="B554" s="1163"/>
      <c r="C554" s="481" t="s">
        <v>4859</v>
      </c>
      <c r="D554" s="481"/>
      <c r="E554" s="481" t="s">
        <v>53</v>
      </c>
      <c r="F554" s="481" t="s">
        <v>1341</v>
      </c>
      <c r="G554" s="654" t="s">
        <v>1343</v>
      </c>
      <c r="H554" s="484" t="s">
        <v>189</v>
      </c>
      <c r="I554" s="654"/>
      <c r="J554" s="1329" t="s">
        <v>4860</v>
      </c>
      <c r="K554" s="654" t="s">
        <v>58</v>
      </c>
      <c r="L554" s="852" t="s">
        <v>1362</v>
      </c>
      <c r="M554" s="654" t="s">
        <v>2996</v>
      </c>
      <c r="N554" s="654" t="s">
        <v>60</v>
      </c>
      <c r="O554" s="654" t="s">
        <v>3084</v>
      </c>
      <c r="P554" s="654" t="s">
        <v>3084</v>
      </c>
      <c r="Q554" s="654" t="s">
        <v>181</v>
      </c>
      <c r="R554" s="654"/>
      <c r="S554" s="654"/>
      <c r="T554" s="723" t="s">
        <v>191</v>
      </c>
      <c r="U554" s="723"/>
      <c r="V554" s="657" t="s">
        <v>3955</v>
      </c>
      <c r="W554" s="654"/>
      <c r="X554" s="745"/>
      <c r="Y554" s="723"/>
      <c r="Z554" s="723"/>
      <c r="AA554" s="712" t="s">
        <v>65</v>
      </c>
      <c r="AB554" s="883" t="s">
        <v>66</v>
      </c>
      <c r="AC554" s="883" t="s">
        <v>66</v>
      </c>
      <c r="AD554" s="883" t="s">
        <v>66</v>
      </c>
      <c r="AE554" s="883" t="s">
        <v>66</v>
      </c>
      <c r="AF554" s="883" t="s">
        <v>66</v>
      </c>
      <c r="AG554" s="883" t="s">
        <v>66</v>
      </c>
      <c r="AH554" s="883" t="s">
        <v>66</v>
      </c>
      <c r="AI554" s="883" t="s">
        <v>66</v>
      </c>
      <c r="AJ554" s="883" t="s">
        <v>66</v>
      </c>
      <c r="AK554" s="883" t="s">
        <v>66</v>
      </c>
      <c r="AL554" s="883" t="s">
        <v>66</v>
      </c>
      <c r="AM554" s="883" t="s">
        <v>66</v>
      </c>
      <c r="AN554" s="883" t="s">
        <v>66</v>
      </c>
      <c r="AO554" s="883" t="s">
        <v>66</v>
      </c>
      <c r="AP554" s="883" t="s">
        <v>66</v>
      </c>
      <c r="AQ554" s="883" t="s">
        <v>66</v>
      </c>
      <c r="AR554" s="883" t="s">
        <v>66</v>
      </c>
      <c r="AS554" s="883"/>
      <c r="AT554" s="883"/>
      <c r="AU554" s="883"/>
      <c r="AV554" s="883"/>
      <c r="AW554" s="883"/>
      <c r="AX554" s="883"/>
      <c r="AY554" s="883"/>
      <c r="AZ554" s="883"/>
      <c r="BA554" s="883"/>
      <c r="BB554" s="883"/>
      <c r="BC554" s="883"/>
      <c r="BD554" s="883"/>
      <c r="BE554" s="883"/>
      <c r="BF554" s="883"/>
      <c r="BG554" s="746"/>
      <c r="BH554" s="746"/>
      <c r="BI554" s="746"/>
      <c r="BJ554" s="746"/>
      <c r="BK554" s="746"/>
      <c r="BL554" s="746"/>
      <c r="BM554" s="746"/>
      <c r="BN554" s="746"/>
      <c r="BO554" s="746" t="s">
        <v>66</v>
      </c>
      <c r="BP554" s="746" t="s">
        <v>66</v>
      </c>
      <c r="BQ554" s="746" t="s">
        <v>66</v>
      </c>
      <c r="BR554" s="654"/>
      <c r="BS554" s="884">
        <f t="shared" si="948"/>
        <v>18054</v>
      </c>
      <c r="BT554" s="661">
        <f>X554/BS554</f>
        <v>0</v>
      </c>
      <c r="BU554" s="661"/>
      <c r="BV554" s="898">
        <f t="shared" ref="BV554:DK554" si="969">IF(AB554="Yes", $X554*($BV$3/$BS554),"")</f>
        <v>0</v>
      </c>
      <c r="BW554" s="898">
        <f t="shared" si="969"/>
        <v>0</v>
      </c>
      <c r="BX554" s="898">
        <f t="shared" si="969"/>
        <v>0</v>
      </c>
      <c r="BY554" s="898">
        <f t="shared" si="969"/>
        <v>0</v>
      </c>
      <c r="BZ554" s="898">
        <f t="shared" si="969"/>
        <v>0</v>
      </c>
      <c r="CA554" s="898">
        <f t="shared" si="969"/>
        <v>0</v>
      </c>
      <c r="CB554" s="898">
        <f t="shared" si="969"/>
        <v>0</v>
      </c>
      <c r="CC554" s="898">
        <f t="shared" si="969"/>
        <v>0</v>
      </c>
      <c r="CD554" s="898">
        <f t="shared" si="969"/>
        <v>0</v>
      </c>
      <c r="CE554" s="898">
        <f t="shared" si="969"/>
        <v>0</v>
      </c>
      <c r="CF554" s="898">
        <f t="shared" si="969"/>
        <v>0</v>
      </c>
      <c r="CG554" s="898">
        <f t="shared" si="969"/>
        <v>0</v>
      </c>
      <c r="CH554" s="898">
        <f t="shared" si="969"/>
        <v>0</v>
      </c>
      <c r="CI554" s="898">
        <f t="shared" si="969"/>
        <v>0</v>
      </c>
      <c r="CJ554" s="898">
        <f t="shared" si="969"/>
        <v>0</v>
      </c>
      <c r="CK554" s="898">
        <f t="shared" si="969"/>
        <v>0</v>
      </c>
      <c r="CL554" s="898">
        <f t="shared" si="969"/>
        <v>0</v>
      </c>
      <c r="CM554" s="898" t="str">
        <f t="shared" si="969"/>
        <v/>
      </c>
      <c r="CN554" s="898" t="str">
        <f t="shared" si="969"/>
        <v/>
      </c>
      <c r="CO554" s="898" t="str">
        <f t="shared" si="969"/>
        <v/>
      </c>
      <c r="CP554" s="898" t="str">
        <f t="shared" si="969"/>
        <v/>
      </c>
      <c r="CQ554" s="898" t="str">
        <f t="shared" si="969"/>
        <v/>
      </c>
      <c r="CR554" s="898" t="str">
        <f t="shared" si="969"/>
        <v/>
      </c>
      <c r="CS554" s="898" t="str">
        <f t="shared" si="969"/>
        <v/>
      </c>
      <c r="CT554" s="898" t="str">
        <f t="shared" si="969"/>
        <v/>
      </c>
      <c r="CU554" s="898" t="str">
        <f t="shared" si="969"/>
        <v/>
      </c>
      <c r="CV554" s="898" t="str">
        <f t="shared" si="969"/>
        <v/>
      </c>
      <c r="CW554" s="898" t="str">
        <f t="shared" si="969"/>
        <v/>
      </c>
      <c r="CX554" s="898" t="str">
        <f t="shared" si="969"/>
        <v/>
      </c>
      <c r="CY554" s="898" t="str">
        <f t="shared" si="969"/>
        <v/>
      </c>
      <c r="CZ554" s="898" t="str">
        <f t="shared" si="969"/>
        <v/>
      </c>
      <c r="DA554" s="898" t="str">
        <f t="shared" si="969"/>
        <v/>
      </c>
      <c r="DB554" s="898" t="str">
        <f t="shared" si="969"/>
        <v/>
      </c>
      <c r="DC554" s="898" t="str">
        <f t="shared" si="969"/>
        <v/>
      </c>
      <c r="DD554" s="898" t="str">
        <f t="shared" si="969"/>
        <v/>
      </c>
      <c r="DE554" s="898" t="str">
        <f t="shared" si="969"/>
        <v/>
      </c>
      <c r="DF554" s="898" t="str">
        <f t="shared" si="969"/>
        <v/>
      </c>
      <c r="DG554" s="898" t="str">
        <f t="shared" si="969"/>
        <v/>
      </c>
      <c r="DH554" s="898" t="str">
        <f t="shared" si="969"/>
        <v/>
      </c>
      <c r="DI554" s="898">
        <f t="shared" si="969"/>
        <v>0</v>
      </c>
      <c r="DJ554" s="898">
        <f t="shared" si="969"/>
        <v>0</v>
      </c>
      <c r="DK554" s="898">
        <f t="shared" si="969"/>
        <v>0</v>
      </c>
      <c r="DL554" s="898"/>
      <c r="DM554" s="661"/>
      <c r="DN554" s="898"/>
      <c r="DO554" s="516"/>
      <c r="DP554" s="898"/>
      <c r="DQ554" s="1333" t="s">
        <v>4861</v>
      </c>
      <c r="DR554" s="1335" t="s">
        <v>4862</v>
      </c>
      <c r="DS554" s="1336" t="s">
        <v>4863</v>
      </c>
      <c r="DT554" s="857"/>
    </row>
    <row r="556" spans="1:124" s="867" customFormat="1" ht="45" hidden="1" x14ac:dyDescent="0.2">
      <c r="A556" s="939"/>
      <c r="B556" s="1212"/>
      <c r="C556" s="1151" t="s">
        <v>4864</v>
      </c>
      <c r="D556" s="864" t="s">
        <v>4864</v>
      </c>
      <c r="E556" s="1151" t="s">
        <v>4864</v>
      </c>
      <c r="F556" s="864" t="s">
        <v>4864</v>
      </c>
      <c r="G556" s="864" t="s">
        <v>4864</v>
      </c>
      <c r="H556" s="938" t="s">
        <v>4864</v>
      </c>
      <c r="I556" s="864" t="s">
        <v>4864</v>
      </c>
      <c r="J556" s="938" t="s">
        <v>4864</v>
      </c>
      <c r="K556" s="864" t="s">
        <v>4864</v>
      </c>
      <c r="L556" s="990" t="s">
        <v>4864</v>
      </c>
      <c r="M556" s="864" t="s">
        <v>4864</v>
      </c>
      <c r="N556" s="864" t="s">
        <v>4864</v>
      </c>
      <c r="O556" s="864" t="s">
        <v>4864</v>
      </c>
      <c r="P556" s="864" t="s">
        <v>4864</v>
      </c>
      <c r="Q556" s="864" t="s">
        <v>4864</v>
      </c>
      <c r="R556" s="864" t="s">
        <v>4864</v>
      </c>
      <c r="S556" s="864" t="s">
        <v>4864</v>
      </c>
      <c r="T556" s="864" t="s">
        <v>4864</v>
      </c>
      <c r="U556" s="864" t="s">
        <v>4864</v>
      </c>
      <c r="V556" s="864" t="s">
        <v>4864</v>
      </c>
      <c r="W556" s="864" t="s">
        <v>4864</v>
      </c>
      <c r="X556" s="864" t="s">
        <v>4864</v>
      </c>
      <c r="Y556" s="864"/>
      <c r="Z556" s="864"/>
      <c r="AA556" s="864" t="s">
        <v>4865</v>
      </c>
      <c r="AB556" s="864" t="s">
        <v>4864</v>
      </c>
      <c r="AC556" s="864" t="s">
        <v>4864</v>
      </c>
      <c r="AD556" s="864" t="s">
        <v>4864</v>
      </c>
      <c r="AE556" s="864" t="s">
        <v>4864</v>
      </c>
      <c r="AF556" s="864" t="s">
        <v>4864</v>
      </c>
      <c r="AG556" s="864" t="s">
        <v>4864</v>
      </c>
      <c r="AH556" s="864" t="s">
        <v>4864</v>
      </c>
      <c r="AI556" s="864" t="s">
        <v>4864</v>
      </c>
      <c r="AJ556" s="864" t="s">
        <v>4864</v>
      </c>
      <c r="AK556" s="864" t="s">
        <v>4864</v>
      </c>
      <c r="AL556" s="864" t="s">
        <v>4864</v>
      </c>
      <c r="AM556" s="864" t="s">
        <v>4864</v>
      </c>
      <c r="AN556" s="864" t="s">
        <v>4864</v>
      </c>
      <c r="AO556" s="864" t="s">
        <v>4864</v>
      </c>
      <c r="AP556" s="864" t="s">
        <v>4864</v>
      </c>
      <c r="AQ556" s="864" t="s">
        <v>4864</v>
      </c>
      <c r="AR556" s="864" t="s">
        <v>4864</v>
      </c>
      <c r="AS556" s="864" t="s">
        <v>4864</v>
      </c>
      <c r="AT556" s="864" t="s">
        <v>4864</v>
      </c>
      <c r="AU556" s="864" t="s">
        <v>4864</v>
      </c>
      <c r="AV556" s="864" t="s">
        <v>4864</v>
      </c>
      <c r="AW556" s="864" t="s">
        <v>4864</v>
      </c>
      <c r="AX556" s="864" t="s">
        <v>4864</v>
      </c>
      <c r="AY556" s="864" t="s">
        <v>4864</v>
      </c>
      <c r="AZ556" s="864" t="s">
        <v>4864</v>
      </c>
      <c r="BA556" s="864" t="s">
        <v>4864</v>
      </c>
      <c r="BB556" s="864" t="s">
        <v>4864</v>
      </c>
      <c r="BC556" s="864" t="s">
        <v>4864</v>
      </c>
      <c r="BD556" s="864" t="s">
        <v>4864</v>
      </c>
      <c r="BE556" s="864" t="s">
        <v>4864</v>
      </c>
      <c r="BF556" s="864" t="s">
        <v>4864</v>
      </c>
      <c r="BG556" s="864">
        <f t="shared" ref="BG556:BR556" si="970">SUM(BG4:BG508)</f>
        <v>0</v>
      </c>
      <c r="BH556" s="864">
        <f t="shared" si="970"/>
        <v>0</v>
      </c>
      <c r="BI556" s="864">
        <f t="shared" si="970"/>
        <v>0</v>
      </c>
      <c r="BJ556" s="864">
        <f t="shared" si="970"/>
        <v>0</v>
      </c>
      <c r="BK556" s="864">
        <f t="shared" si="970"/>
        <v>0</v>
      </c>
      <c r="BL556" s="864">
        <f t="shared" si="970"/>
        <v>0</v>
      </c>
      <c r="BM556" s="864">
        <f t="shared" si="970"/>
        <v>0</v>
      </c>
      <c r="BN556" s="864">
        <f t="shared" si="970"/>
        <v>0</v>
      </c>
      <c r="BO556" s="864">
        <f t="shared" si="970"/>
        <v>0</v>
      </c>
      <c r="BP556" s="864">
        <f t="shared" si="970"/>
        <v>0</v>
      </c>
      <c r="BQ556" s="864">
        <f t="shared" si="970"/>
        <v>0</v>
      </c>
      <c r="BR556" s="864">
        <f t="shared" si="970"/>
        <v>0</v>
      </c>
      <c r="BS556" s="864"/>
      <c r="BT556" s="864"/>
      <c r="BU556" s="864"/>
      <c r="BV556" s="864">
        <f t="shared" ref="BV556:DL556" si="971">SUMIF($F:$F, "Transport", BV:BV)</f>
        <v>41153309.103808805</v>
      </c>
      <c r="BW556" s="864">
        <f t="shared" si="971"/>
        <v>2859127.8840649677</v>
      </c>
      <c r="BX556" s="864">
        <f t="shared" si="971"/>
        <v>8339028.5183906406</v>
      </c>
      <c r="BY556" s="864">
        <f t="shared" si="971"/>
        <v>6322273.6203582538</v>
      </c>
      <c r="BZ556" s="864">
        <f t="shared" si="971"/>
        <v>8441966.7715308927</v>
      </c>
      <c r="CA556" s="864">
        <f t="shared" si="971"/>
        <v>8641815.200131787</v>
      </c>
      <c r="CB556" s="864">
        <f t="shared" si="971"/>
        <v>1559180.9794586007</v>
      </c>
      <c r="CC556" s="864">
        <f t="shared" si="971"/>
        <v>5089884.4036108023</v>
      </c>
      <c r="CD556" s="864">
        <f t="shared" si="971"/>
        <v>9312993.7330537122</v>
      </c>
      <c r="CE556" s="864">
        <f t="shared" si="971"/>
        <v>21736495.67494072</v>
      </c>
      <c r="CF556" s="864">
        <f t="shared" si="971"/>
        <v>9089760.9942308664</v>
      </c>
      <c r="CG556" s="864">
        <f t="shared" si="971"/>
        <v>1808837.4491836741</v>
      </c>
      <c r="CH556" s="864">
        <f t="shared" si="971"/>
        <v>2494360.2444463251</v>
      </c>
      <c r="CI556" s="864">
        <f t="shared" si="971"/>
        <v>3588274.6764371698</v>
      </c>
      <c r="CJ556" s="864">
        <f t="shared" si="971"/>
        <v>1079854.740883599</v>
      </c>
      <c r="CK556" s="864">
        <f t="shared" si="971"/>
        <v>813734.65024315647</v>
      </c>
      <c r="CL556" s="864">
        <f t="shared" si="971"/>
        <v>8725857.0034874938</v>
      </c>
      <c r="CM556" s="864">
        <f t="shared" si="971"/>
        <v>0</v>
      </c>
      <c r="CN556" s="864">
        <f t="shared" si="971"/>
        <v>0</v>
      </c>
      <c r="CO556" s="864">
        <f t="shared" si="971"/>
        <v>0</v>
      </c>
      <c r="CP556" s="864">
        <f t="shared" si="971"/>
        <v>0</v>
      </c>
      <c r="CQ556" s="864">
        <f t="shared" si="971"/>
        <v>0</v>
      </c>
      <c r="CR556" s="864">
        <f t="shared" si="971"/>
        <v>0</v>
      </c>
      <c r="CS556" s="864">
        <f t="shared" si="971"/>
        <v>0</v>
      </c>
      <c r="CT556" s="864">
        <f t="shared" si="971"/>
        <v>0</v>
      </c>
      <c r="CU556" s="864">
        <f t="shared" si="971"/>
        <v>0</v>
      </c>
      <c r="CV556" s="864">
        <f t="shared" si="971"/>
        <v>0</v>
      </c>
      <c r="CW556" s="864">
        <f t="shared" si="971"/>
        <v>0</v>
      </c>
      <c r="CX556" s="864">
        <f t="shared" si="971"/>
        <v>0</v>
      </c>
      <c r="CY556" s="864">
        <f t="shared" si="971"/>
        <v>0</v>
      </c>
      <c r="CZ556" s="864">
        <f t="shared" si="971"/>
        <v>0</v>
      </c>
      <c r="DA556" s="864">
        <f t="shared" si="971"/>
        <v>184180.99918099918</v>
      </c>
      <c r="DB556" s="864">
        <f t="shared" si="971"/>
        <v>0</v>
      </c>
      <c r="DC556" s="864">
        <f t="shared" si="971"/>
        <v>206875.5706447188</v>
      </c>
      <c r="DD556" s="864">
        <f t="shared" si="971"/>
        <v>0</v>
      </c>
      <c r="DE556" s="864">
        <f t="shared" si="971"/>
        <v>0</v>
      </c>
      <c r="DF556" s="864">
        <f t="shared" si="971"/>
        <v>0</v>
      </c>
      <c r="DG556" s="864">
        <f t="shared" si="971"/>
        <v>0</v>
      </c>
      <c r="DH556" s="864">
        <f t="shared" si="971"/>
        <v>0</v>
      </c>
      <c r="DI556" s="864">
        <f t="shared" si="971"/>
        <v>16489575.44118496</v>
      </c>
      <c r="DJ556" s="864">
        <f t="shared" si="971"/>
        <v>40614086.634320609</v>
      </c>
      <c r="DK556" s="864">
        <f t="shared" si="971"/>
        <v>63929116.728896029</v>
      </c>
      <c r="DL556" s="864">
        <f t="shared" si="971"/>
        <v>79274093.525011227</v>
      </c>
      <c r="DM556" s="864"/>
      <c r="DN556" s="864"/>
      <c r="DO556" s="864">
        <f>SUMIF($F:$F, "Transport", DO:DO)</f>
        <v>0</v>
      </c>
      <c r="DP556" s="864">
        <f>SUMIF($F:$F, "Transport", DP:DP)</f>
        <v>658656.56982571795</v>
      </c>
    </row>
    <row r="557" spans="1:124" s="865" customFormat="1" hidden="1" x14ac:dyDescent="0.2">
      <c r="A557" s="939"/>
      <c r="B557" s="1212"/>
      <c r="C557" s="1152"/>
      <c r="D557" s="859"/>
      <c r="E557" s="1152"/>
      <c r="F557" s="859"/>
      <c r="G557" s="859"/>
      <c r="H557" s="939"/>
      <c r="I557" s="859"/>
      <c r="J557" s="866"/>
      <c r="K557" s="859"/>
      <c r="L557" s="943"/>
      <c r="M557" s="859"/>
      <c r="N557" s="859"/>
      <c r="O557" s="859"/>
      <c r="P557" s="859"/>
      <c r="Q557" s="859"/>
      <c r="R557" s="869"/>
      <c r="S557" s="869"/>
      <c r="T557" s="859"/>
      <c r="U557" s="859"/>
      <c r="V557" s="859"/>
      <c r="W557" s="859"/>
      <c r="X557" s="859"/>
      <c r="Y557" s="859"/>
      <c r="Z557" s="859"/>
      <c r="AA557" s="859" t="s">
        <v>4866</v>
      </c>
      <c r="AB557" s="859"/>
      <c r="AC557" s="859"/>
      <c r="AD557" s="859"/>
      <c r="AE557" s="859"/>
      <c r="AF557" s="859"/>
      <c r="AG557" s="859"/>
      <c r="AH557" s="859"/>
      <c r="AI557" s="859"/>
      <c r="AJ557" s="859"/>
      <c r="AK557" s="859"/>
      <c r="AL557" s="859"/>
      <c r="AM557" s="859"/>
      <c r="AN557" s="859"/>
      <c r="AO557" s="859"/>
      <c r="AP557" s="859"/>
      <c r="AQ557" s="859"/>
      <c r="AR557" s="859"/>
      <c r="AS557" s="859"/>
      <c r="AT557" s="859"/>
      <c r="AU557" s="859"/>
      <c r="AV557" s="859"/>
      <c r="AW557" s="859"/>
      <c r="AX557" s="859"/>
      <c r="AY557" s="859"/>
      <c r="AZ557" s="859"/>
      <c r="BA557" s="859"/>
      <c r="BB557" s="859"/>
      <c r="BC557" s="859"/>
      <c r="BD557" s="859"/>
      <c r="BE557" s="859"/>
      <c r="BF557" s="859"/>
      <c r="BG557" s="859"/>
      <c r="BH557" s="859"/>
      <c r="BI557" s="859"/>
      <c r="BJ557" s="859"/>
      <c r="BK557" s="859"/>
      <c r="BL557" s="859"/>
      <c r="BM557" s="859"/>
      <c r="BN557" s="859"/>
      <c r="BO557" s="859"/>
      <c r="BP557" s="859"/>
      <c r="BQ557" s="859"/>
      <c r="BR557" s="859"/>
      <c r="BS557" s="859"/>
      <c r="BT557" s="859"/>
      <c r="BU557" s="859"/>
      <c r="BV557" s="859">
        <f t="shared" ref="BV557:DL557" si="972">BV556/BV3</f>
        <v>8230.6618207617612</v>
      </c>
      <c r="BW557" s="859">
        <f t="shared" si="972"/>
        <v>14295.639420324838</v>
      </c>
      <c r="BX557" s="859">
        <f t="shared" si="972"/>
        <v>18531.174485312535</v>
      </c>
      <c r="BY557" s="859">
        <f t="shared" si="972"/>
        <v>18063.638915309297</v>
      </c>
      <c r="BZ557" s="859">
        <f t="shared" si="972"/>
        <v>16883.933543061787</v>
      </c>
      <c r="CA557" s="859">
        <f t="shared" si="972"/>
        <v>18003.781666941224</v>
      </c>
      <c r="CB557" s="859">
        <f t="shared" si="972"/>
        <v>15591.809794586008</v>
      </c>
      <c r="CC557" s="859">
        <f t="shared" si="972"/>
        <v>13050.985650284108</v>
      </c>
      <c r="CD557" s="859">
        <f t="shared" si="972"/>
        <v>18625.987466107425</v>
      </c>
      <c r="CE557" s="859">
        <f t="shared" si="972"/>
        <v>43472.991349881442</v>
      </c>
      <c r="CF557" s="859">
        <f t="shared" si="972"/>
        <v>12119.681325641155</v>
      </c>
      <c r="CG557" s="859">
        <f t="shared" si="972"/>
        <v>9044.1872459183705</v>
      </c>
      <c r="CH557" s="859">
        <f t="shared" si="972"/>
        <v>10659.659164300534</v>
      </c>
      <c r="CI557" s="859">
        <f t="shared" si="972"/>
        <v>10252.213361249056</v>
      </c>
      <c r="CJ557" s="859">
        <f t="shared" si="972"/>
        <v>11998.386009817767</v>
      </c>
      <c r="CK557" s="859">
        <f t="shared" si="972"/>
        <v>10171.683128039456</v>
      </c>
      <c r="CL557" s="859">
        <f t="shared" si="972"/>
        <v>3666.326472053569</v>
      </c>
      <c r="CM557" s="859">
        <f t="shared" si="972"/>
        <v>0</v>
      </c>
      <c r="CN557" s="859">
        <f t="shared" si="972"/>
        <v>0</v>
      </c>
      <c r="CO557" s="859">
        <f t="shared" si="972"/>
        <v>0</v>
      </c>
      <c r="CP557" s="859">
        <f t="shared" si="972"/>
        <v>0</v>
      </c>
      <c r="CQ557" s="859">
        <f t="shared" si="972"/>
        <v>0</v>
      </c>
      <c r="CR557" s="859">
        <f t="shared" si="972"/>
        <v>0</v>
      </c>
      <c r="CS557" s="859">
        <f t="shared" si="972"/>
        <v>0</v>
      </c>
      <c r="CT557" s="859">
        <f t="shared" si="972"/>
        <v>0</v>
      </c>
      <c r="CU557" s="859">
        <f t="shared" si="972"/>
        <v>0</v>
      </c>
      <c r="CV557" s="859">
        <f t="shared" si="972"/>
        <v>0</v>
      </c>
      <c r="CW557" s="859">
        <f t="shared" si="972"/>
        <v>0</v>
      </c>
      <c r="CX557" s="859">
        <f t="shared" si="972"/>
        <v>0</v>
      </c>
      <c r="CY557" s="859">
        <f t="shared" si="972"/>
        <v>0</v>
      </c>
      <c r="CZ557" s="859">
        <f t="shared" si="972"/>
        <v>0</v>
      </c>
      <c r="DA557" s="859">
        <f t="shared" si="972"/>
        <v>167.8951678951679</v>
      </c>
      <c r="DB557" s="859">
        <f t="shared" si="972"/>
        <v>0</v>
      </c>
      <c r="DC557" s="859">
        <f t="shared" si="972"/>
        <v>379.58820301783265</v>
      </c>
      <c r="DD557" s="859">
        <f t="shared" si="972"/>
        <v>0</v>
      </c>
      <c r="DE557" s="859">
        <f t="shared" si="972"/>
        <v>0</v>
      </c>
      <c r="DF557" s="859">
        <f t="shared" si="972"/>
        <v>0</v>
      </c>
      <c r="DG557" s="859">
        <f t="shared" si="972"/>
        <v>0</v>
      </c>
      <c r="DH557" s="859">
        <f t="shared" si="972"/>
        <v>0</v>
      </c>
      <c r="DI557" s="859">
        <f t="shared" si="972"/>
        <v>10993.050294123306</v>
      </c>
      <c r="DJ557" s="859">
        <f t="shared" si="972"/>
        <v>25383.80414645038</v>
      </c>
      <c r="DK557" s="859">
        <f t="shared" si="972"/>
        <v>26637.131970373346</v>
      </c>
      <c r="DL557" s="859">
        <f t="shared" si="972"/>
        <v>24999.714135922808</v>
      </c>
      <c r="DM557" s="859"/>
      <c r="DN557" s="859"/>
      <c r="DO557" s="859" t="e">
        <f>DO556/DO3</f>
        <v>#DIV/0!</v>
      </c>
      <c r="DP557" s="859" t="e">
        <f>DP556/DP3</f>
        <v>#DIV/0!</v>
      </c>
    </row>
    <row r="558" spans="1:124" ht="25.5" x14ac:dyDescent="0.2">
      <c r="BT558" s="1338" t="s">
        <v>4867</v>
      </c>
      <c r="BU558" s="1153"/>
      <c r="BV558" s="1152">
        <f>SUM(BV4:BV554)</f>
        <v>243204844.40111059</v>
      </c>
      <c r="BW558" s="1152">
        <f t="shared" ref="BW558:DK558" si="973">SUM(BW4:BW554)</f>
        <v>8053343.2215705356</v>
      </c>
      <c r="BX558" s="1152">
        <f t="shared" si="973"/>
        <v>24326714.893162843</v>
      </c>
      <c r="BY558" s="1152">
        <f t="shared" si="973"/>
        <v>18790237.134069916</v>
      </c>
      <c r="BZ558" s="1152">
        <f t="shared" si="973"/>
        <v>26189514.076833259</v>
      </c>
      <c r="CA558" s="1152">
        <f t="shared" si="973"/>
        <v>21527073.979410071</v>
      </c>
      <c r="CB558" s="1152">
        <f t="shared" si="973"/>
        <v>4230974.172030203</v>
      </c>
      <c r="CC558" s="1152">
        <f t="shared" si="973"/>
        <v>15587082.16177444</v>
      </c>
      <c r="CD558" s="1152">
        <f t="shared" si="973"/>
        <v>22277217.695911754</v>
      </c>
      <c r="CE558" s="1152">
        <f t="shared" si="973"/>
        <v>46989441.065223053</v>
      </c>
      <c r="CF558" s="1152">
        <f t="shared" si="973"/>
        <v>48214038.747167021</v>
      </c>
      <c r="CG558" s="1152">
        <f t="shared" si="973"/>
        <v>8777373.4789969344</v>
      </c>
      <c r="CH558" s="1152">
        <f t="shared" si="973"/>
        <v>8560174.9180139806</v>
      </c>
      <c r="CI558" s="1152">
        <f t="shared" si="973"/>
        <v>19142088.228610363</v>
      </c>
      <c r="CJ558" s="1152">
        <f t="shared" si="973"/>
        <v>3432153.2542995708</v>
      </c>
      <c r="CK558" s="1152">
        <f t="shared" si="973"/>
        <v>5158190.6621684618</v>
      </c>
      <c r="CL558" s="1152">
        <f t="shared" si="973"/>
        <v>97802409.358265325</v>
      </c>
      <c r="CM558" s="1152">
        <f t="shared" si="973"/>
        <v>416051.47908724193</v>
      </c>
      <c r="CN558" s="1152">
        <f t="shared" si="973"/>
        <v>53684.061817708629</v>
      </c>
      <c r="CO558" s="1152">
        <f t="shared" si="973"/>
        <v>53684.061817708629</v>
      </c>
      <c r="CP558" s="1152">
        <f t="shared" si="973"/>
        <v>162125.86668948008</v>
      </c>
      <c r="CQ558" s="1152">
        <f t="shared" si="973"/>
        <v>134210.15454427159</v>
      </c>
      <c r="CR558" s="1152">
        <f t="shared" si="973"/>
        <v>214736.24727083452</v>
      </c>
      <c r="CS558" s="1152">
        <f t="shared" si="973"/>
        <v>751576.86544792086</v>
      </c>
      <c r="CT558" s="1152">
        <f t="shared" si="973"/>
        <v>107904.96425359434</v>
      </c>
      <c r="CU558" s="1152">
        <f t="shared" si="973"/>
        <v>116494.41414442773</v>
      </c>
      <c r="CV558" s="1152">
        <f t="shared" si="973"/>
        <v>16642.059163489677</v>
      </c>
      <c r="CW558" s="1152">
        <f t="shared" si="973"/>
        <v>35968.321417864783</v>
      </c>
      <c r="CX558" s="1152">
        <f t="shared" si="973"/>
        <v>80526.092726562958</v>
      </c>
      <c r="CY558" s="1152">
        <f t="shared" si="973"/>
        <v>16642.059163489677</v>
      </c>
      <c r="CZ558" s="1152">
        <f t="shared" si="973"/>
        <v>180378.44770750101</v>
      </c>
      <c r="DA558" s="1152">
        <f t="shared" si="973"/>
        <v>184180.99918099918</v>
      </c>
      <c r="DB558" s="1152">
        <f t="shared" si="973"/>
        <v>0</v>
      </c>
      <c r="DC558" s="1152">
        <f t="shared" si="973"/>
        <v>206875.5706447188</v>
      </c>
      <c r="DD558" s="1152">
        <f t="shared" si="973"/>
        <v>0</v>
      </c>
      <c r="DE558" s="1152">
        <f t="shared" si="973"/>
        <v>0</v>
      </c>
      <c r="DF558" s="1152">
        <f t="shared" si="973"/>
        <v>0</v>
      </c>
      <c r="DG558" s="1152">
        <f t="shared" si="973"/>
        <v>0</v>
      </c>
      <c r="DH558" s="1152">
        <f t="shared" si="973"/>
        <v>0</v>
      </c>
      <c r="DI558" s="1152">
        <f>SUM(DI4:DI554)</f>
        <v>71548128.481145278</v>
      </c>
      <c r="DJ558" s="1152">
        <f t="shared" si="973"/>
        <v>97085572.352846786</v>
      </c>
      <c r="DK558" s="1152">
        <f t="shared" si="973"/>
        <v>148801552.99283248</v>
      </c>
      <c r="DL558" s="1152">
        <f>SUM(DL4:DL554)</f>
        <v>80883879.216740429</v>
      </c>
      <c r="DM558" s="1152"/>
      <c r="DN558" s="1152"/>
      <c r="DO558" s="1152">
        <f>SUM(DO4:DO554)</f>
        <v>2340625.0952520962</v>
      </c>
      <c r="DP558" s="1152">
        <f>SUM(DP4:DP554)</f>
        <v>658656.56982571795</v>
      </c>
    </row>
    <row r="559" spans="1:124" ht="25.5" x14ac:dyDescent="0.2">
      <c r="BT559" s="1338" t="s">
        <v>4868</v>
      </c>
      <c r="BU559" s="1153"/>
      <c r="BV559" s="1158">
        <f>BV558/BV3</f>
        <v>48640.968880222121</v>
      </c>
      <c r="BW559" s="1158">
        <f t="shared" ref="BW559:DK559" si="974">BW558/BW3</f>
        <v>40266.716107852677</v>
      </c>
      <c r="BX559" s="1158">
        <f t="shared" si="974"/>
        <v>54059.36642925076</v>
      </c>
      <c r="BY559" s="1158">
        <f t="shared" si="974"/>
        <v>53686.391811628331</v>
      </c>
      <c r="BZ559" s="1158">
        <f t="shared" si="974"/>
        <v>52379.028153666521</v>
      </c>
      <c r="CA559" s="1158">
        <f t="shared" si="974"/>
        <v>44848.070790437647</v>
      </c>
      <c r="CB559" s="1158">
        <f t="shared" si="974"/>
        <v>42309.74172030203</v>
      </c>
      <c r="CC559" s="1158">
        <f t="shared" si="974"/>
        <v>39966.877337883176</v>
      </c>
      <c r="CD559" s="1158">
        <f t="shared" si="974"/>
        <v>44554.435391823507</v>
      </c>
      <c r="CE559" s="1158">
        <f t="shared" si="974"/>
        <v>93978.882130446102</v>
      </c>
      <c r="CF559" s="1158">
        <f t="shared" si="974"/>
        <v>64285.384996222696</v>
      </c>
      <c r="CG559" s="1158">
        <f t="shared" si="974"/>
        <v>43886.867394984671</v>
      </c>
      <c r="CH559" s="1158">
        <f t="shared" si="974"/>
        <v>36581.94409407684</v>
      </c>
      <c r="CI559" s="1158">
        <f t="shared" si="974"/>
        <v>54691.680653172465</v>
      </c>
      <c r="CJ559" s="1158">
        <f t="shared" si="974"/>
        <v>38135.036158884119</v>
      </c>
      <c r="CK559" s="1158">
        <f t="shared" si="974"/>
        <v>64477.383277105771</v>
      </c>
      <c r="CL559" s="1158">
        <f t="shared" si="974"/>
        <v>41093.449310195516</v>
      </c>
      <c r="CM559" s="1158">
        <f t="shared" si="974"/>
        <v>536.8406181770863</v>
      </c>
      <c r="CN559" s="1158">
        <f t="shared" si="974"/>
        <v>536.8406181770863</v>
      </c>
      <c r="CO559" s="1158">
        <f t="shared" si="974"/>
        <v>536.8406181770863</v>
      </c>
      <c r="CP559" s="1158">
        <f t="shared" si="974"/>
        <v>536.84061817708641</v>
      </c>
      <c r="CQ559" s="1158">
        <f t="shared" si="974"/>
        <v>536.8406181770863</v>
      </c>
      <c r="CR559" s="1158">
        <f t="shared" si="974"/>
        <v>536.8406181770863</v>
      </c>
      <c r="CS559" s="1158">
        <f t="shared" si="974"/>
        <v>536.8406181770863</v>
      </c>
      <c r="CT559" s="1158">
        <f t="shared" si="974"/>
        <v>536.8406181770863</v>
      </c>
      <c r="CU559" s="1158">
        <f t="shared" si="974"/>
        <v>536.8406181770863</v>
      </c>
      <c r="CV559" s="1158">
        <f t="shared" si="974"/>
        <v>536.84061817708641</v>
      </c>
      <c r="CW559" s="1158">
        <f t="shared" si="974"/>
        <v>536.8406181770863</v>
      </c>
      <c r="CX559" s="1158">
        <f t="shared" si="974"/>
        <v>536.84061817708641</v>
      </c>
      <c r="CY559" s="1158">
        <f t="shared" si="974"/>
        <v>536.84061817708641</v>
      </c>
      <c r="CZ559" s="1158">
        <f t="shared" si="974"/>
        <v>536.8406181770863</v>
      </c>
      <c r="DA559" s="1158">
        <f t="shared" si="974"/>
        <v>167.8951678951679</v>
      </c>
      <c r="DB559" s="1158">
        <f t="shared" si="974"/>
        <v>0</v>
      </c>
      <c r="DC559" s="1158">
        <f t="shared" si="974"/>
        <v>379.58820301783265</v>
      </c>
      <c r="DD559" s="1158">
        <f t="shared" si="974"/>
        <v>0</v>
      </c>
      <c r="DE559" s="1158">
        <f t="shared" si="974"/>
        <v>0</v>
      </c>
      <c r="DF559" s="1158">
        <f t="shared" si="974"/>
        <v>0</v>
      </c>
      <c r="DG559" s="1158">
        <f t="shared" si="974"/>
        <v>0</v>
      </c>
      <c r="DH559" s="1158">
        <f t="shared" si="974"/>
        <v>0</v>
      </c>
      <c r="DI559" s="1158">
        <f t="shared" si="974"/>
        <v>47698.752320763517</v>
      </c>
      <c r="DJ559" s="1158">
        <f t="shared" si="974"/>
        <v>60678.482720529239</v>
      </c>
      <c r="DK559" s="1158">
        <f t="shared" si="974"/>
        <v>62000.647080346869</v>
      </c>
      <c r="DL559" s="1158" t="s">
        <v>1498</v>
      </c>
      <c r="DM559" s="1158"/>
      <c r="DN559" s="1158"/>
      <c r="DO559" s="1158"/>
      <c r="DP559" s="1158"/>
    </row>
    <row r="562" spans="116:116" x14ac:dyDescent="0.2"/>
    <row r="563" spans="116:116" x14ac:dyDescent="0.2"/>
    <row r="564" spans="116:116" x14ac:dyDescent="0.2">
      <c r="DL564" s="1304"/>
    </row>
    <row r="565" spans="116:116" x14ac:dyDescent="0.2"/>
  </sheetData>
  <sheetProtection sheet="1" objects="1" scenarios="1" sort="0" autoFilter="0"/>
  <autoFilter ref="A3:DS554" xr:uid="{FA72CA1A-DF11-4059-934A-CD22B0C3D92E}">
    <sortState xmlns:xlrd2="http://schemas.microsoft.com/office/spreadsheetml/2017/richdata2" ref="A4:DS554">
      <sortCondition ref="B3:B554"/>
    </sortState>
  </autoFilter>
  <phoneticPr fontId="26" type="noConversion"/>
  <conditionalFormatting sqref="U494">
    <cfRule type="containsText" priority="478" operator="containsText" text="Important">
      <formula>NOT(ISERROR(SEARCH("Important",U494)))</formula>
    </cfRule>
    <cfRule type="containsText" priority="479" operator="containsText" text="Critical - Delivery">
      <formula>NOT(ISERROR(SEARCH("Critical - Delivery",U494)))</formula>
    </cfRule>
    <cfRule type="containsText" dxfId="16" priority="480" operator="containsText" text="Critical - Local Plan">
      <formula>NOT(ISERROR(SEARCH("Critical - Local Plan",U494)))</formula>
    </cfRule>
    <cfRule type="containsText" dxfId="15" priority="481" operator="containsText" text="Important">
      <formula>NOT(ISERROR(SEARCH("Important",U494)))</formula>
    </cfRule>
    <cfRule type="containsText" dxfId="14" priority="482" operator="containsText" text="Essential">
      <formula>NOT(ISERROR(SEARCH("Essential",U494)))</formula>
    </cfRule>
    <cfRule type="containsText" dxfId="13" priority="483" operator="containsText" text="Important">
      <formula>NOT(ISERROR(SEARCH("Important",U494)))</formula>
    </cfRule>
    <cfRule type="containsText" dxfId="12" priority="484" operator="containsText" text="Desirable">
      <formula>NOT(ISERROR(SEARCH("Desirable",U494)))</formula>
    </cfRule>
    <cfRule type="containsText" dxfId="11" priority="485" operator="containsText" text="Critical">
      <formula>NOT(ISERROR(SEARCH("Critical",U494)))</formula>
    </cfRule>
    <cfRule type="containsText" dxfId="10" priority="486" operator="containsText" text="Essential">
      <formula>NOT(ISERROR(SEARCH("Essential",U494)))</formula>
    </cfRule>
    <cfRule type="colorScale" priority="5148">
      <colorScale>
        <cfvo type="min"/>
        <cfvo type="percentile" val="50"/>
        <cfvo type="max"/>
        <color rgb="FFF8696B"/>
        <color rgb="FFFFEB84"/>
        <color rgb="FF63BE7B"/>
      </colorScale>
    </cfRule>
  </conditionalFormatting>
  <conditionalFormatting sqref="V508:V544">
    <cfRule type="containsText" priority="498" operator="containsText" text="Critical - Delivery">
      <formula>NOT(ISERROR(SEARCH("Critical - Delivery",V508)))</formula>
    </cfRule>
    <cfRule type="containsText" dxfId="9" priority="499" operator="containsText" text="Critical - Local Plan">
      <formula>NOT(ISERROR(SEARCH("Critical - Local Plan",V508)))</formula>
    </cfRule>
    <cfRule type="containsText" dxfId="8" priority="500" operator="containsText" text="Important">
      <formula>NOT(ISERROR(SEARCH("Important",V508)))</formula>
    </cfRule>
    <cfRule type="containsText" dxfId="7" priority="501" operator="containsText" text="Essential">
      <formula>NOT(ISERROR(SEARCH("Essential",V508)))</formula>
    </cfRule>
  </conditionalFormatting>
  <conditionalFormatting sqref="AS43:BF43">
    <cfRule type="colorScale" priority="5278">
      <colorScale>
        <cfvo type="min"/>
        <cfvo type="percentile" val="50"/>
        <cfvo type="max"/>
        <color rgb="FFF8696B"/>
        <color rgb="FFFFEB84"/>
        <color rgb="FF63BE7B"/>
      </colorScale>
    </cfRule>
    <cfRule type="colorScale" priority="5283">
      <colorScale>
        <cfvo type="min"/>
        <cfvo type="percentile" val="50"/>
        <cfvo type="max"/>
        <color rgb="FFF8696B"/>
        <color rgb="FFFFEB84"/>
        <color rgb="FF63BE7B"/>
      </colorScale>
    </cfRule>
  </conditionalFormatting>
  <conditionalFormatting sqref="AS43:BN43">
    <cfRule type="containsText" priority="283" operator="containsText" text="Critical - Delivery">
      <formula>NOT(ISERROR(SEARCH("Critical - Delivery",AS43)))</formula>
    </cfRule>
    <cfRule type="containsText" priority="661" operator="containsText" text="Important">
      <formula>NOT(ISERROR(SEARCH("Important",AS43)))</formula>
    </cfRule>
    <cfRule type="containsText" dxfId="6" priority="839" operator="containsText" text="Critical - Local Plan">
      <formula>NOT(ISERROR(SEARCH("Critical - Local Plan",AS43)))</formula>
    </cfRule>
    <cfRule type="containsText" dxfId="5" priority="849" operator="containsText" text="Important">
      <formula>NOT(ISERROR(SEARCH("Important",AS43)))</formula>
    </cfRule>
    <cfRule type="containsText" dxfId="4" priority="852" operator="containsText" text="Essential">
      <formula>NOT(ISERROR(SEARCH("Essential",AS43)))</formula>
    </cfRule>
    <cfRule type="containsText" dxfId="3" priority="859" operator="containsText" text="Important">
      <formula>NOT(ISERROR(SEARCH("Important",AS43)))</formula>
    </cfRule>
    <cfRule type="containsText" dxfId="2" priority="860" operator="containsText" text="Desirable">
      <formula>NOT(ISERROR(SEARCH("Desirable",AS43)))</formula>
    </cfRule>
    <cfRule type="containsText" dxfId="1" priority="861" operator="containsText" text="Critical">
      <formula>NOT(ISERROR(SEARCH("Critical",AS43)))</formula>
    </cfRule>
    <cfRule type="containsText" dxfId="0" priority="862" operator="containsText" text="Essential">
      <formula>NOT(ISERROR(SEARCH("Essential",AS43)))</formula>
    </cfRule>
  </conditionalFormatting>
  <pageMargins left="0.7" right="0.7" top="0.75" bottom="0.75" header="0.3" footer="0.3"/>
  <pageSetup paperSize="9" orientation="portrait" horizontalDpi="300" verticalDpi="30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53EFB02-259F-4397-A90B-DDB5D87D8AB8}">
  <dimension ref="A1:B60"/>
  <sheetViews>
    <sheetView workbookViewId="0">
      <selection activeCell="O22" sqref="O22"/>
    </sheetView>
  </sheetViews>
  <sheetFormatPr defaultRowHeight="14.25" x14ac:dyDescent="0.2"/>
  <cols>
    <col min="1" max="1" width="51.125" bestFit="1" customWidth="1"/>
    <col min="2" max="2" width="22.5" style="1194" bestFit="1" customWidth="1"/>
    <col min="3" max="4" width="3.875" bestFit="1" customWidth="1"/>
    <col min="5" max="21" width="4.875" bestFit="1" customWidth="1"/>
    <col min="22" max="27" width="5.875" bestFit="1" customWidth="1"/>
    <col min="28" max="30" width="7.875" bestFit="1" customWidth="1"/>
    <col min="31" max="37" width="5.875" bestFit="1" customWidth="1"/>
    <col min="38" max="38" width="9.875" bestFit="1" customWidth="1"/>
    <col min="39" max="40" width="5.875" bestFit="1" customWidth="1"/>
    <col min="41" max="41" width="9.875" bestFit="1" customWidth="1"/>
    <col min="42" max="42" width="5.875" bestFit="1" customWidth="1"/>
    <col min="43" max="43" width="8.875" bestFit="1" customWidth="1"/>
    <col min="44" max="52" width="5.875" bestFit="1" customWidth="1"/>
    <col min="53" max="53" width="8.875" bestFit="1" customWidth="1"/>
    <col min="54" max="54" width="5.875" bestFit="1" customWidth="1"/>
    <col min="55" max="55" width="7.875" bestFit="1" customWidth="1"/>
    <col min="56" max="60" width="5.875" bestFit="1" customWidth="1"/>
    <col min="61" max="61" width="8.875" bestFit="1" customWidth="1"/>
    <col min="62" max="62" width="5.875" bestFit="1" customWidth="1"/>
    <col min="63" max="63" width="7.875" bestFit="1" customWidth="1"/>
    <col min="64" max="64" width="5.875" bestFit="1" customWidth="1"/>
    <col min="65" max="65" width="9.875" bestFit="1" customWidth="1"/>
    <col min="66" max="66" width="11.875" bestFit="1" customWidth="1"/>
    <col min="67" max="71" width="5.875" bestFit="1" customWidth="1"/>
    <col min="72" max="72" width="7.875" bestFit="1" customWidth="1"/>
    <col min="73" max="74" width="5.875" bestFit="1" customWidth="1"/>
    <col min="75" max="75" width="10.875" bestFit="1" customWidth="1"/>
    <col min="76" max="76" width="9.875" bestFit="1" customWidth="1"/>
    <col min="77" max="77" width="5.875" bestFit="1" customWidth="1"/>
    <col min="78" max="78" width="7.875" bestFit="1" customWidth="1"/>
    <col min="79" max="79" width="8.875" bestFit="1" customWidth="1"/>
    <col min="80" max="80" width="7.875" bestFit="1" customWidth="1"/>
    <col min="81" max="81" width="11.875" bestFit="1" customWidth="1"/>
    <col min="82" max="82" width="7.875" bestFit="1" customWidth="1"/>
    <col min="83" max="85" width="5.875" bestFit="1" customWidth="1"/>
    <col min="86" max="86" width="9.875" bestFit="1" customWidth="1"/>
    <col min="87" max="89" width="5.875" bestFit="1" customWidth="1"/>
    <col min="90" max="91" width="6.875" bestFit="1" customWidth="1"/>
    <col min="92" max="92" width="10.875" bestFit="1" customWidth="1"/>
    <col min="93" max="93" width="6.875" bestFit="1" customWidth="1"/>
    <col min="94" max="94" width="9.875" bestFit="1" customWidth="1"/>
    <col min="95" max="100" width="6.875" bestFit="1" customWidth="1"/>
    <col min="101" max="101" width="9.875" bestFit="1" customWidth="1"/>
    <col min="102" max="102" width="6.875" bestFit="1" customWidth="1"/>
    <col min="103" max="103" width="10.875" bestFit="1" customWidth="1"/>
    <col min="104" max="107" width="6.875" bestFit="1" customWidth="1"/>
    <col min="108" max="108" width="8.875" bestFit="1" customWidth="1"/>
    <col min="109" max="110" width="6.875" bestFit="1" customWidth="1"/>
    <col min="111" max="111" width="9.875" bestFit="1" customWidth="1"/>
    <col min="112" max="113" width="6.875" bestFit="1" customWidth="1"/>
    <col min="114" max="114" width="10.875" bestFit="1" customWidth="1"/>
    <col min="115" max="115" width="6.875" bestFit="1" customWidth="1"/>
    <col min="116" max="116" width="8.875" bestFit="1" customWidth="1"/>
    <col min="117" max="117" width="6.875" bestFit="1" customWidth="1"/>
    <col min="118" max="118" width="9.875" bestFit="1" customWidth="1"/>
    <col min="119" max="119" width="6.875" bestFit="1" customWidth="1"/>
    <col min="120" max="120" width="8.875" bestFit="1" customWidth="1"/>
    <col min="121" max="130" width="6.875" bestFit="1" customWidth="1"/>
    <col min="131" max="131" width="11.875" bestFit="1" customWidth="1"/>
    <col min="132" max="140" width="6.875" bestFit="1" customWidth="1"/>
    <col min="141" max="141" width="9.875" bestFit="1" customWidth="1"/>
    <col min="142" max="142" width="6.875" bestFit="1" customWidth="1"/>
    <col min="143" max="143" width="8.875" bestFit="1" customWidth="1"/>
    <col min="144" max="149" width="6.875" bestFit="1" customWidth="1"/>
    <col min="150" max="150" width="11.875" bestFit="1" customWidth="1"/>
    <col min="151" max="151" width="6.875" bestFit="1" customWidth="1"/>
    <col min="152" max="152" width="9.875" bestFit="1" customWidth="1"/>
    <col min="153" max="155" width="6.875" bestFit="1" customWidth="1"/>
    <col min="156" max="156" width="10.875" bestFit="1" customWidth="1"/>
    <col min="157" max="164" width="6.875" bestFit="1" customWidth="1"/>
    <col min="165" max="165" width="8.875" bestFit="1" customWidth="1"/>
    <col min="166" max="170" width="6.875" bestFit="1" customWidth="1"/>
    <col min="171" max="171" width="9.875" bestFit="1" customWidth="1"/>
    <col min="172" max="173" width="6.875" bestFit="1" customWidth="1"/>
    <col min="174" max="174" width="11.875" bestFit="1" customWidth="1"/>
    <col min="175" max="175" width="9.875" bestFit="1" customWidth="1"/>
    <col min="176" max="177" width="6.875" bestFit="1" customWidth="1"/>
    <col min="178" max="178" width="10.875" bestFit="1" customWidth="1"/>
    <col min="179" max="179" width="8.875" bestFit="1" customWidth="1"/>
    <col min="180" max="181" width="6.875" bestFit="1" customWidth="1"/>
    <col min="182" max="182" width="9.875" bestFit="1" customWidth="1"/>
    <col min="183" max="183" width="6.875" bestFit="1" customWidth="1"/>
    <col min="184" max="184" width="8.875" bestFit="1" customWidth="1"/>
    <col min="185" max="185" width="6.875" bestFit="1" customWidth="1"/>
    <col min="186" max="187" width="8.875" bestFit="1" customWidth="1"/>
    <col min="188" max="189" width="6.875" bestFit="1" customWidth="1"/>
    <col min="190" max="190" width="10.875" bestFit="1" customWidth="1"/>
    <col min="191" max="200" width="6.875" bestFit="1" customWidth="1"/>
    <col min="201" max="201" width="9.875" bestFit="1" customWidth="1"/>
    <col min="202" max="206" width="6.875" bestFit="1" customWidth="1"/>
    <col min="207" max="207" width="10.875" bestFit="1" customWidth="1"/>
    <col min="208" max="213" width="6.875" bestFit="1" customWidth="1"/>
    <col min="214" max="214" width="8.875" bestFit="1" customWidth="1"/>
    <col min="215" max="217" width="6.875" bestFit="1" customWidth="1"/>
    <col min="218" max="218" width="8.875" bestFit="1" customWidth="1"/>
    <col min="219" max="225" width="6.875" bestFit="1" customWidth="1"/>
    <col min="226" max="226" width="10.875" bestFit="1" customWidth="1"/>
    <col min="227" max="233" width="6.875" bestFit="1" customWidth="1"/>
    <col min="234" max="234" width="8.875" bestFit="1" customWidth="1"/>
    <col min="235" max="238" width="6.875" bestFit="1" customWidth="1"/>
    <col min="239" max="239" width="10.875" bestFit="1" customWidth="1"/>
    <col min="240" max="251" width="6.875" bestFit="1" customWidth="1"/>
    <col min="252" max="252" width="9.875" bestFit="1" customWidth="1"/>
    <col min="253" max="253" width="6.875" bestFit="1" customWidth="1"/>
    <col min="254" max="270" width="7.875" bestFit="1" customWidth="1"/>
    <col min="271" max="271" width="9.875" bestFit="1" customWidth="1"/>
    <col min="272" max="284" width="7.875" bestFit="1" customWidth="1"/>
    <col min="285" max="285" width="9.875" bestFit="1" customWidth="1"/>
    <col min="286" max="290" width="7.875" bestFit="1" customWidth="1"/>
    <col min="291" max="291" width="11.875" bestFit="1" customWidth="1"/>
    <col min="292" max="292" width="9.875" bestFit="1" customWidth="1"/>
    <col min="293" max="300" width="7.875" bestFit="1" customWidth="1"/>
    <col min="301" max="301" width="9.875" bestFit="1" customWidth="1"/>
    <col min="302" max="314" width="7.875" bestFit="1" customWidth="1"/>
    <col min="315" max="315" width="11.875" bestFit="1" customWidth="1"/>
    <col min="316" max="323" width="7.875" bestFit="1" customWidth="1"/>
    <col min="324" max="324" width="9.875" bestFit="1" customWidth="1"/>
    <col min="325" max="325" width="7.875" bestFit="1" customWidth="1"/>
    <col min="326" max="326" width="9.875" bestFit="1" customWidth="1"/>
    <col min="327" max="338" width="7.875" bestFit="1" customWidth="1"/>
    <col min="339" max="339" width="9.875" bestFit="1" customWidth="1"/>
    <col min="340" max="344" width="7.875" bestFit="1" customWidth="1"/>
    <col min="345" max="345" width="10.875" bestFit="1" customWidth="1"/>
    <col min="346" max="346" width="9.875" bestFit="1" customWidth="1"/>
    <col min="347" max="347" width="10.875" bestFit="1" customWidth="1"/>
    <col min="348" max="348" width="9.875" bestFit="1" customWidth="1"/>
    <col min="349" max="353" width="7.875" bestFit="1" customWidth="1"/>
    <col min="354" max="354" width="10.875" bestFit="1" customWidth="1"/>
    <col min="355" max="359" width="8.875" bestFit="1" customWidth="1"/>
    <col min="360" max="360" width="11.875" bestFit="1" customWidth="1"/>
    <col min="361" max="363" width="8.875" bestFit="1" customWidth="1"/>
    <col min="364" max="364" width="10.875" bestFit="1" customWidth="1"/>
    <col min="365" max="370" width="8.875" bestFit="1" customWidth="1"/>
    <col min="371" max="371" width="10.875" bestFit="1" customWidth="1"/>
    <col min="372" max="372" width="8.875" bestFit="1" customWidth="1"/>
    <col min="373" max="373" width="4.875" bestFit="1" customWidth="1"/>
    <col min="374" max="374" width="9.375" bestFit="1" customWidth="1"/>
    <col min="375" max="375" width="6.875" bestFit="1" customWidth="1"/>
    <col min="376" max="376" width="11.375" bestFit="1" customWidth="1"/>
  </cols>
  <sheetData>
    <row r="1" spans="1:2" x14ac:dyDescent="0.2">
      <c r="A1" s="152" t="s">
        <v>1322</v>
      </c>
      <c r="B1" t="s">
        <v>1323</v>
      </c>
    </row>
    <row r="2" spans="1:2" x14ac:dyDescent="0.2">
      <c r="A2" s="153" t="s">
        <v>295</v>
      </c>
      <c r="B2" s="1194">
        <v>20593362</v>
      </c>
    </row>
    <row r="3" spans="1:2" x14ac:dyDescent="0.2">
      <c r="A3" s="1188" t="s">
        <v>301</v>
      </c>
      <c r="B3" s="1194">
        <v>355860</v>
      </c>
    </row>
    <row r="4" spans="1:2" x14ac:dyDescent="0.2">
      <c r="A4" s="1188" t="s">
        <v>1324</v>
      </c>
      <c r="B4" s="1194">
        <v>0</v>
      </c>
    </row>
    <row r="5" spans="1:2" x14ac:dyDescent="0.2">
      <c r="A5" s="1188" t="s">
        <v>1325</v>
      </c>
      <c r="B5" s="1194">
        <v>9094200</v>
      </c>
    </row>
    <row r="6" spans="1:2" x14ac:dyDescent="0.2">
      <c r="A6" s="1188" t="s">
        <v>1326</v>
      </c>
      <c r="B6" s="1194">
        <v>5500000</v>
      </c>
    </row>
    <row r="7" spans="1:2" x14ac:dyDescent="0.2">
      <c r="A7" s="1188" t="s">
        <v>1327</v>
      </c>
      <c r="B7" s="1194">
        <v>1962997</v>
      </c>
    </row>
    <row r="8" spans="1:2" x14ac:dyDescent="0.2">
      <c r="A8" s="1188" t="s">
        <v>1328</v>
      </c>
      <c r="B8" s="1194">
        <v>3680305</v>
      </c>
    </row>
    <row r="9" spans="1:2" x14ac:dyDescent="0.2">
      <c r="A9" s="153" t="s">
        <v>54</v>
      </c>
      <c r="B9" s="1194">
        <v>408414323.69999999</v>
      </c>
    </row>
    <row r="10" spans="1:2" x14ac:dyDescent="0.2">
      <c r="A10" s="1188" t="s">
        <v>124</v>
      </c>
      <c r="B10" s="1194">
        <v>9477000</v>
      </c>
    </row>
    <row r="11" spans="1:2" x14ac:dyDescent="0.2">
      <c r="A11" s="1188" t="s">
        <v>1329</v>
      </c>
      <c r="B11" s="1194">
        <v>140011</v>
      </c>
    </row>
    <row r="12" spans="1:2" x14ac:dyDescent="0.2">
      <c r="A12" s="1188" t="s">
        <v>55</v>
      </c>
      <c r="B12" s="1194">
        <v>196027428.5</v>
      </c>
    </row>
    <row r="13" spans="1:2" x14ac:dyDescent="0.2">
      <c r="A13" s="1188" t="s">
        <v>102</v>
      </c>
      <c r="B13" s="1194">
        <v>175580697.19999999</v>
      </c>
    </row>
    <row r="14" spans="1:2" x14ac:dyDescent="0.2">
      <c r="A14" s="1188" t="s">
        <v>1330</v>
      </c>
      <c r="B14" s="1194">
        <v>27189187</v>
      </c>
    </row>
    <row r="15" spans="1:2" x14ac:dyDescent="0.2">
      <c r="A15" s="153" t="s">
        <v>211</v>
      </c>
      <c r="B15" s="1194">
        <v>1826438</v>
      </c>
    </row>
    <row r="16" spans="1:2" x14ac:dyDescent="0.2">
      <c r="A16" s="1188" t="s">
        <v>222</v>
      </c>
      <c r="B16" s="1194">
        <v>449003</v>
      </c>
    </row>
    <row r="17" spans="1:2" x14ac:dyDescent="0.2">
      <c r="A17" s="1188" t="s">
        <v>212</v>
      </c>
      <c r="B17" s="1194">
        <v>1377435</v>
      </c>
    </row>
    <row r="18" spans="1:2" x14ac:dyDescent="0.2">
      <c r="A18" s="153" t="s">
        <v>1331</v>
      </c>
      <c r="B18" s="1194">
        <v>125989166.20976129</v>
      </c>
    </row>
    <row r="19" spans="1:2" x14ac:dyDescent="0.2">
      <c r="A19" s="1188" t="s">
        <v>533</v>
      </c>
      <c r="B19" s="1194">
        <v>2976233.2199999997</v>
      </c>
    </row>
    <row r="20" spans="1:2" x14ac:dyDescent="0.2">
      <c r="A20" s="1188" t="s">
        <v>1332</v>
      </c>
      <c r="B20" s="1194">
        <v>5079438.0288000014</v>
      </c>
    </row>
    <row r="21" spans="1:2" x14ac:dyDescent="0.2">
      <c r="A21" s="1188" t="s">
        <v>1333</v>
      </c>
      <c r="B21" s="1194">
        <v>695904</v>
      </c>
    </row>
    <row r="22" spans="1:2" x14ac:dyDescent="0.2">
      <c r="A22" s="1188" t="s">
        <v>1334</v>
      </c>
      <c r="B22" s="1194">
        <v>1687040</v>
      </c>
    </row>
    <row r="23" spans="1:2" x14ac:dyDescent="0.2">
      <c r="A23" s="1188" t="s">
        <v>1335</v>
      </c>
      <c r="B23" s="1194">
        <v>1807268.1697612733</v>
      </c>
    </row>
    <row r="24" spans="1:2" x14ac:dyDescent="0.2">
      <c r="A24" s="1188" t="s">
        <v>1336</v>
      </c>
      <c r="B24" s="1194">
        <v>13333524.8256</v>
      </c>
    </row>
    <row r="25" spans="1:2" x14ac:dyDescent="0.2">
      <c r="A25" s="1188" t="s">
        <v>1337</v>
      </c>
      <c r="B25" s="1194">
        <v>869880</v>
      </c>
    </row>
    <row r="26" spans="1:2" x14ac:dyDescent="0.2">
      <c r="A26" s="1188" t="s">
        <v>521</v>
      </c>
      <c r="B26" s="1194">
        <v>18624606.105599999</v>
      </c>
    </row>
    <row r="27" spans="1:2" x14ac:dyDescent="0.2">
      <c r="A27" s="1188" t="s">
        <v>1338</v>
      </c>
      <c r="B27" s="1194">
        <v>16030204.520000001</v>
      </c>
    </row>
    <row r="28" spans="1:2" x14ac:dyDescent="0.2">
      <c r="A28" s="1188" t="s">
        <v>1339</v>
      </c>
      <c r="B28" s="1194">
        <v>11509100</v>
      </c>
    </row>
    <row r="29" spans="1:2" x14ac:dyDescent="0.2">
      <c r="A29" s="1188" t="s">
        <v>1340</v>
      </c>
      <c r="B29" s="1194">
        <v>53375967.340000004</v>
      </c>
    </row>
    <row r="30" spans="1:2" x14ac:dyDescent="0.2">
      <c r="A30" s="153" t="s">
        <v>1341</v>
      </c>
      <c r="B30" s="1194">
        <v>51977106.399999999</v>
      </c>
    </row>
    <row r="31" spans="1:2" x14ac:dyDescent="0.2">
      <c r="A31" s="1188" t="s">
        <v>192</v>
      </c>
      <c r="B31" s="1194">
        <v>0</v>
      </c>
    </row>
    <row r="32" spans="1:2" x14ac:dyDescent="0.2">
      <c r="A32" s="1188" t="s">
        <v>1342</v>
      </c>
      <c r="B32" s="1194">
        <v>16200000</v>
      </c>
    </row>
    <row r="33" spans="1:2" x14ac:dyDescent="0.2">
      <c r="A33" s="1188" t="s">
        <v>188</v>
      </c>
      <c r="B33" s="1194">
        <v>0</v>
      </c>
    </row>
    <row r="34" spans="1:2" x14ac:dyDescent="0.2">
      <c r="A34" s="1188" t="s">
        <v>154</v>
      </c>
      <c r="B34" s="1194">
        <v>23290960</v>
      </c>
    </row>
    <row r="35" spans="1:2" x14ac:dyDescent="0.2">
      <c r="A35" s="1188" t="s">
        <v>1343</v>
      </c>
      <c r="B35" s="1194">
        <v>12486146.4</v>
      </c>
    </row>
    <row r="36" spans="1:2" x14ac:dyDescent="0.2">
      <c r="A36" s="153" t="s">
        <v>329</v>
      </c>
      <c r="B36" s="1194">
        <v>52336665</v>
      </c>
    </row>
    <row r="37" spans="1:2" x14ac:dyDescent="0.2">
      <c r="A37" s="1188" t="s">
        <v>1344</v>
      </c>
      <c r="B37" s="1194">
        <v>32223463</v>
      </c>
    </row>
    <row r="38" spans="1:2" x14ac:dyDescent="0.2">
      <c r="A38" s="1188" t="s">
        <v>1345</v>
      </c>
      <c r="B38" s="1194">
        <v>20113202</v>
      </c>
    </row>
    <row r="39" spans="1:2" x14ac:dyDescent="0.2">
      <c r="A39" s="153" t="s">
        <v>1346</v>
      </c>
      <c r="B39" s="1194">
        <v>24070000</v>
      </c>
    </row>
    <row r="40" spans="1:2" x14ac:dyDescent="0.2">
      <c r="A40" s="1188" t="s">
        <v>1347</v>
      </c>
      <c r="B40" s="1194">
        <v>2000000</v>
      </c>
    </row>
    <row r="41" spans="1:2" x14ac:dyDescent="0.2">
      <c r="A41" s="1188" t="s">
        <v>1348</v>
      </c>
      <c r="B41" s="1194">
        <v>21620000</v>
      </c>
    </row>
    <row r="42" spans="1:2" x14ac:dyDescent="0.2">
      <c r="A42" s="1188" t="s">
        <v>1349</v>
      </c>
      <c r="B42" s="1194">
        <v>450000</v>
      </c>
    </row>
    <row r="43" spans="1:2" x14ac:dyDescent="0.2">
      <c r="A43" s="153" t="s">
        <v>655</v>
      </c>
      <c r="B43" s="1194">
        <v>337111966.54750001</v>
      </c>
    </row>
    <row r="44" spans="1:2" x14ac:dyDescent="0.2">
      <c r="A44" s="1188" t="s">
        <v>932</v>
      </c>
      <c r="B44" s="1194">
        <v>136484100.10000002</v>
      </c>
    </row>
    <row r="45" spans="1:2" x14ac:dyDescent="0.2">
      <c r="A45" s="1188" t="s">
        <v>1292</v>
      </c>
      <c r="B45" s="1194">
        <v>3685000</v>
      </c>
    </row>
    <row r="46" spans="1:2" x14ac:dyDescent="0.2">
      <c r="A46" s="1188" t="s">
        <v>900</v>
      </c>
      <c r="B46" s="1194">
        <v>115690173</v>
      </c>
    </row>
    <row r="47" spans="1:2" x14ac:dyDescent="0.2">
      <c r="A47" s="1188" t="s">
        <v>830</v>
      </c>
      <c r="B47" s="1194">
        <v>15400974.257499998</v>
      </c>
    </row>
    <row r="48" spans="1:2" x14ac:dyDescent="0.2">
      <c r="A48" s="1188" t="s">
        <v>1350</v>
      </c>
      <c r="B48" s="1194">
        <v>47851719.189999998</v>
      </c>
    </row>
    <row r="49" spans="1:2" x14ac:dyDescent="0.2">
      <c r="A49" s="1188" t="s">
        <v>897</v>
      </c>
      <c r="B49" s="1194">
        <v>18000000</v>
      </c>
    </row>
    <row r="50" spans="1:2" x14ac:dyDescent="0.2">
      <c r="A50" s="153" t="s">
        <v>1351</v>
      </c>
      <c r="B50" s="1194">
        <v>4250000</v>
      </c>
    </row>
    <row r="51" spans="1:2" x14ac:dyDescent="0.2">
      <c r="A51" s="1188" t="s">
        <v>1352</v>
      </c>
      <c r="B51" s="1194">
        <v>2750000</v>
      </c>
    </row>
    <row r="52" spans="1:2" x14ac:dyDescent="0.2">
      <c r="A52" s="1188" t="s">
        <v>250</v>
      </c>
      <c r="B52" s="1194">
        <v>1500000</v>
      </c>
    </row>
    <row r="53" spans="1:2" x14ac:dyDescent="0.2">
      <c r="A53" s="1188" t="s">
        <v>1353</v>
      </c>
      <c r="B53" s="1194">
        <v>0</v>
      </c>
    </row>
    <row r="54" spans="1:2" x14ac:dyDescent="0.2">
      <c r="A54" s="1188" t="s">
        <v>263</v>
      </c>
      <c r="B54" s="1194">
        <v>0</v>
      </c>
    </row>
    <row r="55" spans="1:2" x14ac:dyDescent="0.2">
      <c r="A55" s="1188" t="s">
        <v>268</v>
      </c>
      <c r="B55" s="1194">
        <v>0</v>
      </c>
    </row>
    <row r="56" spans="1:2" x14ac:dyDescent="0.2">
      <c r="A56" s="153" t="s">
        <v>279</v>
      </c>
      <c r="B56" s="1194">
        <v>35424572</v>
      </c>
    </row>
    <row r="57" spans="1:2" x14ac:dyDescent="0.2">
      <c r="A57" s="1188" t="s">
        <v>280</v>
      </c>
      <c r="B57" s="1194">
        <v>35424572</v>
      </c>
    </row>
    <row r="58" spans="1:2" x14ac:dyDescent="0.2">
      <c r="A58" s="153" t="s">
        <v>1354</v>
      </c>
    </row>
    <row r="59" spans="1:2" x14ac:dyDescent="0.2">
      <c r="A59" s="1188" t="s">
        <v>1354</v>
      </c>
    </row>
    <row r="60" spans="1:2" x14ac:dyDescent="0.2">
      <c r="A60" s="153" t="s">
        <v>1355</v>
      </c>
      <c r="B60" s="1194">
        <v>1061993599.8572614</v>
      </c>
    </row>
  </sheetData>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7DC30E4-B72A-4868-8EA7-2E8CF51A5E51}">
  <dimension ref="B2:E24"/>
  <sheetViews>
    <sheetView workbookViewId="0">
      <selection activeCell="D30" sqref="D30"/>
    </sheetView>
  </sheetViews>
  <sheetFormatPr defaultColWidth="8.75" defaultRowHeight="14.25" x14ac:dyDescent="0.2"/>
  <cols>
    <col min="1" max="1" width="2.5" style="34" customWidth="1"/>
    <col min="2" max="2" width="47.375" style="1208" customWidth="1"/>
    <col min="3" max="5" width="23.75" style="34" customWidth="1"/>
    <col min="6" max="7" width="11.625" style="34" customWidth="1"/>
    <col min="8" max="14" width="11.875" style="34" bestFit="1" customWidth="1"/>
    <col min="15" max="15" width="10.875" style="34" bestFit="1" customWidth="1"/>
    <col min="16" max="41" width="11.875" style="34" bestFit="1" customWidth="1"/>
    <col min="42" max="42" width="4.875" style="34" bestFit="1" customWidth="1"/>
    <col min="43" max="51" width="11.875" style="34" bestFit="1" customWidth="1"/>
    <col min="52" max="52" width="10.875" style="34" bestFit="1" customWidth="1"/>
    <col min="53" max="54" width="11.875" style="34" bestFit="1" customWidth="1"/>
    <col min="55" max="55" width="10.875" style="34" bestFit="1" customWidth="1"/>
    <col min="56" max="68" width="11.875" style="34" bestFit="1" customWidth="1"/>
    <col min="69" max="69" width="10.875" style="34" bestFit="1" customWidth="1"/>
    <col min="70" max="75" width="11.875" style="34" bestFit="1" customWidth="1"/>
    <col min="76" max="76" width="10.875" style="34" bestFit="1" customWidth="1"/>
    <col min="77" max="88" width="11.875" style="34" bestFit="1" customWidth="1"/>
    <col min="89" max="89" width="5.875" style="34" bestFit="1" customWidth="1"/>
    <col min="90" max="91" width="11.875" style="34" bestFit="1" customWidth="1"/>
    <col min="92" max="92" width="10.875" style="34" bestFit="1" customWidth="1"/>
    <col min="93" max="95" width="11.875" style="34" bestFit="1" customWidth="1"/>
    <col min="96" max="96" width="5.875" style="34" bestFit="1" customWidth="1"/>
    <col min="97" max="101" width="11.875" style="34" bestFit="1" customWidth="1"/>
    <col min="102" max="103" width="10.875" style="34" bestFit="1" customWidth="1"/>
    <col min="104" max="116" width="11.875" style="34" bestFit="1" customWidth="1"/>
    <col min="117" max="117" width="6.875" style="34" bestFit="1" customWidth="1"/>
    <col min="118" max="118" width="10.875" style="34" bestFit="1" customWidth="1"/>
    <col min="119" max="128" width="11.875" style="34" bestFit="1" customWidth="1"/>
    <col min="129" max="129" width="6.875" style="34" bestFit="1" customWidth="1"/>
    <col min="130" max="130" width="11.875" style="34" bestFit="1" customWidth="1"/>
    <col min="131" max="131" width="10.875" style="34" bestFit="1" customWidth="1"/>
    <col min="132" max="137" width="11.875" style="34" bestFit="1" customWidth="1"/>
    <col min="138" max="138" width="6.875" style="34" bestFit="1" customWidth="1"/>
    <col min="139" max="148" width="11.875" style="34" bestFit="1" customWidth="1"/>
    <col min="149" max="149" width="10.875" style="34" bestFit="1" customWidth="1"/>
    <col min="150" max="151" width="11.875" style="34" bestFit="1" customWidth="1"/>
    <col min="152" max="152" width="6.875" style="34" bestFit="1" customWidth="1"/>
    <col min="153" max="159" width="11.875" style="34" bestFit="1" customWidth="1"/>
    <col min="160" max="160" width="6.875" style="34" bestFit="1" customWidth="1"/>
    <col min="161" max="162" width="11.875" style="34" bestFit="1" customWidth="1"/>
    <col min="163" max="163" width="10.875" style="34" bestFit="1" customWidth="1"/>
    <col min="164" max="169" width="11.875" style="34" bestFit="1" customWidth="1"/>
    <col min="170" max="170" width="6.875" style="34" bestFit="1" customWidth="1"/>
    <col min="171" max="171" width="10.875" style="34" bestFit="1" customWidth="1"/>
    <col min="172" max="176" width="11.875" style="34" bestFit="1" customWidth="1"/>
    <col min="177" max="180" width="7.875" style="34" bestFit="1" customWidth="1"/>
    <col min="181" max="183" width="11.875" style="34" bestFit="1" customWidth="1"/>
    <col min="184" max="184" width="7.875" style="34" bestFit="1" customWidth="1"/>
    <col min="185" max="187" width="11.875" style="34" bestFit="1" customWidth="1"/>
    <col min="188" max="189" width="10.875" style="34" bestFit="1" customWidth="1"/>
    <col min="190" max="190" width="11.875" style="34" bestFit="1" customWidth="1"/>
    <col min="191" max="194" width="7.875" style="34" bestFit="1" customWidth="1"/>
    <col min="195" max="195" width="11.875" style="34" bestFit="1" customWidth="1"/>
    <col min="196" max="197" width="7.875" style="34" bestFit="1" customWidth="1"/>
    <col min="198" max="201" width="8.875" style="34" bestFit="1" customWidth="1"/>
    <col min="202" max="202" width="8.75" style="34"/>
    <col min="203" max="203" width="6.875" style="34" bestFit="1" customWidth="1"/>
    <col min="204" max="204" width="11.375" style="34" bestFit="1" customWidth="1"/>
    <col min="205" max="16384" width="8.75" style="34"/>
  </cols>
  <sheetData>
    <row r="2" spans="2:5" ht="15" x14ac:dyDescent="0.25">
      <c r="B2" s="1200" t="s">
        <v>1356</v>
      </c>
      <c r="C2" s="1201" t="s">
        <v>1357</v>
      </c>
      <c r="D2" s="1202" t="s">
        <v>1358</v>
      </c>
      <c r="E2" s="1202" t="s">
        <v>1359</v>
      </c>
    </row>
    <row r="3" spans="2:5" x14ac:dyDescent="0.2">
      <c r="B3" s="1195" t="s">
        <v>1360</v>
      </c>
      <c r="C3" s="1198">
        <v>5000</v>
      </c>
      <c r="D3" s="1203">
        <f>'DRAFT - HGC Schemes'!BV558</f>
        <v>243204844.40111059</v>
      </c>
      <c r="E3" s="1204">
        <f>D3/C3</f>
        <v>48640.968880222121</v>
      </c>
    </row>
    <row r="4" spans="2:5" x14ac:dyDescent="0.2">
      <c r="B4" s="1195" t="s">
        <v>1361</v>
      </c>
      <c r="C4" s="1198">
        <v>200</v>
      </c>
      <c r="D4" s="1203">
        <f>'DRAFT - HGC Schemes'!BW558</f>
        <v>8053343.2215705356</v>
      </c>
      <c r="E4" s="1204">
        <f t="shared" ref="E4:E23" si="0">D4/C4</f>
        <v>40266.716107852677</v>
      </c>
    </row>
    <row r="5" spans="2:5" x14ac:dyDescent="0.2">
      <c r="B5" s="1195" t="s">
        <v>1362</v>
      </c>
      <c r="C5" s="1198">
        <v>450</v>
      </c>
      <c r="D5" s="1203">
        <f>'DRAFT - HGC Schemes'!BX558</f>
        <v>24326714.893162843</v>
      </c>
      <c r="E5" s="1204">
        <f t="shared" si="0"/>
        <v>54059.36642925076</v>
      </c>
    </row>
    <row r="6" spans="2:5" x14ac:dyDescent="0.2">
      <c r="B6" s="1195" t="s">
        <v>1363</v>
      </c>
      <c r="C6" s="1198">
        <v>350</v>
      </c>
      <c r="D6" s="1203">
        <f>'DRAFT - HGC Schemes'!BY558</f>
        <v>18790237.134069916</v>
      </c>
      <c r="E6" s="1204">
        <f t="shared" si="0"/>
        <v>53686.391811628331</v>
      </c>
    </row>
    <row r="7" spans="2:5" x14ac:dyDescent="0.2">
      <c r="B7" s="1195" t="s">
        <v>1364</v>
      </c>
      <c r="C7" s="1198">
        <v>500</v>
      </c>
      <c r="D7" s="1203">
        <f>'DRAFT - HGC Schemes'!BZ558</f>
        <v>26189514.076833259</v>
      </c>
      <c r="E7" s="1204">
        <f t="shared" si="0"/>
        <v>52379.028153666521</v>
      </c>
    </row>
    <row r="8" spans="2:5" x14ac:dyDescent="0.2">
      <c r="B8" s="1195" t="s">
        <v>1365</v>
      </c>
      <c r="C8" s="1198">
        <v>480</v>
      </c>
      <c r="D8" s="1203">
        <f>'DRAFT - HGC Schemes'!CA558</f>
        <v>21527073.979410071</v>
      </c>
      <c r="E8" s="1204">
        <f t="shared" si="0"/>
        <v>44848.070790437647</v>
      </c>
    </row>
    <row r="9" spans="2:5" x14ac:dyDescent="0.2">
      <c r="B9" s="1195" t="s">
        <v>1366</v>
      </c>
      <c r="C9" s="1198">
        <v>100</v>
      </c>
      <c r="D9" s="1203">
        <f>'DRAFT - HGC Schemes'!CB558</f>
        <v>4230974.172030203</v>
      </c>
      <c r="E9" s="1204">
        <f t="shared" si="0"/>
        <v>42309.74172030203</v>
      </c>
    </row>
    <row r="10" spans="2:5" x14ac:dyDescent="0.2">
      <c r="B10" s="1195" t="s">
        <v>1367</v>
      </c>
      <c r="C10" s="1198">
        <v>390</v>
      </c>
      <c r="D10" s="1203">
        <f>'DRAFT - HGC Schemes'!CC558</f>
        <v>15587082.16177444</v>
      </c>
      <c r="E10" s="1204">
        <f t="shared" si="0"/>
        <v>39966.877337883176</v>
      </c>
    </row>
    <row r="11" spans="2:5" x14ac:dyDescent="0.2">
      <c r="B11" s="1195" t="s">
        <v>1368</v>
      </c>
      <c r="C11" s="1198">
        <v>500</v>
      </c>
      <c r="D11" s="1203">
        <f>'DRAFT - HGC Schemes'!CD558</f>
        <v>22277217.695911754</v>
      </c>
      <c r="E11" s="1204">
        <f t="shared" si="0"/>
        <v>44554.435391823507</v>
      </c>
    </row>
    <row r="12" spans="2:5" x14ac:dyDescent="0.2">
      <c r="B12" s="1195" t="s">
        <v>1369</v>
      </c>
      <c r="C12" s="1198">
        <v>500</v>
      </c>
      <c r="D12" s="1203">
        <f>'DRAFT - HGC Schemes'!CE558</f>
        <v>46989441.065223053</v>
      </c>
      <c r="E12" s="1204">
        <f t="shared" si="0"/>
        <v>93978.882130446102</v>
      </c>
    </row>
    <row r="13" spans="2:5" x14ac:dyDescent="0.2">
      <c r="B13" s="1195" t="s">
        <v>1370</v>
      </c>
      <c r="C13" s="1198">
        <v>750</v>
      </c>
      <c r="D13" s="1203">
        <f>'DRAFT - HGC Schemes'!CF558</f>
        <v>48214038.747167021</v>
      </c>
      <c r="E13" s="1204">
        <f t="shared" si="0"/>
        <v>64285.384996222696</v>
      </c>
    </row>
    <row r="14" spans="2:5" x14ac:dyDescent="0.2">
      <c r="B14" s="1195" t="s">
        <v>328</v>
      </c>
      <c r="C14" s="1198">
        <v>200</v>
      </c>
      <c r="D14" s="1203">
        <f>'DRAFT - HGC Schemes'!CG558</f>
        <v>8777373.4789969344</v>
      </c>
      <c r="E14" s="1204">
        <f t="shared" si="0"/>
        <v>43886.867394984671</v>
      </c>
    </row>
    <row r="15" spans="2:5" x14ac:dyDescent="0.2">
      <c r="B15" s="1195" t="s">
        <v>1371</v>
      </c>
      <c r="C15" s="1198">
        <v>234</v>
      </c>
      <c r="D15" s="1203">
        <f>'DRAFT - HGC Schemes'!CH558</f>
        <v>8560174.9180139806</v>
      </c>
      <c r="E15" s="1204">
        <f t="shared" si="0"/>
        <v>36581.94409407684</v>
      </c>
    </row>
    <row r="16" spans="2:5" x14ac:dyDescent="0.2">
      <c r="B16" s="1195" t="s">
        <v>1372</v>
      </c>
      <c r="C16" s="1198">
        <v>350</v>
      </c>
      <c r="D16" s="1203">
        <f>'DRAFT - HGC Schemes'!CI558</f>
        <v>19142088.228610363</v>
      </c>
      <c r="E16" s="1204">
        <f t="shared" si="0"/>
        <v>54691.680653172465</v>
      </c>
    </row>
    <row r="17" spans="2:5" x14ac:dyDescent="0.2">
      <c r="B17" s="1195" t="s">
        <v>1373</v>
      </c>
      <c r="C17" s="1198">
        <v>90</v>
      </c>
      <c r="D17" s="1203">
        <f>'DRAFT - HGC Schemes'!CJ558</f>
        <v>3432153.2542995708</v>
      </c>
      <c r="E17" s="1204">
        <f t="shared" si="0"/>
        <v>38135.036158884119</v>
      </c>
    </row>
    <row r="18" spans="2:5" x14ac:dyDescent="0.2">
      <c r="B18" s="1195" t="s">
        <v>1374</v>
      </c>
      <c r="C18" s="1198">
        <v>80</v>
      </c>
      <c r="D18" s="1203">
        <f>'DRAFT - HGC Schemes'!CK558</f>
        <v>5158190.6621684618</v>
      </c>
      <c r="E18" s="1204">
        <f t="shared" si="0"/>
        <v>64477.383277105771</v>
      </c>
    </row>
    <row r="19" spans="2:5" x14ac:dyDescent="0.2">
      <c r="B19" s="77" t="s">
        <v>33</v>
      </c>
      <c r="C19" s="1198">
        <v>2380</v>
      </c>
      <c r="D19" s="1203">
        <f>'DRAFT - HGC Schemes'!CL558</f>
        <v>97802409.358265325</v>
      </c>
      <c r="E19" s="1204">
        <f t="shared" si="0"/>
        <v>41093.449310195516</v>
      </c>
    </row>
    <row r="20" spans="2:5" x14ac:dyDescent="0.2">
      <c r="B20" s="1196" t="s">
        <v>1375</v>
      </c>
      <c r="C20" s="1199">
        <v>1500</v>
      </c>
      <c r="D20" s="1203">
        <f>'DRAFT - HGC Schemes'!DI558</f>
        <v>71548128.481145278</v>
      </c>
      <c r="E20" s="1204">
        <f t="shared" si="0"/>
        <v>47698.752320763517</v>
      </c>
    </row>
    <row r="21" spans="2:5" x14ac:dyDescent="0.2">
      <c r="B21" s="1196" t="s">
        <v>1376</v>
      </c>
      <c r="C21" s="1199">
        <v>1600</v>
      </c>
      <c r="D21" s="1203">
        <f>'DRAFT - HGC Schemes'!DJ558</f>
        <v>97085572.352846786</v>
      </c>
      <c r="E21" s="1204">
        <f t="shared" si="0"/>
        <v>60678.482720529239</v>
      </c>
    </row>
    <row r="22" spans="2:5" x14ac:dyDescent="0.2">
      <c r="B22" s="1196" t="s">
        <v>1377</v>
      </c>
      <c r="C22" s="1199">
        <v>2400</v>
      </c>
      <c r="D22" s="1203">
        <f>'DRAFT - HGC Schemes'!DK558</f>
        <v>148801552.99283248</v>
      </c>
      <c r="E22" s="1204">
        <f t="shared" si="0"/>
        <v>62000.647080346869</v>
      </c>
    </row>
    <row r="23" spans="2:5" x14ac:dyDescent="0.2">
      <c r="B23" s="1196" t="s">
        <v>1378</v>
      </c>
      <c r="C23" s="1199">
        <v>3171</v>
      </c>
      <c r="D23" s="1203">
        <f>'DRAFT - HGC Schemes'!DL558</f>
        <v>80883879.216740429</v>
      </c>
      <c r="E23" s="1204">
        <f t="shared" si="0"/>
        <v>25507.372821425553</v>
      </c>
    </row>
    <row r="24" spans="2:5" ht="15" x14ac:dyDescent="0.25">
      <c r="B24" s="1197" t="s">
        <v>1379</v>
      </c>
      <c r="C24" s="1205">
        <f>SUM(C3:C23)</f>
        <v>21225</v>
      </c>
      <c r="D24" s="1206">
        <f>SUM(D3:D23)</f>
        <v>1020582004.4921832</v>
      </c>
      <c r="E24" s="1207">
        <f>D24/C24</f>
        <v>48083.957808818996</v>
      </c>
    </row>
  </sheetData>
  <pageMargins left="0.7" right="0.7" top="0.75" bottom="0.75" header="0.3" footer="0.3"/>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9CBCAA3-C254-4CC8-83E2-AEE1D653038F}">
  <dimension ref="B2:K6"/>
  <sheetViews>
    <sheetView workbookViewId="0">
      <selection activeCell="E30" sqref="E30"/>
    </sheetView>
  </sheetViews>
  <sheetFormatPr defaultRowHeight="14.25" x14ac:dyDescent="0.2"/>
  <cols>
    <col min="2" max="2" width="18" customWidth="1"/>
    <col min="3" max="3" width="25.125" customWidth="1"/>
    <col min="4" max="4" width="29" customWidth="1"/>
    <col min="5" max="5" width="45.5" customWidth="1"/>
    <col min="6" max="6" width="53.625" customWidth="1"/>
    <col min="7" max="7" width="55.625" customWidth="1"/>
    <col min="9" max="10" width="13.5" bestFit="1" customWidth="1"/>
    <col min="11" max="11" width="14.5" customWidth="1"/>
  </cols>
  <sheetData>
    <row r="2" spans="2:11" ht="28.5" x14ac:dyDescent="0.45">
      <c r="B2" s="1186" t="s">
        <v>1380</v>
      </c>
    </row>
    <row r="5" spans="2:11" ht="30" x14ac:dyDescent="0.2">
      <c r="B5" s="1182" t="s">
        <v>1381</v>
      </c>
      <c r="C5" s="100" t="s">
        <v>1</v>
      </c>
      <c r="D5" s="1183" t="s">
        <v>2</v>
      </c>
      <c r="E5" s="100" t="s">
        <v>3</v>
      </c>
      <c r="F5" s="100" t="s">
        <v>4</v>
      </c>
      <c r="G5" s="99" t="s">
        <v>5</v>
      </c>
      <c r="I5" s="1184" t="s">
        <v>1358</v>
      </c>
      <c r="J5" s="1184" t="s">
        <v>1382</v>
      </c>
      <c r="K5" s="1184" t="s">
        <v>1383</v>
      </c>
    </row>
    <row r="6" spans="2:11" ht="57" x14ac:dyDescent="0.2">
      <c r="B6" s="511" t="s">
        <v>1384</v>
      </c>
      <c r="C6" s="511" t="s">
        <v>1385</v>
      </c>
      <c r="D6" s="481" t="s">
        <v>54</v>
      </c>
      <c r="E6" s="515" t="s">
        <v>102</v>
      </c>
      <c r="F6" s="515" t="s">
        <v>1386</v>
      </c>
      <c r="G6" s="513" t="s">
        <v>1387</v>
      </c>
      <c r="I6" s="1185">
        <f>_xlfn.XLOOKUP($B$6, 'DRAFT - HGC Schemes'!$C:$C, 'DRAFT - HGC Schemes'!T:T)</f>
        <v>48849715.200000003</v>
      </c>
      <c r="J6" s="1185">
        <f>_xlfn.XLOOKUP($B$6, 'DRAFT - HGC Schemes'!$C:$C, 'DRAFT - HGC Schemes'!DM:DM)</f>
        <v>48849714</v>
      </c>
      <c r="K6" s="1185">
        <f>_xlfn.XLOOKUP($B$6, 'DRAFT - HGC Schemes'!$C:$C, 'DRAFT - HGC Schemes'!DN:DN)</f>
        <v>0</v>
      </c>
    </row>
  </sheetData>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CC94D1-07B6-4CB6-A33C-3D71D5E8F342}">
  <dimension ref="B2:P197"/>
  <sheetViews>
    <sheetView zoomScale="80" zoomScaleNormal="80" workbookViewId="0">
      <pane ySplit="5" topLeftCell="A6" activePane="bottomLeft" state="frozen"/>
      <selection pane="bottomLeft" activeCell="K11" sqref="K11"/>
    </sheetView>
  </sheetViews>
  <sheetFormatPr defaultRowHeight="14.25" x14ac:dyDescent="0.2"/>
  <cols>
    <col min="2" max="2" width="18" customWidth="1"/>
    <col min="3" max="3" width="25.125" customWidth="1"/>
    <col min="4" max="4" width="29" customWidth="1"/>
    <col min="5" max="5" width="32.75" customWidth="1"/>
    <col min="6" max="6" width="38.625" customWidth="1"/>
    <col min="7" max="7" width="46.125" customWidth="1"/>
    <col min="8" max="8" width="15.125" bestFit="1" customWidth="1"/>
    <col min="9" max="10" width="15" bestFit="1" customWidth="1"/>
    <col min="11" max="11" width="14.5" customWidth="1"/>
    <col min="12" max="12" width="17.5" customWidth="1"/>
    <col min="13" max="13" width="17.5" bestFit="1" customWidth="1"/>
    <col min="14" max="14" width="18.125" bestFit="1" customWidth="1"/>
    <col min="15" max="15" width="20.75" bestFit="1" customWidth="1"/>
    <col min="16" max="16" width="19.125" customWidth="1"/>
  </cols>
  <sheetData>
    <row r="2" spans="2:16" ht="28.5" x14ac:dyDescent="0.45">
      <c r="B2" s="1186" t="s">
        <v>1388</v>
      </c>
    </row>
    <row r="3" spans="2:16" ht="15" customHeight="1" x14ac:dyDescent="0.45">
      <c r="B3" s="1186"/>
    </row>
    <row r="5" spans="2:16" ht="60" x14ac:dyDescent="0.25">
      <c r="B5" s="100" t="s">
        <v>1381</v>
      </c>
      <c r="C5" s="100" t="s">
        <v>52</v>
      </c>
      <c r="D5" s="100" t="s">
        <v>2</v>
      </c>
      <c r="E5" s="100" t="s">
        <v>3</v>
      </c>
      <c r="F5" s="100" t="s">
        <v>4</v>
      </c>
      <c r="G5" s="99" t="s">
        <v>5</v>
      </c>
      <c r="H5" s="1184" t="s">
        <v>1358</v>
      </c>
      <c r="I5" s="1184" t="s">
        <v>1382</v>
      </c>
      <c r="J5" s="1184" t="s">
        <v>1383</v>
      </c>
      <c r="K5" s="871" t="s">
        <v>1389</v>
      </c>
      <c r="L5" s="871" t="s">
        <v>1390</v>
      </c>
      <c r="M5" s="1187" t="s">
        <v>1391</v>
      </c>
      <c r="N5" s="1187" t="s">
        <v>1392</v>
      </c>
      <c r="O5" s="1187" t="s">
        <v>1393</v>
      </c>
      <c r="P5" s="1187" t="s">
        <v>1394</v>
      </c>
    </row>
    <row r="6" spans="2:16" ht="85.5" x14ac:dyDescent="0.2">
      <c r="B6" s="499" t="str" cm="1">
        <f t="array" ref="B6:J197">_xlfn.CHOOSECOLS(_xlfn._xlws.FILTER('DRAFT - HGC Schemes'!A4:DT555,(ISNUMBER(SEARCH("DBC IDP",'DRAFT - HGC Schemes'!D4:D555)))*('DRAFT - HGC Schemes'!DN4:DN555&gt;0)), 3, 4, 6, 7, 8, 10, 24, 118, 119)</f>
        <v>ED9</v>
      </c>
      <c r="C6" s="499" t="str">
        <v>DBC IDP</v>
      </c>
      <c r="D6" s="499" t="str">
        <v>Education</v>
      </c>
      <c r="E6" s="499" t="str">
        <v>Childcare 5-11 year old (wraparound care)</v>
      </c>
      <c r="F6" s="499" t="str">
        <v>5-11 Wraparound Care for HGC Growth Area</v>
      </c>
      <c r="G6" s="499" t="str">
        <v>By September 2026, all schools will need to have a ‘wraparound childcare’ provision. As this provision is usually delivered on site, either at the school or in partnership with another school, HCC will seek developer contributions only towards resource costs. Additional facilities will not need to be provided.</v>
      </c>
      <c r="H6" s="1185">
        <v>140011</v>
      </c>
      <c r="I6" s="1185">
        <v>73339.095238095237</v>
      </c>
      <c r="J6" s="1185">
        <v>0</v>
      </c>
      <c r="K6" s="1185" t="s">
        <v>1395</v>
      </c>
      <c r="L6" s="1185" t="s">
        <v>1395</v>
      </c>
      <c r="M6" s="1185" t="str">
        <f t="shared" ref="M6:M37" si="0">IF(ISNUMBER(K6),H6-K6-IF(ISNUMBER(L6), L6, 0), "N/A - New Scheme")</f>
        <v>N/A - New Scheme</v>
      </c>
      <c r="N6" s="1185" t="str">
        <f t="shared" ref="N6:N37" si="1">IF(ISNUMBER(K6), I6-K6, "N/A - New Scheme")</f>
        <v>N/A - New Scheme</v>
      </c>
      <c r="O6" s="597" t="str" cm="1">
        <f t="array" ref="O6">_xlfn.IFS(M6="N/A - New Scheme", "N/A", M6&gt;0, "Overall Cost Increased", M6=0, "No change", M6&lt;0, "Overall Cost Decreased")</f>
        <v>N/A</v>
      </c>
      <c r="P6" s="597" t="str" cm="1">
        <f t="array" ref="P6">_xlfn.IFS(N6="N/A - New Scheme", "N/A", N6&gt;0, "DBC Cost Increased", N6=0, "No change", N6&lt;0, "DBC Cost Decreased")</f>
        <v>N/A</v>
      </c>
    </row>
    <row r="7" spans="2:16" ht="42.75" x14ac:dyDescent="0.2">
      <c r="B7" s="499" t="str">
        <v>ED30</v>
      </c>
      <c r="C7" s="499" t="str">
        <v>DBC IDP</v>
      </c>
      <c r="D7" s="499" t="str">
        <v>Education</v>
      </c>
      <c r="E7" s="499" t="str">
        <v>SEND</v>
      </c>
      <c r="F7" s="499" t="str">
        <v>SEND Provision in Mainstream Education</v>
      </c>
      <c r="G7" s="499" t="str">
        <v>SEND provision can be provided on or off-site. If provided on-site, it will need to be included as part of the mainstream provision.</v>
      </c>
      <c r="H7" s="1185">
        <v>27189187</v>
      </c>
      <c r="I7" s="1185">
        <v>8282958.2640965991</v>
      </c>
      <c r="J7" s="1185">
        <v>0</v>
      </c>
      <c r="K7" s="1185" t="s">
        <v>1395</v>
      </c>
      <c r="L7" s="1185" t="s">
        <v>1395</v>
      </c>
      <c r="M7" s="1185" t="str">
        <f t="shared" si="0"/>
        <v>N/A - New Scheme</v>
      </c>
      <c r="N7" s="1185" t="str">
        <f t="shared" si="1"/>
        <v>N/A - New Scheme</v>
      </c>
      <c r="O7" s="597" t="str" cm="1">
        <f t="array" ref="O7">_xlfn.IFS(M7="N/A - New Scheme", "N/A", M7&gt;0, "Overall Cost Increased", M7=0, "No change", M7&lt;0, "Overall Cost Decreased")</f>
        <v>N/A</v>
      </c>
      <c r="P7" s="597" t="str" cm="1">
        <f t="array" ref="P7">_xlfn.IFS(N7="N/A - New Scheme", "N/A", N7&gt;0, "DBC Cost Increased", N7=0, "No change", N7&lt;0, "DBC Cost Decreased")</f>
        <v>N/A</v>
      </c>
    </row>
    <row r="8" spans="2:16" ht="128.25" x14ac:dyDescent="0.2">
      <c r="B8" s="499" t="str">
        <v>ES1</v>
      </c>
      <c r="C8" s="499" t="str">
        <v>DBC IDP</v>
      </c>
      <c r="D8" s="499" t="str">
        <v>Emergency Services</v>
      </c>
      <c r="E8" s="499" t="str">
        <v xml:space="preserve">Fire </v>
      </c>
      <c r="F8" s="499" t="str">
        <v>Mitigating the impact on the capacity of the fire and rescue service</v>
      </c>
      <c r="G8" s="499" t="str">
        <v>Contribution to additional resources needed across the programme area, including new appliances and equipment. These costs help fund expenditure that the service needs to purchase to mitigate new housing such as fire prevention equipment like fire alarms in homes for vulnerable groups, road collision equipment and any other firefighting equipment identified within the fire cover review and community risk assessment. </v>
      </c>
      <c r="H8" s="1185">
        <v>449003</v>
      </c>
      <c r="I8" s="1185">
        <v>136785.0060928326</v>
      </c>
      <c r="J8" s="1185">
        <v>0</v>
      </c>
      <c r="K8" s="1185" t="s">
        <v>1395</v>
      </c>
      <c r="L8" s="1185" t="s">
        <v>1395</v>
      </c>
      <c r="M8" s="1185" t="str">
        <f t="shared" si="0"/>
        <v>N/A - New Scheme</v>
      </c>
      <c r="N8" s="1185" t="str">
        <f t="shared" si="1"/>
        <v>N/A - New Scheme</v>
      </c>
      <c r="O8" s="597" t="str" cm="1">
        <f t="array" ref="O8">_xlfn.IFS(M8="N/A - New Scheme", "N/A", M8&gt;0, "Overall Cost Increased", M8=0, "No change", M8&lt;0, "Overall Cost Decreased")</f>
        <v>N/A</v>
      </c>
      <c r="P8" s="597" t="str" cm="1">
        <f t="array" ref="P8">_xlfn.IFS(N8="N/A - New Scheme", "N/A", N8&gt;0, "DBC Cost Increased", N8=0, "No change", N8&lt;0, "DBC Cost Decreased")</f>
        <v>N/A</v>
      </c>
    </row>
    <row r="9" spans="2:16" ht="28.5" x14ac:dyDescent="0.2">
      <c r="B9" s="499" t="str">
        <v>GI25</v>
      </c>
      <c r="C9" s="499" t="str">
        <v>DBC IDP</v>
      </c>
      <c r="D9" s="499" t="str">
        <v>Green Infrastructure</v>
      </c>
      <c r="E9" s="499" t="str">
        <v>Strategic Access Management and Monitoring (SAMMS)</v>
      </c>
      <c r="F9" s="499" t="str">
        <v xml:space="preserve">Provision of Strategic Access Management and Monitoring (SAMMS) </v>
      </c>
      <c r="G9" s="499" t="str">
        <v>Contributions in line with the Chilterns Beechwoods Special Area of Conservation Mitigation Strategy</v>
      </c>
      <c r="H9" s="1185">
        <v>16030204.520000001</v>
      </c>
      <c r="I9" s="1185">
        <v>4557355</v>
      </c>
      <c r="J9" s="1185">
        <v>0</v>
      </c>
      <c r="K9" s="1185" t="e">
        <f>IF(C9="DBC IDP", _xlfn.XLOOKUP(F9, '[3]DACORUM IDS'!$E:$E, '[3]DACORUM IDS'!$P:$P), "Manual Check")</f>
        <v>#N/A</v>
      </c>
      <c r="L9" s="1185" t="e">
        <f>IF(C9="DBC IDP", _xlfn.XLOOKUP(F9, '[3]DACORUM IDS'!$E:$E, '[3]DACORUM IDS'!$CF:$CF), "N/A")</f>
        <v>#N/A</v>
      </c>
      <c r="M9" s="1185" t="str">
        <f t="shared" si="0"/>
        <v>N/A - New Scheme</v>
      </c>
      <c r="N9" s="1185" t="str">
        <f t="shared" si="1"/>
        <v>N/A - New Scheme</v>
      </c>
      <c r="O9" s="597" t="str" cm="1">
        <f t="array" ref="O9">_xlfn.IFS(M9="N/A - New Scheme", "N/A", M9&gt;0, "Overall Cost Increased", M9=0, "No change", M9&lt;0, "Overall Cost Decreased")</f>
        <v>N/A</v>
      </c>
      <c r="P9" s="597" t="str" cm="1">
        <f t="array" ref="P9">_xlfn.IFS(N9="N/A - New Scheme", "N/A", N9&gt;0, "DBC Cost Increased", N9=0, "No change", N9&lt;0, "DBC Cost Decreased")</f>
        <v>N/A</v>
      </c>
    </row>
    <row r="10" spans="2:16" ht="142.5" x14ac:dyDescent="0.2">
      <c r="B10" s="499" t="str">
        <v>HS20</v>
      </c>
      <c r="C10" s="499" t="str">
        <v xml:space="preserve">DBC IDP and SADC IDP </v>
      </c>
      <c r="D10" s="499" t="str">
        <v>Health and Social Care</v>
      </c>
      <c r="E10" s="499" t="str">
        <v xml:space="preserve">Ambulance Service </v>
      </c>
      <c r="F10" s="499" t="str">
        <v xml:space="preserve">Ambulance Hub </v>
      </c>
      <c r="G10" s="499" t="str">
        <v xml:space="preserve">EEAST has identified the need for an upgraded and expanded Ambulance Hub within Hemel Hempstead, close to good road networks with easy access and ideally close to the local hospital. 
EEAST’s purpose-built Ambulance Hub would require circa 1 ha of land and parking space for up to 50 ambulances/rapid response vehicles and support/operational staff (approx. 200 staff working 24/7). </v>
      </c>
      <c r="H10" s="1185">
        <v>8100000</v>
      </c>
      <c r="I10" s="1185">
        <v>1987597.0375658071</v>
      </c>
      <c r="J10" s="1185">
        <v>1575622.3788703489</v>
      </c>
      <c r="K10" s="1185" t="s">
        <v>1395</v>
      </c>
      <c r="L10" s="1185" t="s">
        <v>1395</v>
      </c>
      <c r="M10" s="1185" t="str">
        <f t="shared" si="0"/>
        <v>N/A - New Scheme</v>
      </c>
      <c r="N10" s="1185" t="str">
        <f t="shared" si="1"/>
        <v>N/A - New Scheme</v>
      </c>
      <c r="O10" s="597" t="str" cm="1">
        <f t="array" ref="O10">_xlfn.IFS(M10="N/A - New Scheme", "N/A", M10&gt;0, "Overall Cost Increased", M10=0, "No change", M10&lt;0, "Overall Cost Decreased")</f>
        <v>N/A</v>
      </c>
      <c r="P10" s="597" t="str" cm="1">
        <f t="array" ref="P10">_xlfn.IFS(N10="N/A - New Scheme", "N/A", N10&gt;0, "DBC Cost Increased", N10=0, "No change", N10&lt;0, "DBC Cost Decreased")</f>
        <v>N/A</v>
      </c>
    </row>
    <row r="11" spans="2:16" ht="42.75" x14ac:dyDescent="0.2">
      <c r="B11" s="499" t="str">
        <v>TM1</v>
      </c>
      <c r="C11" s="499" t="str">
        <v>Transformational Schemes (240806 DBC IDP Delivery Projects)</v>
      </c>
      <c r="D11" s="499" t="str">
        <v>Transformational Scheme</v>
      </c>
      <c r="E11" s="499" t="str">
        <v>Urban Greening</v>
      </c>
      <c r="F11" s="499" t="str">
        <v>Greening Streets</v>
      </c>
      <c r="G11" s="499" t="str">
        <v xml:space="preserve">Greening of the New Town’s neighbourhoods by making Hemel’s existing streets more climate resilient. </v>
      </c>
      <c r="H11" s="1185">
        <v>13087500</v>
      </c>
      <c r="I11" s="1185">
        <v>3986997.3413094049</v>
      </c>
      <c r="J11" s="1185">
        <v>0</v>
      </c>
      <c r="K11" s="1185" t="str">
        <f>IF(C11="DBC IDP", _xlfn.XLOOKUP(F11, '[3]DACORUM IDS'!$E:$E, '[3]DACORUM IDS'!$P:$P), "Manual Check")</f>
        <v>Manual Check</v>
      </c>
      <c r="L11" s="1185" t="str">
        <f>IF(C11="DBC IDP", _xlfn.XLOOKUP(F11, '[3]DACORUM IDS'!$E:$E, '[3]DACORUM IDS'!$CF:$CF), "N/A")</f>
        <v>N/A</v>
      </c>
      <c r="M11" s="1185" t="str">
        <f t="shared" si="0"/>
        <v>N/A - New Scheme</v>
      </c>
      <c r="N11" s="1185" t="str">
        <f t="shared" si="1"/>
        <v>N/A - New Scheme</v>
      </c>
      <c r="O11" s="597" t="str" cm="1">
        <f t="array" ref="O11">_xlfn.IFS(M11="N/A - New Scheme", "N/A", M11&gt;0, "Overall Cost Increased", M11=0, "No change", M11&lt;0, "Overall Cost Decreased")</f>
        <v>N/A</v>
      </c>
      <c r="P11" s="597" t="str" cm="1">
        <f t="array" ref="P11">_xlfn.IFS(N11="N/A - New Scheme", "N/A", N11&gt;0, "DBC Cost Increased", N11=0, "No change", N11&lt;0, "DBC Cost Decreased")</f>
        <v>N/A</v>
      </c>
    </row>
    <row r="12" spans="2:16" ht="57" x14ac:dyDescent="0.2">
      <c r="B12" s="499" t="str">
        <v>TM3</v>
      </c>
      <c r="C12" s="499" t="str">
        <v>Transformational Schemes (240806 DBC IDP Delivery Projects)</v>
      </c>
      <c r="D12" s="499" t="str">
        <v>Transformational Scheme</v>
      </c>
      <c r="E12" s="499" t="str">
        <v>Urban Greening</v>
      </c>
      <c r="F12" s="499" t="str">
        <v>Greening Hemel Hempstead Town Centre &amp; Local Centres</v>
      </c>
      <c r="G12" s="499" t="str">
        <v>Greening of buildings and the public realm within the Hemel town centre and local centres within the New Town’s neighbourhoods informed by local community/user engagement.</v>
      </c>
      <c r="H12" s="1185">
        <v>325000</v>
      </c>
      <c r="I12" s="1185">
        <v>99008.529965658585</v>
      </c>
      <c r="J12" s="1185">
        <v>0</v>
      </c>
      <c r="K12" s="1185" t="s">
        <v>1395</v>
      </c>
      <c r="L12" s="1185" t="s">
        <v>1395</v>
      </c>
      <c r="M12" s="1185" t="str">
        <f t="shared" si="0"/>
        <v>N/A - New Scheme</v>
      </c>
      <c r="N12" s="1185" t="str">
        <f t="shared" si="1"/>
        <v>N/A - New Scheme</v>
      </c>
      <c r="O12" s="597" t="str" cm="1">
        <f t="array" ref="O12">_xlfn.IFS(M12="N/A - New Scheme", "N/A", M12&gt;0, "Overall Cost Increased", M12=0, "No change", M12&lt;0, "Overall Cost Decreased")</f>
        <v>N/A</v>
      </c>
      <c r="P12" s="597" t="str" cm="1">
        <f t="array" ref="P12">_xlfn.IFS(N12="N/A - New Scheme", "N/A", N12&gt;0, "DBC Cost Increased", N12=0, "No change", N12&lt;0, "DBC Cost Decreased")</f>
        <v>N/A</v>
      </c>
    </row>
    <row r="13" spans="2:16" ht="128.25" x14ac:dyDescent="0.2">
      <c r="B13" s="499" t="str">
        <v>TM5</v>
      </c>
      <c r="C13" s="499" t="str">
        <v>Transformational Schemes (240806 DBC IDP Delivery Projects)</v>
      </c>
      <c r="D13" s="499" t="str">
        <v>Transformational Scheme</v>
      </c>
      <c r="E13" s="499" t="str">
        <v>Urban Greening</v>
      </c>
      <c r="F13" s="499" t="str">
        <v>Hemel’s Wildlife Corridors and Wildlife</v>
      </c>
      <c r="G13" s="499" t="str">
        <v>Making the Green Network’s corridors (including street/highways verges, gardens, greenways and blue corridors) more biodiverse, and enhancing their value as habitats for pollinators to support food production. 
Making space for urban nature recovery by creating new Local Nature Reserves and designating new Local Wildlife Sites within the New Garden Communities and the existing New Town.</v>
      </c>
      <c r="H13" s="1185">
        <v>4350000</v>
      </c>
      <c r="I13" s="1185">
        <v>1325191.0933865071</v>
      </c>
      <c r="J13" s="1185">
        <v>0</v>
      </c>
      <c r="K13" s="1185" t="s">
        <v>1395</v>
      </c>
      <c r="L13" s="1185" t="s">
        <v>1395</v>
      </c>
      <c r="M13" s="1185" t="str">
        <f t="shared" si="0"/>
        <v>N/A - New Scheme</v>
      </c>
      <c r="N13" s="1185" t="str">
        <f t="shared" si="1"/>
        <v>N/A - New Scheme</v>
      </c>
      <c r="O13" s="597" t="str" cm="1">
        <f t="array" ref="O13">_xlfn.IFS(M13="N/A - New Scheme", "N/A", M13&gt;0, "Overall Cost Increased", M13=0, "No change", M13&lt;0, "Overall Cost Decreased")</f>
        <v>N/A</v>
      </c>
      <c r="P13" s="597" t="str" cm="1">
        <f t="array" ref="P13">_xlfn.IFS(N13="N/A - New Scheme", "N/A", N13&gt;0, "DBC Cost Increased", N13=0, "No change", N13&lt;0, "DBC Cost Decreased")</f>
        <v>N/A</v>
      </c>
    </row>
    <row r="14" spans="2:16" ht="57" x14ac:dyDescent="0.2">
      <c r="B14" s="499" t="str">
        <v>TM7</v>
      </c>
      <c r="C14" s="499" t="str">
        <v>Transformational Schemes (240806 DBC IDP Delivery Projects)</v>
      </c>
      <c r="D14" s="499" t="str">
        <v>Transformational Scheme</v>
      </c>
      <c r="E14" s="499" t="str">
        <v>Urban Greening</v>
      </c>
      <c r="F14" s="499" t="str">
        <v>Green lunchtime Maylands</v>
      </c>
      <c r="G14" s="499" t="str">
        <v>Public space greening project in Maylands, including a 800 meters green walk route and access to green space so that people that work there can have a green walk during lunchtime and sit in green space.</v>
      </c>
      <c r="H14" s="1185">
        <v>137500</v>
      </c>
      <c r="I14" s="1185">
        <v>133886.86131386863</v>
      </c>
      <c r="J14" s="1185">
        <v>0</v>
      </c>
      <c r="K14" s="1185" t="str">
        <f>IF(C14="DBC IDP", _xlfn.XLOOKUP(F14, '[3]DACORUM IDS'!$E:$E, '[3]DACORUM IDS'!$P:$P), "Manual Check")</f>
        <v>Manual Check</v>
      </c>
      <c r="L14" s="1185" t="str">
        <f>IF(C14="DBC IDP", _xlfn.XLOOKUP(F14, '[3]DACORUM IDS'!$E:$E, '[3]DACORUM IDS'!$CF:$CF), "N/A")</f>
        <v>N/A</v>
      </c>
      <c r="M14" s="1185" t="str">
        <f t="shared" si="0"/>
        <v>N/A - New Scheme</v>
      </c>
      <c r="N14" s="1185" t="str">
        <f t="shared" si="1"/>
        <v>N/A - New Scheme</v>
      </c>
      <c r="O14" s="597" t="str" cm="1">
        <f t="array" ref="O14">_xlfn.IFS(M14="N/A - New Scheme", "N/A", M14&gt;0, "Overall Cost Increased", M14=0, "No change", M14&lt;0, "Overall Cost Decreased")</f>
        <v>N/A</v>
      </c>
      <c r="P14" s="597" t="str" cm="1">
        <f t="array" ref="P14">_xlfn.IFS(N14="N/A - New Scheme", "N/A", N14&gt;0, "DBC Cost Increased", N14=0, "No change", N14&lt;0, "DBC Cost Decreased")</f>
        <v>N/A</v>
      </c>
    </row>
    <row r="15" spans="2:16" ht="128.25" x14ac:dyDescent="0.2">
      <c r="B15" s="499" t="str">
        <v>TM13</v>
      </c>
      <c r="C15" s="499" t="str">
        <v>Transformational Schemes (240806 DBC IDP Delivery Projects)</v>
      </c>
      <c r="D15" s="499" t="str">
        <v>Transformational Scheme</v>
      </c>
      <c r="E15" s="499" t="str">
        <v>Green Infrastructure and Accessibility</v>
      </c>
      <c r="F15" s="499" t="str">
        <v>Nickey Line: Maylands Focus area of intervention</v>
      </c>
      <c r="G15" s="499" t="str">
        <v>Improvements to Maylands Focus area of intervention as set out in the Nickey Line Vision &amp; Strategy document with:
Zone 1- Entrance treatment on Eastman Way
Zone 2 - Proposed wider shared path for people on foot/wheel
Zone 3 - Route highlighted over side accesses
Zone 4 - Raised junction incorporating crossing for people on foot/wheel</v>
      </c>
      <c r="H15" s="1185">
        <v>100000</v>
      </c>
      <c r="I15" s="1185">
        <v>27538.239538239541</v>
      </c>
      <c r="J15" s="1185">
        <v>0</v>
      </c>
      <c r="K15" s="1185" t="str">
        <f>IF(C15="DBC IDP", _xlfn.XLOOKUP(F15, '[3]DACORUM IDS'!$E:$E, '[3]DACORUM IDS'!$P:$P), "Manual Check")</f>
        <v>Manual Check</v>
      </c>
      <c r="L15" s="1185" t="str">
        <f>IF(C15="DBC IDP", _xlfn.XLOOKUP(F15, '[3]DACORUM IDS'!$E:$E, '[3]DACORUM IDS'!$CF:$CF), "N/A")</f>
        <v>N/A</v>
      </c>
      <c r="M15" s="1185" t="str">
        <f t="shared" si="0"/>
        <v>N/A - New Scheme</v>
      </c>
      <c r="N15" s="1185" t="str">
        <f t="shared" si="1"/>
        <v>N/A - New Scheme</v>
      </c>
      <c r="O15" s="597" t="str" cm="1">
        <f t="array" ref="O15">_xlfn.IFS(M15="N/A - New Scheme", "N/A", M15&gt;0, "Overall Cost Increased", M15=0, "No change", M15&lt;0, "Overall Cost Decreased")</f>
        <v>N/A</v>
      </c>
      <c r="P15" s="597" t="str" cm="1">
        <f t="array" ref="P15">_xlfn.IFS(N15="N/A - New Scheme", "N/A", N15&gt;0, "DBC Cost Increased", N15=0, "No change", N15&lt;0, "DBC Cost Decreased")</f>
        <v>N/A</v>
      </c>
    </row>
    <row r="16" spans="2:16" ht="42.75" x14ac:dyDescent="0.2">
      <c r="B16" s="499" t="str">
        <v>TR1</v>
      </c>
      <c r="C16" s="499" t="str">
        <v>DBC IDP</v>
      </c>
      <c r="D16" s="499" t="str">
        <v>Transport</v>
      </c>
      <c r="E16" s="499" t="str">
        <v>Multi-Modal</v>
      </c>
      <c r="F16" s="499" t="str">
        <v>Cambrian Way Local Mobility Hub</v>
      </c>
      <c r="G16" s="499" t="str">
        <v>(LS-1) Local Mobility Hub located near to the junction with Wensleydale, close to Nickey Line, and served by Bus Route 2</v>
      </c>
      <c r="H16" s="1185">
        <v>370629.1875</v>
      </c>
      <c r="I16" s="1185">
        <v>112909.08005151212</v>
      </c>
      <c r="J16" s="1185">
        <v>0</v>
      </c>
      <c r="K16" s="1185">
        <f>IF(C16="DBC IDP", _xlfn.XLOOKUP(F16, '[3]DACORUM IDS'!$E:$E, '[3]DACORUM IDS'!$P:$P), "Manual Check")</f>
        <v>370629.1875</v>
      </c>
      <c r="L16" s="1185" t="str">
        <f>IF(C16="DBC IDP", _xlfn.XLOOKUP(F16, '[3]DACORUM IDS'!$E:$E, '[3]DACORUM IDS'!$CF:$CF), "N/A")</f>
        <v/>
      </c>
      <c r="M16" s="1185">
        <f t="shared" si="0"/>
        <v>0</v>
      </c>
      <c r="N16" s="1185">
        <f t="shared" si="1"/>
        <v>-257720.10744848789</v>
      </c>
      <c r="O16" s="597" t="str" cm="1">
        <f t="array" ref="O16">_xlfn.IFS(M16="N/A - New Scheme", "N/A", M16&gt;0, "Overall Cost Increased", M16=0, "No change", M16&lt;0, "Overall Cost Decreased")</f>
        <v>No change</v>
      </c>
      <c r="P16" s="597" t="str" cm="1">
        <f t="array" ref="P16">_xlfn.IFS(N16="N/A - New Scheme", "N/A", N16&gt;0, "DBC Cost Increased", N16=0, "No change", N16&lt;0, "DBC Cost Decreased")</f>
        <v>DBC Cost Decreased</v>
      </c>
    </row>
    <row r="17" spans="2:16" ht="57" x14ac:dyDescent="0.2">
      <c r="B17" s="499" t="str">
        <v>TR2</v>
      </c>
      <c r="C17" s="499" t="str">
        <v>DBC IDP</v>
      </c>
      <c r="D17" s="499" t="str">
        <v>Transport</v>
      </c>
      <c r="E17" s="499" t="str">
        <v>Multi-Modal</v>
      </c>
      <c r="F17" s="499" t="str">
        <v>Keens Field Mobility Hub</v>
      </c>
      <c r="G17" s="499" t="str">
        <v>(LS-2) Local Mobility Hub located at Queensway-St Paul's Rd (close to Nickey Line) OR Cattsdell-Thumpers junction area. Served by Bus Routes 2, 3 and 4</v>
      </c>
      <c r="H17" s="1185">
        <v>370629.1875</v>
      </c>
      <c r="I17" s="1185">
        <v>112909.08005151212</v>
      </c>
      <c r="J17" s="1185">
        <v>0</v>
      </c>
      <c r="K17" s="1185">
        <f>IF(C17="DBC IDP", _xlfn.XLOOKUP(F17, '[3]DACORUM IDS'!$E:$E, '[3]DACORUM IDS'!$P:$P), "Manual Check")</f>
        <v>370629.1875</v>
      </c>
      <c r="L17" s="1185" t="str">
        <f>IF(C17="DBC IDP", _xlfn.XLOOKUP(F17, '[3]DACORUM IDS'!$E:$E, '[3]DACORUM IDS'!$CF:$CF), "N/A")</f>
        <v/>
      </c>
      <c r="M17" s="1185">
        <f t="shared" si="0"/>
        <v>0</v>
      </c>
      <c r="N17" s="1185">
        <f t="shared" si="1"/>
        <v>-257720.10744848789</v>
      </c>
      <c r="O17" s="597" t="str" cm="1">
        <f t="array" ref="O17">_xlfn.IFS(M17="N/A - New Scheme", "N/A", M17&gt;0, "Overall Cost Increased", M17=0, "No change", M17&lt;0, "Overall Cost Decreased")</f>
        <v>No change</v>
      </c>
      <c r="P17" s="597" t="str" cm="1">
        <f t="array" ref="P17">_xlfn.IFS(N17="N/A - New Scheme", "N/A", N17&gt;0, "DBC Cost Increased", N17=0, "No change", N17&lt;0, "DBC Cost Decreased")</f>
        <v>DBC Cost Decreased</v>
      </c>
    </row>
    <row r="18" spans="2:16" ht="42.75" x14ac:dyDescent="0.2">
      <c r="B18" s="499" t="str">
        <v>TR3</v>
      </c>
      <c r="C18" s="499" t="str">
        <v>DBC IDP</v>
      </c>
      <c r="D18" s="499" t="str">
        <v>Transport</v>
      </c>
      <c r="E18" s="499" t="str">
        <v>Multi-Modal</v>
      </c>
      <c r="F18" s="499" t="str">
        <v>Grovehill Local Mobility Hub</v>
      </c>
      <c r="G18" s="499" t="str">
        <v>(LS-3) Local Mobility Hub located at Aycliffe Drive (Grovehill) opp. Henry Wells Sq. Served by Bus Route 2</v>
      </c>
      <c r="H18" s="1185">
        <v>370629.1875</v>
      </c>
      <c r="I18" s="1185">
        <v>112909.08005151212</v>
      </c>
      <c r="J18" s="1185">
        <v>0</v>
      </c>
      <c r="K18" s="1185">
        <f>IF(C18="DBC IDP", _xlfn.XLOOKUP(F18, '[3]DACORUM IDS'!$E:$E, '[3]DACORUM IDS'!$P:$P), "Manual Check")</f>
        <v>370629.1875</v>
      </c>
      <c r="L18" s="1185">
        <f>IF(C18="DBC IDP", _xlfn.XLOOKUP(F18, '[3]DACORUM IDS'!$E:$E, '[3]DACORUM IDS'!$CF:$CF), "N/A")</f>
        <v>0</v>
      </c>
      <c r="M18" s="1185">
        <f t="shared" si="0"/>
        <v>0</v>
      </c>
      <c r="N18" s="1185">
        <f t="shared" si="1"/>
        <v>-257720.10744848789</v>
      </c>
      <c r="O18" s="597" t="str" cm="1">
        <f t="array" ref="O18">_xlfn.IFS(M18="N/A - New Scheme", "N/A", M18&gt;0, "Overall Cost Increased", M18=0, "No change", M18&lt;0, "Overall Cost Decreased")</f>
        <v>No change</v>
      </c>
      <c r="P18" s="597" t="str" cm="1">
        <f t="array" ref="P18">_xlfn.IFS(N18="N/A - New Scheme", "N/A", N18&gt;0, "DBC Cost Increased", N18=0, "No change", N18&lt;0, "DBC Cost Decreased")</f>
        <v>DBC Cost Decreased</v>
      </c>
    </row>
    <row r="19" spans="2:16" ht="42.75" x14ac:dyDescent="0.2">
      <c r="B19" s="499" t="str">
        <v>TR4</v>
      </c>
      <c r="C19" s="499" t="str">
        <v>DBC IDP</v>
      </c>
      <c r="D19" s="499" t="str">
        <v>Transport</v>
      </c>
      <c r="E19" s="499" t="str">
        <v>Multi-Modal</v>
      </c>
      <c r="F19" s="499" t="str">
        <v>Woodhall Farm Local Mobility Hub</v>
      </c>
      <c r="G19" s="499" t="str">
        <v>(LS-4) Local Mobility Hub located on Shenley Road, Woodhall Fm near Sainsbury's. Served by Bus Route 2</v>
      </c>
      <c r="H19" s="1185">
        <v>370629.1875</v>
      </c>
      <c r="I19" s="1185">
        <v>112909.08005151212</v>
      </c>
      <c r="J19" s="1185">
        <v>0</v>
      </c>
      <c r="K19" s="1185">
        <f>IF(C19="DBC IDP", _xlfn.XLOOKUP(F19, '[3]DACORUM IDS'!$E:$E, '[3]DACORUM IDS'!$P:$P), "Manual Check")</f>
        <v>370629.1875</v>
      </c>
      <c r="L19" s="1185">
        <f>IF(C19="DBC IDP", _xlfn.XLOOKUP(F19, '[3]DACORUM IDS'!$E:$E, '[3]DACORUM IDS'!$CF:$CF), "N/A")</f>
        <v>0</v>
      </c>
      <c r="M19" s="1185">
        <f t="shared" si="0"/>
        <v>0</v>
      </c>
      <c r="N19" s="1185">
        <f t="shared" si="1"/>
        <v>-257720.10744848789</v>
      </c>
      <c r="O19" s="597" t="str" cm="1">
        <f t="array" ref="O19">_xlfn.IFS(M19="N/A - New Scheme", "N/A", M19&gt;0, "Overall Cost Increased", M19=0, "No change", M19&lt;0, "Overall Cost Decreased")</f>
        <v>No change</v>
      </c>
      <c r="P19" s="597" t="str" cm="1">
        <f t="array" ref="P19">_xlfn.IFS(N19="N/A - New Scheme", "N/A", N19&gt;0, "DBC Cost Increased", N19=0, "No change", N19&lt;0, "DBC Cost Decreased")</f>
        <v>DBC Cost Decreased</v>
      </c>
    </row>
    <row r="20" spans="2:16" ht="42.75" x14ac:dyDescent="0.2">
      <c r="B20" s="499" t="str">
        <v>TR5</v>
      </c>
      <c r="C20" s="499" t="str">
        <v>DBC IDP</v>
      </c>
      <c r="D20" s="499" t="str">
        <v>Transport</v>
      </c>
      <c r="E20" s="499" t="str">
        <v>Multi-Modal</v>
      </c>
      <c r="F20" s="499" t="str">
        <v>Adeyfield Local Mobility Hub</v>
      </c>
      <c r="G20" s="499" t="str">
        <v>(LS-5) Local Mobility Hub located at The Queen's Square, Adeyfield local centre. Served by Bus Routes 1 and 302</v>
      </c>
      <c r="H20" s="1185">
        <v>370629.1875</v>
      </c>
      <c r="I20" s="1185">
        <v>112909.08005151212</v>
      </c>
      <c r="J20" s="1185">
        <v>0</v>
      </c>
      <c r="K20" s="1185">
        <f>IF(C20="DBC IDP", _xlfn.XLOOKUP(F20, '[3]DACORUM IDS'!$E:$E, '[3]DACORUM IDS'!$P:$P), "Manual Check")</f>
        <v>370629.1875</v>
      </c>
      <c r="L20" s="1185" t="str">
        <f>IF(C20="DBC IDP", _xlfn.XLOOKUP(F20, '[3]DACORUM IDS'!$E:$E, '[3]DACORUM IDS'!$CF:$CF), "N/A")</f>
        <v/>
      </c>
      <c r="M20" s="1185">
        <f t="shared" si="0"/>
        <v>0</v>
      </c>
      <c r="N20" s="1185">
        <f t="shared" si="1"/>
        <v>-257720.10744848789</v>
      </c>
      <c r="O20" s="597" t="str" cm="1">
        <f t="array" ref="O20">_xlfn.IFS(M20="N/A - New Scheme", "N/A", M20&gt;0, "Overall Cost Increased", M20=0, "No change", M20&lt;0, "Overall Cost Decreased")</f>
        <v>No change</v>
      </c>
      <c r="P20" s="597" t="str" cm="1">
        <f t="array" ref="P20">_xlfn.IFS(N20="N/A - New Scheme", "N/A", N20&gt;0, "DBC Cost Increased", N20=0, "No change", N20&lt;0, "DBC Cost Decreased")</f>
        <v>DBC Cost Decreased</v>
      </c>
    </row>
    <row r="21" spans="2:16" ht="28.5" x14ac:dyDescent="0.2">
      <c r="B21" s="499" t="str">
        <v>TR6</v>
      </c>
      <c r="C21" s="499" t="str">
        <v>DBC IDP</v>
      </c>
      <c r="D21" s="499" t="str">
        <v>Transport</v>
      </c>
      <c r="E21" s="499" t="str">
        <v>Multi-Modal</v>
      </c>
      <c r="F21" s="499" t="str">
        <v>Maylands South Local Mobility Hub</v>
      </c>
      <c r="G21" s="499" t="str">
        <v>(LS-6) At or near future HERT interchange at junction of A414 Breakspear Way/Maylands Avenue</v>
      </c>
      <c r="H21" s="1185">
        <v>370629.1875</v>
      </c>
      <c r="I21" s="1185">
        <v>203262.21484830807</v>
      </c>
      <c r="J21" s="1185">
        <v>0</v>
      </c>
      <c r="K21" s="1185">
        <f>IF(C21="DBC IDP", _xlfn.XLOOKUP(F21, '[3]DACORUM IDS'!$E:$E, '[3]DACORUM IDS'!$P:$P), "Manual Check")</f>
        <v>370629.1875</v>
      </c>
      <c r="L21" s="1185">
        <f>IF(C21="DBC IDP", _xlfn.XLOOKUP(F21, '[3]DACORUM IDS'!$E:$E, '[3]DACORUM IDS'!$CF:$CF), "N/A")</f>
        <v>0</v>
      </c>
      <c r="M21" s="1185">
        <f t="shared" si="0"/>
        <v>0</v>
      </c>
      <c r="N21" s="1185">
        <f t="shared" si="1"/>
        <v>-167366.97265169193</v>
      </c>
      <c r="O21" s="597" t="str" cm="1">
        <f t="array" ref="O21">_xlfn.IFS(M21="N/A - New Scheme", "N/A", M21&gt;0, "Overall Cost Increased", M21=0, "No change", M21&lt;0, "Overall Cost Decreased")</f>
        <v>No change</v>
      </c>
      <c r="P21" s="597" t="str" cm="1">
        <f t="array" ref="P21">_xlfn.IFS(N21="N/A - New Scheme", "N/A", N21&gt;0, "DBC Cost Increased", N21=0, "No change", N21&lt;0, "DBC Cost Decreased")</f>
        <v>DBC Cost Decreased</v>
      </c>
    </row>
    <row r="22" spans="2:16" ht="57" x14ac:dyDescent="0.2">
      <c r="B22" s="499" t="str">
        <v>TR7</v>
      </c>
      <c r="C22" s="499" t="str">
        <v>DBC IDP</v>
      </c>
      <c r="D22" s="499" t="str">
        <v>Transport</v>
      </c>
      <c r="E22" s="499" t="str">
        <v>Multi-Modal</v>
      </c>
      <c r="F22" s="499" t="str">
        <v>Jarman Park Local Mobility Hub</v>
      </c>
      <c r="G22" s="499" t="str">
        <v>(LS-7) Local Mobility Hub located at Jarman Park near to vehicle access or adjacent to marked bus stop. Not currently served by any local bus service but could be served by the HERT in the future</v>
      </c>
      <c r="H22" s="1185">
        <v>370629.1875</v>
      </c>
      <c r="I22" s="1185">
        <v>222377.51250000004</v>
      </c>
      <c r="J22" s="1185">
        <v>0</v>
      </c>
      <c r="K22" s="1185">
        <f>IF(C22="DBC IDP", _xlfn.XLOOKUP(F22, '[3]DACORUM IDS'!$E:$E, '[3]DACORUM IDS'!$P:$P), "Manual Check")</f>
        <v>370629.1875</v>
      </c>
      <c r="L22" s="1185" t="str">
        <f>IF(C22="DBC IDP", _xlfn.XLOOKUP(F22, '[3]DACORUM IDS'!$E:$E, '[3]DACORUM IDS'!$CF:$CF), "N/A")</f>
        <v/>
      </c>
      <c r="M22" s="1185">
        <f t="shared" si="0"/>
        <v>0</v>
      </c>
      <c r="N22" s="1185">
        <f t="shared" si="1"/>
        <v>-148251.67499999996</v>
      </c>
      <c r="O22" s="597" t="str" cm="1">
        <f t="array" ref="O22">_xlfn.IFS(M22="N/A - New Scheme", "N/A", M22&gt;0, "Overall Cost Increased", M22=0, "No change", M22&lt;0, "Overall Cost Decreased")</f>
        <v>No change</v>
      </c>
      <c r="P22" s="597" t="str" cm="1">
        <f t="array" ref="P22">_xlfn.IFS(N22="N/A - New Scheme", "N/A", N22&gt;0, "DBC Cost Increased", N22=0, "No change", N22&lt;0, "DBC Cost Decreased")</f>
        <v>DBC Cost Decreased</v>
      </c>
    </row>
    <row r="23" spans="2:16" ht="42.75" x14ac:dyDescent="0.2">
      <c r="B23" s="499" t="str">
        <v>TR8</v>
      </c>
      <c r="C23" s="499" t="str">
        <v>DBC IDP</v>
      </c>
      <c r="D23" s="499" t="str">
        <v>Transport</v>
      </c>
      <c r="E23" s="499" t="str">
        <v>Multi-Modal</v>
      </c>
      <c r="F23" s="499" t="str">
        <v>Bennetts End Local Mobility Hub</v>
      </c>
      <c r="G23" s="499" t="str">
        <v>(LS-8) Local Mobility Hub located at Peascroft Road/Bennetts End Road, close to the local shopping parade. Served by Bus Routes 1 and 2</v>
      </c>
      <c r="H23" s="1185">
        <v>370629.1875</v>
      </c>
      <c r="I23" s="1185">
        <v>112909.08005151212</v>
      </c>
      <c r="J23" s="1185">
        <v>0</v>
      </c>
      <c r="K23" s="1185">
        <f>IF(C23="DBC IDP", _xlfn.XLOOKUP(F23, '[3]DACORUM IDS'!$E:$E, '[3]DACORUM IDS'!$P:$P), "Manual Check")</f>
        <v>370629.1875</v>
      </c>
      <c r="L23" s="1185" t="str">
        <f>IF(C23="DBC IDP", _xlfn.XLOOKUP(F23, '[3]DACORUM IDS'!$E:$E, '[3]DACORUM IDS'!$CF:$CF), "N/A")</f>
        <v/>
      </c>
      <c r="M23" s="1185">
        <f t="shared" si="0"/>
        <v>0</v>
      </c>
      <c r="N23" s="1185">
        <f t="shared" si="1"/>
        <v>-257720.10744848789</v>
      </c>
      <c r="O23" s="597" t="str" cm="1">
        <f t="array" ref="O23">_xlfn.IFS(M23="N/A - New Scheme", "N/A", M23&gt;0, "Overall Cost Increased", M23=0, "No change", M23&lt;0, "Overall Cost Decreased")</f>
        <v>No change</v>
      </c>
      <c r="P23" s="597" t="str" cm="1">
        <f t="array" ref="P23">_xlfn.IFS(N23="N/A - New Scheme", "N/A", N23&gt;0, "DBC Cost Increased", N23=0, "No change", N23&lt;0, "DBC Cost Decreased")</f>
        <v>DBC Cost Decreased</v>
      </c>
    </row>
    <row r="24" spans="2:16" ht="42.75" x14ac:dyDescent="0.2">
      <c r="B24" s="499" t="str">
        <v>TR9</v>
      </c>
      <c r="C24" s="499" t="str">
        <v>DBC IDP</v>
      </c>
      <c r="D24" s="499" t="str">
        <v>Transport</v>
      </c>
      <c r="E24" s="499" t="str">
        <v>Multi-Modal</v>
      </c>
      <c r="F24" s="499" t="str">
        <v>Leverstock Green Local Mobility Hub</v>
      </c>
      <c r="G24" s="499" t="str">
        <v>(LS-9) Local Mobility Hub located on Leverstock Green Way, close to the local shopping parade. Served by Bus Routes 20, 302 and 721</v>
      </c>
      <c r="H24" s="1185">
        <v>370629.1875</v>
      </c>
      <c r="I24" s="1185">
        <v>112909.08005151212</v>
      </c>
      <c r="J24" s="1185">
        <v>0</v>
      </c>
      <c r="K24" s="1185">
        <f>IF(C24="DBC IDP", _xlfn.XLOOKUP(F24, '[3]DACORUM IDS'!$E:$E, '[3]DACORUM IDS'!$P:$P), "Manual Check")</f>
        <v>370629.1875</v>
      </c>
      <c r="L24" s="1185">
        <f>IF(C24="DBC IDP", _xlfn.XLOOKUP(F24, '[3]DACORUM IDS'!$E:$E, '[3]DACORUM IDS'!$CF:$CF), "N/A")</f>
        <v>0</v>
      </c>
      <c r="M24" s="1185">
        <f t="shared" si="0"/>
        <v>0</v>
      </c>
      <c r="N24" s="1185">
        <f t="shared" si="1"/>
        <v>-257720.10744848789</v>
      </c>
      <c r="O24" s="597" t="str" cm="1">
        <f t="array" ref="O24">_xlfn.IFS(M24="N/A - New Scheme", "N/A", M24&gt;0, "Overall Cost Increased", M24=0, "No change", M24&lt;0, "Overall Cost Decreased")</f>
        <v>No change</v>
      </c>
      <c r="P24" s="597" t="str" cm="1">
        <f t="array" ref="P24">_xlfn.IFS(N24="N/A - New Scheme", "N/A", N24&gt;0, "DBC Cost Increased", N24=0, "No change", N24&lt;0, "DBC Cost Decreased")</f>
        <v>DBC Cost Decreased</v>
      </c>
    </row>
    <row r="25" spans="2:16" ht="42.75" x14ac:dyDescent="0.2">
      <c r="B25" s="499" t="str">
        <v>TR10</v>
      </c>
      <c r="C25" s="499" t="str">
        <v>DBC IDP</v>
      </c>
      <c r="D25" s="499" t="str">
        <v>Transport</v>
      </c>
      <c r="E25" s="499" t="str">
        <v>Multi-Modal</v>
      </c>
      <c r="F25" s="499" t="str">
        <v>Warners End Local Mobility Hub</v>
      </c>
      <c r="G25" s="499" t="str">
        <v xml:space="preserve">(LS-10) Local Mobility Hub at Warners End Road/Long Chaulden, close to the local shopping parade. Served by Bus Routes 3, 4 and ML1. </v>
      </c>
      <c r="H25" s="1185">
        <v>370629.1875</v>
      </c>
      <c r="I25" s="1185">
        <v>112909.08005151212</v>
      </c>
      <c r="J25" s="1185">
        <v>0</v>
      </c>
      <c r="K25" s="1185">
        <f>IF(C25="DBC IDP", _xlfn.XLOOKUP(F25, '[3]DACORUM IDS'!$E:$E, '[3]DACORUM IDS'!$P:$P), "Manual Check")</f>
        <v>370629.1875</v>
      </c>
      <c r="L25" s="1185">
        <f>IF(C25="DBC IDP", _xlfn.XLOOKUP(F25, '[3]DACORUM IDS'!$E:$E, '[3]DACORUM IDS'!$CF:$CF), "N/A")</f>
        <v>0</v>
      </c>
      <c r="M25" s="1185">
        <f t="shared" si="0"/>
        <v>0</v>
      </c>
      <c r="N25" s="1185">
        <f t="shared" si="1"/>
        <v>-257720.10744848789</v>
      </c>
      <c r="O25" s="597" t="str" cm="1">
        <f t="array" ref="O25">_xlfn.IFS(M25="N/A - New Scheme", "N/A", M25&gt;0, "Overall Cost Increased", M25=0, "No change", M25&lt;0, "Overall Cost Decreased")</f>
        <v>No change</v>
      </c>
      <c r="P25" s="597" t="str" cm="1">
        <f t="array" ref="P25">_xlfn.IFS(N25="N/A - New Scheme", "N/A", N25&gt;0, "DBC Cost Increased", N25=0, "No change", N25&lt;0, "DBC Cost Decreased")</f>
        <v>DBC Cost Decreased</v>
      </c>
    </row>
    <row r="26" spans="2:16" ht="42.75" x14ac:dyDescent="0.2">
      <c r="B26" s="499" t="str">
        <v>TR11</v>
      </c>
      <c r="C26" s="499" t="str">
        <v>DBC IDP</v>
      </c>
      <c r="D26" s="499" t="str">
        <v>Transport</v>
      </c>
      <c r="E26" s="499" t="str">
        <v>Multi-Modal</v>
      </c>
      <c r="F26" s="499" t="str">
        <v>Galley Hill Local Mobility Hub</v>
      </c>
      <c r="G26" s="499" t="str">
        <v xml:space="preserve">(LS-11) Local Mobility Hub located in Galley Hill opposite the Baptist Church. Served by Bus Routes 3 and 4. </v>
      </c>
      <c r="H26" s="1185">
        <v>370629.1875</v>
      </c>
      <c r="I26" s="1185">
        <v>112909.08005151212</v>
      </c>
      <c r="J26" s="1185">
        <v>0</v>
      </c>
      <c r="K26" s="1185">
        <f>IF(C26="DBC IDP", _xlfn.XLOOKUP(F26, '[3]DACORUM IDS'!$E:$E, '[3]DACORUM IDS'!$P:$P), "Manual Check")</f>
        <v>370629.1875</v>
      </c>
      <c r="L26" s="1185">
        <f>IF(C26="DBC IDP", _xlfn.XLOOKUP(F26, '[3]DACORUM IDS'!$E:$E, '[3]DACORUM IDS'!$CF:$CF), "N/A")</f>
        <v>0</v>
      </c>
      <c r="M26" s="1185">
        <f t="shared" si="0"/>
        <v>0</v>
      </c>
      <c r="N26" s="1185">
        <f t="shared" si="1"/>
        <v>-257720.10744848789</v>
      </c>
      <c r="O26" s="597" t="str" cm="1">
        <f t="array" ref="O26">_xlfn.IFS(M26="N/A - New Scheme", "N/A", M26&gt;0, "Overall Cost Increased", M26=0, "No change", M26&lt;0, "Overall Cost Decreased")</f>
        <v>No change</v>
      </c>
      <c r="P26" s="597" t="str" cm="1">
        <f t="array" ref="P26">_xlfn.IFS(N26="N/A - New Scheme", "N/A", N26&gt;0, "DBC Cost Increased", N26=0, "No change", N26&lt;0, "DBC Cost Decreased")</f>
        <v>DBC Cost Decreased</v>
      </c>
    </row>
    <row r="27" spans="2:16" ht="42.75" x14ac:dyDescent="0.2">
      <c r="B27" s="499" t="str">
        <v>TR12</v>
      </c>
      <c r="C27" s="499" t="str">
        <v>DBC IDP</v>
      </c>
      <c r="D27" s="499" t="str">
        <v>Transport</v>
      </c>
      <c r="E27" s="499" t="str">
        <v>Multi-Modal</v>
      </c>
      <c r="F27" s="499" t="str">
        <v>Chaulden Local Mobility Hub</v>
      </c>
      <c r="G27" s="499" t="str">
        <v xml:space="preserve">(LS-12) Local Mobility Hub located close to the Honeycross Rd junction. Served by Bus Routes 3 and ML1 </v>
      </c>
      <c r="H27" s="1185">
        <v>370629.1875</v>
      </c>
      <c r="I27" s="1185">
        <v>112909.08005151212</v>
      </c>
      <c r="J27" s="1185">
        <v>0</v>
      </c>
      <c r="K27" s="1185">
        <f>IF(C27="DBC IDP", _xlfn.XLOOKUP(F27, '[3]DACORUM IDS'!$E:$E, '[3]DACORUM IDS'!$P:$P), "Manual Check")</f>
        <v>370629.1875</v>
      </c>
      <c r="L27" s="1185">
        <f>IF(C27="DBC IDP", _xlfn.XLOOKUP(F27, '[3]DACORUM IDS'!$E:$E, '[3]DACORUM IDS'!$CF:$CF), "N/A")</f>
        <v>0</v>
      </c>
      <c r="M27" s="1185">
        <f t="shared" si="0"/>
        <v>0</v>
      </c>
      <c r="N27" s="1185">
        <f t="shared" si="1"/>
        <v>-257720.10744848789</v>
      </c>
      <c r="O27" s="597" t="str" cm="1">
        <f t="array" ref="O27">_xlfn.IFS(M27="N/A - New Scheme", "N/A", M27&gt;0, "Overall Cost Increased", M27=0, "No change", M27&lt;0, "Overall Cost Decreased")</f>
        <v>No change</v>
      </c>
      <c r="P27" s="597" t="str" cm="1">
        <f t="array" ref="P27">_xlfn.IFS(N27="N/A - New Scheme", "N/A", N27&gt;0, "DBC Cost Increased", N27=0, "No change", N27&lt;0, "DBC Cost Decreased")</f>
        <v>DBC Cost Decreased</v>
      </c>
    </row>
    <row r="28" spans="2:16" ht="42.75" x14ac:dyDescent="0.2">
      <c r="B28" s="499" t="str">
        <v>TR13</v>
      </c>
      <c r="C28" s="499" t="str">
        <v>DBC IDP</v>
      </c>
      <c r="D28" s="499" t="str">
        <v>Transport</v>
      </c>
      <c r="E28" s="499" t="str">
        <v>Multi-Modal</v>
      </c>
      <c r="F28" s="499" t="str">
        <v>Maylands Central Local Mobility Hub</v>
      </c>
      <c r="G28" s="499" t="str">
        <v>(LS-13) Local Mobility Hub located at Wood Lane End car park (requites removal of parking spaces). Served by Bus Routes 302, 320 and ML1.</v>
      </c>
      <c r="H28" s="1185">
        <v>370629.1875</v>
      </c>
      <c r="I28" s="1185">
        <v>112909.08005151212</v>
      </c>
      <c r="J28" s="1185">
        <v>0</v>
      </c>
      <c r="K28" s="1185">
        <f>IF(C28="DBC IDP", _xlfn.XLOOKUP(F28, '[3]DACORUM IDS'!$E:$E, '[3]DACORUM IDS'!$P:$P), "Manual Check")</f>
        <v>370629.1875</v>
      </c>
      <c r="L28" s="1185" t="str">
        <f>IF(C28="DBC IDP", _xlfn.XLOOKUP(F28, '[3]DACORUM IDS'!$E:$E, '[3]DACORUM IDS'!$CF:$CF), "N/A")</f>
        <v/>
      </c>
      <c r="M28" s="1185">
        <f t="shared" si="0"/>
        <v>0</v>
      </c>
      <c r="N28" s="1185">
        <f t="shared" si="1"/>
        <v>-257720.10744848789</v>
      </c>
      <c r="O28" s="597" t="str" cm="1">
        <f t="array" ref="O28">_xlfn.IFS(M28="N/A - New Scheme", "N/A", M28&gt;0, "Overall Cost Increased", M28=0, "No change", M28&lt;0, "Overall Cost Decreased")</f>
        <v>No change</v>
      </c>
      <c r="P28" s="597" t="str" cm="1">
        <f t="array" ref="P28">_xlfn.IFS(N28="N/A - New Scheme", "N/A", N28&gt;0, "DBC Cost Increased", N28=0, "No change", N28&lt;0, "DBC Cost Decreased")</f>
        <v>DBC Cost Decreased</v>
      </c>
    </row>
    <row r="29" spans="2:16" ht="213.75" x14ac:dyDescent="0.2">
      <c r="B29" s="499" t="str">
        <v>TR14</v>
      </c>
      <c r="C29" s="499" t="str">
        <v>DBC IDP</v>
      </c>
      <c r="D29" s="499" t="str">
        <v>Transport</v>
      </c>
      <c r="E29" s="499" t="str">
        <v>Multi-Modal</v>
      </c>
      <c r="F29" s="499" t="str">
        <v>Maylands Multi Modal Interchange (Metro Mobility Hub)</v>
      </c>
      <c r="G29" s="499" t="str">
        <v>(LS-14) Integrated metro mobility hub with facilities to encourage and facilitate modes of transport other than the private car; this will connect the site to key destinations including Hemel Hempstead Train Station and the Maylands Business Park. Mobility hub to provide a bus and coach interchange near Maylands with access to the A414/M1. Served by existing or new express coach services along the M1 (e.g. Greenline and National Express) and local express buses to neighbouring towns including a potential cross-county express bus service (HERT). Opportunity for associated cycle and pedestrian improvements. This forms part of Phase 2 of the package of transport measures for M1 J8 enhancements - Prioritisation of active and sustainable modes of travel.</v>
      </c>
      <c r="H29" s="1185">
        <v>877751.875</v>
      </c>
      <c r="I29" s="1185">
        <v>877751.875</v>
      </c>
      <c r="J29" s="1185">
        <v>0</v>
      </c>
      <c r="K29" s="1185">
        <f>IF(C29="DBC IDP", _xlfn.XLOOKUP(F29, '[3]DACORUM IDS'!$E:$E, '[3]DACORUM IDS'!$P:$P), "Manual Check")</f>
        <v>877751.875</v>
      </c>
      <c r="L29" s="1185">
        <f>IF(C29="DBC IDP", _xlfn.XLOOKUP(F29, '[3]DACORUM IDS'!$E:$E, '[3]DACORUM IDS'!$CF:$CF), "N/A")</f>
        <v>0</v>
      </c>
      <c r="M29" s="1185">
        <f t="shared" si="0"/>
        <v>0</v>
      </c>
      <c r="N29" s="1185">
        <f t="shared" si="1"/>
        <v>0</v>
      </c>
      <c r="O29" s="597" t="str" cm="1">
        <f t="array" ref="O29">_xlfn.IFS(M29="N/A - New Scheme", "N/A", M29&gt;0, "Overall Cost Increased", M29=0, "No change", M29&lt;0, "Overall Cost Decreased")</f>
        <v>No change</v>
      </c>
      <c r="P29" s="597" t="str" cm="1">
        <f t="array" ref="P29">_xlfn.IFS(N29="N/A - New Scheme", "N/A", N29&gt;0, "DBC Cost Increased", N29=0, "No change", N29&lt;0, "DBC Cost Decreased")</f>
        <v>No change</v>
      </c>
    </row>
    <row r="30" spans="2:16" ht="57" x14ac:dyDescent="0.2">
      <c r="B30" s="499" t="str">
        <v>TR15</v>
      </c>
      <c r="C30" s="499" t="str">
        <v>DBC IDP</v>
      </c>
      <c r="D30" s="499" t="str">
        <v>Transport</v>
      </c>
      <c r="E30" s="499" t="str">
        <v>Public Transport</v>
      </c>
      <c r="F30" s="499" t="str">
        <v>Plough Roundabout Link Break - bus priority</v>
      </c>
      <c r="G30" s="499" t="str">
        <v xml:space="preserve">(LS-16) Investigate the potential for introducing bus priority at the Plough Roundabout, particularly in the vicinity of the bus interchange which could also be served by the HERT in the future. </v>
      </c>
      <c r="H30" s="1185">
        <v>61693</v>
      </c>
      <c r="I30" s="1185">
        <v>18063.265765765766</v>
      </c>
      <c r="J30" s="1185">
        <v>0</v>
      </c>
      <c r="K30" s="1185">
        <f>IF(C30="DBC IDP", _xlfn.XLOOKUP(F30, '[3]DACORUM IDS'!$E:$E, '[3]DACORUM IDS'!$P:$P), "Manual Check")</f>
        <v>40080.247349999998</v>
      </c>
      <c r="L30" s="1185" t="str">
        <f>IF(C30="DBC IDP", _xlfn.XLOOKUP(F30, '[3]DACORUM IDS'!$E:$E, '[3]DACORUM IDS'!$CF:$CF), "N/A")</f>
        <v/>
      </c>
      <c r="M30" s="1185">
        <f t="shared" si="0"/>
        <v>21612.752650000002</v>
      </c>
      <c r="N30" s="1185">
        <f t="shared" si="1"/>
        <v>-22016.981584234232</v>
      </c>
      <c r="O30" s="597" t="str" cm="1">
        <f t="array" ref="O30">_xlfn.IFS(M30="N/A - New Scheme", "N/A", M30&gt;0, "Overall Cost Increased", M30=0, "No change", M30&lt;0, "Overall Cost Decreased")</f>
        <v>Overall Cost Increased</v>
      </c>
      <c r="P30" s="597" t="str" cm="1">
        <f t="array" ref="P30">_xlfn.IFS(N30="N/A - New Scheme", "N/A", N30&gt;0, "DBC Cost Increased", N30=0, "No change", N30&lt;0, "DBC Cost Decreased")</f>
        <v>DBC Cost Decreased</v>
      </c>
    </row>
    <row r="31" spans="2:16" ht="99.75" x14ac:dyDescent="0.2">
      <c r="B31" s="499" t="str">
        <v>TR16</v>
      </c>
      <c r="C31" s="499" t="str">
        <v>DBC IDP</v>
      </c>
      <c r="D31" s="499" t="str">
        <v>Transport</v>
      </c>
      <c r="E31" s="499" t="str">
        <v>Public Transport</v>
      </c>
      <c r="F31" s="499" t="str">
        <v xml:space="preserve">A414 St Albans Road (town centre approach) bus priority </v>
      </c>
      <c r="G31" s="499" t="str">
        <v xml:space="preserve">(LS-17) Bus priority lane on the A414 westbound approaching the Plough Roundabout including bus gate signals to enable buses to move from the nearside to the offside lane. To accommodate the bus lane, there is likely to be a need to reduce general traffic space by a lane in either the eastbound or westbound direction. </v>
      </c>
      <c r="H31" s="1185">
        <v>68246</v>
      </c>
      <c r="I31" s="1185">
        <v>42917.587628865978</v>
      </c>
      <c r="J31" s="1185">
        <v>0</v>
      </c>
      <c r="K31" s="1185">
        <f>IF(C31="DBC IDP", _xlfn.XLOOKUP(F31, '[3]DACORUM IDS'!$E:$E, '[3]DACORUM IDS'!$P:$P), "Manual Check")</f>
        <v>44337.52895</v>
      </c>
      <c r="L31" s="1185" t="str">
        <f>IF(C31="DBC IDP", _xlfn.XLOOKUP(F31, '[3]DACORUM IDS'!$E:$E, '[3]DACORUM IDS'!$CF:$CF), "N/A")</f>
        <v/>
      </c>
      <c r="M31" s="1185">
        <f t="shared" si="0"/>
        <v>23908.47105</v>
      </c>
      <c r="N31" s="1185">
        <f t="shared" si="1"/>
        <v>-1419.9413211340216</v>
      </c>
      <c r="O31" s="597" t="str" cm="1">
        <f t="array" ref="O31">_xlfn.IFS(M31="N/A - New Scheme", "N/A", M31&gt;0, "Overall Cost Increased", M31=0, "No change", M31&lt;0, "Overall Cost Decreased")</f>
        <v>Overall Cost Increased</v>
      </c>
      <c r="P31" s="597" t="str" cm="1">
        <f t="array" ref="P31">_xlfn.IFS(N31="N/A - New Scheme", "N/A", N31&gt;0, "DBC Cost Increased", N31=0, "No change", N31&lt;0, "DBC Cost Decreased")</f>
        <v>DBC Cost Decreased</v>
      </c>
    </row>
    <row r="32" spans="2:16" ht="128.25" x14ac:dyDescent="0.2">
      <c r="B32" s="499" t="str">
        <v>TR17</v>
      </c>
      <c r="C32" s="499" t="str">
        <v>DBC IDP</v>
      </c>
      <c r="D32" s="499" t="str">
        <v>Transport</v>
      </c>
      <c r="E32" s="499" t="str">
        <v>Public Transport</v>
      </c>
      <c r="F32" s="499" t="str">
        <v>Bus Only Traffic Filter - Station Road</v>
      </c>
      <c r="G32" s="499" t="str">
        <v xml:space="preserve">(LS-19) A Bus Only traffic filter (in both directions) on A4146 Station Road, east of St John's Road, to prevent through traffic. Could be in operation throughout the day, or at peak times only. It would benefit Bus Routes 1, 2, 4, 20, 302, 352, 501, ML1 and X5. Additional locations for bus only traffic filters across Hemel Hempstead are not confirmed at this time and would be subject to feasibility and assessment of the traffic re-routeing effects. </v>
      </c>
      <c r="H32" s="1185">
        <v>109695</v>
      </c>
      <c r="I32" s="1185">
        <v>73130</v>
      </c>
      <c r="J32" s="1185">
        <v>0</v>
      </c>
      <c r="K32" s="1185">
        <f>IF(C32="DBC IDP", _xlfn.XLOOKUP(F32, '[3]DACORUM IDS'!$E:$E, '[3]DACORUM IDS'!$P:$P), "Manual Check")</f>
        <v>71266.216450000007</v>
      </c>
      <c r="L32" s="1185" t="str">
        <f>IF(C32="DBC IDP", _xlfn.XLOOKUP(F32, '[3]DACORUM IDS'!$E:$E, '[3]DACORUM IDS'!$CF:$CF), "N/A")</f>
        <v/>
      </c>
      <c r="M32" s="1185">
        <f t="shared" si="0"/>
        <v>38428.783549999993</v>
      </c>
      <c r="N32" s="1185">
        <f t="shared" si="1"/>
        <v>1863.7835499999928</v>
      </c>
      <c r="O32" s="597" t="str" cm="1">
        <f t="array" ref="O32">_xlfn.IFS(M32="N/A - New Scheme", "N/A", M32&gt;0, "Overall Cost Increased", M32=0, "No change", M32&lt;0, "Overall Cost Decreased")</f>
        <v>Overall Cost Increased</v>
      </c>
      <c r="P32" s="597" t="str" cm="1">
        <f t="array" ref="P32">_xlfn.IFS(N32="N/A - New Scheme", "N/A", N32&gt;0, "DBC Cost Increased", N32=0, "No change", N32&lt;0, "DBC Cost Decreased")</f>
        <v>DBC Cost Increased</v>
      </c>
    </row>
    <row r="33" spans="2:16" ht="128.25" x14ac:dyDescent="0.2">
      <c r="B33" s="499" t="str">
        <v>TR18</v>
      </c>
      <c r="C33" s="499" t="str">
        <v>DBC IDP</v>
      </c>
      <c r="D33" s="499" t="str">
        <v>Transport</v>
      </c>
      <c r="E33" s="499" t="str">
        <v>Public Transport</v>
      </c>
      <c r="F33" s="499" t="str">
        <v>Bus Only Traffic Filters - wider Hemel Hempstead</v>
      </c>
      <c r="G33" s="499" t="str">
        <v>(LS-20) Additional locations for bus only traffic filters could be considered across Hemel Hempstead. Provision is currently made for up to 4 additional locations, subject to feasibility and public consultation. These locations will be determined based on more detailed investigations including consideration of the potential impacts on traffic re-routing. They should be considered in locations which are already well served by bus services.</v>
      </c>
      <c r="H33" s="1185">
        <v>109695</v>
      </c>
      <c r="I33" s="1185">
        <v>44813.44381625441</v>
      </c>
      <c r="J33" s="1185">
        <v>0</v>
      </c>
      <c r="K33" s="1185">
        <f>IF(C33="DBC IDP", _xlfn.XLOOKUP(F33, '[3]DACORUM IDS'!$E:$E, '[3]DACORUM IDS'!$P:$P), "Manual Check")</f>
        <v>285064.86580000003</v>
      </c>
      <c r="L33" s="1185" t="str">
        <f>IF(C33="DBC IDP", _xlfn.XLOOKUP(F33, '[3]DACORUM IDS'!$E:$E, '[3]DACORUM IDS'!$CF:$CF), "N/A")</f>
        <v/>
      </c>
      <c r="M33" s="1185">
        <f t="shared" si="0"/>
        <v>-175369.86580000003</v>
      </c>
      <c r="N33" s="1185">
        <f t="shared" si="1"/>
        <v>-240251.42198374562</v>
      </c>
      <c r="O33" s="597" t="str" cm="1">
        <f t="array" ref="O33">_xlfn.IFS(M33="N/A - New Scheme", "N/A", M33&gt;0, "Overall Cost Increased", M33=0, "No change", M33&lt;0, "Overall Cost Decreased")</f>
        <v>Overall Cost Decreased</v>
      </c>
      <c r="P33" s="597" t="str" cm="1">
        <f t="array" ref="P33">_xlfn.IFS(N33="N/A - New Scheme", "N/A", N33&gt;0, "DBC Cost Increased", N33=0, "No change", N33&lt;0, "DBC Cost Decreased")</f>
        <v>DBC Cost Decreased</v>
      </c>
    </row>
    <row r="34" spans="2:16" ht="114" x14ac:dyDescent="0.2">
      <c r="B34" s="499" t="str">
        <v>TR21</v>
      </c>
      <c r="C34" s="499" t="str">
        <v>DBC IDP</v>
      </c>
      <c r="D34" s="499" t="str">
        <v>Transport</v>
      </c>
      <c r="E34" s="499" t="str">
        <v>Multi-Modal</v>
      </c>
      <c r="F34" s="499" t="str">
        <v>North Hemel Hempstead (Hm01) Local Mobility Hub - East</v>
      </c>
      <c r="G34" s="499" t="str">
        <v>(LS-24) Local Mobility Hub located within the proposed North Hemel Hempstead (Hm01) development site on the eastern side near to the A4146 Redbourn Road and around the proposed mixed use area MU3 - to be provided by the developer at a location which is accessible within the site and aligned to the Local Mobility Hub standards applied across Hemel Garden Communities</v>
      </c>
      <c r="H34" s="1185">
        <v>370629.1875</v>
      </c>
      <c r="I34" s="1185">
        <v>370629.1875</v>
      </c>
      <c r="J34" s="1185">
        <v>0</v>
      </c>
      <c r="K34" s="1185" t="e">
        <f>IF(C34="DBC IDP", _xlfn.XLOOKUP(F34, '[3]DACORUM IDS'!$E:$E, '[3]DACORUM IDS'!$P:$P), "Manual Check")</f>
        <v>#N/A</v>
      </c>
      <c r="L34" s="1185" t="e">
        <f>IF(C34="DBC IDP", _xlfn.XLOOKUP(F34, '[3]DACORUM IDS'!$E:$E, '[3]DACORUM IDS'!$CF:$CF), "N/A")</f>
        <v>#N/A</v>
      </c>
      <c r="M34" s="1185" t="str">
        <f t="shared" si="0"/>
        <v>N/A - New Scheme</v>
      </c>
      <c r="N34" s="1185" t="str">
        <f t="shared" si="1"/>
        <v>N/A - New Scheme</v>
      </c>
      <c r="O34" s="597" t="str" cm="1">
        <f t="array" ref="O34">_xlfn.IFS(M34="N/A - New Scheme", "N/A", M34&gt;0, "Overall Cost Increased", M34=0, "No change", M34&lt;0, "Overall Cost Decreased")</f>
        <v>N/A</v>
      </c>
      <c r="P34" s="597" t="str" cm="1">
        <f t="array" ref="P34">_xlfn.IFS(N34="N/A - New Scheme", "N/A", N34&gt;0, "DBC Cost Increased", N34=0, "No change", N34&lt;0, "DBC Cost Decreased")</f>
        <v>N/A</v>
      </c>
    </row>
    <row r="35" spans="2:16" ht="114" x14ac:dyDescent="0.2">
      <c r="B35" s="499" t="str">
        <v>TR22</v>
      </c>
      <c r="C35" s="499" t="str">
        <v>DBC IDP &amp; SADC IDP</v>
      </c>
      <c r="D35" s="499" t="str">
        <v>Transport</v>
      </c>
      <c r="E35" s="499" t="str">
        <v>Multi-Modal</v>
      </c>
      <c r="F35" s="499" t="str">
        <v>East Hemel Hempstead (North) (H2) Local Mobility Hub</v>
      </c>
      <c r="G35" s="499" t="str">
        <v>(LS-25) Metro Mobility Hub located within the proposed East Hemel Hempstead development site in the northern part of the development, south of the A4146 Redbourn Road and around the proposed mixed use area MU4 - to be provided by the developer at a location which is accessible within the site and aligned to the Local Mobility Hub standards applied across Hemel Garden Communities</v>
      </c>
      <c r="H35" s="1185">
        <v>370629.1875</v>
      </c>
      <c r="I35" s="1185">
        <v>370629.1875</v>
      </c>
      <c r="J35" s="1185">
        <v>0</v>
      </c>
      <c r="K35" s="1185" t="str">
        <f>IF(C35="DBC IDP", _xlfn.XLOOKUP(F35, '[3]DACORUM IDS'!$E:$E, '[3]DACORUM IDS'!$P:$P), "Manual Check")</f>
        <v>Manual Check</v>
      </c>
      <c r="L35" s="1185" t="str">
        <f>IF(C35="DBC IDP", _xlfn.XLOOKUP(F35, '[3]DACORUM IDS'!$E:$E, '[3]DACORUM IDS'!$CF:$CF), "N/A")</f>
        <v>N/A</v>
      </c>
      <c r="M35" s="1185" t="str">
        <f t="shared" si="0"/>
        <v>N/A - New Scheme</v>
      </c>
      <c r="N35" s="1185" t="str">
        <f t="shared" si="1"/>
        <v>N/A - New Scheme</v>
      </c>
      <c r="O35" s="597" t="str" cm="1">
        <f t="array" ref="O35">_xlfn.IFS(M35="N/A - New Scheme", "N/A", M35&gt;0, "Overall Cost Increased", M35=0, "No change", M35&lt;0, "Overall Cost Decreased")</f>
        <v>N/A</v>
      </c>
      <c r="P35" s="597" t="str" cm="1">
        <f t="array" ref="P35">_xlfn.IFS(N35="N/A - New Scheme", "N/A", N35&gt;0, "DBC Cost Increased", N35=0, "No change", N35&lt;0, "DBC Cost Decreased")</f>
        <v>N/A</v>
      </c>
    </row>
    <row r="36" spans="2:16" ht="114" x14ac:dyDescent="0.2">
      <c r="B36" s="499" t="str">
        <v>TR23</v>
      </c>
      <c r="C36" s="499" t="str">
        <v>DBC IDP &amp; SADC IDP</v>
      </c>
      <c r="D36" s="499" t="str">
        <v>Transport</v>
      </c>
      <c r="E36" s="499" t="str">
        <v>Multi-Modal</v>
      </c>
      <c r="F36" s="499" t="str">
        <v>East Hemel Hempstead (South) (H4) Local Mobility Hub</v>
      </c>
      <c r="G36" s="499" t="str">
        <v>(LS-26) Metro Mobility Hub located within the proposed East Hemel Hempstead development site in the southern part of the development, north of the A4147 Hemel Hempstead Road and around the proposed mixed use area MU6 - to be provided by the developer at a location which is accessible within the site and aligned to the Local Mobility Hub standards applied across Hemel Garden Communities</v>
      </c>
      <c r="H36" s="1185">
        <v>370629.1875</v>
      </c>
      <c r="I36" s="1185">
        <v>370629.1875</v>
      </c>
      <c r="J36" s="1185">
        <v>0</v>
      </c>
      <c r="K36" s="1185" t="str">
        <f>IF(C36="DBC IDP", _xlfn.XLOOKUP(F36, '[3]DACORUM IDS'!$E:$E, '[3]DACORUM IDS'!$P:$P), "Manual Check")</f>
        <v>Manual Check</v>
      </c>
      <c r="L36" s="1185" t="str">
        <f>IF(C36="DBC IDP", _xlfn.XLOOKUP(F36, '[3]DACORUM IDS'!$E:$E, '[3]DACORUM IDS'!$CF:$CF), "N/A")</f>
        <v>N/A</v>
      </c>
      <c r="M36" s="1185" t="str">
        <f t="shared" si="0"/>
        <v>N/A - New Scheme</v>
      </c>
      <c r="N36" s="1185" t="str">
        <f t="shared" si="1"/>
        <v>N/A - New Scheme</v>
      </c>
      <c r="O36" s="597" t="str" cm="1">
        <f t="array" ref="O36">_xlfn.IFS(M36="N/A - New Scheme", "N/A", M36&gt;0, "Overall Cost Increased", M36=0, "No change", M36&lt;0, "Overall Cost Decreased")</f>
        <v>N/A</v>
      </c>
      <c r="P36" s="597" t="str" cm="1">
        <f t="array" ref="P36">_xlfn.IFS(N36="N/A - New Scheme", "N/A", N36&gt;0, "DBC Cost Increased", N36=0, "No change", N36&lt;0, "DBC Cost Decreased")</f>
        <v>N/A</v>
      </c>
    </row>
    <row r="37" spans="2:16" ht="128.25" x14ac:dyDescent="0.2">
      <c r="B37" s="499" t="str">
        <v>TR27</v>
      </c>
      <c r="C37" s="499" t="str">
        <v>DBC IDP</v>
      </c>
      <c r="D37" s="499" t="str">
        <v>Transport</v>
      </c>
      <c r="E37" s="499" t="str">
        <v>Multi-Modal</v>
      </c>
      <c r="F37" s="499" t="str">
        <v>Hemel Hempstead Station Forecourt Enhancements (Metro Mobility Hub)</v>
      </c>
      <c r="G37" s="499" t="str">
        <v xml:space="preserve">(LS-30) Revised layout to the station forecourt to provide a more attractive and accessible environment for walking, wheeling and cycling, improved taxi rank, improved bus interchange facilities in line with the Metro Mobility Hub standards. This will be the terminating/turn-around point for the proposed HERT MRT system. This intervention does not include highway access junctions or on-street bus stop provision. </v>
      </c>
      <c r="H37" s="1185">
        <v>720694</v>
      </c>
      <c r="I37" s="1185">
        <v>219553.39536944721</v>
      </c>
      <c r="J37" s="1185">
        <v>0</v>
      </c>
      <c r="K37" s="1185">
        <f>IF(C37="DBC IDP", _xlfn.XLOOKUP(F37, '[3]DACORUM IDS'!$E:$E, '[3]DACORUM IDS'!$P:$P), "Manual Check")</f>
        <v>877751.875</v>
      </c>
      <c r="L37" s="1185" t="str">
        <f>IF(C37="DBC IDP", _xlfn.XLOOKUP(F37, '[3]DACORUM IDS'!$E:$E, '[3]DACORUM IDS'!$CF:$CF), "N/A")</f>
        <v/>
      </c>
      <c r="M37" s="1185">
        <f t="shared" si="0"/>
        <v>-157057.875</v>
      </c>
      <c r="N37" s="1185">
        <f t="shared" si="1"/>
        <v>-658198.47963055281</v>
      </c>
      <c r="O37" s="597" t="str" cm="1">
        <f t="array" ref="O37">_xlfn.IFS(M37="N/A - New Scheme", "N/A", M37&gt;0, "Overall Cost Increased", M37=0, "No change", M37&lt;0, "Overall Cost Decreased")</f>
        <v>Overall Cost Decreased</v>
      </c>
      <c r="P37" s="597" t="str" cm="1">
        <f t="array" ref="P37">_xlfn.IFS(N37="N/A - New Scheme", "N/A", N37&gt;0, "DBC Cost Increased", N37=0, "No change", N37&lt;0, "DBC Cost Decreased")</f>
        <v>DBC Cost Decreased</v>
      </c>
    </row>
    <row r="38" spans="2:16" ht="199.5" x14ac:dyDescent="0.2">
      <c r="B38" s="499" t="str">
        <v>TR29</v>
      </c>
      <c r="C38" s="499" t="str">
        <v>DBC IDP / SADC IDP</v>
      </c>
      <c r="D38" s="499" t="str">
        <v>Transport</v>
      </c>
      <c r="E38" s="499" t="str">
        <v>Highways</v>
      </c>
      <c r="F38" s="499" t="str">
        <v>M1 Junction 8 enhancement - Phase 3 - M1 Junction 8 - current proposals</v>
      </c>
      <c r="G38" s="499" t="str">
        <v>(LS-32) Phase 3 of package of transport measures to enhance M1 Junction 8 and surrounding area. To provide additional capacity and connectivity to Maylands and Herts IQ, and relieve congestion on the A414. Land to the east of Junction 8 is safeguarded by The Crown Estate, in case it is required to come forward for junction improvements (Phase 3 J8 enhancements).
Reconfiguration of M1 Junction 8 on the eastern side, including a new roundabout adjoining the southbound on/off-slips and a new connector road over the M1 and connecting into (H3) East Hemel Central, enabling onward connection.</v>
      </c>
      <c r="H38" s="1185">
        <v>53450000</v>
      </c>
      <c r="I38" s="1185">
        <v>39828033.98058252</v>
      </c>
      <c r="J38" s="1185">
        <v>0</v>
      </c>
      <c r="K38" s="1185" t="str">
        <f>IF(C38="DBC IDP", _xlfn.XLOOKUP(F38, '[3]DACORUM IDS'!$E:$E, '[3]DACORUM IDS'!$P:$P), "Manual Check")</f>
        <v>Manual Check</v>
      </c>
      <c r="L38" s="1185" t="str">
        <f>IF(C38="DBC IDP", _xlfn.XLOOKUP(F38, '[3]DACORUM IDS'!$E:$E, '[3]DACORUM IDS'!$CF:$CF), "N/A")</f>
        <v>N/A</v>
      </c>
      <c r="M38" s="1185" t="str">
        <f t="shared" ref="M38:M69" si="2">IF(ISNUMBER(K38),H38-K38-IF(ISNUMBER(L38), L38, 0), "N/A - New Scheme")</f>
        <v>N/A - New Scheme</v>
      </c>
      <c r="N38" s="1185" t="str">
        <f t="shared" ref="N38:N69" si="3">IF(ISNUMBER(K38), I38-K38, "N/A - New Scheme")</f>
        <v>N/A - New Scheme</v>
      </c>
      <c r="O38" s="597" t="str" cm="1">
        <f t="array" ref="O38">_xlfn.IFS(M38="N/A - New Scheme", "N/A", M38&gt;0, "Overall Cost Increased", M38=0, "No change", M38&lt;0, "Overall Cost Decreased")</f>
        <v>N/A</v>
      </c>
      <c r="P38" s="597" t="str" cm="1">
        <f t="array" ref="P38">_xlfn.IFS(N38="N/A - New Scheme", "N/A", N38&gt;0, "DBC Cost Increased", N38=0, "No change", N38&lt;0, "DBC Cost Decreased")</f>
        <v>N/A</v>
      </c>
    </row>
    <row r="39" spans="2:16" ht="99.75" x14ac:dyDescent="0.2">
      <c r="B39" s="499" t="str">
        <v>TR30</v>
      </c>
      <c r="C39" s="499" t="str">
        <v>DBC IDP</v>
      </c>
      <c r="D39" s="499" t="str">
        <v>Transport</v>
      </c>
      <c r="E39" s="499" t="str">
        <v>Highways</v>
      </c>
      <c r="F39" s="499" t="str">
        <v>M1 Junction 8 enhancement - Phase 1 Phoenix Gateway Roundabout (A414/Green Lane) re-configuration and signalisation</v>
      </c>
      <c r="G39" s="499" t="str">
        <v>(LS-33) Phase 1 of package of transport measures to enhance M1 Junction 8 and surrounding area - Replacement of the existing Phoenix Gateway/Green Lane roundabout on the A414 with a signal-controlled crossroads incorporating at grade active travel connections into the existing network and vehicular access to East Hemel</v>
      </c>
      <c r="H39" s="1185">
        <v>1056500</v>
      </c>
      <c r="I39" s="1185">
        <v>787246.35922330094</v>
      </c>
      <c r="J39" s="1185">
        <v>0</v>
      </c>
      <c r="K39" s="1185">
        <f>IF(C39="DBC IDP", _xlfn.XLOOKUP(F39, '[3]DACORUM IDS'!$E:$E, '[3]DACORUM IDS'!$P:$P), "Manual Check")</f>
        <v>1056500</v>
      </c>
      <c r="L39" s="1185">
        <f>IF(C39="DBC IDP", _xlfn.XLOOKUP(F39, '[3]DACORUM IDS'!$E:$E, '[3]DACORUM IDS'!$CF:$CF), "N/A")</f>
        <v>0</v>
      </c>
      <c r="M39" s="1185">
        <f t="shared" si="2"/>
        <v>0</v>
      </c>
      <c r="N39" s="1185">
        <f t="shared" si="3"/>
        <v>-269253.64077669906</v>
      </c>
      <c r="O39" s="597" t="str" cm="1">
        <f t="array" ref="O39">_xlfn.IFS(M39="N/A - New Scheme", "N/A", M39&gt;0, "Overall Cost Increased", M39=0, "No change", M39&lt;0, "Overall Cost Decreased")</f>
        <v>No change</v>
      </c>
      <c r="P39" s="597" t="str" cm="1">
        <f t="array" ref="P39">_xlfn.IFS(N39="N/A - New Scheme", "N/A", N39&gt;0, "DBC Cost Increased", N39=0, "No change", N39&lt;0, "DBC Cost Decreased")</f>
        <v>DBC Cost Decreased</v>
      </c>
    </row>
    <row r="40" spans="2:16" ht="42.75" x14ac:dyDescent="0.2">
      <c r="B40" s="499" t="str">
        <v>TR31</v>
      </c>
      <c r="C40" s="499" t="str">
        <v>DBC IDP</v>
      </c>
      <c r="D40" s="499" t="str">
        <v>Transport</v>
      </c>
      <c r="E40" s="499" t="str">
        <v>Highways</v>
      </c>
      <c r="F40" s="499" t="str">
        <v>A414 Dual Carriageway gap closure - Lamsey Street</v>
      </c>
      <c r="G40" s="499" t="str">
        <v>(LS-35) Closure of the central reservation gap to right turning traffic - traffic will be diverted to the next roundabout or an alternative route</v>
      </c>
      <c r="H40" s="1185">
        <v>69251</v>
      </c>
      <c r="I40" s="1185">
        <v>43549.597938144332</v>
      </c>
      <c r="J40" s="1185">
        <v>0</v>
      </c>
      <c r="K40" s="1185">
        <f>IF(C40="DBC IDP", _xlfn.XLOOKUP(F40, '[3]DACORUM IDS'!$E:$E, '[3]DACORUM IDS'!$P:$P), "Manual Check")</f>
        <v>44990.539343750002</v>
      </c>
      <c r="L40" s="1185" t="str">
        <f>IF(C40="DBC IDP", _xlfn.XLOOKUP(F40, '[3]DACORUM IDS'!$E:$E, '[3]DACORUM IDS'!$CF:$CF), "N/A")</f>
        <v/>
      </c>
      <c r="M40" s="1185">
        <f t="shared" si="2"/>
        <v>24260.460656249998</v>
      </c>
      <c r="N40" s="1185">
        <f t="shared" si="3"/>
        <v>-1440.9414056056703</v>
      </c>
      <c r="O40" s="597" t="str" cm="1">
        <f t="array" ref="O40">_xlfn.IFS(M40="N/A - New Scheme", "N/A", M40&gt;0, "Overall Cost Increased", M40=0, "No change", M40&lt;0, "Overall Cost Decreased")</f>
        <v>Overall Cost Increased</v>
      </c>
      <c r="P40" s="597" t="str" cm="1">
        <f t="array" ref="P40">_xlfn.IFS(N40="N/A - New Scheme", "N/A", N40&gt;0, "DBC Cost Increased", N40=0, "No change", N40&lt;0, "DBC Cost Decreased")</f>
        <v>DBC Cost Decreased</v>
      </c>
    </row>
    <row r="41" spans="2:16" ht="42.75" x14ac:dyDescent="0.2">
      <c r="B41" s="499" t="str">
        <v>TR32</v>
      </c>
      <c r="C41" s="499" t="str">
        <v>DBC IDP</v>
      </c>
      <c r="D41" s="499" t="str">
        <v>Transport</v>
      </c>
      <c r="E41" s="499" t="str">
        <v>Highways</v>
      </c>
      <c r="F41" s="499" t="str">
        <v>A414 Dual Carriageway gap closure - Wood Crescent</v>
      </c>
      <c r="G41" s="499" t="str">
        <v>(LS-36) Closure of the central reservation gap to right turning traffic - traffic will be diverted to the next roundabout or an alternative route</v>
      </c>
      <c r="H41" s="1185">
        <v>69251</v>
      </c>
      <c r="I41" s="1185">
        <v>32445.052896725439</v>
      </c>
      <c r="J41" s="1185">
        <v>0</v>
      </c>
      <c r="K41" s="1185">
        <f>IF(C41="DBC IDP", _xlfn.XLOOKUP(F41, '[3]DACORUM IDS'!$E:$E, '[3]DACORUM IDS'!$P:$P), "Manual Check")</f>
        <v>44990.539343750002</v>
      </c>
      <c r="L41" s="1185" t="str">
        <f>IF(C41="DBC IDP", _xlfn.XLOOKUP(F41, '[3]DACORUM IDS'!$E:$E, '[3]DACORUM IDS'!$CF:$CF), "N/A")</f>
        <v/>
      </c>
      <c r="M41" s="1185">
        <f t="shared" si="2"/>
        <v>24260.460656249998</v>
      </c>
      <c r="N41" s="1185">
        <f t="shared" si="3"/>
        <v>-12545.486447024563</v>
      </c>
      <c r="O41" s="597" t="str" cm="1">
        <f t="array" ref="O41">_xlfn.IFS(M41="N/A - New Scheme", "N/A", M41&gt;0, "Overall Cost Increased", M41=0, "No change", M41&lt;0, "Overall Cost Decreased")</f>
        <v>Overall Cost Increased</v>
      </c>
      <c r="P41" s="597" t="str" cm="1">
        <f t="array" ref="P41">_xlfn.IFS(N41="N/A - New Scheme", "N/A", N41&gt;0, "DBC Cost Increased", N41=0, "No change", N41&lt;0, "DBC Cost Decreased")</f>
        <v>DBC Cost Decreased</v>
      </c>
    </row>
    <row r="42" spans="2:16" ht="42.75" x14ac:dyDescent="0.2">
      <c r="B42" s="499" t="str">
        <v>TR33</v>
      </c>
      <c r="C42" s="499" t="str">
        <v>DBC IDP</v>
      </c>
      <c r="D42" s="499" t="str">
        <v>Transport</v>
      </c>
      <c r="E42" s="499" t="str">
        <v>Highways</v>
      </c>
      <c r="F42" s="499" t="str">
        <v>A414 Dual Carriageway gap closure - St Albans Rd leading into Mariner Way &amp; Sandmere Close</v>
      </c>
      <c r="G42" s="499" t="str">
        <v>(LS-37) Closure of the central reservation gap to right turning traffic - traffic will be diverted to the next roundabout or an alternative route</v>
      </c>
      <c r="H42" s="1185">
        <v>67129</v>
      </c>
      <c r="I42" s="1185">
        <v>31819.556574923547</v>
      </c>
      <c r="J42" s="1185">
        <v>0</v>
      </c>
      <c r="K42" s="1185">
        <f>IF(C42="DBC IDP", _xlfn.XLOOKUP(F42, '[3]DACORUM IDS'!$E:$E, '[3]DACORUM IDS'!$P:$P), "Manual Check")</f>
        <v>43612.20166875</v>
      </c>
      <c r="L42" s="1185" t="str">
        <f>IF(C42="DBC IDP", _xlfn.XLOOKUP(F42, '[3]DACORUM IDS'!$E:$E, '[3]DACORUM IDS'!$CF:$CF), "N/A")</f>
        <v/>
      </c>
      <c r="M42" s="1185">
        <f t="shared" si="2"/>
        <v>23516.79833125</v>
      </c>
      <c r="N42" s="1185">
        <f t="shared" si="3"/>
        <v>-11792.645093826453</v>
      </c>
      <c r="O42" s="597" t="str" cm="1">
        <f t="array" ref="O42">_xlfn.IFS(M42="N/A - New Scheme", "N/A", M42&gt;0, "Overall Cost Increased", M42=0, "No change", M42&lt;0, "Overall Cost Decreased")</f>
        <v>Overall Cost Increased</v>
      </c>
      <c r="P42" s="597" t="str" cm="1">
        <f t="array" ref="P42">_xlfn.IFS(N42="N/A - New Scheme", "N/A", N42&gt;0, "DBC Cost Increased", N42=0, "No change", N42&lt;0, "DBC Cost Decreased")</f>
        <v>DBC Cost Decreased</v>
      </c>
    </row>
    <row r="43" spans="2:16" ht="42.75" x14ac:dyDescent="0.2">
      <c r="B43" s="499" t="str">
        <v>TR34</v>
      </c>
      <c r="C43" s="499" t="str">
        <v>DBC IDP</v>
      </c>
      <c r="D43" s="499" t="str">
        <v>Transport</v>
      </c>
      <c r="E43" s="499" t="str">
        <v>Highways</v>
      </c>
      <c r="F43" s="499" t="str">
        <v>A414 Dual Carriageway gap closure - Rant Meadow</v>
      </c>
      <c r="G43" s="499" t="str">
        <v>(LS-38) Closure of the central reservation gap to right turning traffic - traffic will be diverted to the next roundabout or an alternative route</v>
      </c>
      <c r="H43" s="1185">
        <v>69251</v>
      </c>
      <c r="I43" s="1185">
        <v>32825.397553516821</v>
      </c>
      <c r="J43" s="1185">
        <v>0</v>
      </c>
      <c r="K43" s="1185">
        <f>IF(C43="DBC IDP", _xlfn.XLOOKUP(F43, '[3]DACORUM IDS'!$E:$E, '[3]DACORUM IDS'!$P:$P), "Manual Check")</f>
        <v>44990.539343750002</v>
      </c>
      <c r="L43" s="1185" t="str">
        <f>IF(C43="DBC IDP", _xlfn.XLOOKUP(F43, '[3]DACORUM IDS'!$E:$E, '[3]DACORUM IDS'!$CF:$CF), "N/A")</f>
        <v/>
      </c>
      <c r="M43" s="1185">
        <f t="shared" si="2"/>
        <v>24260.460656249998</v>
      </c>
      <c r="N43" s="1185">
        <f t="shared" si="3"/>
        <v>-12165.141790233181</v>
      </c>
      <c r="O43" s="597" t="str" cm="1">
        <f t="array" ref="O43">_xlfn.IFS(M43="N/A - New Scheme", "N/A", M43&gt;0, "Overall Cost Increased", M43=0, "No change", M43&lt;0, "Overall Cost Decreased")</f>
        <v>Overall Cost Increased</v>
      </c>
      <c r="P43" s="597" t="str" cm="1">
        <f t="array" ref="P43">_xlfn.IFS(N43="N/A - New Scheme", "N/A", N43&gt;0, "DBC Cost Increased", N43=0, "No change", N43&lt;0, "DBC Cost Decreased")</f>
        <v>DBC Cost Decreased</v>
      </c>
    </row>
    <row r="44" spans="2:16" ht="57" x14ac:dyDescent="0.2">
      <c r="B44" s="499" t="str">
        <v>TR35</v>
      </c>
      <c r="C44" s="499" t="str">
        <v>DBC IDP</v>
      </c>
      <c r="D44" s="499" t="str">
        <v>Transport</v>
      </c>
      <c r="E44" s="499" t="str">
        <v>Highways</v>
      </c>
      <c r="F44" s="499" t="str">
        <v>Cherry Tree Lane Quietway</v>
      </c>
      <c r="G44" s="499" t="str">
        <v>(LS-42) Quietway, indicated by signs and some physical measures at entry points, on Cherry Tree Lane between Three Cherry Trees Lane to Redbourn Road. Closure to through traffic.</v>
      </c>
      <c r="H44" s="1185">
        <v>522073</v>
      </c>
      <c r="I44" s="1185">
        <v>522073</v>
      </c>
      <c r="J44" s="1185">
        <v>0</v>
      </c>
      <c r="K44" s="1185" t="e">
        <f>IF(C44="DBC IDP", _xlfn.XLOOKUP(F44, '[3]DACORUM IDS'!$E:$E, '[3]DACORUM IDS'!$P:$P), "Manual Check")</f>
        <v>#N/A</v>
      </c>
      <c r="L44" s="1185" t="e">
        <f>IF(C44="DBC IDP", _xlfn.XLOOKUP(F44, '[3]DACORUM IDS'!$E:$E, '[3]DACORUM IDS'!$CF:$CF), "N/A")</f>
        <v>#N/A</v>
      </c>
      <c r="M44" s="1185" t="str">
        <f t="shared" si="2"/>
        <v>N/A - New Scheme</v>
      </c>
      <c r="N44" s="1185" t="str">
        <f t="shared" si="3"/>
        <v>N/A - New Scheme</v>
      </c>
      <c r="O44" s="597" t="str" cm="1">
        <f t="array" ref="O44">_xlfn.IFS(M44="N/A - New Scheme", "N/A", M44&gt;0, "Overall Cost Increased", M44=0, "No change", M44&lt;0, "Overall Cost Decreased")</f>
        <v>N/A</v>
      </c>
      <c r="P44" s="597" t="str" cm="1">
        <f t="array" ref="P44">_xlfn.IFS(N44="N/A - New Scheme", "N/A", N44&gt;0, "DBC Cost Increased", N44=0, "No change", N44&lt;0, "DBC Cost Decreased")</f>
        <v>N/A</v>
      </c>
    </row>
    <row r="45" spans="2:16" ht="85.5" x14ac:dyDescent="0.2">
      <c r="B45" s="499" t="str">
        <v>TR36</v>
      </c>
      <c r="C45" s="499" t="str">
        <v>DBC IDP</v>
      </c>
      <c r="D45" s="499" t="str">
        <v>Transport</v>
      </c>
      <c r="E45" s="499" t="str">
        <v>Highways</v>
      </c>
      <c r="F45" s="499" t="str">
        <v>Punchbowl Lane Quietway</v>
      </c>
      <c r="G45" s="499" t="str">
        <v>(LS-43) Quietway, indicated by signs and some physical measures at entry points, on Punchbowl Lane. The section of the lane west of the M1 will be subsumed within East Hemel Hempstead development and may therefore be subject to alteration. Closure to through traffic.</v>
      </c>
      <c r="H45" s="1185">
        <v>506253</v>
      </c>
      <c r="I45" s="1185">
        <v>506253</v>
      </c>
      <c r="J45" s="1185">
        <v>0</v>
      </c>
      <c r="K45" s="1185" t="e">
        <f>IF(C45="DBC IDP", _xlfn.XLOOKUP(F45, '[3]DACORUM IDS'!$E:$E, '[3]DACORUM IDS'!$P:$P), "Manual Check")</f>
        <v>#N/A</v>
      </c>
      <c r="L45" s="1185" t="e">
        <f>IF(C45="DBC IDP", _xlfn.XLOOKUP(F45, '[3]DACORUM IDS'!$E:$E, '[3]DACORUM IDS'!$CF:$CF), "N/A")</f>
        <v>#N/A</v>
      </c>
      <c r="M45" s="1185" t="str">
        <f t="shared" si="2"/>
        <v>N/A - New Scheme</v>
      </c>
      <c r="N45" s="1185" t="str">
        <f t="shared" si="3"/>
        <v>N/A - New Scheme</v>
      </c>
      <c r="O45" s="597" t="str" cm="1">
        <f t="array" ref="O45">_xlfn.IFS(M45="N/A - New Scheme", "N/A", M45&gt;0, "Overall Cost Increased", M45=0, "No change", M45&lt;0, "Overall Cost Decreased")</f>
        <v>N/A</v>
      </c>
      <c r="P45" s="597" t="str" cm="1">
        <f t="array" ref="P45">_xlfn.IFS(N45="N/A - New Scheme", "N/A", N45&gt;0, "DBC Cost Increased", N45=0, "No change", N45&lt;0, "DBC Cost Decreased")</f>
        <v>N/A</v>
      </c>
    </row>
    <row r="46" spans="2:16" ht="85.5" x14ac:dyDescent="0.2">
      <c r="B46" s="499" t="str">
        <v>TR37</v>
      </c>
      <c r="C46" s="499" t="str">
        <v>DBC IDP</v>
      </c>
      <c r="D46" s="499" t="str">
        <v>Transport</v>
      </c>
      <c r="E46" s="499" t="str">
        <v>Highways</v>
      </c>
      <c r="F46" s="499" t="str">
        <v>Hogg End Lane Quietway</v>
      </c>
      <c r="G46" s="499" t="str">
        <v>(LS-44) Quietway, indicated by signs and some physical measures at entry points, on Hog End Lane. The section of the lane west of the M1 will be subsumed within East Hemel Hempstead development and may therefore be subject to alteration. Closure to through traffic.</v>
      </c>
      <c r="H46" s="1185">
        <v>506253</v>
      </c>
      <c r="I46" s="1185">
        <v>506253.00000000006</v>
      </c>
      <c r="J46" s="1185">
        <v>0</v>
      </c>
      <c r="K46" s="1185" t="e">
        <f>IF(C46="DBC IDP", _xlfn.XLOOKUP(F46, '[3]DACORUM IDS'!$E:$E, '[3]DACORUM IDS'!$P:$P), "Manual Check")</f>
        <v>#N/A</v>
      </c>
      <c r="L46" s="1185" t="e">
        <f>IF(C46="DBC IDP", _xlfn.XLOOKUP(F46, '[3]DACORUM IDS'!$E:$E, '[3]DACORUM IDS'!$CF:$CF), "N/A")</f>
        <v>#N/A</v>
      </c>
      <c r="M46" s="1185" t="str">
        <f t="shared" si="2"/>
        <v>N/A - New Scheme</v>
      </c>
      <c r="N46" s="1185" t="str">
        <f t="shared" si="3"/>
        <v>N/A - New Scheme</v>
      </c>
      <c r="O46" s="597" t="str" cm="1">
        <f t="array" ref="O46">_xlfn.IFS(M46="N/A - New Scheme", "N/A", M46&gt;0, "Overall Cost Increased", M46=0, "No change", M46&lt;0, "Overall Cost Decreased")</f>
        <v>N/A</v>
      </c>
      <c r="P46" s="597" t="str" cm="1">
        <f t="array" ref="P46">_xlfn.IFS(N46="N/A - New Scheme", "N/A", N46&gt;0, "DBC Cost Increased", N46=0, "No change", N46&lt;0, "DBC Cost Decreased")</f>
        <v>N/A</v>
      </c>
    </row>
    <row r="47" spans="2:16" ht="114" x14ac:dyDescent="0.2">
      <c r="B47" s="499" t="str">
        <v>TR38</v>
      </c>
      <c r="C47" s="499" t="str">
        <v>DBC IDP</v>
      </c>
      <c r="D47" s="499" t="str">
        <v>Transport</v>
      </c>
      <c r="E47" s="499" t="str">
        <v>Highways</v>
      </c>
      <c r="F47" s="499" t="str">
        <v xml:space="preserve">Green Lane Quietway </v>
      </c>
      <c r="G47" s="499" t="str">
        <v>(LS-45) Quietway, indicated by signs and some physical measures at entry points, on Green Lane between Breakspear Park office complex access and junction with Westwick Row. The section of Green Lane adjacent to Breakspear Park may be subject to alteration resulting from the East Hemel Hempstead development and changes to the A414 Phoenix Gateway Roundabout. Closure to through traffic.</v>
      </c>
      <c r="H47" s="1185">
        <v>7594</v>
      </c>
      <c r="I47" s="1185">
        <v>7594</v>
      </c>
      <c r="J47" s="1185">
        <v>0</v>
      </c>
      <c r="K47" s="1185" t="e">
        <f>IF(C47="DBC IDP", _xlfn.XLOOKUP(F47, '[3]DACORUM IDS'!$E:$E, '[3]DACORUM IDS'!$P:$P), "Manual Check")</f>
        <v>#N/A</v>
      </c>
      <c r="L47" s="1185" t="e">
        <f>IF(C47="DBC IDP", _xlfn.XLOOKUP(F47, '[3]DACORUM IDS'!$E:$E, '[3]DACORUM IDS'!$CF:$CF), "N/A")</f>
        <v>#N/A</v>
      </c>
      <c r="M47" s="1185" t="str">
        <f t="shared" si="2"/>
        <v>N/A - New Scheme</v>
      </c>
      <c r="N47" s="1185" t="str">
        <f t="shared" si="3"/>
        <v>N/A - New Scheme</v>
      </c>
      <c r="O47" s="597" t="str" cm="1">
        <f t="array" ref="O47">_xlfn.IFS(M47="N/A - New Scheme", "N/A", M47&gt;0, "Overall Cost Increased", M47=0, "No change", M47&lt;0, "Overall Cost Decreased")</f>
        <v>N/A</v>
      </c>
      <c r="P47" s="597" t="str" cm="1">
        <f t="array" ref="P47">_xlfn.IFS(N47="N/A - New Scheme", "N/A", N47&gt;0, "DBC Cost Increased", N47=0, "No change", N47&lt;0, "DBC Cost Decreased")</f>
        <v>N/A</v>
      </c>
    </row>
    <row r="48" spans="2:16" ht="57" x14ac:dyDescent="0.2">
      <c r="B48" s="499" t="str">
        <v>TR39</v>
      </c>
      <c r="C48" s="499" t="str">
        <v>DBC IDP</v>
      </c>
      <c r="D48" s="499" t="str">
        <v>Transport</v>
      </c>
      <c r="E48" s="499" t="str">
        <v>Highways</v>
      </c>
      <c r="F48" s="499" t="str">
        <v xml:space="preserve">Bunkers Lane Quietway </v>
      </c>
      <c r="G48" s="499" t="str">
        <v>(LS-46) Quietway, indicated by signs and some physical measures at entry points, on Bunkers Lane between Longdean Park and Bedmond Road. Closure to through traffic.</v>
      </c>
      <c r="H48" s="1185">
        <v>334760</v>
      </c>
      <c r="I48" s="1185">
        <v>334759.99999999994</v>
      </c>
      <c r="J48" s="1185">
        <v>0</v>
      </c>
      <c r="K48" s="1185">
        <f>IF(C48="DBC IDP", _xlfn.XLOOKUP(F48, '[3]DACORUM IDS'!$E:$E, '[3]DACORUM IDS'!$P:$P), "Manual Check")</f>
        <v>217485.125</v>
      </c>
      <c r="L48" s="1185" t="str">
        <f>IF(C48="DBC IDP", _xlfn.XLOOKUP(F48, '[3]DACORUM IDS'!$E:$E, '[3]DACORUM IDS'!$CF:$CF), "N/A")</f>
        <v/>
      </c>
      <c r="M48" s="1185">
        <f t="shared" si="2"/>
        <v>117274.875</v>
      </c>
      <c r="N48" s="1185">
        <f t="shared" si="3"/>
        <v>117274.87499999994</v>
      </c>
      <c r="O48" s="597" t="str" cm="1">
        <f t="array" ref="O48">_xlfn.IFS(M48="N/A - New Scheme", "N/A", M48&gt;0, "Overall Cost Increased", M48=0, "No change", M48&lt;0, "Overall Cost Decreased")</f>
        <v>Overall Cost Increased</v>
      </c>
      <c r="P48" s="597" t="str" cm="1">
        <f t="array" ref="P48">_xlfn.IFS(N48="N/A - New Scheme", "N/A", N48&gt;0, "DBC Cost Increased", N48=0, "No change", N48&lt;0, "DBC Cost Decreased")</f>
        <v>DBC Cost Increased</v>
      </c>
    </row>
    <row r="49" spans="2:16" ht="85.5" x14ac:dyDescent="0.2">
      <c r="B49" s="499" t="str">
        <v>TR40</v>
      </c>
      <c r="C49" s="499" t="str">
        <v>DBC IDP</v>
      </c>
      <c r="D49" s="499" t="str">
        <v>Transport</v>
      </c>
      <c r="E49" s="499" t="str">
        <v>Highways</v>
      </c>
      <c r="F49" s="499" t="str">
        <v>Blackwater Lane Quietway</v>
      </c>
      <c r="G49" s="499" t="str">
        <v>(LS-47) Quietway, indicated by signs and some physical measures at entry points, on Blackwater Lane. This lane will be subsumed within East Hemel Hempstead development (reserve school development site) and may therefore be subject to change. Closure to through traffic.</v>
      </c>
      <c r="H49" s="1185">
        <v>506253</v>
      </c>
      <c r="I49" s="1185">
        <v>506253</v>
      </c>
      <c r="J49" s="1185">
        <v>0</v>
      </c>
      <c r="K49" s="1185" t="e">
        <f>IF(C49="DBC IDP", _xlfn.XLOOKUP(F49, '[3]DACORUM IDS'!$E:$E, '[3]DACORUM IDS'!$P:$P), "Manual Check")</f>
        <v>#N/A</v>
      </c>
      <c r="L49" s="1185" t="e">
        <f>IF(C49="DBC IDP", _xlfn.XLOOKUP(F49, '[3]DACORUM IDS'!$E:$E, '[3]DACORUM IDS'!$CF:$CF), "N/A")</f>
        <v>#N/A</v>
      </c>
      <c r="M49" s="1185" t="str">
        <f t="shared" si="2"/>
        <v>N/A - New Scheme</v>
      </c>
      <c r="N49" s="1185" t="str">
        <f t="shared" si="3"/>
        <v>N/A - New Scheme</v>
      </c>
      <c r="O49" s="597" t="str" cm="1">
        <f t="array" ref="O49">_xlfn.IFS(M49="N/A - New Scheme", "N/A", M49&gt;0, "Overall Cost Increased", M49=0, "No change", M49&lt;0, "Overall Cost Decreased")</f>
        <v>N/A</v>
      </c>
      <c r="P49" s="597" t="str" cm="1">
        <f t="array" ref="P49">_xlfn.IFS(N49="N/A - New Scheme", "N/A", N49&gt;0, "DBC Cost Increased", N49=0, "No change", N49&lt;0, "DBC Cost Decreased")</f>
        <v>N/A</v>
      </c>
    </row>
    <row r="50" spans="2:16" ht="199.5" x14ac:dyDescent="0.2">
      <c r="B50" s="499" t="str">
        <v>TR45</v>
      </c>
      <c r="C50" s="499" t="str">
        <v>DBC IDP</v>
      </c>
      <c r="D50" s="499" t="str">
        <v>Transport</v>
      </c>
      <c r="E50" s="499" t="str">
        <v>Highways</v>
      </c>
      <c r="F50" s="499" t="str">
        <v>Holtsmere End Lane Quietway</v>
      </c>
      <c r="G50" s="499" t="str">
        <v xml:space="preserve">(LS-52) Quietway, indicated by signs and some physical measures at entry points, on Holtsmere End Lane between a location in the vicinity of PRoW (Footpath) Great Gaddesden 048 and Redbourn 011. This lane will run through or along the perimeter of the proposed East Hemel Hempstead development and therefore may be subject to alteration as part of the development. Where Holtsmere End Lane currently links onto Gaddesdon Lane on the north-eastern side of the proposed Nort/East Hemel Hempstead developments, this should also be considered for Quietway treatment to discourage traffic rat running through the development or conversely traffic routeing out of the development onto Gaddesdon Lane. </v>
      </c>
      <c r="H50" s="1185">
        <v>246798</v>
      </c>
      <c r="I50" s="1185">
        <v>56953.384615384617</v>
      </c>
      <c r="J50" s="1185">
        <v>0</v>
      </c>
      <c r="K50" s="1185">
        <f>IF(C50="DBC IDP", _xlfn.XLOOKUP(F50, '[3]DACORUM IDS'!$E:$E, '[3]DACORUM IDS'!$P:$P), "Manual Check")</f>
        <v>320677.5</v>
      </c>
      <c r="L50" s="1185">
        <f>IF(C50="DBC IDP", _xlfn.XLOOKUP(F50, '[3]DACORUM IDS'!$E:$E, '[3]DACORUM IDS'!$CF:$CF), "N/A")</f>
        <v>0</v>
      </c>
      <c r="M50" s="1185">
        <f t="shared" si="2"/>
        <v>-73879.5</v>
      </c>
      <c r="N50" s="1185">
        <f t="shared" si="3"/>
        <v>-263724.11538461538</v>
      </c>
      <c r="O50" s="597" t="str" cm="1">
        <f t="array" ref="O50">_xlfn.IFS(M50="N/A - New Scheme", "N/A", M50&gt;0, "Overall Cost Increased", M50=0, "No change", M50&lt;0, "Overall Cost Decreased")</f>
        <v>Overall Cost Decreased</v>
      </c>
      <c r="P50" s="597" t="str" cm="1">
        <f t="array" ref="P50">_xlfn.IFS(N50="N/A - New Scheme", "N/A", N50&gt;0, "DBC Cost Increased", N50=0, "No change", N50&lt;0, "DBC Cost Decreased")</f>
        <v>DBC Cost Decreased</v>
      </c>
    </row>
    <row r="51" spans="2:16" ht="85.5" x14ac:dyDescent="0.2">
      <c r="B51" s="499" t="str">
        <v>TR46</v>
      </c>
      <c r="C51" s="499" t="str">
        <v>DBC IDP</v>
      </c>
      <c r="D51" s="499" t="str">
        <v>Transport</v>
      </c>
      <c r="E51" s="499" t="str">
        <v>Active Travel</v>
      </c>
      <c r="F51" s="499" t="str">
        <v>Redbourn Road Green Loop Crossing Point</v>
      </c>
      <c r="G51" s="499" t="str">
        <v>(LS-53) Pedestrian and cycle crossing on B487 Redbourn Road adjacent to the junction between Cherry Tree Lane and Holtsmere End Lane to connect sections of the proposed Green Loop running through the East Hemel Hempstead development on either side.</v>
      </c>
      <c r="H51" s="1185">
        <v>34245</v>
      </c>
      <c r="I51" s="1185">
        <v>34245</v>
      </c>
      <c r="J51" s="1185">
        <v>0</v>
      </c>
      <c r="K51" s="1185" t="e">
        <f>IF(C51="DBC IDP", _xlfn.XLOOKUP(F51, '[3]DACORUM IDS'!$E:$E, '[3]DACORUM IDS'!$P:$P), "Manual Check")</f>
        <v>#N/A</v>
      </c>
      <c r="L51" s="1185" t="e">
        <f>IF(C51="DBC IDP", _xlfn.XLOOKUP(F51, '[3]DACORUM IDS'!$E:$E, '[3]DACORUM IDS'!$CF:$CF), "N/A")</f>
        <v>#N/A</v>
      </c>
      <c r="M51" s="1185" t="str">
        <f t="shared" si="2"/>
        <v>N/A - New Scheme</v>
      </c>
      <c r="N51" s="1185" t="str">
        <f t="shared" si="3"/>
        <v>N/A - New Scheme</v>
      </c>
      <c r="O51" s="597" t="str" cm="1">
        <f t="array" ref="O51">_xlfn.IFS(M51="N/A - New Scheme", "N/A", M51&gt;0, "Overall Cost Increased", M51=0, "No change", M51&lt;0, "Overall Cost Decreased")</f>
        <v>N/A</v>
      </c>
      <c r="P51" s="597" t="str" cm="1">
        <f t="array" ref="P51">_xlfn.IFS(N51="N/A - New Scheme", "N/A", N51&gt;0, "DBC Cost Increased", N51=0, "No change", N51&lt;0, "DBC Cost Decreased")</f>
        <v>N/A</v>
      </c>
    </row>
    <row r="52" spans="2:16" ht="242.25" x14ac:dyDescent="0.2">
      <c r="B52" s="499" t="str">
        <v>TR47</v>
      </c>
      <c r="C52" s="499" t="str">
        <v>DBC IDP</v>
      </c>
      <c r="D52" s="499" t="str">
        <v>Transport</v>
      </c>
      <c r="E52" s="499" t="str">
        <v>Active Travel</v>
      </c>
      <c r="F52" s="499" t="str">
        <v>A4147 Hemel Hempstead Road Gateway Corridor</v>
      </c>
      <c r="G52" s="499" t="str">
        <v xml:space="preserve">(LS-54) Alterations to the A4147 Hemel Hempstead Road between the existing settlement boundary and the junction with Beechtree Lane and Appspond Lane (between M1 and A414), comprising: 1) speed limit changes 30mph along most of the length, with a buffer 40mph section at the eastern most end up to Beechtree Lane and Appsond Lane; 2) provision of upgraded shared use pedestrian and cycle route along the full length (northern side of the road); 3 crossings including 1 signal-controlled pedestrian/cycle crossing (for access to proposed secondary school on southern side) and a crossing to link with the Blackwater Lane Green Loop; raised M1 bridge parapet (northern side) to facilitate cycling. Upgrades may be influenced by where proposed vehicle accesses will be created into the East Hemel Hempstead development site and school entrance.   </v>
      </c>
      <c r="H52" s="1185">
        <v>2369897</v>
      </c>
      <c r="I52" s="1185">
        <v>2369897</v>
      </c>
      <c r="J52" s="1185">
        <v>0</v>
      </c>
      <c r="K52" s="1185" t="e">
        <f>IF(C52="DBC IDP", _xlfn.XLOOKUP(F52, '[3]DACORUM IDS'!$E:$E, '[3]DACORUM IDS'!$P:$P), "Manual Check")</f>
        <v>#N/A</v>
      </c>
      <c r="L52" s="1185" t="e">
        <f>IF(C52="DBC IDP", _xlfn.XLOOKUP(F52, '[3]DACORUM IDS'!$E:$E, '[3]DACORUM IDS'!$CF:$CF), "N/A")</f>
        <v>#N/A</v>
      </c>
      <c r="M52" s="1185" t="str">
        <f t="shared" si="2"/>
        <v>N/A - New Scheme</v>
      </c>
      <c r="N52" s="1185" t="str">
        <f t="shared" si="3"/>
        <v>N/A - New Scheme</v>
      </c>
      <c r="O52" s="597" t="str" cm="1">
        <f t="array" ref="O52">_xlfn.IFS(M52="N/A - New Scheme", "N/A", M52&gt;0, "Overall Cost Increased", M52=0, "No change", M52&lt;0, "Overall Cost Decreased")</f>
        <v>N/A</v>
      </c>
      <c r="P52" s="597" t="str" cm="1">
        <f t="array" ref="P52">_xlfn.IFS(N52="N/A - New Scheme", "N/A", N52&gt;0, "DBC Cost Increased", N52=0, "No change", N52&lt;0, "DBC Cost Decreased")</f>
        <v>N/A</v>
      </c>
    </row>
    <row r="53" spans="2:16" ht="57" x14ac:dyDescent="0.2">
      <c r="B53" s="499" t="str">
        <v>TR48</v>
      </c>
      <c r="C53" s="499" t="str">
        <v>DBC IDP</v>
      </c>
      <c r="D53" s="499" t="str">
        <v>Transport</v>
      </c>
      <c r="E53" s="499" t="str">
        <v>Active Travel</v>
      </c>
      <c r="F53" s="499" t="str">
        <v>Bunkers Lane-Blackwater Lane Quietway Crossing Point</v>
      </c>
      <c r="G53" s="499" t="str">
        <v>(LS-55) Pedestrian and cycle crossing on Bedmond Road adjacent to the junction with Bunkers Lane (proposed Quietway) and Blackwater Lane (proposed Quietway)</v>
      </c>
      <c r="H53" s="1185">
        <v>312611</v>
      </c>
      <c r="I53" s="1185">
        <v>312611</v>
      </c>
      <c r="J53" s="1185">
        <v>0</v>
      </c>
      <c r="K53" s="1185" t="e">
        <f>IF(C53="DBC IDP", _xlfn.XLOOKUP(F53, '[3]DACORUM IDS'!$E:$E, '[3]DACORUM IDS'!$P:$P), "Manual Check")</f>
        <v>#N/A</v>
      </c>
      <c r="L53" s="1185" t="e">
        <f>IF(C53="DBC IDP", _xlfn.XLOOKUP(F53, '[3]DACORUM IDS'!$E:$E, '[3]DACORUM IDS'!$CF:$CF), "N/A")</f>
        <v>#N/A</v>
      </c>
      <c r="M53" s="1185" t="str">
        <f t="shared" si="2"/>
        <v>N/A - New Scheme</v>
      </c>
      <c r="N53" s="1185" t="str">
        <f t="shared" si="3"/>
        <v>N/A - New Scheme</v>
      </c>
      <c r="O53" s="597" t="str" cm="1">
        <f t="array" ref="O53">_xlfn.IFS(M53="N/A - New Scheme", "N/A", M53&gt;0, "Overall Cost Increased", M53=0, "No change", M53&lt;0, "Overall Cost Decreased")</f>
        <v>N/A</v>
      </c>
      <c r="P53" s="597" t="str" cm="1">
        <f t="array" ref="P53">_xlfn.IFS(N53="N/A - New Scheme", "N/A", N53&gt;0, "DBC Cost Increased", N53=0, "No change", N53&lt;0, "DBC Cost Decreased")</f>
        <v>N/A</v>
      </c>
    </row>
    <row r="54" spans="2:16" ht="42.75" x14ac:dyDescent="0.2">
      <c r="B54" s="499" t="str">
        <v>TR49</v>
      </c>
      <c r="C54" s="499" t="str">
        <v>DBC IDP</v>
      </c>
      <c r="D54" s="499" t="str">
        <v>Transport</v>
      </c>
      <c r="E54" s="499" t="str">
        <v>Multi-Modal</v>
      </c>
      <c r="F54" s="499" t="str">
        <v>The Denes Centre Local Mobility Hub</v>
      </c>
      <c r="G54" s="499" t="str">
        <v>(LS-56) Local Mobility Hub located adjacent to the Denes local shopping parade. Served nearby by Bus Route 2</v>
      </c>
      <c r="H54" s="1185">
        <v>370629.19</v>
      </c>
      <c r="I54" s="1185">
        <v>112909.08081311622</v>
      </c>
      <c r="J54" s="1185">
        <v>0</v>
      </c>
      <c r="K54" s="1185">
        <f>IF(C54="DBC IDP", _xlfn.XLOOKUP(F54, '[3]DACORUM IDS'!$E:$E, '[3]DACORUM IDS'!$P:$P), "Manual Check")</f>
        <v>370629.1875</v>
      </c>
      <c r="L54" s="1185" t="str">
        <f>IF(C54="DBC IDP", _xlfn.XLOOKUP(F54, '[3]DACORUM IDS'!$E:$E, '[3]DACORUM IDS'!$CF:$CF), "N/A")</f>
        <v/>
      </c>
      <c r="M54" s="1185">
        <f t="shared" si="2"/>
        <v>2.5000000023283064E-3</v>
      </c>
      <c r="N54" s="1185">
        <f t="shared" si="3"/>
        <v>-257720.10668688378</v>
      </c>
      <c r="O54" s="597" t="str" cm="1">
        <f t="array" ref="O54">_xlfn.IFS(M54="N/A - New Scheme", "N/A", M54&gt;0, "Overall Cost Increased", M54=0, "No change", M54&lt;0, "Overall Cost Decreased")</f>
        <v>Overall Cost Increased</v>
      </c>
      <c r="P54" s="597" t="str" cm="1">
        <f t="array" ref="P54">_xlfn.IFS(N54="N/A - New Scheme", "N/A", N54&gt;0, "DBC Cost Increased", N54=0, "No change", N54&lt;0, "DBC Cost Decreased")</f>
        <v>DBC Cost Decreased</v>
      </c>
    </row>
    <row r="55" spans="2:16" ht="57" x14ac:dyDescent="0.2">
      <c r="B55" s="499" t="str">
        <v>TR50</v>
      </c>
      <c r="C55" s="499" t="str">
        <v>DBC IDP</v>
      </c>
      <c r="D55" s="499" t="str">
        <v>Transport</v>
      </c>
      <c r="E55" s="499" t="str">
        <v>Multi-Modal</v>
      </c>
      <c r="F55" s="499" t="str">
        <v>Two Waters (London Road) Local Mobility Hub</v>
      </c>
      <c r="G55" s="499" t="str">
        <v>(LS-57) Local Mobility Hub located on London Road in Two Waters Opportunity Area, opposite McDonalds drive-thru and close to the A414 junction. Served nearby by Bus Route 322</v>
      </c>
      <c r="H55" s="1185">
        <v>370629.19</v>
      </c>
      <c r="I55" s="1185">
        <v>24846.649608938547</v>
      </c>
      <c r="J55" s="1185">
        <v>0</v>
      </c>
      <c r="K55" s="1185">
        <f>IF(C55="DBC IDP", _xlfn.XLOOKUP(F55, '[3]DACORUM IDS'!$E:$E, '[3]DACORUM IDS'!$P:$P), "Manual Check")</f>
        <v>370629.1875</v>
      </c>
      <c r="L55" s="1185">
        <f>IF(C55="DBC IDP", _xlfn.XLOOKUP(F55, '[3]DACORUM IDS'!$E:$E, '[3]DACORUM IDS'!$CF:$CF), "N/A")</f>
        <v>0</v>
      </c>
      <c r="M55" s="1185">
        <f t="shared" si="2"/>
        <v>2.5000000023283064E-3</v>
      </c>
      <c r="N55" s="1185">
        <f t="shared" si="3"/>
        <v>-345782.53789106145</v>
      </c>
      <c r="O55" s="597" t="str" cm="1">
        <f t="array" ref="O55">_xlfn.IFS(M55="N/A - New Scheme", "N/A", M55&gt;0, "Overall Cost Increased", M55=0, "No change", M55&lt;0, "Overall Cost Decreased")</f>
        <v>Overall Cost Increased</v>
      </c>
      <c r="P55" s="597" t="str" cm="1">
        <f t="array" ref="P55">_xlfn.IFS(N55="N/A - New Scheme", "N/A", N55&gt;0, "DBC Cost Increased", N55=0, "No change", N55&lt;0, "DBC Cost Decreased")</f>
        <v>DBC Cost Decreased</v>
      </c>
    </row>
    <row r="56" spans="2:16" ht="71.25" x14ac:dyDescent="0.2">
      <c r="B56" s="499" t="str">
        <v>TR52</v>
      </c>
      <c r="C56" s="499" t="str">
        <v>DBC IDP</v>
      </c>
      <c r="D56" s="499" t="str">
        <v>Transport</v>
      </c>
      <c r="E56" s="499" t="str">
        <v>Active Travel</v>
      </c>
      <c r="F56" s="499" t="str">
        <v>Apsley Station Forecourt &amp; Cycle Provision</v>
      </c>
      <c r="G56" s="499" t="str">
        <v xml:space="preserve">(LS-59) Enlarge pedestrian footway in front of station ticket hall, double the number of cycle stands (currently 12), removal of some parking spaces to provide space for enlarged footway and additional cycle stands, planting and landscaping. </v>
      </c>
      <c r="H56" s="1185">
        <v>37570</v>
      </c>
      <c r="I56" s="1185">
        <v>15348.38492343934</v>
      </c>
      <c r="J56" s="1185">
        <v>0</v>
      </c>
      <c r="K56" s="1185">
        <f>IF(C56="DBC IDP", _xlfn.XLOOKUP(F56, '[3]DACORUM IDS'!$E:$E, '[3]DACORUM IDS'!$P:$P), "Manual Check")</f>
        <v>17526.258750000001</v>
      </c>
      <c r="L56" s="1185">
        <f>IF(C56="DBC IDP", _xlfn.XLOOKUP(F56, '[3]DACORUM IDS'!$E:$E, '[3]DACORUM IDS'!$CF:$CF), "N/A")</f>
        <v>0</v>
      </c>
      <c r="M56" s="1185">
        <f t="shared" si="2"/>
        <v>20043.741249999999</v>
      </c>
      <c r="N56" s="1185">
        <f t="shared" si="3"/>
        <v>-2177.8738265606607</v>
      </c>
      <c r="O56" s="597" t="str" cm="1">
        <f t="array" ref="O56">_xlfn.IFS(M56="N/A - New Scheme", "N/A", M56&gt;0, "Overall Cost Increased", M56=0, "No change", M56&lt;0, "Overall Cost Decreased")</f>
        <v>Overall Cost Increased</v>
      </c>
      <c r="P56" s="597" t="str" cm="1">
        <f t="array" ref="P56">_xlfn.IFS(N56="N/A - New Scheme", "N/A", N56&gt;0, "DBC Cost Increased", N56=0, "No change", N56&lt;0, "DBC Cost Decreased")</f>
        <v>DBC Cost Decreased</v>
      </c>
    </row>
    <row r="57" spans="2:16" ht="256.5" x14ac:dyDescent="0.2">
      <c r="B57" s="499" t="str">
        <v>TR53</v>
      </c>
      <c r="C57" s="499" t="str">
        <v>DBC IDP</v>
      </c>
      <c r="D57" s="499" t="str">
        <v>Transport</v>
      </c>
      <c r="E57" s="499" t="str">
        <v>Active Travel</v>
      </c>
      <c r="F57" s="499" t="str">
        <v xml:space="preserve">B487 Hemel Hempstead Road Gateway Corridor </v>
      </c>
      <c r="G57" s="499" t="str">
        <v xml:space="preserve">(LS-61) Alterations to the B487 Hemel Hempstead Road between the existing settlement boundary and the M1 bridge, comprising: 1) speed limit changes 30mph along the frontage of the proposed East Hemel Hempstead development, with a buffer 40mph section at the eastern; 2) provision of new cycle and pedestrian route on at least one side of the road to link with existing footway provision west of Cherry Tree Lane; 3) at least 1 controlled pedestrian/cycle crossing (to connect sections of the East Hemel Hempstead development on either side; 4) alteration to the B487-Cherry Tree Lane-Holtsmere Lane junction in line with the Quietway treatments proposed to the two lanes (including signage and kerbed build outs to discourage through traffic); 5) upgraded bus stops. It is anticipated there will be one junction serving access to the proposed East Hemel Hempstead development on either side of the road.   </v>
      </c>
      <c r="H57" s="1185">
        <v>2287654</v>
      </c>
      <c r="I57" s="1185">
        <v>2287654</v>
      </c>
      <c r="J57" s="1185">
        <v>0</v>
      </c>
      <c r="K57" s="1185" t="e">
        <f>IF(C57="DBC IDP", _xlfn.XLOOKUP(F57, '[3]DACORUM IDS'!$E:$E, '[3]DACORUM IDS'!$P:$P), "Manual Check")</f>
        <v>#N/A</v>
      </c>
      <c r="L57" s="1185" t="e">
        <f>IF(C57="DBC IDP", _xlfn.XLOOKUP(F57, '[3]DACORUM IDS'!$E:$E, '[3]DACORUM IDS'!$CF:$CF), "N/A")</f>
        <v>#N/A</v>
      </c>
      <c r="M57" s="1185" t="str">
        <f t="shared" si="2"/>
        <v>N/A - New Scheme</v>
      </c>
      <c r="N57" s="1185" t="str">
        <f t="shared" si="3"/>
        <v>N/A - New Scheme</v>
      </c>
      <c r="O57" s="597" t="str" cm="1">
        <f t="array" ref="O57">_xlfn.IFS(M57="N/A - New Scheme", "N/A", M57&gt;0, "Overall Cost Increased", M57=0, "No change", M57&lt;0, "Overall Cost Decreased")</f>
        <v>N/A</v>
      </c>
      <c r="P57" s="597" t="str" cm="1">
        <f t="array" ref="P57">_xlfn.IFS(N57="N/A - New Scheme", "N/A", N57&gt;0, "DBC Cost Increased", N57=0, "No change", N57&lt;0, "DBC Cost Decreased")</f>
        <v>N/A</v>
      </c>
    </row>
    <row r="58" spans="2:16" ht="199.5" x14ac:dyDescent="0.2">
      <c r="B58" s="499" t="str">
        <v>TR56</v>
      </c>
      <c r="C58" s="499" t="str">
        <v>DBC IDP</v>
      </c>
      <c r="D58" s="499" t="str">
        <v>Transport</v>
      </c>
      <c r="E58" s="499" t="str">
        <v>Active Travel</v>
      </c>
      <c r="F58" s="499" t="str">
        <v>B440 Leighton Buzzard Road Gateway Corridor (Piccotts End to Link Road/Galley Hill</v>
      </c>
      <c r="G58" s="499" t="str">
        <v xml:space="preserve">(LS-64) Alterations to the B440 Leighton Buzzard Road in conjunction with the North Hemel Hempstead proposed development (which could potentially provide a vehicle access onto this road). Measures include reducing the current 50mph section to 40mph (matching the 40mph section to the north); reducing the current 60mph section leading out of Hemel Hempstead to 40mph; installing a signal-controlled Toucan crossing adjacent to Public Footpath 'Hemel Hempstead 013'); provision LTN standard cycle and footway (replacing the existing narrow footway) on the western side of the road (approx. 680m): provision of signal-controlled crossing on Galley Hill at southern end of corridor, east of the B440-A4147 roundabout. </v>
      </c>
      <c r="H58" s="1185">
        <v>1635197</v>
      </c>
      <c r="I58" s="1185">
        <v>681332.08333333337</v>
      </c>
      <c r="J58" s="1185">
        <v>0</v>
      </c>
      <c r="K58" s="1185">
        <f>IF(C58="DBC IDP", _xlfn.XLOOKUP(F58, '[3]DACORUM IDS'!$E:$E, '[3]DACORUM IDS'!$P:$P), "Manual Check")</f>
        <v>1062347</v>
      </c>
      <c r="L58" s="1185">
        <f>IF(C58="DBC IDP", _xlfn.XLOOKUP(F58, '[3]DACORUM IDS'!$E:$E, '[3]DACORUM IDS'!$CF:$CF), "N/A")</f>
        <v>0</v>
      </c>
      <c r="M58" s="1185">
        <f t="shared" si="2"/>
        <v>572850</v>
      </c>
      <c r="N58" s="1185">
        <f t="shared" si="3"/>
        <v>-381014.91666666663</v>
      </c>
      <c r="O58" s="597" t="str" cm="1">
        <f t="array" ref="O58">_xlfn.IFS(M58="N/A - New Scheme", "N/A", M58&gt;0, "Overall Cost Increased", M58=0, "No change", M58&lt;0, "Overall Cost Decreased")</f>
        <v>Overall Cost Increased</v>
      </c>
      <c r="P58" s="597" t="str" cm="1">
        <f t="array" ref="P58">_xlfn.IFS(N58="N/A - New Scheme", "N/A", N58&gt;0, "DBC Cost Increased", N58=0, "No change", N58&lt;0, "DBC Cost Decreased")</f>
        <v>DBC Cost Decreased</v>
      </c>
    </row>
    <row r="59" spans="2:16" ht="28.5" x14ac:dyDescent="0.2">
      <c r="B59" s="499" t="str">
        <v>TR57</v>
      </c>
      <c r="C59" s="499" t="str">
        <v>DBC IDP</v>
      </c>
      <c r="D59" s="499" t="str">
        <v>Transport</v>
      </c>
      <c r="E59" s="499" t="str">
        <v>Multi-Modal</v>
      </c>
      <c r="F59" s="499" t="str">
        <v>Marlowes - West Herts College Local Mobility Hub</v>
      </c>
      <c r="G59" s="499" t="str">
        <v xml:space="preserve">(LS-68) Local Mobility Hub outside the college, and served by Bus Routes 2, 4 and 46. </v>
      </c>
      <c r="H59" s="1185">
        <v>370629.1875</v>
      </c>
      <c r="I59" s="1185">
        <v>40732.451218937145</v>
      </c>
      <c r="J59" s="1185">
        <v>0</v>
      </c>
      <c r="K59" s="1185">
        <f>IF(C59="DBC IDP", _xlfn.XLOOKUP(F59, '[3]DACORUM IDS'!$E:$E, '[3]DACORUM IDS'!$P:$P), "Manual Check")</f>
        <v>370629.1875</v>
      </c>
      <c r="L59" s="1185">
        <f>IF(C59="DBC IDP", _xlfn.XLOOKUP(F59, '[3]DACORUM IDS'!$E:$E, '[3]DACORUM IDS'!$CF:$CF), "N/A")</f>
        <v>0</v>
      </c>
      <c r="M59" s="1185">
        <f t="shared" si="2"/>
        <v>0</v>
      </c>
      <c r="N59" s="1185">
        <f t="shared" si="3"/>
        <v>-329896.73628106283</v>
      </c>
      <c r="O59" s="597" t="str" cm="1">
        <f t="array" ref="O59">_xlfn.IFS(M59="N/A - New Scheme", "N/A", M59&gt;0, "Overall Cost Increased", M59=0, "No change", M59&lt;0, "Overall Cost Decreased")</f>
        <v>No change</v>
      </c>
      <c r="P59" s="597" t="str" cm="1">
        <f t="array" ref="P59">_xlfn.IFS(N59="N/A - New Scheme", "N/A", N59&gt;0, "DBC Cost Increased", N59=0, "No change", N59&lt;0, "DBC Cost Decreased")</f>
        <v>DBC Cost Decreased</v>
      </c>
    </row>
    <row r="60" spans="2:16" ht="42.75" x14ac:dyDescent="0.2">
      <c r="B60" s="499" t="str">
        <v>TR58</v>
      </c>
      <c r="C60" s="499" t="str">
        <v>DBC IDP</v>
      </c>
      <c r="D60" s="499" t="str">
        <v>Transport</v>
      </c>
      <c r="E60" s="499" t="str">
        <v>Multi-Modal</v>
      </c>
      <c r="F60" s="499" t="str">
        <v>West of Hemel Local Mobility Hub</v>
      </c>
      <c r="G60" s="499" t="str">
        <v>(LS-69) Local Mobility Hub within the proposed development or on the adjacent Long Chaulden, currently served by Bus Routes 3, 4 and ML1</v>
      </c>
      <c r="H60" s="1185">
        <v>370629.1875</v>
      </c>
      <c r="I60" s="1185">
        <v>112909.08005151212</v>
      </c>
      <c r="J60" s="1185">
        <v>0</v>
      </c>
      <c r="K60" s="1185" t="e">
        <f>IF(C60="DBC IDP", _xlfn.XLOOKUP(F60, '[3]DACORUM IDS'!$E:$E, '[3]DACORUM IDS'!$P:$P), "Manual Check")</f>
        <v>#N/A</v>
      </c>
      <c r="L60" s="1185" t="e">
        <f>IF(C60="DBC IDP", _xlfn.XLOOKUP(F60, '[3]DACORUM IDS'!$E:$E, '[3]DACORUM IDS'!$CF:$CF), "N/A")</f>
        <v>#N/A</v>
      </c>
      <c r="M60" s="1185" t="str">
        <f t="shared" si="2"/>
        <v>N/A - New Scheme</v>
      </c>
      <c r="N60" s="1185" t="str">
        <f t="shared" si="3"/>
        <v>N/A - New Scheme</v>
      </c>
      <c r="O60" s="597" t="str" cm="1">
        <f t="array" ref="O60">_xlfn.IFS(M60="N/A - New Scheme", "N/A", M60&gt;0, "Overall Cost Increased", M60=0, "No change", M60&lt;0, "Overall Cost Decreased")</f>
        <v>N/A</v>
      </c>
      <c r="P60" s="597" t="str" cm="1">
        <f t="array" ref="P60">_xlfn.IFS(N60="N/A - New Scheme", "N/A", N60&gt;0, "DBC Cost Increased", N60=0, "No change", N60&lt;0, "DBC Cost Decreased")</f>
        <v>N/A</v>
      </c>
    </row>
    <row r="61" spans="2:16" ht="85.5" x14ac:dyDescent="0.2">
      <c r="B61" s="499" t="str">
        <v>TR59</v>
      </c>
      <c r="C61" s="499" t="str">
        <v>DBC IDP</v>
      </c>
      <c r="D61" s="499" t="str">
        <v>Transport</v>
      </c>
      <c r="E61" s="499" t="str">
        <v>Public Transport</v>
      </c>
      <c r="F61" s="499" t="str">
        <v>A414 Maylands Avenue Roundabout - signalisation and bus-only hamburger</v>
      </c>
      <c r="G61" s="499" t="str">
        <v xml:space="preserve">(LS-71) Conversion of the roundabout to incorporate bus-only hamburger links through the centre, with bus priority lanes and gates in advance on both sides. Introduce a new at-grade crossing facility to the east of the roundabout, to replace or complement the existing footbridge. </v>
      </c>
      <c r="H61" s="1185">
        <v>9492614</v>
      </c>
      <c r="I61" s="1185">
        <v>3877995.5709776208</v>
      </c>
      <c r="J61" s="1185">
        <v>0</v>
      </c>
      <c r="K61" s="1185">
        <f>IF(C61="DBC IDP", _xlfn.XLOOKUP(F61, '[3]DACORUM IDS'!$E:$E, '[3]DACORUM IDS'!$P:$P), "Manual Check")</f>
        <v>814028</v>
      </c>
      <c r="L61" s="1185" t="str">
        <f>IF(C61="DBC IDP", _xlfn.XLOOKUP(F61, '[3]DACORUM IDS'!$E:$E, '[3]DACORUM IDS'!$CF:$CF), "N/A")</f>
        <v/>
      </c>
      <c r="M61" s="1185">
        <f t="shared" si="2"/>
        <v>8678586</v>
      </c>
      <c r="N61" s="1185">
        <f t="shared" si="3"/>
        <v>3063967.5709776208</v>
      </c>
      <c r="O61" s="597" t="str" cm="1">
        <f t="array" ref="O61">_xlfn.IFS(M61="N/A - New Scheme", "N/A", M61&gt;0, "Overall Cost Increased", M61=0, "No change", M61&lt;0, "Overall Cost Decreased")</f>
        <v>Overall Cost Increased</v>
      </c>
      <c r="P61" s="597" t="str" cm="1">
        <f t="array" ref="P61">_xlfn.IFS(N61="N/A - New Scheme", "N/A", N61&gt;0, "DBC Cost Increased", N61=0, "No change", N61&lt;0, "DBC Cost Decreased")</f>
        <v>DBC Cost Increased</v>
      </c>
    </row>
    <row r="62" spans="2:16" ht="57" x14ac:dyDescent="0.2">
      <c r="B62" s="499" t="str">
        <v>TR60</v>
      </c>
      <c r="C62" s="499" t="str">
        <v>DBC IDP</v>
      </c>
      <c r="D62" s="499" t="str">
        <v>Transport</v>
      </c>
      <c r="E62" s="499" t="str">
        <v>Public Transport</v>
      </c>
      <c r="F62" s="499" t="str">
        <v>A414 Rant Meadow to Bennetts End Road bus priority lane</v>
      </c>
      <c r="G62" s="499" t="str">
        <v>(LS-72) Westbound only bus lane between Rant Meadow and Bennetts End Road roundabout with signal controlled bus gate. May require some reallocation of road space.</v>
      </c>
      <c r="H62" s="1185">
        <v>1603637</v>
      </c>
      <c r="I62" s="1185">
        <v>759623.4287562503</v>
      </c>
      <c r="J62" s="1185">
        <v>0</v>
      </c>
      <c r="K62" s="1185">
        <f>IF(C62="DBC IDP", _xlfn.XLOOKUP(F62, '[3]DACORUM IDS'!$E:$E, '[3]DACORUM IDS'!$P:$P), "Manual Check")</f>
        <v>1041842.140625</v>
      </c>
      <c r="L62" s="1185" t="str">
        <f>IF(C62="DBC IDP", _xlfn.XLOOKUP(F62, '[3]DACORUM IDS'!$E:$E, '[3]DACORUM IDS'!$CF:$CF), "N/A")</f>
        <v/>
      </c>
      <c r="M62" s="1185">
        <f t="shared" si="2"/>
        <v>561794.859375</v>
      </c>
      <c r="N62" s="1185">
        <f t="shared" si="3"/>
        <v>-282218.7118687497</v>
      </c>
      <c r="O62" s="597" t="str" cm="1">
        <f t="array" ref="O62">_xlfn.IFS(M62="N/A - New Scheme", "N/A", M62&gt;0, "Overall Cost Increased", M62=0, "No change", M62&lt;0, "Overall Cost Decreased")</f>
        <v>Overall Cost Increased</v>
      </c>
      <c r="P62" s="597" t="str" cm="1">
        <f t="array" ref="P62">_xlfn.IFS(N62="N/A - New Scheme", "N/A", N62&gt;0, "DBC Cost Increased", N62=0, "No change", N62&lt;0, "DBC Cost Decreased")</f>
        <v>DBC Cost Decreased</v>
      </c>
    </row>
    <row r="63" spans="2:16" ht="71.25" x14ac:dyDescent="0.2">
      <c r="B63" s="499" t="str">
        <v>TR61</v>
      </c>
      <c r="C63" s="499" t="str">
        <v>DBC IDP</v>
      </c>
      <c r="D63" s="499" t="str">
        <v>Transport</v>
      </c>
      <c r="E63" s="499" t="str">
        <v>Public Transport</v>
      </c>
      <c r="F63" s="499" t="str">
        <v>Upgraded Town Centre Riverside Bus Interchange</v>
      </c>
      <c r="G63" s="499" t="str">
        <v>(LS-73) Upgrade to the Riverside Bus Interchange to align with Metro Mobility Hub standards including better facilities for waiting passengers. Assume the overall capacity of the interchange will not be influenced by the adjacent Riverside development</v>
      </c>
      <c r="H63" s="1185">
        <v>877752</v>
      </c>
      <c r="I63" s="1185">
        <v>358585.98784452293</v>
      </c>
      <c r="J63" s="1185">
        <v>0</v>
      </c>
      <c r="K63" s="1185">
        <f>IF(C63="DBC IDP", _xlfn.XLOOKUP(F63, '[3]DACORUM IDS'!$E:$E, '[3]DACORUM IDS'!$P:$P), "Manual Check")</f>
        <v>877752</v>
      </c>
      <c r="L63" s="1185" t="str">
        <f>IF(C63="DBC IDP", _xlfn.XLOOKUP(F63, '[3]DACORUM IDS'!$E:$E, '[3]DACORUM IDS'!$CF:$CF), "N/A")</f>
        <v/>
      </c>
      <c r="M63" s="1185">
        <f t="shared" si="2"/>
        <v>0</v>
      </c>
      <c r="N63" s="1185">
        <f t="shared" si="3"/>
        <v>-519166.01215547707</v>
      </c>
      <c r="O63" s="597" t="str" cm="1">
        <f t="array" ref="O63">_xlfn.IFS(M63="N/A - New Scheme", "N/A", M63&gt;0, "Overall Cost Increased", M63=0, "No change", M63&lt;0, "Overall Cost Decreased")</f>
        <v>No change</v>
      </c>
      <c r="P63" s="597" t="str" cm="1">
        <f t="array" ref="P63">_xlfn.IFS(N63="N/A - New Scheme", "N/A", N63&gt;0, "DBC Cost Increased", N63=0, "No change", N63&lt;0, "DBC Cost Decreased")</f>
        <v>DBC Cost Decreased</v>
      </c>
    </row>
    <row r="64" spans="2:16" ht="85.5" x14ac:dyDescent="0.2">
      <c r="B64" s="499" t="str">
        <v>TR63</v>
      </c>
      <c r="C64" s="499" t="str">
        <v>DBC IDP</v>
      </c>
      <c r="D64" s="499" t="str">
        <v>Transport</v>
      </c>
      <c r="E64" s="499" t="str">
        <v>Active Travel</v>
      </c>
      <c r="F64" s="499" t="str">
        <v>Better routes for active modes crossing the Grand Union Canal in Apsley</v>
      </c>
      <c r="G64" s="499" t="str">
        <v>(LS-75) There are currently limited connections for both pedestrians and cyclists across the canal in the Apsley area. The purpose of this intention is to investigate improvements to existing active mode bridges over the canal and/or the provision of an additional bridge link.</v>
      </c>
      <c r="H64" s="1185">
        <v>13506750</v>
      </c>
      <c r="I64" s="1185">
        <v>5517881.2367491163</v>
      </c>
      <c r="J64" s="1185">
        <v>0</v>
      </c>
      <c r="K64" s="1185" t="e">
        <f>IF(C64="DBC IDP", _xlfn.XLOOKUP(F64, '[3]DACORUM IDS'!$E:$E, '[3]DACORUM IDS'!$P:$P), "Manual Check")</f>
        <v>#N/A</v>
      </c>
      <c r="L64" s="1185" t="e">
        <f>IF(C64="DBC IDP", _xlfn.XLOOKUP(F64, '[3]DACORUM IDS'!$E:$E, '[3]DACORUM IDS'!$CF:$CF), "N/A")</f>
        <v>#N/A</v>
      </c>
      <c r="M64" s="1185" t="str">
        <f t="shared" si="2"/>
        <v>N/A - New Scheme</v>
      </c>
      <c r="N64" s="1185" t="str">
        <f t="shared" si="3"/>
        <v>N/A - New Scheme</v>
      </c>
      <c r="O64" s="597" t="str" cm="1">
        <f t="array" ref="O64">_xlfn.IFS(M64="N/A - New Scheme", "N/A", M64&gt;0, "Overall Cost Increased", M64=0, "No change", M64&lt;0, "Overall Cost Decreased")</f>
        <v>N/A</v>
      </c>
      <c r="P64" s="597" t="str" cm="1">
        <f t="array" ref="P64">_xlfn.IFS(N64="N/A - New Scheme", "N/A", N64&gt;0, "DBC Cost Increased", N64=0, "No change", N64&lt;0, "DBC Cost Decreased")</f>
        <v>N/A</v>
      </c>
    </row>
    <row r="65" spans="2:16" ht="57" x14ac:dyDescent="0.2">
      <c r="B65" s="499" t="str">
        <v>TR64</v>
      </c>
      <c r="C65" s="499" t="str">
        <v>DBC IDP</v>
      </c>
      <c r="D65" s="499" t="str">
        <v>Transport</v>
      </c>
      <c r="E65" s="499" t="str">
        <v>Active Travel</v>
      </c>
      <c r="F65" s="499" t="str">
        <v>A4147 Hemel Hempstead-St Albans cycle route</v>
      </c>
      <c r="G65" s="499" t="str">
        <v xml:space="preserve">(LS-76) An off-road shared use footway and cycleway between Appspond Lane/Beechtree Lane and King Harry Lane, expected to run along the northern side of the road. </v>
      </c>
      <c r="H65" s="1185">
        <v>2961580</v>
      </c>
      <c r="I65" s="1185">
        <v>2961579.9999999995</v>
      </c>
      <c r="J65" s="1185">
        <v>0</v>
      </c>
      <c r="K65" s="1185" t="e">
        <f>IF(C65="DBC IDP", _xlfn.XLOOKUP(F65, '[3]DACORUM IDS'!$E:$E, '[3]DACORUM IDS'!$P:$P), "Manual Check")</f>
        <v>#N/A</v>
      </c>
      <c r="L65" s="1185" t="e">
        <f>IF(C65="DBC IDP", _xlfn.XLOOKUP(F65, '[3]DACORUM IDS'!$E:$E, '[3]DACORUM IDS'!$CF:$CF), "N/A")</f>
        <v>#N/A</v>
      </c>
      <c r="M65" s="1185" t="str">
        <f t="shared" si="2"/>
        <v>N/A - New Scheme</v>
      </c>
      <c r="N65" s="1185" t="str">
        <f t="shared" si="3"/>
        <v>N/A - New Scheme</v>
      </c>
      <c r="O65" s="597" t="str" cm="1">
        <f t="array" ref="O65">_xlfn.IFS(M65="N/A - New Scheme", "N/A", M65&gt;0, "Overall Cost Increased", M65=0, "No change", M65&lt;0, "Overall Cost Decreased")</f>
        <v>N/A</v>
      </c>
      <c r="P65" s="597" t="str" cm="1">
        <f t="array" ref="P65">_xlfn.IFS(N65="N/A - New Scheme", "N/A", N65&gt;0, "DBC Cost Increased", N65=0, "No change", N65&lt;0, "DBC Cost Decreased")</f>
        <v>N/A</v>
      </c>
    </row>
    <row r="66" spans="2:16" ht="71.25" x14ac:dyDescent="0.2">
      <c r="B66" s="499" t="str">
        <v>TR65</v>
      </c>
      <c r="C66" s="499" t="str">
        <v>DBC IDP</v>
      </c>
      <c r="D66" s="499" t="str">
        <v>Transport</v>
      </c>
      <c r="E66" s="499" t="str">
        <v>Active Travel</v>
      </c>
      <c r="F66" s="499" t="str">
        <v>Kingsland Road-Horsecroft Road crossing</v>
      </c>
      <c r="G66" s="499" t="str">
        <v xml:space="preserve">(SG2-1) Add uncontrolled or marked priority cycling and pedestrian crossing where the PRoW crosses Kingsland Road and Horsecroft Road. Likely to require reduction in marked parking bays. Consider kerbed build out with dropped kerb and tactile paving. </v>
      </c>
      <c r="H66" s="1185">
        <v>69610</v>
      </c>
      <c r="I66" s="1185">
        <v>28437.611778563019</v>
      </c>
      <c r="J66" s="1185">
        <v>0</v>
      </c>
      <c r="K66" s="1185">
        <f>IF(C66="DBC IDP", _xlfn.XLOOKUP(F66, '[3]DACORUM IDS'!$E:$E, '[3]DACORUM IDS'!$P:$P), "Manual Check")</f>
        <v>45223.75</v>
      </c>
      <c r="L66" s="1185" t="str">
        <f>IF(C66="DBC IDP", _xlfn.XLOOKUP(F66, '[3]DACORUM IDS'!$E:$E, '[3]DACORUM IDS'!$CF:$CF), "N/A")</f>
        <v/>
      </c>
      <c r="M66" s="1185">
        <f t="shared" si="2"/>
        <v>24386.25</v>
      </c>
      <c r="N66" s="1185">
        <f t="shared" si="3"/>
        <v>-16786.138221436981</v>
      </c>
      <c r="O66" s="597" t="str" cm="1">
        <f t="array" ref="O66">_xlfn.IFS(M66="N/A - New Scheme", "N/A", M66&gt;0, "Overall Cost Increased", M66=0, "No change", M66&lt;0, "Overall Cost Decreased")</f>
        <v>Overall Cost Increased</v>
      </c>
      <c r="P66" s="597" t="str" cm="1">
        <f t="array" ref="P66">_xlfn.IFS(N66="N/A - New Scheme", "N/A", N66&gt;0, "DBC Cost Increased", N66=0, "No change", N66&lt;0, "DBC Cost Decreased")</f>
        <v>DBC Cost Decreased</v>
      </c>
    </row>
    <row r="67" spans="2:16" ht="85.5" x14ac:dyDescent="0.2">
      <c r="B67" s="499" t="str">
        <v>TR66</v>
      </c>
      <c r="C67" s="499" t="str">
        <v>DBC IDP</v>
      </c>
      <c r="D67" s="499" t="str">
        <v>Transport</v>
      </c>
      <c r="E67" s="499" t="str">
        <v>Highways</v>
      </c>
      <c r="F67" s="499" t="str">
        <v>Traffic calming on Kingsland Road and Horsecroft Road</v>
      </c>
      <c r="G67" s="499" t="str">
        <v xml:space="preserve">(SG2-3) Provide traffic calming features near crossings e.g. Add speed cushions on approaches to both crossings (these may be required as part of a 20mph speed limit zone). Note: this area falls within a wider area identified by HCC as being a potential 20mph zone, subject to further investigation. </v>
      </c>
      <c r="H67" s="1185">
        <v>199337</v>
      </c>
      <c r="I67" s="1185">
        <v>81434.682073027099</v>
      </c>
      <c r="J67" s="1185">
        <v>0</v>
      </c>
      <c r="K67" s="1185">
        <f>IF(C67="DBC IDP", _xlfn.XLOOKUP(F67, '[3]DACORUM IDS'!$E:$E, '[3]DACORUM IDS'!$P:$P), "Manual Check")</f>
        <v>129504.375</v>
      </c>
      <c r="L67" s="1185" t="str">
        <f>IF(C67="DBC IDP", _xlfn.XLOOKUP(F67, '[3]DACORUM IDS'!$E:$E, '[3]DACORUM IDS'!$CF:$CF), "N/A")</f>
        <v/>
      </c>
      <c r="M67" s="1185">
        <f t="shared" si="2"/>
        <v>69832.625</v>
      </c>
      <c r="N67" s="1185">
        <f t="shared" si="3"/>
        <v>-48069.692926972901</v>
      </c>
      <c r="O67" s="597" t="str" cm="1">
        <f t="array" ref="O67">_xlfn.IFS(M67="N/A - New Scheme", "N/A", M67&gt;0, "Overall Cost Increased", M67=0, "No change", M67&lt;0, "Overall Cost Decreased")</f>
        <v>Overall Cost Increased</v>
      </c>
      <c r="P67" s="597" t="str" cm="1">
        <f t="array" ref="P67">_xlfn.IFS(N67="N/A - New Scheme", "N/A", N67&gt;0, "DBC Cost Increased", N67=0, "No change", N67&lt;0, "DBC Cost Decreased")</f>
        <v>DBC Cost Decreased</v>
      </c>
    </row>
    <row r="68" spans="2:16" ht="99.75" x14ac:dyDescent="0.2">
      <c r="B68" s="499" t="str">
        <v>TR67</v>
      </c>
      <c r="C68" s="499" t="str">
        <v>DBC IDP</v>
      </c>
      <c r="D68" s="499" t="str">
        <v>Transport</v>
      </c>
      <c r="E68" s="499" t="str">
        <v>Active Travel</v>
      </c>
      <c r="F68" s="499" t="str">
        <v>Pedestrian route enhancements on Fishery Passage</v>
      </c>
      <c r="G68" s="499" t="str">
        <v>(SG2-4) Increase pedestrian capacity (widen footways and/or reallocate carriageway) on Fishery Passage close to the junction with Horsecroft Road. Consider parking control measures to prevent parking on pavement including bollards if not an obstruction to pedestrians. Add tactile paving at northern end of short footway running into Fishery Passage</v>
      </c>
      <c r="H68" s="1185">
        <v>26051</v>
      </c>
      <c r="I68" s="1185">
        <v>10642.554581861014</v>
      </c>
      <c r="J68" s="1185">
        <v>0</v>
      </c>
      <c r="K68" s="1185">
        <f>IF(C68="DBC IDP", _xlfn.XLOOKUP(F68, '[3]DACORUM IDS'!$E:$E, '[3]DACORUM IDS'!$P:$P), "Manual Check")</f>
        <v>16924.569090000005</v>
      </c>
      <c r="L68" s="1185" t="str">
        <f>IF(C68="DBC IDP", _xlfn.XLOOKUP(F68, '[3]DACORUM IDS'!$E:$E, '[3]DACORUM IDS'!$CF:$CF), "N/A")</f>
        <v/>
      </c>
      <c r="M68" s="1185">
        <f t="shared" si="2"/>
        <v>9126.4309099999955</v>
      </c>
      <c r="N68" s="1185">
        <f t="shared" si="3"/>
        <v>-6282.014508138991</v>
      </c>
      <c r="O68" s="597" t="str" cm="1">
        <f t="array" ref="O68">_xlfn.IFS(M68="N/A - New Scheme", "N/A", M68&gt;0, "Overall Cost Increased", M68=0, "No change", M68&lt;0, "Overall Cost Decreased")</f>
        <v>Overall Cost Increased</v>
      </c>
      <c r="P68" s="597" t="str" cm="1">
        <f t="array" ref="P68">_xlfn.IFS(N68="N/A - New Scheme", "N/A", N68&gt;0, "DBC Cost Increased", N68=0, "No change", N68&lt;0, "DBC Cost Decreased")</f>
        <v>DBC Cost Decreased</v>
      </c>
    </row>
    <row r="69" spans="2:16" ht="57" x14ac:dyDescent="0.2">
      <c r="B69" s="499" t="str">
        <v>TR68</v>
      </c>
      <c r="C69" s="499" t="str">
        <v>DBC IDP</v>
      </c>
      <c r="D69" s="499" t="str">
        <v>Transport</v>
      </c>
      <c r="E69" s="499" t="str">
        <v>Active Travel</v>
      </c>
      <c r="F69" s="499" t="str">
        <v>Wayfinding signage on Horsecroft Road and Kingsland Road</v>
      </c>
      <c r="G69" s="499" t="str">
        <v>(SG2-5) Introduce wayfinding signs at key junction points (Horsecroft Road, Kingsland Road, River Park) indicating distance and travel time on foot to the station.</v>
      </c>
      <c r="H69" s="1185">
        <v>17402</v>
      </c>
      <c r="I69" s="1185">
        <v>7109.1986808009424</v>
      </c>
      <c r="J69" s="1185">
        <v>0</v>
      </c>
      <c r="K69" s="1185">
        <f>IF(C69="DBC IDP", _xlfn.XLOOKUP(F69, '[3]DACORUM IDS'!$E:$E, '[3]DACORUM IDS'!$P:$P), "Manual Check")</f>
        <v>11305.9375</v>
      </c>
      <c r="L69" s="1185" t="str">
        <f>IF(C69="DBC IDP", _xlfn.XLOOKUP(F69, '[3]DACORUM IDS'!$E:$E, '[3]DACORUM IDS'!$CF:$CF), "N/A")</f>
        <v/>
      </c>
      <c r="M69" s="1185">
        <f t="shared" si="2"/>
        <v>6096.0625</v>
      </c>
      <c r="N69" s="1185">
        <f t="shared" si="3"/>
        <v>-4196.7388191990576</v>
      </c>
      <c r="O69" s="597" t="str" cm="1">
        <f t="array" ref="O69">_xlfn.IFS(M69="N/A - New Scheme", "N/A", M69&gt;0, "Overall Cost Increased", M69=0, "No change", M69&lt;0, "Overall Cost Decreased")</f>
        <v>Overall Cost Increased</v>
      </c>
      <c r="P69" s="597" t="str" cm="1">
        <f t="array" ref="P69">_xlfn.IFS(N69="N/A - New Scheme", "N/A", N69&gt;0, "DBC Cost Increased", N69=0, "No change", N69&lt;0, "DBC Cost Decreased")</f>
        <v>DBC Cost Decreased</v>
      </c>
    </row>
    <row r="70" spans="2:16" ht="28.5" x14ac:dyDescent="0.2">
      <c r="B70" s="499" t="str">
        <v>TR69</v>
      </c>
      <c r="C70" s="499" t="str">
        <v>DBC IDP</v>
      </c>
      <c r="D70" s="499" t="str">
        <v>Transport</v>
      </c>
      <c r="E70" s="499" t="str">
        <v>Active Travel</v>
      </c>
      <c r="F70" s="499" t="str">
        <v>Cycle parking stands at bus stop on Fishery Road</v>
      </c>
      <c r="G70" s="499" t="str">
        <v>(SG2-6) Add cycle parking stands adjacent to bus stop on Fishery Road (southbound)</v>
      </c>
      <c r="H70" s="1185">
        <v>598</v>
      </c>
      <c r="I70" s="1185">
        <v>244.29955241460542</v>
      </c>
      <c r="J70" s="1185">
        <v>0</v>
      </c>
      <c r="K70" s="1185">
        <f>IF(C70="DBC IDP", _xlfn.XLOOKUP(F70, '[3]DACORUM IDS'!$E:$E, '[3]DACORUM IDS'!$P:$P), "Manual Check")</f>
        <v>388.513125</v>
      </c>
      <c r="L70" s="1185" t="str">
        <f>IF(C70="DBC IDP", _xlfn.XLOOKUP(F70, '[3]DACORUM IDS'!$E:$E, '[3]DACORUM IDS'!$CF:$CF), "N/A")</f>
        <v/>
      </c>
      <c r="M70" s="1185">
        <f t="shared" ref="M70:M101" si="4">IF(ISNUMBER(K70),H70-K70-IF(ISNUMBER(L70), L70, 0), "N/A - New Scheme")</f>
        <v>209.486875</v>
      </c>
      <c r="N70" s="1185">
        <f t="shared" ref="N70:N101" si="5">IF(ISNUMBER(K70), I70-K70, "N/A - New Scheme")</f>
        <v>-144.21357258539459</v>
      </c>
      <c r="O70" s="597" t="str" cm="1">
        <f t="array" ref="O70">_xlfn.IFS(M70="N/A - New Scheme", "N/A", M70&gt;0, "Overall Cost Increased", M70=0, "No change", M70&lt;0, "Overall Cost Decreased")</f>
        <v>Overall Cost Increased</v>
      </c>
      <c r="P70" s="597" t="str" cm="1">
        <f t="array" ref="P70">_xlfn.IFS(N70="N/A - New Scheme", "N/A", N70&gt;0, "DBC Cost Increased", N70=0, "No change", N70&lt;0, "DBC Cost Decreased")</f>
        <v>DBC Cost Decreased</v>
      </c>
    </row>
    <row r="71" spans="2:16" ht="57" x14ac:dyDescent="0.2">
      <c r="B71" s="499" t="str">
        <v>TR70</v>
      </c>
      <c r="C71" s="499" t="str">
        <v>DBC IDP</v>
      </c>
      <c r="D71" s="499" t="str">
        <v>Transport</v>
      </c>
      <c r="E71" s="499" t="str">
        <v>Active Travel</v>
      </c>
      <c r="F71" s="499" t="str">
        <v xml:space="preserve">Crossing improvements around Cowper Road </v>
      </c>
      <c r="G71" s="499" t="str">
        <v>(SG3-1) Add tactile paving and dropped kerbs at Cowper Road/St John's Road, Crouchfield, Grosvenor Terrace, The Poplars, Cowper Road/Gravel Hill Terrace</v>
      </c>
      <c r="H71" s="1185">
        <v>8814</v>
      </c>
      <c r="I71" s="1185">
        <v>3600.7629681978797</v>
      </c>
      <c r="J71" s="1185">
        <v>0</v>
      </c>
      <c r="K71" s="1185">
        <f>IF(C71="DBC IDP", _xlfn.XLOOKUP(F71, '[3]DACORUM IDS'!$E:$E, '[3]DACORUM IDS'!$P:$P), "Manual Check")</f>
        <v>5726.41212</v>
      </c>
      <c r="L71" s="1185" t="str">
        <f>IF(C71="DBC IDP", _xlfn.XLOOKUP(F71, '[3]DACORUM IDS'!$E:$E, '[3]DACORUM IDS'!$CF:$CF), "N/A")</f>
        <v/>
      </c>
      <c r="M71" s="1185">
        <f t="shared" si="4"/>
        <v>3087.58788</v>
      </c>
      <c r="N71" s="1185">
        <f t="shared" si="5"/>
        <v>-2125.6491518021203</v>
      </c>
      <c r="O71" s="597" t="str" cm="1">
        <f t="array" ref="O71">_xlfn.IFS(M71="N/A - New Scheme", "N/A", M71&gt;0, "Overall Cost Increased", M71=0, "No change", M71&lt;0, "Overall Cost Decreased")</f>
        <v>Overall Cost Increased</v>
      </c>
      <c r="P71" s="597" t="str" cm="1">
        <f t="array" ref="P71">_xlfn.IFS(N71="N/A - New Scheme", "N/A", N71&gt;0, "DBC Cost Increased", N71=0, "No change", N71&lt;0, "DBC Cost Decreased")</f>
        <v>DBC Cost Decreased</v>
      </c>
    </row>
    <row r="72" spans="2:16" ht="71.25" x14ac:dyDescent="0.2">
      <c r="B72" s="499" t="str">
        <v>TR71</v>
      </c>
      <c r="C72" s="499" t="str">
        <v>DBC IDP</v>
      </c>
      <c r="D72" s="499" t="str">
        <v>Transport</v>
      </c>
      <c r="E72" s="499" t="str">
        <v>Active Travel</v>
      </c>
      <c r="F72" s="499" t="str">
        <v>Crossing improvements around along Gravel Hill Terrace</v>
      </c>
      <c r="G72" s="499" t="str">
        <v>(SG3-2) Tighten kerb radii at junction of Gravel Hill Terrace and Woodland Close. Introduce informal crossings with dropped kerbs with tactile paving at Woodland Close and Cardy Road junctions onto Gravel Hill Terrace</v>
      </c>
      <c r="H72" s="1185">
        <v>16560</v>
      </c>
      <c r="I72" s="1185">
        <v>6765.2183745583043</v>
      </c>
      <c r="J72" s="1185">
        <v>0</v>
      </c>
      <c r="K72" s="1185">
        <f>IF(C72="DBC IDP", _xlfn.XLOOKUP(F72, '[3]DACORUM IDS'!$E:$E, '[3]DACORUM IDS'!$P:$P), "Manual Check")</f>
        <v>10758.582119999999</v>
      </c>
      <c r="L72" s="1185" t="str">
        <f>IF(C72="DBC IDP", _xlfn.XLOOKUP(F72, '[3]DACORUM IDS'!$E:$E, '[3]DACORUM IDS'!$CF:$CF), "N/A")</f>
        <v/>
      </c>
      <c r="M72" s="1185">
        <f t="shared" si="4"/>
        <v>5801.4178800000009</v>
      </c>
      <c r="N72" s="1185">
        <f t="shared" si="5"/>
        <v>-3993.3637454416948</v>
      </c>
      <c r="O72" s="597" t="str" cm="1">
        <f t="array" ref="O72">_xlfn.IFS(M72="N/A - New Scheme", "N/A", M72&gt;0, "Overall Cost Increased", M72=0, "No change", M72&lt;0, "Overall Cost Decreased")</f>
        <v>Overall Cost Increased</v>
      </c>
      <c r="P72" s="597" t="str" cm="1">
        <f t="array" ref="P72">_xlfn.IFS(N72="N/A - New Scheme", "N/A", N72&gt;0, "DBC Cost Increased", N72=0, "No change", N72&lt;0, "DBC Cost Decreased")</f>
        <v>DBC Cost Decreased</v>
      </c>
    </row>
    <row r="73" spans="2:16" ht="42.75" x14ac:dyDescent="0.2">
      <c r="B73" s="499" t="str">
        <v>TR72</v>
      </c>
      <c r="C73" s="499" t="str">
        <v>DBC IDP</v>
      </c>
      <c r="D73" s="499" t="str">
        <v>Transport</v>
      </c>
      <c r="E73" s="499" t="str">
        <v>Highways</v>
      </c>
      <c r="F73" s="499" t="str">
        <v>Marked parking bays on Cowper Road</v>
      </c>
      <c r="G73" s="499" t="str">
        <v>(SG3-4) Reduce the occurrence of pavement parking where feasible, such as introduction of marked parking bays on one side of the road</v>
      </c>
      <c r="H73" s="1185">
        <v>158204</v>
      </c>
      <c r="I73" s="1185">
        <v>64630.713027090693</v>
      </c>
      <c r="J73" s="1185">
        <v>0</v>
      </c>
      <c r="K73" s="1185">
        <f>IF(C73="DBC IDP", _xlfn.XLOOKUP(F73, '[3]DACORUM IDS'!$E:$E, '[3]DACORUM IDS'!$P:$P), "Manual Check")</f>
        <v>102781.25</v>
      </c>
      <c r="L73" s="1185" t="str">
        <f>IF(C73="DBC IDP", _xlfn.XLOOKUP(F73, '[3]DACORUM IDS'!$E:$E, '[3]DACORUM IDS'!$CF:$CF), "N/A")</f>
        <v/>
      </c>
      <c r="M73" s="1185">
        <f t="shared" si="4"/>
        <v>55422.75</v>
      </c>
      <c r="N73" s="1185">
        <f t="shared" si="5"/>
        <v>-38150.536972909307</v>
      </c>
      <c r="O73" s="597" t="str" cm="1">
        <f t="array" ref="O73">_xlfn.IFS(M73="N/A - New Scheme", "N/A", M73&gt;0, "Overall Cost Increased", M73=0, "No change", M73&lt;0, "Overall Cost Decreased")</f>
        <v>Overall Cost Increased</v>
      </c>
      <c r="P73" s="597" t="str" cm="1">
        <f t="array" ref="P73">_xlfn.IFS(N73="N/A - New Scheme", "N/A", N73&gt;0, "DBC Cost Increased", N73=0, "No change", N73&lt;0, "DBC Cost Decreased")</f>
        <v>DBC Cost Decreased</v>
      </c>
    </row>
    <row r="74" spans="2:16" ht="42.75" x14ac:dyDescent="0.2">
      <c r="B74" s="499" t="str">
        <v>TR73</v>
      </c>
      <c r="C74" s="499" t="str">
        <v>DBC IDP</v>
      </c>
      <c r="D74" s="499" t="str">
        <v>Transport</v>
      </c>
      <c r="E74" s="499" t="str">
        <v>Active Travel</v>
      </c>
      <c r="F74" s="499" t="str">
        <v>Cycle hanger storage on Cowper Road</v>
      </c>
      <c r="G74" s="499" t="str">
        <v xml:space="preserve">(SG3-5) Provide cycle storage facility - hanger (x2) for residents on Cowper Rd. To be located within the highway, removing some car parking space. </v>
      </c>
      <c r="H74" s="1185">
        <v>33318</v>
      </c>
      <c r="I74" s="1185">
        <v>13611.325229681981</v>
      </c>
      <c r="J74" s="1185">
        <v>0</v>
      </c>
      <c r="K74" s="1185">
        <f>IF(C74="DBC IDP", _xlfn.XLOOKUP(F74, '[3]DACORUM IDS'!$E:$E, '[3]DACORUM IDS'!$P:$P), "Manual Check")</f>
        <v>21645.731250000001</v>
      </c>
      <c r="L74" s="1185" t="str">
        <f>IF(C74="DBC IDP", _xlfn.XLOOKUP(F74, '[3]DACORUM IDS'!$E:$E, '[3]DACORUM IDS'!$CF:$CF), "N/A")</f>
        <v/>
      </c>
      <c r="M74" s="1185">
        <f t="shared" si="4"/>
        <v>11672.268749999999</v>
      </c>
      <c r="N74" s="1185">
        <f t="shared" si="5"/>
        <v>-8034.4060203180197</v>
      </c>
      <c r="O74" s="597" t="str" cm="1">
        <f t="array" ref="O74">_xlfn.IFS(M74="N/A - New Scheme", "N/A", M74&gt;0, "Overall Cost Increased", M74=0, "No change", M74&lt;0, "Overall Cost Decreased")</f>
        <v>Overall Cost Increased</v>
      </c>
      <c r="P74" s="597" t="str" cm="1">
        <f t="array" ref="P74">_xlfn.IFS(N74="N/A - New Scheme", "N/A", N74&gt;0, "DBC Cost Increased", N74=0, "No change", N74&lt;0, "DBC Cost Decreased")</f>
        <v>DBC Cost Decreased</v>
      </c>
    </row>
    <row r="75" spans="2:16" ht="28.5" x14ac:dyDescent="0.2">
      <c r="B75" s="499" t="str">
        <v>TR74</v>
      </c>
      <c r="C75" s="499" t="str">
        <v>DBC IDP</v>
      </c>
      <c r="D75" s="499" t="str">
        <v>Transport</v>
      </c>
      <c r="E75" s="499" t="str">
        <v>Active Travel</v>
      </c>
      <c r="F75" s="499" t="str">
        <v>Junction crossing improvements on Cowper Road</v>
      </c>
      <c r="G75" s="499" t="str">
        <v>(SG4-1) Add tactile paving; add dropped kerbs; improve signage and wayfinding</v>
      </c>
      <c r="H75" s="1185">
        <v>2585</v>
      </c>
      <c r="I75" s="1185">
        <v>1056.0440518256773</v>
      </c>
      <c r="J75" s="1185">
        <v>0</v>
      </c>
      <c r="K75" s="1185">
        <f>IF(C75="DBC IDP", _xlfn.XLOOKUP(F75, '[3]DACORUM IDS'!$E:$E, '[3]DACORUM IDS'!$P:$P), "Manual Check")</f>
        <v>1679.16606</v>
      </c>
      <c r="L75" s="1185" t="str">
        <f>IF(C75="DBC IDP", _xlfn.XLOOKUP(F75, '[3]DACORUM IDS'!$E:$E, '[3]DACORUM IDS'!$CF:$CF), "N/A")</f>
        <v/>
      </c>
      <c r="M75" s="1185">
        <f t="shared" si="4"/>
        <v>905.83393999999998</v>
      </c>
      <c r="N75" s="1185">
        <f t="shared" si="5"/>
        <v>-623.12200817432267</v>
      </c>
      <c r="O75" s="597" t="str" cm="1">
        <f t="array" ref="O75">_xlfn.IFS(M75="N/A - New Scheme", "N/A", M75&gt;0, "Overall Cost Increased", M75=0, "No change", M75&lt;0, "Overall Cost Decreased")</f>
        <v>Overall Cost Increased</v>
      </c>
      <c r="P75" s="597" t="str" cm="1">
        <f t="array" ref="P75">_xlfn.IFS(N75="N/A - New Scheme", "N/A", N75&gt;0, "DBC Cost Increased", N75=0, "No change", N75&lt;0, "DBC Cost Decreased")</f>
        <v>DBC Cost Decreased</v>
      </c>
    </row>
    <row r="76" spans="2:16" ht="42.75" x14ac:dyDescent="0.2">
      <c r="B76" s="499" t="str">
        <v>TR75</v>
      </c>
      <c r="C76" s="499" t="str">
        <v>DBC IDP</v>
      </c>
      <c r="D76" s="499" t="str">
        <v>Transport</v>
      </c>
      <c r="E76" s="499" t="str">
        <v>Active Travel</v>
      </c>
      <c r="F76" s="499" t="str">
        <v>Beechfield Road-Cornfields alleyway crossing</v>
      </c>
      <c r="G76" s="499" t="str">
        <v>(SG4-2) Add new uncontrolled cycling and pedestrian crossing at Beechfield Road and alleyway through to The Cornfields</v>
      </c>
      <c r="H76" s="1185">
        <v>34245</v>
      </c>
      <c r="I76" s="1185">
        <v>13990.030388692579</v>
      </c>
      <c r="J76" s="1185">
        <v>0</v>
      </c>
      <c r="K76" s="1185">
        <f>IF(C76="DBC IDP", _xlfn.XLOOKUP(F76, '[3]DACORUM IDS'!$E:$E, '[3]DACORUM IDS'!$P:$P), "Manual Check")</f>
        <v>22248.029374999998</v>
      </c>
      <c r="L76" s="1185" t="str">
        <f>IF(C76="DBC IDP", _xlfn.XLOOKUP(F76, '[3]DACORUM IDS'!$E:$E, '[3]DACORUM IDS'!$CF:$CF), "N/A")</f>
        <v/>
      </c>
      <c r="M76" s="1185">
        <f t="shared" si="4"/>
        <v>11996.970625000002</v>
      </c>
      <c r="N76" s="1185">
        <f t="shared" si="5"/>
        <v>-8257.9989863074188</v>
      </c>
      <c r="O76" s="597" t="str" cm="1">
        <f t="array" ref="O76">_xlfn.IFS(M76="N/A - New Scheme", "N/A", M76&gt;0, "Overall Cost Increased", M76=0, "No change", M76&lt;0, "Overall Cost Decreased")</f>
        <v>Overall Cost Increased</v>
      </c>
      <c r="P76" s="597" t="str" cm="1">
        <f t="array" ref="P76">_xlfn.IFS(N76="N/A - New Scheme", "N/A", N76&gt;0, "DBC Cost Increased", N76=0, "No change", N76&lt;0, "DBC Cost Decreased")</f>
        <v>DBC Cost Decreased</v>
      </c>
    </row>
    <row r="77" spans="2:16" ht="71.25" x14ac:dyDescent="0.2">
      <c r="B77" s="499" t="str">
        <v>TR76</v>
      </c>
      <c r="C77" s="499" t="str">
        <v>DBC IDP</v>
      </c>
      <c r="D77" s="499" t="str">
        <v>Transport</v>
      </c>
      <c r="E77" s="499" t="str">
        <v>Active Travel</v>
      </c>
      <c r="F77" s="499" t="str">
        <v>Junction crossing improvements on Crouchfield</v>
      </c>
      <c r="G77" s="499" t="str">
        <v>(SG4-3) Tighten kerb radii and reduce crossing widths at the junctions of Crouchfield/Beechfield Road, and Crouchfield/Nestlecoft. Also introduce raised speed table uncontrolled pedestrian crossings at each junction.</v>
      </c>
      <c r="H77" s="1185">
        <v>162108</v>
      </c>
      <c r="I77" s="1185">
        <v>66225.605088339231</v>
      </c>
      <c r="J77" s="1185">
        <v>0</v>
      </c>
      <c r="K77" s="1185">
        <f>IF(C77="DBC IDP", _xlfn.XLOOKUP(F77, '[3]DACORUM IDS'!$E:$E, '[3]DACORUM IDS'!$P:$P), "Manual Check")</f>
        <v>105317.33212000001</v>
      </c>
      <c r="L77" s="1185" t="str">
        <f>IF(C77="DBC IDP", _xlfn.XLOOKUP(F77, '[3]DACORUM IDS'!$E:$E, '[3]DACORUM IDS'!$CF:$CF), "N/A")</f>
        <v/>
      </c>
      <c r="M77" s="1185">
        <f t="shared" si="4"/>
        <v>56790.667879999994</v>
      </c>
      <c r="N77" s="1185">
        <f t="shared" si="5"/>
        <v>-39091.727031660776</v>
      </c>
      <c r="O77" s="597" t="str" cm="1">
        <f t="array" ref="O77">_xlfn.IFS(M77="N/A - New Scheme", "N/A", M77&gt;0, "Overall Cost Increased", M77=0, "No change", M77&lt;0, "Overall Cost Decreased")</f>
        <v>Overall Cost Increased</v>
      </c>
      <c r="P77" s="597" t="str" cm="1">
        <f t="array" ref="P77">_xlfn.IFS(N77="N/A - New Scheme", "N/A", N77&gt;0, "DBC Cost Increased", N77=0, "No change", N77&lt;0, "DBC Cost Decreased")</f>
        <v>DBC Cost Decreased</v>
      </c>
    </row>
    <row r="78" spans="2:16" ht="71.25" x14ac:dyDescent="0.2">
      <c r="B78" s="499" t="str">
        <v>TR77</v>
      </c>
      <c r="C78" s="499" t="str">
        <v>DBC IDP</v>
      </c>
      <c r="D78" s="499" t="str">
        <v>Transport</v>
      </c>
      <c r="E78" s="499" t="str">
        <v>Active Travel</v>
      </c>
      <c r="F78" s="499" t="str">
        <v>Footway widening approaching The Cornfields</v>
      </c>
      <c r="G78" s="499" t="str">
        <v>(SG4-4) Widen the footway on the approach to The Cornfields (eastern side). Introduce a need handrail around the edge. Introduce dropped kerbs and tactile paving on either side of the road (avoiding manhole covers)</v>
      </c>
      <c r="H78" s="1185">
        <v>29796</v>
      </c>
      <c r="I78" s="1185">
        <v>12172.490742049471</v>
      </c>
      <c r="J78" s="1185">
        <v>0</v>
      </c>
      <c r="K78" s="1185">
        <f>IF(C78="DBC IDP", _xlfn.XLOOKUP(F78, '[3]DACORUM IDS'!$E:$E, '[3]DACORUM IDS'!$P:$P), "Manual Check")</f>
        <v>19357.54106</v>
      </c>
      <c r="L78" s="1185" t="str">
        <f>IF(C78="DBC IDP", _xlfn.XLOOKUP(F78, '[3]DACORUM IDS'!$E:$E, '[3]DACORUM IDS'!$CF:$CF), "N/A")</f>
        <v/>
      </c>
      <c r="M78" s="1185">
        <f t="shared" si="4"/>
        <v>10438.45894</v>
      </c>
      <c r="N78" s="1185">
        <f t="shared" si="5"/>
        <v>-7185.0503179505286</v>
      </c>
      <c r="O78" s="597" t="str" cm="1">
        <f t="array" ref="O78">_xlfn.IFS(M78="N/A - New Scheme", "N/A", M78&gt;0, "Overall Cost Increased", M78=0, "No change", M78&lt;0, "Overall Cost Decreased")</f>
        <v>Overall Cost Increased</v>
      </c>
      <c r="P78" s="597" t="str" cm="1">
        <f t="array" ref="P78">_xlfn.IFS(N78="N/A - New Scheme", "N/A", N78&gt;0, "DBC Cost Increased", N78=0, "No change", N78&lt;0, "DBC Cost Decreased")</f>
        <v>DBC Cost Decreased</v>
      </c>
    </row>
    <row r="79" spans="2:16" ht="28.5" x14ac:dyDescent="0.2">
      <c r="B79" s="499" t="str">
        <v>TR78</v>
      </c>
      <c r="C79" s="499" t="str">
        <v>DBC IDP</v>
      </c>
      <c r="D79" s="499" t="str">
        <v>Transport</v>
      </c>
      <c r="E79" s="499" t="str">
        <v>Active Travel</v>
      </c>
      <c r="F79" s="499" t="str">
        <v>Footpath width vegetation cut-back</v>
      </c>
      <c r="G79" s="499" t="str">
        <v>(SG4-5) Manage vegetation along footpaths to maximise width and increase visibility</v>
      </c>
      <c r="H79" s="1185">
        <v>5749</v>
      </c>
      <c r="I79" s="1185">
        <v>2348.6256301531212</v>
      </c>
      <c r="J79" s="1185">
        <v>0</v>
      </c>
      <c r="K79" s="1185">
        <f>IF(C79="DBC IDP", _xlfn.XLOOKUP(F79, '[3]DACORUM IDS'!$E:$E, '[3]DACORUM IDS'!$P:$P), "Manual Check")</f>
        <v>3734.6595000000002</v>
      </c>
      <c r="L79" s="1185" t="str">
        <f>IF(C79="DBC IDP", _xlfn.XLOOKUP(F79, '[3]DACORUM IDS'!$E:$E, '[3]DACORUM IDS'!$CF:$CF), "N/A")</f>
        <v/>
      </c>
      <c r="M79" s="1185">
        <f t="shared" si="4"/>
        <v>2014.3404999999998</v>
      </c>
      <c r="N79" s="1185">
        <f t="shared" si="5"/>
        <v>-1386.033869846879</v>
      </c>
      <c r="O79" s="597" t="str" cm="1">
        <f t="array" ref="O79">_xlfn.IFS(M79="N/A - New Scheme", "N/A", M79&gt;0, "Overall Cost Increased", M79=0, "No change", M79&lt;0, "Overall Cost Decreased")</f>
        <v>Overall Cost Increased</v>
      </c>
      <c r="P79" s="597" t="str" cm="1">
        <f t="array" ref="P79">_xlfn.IFS(N79="N/A - New Scheme", "N/A", N79&gt;0, "DBC Cost Increased", N79=0, "No change", N79&lt;0, "DBC Cost Decreased")</f>
        <v>DBC Cost Decreased</v>
      </c>
    </row>
    <row r="80" spans="2:16" ht="28.5" x14ac:dyDescent="0.2">
      <c r="B80" s="499" t="str">
        <v>TR79</v>
      </c>
      <c r="C80" s="499" t="str">
        <v>DBC IDP</v>
      </c>
      <c r="D80" s="499" t="str">
        <v>Transport</v>
      </c>
      <c r="E80" s="499" t="str">
        <v>Active Travel</v>
      </c>
      <c r="F80" s="499" t="str">
        <v>Pedestrian route street lighting enhancements</v>
      </c>
      <c r="G80" s="499" t="str">
        <v>(SG4-6) Investigate introducing additional street lighting along pedestrian routes</v>
      </c>
      <c r="H80" s="1185">
        <v>3705</v>
      </c>
      <c r="I80" s="1185">
        <v>1513.5950530035336</v>
      </c>
      <c r="J80" s="1185">
        <v>0</v>
      </c>
      <c r="K80" s="1185">
        <f>IF(C80="DBC IDP", _xlfn.XLOOKUP(F80, '[3]DACORUM IDS'!$E:$E, '[3]DACORUM IDS'!$P:$P), "Manual Check")</f>
        <v>2406.8079749999997</v>
      </c>
      <c r="L80" s="1185" t="str">
        <f>IF(C80="DBC IDP", _xlfn.XLOOKUP(F80, '[3]DACORUM IDS'!$E:$E, '[3]DACORUM IDS'!$CF:$CF), "N/A")</f>
        <v/>
      </c>
      <c r="M80" s="1185">
        <f t="shared" si="4"/>
        <v>1298.1920250000003</v>
      </c>
      <c r="N80" s="1185">
        <f t="shared" si="5"/>
        <v>-893.21292199646609</v>
      </c>
      <c r="O80" s="597" t="str" cm="1">
        <f t="array" ref="O80">_xlfn.IFS(M80="N/A - New Scheme", "N/A", M80&gt;0, "Overall Cost Increased", M80=0, "No change", M80&lt;0, "Overall Cost Decreased")</f>
        <v>Overall Cost Increased</v>
      </c>
      <c r="P80" s="597" t="str" cm="1">
        <f t="array" ref="P80">_xlfn.IFS(N80="N/A - New Scheme", "N/A", N80&gt;0, "DBC Cost Increased", N80=0, "No change", N80&lt;0, "DBC Cost Decreased")</f>
        <v>DBC Cost Decreased</v>
      </c>
    </row>
    <row r="81" spans="2:16" ht="28.5" x14ac:dyDescent="0.2">
      <c r="B81" s="499" t="str">
        <v>TR80</v>
      </c>
      <c r="C81" s="499" t="str">
        <v>DBC IDP</v>
      </c>
      <c r="D81" s="499" t="str">
        <v>Transport</v>
      </c>
      <c r="E81" s="499" t="str">
        <v>Active Travel</v>
      </c>
      <c r="F81" s="499" t="str">
        <v>Glenview Gardens cycle hanger storage</v>
      </c>
      <c r="G81" s="499" t="str">
        <v>(SG4-7) Add cycle storage facilities for residents along Glenview Gardens</v>
      </c>
      <c r="H81" s="1185">
        <v>16659</v>
      </c>
      <c r="I81" s="1185">
        <v>6805.6626148409905</v>
      </c>
      <c r="J81" s="1185">
        <v>0</v>
      </c>
      <c r="K81" s="1185">
        <f>IF(C81="DBC IDP", _xlfn.XLOOKUP(F81, '[3]DACORUM IDS'!$E:$E, '[3]DACORUM IDS'!$P:$P), "Manual Check")</f>
        <v>10822.865625</v>
      </c>
      <c r="L81" s="1185" t="str">
        <f>IF(C81="DBC IDP", _xlfn.XLOOKUP(F81, '[3]DACORUM IDS'!$E:$E, '[3]DACORUM IDS'!$CF:$CF), "N/A")</f>
        <v/>
      </c>
      <c r="M81" s="1185">
        <f t="shared" si="4"/>
        <v>5836.1343749999996</v>
      </c>
      <c r="N81" s="1185">
        <f t="shared" si="5"/>
        <v>-4017.2030101590099</v>
      </c>
      <c r="O81" s="597" t="str" cm="1">
        <f t="array" ref="O81">_xlfn.IFS(M81="N/A - New Scheme", "N/A", M81&gt;0, "Overall Cost Increased", M81=0, "No change", M81&lt;0, "Overall Cost Decreased")</f>
        <v>Overall Cost Increased</v>
      </c>
      <c r="P81" s="597" t="str" cm="1">
        <f t="array" ref="P81">_xlfn.IFS(N81="N/A - New Scheme", "N/A", N81&gt;0, "DBC Cost Increased", N81=0, "No change", N81&lt;0, "DBC Cost Decreased")</f>
        <v>DBC Cost Decreased</v>
      </c>
    </row>
    <row r="82" spans="2:16" ht="85.5" x14ac:dyDescent="0.2">
      <c r="B82" s="499" t="str">
        <v>TR81</v>
      </c>
      <c r="C82" s="499" t="str">
        <v>DBC IDP</v>
      </c>
      <c r="D82" s="499" t="str">
        <v>Transport</v>
      </c>
      <c r="E82" s="499" t="str">
        <v>Active Travel</v>
      </c>
      <c r="F82" s="499" t="str">
        <v>A4251 London Road cycle route</v>
      </c>
      <c r="G82" s="499" t="str">
        <v xml:space="preserve">(SG5-1) New on-road advisory cycle lanes (both directions) between the A4146 and A414 junctions where there is sufficient carriageway width. Provision of a section of off-road route at the eastern end (northern side of the road) on the approach to the A4251-A414 signalised junction. </v>
      </c>
      <c r="H82" s="1185">
        <v>52903</v>
      </c>
      <c r="I82" s="1185">
        <v>819.27143540585075</v>
      </c>
      <c r="J82" s="1185">
        <v>0</v>
      </c>
      <c r="K82" s="1185">
        <f>IF(C82="DBC IDP", _xlfn.XLOOKUP(F82, '[3]DACORUM IDS'!$E:$E, '[3]DACORUM IDS'!$P:$P), "Manual Check")</f>
        <v>34370.050000000003</v>
      </c>
      <c r="L82" s="1185">
        <f>IF(C82="DBC IDP", _xlfn.XLOOKUP(F82, '[3]DACORUM IDS'!$E:$E, '[3]DACORUM IDS'!$CF:$CF), "N/A")</f>
        <v>0</v>
      </c>
      <c r="M82" s="1185">
        <f t="shared" si="4"/>
        <v>18532.949999999997</v>
      </c>
      <c r="N82" s="1185">
        <f t="shared" si="5"/>
        <v>-33550.778564594155</v>
      </c>
      <c r="O82" s="597" t="str" cm="1">
        <f t="array" ref="O82">_xlfn.IFS(M82="N/A - New Scheme", "N/A", M82&gt;0, "Overall Cost Increased", M82=0, "No change", M82&lt;0, "Overall Cost Decreased")</f>
        <v>Overall Cost Increased</v>
      </c>
      <c r="P82" s="597" t="str" cm="1">
        <f t="array" ref="P82">_xlfn.IFS(N82="N/A - New Scheme", "N/A", N82&gt;0, "DBC Cost Increased", N82=0, "No change", N82&lt;0, "DBC Cost Decreased")</f>
        <v>DBC Cost Decreased</v>
      </c>
    </row>
    <row r="83" spans="2:16" ht="42.75" x14ac:dyDescent="0.2">
      <c r="B83" s="499" t="str">
        <v>TR82</v>
      </c>
      <c r="C83" s="499" t="str">
        <v>DBC IDP</v>
      </c>
      <c r="D83" s="499" t="str">
        <v>Transport</v>
      </c>
      <c r="E83" s="499" t="str">
        <v>Active Travel</v>
      </c>
      <c r="F83" s="499" t="str">
        <v>A4251 London Road footway widths</v>
      </c>
      <c r="G83" s="499" t="str">
        <v>(SG5-2) Increase pedestrian footway width by cutting back encroaching vegetation and improving maintenance of footway including renewed surfacing</v>
      </c>
      <c r="H83" s="1185">
        <v>1139069</v>
      </c>
      <c r="I83" s="1185">
        <v>17639.957935396989</v>
      </c>
      <c r="J83" s="1185">
        <v>0</v>
      </c>
      <c r="K83" s="1185">
        <f>IF(C83="DBC IDP", _xlfn.XLOOKUP(F83, '[3]DACORUM IDS'!$E:$E, '[3]DACORUM IDS'!$P:$P), "Manual Check")</f>
        <v>740025</v>
      </c>
      <c r="L83" s="1185">
        <f>IF(C83="DBC IDP", _xlfn.XLOOKUP(F83, '[3]DACORUM IDS'!$E:$E, '[3]DACORUM IDS'!$CF:$CF), "N/A")</f>
        <v>0</v>
      </c>
      <c r="M83" s="1185">
        <f t="shared" si="4"/>
        <v>399044</v>
      </c>
      <c r="N83" s="1185">
        <f t="shared" si="5"/>
        <v>-722385.04206460295</v>
      </c>
      <c r="O83" s="597" t="str" cm="1">
        <f t="array" ref="O83">_xlfn.IFS(M83="N/A - New Scheme", "N/A", M83&gt;0, "Overall Cost Increased", M83=0, "No change", M83&lt;0, "Overall Cost Decreased")</f>
        <v>Overall Cost Increased</v>
      </c>
      <c r="P83" s="597" t="str" cm="1">
        <f t="array" ref="P83">_xlfn.IFS(N83="N/A - New Scheme", "N/A", N83&gt;0, "DBC Cost Increased", N83=0, "No change", N83&lt;0, "DBC Cost Decreased")</f>
        <v>DBC Cost Decreased</v>
      </c>
    </row>
    <row r="84" spans="2:16" ht="71.25" x14ac:dyDescent="0.2">
      <c r="B84" s="499" t="str">
        <v>TR83</v>
      </c>
      <c r="C84" s="499" t="str">
        <v>DBC IDP</v>
      </c>
      <c r="D84" s="499" t="str">
        <v>Transport</v>
      </c>
      <c r="E84" s="499" t="str">
        <v>Highways</v>
      </c>
      <c r="F84" s="499" t="str">
        <v>A4251 London Road-A4146 Station Road Junction Reconfiguration including provision for cyclists and buses</v>
      </c>
      <c r="G84" s="499" t="str">
        <v>(SG5-4) Major junction improvement - convert to signal controlled crossroads with cycle priority at A4251/A4146 including advance stop lines or bicycle boxes. Include hurry call detection for buses travelling between London Road (west) and Station Road.</v>
      </c>
      <c r="H84" s="1185">
        <v>759380</v>
      </c>
      <c r="I84" s="1185">
        <v>97068.38076135554</v>
      </c>
      <c r="J84" s="1185">
        <v>0</v>
      </c>
      <c r="K84" s="1185">
        <f>IF(C84="DBC IDP", _xlfn.XLOOKUP(F84, '[3]DACORUM IDS'!$E:$E, '[3]DACORUM IDS'!$P:$P), "Manual Check")</f>
        <v>493350</v>
      </c>
      <c r="L84" s="1185" t="str">
        <f>IF(C84="DBC IDP", _xlfn.XLOOKUP(F84, '[3]DACORUM IDS'!$E:$E, '[3]DACORUM IDS'!$CF:$CF), "N/A")</f>
        <v/>
      </c>
      <c r="M84" s="1185">
        <f t="shared" si="4"/>
        <v>266030</v>
      </c>
      <c r="N84" s="1185">
        <f t="shared" si="5"/>
        <v>-396281.61923864449</v>
      </c>
      <c r="O84" s="597" t="str" cm="1">
        <f t="array" ref="O84">_xlfn.IFS(M84="N/A - New Scheme", "N/A", M84&gt;0, "Overall Cost Increased", M84=0, "No change", M84&lt;0, "Overall Cost Decreased")</f>
        <v>Overall Cost Increased</v>
      </c>
      <c r="P84" s="597" t="str" cm="1">
        <f t="array" ref="P84">_xlfn.IFS(N84="N/A - New Scheme", "N/A", N84&gt;0, "DBC Cost Increased", N84=0, "No change", N84&lt;0, "DBC Cost Decreased")</f>
        <v>DBC Cost Decreased</v>
      </c>
    </row>
    <row r="85" spans="2:16" ht="114" x14ac:dyDescent="0.2">
      <c r="B85" s="499" t="str">
        <v>TR84</v>
      </c>
      <c r="C85" s="499" t="str">
        <v>DBC IDP</v>
      </c>
      <c r="D85" s="499" t="str">
        <v>Transport</v>
      </c>
      <c r="E85" s="499" t="str">
        <v>Active Travel</v>
      </c>
      <c r="F85" s="499" t="str">
        <v>Two Waters Road-London Road pedestrian-cycle link</v>
      </c>
      <c r="G85" s="499" t="str">
        <v>(SG6-1) Widen Public footpath cutting the corner of Two Waters Road and London Road to accommodate cyclists and pedestrians (leading to the proposed Mobility Hub at the southern end). At the northern end, provide kerbed build-out with dropped kerbs to designate end of the cycle path and advise cyclists to join the carriageway). Removing of c.2-3 car lengths of kerbside parking.</v>
      </c>
      <c r="H85" s="1185">
        <v>39499</v>
      </c>
      <c r="I85" s="1185">
        <v>2641.4940508831223</v>
      </c>
      <c r="J85" s="1185">
        <v>0</v>
      </c>
      <c r="K85" s="1185">
        <f>IF(C85="DBC IDP", _xlfn.XLOOKUP(F85, '[3]DACORUM IDS'!$E:$E, '[3]DACORUM IDS'!$P:$P), "Manual Check")</f>
        <v>25661.254905000002</v>
      </c>
      <c r="L85" s="1185">
        <f>IF(C85="DBC IDP", _xlfn.XLOOKUP(F85, '[3]DACORUM IDS'!$E:$E, '[3]DACORUM IDS'!$CF:$CF), "N/A")</f>
        <v>0</v>
      </c>
      <c r="M85" s="1185">
        <f t="shared" si="4"/>
        <v>13837.745094999998</v>
      </c>
      <c r="N85" s="1185">
        <f t="shared" si="5"/>
        <v>-23019.760854116881</v>
      </c>
      <c r="O85" s="597" t="str" cm="1">
        <f t="array" ref="O85">_xlfn.IFS(M85="N/A - New Scheme", "N/A", M85&gt;0, "Overall Cost Increased", M85=0, "No change", M85&lt;0, "Overall Cost Decreased")</f>
        <v>Overall Cost Increased</v>
      </c>
      <c r="P85" s="597" t="str" cm="1">
        <f t="array" ref="P85">_xlfn.IFS(N85="N/A - New Scheme", "N/A", N85&gt;0, "DBC Cost Increased", N85=0, "No change", N85&lt;0, "DBC Cost Decreased")</f>
        <v>DBC Cost Decreased</v>
      </c>
    </row>
    <row r="86" spans="2:16" ht="42.75" x14ac:dyDescent="0.2">
      <c r="B86" s="499" t="str">
        <v>TR85</v>
      </c>
      <c r="C86" s="499" t="str">
        <v>DBC IDP</v>
      </c>
      <c r="D86" s="499" t="str">
        <v>Transport</v>
      </c>
      <c r="E86" s="499" t="str">
        <v>Active Travel</v>
      </c>
      <c r="F86" s="499" t="str">
        <v>Two Waters Road-London Road junction improvement</v>
      </c>
      <c r="G86" s="499" t="str">
        <v xml:space="preserve">(SG6-2) Tighten kerb radii/ reduce crossing width at Two Waters Road junction and introduce a speed table at or close to mouth of the junction. </v>
      </c>
      <c r="H86" s="1185">
        <v>89860</v>
      </c>
      <c r="I86" s="1185">
        <v>6009.3839188930706</v>
      </c>
      <c r="J86" s="1185">
        <v>0</v>
      </c>
      <c r="K86" s="1185">
        <f>IF(C86="DBC IDP", _xlfn.XLOOKUP(F86, '[3]DACORUM IDS'!$E:$E, '[3]DACORUM IDS'!$P:$P), "Manual Check")</f>
        <v>58379.75</v>
      </c>
      <c r="L86" s="1185">
        <f>IF(C86="DBC IDP", _xlfn.XLOOKUP(F86, '[3]DACORUM IDS'!$E:$E, '[3]DACORUM IDS'!$CF:$CF), "N/A")</f>
        <v>0</v>
      </c>
      <c r="M86" s="1185">
        <f t="shared" si="4"/>
        <v>31480.25</v>
      </c>
      <c r="N86" s="1185">
        <f t="shared" si="5"/>
        <v>-52370.366081106928</v>
      </c>
      <c r="O86" s="597" t="str" cm="1">
        <f t="array" ref="O86">_xlfn.IFS(M86="N/A - New Scheme", "N/A", M86&gt;0, "Overall Cost Increased", M86=0, "No change", M86&lt;0, "Overall Cost Decreased")</f>
        <v>Overall Cost Increased</v>
      </c>
      <c r="P86" s="597" t="str" cm="1">
        <f t="array" ref="P86">_xlfn.IFS(N86="N/A - New Scheme", "N/A", N86&gt;0, "DBC Cost Increased", N86=0, "No change", N86&lt;0, "DBC Cost Decreased")</f>
        <v>DBC Cost Decreased</v>
      </c>
    </row>
    <row r="87" spans="2:16" ht="42.75" x14ac:dyDescent="0.2">
      <c r="B87" s="499" t="str">
        <v>TR86</v>
      </c>
      <c r="C87" s="499" t="str">
        <v>DBC IDP</v>
      </c>
      <c r="D87" s="499" t="str">
        <v>Transport</v>
      </c>
      <c r="E87" s="499" t="str">
        <v>Active Travel</v>
      </c>
      <c r="F87" s="499" t="str">
        <v>Durrants Hill Road-London Road junction improvement</v>
      </c>
      <c r="G87" s="499" t="str">
        <v xml:space="preserve">(SG6-3) Tighten kerb radii/ reduce crossing width at Durrants Hill Rd and introduce a speed table at or close to mouth of the junction. </v>
      </c>
      <c r="H87" s="1185">
        <v>86063</v>
      </c>
      <c r="I87" s="1185">
        <v>11380.044883303412</v>
      </c>
      <c r="J87" s="1185">
        <v>0</v>
      </c>
      <c r="K87" s="1185">
        <f>IF(C87="DBC IDP", _xlfn.XLOOKUP(F87, '[3]DACORUM IDS'!$E:$E, '[3]DACORUM IDS'!$P:$P), "Manual Check")</f>
        <v>55913</v>
      </c>
      <c r="L87" s="1185">
        <f>IF(C87="DBC IDP", _xlfn.XLOOKUP(F87, '[3]DACORUM IDS'!$E:$E, '[3]DACORUM IDS'!$CF:$CF), "N/A")</f>
        <v>0</v>
      </c>
      <c r="M87" s="1185">
        <f t="shared" si="4"/>
        <v>30150</v>
      </c>
      <c r="N87" s="1185">
        <f t="shared" si="5"/>
        <v>-44532.95511669659</v>
      </c>
      <c r="O87" s="597" t="str" cm="1">
        <f t="array" ref="O87">_xlfn.IFS(M87="N/A - New Scheme", "N/A", M87&gt;0, "Overall Cost Increased", M87=0, "No change", M87&lt;0, "Overall Cost Decreased")</f>
        <v>Overall Cost Increased</v>
      </c>
      <c r="P87" s="597" t="str" cm="1">
        <f t="array" ref="P87">_xlfn.IFS(N87="N/A - New Scheme", "N/A", N87&gt;0, "DBC Cost Increased", N87=0, "No change", N87&lt;0, "DBC Cost Decreased")</f>
        <v>DBC Cost Decreased</v>
      </c>
    </row>
    <row r="88" spans="2:16" ht="42.75" x14ac:dyDescent="0.2">
      <c r="B88" s="499" t="str">
        <v>TR87</v>
      </c>
      <c r="C88" s="499" t="str">
        <v>DBC IDP</v>
      </c>
      <c r="D88" s="499" t="str">
        <v>Transport</v>
      </c>
      <c r="E88" s="499" t="str">
        <v>Active Travel</v>
      </c>
      <c r="F88" s="499" t="str">
        <v>Kents Avenue-London Road junction improvement</v>
      </c>
      <c r="G88" s="499" t="str">
        <v>(SG6-4) Tighten kerb radii/ reduce crossing width at Kents Avenue junction and introduce a speed table at or close to mouth of the junction.</v>
      </c>
      <c r="H88" s="1185">
        <v>86063</v>
      </c>
      <c r="I88" s="1185">
        <v>7209.3412067900572</v>
      </c>
      <c r="J88" s="1185">
        <v>0</v>
      </c>
      <c r="K88" s="1185">
        <f>IF(C88="DBC IDP", _xlfn.XLOOKUP(F88, '[3]DACORUM IDS'!$E:$E, '[3]DACORUM IDS'!$P:$P), "Manual Check")</f>
        <v>55913</v>
      </c>
      <c r="L88" s="1185">
        <f>IF(C88="DBC IDP", _xlfn.XLOOKUP(F88, '[3]DACORUM IDS'!$E:$E, '[3]DACORUM IDS'!$CF:$CF), "N/A")</f>
        <v>0</v>
      </c>
      <c r="M88" s="1185">
        <f t="shared" si="4"/>
        <v>30150</v>
      </c>
      <c r="N88" s="1185">
        <f t="shared" si="5"/>
        <v>-48703.658793209943</v>
      </c>
      <c r="O88" s="597" t="str" cm="1">
        <f t="array" ref="O88">_xlfn.IFS(M88="N/A - New Scheme", "N/A", M88&gt;0, "Overall Cost Increased", M88=0, "No change", M88&lt;0, "Overall Cost Decreased")</f>
        <v>Overall Cost Increased</v>
      </c>
      <c r="P88" s="597" t="str" cm="1">
        <f t="array" ref="P88">_xlfn.IFS(N88="N/A - New Scheme", "N/A", N88&gt;0, "DBC Cost Increased", N88=0, "No change", N88&lt;0, "DBC Cost Decreased")</f>
        <v>DBC Cost Decreased</v>
      </c>
    </row>
    <row r="89" spans="2:16" ht="28.5" x14ac:dyDescent="0.2">
      <c r="B89" s="499" t="str">
        <v>TR88</v>
      </c>
      <c r="C89" s="499" t="str">
        <v>DBC IDP</v>
      </c>
      <c r="D89" s="499" t="str">
        <v>Transport</v>
      </c>
      <c r="E89" s="499" t="str">
        <v>Active Travel</v>
      </c>
      <c r="F89" s="499" t="str">
        <v>Retail Park access pedestrian crossing improvement</v>
      </c>
      <c r="G89" s="499" t="str">
        <v xml:space="preserve">(SG6-5) Add marked pedestrian crossing at the retail park access roundabout arm leading to Sainsbury's </v>
      </c>
      <c r="H89" s="1185">
        <v>164532</v>
      </c>
      <c r="I89" s="1185">
        <v>7322.1611068274724</v>
      </c>
      <c r="J89" s="1185">
        <v>0</v>
      </c>
      <c r="K89" s="1185">
        <f>IF(C89="DBC IDP", _xlfn.XLOOKUP(F89, '[3]DACORUM IDS'!$E:$E, '[3]DACORUM IDS'!$P:$P), "Manual Check")</f>
        <v>106892.5</v>
      </c>
      <c r="L89" s="1185">
        <f>IF(C89="DBC IDP", _xlfn.XLOOKUP(F89, '[3]DACORUM IDS'!$E:$E, '[3]DACORUM IDS'!$CF:$CF), "N/A")</f>
        <v>0</v>
      </c>
      <c r="M89" s="1185">
        <f t="shared" si="4"/>
        <v>57639.5</v>
      </c>
      <c r="N89" s="1185">
        <f t="shared" si="5"/>
        <v>-99570.338893172535</v>
      </c>
      <c r="O89" s="597" t="str" cm="1">
        <f t="array" ref="O89">_xlfn.IFS(M89="N/A - New Scheme", "N/A", M89&gt;0, "Overall Cost Increased", M89=0, "No change", M89&lt;0, "Overall Cost Decreased")</f>
        <v>Overall Cost Increased</v>
      </c>
      <c r="P89" s="597" t="str" cm="1">
        <f t="array" ref="P89">_xlfn.IFS(N89="N/A - New Scheme", "N/A", N89&gt;0, "DBC Cost Increased", N89=0, "No change", N89&lt;0, "DBC Cost Decreased")</f>
        <v>DBC Cost Decreased</v>
      </c>
    </row>
    <row r="90" spans="2:16" ht="71.25" x14ac:dyDescent="0.2">
      <c r="B90" s="499" t="str">
        <v>TR89</v>
      </c>
      <c r="C90" s="499" t="str">
        <v>DBC IDP</v>
      </c>
      <c r="D90" s="499" t="str">
        <v>Transport</v>
      </c>
      <c r="E90" s="499" t="str">
        <v>Highways</v>
      </c>
      <c r="F90" s="499" t="str">
        <v>London Road Doolittle Meadows crossings and compact roundabout treatment</v>
      </c>
      <c r="G90" s="499" t="str">
        <v>(SG7-2) Add new cycling crossing and improve pedestrian crossing facilities at A4251/Doolittle Meadows roundabout (create a compact roundabout by reducing the kerb radii on the approaches (mark as single lane)</v>
      </c>
      <c r="H90" s="1185">
        <v>651168</v>
      </c>
      <c r="I90" s="1185">
        <v>12894.415841584159</v>
      </c>
      <c r="J90" s="1185">
        <v>0</v>
      </c>
      <c r="K90" s="1185">
        <f>IF(C90="DBC IDP", _xlfn.XLOOKUP(F90, '[3]DACORUM IDS'!$E:$E, '[3]DACORUM IDS'!$P:$P), "Manual Check")</f>
        <v>423047.625</v>
      </c>
      <c r="L90" s="1185">
        <f>IF(C90="DBC IDP", _xlfn.XLOOKUP(F90, '[3]DACORUM IDS'!$E:$E, '[3]DACORUM IDS'!$CF:$CF), "N/A")</f>
        <v>0</v>
      </c>
      <c r="M90" s="1185">
        <f t="shared" si="4"/>
        <v>228120.375</v>
      </c>
      <c r="N90" s="1185">
        <f t="shared" si="5"/>
        <v>-410153.20915841585</v>
      </c>
      <c r="O90" s="597" t="str" cm="1">
        <f t="array" ref="O90">_xlfn.IFS(M90="N/A - New Scheme", "N/A", M90&gt;0, "Overall Cost Increased", M90=0, "No change", M90&lt;0, "Overall Cost Decreased")</f>
        <v>Overall Cost Increased</v>
      </c>
      <c r="P90" s="597" t="str" cm="1">
        <f t="array" ref="P90">_xlfn.IFS(N90="N/A - New Scheme", "N/A", N90&gt;0, "DBC Cost Increased", N90=0, "No change", N90&lt;0, "DBC Cost Decreased")</f>
        <v>DBC Cost Decreased</v>
      </c>
    </row>
    <row r="91" spans="2:16" ht="114" x14ac:dyDescent="0.2">
      <c r="B91" s="499" t="str">
        <v>TR90</v>
      </c>
      <c r="C91" s="499" t="str">
        <v>DBC IDP</v>
      </c>
      <c r="D91" s="499" t="str">
        <v>Transport</v>
      </c>
      <c r="E91" s="499" t="str">
        <v>Active Travel</v>
      </c>
      <c r="F91" s="499" t="str">
        <v>London Road access to Apsley Station controlled pedestrian crossing</v>
      </c>
      <c r="G91" s="499" t="str">
        <v>(SG7-3) Introduce signal-controlled crossing at the location of the existing uncontrolled crossing with refuge island close to the station access road. Removal of central hatched area, increase width of footway on the southern end between the crossing and station access (approx. 20m). Crossing on bus-compliant raised speed table. Removal of c.4 c4-6 car lengths of kerbside parking bays)</v>
      </c>
      <c r="H91" s="1185">
        <v>457042</v>
      </c>
      <c r="I91" s="1185">
        <v>9050.3366336633662</v>
      </c>
      <c r="J91" s="1185">
        <v>0</v>
      </c>
      <c r="K91" s="1185">
        <f>IF(C91="DBC IDP", _xlfn.XLOOKUP(F91, '[3]DACORUM IDS'!$E:$E, '[3]DACORUM IDS'!$P:$P), "Manual Check")</f>
        <v>296928.864375</v>
      </c>
      <c r="L91" s="1185">
        <f>IF(C91="DBC IDP", _xlfn.XLOOKUP(F91, '[3]DACORUM IDS'!$E:$E, '[3]DACORUM IDS'!$CF:$CF), "N/A")</f>
        <v>0</v>
      </c>
      <c r="M91" s="1185">
        <f t="shared" si="4"/>
        <v>160113.135625</v>
      </c>
      <c r="N91" s="1185">
        <f t="shared" si="5"/>
        <v>-287878.52774133661</v>
      </c>
      <c r="O91" s="597" t="str" cm="1">
        <f t="array" ref="O91">_xlfn.IFS(M91="N/A - New Scheme", "N/A", M91&gt;0, "Overall Cost Increased", M91=0, "No change", M91&lt;0, "Overall Cost Decreased")</f>
        <v>Overall Cost Increased</v>
      </c>
      <c r="P91" s="597" t="str" cm="1">
        <f t="array" ref="P91">_xlfn.IFS(N91="N/A - New Scheme", "N/A", N91&gt;0, "DBC Cost Increased", N91=0, "No change", N91&lt;0, "DBC Cost Decreased")</f>
        <v>DBC Cost Decreased</v>
      </c>
    </row>
    <row r="92" spans="2:16" ht="57" x14ac:dyDescent="0.2">
      <c r="B92" s="499" t="str">
        <v>TR91</v>
      </c>
      <c r="C92" s="499" t="str">
        <v>DBC IDP</v>
      </c>
      <c r="D92" s="499" t="str">
        <v>Transport</v>
      </c>
      <c r="E92" s="499" t="str">
        <v>Active Travel</v>
      </c>
      <c r="F92" s="499" t="str">
        <v>London Road access to Doolittle Meadows controlled pedestrian crossing</v>
      </c>
      <c r="G92" s="499" t="str">
        <v>(SG7-4) Introduce signal-controlled crossing at the location of the existing uncontrolled crossing west of the A4251/Doolittle Meadows Roundabout, on bus-compliant raised speed table</v>
      </c>
      <c r="H92" s="1185">
        <v>553714</v>
      </c>
      <c r="I92" s="1185">
        <v>10964.633663366336</v>
      </c>
      <c r="J92" s="1185">
        <v>0</v>
      </c>
      <c r="K92" s="1185">
        <f>IF(C92="DBC IDP", _xlfn.XLOOKUP(F92, '[3]DACORUM IDS'!$E:$E, '[3]DACORUM IDS'!$P:$P), "Manual Check")</f>
        <v>359734.375</v>
      </c>
      <c r="L92" s="1185">
        <f>IF(C92="DBC IDP", _xlfn.XLOOKUP(F92, '[3]DACORUM IDS'!$E:$E, '[3]DACORUM IDS'!$CF:$CF), "N/A")</f>
        <v>0</v>
      </c>
      <c r="M92" s="1185">
        <f t="shared" si="4"/>
        <v>193979.625</v>
      </c>
      <c r="N92" s="1185">
        <f t="shared" si="5"/>
        <v>-348769.74133663368</v>
      </c>
      <c r="O92" s="597" t="str" cm="1">
        <f t="array" ref="O92">_xlfn.IFS(M92="N/A - New Scheme", "N/A", M92&gt;0, "Overall Cost Increased", M92=0, "No change", M92&lt;0, "Overall Cost Decreased")</f>
        <v>Overall Cost Increased</v>
      </c>
      <c r="P92" s="597" t="str" cm="1">
        <f t="array" ref="P92">_xlfn.IFS(N92="N/A - New Scheme", "N/A", N92&gt;0, "DBC Cost Increased", N92=0, "No change", N92&lt;0, "DBC Cost Decreased")</f>
        <v>DBC Cost Decreased</v>
      </c>
    </row>
    <row r="93" spans="2:16" ht="28.5" x14ac:dyDescent="0.2">
      <c r="B93" s="499" t="str">
        <v>TR92</v>
      </c>
      <c r="C93" s="499" t="str">
        <v>DBC IDP</v>
      </c>
      <c r="D93" s="499" t="str">
        <v>Transport</v>
      </c>
      <c r="E93" s="499" t="str">
        <v>Active Travel</v>
      </c>
      <c r="F93" s="499" t="str">
        <v>Traffic calming approach Doolittle Meadows</v>
      </c>
      <c r="G93" s="499" t="str">
        <v>(SG7-5) Add speed cushions on the approaches to A4251/Doolittle Meadows roundabout</v>
      </c>
      <c r="H93" s="1185">
        <v>72774</v>
      </c>
      <c r="I93" s="1185">
        <v>1441.0693069306931</v>
      </c>
      <c r="J93" s="1185">
        <v>0</v>
      </c>
      <c r="K93" s="1185">
        <f>IF(C93="DBC IDP", _xlfn.XLOOKUP(F93, '[3]DACORUM IDS'!$E:$E, '[3]DACORUM IDS'!$P:$P), "Manual Check")</f>
        <v>47279.375</v>
      </c>
      <c r="L93" s="1185">
        <f>IF(C93="DBC IDP", _xlfn.XLOOKUP(F93, '[3]DACORUM IDS'!$E:$E, '[3]DACORUM IDS'!$CF:$CF), "N/A")</f>
        <v>0</v>
      </c>
      <c r="M93" s="1185">
        <f t="shared" si="4"/>
        <v>25494.625</v>
      </c>
      <c r="N93" s="1185">
        <f t="shared" si="5"/>
        <v>-45838.305693069306</v>
      </c>
      <c r="O93" s="597" t="str" cm="1">
        <f t="array" ref="O93">_xlfn.IFS(M93="N/A - New Scheme", "N/A", M93&gt;0, "Overall Cost Increased", M93=0, "No change", M93&lt;0, "Overall Cost Decreased")</f>
        <v>Overall Cost Increased</v>
      </c>
      <c r="P93" s="597" t="str" cm="1">
        <f t="array" ref="P93">_xlfn.IFS(N93="N/A - New Scheme", "N/A", N93&gt;0, "DBC Cost Increased", N93=0, "No change", N93&lt;0, "DBC Cost Decreased")</f>
        <v>DBC Cost Decreased</v>
      </c>
    </row>
    <row r="94" spans="2:16" ht="28.5" x14ac:dyDescent="0.2">
      <c r="B94" s="499" t="str">
        <v>TR93</v>
      </c>
      <c r="C94" s="499" t="str">
        <v>DBC IDP</v>
      </c>
      <c r="D94" s="499" t="str">
        <v>Transport</v>
      </c>
      <c r="E94" s="499" t="str">
        <v>Active Travel</v>
      </c>
      <c r="F94" s="499" t="str">
        <v>London Road Apsley pedestrian capacity enhancement</v>
      </c>
      <c r="G94" s="499" t="str">
        <v>(SG7-6) Increase pedestrian capacity (Widen footways and/or reallocate carriageway space)</v>
      </c>
      <c r="H94" s="1185">
        <v>1518759</v>
      </c>
      <c r="I94" s="1185">
        <v>30074.435643564357</v>
      </c>
      <c r="J94" s="1185">
        <v>0</v>
      </c>
      <c r="K94" s="1185">
        <f>IF(C94="DBC IDP", _xlfn.XLOOKUP(F94, '[3]DACORUM IDS'!$E:$E, '[3]DACORUM IDS'!$P:$P), "Manual Check")</f>
        <v>986700</v>
      </c>
      <c r="L94" s="1185">
        <f>IF(C94="DBC IDP", _xlfn.XLOOKUP(F94, '[3]DACORUM IDS'!$E:$E, '[3]DACORUM IDS'!$CF:$CF), "N/A")</f>
        <v>0</v>
      </c>
      <c r="M94" s="1185">
        <f t="shared" si="4"/>
        <v>532059</v>
      </c>
      <c r="N94" s="1185">
        <f t="shared" si="5"/>
        <v>-956625.56435643567</v>
      </c>
      <c r="O94" s="597" t="str" cm="1">
        <f t="array" ref="O94">_xlfn.IFS(M94="N/A - New Scheme", "N/A", M94&gt;0, "Overall Cost Increased", M94=0, "No change", M94&lt;0, "Overall Cost Decreased")</f>
        <v>Overall Cost Increased</v>
      </c>
      <c r="P94" s="597" t="str" cm="1">
        <f t="array" ref="P94">_xlfn.IFS(N94="N/A - New Scheme", "N/A", N94&gt;0, "DBC Cost Increased", N94=0, "No change", N94&lt;0, "DBC Cost Decreased")</f>
        <v>DBC Cost Decreased</v>
      </c>
    </row>
    <row r="95" spans="2:16" ht="28.5" x14ac:dyDescent="0.2">
      <c r="B95" s="499" t="str">
        <v>TR94</v>
      </c>
      <c r="C95" s="499" t="str">
        <v>DBC IDP</v>
      </c>
      <c r="D95" s="499" t="str">
        <v>Transport</v>
      </c>
      <c r="E95" s="499" t="str">
        <v>Active Travel</v>
      </c>
      <c r="F95" s="499" t="str">
        <v>London Road Apsley Wayfinding signage</v>
      </c>
      <c r="G95" s="499" t="str">
        <v xml:space="preserve">(SG7-7) Introduce way-finding signage indicating pedestrian routes between London Road and canal </v>
      </c>
      <c r="H95" s="1185">
        <v>20883</v>
      </c>
      <c r="I95" s="1185">
        <v>413.52475247524751</v>
      </c>
      <c r="J95" s="1185">
        <v>0</v>
      </c>
      <c r="K95" s="1185">
        <f>IF(C95="DBC IDP", _xlfn.XLOOKUP(F95, '[3]DACORUM IDS'!$E:$E, '[3]DACORUM IDS'!$P:$P), "Manual Check")</f>
        <v>13567.125</v>
      </c>
      <c r="L95" s="1185">
        <f>IF(C95="DBC IDP", _xlfn.XLOOKUP(F95, '[3]DACORUM IDS'!$E:$E, '[3]DACORUM IDS'!$CF:$CF), "N/A")</f>
        <v>0</v>
      </c>
      <c r="M95" s="1185">
        <f t="shared" si="4"/>
        <v>7315.875</v>
      </c>
      <c r="N95" s="1185">
        <f t="shared" si="5"/>
        <v>-13153.600247524753</v>
      </c>
      <c r="O95" s="597" t="str" cm="1">
        <f t="array" ref="O95">_xlfn.IFS(M95="N/A - New Scheme", "N/A", M95&gt;0, "Overall Cost Increased", M95=0, "No change", M95&lt;0, "Overall Cost Decreased")</f>
        <v>Overall Cost Increased</v>
      </c>
      <c r="P95" s="597" t="str" cm="1">
        <f t="array" ref="P95">_xlfn.IFS(N95="N/A - New Scheme", "N/A", N95&gt;0, "DBC Cost Increased", N95=0, "No change", N95&lt;0, "DBC Cost Decreased")</f>
        <v>DBC Cost Decreased</v>
      </c>
    </row>
    <row r="96" spans="2:16" ht="57" x14ac:dyDescent="0.2">
      <c r="B96" s="499" t="str">
        <v>TR95</v>
      </c>
      <c r="C96" s="499" t="str">
        <v>DBC IDP</v>
      </c>
      <c r="D96" s="499" t="str">
        <v>Transport</v>
      </c>
      <c r="E96" s="499" t="str">
        <v>Active Travel</v>
      </c>
      <c r="F96" s="499" t="str">
        <v>Great Elms Road side arm crossing improvements</v>
      </c>
      <c r="G96" s="499" t="str">
        <v xml:space="preserve">(SG8-1) Add tactile paving; add dropped kerbs; improve signage and wayfinding at junctions between Great Elms Road with (a) Belswains Lane, (b) Ash Grove, (c) Oakdene Road. </v>
      </c>
      <c r="H96" s="1185">
        <v>41091</v>
      </c>
      <c r="I96" s="1185">
        <v>16786.810883392223</v>
      </c>
      <c r="J96" s="1185">
        <v>0</v>
      </c>
      <c r="K96" s="1185">
        <f>IF(C96="DBC IDP", _xlfn.XLOOKUP(F96, '[3]DACORUM IDS'!$E:$E, '[3]DACORUM IDS'!$P:$P), "Manual Check")</f>
        <v>26695.563180000005</v>
      </c>
      <c r="L96" s="1185" t="str">
        <f>IF(C96="DBC IDP", _xlfn.XLOOKUP(F96, '[3]DACORUM IDS'!$E:$E, '[3]DACORUM IDS'!$CF:$CF), "N/A")</f>
        <v/>
      </c>
      <c r="M96" s="1185">
        <f t="shared" si="4"/>
        <v>14395.436819999995</v>
      </c>
      <c r="N96" s="1185">
        <f t="shared" si="5"/>
        <v>-9908.7522966077813</v>
      </c>
      <c r="O96" s="597" t="str" cm="1">
        <f t="array" ref="O96">_xlfn.IFS(M96="N/A - New Scheme", "N/A", M96&gt;0, "Overall Cost Increased", M96=0, "No change", M96&lt;0, "Overall Cost Decreased")</f>
        <v>Overall Cost Increased</v>
      </c>
      <c r="P96" s="597" t="str" cm="1">
        <f t="array" ref="P96">_xlfn.IFS(N96="N/A - New Scheme", "N/A", N96&gt;0, "DBC Cost Increased", N96=0, "No change", N96&lt;0, "DBC Cost Decreased")</f>
        <v>DBC Cost Decreased</v>
      </c>
    </row>
    <row r="97" spans="2:16" ht="71.25" x14ac:dyDescent="0.2">
      <c r="B97" s="499" t="str">
        <v>TR96</v>
      </c>
      <c r="C97" s="499" t="str">
        <v>DBC IDP</v>
      </c>
      <c r="D97" s="499" t="str">
        <v>Transport</v>
      </c>
      <c r="E97" s="499" t="str">
        <v>Active Travel</v>
      </c>
      <c r="F97" s="499" t="str">
        <v>Great Elms Road to Mulready Walk controlled crossing</v>
      </c>
      <c r="G97" s="499" t="str">
        <v>(SG8-2) Provide signal-controlled pedestrian crossing facility on Belswains Lane between Great Elms Rd and Mulready Walk. Consider kerb-build out on northern side, removing narrow central hatched area within carriageway</v>
      </c>
      <c r="H97" s="1185">
        <v>381968</v>
      </c>
      <c r="I97" s="1185">
        <v>156044.5007302709</v>
      </c>
      <c r="J97" s="1185">
        <v>0</v>
      </c>
      <c r="K97" s="1185">
        <f>IF(C97="DBC IDP", _xlfn.XLOOKUP(F97, '[3]DACORUM IDS'!$E:$E, '[3]DACORUM IDS'!$P:$P), "Manual Check")</f>
        <v>248155.05</v>
      </c>
      <c r="L97" s="1185" t="str">
        <f>IF(C97="DBC IDP", _xlfn.XLOOKUP(F97, '[3]DACORUM IDS'!$E:$E, '[3]DACORUM IDS'!$CF:$CF), "N/A")</f>
        <v/>
      </c>
      <c r="M97" s="1185">
        <f t="shared" si="4"/>
        <v>133812.95000000001</v>
      </c>
      <c r="N97" s="1185">
        <f t="shared" si="5"/>
        <v>-92110.54926972909</v>
      </c>
      <c r="O97" s="597" t="str" cm="1">
        <f t="array" ref="O97">_xlfn.IFS(M97="N/A - New Scheme", "N/A", M97&gt;0, "Overall Cost Increased", M97=0, "No change", M97&lt;0, "Overall Cost Decreased")</f>
        <v>Overall Cost Increased</v>
      </c>
      <c r="P97" s="597" t="str" cm="1">
        <f t="array" ref="P97">_xlfn.IFS(N97="N/A - New Scheme", "N/A", N97&gt;0, "DBC Cost Increased", N97=0, "No change", N97&lt;0, "DBC Cost Decreased")</f>
        <v>DBC Cost Decreased</v>
      </c>
    </row>
    <row r="98" spans="2:16" ht="85.5" x14ac:dyDescent="0.2">
      <c r="B98" s="499" t="str">
        <v>TR97</v>
      </c>
      <c r="C98" s="499" t="str">
        <v>DBC IDP</v>
      </c>
      <c r="D98" s="499" t="str">
        <v>Transport</v>
      </c>
      <c r="E98" s="499" t="str">
        <v>Active Travel</v>
      </c>
      <c r="F98" s="499" t="str">
        <v>Great Elms Road side arm crossing and kerb radii treatments</v>
      </c>
      <c r="G98" s="499" t="str">
        <v xml:space="preserve">(SG8-3) Tighten kerb radii and reduce crossing widths junctions between Great Elms Rd and (a) Kings Ave, (b) Oak St, (c) Barnfield, (d) Sanders Rd, (e) Deansway, (f) Horselers, (g) Candlefield Rd. Introduce tactile paving and provide contrasting surface treatment to denote crossings. </v>
      </c>
      <c r="H98" s="1185">
        <v>109218</v>
      </c>
      <c r="I98" s="1185">
        <v>44618.576113074203</v>
      </c>
      <c r="J98" s="1185">
        <v>0</v>
      </c>
      <c r="K98" s="1185">
        <f>IF(C98="DBC IDP", _xlfn.XLOOKUP(F98, '[3]DACORUM IDS'!$E:$E, '[3]DACORUM IDS'!$P:$P), "Manual Check")</f>
        <v>70956.162420000008</v>
      </c>
      <c r="L98" s="1185" t="str">
        <f>IF(C98="DBC IDP", _xlfn.XLOOKUP(F98, '[3]DACORUM IDS'!$E:$E, '[3]DACORUM IDS'!$CF:$CF), "N/A")</f>
        <v/>
      </c>
      <c r="M98" s="1185">
        <f t="shared" si="4"/>
        <v>38261.837579999992</v>
      </c>
      <c r="N98" s="1185">
        <f t="shared" si="5"/>
        <v>-26337.586306925805</v>
      </c>
      <c r="O98" s="597" t="str" cm="1">
        <f t="array" ref="O98">_xlfn.IFS(M98="N/A - New Scheme", "N/A", M98&gt;0, "Overall Cost Increased", M98=0, "No change", M98&lt;0, "Overall Cost Decreased")</f>
        <v>Overall Cost Increased</v>
      </c>
      <c r="P98" s="597" t="str" cm="1">
        <f t="array" ref="P98">_xlfn.IFS(N98="N/A - New Scheme", "N/A", N98&gt;0, "DBC Cost Increased", N98=0, "No change", N98&lt;0, "DBC Cost Decreased")</f>
        <v>DBC Cost Decreased</v>
      </c>
    </row>
    <row r="99" spans="2:16" ht="28.5" x14ac:dyDescent="0.2">
      <c r="B99" s="499" t="str">
        <v>TR98</v>
      </c>
      <c r="C99" s="499" t="str">
        <v>DBC IDP</v>
      </c>
      <c r="D99" s="499" t="str">
        <v>Transport</v>
      </c>
      <c r="E99" s="499" t="str">
        <v>Active Travel</v>
      </c>
      <c r="F99" s="499" t="str">
        <v>Great Elms Road &amp; Candlefield Road traffic calming</v>
      </c>
      <c r="G99" s="499" t="str">
        <v>(SG8-4) Provide traffic calming features along Great Elms Rd and Candlefield Rd - speed cushions</v>
      </c>
      <c r="H99" s="1185">
        <v>72774</v>
      </c>
      <c r="I99" s="1185">
        <v>29730.193356890461</v>
      </c>
      <c r="J99" s="1185">
        <v>0</v>
      </c>
      <c r="K99" s="1185">
        <f>IF(C99="DBC IDP", _xlfn.XLOOKUP(F99, '[3]DACORUM IDS'!$E:$E, '[3]DACORUM IDS'!$P:$P), "Manual Check")</f>
        <v>47279.375</v>
      </c>
      <c r="L99" s="1185" t="str">
        <f>IF(C99="DBC IDP", _xlfn.XLOOKUP(F99, '[3]DACORUM IDS'!$E:$E, '[3]DACORUM IDS'!$CF:$CF), "N/A")</f>
        <v/>
      </c>
      <c r="M99" s="1185">
        <f t="shared" si="4"/>
        <v>25494.625</v>
      </c>
      <c r="N99" s="1185">
        <f t="shared" si="5"/>
        <v>-17549.181643109539</v>
      </c>
      <c r="O99" s="597" t="str" cm="1">
        <f t="array" ref="O99">_xlfn.IFS(M99="N/A - New Scheme", "N/A", M99&gt;0, "Overall Cost Increased", M99=0, "No change", M99&lt;0, "Overall Cost Decreased")</f>
        <v>Overall Cost Increased</v>
      </c>
      <c r="P99" s="597" t="str" cm="1">
        <f t="array" ref="P99">_xlfn.IFS(N99="N/A - New Scheme", "N/A", N99&gt;0, "DBC Cost Increased", N99=0, "No change", N99&lt;0, "DBC Cost Decreased")</f>
        <v>DBC Cost Decreased</v>
      </c>
    </row>
    <row r="100" spans="2:16" ht="28.5" x14ac:dyDescent="0.2">
      <c r="B100" s="499" t="str">
        <v>TR99</v>
      </c>
      <c r="C100" s="499" t="str">
        <v>DBC IDP</v>
      </c>
      <c r="D100" s="499" t="str">
        <v>Transport</v>
      </c>
      <c r="E100" s="499" t="str">
        <v>Active Travel</v>
      </c>
      <c r="F100" s="499" t="str">
        <v>Great Elms Road pavement parking prevention</v>
      </c>
      <c r="G100" s="499" t="str">
        <v>(SG8-5) Introduce bollards to discourage or prevent pavement parking</v>
      </c>
      <c r="H100" s="1185">
        <v>2531</v>
      </c>
      <c r="I100" s="1185">
        <v>1033.9835571260305</v>
      </c>
      <c r="J100" s="1185">
        <v>0</v>
      </c>
      <c r="K100" s="1185">
        <f>IF(C100="DBC IDP", _xlfn.XLOOKUP(F100, '[3]DACORUM IDS'!$E:$E, '[3]DACORUM IDS'!$P:$P), "Manual Check")</f>
        <v>1644.5</v>
      </c>
      <c r="L100" s="1185" t="str">
        <f>IF(C100="DBC IDP", _xlfn.XLOOKUP(F100, '[3]DACORUM IDS'!$E:$E, '[3]DACORUM IDS'!$CF:$CF), "N/A")</f>
        <v/>
      </c>
      <c r="M100" s="1185">
        <f t="shared" si="4"/>
        <v>886.5</v>
      </c>
      <c r="N100" s="1185">
        <f t="shared" si="5"/>
        <v>-610.51644287396948</v>
      </c>
      <c r="O100" s="597" t="str" cm="1">
        <f t="array" ref="O100">_xlfn.IFS(M100="N/A - New Scheme", "N/A", M100&gt;0, "Overall Cost Increased", M100=0, "No change", M100&lt;0, "Overall Cost Decreased")</f>
        <v>Overall Cost Increased</v>
      </c>
      <c r="P100" s="597" t="str" cm="1">
        <f t="array" ref="P100">_xlfn.IFS(N100="N/A - New Scheme", "N/A", N100&gt;0, "DBC Cost Increased", N100=0, "No change", N100&lt;0, "DBC Cost Decreased")</f>
        <v>DBC Cost Decreased</v>
      </c>
    </row>
    <row r="101" spans="2:16" ht="57" x14ac:dyDescent="0.2">
      <c r="B101" s="499" t="str">
        <v>TR100</v>
      </c>
      <c r="C101" s="499" t="str">
        <v>DBC IDP</v>
      </c>
      <c r="D101" s="499" t="str">
        <v>Transport</v>
      </c>
      <c r="E101" s="499" t="str">
        <v>Active Travel</v>
      </c>
      <c r="F101" s="499" t="str">
        <v>Great Elms Road - Coronation Fields crossing</v>
      </c>
      <c r="G101" s="499" t="str">
        <v>(SG8-6) Introduce un-controlled crossing with tactile paving on raised speed table adjacent to Coronation Fields, linking the footpaths leading away from Great Elms Road on either side</v>
      </c>
      <c r="H101" s="1185">
        <v>175239</v>
      </c>
      <c r="I101" s="1185">
        <v>71589.982049469967</v>
      </c>
      <c r="J101" s="1185">
        <v>0</v>
      </c>
      <c r="K101" s="1185">
        <f>IF(C101="DBC IDP", _xlfn.XLOOKUP(F101, '[3]DACORUM IDS'!$E:$E, '[3]DACORUM IDS'!$P:$P), "Manual Check")</f>
        <v>113848.735</v>
      </c>
      <c r="L101" s="1185" t="str">
        <f>IF(C101="DBC IDP", _xlfn.XLOOKUP(F101, '[3]DACORUM IDS'!$E:$E, '[3]DACORUM IDS'!$CF:$CF), "N/A")</f>
        <v/>
      </c>
      <c r="M101" s="1185">
        <f t="shared" si="4"/>
        <v>61390.264999999999</v>
      </c>
      <c r="N101" s="1185">
        <f t="shared" si="5"/>
        <v>-42258.752950530034</v>
      </c>
      <c r="O101" s="597" t="str" cm="1">
        <f t="array" ref="O101">_xlfn.IFS(M101="N/A - New Scheme", "N/A", M101&gt;0, "Overall Cost Increased", M101=0, "No change", M101&lt;0, "Overall Cost Decreased")</f>
        <v>Overall Cost Increased</v>
      </c>
      <c r="P101" s="597" t="str" cm="1">
        <f t="array" ref="P101">_xlfn.IFS(N101="N/A - New Scheme", "N/A", N101&gt;0, "DBC Cost Increased", N101=0, "No change", N101&lt;0, "DBC Cost Decreased")</f>
        <v>DBC Cost Decreased</v>
      </c>
    </row>
    <row r="102" spans="2:16" ht="28.5" x14ac:dyDescent="0.2">
      <c r="B102" s="499" t="str">
        <v>TR101</v>
      </c>
      <c r="C102" s="499" t="str">
        <v>DBC IDP</v>
      </c>
      <c r="D102" s="499" t="str">
        <v>Transport</v>
      </c>
      <c r="E102" s="499" t="str">
        <v>Active Travel</v>
      </c>
      <c r="F102" s="499" t="str">
        <v>Great Elms Road and Candlefield Road Cycle Hangers</v>
      </c>
      <c r="G102" s="499" t="str">
        <v>(SG8-7) Add cycle hanger storage facilities (x3) for residents</v>
      </c>
      <c r="H102" s="1185">
        <v>49977</v>
      </c>
      <c r="I102" s="1185">
        <v>20416.987844522966</v>
      </c>
      <c r="J102" s="1185">
        <v>0</v>
      </c>
      <c r="K102" s="1185">
        <f>IF(C102="DBC IDP", _xlfn.XLOOKUP(F102, '[3]DACORUM IDS'!$E:$E, '[3]DACORUM IDS'!$P:$P), "Manual Check")</f>
        <v>32468.596874999999</v>
      </c>
      <c r="L102" s="1185" t="str">
        <f>IF(C102="DBC IDP", _xlfn.XLOOKUP(F102, '[3]DACORUM IDS'!$E:$E, '[3]DACORUM IDS'!$CF:$CF), "N/A")</f>
        <v/>
      </c>
      <c r="M102" s="1185">
        <f t="shared" ref="M102:M133" si="6">IF(ISNUMBER(K102),H102-K102-IF(ISNUMBER(L102), L102, 0), "N/A - New Scheme")</f>
        <v>17508.403125000001</v>
      </c>
      <c r="N102" s="1185">
        <f t="shared" ref="N102:N133" si="7">IF(ISNUMBER(K102), I102-K102, "N/A - New Scheme")</f>
        <v>-12051.609030477033</v>
      </c>
      <c r="O102" s="597" t="str" cm="1">
        <f t="array" ref="O102">_xlfn.IFS(M102="N/A - New Scheme", "N/A", M102&gt;0, "Overall Cost Increased", M102=0, "No change", M102&lt;0, "Overall Cost Decreased")</f>
        <v>Overall Cost Increased</v>
      </c>
      <c r="P102" s="597" t="str" cm="1">
        <f t="array" ref="P102">_xlfn.IFS(N102="N/A - New Scheme", "N/A", N102&gt;0, "DBC Cost Increased", N102=0, "No change", N102&lt;0, "DBC Cost Decreased")</f>
        <v>DBC Cost Decreased</v>
      </c>
    </row>
    <row r="103" spans="2:16" ht="71.25" x14ac:dyDescent="0.2">
      <c r="B103" s="499" t="str">
        <v>TR102</v>
      </c>
      <c r="C103" s="499" t="str">
        <v>DBC IDP</v>
      </c>
      <c r="D103" s="499" t="str">
        <v>Transport</v>
      </c>
      <c r="E103" s="499" t="str">
        <v>Active Travel</v>
      </c>
      <c r="F103" s="499" t="str">
        <v>Peascroft Road cycle route and side-arm junction Copenhagen crossings</v>
      </c>
      <c r="G103" s="499" t="str">
        <v>(SG9-1) New off-carriageway shared footway cycleway between Bennetts End Road and existing cycle route which links Northend and Malmes Court, incorporating Copenhagen Crossings (3x) on Kiln Ground, St Michaels Avenue and Kilncroft</v>
      </c>
      <c r="H103" s="1185">
        <v>1376375</v>
      </c>
      <c r="I103" s="1185">
        <v>562287.28504122491</v>
      </c>
      <c r="J103" s="1185">
        <v>0</v>
      </c>
      <c r="K103" s="1185">
        <f>IF(C103="DBC IDP", _xlfn.XLOOKUP(F103, '[3]DACORUM IDS'!$E:$E, '[3]DACORUM IDS'!$P:$P), "Manual Check")</f>
        <v>894196.875</v>
      </c>
      <c r="L103" s="1185" t="str">
        <f>IF(C103="DBC IDP", _xlfn.XLOOKUP(F103, '[3]DACORUM IDS'!$E:$E, '[3]DACORUM IDS'!$CF:$CF), "N/A")</f>
        <v/>
      </c>
      <c r="M103" s="1185">
        <f t="shared" si="6"/>
        <v>482178.125</v>
      </c>
      <c r="N103" s="1185">
        <f t="shared" si="7"/>
        <v>-331909.58995877509</v>
      </c>
      <c r="O103" s="597" t="str" cm="1">
        <f t="array" ref="O103">_xlfn.IFS(M103="N/A - New Scheme", "N/A", M103&gt;0, "Overall Cost Increased", M103=0, "No change", M103&lt;0, "Overall Cost Decreased")</f>
        <v>Overall Cost Increased</v>
      </c>
      <c r="P103" s="597" t="str" cm="1">
        <f t="array" ref="P103">_xlfn.IFS(N103="N/A - New Scheme", "N/A", N103&gt;0, "DBC Cost Increased", N103=0, "No change", N103&lt;0, "DBC Cost Decreased")</f>
        <v>DBC Cost Decreased</v>
      </c>
    </row>
    <row r="104" spans="2:16" ht="42.75" x14ac:dyDescent="0.2">
      <c r="B104" s="499" t="str">
        <v>TR103</v>
      </c>
      <c r="C104" s="499" t="str">
        <v>DBC IDP</v>
      </c>
      <c r="D104" s="499" t="str">
        <v>Transport</v>
      </c>
      <c r="E104" s="499" t="str">
        <v>Active Travel</v>
      </c>
      <c r="F104" s="499" t="str">
        <v>Peascroft Road-Bennetts End Road Junction cycle crossing improvements</v>
      </c>
      <c r="G104" s="499" t="str">
        <v>(SG9-2) Improve cycling crossing facilities using road markings at Bennetts End Rd/ Peascroft Rd mini-roundabout</v>
      </c>
      <c r="H104" s="1185">
        <v>132</v>
      </c>
      <c r="I104" s="1185">
        <v>53.925653710247353</v>
      </c>
      <c r="J104" s="1185">
        <v>0</v>
      </c>
      <c r="K104" s="1185">
        <f>IF(C104="DBC IDP", _xlfn.XLOOKUP(F104, '[3]DACORUM IDS'!$E:$E, '[3]DACORUM IDS'!$P:$P), "Manual Check")</f>
        <v>85.822343750000002</v>
      </c>
      <c r="L104" s="1185" t="str">
        <f>IF(C104="DBC IDP", _xlfn.XLOOKUP(F104, '[3]DACORUM IDS'!$E:$E, '[3]DACORUM IDS'!$CF:$CF), "N/A")</f>
        <v/>
      </c>
      <c r="M104" s="1185">
        <f t="shared" si="6"/>
        <v>46.177656249999998</v>
      </c>
      <c r="N104" s="1185">
        <f t="shared" si="7"/>
        <v>-31.896690039752649</v>
      </c>
      <c r="O104" s="597" t="str" cm="1">
        <f t="array" ref="O104">_xlfn.IFS(M104="N/A - New Scheme", "N/A", M104&gt;0, "Overall Cost Increased", M104=0, "No change", M104&lt;0, "Overall Cost Decreased")</f>
        <v>Overall Cost Increased</v>
      </c>
      <c r="P104" s="597" t="str" cm="1">
        <f t="array" ref="P104">_xlfn.IFS(N104="N/A - New Scheme", "N/A", N104&gt;0, "DBC Cost Increased", N104=0, "No change", N104&lt;0, "DBC Cost Decreased")</f>
        <v>DBC Cost Decreased</v>
      </c>
    </row>
    <row r="105" spans="2:16" ht="71.25" x14ac:dyDescent="0.2">
      <c r="B105" s="499" t="str">
        <v>TR104</v>
      </c>
      <c r="C105" s="499" t="str">
        <v>DBC IDP</v>
      </c>
      <c r="D105" s="499" t="str">
        <v>Transport</v>
      </c>
      <c r="E105" s="499" t="str">
        <v>Active Travel</v>
      </c>
      <c r="F105" s="499" t="str">
        <v>Peascroft Road mini roundabout traffic calming</v>
      </c>
      <c r="G105" s="499" t="str">
        <v xml:space="preserve">(SG9-3) Provide speed cushions on two approaches to Bennetts End Rd/ Peascroft Rd mini-roundabout. Note: this area falls within a wider area identified by HCC as being a potential 20mph zone, subject to further investigation. </v>
      </c>
      <c r="H105" s="1185">
        <v>72774</v>
      </c>
      <c r="I105" s="1185">
        <v>29730.193356890461</v>
      </c>
      <c r="J105" s="1185">
        <v>0</v>
      </c>
      <c r="K105" s="1185">
        <f>IF(C105="DBC IDP", _xlfn.XLOOKUP(F105, '[3]DACORUM IDS'!$E:$E, '[3]DACORUM IDS'!$P:$P), "Manual Check")</f>
        <v>47279.375</v>
      </c>
      <c r="L105" s="1185" t="str">
        <f>IF(C105="DBC IDP", _xlfn.XLOOKUP(F105, '[3]DACORUM IDS'!$E:$E, '[3]DACORUM IDS'!$CF:$CF), "N/A")</f>
        <v/>
      </c>
      <c r="M105" s="1185">
        <f t="shared" si="6"/>
        <v>25494.625</v>
      </c>
      <c r="N105" s="1185">
        <f t="shared" si="7"/>
        <v>-17549.181643109539</v>
      </c>
      <c r="O105" s="597" t="str" cm="1">
        <f t="array" ref="O105">_xlfn.IFS(M105="N/A - New Scheme", "N/A", M105&gt;0, "Overall Cost Increased", M105=0, "No change", M105&lt;0, "Overall Cost Decreased")</f>
        <v>Overall Cost Increased</v>
      </c>
      <c r="P105" s="597" t="str" cm="1">
        <f t="array" ref="P105">_xlfn.IFS(N105="N/A - New Scheme", "N/A", N105&gt;0, "DBC Cost Increased", N105=0, "No change", N105&lt;0, "DBC Cost Decreased")</f>
        <v>DBC Cost Decreased</v>
      </c>
    </row>
    <row r="106" spans="2:16" ht="42.75" x14ac:dyDescent="0.2">
      <c r="B106" s="499" t="str">
        <v>TR105</v>
      </c>
      <c r="C106" s="499" t="str">
        <v>DBC IDP</v>
      </c>
      <c r="D106" s="499" t="str">
        <v>Transport</v>
      </c>
      <c r="E106" s="499" t="str">
        <v>Active Travel</v>
      </c>
      <c r="F106" s="499" t="str">
        <v>Pescroft Road pavement parking restrictions</v>
      </c>
      <c r="G106" s="499" t="str">
        <v>(SG9-5) Physical parking control measures such as bollards, double yellow lines to prevent cars parking on footway</v>
      </c>
      <c r="H106" s="1185">
        <v>7594</v>
      </c>
      <c r="I106" s="1185">
        <v>3102.3591990577152</v>
      </c>
      <c r="J106" s="1185">
        <v>0</v>
      </c>
      <c r="K106" s="1185">
        <f>IF(C106="DBC IDP", _xlfn.XLOOKUP(F106, '[3]DACORUM IDS'!$E:$E, '[3]DACORUM IDS'!$P:$P), "Manual Check")</f>
        <v>4933.5</v>
      </c>
      <c r="L106" s="1185" t="str">
        <f>IF(C106="DBC IDP", _xlfn.XLOOKUP(F106, '[3]DACORUM IDS'!$E:$E, '[3]DACORUM IDS'!$CF:$CF), "N/A")</f>
        <v/>
      </c>
      <c r="M106" s="1185">
        <f t="shared" si="6"/>
        <v>2660.5</v>
      </c>
      <c r="N106" s="1185">
        <f t="shared" si="7"/>
        <v>-1831.1408009422848</v>
      </c>
      <c r="O106" s="597" t="str" cm="1">
        <f t="array" ref="O106">_xlfn.IFS(M106="N/A - New Scheme", "N/A", M106&gt;0, "Overall Cost Increased", M106=0, "No change", M106&lt;0, "Overall Cost Decreased")</f>
        <v>Overall Cost Increased</v>
      </c>
      <c r="P106" s="597" t="str" cm="1">
        <f t="array" ref="P106">_xlfn.IFS(N106="N/A - New Scheme", "N/A", N106&gt;0, "DBC Cost Increased", N106=0, "No change", N106&lt;0, "DBC Cost Decreased")</f>
        <v>DBC Cost Decreased</v>
      </c>
    </row>
    <row r="107" spans="2:16" ht="28.5" x14ac:dyDescent="0.2">
      <c r="B107" s="499" t="str">
        <v>TR106</v>
      </c>
      <c r="C107" s="499" t="str">
        <v>DBC IDP</v>
      </c>
      <c r="D107" s="499" t="str">
        <v>Transport</v>
      </c>
      <c r="E107" s="499" t="str">
        <v>Active Travel</v>
      </c>
      <c r="F107" s="499" t="str">
        <v>Peascroft Road/Northend cycle stands</v>
      </c>
      <c r="G107" s="499" t="str">
        <v>(SG9-6) Add cycle stands (x4) along the route, opposite the green space near Kilncroft and Longfield</v>
      </c>
      <c r="H107" s="1185">
        <v>797</v>
      </c>
      <c r="I107" s="1185">
        <v>325.59656065959956</v>
      </c>
      <c r="J107" s="1185">
        <v>0</v>
      </c>
      <c r="K107" s="1185">
        <f>IF(C107="DBC IDP", _xlfn.XLOOKUP(F107, '[3]DACORUM IDS'!$E:$E, '[3]DACORUM IDS'!$P:$P), "Manual Check")</f>
        <v>518.01749999999993</v>
      </c>
      <c r="L107" s="1185" t="str">
        <f>IF(C107="DBC IDP", _xlfn.XLOOKUP(F107, '[3]DACORUM IDS'!$E:$E, '[3]DACORUM IDS'!$CF:$CF), "N/A")</f>
        <v/>
      </c>
      <c r="M107" s="1185">
        <f t="shared" si="6"/>
        <v>278.98250000000007</v>
      </c>
      <c r="N107" s="1185">
        <f t="shared" si="7"/>
        <v>-192.42093934040037</v>
      </c>
      <c r="O107" s="597" t="str" cm="1">
        <f t="array" ref="O107">_xlfn.IFS(M107="N/A - New Scheme", "N/A", M107&gt;0, "Overall Cost Increased", M107=0, "No change", M107&lt;0, "Overall Cost Decreased")</f>
        <v>Overall Cost Increased</v>
      </c>
      <c r="P107" s="597" t="str" cm="1">
        <f t="array" ref="P107">_xlfn.IFS(N107="N/A - New Scheme", "N/A", N107&gt;0, "DBC Cost Increased", N107=0, "No change", N107&lt;0, "DBC Cost Decreased")</f>
        <v>DBC Cost Decreased</v>
      </c>
    </row>
    <row r="108" spans="2:16" ht="42.75" x14ac:dyDescent="0.2">
      <c r="B108" s="499" t="str">
        <v>TR107</v>
      </c>
      <c r="C108" s="499" t="str">
        <v>DBC IDP</v>
      </c>
      <c r="D108" s="499" t="str">
        <v>Transport</v>
      </c>
      <c r="E108" s="499" t="str">
        <v>Active Travel</v>
      </c>
      <c r="F108" s="499" t="str">
        <v>Malmes Croft off-carriageway cycle route</v>
      </c>
      <c r="G108" s="499" t="str">
        <v>(SG9-7) New off-carriageway shared footway cycleway at eastern end of Malmes Croft, between Windermere Close and Leverstock Green Way</v>
      </c>
      <c r="H108" s="1185">
        <v>113907</v>
      </c>
      <c r="I108" s="1185">
        <v>46534.162402826856</v>
      </c>
      <c r="J108" s="1185">
        <v>0</v>
      </c>
      <c r="K108" s="1185">
        <f>IF(C108="DBC IDP", _xlfn.XLOOKUP(F108, '[3]DACORUM IDS'!$E:$E, '[3]DACORUM IDS'!$P:$P), "Manual Check")</f>
        <v>74002.5</v>
      </c>
      <c r="L108" s="1185" t="str">
        <f>IF(C108="DBC IDP", _xlfn.XLOOKUP(F108, '[3]DACORUM IDS'!$E:$E, '[3]DACORUM IDS'!$CF:$CF), "N/A")</f>
        <v/>
      </c>
      <c r="M108" s="1185">
        <f t="shared" si="6"/>
        <v>39904.5</v>
      </c>
      <c r="N108" s="1185">
        <f t="shared" si="7"/>
        <v>-27468.337597173144</v>
      </c>
      <c r="O108" s="597" t="str" cm="1">
        <f t="array" ref="O108">_xlfn.IFS(M108="N/A - New Scheme", "N/A", M108&gt;0, "Overall Cost Increased", M108=0, "No change", M108&lt;0, "Overall Cost Decreased")</f>
        <v>Overall Cost Increased</v>
      </c>
      <c r="P108" s="597" t="str" cm="1">
        <f t="array" ref="P108">_xlfn.IFS(N108="N/A - New Scheme", "N/A", N108&gt;0, "DBC Cost Increased", N108=0, "No change", N108&lt;0, "DBC Cost Decreased")</f>
        <v>DBC Cost Decreased</v>
      </c>
    </row>
    <row r="109" spans="2:16" ht="142.5" x14ac:dyDescent="0.2">
      <c r="B109" s="499" t="str">
        <v>TR108</v>
      </c>
      <c r="C109" s="499" t="str">
        <v>DBC IDP</v>
      </c>
      <c r="D109" s="499" t="str">
        <v>Transport</v>
      </c>
      <c r="E109" s="499" t="str">
        <v>Active Travel</v>
      </c>
      <c r="F109" s="499" t="str">
        <v>Leverstock Green Way Village Centre to A414 Cycle Route</v>
      </c>
      <c r="G109" s="499" t="str">
        <v>(SG10-1) New off-carriageway shared use cycle and footway on the southern/western side of the road between Malmes Croft and A414 signal-controlled crossing (west of Maylands Avenue junction). Include reduced kerb radii at Green Dell Way to reduce crossing width with tactile paving and contrasting surface treatment to indicate uncontrolled crossing location. Also include short section south of Malmes Croft to the signal-controlled crossing and upgrade crossing to a Toucan crossing</v>
      </c>
      <c r="H109" s="1185">
        <v>956768</v>
      </c>
      <c r="I109" s="1185">
        <v>390866.21097762074</v>
      </c>
      <c r="J109" s="1185">
        <v>0</v>
      </c>
      <c r="K109" s="1185">
        <f>IF(C109="DBC IDP", _xlfn.XLOOKUP(F109, '[3]DACORUM IDS'!$E:$E, '[3]DACORUM IDS'!$P:$P), "Manual Check")</f>
        <v>621588.11</v>
      </c>
      <c r="L109" s="1185">
        <f>IF(C109="DBC IDP", _xlfn.XLOOKUP(F109, '[3]DACORUM IDS'!$E:$E, '[3]DACORUM IDS'!$CF:$CF), "N/A")</f>
        <v>589507.91199823562</v>
      </c>
      <c r="M109" s="1185">
        <f t="shared" si="6"/>
        <v>-254328.02199823561</v>
      </c>
      <c r="N109" s="1185">
        <f t="shared" si="7"/>
        <v>-230721.89902237925</v>
      </c>
      <c r="O109" s="597" t="str" cm="1">
        <f t="array" ref="O109">_xlfn.IFS(M109="N/A - New Scheme", "N/A", M109&gt;0, "Overall Cost Increased", M109=0, "No change", M109&lt;0, "Overall Cost Decreased")</f>
        <v>Overall Cost Decreased</v>
      </c>
      <c r="P109" s="597" t="str" cm="1">
        <f t="array" ref="P109">_xlfn.IFS(N109="N/A - New Scheme", "N/A", N109&gt;0, "DBC Cost Increased", N109=0, "No change", N109&lt;0, "DBC Cost Decreased")</f>
        <v>DBC Cost Decreased</v>
      </c>
    </row>
    <row r="110" spans="2:16" ht="114" x14ac:dyDescent="0.2">
      <c r="B110" s="499" t="str">
        <v>TR109</v>
      </c>
      <c r="C110" s="499" t="str">
        <v>DBC IDP</v>
      </c>
      <c r="D110" s="499" t="str">
        <v>Transport</v>
      </c>
      <c r="E110" s="499" t="str">
        <v>Active Travel</v>
      </c>
      <c r="F110" s="499" t="str">
        <v>New controlled crossing between St Davids Close and Greenacres</v>
      </c>
      <c r="G110" s="499" t="str">
        <v>(SG10-2) Provide a new controlled crossing between St Davids Close and Greenachres to serve access to the inbound bus stop from housing on the eastern side of road. In conjunction, widen footways on both sides of the road, either side of the crossing, and incorporate tactile paving and dropped kerbs and include short footway extension on southern side of St Davids Close arm</v>
      </c>
      <c r="H110" s="1185">
        <v>182833</v>
      </c>
      <c r="I110" s="1185">
        <v>74692.341248527679</v>
      </c>
      <c r="J110" s="1185">
        <v>0</v>
      </c>
      <c r="K110" s="1185">
        <f>IF(C110="DBC IDP", _xlfn.XLOOKUP(F110, '[3]DACORUM IDS'!$E:$E, '[3]DACORUM IDS'!$P:$P), "Manual Check")</f>
        <v>118782.235</v>
      </c>
      <c r="L110" s="1185">
        <f>IF(C110="DBC IDP", _xlfn.XLOOKUP(F110, '[3]DACORUM IDS'!$E:$E, '[3]DACORUM IDS'!$CF:$CF), "N/A")</f>
        <v>0</v>
      </c>
      <c r="M110" s="1185">
        <f t="shared" si="6"/>
        <v>64050.764999999999</v>
      </c>
      <c r="N110" s="1185">
        <f t="shared" si="7"/>
        <v>-44089.893751472322</v>
      </c>
      <c r="O110" s="597" t="str" cm="1">
        <f t="array" ref="O110">_xlfn.IFS(M110="N/A - New Scheme", "N/A", M110&gt;0, "Overall Cost Increased", M110=0, "No change", M110&lt;0, "Overall Cost Decreased")</f>
        <v>Overall Cost Increased</v>
      </c>
      <c r="P110" s="597" t="str" cm="1">
        <f t="array" ref="P110">_xlfn.IFS(N110="N/A - New Scheme", "N/A", N110&gt;0, "DBC Cost Increased", N110=0, "No change", N110&lt;0, "DBC Cost Decreased")</f>
        <v>DBC Cost Decreased</v>
      </c>
    </row>
    <row r="111" spans="2:16" ht="57" x14ac:dyDescent="0.2">
      <c r="B111" s="499" t="str">
        <v>TR110</v>
      </c>
      <c r="C111" s="499" t="str">
        <v>DBC IDP</v>
      </c>
      <c r="D111" s="499" t="str">
        <v>Transport</v>
      </c>
      <c r="E111" s="499" t="str">
        <v>Active Travel</v>
      </c>
      <c r="F111" s="499" t="str">
        <v xml:space="preserve">Leverstock Green Way side arm junction treatments </v>
      </c>
      <c r="G111" s="499" t="str">
        <v xml:space="preserve">(SG10-3) Tighten kerb radii where feasible to reduce crossing width and install tactile paving with dropped kerbs at side arms with a) Curtis Road, b) Church Road, c) Pancake Lane and d) Bartel Close </v>
      </c>
      <c r="H111" s="1185">
        <v>20048</v>
      </c>
      <c r="I111" s="1185">
        <v>8190.162921083629</v>
      </c>
      <c r="J111" s="1185">
        <v>0</v>
      </c>
      <c r="K111" s="1185">
        <f>IF(C111="DBC IDP", _xlfn.XLOOKUP(F111, '[3]DACORUM IDS'!$E:$E, '[3]DACORUM IDS'!$P:$P), "Manual Check")</f>
        <v>13024.44</v>
      </c>
      <c r="L111" s="1185">
        <f>IF(C111="DBC IDP", _xlfn.XLOOKUP(F111, '[3]DACORUM IDS'!$E:$E, '[3]DACORUM IDS'!$CF:$CF), "N/A")</f>
        <v>0</v>
      </c>
      <c r="M111" s="1185">
        <f t="shared" si="6"/>
        <v>7023.5599999999995</v>
      </c>
      <c r="N111" s="1185">
        <f t="shared" si="7"/>
        <v>-4834.2770789163715</v>
      </c>
      <c r="O111" s="597" t="str" cm="1">
        <f t="array" ref="O111">_xlfn.IFS(M111="N/A - New Scheme", "N/A", M111&gt;0, "Overall Cost Increased", M111=0, "No change", M111&lt;0, "Overall Cost Decreased")</f>
        <v>Overall Cost Increased</v>
      </c>
      <c r="P111" s="597" t="str" cm="1">
        <f t="array" ref="P111">_xlfn.IFS(N111="N/A - New Scheme", "N/A", N111&gt;0, "DBC Cost Increased", N111=0, "No change", N111&lt;0, "DBC Cost Decreased")</f>
        <v>DBC Cost Decreased</v>
      </c>
    </row>
    <row r="112" spans="2:16" ht="42.75" x14ac:dyDescent="0.2">
      <c r="B112" s="499" t="str">
        <v>TR111</v>
      </c>
      <c r="C112" s="499" t="str">
        <v>DBC IDP</v>
      </c>
      <c r="D112" s="499" t="str">
        <v>Transport</v>
      </c>
      <c r="E112" s="499" t="str">
        <v>Active Travel</v>
      </c>
      <c r="F112" s="499" t="str">
        <v>Additional cycle parking at Leverstock Green Village Centre</v>
      </c>
      <c r="G112" s="499" t="str">
        <v>(SG10-4) Add cycle parking (c. 6x cycle stands) adjacent to the controlled crossing outside the Leverstock Green Village Centre shopping parade</v>
      </c>
      <c r="H112" s="1185">
        <v>1196</v>
      </c>
      <c r="I112" s="1185">
        <v>488.59910482921083</v>
      </c>
      <c r="J112" s="1185">
        <v>0</v>
      </c>
      <c r="K112" s="1185">
        <f>IF(C112="DBC IDP", _xlfn.XLOOKUP(F112, '[3]DACORUM IDS'!$E:$E, '[3]DACORUM IDS'!$P:$P), "Manual Check")</f>
        <v>777.02625</v>
      </c>
      <c r="L112" s="1185">
        <f>IF(C112="DBC IDP", _xlfn.XLOOKUP(F112, '[3]DACORUM IDS'!$E:$E, '[3]DACORUM IDS'!$CF:$CF), "N/A")</f>
        <v>724.14670026007798</v>
      </c>
      <c r="M112" s="1185">
        <f t="shared" si="6"/>
        <v>-305.17295026007798</v>
      </c>
      <c r="N112" s="1185">
        <f t="shared" si="7"/>
        <v>-288.42714517078917</v>
      </c>
      <c r="O112" s="597" t="str" cm="1">
        <f t="array" ref="O112">_xlfn.IFS(M112="N/A - New Scheme", "N/A", M112&gt;0, "Overall Cost Increased", M112=0, "No change", M112&lt;0, "Overall Cost Decreased")</f>
        <v>Overall Cost Decreased</v>
      </c>
      <c r="P112" s="597" t="str" cm="1">
        <f t="array" ref="P112">_xlfn.IFS(N112="N/A - New Scheme", "N/A", N112&gt;0, "DBC Cost Increased", N112=0, "No change", N112&lt;0, "DBC Cost Decreased")</f>
        <v>DBC Cost Decreased</v>
      </c>
    </row>
    <row r="113" spans="2:16" ht="28.5" x14ac:dyDescent="0.2">
      <c r="B113" s="499" t="str">
        <v>TR112</v>
      </c>
      <c r="C113" s="499" t="str">
        <v>DBC IDP</v>
      </c>
      <c r="D113" s="499" t="str">
        <v>Transport</v>
      </c>
      <c r="E113" s="499" t="str">
        <v>Active Travel</v>
      </c>
      <c r="F113" s="499" t="str">
        <v>Mickleford Road junction crossing improvements</v>
      </c>
      <c r="G113" s="499" t="str">
        <v>(SG11-1) Add tactile paving at Micklefield Road (junctions with Green Lane and Poynders Hill)</v>
      </c>
      <c r="H113" s="1185">
        <v>2430</v>
      </c>
      <c r="I113" s="1185">
        <v>992.72226148409891</v>
      </c>
      <c r="J113" s="1185">
        <v>0</v>
      </c>
      <c r="K113" s="1185">
        <f>IF(C113="DBC IDP", _xlfn.XLOOKUP(F113, '[3]DACORUM IDS'!$E:$E, '[3]DACORUM IDS'!$P:$P), "Manual Check")</f>
        <v>1578.72</v>
      </c>
      <c r="L113" s="1185">
        <f>IF(C113="DBC IDP", _xlfn.XLOOKUP(F113, '[3]DACORUM IDS'!$E:$E, '[3]DACORUM IDS'!$CF:$CF), "N/A")</f>
        <v>1549.8849315068494</v>
      </c>
      <c r="M113" s="1185">
        <f t="shared" si="6"/>
        <v>-698.60493150684943</v>
      </c>
      <c r="N113" s="1185">
        <f t="shared" si="7"/>
        <v>-585.99773851590112</v>
      </c>
      <c r="O113" s="597" t="str" cm="1">
        <f t="array" ref="O113">_xlfn.IFS(M113="N/A - New Scheme", "N/A", M113&gt;0, "Overall Cost Increased", M113=0, "No change", M113&lt;0, "Overall Cost Decreased")</f>
        <v>Overall Cost Decreased</v>
      </c>
      <c r="P113" s="597" t="str" cm="1">
        <f t="array" ref="P113">_xlfn.IFS(N113="N/A - New Scheme", "N/A", N113&gt;0, "DBC Cost Increased", N113=0, "No change", N113&lt;0, "DBC Cost Decreased")</f>
        <v>DBC Cost Decreased</v>
      </c>
    </row>
    <row r="114" spans="2:16" ht="85.5" x14ac:dyDescent="0.2">
      <c r="B114" s="499" t="str">
        <v>TR113</v>
      </c>
      <c r="C114" s="499" t="str">
        <v>DBC IDP</v>
      </c>
      <c r="D114" s="499" t="str">
        <v>Transport</v>
      </c>
      <c r="E114" s="499" t="str">
        <v>Active Travel</v>
      </c>
      <c r="F114" s="499" t="str">
        <v>A4147 Toucan Crossing and cycle link into Woolmer Drive</v>
      </c>
      <c r="G114" s="499" t="str">
        <v xml:space="preserve">(SG11-2) Provide signal-controlled Toucan crossing on A4147, in addition to a shared use cycle and footway on the eastern side of the Toucan crossing, leading round into Woolmer Drive as far as the bus stop (c.70m) where provision should be made for cyclists to safely enter/exit the carriageway. </v>
      </c>
      <c r="H114" s="1185">
        <v>523551</v>
      </c>
      <c r="I114" s="1185">
        <v>213885.07519434625</v>
      </c>
      <c r="J114" s="1185">
        <v>0</v>
      </c>
      <c r="K114" s="1185">
        <f>IF(C114="DBC IDP", _xlfn.XLOOKUP(F114, '[3]DACORUM IDS'!$E:$E, '[3]DACORUM IDS'!$P:$P), "Manual Check")</f>
        <v>340138.10187499999</v>
      </c>
      <c r="L114" s="1185">
        <f>IF(C114="DBC IDP", _xlfn.XLOOKUP(F114, '[3]DACORUM IDS'!$E:$E, '[3]DACORUM IDS'!$CF:$CF), "N/A")</f>
        <v>333925.53380422376</v>
      </c>
      <c r="M114" s="1185">
        <f t="shared" si="6"/>
        <v>-150512.63567922375</v>
      </c>
      <c r="N114" s="1185">
        <f t="shared" si="7"/>
        <v>-126253.02668065374</v>
      </c>
      <c r="O114" s="597" t="str" cm="1">
        <f t="array" ref="O114">_xlfn.IFS(M114="N/A - New Scheme", "N/A", M114&gt;0, "Overall Cost Increased", M114=0, "No change", M114&lt;0, "Overall Cost Decreased")</f>
        <v>Overall Cost Decreased</v>
      </c>
      <c r="P114" s="597" t="str" cm="1">
        <f t="array" ref="P114">_xlfn.IFS(N114="N/A - New Scheme", "N/A", N114&gt;0, "DBC Cost Increased", N114=0, "No change", N114&lt;0, "DBC Cost Decreased")</f>
        <v>DBC Cost Decreased</v>
      </c>
    </row>
    <row r="115" spans="2:16" ht="42.75" x14ac:dyDescent="0.2">
      <c r="B115" s="499" t="str">
        <v>TR114</v>
      </c>
      <c r="C115" s="499" t="str">
        <v>DBC IDP</v>
      </c>
      <c r="D115" s="499" t="str">
        <v>Transport</v>
      </c>
      <c r="E115" s="499" t="str">
        <v>Active Travel</v>
      </c>
      <c r="F115" s="499" t="str">
        <v>Cycle Hanger storage on Mickleford Road and Datchworth Turn</v>
      </c>
      <c r="G115" s="499" t="str">
        <v>(SG11-4) Add cycle hanger storage facilities for residents, including on Datchworth Turn and Micklefield Road (x2 hangers)</v>
      </c>
      <c r="H115" s="1185">
        <v>33318</v>
      </c>
      <c r="I115" s="1185">
        <v>13611.325229681981</v>
      </c>
      <c r="J115" s="1185">
        <v>0</v>
      </c>
      <c r="K115" s="1185">
        <f>IF(C115="DBC IDP", _xlfn.XLOOKUP(F115, '[3]DACORUM IDS'!$E:$E, '[3]DACORUM IDS'!$P:$P), "Manual Check")</f>
        <v>21645.731250000001</v>
      </c>
      <c r="L115" s="1185">
        <f>IF(C115="DBC IDP", _xlfn.XLOOKUP(F115, '[3]DACORUM IDS'!$E:$E, '[3]DACORUM IDS'!$CF:$CF), "N/A")</f>
        <v>21250.375428082192</v>
      </c>
      <c r="M115" s="1185">
        <f t="shared" si="6"/>
        <v>-9578.106678082193</v>
      </c>
      <c r="N115" s="1185">
        <f t="shared" si="7"/>
        <v>-8034.4060203180197</v>
      </c>
      <c r="O115" s="597" t="str" cm="1">
        <f t="array" ref="O115">_xlfn.IFS(M115="N/A - New Scheme", "N/A", M115&gt;0, "Overall Cost Increased", M115=0, "No change", M115&lt;0, "Overall Cost Decreased")</f>
        <v>Overall Cost Decreased</v>
      </c>
      <c r="P115" s="597" t="str" cm="1">
        <f t="array" ref="P115">_xlfn.IFS(N115="N/A - New Scheme", "N/A", N115&gt;0, "DBC Cost Increased", N115=0, "No change", N115&lt;0, "DBC Cost Decreased")</f>
        <v>DBC Cost Decreased</v>
      </c>
    </row>
    <row r="116" spans="2:16" ht="99.75" x14ac:dyDescent="0.2">
      <c r="B116" s="499" t="str">
        <v>TR115</v>
      </c>
      <c r="C116" s="499" t="str">
        <v>DBC IDP</v>
      </c>
      <c r="D116" s="499" t="str">
        <v>Transport</v>
      </c>
      <c r="E116" s="499" t="str">
        <v>Active Travel</v>
      </c>
      <c r="F116" s="499" t="str">
        <v>Redbourn Road side junction crossing improvements</v>
      </c>
      <c r="G116" s="499" t="str">
        <v xml:space="preserve">(SG14-1) Improve pedestrian crossing facilities at a) The Melings and b) Half Moon Meadow junctions with Redbourn Road, reducing the kerb radii on the eastern side of both junctions (removing the short slip road sections) adding tactile paving on both sides of Redbourn Rd aligned with current uncontrolled crossings. </v>
      </c>
      <c r="H116" s="1185">
        <v>63180</v>
      </c>
      <c r="I116" s="1185">
        <v>47946.840718774372</v>
      </c>
      <c r="J116" s="1185">
        <v>0</v>
      </c>
      <c r="K116" s="1185">
        <f>IF(C116="DBC IDP", _xlfn.XLOOKUP(F116, '[3]DACORUM IDS'!$E:$E, '[3]DACORUM IDS'!$P:$P), "Manual Check")</f>
        <v>41046.720000000001</v>
      </c>
      <c r="L116" s="1185">
        <f>IF(C116="DBC IDP", _xlfn.XLOOKUP(F116, '[3]DACORUM IDS'!$E:$E, '[3]DACORUM IDS'!$CF:$CF), "N/A")</f>
        <v>30431.188965517245</v>
      </c>
      <c r="M116" s="1185">
        <f t="shared" si="6"/>
        <v>-8297.9089655172465</v>
      </c>
      <c r="N116" s="1185">
        <f t="shared" si="7"/>
        <v>6900.1207187743712</v>
      </c>
      <c r="O116" s="597" t="str" cm="1">
        <f t="array" ref="O116">_xlfn.IFS(M116="N/A - New Scheme", "N/A", M116&gt;0, "Overall Cost Increased", M116=0, "No change", M116&lt;0, "Overall Cost Decreased")</f>
        <v>Overall Cost Decreased</v>
      </c>
      <c r="P116" s="597" t="str" cm="1">
        <f t="array" ref="P116">_xlfn.IFS(N116="N/A - New Scheme", "N/A", N116&gt;0, "DBC Cost Increased", N116=0, "No change", N116&lt;0, "DBC Cost Decreased")</f>
        <v>DBC Cost Increased</v>
      </c>
    </row>
    <row r="117" spans="2:16" ht="57" x14ac:dyDescent="0.2">
      <c r="B117" s="499" t="str">
        <v>TR116</v>
      </c>
      <c r="C117" s="499" t="str">
        <v>DBC IDP</v>
      </c>
      <c r="D117" s="499" t="str">
        <v>Transport</v>
      </c>
      <c r="E117" s="499" t="str">
        <v>Highways</v>
      </c>
      <c r="F117" s="499" t="str">
        <v>Redbourn Road-Three Cherry Trees Junction Enhancement</v>
      </c>
      <c r="G117" s="499" t="str">
        <v>(SG14-2) Redbourn Road-Three Cherry Trees Lane-Shelby Road Junction Enhancement - signalisation scheme incorporating controlled crossings for pedestrians on all sides</v>
      </c>
      <c r="H117" s="1185">
        <v>759380</v>
      </c>
      <c r="I117" s="1185">
        <v>205354.7344758345</v>
      </c>
      <c r="J117" s="1185">
        <v>0</v>
      </c>
      <c r="K117" s="1185">
        <f>IF(C117="DBC IDP", _xlfn.XLOOKUP(F117, '[3]DACORUM IDS'!$E:$E, '[3]DACORUM IDS'!$P:$P), "Manual Check")</f>
        <v>493350</v>
      </c>
      <c r="L117" s="1185">
        <f>IF(C117="DBC IDP", _xlfn.XLOOKUP(F117, '[3]DACORUM IDS'!$E:$E, '[3]DACORUM IDS'!$CF:$CF), "N/A")</f>
        <v>365759.4827586207</v>
      </c>
      <c r="M117" s="1185">
        <f t="shared" si="6"/>
        <v>-99729.482758620696</v>
      </c>
      <c r="N117" s="1185">
        <f t="shared" si="7"/>
        <v>-287995.26552416547</v>
      </c>
      <c r="O117" s="597" t="str" cm="1">
        <f t="array" ref="O117">_xlfn.IFS(M117="N/A - New Scheme", "N/A", M117&gt;0, "Overall Cost Increased", M117=0, "No change", M117&lt;0, "Overall Cost Decreased")</f>
        <v>Overall Cost Decreased</v>
      </c>
      <c r="P117" s="597" t="str" cm="1">
        <f t="array" ref="P117">_xlfn.IFS(N117="N/A - New Scheme", "N/A", N117&gt;0, "DBC Cost Increased", N117=0, "No change", N117&lt;0, "DBC Cost Decreased")</f>
        <v>DBC Cost Decreased</v>
      </c>
    </row>
    <row r="118" spans="2:16" ht="270.75" x14ac:dyDescent="0.2">
      <c r="B118" s="499" t="str">
        <v>TR117</v>
      </c>
      <c r="C118" s="499" t="str">
        <v>DBC IDP</v>
      </c>
      <c r="D118" s="499" t="str">
        <v>Transport</v>
      </c>
      <c r="E118" s="499" t="str">
        <v>Active Travel</v>
      </c>
      <c r="F118" s="499" t="str">
        <v>Maylands Avenue Shared Use Cycle Corridor</v>
      </c>
      <c r="G118" s="499" t="str">
        <v>(SG15-1) Provision of a high quality, off-road cycle route along the full length between the A414 Breakspear Way and A4147 Swallowdale Lane (eastern side of the road). Expected to comprise widening of the existing shared-use path to meet standards including replacing areas of grass verge and localised reduction in carriageway space (e.g. removal of additional lanes at some junctions (access to Aldi/Nuffield Health/McDonalds; junction with Wood Lane End). Assume cyclist priority on some side arms (Eaton Road; Maxted Road; x3 accesses to Hosking Court). Also provision of a Toucan crossing at location of existing uncontrolled crossing with refuge islands just north of the Travelodge vehicle access). Include upgrade to the existing shared use route between the A414 at-grade signal crossing to the proposed Toucan crossing on Maylands Avenue. Also provide additional signal-controlled crossing points on Maylands Avenue in the vicinity of Dixons Turn and Eaton Road</v>
      </c>
      <c r="H118" s="1185">
        <v>2073106</v>
      </c>
      <c r="I118" s="1185">
        <v>554966.00758068857</v>
      </c>
      <c r="J118" s="1185">
        <v>0</v>
      </c>
      <c r="K118" s="1185">
        <f>IF(C118="DBC IDP", _xlfn.XLOOKUP(F118, '[3]DACORUM IDS'!$E:$E, '[3]DACORUM IDS'!$P:$P), "Manual Check")</f>
        <v>1346845.5</v>
      </c>
      <c r="L118" s="1185">
        <f>IF(C118="DBC IDP", _xlfn.XLOOKUP(F118, '[3]DACORUM IDS'!$E:$E, '[3]DACORUM IDS'!$CF:$CF), "N/A")</f>
        <v>0</v>
      </c>
      <c r="M118" s="1185">
        <f t="shared" si="6"/>
        <v>726260.5</v>
      </c>
      <c r="N118" s="1185">
        <f t="shared" si="7"/>
        <v>-791879.49241931143</v>
      </c>
      <c r="O118" s="597" t="str" cm="1">
        <f t="array" ref="O118">_xlfn.IFS(M118="N/A - New Scheme", "N/A", M118&gt;0, "Overall Cost Increased", M118=0, "No change", M118&lt;0, "Overall Cost Decreased")</f>
        <v>Overall Cost Increased</v>
      </c>
      <c r="P118" s="597" t="str" cm="1">
        <f t="array" ref="P118">_xlfn.IFS(N118="N/A - New Scheme", "N/A", N118&gt;0, "DBC Cost Increased", N118=0, "No change", N118&lt;0, "DBC Cost Decreased")</f>
        <v>DBC Cost Decreased</v>
      </c>
    </row>
    <row r="119" spans="2:16" ht="42.75" x14ac:dyDescent="0.2">
      <c r="B119" s="499" t="str">
        <v>TR118</v>
      </c>
      <c r="C119" s="499" t="str">
        <v>DBC IDP</v>
      </c>
      <c r="D119" s="499" t="str">
        <v>Transport</v>
      </c>
      <c r="E119" s="499" t="str">
        <v>Active Travel</v>
      </c>
      <c r="F119" s="499" t="str">
        <v>Maylands Avenue Wayfinding Signage</v>
      </c>
      <c r="G119" s="499" t="str">
        <v xml:space="preserve">(SG15-2) Additional wayfinding signage showing directions and distances to key destinations including mobility hubs </v>
      </c>
      <c r="H119" s="1185">
        <v>20883</v>
      </c>
      <c r="I119" s="1185">
        <v>5590.3340862973328</v>
      </c>
      <c r="J119" s="1185">
        <v>0</v>
      </c>
      <c r="K119" s="1185">
        <f>IF(C119="DBC IDP", _xlfn.XLOOKUP(F119, '[3]DACORUM IDS'!$E:$E, '[3]DACORUM IDS'!$P:$P), "Manual Check")</f>
        <v>13567.125</v>
      </c>
      <c r="L119" s="1185">
        <f>IF(C119="DBC IDP", _xlfn.XLOOKUP(F119, '[3]DACORUM IDS'!$E:$E, '[3]DACORUM IDS'!$CF:$CF), "N/A")</f>
        <v>0</v>
      </c>
      <c r="M119" s="1185">
        <f t="shared" si="6"/>
        <v>7315.875</v>
      </c>
      <c r="N119" s="1185">
        <f t="shared" si="7"/>
        <v>-7976.7909137026672</v>
      </c>
      <c r="O119" s="597" t="str" cm="1">
        <f t="array" ref="O119">_xlfn.IFS(M119="N/A - New Scheme", "N/A", M119&gt;0, "Overall Cost Increased", M119=0, "No change", M119&lt;0, "Overall Cost Decreased")</f>
        <v>Overall Cost Increased</v>
      </c>
      <c r="P119" s="597" t="str" cm="1">
        <f t="array" ref="P119">_xlfn.IFS(N119="N/A - New Scheme", "N/A", N119&gt;0, "DBC Cost Increased", N119=0, "No change", N119&lt;0, "DBC Cost Decreased")</f>
        <v>DBC Cost Decreased</v>
      </c>
    </row>
    <row r="120" spans="2:16" ht="42.75" x14ac:dyDescent="0.2">
      <c r="B120" s="499" t="str">
        <v>TR119</v>
      </c>
      <c r="C120" s="499" t="str">
        <v>DBC IDP</v>
      </c>
      <c r="D120" s="499" t="str">
        <v>Transport</v>
      </c>
      <c r="E120" s="499" t="str">
        <v>Active Travel</v>
      </c>
      <c r="F120" s="499" t="str">
        <v>Longlands side arm pedestrian crossing improvements</v>
      </c>
      <c r="G120" s="499" t="str">
        <v xml:space="preserve">(SG16-1) Implement dropped kerbs and tactile paving at side-arm junctions with Ellen Close; Hobletts Road; Springfield Road; Little Road; and Ellingham Road </v>
      </c>
      <c r="H120" s="1185">
        <v>12923</v>
      </c>
      <c r="I120" s="1185">
        <v>5279.4032037691404</v>
      </c>
      <c r="J120" s="1185">
        <v>0</v>
      </c>
      <c r="K120" s="1185">
        <f>IF(C120="DBC IDP", _xlfn.XLOOKUP(F120, '[3]DACORUM IDS'!$E:$E, '[3]DACORUM IDS'!$P:$P), "Manual Check")</f>
        <v>8395.8302999999996</v>
      </c>
      <c r="L120" s="1185">
        <f>IF(C120="DBC IDP", _xlfn.XLOOKUP(F120, '[3]DACORUM IDS'!$E:$E, '[3]DACORUM IDS'!$CF:$CF), "N/A")</f>
        <v>0</v>
      </c>
      <c r="M120" s="1185">
        <f t="shared" si="6"/>
        <v>4527.1697000000004</v>
      </c>
      <c r="N120" s="1185">
        <f t="shared" si="7"/>
        <v>-3116.4270962308592</v>
      </c>
      <c r="O120" s="597" t="str" cm="1">
        <f t="array" ref="O120">_xlfn.IFS(M120="N/A - New Scheme", "N/A", M120&gt;0, "Overall Cost Increased", M120=0, "No change", M120&lt;0, "Overall Cost Decreased")</f>
        <v>Overall Cost Increased</v>
      </c>
      <c r="P120" s="597" t="str" cm="1">
        <f t="array" ref="P120">_xlfn.IFS(N120="N/A - New Scheme", "N/A", N120&gt;0, "DBC Cost Increased", N120=0, "No change", N120&lt;0, "DBC Cost Decreased")</f>
        <v>DBC Cost Decreased</v>
      </c>
    </row>
    <row r="121" spans="2:16" ht="57" x14ac:dyDescent="0.2">
      <c r="B121" s="499" t="str">
        <v>TR120</v>
      </c>
      <c r="C121" s="499" t="str">
        <v>DBC IDP</v>
      </c>
      <c r="D121" s="499" t="str">
        <v>Transport</v>
      </c>
      <c r="E121" s="499" t="str">
        <v>Active Travel</v>
      </c>
      <c r="F121" s="499" t="str">
        <v>Longlands Additional Zebra Crossings</v>
      </c>
      <c r="G121" s="499" t="str">
        <v>(SG16-2) Two additional Zebra crossings on extended speed table, between Broadfield Road and Sawyer's Way, and between Vauxhall Road and Field Road (replacing existing uncontrolled crossing)</v>
      </c>
      <c r="H121" s="1185">
        <v>272111</v>
      </c>
      <c r="I121" s="1185">
        <v>111164.87542991756</v>
      </c>
      <c r="J121" s="1185">
        <v>0</v>
      </c>
      <c r="K121" s="1185">
        <f>IF(C121="DBC IDP", _xlfn.XLOOKUP(F121, '[3]DACORUM IDS'!$E:$E, '[3]DACORUM IDS'!$P:$P), "Manual Check")</f>
        <v>176783.75</v>
      </c>
      <c r="L121" s="1185">
        <f>IF(C121="DBC IDP", _xlfn.XLOOKUP(F121, '[3]DACORUM IDS'!$E:$E, '[3]DACORUM IDS'!$CF:$CF), "N/A")</f>
        <v>0</v>
      </c>
      <c r="M121" s="1185">
        <f t="shared" si="6"/>
        <v>95327.25</v>
      </c>
      <c r="N121" s="1185">
        <f t="shared" si="7"/>
        <v>-65618.874570082437</v>
      </c>
      <c r="O121" s="597" t="str" cm="1">
        <f t="array" ref="O121">_xlfn.IFS(M121="N/A - New Scheme", "N/A", M121&gt;0, "Overall Cost Increased", M121=0, "No change", M121&lt;0, "Overall Cost Decreased")</f>
        <v>Overall Cost Increased</v>
      </c>
      <c r="P121" s="597" t="str" cm="1">
        <f t="array" ref="P121">_xlfn.IFS(N121="N/A - New Scheme", "N/A", N121&gt;0, "DBC Cost Increased", N121=0, "No change", N121&lt;0, "DBC Cost Decreased")</f>
        <v>DBC Cost Decreased</v>
      </c>
    </row>
    <row r="122" spans="2:16" ht="114" x14ac:dyDescent="0.2">
      <c r="B122" s="499" t="str">
        <v>TR121</v>
      </c>
      <c r="C122" s="499" t="str">
        <v>DBC IDP</v>
      </c>
      <c r="D122" s="499" t="str">
        <v>Transport</v>
      </c>
      <c r="E122" s="499" t="str">
        <v>Highways</v>
      </c>
      <c r="F122" s="499" t="str">
        <v>Longlands Pavement Parking Prevention</v>
      </c>
      <c r="G122" s="499" t="str">
        <v>(SG16-3) Physical measures e.g. bollards or landscaping features such as rain gardens, to prevent pavement parking on sections of footway along Longlands where it is not already permitted, especially in the vicinity of junctions (Broadfield Road, Sawyer's Way; The Queen's Square, Windmill Road and Vauxhall Road) and focus on sections adjacent to playing fields either side of The Adeyfield School</v>
      </c>
      <c r="H122" s="1185">
        <v>53644</v>
      </c>
      <c r="I122" s="1185">
        <v>21915.058845700823</v>
      </c>
      <c r="J122" s="1185">
        <v>0</v>
      </c>
      <c r="K122" s="1185">
        <f>IF(C122="DBC IDP", _xlfn.XLOOKUP(F122, '[3]DACORUM IDS'!$E:$E, '[3]DACORUM IDS'!$P:$P), "Manual Check")</f>
        <v>34850.860687500004</v>
      </c>
      <c r="L122" s="1185">
        <f>IF(C122="DBC IDP", _xlfn.XLOOKUP(F122, '[3]DACORUM IDS'!$E:$E, '[3]DACORUM IDS'!$CF:$CF), "N/A")</f>
        <v>0</v>
      </c>
      <c r="M122" s="1185">
        <f t="shared" si="6"/>
        <v>18793.139312499996</v>
      </c>
      <c r="N122" s="1185">
        <f t="shared" si="7"/>
        <v>-12935.801841799181</v>
      </c>
      <c r="O122" s="597" t="str" cm="1">
        <f t="array" ref="O122">_xlfn.IFS(M122="N/A - New Scheme", "N/A", M122&gt;0, "Overall Cost Increased", M122=0, "No change", M122&lt;0, "Overall Cost Decreased")</f>
        <v>Overall Cost Increased</v>
      </c>
      <c r="P122" s="597" t="str" cm="1">
        <f t="array" ref="P122">_xlfn.IFS(N122="N/A - New Scheme", "N/A", N122&gt;0, "DBC Cost Increased", N122=0, "No change", N122&lt;0, "DBC Cost Decreased")</f>
        <v>DBC Cost Decreased</v>
      </c>
    </row>
    <row r="123" spans="2:16" ht="71.25" x14ac:dyDescent="0.2">
      <c r="B123" s="499" t="str">
        <v>TR122</v>
      </c>
      <c r="C123" s="499" t="str">
        <v>DBC IDP</v>
      </c>
      <c r="D123" s="499" t="str">
        <v>Transport</v>
      </c>
      <c r="E123" s="499" t="str">
        <v>Active Travel</v>
      </c>
      <c r="F123" s="499" t="str">
        <v>Longlands Shared Use Cycle Path</v>
      </c>
      <c r="G123" s="499" t="str">
        <v xml:space="preserve">(SG16-4) Create an off-road shared use path on the eastern side of the road, between The Queen's Square (including a 50m section on this side road to provide access to the Local Mobility Hub - separate proposal) and the A414 St Albans Road. </v>
      </c>
      <c r="H123" s="1185">
        <v>1142233</v>
      </c>
      <c r="I123" s="1185">
        <v>466633.79707891634</v>
      </c>
      <c r="J123" s="1185">
        <v>0</v>
      </c>
      <c r="K123" s="1185">
        <f>IF(C123="DBC IDP", _xlfn.XLOOKUP(F123, '[3]DACORUM IDS'!$E:$E, '[3]DACORUM IDS'!$P:$P), "Manual Check")</f>
        <v>742080.625</v>
      </c>
      <c r="L123" s="1185">
        <f>IF(C123="DBC IDP", _xlfn.XLOOKUP(F123, '[3]DACORUM IDS'!$E:$E, '[3]DACORUM IDS'!$CF:$CF), "N/A")</f>
        <v>0</v>
      </c>
      <c r="M123" s="1185">
        <f t="shared" si="6"/>
        <v>400152.375</v>
      </c>
      <c r="N123" s="1185">
        <f t="shared" si="7"/>
        <v>-275446.82792108366</v>
      </c>
      <c r="O123" s="597" t="str" cm="1">
        <f t="array" ref="O123">_xlfn.IFS(M123="N/A - New Scheme", "N/A", M123&gt;0, "Overall Cost Increased", M123=0, "No change", M123&lt;0, "Overall Cost Decreased")</f>
        <v>Overall Cost Increased</v>
      </c>
      <c r="P123" s="597" t="str" cm="1">
        <f t="array" ref="P123">_xlfn.IFS(N123="N/A - New Scheme", "N/A", N123&gt;0, "DBC Cost Increased", N123=0, "No change", N123&lt;0, "DBC Cost Decreased")</f>
        <v>DBC Cost Decreased</v>
      </c>
    </row>
    <row r="124" spans="2:16" ht="28.5" x14ac:dyDescent="0.2">
      <c r="B124" s="499" t="str">
        <v>TR123</v>
      </c>
      <c r="C124" s="499" t="str">
        <v>DBC IDP</v>
      </c>
      <c r="D124" s="499" t="str">
        <v>Transport</v>
      </c>
      <c r="E124" s="499" t="str">
        <v>Active Travel</v>
      </c>
      <c r="F124" s="499" t="str">
        <v>Continuous Pavement crossings at Fields Road and Vauxhall Road</v>
      </c>
      <c r="G124" s="499" t="str">
        <v>(SG16-5) Install Copenhagen crossings at the side arm junctions of Field Road, Vauxhall Road</v>
      </c>
      <c r="H124" s="1185">
        <v>348049</v>
      </c>
      <c r="I124" s="1185">
        <v>142187.65036513546</v>
      </c>
      <c r="J124" s="1185">
        <v>0</v>
      </c>
      <c r="K124" s="1185">
        <f>IF(C124="DBC IDP", _xlfn.XLOOKUP(F124, '[3]DACORUM IDS'!$E:$E, '[3]DACORUM IDS'!$P:$P), "Manual Check")</f>
        <v>226118.75</v>
      </c>
      <c r="L124" s="1185">
        <f>IF(C124="DBC IDP", _xlfn.XLOOKUP(F124, '[3]DACORUM IDS'!$E:$E, '[3]DACORUM IDS'!$CF:$CF), "N/A")</f>
        <v>0</v>
      </c>
      <c r="M124" s="1185">
        <f t="shared" si="6"/>
        <v>121930.25</v>
      </c>
      <c r="N124" s="1185">
        <f t="shared" si="7"/>
        <v>-83931.099634864542</v>
      </c>
      <c r="O124" s="597" t="str" cm="1">
        <f t="array" ref="O124">_xlfn.IFS(M124="N/A - New Scheme", "N/A", M124&gt;0, "Overall Cost Increased", M124=0, "No change", M124&lt;0, "Overall Cost Decreased")</f>
        <v>Overall Cost Increased</v>
      </c>
      <c r="P124" s="597" t="str" cm="1">
        <f t="array" ref="P124">_xlfn.IFS(N124="N/A - New Scheme", "N/A", N124&gt;0, "DBC Cost Increased", N124=0, "No change", N124&lt;0, "DBC Cost Decreased")</f>
        <v>DBC Cost Decreased</v>
      </c>
    </row>
    <row r="125" spans="2:16" ht="28.5" x14ac:dyDescent="0.2">
      <c r="B125" s="499" t="str">
        <v>TR124</v>
      </c>
      <c r="C125" s="499" t="str">
        <v>DBC IDP</v>
      </c>
      <c r="D125" s="499" t="str">
        <v>Transport</v>
      </c>
      <c r="E125" s="499" t="str">
        <v>Active Travel</v>
      </c>
      <c r="F125" s="499" t="str">
        <v>Longlands Wayfinding Signage</v>
      </c>
      <c r="G125" s="499" t="str">
        <v>(SG16-6) Implement wayfinding at start/end of segment and close to The Queen's Square</v>
      </c>
      <c r="H125" s="1185">
        <v>17402</v>
      </c>
      <c r="I125" s="1185">
        <v>7109.1986808009424</v>
      </c>
      <c r="J125" s="1185">
        <v>0</v>
      </c>
      <c r="K125" s="1185">
        <f>IF(C125="DBC IDP", _xlfn.XLOOKUP(F125, '[3]DACORUM IDS'!$E:$E, '[3]DACORUM IDS'!$P:$P), "Manual Check")</f>
        <v>11305.9375</v>
      </c>
      <c r="L125" s="1185">
        <f>IF(C125="DBC IDP", _xlfn.XLOOKUP(F125, '[3]DACORUM IDS'!$E:$E, '[3]DACORUM IDS'!$CF:$CF), "N/A")</f>
        <v>0</v>
      </c>
      <c r="M125" s="1185">
        <f t="shared" si="6"/>
        <v>6096.0625</v>
      </c>
      <c r="N125" s="1185">
        <f t="shared" si="7"/>
        <v>-4196.7388191990576</v>
      </c>
      <c r="O125" s="597" t="str" cm="1">
        <f t="array" ref="O125">_xlfn.IFS(M125="N/A - New Scheme", "N/A", M125&gt;0, "Overall Cost Increased", M125=0, "No change", M125&lt;0, "Overall Cost Decreased")</f>
        <v>Overall Cost Increased</v>
      </c>
      <c r="P125" s="597" t="str" cm="1">
        <f t="array" ref="P125">_xlfn.IFS(N125="N/A - New Scheme", "N/A", N125&gt;0, "DBC Cost Increased", N125=0, "No change", N125&lt;0, "DBC Cost Decreased")</f>
        <v>DBC Cost Decreased</v>
      </c>
    </row>
    <row r="126" spans="2:16" ht="42.75" x14ac:dyDescent="0.2">
      <c r="B126" s="499" t="str">
        <v>TR125</v>
      </c>
      <c r="C126" s="499" t="str">
        <v>DBC IDP</v>
      </c>
      <c r="D126" s="499" t="str">
        <v>Transport</v>
      </c>
      <c r="E126" s="499" t="str">
        <v>Active Travel</v>
      </c>
      <c r="F126" s="499" t="str">
        <v>Great Road cycle route</v>
      </c>
      <c r="G126" s="499" t="str">
        <v xml:space="preserve">(SG17-1) Provide an off-road shared use cycle path between the junction with Queensway and south of the junction with Hobletts Road. </v>
      </c>
      <c r="H126" s="1185">
        <v>257556</v>
      </c>
      <c r="I126" s="1185">
        <v>105218.75505300354</v>
      </c>
      <c r="J126" s="1185">
        <v>0</v>
      </c>
      <c r="K126" s="1185">
        <f>IF(C126="DBC IDP", _xlfn.XLOOKUP(F126, '[3]DACORUM IDS'!$E:$E, '[3]DACORUM IDS'!$P:$P), "Manual Check")</f>
        <v>167327.875</v>
      </c>
      <c r="L126" s="1185">
        <f>IF(C126="DBC IDP", _xlfn.XLOOKUP(F126, '[3]DACORUM IDS'!$E:$E, '[3]DACORUM IDS'!$CF:$CF), "N/A")</f>
        <v>0</v>
      </c>
      <c r="M126" s="1185">
        <f t="shared" si="6"/>
        <v>90228.125</v>
      </c>
      <c r="N126" s="1185">
        <f t="shared" si="7"/>
        <v>-62109.119946996463</v>
      </c>
      <c r="O126" s="597" t="str" cm="1">
        <f t="array" ref="O126">_xlfn.IFS(M126="N/A - New Scheme", "N/A", M126&gt;0, "Overall Cost Increased", M126=0, "No change", M126&lt;0, "Overall Cost Decreased")</f>
        <v>Overall Cost Increased</v>
      </c>
      <c r="P126" s="597" t="str" cm="1">
        <f t="array" ref="P126">_xlfn.IFS(N126="N/A - New Scheme", "N/A", N126&gt;0, "DBC Cost Increased", N126=0, "No change", N126&lt;0, "DBC Cost Decreased")</f>
        <v>DBC Cost Decreased</v>
      </c>
    </row>
    <row r="127" spans="2:16" ht="42.75" x14ac:dyDescent="0.2">
      <c r="B127" s="499" t="str">
        <v>TR126</v>
      </c>
      <c r="C127" s="499" t="str">
        <v>DBC IDP</v>
      </c>
      <c r="D127" s="499" t="str">
        <v>Transport</v>
      </c>
      <c r="E127" s="499" t="str">
        <v>Active Travel</v>
      </c>
      <c r="F127" s="499" t="str">
        <v>Great Road additional zebra crossing</v>
      </c>
      <c r="G127" s="499" t="str">
        <v>(SG17-2) Install a new Zebra crossing on extended raised speed table between Hobletts Road and Springfield Road</v>
      </c>
      <c r="H127" s="1185">
        <v>199337</v>
      </c>
      <c r="I127" s="1185">
        <v>81434.682073027099</v>
      </c>
      <c r="J127" s="1185">
        <v>0</v>
      </c>
      <c r="K127" s="1185">
        <f>IF(C127="DBC IDP", _xlfn.XLOOKUP(F127, '[3]DACORUM IDS'!$E:$E, '[3]DACORUM IDS'!$P:$P), "Manual Check")</f>
        <v>129504.375</v>
      </c>
      <c r="L127" s="1185">
        <f>IF(C127="DBC IDP", _xlfn.XLOOKUP(F127, '[3]DACORUM IDS'!$E:$E, '[3]DACORUM IDS'!$CF:$CF), "N/A")</f>
        <v>0</v>
      </c>
      <c r="M127" s="1185">
        <f t="shared" si="6"/>
        <v>69832.625</v>
      </c>
      <c r="N127" s="1185">
        <f t="shared" si="7"/>
        <v>-48069.692926972901</v>
      </c>
      <c r="O127" s="597" t="str" cm="1">
        <f t="array" ref="O127">_xlfn.IFS(M127="N/A - New Scheme", "N/A", M127&gt;0, "Overall Cost Increased", M127=0, "No change", M127&lt;0, "Overall Cost Decreased")</f>
        <v>Overall Cost Increased</v>
      </c>
      <c r="P127" s="597" t="str" cm="1">
        <f t="array" ref="P127">_xlfn.IFS(N127="N/A - New Scheme", "N/A", N127&gt;0, "DBC Cost Increased", N127=0, "No change", N127&lt;0, "DBC Cost Decreased")</f>
        <v>DBC Cost Decreased</v>
      </c>
    </row>
    <row r="128" spans="2:16" ht="28.5" x14ac:dyDescent="0.2">
      <c r="B128" s="499" t="str">
        <v>TR127</v>
      </c>
      <c r="C128" s="499" t="str">
        <v>DBC IDP</v>
      </c>
      <c r="D128" s="499" t="str">
        <v>Transport</v>
      </c>
      <c r="E128" s="499" t="str">
        <v>Highways</v>
      </c>
      <c r="F128" s="499" t="str">
        <v>Great Road traffic calming features</v>
      </c>
      <c r="G128" s="499" t="str">
        <v>(SG17-3) Install traffic calming features at the northern end where the road is on a steep incline</v>
      </c>
      <c r="H128" s="1185">
        <v>319572</v>
      </c>
      <c r="I128" s="1185">
        <v>130554.00763250884</v>
      </c>
      <c r="J128" s="1185">
        <v>0</v>
      </c>
      <c r="K128" s="1185">
        <f>IF(C128="DBC IDP", _xlfn.XLOOKUP(F128, '[3]DACORUM IDS'!$E:$E, '[3]DACORUM IDS'!$P:$P), "Manual Check")</f>
        <v>207618.125</v>
      </c>
      <c r="L128" s="1185">
        <f>IF(C128="DBC IDP", _xlfn.XLOOKUP(F128, '[3]DACORUM IDS'!$E:$E, '[3]DACORUM IDS'!$CF:$CF), "N/A")</f>
        <v>0</v>
      </c>
      <c r="M128" s="1185">
        <f t="shared" si="6"/>
        <v>111953.875</v>
      </c>
      <c r="N128" s="1185">
        <f t="shared" si="7"/>
        <v>-77064.117367491155</v>
      </c>
      <c r="O128" s="597" t="str" cm="1">
        <f t="array" ref="O128">_xlfn.IFS(M128="N/A - New Scheme", "N/A", M128&gt;0, "Overall Cost Increased", M128=0, "No change", M128&lt;0, "Overall Cost Decreased")</f>
        <v>Overall Cost Increased</v>
      </c>
      <c r="P128" s="597" t="str" cm="1">
        <f t="array" ref="P128">_xlfn.IFS(N128="N/A - New Scheme", "N/A", N128&gt;0, "DBC Cost Increased", N128=0, "No change", N128&lt;0, "DBC Cost Decreased")</f>
        <v>DBC Cost Decreased</v>
      </c>
    </row>
    <row r="129" spans="2:16" ht="42.75" x14ac:dyDescent="0.2">
      <c r="B129" s="499" t="str">
        <v>TR128</v>
      </c>
      <c r="C129" s="499" t="str">
        <v>DBC IDP</v>
      </c>
      <c r="D129" s="499" t="str">
        <v>Transport</v>
      </c>
      <c r="E129" s="499" t="str">
        <v>Active Travel</v>
      </c>
      <c r="F129" s="499" t="str">
        <v>Great Road Wayfinding Signage</v>
      </c>
      <c r="G129" s="499" t="str">
        <v>(SG17-4) Add wayfinding/ signage indicating direction and distance/time towards The Queens Square and Nickey Line</v>
      </c>
      <c r="H129" s="1185">
        <v>10441</v>
      </c>
      <c r="I129" s="1185">
        <v>4265.437502944641</v>
      </c>
      <c r="J129" s="1185">
        <v>0</v>
      </c>
      <c r="K129" s="1185">
        <f>IF(C129="DBC IDP", _xlfn.XLOOKUP(F129, '[3]DACORUM IDS'!$E:$E, '[3]DACORUM IDS'!$P:$P), "Manual Check")</f>
        <v>6783.5625</v>
      </c>
      <c r="L129" s="1185">
        <f>IF(C129="DBC IDP", _xlfn.XLOOKUP(F129, '[3]DACORUM IDS'!$E:$E, '[3]DACORUM IDS'!$CF:$CF), "N/A")</f>
        <v>0</v>
      </c>
      <c r="M129" s="1185">
        <f t="shared" si="6"/>
        <v>3657.4375</v>
      </c>
      <c r="N129" s="1185">
        <f t="shared" si="7"/>
        <v>-2518.124997055359</v>
      </c>
      <c r="O129" s="597" t="str" cm="1">
        <f t="array" ref="O129">_xlfn.IFS(M129="N/A - New Scheme", "N/A", M129&gt;0, "Overall Cost Increased", M129=0, "No change", M129&lt;0, "Overall Cost Decreased")</f>
        <v>Overall Cost Increased</v>
      </c>
      <c r="P129" s="597" t="str" cm="1">
        <f t="array" ref="P129">_xlfn.IFS(N129="N/A - New Scheme", "N/A", N129&gt;0, "DBC Cost Increased", N129=0, "No change", N129&lt;0, "DBC Cost Decreased")</f>
        <v>DBC Cost Decreased</v>
      </c>
    </row>
    <row r="130" spans="2:16" ht="114" x14ac:dyDescent="0.2">
      <c r="B130" s="499" t="str">
        <v>TR134</v>
      </c>
      <c r="C130" s="499" t="str">
        <v>DBC IDP</v>
      </c>
      <c r="D130" s="499" t="str">
        <v>Transport</v>
      </c>
      <c r="E130" s="499" t="str">
        <v>Active Travel</v>
      </c>
      <c r="F130" s="499" t="str">
        <v>Cambrian Way cycle route</v>
      </c>
      <c r="G130" s="499" t="str">
        <v>(SG19-1) Segregated cycle route or shared use path along Cambrian Way between Link Road and Malvern Way. Widen the footways leading up to the western side of the Link Road roundabout to facilitate shared use, and widen the uncontrolled crossing points across Link Road. Enlarge the size of the roundabout western arm splitter island by reducing the Link Road approach to a single lane (reducing crossing distance)</v>
      </c>
      <c r="H130" s="1185">
        <v>1797198</v>
      </c>
      <c r="I130" s="1185">
        <v>734205.12876325089</v>
      </c>
      <c r="J130" s="1185">
        <v>0</v>
      </c>
      <c r="K130" s="1185">
        <f>IF(C130="DBC IDP", _xlfn.XLOOKUP(F130, '[3]DACORUM IDS'!$E:$E, '[3]DACORUM IDS'!$P:$P), "Manual Check")</f>
        <v>1167595</v>
      </c>
      <c r="L130" s="1185">
        <f>IF(C130="DBC IDP", _xlfn.XLOOKUP(F130, '[3]DACORUM IDS'!$E:$E, '[3]DACORUM IDS'!$CF:$CF), "N/A")</f>
        <v>0</v>
      </c>
      <c r="M130" s="1185">
        <f t="shared" si="6"/>
        <v>629603</v>
      </c>
      <c r="N130" s="1185">
        <f t="shared" si="7"/>
        <v>-433389.87123674911</v>
      </c>
      <c r="O130" s="597" t="str" cm="1">
        <f t="array" ref="O130">_xlfn.IFS(M130="N/A - New Scheme", "N/A", M130&gt;0, "Overall Cost Increased", M130=0, "No change", M130&lt;0, "Overall Cost Decreased")</f>
        <v>Overall Cost Increased</v>
      </c>
      <c r="P130" s="597" t="str" cm="1">
        <f t="array" ref="P130">_xlfn.IFS(N130="N/A - New Scheme", "N/A", N130&gt;0, "DBC Cost Increased", N130=0, "No change", N130&lt;0, "DBC Cost Decreased")</f>
        <v>DBC Cost Decreased</v>
      </c>
    </row>
    <row r="131" spans="2:16" ht="42.75" x14ac:dyDescent="0.2">
      <c r="B131" s="499" t="str">
        <v>TR135</v>
      </c>
      <c r="C131" s="499" t="str">
        <v>DBC IDP</v>
      </c>
      <c r="D131" s="499" t="str">
        <v>Transport</v>
      </c>
      <c r="E131" s="499" t="str">
        <v>Active Travel</v>
      </c>
      <c r="F131" s="499" t="str">
        <v>Malvern Way residential cycle street (link to Nickey Line)</v>
      </c>
      <c r="G131" s="499" t="str">
        <v xml:space="preserve">(SG19-2) Designate Malvern Way and southern section of Chilterns as a Residential Cycle Street with on-street advisory lanes </v>
      </c>
      <c r="H131" s="1185">
        <v>620160</v>
      </c>
      <c r="I131" s="1185">
        <v>253352.52579505299</v>
      </c>
      <c r="J131" s="1185">
        <v>0</v>
      </c>
      <c r="K131" s="1185">
        <f>IF(C131="DBC IDP", _xlfn.XLOOKUP(F131, '[3]DACORUM IDS'!$E:$E, '[3]DACORUM IDS'!$P:$P), "Manual Check")</f>
        <v>402902.5</v>
      </c>
      <c r="L131" s="1185">
        <f>IF(C131="DBC IDP", _xlfn.XLOOKUP(F131, '[3]DACORUM IDS'!$E:$E, '[3]DACORUM IDS'!$CF:$CF), "N/A")</f>
        <v>0</v>
      </c>
      <c r="M131" s="1185">
        <f t="shared" si="6"/>
        <v>217257.5</v>
      </c>
      <c r="N131" s="1185">
        <f t="shared" si="7"/>
        <v>-149549.97420494701</v>
      </c>
      <c r="O131" s="597" t="str" cm="1">
        <f t="array" ref="O131">_xlfn.IFS(M131="N/A - New Scheme", "N/A", M131&gt;0, "Overall Cost Increased", M131=0, "No change", M131&lt;0, "Overall Cost Decreased")</f>
        <v>Overall Cost Increased</v>
      </c>
      <c r="P131" s="597" t="str" cm="1">
        <f t="array" ref="P131">_xlfn.IFS(N131="N/A - New Scheme", "N/A", N131&gt;0, "DBC Cost Increased", N131=0, "No change", N131&lt;0, "DBC Cost Decreased")</f>
        <v>DBC Cost Decreased</v>
      </c>
    </row>
    <row r="132" spans="2:16" ht="99.75" x14ac:dyDescent="0.2">
      <c r="B132" s="499" t="str">
        <v>TR136</v>
      </c>
      <c r="C132" s="499" t="str">
        <v>DBC IDP</v>
      </c>
      <c r="D132" s="499" t="str">
        <v>Transport</v>
      </c>
      <c r="E132" s="499" t="str">
        <v>Active Travel</v>
      </c>
      <c r="F132" s="499" t="str">
        <v>Fletcher Way bridge and Nickey Line access</v>
      </c>
      <c r="G132" s="499" t="str">
        <v>(SG19-3) Improved ramp access to Nickey Line at Fletcher Way - resurfacing and trim back vegetation. Widen the footway on the northern side of Fletcher Way (removing hatched area in the centre, to accommodate a widening footway/cycleway. Raise height of bridge parapet so that it is suitable for cyclists</v>
      </c>
      <c r="H132" s="1185">
        <v>38569</v>
      </c>
      <c r="I132" s="1185">
        <v>15756.504075382803</v>
      </c>
      <c r="J132" s="1185">
        <v>0</v>
      </c>
      <c r="K132" s="1185">
        <f>IF(C132="DBC IDP", _xlfn.XLOOKUP(F132, '[3]DACORUM IDS'!$E:$E, '[3]DACORUM IDS'!$P:$P), "Manual Check")</f>
        <v>25057.575400000002</v>
      </c>
      <c r="L132" s="1185">
        <f>IF(C132="DBC IDP", _xlfn.XLOOKUP(F132, '[3]DACORUM IDS'!$E:$E, '[3]DACORUM IDS'!$CF:$CF), "N/A")</f>
        <v>0</v>
      </c>
      <c r="M132" s="1185">
        <f t="shared" si="6"/>
        <v>13511.424599999998</v>
      </c>
      <c r="N132" s="1185">
        <f t="shared" si="7"/>
        <v>-9301.0713246171981</v>
      </c>
      <c r="O132" s="597" t="str" cm="1">
        <f t="array" ref="O132">_xlfn.IFS(M132="N/A - New Scheme", "N/A", M132&gt;0, "Overall Cost Increased", M132=0, "No change", M132&lt;0, "Overall Cost Decreased")</f>
        <v>Overall Cost Increased</v>
      </c>
      <c r="P132" s="597" t="str" cm="1">
        <f t="array" ref="P132">_xlfn.IFS(N132="N/A - New Scheme", "N/A", N132&gt;0, "DBC Cost Increased", N132=0, "No change", N132&lt;0, "DBC Cost Decreased")</f>
        <v>DBC Cost Decreased</v>
      </c>
    </row>
    <row r="133" spans="2:16" ht="42.75" x14ac:dyDescent="0.2">
      <c r="B133" s="499" t="str">
        <v>TR137</v>
      </c>
      <c r="C133" s="499" t="str">
        <v>DBC IDP</v>
      </c>
      <c r="D133" s="499" t="str">
        <v>Transport</v>
      </c>
      <c r="E133" s="499" t="str">
        <v>Active Travel</v>
      </c>
      <c r="F133" s="499" t="str">
        <v>Cambrian Way to Nickey Line Wayfinding Signage</v>
      </c>
      <c r="G133" s="499" t="str">
        <v>(SG19-4) Add wayfinding signage to guide cyclists and pedestrians between Cambrian Way and the Nickey Line</v>
      </c>
      <c r="H133" s="1185">
        <v>13922</v>
      </c>
      <c r="I133" s="1185">
        <v>5687.5223557126028</v>
      </c>
      <c r="J133" s="1185">
        <v>0</v>
      </c>
      <c r="K133" s="1185">
        <f>IF(C133="DBC IDP", _xlfn.XLOOKUP(F133, '[3]DACORUM IDS'!$E:$E, '[3]DACORUM IDS'!$P:$P), "Manual Check")</f>
        <v>9044.75</v>
      </c>
      <c r="L133" s="1185">
        <f>IF(C133="DBC IDP", _xlfn.XLOOKUP(F133, '[3]DACORUM IDS'!$E:$E, '[3]DACORUM IDS'!$CF:$CF), "N/A")</f>
        <v>0</v>
      </c>
      <c r="M133" s="1185">
        <f t="shared" si="6"/>
        <v>4877.25</v>
      </c>
      <c r="N133" s="1185">
        <f t="shared" si="7"/>
        <v>-3357.2276442873972</v>
      </c>
      <c r="O133" s="597" t="str" cm="1">
        <f t="array" ref="O133">_xlfn.IFS(M133="N/A - New Scheme", "N/A", M133&gt;0, "Overall Cost Increased", M133=0, "No change", M133&lt;0, "Overall Cost Decreased")</f>
        <v>Overall Cost Increased</v>
      </c>
      <c r="P133" s="597" t="str" cm="1">
        <f t="array" ref="P133">_xlfn.IFS(N133="N/A - New Scheme", "N/A", N133&gt;0, "DBC Cost Increased", N133=0, "No change", N133&lt;0, "DBC Cost Decreased")</f>
        <v>DBC Cost Decreased</v>
      </c>
    </row>
    <row r="134" spans="2:16" ht="99.75" x14ac:dyDescent="0.2">
      <c r="B134" s="499" t="str">
        <v>TR138</v>
      </c>
      <c r="C134" s="499" t="str">
        <v>DBC IDP</v>
      </c>
      <c r="D134" s="499" t="str">
        <v>Transport</v>
      </c>
      <c r="E134" s="499" t="str">
        <v>Active Travel</v>
      </c>
      <c r="F134" s="499" t="str">
        <v>Allandale-George Street-Figtree Hill side arm pedestrian crossing improvements</v>
      </c>
      <c r="G134" s="499" t="str">
        <v>(SG20-1) Implement dropped kerbs and tactile paving along entire segment - Allandale junctions with Slippers Hill; Garland Close, George Street, St Mary's Road; Grover Close, Chapel Street, Honey Pot Close, Randalls Ride; Taverners. - George Street junctions with Heathrer Way and Figtree Hill. - Figtree junction with B487 Queensway</v>
      </c>
      <c r="H134" s="1185">
        <v>24458</v>
      </c>
      <c r="I134" s="1185">
        <v>9991.7699882214365</v>
      </c>
      <c r="J134" s="1185">
        <v>0</v>
      </c>
      <c r="K134" s="1185">
        <f>IF(C134="DBC IDP", _xlfn.XLOOKUP(F134, '[3]DACORUM IDS'!$E:$E, '[3]DACORUM IDS'!$P:$P), "Manual Check")</f>
        <v>15889.459121250002</v>
      </c>
      <c r="L134" s="1185">
        <f>IF(C134="DBC IDP", _xlfn.XLOOKUP(F134, '[3]DACORUM IDS'!$E:$E, '[3]DACORUM IDS'!$CF:$CF), "N/A")</f>
        <v>0</v>
      </c>
      <c r="M134" s="1185">
        <f t="shared" ref="M134:M165" si="8">IF(ISNUMBER(K134),H134-K134-IF(ISNUMBER(L134), L134, 0), "N/A - New Scheme")</f>
        <v>8568.5408787499982</v>
      </c>
      <c r="N134" s="1185">
        <f t="shared" ref="N134:N165" si="9">IF(ISNUMBER(K134), I134-K134, "N/A - New Scheme")</f>
        <v>-5897.6891330285653</v>
      </c>
      <c r="O134" s="597" t="str" cm="1">
        <f t="array" ref="O134">_xlfn.IFS(M134="N/A - New Scheme", "N/A", M134&gt;0, "Overall Cost Increased", M134=0, "No change", M134&lt;0, "Overall Cost Decreased")</f>
        <v>Overall Cost Increased</v>
      </c>
      <c r="P134" s="597" t="str" cm="1">
        <f t="array" ref="P134">_xlfn.IFS(N134="N/A - New Scheme", "N/A", N134&gt;0, "DBC Cost Increased", N134=0, "No change", N134&lt;0, "DBC Cost Decreased")</f>
        <v>DBC Cost Decreased</v>
      </c>
    </row>
    <row r="135" spans="2:16" ht="42.75" x14ac:dyDescent="0.2">
      <c r="B135" s="499" t="str">
        <v>TR139</v>
      </c>
      <c r="C135" s="499" t="str">
        <v>DBC IDP</v>
      </c>
      <c r="D135" s="499" t="str">
        <v>Transport</v>
      </c>
      <c r="E135" s="499" t="str">
        <v>Active Travel</v>
      </c>
      <c r="F135" s="499" t="str">
        <v>Allandale new uncontrolled crossing south of Smithfield</v>
      </c>
      <c r="G135" s="499" t="str">
        <v>(SG20-2) Implement uncontrolled crossing with dropped kerbs and tactile paving approximately 20m south of the Allandale-Smithfield mini roundabout</v>
      </c>
      <c r="H135" s="1185">
        <v>7900</v>
      </c>
      <c r="I135" s="1185">
        <v>3227.368669022379</v>
      </c>
      <c r="J135" s="1185">
        <v>0</v>
      </c>
      <c r="K135" s="1185">
        <f>IF(C135="DBC IDP", _xlfn.XLOOKUP(F135, '[3]DACORUM IDS'!$E:$E, '[3]DACORUM IDS'!$P:$P), "Manual Check")</f>
        <v>5132.6160600000003</v>
      </c>
      <c r="L135" s="1185">
        <f>IF(C135="DBC IDP", _xlfn.XLOOKUP(F135, '[3]DACORUM IDS'!$E:$E, '[3]DACORUM IDS'!$CF:$CF), "N/A")</f>
        <v>0</v>
      </c>
      <c r="M135" s="1185">
        <f t="shared" si="8"/>
        <v>2767.3839399999997</v>
      </c>
      <c r="N135" s="1185">
        <f t="shared" si="9"/>
        <v>-1905.2473909776213</v>
      </c>
      <c r="O135" s="597" t="str" cm="1">
        <f t="array" ref="O135">_xlfn.IFS(M135="N/A - New Scheme", "N/A", M135&gt;0, "Overall Cost Increased", M135=0, "No change", M135&lt;0, "Overall Cost Decreased")</f>
        <v>Overall Cost Increased</v>
      </c>
      <c r="P135" s="597" t="str" cm="1">
        <f t="array" ref="P135">_xlfn.IFS(N135="N/A - New Scheme", "N/A", N135&gt;0, "DBC Cost Increased", N135=0, "No change", N135&lt;0, "DBC Cost Decreased")</f>
        <v>DBC Cost Decreased</v>
      </c>
    </row>
    <row r="136" spans="2:16" ht="28.5" x14ac:dyDescent="0.2">
      <c r="B136" s="499" t="str">
        <v>TR140</v>
      </c>
      <c r="C136" s="499" t="str">
        <v>DBC IDP</v>
      </c>
      <c r="D136" s="499" t="str">
        <v>Transport</v>
      </c>
      <c r="E136" s="499" t="str">
        <v>Active Travel</v>
      </c>
      <c r="F136" s="499" t="str">
        <v>Allandale localised footway widening</v>
      </c>
      <c r="G136" s="499" t="str">
        <v>(SG20-3) Footway widening - removal of grass verge between St Mary's Road and George Street</v>
      </c>
      <c r="H136" s="1185">
        <v>11391</v>
      </c>
      <c r="I136" s="1185">
        <v>4653.5387985865727</v>
      </c>
      <c r="J136" s="1185">
        <v>0</v>
      </c>
      <c r="K136" s="1185" t="s">
        <v>1395</v>
      </c>
      <c r="L136" s="1185" t="s">
        <v>1395</v>
      </c>
      <c r="M136" s="1185" t="str">
        <f t="shared" si="8"/>
        <v>N/A - New Scheme</v>
      </c>
      <c r="N136" s="1185" t="str">
        <f t="shared" si="9"/>
        <v>N/A - New Scheme</v>
      </c>
      <c r="O136" s="597" t="str" cm="1">
        <f t="array" ref="O136">_xlfn.IFS(M136="N/A - New Scheme", "N/A", M136&gt;0, "Overall Cost Increased", M136=0, "No change", M136&lt;0, "Overall Cost Decreased")</f>
        <v>N/A</v>
      </c>
      <c r="P136" s="597" t="str" cm="1">
        <f t="array" ref="P136">_xlfn.IFS(N136="N/A - New Scheme", "N/A", N136&gt;0, "DBC Cost Increased", N136=0, "No change", N136&lt;0, "DBC Cost Decreased")</f>
        <v>N/A</v>
      </c>
    </row>
    <row r="137" spans="2:16" ht="71.25" x14ac:dyDescent="0.2">
      <c r="B137" s="499" t="str">
        <v>TR141</v>
      </c>
      <c r="C137" s="499" t="str">
        <v>DBC IDP</v>
      </c>
      <c r="D137" s="499" t="str">
        <v>Transport</v>
      </c>
      <c r="E137" s="499" t="str">
        <v>Active Travel</v>
      </c>
      <c r="F137" s="499" t="str">
        <v>Allandale Traffic Calming</v>
      </c>
      <c r="G137" s="499" t="str">
        <v xml:space="preserve">(SG20-5) Implement traffic calming (speed tables or cushions) on four sections of Allandale - a) between Smithfield and Taverners; b) between Taverners and Randalls Ride; c) between Chapel Close and Grover Close; and d) between Garland Close and Slippers Hill </v>
      </c>
      <c r="H137" s="1185">
        <v>436643</v>
      </c>
      <c r="I137" s="1185">
        <v>178380.75161366313</v>
      </c>
      <c r="J137" s="1185">
        <v>0</v>
      </c>
      <c r="K137" s="1185">
        <f>IF(C137="DBC IDP", _xlfn.XLOOKUP(F137, '[3]DACORUM IDS'!$E:$E, '[3]DACORUM IDS'!$P:$P), "Manual Check")</f>
        <v>283676.25</v>
      </c>
      <c r="L137" s="1185">
        <f>IF(C137="DBC IDP", _xlfn.XLOOKUP(F137, '[3]DACORUM IDS'!$E:$E, '[3]DACORUM IDS'!$CF:$CF), "N/A")</f>
        <v>0</v>
      </c>
      <c r="M137" s="1185">
        <f t="shared" si="8"/>
        <v>152966.75</v>
      </c>
      <c r="N137" s="1185">
        <f t="shared" si="9"/>
        <v>-105295.49838633687</v>
      </c>
      <c r="O137" s="597" t="str" cm="1">
        <f t="array" ref="O137">_xlfn.IFS(M137="N/A - New Scheme", "N/A", M137&gt;0, "Overall Cost Increased", M137=0, "No change", M137&lt;0, "Overall Cost Decreased")</f>
        <v>Overall Cost Increased</v>
      </c>
      <c r="P137" s="597" t="str" cm="1">
        <f t="array" ref="P137">_xlfn.IFS(N137="N/A - New Scheme", "N/A", N137&gt;0, "DBC Cost Increased", N137=0, "No change", N137&lt;0, "DBC Cost Decreased")</f>
        <v>DBC Cost Decreased</v>
      </c>
    </row>
    <row r="138" spans="2:16" x14ac:dyDescent="0.2">
      <c r="B138" s="499" t="str">
        <v>TR142</v>
      </c>
      <c r="C138" s="499" t="str">
        <v>DBC IDP</v>
      </c>
      <c r="D138" s="499" t="str">
        <v>Transport</v>
      </c>
      <c r="E138" s="499" t="str">
        <v>Active Travel</v>
      </c>
      <c r="F138" s="499" t="str">
        <v>Allandale Wayfinding Signage</v>
      </c>
      <c r="G138" s="499" t="str">
        <v>(SG20-6) Improve wayfinding along segment</v>
      </c>
      <c r="H138" s="1185">
        <v>20883</v>
      </c>
      <c r="I138" s="1185">
        <v>8531.2835335689051</v>
      </c>
      <c r="J138" s="1185">
        <v>0</v>
      </c>
      <c r="K138" s="1185">
        <f>IF(C138="DBC IDP", _xlfn.XLOOKUP(F138, '[3]DACORUM IDS'!$E:$E, '[3]DACORUM IDS'!$P:$P), "Manual Check")</f>
        <v>13567.125</v>
      </c>
      <c r="L138" s="1185">
        <f>IF(C138="DBC IDP", _xlfn.XLOOKUP(F138, '[3]DACORUM IDS'!$E:$E, '[3]DACORUM IDS'!$CF:$CF), "N/A")</f>
        <v>0</v>
      </c>
      <c r="M138" s="1185">
        <f t="shared" si="8"/>
        <v>7315.875</v>
      </c>
      <c r="N138" s="1185">
        <f t="shared" si="9"/>
        <v>-5035.8414664310949</v>
      </c>
      <c r="O138" s="597" t="str" cm="1">
        <f t="array" ref="O138">_xlfn.IFS(M138="N/A - New Scheme", "N/A", M138&gt;0, "Overall Cost Increased", M138=0, "No change", M138&lt;0, "Overall Cost Decreased")</f>
        <v>Overall Cost Increased</v>
      </c>
      <c r="P138" s="597" t="str" cm="1">
        <f t="array" ref="P138">_xlfn.IFS(N138="N/A - New Scheme", "N/A", N138&gt;0, "DBC Cost Increased", N138=0, "No change", N138&lt;0, "DBC Cost Decreased")</f>
        <v>DBC Cost Decreased</v>
      </c>
    </row>
    <row r="139" spans="2:16" ht="85.5" x14ac:dyDescent="0.2">
      <c r="B139" s="499" t="str">
        <v>TR143</v>
      </c>
      <c r="C139" s="499" t="str">
        <v>DBC IDP</v>
      </c>
      <c r="D139" s="499" t="str">
        <v>Transport</v>
      </c>
      <c r="E139" s="499" t="str">
        <v>Active Travel</v>
      </c>
      <c r="F139" s="499" t="str">
        <v>Queensway-Marlowes Roundabout speed reduction measures</v>
      </c>
      <c r="G139" s="499" t="str">
        <v>(SG21-1) Reduce the kerb radii all approaches, notably on the Marlowes and Queensway approach arms to provide a single lane. This will increase deflection and reduce speeds through the junction. Provide give-way markings on the cycleway approach to increase the prominence of the cycleway approach</v>
      </c>
      <c r="H139" s="1185">
        <v>70241</v>
      </c>
      <c r="I139" s="1185">
        <v>29671.139092956077</v>
      </c>
      <c r="J139" s="1185">
        <v>0</v>
      </c>
      <c r="K139" s="1185" t="s">
        <v>1395</v>
      </c>
      <c r="L139" s="1185" t="s">
        <v>1395</v>
      </c>
      <c r="M139" s="1185" t="str">
        <f t="shared" si="8"/>
        <v>N/A - New Scheme</v>
      </c>
      <c r="N139" s="1185" t="str">
        <f t="shared" si="9"/>
        <v>N/A - New Scheme</v>
      </c>
      <c r="O139" s="597" t="str" cm="1">
        <f t="array" ref="O139">_xlfn.IFS(M139="N/A - New Scheme", "N/A", M139&gt;0, "Overall Cost Increased", M139=0, "No change", M139&lt;0, "Overall Cost Decreased")</f>
        <v>N/A</v>
      </c>
      <c r="P139" s="597" t="str" cm="1">
        <f t="array" ref="P139">_xlfn.IFS(N139="N/A - New Scheme", "N/A", N139&gt;0, "DBC Cost Increased", N139=0, "No change", N139&lt;0, "DBC Cost Decreased")</f>
        <v>N/A</v>
      </c>
    </row>
    <row r="140" spans="2:16" ht="28.5" x14ac:dyDescent="0.2">
      <c r="B140" s="499" t="str">
        <v>TR144</v>
      </c>
      <c r="C140" s="499" t="str">
        <v>DBC IDP</v>
      </c>
      <c r="D140" s="499" t="str">
        <v>Transport</v>
      </c>
      <c r="E140" s="499" t="str">
        <v>Active Travel</v>
      </c>
      <c r="F140" s="499" t="str">
        <v>Gadebridge Park cycle stands</v>
      </c>
      <c r="G140" s="499" t="str">
        <v>(SG22-1) Implement cycle stands adjacent to the car park</v>
      </c>
      <c r="H140" s="1185">
        <v>1595</v>
      </c>
      <c r="I140" s="1185">
        <v>651.60164899882216</v>
      </c>
      <c r="J140" s="1185">
        <v>0</v>
      </c>
      <c r="K140" s="1185" t="s">
        <v>1395</v>
      </c>
      <c r="L140" s="1185" t="s">
        <v>1395</v>
      </c>
      <c r="M140" s="1185" t="str">
        <f t="shared" si="8"/>
        <v>N/A - New Scheme</v>
      </c>
      <c r="N140" s="1185" t="str">
        <f t="shared" si="9"/>
        <v>N/A - New Scheme</v>
      </c>
      <c r="O140" s="597" t="str" cm="1">
        <f t="array" ref="O140">_xlfn.IFS(M140="N/A - New Scheme", "N/A", M140&gt;0, "Overall Cost Increased", M140=0, "No change", M140&lt;0, "Overall Cost Decreased")</f>
        <v>N/A</v>
      </c>
      <c r="P140" s="597" t="str" cm="1">
        <f t="array" ref="P140">_xlfn.IFS(N140="N/A - New Scheme", "N/A", N140&gt;0, "DBC Cost Increased", N140=0, "No change", N140&lt;0, "DBC Cost Decreased")</f>
        <v>N/A</v>
      </c>
    </row>
    <row r="141" spans="2:16" ht="42.75" x14ac:dyDescent="0.2">
      <c r="B141" s="499" t="str">
        <v>TR145</v>
      </c>
      <c r="C141" s="499" t="str">
        <v>DBC IDP</v>
      </c>
      <c r="D141" s="499" t="str">
        <v>Transport</v>
      </c>
      <c r="E141" s="499" t="str">
        <v>Active Travel</v>
      </c>
      <c r="F141" s="499" t="str">
        <v>Piccotts End Road uncontrolled crossing</v>
      </c>
      <c r="G141" s="499" t="str">
        <v>(SG23-1) Provide an uncontrolled crossing at the northern end of the western footway, where it terminates (south of Gadebridge Lane)</v>
      </c>
      <c r="H141" s="1185">
        <v>65866</v>
      </c>
      <c r="I141" s="1185">
        <v>26908.084146054178</v>
      </c>
      <c r="J141" s="1185">
        <v>0</v>
      </c>
      <c r="K141" s="1185">
        <f>IF(C141="DBC IDP", _xlfn.XLOOKUP(F141, '[3]DACORUM IDS'!$E:$E, '[3]DACORUM IDS'!$P:$P), "Manual Check")</f>
        <v>42791.666060000003</v>
      </c>
      <c r="L141" s="1185">
        <f>IF(C141="DBC IDP", _xlfn.XLOOKUP(F141, '[3]DACORUM IDS'!$E:$E, '[3]DACORUM IDS'!$CF:$CF), "N/A")</f>
        <v>0</v>
      </c>
      <c r="M141" s="1185">
        <f t="shared" si="8"/>
        <v>23074.333939999997</v>
      </c>
      <c r="N141" s="1185">
        <f t="shared" si="9"/>
        <v>-15883.581913945825</v>
      </c>
      <c r="O141" s="597" t="str" cm="1">
        <f t="array" ref="O141">_xlfn.IFS(M141="N/A - New Scheme", "N/A", M141&gt;0, "Overall Cost Increased", M141=0, "No change", M141&lt;0, "Overall Cost Decreased")</f>
        <v>Overall Cost Increased</v>
      </c>
      <c r="P141" s="597" t="str" cm="1">
        <f t="array" ref="P141">_xlfn.IFS(N141="N/A - New Scheme", "N/A", N141&gt;0, "DBC Cost Increased", N141=0, "No change", N141&lt;0, "DBC Cost Decreased")</f>
        <v>DBC Cost Decreased</v>
      </c>
    </row>
    <row r="142" spans="2:16" ht="42.75" x14ac:dyDescent="0.2">
      <c r="B142" s="499" t="str">
        <v>TR146</v>
      </c>
      <c r="C142" s="499" t="str">
        <v>DBC IDP</v>
      </c>
      <c r="D142" s="499" t="str">
        <v>Transport</v>
      </c>
      <c r="E142" s="499" t="str">
        <v>Active Travel</v>
      </c>
      <c r="F142" s="499" t="str">
        <v>Piccotts End Road Gadebridge Park active mode access improvement</v>
      </c>
      <c r="G142" s="499" t="str">
        <v xml:space="preserve">(SG23-2) Provide a kerbed build out adjacent to the gated entrance into Gadebridge Park (incorporating vehicle crossover for maintenance access). </v>
      </c>
      <c r="H142" s="1185">
        <v>2848</v>
      </c>
      <c r="I142" s="1185">
        <v>1163.486831566549</v>
      </c>
      <c r="J142" s="1185">
        <v>0</v>
      </c>
      <c r="K142" s="1185">
        <f>IF(C142="DBC IDP", _xlfn.XLOOKUP(F142, '[3]DACORUM IDS'!$E:$E, '[3]DACORUM IDS'!$P:$P), "Manual Check")</f>
        <v>1850.0625</v>
      </c>
      <c r="L142" s="1185">
        <f>IF(C142="DBC IDP", _xlfn.XLOOKUP(F142, '[3]DACORUM IDS'!$E:$E, '[3]DACORUM IDS'!$CF:$CF), "N/A")</f>
        <v>0</v>
      </c>
      <c r="M142" s="1185">
        <f t="shared" si="8"/>
        <v>997.9375</v>
      </c>
      <c r="N142" s="1185">
        <f t="shared" si="9"/>
        <v>-686.57566843345103</v>
      </c>
      <c r="O142" s="597" t="str" cm="1">
        <f t="array" ref="O142">_xlfn.IFS(M142="N/A - New Scheme", "N/A", M142&gt;0, "Overall Cost Increased", M142=0, "No change", M142&lt;0, "Overall Cost Decreased")</f>
        <v>Overall Cost Increased</v>
      </c>
      <c r="P142" s="597" t="str" cm="1">
        <f t="array" ref="P142">_xlfn.IFS(N142="N/A - New Scheme", "N/A", N142&gt;0, "DBC Cost Increased", N142=0, "No change", N142&lt;0, "DBC Cost Decreased")</f>
        <v>DBC Cost Decreased</v>
      </c>
    </row>
    <row r="143" spans="2:16" ht="28.5" x14ac:dyDescent="0.2">
      <c r="B143" s="499" t="str">
        <v>TR147</v>
      </c>
      <c r="C143" s="499" t="str">
        <v>DBC IDP</v>
      </c>
      <c r="D143" s="499" t="str">
        <v>Transport</v>
      </c>
      <c r="E143" s="499" t="str">
        <v>Active Travel</v>
      </c>
      <c r="F143" s="499" t="str">
        <v>Piccotts End Road Wayfinding Signage</v>
      </c>
      <c r="G143" s="499" t="str">
        <v>(SG23-3) Implement wayfinding signage at access to Gadebridge Park</v>
      </c>
      <c r="H143" s="1185">
        <v>3480</v>
      </c>
      <c r="I143" s="1185">
        <v>1421.6763250883391</v>
      </c>
      <c r="J143" s="1185">
        <v>0</v>
      </c>
      <c r="K143" s="1185">
        <f>IF(C143="DBC IDP", _xlfn.XLOOKUP(F143, '[3]DACORUM IDS'!$E:$E, '[3]DACORUM IDS'!$P:$P), "Manual Check")</f>
        <v>2261.1875</v>
      </c>
      <c r="L143" s="1185">
        <f>IF(C143="DBC IDP", _xlfn.XLOOKUP(F143, '[3]DACORUM IDS'!$E:$E, '[3]DACORUM IDS'!$CF:$CF), "N/A")</f>
        <v>0</v>
      </c>
      <c r="M143" s="1185">
        <f t="shared" si="8"/>
        <v>1218.8125</v>
      </c>
      <c r="N143" s="1185">
        <f t="shared" si="9"/>
        <v>-839.51117491166087</v>
      </c>
      <c r="O143" s="597" t="str" cm="1">
        <f t="array" ref="O143">_xlfn.IFS(M143="N/A - New Scheme", "N/A", M143&gt;0, "Overall Cost Increased", M143=0, "No change", M143&lt;0, "Overall Cost Decreased")</f>
        <v>Overall Cost Increased</v>
      </c>
      <c r="P143" s="597" t="str" cm="1">
        <f t="array" ref="P143">_xlfn.IFS(N143="N/A - New Scheme", "N/A", N143&gt;0, "DBC Cost Increased", N143=0, "No change", N143&lt;0, "DBC Cost Decreased")</f>
        <v>DBC Cost Decreased</v>
      </c>
    </row>
    <row r="144" spans="2:16" ht="99.75" x14ac:dyDescent="0.2">
      <c r="B144" s="499" t="str">
        <v>TR148</v>
      </c>
      <c r="C144" s="499" t="str">
        <v>DBC IDP</v>
      </c>
      <c r="D144" s="499" t="str">
        <v>Transport</v>
      </c>
      <c r="E144" s="499" t="str">
        <v>Highways</v>
      </c>
      <c r="F144" s="499" t="str">
        <v>Piccotts End Road Traffic Calming</v>
      </c>
      <c r="G144" s="499" t="str">
        <v xml:space="preserve">(SG24-1) Implement additional traffic calming features to manage risk of excessive speeds on the southern section. Two raised speed tables - a) approximately 30m north of the A4147 roundabout and b) 10m north of the Piccotts End Lane junction (also incorporating kerbed build out on eastern side to prevent kerbside parking on the northern side of the junction. </v>
      </c>
      <c r="H144" s="1185">
        <v>130360</v>
      </c>
      <c r="I144" s="1185">
        <v>53255.668315665491</v>
      </c>
      <c r="J144" s="1185">
        <v>0</v>
      </c>
      <c r="K144" s="1185">
        <f>IF(C144="DBC IDP", _xlfn.XLOOKUP(F144, '[3]DACORUM IDS'!$E:$E, '[3]DACORUM IDS'!$P:$P), "Manual Check")</f>
        <v>84691.75</v>
      </c>
      <c r="L144" s="1185">
        <f>IF(C144="DBC IDP", _xlfn.XLOOKUP(F144, '[3]DACORUM IDS'!$E:$E, '[3]DACORUM IDS'!$CF:$CF), "N/A")</f>
        <v>0</v>
      </c>
      <c r="M144" s="1185">
        <f t="shared" si="8"/>
        <v>45668.25</v>
      </c>
      <c r="N144" s="1185">
        <f t="shared" si="9"/>
        <v>-31436.081684334509</v>
      </c>
      <c r="O144" s="597" t="str" cm="1">
        <f t="array" ref="O144">_xlfn.IFS(M144="N/A - New Scheme", "N/A", M144&gt;0, "Overall Cost Increased", M144=0, "No change", M144&lt;0, "Overall Cost Decreased")</f>
        <v>Overall Cost Increased</v>
      </c>
      <c r="P144" s="597" t="str" cm="1">
        <f t="array" ref="P144">_xlfn.IFS(N144="N/A - New Scheme", "N/A", N144&gt;0, "DBC Cost Increased", N144=0, "No change", N144&lt;0, "DBC Cost Decreased")</f>
        <v>DBC Cost Decreased</v>
      </c>
    </row>
    <row r="145" spans="2:16" ht="57" x14ac:dyDescent="0.2">
      <c r="B145" s="499" t="str">
        <v>TR149</v>
      </c>
      <c r="C145" s="499" t="str">
        <v>DBC IDP</v>
      </c>
      <c r="D145" s="499" t="str">
        <v>Transport</v>
      </c>
      <c r="E145" s="499" t="str">
        <v>Highways</v>
      </c>
      <c r="F145" s="499" t="str">
        <v>Hillfield Road-Marlowes junctions reconfiguration</v>
      </c>
      <c r="G145" s="499" t="str">
        <v xml:space="preserve">(SG25-2) Convert King Harry Street-Hillfield Road junction to a conventional T-junction. Reduce the Hillfield Road approach to Marlowes to a Single lane, widen the footway adjacent to the crossing. </v>
      </c>
      <c r="H145" s="1185">
        <v>94053</v>
      </c>
      <c r="I145" s="1185">
        <v>9170.4185698121</v>
      </c>
      <c r="J145" s="1185">
        <v>0</v>
      </c>
      <c r="K145" s="1185">
        <f>IF(C145="DBC IDP", _xlfn.XLOOKUP(F145, '[3]DACORUM IDS'!$E:$E, '[3]DACORUM IDS'!$P:$P), "Manual Check")</f>
        <v>61103.864249999999</v>
      </c>
      <c r="L145" s="1185">
        <f>IF(C145="DBC IDP", _xlfn.XLOOKUP(F145, '[3]DACORUM IDS'!$E:$E, '[3]DACORUM IDS'!$CF:$CF), "N/A")</f>
        <v>0</v>
      </c>
      <c r="M145" s="1185">
        <f t="shared" si="8"/>
        <v>32949.135750000001</v>
      </c>
      <c r="N145" s="1185">
        <f t="shared" si="9"/>
        <v>-51933.445680187899</v>
      </c>
      <c r="O145" s="597" t="str" cm="1">
        <f t="array" ref="O145">_xlfn.IFS(M145="N/A - New Scheme", "N/A", M145&gt;0, "Overall Cost Increased", M145=0, "No change", M145&lt;0, "Overall Cost Decreased")</f>
        <v>Overall Cost Increased</v>
      </c>
      <c r="P145" s="597" t="str" cm="1">
        <f t="array" ref="P145">_xlfn.IFS(N145="N/A - New Scheme", "N/A", N145&gt;0, "DBC Cost Increased", N145=0, "No change", N145&lt;0, "DBC Cost Decreased")</f>
        <v>DBC Cost Decreased</v>
      </c>
    </row>
    <row r="146" spans="2:16" ht="99.75" x14ac:dyDescent="0.2">
      <c r="B146" s="499" t="str">
        <v>TR150</v>
      </c>
      <c r="C146" s="499" t="str">
        <v>DBC IDP</v>
      </c>
      <c r="D146" s="499" t="str">
        <v>Transport</v>
      </c>
      <c r="E146" s="499" t="str">
        <v>Active Travel</v>
      </c>
      <c r="F146" s="499" t="str">
        <v>Marlowes carriageway reconfiguration - Hillfield Road-Combe Street</v>
      </c>
      <c r="G146" s="499" t="str">
        <v>(SG25-3) a) Remove the landscaped central reservation on Marlowes between Hillfield Road and Combe Street. b) Reduce the northbound carriageway to a single lane and widen the footway on western side. c) Install an additional controlled crossing adjacent to the Wetherspoon public house, on a raised speed table.</v>
      </c>
      <c r="H146" s="1185">
        <v>313019</v>
      </c>
      <c r="I146" s="1185">
        <v>30520.188088673563</v>
      </c>
      <c r="J146" s="1185">
        <v>0</v>
      </c>
      <c r="K146" s="1185" t="s">
        <v>1395</v>
      </c>
      <c r="L146" s="1185" t="s">
        <v>1395</v>
      </c>
      <c r="M146" s="1185" t="str">
        <f t="shared" si="8"/>
        <v>N/A - New Scheme</v>
      </c>
      <c r="N146" s="1185" t="str">
        <f t="shared" si="9"/>
        <v>N/A - New Scheme</v>
      </c>
      <c r="O146" s="597" t="str" cm="1">
        <f t="array" ref="O146">_xlfn.IFS(M146="N/A - New Scheme", "N/A", M146&gt;0, "Overall Cost Increased", M146=0, "No change", M146&lt;0, "Overall Cost Decreased")</f>
        <v>N/A</v>
      </c>
      <c r="P146" s="597" t="str" cm="1">
        <f t="array" ref="P146">_xlfn.IFS(N146="N/A - New Scheme", "N/A", N146&gt;0, "DBC Cost Increased", N146=0, "No change", N146&lt;0, "DBC Cost Decreased")</f>
        <v>N/A</v>
      </c>
    </row>
    <row r="147" spans="2:16" ht="85.5" x14ac:dyDescent="0.2">
      <c r="B147" s="499" t="str">
        <v>TR151</v>
      </c>
      <c r="C147" s="499" t="str">
        <v>DBC IDP</v>
      </c>
      <c r="D147" s="499" t="str">
        <v>Transport</v>
      </c>
      <c r="E147" s="499" t="str">
        <v>Active Travel</v>
      </c>
      <c r="F147" s="499" t="str">
        <v>Marlowes carriageway reconfiguration - Combe Street-Midland Road</v>
      </c>
      <c r="G147" s="499" t="str">
        <v xml:space="preserve">(SG25-4) a) Remove landscaped central reservation on Marlowes between Combe Street and Midland Road and widen the footway on eastern side. Reduce the southbound carriageway to a single lane. b) Install an additional controlled crossing adjacent to the library, on a raised speed table.  </v>
      </c>
      <c r="H147" s="1185">
        <v>290466</v>
      </c>
      <c r="I147" s="1185">
        <v>28321.210384560218</v>
      </c>
      <c r="J147" s="1185">
        <v>0</v>
      </c>
      <c r="K147" s="1185" t="s">
        <v>1395</v>
      </c>
      <c r="L147" s="1185" t="s">
        <v>1395</v>
      </c>
      <c r="M147" s="1185" t="str">
        <f t="shared" si="8"/>
        <v>N/A - New Scheme</v>
      </c>
      <c r="N147" s="1185" t="str">
        <f t="shared" si="9"/>
        <v>N/A - New Scheme</v>
      </c>
      <c r="O147" s="597" t="str" cm="1">
        <f t="array" ref="O147">_xlfn.IFS(M147="N/A - New Scheme", "N/A", M147&gt;0, "Overall Cost Increased", M147=0, "No change", M147&lt;0, "Overall Cost Decreased")</f>
        <v>N/A</v>
      </c>
      <c r="P147" s="597" t="str" cm="1">
        <f t="array" ref="P147">_xlfn.IFS(N147="N/A - New Scheme", "N/A", N147&gt;0, "DBC Cost Increased", N147=0, "No change", N147&lt;0, "DBC Cost Decreased")</f>
        <v>N/A</v>
      </c>
    </row>
    <row r="148" spans="2:16" ht="42.75" x14ac:dyDescent="0.2">
      <c r="B148" s="499" t="str">
        <v>TR152</v>
      </c>
      <c r="C148" s="499" t="str">
        <v>DBC IDP</v>
      </c>
      <c r="D148" s="499" t="str">
        <v>Transport</v>
      </c>
      <c r="E148" s="499" t="str">
        <v>Active Travel</v>
      </c>
      <c r="F148" s="499" t="str">
        <v>Marlowes cycle stands</v>
      </c>
      <c r="G148" s="499" t="str">
        <v>(SG25-5) Add cycle stands outside shopping parades (note - separate proposal for a Mobility Hub outside the college)</v>
      </c>
      <c r="H148" s="1185">
        <v>2392</v>
      </c>
      <c r="I148" s="1185">
        <v>233.22638532519483</v>
      </c>
      <c r="J148" s="1185">
        <v>0</v>
      </c>
      <c r="K148" s="1185" t="s">
        <v>1395</v>
      </c>
      <c r="L148" s="1185" t="s">
        <v>1395</v>
      </c>
      <c r="M148" s="1185" t="str">
        <f t="shared" si="8"/>
        <v>N/A - New Scheme</v>
      </c>
      <c r="N148" s="1185" t="str">
        <f t="shared" si="9"/>
        <v>N/A - New Scheme</v>
      </c>
      <c r="O148" s="597" t="str" cm="1">
        <f t="array" ref="O148">_xlfn.IFS(M148="N/A - New Scheme", "N/A", M148&gt;0, "Overall Cost Increased", M148=0, "No change", M148&lt;0, "Overall Cost Decreased")</f>
        <v>N/A</v>
      </c>
      <c r="P148" s="597" t="str" cm="1">
        <f t="array" ref="P148">_xlfn.IFS(N148="N/A - New Scheme", "N/A", N148&gt;0, "DBC Cost Increased", N148=0, "No change", N148&lt;0, "DBC Cost Decreased")</f>
        <v>N/A</v>
      </c>
    </row>
    <row r="149" spans="2:16" ht="42.75" x14ac:dyDescent="0.2">
      <c r="B149" s="499" t="str">
        <v>TR153</v>
      </c>
      <c r="C149" s="499" t="str">
        <v>DBC IDP</v>
      </c>
      <c r="D149" s="499" t="str">
        <v>Transport</v>
      </c>
      <c r="E149" s="499" t="str">
        <v>Active Travel</v>
      </c>
      <c r="F149" s="499" t="str">
        <v>Midland Road pedestrian crossing</v>
      </c>
      <c r="G149" s="499" t="str">
        <v xml:space="preserve">(SG25-6) Install controlled zebra crossing on a raised speed table on Midlands Road on the eastern side of the Marlowes roundabout </v>
      </c>
      <c r="H149" s="1185">
        <v>200552</v>
      </c>
      <c r="I149" s="1185">
        <v>19554.355363603041</v>
      </c>
      <c r="J149" s="1185">
        <v>0</v>
      </c>
      <c r="K149" s="1185" t="s">
        <v>1395</v>
      </c>
      <c r="L149" s="1185" t="s">
        <v>1395</v>
      </c>
      <c r="M149" s="1185" t="str">
        <f t="shared" si="8"/>
        <v>N/A - New Scheme</v>
      </c>
      <c r="N149" s="1185" t="str">
        <f t="shared" si="9"/>
        <v>N/A - New Scheme</v>
      </c>
      <c r="O149" s="597" t="str" cm="1">
        <f t="array" ref="O149">_xlfn.IFS(M149="N/A - New Scheme", "N/A", M149&gt;0, "Overall Cost Increased", M149=0, "No change", M149&lt;0, "Overall Cost Decreased")</f>
        <v>N/A</v>
      </c>
      <c r="P149" s="597" t="str" cm="1">
        <f t="array" ref="P149">_xlfn.IFS(N149="N/A - New Scheme", "N/A", N149&gt;0, "DBC Cost Increased", N149=0, "No change", N149&lt;0, "DBC Cost Decreased")</f>
        <v>N/A</v>
      </c>
    </row>
    <row r="150" spans="2:16" ht="185.25" x14ac:dyDescent="0.2">
      <c r="B150" s="499" t="str">
        <v>TR154</v>
      </c>
      <c r="C150" s="499" t="str">
        <v>DBC IDP</v>
      </c>
      <c r="D150" s="499" t="str">
        <v>Transport</v>
      </c>
      <c r="E150" s="499" t="str">
        <v>Active Travel</v>
      </c>
      <c r="F150" s="499" t="str">
        <v>Two Waters Way Cycle Link</v>
      </c>
      <c r="G150" s="499" t="str">
        <v xml:space="preserve">(SG26-1) Provide segregated cycle lane along Two Waters Way by removing hatching in the middle of road (removal of right turn filters, single lane in both direction). To be located on the western side between the Plough Roundabout and River Bulbourne and on the eastern side to London Road. The northern section, north of Corner Hall, would need to be provided as a shared use facility off-road as there is insufficient space within the carriageway. In the vicinity of the River Bulbourne provide a Toucan crossing. At the northern end, provide a widened bridge over the River Gade and shared use route across to Station Road. </v>
      </c>
      <c r="H150" s="1185">
        <v>1370676</v>
      </c>
      <c r="I150" s="1185">
        <v>320238.23641223944</v>
      </c>
      <c r="J150" s="1185">
        <v>0</v>
      </c>
      <c r="K150" s="1185">
        <f>IF(C150="DBC IDP", _xlfn.XLOOKUP(F150, '[3]DACORUM IDS'!$E:$E, '[3]DACORUM IDS'!$P:$P), "Manual Check")</f>
        <v>890493.87212499988</v>
      </c>
      <c r="L150" s="1185">
        <f>IF(C150="DBC IDP", _xlfn.XLOOKUP(F150, '[3]DACORUM IDS'!$E:$E, '[3]DACORUM IDS'!$CF:$CF), "N/A")</f>
        <v>0</v>
      </c>
      <c r="M150" s="1185">
        <f t="shared" si="8"/>
        <v>480182.12787500012</v>
      </c>
      <c r="N150" s="1185">
        <f t="shared" si="9"/>
        <v>-570255.6357127605</v>
      </c>
      <c r="O150" s="597" t="str" cm="1">
        <f t="array" ref="O150">_xlfn.IFS(M150="N/A - New Scheme", "N/A", M150&gt;0, "Overall Cost Increased", M150=0, "No change", M150&lt;0, "Overall Cost Decreased")</f>
        <v>Overall Cost Increased</v>
      </c>
      <c r="P150" s="597" t="str" cm="1">
        <f t="array" ref="P150">_xlfn.IFS(N150="N/A - New Scheme", "N/A", N150&gt;0, "DBC Cost Increased", N150=0, "No change", N150&lt;0, "DBC Cost Decreased")</f>
        <v>DBC Cost Decreased</v>
      </c>
    </row>
    <row r="151" spans="2:16" ht="28.5" x14ac:dyDescent="0.2">
      <c r="B151" s="499" t="str">
        <v>TR155</v>
      </c>
      <c r="C151" s="499" t="str">
        <v>DBC IDP</v>
      </c>
      <c r="D151" s="499" t="str">
        <v>Transport</v>
      </c>
      <c r="E151" s="499" t="str">
        <v>Active Travel</v>
      </c>
      <c r="F151" s="499" t="str">
        <v>Corner Hall cycle parking</v>
      </c>
      <c r="G151" s="499" t="str">
        <v>(SG26-3) Add cycle parking stands on Corner Hall (west of the river)</v>
      </c>
      <c r="H151" s="1185">
        <v>797</v>
      </c>
      <c r="I151" s="1185">
        <v>186.20729801977626</v>
      </c>
      <c r="J151" s="1185">
        <v>0</v>
      </c>
      <c r="K151" s="1185" t="s">
        <v>1395</v>
      </c>
      <c r="L151" s="1185" t="s">
        <v>1395</v>
      </c>
      <c r="M151" s="1185" t="str">
        <f t="shared" si="8"/>
        <v>N/A - New Scheme</v>
      </c>
      <c r="N151" s="1185" t="str">
        <f t="shared" si="9"/>
        <v>N/A - New Scheme</v>
      </c>
      <c r="O151" s="597" t="str" cm="1">
        <f t="array" ref="O151">_xlfn.IFS(M151="N/A - New Scheme", "N/A", M151&gt;0, "Overall Cost Increased", M151=0, "No change", M151&lt;0, "Overall Cost Decreased")</f>
        <v>N/A</v>
      </c>
      <c r="P151" s="597" t="str" cm="1">
        <f t="array" ref="P151">_xlfn.IFS(N151="N/A - New Scheme", "N/A", N151&gt;0, "DBC Cost Increased", N151=0, "No change", N151&lt;0, "DBC Cost Decreased")</f>
        <v>N/A</v>
      </c>
    </row>
    <row r="152" spans="2:16" ht="28.5" x14ac:dyDescent="0.2">
      <c r="B152" s="499" t="str">
        <v>TR156</v>
      </c>
      <c r="C152" s="499" t="str">
        <v>DBC IDP</v>
      </c>
      <c r="D152" s="499" t="str">
        <v>Transport</v>
      </c>
      <c r="E152" s="499" t="str">
        <v>Active Travel</v>
      </c>
      <c r="F152" s="499" t="str">
        <v>Corner Hall pedestrian crossing improvements</v>
      </c>
      <c r="G152" s="499" t="str">
        <v>(SG26-4) Add tactile paving at Corner Hall</v>
      </c>
      <c r="H152" s="1185">
        <v>2430</v>
      </c>
      <c r="I152" s="1185">
        <v>567.7336689937971</v>
      </c>
      <c r="J152" s="1185">
        <v>0</v>
      </c>
      <c r="K152" s="1185">
        <f>IF(C152="DBC IDP", _xlfn.XLOOKUP(F152, '[3]DACORUM IDS'!$E:$E, '[3]DACORUM IDS'!$P:$P), "Manual Check")</f>
        <v>1578.72</v>
      </c>
      <c r="L152" s="1185">
        <f>IF(C152="DBC IDP", _xlfn.XLOOKUP(F152, '[3]DACORUM IDS'!$E:$E, '[3]DACORUM IDS'!$CF:$CF), "N/A")</f>
        <v>0</v>
      </c>
      <c r="M152" s="1185">
        <f t="shared" si="8"/>
        <v>851.28</v>
      </c>
      <c r="N152" s="1185">
        <f t="shared" si="9"/>
        <v>-1010.9863310062029</v>
      </c>
      <c r="O152" s="597" t="str" cm="1">
        <f t="array" ref="O152">_xlfn.IFS(M152="N/A - New Scheme", "N/A", M152&gt;0, "Overall Cost Increased", M152=0, "No change", M152&lt;0, "Overall Cost Decreased")</f>
        <v>Overall Cost Increased</v>
      </c>
      <c r="P152" s="597" t="str" cm="1">
        <f t="array" ref="P152">_xlfn.IFS(N152="N/A - New Scheme", "N/A", N152&gt;0, "DBC Cost Increased", N152=0, "No change", N152&lt;0, "DBC Cost Decreased")</f>
        <v>DBC Cost Decreased</v>
      </c>
    </row>
    <row r="153" spans="2:16" x14ac:dyDescent="0.2">
      <c r="B153" s="499" t="str">
        <v>TR157</v>
      </c>
      <c r="C153" s="499" t="str">
        <v>DBC IDP</v>
      </c>
      <c r="D153" s="499" t="str">
        <v>Transport</v>
      </c>
      <c r="E153" s="499" t="str">
        <v>Active Travel</v>
      </c>
      <c r="F153" s="499" t="str">
        <v>Two Waters Way Wayfinding Signage</v>
      </c>
      <c r="G153" s="499" t="str">
        <v>(SG26-5) Improve signage and wayfinding</v>
      </c>
      <c r="H153" s="1185">
        <v>6961</v>
      </c>
      <c r="I153" s="1185">
        <v>1255.974068506604</v>
      </c>
      <c r="J153" s="1185">
        <v>0</v>
      </c>
      <c r="K153" s="1185">
        <f>IF(C153="DBC IDP", _xlfn.XLOOKUP(F153, '[3]DACORUM IDS'!$E:$E, '[3]DACORUM IDS'!$P:$P), "Manual Check")</f>
        <v>4522.375</v>
      </c>
      <c r="L153" s="1185">
        <f>IF(C153="DBC IDP", _xlfn.XLOOKUP(F153, '[3]DACORUM IDS'!$E:$E, '[3]DACORUM IDS'!$CF:$CF), "N/A")</f>
        <v>0</v>
      </c>
      <c r="M153" s="1185">
        <f t="shared" si="8"/>
        <v>2438.625</v>
      </c>
      <c r="N153" s="1185">
        <f t="shared" si="9"/>
        <v>-3266.400931493396</v>
      </c>
      <c r="O153" s="597" t="str" cm="1">
        <f t="array" ref="O153">_xlfn.IFS(M153="N/A - New Scheme", "N/A", M153&gt;0, "Overall Cost Increased", M153=0, "No change", M153&lt;0, "Overall Cost Decreased")</f>
        <v>Overall Cost Increased</v>
      </c>
      <c r="P153" s="597" t="str" cm="1">
        <f t="array" ref="P153">_xlfn.IFS(N153="N/A - New Scheme", "N/A", N153&gt;0, "DBC Cost Increased", N153=0, "No change", N153&lt;0, "DBC Cost Decreased")</f>
        <v>DBC Cost Decreased</v>
      </c>
    </row>
    <row r="154" spans="2:16" ht="71.25" x14ac:dyDescent="0.2">
      <c r="B154" s="499" t="str">
        <v>TR158</v>
      </c>
      <c r="C154" s="499" t="str">
        <v>DBC IDP</v>
      </c>
      <c r="D154" s="499" t="str">
        <v>Transport</v>
      </c>
      <c r="E154" s="499" t="str">
        <v>Active Travel</v>
      </c>
      <c r="F154" s="499" t="str">
        <v>Lawn Lane-Crabtree Lane pedestrian crossing improvement</v>
      </c>
      <c r="G154" s="499" t="str">
        <v>(SG27-1) Junction between Lawn Lane and Crabtree Lane. Remove guardrail, increase refuge island width and reduce side arm approach to a single lane. Build out width of footway on southern side and incorporate dropped kerbs with tactile paving</v>
      </c>
      <c r="H154" s="1185">
        <v>33063</v>
      </c>
      <c r="I154" s="1185">
        <v>13507.150671378093</v>
      </c>
      <c r="J154" s="1185">
        <v>0</v>
      </c>
      <c r="K154" s="1185">
        <f>IF(C154="DBC IDP", _xlfn.XLOOKUP(F154, '[3]DACORUM IDS'!$E:$E, '[3]DACORUM IDS'!$P:$P), "Manual Check")</f>
        <v>21480.014985000002</v>
      </c>
      <c r="L154" s="1185">
        <f>IF(C154="DBC IDP", _xlfn.XLOOKUP(F154, '[3]DACORUM IDS'!$E:$E, '[3]DACORUM IDS'!$CF:$CF), "N/A")</f>
        <v>0</v>
      </c>
      <c r="M154" s="1185">
        <f t="shared" si="8"/>
        <v>11582.985014999998</v>
      </c>
      <c r="N154" s="1185">
        <f t="shared" si="9"/>
        <v>-7972.8643136219089</v>
      </c>
      <c r="O154" s="597" t="str" cm="1">
        <f t="array" ref="O154">_xlfn.IFS(M154="N/A - New Scheme", "N/A", M154&gt;0, "Overall Cost Increased", M154=0, "No change", M154&lt;0, "Overall Cost Decreased")</f>
        <v>Overall Cost Increased</v>
      </c>
      <c r="P154" s="597" t="str" cm="1">
        <f t="array" ref="P154">_xlfn.IFS(N154="N/A - New Scheme", "N/A", N154&gt;0, "DBC Cost Increased", N154=0, "No change", N154&lt;0, "DBC Cost Decreased")</f>
        <v>DBC Cost Decreased</v>
      </c>
    </row>
    <row r="155" spans="2:16" ht="42.75" x14ac:dyDescent="0.2">
      <c r="B155" s="499" t="str">
        <v>TR159</v>
      </c>
      <c r="C155" s="499" t="str">
        <v>DBC IDP</v>
      </c>
      <c r="D155" s="499" t="str">
        <v>Transport</v>
      </c>
      <c r="E155" s="499" t="str">
        <v>Active Travel</v>
      </c>
      <c r="F155" s="499" t="str">
        <v>Lawn Lane new signalised crossing near Crabtree Lane</v>
      </c>
      <c r="G155" s="499" t="str">
        <v>(SG27-2) Additional signal-controlled pedestrian crossing north of the junction with Crabtree Lane on a raised speed table</v>
      </c>
      <c r="H155" s="1185">
        <v>450565</v>
      </c>
      <c r="I155" s="1185">
        <v>184068.27396937576</v>
      </c>
      <c r="J155" s="1185">
        <v>0</v>
      </c>
      <c r="K155" s="1185">
        <f>IF(C155="DBC IDP", _xlfn.XLOOKUP(F155, '[3]DACORUM IDS'!$E:$E, '[3]DACORUM IDS'!$P:$P), "Manual Check")</f>
        <v>292721</v>
      </c>
      <c r="L155" s="1185">
        <f>IF(C155="DBC IDP", _xlfn.XLOOKUP(F155, '[3]DACORUM IDS'!$E:$E, '[3]DACORUM IDS'!$CF:$CF), "N/A")</f>
        <v>0</v>
      </c>
      <c r="M155" s="1185">
        <f t="shared" si="8"/>
        <v>157844</v>
      </c>
      <c r="N155" s="1185">
        <f t="shared" si="9"/>
        <v>-108652.72603062424</v>
      </c>
      <c r="O155" s="597" t="str" cm="1">
        <f t="array" ref="O155">_xlfn.IFS(M155="N/A - New Scheme", "N/A", M155&gt;0, "Overall Cost Increased", M155=0, "No change", M155&lt;0, "Overall Cost Decreased")</f>
        <v>Overall Cost Increased</v>
      </c>
      <c r="P155" s="597" t="str" cm="1">
        <f t="array" ref="P155">_xlfn.IFS(N155="N/A - New Scheme", "N/A", N155&gt;0, "DBC Cost Increased", N155=0, "No change", N155&lt;0, "DBC Cost Decreased")</f>
        <v>DBC Cost Decreased</v>
      </c>
    </row>
    <row r="156" spans="2:16" ht="42.75" x14ac:dyDescent="0.2">
      <c r="B156" s="499" t="str">
        <v>TR160</v>
      </c>
      <c r="C156" s="499" t="str">
        <v>DBC IDP</v>
      </c>
      <c r="D156" s="499" t="str">
        <v>Transport</v>
      </c>
      <c r="E156" s="499" t="str">
        <v>Active Travel</v>
      </c>
      <c r="F156" s="499" t="str">
        <v>Lawn Lane new signalised crossing near Corner Hall</v>
      </c>
      <c r="G156" s="499" t="str">
        <v>(SG27-3) Additional signal controlled pedestrian crossing north of junction with Corner Hall  on a raised speed table</v>
      </c>
      <c r="H156" s="1185">
        <v>453150</v>
      </c>
      <c r="I156" s="1185">
        <v>185124.31802120141</v>
      </c>
      <c r="J156" s="1185">
        <v>0</v>
      </c>
      <c r="K156" s="1185">
        <f>IF(C156="DBC IDP", _xlfn.XLOOKUP(F156, '[3]DACORUM IDS'!$E:$E, '[3]DACORUM IDS'!$P:$P), "Manual Check")</f>
        <v>294400.16606000002</v>
      </c>
      <c r="L156" s="1185">
        <f>IF(C156="DBC IDP", _xlfn.XLOOKUP(F156, '[3]DACORUM IDS'!$E:$E, '[3]DACORUM IDS'!$CF:$CF), "N/A")</f>
        <v>0</v>
      </c>
      <c r="M156" s="1185">
        <f t="shared" si="8"/>
        <v>158749.83393999998</v>
      </c>
      <c r="N156" s="1185">
        <f t="shared" si="9"/>
        <v>-109275.84803879861</v>
      </c>
      <c r="O156" s="597" t="str" cm="1">
        <f t="array" ref="O156">_xlfn.IFS(M156="N/A - New Scheme", "N/A", M156&gt;0, "Overall Cost Increased", M156=0, "No change", M156&lt;0, "Overall Cost Decreased")</f>
        <v>Overall Cost Increased</v>
      </c>
      <c r="P156" s="597" t="str" cm="1">
        <f t="array" ref="P156">_xlfn.IFS(N156="N/A - New Scheme", "N/A", N156&gt;0, "DBC Cost Increased", N156=0, "No change", N156&lt;0, "DBC Cost Decreased")</f>
        <v>DBC Cost Decreased</v>
      </c>
    </row>
    <row r="157" spans="2:16" ht="71.25" x14ac:dyDescent="0.2">
      <c r="B157" s="499" t="str">
        <v>TR161</v>
      </c>
      <c r="C157" s="499" t="str">
        <v>DBC IDP</v>
      </c>
      <c r="D157" s="499" t="str">
        <v>Transport</v>
      </c>
      <c r="E157" s="499" t="str">
        <v>Active Travel</v>
      </c>
      <c r="F157" s="499" t="str">
        <v>Corner Hall Stopping Up and widened footway</v>
      </c>
      <c r="G157" s="499" t="str">
        <v>(SG27-4) Closure of the Corner Hall one-way section at the junction with Lawn Lane - provision of a continuous footway. Remove hatching and right turn filter to accommodate widened footway on western side</v>
      </c>
      <c r="H157" s="1185">
        <v>118969</v>
      </c>
      <c r="I157" s="1185">
        <v>48602.129517078916</v>
      </c>
      <c r="J157" s="1185">
        <v>0</v>
      </c>
      <c r="K157" s="1185">
        <f>IF(C157="DBC IDP", _xlfn.XLOOKUP(F157, '[3]DACORUM IDS'!$E:$E, '[3]DACORUM IDS'!$P:$P), "Manual Check")</f>
        <v>77291.5</v>
      </c>
      <c r="L157" s="1185">
        <f>IF(C157="DBC IDP", _xlfn.XLOOKUP(F157, '[3]DACORUM IDS'!$E:$E, '[3]DACORUM IDS'!$CF:$CF), "N/A")</f>
        <v>0</v>
      </c>
      <c r="M157" s="1185">
        <f t="shared" si="8"/>
        <v>41677.5</v>
      </c>
      <c r="N157" s="1185">
        <f t="shared" si="9"/>
        <v>-28689.370482921084</v>
      </c>
      <c r="O157" s="597" t="str" cm="1">
        <f t="array" ref="O157">_xlfn.IFS(M157="N/A - New Scheme", "N/A", M157&gt;0, "Overall Cost Increased", M157=0, "No change", M157&lt;0, "Overall Cost Decreased")</f>
        <v>Overall Cost Increased</v>
      </c>
      <c r="P157" s="597" t="str" cm="1">
        <f t="array" ref="P157">_xlfn.IFS(N157="N/A - New Scheme", "N/A", N157&gt;0, "DBC Cost Increased", N157=0, "No change", N157&lt;0, "DBC Cost Decreased")</f>
        <v>DBC Cost Decreased</v>
      </c>
    </row>
    <row r="158" spans="2:16" ht="42.75" x14ac:dyDescent="0.2">
      <c r="B158" s="499" t="str">
        <v>TR162</v>
      </c>
      <c r="C158" s="499" t="str">
        <v>DBC IDP</v>
      </c>
      <c r="D158" s="499" t="str">
        <v>Transport</v>
      </c>
      <c r="E158" s="499" t="str">
        <v>Active Travel</v>
      </c>
      <c r="F158" s="499" t="str">
        <v>Durrants Hill Road-Ebberns Road pedestrian crossing improvements</v>
      </c>
      <c r="G158" s="499" t="str">
        <v>(SG28-1) Improve pedestrian crossing facilities at the side arm junction with Ebberns Road including dropped kerbs and tactile paving</v>
      </c>
      <c r="H158" s="1185">
        <v>6382</v>
      </c>
      <c r="I158" s="1185">
        <v>2607.2236513545345</v>
      </c>
      <c r="J158" s="1185">
        <v>0</v>
      </c>
      <c r="K158" s="1185">
        <f>IF(C158="DBC IDP", _xlfn.XLOOKUP(F158, '[3]DACORUM IDS'!$E:$E, '[3]DACORUM IDS'!$P:$P), "Manual Check")</f>
        <v>4145.9160600000005</v>
      </c>
      <c r="L158" s="1185">
        <f>IF(C158="DBC IDP", _xlfn.XLOOKUP(F158, '[3]DACORUM IDS'!$E:$E, '[3]DACORUM IDS'!$CF:$CF), "N/A")</f>
        <v>0</v>
      </c>
      <c r="M158" s="1185">
        <f t="shared" si="8"/>
        <v>2236.0839399999995</v>
      </c>
      <c r="N158" s="1185">
        <f t="shared" si="9"/>
        <v>-1538.692408645466</v>
      </c>
      <c r="O158" s="597" t="str" cm="1">
        <f t="array" ref="O158">_xlfn.IFS(M158="N/A - New Scheme", "N/A", M158&gt;0, "Overall Cost Increased", M158=0, "No change", M158&lt;0, "Overall Cost Decreased")</f>
        <v>Overall Cost Increased</v>
      </c>
      <c r="P158" s="597" t="str" cm="1">
        <f t="array" ref="P158">_xlfn.IFS(N158="N/A - New Scheme", "N/A", N158&gt;0, "DBC Cost Increased", N158=0, "No change", N158&lt;0, "DBC Cost Decreased")</f>
        <v>DBC Cost Decreased</v>
      </c>
    </row>
    <row r="159" spans="2:16" ht="71.25" x14ac:dyDescent="0.2">
      <c r="B159" s="499" t="str">
        <v>TR163</v>
      </c>
      <c r="C159" s="499" t="str">
        <v>DBC IDP</v>
      </c>
      <c r="D159" s="499" t="str">
        <v>Transport</v>
      </c>
      <c r="E159" s="499" t="str">
        <v>Active Travel</v>
      </c>
      <c r="F159" s="499" t="str">
        <v xml:space="preserve">Durrents Hill additional pedestrian crossing </v>
      </c>
      <c r="G159" s="499" t="str">
        <v>(SG28-2) Provide an uncontrolled crossing adjacent to the entrance into the park, north of the junction with Ebberns Road. Provide localised widening of the footway on the eastern side of the road, removing space for kerb-side parking</v>
      </c>
      <c r="H159" s="1185">
        <v>68524</v>
      </c>
      <c r="I159" s="1185">
        <v>27993.950718492346</v>
      </c>
      <c r="J159" s="1185">
        <v>0</v>
      </c>
      <c r="K159" s="1185">
        <f>IF(C159="DBC IDP", _xlfn.XLOOKUP(F159, '[3]DACORUM IDS'!$E:$E, '[3]DACORUM IDS'!$P:$P), "Manual Check")</f>
        <v>44518.391060000002</v>
      </c>
      <c r="L159" s="1185">
        <f>IF(C159="DBC IDP", _xlfn.XLOOKUP(F159, '[3]DACORUM IDS'!$E:$E, '[3]DACORUM IDS'!$CF:$CF), "N/A")</f>
        <v>0</v>
      </c>
      <c r="M159" s="1185">
        <f t="shared" si="8"/>
        <v>24005.608939999998</v>
      </c>
      <c r="N159" s="1185">
        <f t="shared" si="9"/>
        <v>-16524.440341507656</v>
      </c>
      <c r="O159" s="597" t="str" cm="1">
        <f t="array" ref="O159">_xlfn.IFS(M159="N/A - New Scheme", "N/A", M159&gt;0, "Overall Cost Increased", M159=0, "No change", M159&lt;0, "Overall Cost Decreased")</f>
        <v>Overall Cost Increased</v>
      </c>
      <c r="P159" s="597" t="str" cm="1">
        <f t="array" ref="P159">_xlfn.IFS(N159="N/A - New Scheme", "N/A", N159&gt;0, "DBC Cost Increased", N159=0, "No change", N159&lt;0, "DBC Cost Decreased")</f>
        <v>DBC Cost Decreased</v>
      </c>
    </row>
    <row r="160" spans="2:16" x14ac:dyDescent="0.2">
      <c r="B160" s="499" t="str">
        <v>TR164</v>
      </c>
      <c r="C160" s="499" t="str">
        <v>DBC IDP</v>
      </c>
      <c r="D160" s="499" t="str">
        <v>Transport</v>
      </c>
      <c r="E160" s="499" t="str">
        <v>Active Travel</v>
      </c>
      <c r="F160" s="499" t="str">
        <v>Durrants Hill Road Wayfinding Signage</v>
      </c>
      <c r="G160" s="499" t="str">
        <v>(SG28-3) Provide wayfinding signage</v>
      </c>
      <c r="H160" s="1185">
        <v>10441</v>
      </c>
      <c r="I160" s="1185">
        <v>4265.437502944641</v>
      </c>
      <c r="J160" s="1185">
        <v>0</v>
      </c>
      <c r="K160" s="1185">
        <f>IF(C160="DBC IDP", _xlfn.XLOOKUP(F160, '[3]DACORUM IDS'!$E:$E, '[3]DACORUM IDS'!$P:$P), "Manual Check")</f>
        <v>6783.5625</v>
      </c>
      <c r="L160" s="1185">
        <f>IF(C160="DBC IDP", _xlfn.XLOOKUP(F160, '[3]DACORUM IDS'!$E:$E, '[3]DACORUM IDS'!$CF:$CF), "N/A")</f>
        <v>0</v>
      </c>
      <c r="M160" s="1185">
        <f t="shared" si="8"/>
        <v>3657.4375</v>
      </c>
      <c r="N160" s="1185">
        <f t="shared" si="9"/>
        <v>-2518.124997055359</v>
      </c>
      <c r="O160" s="597" t="str" cm="1">
        <f t="array" ref="O160">_xlfn.IFS(M160="N/A - New Scheme", "N/A", M160&gt;0, "Overall Cost Increased", M160=0, "No change", M160&lt;0, "Overall Cost Decreased")</f>
        <v>Overall Cost Increased</v>
      </c>
      <c r="P160" s="597" t="str" cm="1">
        <f t="array" ref="P160">_xlfn.IFS(N160="N/A - New Scheme", "N/A", N160&gt;0, "DBC Cost Increased", N160=0, "No change", N160&lt;0, "DBC Cost Decreased")</f>
        <v>DBC Cost Decreased</v>
      </c>
    </row>
    <row r="161" spans="2:16" ht="28.5" x14ac:dyDescent="0.2">
      <c r="B161" s="499" t="str">
        <v>TR165</v>
      </c>
      <c r="C161" s="499" t="str">
        <v>DBC IDP</v>
      </c>
      <c r="D161" s="499" t="str">
        <v>Transport</v>
      </c>
      <c r="E161" s="499" t="str">
        <v>Active Travel</v>
      </c>
      <c r="F161" s="499" t="str">
        <v>Durrants Hill Road cycle parking</v>
      </c>
      <c r="G161" s="499" t="str">
        <v>(SG28-4) Install cycle parking adjacent to the public toilets</v>
      </c>
      <c r="H161" s="1185">
        <v>797</v>
      </c>
      <c r="I161" s="1185">
        <v>325.59656065959956</v>
      </c>
      <c r="J161" s="1185">
        <v>0</v>
      </c>
      <c r="K161" s="1185">
        <f>IF(C161="DBC IDP", _xlfn.XLOOKUP(F161, '[3]DACORUM IDS'!$E:$E, '[3]DACORUM IDS'!$P:$P), "Manual Check")</f>
        <v>518.01749999999993</v>
      </c>
      <c r="L161" s="1185">
        <f>IF(C161="DBC IDP", _xlfn.XLOOKUP(F161, '[3]DACORUM IDS'!$E:$E, '[3]DACORUM IDS'!$CF:$CF), "N/A")</f>
        <v>0</v>
      </c>
      <c r="M161" s="1185">
        <f t="shared" si="8"/>
        <v>278.98250000000007</v>
      </c>
      <c r="N161" s="1185">
        <f t="shared" si="9"/>
        <v>-192.42093934040037</v>
      </c>
      <c r="O161" s="597" t="str" cm="1">
        <f t="array" ref="O161">_xlfn.IFS(M161="N/A - New Scheme", "N/A", M161&gt;0, "Overall Cost Increased", M161=0, "No change", M161&lt;0, "Overall Cost Decreased")</f>
        <v>Overall Cost Increased</v>
      </c>
      <c r="P161" s="597" t="str" cm="1">
        <f t="array" ref="P161">_xlfn.IFS(N161="N/A - New Scheme", "N/A", N161&gt;0, "DBC Cost Increased", N161=0, "No change", N161&lt;0, "DBC Cost Decreased")</f>
        <v>DBC Cost Decreased</v>
      </c>
    </row>
    <row r="162" spans="2:16" ht="42.75" x14ac:dyDescent="0.2">
      <c r="B162" s="499" t="str">
        <v>TR166</v>
      </c>
      <c r="C162" s="499" t="str">
        <v>DBC IDP</v>
      </c>
      <c r="D162" s="499" t="str">
        <v>Transport</v>
      </c>
      <c r="E162" s="499" t="str">
        <v>Active Travel</v>
      </c>
      <c r="F162" s="499" t="str">
        <v>A414 new crossing near to Wood Crescent/Wood Lane junctions</v>
      </c>
      <c r="G162" s="499" t="str">
        <v>(SG29-1) New parallel signal-controlled pedestrian/cycle crossing near to the Wood Crescent and Wood Lane junctions on the A414</v>
      </c>
      <c r="H162" s="1185">
        <v>922013</v>
      </c>
      <c r="I162" s="1185">
        <v>376667.83147232037</v>
      </c>
      <c r="J162" s="1185">
        <v>0</v>
      </c>
      <c r="K162" s="1185">
        <f>IF(C162="DBC IDP", _xlfn.XLOOKUP(F162, '[3]DACORUM IDS'!$E:$E, '[3]DACORUM IDS'!$P:$P), "Manual Check")</f>
        <v>599009.125</v>
      </c>
      <c r="L162" s="1185">
        <f>IF(C162="DBC IDP", _xlfn.XLOOKUP(F162, '[3]DACORUM IDS'!$E:$E, '[3]DACORUM IDS'!$CF:$CF), "N/A")</f>
        <v>0</v>
      </c>
      <c r="M162" s="1185">
        <f t="shared" si="8"/>
        <v>323003.875</v>
      </c>
      <c r="N162" s="1185">
        <f t="shared" si="9"/>
        <v>-222341.29352767963</v>
      </c>
      <c r="O162" s="597" t="str" cm="1">
        <f t="array" ref="O162">_xlfn.IFS(M162="N/A - New Scheme", "N/A", M162&gt;0, "Overall Cost Increased", M162=0, "No change", M162&lt;0, "Overall Cost Decreased")</f>
        <v>Overall Cost Increased</v>
      </c>
      <c r="P162" s="597" t="str" cm="1">
        <f t="array" ref="P162">_xlfn.IFS(N162="N/A - New Scheme", "N/A", N162&gt;0, "DBC Cost Increased", N162=0, "No change", N162&lt;0, "DBC Cost Decreased")</f>
        <v>DBC Cost Decreased</v>
      </c>
    </row>
    <row r="163" spans="2:16" ht="28.5" x14ac:dyDescent="0.2">
      <c r="B163" s="499" t="str">
        <v>TR167</v>
      </c>
      <c r="C163" s="499" t="str">
        <v>DBC IDP</v>
      </c>
      <c r="D163" s="499" t="str">
        <v>Transport</v>
      </c>
      <c r="E163" s="499" t="str">
        <v>Active Travel</v>
      </c>
      <c r="F163" s="499" t="str">
        <v>Wood Crescent-Runham Road-Deaconsfield Road Wayfinding Signage</v>
      </c>
      <c r="G163" s="499" t="str">
        <v>(SG29-2) Introduce wayfinding at key junction decision points</v>
      </c>
      <c r="H163" s="1185">
        <v>6961</v>
      </c>
      <c r="I163" s="1185">
        <v>2843.7611778563014</v>
      </c>
      <c r="J163" s="1185">
        <v>0</v>
      </c>
      <c r="K163" s="1185">
        <f>IF(C163="DBC IDP", _xlfn.XLOOKUP(F163, '[3]DACORUM IDS'!$E:$E, '[3]DACORUM IDS'!$P:$P), "Manual Check")</f>
        <v>4522.375</v>
      </c>
      <c r="L163" s="1185">
        <f>IF(C163="DBC IDP", _xlfn.XLOOKUP(F163, '[3]DACORUM IDS'!$E:$E, '[3]DACORUM IDS'!$CF:$CF), "N/A")</f>
        <v>0</v>
      </c>
      <c r="M163" s="1185">
        <f t="shared" si="8"/>
        <v>2438.625</v>
      </c>
      <c r="N163" s="1185">
        <f t="shared" si="9"/>
        <v>-1678.6138221436986</v>
      </c>
      <c r="O163" s="597" t="str" cm="1">
        <f t="array" ref="O163">_xlfn.IFS(M163="N/A - New Scheme", "N/A", M163&gt;0, "Overall Cost Increased", M163=0, "No change", M163&lt;0, "Overall Cost Decreased")</f>
        <v>Overall Cost Increased</v>
      </c>
      <c r="P163" s="597" t="str" cm="1">
        <f t="array" ref="P163">_xlfn.IFS(N163="N/A - New Scheme", "N/A", N163&gt;0, "DBC Cost Increased", N163=0, "No change", N163&lt;0, "DBC Cost Decreased")</f>
        <v>DBC Cost Decreased</v>
      </c>
    </row>
    <row r="164" spans="2:16" ht="128.25" x14ac:dyDescent="0.2">
      <c r="B164" s="499" t="str">
        <v>TR168</v>
      </c>
      <c r="C164" s="499" t="str">
        <v>DBC IDP</v>
      </c>
      <c r="D164" s="499" t="str">
        <v>Transport</v>
      </c>
      <c r="E164" s="499" t="str">
        <v>Active Travel</v>
      </c>
      <c r="F164" s="499" t="str">
        <v>Leys Road cycle route</v>
      </c>
      <c r="G164" s="499" t="str">
        <v xml:space="preserve">(SG30-1) Introduce offroad shared use cycle and footway utilising existing wide footway on the western/northern side of the road between the junction with St Albans Hill and Bennetts Gate shopping parade. Removal of some grass verge to create sufficient width and use of bollards or markings to discourage pavement parking. Include Copenhagen crossings on Lime Walk, Long John, Howe Road and Kimps Way </v>
      </c>
      <c r="H164" s="1185">
        <v>1983442</v>
      </c>
      <c r="I164" s="1185">
        <v>810290.957926973</v>
      </c>
      <c r="J164" s="1185">
        <v>0</v>
      </c>
      <c r="K164" s="1185">
        <f>IF(C164="DBC IDP", _xlfn.XLOOKUP(F164, '[3]DACORUM IDS'!$E:$E, '[3]DACORUM IDS'!$P:$P), "Manual Check")</f>
        <v>1288592.9931874999</v>
      </c>
      <c r="L164" s="1185">
        <f>IF(C164="DBC IDP", _xlfn.XLOOKUP(F164, '[3]DACORUM IDS'!$E:$E, '[3]DACORUM IDS'!$CF:$CF), "N/A")</f>
        <v>0</v>
      </c>
      <c r="M164" s="1185">
        <f t="shared" si="8"/>
        <v>694849.00681250007</v>
      </c>
      <c r="N164" s="1185">
        <f t="shared" si="9"/>
        <v>-478302.03526052693</v>
      </c>
      <c r="O164" s="597" t="str" cm="1">
        <f t="array" ref="O164">_xlfn.IFS(M164="N/A - New Scheme", "N/A", M164&gt;0, "Overall Cost Increased", M164=0, "No change", M164&lt;0, "Overall Cost Decreased")</f>
        <v>Overall Cost Increased</v>
      </c>
      <c r="P164" s="597" t="str" cm="1">
        <f t="array" ref="P164">_xlfn.IFS(N164="N/A - New Scheme", "N/A", N164&gt;0, "DBC Cost Increased", N164=0, "No change", N164&lt;0, "DBC Cost Decreased")</f>
        <v>DBC Cost Decreased</v>
      </c>
    </row>
    <row r="165" spans="2:16" ht="57" x14ac:dyDescent="0.2">
      <c r="B165" s="499" t="str">
        <v>TR169</v>
      </c>
      <c r="C165" s="499" t="str">
        <v>DBC IDP</v>
      </c>
      <c r="D165" s="499" t="str">
        <v>Transport</v>
      </c>
      <c r="E165" s="499" t="str">
        <v>Active Travel</v>
      </c>
      <c r="F165" s="499" t="str">
        <v>Leys Road-Pescroft junction reconfiguration and parallel crossing</v>
      </c>
      <c r="G165" s="499" t="str">
        <v xml:space="preserve">(SG30-2) Provide a parallel pedestrian cycle zebra crossing on the Peascroft arm of the Leys Road mini roundabout. Convert Mini roundabout priority T-junction layout. </v>
      </c>
      <c r="H165" s="1185">
        <v>234142</v>
      </c>
      <c r="I165" s="1185">
        <v>95653.487962308602</v>
      </c>
      <c r="J165" s="1185">
        <v>0</v>
      </c>
      <c r="K165" s="1185">
        <f>IF(C165="DBC IDP", _xlfn.XLOOKUP(F165, '[3]DACORUM IDS'!$E:$E, '[3]DACORUM IDS'!$P:$P), "Manual Check")</f>
        <v>152116.25</v>
      </c>
      <c r="L165" s="1185">
        <f>IF(C165="DBC IDP", _xlfn.XLOOKUP(F165, '[3]DACORUM IDS'!$E:$E, '[3]DACORUM IDS'!$CF:$CF), "N/A")</f>
        <v>0</v>
      </c>
      <c r="M165" s="1185">
        <f t="shared" si="8"/>
        <v>82025.75</v>
      </c>
      <c r="N165" s="1185">
        <f t="shared" si="9"/>
        <v>-56462.762037691398</v>
      </c>
      <c r="O165" s="597" t="str" cm="1">
        <f t="array" ref="O165">_xlfn.IFS(M165="N/A - New Scheme", "N/A", M165&gt;0, "Overall Cost Increased", M165=0, "No change", M165&lt;0, "Overall Cost Decreased")</f>
        <v>Overall Cost Increased</v>
      </c>
      <c r="P165" s="597" t="str" cm="1">
        <f t="array" ref="P165">_xlfn.IFS(N165="N/A - New Scheme", "N/A", N165&gt;0, "DBC Cost Increased", N165=0, "No change", N165&lt;0, "DBC Cost Decreased")</f>
        <v>DBC Cost Decreased</v>
      </c>
    </row>
    <row r="166" spans="2:16" ht="142.5" x14ac:dyDescent="0.2">
      <c r="B166" s="499" t="str">
        <v>TR170</v>
      </c>
      <c r="C166" s="499" t="str">
        <v>DBC IDP</v>
      </c>
      <c r="D166" s="499" t="str">
        <v>Transport</v>
      </c>
      <c r="E166" s="499" t="str">
        <v>Active Travel</v>
      </c>
      <c r="F166" s="499" t="str">
        <v>Lime Walk park desire line shared use path</v>
      </c>
      <c r="G166" s="499" t="str">
        <v>(SG30-3) Formalise the desire lane path crossing Lime Walk park between Leys Road and St Albans Hill to provide a shared use path. Install widened uncontrolled crossing with tactile paving onto St Albans Hill. Provide steps, handrail and wheeling channel at the western end of the path leading down onto St Albans Hill, and signs indicating for cyclists to dismount on approach to the steps. Provide a short shared-use path linking St Albans Hill and Wheelers Road to link into the improved crossing</v>
      </c>
      <c r="H166" s="1185">
        <v>341774</v>
      </c>
      <c r="I166" s="1185">
        <v>139624.13917550058</v>
      </c>
      <c r="J166" s="1185">
        <v>0</v>
      </c>
      <c r="K166" s="1185">
        <f>IF(C166="DBC IDP", _xlfn.XLOOKUP(F166, '[3]DACORUM IDS'!$E:$E, '[3]DACORUM IDS'!$P:$P), "Manual Check")</f>
        <v>222042.16606000002</v>
      </c>
      <c r="L166" s="1185">
        <f>IF(C166="DBC IDP", _xlfn.XLOOKUP(F166, '[3]DACORUM IDS'!$E:$E, '[3]DACORUM IDS'!$CF:$CF), "N/A")</f>
        <v>0</v>
      </c>
      <c r="M166" s="1185">
        <f t="shared" ref="M166:M197" si="10">IF(ISNUMBER(K166),H166-K166-IF(ISNUMBER(L166), L166, 0), "N/A - New Scheme")</f>
        <v>119731.83393999998</v>
      </c>
      <c r="N166" s="1185">
        <f t="shared" ref="N166:N197" si="11">IF(ISNUMBER(K166), I166-K166, "N/A - New Scheme")</f>
        <v>-82418.026884499443</v>
      </c>
      <c r="O166" s="597" t="str" cm="1">
        <f t="array" ref="O166">_xlfn.IFS(M166="N/A - New Scheme", "N/A", M166&gt;0, "Overall Cost Increased", M166=0, "No change", M166&lt;0, "Overall Cost Decreased")</f>
        <v>Overall Cost Increased</v>
      </c>
      <c r="P166" s="597" t="str" cm="1">
        <f t="array" ref="P166">_xlfn.IFS(N166="N/A - New Scheme", "N/A", N166&gt;0, "DBC Cost Increased", N166=0, "No change", N166&lt;0, "DBC Cost Decreased")</f>
        <v>DBC Cost Decreased</v>
      </c>
    </row>
    <row r="167" spans="2:16" ht="28.5" x14ac:dyDescent="0.2">
      <c r="B167" s="499" t="str">
        <v>TR171</v>
      </c>
      <c r="C167" s="499" t="str">
        <v>DBC IDP</v>
      </c>
      <c r="D167" s="499" t="str">
        <v>Transport</v>
      </c>
      <c r="E167" s="499" t="str">
        <v>Active Travel</v>
      </c>
      <c r="F167" s="499" t="str">
        <v>Lime Walk park Wayfinding Signage</v>
      </c>
      <c r="G167" s="499" t="str">
        <v>(SG30-4) Introduce Wayfinding signage at both ends of Lime Walk park path</v>
      </c>
      <c r="H167" s="1185">
        <v>6961</v>
      </c>
      <c r="I167" s="1185">
        <v>2843.7611778563014</v>
      </c>
      <c r="J167" s="1185">
        <v>0</v>
      </c>
      <c r="K167" s="1185" t="s">
        <v>1395</v>
      </c>
      <c r="L167" s="1185" t="s">
        <v>1395</v>
      </c>
      <c r="M167" s="1185" t="str">
        <f t="shared" si="10"/>
        <v>N/A - New Scheme</v>
      </c>
      <c r="N167" s="1185" t="str">
        <f t="shared" si="11"/>
        <v>N/A - New Scheme</v>
      </c>
      <c r="O167" s="597" t="str" cm="1">
        <f t="array" ref="O167">_xlfn.IFS(M167="N/A - New Scheme", "N/A", M167&gt;0, "Overall Cost Increased", M167=0, "No change", M167&lt;0, "Overall Cost Decreased")</f>
        <v>N/A</v>
      </c>
      <c r="P167" s="597" t="str" cm="1">
        <f t="array" ref="P167">_xlfn.IFS(N167="N/A - New Scheme", "N/A", N167&gt;0, "DBC Cost Increased", N167=0, "No change", N167&lt;0, "DBC Cost Decreased")</f>
        <v>N/A</v>
      </c>
    </row>
    <row r="168" spans="2:16" ht="28.5" x14ac:dyDescent="0.2">
      <c r="B168" s="499" t="str">
        <v>TR172</v>
      </c>
      <c r="C168" s="499" t="str">
        <v>DBC IDP</v>
      </c>
      <c r="D168" s="499" t="str">
        <v>Transport</v>
      </c>
      <c r="E168" s="499" t="str">
        <v>Active Travel</v>
      </c>
      <c r="F168" s="499" t="str">
        <v>Lime Walk park cycle parking</v>
      </c>
      <c r="G168" s="499" t="str">
        <v xml:space="preserve">(SG30-5) Introduce cycle parking at the south-eastern corner of Lime Walk park </v>
      </c>
      <c r="H168" s="1185">
        <v>598</v>
      </c>
      <c r="I168" s="1185">
        <v>244.29955241460542</v>
      </c>
      <c r="J168" s="1185">
        <v>0</v>
      </c>
      <c r="K168" s="1185" t="s">
        <v>1395</v>
      </c>
      <c r="L168" s="1185" t="s">
        <v>1395</v>
      </c>
      <c r="M168" s="1185" t="str">
        <f t="shared" si="10"/>
        <v>N/A - New Scheme</v>
      </c>
      <c r="N168" s="1185" t="str">
        <f t="shared" si="11"/>
        <v>N/A - New Scheme</v>
      </c>
      <c r="O168" s="597" t="str" cm="1">
        <f t="array" ref="O168">_xlfn.IFS(M168="N/A - New Scheme", "N/A", M168&gt;0, "Overall Cost Increased", M168=0, "No change", M168&lt;0, "Overall Cost Decreased")</f>
        <v>N/A</v>
      </c>
      <c r="P168" s="597" t="str" cm="1">
        <f t="array" ref="P168">_xlfn.IFS(N168="N/A - New Scheme", "N/A", N168&gt;0, "DBC Cost Increased", N168=0, "No change", N168&lt;0, "DBC Cost Decreased")</f>
        <v>N/A</v>
      </c>
    </row>
    <row r="169" spans="2:16" ht="57" x14ac:dyDescent="0.2">
      <c r="B169" s="499" t="str">
        <v>TR173</v>
      </c>
      <c r="C169" s="499" t="str">
        <v>DBC IDP</v>
      </c>
      <c r="D169" s="499" t="str">
        <v>Transport</v>
      </c>
      <c r="E169" s="499" t="str">
        <v>Active Travel</v>
      </c>
      <c r="F169" s="499" t="str">
        <v>St Albans Hill Zebra Crossing by Dacorum Athletics Track</v>
      </c>
      <c r="G169" s="499" t="str">
        <v>(SG31-1) New zebra crossing on St Albans Hill adjacent Dacorum Athletics Track. Placed on raised speed table leading to playground to follow the desire line.</v>
      </c>
      <c r="H169" s="1185">
        <v>199337</v>
      </c>
      <c r="I169" s="1185">
        <v>81434.682073027099</v>
      </c>
      <c r="J169" s="1185">
        <v>0</v>
      </c>
      <c r="K169" s="1185">
        <f>IF(C169="DBC IDP", _xlfn.XLOOKUP(F169, '[3]DACORUM IDS'!$E:$E, '[3]DACORUM IDS'!$P:$P), "Manual Check")</f>
        <v>129504.375</v>
      </c>
      <c r="L169" s="1185">
        <f>IF(C169="DBC IDP", _xlfn.XLOOKUP(F169, '[3]DACORUM IDS'!$E:$E, '[3]DACORUM IDS'!$CF:$CF), "N/A")</f>
        <v>0</v>
      </c>
      <c r="M169" s="1185">
        <f t="shared" si="10"/>
        <v>69832.625</v>
      </c>
      <c r="N169" s="1185">
        <f t="shared" si="11"/>
        <v>-48069.692926972901</v>
      </c>
      <c r="O169" s="597" t="str" cm="1">
        <f t="array" ref="O169">_xlfn.IFS(M169="N/A - New Scheme", "N/A", M169&gt;0, "Overall Cost Increased", M169=0, "No change", M169&lt;0, "Overall Cost Decreased")</f>
        <v>Overall Cost Increased</v>
      </c>
      <c r="P169" s="597" t="str" cm="1">
        <f t="array" ref="P169">_xlfn.IFS(N169="N/A - New Scheme", "N/A", N169&gt;0, "DBC Cost Increased", N169=0, "No change", N169&lt;0, "DBC Cost Decreased")</f>
        <v>DBC Cost Decreased</v>
      </c>
    </row>
    <row r="170" spans="2:16" ht="42.75" x14ac:dyDescent="0.2">
      <c r="B170" s="499" t="str">
        <v>TR174</v>
      </c>
      <c r="C170" s="499" t="str">
        <v>DBC IDP</v>
      </c>
      <c r="D170" s="499" t="str">
        <v>Transport</v>
      </c>
      <c r="E170" s="499" t="str">
        <v>Active Travel</v>
      </c>
      <c r="F170" s="499" t="str">
        <v>St Albans Hill - Bennetts End Road pedestrian crossing improvement</v>
      </c>
      <c r="G170" s="499" t="str">
        <v>(SG31-2) Tighten kerb radii/ reduce crossing width and improve pedestrian and cycling crossing with widened refuge islands</v>
      </c>
      <c r="H170" s="1185">
        <v>110163</v>
      </c>
      <c r="I170" s="1185">
        <v>45004.634770318022</v>
      </c>
      <c r="J170" s="1185">
        <v>0</v>
      </c>
      <c r="K170" s="1185">
        <f>IF(C170="DBC IDP", _xlfn.XLOOKUP(F170, '[3]DACORUM IDS'!$E:$E, '[3]DACORUM IDS'!$P:$P), "Manual Check")</f>
        <v>71570.416060000003</v>
      </c>
      <c r="L170" s="1185">
        <f>IF(C170="DBC IDP", _xlfn.XLOOKUP(F170, '[3]DACORUM IDS'!$E:$E, '[3]DACORUM IDS'!$CF:$CF), "N/A")</f>
        <v>0</v>
      </c>
      <c r="M170" s="1185">
        <f t="shared" si="10"/>
        <v>38592.583939999997</v>
      </c>
      <c r="N170" s="1185">
        <f t="shared" si="11"/>
        <v>-26565.781289681981</v>
      </c>
      <c r="O170" s="597" t="str" cm="1">
        <f t="array" ref="O170">_xlfn.IFS(M170="N/A - New Scheme", "N/A", M170&gt;0, "Overall Cost Increased", M170=0, "No change", M170&lt;0, "Overall Cost Decreased")</f>
        <v>Overall Cost Increased</v>
      </c>
      <c r="P170" s="597" t="str" cm="1">
        <f t="array" ref="P170">_xlfn.IFS(N170="N/A - New Scheme", "N/A", N170&gt;0, "DBC Cost Increased", N170=0, "No change", N170&lt;0, "DBC Cost Decreased")</f>
        <v>DBC Cost Decreased</v>
      </c>
    </row>
    <row r="171" spans="2:16" ht="114" x14ac:dyDescent="0.2">
      <c r="B171" s="499" t="str">
        <v>TR175</v>
      </c>
      <c r="C171" s="499" t="str">
        <v>DBC IDP</v>
      </c>
      <c r="D171" s="499" t="str">
        <v>Transport</v>
      </c>
      <c r="E171" s="499" t="str">
        <v>Active Travel</v>
      </c>
      <c r="F171" s="499" t="str">
        <v>Bennetts End Road cycle route</v>
      </c>
      <c r="G171" s="499" t="str">
        <v xml:space="preserve">(SG31-3) New off-road shared use cycle and footway along the eastern side of Bennetts End Road between the A414 and Peascroft Road. Incorporating Copenhagen crossings on side arm junctions with Gammon Close, Belsize Road, Acorn Road, Rant Meadow and Goldcoft. Also convert the existing zebra crossing adjacent to the Bennetts Gate shopping parade to a parallel zebra crossing. </v>
      </c>
      <c r="H171" s="1185">
        <v>643137</v>
      </c>
      <c r="I171" s="1185">
        <v>262739.26628975268</v>
      </c>
      <c r="J171" s="1185">
        <v>0</v>
      </c>
      <c r="K171" s="1185">
        <f>IF(C171="DBC IDP", _xlfn.XLOOKUP(F171, '[3]DACORUM IDS'!$E:$E, '[3]DACORUM IDS'!$P:$P), "Manual Check")</f>
        <v>417830.03762499994</v>
      </c>
      <c r="L171" s="1185">
        <f>IF(C171="DBC IDP", _xlfn.XLOOKUP(F171, '[3]DACORUM IDS'!$E:$E, '[3]DACORUM IDS'!$CF:$CF), "N/A")</f>
        <v>0</v>
      </c>
      <c r="M171" s="1185">
        <f t="shared" si="10"/>
        <v>225306.96237500006</v>
      </c>
      <c r="N171" s="1185">
        <f t="shared" si="11"/>
        <v>-155090.77133524726</v>
      </c>
      <c r="O171" s="597" t="str" cm="1">
        <f t="array" ref="O171">_xlfn.IFS(M171="N/A - New Scheme", "N/A", M171&gt;0, "Overall Cost Increased", M171=0, "No change", M171&lt;0, "Overall Cost Decreased")</f>
        <v>Overall Cost Increased</v>
      </c>
      <c r="P171" s="597" t="str" cm="1">
        <f t="array" ref="P171">_xlfn.IFS(N171="N/A - New Scheme", "N/A", N171&gt;0, "DBC Cost Increased", N171=0, "No change", N171&lt;0, "DBC Cost Decreased")</f>
        <v>DBC Cost Decreased</v>
      </c>
    </row>
    <row r="172" spans="2:16" x14ac:dyDescent="0.2">
      <c r="B172" s="499" t="str">
        <v>TR176</v>
      </c>
      <c r="C172" s="499" t="str">
        <v>DBC IDP</v>
      </c>
      <c r="D172" s="499" t="str">
        <v>Transport</v>
      </c>
      <c r="E172" s="499" t="str">
        <v>Active Travel</v>
      </c>
      <c r="F172" s="499" t="str">
        <v>Bennetts End Road Wayfinding signage</v>
      </c>
      <c r="G172" s="499" t="str">
        <v>(SG31-4) Introduce wayfinding and signage</v>
      </c>
      <c r="H172" s="1185">
        <v>3480</v>
      </c>
      <c r="I172" s="1185">
        <v>1421.6763250883391</v>
      </c>
      <c r="J172" s="1185">
        <v>0</v>
      </c>
      <c r="K172" s="1185">
        <f>IF(C172="DBC IDP", _xlfn.XLOOKUP(F172, '[3]DACORUM IDS'!$E:$E, '[3]DACORUM IDS'!$P:$P), "Manual Check")</f>
        <v>2261.1875</v>
      </c>
      <c r="L172" s="1185">
        <f>IF(C172="DBC IDP", _xlfn.XLOOKUP(F172, '[3]DACORUM IDS'!$E:$E, '[3]DACORUM IDS'!$CF:$CF), "N/A")</f>
        <v>0</v>
      </c>
      <c r="M172" s="1185">
        <f t="shared" si="10"/>
        <v>1218.8125</v>
      </c>
      <c r="N172" s="1185">
        <f t="shared" si="11"/>
        <v>-839.51117491166087</v>
      </c>
      <c r="O172" s="597" t="str" cm="1">
        <f t="array" ref="O172">_xlfn.IFS(M172="N/A - New Scheme", "N/A", M172&gt;0, "Overall Cost Increased", M172=0, "No change", M172&lt;0, "Overall Cost Decreased")</f>
        <v>Overall Cost Increased</v>
      </c>
      <c r="P172" s="597" t="str" cm="1">
        <f t="array" ref="P172">_xlfn.IFS(N172="N/A - New Scheme", "N/A", N172&gt;0, "DBC Cost Increased", N172=0, "No change", N172&lt;0, "DBC Cost Decreased")</f>
        <v>DBC Cost Decreased</v>
      </c>
    </row>
    <row r="173" spans="2:16" ht="28.5" x14ac:dyDescent="0.2">
      <c r="B173" s="499" t="str">
        <v>TR177</v>
      </c>
      <c r="C173" s="499" t="str">
        <v>DBC IDP</v>
      </c>
      <c r="D173" s="499" t="str">
        <v>Transport</v>
      </c>
      <c r="E173" s="499" t="str">
        <v>Active Travel</v>
      </c>
      <c r="F173" s="499" t="str">
        <v>Cycle parking at Snow Centre</v>
      </c>
      <c r="G173" s="499" t="str">
        <v>(SG31-5) Introduce cycle parking at the Snow Centre along St Albans Hill</v>
      </c>
      <c r="H173" s="1185">
        <v>797</v>
      </c>
      <c r="I173" s="1185">
        <v>325.59656065959956</v>
      </c>
      <c r="J173" s="1185">
        <v>0</v>
      </c>
      <c r="K173" s="1185">
        <f>IF(C173="DBC IDP", _xlfn.XLOOKUP(F173, '[3]DACORUM IDS'!$E:$E, '[3]DACORUM IDS'!$P:$P), "Manual Check")</f>
        <v>518.01749999999993</v>
      </c>
      <c r="L173" s="1185">
        <f>IF(C173="DBC IDP", _xlfn.XLOOKUP(F173, '[3]DACORUM IDS'!$E:$E, '[3]DACORUM IDS'!$CF:$CF), "N/A")</f>
        <v>0</v>
      </c>
      <c r="M173" s="1185">
        <f t="shared" si="10"/>
        <v>278.98250000000007</v>
      </c>
      <c r="N173" s="1185">
        <f t="shared" si="11"/>
        <v>-192.42093934040037</v>
      </c>
      <c r="O173" s="597" t="str" cm="1">
        <f t="array" ref="O173">_xlfn.IFS(M173="N/A - New Scheme", "N/A", M173&gt;0, "Overall Cost Increased", M173=0, "No change", M173&lt;0, "Overall Cost Decreased")</f>
        <v>Overall Cost Increased</v>
      </c>
      <c r="P173" s="597" t="str" cm="1">
        <f t="array" ref="P173">_xlfn.IFS(N173="N/A - New Scheme", "N/A", N173&gt;0, "DBC Cost Increased", N173=0, "No change", N173&lt;0, "DBC Cost Decreased")</f>
        <v>DBC Cost Decreased</v>
      </c>
    </row>
    <row r="174" spans="2:16" ht="42.75" x14ac:dyDescent="0.2">
      <c r="B174" s="499" t="str">
        <v>TR178</v>
      </c>
      <c r="C174" s="499" t="str">
        <v>DBC IDP</v>
      </c>
      <c r="D174" s="499" t="str">
        <v>Transport</v>
      </c>
      <c r="E174" s="499" t="str">
        <v>Active Travel</v>
      </c>
      <c r="F174" s="499" t="str">
        <v>Pedestrian crossing improvements on side arms along White Hart Road and Windmill Road</v>
      </c>
      <c r="G174" s="499" t="str">
        <v>(SG32-1) Tactile paving at side arm junctions - Eastwick Row, White Hart Drive, Windmill Road, Abel Close and Homefield Road</v>
      </c>
      <c r="H174" s="1185">
        <v>7445</v>
      </c>
      <c r="I174" s="1185">
        <v>3041.4885747938752</v>
      </c>
      <c r="J174" s="1185">
        <v>0</v>
      </c>
      <c r="K174" s="1185">
        <f>IF(C174="DBC IDP", _xlfn.XLOOKUP(F174, '[3]DACORUM IDS'!$E:$E, '[3]DACORUM IDS'!$P:$P), "Manual Check")</f>
        <v>4836.6060599999992</v>
      </c>
      <c r="L174" s="1185">
        <f>IF(C174="DBC IDP", _xlfn.XLOOKUP(F174, '[3]DACORUM IDS'!$E:$E, '[3]DACORUM IDS'!$CF:$CF), "N/A")</f>
        <v>0</v>
      </c>
      <c r="M174" s="1185">
        <f t="shared" si="10"/>
        <v>2608.3939400000008</v>
      </c>
      <c r="N174" s="1185">
        <f t="shared" si="11"/>
        <v>-1795.117485206124</v>
      </c>
      <c r="O174" s="597" t="str" cm="1">
        <f t="array" ref="O174">_xlfn.IFS(M174="N/A - New Scheme", "N/A", M174&gt;0, "Overall Cost Increased", M174=0, "No change", M174&lt;0, "Overall Cost Decreased")</f>
        <v>Overall Cost Increased</v>
      </c>
      <c r="P174" s="597" t="str" cm="1">
        <f t="array" ref="P174">_xlfn.IFS(N174="N/A - New Scheme", "N/A", N174&gt;0, "DBC Cost Increased", N174=0, "No change", N174&lt;0, "DBC Cost Decreased")</f>
        <v>DBC Cost Decreased</v>
      </c>
    </row>
    <row r="175" spans="2:16" ht="28.5" x14ac:dyDescent="0.2">
      <c r="B175" s="499" t="str">
        <v>TR179</v>
      </c>
      <c r="C175" s="499" t="str">
        <v>DBC IDP</v>
      </c>
      <c r="D175" s="499" t="str">
        <v>Transport</v>
      </c>
      <c r="E175" s="499" t="str">
        <v>Active Travel</v>
      </c>
      <c r="F175" s="499" t="str">
        <v>White Hart Road-Windmill Road Wayfinding signage</v>
      </c>
      <c r="G175" s="499" t="str">
        <v>(SG32-3) Improve signage and wayfinding</v>
      </c>
      <c r="H175" s="1185">
        <v>10441</v>
      </c>
      <c r="I175" s="1185">
        <v>4265.437502944641</v>
      </c>
      <c r="J175" s="1185">
        <v>0</v>
      </c>
      <c r="K175" s="1185">
        <f>IF(C175="DBC IDP", _xlfn.XLOOKUP(F175, '[3]DACORUM IDS'!$E:$E, '[3]DACORUM IDS'!$P:$P), "Manual Check")</f>
        <v>6783.5625</v>
      </c>
      <c r="L175" s="1185">
        <f>IF(C175="DBC IDP", _xlfn.XLOOKUP(F175, '[3]DACORUM IDS'!$E:$E, '[3]DACORUM IDS'!$CF:$CF), "N/A")</f>
        <v>0</v>
      </c>
      <c r="M175" s="1185">
        <f t="shared" si="10"/>
        <v>3657.4375</v>
      </c>
      <c r="N175" s="1185">
        <f t="shared" si="11"/>
        <v>-2518.124997055359</v>
      </c>
      <c r="O175" s="597" t="str" cm="1">
        <f t="array" ref="O175">_xlfn.IFS(M175="N/A - New Scheme", "N/A", M175&gt;0, "Overall Cost Increased", M175=0, "No change", M175&lt;0, "Overall Cost Decreased")</f>
        <v>Overall Cost Increased</v>
      </c>
      <c r="P175" s="597" t="str" cm="1">
        <f t="array" ref="P175">_xlfn.IFS(N175="N/A - New Scheme", "N/A", N175&gt;0, "DBC Cost Increased", N175=0, "No change", N175&lt;0, "DBC Cost Decreased")</f>
        <v>DBC Cost Decreased</v>
      </c>
    </row>
    <row r="176" spans="2:16" ht="42.75" x14ac:dyDescent="0.2">
      <c r="B176" s="499" t="str">
        <v>TR180</v>
      </c>
      <c r="C176" s="499" t="str">
        <v>DBC IDP</v>
      </c>
      <c r="D176" s="499" t="str">
        <v>Transport</v>
      </c>
      <c r="E176" s="499" t="str">
        <v>Active Travel</v>
      </c>
      <c r="F176" s="499" t="str">
        <v>White Hart Road signal-controlled crossing north of A414</v>
      </c>
      <c r="G176" s="499" t="str">
        <v xml:space="preserve">(SG32-3) Signal controlled crossing on White Hart Road north of the A414 roundabout. Include localised widening of the footway on the western side </v>
      </c>
      <c r="H176" s="1185">
        <v>387284</v>
      </c>
      <c r="I176" s="1185">
        <v>158216.23387514724</v>
      </c>
      <c r="J176" s="1185">
        <v>0</v>
      </c>
      <c r="K176" s="1185">
        <f>IF(C176="DBC IDP", _xlfn.XLOOKUP(F176, '[3]DACORUM IDS'!$E:$E, '[3]DACORUM IDS'!$P:$P), "Manual Check")</f>
        <v>251608.5</v>
      </c>
      <c r="L176" s="1185">
        <f>IF(C176="DBC IDP", _xlfn.XLOOKUP(F176, '[3]DACORUM IDS'!$E:$E, '[3]DACORUM IDS'!$CF:$CF), "N/A")</f>
        <v>0</v>
      </c>
      <c r="M176" s="1185">
        <f t="shared" si="10"/>
        <v>135675.5</v>
      </c>
      <c r="N176" s="1185">
        <f t="shared" si="11"/>
        <v>-93392.266124852758</v>
      </c>
      <c r="O176" s="597" t="str" cm="1">
        <f t="array" ref="O176">_xlfn.IFS(M176="N/A - New Scheme", "N/A", M176&gt;0, "Overall Cost Increased", M176=0, "No change", M176&lt;0, "Overall Cost Decreased")</f>
        <v>Overall Cost Increased</v>
      </c>
      <c r="P176" s="597" t="str" cm="1">
        <f t="array" ref="P176">_xlfn.IFS(N176="N/A - New Scheme", "N/A", N176&gt;0, "DBC Cost Increased", N176=0, "No change", N176&lt;0, "DBC Cost Decreased")</f>
        <v>DBC Cost Decreased</v>
      </c>
    </row>
    <row r="177" spans="2:16" ht="85.5" x14ac:dyDescent="0.2">
      <c r="B177" s="499" t="str">
        <v>TR181</v>
      </c>
      <c r="C177" s="499" t="str">
        <v>DBC IDP</v>
      </c>
      <c r="D177" s="499" t="str">
        <v>Transport</v>
      </c>
      <c r="E177" s="499" t="str">
        <v>Active Travel</v>
      </c>
      <c r="F177" s="499" t="str">
        <v>Redbourn Road-Swallowdale Lane Roundabout reconfiguration including improved crossings</v>
      </c>
      <c r="G177" s="499" t="str">
        <v>(SG33-1) Reconfiguration of the Redbourn Road-Swallowdale Lane-High Street Green-Queensway roundabout - removing the left turn filters and building out the verges to reducing crossing distances. Installing Toucan crossings on the eastern and southern arms of the junction.</v>
      </c>
      <c r="H177" s="1185">
        <v>1692649</v>
      </c>
      <c r="I177" s="1185">
        <v>582184.70788294449</v>
      </c>
      <c r="J177" s="1185">
        <v>0</v>
      </c>
      <c r="K177" s="1185" t="s">
        <v>1395</v>
      </c>
      <c r="L177" s="1185" t="s">
        <v>1395</v>
      </c>
      <c r="M177" s="1185" t="str">
        <f t="shared" si="10"/>
        <v>N/A - New Scheme</v>
      </c>
      <c r="N177" s="1185" t="str">
        <f t="shared" si="11"/>
        <v>N/A - New Scheme</v>
      </c>
      <c r="O177" s="597" t="str" cm="1">
        <f t="array" ref="O177">_xlfn.IFS(M177="N/A - New Scheme", "N/A", M177&gt;0, "Overall Cost Increased", M177=0, "No change", M177&lt;0, "Overall Cost Decreased")</f>
        <v>N/A</v>
      </c>
      <c r="P177" s="597" t="str" cm="1">
        <f t="array" ref="P177">_xlfn.IFS(N177="N/A - New Scheme", "N/A", N177&gt;0, "DBC Cost Increased", N177=0, "No change", N177&lt;0, "DBC Cost Decreased")</f>
        <v>N/A</v>
      </c>
    </row>
    <row r="178" spans="2:16" ht="28.5" x14ac:dyDescent="0.2">
      <c r="B178" s="499" t="str">
        <v>TR182</v>
      </c>
      <c r="C178" s="499" t="str">
        <v>DBC IDP</v>
      </c>
      <c r="D178" s="499" t="str">
        <v>Transport</v>
      </c>
      <c r="E178" s="499" t="str">
        <v>Active Travel</v>
      </c>
      <c r="F178" s="499" t="str">
        <v>Additional Wayfinding Signage on Redbourn Road</v>
      </c>
      <c r="G178" s="499" t="str">
        <v>(SG33-2) Implement wayfinding at start/end of segment</v>
      </c>
      <c r="H178" s="1185">
        <v>6961</v>
      </c>
      <c r="I178" s="1185">
        <v>2334.790238836968</v>
      </c>
      <c r="J178" s="1185">
        <v>0</v>
      </c>
      <c r="K178" s="1185">
        <f>IF(C178="DBC IDP", _xlfn.XLOOKUP(F178, '[3]DACORUM IDS'!$E:$E, '[3]DACORUM IDS'!$P:$P), "Manual Check")</f>
        <v>4522.375</v>
      </c>
      <c r="L178" s="1185" t="str">
        <f>IF(C178="DBC IDP", _xlfn.XLOOKUP(F178, '[3]DACORUM IDS'!$E:$E, '[3]DACORUM IDS'!$CF:$CF), "N/A")</f>
        <v/>
      </c>
      <c r="M178" s="1185">
        <f t="shared" si="10"/>
        <v>2438.625</v>
      </c>
      <c r="N178" s="1185">
        <f t="shared" si="11"/>
        <v>-2187.584761163032</v>
      </c>
      <c r="O178" s="597" t="str" cm="1">
        <f t="array" ref="O178">_xlfn.IFS(M178="N/A - New Scheme", "N/A", M178&gt;0, "Overall Cost Increased", M178=0, "No change", M178&lt;0, "Overall Cost Decreased")</f>
        <v>Overall Cost Increased</v>
      </c>
      <c r="P178" s="597" t="str" cm="1">
        <f t="array" ref="P178">_xlfn.IFS(N178="N/A - New Scheme", "N/A", N178&gt;0, "DBC Cost Increased", N178=0, "No change", N178&lt;0, "DBC Cost Decreased")</f>
        <v>DBC Cost Decreased</v>
      </c>
    </row>
    <row r="179" spans="2:16" ht="57" x14ac:dyDescent="0.2">
      <c r="B179" s="499" t="str">
        <v>TR183</v>
      </c>
      <c r="C179" s="499" t="str">
        <v>DBC IDP</v>
      </c>
      <c r="D179" s="499" t="str">
        <v>Transport</v>
      </c>
      <c r="E179" s="499" t="str">
        <v>Active Travel</v>
      </c>
      <c r="F179" s="499" t="str">
        <v>Toucan Crossings on Swallowdale Lane</v>
      </c>
      <c r="G179" s="499" t="str">
        <v>(SG34-1) Install Toucan crossings on Swallowdale Road between a) Eastman Way and Maxted Road, and b) between Maxted Road and Three Cherry Trees Lane</v>
      </c>
      <c r="H179" s="1185">
        <v>885943</v>
      </c>
      <c r="I179" s="1185">
        <v>361932.23806831567</v>
      </c>
      <c r="J179" s="1185">
        <v>0</v>
      </c>
      <c r="K179" s="1185">
        <f>IF(C179="DBC IDP", _xlfn.XLOOKUP(F179, '[3]DACORUM IDS'!$E:$E, '[3]DACORUM IDS'!$P:$P), "Manual Check")</f>
        <v>575575</v>
      </c>
      <c r="L179" s="1185">
        <f>IF(C179="DBC IDP", _xlfn.XLOOKUP(F179, '[3]DACORUM IDS'!$E:$E, '[3]DACORUM IDS'!$CF:$CF), "N/A")</f>
        <v>0</v>
      </c>
      <c r="M179" s="1185">
        <f t="shared" si="10"/>
        <v>310368</v>
      </c>
      <c r="N179" s="1185">
        <f t="shared" si="11"/>
        <v>-213642.76193168433</v>
      </c>
      <c r="O179" s="597" t="str" cm="1">
        <f t="array" ref="O179">_xlfn.IFS(M179="N/A - New Scheme", "N/A", M179&gt;0, "Overall Cost Increased", M179=0, "No change", M179&lt;0, "Overall Cost Decreased")</f>
        <v>Overall Cost Increased</v>
      </c>
      <c r="P179" s="597" t="str" cm="1">
        <f t="array" ref="P179">_xlfn.IFS(N179="N/A - New Scheme", "N/A", N179&gt;0, "DBC Cost Increased", N179=0, "No change", N179&lt;0, "DBC Cost Decreased")</f>
        <v>DBC Cost Decreased</v>
      </c>
    </row>
    <row r="180" spans="2:16" ht="71.25" x14ac:dyDescent="0.2">
      <c r="B180" s="499" t="str">
        <v>TR184</v>
      </c>
      <c r="C180" s="499" t="str">
        <v>DBC IDP</v>
      </c>
      <c r="D180" s="499" t="str">
        <v>Transport</v>
      </c>
      <c r="E180" s="499" t="str">
        <v>Active Travel</v>
      </c>
      <c r="F180" s="499" t="str">
        <v>Signalised crossing on Three Cherry Trees Lane</v>
      </c>
      <c r="G180" s="499" t="str">
        <v>(SG34-2) Install a pelican crossing on Three Cherry Trees Lane south of the Caravan Park entrance. Also provide localised widening to the footway along the eastern side of Three Cherry Trees Lane between the proposed crossing to just south of Admiral Avenue</v>
      </c>
      <c r="H180" s="1185">
        <v>448034</v>
      </c>
      <c r="I180" s="1185">
        <v>183034.29041224971</v>
      </c>
      <c r="J180" s="1185">
        <v>0</v>
      </c>
      <c r="K180" s="1185">
        <f>IF(C180="DBC IDP", _xlfn.XLOOKUP(F180, '[3]DACORUM IDS'!$E:$E, '[3]DACORUM IDS'!$P:$P), "Manual Check")</f>
        <v>291076.5</v>
      </c>
      <c r="L180" s="1185">
        <f>IF(C180="DBC IDP", _xlfn.XLOOKUP(F180, '[3]DACORUM IDS'!$E:$E, '[3]DACORUM IDS'!$CF:$CF), "N/A")</f>
        <v>0</v>
      </c>
      <c r="M180" s="1185">
        <f t="shared" si="10"/>
        <v>156957.5</v>
      </c>
      <c r="N180" s="1185">
        <f t="shared" si="11"/>
        <v>-108042.20958775029</v>
      </c>
      <c r="O180" s="597" t="str" cm="1">
        <f t="array" ref="O180">_xlfn.IFS(M180="N/A - New Scheme", "N/A", M180&gt;0, "Overall Cost Increased", M180=0, "No change", M180&lt;0, "Overall Cost Decreased")</f>
        <v>Overall Cost Increased</v>
      </c>
      <c r="P180" s="597" t="str" cm="1">
        <f t="array" ref="P180">_xlfn.IFS(N180="N/A - New Scheme", "N/A", N180&gt;0, "DBC Cost Increased", N180=0, "No change", N180&lt;0, "DBC Cost Decreased")</f>
        <v>DBC Cost Decreased</v>
      </c>
    </row>
    <row r="181" spans="2:16" ht="57" x14ac:dyDescent="0.2">
      <c r="B181" s="499" t="str">
        <v>TR185</v>
      </c>
      <c r="C181" s="499" t="str">
        <v>DBC IDP</v>
      </c>
      <c r="D181" s="499" t="str">
        <v>Transport</v>
      </c>
      <c r="E181" s="499" t="str">
        <v>Active Travel</v>
      </c>
      <c r="F181" s="499" t="str">
        <v>Shared use Cycleway on Swallowdale Lane</v>
      </c>
      <c r="G181" s="499" t="str">
        <v>(SG34-3) Implement a shared use cycleway and footway on the northern side of Swallowdale Lane between Eastman Way and just west of Three Cherry Trees Lane.</v>
      </c>
      <c r="H181" s="1185">
        <v>301853</v>
      </c>
      <c r="I181" s="1185">
        <v>123315.30567726737</v>
      </c>
      <c r="J181" s="1185">
        <v>0</v>
      </c>
      <c r="K181" s="1185">
        <f>IF(C181="DBC IDP", _xlfn.XLOOKUP(F181, '[3]DACORUM IDS'!$E:$E, '[3]DACORUM IDS'!$P:$P), "Manual Check")</f>
        <v>196106.625</v>
      </c>
      <c r="L181" s="1185">
        <f>IF(C181="DBC IDP", _xlfn.XLOOKUP(F181, '[3]DACORUM IDS'!$E:$E, '[3]DACORUM IDS'!$CF:$CF), "N/A")</f>
        <v>0</v>
      </c>
      <c r="M181" s="1185">
        <f t="shared" si="10"/>
        <v>105746.375</v>
      </c>
      <c r="N181" s="1185">
        <f t="shared" si="11"/>
        <v>-72791.319322732626</v>
      </c>
      <c r="O181" s="597" t="str" cm="1">
        <f t="array" ref="O181">_xlfn.IFS(M181="N/A - New Scheme", "N/A", M181&gt;0, "Overall Cost Increased", M181=0, "No change", M181&lt;0, "Overall Cost Decreased")</f>
        <v>Overall Cost Increased</v>
      </c>
      <c r="P181" s="597" t="str" cm="1">
        <f t="array" ref="P181">_xlfn.IFS(N181="N/A - New Scheme", "N/A", N181&gt;0, "DBC Cost Increased", N181=0, "No change", N181&lt;0, "DBC Cost Decreased")</f>
        <v>DBC Cost Decreased</v>
      </c>
    </row>
    <row r="182" spans="2:16" ht="42.75" x14ac:dyDescent="0.2">
      <c r="B182" s="499" t="str">
        <v>TR186</v>
      </c>
      <c r="C182" s="499" t="str">
        <v>DBC IDP</v>
      </c>
      <c r="D182" s="499" t="str">
        <v>Transport</v>
      </c>
      <c r="E182" s="499" t="str">
        <v>Active Travel</v>
      </c>
      <c r="F182" s="499" t="str">
        <v>Cycleway on Three Cherry Trees Lane - Swallowdale Lane to Boundary Way</v>
      </c>
      <c r="G182" s="499" t="str">
        <v>(SG34-4) Widen the existing footway on the southern side of Three Cherry Trees Lane to enable shared use between Boundary Way and Swallowdale Lane</v>
      </c>
      <c r="H182" s="1185">
        <v>110110</v>
      </c>
      <c r="I182" s="1185">
        <v>44982.982803298</v>
      </c>
      <c r="J182" s="1185">
        <v>0</v>
      </c>
      <c r="K182" s="1185" t="s">
        <v>1395</v>
      </c>
      <c r="L182" s="1185">
        <f>IF(C182="DBC IDP", _xlfn.XLOOKUP(F182, '[3]DACORUM IDS'!$E:$E, '[3]DACORUM IDS'!$CF:$CF), "N/A")</f>
        <v>0</v>
      </c>
      <c r="M182" s="1185" t="str">
        <f t="shared" si="10"/>
        <v>N/A - New Scheme</v>
      </c>
      <c r="N182" s="1185" t="str">
        <f t="shared" si="11"/>
        <v>N/A - New Scheme</v>
      </c>
      <c r="O182" s="597" t="str" cm="1">
        <f t="array" ref="O182">_xlfn.IFS(M182="N/A - New Scheme", "N/A", M182&gt;0, "Overall Cost Increased", M182=0, "No change", M182&lt;0, "Overall Cost Decreased")</f>
        <v>N/A</v>
      </c>
      <c r="P182" s="597" t="str" cm="1">
        <f t="array" ref="P182">_xlfn.IFS(N182="N/A - New Scheme", "N/A", N182&gt;0, "DBC Cost Increased", N182=0, "No change", N182&lt;0, "DBC Cost Decreased")</f>
        <v>N/A</v>
      </c>
    </row>
    <row r="183" spans="2:16" ht="28.5" x14ac:dyDescent="0.2">
      <c r="B183" s="499" t="str">
        <v>TR187</v>
      </c>
      <c r="C183" s="499" t="str">
        <v>DBC IDP</v>
      </c>
      <c r="D183" s="499" t="str">
        <v>Transport</v>
      </c>
      <c r="E183" s="499" t="str">
        <v>Active Travel</v>
      </c>
      <c r="F183" s="499" t="str">
        <v>Maxted Road pedestrian crossing improvements</v>
      </c>
      <c r="G183" s="499" t="str">
        <v>(SG34-5) Provide tactile paving at the junction with Maxted Road</v>
      </c>
      <c r="H183" s="1185">
        <v>1215</v>
      </c>
      <c r="I183" s="1185">
        <v>496.36113074204945</v>
      </c>
      <c r="J183" s="1185">
        <v>0</v>
      </c>
      <c r="K183" s="1185">
        <f>IF(C183="DBC IDP", _xlfn.XLOOKUP(F183, '[3]DACORUM IDS'!$E:$E, '[3]DACORUM IDS'!$P:$P), "Manual Check")</f>
        <v>789.36</v>
      </c>
      <c r="L183" s="1185">
        <f>IF(C183="DBC IDP", _xlfn.XLOOKUP(F183, '[3]DACORUM IDS'!$E:$E, '[3]DACORUM IDS'!$CF:$CF), "N/A")</f>
        <v>0</v>
      </c>
      <c r="M183" s="1185">
        <f t="shared" si="10"/>
        <v>425.64</v>
      </c>
      <c r="N183" s="1185">
        <f t="shared" si="11"/>
        <v>-292.99886925795056</v>
      </c>
      <c r="O183" s="597" t="str" cm="1">
        <f t="array" ref="O183">_xlfn.IFS(M183="N/A - New Scheme", "N/A", M183&gt;0, "Overall Cost Increased", M183=0, "No change", M183&lt;0, "Overall Cost Decreased")</f>
        <v>Overall Cost Increased</v>
      </c>
      <c r="P183" s="597" t="str" cm="1">
        <f t="array" ref="P183">_xlfn.IFS(N183="N/A - New Scheme", "N/A", N183&gt;0, "DBC Cost Increased", N183=0, "No change", N183&lt;0, "DBC Cost Decreased")</f>
        <v>DBC Cost Decreased</v>
      </c>
    </row>
    <row r="184" spans="2:16" ht="42.75" x14ac:dyDescent="0.2">
      <c r="B184" s="499" t="str">
        <v>TR188</v>
      </c>
      <c r="C184" s="499" t="str">
        <v>DBC IDP</v>
      </c>
      <c r="D184" s="499" t="str">
        <v>Transport</v>
      </c>
      <c r="E184" s="499" t="str">
        <v>Active Travel</v>
      </c>
      <c r="F184" s="499" t="str">
        <v>Swallowdale Lane and Three Cherry Trees Lane Wayfinding signage</v>
      </c>
      <c r="G184" s="499" t="str">
        <v>(SG34-6) Install wayfinding at start and end of segment and at junction of Swallowdale Lane and Three Cherry Trees Lane.</v>
      </c>
      <c r="H184" s="1185">
        <v>10441</v>
      </c>
      <c r="I184" s="1185">
        <v>4265.437502944641</v>
      </c>
      <c r="J184" s="1185">
        <v>0</v>
      </c>
      <c r="K184" s="1185">
        <f>IF(C184="DBC IDP", _xlfn.XLOOKUP(F184, '[3]DACORUM IDS'!$E:$E, '[3]DACORUM IDS'!$P:$P), "Manual Check")</f>
        <v>6783.5625</v>
      </c>
      <c r="L184" s="1185">
        <f>IF(C184="DBC IDP", _xlfn.XLOOKUP(F184, '[3]DACORUM IDS'!$E:$E, '[3]DACORUM IDS'!$CF:$CF), "N/A")</f>
        <v>0</v>
      </c>
      <c r="M184" s="1185">
        <f t="shared" si="10"/>
        <v>3657.4375</v>
      </c>
      <c r="N184" s="1185">
        <f t="shared" si="11"/>
        <v>-2518.124997055359</v>
      </c>
      <c r="O184" s="597" t="str" cm="1">
        <f t="array" ref="O184">_xlfn.IFS(M184="N/A - New Scheme", "N/A", M184&gt;0, "Overall Cost Increased", M184=0, "No change", M184&lt;0, "Overall Cost Decreased")</f>
        <v>Overall Cost Increased</v>
      </c>
      <c r="P184" s="597" t="str" cm="1">
        <f t="array" ref="P184">_xlfn.IFS(N184="N/A - New Scheme", "N/A", N184&gt;0, "DBC Cost Increased", N184=0, "No change", N184&lt;0, "DBC Cost Decreased")</f>
        <v>DBC Cost Decreased</v>
      </c>
    </row>
    <row r="185" spans="2:16" ht="114" x14ac:dyDescent="0.2">
      <c r="B185" s="499" t="str">
        <v>TR189</v>
      </c>
      <c r="C185" s="499" t="str">
        <v>DBC IDP</v>
      </c>
      <c r="D185" s="499" t="str">
        <v>Transport</v>
      </c>
      <c r="E185" s="499" t="str">
        <v>Active Travel</v>
      </c>
      <c r="F185" s="499" t="str">
        <v>Cycleway along St Agnells Lane</v>
      </c>
      <c r="G185" s="499" t="str">
        <v xml:space="preserve">(SG35-1) Implement a offroad shared use cycleway along the full length of St Agnells Lane, located on the western side from Washington Avenue and remaining on the same side of the road for the full length, terminating on the eastern side at the junction with Redbourn Road. Include 4x Copenhagen crossings at St Agenlls Court, Cupid Green Lane, Essex Mead and Old Maple </v>
      </c>
      <c r="H185" s="1185">
        <v>3058882</v>
      </c>
      <c r="I185" s="1185">
        <v>1249637.9657008245</v>
      </c>
      <c r="J185" s="1185">
        <v>0</v>
      </c>
      <c r="K185" s="1185">
        <f>IF(C185="DBC IDP", _xlfn.XLOOKUP(F185, '[3]DACORUM IDS'!$E:$E, '[3]DACORUM IDS'!$P:$P), "Manual Check")</f>
        <v>1987279.3744375</v>
      </c>
      <c r="L185" s="1185">
        <f>IF(C185="DBC IDP", _xlfn.XLOOKUP(F185, '[3]DACORUM IDS'!$E:$E, '[3]DACORUM IDS'!$CF:$CF), "N/A")</f>
        <v>0</v>
      </c>
      <c r="M185" s="1185">
        <f t="shared" si="10"/>
        <v>1071602.6255625</v>
      </c>
      <c r="N185" s="1185">
        <f t="shared" si="11"/>
        <v>-737641.40873667551</v>
      </c>
      <c r="O185" s="597" t="str" cm="1">
        <f t="array" ref="O185">_xlfn.IFS(M185="N/A - New Scheme", "N/A", M185&gt;0, "Overall Cost Increased", M185=0, "No change", M185&lt;0, "Overall Cost Decreased")</f>
        <v>Overall Cost Increased</v>
      </c>
      <c r="P185" s="597" t="str" cm="1">
        <f t="array" ref="P185">_xlfn.IFS(N185="N/A - New Scheme", "N/A", N185&gt;0, "DBC Cost Increased", N185=0, "No change", N185&lt;0, "DBC Cost Decreased")</f>
        <v>DBC Cost Decreased</v>
      </c>
    </row>
    <row r="186" spans="2:16" ht="28.5" x14ac:dyDescent="0.2">
      <c r="B186" s="499" t="str">
        <v>TR190</v>
      </c>
      <c r="C186" s="499" t="str">
        <v>DBC IDP</v>
      </c>
      <c r="D186" s="499" t="str">
        <v>Transport</v>
      </c>
      <c r="E186" s="499" t="str">
        <v>Active Travel</v>
      </c>
      <c r="F186" s="499" t="str">
        <v>Zebra crossing adjacent to Cupid Green Lane junction</v>
      </c>
      <c r="G186" s="499" t="str">
        <v>(SG35-2) Install zebra crossing on raised speed table adjacent to Cupid Green Lane</v>
      </c>
      <c r="H186" s="1185">
        <v>199337</v>
      </c>
      <c r="I186" s="1185">
        <v>81434.682073027099</v>
      </c>
      <c r="J186" s="1185">
        <v>0</v>
      </c>
      <c r="K186" s="1185">
        <f>IF(C186="DBC IDP", _xlfn.XLOOKUP(F186, '[3]DACORUM IDS'!$E:$E, '[3]DACORUM IDS'!$P:$P), "Manual Check")</f>
        <v>129504.375</v>
      </c>
      <c r="L186" s="1185">
        <f>IF(C186="DBC IDP", _xlfn.XLOOKUP(F186, '[3]DACORUM IDS'!$E:$E, '[3]DACORUM IDS'!$CF:$CF), "N/A")</f>
        <v>0</v>
      </c>
      <c r="M186" s="1185">
        <f t="shared" si="10"/>
        <v>69832.625</v>
      </c>
      <c r="N186" s="1185">
        <f t="shared" si="11"/>
        <v>-48069.692926972901</v>
      </c>
      <c r="O186" s="597" t="str" cm="1">
        <f t="array" ref="O186">_xlfn.IFS(M186="N/A - New Scheme", "N/A", M186&gt;0, "Overall Cost Increased", M186=0, "No change", M186&lt;0, "Overall Cost Decreased")</f>
        <v>Overall Cost Increased</v>
      </c>
      <c r="P186" s="597" t="str" cm="1">
        <f t="array" ref="P186">_xlfn.IFS(N186="N/A - New Scheme", "N/A", N186&gt;0, "DBC Cost Increased", N186=0, "No change", N186&lt;0, "DBC Cost Decreased")</f>
        <v>DBC Cost Decreased</v>
      </c>
    </row>
    <row r="187" spans="2:16" ht="171" x14ac:dyDescent="0.2">
      <c r="B187" s="499" t="str">
        <v>TR191</v>
      </c>
      <c r="C187" s="499" t="str">
        <v>DBC IDP</v>
      </c>
      <c r="D187" s="499" t="str">
        <v>Transport</v>
      </c>
      <c r="E187" s="499" t="str">
        <v>Active Travel</v>
      </c>
      <c r="F187" s="499" t="str">
        <v>Cupid Green Lane Quietway</v>
      </c>
      <c r="G187" s="499" t="str">
        <v xml:space="preserve">(SG35-3) Convert Cupid Green Lane to a Quietway to discourage through traffic. To provide an attractive route for walking and cycling from North Hemel Hempstead through Grovehill. Permit vehicle access to the allotments but closed to through traffic north of this point. Where Cupid Green Lane currently links onto Gaddesdon Lane on the northern side of the proposed North Hemel Hempstead development, this should also be considered for Quietway treatment to discourage traffic rat running through the development or conversely traffic routeing out of the development onto Gaddesdon Lane. </v>
      </c>
      <c r="H187" s="1185">
        <v>547386</v>
      </c>
      <c r="I187" s="1185">
        <v>223622.33243816256</v>
      </c>
      <c r="J187" s="1185">
        <v>0</v>
      </c>
      <c r="K187" s="1185">
        <f>IF(C187="DBC IDP", _xlfn.XLOOKUP(F187, '[3]DACORUM IDS'!$E:$E, '[3]DACORUM IDS'!$P:$P), "Manual Check")</f>
        <v>781137.5</v>
      </c>
      <c r="L187" s="1185">
        <f>IF(C187="DBC IDP", _xlfn.XLOOKUP(F187, '[3]DACORUM IDS'!$E:$E, '[3]DACORUM IDS'!$CF:$CF), "N/A")</f>
        <v>0</v>
      </c>
      <c r="M187" s="1185">
        <f t="shared" si="10"/>
        <v>-233751.5</v>
      </c>
      <c r="N187" s="1185">
        <f t="shared" si="11"/>
        <v>-557515.16756183747</v>
      </c>
      <c r="O187" s="597" t="str" cm="1">
        <f t="array" ref="O187">_xlfn.IFS(M187="N/A - New Scheme", "N/A", M187&gt;0, "Overall Cost Increased", M187=0, "No change", M187&lt;0, "Overall Cost Decreased")</f>
        <v>Overall Cost Decreased</v>
      </c>
      <c r="P187" s="597" t="str" cm="1">
        <f t="array" ref="P187">_xlfn.IFS(N187="N/A - New Scheme", "N/A", N187&gt;0, "DBC Cost Increased", N187=0, "No change", N187&lt;0, "DBC Cost Decreased")</f>
        <v>DBC Cost Decreased</v>
      </c>
    </row>
    <row r="188" spans="2:16" ht="71.25" x14ac:dyDescent="0.2">
      <c r="B188" s="499" t="str">
        <v>TR192</v>
      </c>
      <c r="C188" s="499" t="str">
        <v>DBC IDP</v>
      </c>
      <c r="D188" s="499" t="str">
        <v>Transport</v>
      </c>
      <c r="E188" s="499" t="str">
        <v>Active Travel</v>
      </c>
      <c r="F188" s="499" t="str">
        <v>Grovehill Playing Fields - connection to North Hemel Hempstead (Hm01) development</v>
      </c>
      <c r="G188" s="499" t="str">
        <v xml:space="preserve">(SG35-4) Provision of a new shared footway and cyclepath link through Grovehill Playing Fields, linking into the existing path where it currently ends, and connecting into the planned North Hemel Hempstead (Hm01) development. </v>
      </c>
      <c r="H188" s="1185">
        <v>785325</v>
      </c>
      <c r="I188" s="1185">
        <v>320827</v>
      </c>
      <c r="J188" s="1185">
        <v>0</v>
      </c>
      <c r="K188" s="1185">
        <f>IF(C188="DBC IDP", _xlfn.XLOOKUP(F188, '[3]DACORUM IDS'!$E:$E, '[3]DACORUM IDS'!$P:$P), "Manual Check")</f>
        <v>279873.34375</v>
      </c>
      <c r="L188" s="1185">
        <f>IF(C188="DBC IDP", _xlfn.XLOOKUP(F188, '[3]DACORUM IDS'!$E:$E, '[3]DACORUM IDS'!$CF:$CF), "N/A")</f>
        <v>0</v>
      </c>
      <c r="M188" s="1185">
        <f t="shared" si="10"/>
        <v>505451.65625</v>
      </c>
      <c r="N188" s="1185">
        <f t="shared" si="11"/>
        <v>40953.65625</v>
      </c>
      <c r="O188" s="597" t="str" cm="1">
        <f t="array" ref="O188">_xlfn.IFS(M188="N/A - New Scheme", "N/A", M188&gt;0, "Overall Cost Increased", M188=0, "No change", M188&lt;0, "Overall Cost Decreased")</f>
        <v>Overall Cost Increased</v>
      </c>
      <c r="P188" s="597" t="str" cm="1">
        <f t="array" ref="P188">_xlfn.IFS(N188="N/A - New Scheme", "N/A", N188&gt;0, "DBC Cost Increased", N188=0, "No change", N188&lt;0, "DBC Cost Decreased")</f>
        <v>DBC Cost Increased</v>
      </c>
    </row>
    <row r="189" spans="2:16" ht="85.5" x14ac:dyDescent="0.2">
      <c r="B189" s="499" t="str">
        <v>TR194</v>
      </c>
      <c r="C189" s="499" t="str">
        <v>DBC IDP</v>
      </c>
      <c r="D189" s="499" t="str">
        <v>Transport</v>
      </c>
      <c r="E189" s="499" t="str">
        <v>Active Travel</v>
      </c>
      <c r="F189" s="499" t="str">
        <v>Woodhall Farm-North Hemel Hempstead footway/cycle link</v>
      </c>
      <c r="G189" s="499" t="str">
        <v xml:space="preserve">(SG35-6) A new route for pedestrians and cyclists to link Shenley Road between the Sainsbury's and Brockwood Primary School. Likely to use a section of existing footway adjacent to the supermarket car park at the western end, however reallocation of land from the school may be required at the eastern end. </v>
      </c>
      <c r="H189" s="1185">
        <v>345715</v>
      </c>
      <c r="I189" s="1185">
        <v>79780.384615384624</v>
      </c>
      <c r="J189" s="1185">
        <v>0</v>
      </c>
      <c r="K189" s="1185">
        <f>IF(C189="DBC IDP", _xlfn.XLOOKUP(F189, '[3]DACORUM IDS'!$E:$E, '[3]DACORUM IDS'!$P:$P), "Manual Check")</f>
        <v>124150.49968750001</v>
      </c>
      <c r="L189" s="1185">
        <f>IF(C189="DBC IDP", _xlfn.XLOOKUP(F189, '[3]DACORUM IDS'!$E:$E, '[3]DACORUM IDS'!$CF:$CF), "N/A")</f>
        <v>0</v>
      </c>
      <c r="M189" s="1185">
        <f t="shared" si="10"/>
        <v>221564.50031249999</v>
      </c>
      <c r="N189" s="1185">
        <f t="shared" si="11"/>
        <v>-44370.115072115383</v>
      </c>
      <c r="O189" s="597" t="str" cm="1">
        <f t="array" ref="O189">_xlfn.IFS(M189="N/A - New Scheme", "N/A", M189&gt;0, "Overall Cost Increased", M189=0, "No change", M189&lt;0, "Overall Cost Decreased")</f>
        <v>Overall Cost Increased</v>
      </c>
      <c r="P189" s="597" t="str" cm="1">
        <f t="array" ref="P189">_xlfn.IFS(N189="N/A - New Scheme", "N/A", N189&gt;0, "DBC Cost Increased", N189=0, "No change", N189&lt;0, "DBC Cost Decreased")</f>
        <v>DBC Cost Decreased</v>
      </c>
    </row>
    <row r="190" spans="2:16" ht="85.5" x14ac:dyDescent="0.2">
      <c r="B190" s="499" t="str">
        <v>TR195</v>
      </c>
      <c r="C190" s="499" t="str">
        <v>DBC IDP</v>
      </c>
      <c r="D190" s="499" t="str">
        <v>Transport</v>
      </c>
      <c r="E190" s="499" t="str">
        <v>Active Travel</v>
      </c>
      <c r="F190" s="499" t="str">
        <v>Northridge Way-Cangels Close-Moorland Road Cycle Route</v>
      </c>
      <c r="G190" s="499" t="str">
        <v>(SG36-1) Implement an offroad shared use cycleway along Northridge Way between the junctions with Warners End Road and Cangels Close. Implement on-street advisory route along Cangels Close and Moorland Road and a parallel zebra crossing just east of the Cangels Close junction.</v>
      </c>
      <c r="H190" s="1185">
        <v>1936418</v>
      </c>
      <c r="I190" s="1185">
        <v>791080.35232037702</v>
      </c>
      <c r="J190" s="1185">
        <v>0</v>
      </c>
      <c r="K190" s="1185">
        <f>IF(C190="DBC IDP", _xlfn.XLOOKUP(F190, '[3]DACORUM IDS'!$E:$E, '[3]DACORUM IDS'!$P:$P), "Manual Check")</f>
        <v>1258042.5</v>
      </c>
      <c r="L190" s="1185">
        <f>IF(C190="DBC IDP", _xlfn.XLOOKUP(F190, '[3]DACORUM IDS'!$E:$E, '[3]DACORUM IDS'!$CF:$CF), "N/A")</f>
        <v>0</v>
      </c>
      <c r="M190" s="1185">
        <f t="shared" si="10"/>
        <v>678375.5</v>
      </c>
      <c r="N190" s="1185">
        <f t="shared" si="11"/>
        <v>-466962.14767962298</v>
      </c>
      <c r="O190" s="597" t="str" cm="1">
        <f t="array" ref="O190">_xlfn.IFS(M190="N/A - New Scheme", "N/A", M190&gt;0, "Overall Cost Increased", M190=0, "No change", M190&lt;0, "Overall Cost Decreased")</f>
        <v>Overall Cost Increased</v>
      </c>
      <c r="P190" s="597" t="str" cm="1">
        <f t="array" ref="P190">_xlfn.IFS(N190="N/A - New Scheme", "N/A", N190&gt;0, "DBC Cost Increased", N190=0, "No change", N190&lt;0, "DBC Cost Decreased")</f>
        <v>DBC Cost Decreased</v>
      </c>
    </row>
    <row r="191" spans="2:16" ht="99.75" x14ac:dyDescent="0.2">
      <c r="B191" s="499" t="str">
        <v>TR196</v>
      </c>
      <c r="C191" s="499" t="str">
        <v>DBC IDP</v>
      </c>
      <c r="D191" s="499" t="str">
        <v>Transport</v>
      </c>
      <c r="E191" s="499" t="str">
        <v>Active Travel</v>
      </c>
      <c r="F191" s="499" t="str">
        <v>Northridge Way-Jocketts Road crossing and cycle route</v>
      </c>
      <c r="G191" s="499" t="str">
        <v>(SG36-2) Install new parallel zebra crossing on raised speed table on Northridge Way, north of the junction with Jocketts Road. Include an 80m section of shared use cycleway running on Jocketts Road between Northridge Way and Shrubhill Road with dropped kerbs at western end for cyclists to enter/exit the carriageway</v>
      </c>
      <c r="H191" s="1185">
        <v>234194</v>
      </c>
      <c r="I191" s="1185">
        <v>95674.731401649013</v>
      </c>
      <c r="J191" s="1185">
        <v>0</v>
      </c>
      <c r="K191" s="1185" t="s">
        <v>1395</v>
      </c>
      <c r="L191" s="1185" t="s">
        <v>1395</v>
      </c>
      <c r="M191" s="1185" t="str">
        <f t="shared" si="10"/>
        <v>N/A - New Scheme</v>
      </c>
      <c r="N191" s="1185" t="str">
        <f t="shared" si="11"/>
        <v>N/A - New Scheme</v>
      </c>
      <c r="O191" s="597" t="str" cm="1">
        <f t="array" ref="O191">_xlfn.IFS(M191="N/A - New Scheme", "N/A", M191&gt;0, "Overall Cost Increased", M191=0, "No change", M191&lt;0, "Overall Cost Decreased")</f>
        <v>N/A</v>
      </c>
      <c r="P191" s="597" t="str" cm="1">
        <f t="array" ref="P191">_xlfn.IFS(N191="N/A - New Scheme", "N/A", N191&gt;0, "DBC Cost Increased", N191=0, "No change", N191&lt;0, "DBC Cost Decreased")</f>
        <v>N/A</v>
      </c>
    </row>
    <row r="192" spans="2:16" ht="42.75" x14ac:dyDescent="0.2">
      <c r="B192" s="499" t="str">
        <v>TR197</v>
      </c>
      <c r="C192" s="499" t="str">
        <v>DBC IDP</v>
      </c>
      <c r="D192" s="499" t="str">
        <v>Transport</v>
      </c>
      <c r="E192" s="499" t="str">
        <v>Active Travel</v>
      </c>
      <c r="F192" s="499" t="str">
        <v>Northridge Way Wayfinding Signage</v>
      </c>
      <c r="G192" s="499" t="str">
        <v>(SG36-3) Introduce wayfinding northern end of segment, Northridge Park and at junction of Jocketts Road.</v>
      </c>
      <c r="H192" s="1185">
        <v>10441</v>
      </c>
      <c r="I192" s="1185">
        <v>4265.437502944641</v>
      </c>
      <c r="J192" s="1185">
        <v>0</v>
      </c>
      <c r="K192" s="1185">
        <v>13326733</v>
      </c>
      <c r="L192" s="1185">
        <v>0</v>
      </c>
      <c r="M192" s="1185">
        <f t="shared" si="10"/>
        <v>-13316292</v>
      </c>
      <c r="N192" s="1185">
        <f t="shared" si="11"/>
        <v>-13322467.562497055</v>
      </c>
      <c r="O192" s="597" t="str" cm="1">
        <f t="array" ref="O192">_xlfn.IFS(M192="N/A - New Scheme", "N/A", M192&gt;0, "Overall Cost Increased", M192=0, "No change", M192&lt;0, "Overall Cost Decreased")</f>
        <v>Overall Cost Decreased</v>
      </c>
      <c r="P192" s="597" t="str" cm="1">
        <f t="array" ref="P192">_xlfn.IFS(N192="N/A - New Scheme", "N/A", N192&gt;0, "DBC Cost Increased", N192=0, "No change", N192&lt;0, "DBC Cost Decreased")</f>
        <v>DBC Cost Decreased</v>
      </c>
    </row>
    <row r="193" spans="2:16" ht="28.5" x14ac:dyDescent="0.2">
      <c r="B193" s="499" t="str">
        <v>TR198</v>
      </c>
      <c r="C193" s="499" t="str">
        <v>DBC IDP</v>
      </c>
      <c r="D193" s="499" t="str">
        <v>Transport</v>
      </c>
      <c r="E193" s="499" t="str">
        <v>Active Travel</v>
      </c>
      <c r="F193" s="499" t="str">
        <v>Northridge Way Park cycle parking</v>
      </c>
      <c r="G193" s="499" t="str">
        <v>(SG36-4) Introduce cycle parking at Northridge Park, close to play park and basketball court.</v>
      </c>
      <c r="H193" s="1185">
        <v>797</v>
      </c>
      <c r="I193" s="1185">
        <v>325.59656065959956</v>
      </c>
      <c r="J193" s="1185">
        <v>0</v>
      </c>
      <c r="K193" s="1185" t="s">
        <v>1395</v>
      </c>
      <c r="L193" s="1185" t="s">
        <v>1395</v>
      </c>
      <c r="M193" s="1185" t="str">
        <f t="shared" si="10"/>
        <v>N/A - New Scheme</v>
      </c>
      <c r="N193" s="1185" t="str">
        <f t="shared" si="11"/>
        <v>N/A - New Scheme</v>
      </c>
      <c r="O193" s="597" t="str" cm="1">
        <f t="array" ref="O193">_xlfn.IFS(M193="N/A - New Scheme", "N/A", M193&gt;0, "Overall Cost Increased", M193=0, "No change", M193&lt;0, "Overall Cost Decreased")</f>
        <v>N/A</v>
      </c>
      <c r="P193" s="597" t="str" cm="1">
        <f t="array" ref="P193">_xlfn.IFS(N193="N/A - New Scheme", "N/A", N193&gt;0, "DBC Cost Increased", N193=0, "No change", N193&lt;0, "DBC Cost Decreased")</f>
        <v>N/A</v>
      </c>
    </row>
    <row r="194" spans="2:16" ht="57" x14ac:dyDescent="0.2">
      <c r="B194" s="499" t="str">
        <v>TR199</v>
      </c>
      <c r="C194" s="499" t="str">
        <v>DBC IDP</v>
      </c>
      <c r="D194" s="499" t="str">
        <v>Transport</v>
      </c>
      <c r="E194" s="499" t="str">
        <v>Active Travel</v>
      </c>
      <c r="F194" s="499" t="str">
        <v>Green End Road crossing and traffic calming feature near St Rose's School</v>
      </c>
      <c r="G194" s="499" t="str">
        <v>(SG37-1) Install new uncontrolled crossing on Green End Road by St Rose's Infant and Nursery School as part of a kerbed build out with single lane give way to oncoming traffic.</v>
      </c>
      <c r="H194" s="1185">
        <v>10938</v>
      </c>
      <c r="I194" s="1185">
        <v>4468.4757597173148</v>
      </c>
      <c r="J194" s="1185">
        <v>0</v>
      </c>
      <c r="K194" s="1185" t="s">
        <v>1395</v>
      </c>
      <c r="L194" s="1185" t="s">
        <v>1395</v>
      </c>
      <c r="M194" s="1185" t="str">
        <f t="shared" si="10"/>
        <v>N/A - New Scheme</v>
      </c>
      <c r="N194" s="1185" t="str">
        <f t="shared" si="11"/>
        <v>N/A - New Scheme</v>
      </c>
      <c r="O194" s="597" t="str" cm="1">
        <f t="array" ref="O194">_xlfn.IFS(M194="N/A - New Scheme", "N/A", M194&gt;0, "Overall Cost Increased", M194=0, "No change", M194&lt;0, "Overall Cost Decreased")</f>
        <v>N/A</v>
      </c>
      <c r="P194" s="597" t="str" cm="1">
        <f t="array" ref="P194">_xlfn.IFS(N194="N/A - New Scheme", "N/A", N194&gt;0, "DBC Cost Increased", N194=0, "No change", N194&lt;0, "DBC Cost Decreased")</f>
        <v>N/A</v>
      </c>
    </row>
    <row r="195" spans="2:16" ht="28.5" x14ac:dyDescent="0.2">
      <c r="B195" s="499" t="str">
        <v>TR200</v>
      </c>
      <c r="C195" s="499" t="str">
        <v>DBC IDP</v>
      </c>
      <c r="D195" s="499" t="str">
        <v>Transport</v>
      </c>
      <c r="E195" s="499" t="str">
        <v>Active Travel</v>
      </c>
      <c r="F195" s="499" t="str">
        <v>Zebra crossing on Ashtree Way</v>
      </c>
      <c r="G195" s="499" t="str">
        <v>(SG37-2) Install new zebra crossing by Ashtree Way and Green End Road.</v>
      </c>
      <c r="H195" s="1185">
        <v>199337</v>
      </c>
      <c r="I195" s="1185">
        <v>81434.682073027099</v>
      </c>
      <c r="J195" s="1185">
        <v>0</v>
      </c>
      <c r="K195" s="1185" t="s">
        <v>1395</v>
      </c>
      <c r="L195" s="1185" t="s">
        <v>1395</v>
      </c>
      <c r="M195" s="1185" t="str">
        <f t="shared" si="10"/>
        <v>N/A - New Scheme</v>
      </c>
      <c r="N195" s="1185" t="str">
        <f t="shared" si="11"/>
        <v>N/A - New Scheme</v>
      </c>
      <c r="O195" s="597" t="str" cm="1">
        <f t="array" ref="O195">_xlfn.IFS(M195="N/A - New Scheme", "N/A", M195&gt;0, "Overall Cost Increased", M195=0, "No change", M195&lt;0, "Overall Cost Decreased")</f>
        <v>N/A</v>
      </c>
      <c r="P195" s="597" t="str" cm="1">
        <f t="array" ref="P195">_xlfn.IFS(N195="N/A - New Scheme", "N/A", N195&gt;0, "DBC Cost Increased", N195=0, "No change", N195&lt;0, "DBC Cost Decreased")</f>
        <v>N/A</v>
      </c>
    </row>
    <row r="196" spans="2:16" ht="28.5" x14ac:dyDescent="0.2">
      <c r="B196" s="499" t="str">
        <v>TR230</v>
      </c>
      <c r="C196" s="499" t="str">
        <v>DBC IDP</v>
      </c>
      <c r="D196" s="499" t="str">
        <v>Transport</v>
      </c>
      <c r="E196" s="499" t="str">
        <v xml:space="preserve">Active Travel </v>
      </c>
      <c r="F196" s="499" t="str">
        <v>Maylands Urban Design Improvements</v>
      </c>
      <c r="G196" s="499" t="str">
        <v xml:space="preserve">Delivery of improvements to the Maylands Business Park public realm to facilitate walking and cycling </v>
      </c>
      <c r="H196" s="1185">
        <v>3685000</v>
      </c>
      <c r="I196" s="1185">
        <v>3685000</v>
      </c>
      <c r="J196" s="1185">
        <v>0</v>
      </c>
      <c r="K196" s="1185" t="s">
        <v>1395</v>
      </c>
      <c r="L196" s="1185" t="s">
        <v>1395</v>
      </c>
      <c r="M196" s="1185" t="str">
        <f t="shared" si="10"/>
        <v>N/A - New Scheme</v>
      </c>
      <c r="N196" s="1185" t="str">
        <f t="shared" si="11"/>
        <v>N/A - New Scheme</v>
      </c>
      <c r="O196" s="597" t="str" cm="1">
        <f t="array" ref="O196">_xlfn.IFS(M196="N/A - New Scheme", "N/A", M196&gt;0, "Overall Cost Increased", M196=0, "No change", M196&lt;0, "Overall Cost Decreased")</f>
        <v>N/A</v>
      </c>
      <c r="P196" s="597" t="str" cm="1">
        <f t="array" ref="P196">_xlfn.IFS(N196="N/A - New Scheme", "N/A", N196&gt;0, "DBC Cost Increased", N196=0, "No change", N196&lt;0, "DBC Cost Decreased")</f>
        <v>N/A</v>
      </c>
    </row>
    <row r="197" spans="2:16" ht="28.5" x14ac:dyDescent="0.2">
      <c r="B197" s="499" t="str">
        <v>WS2</v>
      </c>
      <c r="C197" s="499" t="str">
        <v>DBC IDP</v>
      </c>
      <c r="D197" s="499" t="str">
        <v>Waste Management</v>
      </c>
      <c r="E197" s="499" t="str">
        <v xml:space="preserve">Waste &amp; recycling </v>
      </c>
      <c r="F197" s="499" t="str">
        <v>New Recycling Centre at Hemel Hempstead</v>
      </c>
      <c r="G197" s="499" t="str">
        <v>Delivery of a new Recycling Centre within the Programme Area (Location needs to be identified)</v>
      </c>
      <c r="H197" s="1185">
        <v>2569415</v>
      </c>
      <c r="I197" s="1185">
        <v>782750.77545142348</v>
      </c>
      <c r="J197" s="1185">
        <v>0</v>
      </c>
      <c r="K197" s="1185" t="s">
        <v>1395</v>
      </c>
      <c r="L197" s="1185" t="s">
        <v>1395</v>
      </c>
      <c r="M197" s="1185" t="str">
        <f t="shared" si="10"/>
        <v>N/A - New Scheme</v>
      </c>
      <c r="N197" s="1185" t="str">
        <f t="shared" si="11"/>
        <v>N/A - New Scheme</v>
      </c>
      <c r="O197" s="597" t="str" cm="1">
        <f t="array" ref="O197">_xlfn.IFS(M197="N/A - New Scheme", "N/A", M197&gt;0, "Overall Cost Increased", M197=0, "No change", M197&lt;0, "Overall Cost Decreased")</f>
        <v>N/A</v>
      </c>
      <c r="P197" s="597" t="str" cm="1">
        <f t="array" ref="P197">_xlfn.IFS(N197="N/A - New Scheme", "N/A", N197&gt;0, "DBC Cost Increased", N197=0, "No change", N197&lt;0, "DBC Cost Decreased")</f>
        <v>N/A</v>
      </c>
    </row>
  </sheetData>
  <autoFilter ref="B5:P197" xr:uid="{20CC94D1-07B6-4CB6-A33C-3D71D5E8F342}"/>
  <conditionalFormatting sqref="M9:N192">
    <cfRule type="cellIs" dxfId="791" priority="1" operator="lessThan">
      <formula>0</formula>
    </cfRule>
    <cfRule type="cellIs" dxfId="790" priority="2" operator="greaterThan">
      <formula>0</formula>
    </cfRule>
  </conditionalFormatting>
  <pageMargins left="0.7" right="0.7" top="0.75" bottom="0.75" header="0.3" footer="0.3"/>
  <pageSetup paperSize="9"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937D9AD-B6AF-47CF-A4E7-3722CA331B0E}">
  <dimension ref="B2:F20"/>
  <sheetViews>
    <sheetView workbookViewId="0">
      <selection activeCell="C7" sqref="C7"/>
    </sheetView>
  </sheetViews>
  <sheetFormatPr defaultRowHeight="14.25" x14ac:dyDescent="0.2"/>
  <cols>
    <col min="2" max="2" width="23.75" bestFit="1" customWidth="1"/>
    <col min="3" max="3" width="18.25" bestFit="1" customWidth="1"/>
    <col min="4" max="4" width="11.25" bestFit="1" customWidth="1"/>
    <col min="5" max="5" width="18.25" bestFit="1" customWidth="1"/>
    <col min="6" max="6" width="8.75" bestFit="1" customWidth="1"/>
  </cols>
  <sheetData>
    <row r="2" spans="2:6" ht="28.5" x14ac:dyDescent="0.45">
      <c r="B2" s="1186" t="s">
        <v>1396</v>
      </c>
    </row>
    <row r="4" spans="2:6" ht="45" x14ac:dyDescent="0.25">
      <c r="B4" s="1189" t="s">
        <v>1397</v>
      </c>
      <c r="C4" s="1190" t="s">
        <v>1398</v>
      </c>
      <c r="D4" s="1190" t="s">
        <v>1399</v>
      </c>
      <c r="E4" s="1190" t="s">
        <v>1400</v>
      </c>
      <c r="F4" s="1189" t="s">
        <v>1379</v>
      </c>
    </row>
    <row r="5" spans="2:6" x14ac:dyDescent="0.2">
      <c r="B5" s="597" t="s">
        <v>1401</v>
      </c>
      <c r="C5" s="499">
        <v>10</v>
      </c>
      <c r="D5" s="499">
        <v>0</v>
      </c>
      <c r="E5" s="499">
        <v>1</v>
      </c>
      <c r="F5" s="597">
        <v>11</v>
      </c>
    </row>
    <row r="6" spans="2:6" x14ac:dyDescent="0.2">
      <c r="B6" s="597" t="s">
        <v>1402</v>
      </c>
      <c r="C6" s="499">
        <v>17</v>
      </c>
      <c r="D6" s="499">
        <v>0</v>
      </c>
      <c r="E6" s="499">
        <v>0</v>
      </c>
      <c r="F6" s="597">
        <v>17</v>
      </c>
    </row>
    <row r="7" spans="2:6" x14ac:dyDescent="0.2">
      <c r="B7" s="597" t="s">
        <v>1403</v>
      </c>
      <c r="C7" s="499">
        <v>104</v>
      </c>
      <c r="D7" s="499">
        <v>0</v>
      </c>
      <c r="E7" s="499">
        <v>33</v>
      </c>
      <c r="F7" s="597">
        <v>137</v>
      </c>
    </row>
    <row r="8" spans="2:6" x14ac:dyDescent="0.2">
      <c r="B8" s="597" t="s">
        <v>1395</v>
      </c>
      <c r="C8" s="1191" t="s">
        <v>63</v>
      </c>
      <c r="D8" s="1191" t="s">
        <v>63</v>
      </c>
      <c r="E8" s="1191">
        <v>16</v>
      </c>
      <c r="F8" s="597">
        <v>16</v>
      </c>
    </row>
    <row r="9" spans="2:6" x14ac:dyDescent="0.2">
      <c r="C9" s="34"/>
      <c r="D9" s="34"/>
      <c r="E9" s="34"/>
    </row>
    <row r="10" spans="2:6" ht="15" x14ac:dyDescent="0.25">
      <c r="C10" s="34"/>
      <c r="D10" s="34"/>
      <c r="E10" s="1192" t="s">
        <v>1404</v>
      </c>
      <c r="F10" s="1193">
        <f>SUM(F5:F9)</f>
        <v>181</v>
      </c>
    </row>
    <row r="11" spans="2:6" x14ac:dyDescent="0.2">
      <c r="C11" s="34"/>
      <c r="D11" s="34"/>
      <c r="E11" s="34"/>
    </row>
    <row r="12" spans="2:6" x14ac:dyDescent="0.2">
      <c r="C12" s="34"/>
      <c r="D12" s="34"/>
      <c r="E12" s="34"/>
    </row>
    <row r="13" spans="2:6" x14ac:dyDescent="0.2">
      <c r="C13" s="34"/>
      <c r="D13" s="34"/>
      <c r="E13" s="34"/>
    </row>
    <row r="14" spans="2:6" ht="45" x14ac:dyDescent="0.25">
      <c r="B14" s="1190" t="s">
        <v>1405</v>
      </c>
      <c r="C14" s="1190" t="s">
        <v>1398</v>
      </c>
      <c r="D14" s="1190" t="s">
        <v>1399</v>
      </c>
      <c r="E14" s="1190" t="s">
        <v>1400</v>
      </c>
      <c r="F14" s="1189" t="s">
        <v>1379</v>
      </c>
    </row>
    <row r="15" spans="2:6" x14ac:dyDescent="0.2">
      <c r="B15" s="597" t="s">
        <v>1401</v>
      </c>
      <c r="C15" s="499">
        <v>0</v>
      </c>
      <c r="D15" s="499">
        <v>0</v>
      </c>
      <c r="E15" s="499">
        <v>0</v>
      </c>
      <c r="F15" s="597">
        <v>0</v>
      </c>
    </row>
    <row r="16" spans="2:6" x14ac:dyDescent="0.2">
      <c r="B16" s="597" t="s">
        <v>1402</v>
      </c>
      <c r="C16" s="499">
        <v>0</v>
      </c>
      <c r="D16" s="499">
        <v>0</v>
      </c>
      <c r="E16" s="499">
        <v>0</v>
      </c>
      <c r="F16" s="597">
        <v>0</v>
      </c>
    </row>
    <row r="17" spans="2:6" x14ac:dyDescent="0.2">
      <c r="B17" s="597" t="s">
        <v>1403</v>
      </c>
      <c r="C17" s="499">
        <v>3</v>
      </c>
      <c r="D17" s="499">
        <v>0</v>
      </c>
      <c r="E17" s="499">
        <v>0</v>
      </c>
      <c r="F17" s="499">
        <v>3</v>
      </c>
    </row>
    <row r="18" spans="2:6" x14ac:dyDescent="0.2">
      <c r="B18" s="597" t="s">
        <v>1395</v>
      </c>
      <c r="C18" s="1191" t="s">
        <v>63</v>
      </c>
      <c r="D18" s="1191" t="s">
        <v>63</v>
      </c>
      <c r="E18" s="1191">
        <v>8</v>
      </c>
      <c r="F18" s="597">
        <v>8</v>
      </c>
    </row>
    <row r="19" spans="2:6" x14ac:dyDescent="0.2">
      <c r="C19" s="34"/>
      <c r="D19" s="34"/>
      <c r="E19" s="34"/>
    </row>
    <row r="20" spans="2:6" ht="15" x14ac:dyDescent="0.25">
      <c r="C20" s="34"/>
      <c r="D20" s="34"/>
      <c r="E20" s="1192" t="s">
        <v>1404</v>
      </c>
      <c r="F20" s="1193">
        <f>SUM(F15:F19)</f>
        <v>11</v>
      </c>
    </row>
  </sheetData>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D1FFDCC-B439-4DDC-8436-E89C3104F8DA}">
  <dimension ref="A3:J30"/>
  <sheetViews>
    <sheetView workbookViewId="0">
      <selection activeCell="D24" sqref="D24"/>
    </sheetView>
  </sheetViews>
  <sheetFormatPr defaultRowHeight="14.25" x14ac:dyDescent="0.2"/>
  <cols>
    <col min="1" max="1" width="34.25" bestFit="1" customWidth="1"/>
    <col min="2" max="2" width="16.25" bestFit="1" customWidth="1"/>
    <col min="3" max="4" width="19.25" bestFit="1" customWidth="1"/>
    <col min="5" max="5" width="21.25" bestFit="1" customWidth="1"/>
    <col min="6" max="6" width="23.75" bestFit="1" customWidth="1"/>
    <col min="7" max="7" width="18.25" style="34" bestFit="1" customWidth="1"/>
    <col min="8" max="8" width="11.25" style="34" bestFit="1" customWidth="1"/>
    <col min="9" max="9" width="18.25" style="34" bestFit="1" customWidth="1"/>
    <col min="10" max="10" width="8.75" bestFit="1" customWidth="1"/>
    <col min="11" max="11" width="11.25" bestFit="1" customWidth="1"/>
    <col min="12" max="12" width="9.625" bestFit="1" customWidth="1"/>
    <col min="13" max="13" width="18.25" bestFit="1" customWidth="1"/>
    <col min="14" max="14" width="8.75" bestFit="1" customWidth="1"/>
    <col min="15" max="15" width="11.25" bestFit="1" customWidth="1"/>
    <col min="16" max="16" width="27.625" bestFit="1" customWidth="1"/>
    <col min="17" max="17" width="23.125" bestFit="1" customWidth="1"/>
    <col min="18" max="19" width="19.25" bestFit="1" customWidth="1"/>
    <col min="20" max="20" width="9.625" bestFit="1" customWidth="1"/>
    <col min="21" max="21" width="25.125" bestFit="1" customWidth="1"/>
    <col min="22" max="22" width="20.625" bestFit="1" customWidth="1"/>
    <col min="23" max="23" width="24.25" bestFit="1" customWidth="1"/>
    <col min="24" max="24" width="26.75" bestFit="1" customWidth="1"/>
    <col min="25" max="25" width="11.25" bestFit="1" customWidth="1"/>
  </cols>
  <sheetData>
    <row r="3" spans="1:10" x14ac:dyDescent="0.2">
      <c r="A3" s="152" t="s">
        <v>1406</v>
      </c>
      <c r="B3" s="152" t="s">
        <v>1407</v>
      </c>
      <c r="G3"/>
      <c r="H3"/>
      <c r="I3"/>
    </row>
    <row r="4" spans="1:10" x14ac:dyDescent="0.2">
      <c r="A4" s="152" t="s">
        <v>1322</v>
      </c>
      <c r="B4" t="s">
        <v>54</v>
      </c>
      <c r="C4" t="s">
        <v>211</v>
      </c>
      <c r="D4" t="s">
        <v>1331</v>
      </c>
      <c r="E4" t="s">
        <v>1341</v>
      </c>
      <c r="F4" t="s">
        <v>1346</v>
      </c>
      <c r="G4" t="s">
        <v>279</v>
      </c>
      <c r="H4" t="s">
        <v>1355</v>
      </c>
      <c r="I4"/>
    </row>
    <row r="5" spans="1:10" x14ac:dyDescent="0.2">
      <c r="A5" s="153" t="s">
        <v>63</v>
      </c>
      <c r="B5">
        <v>1</v>
      </c>
      <c r="E5">
        <v>1</v>
      </c>
      <c r="F5">
        <v>5</v>
      </c>
      <c r="G5">
        <v>1</v>
      </c>
      <c r="H5">
        <v>8</v>
      </c>
      <c r="I5"/>
    </row>
    <row r="6" spans="1:10" x14ac:dyDescent="0.2">
      <c r="A6" s="1188" t="s">
        <v>63</v>
      </c>
      <c r="B6">
        <v>1</v>
      </c>
      <c r="E6">
        <v>1</v>
      </c>
      <c r="F6">
        <v>5</v>
      </c>
      <c r="G6">
        <v>1</v>
      </c>
      <c r="H6">
        <v>8</v>
      </c>
      <c r="I6"/>
    </row>
    <row r="7" spans="1:10" x14ac:dyDescent="0.2">
      <c r="A7" s="153" t="s">
        <v>1408</v>
      </c>
      <c r="B7">
        <v>1</v>
      </c>
      <c r="C7">
        <v>1</v>
      </c>
      <c r="D7">
        <v>1</v>
      </c>
      <c r="G7"/>
      <c r="H7">
        <v>3</v>
      </c>
      <c r="I7"/>
    </row>
    <row r="8" spans="1:10" x14ac:dyDescent="0.2">
      <c r="A8" s="1188" t="s">
        <v>1409</v>
      </c>
      <c r="B8">
        <v>1</v>
      </c>
      <c r="C8">
        <v>1</v>
      </c>
      <c r="D8">
        <v>1</v>
      </c>
      <c r="G8"/>
      <c r="H8">
        <v>3</v>
      </c>
      <c r="I8"/>
    </row>
    <row r="9" spans="1:10" x14ac:dyDescent="0.2">
      <c r="A9" s="153" t="s">
        <v>1355</v>
      </c>
      <c r="B9">
        <v>2</v>
      </c>
      <c r="C9">
        <v>1</v>
      </c>
      <c r="D9">
        <v>1</v>
      </c>
      <c r="E9">
        <v>1</v>
      </c>
      <c r="F9">
        <v>5</v>
      </c>
      <c r="G9">
        <v>1</v>
      </c>
      <c r="H9">
        <v>11</v>
      </c>
    </row>
    <row r="14" spans="1:10" ht="45" x14ac:dyDescent="0.25">
      <c r="F14" s="1189" t="s">
        <v>655</v>
      </c>
      <c r="G14" s="1190" t="s">
        <v>1398</v>
      </c>
      <c r="H14" s="1190" t="s">
        <v>1399</v>
      </c>
      <c r="I14" s="1190" t="s">
        <v>1400</v>
      </c>
      <c r="J14" s="1189" t="s">
        <v>1379</v>
      </c>
    </row>
    <row r="15" spans="1:10" x14ac:dyDescent="0.2">
      <c r="F15" s="597" t="s">
        <v>1401</v>
      </c>
      <c r="G15" s="499">
        <v>10</v>
      </c>
      <c r="H15" s="499">
        <v>0</v>
      </c>
      <c r="I15" s="499">
        <v>1</v>
      </c>
      <c r="J15" s="597">
        <v>11</v>
      </c>
    </row>
    <row r="16" spans="1:10" x14ac:dyDescent="0.2">
      <c r="F16" s="597" t="s">
        <v>1402</v>
      </c>
      <c r="G16" s="499">
        <v>17</v>
      </c>
      <c r="H16" s="499">
        <v>0</v>
      </c>
      <c r="I16" s="499">
        <v>0</v>
      </c>
      <c r="J16" s="597">
        <v>17</v>
      </c>
    </row>
    <row r="17" spans="6:10" x14ac:dyDescent="0.2">
      <c r="F17" s="597" t="s">
        <v>1403</v>
      </c>
      <c r="G17" s="499">
        <v>104</v>
      </c>
      <c r="H17" s="499">
        <v>0</v>
      </c>
      <c r="I17" s="499">
        <v>33</v>
      </c>
      <c r="J17" s="597">
        <v>137</v>
      </c>
    </row>
    <row r="18" spans="6:10" x14ac:dyDescent="0.2">
      <c r="F18" s="597" t="s">
        <v>1395</v>
      </c>
      <c r="G18" s="1191" t="s">
        <v>63</v>
      </c>
      <c r="H18" s="1191" t="s">
        <v>63</v>
      </c>
      <c r="I18" s="1191" t="s">
        <v>63</v>
      </c>
      <c r="J18" s="597">
        <v>16</v>
      </c>
    </row>
    <row r="20" spans="6:10" ht="15" x14ac:dyDescent="0.25">
      <c r="I20" s="1192" t="s">
        <v>1404</v>
      </c>
      <c r="J20" s="1193">
        <f>SUM(J15:J19)</f>
        <v>181</v>
      </c>
    </row>
    <row r="24" spans="6:10" ht="45" x14ac:dyDescent="0.25">
      <c r="F24" s="1190" t="s">
        <v>1405</v>
      </c>
      <c r="G24" s="1190" t="s">
        <v>1398</v>
      </c>
      <c r="H24" s="1190" t="s">
        <v>1399</v>
      </c>
      <c r="I24" s="1190" t="s">
        <v>1400</v>
      </c>
      <c r="J24" s="1189" t="s">
        <v>1379</v>
      </c>
    </row>
    <row r="25" spans="6:10" x14ac:dyDescent="0.2">
      <c r="F25" s="597" t="s">
        <v>1401</v>
      </c>
      <c r="G25" s="499">
        <v>0</v>
      </c>
      <c r="H25" s="499">
        <v>0</v>
      </c>
      <c r="I25" s="499">
        <v>0</v>
      </c>
      <c r="J25" s="597">
        <v>0</v>
      </c>
    </row>
    <row r="26" spans="6:10" x14ac:dyDescent="0.2">
      <c r="F26" s="597" t="s">
        <v>1402</v>
      </c>
      <c r="G26" s="499">
        <v>0</v>
      </c>
      <c r="H26" s="499">
        <v>0</v>
      </c>
      <c r="I26" s="499">
        <v>0</v>
      </c>
      <c r="J26" s="597">
        <v>0</v>
      </c>
    </row>
    <row r="27" spans="6:10" x14ac:dyDescent="0.2">
      <c r="F27" s="597" t="s">
        <v>1403</v>
      </c>
      <c r="G27" s="499">
        <v>3</v>
      </c>
      <c r="H27" s="499">
        <v>0</v>
      </c>
      <c r="I27" s="499">
        <v>0</v>
      </c>
      <c r="J27" s="499">
        <v>3</v>
      </c>
    </row>
    <row r="28" spans="6:10" x14ac:dyDescent="0.2">
      <c r="F28" s="597" t="s">
        <v>1395</v>
      </c>
      <c r="G28" s="1191" t="s">
        <v>63</v>
      </c>
      <c r="H28" s="1191" t="s">
        <v>63</v>
      </c>
      <c r="I28" s="1191" t="s">
        <v>63</v>
      </c>
      <c r="J28" s="597">
        <v>8</v>
      </c>
    </row>
    <row r="30" spans="6:10" ht="15" x14ac:dyDescent="0.25">
      <c r="I30" s="1192" t="s">
        <v>1404</v>
      </c>
      <c r="J30" s="1193">
        <f>SUM(J25:J29)</f>
        <v>11</v>
      </c>
    </row>
  </sheetData>
  <pageMargins left="0.7" right="0.7" top="0.75" bottom="0.75" header="0.3" footer="0.3"/>
</worksheet>
</file>

<file path=xl/worksheets/sheet9.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FA31C9F-C12F-4579-A3C4-90DBC725F8DC}">
  <dimension ref="A1:CK230"/>
  <sheetViews>
    <sheetView topLeftCell="B2" workbookViewId="0">
      <selection activeCell="G6" sqref="G6"/>
    </sheetView>
  </sheetViews>
  <sheetFormatPr defaultRowHeight="14.25" x14ac:dyDescent="0.2"/>
  <cols>
    <col min="1" max="1" width="0" hidden="1" customWidth="1"/>
    <col min="2" max="3" width="9.75" customWidth="1"/>
    <col min="4" max="4" width="14.25" customWidth="1"/>
    <col min="5" max="5" width="11.25" customWidth="1"/>
    <col min="6" max="6" width="9.625" customWidth="1"/>
    <col min="7" max="7" width="26.25" customWidth="1"/>
    <col min="8" max="9" width="39.875" hidden="1" customWidth="1"/>
    <col min="10" max="10" width="27.875" hidden="1" customWidth="1"/>
    <col min="11" max="11" width="29.25" hidden="1" customWidth="1"/>
    <col min="12" max="15" width="26.25" hidden="1" customWidth="1"/>
    <col min="16" max="16" width="55.125" hidden="1" customWidth="1"/>
    <col min="17" max="18" width="26.25" hidden="1" customWidth="1"/>
    <col min="19" max="21" width="28.125" hidden="1" customWidth="1"/>
    <col min="22" max="22" width="8.75" hidden="1" customWidth="1"/>
    <col min="23" max="23" width="28.75" customWidth="1"/>
    <col min="24" max="24" width="28.875" customWidth="1"/>
    <col min="25" max="25" width="15.125" customWidth="1"/>
    <col min="26" max="33" width="14.25" customWidth="1"/>
    <col min="34" max="34" width="0" hidden="1" customWidth="1"/>
    <col min="35" max="35" width="14.125" customWidth="1"/>
    <col min="36" max="36" width="0" hidden="1" customWidth="1"/>
    <col min="37" max="45" width="14.125" customWidth="1"/>
    <col min="46" max="51" width="0" hidden="1" customWidth="1"/>
    <col min="52" max="52" width="14.125" customWidth="1"/>
    <col min="53" max="59" width="0" hidden="1" customWidth="1"/>
    <col min="60" max="60" width="28" customWidth="1"/>
    <col min="61" max="61" width="28.75" bestFit="1" customWidth="1"/>
    <col min="62" max="62" width="29" bestFit="1" customWidth="1"/>
    <col min="63" max="63" width="18.75" bestFit="1" customWidth="1"/>
    <col min="64" max="64" width="16.125" customWidth="1"/>
    <col min="65" max="65" width="18.875" customWidth="1"/>
    <col min="66" max="66" width="33.875" customWidth="1"/>
    <col min="67" max="67" width="19.625" customWidth="1"/>
    <col min="68" max="89" width="17.375" customWidth="1"/>
  </cols>
  <sheetData>
    <row r="1" spans="1:89" ht="114.75" thickBot="1" x14ac:dyDescent="0.25">
      <c r="A1" s="992"/>
      <c r="B1" s="992"/>
      <c r="C1" s="992"/>
      <c r="D1" s="992"/>
      <c r="E1" s="992"/>
      <c r="F1" s="993"/>
      <c r="G1" s="993"/>
      <c r="H1" s="993"/>
      <c r="I1" s="993"/>
      <c r="J1" s="993"/>
      <c r="K1" s="993"/>
      <c r="L1" s="993"/>
      <c r="M1" s="993"/>
      <c r="N1" s="993"/>
      <c r="O1" s="993"/>
      <c r="P1" s="993"/>
      <c r="Q1" s="993"/>
      <c r="R1" s="993"/>
      <c r="S1" s="993"/>
      <c r="T1" s="993"/>
      <c r="U1" s="993"/>
      <c r="V1" s="994" t="s">
        <v>1410</v>
      </c>
      <c r="W1" s="993"/>
      <c r="X1" s="993"/>
      <c r="Y1" s="995" t="s">
        <v>1411</v>
      </c>
      <c r="Z1" s="995" t="s">
        <v>1411</v>
      </c>
      <c r="AA1" s="995" t="s">
        <v>1411</v>
      </c>
      <c r="AB1" s="995" t="s">
        <v>1411</v>
      </c>
      <c r="AC1" s="995" t="s">
        <v>1411</v>
      </c>
      <c r="AD1" s="995" t="s">
        <v>1411</v>
      </c>
      <c r="AE1" s="995" t="s">
        <v>1411</v>
      </c>
      <c r="AF1" s="995" t="s">
        <v>1411</v>
      </c>
      <c r="AG1" s="995" t="s">
        <v>1411</v>
      </c>
      <c r="AH1" s="996" t="s">
        <v>1412</v>
      </c>
      <c r="AI1" s="995" t="s">
        <v>1411</v>
      </c>
      <c r="AJ1" s="996" t="s">
        <v>1413</v>
      </c>
      <c r="AK1" s="997" t="s">
        <v>1414</v>
      </c>
      <c r="AL1" s="995" t="s">
        <v>1411</v>
      </c>
      <c r="AM1" s="995" t="s">
        <v>1411</v>
      </c>
      <c r="AN1" s="997" t="s">
        <v>1414</v>
      </c>
      <c r="AO1" s="997" t="s">
        <v>1414</v>
      </c>
      <c r="AP1" s="997" t="s">
        <v>1414</v>
      </c>
      <c r="AQ1" s="997" t="s">
        <v>1414</v>
      </c>
      <c r="AR1" s="997" t="s">
        <v>1414</v>
      </c>
      <c r="AS1" s="997" t="s">
        <v>1414</v>
      </c>
      <c r="AT1" s="996" t="s">
        <v>1413</v>
      </c>
      <c r="AU1" s="996" t="s">
        <v>1413</v>
      </c>
      <c r="AV1" s="996" t="s">
        <v>1413</v>
      </c>
      <c r="AW1" s="996" t="s">
        <v>1413</v>
      </c>
      <c r="AX1" s="996" t="s">
        <v>1413</v>
      </c>
      <c r="AY1" s="996" t="s">
        <v>1413</v>
      </c>
      <c r="AZ1" s="995" t="s">
        <v>1411</v>
      </c>
      <c r="BA1" s="996" t="s">
        <v>1415</v>
      </c>
      <c r="BB1" s="996" t="s">
        <v>1415</v>
      </c>
      <c r="BC1" s="996" t="s">
        <v>1415</v>
      </c>
      <c r="BD1" s="996" t="s">
        <v>1415</v>
      </c>
      <c r="BE1" s="996" t="s">
        <v>1415</v>
      </c>
      <c r="BF1" s="996" t="s">
        <v>1415</v>
      </c>
      <c r="BG1" s="996" t="s">
        <v>1415</v>
      </c>
      <c r="BH1" s="993"/>
      <c r="BI1" s="993"/>
      <c r="BJ1" s="993"/>
      <c r="BK1" s="993"/>
      <c r="BL1" s="993"/>
      <c r="BM1" s="993"/>
      <c r="BN1" s="992"/>
      <c r="BO1" s="1127"/>
      <c r="BP1" s="992"/>
      <c r="BQ1" s="995" t="s">
        <v>1411</v>
      </c>
      <c r="BR1" s="995" t="s">
        <v>1411</v>
      </c>
      <c r="BS1" s="995" t="s">
        <v>1411</v>
      </c>
      <c r="BT1" s="995" t="s">
        <v>1411</v>
      </c>
      <c r="BU1" s="995" t="s">
        <v>1411</v>
      </c>
      <c r="BV1" s="995" t="s">
        <v>1411</v>
      </c>
      <c r="BW1" s="995" t="s">
        <v>1411</v>
      </c>
      <c r="BX1" s="995" t="s">
        <v>1411</v>
      </c>
      <c r="BY1" s="995" t="s">
        <v>1411</v>
      </c>
      <c r="BZ1" s="997" t="s">
        <v>1414</v>
      </c>
      <c r="CA1" s="995" t="s">
        <v>1411</v>
      </c>
      <c r="CB1" s="995" t="s">
        <v>1411</v>
      </c>
      <c r="CC1" s="997" t="s">
        <v>1414</v>
      </c>
      <c r="CD1" s="997" t="s">
        <v>1414</v>
      </c>
      <c r="CE1" s="997" t="s">
        <v>1414</v>
      </c>
      <c r="CF1" s="997" t="s">
        <v>1414</v>
      </c>
      <c r="CG1" s="997" t="s">
        <v>1414</v>
      </c>
      <c r="CH1" s="995" t="s">
        <v>1411</v>
      </c>
      <c r="CI1" s="995" t="s">
        <v>1411</v>
      </c>
      <c r="CJ1" s="997" t="s">
        <v>1414</v>
      </c>
      <c r="CK1" s="992"/>
    </row>
    <row r="2" spans="1:89" ht="60" x14ac:dyDescent="0.2">
      <c r="A2" s="992"/>
      <c r="B2" s="1133"/>
      <c r="C2" s="1133"/>
      <c r="D2" s="1133"/>
      <c r="E2" s="1133"/>
      <c r="F2" s="1135" t="s">
        <v>1416</v>
      </c>
      <c r="G2" s="1135" t="s">
        <v>1417</v>
      </c>
      <c r="H2" s="998" t="s">
        <v>1418</v>
      </c>
      <c r="I2" s="998" t="s">
        <v>1419</v>
      </c>
      <c r="J2" s="998" t="s">
        <v>1420</v>
      </c>
      <c r="K2" s="998" t="s">
        <v>1421</v>
      </c>
      <c r="L2" s="998" t="s">
        <v>1422</v>
      </c>
      <c r="M2" s="998" t="s">
        <v>1423</v>
      </c>
      <c r="N2" s="999" t="s">
        <v>1424</v>
      </c>
      <c r="O2" s="998" t="s">
        <v>1425</v>
      </c>
      <c r="P2" s="998" t="s">
        <v>1426</v>
      </c>
      <c r="Q2" s="998" t="s">
        <v>1427</v>
      </c>
      <c r="R2" s="998" t="s">
        <v>1428</v>
      </c>
      <c r="S2" s="998" t="s">
        <v>1429</v>
      </c>
      <c r="T2" s="998" t="s">
        <v>1430</v>
      </c>
      <c r="U2" s="998" t="s">
        <v>1431</v>
      </c>
      <c r="V2" s="998" t="s">
        <v>1432</v>
      </c>
      <c r="W2" s="1000" t="s">
        <v>1433</v>
      </c>
      <c r="X2" s="998" t="s">
        <v>1434</v>
      </c>
      <c r="Y2" s="1001" t="s">
        <v>1435</v>
      </c>
      <c r="Z2" s="1001" t="s">
        <v>1435</v>
      </c>
      <c r="AA2" s="1001" t="s">
        <v>1435</v>
      </c>
      <c r="AB2" s="1001" t="s">
        <v>1435</v>
      </c>
      <c r="AC2" s="1001" t="s">
        <v>1435</v>
      </c>
      <c r="AD2" s="1001" t="s">
        <v>1435</v>
      </c>
      <c r="AE2" s="1001" t="s">
        <v>1435</v>
      </c>
      <c r="AF2" s="1001" t="s">
        <v>1435</v>
      </c>
      <c r="AG2" s="1001" t="s">
        <v>1435</v>
      </c>
      <c r="AH2" s="1001" t="s">
        <v>1435</v>
      </c>
      <c r="AI2" s="1001" t="s">
        <v>1435</v>
      </c>
      <c r="AJ2" s="1001" t="s">
        <v>1435</v>
      </c>
      <c r="AK2" s="1001" t="s">
        <v>1435</v>
      </c>
      <c r="AL2" s="1001" t="s">
        <v>1435</v>
      </c>
      <c r="AM2" s="1001" t="s">
        <v>1435</v>
      </c>
      <c r="AN2" s="1001" t="s">
        <v>1435</v>
      </c>
      <c r="AO2" s="1001" t="s">
        <v>1435</v>
      </c>
      <c r="AP2" s="1001" t="s">
        <v>1435</v>
      </c>
      <c r="AQ2" s="1001" t="s">
        <v>1435</v>
      </c>
      <c r="AR2" s="1001" t="s">
        <v>1435</v>
      </c>
      <c r="AS2" s="1001" t="s">
        <v>1435</v>
      </c>
      <c r="AT2" s="1001" t="s">
        <v>1435</v>
      </c>
      <c r="AU2" s="1001" t="s">
        <v>1435</v>
      </c>
      <c r="AV2" s="1001" t="s">
        <v>1435</v>
      </c>
      <c r="AW2" s="1001" t="s">
        <v>1435</v>
      </c>
      <c r="AX2" s="1001" t="s">
        <v>1435</v>
      </c>
      <c r="AY2" s="1001" t="s">
        <v>1435</v>
      </c>
      <c r="AZ2" s="1001" t="s">
        <v>1436</v>
      </c>
      <c r="BA2" s="1001" t="s">
        <v>1436</v>
      </c>
      <c r="BB2" s="1001" t="s">
        <v>1436</v>
      </c>
      <c r="BC2" s="1001" t="s">
        <v>1436</v>
      </c>
      <c r="BD2" s="1001" t="s">
        <v>1436</v>
      </c>
      <c r="BE2" s="1001" t="s">
        <v>1436</v>
      </c>
      <c r="BF2" s="1001" t="s">
        <v>1436</v>
      </c>
      <c r="BG2" s="1001" t="s">
        <v>1436</v>
      </c>
      <c r="BH2" s="1002" t="s">
        <v>1437</v>
      </c>
      <c r="BI2" s="998" t="s">
        <v>1438</v>
      </c>
      <c r="BJ2" s="998" t="s">
        <v>1439</v>
      </c>
      <c r="BK2" s="1000" t="s">
        <v>1440</v>
      </c>
      <c r="BL2" s="1000" t="s">
        <v>1440</v>
      </c>
      <c r="BM2" s="1003" t="s">
        <v>1440</v>
      </c>
      <c r="BN2" s="1004" t="s">
        <v>1441</v>
      </c>
      <c r="BO2" s="1127"/>
      <c r="BP2" s="998" t="s">
        <v>1442</v>
      </c>
      <c r="BQ2" s="1128" t="s">
        <v>1435</v>
      </c>
      <c r="BR2" s="1001" t="s">
        <v>1435</v>
      </c>
      <c r="BS2" s="1001" t="s">
        <v>1435</v>
      </c>
      <c r="BT2" s="1001" t="s">
        <v>1435</v>
      </c>
      <c r="BU2" s="1001" t="s">
        <v>1435</v>
      </c>
      <c r="BV2" s="1001" t="s">
        <v>1435</v>
      </c>
      <c r="BW2" s="1001" t="s">
        <v>1435</v>
      </c>
      <c r="BX2" s="1001" t="s">
        <v>1435</v>
      </c>
      <c r="BY2" s="1001" t="s">
        <v>1435</v>
      </c>
      <c r="BZ2" s="1001" t="s">
        <v>1435</v>
      </c>
      <c r="CA2" s="1001" t="s">
        <v>1435</v>
      </c>
      <c r="CB2" s="1001" t="s">
        <v>1435</v>
      </c>
      <c r="CC2" s="1001" t="s">
        <v>1435</v>
      </c>
      <c r="CD2" s="1001" t="s">
        <v>1435</v>
      </c>
      <c r="CE2" s="1001" t="s">
        <v>1435</v>
      </c>
      <c r="CF2" s="1001" t="s">
        <v>1435</v>
      </c>
      <c r="CG2" s="1001" t="s">
        <v>1435</v>
      </c>
      <c r="CH2" s="1001" t="s">
        <v>1436</v>
      </c>
      <c r="CI2" s="1001" t="s">
        <v>1435</v>
      </c>
      <c r="CJ2" s="1001" t="s">
        <v>1435</v>
      </c>
      <c r="CK2" s="992"/>
    </row>
    <row r="3" spans="1:89" ht="99" customHeight="1" thickBot="1" x14ac:dyDescent="0.25">
      <c r="A3" s="1005" t="s">
        <v>1443</v>
      </c>
      <c r="B3" s="1134" t="s">
        <v>1444</v>
      </c>
      <c r="C3" s="1134" t="s">
        <v>1445</v>
      </c>
      <c r="D3" s="1134" t="s">
        <v>1446</v>
      </c>
      <c r="E3" s="1134" t="s">
        <v>1447</v>
      </c>
      <c r="F3" s="1136" t="s">
        <v>191</v>
      </c>
      <c r="G3" s="1136" t="s">
        <v>1448</v>
      </c>
      <c r="H3" s="1006" t="s">
        <v>1449</v>
      </c>
      <c r="I3" s="1007" t="s">
        <v>1450</v>
      </c>
      <c r="J3" s="1006" t="s">
        <v>1420</v>
      </c>
      <c r="K3" s="1006" t="s">
        <v>1421</v>
      </c>
      <c r="L3" s="1006" t="s">
        <v>1451</v>
      </c>
      <c r="M3" s="1006" t="s">
        <v>1451</v>
      </c>
      <c r="N3" s="1008" t="s">
        <v>1452</v>
      </c>
      <c r="O3" s="1006" t="s">
        <v>1451</v>
      </c>
      <c r="P3" s="1006" t="s">
        <v>1453</v>
      </c>
      <c r="Q3" s="1006" t="s">
        <v>1451</v>
      </c>
      <c r="R3" s="1006" t="s">
        <v>1451</v>
      </c>
      <c r="S3" s="1006" t="s">
        <v>1454</v>
      </c>
      <c r="T3" s="1006" t="s">
        <v>1455</v>
      </c>
      <c r="U3" s="1006" t="s">
        <v>1456</v>
      </c>
      <c r="V3" s="1006" t="s">
        <v>1457</v>
      </c>
      <c r="W3" s="1009"/>
      <c r="X3" s="1010" t="s">
        <v>1458</v>
      </c>
      <c r="Y3" s="1011" t="s">
        <v>1459</v>
      </c>
      <c r="Z3" s="1011" t="s">
        <v>1460</v>
      </c>
      <c r="AA3" s="1011" t="s">
        <v>1461</v>
      </c>
      <c r="AB3" s="1011" t="s">
        <v>1462</v>
      </c>
      <c r="AC3" s="1011" t="s">
        <v>1463</v>
      </c>
      <c r="AD3" s="1011" t="s">
        <v>1464</v>
      </c>
      <c r="AE3" s="1011" t="s">
        <v>1465</v>
      </c>
      <c r="AF3" s="1011" t="s">
        <v>1466</v>
      </c>
      <c r="AG3" s="1011" t="s">
        <v>1467</v>
      </c>
      <c r="AH3" s="1011" t="s">
        <v>1468</v>
      </c>
      <c r="AI3" s="1011" t="s">
        <v>1469</v>
      </c>
      <c r="AJ3" s="1011" t="s">
        <v>1470</v>
      </c>
      <c r="AK3" s="1011" t="s">
        <v>1470</v>
      </c>
      <c r="AL3" s="1011" t="s">
        <v>1471</v>
      </c>
      <c r="AM3" s="1011" t="s">
        <v>1472</v>
      </c>
      <c r="AN3" s="1011" t="s">
        <v>1473</v>
      </c>
      <c r="AO3" s="1011" t="s">
        <v>1474</v>
      </c>
      <c r="AP3" s="1011" t="s">
        <v>1475</v>
      </c>
      <c r="AQ3" s="1011" t="s">
        <v>1476</v>
      </c>
      <c r="AR3" s="1011" t="s">
        <v>1477</v>
      </c>
      <c r="AS3" s="1011" t="s">
        <v>1478</v>
      </c>
      <c r="AT3" s="1011" t="s">
        <v>1473</v>
      </c>
      <c r="AU3" s="1011" t="s">
        <v>1474</v>
      </c>
      <c r="AV3" s="1011" t="s">
        <v>1475</v>
      </c>
      <c r="AW3" s="1011" t="s">
        <v>1476</v>
      </c>
      <c r="AX3" s="1011" t="s">
        <v>1477</v>
      </c>
      <c r="AY3" s="1011" t="s">
        <v>1478</v>
      </c>
      <c r="AZ3" s="1011" t="s">
        <v>1468</v>
      </c>
      <c r="BA3" s="1011" t="s">
        <v>1459</v>
      </c>
      <c r="BB3" s="1011" t="s">
        <v>1467</v>
      </c>
      <c r="BC3" s="1011" t="s">
        <v>1469</v>
      </c>
      <c r="BD3" s="1011" t="s">
        <v>1470</v>
      </c>
      <c r="BE3" s="1011" t="s">
        <v>1463</v>
      </c>
      <c r="BF3" s="1011" t="s">
        <v>1476</v>
      </c>
      <c r="BG3" s="1011" t="s">
        <v>1476</v>
      </c>
      <c r="BH3" s="1012" t="s">
        <v>1479</v>
      </c>
      <c r="BI3" s="1006" t="s">
        <v>1480</v>
      </c>
      <c r="BJ3" s="1006" t="s">
        <v>1481</v>
      </c>
      <c r="BK3" s="1009" t="s">
        <v>1482</v>
      </c>
      <c r="BL3" s="1013"/>
      <c r="BM3" s="1007"/>
      <c r="BN3" s="1014" t="s">
        <v>1483</v>
      </c>
      <c r="BO3" s="1127" t="s">
        <v>1484</v>
      </c>
      <c r="BP3" s="992"/>
      <c r="BQ3" s="1011" t="s">
        <v>1460</v>
      </c>
      <c r="BR3" s="1011" t="s">
        <v>1461</v>
      </c>
      <c r="BS3" s="1011" t="s">
        <v>1462</v>
      </c>
      <c r="BT3" s="1011" t="s">
        <v>1463</v>
      </c>
      <c r="BU3" s="1011" t="s">
        <v>1464</v>
      </c>
      <c r="BV3" s="1011" t="s">
        <v>1465</v>
      </c>
      <c r="BW3" s="1011" t="s">
        <v>1466</v>
      </c>
      <c r="BX3" s="1011" t="s">
        <v>1467</v>
      </c>
      <c r="BY3" s="1011" t="s">
        <v>1469</v>
      </c>
      <c r="BZ3" s="1011" t="s">
        <v>1470</v>
      </c>
      <c r="CA3" s="1011" t="s">
        <v>1471</v>
      </c>
      <c r="CB3" s="1011" t="s">
        <v>1472</v>
      </c>
      <c r="CC3" s="1011" t="s">
        <v>1473</v>
      </c>
      <c r="CD3" s="1011" t="s">
        <v>1474</v>
      </c>
      <c r="CE3" s="1011" t="s">
        <v>1475</v>
      </c>
      <c r="CF3" s="1011" t="s">
        <v>1477</v>
      </c>
      <c r="CG3" s="1011" t="s">
        <v>1478</v>
      </c>
      <c r="CH3" s="1011" t="s">
        <v>1468</v>
      </c>
      <c r="CI3" s="1011" t="s">
        <v>1459</v>
      </c>
      <c r="CJ3" s="1011" t="s">
        <v>1476</v>
      </c>
      <c r="CK3" s="1129" t="s">
        <v>1485</v>
      </c>
    </row>
    <row r="4" spans="1:89" ht="75" x14ac:dyDescent="0.2">
      <c r="A4" s="992"/>
      <c r="B4" s="1126" t="s">
        <v>66</v>
      </c>
      <c r="C4" s="1126"/>
      <c r="D4" s="1126"/>
      <c r="E4" s="1126"/>
      <c r="F4" s="1026" t="s">
        <v>1486</v>
      </c>
      <c r="G4" s="1026" t="s">
        <v>831</v>
      </c>
      <c r="H4" s="1015" t="s">
        <v>832</v>
      </c>
      <c r="I4" s="1015" t="s">
        <v>1487</v>
      </c>
      <c r="J4" s="1015">
        <v>51.767179280000001</v>
      </c>
      <c r="K4" s="1015">
        <v>-0.45673127299999999</v>
      </c>
      <c r="L4" s="1015" t="s">
        <v>1488</v>
      </c>
      <c r="M4" s="1015" t="s">
        <v>1489</v>
      </c>
      <c r="N4" s="1015">
        <v>2</v>
      </c>
      <c r="O4" s="1015" t="s">
        <v>830</v>
      </c>
      <c r="P4" s="1015" t="s">
        <v>1490</v>
      </c>
      <c r="Q4" s="1015" t="s">
        <v>1491</v>
      </c>
      <c r="R4" s="1015" t="s">
        <v>1492</v>
      </c>
      <c r="S4" s="1015" t="s">
        <v>1493</v>
      </c>
      <c r="T4" s="1015" t="s">
        <v>1494</v>
      </c>
      <c r="U4" s="1016" t="str">
        <f>_xlfn.XLOOKUP(F4, [4]GIS!D:D, [4]GIS!E:E, "Not mapped")</f>
        <v>Multiple - Scenario 1</v>
      </c>
      <c r="V4" s="1017" t="s">
        <v>1495</v>
      </c>
      <c r="W4" s="1018" t="s">
        <v>1496</v>
      </c>
      <c r="X4" s="1019" t="s">
        <v>1497</v>
      </c>
      <c r="Y4" s="1020" t="s">
        <v>1498</v>
      </c>
      <c r="Z4" s="1020" t="s">
        <v>1498</v>
      </c>
      <c r="AA4" s="1020" t="s">
        <v>1498</v>
      </c>
      <c r="AB4" s="1020" t="s">
        <v>1498</v>
      </c>
      <c r="AC4" s="1020" t="s">
        <v>1498</v>
      </c>
      <c r="AD4" s="1020" t="s">
        <v>1498</v>
      </c>
      <c r="AE4" s="1020" t="s">
        <v>1498</v>
      </c>
      <c r="AF4" s="1020" t="s">
        <v>1498</v>
      </c>
      <c r="AG4" s="1020" t="s">
        <v>1498</v>
      </c>
      <c r="AH4" s="1020" t="s">
        <v>1498</v>
      </c>
      <c r="AI4" s="1020" t="s">
        <v>1498</v>
      </c>
      <c r="AJ4" s="1020" t="s">
        <v>1498</v>
      </c>
      <c r="AK4" s="1020" t="str">
        <f>IF(AJ4="n/a","n/a",ROUND((AJ4*[4]TripRateCalculations!$V$6),0))</f>
        <v>n/a</v>
      </c>
      <c r="AL4" s="1020" t="s">
        <v>1498</v>
      </c>
      <c r="AM4" s="1020" t="s">
        <v>1498</v>
      </c>
      <c r="AN4" s="1020" t="str">
        <f>IF(AT4="n/a","n/a",ROUND((AT4*[4]TripRateCalculations!N$4),0))</f>
        <v>n/a</v>
      </c>
      <c r="AO4" s="1020" t="str">
        <f>IF(AU4="n/a","n/a",ROUND((AU4*[4]TripRateCalculations!O$4),0))</f>
        <v>n/a</v>
      </c>
      <c r="AP4" s="1020" t="str">
        <f>IF(AV4="n/a","n/a",ROUND((AV4*[4]TripRateCalculations!P$4),0))</f>
        <v>n/a</v>
      </c>
      <c r="AQ4" s="1020" t="str">
        <f>IF(AW4="n/a","n/a",ROUND((AW4*[4]TripRateCalculations!Q$4),0))</f>
        <v>n/a</v>
      </c>
      <c r="AR4" s="1020" t="str">
        <f>IF(AX4="n/a","n/a",ROUND((AX4*[4]TripRateCalculations!R$4),0))</f>
        <v>n/a</v>
      </c>
      <c r="AS4" s="1020" t="str">
        <f>IF(AY4="n/a","n/a",ROUND((AY4*[4]TripRateCalculations!S$4),0))</f>
        <v>n/a</v>
      </c>
      <c r="AT4" s="1020" t="s">
        <v>1498</v>
      </c>
      <c r="AU4" s="1020" t="s">
        <v>1498</v>
      </c>
      <c r="AV4" s="1020" t="s">
        <v>1498</v>
      </c>
      <c r="AW4" s="1020" t="s">
        <v>1498</v>
      </c>
      <c r="AX4" s="1020" t="s">
        <v>1498</v>
      </c>
      <c r="AY4" s="1020" t="s">
        <v>1498</v>
      </c>
      <c r="AZ4" s="1020" t="s">
        <v>1498</v>
      </c>
      <c r="BA4" s="1020" t="s">
        <v>1498</v>
      </c>
      <c r="BB4" s="1020" t="s">
        <v>1498</v>
      </c>
      <c r="BC4" s="1020" t="s">
        <v>1498</v>
      </c>
      <c r="BD4" s="1020" t="s">
        <v>1498</v>
      </c>
      <c r="BE4" s="1020" t="s">
        <v>1498</v>
      </c>
      <c r="BF4" s="1020" t="s">
        <v>1498</v>
      </c>
      <c r="BG4" s="1020" t="str">
        <f>IF(BF4="n/a","n/a",ROUND((BF4*[4]TripRateCalculations!Q$4),0))</f>
        <v>n/a</v>
      </c>
      <c r="BH4" s="1021" t="s">
        <v>1499</v>
      </c>
      <c r="BI4" s="1015" t="s">
        <v>834</v>
      </c>
      <c r="BJ4" s="1015" t="s">
        <v>53</v>
      </c>
      <c r="BK4" s="1022">
        <v>370629.19</v>
      </c>
      <c r="BL4" s="1023">
        <v>0</v>
      </c>
      <c r="BM4" s="1024" t="s">
        <v>1500</v>
      </c>
      <c r="BN4" s="1025" t="s">
        <v>1501</v>
      </c>
      <c r="BO4" s="1130">
        <v>370629.19</v>
      </c>
      <c r="BP4" s="992"/>
      <c r="BQ4" s="1131" t="e">
        <f t="shared" ref="BQ4:BQ8" si="0">Z4/(SUM($Y4:$BG4)-SUM(AH4,AJ4,AT4:AY4,BA4:BG4))</f>
        <v>#VALUE!</v>
      </c>
      <c r="BR4" s="1131" t="e">
        <f t="shared" ref="BR4:BR8" si="1">AA4/(SUM($Y4:$BG4)-SUM(AH4,AJ4,AT4:AY4,BA4:BG4))</f>
        <v>#VALUE!</v>
      </c>
      <c r="BS4" s="1131" t="e">
        <f t="shared" ref="BS4:BS8" si="2">AB4/(SUM($Y4:$BG4)-SUM(AH4,AJ4,AT4:AY4,BA4:BG4))</f>
        <v>#VALUE!</v>
      </c>
      <c r="BT4" s="1131" t="e">
        <f t="shared" ref="BT4:BT8" si="3">AC4/(SUM($Y4:$BG4)-SUM(AH4,AJ4,AT4:AY4,BA4:BG4))</f>
        <v>#VALUE!</v>
      </c>
      <c r="BU4" s="1131" t="e">
        <f t="shared" ref="BU4:BU8" si="4">AD4/(SUM($Y4:$BG4)-SUM(AH4,AJ4,AT4:AY4,BA4:BG4))</f>
        <v>#VALUE!</v>
      </c>
      <c r="BV4" s="1131" t="e">
        <f t="shared" ref="BV4:BV8" si="5">AE4/(SUM($Y4:$BG4)-SUM(AH4,AJ4,AT4:AY4,BA4:BG4))</f>
        <v>#VALUE!</v>
      </c>
      <c r="BW4" s="1131" t="e">
        <f t="shared" ref="BW4:BW8" si="6">AF4/(SUM($Y4:$BG4)-SUM(AH4,AJ4,AT4:AY4,BA4:BG4))</f>
        <v>#VALUE!</v>
      </c>
      <c r="BX4" s="1131" t="e">
        <f t="shared" ref="BX4:BX8" si="7">AG4/(SUM($Y4:$BG4)-SUM(AH4,AJ4,AT4:AY4,BA4:BG4))</f>
        <v>#VALUE!</v>
      </c>
      <c r="BY4" s="1131" t="e">
        <f t="shared" ref="BY4:BY8" si="8">AI4/(SUM($Y4:$BG4)-SUM(AH4,AJ4,AT4:AY4,BA4:BG4))</f>
        <v>#VALUE!</v>
      </c>
      <c r="BZ4" s="1131" t="e">
        <f t="shared" ref="BZ4:BZ8" si="9">AK4/(SUM($Y4:$BG4)-SUM(AH4,AJ4,AT4:AY4,BA4:BG4))</f>
        <v>#VALUE!</v>
      </c>
      <c r="CA4" s="1131" t="e">
        <f t="shared" ref="CA4:CA8" si="10">AL4/(SUM($Y4:$BG4)-SUM(AH4,AJ4,AT4:AY4,BA4:BG4))</f>
        <v>#VALUE!</v>
      </c>
      <c r="CB4" s="1131" t="e">
        <f t="shared" ref="CB4:CB8" si="11">AM4/(SUM($Y4:$BG4)-SUM(AH4,AJ4,AT4:AY4,BA4:BG4))</f>
        <v>#VALUE!</v>
      </c>
      <c r="CC4" s="1131" t="e">
        <f t="shared" ref="CC4:CC8" si="12">AN4/(SUM($Y4:$BG4)-SUM(AH4,AJ4,AT4:AY4,BA4:BG4))</f>
        <v>#VALUE!</v>
      </c>
      <c r="CD4" s="1131" t="e">
        <f t="shared" ref="CD4:CD8" si="13">AO4/(SUM($Y4:$BG4)-SUM(AH4,AJ4,AT4:AY4,BA4:BG4))</f>
        <v>#VALUE!</v>
      </c>
      <c r="CE4" s="1131" t="e">
        <f t="shared" ref="CE4:CE8" si="14">AP4/(SUM($Y4:$BG4)-SUM(AH4,AJ4,AT4:AY4,BA4:BG4))</f>
        <v>#VALUE!</v>
      </c>
      <c r="CF4" s="1131" t="e">
        <f t="shared" ref="CF4:CF8" si="15">AR4/(SUM($Y4:$BG4)-SUM(AH4,AJ4,AT4:AY4,BA4:BG4))</f>
        <v>#VALUE!</v>
      </c>
      <c r="CG4" s="1131" t="e">
        <f t="shared" ref="CG4:CG8" si="16">AS4/(SUM($Y4:$BG4)-SUM(AH4,AJ4,AT4:AY4,BA4:BG4))</f>
        <v>#VALUE!</v>
      </c>
      <c r="CH4" s="1131" t="e">
        <f t="shared" ref="CH4:CH8" si="17">AZ4/(SUM($Y4:$BG4)-SUM(AH4,AJ4,AT4:AY4,BA4:BG4))</f>
        <v>#VALUE!</v>
      </c>
      <c r="CI4" s="1131" t="e">
        <f t="shared" ref="CI4:CI8" si="18">Y4/(SUM($Y4:$BG4)-SUM(AH4,AJ4,AT4:AY4,BA4:BG4))</f>
        <v>#VALUE!</v>
      </c>
      <c r="CJ4" s="1131" t="e">
        <f t="shared" ref="CJ4:CJ8" si="19">AQ4/(SUM($Y4:$BG4)-SUM(AH4,AJ4,AT4:AY4,BA4:BG4))</f>
        <v>#VALUE!</v>
      </c>
      <c r="CK4" s="1132" t="str">
        <f>IFERROR(SUM(BQ4:CJ4),"n/a")</f>
        <v>n/a</v>
      </c>
    </row>
    <row r="5" spans="1:89" ht="75" x14ac:dyDescent="0.2">
      <c r="A5" s="992"/>
      <c r="B5" s="1126" t="s">
        <v>66</v>
      </c>
      <c r="C5" s="1126"/>
      <c r="D5" s="1126"/>
      <c r="E5" s="1126"/>
      <c r="F5" s="1026" t="s">
        <v>1502</v>
      </c>
      <c r="G5" s="1026" t="s">
        <v>835</v>
      </c>
      <c r="H5" s="1026" t="s">
        <v>836</v>
      </c>
      <c r="I5" s="1026" t="s">
        <v>1503</v>
      </c>
      <c r="J5" s="1026">
        <v>51.759415990000001</v>
      </c>
      <c r="K5" s="1026">
        <v>-0.46255637900000002</v>
      </c>
      <c r="L5" s="1026" t="s">
        <v>1488</v>
      </c>
      <c r="M5" s="1026" t="s">
        <v>1489</v>
      </c>
      <c r="N5" s="1026">
        <v>2</v>
      </c>
      <c r="O5" s="1026" t="s">
        <v>830</v>
      </c>
      <c r="P5" s="1026" t="s">
        <v>1490</v>
      </c>
      <c r="Q5" s="1026" t="s">
        <v>1491</v>
      </c>
      <c r="R5" s="1026" t="s">
        <v>1492</v>
      </c>
      <c r="S5" s="1026" t="s">
        <v>1493</v>
      </c>
      <c r="T5" s="1026" t="s">
        <v>1504</v>
      </c>
      <c r="U5" s="1016" t="str">
        <f>_xlfn.XLOOKUP(F5, [4]GIS!D:D, [4]GIS!E:E, "Not mapped")</f>
        <v>Multiple - Scenario 1</v>
      </c>
      <c r="V5" s="1017" t="s">
        <v>1495</v>
      </c>
      <c r="W5" s="1018" t="s">
        <v>1496</v>
      </c>
      <c r="X5" s="1019" t="s">
        <v>1497</v>
      </c>
      <c r="Y5" s="1020" t="s">
        <v>1498</v>
      </c>
      <c r="Z5" s="1020" t="s">
        <v>1498</v>
      </c>
      <c r="AA5" s="1020" t="s">
        <v>1498</v>
      </c>
      <c r="AB5" s="1020" t="s">
        <v>1498</v>
      </c>
      <c r="AC5" s="1020" t="s">
        <v>1498</v>
      </c>
      <c r="AD5" s="1020" t="s">
        <v>1498</v>
      </c>
      <c r="AE5" s="1020" t="s">
        <v>1498</v>
      </c>
      <c r="AF5" s="1020" t="s">
        <v>1498</v>
      </c>
      <c r="AG5" s="1020" t="s">
        <v>1498</v>
      </c>
      <c r="AH5" s="1020" t="s">
        <v>1498</v>
      </c>
      <c r="AI5" s="1020" t="s">
        <v>1498</v>
      </c>
      <c r="AJ5" s="1020" t="s">
        <v>1498</v>
      </c>
      <c r="AK5" s="1020" t="str">
        <f>IF(AJ5="n/a","n/a",ROUND((AJ5*[4]TripRateCalculations!$V$6),0))</f>
        <v>n/a</v>
      </c>
      <c r="AL5" s="1020" t="s">
        <v>1498</v>
      </c>
      <c r="AM5" s="1020" t="s">
        <v>1498</v>
      </c>
      <c r="AN5" s="1020" t="str">
        <f>IF(AT5="n/a","n/a",ROUND((AT5*[4]TripRateCalculations!N$4),0))</f>
        <v>n/a</v>
      </c>
      <c r="AO5" s="1020" t="str">
        <f>IF(AU5="n/a","n/a",ROUND((AU5*[4]TripRateCalculations!O$4),0))</f>
        <v>n/a</v>
      </c>
      <c r="AP5" s="1020" t="s">
        <v>1505</v>
      </c>
      <c r="AQ5" s="1020" t="str">
        <f>IF(AW5="n/a","n/a",ROUND((AW5*[4]TripRateCalculations!Q$4),0))</f>
        <v>n/a</v>
      </c>
      <c r="AR5" s="1020" t="str">
        <f>IF(AX5="n/a","n/a",ROUND((AX5*[4]TripRateCalculations!R$4),0))</f>
        <v>n/a</v>
      </c>
      <c r="AS5" s="1020" t="str">
        <f>IF(AY5="n/a","n/a",ROUND((AY5*[4]TripRateCalculations!S$4),0))</f>
        <v>n/a</v>
      </c>
      <c r="AT5" s="1020" t="s">
        <v>1498</v>
      </c>
      <c r="AU5" s="1020" t="s">
        <v>1498</v>
      </c>
      <c r="AV5" s="1020" t="s">
        <v>1498</v>
      </c>
      <c r="AW5" s="1020" t="s">
        <v>1498</v>
      </c>
      <c r="AX5" s="1020" t="s">
        <v>1498</v>
      </c>
      <c r="AY5" s="1020" t="s">
        <v>1498</v>
      </c>
      <c r="AZ5" s="1020" t="s">
        <v>1498</v>
      </c>
      <c r="BA5" s="1020" t="s">
        <v>1498</v>
      </c>
      <c r="BB5" s="1020" t="s">
        <v>1498</v>
      </c>
      <c r="BC5" s="1020" t="s">
        <v>1498</v>
      </c>
      <c r="BD5" s="1020" t="s">
        <v>1498</v>
      </c>
      <c r="BE5" s="1020" t="s">
        <v>1498</v>
      </c>
      <c r="BF5" s="1020" t="s">
        <v>1498</v>
      </c>
      <c r="BG5" s="1020" t="str">
        <f>IF(BF5="n/a","n/a",ROUND((BF5*[4]TripRateCalculations!Q$4),0))</f>
        <v>n/a</v>
      </c>
      <c r="BH5" s="1027" t="s">
        <v>1499</v>
      </c>
      <c r="BI5" s="1026" t="s">
        <v>834</v>
      </c>
      <c r="BJ5" s="1026" t="s">
        <v>53</v>
      </c>
      <c r="BK5" s="1028">
        <v>370629.19</v>
      </c>
      <c r="BL5" s="1029">
        <v>1</v>
      </c>
      <c r="BM5" s="1030">
        <v>4</v>
      </c>
      <c r="BN5" s="1025" t="s">
        <v>1501</v>
      </c>
      <c r="BO5" s="1130">
        <v>370629.19</v>
      </c>
      <c r="BP5" s="992"/>
      <c r="BQ5" s="1131" t="e">
        <f t="shared" si="0"/>
        <v>#VALUE!</v>
      </c>
      <c r="BR5" s="1131" t="e">
        <f t="shared" si="1"/>
        <v>#VALUE!</v>
      </c>
      <c r="BS5" s="1131" t="e">
        <f t="shared" si="2"/>
        <v>#VALUE!</v>
      </c>
      <c r="BT5" s="1131" t="e">
        <f t="shared" si="3"/>
        <v>#VALUE!</v>
      </c>
      <c r="BU5" s="1131" t="e">
        <f t="shared" si="4"/>
        <v>#VALUE!</v>
      </c>
      <c r="BV5" s="1131" t="e">
        <f t="shared" si="5"/>
        <v>#VALUE!</v>
      </c>
      <c r="BW5" s="1131" t="e">
        <f t="shared" si="6"/>
        <v>#VALUE!</v>
      </c>
      <c r="BX5" s="1131" t="e">
        <f t="shared" si="7"/>
        <v>#VALUE!</v>
      </c>
      <c r="BY5" s="1131" t="e">
        <f t="shared" si="8"/>
        <v>#VALUE!</v>
      </c>
      <c r="BZ5" s="1131" t="e">
        <f t="shared" si="9"/>
        <v>#VALUE!</v>
      </c>
      <c r="CA5" s="1131" t="e">
        <f t="shared" si="10"/>
        <v>#VALUE!</v>
      </c>
      <c r="CB5" s="1131" t="e">
        <f t="shared" si="11"/>
        <v>#VALUE!</v>
      </c>
      <c r="CC5" s="1131" t="e">
        <f t="shared" si="12"/>
        <v>#VALUE!</v>
      </c>
      <c r="CD5" s="1131" t="e">
        <f t="shared" si="13"/>
        <v>#VALUE!</v>
      </c>
      <c r="CE5" s="1131" t="e">
        <f t="shared" si="14"/>
        <v>#VALUE!</v>
      </c>
      <c r="CF5" s="1131" t="e">
        <f t="shared" si="15"/>
        <v>#VALUE!</v>
      </c>
      <c r="CG5" s="1131" t="e">
        <f t="shared" si="16"/>
        <v>#VALUE!</v>
      </c>
      <c r="CH5" s="1131" t="e">
        <f t="shared" si="17"/>
        <v>#VALUE!</v>
      </c>
      <c r="CI5" s="1131" t="e">
        <f t="shared" si="18"/>
        <v>#VALUE!</v>
      </c>
      <c r="CJ5" s="1131" t="e">
        <f t="shared" si="19"/>
        <v>#VALUE!</v>
      </c>
      <c r="CK5" s="1132" t="str">
        <f t="shared" ref="CK5:CK8" si="20">IFERROR(SUM(BQ5:CJ5),"n/a")</f>
        <v>n/a</v>
      </c>
    </row>
    <row r="6" spans="1:89" ht="42.75" x14ac:dyDescent="0.2">
      <c r="A6" s="992" t="s">
        <v>66</v>
      </c>
      <c r="B6" s="1126" t="s">
        <v>66</v>
      </c>
      <c r="C6" s="1126"/>
      <c r="D6" s="1126"/>
      <c r="E6" s="1126"/>
      <c r="F6" s="1026" t="s">
        <v>1506</v>
      </c>
      <c r="G6" s="1026" t="s">
        <v>837</v>
      </c>
      <c r="H6" s="1026" t="s">
        <v>838</v>
      </c>
      <c r="I6" s="1026" t="s">
        <v>1487</v>
      </c>
      <c r="J6" s="1026">
        <v>51.772893109999998</v>
      </c>
      <c r="K6" s="1026">
        <v>-0.45847975099999999</v>
      </c>
      <c r="L6" s="1026" t="s">
        <v>1488</v>
      </c>
      <c r="M6" s="1026" t="s">
        <v>1489</v>
      </c>
      <c r="N6" s="1026">
        <v>2</v>
      </c>
      <c r="O6" s="1026" t="s">
        <v>830</v>
      </c>
      <c r="P6" s="1026" t="s">
        <v>1490</v>
      </c>
      <c r="Q6" s="1026" t="s">
        <v>1491</v>
      </c>
      <c r="R6" s="1026" t="s">
        <v>1492</v>
      </c>
      <c r="S6" s="1026" t="s">
        <v>1493</v>
      </c>
      <c r="T6" s="1026" t="s">
        <v>1507</v>
      </c>
      <c r="U6" s="1016" t="str">
        <f>_xlfn.XLOOKUP(F6, [4]GIS!D:D, [4]GIS!E:E, "Not mapped")</f>
        <v>Single - Scenario 2</v>
      </c>
      <c r="V6" s="1026" t="s">
        <v>1508</v>
      </c>
      <c r="W6" s="1018" t="s">
        <v>1496</v>
      </c>
      <c r="X6" s="1019" t="s">
        <v>1497</v>
      </c>
      <c r="Y6" s="1020" t="s">
        <v>1498</v>
      </c>
      <c r="Z6" s="1020" t="s">
        <v>1498</v>
      </c>
      <c r="AA6" s="1020" t="s">
        <v>1498</v>
      </c>
      <c r="AB6" s="1020" t="s">
        <v>1498</v>
      </c>
      <c r="AC6" s="1020" t="s">
        <v>1498</v>
      </c>
      <c r="AD6" s="1020" t="s">
        <v>1498</v>
      </c>
      <c r="AE6" s="1020" t="s">
        <v>1498</v>
      </c>
      <c r="AF6" s="1020" t="s">
        <v>1498</v>
      </c>
      <c r="AG6" s="1020" t="s">
        <v>1498</v>
      </c>
      <c r="AH6" s="1020" t="s">
        <v>1498</v>
      </c>
      <c r="AI6" s="1020" t="s">
        <v>1498</v>
      </c>
      <c r="AJ6" s="1020" t="s">
        <v>1498</v>
      </c>
      <c r="AK6" s="1020" t="str">
        <f>IF(AJ6="n/a","n/a",ROUND((AJ6*[4]TripRateCalculations!$V$6),0))</f>
        <v>n/a</v>
      </c>
      <c r="AL6" s="1020" t="s">
        <v>1498</v>
      </c>
      <c r="AM6" s="1020" t="s">
        <v>1498</v>
      </c>
      <c r="AN6" s="1020" t="str">
        <f>IF(AT6="n/a","n/a",ROUND((AT6*[4]TripRateCalculations!N$4),0))</f>
        <v>n/a</v>
      </c>
      <c r="AO6" s="1020" t="str">
        <f>IF(AU6="n/a","n/a",ROUND((AU6*[4]TripRateCalculations!O$4),0))</f>
        <v>n/a</v>
      </c>
      <c r="AP6" s="1020" t="str">
        <f>IF(AV6="n/a","n/a",ROUND((AV6*[4]TripRateCalculations!P$4),0))</f>
        <v>n/a</v>
      </c>
      <c r="AQ6" s="1020" t="str">
        <f>IF(AW6="n/a","n/a",ROUND((AW6*[4]TripRateCalculations!Q$4),0))</f>
        <v>n/a</v>
      </c>
      <c r="AR6" s="1020" t="str">
        <f>IF(AX6="n/a","n/a",ROUND((AX6*[4]TripRateCalculations!R$4),0))</f>
        <v>n/a</v>
      </c>
      <c r="AS6" s="1020" t="str">
        <f>IF(AY6="n/a","n/a",ROUND((AY6*[4]TripRateCalculations!S$4),0))</f>
        <v>n/a</v>
      </c>
      <c r="AT6" s="1020" t="s">
        <v>1498</v>
      </c>
      <c r="AU6" s="1020" t="s">
        <v>1498</v>
      </c>
      <c r="AV6" s="1020" t="s">
        <v>1498</v>
      </c>
      <c r="AW6" s="1020" t="s">
        <v>1498</v>
      </c>
      <c r="AX6" s="1020" t="s">
        <v>1498</v>
      </c>
      <c r="AY6" s="1020" t="s">
        <v>1498</v>
      </c>
      <c r="AZ6" s="1020" t="s">
        <v>1498</v>
      </c>
      <c r="BA6" s="1020" t="s">
        <v>1498</v>
      </c>
      <c r="BB6" s="1020" t="s">
        <v>1498</v>
      </c>
      <c r="BC6" s="1020" t="s">
        <v>1498</v>
      </c>
      <c r="BD6" s="1020" t="s">
        <v>1498</v>
      </c>
      <c r="BE6" s="1020" t="s">
        <v>1498</v>
      </c>
      <c r="BF6" s="1020" t="s">
        <v>1498</v>
      </c>
      <c r="BG6" s="1020" t="str">
        <f>IF(BF6="n/a","n/a",ROUND((BF6*[4]TripRateCalculations!Q$4),0))</f>
        <v>n/a</v>
      </c>
      <c r="BH6" s="1027" t="s">
        <v>1509</v>
      </c>
      <c r="BI6" s="1026" t="s">
        <v>834</v>
      </c>
      <c r="BJ6" s="1026" t="s">
        <v>53</v>
      </c>
      <c r="BK6" s="1028">
        <v>370629.19</v>
      </c>
      <c r="BL6" s="1029">
        <v>1</v>
      </c>
      <c r="BM6" s="1030">
        <v>1</v>
      </c>
      <c r="BN6" s="1025" t="s">
        <v>1501</v>
      </c>
      <c r="BO6" s="1130">
        <v>370629.19</v>
      </c>
      <c r="BP6" s="992"/>
      <c r="BQ6" s="1131" t="e">
        <f t="shared" si="0"/>
        <v>#VALUE!</v>
      </c>
      <c r="BR6" s="1131" t="e">
        <f t="shared" si="1"/>
        <v>#VALUE!</v>
      </c>
      <c r="BS6" s="1131" t="e">
        <f t="shared" si="2"/>
        <v>#VALUE!</v>
      </c>
      <c r="BT6" s="1131" t="e">
        <f t="shared" si="3"/>
        <v>#VALUE!</v>
      </c>
      <c r="BU6" s="1131" t="e">
        <f t="shared" si="4"/>
        <v>#VALUE!</v>
      </c>
      <c r="BV6" s="1131" t="e">
        <f t="shared" si="5"/>
        <v>#VALUE!</v>
      </c>
      <c r="BW6" s="1131" t="e">
        <f t="shared" si="6"/>
        <v>#VALUE!</v>
      </c>
      <c r="BX6" s="1131" t="e">
        <f t="shared" si="7"/>
        <v>#VALUE!</v>
      </c>
      <c r="BY6" s="1131" t="e">
        <f t="shared" si="8"/>
        <v>#VALUE!</v>
      </c>
      <c r="BZ6" s="1131" t="e">
        <f t="shared" si="9"/>
        <v>#VALUE!</v>
      </c>
      <c r="CA6" s="1131" t="e">
        <f t="shared" si="10"/>
        <v>#VALUE!</v>
      </c>
      <c r="CB6" s="1131" t="e">
        <f t="shared" si="11"/>
        <v>#VALUE!</v>
      </c>
      <c r="CC6" s="1131" t="e">
        <f t="shared" si="12"/>
        <v>#VALUE!</v>
      </c>
      <c r="CD6" s="1131" t="e">
        <f t="shared" si="13"/>
        <v>#VALUE!</v>
      </c>
      <c r="CE6" s="1131" t="e">
        <f t="shared" si="14"/>
        <v>#VALUE!</v>
      </c>
      <c r="CF6" s="1131" t="e">
        <f t="shared" si="15"/>
        <v>#VALUE!</v>
      </c>
      <c r="CG6" s="1131" t="e">
        <f t="shared" si="16"/>
        <v>#VALUE!</v>
      </c>
      <c r="CH6" s="1131" t="e">
        <f t="shared" si="17"/>
        <v>#VALUE!</v>
      </c>
      <c r="CI6" s="1131" t="e">
        <f t="shared" si="18"/>
        <v>#VALUE!</v>
      </c>
      <c r="CJ6" s="1131" t="e">
        <f t="shared" si="19"/>
        <v>#VALUE!</v>
      </c>
      <c r="CK6" s="1132" t="str">
        <f t="shared" si="20"/>
        <v>n/a</v>
      </c>
    </row>
    <row r="7" spans="1:89" ht="42.75" x14ac:dyDescent="0.2">
      <c r="A7" s="992" t="s">
        <v>66</v>
      </c>
      <c r="B7" s="1126" t="s">
        <v>66</v>
      </c>
      <c r="C7" s="1126"/>
      <c r="D7" s="1126"/>
      <c r="E7" s="1126"/>
      <c r="F7" s="1026" t="s">
        <v>1510</v>
      </c>
      <c r="G7" s="1026" t="s">
        <v>840</v>
      </c>
      <c r="H7" s="1026" t="s">
        <v>841</v>
      </c>
      <c r="I7" s="1026" t="s">
        <v>1487</v>
      </c>
      <c r="J7" s="1026">
        <v>51.780078410000002</v>
      </c>
      <c r="K7" s="1026">
        <v>-0.43755959700000002</v>
      </c>
      <c r="L7" s="1026" t="s">
        <v>1488</v>
      </c>
      <c r="M7" s="1026" t="s">
        <v>1489</v>
      </c>
      <c r="N7" s="1026">
        <v>2</v>
      </c>
      <c r="O7" s="1026" t="s">
        <v>830</v>
      </c>
      <c r="P7" s="1026" t="s">
        <v>1490</v>
      </c>
      <c r="Q7" s="1026" t="s">
        <v>1491</v>
      </c>
      <c r="R7" s="1026" t="s">
        <v>1492</v>
      </c>
      <c r="S7" s="1026" t="s">
        <v>1493</v>
      </c>
      <c r="T7" s="1026" t="s">
        <v>1511</v>
      </c>
      <c r="U7" s="1016" t="str">
        <f>_xlfn.XLOOKUP(F7, [4]GIS!D:D, [4]GIS!E:E, "Not mapped")</f>
        <v>Multiple - Scenario 1</v>
      </c>
      <c r="V7" s="1026" t="s">
        <v>1508</v>
      </c>
      <c r="W7" s="1018" t="s">
        <v>1496</v>
      </c>
      <c r="X7" s="1019" t="s">
        <v>1497</v>
      </c>
      <c r="Y7" s="1020" t="s">
        <v>1498</v>
      </c>
      <c r="Z7" s="1020" t="s">
        <v>1498</v>
      </c>
      <c r="AA7" s="1020" t="s">
        <v>1498</v>
      </c>
      <c r="AB7" s="1020" t="s">
        <v>1498</v>
      </c>
      <c r="AC7" s="1020" t="s">
        <v>1498</v>
      </c>
      <c r="AD7" s="1020" t="s">
        <v>1498</v>
      </c>
      <c r="AE7" s="1020" t="s">
        <v>1498</v>
      </c>
      <c r="AF7" s="1020" t="s">
        <v>1498</v>
      </c>
      <c r="AG7" s="1020" t="s">
        <v>1498</v>
      </c>
      <c r="AH7" s="1020" t="s">
        <v>1498</v>
      </c>
      <c r="AI7" s="1020" t="s">
        <v>1498</v>
      </c>
      <c r="AJ7" s="1020" t="s">
        <v>1498</v>
      </c>
      <c r="AK7" s="1020" t="str">
        <f>IF(AJ7="n/a","n/a",ROUND((AJ7*[4]TripRateCalculations!$V$6),0))</f>
        <v>n/a</v>
      </c>
      <c r="AL7" s="1020" t="s">
        <v>1498</v>
      </c>
      <c r="AM7" s="1020" t="s">
        <v>1498</v>
      </c>
      <c r="AN7" s="1020" t="str">
        <f>IF(AT7="n/a","n/a",ROUND((AT7*[4]TripRateCalculations!N$4),0))</f>
        <v>n/a</v>
      </c>
      <c r="AO7" s="1020" t="str">
        <f>IF(AU7="n/a","n/a",ROUND((AU7*[4]TripRateCalculations!O$4),0))</f>
        <v>n/a</v>
      </c>
      <c r="AP7" s="1020" t="str">
        <f>IF(AV7="n/a","n/a",ROUND((AV7*[4]TripRateCalculations!P$4),0))</f>
        <v>n/a</v>
      </c>
      <c r="AQ7" s="1020" t="str">
        <f>IF(AW7="n/a","n/a",ROUND((AW7*[4]TripRateCalculations!Q$4),0))</f>
        <v>n/a</v>
      </c>
      <c r="AR7" s="1020" t="str">
        <f>IF(AX7="n/a","n/a",ROUND((AX7*[4]TripRateCalculations!R$4),0))</f>
        <v>n/a</v>
      </c>
      <c r="AS7" s="1020" t="str">
        <f>IF(AY7="n/a","n/a",ROUND((AY7*[4]TripRateCalculations!S$4),0))</f>
        <v>n/a</v>
      </c>
      <c r="AT7" s="1020" t="s">
        <v>1498</v>
      </c>
      <c r="AU7" s="1020" t="s">
        <v>1498</v>
      </c>
      <c r="AV7" s="1020" t="s">
        <v>1498</v>
      </c>
      <c r="AW7" s="1020" t="s">
        <v>1498</v>
      </c>
      <c r="AX7" s="1020" t="s">
        <v>1498</v>
      </c>
      <c r="AY7" s="1020" t="s">
        <v>1498</v>
      </c>
      <c r="AZ7" s="1020" t="s">
        <v>1498</v>
      </c>
      <c r="BA7" s="1020" t="s">
        <v>1498</v>
      </c>
      <c r="BB7" s="1020" t="s">
        <v>1498</v>
      </c>
      <c r="BC7" s="1020" t="s">
        <v>1498</v>
      </c>
      <c r="BD7" s="1020" t="s">
        <v>1498</v>
      </c>
      <c r="BE7" s="1020" t="s">
        <v>1498</v>
      </c>
      <c r="BF7" s="1020" t="s">
        <v>1498</v>
      </c>
      <c r="BG7" s="1020" t="str">
        <f>IF(BF7="n/a","n/a",ROUND((BF7*[4]TripRateCalculations!Q$4),0))</f>
        <v>n/a</v>
      </c>
      <c r="BH7" s="1027" t="s">
        <v>1512</v>
      </c>
      <c r="BI7" s="1026" t="s">
        <v>834</v>
      </c>
      <c r="BJ7" s="1026" t="s">
        <v>53</v>
      </c>
      <c r="BK7" s="1028">
        <v>370629.19</v>
      </c>
      <c r="BL7" s="1029">
        <v>0</v>
      </c>
      <c r="BM7" s="1030" t="s">
        <v>1500</v>
      </c>
      <c r="BN7" s="1025" t="s">
        <v>1501</v>
      </c>
      <c r="BO7" s="1130">
        <v>370629.19</v>
      </c>
      <c r="BP7" s="992"/>
      <c r="BQ7" s="1131" t="e">
        <f t="shared" si="0"/>
        <v>#VALUE!</v>
      </c>
      <c r="BR7" s="1131" t="e">
        <f t="shared" si="1"/>
        <v>#VALUE!</v>
      </c>
      <c r="BS7" s="1131" t="e">
        <f t="shared" si="2"/>
        <v>#VALUE!</v>
      </c>
      <c r="BT7" s="1131" t="e">
        <f t="shared" si="3"/>
        <v>#VALUE!</v>
      </c>
      <c r="BU7" s="1131" t="e">
        <f t="shared" si="4"/>
        <v>#VALUE!</v>
      </c>
      <c r="BV7" s="1131" t="e">
        <f t="shared" si="5"/>
        <v>#VALUE!</v>
      </c>
      <c r="BW7" s="1131" t="e">
        <f t="shared" si="6"/>
        <v>#VALUE!</v>
      </c>
      <c r="BX7" s="1131" t="e">
        <f t="shared" si="7"/>
        <v>#VALUE!</v>
      </c>
      <c r="BY7" s="1131" t="e">
        <f t="shared" si="8"/>
        <v>#VALUE!</v>
      </c>
      <c r="BZ7" s="1131" t="e">
        <f t="shared" si="9"/>
        <v>#VALUE!</v>
      </c>
      <c r="CA7" s="1131" t="e">
        <f t="shared" si="10"/>
        <v>#VALUE!</v>
      </c>
      <c r="CB7" s="1131" t="e">
        <f t="shared" si="11"/>
        <v>#VALUE!</v>
      </c>
      <c r="CC7" s="1131" t="e">
        <f t="shared" si="12"/>
        <v>#VALUE!</v>
      </c>
      <c r="CD7" s="1131" t="e">
        <f t="shared" si="13"/>
        <v>#VALUE!</v>
      </c>
      <c r="CE7" s="1131" t="e">
        <f t="shared" si="14"/>
        <v>#VALUE!</v>
      </c>
      <c r="CF7" s="1131" t="e">
        <f t="shared" si="15"/>
        <v>#VALUE!</v>
      </c>
      <c r="CG7" s="1131" t="e">
        <f t="shared" si="16"/>
        <v>#VALUE!</v>
      </c>
      <c r="CH7" s="1131" t="e">
        <f t="shared" si="17"/>
        <v>#VALUE!</v>
      </c>
      <c r="CI7" s="1131" t="e">
        <f t="shared" si="18"/>
        <v>#VALUE!</v>
      </c>
      <c r="CJ7" s="1131" t="e">
        <f t="shared" si="19"/>
        <v>#VALUE!</v>
      </c>
      <c r="CK7" s="1132" t="str">
        <f t="shared" si="20"/>
        <v>n/a</v>
      </c>
    </row>
    <row r="8" spans="1:89" ht="42.75" x14ac:dyDescent="0.2">
      <c r="A8" s="992"/>
      <c r="B8" s="1126" t="s">
        <v>66</v>
      </c>
      <c r="C8" s="1126"/>
      <c r="D8" s="1126"/>
      <c r="E8" s="1126"/>
      <c r="F8" s="1026" t="s">
        <v>1513</v>
      </c>
      <c r="G8" s="1026" t="s">
        <v>842</v>
      </c>
      <c r="H8" s="1026" t="s">
        <v>843</v>
      </c>
      <c r="I8" s="1026" t="s">
        <v>1487</v>
      </c>
      <c r="J8" s="1026">
        <v>51.755802580000001</v>
      </c>
      <c r="K8" s="1026">
        <v>-0.45156132599999999</v>
      </c>
      <c r="L8" s="1026" t="s">
        <v>1488</v>
      </c>
      <c r="M8" s="1026" t="s">
        <v>1489</v>
      </c>
      <c r="N8" s="1026">
        <v>2</v>
      </c>
      <c r="O8" s="1026" t="s">
        <v>830</v>
      </c>
      <c r="P8" s="1026" t="s">
        <v>1490</v>
      </c>
      <c r="Q8" s="1026" t="s">
        <v>1491</v>
      </c>
      <c r="R8" s="1026" t="s">
        <v>1492</v>
      </c>
      <c r="S8" s="1026" t="s">
        <v>1493</v>
      </c>
      <c r="T8" s="1026" t="s">
        <v>1514</v>
      </c>
      <c r="U8" s="1016" t="str">
        <f>_xlfn.XLOOKUP(F8, [4]GIS!D:D, [4]GIS!E:E, "Not mapped")</f>
        <v>Multiple - Scenario 2</v>
      </c>
      <c r="V8" s="1031" t="s">
        <v>1515</v>
      </c>
      <c r="W8" s="1018" t="s">
        <v>1496</v>
      </c>
      <c r="X8" s="1019" t="s">
        <v>1497</v>
      </c>
      <c r="Y8" s="1020" t="s">
        <v>1498</v>
      </c>
      <c r="Z8" s="1020" t="s">
        <v>1498</v>
      </c>
      <c r="AA8" s="1020" t="s">
        <v>1498</v>
      </c>
      <c r="AB8" s="1020" t="s">
        <v>1498</v>
      </c>
      <c r="AC8" s="1020" t="s">
        <v>1498</v>
      </c>
      <c r="AD8" s="1020" t="s">
        <v>1498</v>
      </c>
      <c r="AE8" s="1020" t="s">
        <v>1498</v>
      </c>
      <c r="AF8" s="1020" t="s">
        <v>1498</v>
      </c>
      <c r="AG8" s="1020" t="s">
        <v>1498</v>
      </c>
      <c r="AH8" s="1020" t="s">
        <v>1498</v>
      </c>
      <c r="AI8" s="1020" t="s">
        <v>1498</v>
      </c>
      <c r="AJ8" s="1020" t="s">
        <v>1498</v>
      </c>
      <c r="AK8" s="1020" t="str">
        <f>IF(AJ8="n/a","n/a",ROUND((AJ8*[4]TripRateCalculations!$V$6),0))</f>
        <v>n/a</v>
      </c>
      <c r="AL8" s="1020" t="s">
        <v>1498</v>
      </c>
      <c r="AM8" s="1020" t="s">
        <v>1498</v>
      </c>
      <c r="AN8" s="1020" t="str">
        <f>IF(AT8="n/a","n/a",ROUND((AT8*[4]TripRateCalculations!N$4),0))</f>
        <v>n/a</v>
      </c>
      <c r="AO8" s="1020" t="str">
        <f>IF(AU8="n/a","n/a",ROUND((AU8*[4]TripRateCalculations!O$4),0))</f>
        <v>n/a</v>
      </c>
      <c r="AP8" s="1020" t="str">
        <f>IF(AV8="n/a","n/a",ROUND((AV8*[4]TripRateCalculations!P$4),0))</f>
        <v>n/a</v>
      </c>
      <c r="AQ8" s="1020" t="str">
        <f>IF(AW8="n/a","n/a",ROUND((AW8*[4]TripRateCalculations!Q$4),0))</f>
        <v>n/a</v>
      </c>
      <c r="AR8" s="1020" t="str">
        <f>IF(AX8="n/a","n/a",ROUND((AX8*[4]TripRateCalculations!R$4),0))</f>
        <v>n/a</v>
      </c>
      <c r="AS8" s="1020" t="str">
        <f>IF(AY8="n/a","n/a",ROUND((AY8*[4]TripRateCalculations!S$4),0))</f>
        <v>n/a</v>
      </c>
      <c r="AT8" s="1020" t="s">
        <v>1498</v>
      </c>
      <c r="AU8" s="1020" t="s">
        <v>1498</v>
      </c>
      <c r="AV8" s="1020" t="s">
        <v>1498</v>
      </c>
      <c r="AW8" s="1020" t="s">
        <v>1498</v>
      </c>
      <c r="AX8" s="1020" t="s">
        <v>1498</v>
      </c>
      <c r="AY8" s="1020" t="s">
        <v>1498</v>
      </c>
      <c r="AZ8" s="1020" t="s">
        <v>1498</v>
      </c>
      <c r="BA8" s="1020" t="s">
        <v>1498</v>
      </c>
      <c r="BB8" s="1020" t="s">
        <v>1498</v>
      </c>
      <c r="BC8" s="1020" t="s">
        <v>1498</v>
      </c>
      <c r="BD8" s="1020" t="s">
        <v>1498</v>
      </c>
      <c r="BE8" s="1020" t="s">
        <v>1498</v>
      </c>
      <c r="BF8" s="1020" t="s">
        <v>1498</v>
      </c>
      <c r="BG8" s="1020" t="str">
        <f>IF(BF8="n/a","n/a",ROUND((BF8*[4]TripRateCalculations!Q$4),0))</f>
        <v>n/a</v>
      </c>
      <c r="BH8" s="1027" t="s">
        <v>1516</v>
      </c>
      <c r="BI8" s="1026" t="s">
        <v>834</v>
      </c>
      <c r="BJ8" s="1026" t="s">
        <v>53</v>
      </c>
      <c r="BK8" s="1028">
        <v>370629.19</v>
      </c>
      <c r="BL8" s="1029">
        <v>1</v>
      </c>
      <c r="BM8" s="1030">
        <v>6</v>
      </c>
      <c r="BN8" s="1025" t="s">
        <v>1501</v>
      </c>
      <c r="BO8" s="1130">
        <v>370629.19</v>
      </c>
      <c r="BP8" s="992"/>
      <c r="BQ8" s="1131" t="e">
        <f t="shared" si="0"/>
        <v>#VALUE!</v>
      </c>
      <c r="BR8" s="1131" t="e">
        <f t="shared" si="1"/>
        <v>#VALUE!</v>
      </c>
      <c r="BS8" s="1131" t="e">
        <f t="shared" si="2"/>
        <v>#VALUE!</v>
      </c>
      <c r="BT8" s="1131" t="e">
        <f t="shared" si="3"/>
        <v>#VALUE!</v>
      </c>
      <c r="BU8" s="1131" t="e">
        <f t="shared" si="4"/>
        <v>#VALUE!</v>
      </c>
      <c r="BV8" s="1131" t="e">
        <f t="shared" si="5"/>
        <v>#VALUE!</v>
      </c>
      <c r="BW8" s="1131" t="e">
        <f t="shared" si="6"/>
        <v>#VALUE!</v>
      </c>
      <c r="BX8" s="1131" t="e">
        <f t="shared" si="7"/>
        <v>#VALUE!</v>
      </c>
      <c r="BY8" s="1131" t="e">
        <f t="shared" si="8"/>
        <v>#VALUE!</v>
      </c>
      <c r="BZ8" s="1131" t="e">
        <f t="shared" si="9"/>
        <v>#VALUE!</v>
      </c>
      <c r="CA8" s="1131" t="e">
        <f t="shared" si="10"/>
        <v>#VALUE!</v>
      </c>
      <c r="CB8" s="1131" t="e">
        <f t="shared" si="11"/>
        <v>#VALUE!</v>
      </c>
      <c r="CC8" s="1131" t="e">
        <f t="shared" si="12"/>
        <v>#VALUE!</v>
      </c>
      <c r="CD8" s="1131" t="e">
        <f t="shared" si="13"/>
        <v>#VALUE!</v>
      </c>
      <c r="CE8" s="1131" t="e">
        <f t="shared" si="14"/>
        <v>#VALUE!</v>
      </c>
      <c r="CF8" s="1131" t="e">
        <f t="shared" si="15"/>
        <v>#VALUE!</v>
      </c>
      <c r="CG8" s="1131" t="e">
        <f t="shared" si="16"/>
        <v>#VALUE!</v>
      </c>
      <c r="CH8" s="1131" t="e">
        <f t="shared" si="17"/>
        <v>#VALUE!</v>
      </c>
      <c r="CI8" s="1131" t="e">
        <f t="shared" si="18"/>
        <v>#VALUE!</v>
      </c>
      <c r="CJ8" s="1131" t="e">
        <f t="shared" si="19"/>
        <v>#VALUE!</v>
      </c>
      <c r="CK8" s="1132" t="str">
        <f t="shared" si="20"/>
        <v>n/a</v>
      </c>
    </row>
    <row r="9" spans="1:89" ht="57" x14ac:dyDescent="0.2">
      <c r="A9" s="992"/>
      <c r="B9" s="1126"/>
      <c r="C9" s="1126"/>
      <c r="D9" s="1126"/>
      <c r="E9" s="1126" t="s">
        <v>66</v>
      </c>
      <c r="F9" s="1026" t="s">
        <v>1517</v>
      </c>
      <c r="G9" s="1026" t="s">
        <v>1518</v>
      </c>
      <c r="H9" s="1026" t="s">
        <v>1519</v>
      </c>
      <c r="I9" s="1026" t="s">
        <v>1520</v>
      </c>
      <c r="J9" s="1026" t="s">
        <v>1521</v>
      </c>
      <c r="K9" s="1026" t="s">
        <v>1521</v>
      </c>
      <c r="L9" s="1026" t="s">
        <v>1522</v>
      </c>
      <c r="M9" s="1026" t="s">
        <v>1523</v>
      </c>
      <c r="N9" s="1026">
        <v>3</v>
      </c>
      <c r="O9" s="1026" t="s">
        <v>870</v>
      </c>
      <c r="P9" s="1026" t="s">
        <v>1490</v>
      </c>
      <c r="Q9" s="1026" t="s">
        <v>1491</v>
      </c>
      <c r="R9" s="1026" t="s">
        <v>1492</v>
      </c>
      <c r="S9" s="1026" t="s">
        <v>1524</v>
      </c>
      <c r="T9" s="1026"/>
      <c r="U9" s="1016" t="str">
        <f>_xlfn.XLOOKUP(F9, [4]GIS!D:D, [4]GIS!E:E, "Not mapped")</f>
        <v>Single - Scenario 3</v>
      </c>
      <c r="V9" s="1031" t="s">
        <v>1515</v>
      </c>
      <c r="W9" s="1032" t="s">
        <v>1525</v>
      </c>
      <c r="X9" s="1032" t="s">
        <v>1526</v>
      </c>
      <c r="Y9" s="1033">
        <v>13</v>
      </c>
      <c r="Z9" s="1033">
        <v>5</v>
      </c>
      <c r="AA9" s="1033">
        <v>5</v>
      </c>
      <c r="AB9" s="1033">
        <v>81</v>
      </c>
      <c r="AC9" s="1033">
        <v>2</v>
      </c>
      <c r="AD9" s="1034">
        <v>4</v>
      </c>
      <c r="AE9" s="1034">
        <v>3</v>
      </c>
      <c r="AF9" s="1034">
        <v>20</v>
      </c>
      <c r="AG9" s="1034">
        <v>1</v>
      </c>
      <c r="AH9" s="1034">
        <v>0</v>
      </c>
      <c r="AI9" s="1034">
        <v>8</v>
      </c>
      <c r="AJ9" s="1034">
        <v>125</v>
      </c>
      <c r="AK9" s="1034">
        <f>IF(AJ9="n/a","n/a",ROUND((AJ9*[4]TripRateCalculations!$V$6),0))</f>
        <v>278</v>
      </c>
      <c r="AL9" s="1034">
        <v>5</v>
      </c>
      <c r="AM9" s="1034">
        <v>16</v>
      </c>
      <c r="AN9" s="1034">
        <f>IF(AT9="n/a","n/a",ROUND((AT9*[4]TripRateCalculations!N$4),0))</f>
        <v>4</v>
      </c>
      <c r="AO9" s="1034">
        <f>IF(AU9="n/a","n/a",ROUND((AU9*[4]TripRateCalculations!O$4),0))</f>
        <v>0</v>
      </c>
      <c r="AP9" s="1034">
        <f>IF(AV9="n/a","n/a",ROUND((AV9*[4]TripRateCalculations!P$4),0))</f>
        <v>4</v>
      </c>
      <c r="AQ9" s="1034">
        <f>AW9*[4]TripRateCalculations!Q$4</f>
        <v>0.29290617848970252</v>
      </c>
      <c r="AR9" s="1034">
        <f>IF(AX9="n/a","n/a",ROUND((AX9*[4]TripRateCalculations!R$4),0))</f>
        <v>1</v>
      </c>
      <c r="AS9" s="1034">
        <f>IF(AY9="n/a","n/a",ROUND((AY9*[4]TripRateCalculations!S$4),0))</f>
        <v>0</v>
      </c>
      <c r="AT9" s="1034">
        <v>19</v>
      </c>
      <c r="AU9" s="1034">
        <v>3</v>
      </c>
      <c r="AV9" s="1034">
        <v>15</v>
      </c>
      <c r="AW9" s="1034">
        <v>2</v>
      </c>
      <c r="AX9" s="1034">
        <v>13</v>
      </c>
      <c r="AY9" s="1034">
        <v>9</v>
      </c>
      <c r="AZ9" s="1035">
        <v>17</v>
      </c>
      <c r="BA9" s="1035">
        <v>9</v>
      </c>
      <c r="BB9" s="1035">
        <v>8</v>
      </c>
      <c r="BC9" s="1035">
        <v>4</v>
      </c>
      <c r="BD9" s="1035">
        <v>80</v>
      </c>
      <c r="BE9" s="1035">
        <v>0</v>
      </c>
      <c r="BF9" s="1035">
        <v>3</v>
      </c>
      <c r="BG9" s="1035">
        <f>BF9*[4]TripRateCalculations!$Q$4</f>
        <v>0.4393592677345538</v>
      </c>
      <c r="BH9" s="1027"/>
      <c r="BI9" s="1026" t="s">
        <v>868</v>
      </c>
      <c r="BJ9" s="1026" t="s">
        <v>53</v>
      </c>
      <c r="BK9" s="1107">
        <f>ROUND((VLOOKUP(F9,'[4]Cost Summary'!A:H,8,)),0.1)</f>
        <v>2429027</v>
      </c>
      <c r="BL9" s="1108"/>
      <c r="BM9" s="1138"/>
      <c r="BN9" s="1109" t="s">
        <v>1527</v>
      </c>
      <c r="BO9" s="1130" t="s">
        <v>1528</v>
      </c>
      <c r="BP9" s="992"/>
      <c r="BQ9" s="1131">
        <f t="shared" ref="BQ9:BQ72" si="21">Z9/(SUM($Y9:$BG9)-SUM(AH9,AJ9,AT9:AY9,BA9:BG9))</f>
        <v>1.0699927034822509E-2</v>
      </c>
      <c r="BR9" s="1131">
        <f t="shared" ref="BR9:BR72" si="22">AA9/(SUM($Y9:$BG9)-SUM(AH9,AJ9,AT9:AY9,BA9:BG9))</f>
        <v>1.0699927034822509E-2</v>
      </c>
      <c r="BS9" s="1131">
        <f t="shared" ref="BS9:BS72" si="23">AB9/(SUM($Y9:$BG9)-SUM(AH9,AJ9,AT9:AY9,BA9:BG9))</f>
        <v>0.17333881796412465</v>
      </c>
      <c r="BT9" s="1131">
        <f t="shared" ref="BT9:BT72" si="24">AC9/(SUM($Y9:$BG9)-SUM(AH9,AJ9,AT9:AY9,BA9:BG9))</f>
        <v>4.2799708139290042E-3</v>
      </c>
      <c r="BU9" s="1131">
        <f t="shared" ref="BU9:BU72" si="25">AD9/(SUM($Y9:$BG9)-SUM(AH9,AJ9,AT9:AY9,BA9:BG9))</f>
        <v>8.5599416278580084E-3</v>
      </c>
      <c r="BV9" s="1131">
        <f t="shared" ref="BV9:BV72" si="26">AE9/(SUM($Y9:$BG9)-SUM(AH9,AJ9,AT9:AY9,BA9:BG9))</f>
        <v>6.4199562208935058E-3</v>
      </c>
      <c r="BW9" s="1131">
        <f t="shared" ref="BW9:BW72" si="27">AF9/(SUM($Y9:$BG9)-SUM(AH9,AJ9,AT9:AY9,BA9:BG9))</f>
        <v>4.2799708139290037E-2</v>
      </c>
      <c r="BX9" s="1131">
        <f t="shared" ref="BX9:BX72" si="28">AG9/(SUM($Y9:$BG9)-SUM(AH9,AJ9,AT9:AY9,BA9:BG9))</f>
        <v>2.1399854069645021E-3</v>
      </c>
      <c r="BY9" s="1131">
        <f t="shared" ref="BY9:BY72" si="29">AI9/(SUM($Y9:$BG9)-SUM(AH9,AJ9,AT9:AY9,BA9:BG9))</f>
        <v>1.7119883255716017E-2</v>
      </c>
      <c r="BZ9" s="1131">
        <f t="shared" ref="BZ9:BZ72" si="30">AK9/(SUM($Y9:$BG9)-SUM(AH9,AJ9,AT9:AY9,BA9:BG9))</f>
        <v>0.5949159431361315</v>
      </c>
      <c r="CA9" s="1131">
        <f t="shared" ref="CA9:CA72" si="31">AL9/(SUM($Y9:$BG9)-SUM(AH9,AJ9,AT9:AY9,BA9:BG9))</f>
        <v>1.0699927034822509E-2</v>
      </c>
      <c r="CB9" s="1131">
        <f t="shared" ref="CB9:CB72" si="32">AM9/(SUM($Y9:$BG9)-SUM(AH9,AJ9,AT9:AY9,BA9:BG9))</f>
        <v>3.4239766511432033E-2</v>
      </c>
      <c r="CC9" s="1131">
        <f t="shared" ref="CC9:CC72" si="33">AN9/(SUM($Y9:$BG9)-SUM(AH9,AJ9,AT9:AY9,BA9:BG9))</f>
        <v>8.5599416278580084E-3</v>
      </c>
      <c r="CD9" s="1131">
        <f t="shared" ref="CD9:CD72" si="34">AO9/(SUM($Y9:$BG9)-SUM(AH9,AJ9,AT9:AY9,BA9:BG9))</f>
        <v>0</v>
      </c>
      <c r="CE9" s="1131">
        <f t="shared" ref="CE9:CE72" si="35">AP9/(SUM($Y9:$BG9)-SUM(AH9,AJ9,AT9:AY9,BA9:BG9))</f>
        <v>8.5599416278580084E-3</v>
      </c>
      <c r="CF9" s="1131">
        <f t="shared" ref="CF9:CF72" si="36">AR9/(SUM($Y9:$BG9)-SUM(AH9,AJ9,AT9:AY9,BA9:BG9))</f>
        <v>2.1399854069645021E-3</v>
      </c>
      <c r="CG9" s="1131">
        <f t="shared" ref="CG9:CG72" si="37">AS9/(SUM($Y9:$BG9)-SUM(AH9,AJ9,AT9:AY9,BA9:BG9))</f>
        <v>0</v>
      </c>
      <c r="CH9" s="1131">
        <f t="shared" ref="CH9:CH72" si="38">AZ9/(SUM($Y9:$BG9)-SUM(AH9,AJ9,AT9:AY9,BA9:BG9))</f>
        <v>3.6379751918396534E-2</v>
      </c>
      <c r="CI9" s="1131">
        <f t="shared" ref="CI9:CI72" si="39">Y9/(SUM($Y9:$BG9)-SUM(AH9,AJ9,AT9:AY9,BA9:BG9))</f>
        <v>2.7819810290538524E-2</v>
      </c>
      <c r="CJ9" s="1131">
        <f t="shared" ref="CJ9:CJ72" si="40">AQ9/(SUM($Y9:$BG9)-SUM(AH9,AJ9,AT9:AY9,BA9:BG9))</f>
        <v>6.268149475777031E-4</v>
      </c>
      <c r="CK9" s="1132">
        <f t="shared" ref="CK9:CK72" si="41">IFERROR(SUM(BQ9:CJ9),"n/a")</f>
        <v>0.99999999999999978</v>
      </c>
    </row>
    <row r="10" spans="1:89" ht="71.25" x14ac:dyDescent="0.2">
      <c r="A10" s="992"/>
      <c r="B10" s="1126"/>
      <c r="C10" s="1126"/>
      <c r="D10" s="1126"/>
      <c r="E10" s="1126" t="s">
        <v>66</v>
      </c>
      <c r="F10" s="1026" t="s">
        <v>1529</v>
      </c>
      <c r="G10" s="1026" t="s">
        <v>1530</v>
      </c>
      <c r="H10" s="1026" t="s">
        <v>1531</v>
      </c>
      <c r="I10" s="1026" t="s">
        <v>1487</v>
      </c>
      <c r="J10" s="1026">
        <v>51.789486522322598</v>
      </c>
      <c r="K10" s="1026">
        <v>-0.408878107281546</v>
      </c>
      <c r="L10" s="1026" t="s">
        <v>1522</v>
      </c>
      <c r="M10" s="1026" t="s">
        <v>1523</v>
      </c>
      <c r="N10" s="1026">
        <v>2</v>
      </c>
      <c r="O10" s="1026" t="s">
        <v>900</v>
      </c>
      <c r="P10" s="1026" t="s">
        <v>1490</v>
      </c>
      <c r="Q10" s="1026" t="s">
        <v>1491</v>
      </c>
      <c r="R10" s="1026" t="s">
        <v>1492</v>
      </c>
      <c r="S10" s="1026" t="s">
        <v>1493</v>
      </c>
      <c r="T10" s="1026"/>
      <c r="U10" s="1016" t="str">
        <f>_xlfn.XLOOKUP(F10, [4]GIS!D:D, [4]GIS!E:E, "Not mapped")</f>
        <v>Single - Scenario 3</v>
      </c>
      <c r="V10" s="1015" t="s">
        <v>1515</v>
      </c>
      <c r="W10" s="1032" t="s">
        <v>1525</v>
      </c>
      <c r="X10" s="1032" t="s">
        <v>1526</v>
      </c>
      <c r="Y10" s="1033">
        <v>2</v>
      </c>
      <c r="Z10" s="1033">
        <v>0</v>
      </c>
      <c r="AA10" s="1033">
        <v>0</v>
      </c>
      <c r="AB10" s="1033">
        <v>18</v>
      </c>
      <c r="AC10" s="1033">
        <v>0</v>
      </c>
      <c r="AD10" s="1034">
        <v>0</v>
      </c>
      <c r="AE10" s="1034">
        <v>0</v>
      </c>
      <c r="AF10" s="1034">
        <v>0</v>
      </c>
      <c r="AG10" s="1034">
        <v>54</v>
      </c>
      <c r="AH10" s="1034">
        <v>0</v>
      </c>
      <c r="AI10" s="1034">
        <v>1</v>
      </c>
      <c r="AJ10" s="1034">
        <v>82</v>
      </c>
      <c r="AK10" s="1034">
        <f>IF(AJ10="n/a","n/a",ROUND((AJ10*[4]TripRateCalculations!$V$6),0))</f>
        <v>182</v>
      </c>
      <c r="AL10" s="1034">
        <v>104</v>
      </c>
      <c r="AM10" s="1034">
        <v>13</v>
      </c>
      <c r="AN10" s="1034">
        <f>IF(AT10="n/a","n/a",ROUND((AT10*[4]TripRateCalculations!N$4),0))</f>
        <v>4</v>
      </c>
      <c r="AO10" s="1034">
        <f>IF(AU10="n/a","n/a",ROUND((AU10*[4]TripRateCalculations!O$4),0))</f>
        <v>0</v>
      </c>
      <c r="AP10" s="1034">
        <f>IF(AV10="n/a","n/a",ROUND((AV10*[4]TripRateCalculations!P$4),0))</f>
        <v>4</v>
      </c>
      <c r="AQ10" s="1034">
        <f>AW10*[4]TripRateCalculations!Q$4</f>
        <v>3.5148741418764304</v>
      </c>
      <c r="AR10" s="1034">
        <f>IF(AX10="n/a","n/a",ROUND((AX10*[4]TripRateCalculations!R$4),0))</f>
        <v>2</v>
      </c>
      <c r="AS10" s="1034">
        <f>IF(AY10="n/a","n/a",ROUND((AY10*[4]TripRateCalculations!S$4),0))</f>
        <v>0</v>
      </c>
      <c r="AT10" s="1034">
        <v>17</v>
      </c>
      <c r="AU10" s="1034">
        <v>1</v>
      </c>
      <c r="AV10" s="1034">
        <v>15</v>
      </c>
      <c r="AW10" s="1034">
        <v>24</v>
      </c>
      <c r="AX10" s="1034">
        <v>19</v>
      </c>
      <c r="AY10" s="1034">
        <v>1</v>
      </c>
      <c r="AZ10" s="1035">
        <v>36</v>
      </c>
      <c r="BA10" s="1035">
        <v>2</v>
      </c>
      <c r="BB10" s="1035">
        <v>26</v>
      </c>
      <c r="BC10" s="1035">
        <v>0</v>
      </c>
      <c r="BD10" s="1035">
        <v>64</v>
      </c>
      <c r="BE10" s="1035">
        <v>1</v>
      </c>
      <c r="BF10" s="1035">
        <v>42</v>
      </c>
      <c r="BG10" s="1035">
        <f>BF10*[4]TripRateCalculations!$Q$4</f>
        <v>6.1510297482837526</v>
      </c>
      <c r="BH10" s="1027"/>
      <c r="BI10" s="1026" t="s">
        <v>904</v>
      </c>
      <c r="BJ10" s="1026" t="s">
        <v>869</v>
      </c>
      <c r="BK10" s="1107">
        <f>ROUND((VLOOKUP(F10,'[4]Cost Summary'!A:H,8,)),0.1)</f>
        <v>1708604</v>
      </c>
      <c r="BL10" s="1108"/>
      <c r="BM10" s="1138"/>
      <c r="BN10" s="1109" t="s">
        <v>1527</v>
      </c>
      <c r="BO10" s="1130" t="s">
        <v>1528</v>
      </c>
      <c r="BP10" s="992"/>
      <c r="BQ10" s="1131">
        <f t="shared" si="21"/>
        <v>0</v>
      </c>
      <c r="BR10" s="1131">
        <f t="shared" si="22"/>
        <v>0</v>
      </c>
      <c r="BS10" s="1131">
        <f t="shared" si="23"/>
        <v>4.2501458860143941E-2</v>
      </c>
      <c r="BT10" s="1131">
        <f t="shared" si="24"/>
        <v>0</v>
      </c>
      <c r="BU10" s="1131">
        <f t="shared" si="25"/>
        <v>0</v>
      </c>
      <c r="BV10" s="1131">
        <f t="shared" si="26"/>
        <v>0</v>
      </c>
      <c r="BW10" s="1131">
        <f t="shared" si="27"/>
        <v>0</v>
      </c>
      <c r="BX10" s="1131">
        <f t="shared" si="28"/>
        <v>0.12750437658043182</v>
      </c>
      <c r="BY10" s="1131">
        <f t="shared" si="29"/>
        <v>2.3611921588968855E-3</v>
      </c>
      <c r="BZ10" s="1131">
        <f t="shared" si="30"/>
        <v>0.42973697291923318</v>
      </c>
      <c r="CA10" s="1131">
        <f t="shared" si="31"/>
        <v>0.24556398452527611</v>
      </c>
      <c r="CB10" s="1131">
        <f t="shared" si="32"/>
        <v>3.0695498065659514E-2</v>
      </c>
      <c r="CC10" s="1131">
        <f t="shared" si="33"/>
        <v>9.4447686355875419E-3</v>
      </c>
      <c r="CD10" s="1131">
        <f t="shared" si="34"/>
        <v>0</v>
      </c>
      <c r="CE10" s="1131">
        <f t="shared" si="35"/>
        <v>9.4447686355875419E-3</v>
      </c>
      <c r="CF10" s="1131">
        <f t="shared" si="36"/>
        <v>4.7223843177937709E-3</v>
      </c>
      <c r="CG10" s="1131">
        <f t="shared" si="37"/>
        <v>0</v>
      </c>
      <c r="CH10" s="1131">
        <f t="shared" si="38"/>
        <v>8.5002917720287882E-2</v>
      </c>
      <c r="CI10" s="1131">
        <f t="shared" si="39"/>
        <v>4.7223843177937709E-3</v>
      </c>
      <c r="CJ10" s="1131">
        <f t="shared" si="40"/>
        <v>8.2992932633080465E-3</v>
      </c>
      <c r="CK10" s="1132">
        <f t="shared" si="41"/>
        <v>1</v>
      </c>
    </row>
    <row r="11" spans="1:89" ht="75" x14ac:dyDescent="0.2">
      <c r="A11" s="992"/>
      <c r="B11" s="1126" t="s">
        <v>66</v>
      </c>
      <c r="C11" s="1126"/>
      <c r="D11" s="1126"/>
      <c r="E11" s="1126"/>
      <c r="F11" s="1026" t="s">
        <v>1532</v>
      </c>
      <c r="G11" s="1026" t="s">
        <v>849</v>
      </c>
      <c r="H11" s="1026" t="s">
        <v>850</v>
      </c>
      <c r="I11" s="1026" t="s">
        <v>1533</v>
      </c>
      <c r="J11" s="1026">
        <v>51.742113070000002</v>
      </c>
      <c r="K11" s="1026">
        <v>-0.44803235800000002</v>
      </c>
      <c r="L11" s="1026" t="s">
        <v>1488</v>
      </c>
      <c r="M11" s="1026" t="s">
        <v>1489</v>
      </c>
      <c r="N11" s="1026">
        <v>2</v>
      </c>
      <c r="O11" s="1026" t="s">
        <v>830</v>
      </c>
      <c r="P11" s="1026" t="s">
        <v>1490</v>
      </c>
      <c r="Q11" s="1026" t="s">
        <v>1491</v>
      </c>
      <c r="R11" s="1026" t="s">
        <v>1492</v>
      </c>
      <c r="S11" s="1026" t="s">
        <v>1493</v>
      </c>
      <c r="T11" s="1026" t="s">
        <v>1534</v>
      </c>
      <c r="U11" s="1016" t="str">
        <f>_xlfn.XLOOKUP(F11, [4]GIS!D:D, [4]GIS!E:E, "Not mapped")</f>
        <v>Multiple - Scenario 2</v>
      </c>
      <c r="V11" s="1017" t="s">
        <v>1495</v>
      </c>
      <c r="W11" s="1018" t="s">
        <v>1496</v>
      </c>
      <c r="X11" s="1019" t="s">
        <v>1497</v>
      </c>
      <c r="Y11" s="1020" t="s">
        <v>1498</v>
      </c>
      <c r="Z11" s="1020" t="s">
        <v>1498</v>
      </c>
      <c r="AA11" s="1020" t="s">
        <v>1498</v>
      </c>
      <c r="AB11" s="1020" t="s">
        <v>1498</v>
      </c>
      <c r="AC11" s="1020" t="s">
        <v>1498</v>
      </c>
      <c r="AD11" s="1020" t="s">
        <v>1498</v>
      </c>
      <c r="AE11" s="1020" t="s">
        <v>1498</v>
      </c>
      <c r="AF11" s="1020" t="s">
        <v>1498</v>
      </c>
      <c r="AG11" s="1020" t="s">
        <v>1498</v>
      </c>
      <c r="AH11" s="1020" t="s">
        <v>1498</v>
      </c>
      <c r="AI11" s="1020" t="s">
        <v>1498</v>
      </c>
      <c r="AJ11" s="1020" t="s">
        <v>1498</v>
      </c>
      <c r="AK11" s="1020" t="str">
        <f>IF(AJ11="n/a","n/a",ROUND((AJ11*[4]TripRateCalculations!$V$6),0))</f>
        <v>n/a</v>
      </c>
      <c r="AL11" s="1020" t="s">
        <v>1498</v>
      </c>
      <c r="AM11" s="1020" t="s">
        <v>1498</v>
      </c>
      <c r="AN11" s="1020" t="str">
        <f>IF(AT11="n/a","n/a",ROUND((AT11*[4]TripRateCalculations!N$4),0))</f>
        <v>n/a</v>
      </c>
      <c r="AO11" s="1020" t="str">
        <f>IF(AU11="n/a","n/a",ROUND((AU11*[4]TripRateCalculations!O$4),0))</f>
        <v>n/a</v>
      </c>
      <c r="AP11" s="1020" t="str">
        <f>IF(AV11="n/a","n/a",ROUND((AV11*[4]TripRateCalculations!P$4),0))</f>
        <v>n/a</v>
      </c>
      <c r="AQ11" s="1020" t="str">
        <f>IF(AW11="n/a","n/a",ROUND((AW11*[4]TripRateCalculations!Q$4),0))</f>
        <v>n/a</v>
      </c>
      <c r="AR11" s="1020" t="str">
        <f>IF(AX11="n/a","n/a",ROUND((AX11*[4]TripRateCalculations!R$4),0))</f>
        <v>n/a</v>
      </c>
      <c r="AS11" s="1020" t="str">
        <f>IF(AY11="n/a","n/a",ROUND((AY11*[4]TripRateCalculations!S$4),0))</f>
        <v>n/a</v>
      </c>
      <c r="AT11" s="1020" t="s">
        <v>1498</v>
      </c>
      <c r="AU11" s="1020" t="s">
        <v>1498</v>
      </c>
      <c r="AV11" s="1020" t="s">
        <v>1498</v>
      </c>
      <c r="AW11" s="1020" t="s">
        <v>1498</v>
      </c>
      <c r="AX11" s="1020" t="s">
        <v>1498</v>
      </c>
      <c r="AY11" s="1020" t="s">
        <v>1498</v>
      </c>
      <c r="AZ11" s="1020" t="s">
        <v>1498</v>
      </c>
      <c r="BA11" s="1020" t="s">
        <v>1498</v>
      </c>
      <c r="BB11" s="1020" t="s">
        <v>1498</v>
      </c>
      <c r="BC11" s="1020" t="s">
        <v>1498</v>
      </c>
      <c r="BD11" s="1020" t="s">
        <v>1498</v>
      </c>
      <c r="BE11" s="1020" t="s">
        <v>1498</v>
      </c>
      <c r="BF11" s="1020" t="s">
        <v>1498</v>
      </c>
      <c r="BG11" s="1020" t="str">
        <f>IF(BF11="n/a","n/a",ROUND((BF11*[4]TripRateCalculations!Q$4),0))</f>
        <v>n/a</v>
      </c>
      <c r="BH11" s="1027" t="s">
        <v>1535</v>
      </c>
      <c r="BI11" s="1026" t="s">
        <v>834</v>
      </c>
      <c r="BJ11" s="1026" t="s">
        <v>53</v>
      </c>
      <c r="BK11" s="1028">
        <v>370629.19</v>
      </c>
      <c r="BL11" s="1029">
        <v>0</v>
      </c>
      <c r="BM11" s="1030" t="s">
        <v>1500</v>
      </c>
      <c r="BN11" s="1025" t="s">
        <v>1501</v>
      </c>
      <c r="BO11" s="1130">
        <v>370629.19</v>
      </c>
      <c r="BP11" s="992"/>
      <c r="BQ11" s="1131" t="e">
        <f t="shared" si="21"/>
        <v>#VALUE!</v>
      </c>
      <c r="BR11" s="1131" t="e">
        <f t="shared" si="22"/>
        <v>#VALUE!</v>
      </c>
      <c r="BS11" s="1131" t="e">
        <f t="shared" si="23"/>
        <v>#VALUE!</v>
      </c>
      <c r="BT11" s="1131" t="e">
        <f t="shared" si="24"/>
        <v>#VALUE!</v>
      </c>
      <c r="BU11" s="1131" t="e">
        <f t="shared" si="25"/>
        <v>#VALUE!</v>
      </c>
      <c r="BV11" s="1131" t="e">
        <f t="shared" si="26"/>
        <v>#VALUE!</v>
      </c>
      <c r="BW11" s="1131" t="e">
        <f t="shared" si="27"/>
        <v>#VALUE!</v>
      </c>
      <c r="BX11" s="1131" t="e">
        <f t="shared" si="28"/>
        <v>#VALUE!</v>
      </c>
      <c r="BY11" s="1131" t="e">
        <f t="shared" si="29"/>
        <v>#VALUE!</v>
      </c>
      <c r="BZ11" s="1131" t="e">
        <f t="shared" si="30"/>
        <v>#VALUE!</v>
      </c>
      <c r="CA11" s="1131" t="e">
        <f t="shared" si="31"/>
        <v>#VALUE!</v>
      </c>
      <c r="CB11" s="1131" t="e">
        <f t="shared" si="32"/>
        <v>#VALUE!</v>
      </c>
      <c r="CC11" s="1131" t="e">
        <f t="shared" si="33"/>
        <v>#VALUE!</v>
      </c>
      <c r="CD11" s="1131" t="e">
        <f t="shared" si="34"/>
        <v>#VALUE!</v>
      </c>
      <c r="CE11" s="1131" t="e">
        <f t="shared" si="35"/>
        <v>#VALUE!</v>
      </c>
      <c r="CF11" s="1131" t="e">
        <f t="shared" si="36"/>
        <v>#VALUE!</v>
      </c>
      <c r="CG11" s="1131" t="e">
        <f t="shared" si="37"/>
        <v>#VALUE!</v>
      </c>
      <c r="CH11" s="1131" t="e">
        <f t="shared" si="38"/>
        <v>#VALUE!</v>
      </c>
      <c r="CI11" s="1131" t="e">
        <f t="shared" si="39"/>
        <v>#VALUE!</v>
      </c>
      <c r="CJ11" s="1131" t="e">
        <f t="shared" si="40"/>
        <v>#VALUE!</v>
      </c>
      <c r="CK11" s="1132" t="str">
        <f t="shared" si="41"/>
        <v>n/a</v>
      </c>
    </row>
    <row r="12" spans="1:89" ht="57" x14ac:dyDescent="0.2">
      <c r="A12" s="992" t="s">
        <v>66</v>
      </c>
      <c r="B12" s="1126"/>
      <c r="C12" s="1126"/>
      <c r="D12" s="1126"/>
      <c r="E12" s="1126"/>
      <c r="F12" s="1026" t="s">
        <v>1536</v>
      </c>
      <c r="G12" s="1026" t="s">
        <v>851</v>
      </c>
      <c r="H12" s="1026" t="s">
        <v>852</v>
      </c>
      <c r="I12" s="1026" t="s">
        <v>1537</v>
      </c>
      <c r="J12" s="1026">
        <v>51.748033479999997</v>
      </c>
      <c r="K12" s="1026">
        <v>-0.43281126800000003</v>
      </c>
      <c r="L12" s="1026" t="s">
        <v>1488</v>
      </c>
      <c r="M12" s="1026" t="s">
        <v>1489</v>
      </c>
      <c r="N12" s="1026">
        <v>2</v>
      </c>
      <c r="O12" s="1026" t="s">
        <v>830</v>
      </c>
      <c r="P12" s="1026" t="s">
        <v>1490</v>
      </c>
      <c r="Q12" s="1026" t="s">
        <v>1491</v>
      </c>
      <c r="R12" s="1026" t="s">
        <v>1492</v>
      </c>
      <c r="S12" s="1026" t="s">
        <v>1493</v>
      </c>
      <c r="T12" s="1026" t="s">
        <v>1538</v>
      </c>
      <c r="U12" s="1016" t="str">
        <f>_xlfn.XLOOKUP(F12, [4]GIS!D:D, [4]GIS!E:E, "Not mapped")</f>
        <v>Multiple - Scenario 1</v>
      </c>
      <c r="V12" s="1026"/>
      <c r="W12" s="1018" t="s">
        <v>1496</v>
      </c>
      <c r="X12" s="1019" t="s">
        <v>1497</v>
      </c>
      <c r="Y12" s="1020" t="s">
        <v>1498</v>
      </c>
      <c r="Z12" s="1020" t="s">
        <v>1498</v>
      </c>
      <c r="AA12" s="1020" t="s">
        <v>1498</v>
      </c>
      <c r="AB12" s="1020" t="s">
        <v>1498</v>
      </c>
      <c r="AC12" s="1020" t="s">
        <v>1498</v>
      </c>
      <c r="AD12" s="1020" t="s">
        <v>1498</v>
      </c>
      <c r="AE12" s="1020" t="s">
        <v>1498</v>
      </c>
      <c r="AF12" s="1020" t="s">
        <v>1498</v>
      </c>
      <c r="AG12" s="1020" t="s">
        <v>1498</v>
      </c>
      <c r="AH12" s="1020" t="s">
        <v>1498</v>
      </c>
      <c r="AI12" s="1020" t="s">
        <v>1498</v>
      </c>
      <c r="AJ12" s="1020" t="s">
        <v>1498</v>
      </c>
      <c r="AK12" s="1020" t="str">
        <f>IF(AJ12="n/a","n/a",ROUND((AJ12*[4]TripRateCalculations!$V$6),0))</f>
        <v>n/a</v>
      </c>
      <c r="AL12" s="1020" t="s">
        <v>1498</v>
      </c>
      <c r="AM12" s="1020" t="s">
        <v>1498</v>
      </c>
      <c r="AN12" s="1020" t="str">
        <f>IF(AT12="n/a","n/a",ROUND((AT12*[4]TripRateCalculations!N$4),0))</f>
        <v>n/a</v>
      </c>
      <c r="AO12" s="1020" t="str">
        <f>IF(AU12="n/a","n/a",ROUND((AU12*[4]TripRateCalculations!O$4),0))</f>
        <v>n/a</v>
      </c>
      <c r="AP12" s="1020" t="str">
        <f>IF(AV12="n/a","n/a",ROUND((AV12*[4]TripRateCalculations!P$4),0))</f>
        <v>n/a</v>
      </c>
      <c r="AQ12" s="1020" t="str">
        <f>IF(AW12="n/a","n/a",ROUND((AW12*[4]TripRateCalculations!Q$4),0))</f>
        <v>n/a</v>
      </c>
      <c r="AR12" s="1020" t="str">
        <f>IF(AX12="n/a","n/a",ROUND((AX12*[4]TripRateCalculations!R$4),0))</f>
        <v>n/a</v>
      </c>
      <c r="AS12" s="1020" t="str">
        <f>IF(AY12="n/a","n/a",ROUND((AY12*[4]TripRateCalculations!S$4),0))</f>
        <v>n/a</v>
      </c>
      <c r="AT12" s="1020" t="s">
        <v>1498</v>
      </c>
      <c r="AU12" s="1020" t="s">
        <v>1498</v>
      </c>
      <c r="AV12" s="1020" t="s">
        <v>1498</v>
      </c>
      <c r="AW12" s="1020" t="s">
        <v>1498</v>
      </c>
      <c r="AX12" s="1020" t="s">
        <v>1498</v>
      </c>
      <c r="AY12" s="1020" t="s">
        <v>1498</v>
      </c>
      <c r="AZ12" s="1020" t="s">
        <v>1498</v>
      </c>
      <c r="BA12" s="1020" t="s">
        <v>1498</v>
      </c>
      <c r="BB12" s="1020" t="s">
        <v>1498</v>
      </c>
      <c r="BC12" s="1020" t="s">
        <v>1498</v>
      </c>
      <c r="BD12" s="1020" t="s">
        <v>1498</v>
      </c>
      <c r="BE12" s="1020" t="s">
        <v>1498</v>
      </c>
      <c r="BF12" s="1020" t="s">
        <v>1498</v>
      </c>
      <c r="BG12" s="1020" t="str">
        <f>IF(BF12="n/a","n/a",ROUND((BF12*[4]TripRateCalculations!Q$4),0))</f>
        <v>n/a</v>
      </c>
      <c r="BH12" s="1027" t="s">
        <v>1539</v>
      </c>
      <c r="BI12" s="1026" t="s">
        <v>834</v>
      </c>
      <c r="BJ12" s="1026" t="s">
        <v>53</v>
      </c>
      <c r="BK12" s="1028">
        <v>370629.19</v>
      </c>
      <c r="BL12" s="1029">
        <v>0</v>
      </c>
      <c r="BM12" s="1030" t="s">
        <v>1500</v>
      </c>
      <c r="BN12" s="1025" t="s">
        <v>1501</v>
      </c>
      <c r="BO12" s="1130">
        <v>370629.19</v>
      </c>
      <c r="BP12" s="992"/>
      <c r="BQ12" s="1131" t="e">
        <f t="shared" si="21"/>
        <v>#VALUE!</v>
      </c>
      <c r="BR12" s="1131" t="e">
        <f t="shared" si="22"/>
        <v>#VALUE!</v>
      </c>
      <c r="BS12" s="1131" t="e">
        <f t="shared" si="23"/>
        <v>#VALUE!</v>
      </c>
      <c r="BT12" s="1131" t="e">
        <f t="shared" si="24"/>
        <v>#VALUE!</v>
      </c>
      <c r="BU12" s="1131" t="e">
        <f t="shared" si="25"/>
        <v>#VALUE!</v>
      </c>
      <c r="BV12" s="1131" t="e">
        <f t="shared" si="26"/>
        <v>#VALUE!</v>
      </c>
      <c r="BW12" s="1131" t="e">
        <f t="shared" si="27"/>
        <v>#VALUE!</v>
      </c>
      <c r="BX12" s="1131" t="e">
        <f t="shared" si="28"/>
        <v>#VALUE!</v>
      </c>
      <c r="BY12" s="1131" t="e">
        <f t="shared" si="29"/>
        <v>#VALUE!</v>
      </c>
      <c r="BZ12" s="1131" t="e">
        <f t="shared" si="30"/>
        <v>#VALUE!</v>
      </c>
      <c r="CA12" s="1131" t="e">
        <f t="shared" si="31"/>
        <v>#VALUE!</v>
      </c>
      <c r="CB12" s="1131" t="e">
        <f t="shared" si="32"/>
        <v>#VALUE!</v>
      </c>
      <c r="CC12" s="1131" t="e">
        <f t="shared" si="33"/>
        <v>#VALUE!</v>
      </c>
      <c r="CD12" s="1131" t="e">
        <f t="shared" si="34"/>
        <v>#VALUE!</v>
      </c>
      <c r="CE12" s="1131" t="e">
        <f t="shared" si="35"/>
        <v>#VALUE!</v>
      </c>
      <c r="CF12" s="1131" t="e">
        <f t="shared" si="36"/>
        <v>#VALUE!</v>
      </c>
      <c r="CG12" s="1131" t="e">
        <f t="shared" si="37"/>
        <v>#VALUE!</v>
      </c>
      <c r="CH12" s="1131" t="e">
        <f t="shared" si="38"/>
        <v>#VALUE!</v>
      </c>
      <c r="CI12" s="1131" t="e">
        <f t="shared" si="39"/>
        <v>#VALUE!</v>
      </c>
      <c r="CJ12" s="1131" t="e">
        <f t="shared" si="40"/>
        <v>#VALUE!</v>
      </c>
      <c r="CK12" s="1132" t="str">
        <f t="shared" si="41"/>
        <v>n/a</v>
      </c>
    </row>
    <row r="13" spans="1:89" ht="42.75" x14ac:dyDescent="0.2">
      <c r="A13" s="992" t="s">
        <v>66</v>
      </c>
      <c r="B13" s="1126"/>
      <c r="C13" s="1126"/>
      <c r="D13" s="1126"/>
      <c r="E13" s="1126"/>
      <c r="F13" s="1026" t="s">
        <v>1540</v>
      </c>
      <c r="G13" s="1026" t="s">
        <v>854</v>
      </c>
      <c r="H13" s="1026" t="s">
        <v>855</v>
      </c>
      <c r="I13" s="1026" t="s">
        <v>1541</v>
      </c>
      <c r="J13" s="1026">
        <v>51.756870999999997</v>
      </c>
      <c r="K13" s="1026">
        <v>-0.49613299999999999</v>
      </c>
      <c r="L13" s="1026" t="s">
        <v>1488</v>
      </c>
      <c r="M13" s="1026" t="s">
        <v>1489</v>
      </c>
      <c r="N13" s="1026">
        <v>2</v>
      </c>
      <c r="O13" s="1026" t="s">
        <v>830</v>
      </c>
      <c r="P13" s="1026" t="s">
        <v>1490</v>
      </c>
      <c r="Q13" s="1026" t="s">
        <v>1491</v>
      </c>
      <c r="R13" s="1026" t="s">
        <v>1492</v>
      </c>
      <c r="S13" s="1026" t="s">
        <v>1493</v>
      </c>
      <c r="T13" s="1026" t="s">
        <v>1504</v>
      </c>
      <c r="U13" s="1016" t="str">
        <f>_xlfn.XLOOKUP(F13, [4]GIS!D:D, [4]GIS!E:E, "Not mapped")</f>
        <v>Single - Scenario 3</v>
      </c>
      <c r="V13" s="1026" t="s">
        <v>1542</v>
      </c>
      <c r="W13" s="1018" t="s">
        <v>1496</v>
      </c>
      <c r="X13" s="1019" t="s">
        <v>1497</v>
      </c>
      <c r="Y13" s="1020" t="s">
        <v>1498</v>
      </c>
      <c r="Z13" s="1020" t="s">
        <v>1498</v>
      </c>
      <c r="AA13" s="1020" t="s">
        <v>1498</v>
      </c>
      <c r="AB13" s="1020" t="s">
        <v>1498</v>
      </c>
      <c r="AC13" s="1020" t="s">
        <v>1498</v>
      </c>
      <c r="AD13" s="1020" t="s">
        <v>1498</v>
      </c>
      <c r="AE13" s="1020" t="s">
        <v>1498</v>
      </c>
      <c r="AF13" s="1020" t="s">
        <v>1498</v>
      </c>
      <c r="AG13" s="1020" t="s">
        <v>1498</v>
      </c>
      <c r="AH13" s="1020" t="s">
        <v>1498</v>
      </c>
      <c r="AI13" s="1020" t="s">
        <v>1498</v>
      </c>
      <c r="AJ13" s="1020" t="s">
        <v>1498</v>
      </c>
      <c r="AK13" s="1020" t="str">
        <f>IF(AJ13="n/a","n/a",ROUND((AJ13*[4]TripRateCalculations!$V$6),0))</f>
        <v>n/a</v>
      </c>
      <c r="AL13" s="1020" t="s">
        <v>1498</v>
      </c>
      <c r="AM13" s="1020" t="s">
        <v>1498</v>
      </c>
      <c r="AN13" s="1020" t="str">
        <f>IF(AT13="n/a","n/a",ROUND((AT13*[4]TripRateCalculations!N$4),0))</f>
        <v>n/a</v>
      </c>
      <c r="AO13" s="1020" t="str">
        <f>IF(AU13="n/a","n/a",ROUND((AU13*[4]TripRateCalculations!O$4),0))</f>
        <v>n/a</v>
      </c>
      <c r="AP13" s="1020" t="str">
        <f>IF(AV13="n/a","n/a",ROUND((AV13*[4]TripRateCalculations!P$4),0))</f>
        <v>n/a</v>
      </c>
      <c r="AQ13" s="1020" t="str">
        <f>IF(AW13="n/a","n/a",ROUND((AW13*[4]TripRateCalculations!Q$4),0))</f>
        <v>n/a</v>
      </c>
      <c r="AR13" s="1020" t="str">
        <f>IF(AX13="n/a","n/a",ROUND((AX13*[4]TripRateCalculations!R$4),0))</f>
        <v>n/a</v>
      </c>
      <c r="AS13" s="1020" t="str">
        <f>IF(AY13="n/a","n/a",ROUND((AY13*[4]TripRateCalculations!S$4),0))</f>
        <v>n/a</v>
      </c>
      <c r="AT13" s="1020" t="s">
        <v>1498</v>
      </c>
      <c r="AU13" s="1020" t="s">
        <v>1498</v>
      </c>
      <c r="AV13" s="1020" t="s">
        <v>1498</v>
      </c>
      <c r="AW13" s="1020" t="s">
        <v>1498</v>
      </c>
      <c r="AX13" s="1020" t="s">
        <v>1498</v>
      </c>
      <c r="AY13" s="1020" t="s">
        <v>1498</v>
      </c>
      <c r="AZ13" s="1020" t="s">
        <v>1498</v>
      </c>
      <c r="BA13" s="1020" t="s">
        <v>1498</v>
      </c>
      <c r="BB13" s="1020" t="s">
        <v>1498</v>
      </c>
      <c r="BC13" s="1020" t="s">
        <v>1498</v>
      </c>
      <c r="BD13" s="1020" t="s">
        <v>1498</v>
      </c>
      <c r="BE13" s="1020" t="s">
        <v>1498</v>
      </c>
      <c r="BF13" s="1020" t="s">
        <v>1498</v>
      </c>
      <c r="BG13" s="1020" t="str">
        <f>IF(BF13="n/a","n/a",ROUND((BF13*[4]TripRateCalculations!Q$4),0))</f>
        <v>n/a</v>
      </c>
      <c r="BH13" s="1027" t="s">
        <v>1543</v>
      </c>
      <c r="BI13" s="1026" t="s">
        <v>834</v>
      </c>
      <c r="BJ13" s="1026" t="s">
        <v>53</v>
      </c>
      <c r="BK13" s="1028">
        <v>370629.19</v>
      </c>
      <c r="BL13" s="1029">
        <v>0</v>
      </c>
      <c r="BM13" s="1030" t="s">
        <v>1500</v>
      </c>
      <c r="BN13" s="1025" t="s">
        <v>1501</v>
      </c>
      <c r="BO13" s="1130">
        <v>370629.19</v>
      </c>
      <c r="BP13" s="992"/>
      <c r="BQ13" s="1131" t="e">
        <f t="shared" si="21"/>
        <v>#VALUE!</v>
      </c>
      <c r="BR13" s="1131" t="e">
        <f t="shared" si="22"/>
        <v>#VALUE!</v>
      </c>
      <c r="BS13" s="1131" t="e">
        <f t="shared" si="23"/>
        <v>#VALUE!</v>
      </c>
      <c r="BT13" s="1131" t="e">
        <f t="shared" si="24"/>
        <v>#VALUE!</v>
      </c>
      <c r="BU13" s="1131" t="e">
        <f t="shared" si="25"/>
        <v>#VALUE!</v>
      </c>
      <c r="BV13" s="1131" t="e">
        <f t="shared" si="26"/>
        <v>#VALUE!</v>
      </c>
      <c r="BW13" s="1131" t="e">
        <f t="shared" si="27"/>
        <v>#VALUE!</v>
      </c>
      <c r="BX13" s="1131" t="e">
        <f t="shared" si="28"/>
        <v>#VALUE!</v>
      </c>
      <c r="BY13" s="1131" t="e">
        <f t="shared" si="29"/>
        <v>#VALUE!</v>
      </c>
      <c r="BZ13" s="1131" t="e">
        <f t="shared" si="30"/>
        <v>#VALUE!</v>
      </c>
      <c r="CA13" s="1131" t="e">
        <f t="shared" si="31"/>
        <v>#VALUE!</v>
      </c>
      <c r="CB13" s="1131" t="e">
        <f t="shared" si="32"/>
        <v>#VALUE!</v>
      </c>
      <c r="CC13" s="1131" t="e">
        <f t="shared" si="33"/>
        <v>#VALUE!</v>
      </c>
      <c r="CD13" s="1131" t="e">
        <f t="shared" si="34"/>
        <v>#VALUE!</v>
      </c>
      <c r="CE13" s="1131" t="e">
        <f t="shared" si="35"/>
        <v>#VALUE!</v>
      </c>
      <c r="CF13" s="1131" t="e">
        <f t="shared" si="36"/>
        <v>#VALUE!</v>
      </c>
      <c r="CG13" s="1131" t="e">
        <f t="shared" si="37"/>
        <v>#VALUE!</v>
      </c>
      <c r="CH13" s="1131" t="e">
        <f t="shared" si="38"/>
        <v>#VALUE!</v>
      </c>
      <c r="CI13" s="1131" t="e">
        <f t="shared" si="39"/>
        <v>#VALUE!</v>
      </c>
      <c r="CJ13" s="1131" t="e">
        <f t="shared" si="40"/>
        <v>#VALUE!</v>
      </c>
      <c r="CK13" s="1132" t="str">
        <f t="shared" si="41"/>
        <v>n/a</v>
      </c>
    </row>
    <row r="14" spans="1:89" ht="42.75" x14ac:dyDescent="0.2">
      <c r="A14" s="992" t="s">
        <v>66</v>
      </c>
      <c r="B14" s="1126" t="s">
        <v>66</v>
      </c>
      <c r="C14" s="1126"/>
      <c r="D14" s="1126"/>
      <c r="E14" s="1126"/>
      <c r="F14" s="1026" t="s">
        <v>1544</v>
      </c>
      <c r="G14" s="1026" t="s">
        <v>856</v>
      </c>
      <c r="H14" s="1026" t="s">
        <v>857</v>
      </c>
      <c r="I14" s="1026" t="s">
        <v>1545</v>
      </c>
      <c r="J14" s="1026">
        <v>51.763736000000002</v>
      </c>
      <c r="K14" s="1026">
        <v>-0.49191400000000002</v>
      </c>
      <c r="L14" s="1026" t="s">
        <v>1488</v>
      </c>
      <c r="M14" s="1026" t="s">
        <v>1489</v>
      </c>
      <c r="N14" s="1026">
        <v>2</v>
      </c>
      <c r="O14" s="1026" t="s">
        <v>830</v>
      </c>
      <c r="P14" s="1026" t="s">
        <v>1490</v>
      </c>
      <c r="Q14" s="1026" t="s">
        <v>1491</v>
      </c>
      <c r="R14" s="1026" t="s">
        <v>1492</v>
      </c>
      <c r="S14" s="1026" t="s">
        <v>1493</v>
      </c>
      <c r="T14" s="1026" t="s">
        <v>1504</v>
      </c>
      <c r="U14" s="1016" t="str">
        <f>_xlfn.XLOOKUP(F14, [4]GIS!D:D, [4]GIS!E:E, "Not mapped")</f>
        <v>Single - Scenario 3</v>
      </c>
      <c r="V14" s="1026" t="s">
        <v>1546</v>
      </c>
      <c r="W14" s="1018" t="s">
        <v>1496</v>
      </c>
      <c r="X14" s="1019" t="s">
        <v>1497</v>
      </c>
      <c r="Y14" s="1020" t="s">
        <v>1498</v>
      </c>
      <c r="Z14" s="1020" t="s">
        <v>1498</v>
      </c>
      <c r="AA14" s="1020" t="s">
        <v>1498</v>
      </c>
      <c r="AB14" s="1020" t="s">
        <v>1498</v>
      </c>
      <c r="AC14" s="1020" t="s">
        <v>1498</v>
      </c>
      <c r="AD14" s="1020" t="s">
        <v>1498</v>
      </c>
      <c r="AE14" s="1020" t="s">
        <v>1498</v>
      </c>
      <c r="AF14" s="1020" t="s">
        <v>1498</v>
      </c>
      <c r="AG14" s="1020" t="s">
        <v>1498</v>
      </c>
      <c r="AH14" s="1020" t="s">
        <v>1498</v>
      </c>
      <c r="AI14" s="1020" t="s">
        <v>1498</v>
      </c>
      <c r="AJ14" s="1020" t="s">
        <v>1498</v>
      </c>
      <c r="AK14" s="1020" t="str">
        <f>IF(AJ14="n/a","n/a",ROUND((AJ14*[4]TripRateCalculations!$V$6),0))</f>
        <v>n/a</v>
      </c>
      <c r="AL14" s="1020" t="s">
        <v>1498</v>
      </c>
      <c r="AM14" s="1020" t="s">
        <v>1498</v>
      </c>
      <c r="AN14" s="1020" t="str">
        <f>IF(AT14="n/a","n/a",ROUND((AT14*[4]TripRateCalculations!N$4),0))</f>
        <v>n/a</v>
      </c>
      <c r="AO14" s="1020" t="str">
        <f>IF(AU14="n/a","n/a",ROUND((AU14*[4]TripRateCalculations!O$4),0))</f>
        <v>n/a</v>
      </c>
      <c r="AP14" s="1020" t="str">
        <f>IF(AV14="n/a","n/a",ROUND((AV14*[4]TripRateCalculations!P$4),0))</f>
        <v>n/a</v>
      </c>
      <c r="AQ14" s="1020" t="str">
        <f>IF(AW14="n/a","n/a",ROUND((AW14*[4]TripRateCalculations!Q$4),0))</f>
        <v>n/a</v>
      </c>
      <c r="AR14" s="1020" t="str">
        <f>IF(AX14="n/a","n/a",ROUND((AX14*[4]TripRateCalculations!R$4),0))</f>
        <v>n/a</v>
      </c>
      <c r="AS14" s="1020" t="str">
        <f>IF(AY14="n/a","n/a",ROUND((AY14*[4]TripRateCalculations!S$4),0))</f>
        <v>n/a</v>
      </c>
      <c r="AT14" s="1020" t="s">
        <v>1498</v>
      </c>
      <c r="AU14" s="1020" t="s">
        <v>1498</v>
      </c>
      <c r="AV14" s="1020" t="s">
        <v>1498</v>
      </c>
      <c r="AW14" s="1020" t="s">
        <v>1498</v>
      </c>
      <c r="AX14" s="1020" t="s">
        <v>1498</v>
      </c>
      <c r="AY14" s="1020" t="s">
        <v>1498</v>
      </c>
      <c r="AZ14" s="1020" t="s">
        <v>1498</v>
      </c>
      <c r="BA14" s="1020" t="s">
        <v>1498</v>
      </c>
      <c r="BB14" s="1020" t="s">
        <v>1498</v>
      </c>
      <c r="BC14" s="1020" t="s">
        <v>1498</v>
      </c>
      <c r="BD14" s="1020" t="s">
        <v>1498</v>
      </c>
      <c r="BE14" s="1020" t="s">
        <v>1498</v>
      </c>
      <c r="BF14" s="1020" t="s">
        <v>1498</v>
      </c>
      <c r="BG14" s="1020" t="str">
        <f>IF(BF14="n/a","n/a",ROUND((BF14*[4]TripRateCalculations!Q$4),0))</f>
        <v>n/a</v>
      </c>
      <c r="BH14" s="1027" t="s">
        <v>1547</v>
      </c>
      <c r="BI14" s="1026" t="s">
        <v>834</v>
      </c>
      <c r="BJ14" s="1026" t="s">
        <v>53</v>
      </c>
      <c r="BK14" s="1028">
        <v>370629.19</v>
      </c>
      <c r="BL14" s="1029">
        <v>0</v>
      </c>
      <c r="BM14" s="1030" t="s">
        <v>1500</v>
      </c>
      <c r="BN14" s="1025" t="s">
        <v>1501</v>
      </c>
      <c r="BO14" s="1130">
        <v>370629.19</v>
      </c>
      <c r="BP14" s="992"/>
      <c r="BQ14" s="1131" t="e">
        <f t="shared" si="21"/>
        <v>#VALUE!</v>
      </c>
      <c r="BR14" s="1131" t="e">
        <f t="shared" si="22"/>
        <v>#VALUE!</v>
      </c>
      <c r="BS14" s="1131" t="e">
        <f t="shared" si="23"/>
        <v>#VALUE!</v>
      </c>
      <c r="BT14" s="1131" t="e">
        <f t="shared" si="24"/>
        <v>#VALUE!</v>
      </c>
      <c r="BU14" s="1131" t="e">
        <f t="shared" si="25"/>
        <v>#VALUE!</v>
      </c>
      <c r="BV14" s="1131" t="e">
        <f t="shared" si="26"/>
        <v>#VALUE!</v>
      </c>
      <c r="BW14" s="1131" t="e">
        <f t="shared" si="27"/>
        <v>#VALUE!</v>
      </c>
      <c r="BX14" s="1131" t="e">
        <f t="shared" si="28"/>
        <v>#VALUE!</v>
      </c>
      <c r="BY14" s="1131" t="e">
        <f t="shared" si="29"/>
        <v>#VALUE!</v>
      </c>
      <c r="BZ14" s="1131" t="e">
        <f t="shared" si="30"/>
        <v>#VALUE!</v>
      </c>
      <c r="CA14" s="1131" t="e">
        <f t="shared" si="31"/>
        <v>#VALUE!</v>
      </c>
      <c r="CB14" s="1131" t="e">
        <f t="shared" si="32"/>
        <v>#VALUE!</v>
      </c>
      <c r="CC14" s="1131" t="e">
        <f t="shared" si="33"/>
        <v>#VALUE!</v>
      </c>
      <c r="CD14" s="1131" t="e">
        <f t="shared" si="34"/>
        <v>#VALUE!</v>
      </c>
      <c r="CE14" s="1131" t="e">
        <f t="shared" si="35"/>
        <v>#VALUE!</v>
      </c>
      <c r="CF14" s="1131" t="e">
        <f t="shared" si="36"/>
        <v>#VALUE!</v>
      </c>
      <c r="CG14" s="1131" t="e">
        <f t="shared" si="37"/>
        <v>#VALUE!</v>
      </c>
      <c r="CH14" s="1131" t="e">
        <f t="shared" si="38"/>
        <v>#VALUE!</v>
      </c>
      <c r="CI14" s="1131" t="e">
        <f t="shared" si="39"/>
        <v>#VALUE!</v>
      </c>
      <c r="CJ14" s="1131" t="e">
        <f t="shared" si="40"/>
        <v>#VALUE!</v>
      </c>
      <c r="CK14" s="1132" t="str">
        <f t="shared" si="41"/>
        <v>n/a</v>
      </c>
    </row>
    <row r="15" spans="1:89" ht="42.75" x14ac:dyDescent="0.2">
      <c r="A15" s="992" t="s">
        <v>66</v>
      </c>
      <c r="B15" s="1126"/>
      <c r="C15" s="1126"/>
      <c r="D15" s="1126"/>
      <c r="E15" s="1126"/>
      <c r="F15" s="1026" t="s">
        <v>1548</v>
      </c>
      <c r="G15" s="1026" t="s">
        <v>859</v>
      </c>
      <c r="H15" s="1026" t="s">
        <v>860</v>
      </c>
      <c r="I15" s="1026" t="s">
        <v>1549</v>
      </c>
      <c r="J15" s="1026">
        <v>51.751010260000001</v>
      </c>
      <c r="K15" s="1026">
        <v>-0.50209890400000001</v>
      </c>
      <c r="L15" s="1026" t="s">
        <v>1488</v>
      </c>
      <c r="M15" s="1026" t="s">
        <v>1489</v>
      </c>
      <c r="N15" s="1026">
        <v>2</v>
      </c>
      <c r="O15" s="1026" t="s">
        <v>830</v>
      </c>
      <c r="P15" s="1026" t="s">
        <v>1490</v>
      </c>
      <c r="Q15" s="1026" t="s">
        <v>1491</v>
      </c>
      <c r="R15" s="1026" t="s">
        <v>1492</v>
      </c>
      <c r="S15" s="1026" t="s">
        <v>1493</v>
      </c>
      <c r="T15" s="1026" t="s">
        <v>1504</v>
      </c>
      <c r="U15" s="1016" t="str">
        <f>_xlfn.XLOOKUP(F15, [4]GIS!D:D, [4]GIS!E:E, "Not mapped")</f>
        <v>Single - Scenario 3</v>
      </c>
      <c r="V15" s="1026" t="s">
        <v>1542</v>
      </c>
      <c r="W15" s="1018" t="s">
        <v>1496</v>
      </c>
      <c r="X15" s="1019" t="s">
        <v>1497</v>
      </c>
      <c r="Y15" s="1020" t="s">
        <v>1498</v>
      </c>
      <c r="Z15" s="1020" t="s">
        <v>1498</v>
      </c>
      <c r="AA15" s="1020" t="s">
        <v>1498</v>
      </c>
      <c r="AB15" s="1020" t="s">
        <v>1498</v>
      </c>
      <c r="AC15" s="1020" t="s">
        <v>1498</v>
      </c>
      <c r="AD15" s="1020" t="s">
        <v>1498</v>
      </c>
      <c r="AE15" s="1020" t="s">
        <v>1498</v>
      </c>
      <c r="AF15" s="1020" t="s">
        <v>1498</v>
      </c>
      <c r="AG15" s="1020" t="s">
        <v>1498</v>
      </c>
      <c r="AH15" s="1020" t="s">
        <v>1498</v>
      </c>
      <c r="AI15" s="1020" t="s">
        <v>1498</v>
      </c>
      <c r="AJ15" s="1020" t="s">
        <v>1498</v>
      </c>
      <c r="AK15" s="1020" t="str">
        <f>IF(AJ15="n/a","n/a",ROUND((AJ15*[4]TripRateCalculations!$V$6),0))</f>
        <v>n/a</v>
      </c>
      <c r="AL15" s="1020" t="s">
        <v>1498</v>
      </c>
      <c r="AM15" s="1020" t="s">
        <v>1498</v>
      </c>
      <c r="AN15" s="1020" t="str">
        <f>IF(AT15="n/a","n/a",ROUND((AT15*[4]TripRateCalculations!N$4),0))</f>
        <v>n/a</v>
      </c>
      <c r="AO15" s="1020" t="str">
        <f>IF(AU15="n/a","n/a",ROUND((AU15*[4]TripRateCalculations!O$4),0))</f>
        <v>n/a</v>
      </c>
      <c r="AP15" s="1020" t="str">
        <f>IF(AV15="n/a","n/a",ROUND((AV15*[4]TripRateCalculations!P$4),0))</f>
        <v>n/a</v>
      </c>
      <c r="AQ15" s="1020" t="str">
        <f>IF(AW15="n/a","n/a",ROUND((AW15*[4]TripRateCalculations!Q$4),0))</f>
        <v>n/a</v>
      </c>
      <c r="AR15" s="1020" t="str">
        <f>IF(AX15="n/a","n/a",ROUND((AX15*[4]TripRateCalculations!R$4),0))</f>
        <v>n/a</v>
      </c>
      <c r="AS15" s="1020" t="str">
        <f>IF(AY15="n/a","n/a",ROUND((AY15*[4]TripRateCalculations!S$4),0))</f>
        <v>n/a</v>
      </c>
      <c r="AT15" s="1020" t="s">
        <v>1498</v>
      </c>
      <c r="AU15" s="1020" t="s">
        <v>1498</v>
      </c>
      <c r="AV15" s="1020" t="s">
        <v>1498</v>
      </c>
      <c r="AW15" s="1020" t="s">
        <v>1498</v>
      </c>
      <c r="AX15" s="1020" t="s">
        <v>1498</v>
      </c>
      <c r="AY15" s="1020" t="s">
        <v>1498</v>
      </c>
      <c r="AZ15" s="1020" t="s">
        <v>1498</v>
      </c>
      <c r="BA15" s="1020" t="s">
        <v>1498</v>
      </c>
      <c r="BB15" s="1020" t="s">
        <v>1498</v>
      </c>
      <c r="BC15" s="1020" t="s">
        <v>1498</v>
      </c>
      <c r="BD15" s="1020" t="s">
        <v>1498</v>
      </c>
      <c r="BE15" s="1020" t="s">
        <v>1498</v>
      </c>
      <c r="BF15" s="1020" t="s">
        <v>1498</v>
      </c>
      <c r="BG15" s="1020" t="str">
        <f>IF(BF15="n/a","n/a",ROUND((BF15*[4]TripRateCalculations!Q$4),0))</f>
        <v>n/a</v>
      </c>
      <c r="BH15" s="1027" t="s">
        <v>1550</v>
      </c>
      <c r="BI15" s="1026" t="s">
        <v>834</v>
      </c>
      <c r="BJ15" s="1026" t="s">
        <v>53</v>
      </c>
      <c r="BK15" s="1028">
        <v>370629.19</v>
      </c>
      <c r="BL15" s="1029">
        <v>0</v>
      </c>
      <c r="BM15" s="1030" t="s">
        <v>1500</v>
      </c>
      <c r="BN15" s="1025" t="s">
        <v>1501</v>
      </c>
      <c r="BO15" s="1130">
        <v>370629.19</v>
      </c>
      <c r="BP15" s="992"/>
      <c r="BQ15" s="1131" t="e">
        <f t="shared" si="21"/>
        <v>#VALUE!</v>
      </c>
      <c r="BR15" s="1131" t="e">
        <f t="shared" si="22"/>
        <v>#VALUE!</v>
      </c>
      <c r="BS15" s="1131" t="e">
        <f t="shared" si="23"/>
        <v>#VALUE!</v>
      </c>
      <c r="BT15" s="1131" t="e">
        <f t="shared" si="24"/>
        <v>#VALUE!</v>
      </c>
      <c r="BU15" s="1131" t="e">
        <f t="shared" si="25"/>
        <v>#VALUE!</v>
      </c>
      <c r="BV15" s="1131" t="e">
        <f t="shared" si="26"/>
        <v>#VALUE!</v>
      </c>
      <c r="BW15" s="1131" t="e">
        <f t="shared" si="27"/>
        <v>#VALUE!</v>
      </c>
      <c r="BX15" s="1131" t="e">
        <f t="shared" si="28"/>
        <v>#VALUE!</v>
      </c>
      <c r="BY15" s="1131" t="e">
        <f t="shared" si="29"/>
        <v>#VALUE!</v>
      </c>
      <c r="BZ15" s="1131" t="e">
        <f t="shared" si="30"/>
        <v>#VALUE!</v>
      </c>
      <c r="CA15" s="1131" t="e">
        <f t="shared" si="31"/>
        <v>#VALUE!</v>
      </c>
      <c r="CB15" s="1131" t="e">
        <f t="shared" si="32"/>
        <v>#VALUE!</v>
      </c>
      <c r="CC15" s="1131" t="e">
        <f t="shared" si="33"/>
        <v>#VALUE!</v>
      </c>
      <c r="CD15" s="1131" t="e">
        <f t="shared" si="34"/>
        <v>#VALUE!</v>
      </c>
      <c r="CE15" s="1131" t="e">
        <f t="shared" si="35"/>
        <v>#VALUE!</v>
      </c>
      <c r="CF15" s="1131" t="e">
        <f t="shared" si="36"/>
        <v>#VALUE!</v>
      </c>
      <c r="CG15" s="1131" t="e">
        <f t="shared" si="37"/>
        <v>#VALUE!</v>
      </c>
      <c r="CH15" s="1131" t="e">
        <f t="shared" si="38"/>
        <v>#VALUE!</v>
      </c>
      <c r="CI15" s="1131" t="e">
        <f t="shared" si="39"/>
        <v>#VALUE!</v>
      </c>
      <c r="CJ15" s="1131" t="e">
        <f t="shared" si="40"/>
        <v>#VALUE!</v>
      </c>
      <c r="CK15" s="1132" t="str">
        <f t="shared" si="41"/>
        <v>n/a</v>
      </c>
    </row>
    <row r="16" spans="1:89" ht="75" x14ac:dyDescent="0.2">
      <c r="A16" s="992"/>
      <c r="B16" s="1126" t="s">
        <v>66</v>
      </c>
      <c r="C16" s="1126"/>
      <c r="D16" s="1126"/>
      <c r="E16" s="1126"/>
      <c r="F16" s="1026" t="s">
        <v>1551</v>
      </c>
      <c r="G16" s="1026" t="s">
        <v>862</v>
      </c>
      <c r="H16" s="1026" t="s">
        <v>863</v>
      </c>
      <c r="I16" s="1026" t="s">
        <v>1552</v>
      </c>
      <c r="J16" s="1026">
        <v>51.75977185</v>
      </c>
      <c r="K16" s="1026">
        <v>-0.44028828599999997</v>
      </c>
      <c r="L16" s="1026" t="s">
        <v>1488</v>
      </c>
      <c r="M16" s="1026" t="s">
        <v>1489</v>
      </c>
      <c r="N16" s="1026">
        <v>2</v>
      </c>
      <c r="O16" s="1026" t="s">
        <v>830</v>
      </c>
      <c r="P16" s="1026" t="s">
        <v>1490</v>
      </c>
      <c r="Q16" s="1026" t="s">
        <v>1491</v>
      </c>
      <c r="R16" s="1026" t="s">
        <v>1492</v>
      </c>
      <c r="S16" s="1026" t="s">
        <v>1493</v>
      </c>
      <c r="T16" s="1026" t="s">
        <v>1553</v>
      </c>
      <c r="U16" s="1016" t="str">
        <f>_xlfn.XLOOKUP(F16, [4]GIS!D:D, [4]GIS!E:E, "Not mapped")</f>
        <v>Single - Scenario 3</v>
      </c>
      <c r="V16" s="1017" t="s">
        <v>1495</v>
      </c>
      <c r="W16" s="1018" t="s">
        <v>1496</v>
      </c>
      <c r="X16" s="1019" t="s">
        <v>1497</v>
      </c>
      <c r="Y16" s="1020" t="s">
        <v>1498</v>
      </c>
      <c r="Z16" s="1020" t="s">
        <v>1498</v>
      </c>
      <c r="AA16" s="1020" t="s">
        <v>1498</v>
      </c>
      <c r="AB16" s="1020" t="s">
        <v>1498</v>
      </c>
      <c r="AC16" s="1020" t="s">
        <v>1498</v>
      </c>
      <c r="AD16" s="1020" t="s">
        <v>1498</v>
      </c>
      <c r="AE16" s="1020" t="s">
        <v>1498</v>
      </c>
      <c r="AF16" s="1020" t="s">
        <v>1498</v>
      </c>
      <c r="AG16" s="1020" t="s">
        <v>1498</v>
      </c>
      <c r="AH16" s="1020" t="s">
        <v>1498</v>
      </c>
      <c r="AI16" s="1020" t="s">
        <v>1498</v>
      </c>
      <c r="AJ16" s="1020" t="s">
        <v>1498</v>
      </c>
      <c r="AK16" s="1020" t="str">
        <f>IF(AJ16="n/a","n/a",ROUND((AJ16*[4]TripRateCalculations!$V$6),0))</f>
        <v>n/a</v>
      </c>
      <c r="AL16" s="1020" t="s">
        <v>1498</v>
      </c>
      <c r="AM16" s="1020" t="s">
        <v>1498</v>
      </c>
      <c r="AN16" s="1020" t="str">
        <f>IF(AT16="n/a","n/a",ROUND((AT16*[4]TripRateCalculations!N$4),0))</f>
        <v>n/a</v>
      </c>
      <c r="AO16" s="1020" t="str">
        <f>IF(AU16="n/a","n/a",ROUND((AU16*[4]TripRateCalculations!O$4),0))</f>
        <v>n/a</v>
      </c>
      <c r="AP16" s="1020" t="str">
        <f>IF(AV16="n/a","n/a",ROUND((AV16*[4]TripRateCalculations!P$4),0))</f>
        <v>n/a</v>
      </c>
      <c r="AQ16" s="1020" t="str">
        <f>IF(AW16="n/a","n/a",ROUND((AW16*[4]TripRateCalculations!Q$4),0))</f>
        <v>n/a</v>
      </c>
      <c r="AR16" s="1020" t="str">
        <f>IF(AX16="n/a","n/a",ROUND((AX16*[4]TripRateCalculations!R$4),0))</f>
        <v>n/a</v>
      </c>
      <c r="AS16" s="1020" t="str">
        <f>IF(AY16="n/a","n/a",ROUND((AY16*[4]TripRateCalculations!S$4),0))</f>
        <v>n/a</v>
      </c>
      <c r="AT16" s="1020" t="s">
        <v>1498</v>
      </c>
      <c r="AU16" s="1020" t="s">
        <v>1498</v>
      </c>
      <c r="AV16" s="1020" t="s">
        <v>1498</v>
      </c>
      <c r="AW16" s="1020" t="s">
        <v>1498</v>
      </c>
      <c r="AX16" s="1020" t="s">
        <v>1498</v>
      </c>
      <c r="AY16" s="1020" t="s">
        <v>1498</v>
      </c>
      <c r="AZ16" s="1020" t="s">
        <v>1498</v>
      </c>
      <c r="BA16" s="1020" t="s">
        <v>1498</v>
      </c>
      <c r="BB16" s="1020" t="s">
        <v>1498</v>
      </c>
      <c r="BC16" s="1020" t="s">
        <v>1498</v>
      </c>
      <c r="BD16" s="1020" t="s">
        <v>1498</v>
      </c>
      <c r="BE16" s="1020" t="s">
        <v>1498</v>
      </c>
      <c r="BF16" s="1020" t="s">
        <v>1498</v>
      </c>
      <c r="BG16" s="1020" t="str">
        <f>IF(BF16="n/a","n/a",ROUND((BF16*[4]TripRateCalculations!Q$4),0))</f>
        <v>n/a</v>
      </c>
      <c r="BH16" s="1027" t="s">
        <v>1554</v>
      </c>
      <c r="BI16" s="1026" t="s">
        <v>834</v>
      </c>
      <c r="BJ16" s="1026" t="s">
        <v>53</v>
      </c>
      <c r="BK16" s="1028">
        <v>370629.19</v>
      </c>
      <c r="BL16" s="1029">
        <v>2</v>
      </c>
      <c r="BM16" s="1030" t="s">
        <v>1555</v>
      </c>
      <c r="BN16" s="1025" t="s">
        <v>1501</v>
      </c>
      <c r="BO16" s="1130">
        <v>370629.19</v>
      </c>
      <c r="BP16" s="992"/>
      <c r="BQ16" s="1131" t="e">
        <f t="shared" si="21"/>
        <v>#VALUE!</v>
      </c>
      <c r="BR16" s="1131" t="e">
        <f t="shared" si="22"/>
        <v>#VALUE!</v>
      </c>
      <c r="BS16" s="1131" t="e">
        <f t="shared" si="23"/>
        <v>#VALUE!</v>
      </c>
      <c r="BT16" s="1131" t="e">
        <f t="shared" si="24"/>
        <v>#VALUE!</v>
      </c>
      <c r="BU16" s="1131" t="e">
        <f t="shared" si="25"/>
        <v>#VALUE!</v>
      </c>
      <c r="BV16" s="1131" t="e">
        <f t="shared" si="26"/>
        <v>#VALUE!</v>
      </c>
      <c r="BW16" s="1131" t="e">
        <f t="shared" si="27"/>
        <v>#VALUE!</v>
      </c>
      <c r="BX16" s="1131" t="e">
        <f t="shared" si="28"/>
        <v>#VALUE!</v>
      </c>
      <c r="BY16" s="1131" t="e">
        <f t="shared" si="29"/>
        <v>#VALUE!</v>
      </c>
      <c r="BZ16" s="1131" t="e">
        <f t="shared" si="30"/>
        <v>#VALUE!</v>
      </c>
      <c r="CA16" s="1131" t="e">
        <f t="shared" si="31"/>
        <v>#VALUE!</v>
      </c>
      <c r="CB16" s="1131" t="e">
        <f t="shared" si="32"/>
        <v>#VALUE!</v>
      </c>
      <c r="CC16" s="1131" t="e">
        <f t="shared" si="33"/>
        <v>#VALUE!</v>
      </c>
      <c r="CD16" s="1131" t="e">
        <f t="shared" si="34"/>
        <v>#VALUE!</v>
      </c>
      <c r="CE16" s="1131" t="e">
        <f t="shared" si="35"/>
        <v>#VALUE!</v>
      </c>
      <c r="CF16" s="1131" t="e">
        <f t="shared" si="36"/>
        <v>#VALUE!</v>
      </c>
      <c r="CG16" s="1131" t="e">
        <f t="shared" si="37"/>
        <v>#VALUE!</v>
      </c>
      <c r="CH16" s="1131" t="e">
        <f t="shared" si="38"/>
        <v>#VALUE!</v>
      </c>
      <c r="CI16" s="1131" t="e">
        <f t="shared" si="39"/>
        <v>#VALUE!</v>
      </c>
      <c r="CJ16" s="1131" t="e">
        <f t="shared" si="40"/>
        <v>#VALUE!</v>
      </c>
      <c r="CK16" s="1132" t="str">
        <f t="shared" si="41"/>
        <v>n/a</v>
      </c>
    </row>
    <row r="17" spans="1:89" ht="57" x14ac:dyDescent="0.2">
      <c r="A17" s="992"/>
      <c r="B17" s="1126"/>
      <c r="C17" s="1126"/>
      <c r="D17" s="1126"/>
      <c r="E17" s="1126" t="s">
        <v>66</v>
      </c>
      <c r="F17" s="1026" t="s">
        <v>1556</v>
      </c>
      <c r="G17" s="1026" t="s">
        <v>1557</v>
      </c>
      <c r="H17" s="1026" t="s">
        <v>1558</v>
      </c>
      <c r="I17" s="1045" t="s">
        <v>1559</v>
      </c>
      <c r="J17" s="1026">
        <v>51.784147919409399</v>
      </c>
      <c r="K17" s="1026">
        <v>-0.45310197043822198</v>
      </c>
      <c r="L17" s="1026" t="s">
        <v>1560</v>
      </c>
      <c r="M17" s="1026" t="s">
        <v>1523</v>
      </c>
      <c r="N17" s="1026">
        <v>3</v>
      </c>
      <c r="O17" s="1026" t="s">
        <v>870</v>
      </c>
      <c r="P17" s="1026" t="s">
        <v>1490</v>
      </c>
      <c r="Q17" s="1026" t="s">
        <v>1491</v>
      </c>
      <c r="R17" s="1026" t="s">
        <v>1492</v>
      </c>
      <c r="S17" s="1026" t="s">
        <v>1561</v>
      </c>
      <c r="T17" s="1026"/>
      <c r="U17" s="1016" t="str">
        <f>_xlfn.XLOOKUP(F17, [4]GIS!D:D, [4]GIS!E:E, "Not mapped")</f>
        <v>Not mapped</v>
      </c>
      <c r="V17" s="1026" t="s">
        <v>1562</v>
      </c>
      <c r="W17" s="1040" t="s">
        <v>1563</v>
      </c>
      <c r="X17" s="1110" t="s">
        <v>1564</v>
      </c>
      <c r="Y17" s="1020" t="s">
        <v>1498</v>
      </c>
      <c r="Z17" s="1020" t="s">
        <v>1498</v>
      </c>
      <c r="AA17" s="1020" t="s">
        <v>1498</v>
      </c>
      <c r="AB17" s="1020" t="s">
        <v>1498</v>
      </c>
      <c r="AC17" s="1020" t="s">
        <v>1498</v>
      </c>
      <c r="AD17" s="1020" t="s">
        <v>1498</v>
      </c>
      <c r="AE17" s="1020" t="s">
        <v>1498</v>
      </c>
      <c r="AF17" s="1020" t="s">
        <v>1498</v>
      </c>
      <c r="AG17" s="1020" t="s">
        <v>1498</v>
      </c>
      <c r="AH17" s="1020" t="s">
        <v>1498</v>
      </c>
      <c r="AI17" s="1020" t="s">
        <v>1498</v>
      </c>
      <c r="AJ17" s="1020" t="s">
        <v>1498</v>
      </c>
      <c r="AK17" s="1020" t="str">
        <f>IF(AJ17="n/a","n/a",ROUND((AJ17*[4]TripRateCalculations!$V$6),0))</f>
        <v>n/a</v>
      </c>
      <c r="AL17" s="1020" t="s">
        <v>1498</v>
      </c>
      <c r="AM17" s="1020" t="s">
        <v>1498</v>
      </c>
      <c r="AN17" s="1020" t="str">
        <f>IF(AT17="n/a","n/a",ROUND((AT17*[4]TripRateCalculations!N$4),0))</f>
        <v>n/a</v>
      </c>
      <c r="AO17" s="1020" t="str">
        <f>IF(AU17="n/a","n/a",ROUND((AU17*[4]TripRateCalculations!O$4),0))</f>
        <v>n/a</v>
      </c>
      <c r="AP17" s="1020" t="str">
        <f>IF(AV17="n/a","n/a",ROUND((AV17*[4]TripRateCalculations!P$4),0))</f>
        <v>n/a</v>
      </c>
      <c r="AQ17" s="1020" t="s">
        <v>1498</v>
      </c>
      <c r="AR17" s="1020" t="str">
        <f>IF(AX17="n/a","n/a",ROUND((AX17*[4]TripRateCalculations!R$4),0))</f>
        <v>n/a</v>
      </c>
      <c r="AS17" s="1020" t="str">
        <f>IF(AY17="n/a","n/a",ROUND((AY17*[4]TripRateCalculations!S$4),0))</f>
        <v>n/a</v>
      </c>
      <c r="AT17" s="1020" t="s">
        <v>1498</v>
      </c>
      <c r="AU17" s="1020" t="s">
        <v>1498</v>
      </c>
      <c r="AV17" s="1020" t="s">
        <v>1498</v>
      </c>
      <c r="AW17" s="1020" t="s">
        <v>1498</v>
      </c>
      <c r="AX17" s="1020" t="s">
        <v>1498</v>
      </c>
      <c r="AY17" s="1020" t="s">
        <v>1498</v>
      </c>
      <c r="AZ17" s="1020" t="s">
        <v>1498</v>
      </c>
      <c r="BA17" s="1020" t="s">
        <v>1498</v>
      </c>
      <c r="BB17" s="1020" t="s">
        <v>1498</v>
      </c>
      <c r="BC17" s="1020" t="s">
        <v>1498</v>
      </c>
      <c r="BD17" s="1020" t="s">
        <v>1498</v>
      </c>
      <c r="BE17" s="1020" t="s">
        <v>1498</v>
      </c>
      <c r="BF17" s="1020" t="s">
        <v>1498</v>
      </c>
      <c r="BG17" s="1020" t="s">
        <v>1498</v>
      </c>
      <c r="BH17" s="1027"/>
      <c r="BI17" s="1026" t="s">
        <v>1565</v>
      </c>
      <c r="BJ17" s="1026" t="s">
        <v>53</v>
      </c>
      <c r="BK17" s="1107">
        <f>ROUND((VLOOKUP(F17,'[4]Cost Summary'!A:H,8,)),0.1)</f>
        <v>109695</v>
      </c>
      <c r="BL17" s="1108"/>
      <c r="BM17" s="1138"/>
      <c r="BN17" s="1109" t="s">
        <v>1527</v>
      </c>
      <c r="BO17" s="1130" t="s">
        <v>1528</v>
      </c>
      <c r="BP17" s="992"/>
      <c r="BQ17" s="1131" t="e">
        <f t="shared" si="21"/>
        <v>#VALUE!</v>
      </c>
      <c r="BR17" s="1131" t="e">
        <f t="shared" si="22"/>
        <v>#VALUE!</v>
      </c>
      <c r="BS17" s="1131" t="e">
        <f t="shared" si="23"/>
        <v>#VALUE!</v>
      </c>
      <c r="BT17" s="1131" t="e">
        <f t="shared" si="24"/>
        <v>#VALUE!</v>
      </c>
      <c r="BU17" s="1131" t="e">
        <f t="shared" si="25"/>
        <v>#VALUE!</v>
      </c>
      <c r="BV17" s="1131" t="e">
        <f t="shared" si="26"/>
        <v>#VALUE!</v>
      </c>
      <c r="BW17" s="1131" t="e">
        <f t="shared" si="27"/>
        <v>#VALUE!</v>
      </c>
      <c r="BX17" s="1131" t="e">
        <f t="shared" si="28"/>
        <v>#VALUE!</v>
      </c>
      <c r="BY17" s="1131" t="e">
        <f t="shared" si="29"/>
        <v>#VALUE!</v>
      </c>
      <c r="BZ17" s="1131" t="e">
        <f t="shared" si="30"/>
        <v>#VALUE!</v>
      </c>
      <c r="CA17" s="1131" t="e">
        <f t="shared" si="31"/>
        <v>#VALUE!</v>
      </c>
      <c r="CB17" s="1131" t="e">
        <f t="shared" si="32"/>
        <v>#VALUE!</v>
      </c>
      <c r="CC17" s="1131" t="e">
        <f t="shared" si="33"/>
        <v>#VALUE!</v>
      </c>
      <c r="CD17" s="1131" t="e">
        <f t="shared" si="34"/>
        <v>#VALUE!</v>
      </c>
      <c r="CE17" s="1131" t="e">
        <f t="shared" si="35"/>
        <v>#VALUE!</v>
      </c>
      <c r="CF17" s="1131" t="e">
        <f t="shared" si="36"/>
        <v>#VALUE!</v>
      </c>
      <c r="CG17" s="1131" t="e">
        <f t="shared" si="37"/>
        <v>#VALUE!</v>
      </c>
      <c r="CH17" s="1131" t="e">
        <f t="shared" si="38"/>
        <v>#VALUE!</v>
      </c>
      <c r="CI17" s="1131" t="e">
        <f t="shared" si="39"/>
        <v>#VALUE!</v>
      </c>
      <c r="CJ17" s="1131" t="e">
        <f t="shared" si="40"/>
        <v>#VALUE!</v>
      </c>
      <c r="CK17" s="1132" t="str">
        <f t="shared" si="41"/>
        <v>n/a</v>
      </c>
    </row>
    <row r="18" spans="1:89" ht="114" x14ac:dyDescent="0.2">
      <c r="A18" s="992"/>
      <c r="B18" s="1126"/>
      <c r="C18" s="1126"/>
      <c r="D18" s="1126"/>
      <c r="E18" s="1126" t="s">
        <v>66</v>
      </c>
      <c r="F18" s="1026" t="s">
        <v>1566</v>
      </c>
      <c r="G18" s="1026" t="s">
        <v>1567</v>
      </c>
      <c r="H18" s="1026" t="s">
        <v>1568</v>
      </c>
      <c r="I18" s="1026" t="s">
        <v>1569</v>
      </c>
      <c r="J18" s="1026">
        <v>51.765387937027597</v>
      </c>
      <c r="K18" s="1026">
        <v>-0.47929404834780998</v>
      </c>
      <c r="L18" s="1026" t="s">
        <v>1522</v>
      </c>
      <c r="M18" s="1026" t="s">
        <v>1523</v>
      </c>
      <c r="N18" s="1026">
        <v>2</v>
      </c>
      <c r="O18" s="1026" t="s">
        <v>870</v>
      </c>
      <c r="P18" s="1026" t="s">
        <v>1490</v>
      </c>
      <c r="Q18" s="1026" t="s">
        <v>1491</v>
      </c>
      <c r="R18" s="1026" t="s">
        <v>1492</v>
      </c>
      <c r="S18" s="1026" t="s">
        <v>1493</v>
      </c>
      <c r="T18" s="1026"/>
      <c r="U18" s="1016" t="str">
        <f>_xlfn.XLOOKUP(F18, [4]GIS!D:D, [4]GIS!E:E, "Not mapped")</f>
        <v>Multiple - Scenario 1</v>
      </c>
      <c r="V18" s="1017" t="s">
        <v>1515</v>
      </c>
      <c r="W18" s="1032" t="s">
        <v>1525</v>
      </c>
      <c r="X18" s="1032" t="s">
        <v>1526</v>
      </c>
      <c r="Y18" s="1033">
        <v>12</v>
      </c>
      <c r="Z18" s="1033">
        <v>5</v>
      </c>
      <c r="AA18" s="1033">
        <v>4</v>
      </c>
      <c r="AB18" s="1033">
        <v>119</v>
      </c>
      <c r="AC18" s="1033">
        <v>3</v>
      </c>
      <c r="AD18" s="1033">
        <v>4</v>
      </c>
      <c r="AE18" s="1033">
        <v>3</v>
      </c>
      <c r="AF18" s="1033">
        <v>20</v>
      </c>
      <c r="AG18" s="1033">
        <v>20</v>
      </c>
      <c r="AH18" s="1033">
        <v>2</v>
      </c>
      <c r="AI18" s="1033">
        <v>7</v>
      </c>
      <c r="AJ18" s="1033">
        <v>163</v>
      </c>
      <c r="AK18" s="1033">
        <f>IF(AJ18="n/a","n/a",ROUND((AJ18*[4]TripRateCalculations!$V$6),0))</f>
        <v>362</v>
      </c>
      <c r="AL18" s="1033">
        <v>32</v>
      </c>
      <c r="AM18" s="1033">
        <v>32</v>
      </c>
      <c r="AN18" s="1033">
        <f>IF(AT18="n/a","n/a",ROUND((AT18*[4]TripRateCalculations!N$4),0))</f>
        <v>4</v>
      </c>
      <c r="AO18" s="1033">
        <f>IF(AU18="n/a","n/a",ROUND((AU18*[4]TripRateCalculations!O$4),0))</f>
        <v>1</v>
      </c>
      <c r="AP18" s="1033">
        <f>IF(AV18="n/a","n/a",ROUND((AV18*[4]TripRateCalculations!P$4),0))</f>
        <v>15</v>
      </c>
      <c r="AQ18" s="1033">
        <f>AW18*[4]TripRateCalculations!Q$4</f>
        <v>3.8077803203661329</v>
      </c>
      <c r="AR18" s="1033">
        <f>IF(AX18="n/a","n/a",ROUND((AX18*[4]TripRateCalculations!R$4),0))</f>
        <v>1</v>
      </c>
      <c r="AS18" s="1033">
        <f>IF(AY18="n/a","n/a",ROUND((AY18*[4]TripRateCalculations!S$4),0))</f>
        <v>0</v>
      </c>
      <c r="AT18" s="1033">
        <v>16</v>
      </c>
      <c r="AU18" s="1033">
        <v>7</v>
      </c>
      <c r="AV18" s="1033">
        <v>51</v>
      </c>
      <c r="AW18" s="1033">
        <v>26</v>
      </c>
      <c r="AX18" s="1033">
        <v>12</v>
      </c>
      <c r="AY18" s="1033">
        <v>8</v>
      </c>
      <c r="AZ18" s="1041">
        <v>16</v>
      </c>
      <c r="BA18" s="1041">
        <v>8</v>
      </c>
      <c r="BB18" s="1041">
        <v>7</v>
      </c>
      <c r="BC18" s="1041">
        <v>4</v>
      </c>
      <c r="BD18" s="1041">
        <v>120</v>
      </c>
      <c r="BE18" s="1041">
        <v>4</v>
      </c>
      <c r="BF18" s="1041">
        <v>63</v>
      </c>
      <c r="BG18" s="1041">
        <f>BF18*[4]TripRateCalculations!$Q$4</f>
        <v>9.2265446224256298</v>
      </c>
      <c r="BH18" s="1027"/>
      <c r="BI18" s="1026" t="s">
        <v>868</v>
      </c>
      <c r="BJ18" s="1026" t="s">
        <v>53</v>
      </c>
      <c r="BK18" s="1107">
        <f>ROUND((VLOOKUP(F18,'[4]Cost Summary'!A:H,8,)),0.1)</f>
        <v>901923</v>
      </c>
      <c r="BL18" s="1108"/>
      <c r="BM18" s="1112"/>
      <c r="BN18" s="1109" t="s">
        <v>1527</v>
      </c>
      <c r="BO18" s="1130" t="s">
        <v>1528</v>
      </c>
      <c r="BP18" s="992"/>
      <c r="BQ18" s="1131">
        <f t="shared" si="21"/>
        <v>7.5323009886791442E-3</v>
      </c>
      <c r="BR18" s="1131">
        <f t="shared" si="22"/>
        <v>6.0258407909433154E-3</v>
      </c>
      <c r="BS18" s="1131">
        <f t="shared" si="23"/>
        <v>0.17926876353056365</v>
      </c>
      <c r="BT18" s="1131">
        <f t="shared" si="24"/>
        <v>4.5193805932074865E-3</v>
      </c>
      <c r="BU18" s="1131">
        <f t="shared" si="25"/>
        <v>6.0258407909433154E-3</v>
      </c>
      <c r="BV18" s="1131">
        <f t="shared" si="26"/>
        <v>4.5193805932074865E-3</v>
      </c>
      <c r="BW18" s="1131">
        <f t="shared" si="27"/>
        <v>3.0129203954716577E-2</v>
      </c>
      <c r="BX18" s="1131">
        <f t="shared" si="28"/>
        <v>3.0129203954716577E-2</v>
      </c>
      <c r="BY18" s="1131">
        <f t="shared" si="29"/>
        <v>1.0545221384150802E-2</v>
      </c>
      <c r="BZ18" s="1131">
        <f t="shared" si="30"/>
        <v>0.54533859158037001</v>
      </c>
      <c r="CA18" s="1131">
        <f t="shared" si="31"/>
        <v>4.8206726327546523E-2</v>
      </c>
      <c r="CB18" s="1131">
        <f t="shared" si="32"/>
        <v>4.8206726327546523E-2</v>
      </c>
      <c r="CC18" s="1131">
        <f t="shared" si="33"/>
        <v>6.0258407909433154E-3</v>
      </c>
      <c r="CD18" s="1131">
        <f t="shared" si="34"/>
        <v>1.5064601977358288E-3</v>
      </c>
      <c r="CE18" s="1131">
        <f t="shared" si="35"/>
        <v>2.2596902966037433E-2</v>
      </c>
      <c r="CF18" s="1131">
        <f t="shared" si="36"/>
        <v>1.5064601977358288E-3</v>
      </c>
      <c r="CG18" s="1131">
        <f t="shared" si="37"/>
        <v>0</v>
      </c>
      <c r="CH18" s="1131">
        <f t="shared" si="38"/>
        <v>2.4103363163773261E-2</v>
      </c>
      <c r="CI18" s="1131">
        <f t="shared" si="39"/>
        <v>1.8077522372829946E-2</v>
      </c>
      <c r="CJ18" s="1131">
        <f t="shared" si="40"/>
        <v>5.7362694943533625E-3</v>
      </c>
      <c r="CK18" s="1132">
        <f t="shared" si="41"/>
        <v>1.0000000000000004</v>
      </c>
    </row>
    <row r="19" spans="1:89" ht="57" x14ac:dyDescent="0.2">
      <c r="A19" s="992"/>
      <c r="B19" s="1126"/>
      <c r="C19" s="1126"/>
      <c r="D19" s="1126"/>
      <c r="E19" s="1126" t="s">
        <v>66</v>
      </c>
      <c r="F19" s="1026" t="s">
        <v>1570</v>
      </c>
      <c r="G19" s="1026" t="s">
        <v>1571</v>
      </c>
      <c r="H19" s="1026" t="s">
        <v>1572</v>
      </c>
      <c r="I19" s="1026" t="s">
        <v>1503</v>
      </c>
      <c r="J19" s="1026" t="s">
        <v>1521</v>
      </c>
      <c r="K19" s="1026" t="s">
        <v>1521</v>
      </c>
      <c r="L19" s="1026" t="s">
        <v>1522</v>
      </c>
      <c r="M19" s="1026" t="s">
        <v>1523</v>
      </c>
      <c r="N19" s="1026">
        <v>3</v>
      </c>
      <c r="O19" s="1026" t="s">
        <v>870</v>
      </c>
      <c r="P19" s="1026" t="s">
        <v>1490</v>
      </c>
      <c r="Q19" s="1026" t="s">
        <v>1491</v>
      </c>
      <c r="R19" s="1026" t="s">
        <v>1492</v>
      </c>
      <c r="S19" s="1026" t="s">
        <v>1524</v>
      </c>
      <c r="T19" s="1026"/>
      <c r="U19" s="1016" t="str">
        <f>_xlfn.XLOOKUP(F19, [4]GIS!D:D, [4]GIS!E:E, "Not mapped")</f>
        <v>Single - Scenario 3</v>
      </c>
      <c r="V19" s="1017" t="s">
        <v>1515</v>
      </c>
      <c r="W19" s="1032" t="s">
        <v>1525</v>
      </c>
      <c r="X19" s="1032" t="s">
        <v>1526</v>
      </c>
      <c r="Y19" s="1033">
        <v>0</v>
      </c>
      <c r="Z19" s="1033">
        <v>0</v>
      </c>
      <c r="AA19" s="1033">
        <v>0</v>
      </c>
      <c r="AB19" s="1033">
        <v>4</v>
      </c>
      <c r="AC19" s="1033">
        <v>0</v>
      </c>
      <c r="AD19" s="1033">
        <v>0</v>
      </c>
      <c r="AE19" s="1033">
        <v>0</v>
      </c>
      <c r="AF19" s="1033">
        <v>0</v>
      </c>
      <c r="AG19" s="1033">
        <v>45</v>
      </c>
      <c r="AH19" s="1033">
        <v>3</v>
      </c>
      <c r="AI19" s="1033">
        <v>14</v>
      </c>
      <c r="AJ19" s="1033">
        <v>44</v>
      </c>
      <c r="AK19" s="1033">
        <f>IF(AJ19="n/a","n/a",ROUND((AJ19*[4]TripRateCalculations!$V$6),0))</f>
        <v>98</v>
      </c>
      <c r="AL19" s="1033">
        <v>1</v>
      </c>
      <c r="AM19" s="1033">
        <v>14</v>
      </c>
      <c r="AN19" s="1033">
        <f>IF(AT19="n/a","n/a",ROUND((AT19*[4]TripRateCalculations!N$4),0))</f>
        <v>0</v>
      </c>
      <c r="AO19" s="1033">
        <f>IF(AU19="n/a","n/a",ROUND((AU19*[4]TripRateCalculations!O$4),0))</f>
        <v>0</v>
      </c>
      <c r="AP19" s="1033">
        <f>IF(AV19="n/a","n/a",ROUND((AV19*[4]TripRateCalculations!P$4),0))</f>
        <v>12</v>
      </c>
      <c r="AQ19" s="1033">
        <f>AW19*[4]TripRateCalculations!Q$4</f>
        <v>6.7368421052631575</v>
      </c>
      <c r="AR19" s="1033">
        <f>IF(AX19="n/a","n/a",ROUND((AX19*[4]TripRateCalculations!R$4),0))</f>
        <v>0</v>
      </c>
      <c r="AS19" s="1033">
        <f>IF(AY19="n/a","n/a",ROUND((AY19*[4]TripRateCalculations!S$4),0))</f>
        <v>0</v>
      </c>
      <c r="AT19" s="1033">
        <v>0</v>
      </c>
      <c r="AU19" s="1033">
        <v>0</v>
      </c>
      <c r="AV19" s="1033">
        <v>43</v>
      </c>
      <c r="AW19" s="1033">
        <v>46</v>
      </c>
      <c r="AX19" s="1033">
        <v>0</v>
      </c>
      <c r="AY19" s="1033">
        <v>17</v>
      </c>
      <c r="AZ19" s="1041">
        <v>4</v>
      </c>
      <c r="BA19" s="1041">
        <v>4</v>
      </c>
      <c r="BB19" s="1041">
        <v>2</v>
      </c>
      <c r="BC19" s="1041">
        <v>5</v>
      </c>
      <c r="BD19" s="1041">
        <v>114</v>
      </c>
      <c r="BE19" s="1041">
        <v>0</v>
      </c>
      <c r="BF19" s="1041">
        <v>235</v>
      </c>
      <c r="BG19" s="1041">
        <f>BF19*[4]TripRateCalculations!$Q$4</f>
        <v>34.416475972540049</v>
      </c>
      <c r="BH19" s="1027"/>
      <c r="BI19" s="1026" t="s">
        <v>1573</v>
      </c>
      <c r="BJ19" s="1026" t="s">
        <v>53</v>
      </c>
      <c r="BK19" s="1107">
        <f>ROUND((VLOOKUP(F19,'[4]Cost Summary'!A:H,8,)),0.1)</f>
        <v>1244205</v>
      </c>
      <c r="BL19" s="1108"/>
      <c r="BM19" s="1112"/>
      <c r="BN19" s="1109" t="s">
        <v>1527</v>
      </c>
      <c r="BO19" s="1130" t="s">
        <v>1528</v>
      </c>
      <c r="BP19" s="992"/>
      <c r="BQ19" s="1131">
        <f t="shared" si="21"/>
        <v>0</v>
      </c>
      <c r="BR19" s="1131">
        <f t="shared" si="22"/>
        <v>0</v>
      </c>
      <c r="BS19" s="1131">
        <f t="shared" si="23"/>
        <v>2.0127118644067802E-2</v>
      </c>
      <c r="BT19" s="1131">
        <f t="shared" si="24"/>
        <v>0</v>
      </c>
      <c r="BU19" s="1131">
        <f t="shared" si="25"/>
        <v>0</v>
      </c>
      <c r="BV19" s="1131">
        <f t="shared" si="26"/>
        <v>0</v>
      </c>
      <c r="BW19" s="1131">
        <f t="shared" si="27"/>
        <v>0</v>
      </c>
      <c r="BX19" s="1131">
        <f t="shared" si="28"/>
        <v>0.22643008474576276</v>
      </c>
      <c r="BY19" s="1131">
        <f t="shared" si="29"/>
        <v>7.0444915254237295E-2</v>
      </c>
      <c r="BZ19" s="1131">
        <f t="shared" si="30"/>
        <v>0.49311440677966112</v>
      </c>
      <c r="CA19" s="1131">
        <f t="shared" si="31"/>
        <v>5.0317796610169505E-3</v>
      </c>
      <c r="CB19" s="1131">
        <f t="shared" si="32"/>
        <v>7.0444915254237295E-2</v>
      </c>
      <c r="CC19" s="1131">
        <f t="shared" si="33"/>
        <v>0</v>
      </c>
      <c r="CD19" s="1131">
        <f t="shared" si="34"/>
        <v>0</v>
      </c>
      <c r="CE19" s="1131">
        <f t="shared" si="35"/>
        <v>6.0381355932203402E-2</v>
      </c>
      <c r="CF19" s="1131">
        <f t="shared" si="36"/>
        <v>0</v>
      </c>
      <c r="CG19" s="1131">
        <f t="shared" si="37"/>
        <v>0</v>
      </c>
      <c r="CH19" s="1131">
        <f t="shared" si="38"/>
        <v>2.0127118644067802E-2</v>
      </c>
      <c r="CI19" s="1131">
        <f t="shared" si="39"/>
        <v>0</v>
      </c>
      <c r="CJ19" s="1131">
        <f t="shared" si="40"/>
        <v>3.389830508474577E-2</v>
      </c>
      <c r="CK19" s="1132">
        <f t="shared" si="41"/>
        <v>1.0000000000000002</v>
      </c>
    </row>
    <row r="20" spans="1:89" ht="75" x14ac:dyDescent="0.2">
      <c r="A20" s="992"/>
      <c r="B20" s="1126"/>
      <c r="C20" s="1126"/>
      <c r="D20" s="1126"/>
      <c r="E20" s="1126" t="s">
        <v>66</v>
      </c>
      <c r="F20" s="1031" t="s">
        <v>1574</v>
      </c>
      <c r="G20" s="1031" t="s">
        <v>1575</v>
      </c>
      <c r="H20" s="1031" t="s">
        <v>1576</v>
      </c>
      <c r="I20" s="1031" t="s">
        <v>1577</v>
      </c>
      <c r="J20" s="1026">
        <v>51.750126150782599</v>
      </c>
      <c r="K20" s="1026">
        <v>-0.45572802317021999</v>
      </c>
      <c r="L20" s="1031" t="s">
        <v>1522</v>
      </c>
      <c r="M20" s="1031" t="s">
        <v>1523</v>
      </c>
      <c r="N20" s="1031">
        <v>3</v>
      </c>
      <c r="O20" s="1031" t="s">
        <v>870</v>
      </c>
      <c r="P20" s="1031" t="s">
        <v>1578</v>
      </c>
      <c r="Q20" s="1031" t="s">
        <v>1491</v>
      </c>
      <c r="R20" s="1031" t="s">
        <v>1492</v>
      </c>
      <c r="S20" s="1031" t="s">
        <v>1493</v>
      </c>
      <c r="T20" s="1075"/>
      <c r="U20" s="1016" t="str">
        <f>_xlfn.XLOOKUP(F20, [4]GIS!D:D, [4]GIS!E:E, "Not mapped")</f>
        <v>Multiple - Scenario 2</v>
      </c>
      <c r="V20" s="1089"/>
      <c r="W20" s="1032" t="s">
        <v>1525</v>
      </c>
      <c r="X20" s="1032" t="s">
        <v>1526</v>
      </c>
      <c r="Y20" s="1111">
        <v>21</v>
      </c>
      <c r="Z20" s="1111">
        <v>32</v>
      </c>
      <c r="AA20" s="1111">
        <v>24</v>
      </c>
      <c r="AB20" s="1111">
        <v>24</v>
      </c>
      <c r="AC20" s="1111">
        <v>22</v>
      </c>
      <c r="AD20" s="1032">
        <v>2</v>
      </c>
      <c r="AE20" s="1032">
        <v>45</v>
      </c>
      <c r="AF20" s="1032">
        <v>5</v>
      </c>
      <c r="AG20" s="1032">
        <v>0</v>
      </c>
      <c r="AH20" s="1032">
        <v>0</v>
      </c>
      <c r="AI20" s="1032">
        <v>0</v>
      </c>
      <c r="AJ20" s="1032">
        <v>2</v>
      </c>
      <c r="AK20" s="1032">
        <f>IF(AJ20="n/a","n/a",ROUND((AJ20*[4]TripRateCalculations!$V$6),0))</f>
        <v>4</v>
      </c>
      <c r="AL20" s="1032">
        <v>0</v>
      </c>
      <c r="AM20" s="1032">
        <v>0</v>
      </c>
      <c r="AN20" s="1032">
        <f>IF(AT20="n/a","n/a",ROUND((AT20*[4]TripRateCalculations!N$4),0))</f>
        <v>0</v>
      </c>
      <c r="AO20" s="1032">
        <f>IF(AU20="n/a","n/a",ROUND((AU20*[4]TripRateCalculations!O$4),0))</f>
        <v>2</v>
      </c>
      <c r="AP20" s="1032">
        <f>IF(AV20="n/a","n/a",ROUND((AV20*[4]TripRateCalculations!P$4),0))</f>
        <v>0</v>
      </c>
      <c r="AQ20" s="1032">
        <f>AW20*[4]TripRateCalculations!Q$4</f>
        <v>0</v>
      </c>
      <c r="AR20" s="1032">
        <f>IF(AX20="n/a","n/a",ROUND((AX20*[4]TripRateCalculations!R$4),0))</f>
        <v>0</v>
      </c>
      <c r="AS20" s="1032">
        <f>IF(AY20="n/a","n/a",ROUND((AY20*[4]TripRateCalculations!S$4),0))</f>
        <v>0</v>
      </c>
      <c r="AT20" s="1032">
        <v>0</v>
      </c>
      <c r="AU20" s="1032">
        <v>30</v>
      </c>
      <c r="AV20" s="1032">
        <v>0</v>
      </c>
      <c r="AW20" s="1032">
        <v>0</v>
      </c>
      <c r="AX20" s="1032">
        <v>0</v>
      </c>
      <c r="AY20" s="1032">
        <v>0</v>
      </c>
      <c r="AZ20" s="1148">
        <v>61</v>
      </c>
      <c r="BA20" s="1148">
        <v>0</v>
      </c>
      <c r="BB20" s="1148">
        <v>9</v>
      </c>
      <c r="BC20" s="1148">
        <v>31</v>
      </c>
      <c r="BD20" s="1148">
        <v>0</v>
      </c>
      <c r="BE20" s="1148">
        <v>0</v>
      </c>
      <c r="BF20" s="1148">
        <v>84</v>
      </c>
      <c r="BG20" s="1148">
        <f>BF20*[4]TripRateCalculations!$Q$4</f>
        <v>12.302059496567505</v>
      </c>
      <c r="BH20" s="1036"/>
      <c r="BI20" s="1031" t="s">
        <v>904</v>
      </c>
      <c r="BJ20" s="1031" t="s">
        <v>53</v>
      </c>
      <c r="BK20" s="1107">
        <f>ROUND((VLOOKUP(F20,'[4]Cost Summary'!A:H,8,)),0.1)</f>
        <v>1309074</v>
      </c>
      <c r="BL20" s="1108"/>
      <c r="BM20" s="1112"/>
      <c r="BN20" s="1109" t="s">
        <v>1527</v>
      </c>
      <c r="BO20" s="1130" t="s">
        <v>1528</v>
      </c>
      <c r="BP20" s="992"/>
      <c r="BQ20" s="1131">
        <f t="shared" si="21"/>
        <v>0.13223140495867769</v>
      </c>
      <c r="BR20" s="1131">
        <f t="shared" si="22"/>
        <v>9.9173553719008267E-2</v>
      </c>
      <c r="BS20" s="1131">
        <f t="shared" si="23"/>
        <v>9.9173553719008267E-2</v>
      </c>
      <c r="BT20" s="1131">
        <f t="shared" si="24"/>
        <v>9.0909090909090912E-2</v>
      </c>
      <c r="BU20" s="1131">
        <f t="shared" si="25"/>
        <v>8.2644628099173556E-3</v>
      </c>
      <c r="BV20" s="1131">
        <f t="shared" si="26"/>
        <v>0.18595041322314049</v>
      </c>
      <c r="BW20" s="1131">
        <f t="shared" si="27"/>
        <v>2.0661157024793389E-2</v>
      </c>
      <c r="BX20" s="1131">
        <f t="shared" si="28"/>
        <v>0</v>
      </c>
      <c r="BY20" s="1131">
        <f t="shared" si="29"/>
        <v>0</v>
      </c>
      <c r="BZ20" s="1131">
        <f t="shared" si="30"/>
        <v>1.6528925619834711E-2</v>
      </c>
      <c r="CA20" s="1131">
        <f t="shared" si="31"/>
        <v>0</v>
      </c>
      <c r="CB20" s="1131">
        <f t="shared" si="32"/>
        <v>0</v>
      </c>
      <c r="CC20" s="1131">
        <f t="shared" si="33"/>
        <v>0</v>
      </c>
      <c r="CD20" s="1131">
        <f t="shared" si="34"/>
        <v>8.2644628099173556E-3</v>
      </c>
      <c r="CE20" s="1131">
        <f t="shared" si="35"/>
        <v>0</v>
      </c>
      <c r="CF20" s="1131">
        <f t="shared" si="36"/>
        <v>0</v>
      </c>
      <c r="CG20" s="1131">
        <f t="shared" si="37"/>
        <v>0</v>
      </c>
      <c r="CH20" s="1131">
        <f t="shared" si="38"/>
        <v>0.25206611570247933</v>
      </c>
      <c r="CI20" s="1131">
        <f t="shared" si="39"/>
        <v>8.6776859504132234E-2</v>
      </c>
      <c r="CJ20" s="1131">
        <f t="shared" si="40"/>
        <v>0</v>
      </c>
      <c r="CK20" s="1132">
        <f t="shared" si="41"/>
        <v>1</v>
      </c>
    </row>
    <row r="21" spans="1:89" ht="142.5" x14ac:dyDescent="0.2">
      <c r="A21" s="992"/>
      <c r="B21" s="1126" t="s">
        <v>66</v>
      </c>
      <c r="C21" s="1126"/>
      <c r="D21" s="1126"/>
      <c r="E21" s="1126"/>
      <c r="F21" s="1026" t="s">
        <v>1579</v>
      </c>
      <c r="G21" s="1026" t="s">
        <v>877</v>
      </c>
      <c r="H21" s="1026" t="s">
        <v>878</v>
      </c>
      <c r="I21" s="1045" t="s">
        <v>1559</v>
      </c>
      <c r="J21" s="1026" t="s">
        <v>1580</v>
      </c>
      <c r="K21" s="1026" t="s">
        <v>1580</v>
      </c>
      <c r="L21" s="1026" t="s">
        <v>1581</v>
      </c>
      <c r="M21" s="1026" t="s">
        <v>1523</v>
      </c>
      <c r="N21" s="1026">
        <v>2</v>
      </c>
      <c r="O21" s="1026" t="s">
        <v>870</v>
      </c>
      <c r="P21" s="1026" t="s">
        <v>1490</v>
      </c>
      <c r="Q21" s="1026" t="s">
        <v>1491</v>
      </c>
      <c r="R21" s="1026" t="s">
        <v>1492</v>
      </c>
      <c r="S21" s="1026" t="s">
        <v>1493</v>
      </c>
      <c r="T21" s="1026" t="s">
        <v>1580</v>
      </c>
      <c r="U21" s="1016" t="str">
        <f>_xlfn.XLOOKUP(F21, [4]GIS!D:D, [4]GIS!E:E, "Not mapped")</f>
        <v>Not mapped</v>
      </c>
      <c r="V21" s="1046" t="s">
        <v>1580</v>
      </c>
      <c r="W21" s="1047" t="s">
        <v>1582</v>
      </c>
      <c r="X21" s="1048" t="s">
        <v>1583</v>
      </c>
      <c r="Y21" s="1020" t="s">
        <v>1498</v>
      </c>
      <c r="Z21" s="1020" t="s">
        <v>1498</v>
      </c>
      <c r="AA21" s="1020" t="s">
        <v>1498</v>
      </c>
      <c r="AB21" s="1020" t="s">
        <v>1498</v>
      </c>
      <c r="AC21" s="1020" t="s">
        <v>1498</v>
      </c>
      <c r="AD21" s="1020" t="s">
        <v>1498</v>
      </c>
      <c r="AE21" s="1020" t="s">
        <v>1498</v>
      </c>
      <c r="AF21" s="1020" t="s">
        <v>1498</v>
      </c>
      <c r="AG21" s="1020" t="s">
        <v>1498</v>
      </c>
      <c r="AH21" s="1020" t="s">
        <v>1498</v>
      </c>
      <c r="AI21" s="1020" t="s">
        <v>1498</v>
      </c>
      <c r="AJ21" s="1020" t="s">
        <v>1498</v>
      </c>
      <c r="AK21" s="1020" t="str">
        <f>IF(AJ21="n/a","n/a",ROUND((AJ21*[4]TripRateCalculations!$V$6),0))</f>
        <v>n/a</v>
      </c>
      <c r="AL21" s="1020" t="s">
        <v>1498</v>
      </c>
      <c r="AM21" s="1020" t="s">
        <v>1498</v>
      </c>
      <c r="AN21" s="1020" t="str">
        <f>IF(AT21="n/a","n/a",ROUND((AT21*[4]TripRateCalculations!N$4),0))</f>
        <v>n/a</v>
      </c>
      <c r="AO21" s="1020" t="str">
        <f>IF(AU21="n/a","n/a",ROUND((AU21*[4]TripRateCalculations!O$4),0))</f>
        <v>n/a</v>
      </c>
      <c r="AP21" s="1020" t="str">
        <f>IF(AV21="n/a","n/a",ROUND((AV21*[4]TripRateCalculations!P$4),0))</f>
        <v>n/a</v>
      </c>
      <c r="AQ21" s="1020" t="str">
        <f>IF(AW21="n/a","n/a",ROUND((AW21*[4]TripRateCalculations!Q$4),0))</f>
        <v>n/a</v>
      </c>
      <c r="AR21" s="1020" t="str">
        <f>IF(AX21="n/a","n/a",ROUND((AX21*[4]TripRateCalculations!R$4),0))</f>
        <v>n/a</v>
      </c>
      <c r="AS21" s="1020" t="str">
        <f>IF(AY21="n/a","n/a",ROUND((AY21*[4]TripRateCalculations!S$4),0))</f>
        <v>n/a</v>
      </c>
      <c r="AT21" s="1020" t="s">
        <v>1498</v>
      </c>
      <c r="AU21" s="1020" t="s">
        <v>1498</v>
      </c>
      <c r="AV21" s="1020" t="s">
        <v>1498</v>
      </c>
      <c r="AW21" s="1020" t="s">
        <v>1498</v>
      </c>
      <c r="AX21" s="1020" t="s">
        <v>1498</v>
      </c>
      <c r="AY21" s="1020" t="s">
        <v>1498</v>
      </c>
      <c r="AZ21" s="1020" t="s">
        <v>1498</v>
      </c>
      <c r="BA21" s="1020" t="s">
        <v>1498</v>
      </c>
      <c r="BB21" s="1020" t="s">
        <v>1498</v>
      </c>
      <c r="BC21" s="1020" t="s">
        <v>1498</v>
      </c>
      <c r="BD21" s="1020" t="s">
        <v>1498</v>
      </c>
      <c r="BE21" s="1020" t="s">
        <v>1498</v>
      </c>
      <c r="BF21" s="1020" t="s">
        <v>1498</v>
      </c>
      <c r="BG21" s="1020" t="str">
        <f>IF(BF21="n/a","n/a",ROUND((BF21*[4]TripRateCalculations!Q$4),0))</f>
        <v>n/a</v>
      </c>
      <c r="BH21" s="1027" t="s">
        <v>1580</v>
      </c>
      <c r="BI21" s="1026" t="s">
        <v>879</v>
      </c>
      <c r="BJ21" s="1026" t="s">
        <v>53</v>
      </c>
      <c r="BK21" s="1042">
        <f>ROUND((VLOOKUP(F21,'[4]Cost Summary'!A:H,8,)),0.1)</f>
        <v>109695</v>
      </c>
      <c r="BL21" s="1026">
        <v>0</v>
      </c>
      <c r="BM21" s="1043" t="s">
        <v>1500</v>
      </c>
      <c r="BN21" s="1044" t="s">
        <v>1584</v>
      </c>
      <c r="BO21" s="1130">
        <v>285064.87</v>
      </c>
      <c r="BP21" s="992"/>
      <c r="BQ21" s="1131" t="e">
        <f t="shared" si="21"/>
        <v>#VALUE!</v>
      </c>
      <c r="BR21" s="1131" t="e">
        <f t="shared" si="22"/>
        <v>#VALUE!</v>
      </c>
      <c r="BS21" s="1131" t="e">
        <f t="shared" si="23"/>
        <v>#VALUE!</v>
      </c>
      <c r="BT21" s="1131" t="e">
        <f t="shared" si="24"/>
        <v>#VALUE!</v>
      </c>
      <c r="BU21" s="1131" t="e">
        <f t="shared" si="25"/>
        <v>#VALUE!</v>
      </c>
      <c r="BV21" s="1131" t="e">
        <f t="shared" si="26"/>
        <v>#VALUE!</v>
      </c>
      <c r="BW21" s="1131" t="e">
        <f t="shared" si="27"/>
        <v>#VALUE!</v>
      </c>
      <c r="BX21" s="1131" t="e">
        <f t="shared" si="28"/>
        <v>#VALUE!</v>
      </c>
      <c r="BY21" s="1131" t="e">
        <f t="shared" si="29"/>
        <v>#VALUE!</v>
      </c>
      <c r="BZ21" s="1131" t="e">
        <f t="shared" si="30"/>
        <v>#VALUE!</v>
      </c>
      <c r="CA21" s="1131" t="e">
        <f t="shared" si="31"/>
        <v>#VALUE!</v>
      </c>
      <c r="CB21" s="1131" t="e">
        <f t="shared" si="32"/>
        <v>#VALUE!</v>
      </c>
      <c r="CC21" s="1131" t="e">
        <f t="shared" si="33"/>
        <v>#VALUE!</v>
      </c>
      <c r="CD21" s="1131" t="e">
        <f t="shared" si="34"/>
        <v>#VALUE!</v>
      </c>
      <c r="CE21" s="1131" t="e">
        <f t="shared" si="35"/>
        <v>#VALUE!</v>
      </c>
      <c r="CF21" s="1131" t="e">
        <f t="shared" si="36"/>
        <v>#VALUE!</v>
      </c>
      <c r="CG21" s="1131" t="e">
        <f t="shared" si="37"/>
        <v>#VALUE!</v>
      </c>
      <c r="CH21" s="1131" t="e">
        <f t="shared" si="38"/>
        <v>#VALUE!</v>
      </c>
      <c r="CI21" s="1131" t="e">
        <f t="shared" si="39"/>
        <v>#VALUE!</v>
      </c>
      <c r="CJ21" s="1131" t="e">
        <f t="shared" si="40"/>
        <v>#VALUE!</v>
      </c>
      <c r="CK21" s="1132" t="str">
        <f t="shared" si="41"/>
        <v>n/a</v>
      </c>
    </row>
    <row r="22" spans="1:89" ht="242.25" x14ac:dyDescent="0.2">
      <c r="A22" s="992" t="s">
        <v>66</v>
      </c>
      <c r="B22" s="1126"/>
      <c r="C22" s="1126"/>
      <c r="D22" s="1126"/>
      <c r="E22" s="1126"/>
      <c r="F22" s="1026" t="s">
        <v>1585</v>
      </c>
      <c r="G22" s="1026" t="s">
        <v>865</v>
      </c>
      <c r="H22" s="1026" t="s">
        <v>866</v>
      </c>
      <c r="I22" s="1026" t="s">
        <v>1487</v>
      </c>
      <c r="J22" s="1026">
        <v>51.75757685</v>
      </c>
      <c r="K22" s="1026">
        <v>-0.42302620099999999</v>
      </c>
      <c r="L22" s="1026" t="s">
        <v>1522</v>
      </c>
      <c r="M22" s="1026" t="s">
        <v>1523</v>
      </c>
      <c r="N22" s="1026">
        <v>2</v>
      </c>
      <c r="O22" s="1026" t="s">
        <v>830</v>
      </c>
      <c r="P22" s="1026" t="s">
        <v>1490</v>
      </c>
      <c r="Q22" s="1026" t="s">
        <v>1491</v>
      </c>
      <c r="R22" s="1026" t="s">
        <v>1492</v>
      </c>
      <c r="S22" s="1026" t="s">
        <v>1561</v>
      </c>
      <c r="T22" s="1026" t="s">
        <v>1504</v>
      </c>
      <c r="U22" s="1016" t="str">
        <f>_xlfn.XLOOKUP(F22, [4]GIS!D:D, [4]GIS!E:E, "Not mapped")</f>
        <v>Single - Scenario 1</v>
      </c>
      <c r="V22" s="1026" t="s">
        <v>1546</v>
      </c>
      <c r="W22" s="1040" t="s">
        <v>1563</v>
      </c>
      <c r="X22" s="1040" t="s">
        <v>1586</v>
      </c>
      <c r="Y22" s="1020" t="s">
        <v>1498</v>
      </c>
      <c r="Z22" s="1020" t="s">
        <v>1498</v>
      </c>
      <c r="AA22" s="1020" t="s">
        <v>1498</v>
      </c>
      <c r="AB22" s="1020" t="s">
        <v>1498</v>
      </c>
      <c r="AC22" s="1020" t="s">
        <v>1498</v>
      </c>
      <c r="AD22" s="1020" t="s">
        <v>1498</v>
      </c>
      <c r="AE22" s="1020" t="s">
        <v>1498</v>
      </c>
      <c r="AF22" s="1020" t="s">
        <v>1498</v>
      </c>
      <c r="AG22" s="1020" t="s">
        <v>1498</v>
      </c>
      <c r="AH22" s="1020" t="s">
        <v>1498</v>
      </c>
      <c r="AI22" s="1020" t="s">
        <v>1498</v>
      </c>
      <c r="AJ22" s="1020" t="s">
        <v>1498</v>
      </c>
      <c r="AK22" s="1020" t="str">
        <f>IF(AJ22="n/a","n/a",ROUND((AJ22*[4]TripRateCalculations!$V$6),0))</f>
        <v>n/a</v>
      </c>
      <c r="AL22" s="1020" t="s">
        <v>1498</v>
      </c>
      <c r="AM22" s="1020" t="s">
        <v>1498</v>
      </c>
      <c r="AN22" s="1020" t="str">
        <f>IF(AT22="n/a","n/a",ROUND((AT22*[4]TripRateCalculations!N$4),0))</f>
        <v>n/a</v>
      </c>
      <c r="AO22" s="1020" t="str">
        <f>IF(AU22="n/a","n/a",ROUND((AU22*[4]TripRateCalculations!O$4),0))</f>
        <v>n/a</v>
      </c>
      <c r="AP22" s="1020" t="str">
        <f>IF(AV22="n/a","n/a",ROUND((AV22*[4]TripRateCalculations!P$4),0))</f>
        <v>n/a</v>
      </c>
      <c r="AQ22" s="1020" t="str">
        <f>IF(AW22="n/a","n/a",ROUND((AW22*[4]TripRateCalculations!Q$4),0))</f>
        <v>n/a</v>
      </c>
      <c r="AR22" s="1020" t="str">
        <f>IF(AX22="n/a","n/a",ROUND((AX22*[4]TripRateCalculations!R$4),0))</f>
        <v>n/a</v>
      </c>
      <c r="AS22" s="1020" t="str">
        <f>IF(AY22="n/a","n/a",ROUND((AY22*[4]TripRateCalculations!S$4),0))</f>
        <v>n/a</v>
      </c>
      <c r="AT22" s="1020" t="s">
        <v>1498</v>
      </c>
      <c r="AU22" s="1020" t="s">
        <v>1498</v>
      </c>
      <c r="AV22" s="1020" t="s">
        <v>1498</v>
      </c>
      <c r="AW22" s="1020" t="s">
        <v>1498</v>
      </c>
      <c r="AX22" s="1020" t="s">
        <v>1498</v>
      </c>
      <c r="AY22" s="1020" t="s">
        <v>1498</v>
      </c>
      <c r="AZ22" s="1020" t="s">
        <v>1498</v>
      </c>
      <c r="BA22" s="1020" t="s">
        <v>1498</v>
      </c>
      <c r="BB22" s="1020" t="s">
        <v>1498</v>
      </c>
      <c r="BC22" s="1020" t="s">
        <v>1498</v>
      </c>
      <c r="BD22" s="1020" t="s">
        <v>1498</v>
      </c>
      <c r="BE22" s="1020" t="s">
        <v>1498</v>
      </c>
      <c r="BF22" s="1020" t="s">
        <v>1498</v>
      </c>
      <c r="BG22" s="1020" t="str">
        <f>IF(BF22="n/a","n/a",ROUND((BF22*[4]TripRateCalculations!Q$4),0))</f>
        <v>n/a</v>
      </c>
      <c r="BH22" s="1027" t="s">
        <v>1554</v>
      </c>
      <c r="BI22" s="1026" t="s">
        <v>868</v>
      </c>
      <c r="BJ22" s="1026" t="s">
        <v>1587</v>
      </c>
      <c r="BK22" s="1028">
        <v>877751.88</v>
      </c>
      <c r="BL22" s="1029">
        <v>1</v>
      </c>
      <c r="BM22" s="1030">
        <v>8</v>
      </c>
      <c r="BN22" s="1025" t="s">
        <v>1501</v>
      </c>
      <c r="BO22" s="1130">
        <v>877751.88</v>
      </c>
      <c r="BP22" s="992"/>
      <c r="BQ22" s="1131" t="e">
        <f t="shared" si="21"/>
        <v>#VALUE!</v>
      </c>
      <c r="BR22" s="1131" t="e">
        <f t="shared" si="22"/>
        <v>#VALUE!</v>
      </c>
      <c r="BS22" s="1131" t="e">
        <f t="shared" si="23"/>
        <v>#VALUE!</v>
      </c>
      <c r="BT22" s="1131" t="e">
        <f t="shared" si="24"/>
        <v>#VALUE!</v>
      </c>
      <c r="BU22" s="1131" t="e">
        <f t="shared" si="25"/>
        <v>#VALUE!</v>
      </c>
      <c r="BV22" s="1131" t="e">
        <f t="shared" si="26"/>
        <v>#VALUE!</v>
      </c>
      <c r="BW22" s="1131" t="e">
        <f t="shared" si="27"/>
        <v>#VALUE!</v>
      </c>
      <c r="BX22" s="1131" t="e">
        <f t="shared" si="28"/>
        <v>#VALUE!</v>
      </c>
      <c r="BY22" s="1131" t="e">
        <f t="shared" si="29"/>
        <v>#VALUE!</v>
      </c>
      <c r="BZ22" s="1131" t="e">
        <f t="shared" si="30"/>
        <v>#VALUE!</v>
      </c>
      <c r="CA22" s="1131" t="e">
        <f t="shared" si="31"/>
        <v>#VALUE!</v>
      </c>
      <c r="CB22" s="1131" t="e">
        <f t="shared" si="32"/>
        <v>#VALUE!</v>
      </c>
      <c r="CC22" s="1131" t="e">
        <f t="shared" si="33"/>
        <v>#VALUE!</v>
      </c>
      <c r="CD22" s="1131" t="e">
        <f t="shared" si="34"/>
        <v>#VALUE!</v>
      </c>
      <c r="CE22" s="1131" t="e">
        <f t="shared" si="35"/>
        <v>#VALUE!</v>
      </c>
      <c r="CF22" s="1131" t="e">
        <f t="shared" si="36"/>
        <v>#VALUE!</v>
      </c>
      <c r="CG22" s="1131" t="e">
        <f t="shared" si="37"/>
        <v>#VALUE!</v>
      </c>
      <c r="CH22" s="1131" t="e">
        <f t="shared" si="38"/>
        <v>#VALUE!</v>
      </c>
      <c r="CI22" s="1131" t="e">
        <f t="shared" si="39"/>
        <v>#VALUE!</v>
      </c>
      <c r="CJ22" s="1131" t="e">
        <f t="shared" si="40"/>
        <v>#VALUE!</v>
      </c>
      <c r="CK22" s="1132" t="str">
        <f t="shared" si="41"/>
        <v>n/a</v>
      </c>
    </row>
    <row r="23" spans="1:89" ht="99.75" x14ac:dyDescent="0.2">
      <c r="A23" s="992" t="s">
        <v>66</v>
      </c>
      <c r="B23" s="1126"/>
      <c r="C23" s="1126"/>
      <c r="D23" s="1126"/>
      <c r="E23" s="1126"/>
      <c r="F23" s="1026" t="s">
        <v>1588</v>
      </c>
      <c r="G23" s="1026" t="s">
        <v>880</v>
      </c>
      <c r="H23" s="1026" t="s">
        <v>1589</v>
      </c>
      <c r="I23" s="1026" t="s">
        <v>1487</v>
      </c>
      <c r="J23" s="1026">
        <v>51.781202479999997</v>
      </c>
      <c r="K23" s="1026">
        <v>-0.470383834</v>
      </c>
      <c r="L23" s="1026" t="s">
        <v>1590</v>
      </c>
      <c r="M23" s="1026" t="s">
        <v>1489</v>
      </c>
      <c r="N23" s="1026">
        <v>2</v>
      </c>
      <c r="O23" s="1026" t="s">
        <v>830</v>
      </c>
      <c r="P23" s="1026" t="s">
        <v>1490</v>
      </c>
      <c r="Q23" s="1026" t="s">
        <v>1491</v>
      </c>
      <c r="R23" s="1026" t="s">
        <v>1492</v>
      </c>
      <c r="S23" s="1026" t="s">
        <v>1561</v>
      </c>
      <c r="T23" s="1026" t="s">
        <v>1591</v>
      </c>
      <c r="U23" s="1016" t="str">
        <f>_xlfn.XLOOKUP(F23, [4]GIS!D:D, [4]GIS!E:E, "Not mapped")</f>
        <v>Single - Scenario 1</v>
      </c>
      <c r="V23" s="1026" t="s">
        <v>1546</v>
      </c>
      <c r="W23" s="1040" t="s">
        <v>1563</v>
      </c>
      <c r="X23" s="1049" t="s">
        <v>1592</v>
      </c>
      <c r="Y23" s="1020" t="s">
        <v>1498</v>
      </c>
      <c r="Z23" s="1020" t="s">
        <v>1498</v>
      </c>
      <c r="AA23" s="1020" t="s">
        <v>1498</v>
      </c>
      <c r="AB23" s="1020" t="s">
        <v>1498</v>
      </c>
      <c r="AC23" s="1020" t="s">
        <v>1498</v>
      </c>
      <c r="AD23" s="1020" t="s">
        <v>1498</v>
      </c>
      <c r="AE23" s="1020" t="s">
        <v>1498</v>
      </c>
      <c r="AF23" s="1020" t="s">
        <v>1498</v>
      </c>
      <c r="AG23" s="1020" t="s">
        <v>1498</v>
      </c>
      <c r="AH23" s="1020" t="s">
        <v>1498</v>
      </c>
      <c r="AI23" s="1020" t="s">
        <v>1498</v>
      </c>
      <c r="AJ23" s="1020" t="s">
        <v>1498</v>
      </c>
      <c r="AK23" s="1020" t="str">
        <f>IF(AJ23="n/a","n/a",ROUND((AJ23*[4]TripRateCalculations!$V$6),0))</f>
        <v>n/a</v>
      </c>
      <c r="AL23" s="1020" t="s">
        <v>1498</v>
      </c>
      <c r="AM23" s="1020" t="s">
        <v>1498</v>
      </c>
      <c r="AN23" s="1020" t="str">
        <f>IF(AT23="n/a","n/a",ROUND((AT23*[4]TripRateCalculations!N$4),0))</f>
        <v>n/a</v>
      </c>
      <c r="AO23" s="1020" t="str">
        <f>IF(AU23="n/a","n/a",ROUND((AU23*[4]TripRateCalculations!O$4),0))</f>
        <v>n/a</v>
      </c>
      <c r="AP23" s="1020" t="str">
        <f>IF(AV23="n/a","n/a",ROUND((AV23*[4]TripRateCalculations!P$4),0))</f>
        <v>n/a</v>
      </c>
      <c r="AQ23" s="1020" t="str">
        <f>IF(AW23="n/a","n/a",ROUND((AW23*[4]TripRateCalculations!Q$4),0))</f>
        <v>n/a</v>
      </c>
      <c r="AR23" s="1020" t="str">
        <f>IF(AX23="n/a","n/a",ROUND((AX23*[4]TripRateCalculations!R$4),0))</f>
        <v>n/a</v>
      </c>
      <c r="AS23" s="1020" t="str">
        <f>IF(AY23="n/a","n/a",ROUND((AY23*[4]TripRateCalculations!S$4),0))</f>
        <v>n/a</v>
      </c>
      <c r="AT23" s="1020" t="s">
        <v>1498</v>
      </c>
      <c r="AU23" s="1020" t="s">
        <v>1498</v>
      </c>
      <c r="AV23" s="1020" t="s">
        <v>1498</v>
      </c>
      <c r="AW23" s="1020" t="s">
        <v>1498</v>
      </c>
      <c r="AX23" s="1020" t="s">
        <v>1498</v>
      </c>
      <c r="AY23" s="1020" t="s">
        <v>1498</v>
      </c>
      <c r="AZ23" s="1020" t="s">
        <v>1498</v>
      </c>
      <c r="BA23" s="1020" t="s">
        <v>1498</v>
      </c>
      <c r="BB23" s="1020" t="s">
        <v>1498</v>
      </c>
      <c r="BC23" s="1020" t="s">
        <v>1498</v>
      </c>
      <c r="BD23" s="1020" t="s">
        <v>1498</v>
      </c>
      <c r="BE23" s="1020" t="s">
        <v>1498</v>
      </c>
      <c r="BF23" s="1020" t="s">
        <v>1498</v>
      </c>
      <c r="BG23" s="1020" t="str">
        <f>IF(BF23="n/a","n/a",ROUND((BF23*[4]TripRateCalculations!Q$4),0))</f>
        <v>n/a</v>
      </c>
      <c r="BH23" s="1027" t="s">
        <v>1593</v>
      </c>
      <c r="BI23" s="1026" t="s">
        <v>834</v>
      </c>
      <c r="BJ23" s="1026" t="s">
        <v>53</v>
      </c>
      <c r="BK23" s="1028">
        <v>370629.19</v>
      </c>
      <c r="BL23" s="1029">
        <v>0</v>
      </c>
      <c r="BM23" s="1030" t="s">
        <v>1500</v>
      </c>
      <c r="BN23" s="1025" t="s">
        <v>1501</v>
      </c>
      <c r="BO23" s="1130">
        <v>370629.19</v>
      </c>
      <c r="BP23" s="992"/>
      <c r="BQ23" s="1131" t="e">
        <f t="shared" si="21"/>
        <v>#VALUE!</v>
      </c>
      <c r="BR23" s="1131" t="e">
        <f t="shared" si="22"/>
        <v>#VALUE!</v>
      </c>
      <c r="BS23" s="1131" t="e">
        <f t="shared" si="23"/>
        <v>#VALUE!</v>
      </c>
      <c r="BT23" s="1131" t="e">
        <f t="shared" si="24"/>
        <v>#VALUE!</v>
      </c>
      <c r="BU23" s="1131" t="e">
        <f t="shared" si="25"/>
        <v>#VALUE!</v>
      </c>
      <c r="BV23" s="1131" t="e">
        <f t="shared" si="26"/>
        <v>#VALUE!</v>
      </c>
      <c r="BW23" s="1131" t="e">
        <f t="shared" si="27"/>
        <v>#VALUE!</v>
      </c>
      <c r="BX23" s="1131" t="e">
        <f t="shared" si="28"/>
        <v>#VALUE!</v>
      </c>
      <c r="BY23" s="1131" t="e">
        <f t="shared" si="29"/>
        <v>#VALUE!</v>
      </c>
      <c r="BZ23" s="1131" t="e">
        <f t="shared" si="30"/>
        <v>#VALUE!</v>
      </c>
      <c r="CA23" s="1131" t="e">
        <f t="shared" si="31"/>
        <v>#VALUE!</v>
      </c>
      <c r="CB23" s="1131" t="e">
        <f t="shared" si="32"/>
        <v>#VALUE!</v>
      </c>
      <c r="CC23" s="1131" t="e">
        <f t="shared" si="33"/>
        <v>#VALUE!</v>
      </c>
      <c r="CD23" s="1131" t="e">
        <f t="shared" si="34"/>
        <v>#VALUE!</v>
      </c>
      <c r="CE23" s="1131" t="e">
        <f t="shared" si="35"/>
        <v>#VALUE!</v>
      </c>
      <c r="CF23" s="1131" t="e">
        <f t="shared" si="36"/>
        <v>#VALUE!</v>
      </c>
      <c r="CG23" s="1131" t="e">
        <f t="shared" si="37"/>
        <v>#VALUE!</v>
      </c>
      <c r="CH23" s="1131" t="e">
        <f t="shared" si="38"/>
        <v>#VALUE!</v>
      </c>
      <c r="CI23" s="1131" t="e">
        <f t="shared" si="39"/>
        <v>#VALUE!</v>
      </c>
      <c r="CJ23" s="1131" t="e">
        <f t="shared" si="40"/>
        <v>#VALUE!</v>
      </c>
      <c r="CK23" s="1132" t="str">
        <f t="shared" si="41"/>
        <v>n/a</v>
      </c>
    </row>
    <row r="24" spans="1:89" ht="99.75" x14ac:dyDescent="0.2">
      <c r="A24" s="992" t="s">
        <v>66</v>
      </c>
      <c r="B24" s="1126" t="s">
        <v>66</v>
      </c>
      <c r="C24" s="1126"/>
      <c r="D24" s="1126"/>
      <c r="E24" s="1126"/>
      <c r="F24" s="1026" t="s">
        <v>1594</v>
      </c>
      <c r="G24" s="1026" t="s">
        <v>882</v>
      </c>
      <c r="H24" s="1026" t="s">
        <v>1595</v>
      </c>
      <c r="I24" s="1026" t="s">
        <v>1487</v>
      </c>
      <c r="J24" s="1026">
        <v>51.784384809999999</v>
      </c>
      <c r="K24" s="1026">
        <v>-0.45212253299999999</v>
      </c>
      <c r="L24" s="1026" t="s">
        <v>1590</v>
      </c>
      <c r="M24" s="1026" t="s">
        <v>1489</v>
      </c>
      <c r="N24" s="1026">
        <v>2</v>
      </c>
      <c r="O24" s="1026" t="s">
        <v>830</v>
      </c>
      <c r="P24" s="1026" t="s">
        <v>1490</v>
      </c>
      <c r="Q24" s="1026" t="s">
        <v>1491</v>
      </c>
      <c r="R24" s="1026" t="s">
        <v>1492</v>
      </c>
      <c r="S24" s="1026" t="s">
        <v>1561</v>
      </c>
      <c r="T24" s="1026" t="s">
        <v>1591</v>
      </c>
      <c r="U24" s="1016" t="str">
        <f>_xlfn.XLOOKUP(F24, [4]GIS!D:D, [4]GIS!E:E, "Not mapped")</f>
        <v>Single - Scenario 1</v>
      </c>
      <c r="V24" s="1026" t="s">
        <v>1546</v>
      </c>
      <c r="W24" s="1040" t="s">
        <v>1563</v>
      </c>
      <c r="X24" s="1049" t="s">
        <v>1592</v>
      </c>
      <c r="Y24" s="1020" t="s">
        <v>1498</v>
      </c>
      <c r="Z24" s="1020" t="s">
        <v>1498</v>
      </c>
      <c r="AA24" s="1020" t="s">
        <v>1498</v>
      </c>
      <c r="AB24" s="1020" t="s">
        <v>1498</v>
      </c>
      <c r="AC24" s="1020" t="s">
        <v>1498</v>
      </c>
      <c r="AD24" s="1020" t="s">
        <v>1498</v>
      </c>
      <c r="AE24" s="1020" t="s">
        <v>1498</v>
      </c>
      <c r="AF24" s="1020" t="s">
        <v>1498</v>
      </c>
      <c r="AG24" s="1020" t="s">
        <v>1498</v>
      </c>
      <c r="AH24" s="1020" t="s">
        <v>1498</v>
      </c>
      <c r="AI24" s="1020" t="s">
        <v>1498</v>
      </c>
      <c r="AJ24" s="1020" t="s">
        <v>1498</v>
      </c>
      <c r="AK24" s="1020" t="str">
        <f>IF(AJ24="n/a","n/a",ROUND((AJ24*[4]TripRateCalculations!$V$6),0))</f>
        <v>n/a</v>
      </c>
      <c r="AL24" s="1020" t="s">
        <v>1498</v>
      </c>
      <c r="AM24" s="1020" t="s">
        <v>1498</v>
      </c>
      <c r="AN24" s="1020" t="str">
        <f>IF(AT24="n/a","n/a",ROUND((AT24*[4]TripRateCalculations!N$4),0))</f>
        <v>n/a</v>
      </c>
      <c r="AO24" s="1020" t="str">
        <f>IF(AU24="n/a","n/a",ROUND((AU24*[4]TripRateCalculations!O$4),0))</f>
        <v>n/a</v>
      </c>
      <c r="AP24" s="1020" t="str">
        <f>IF(AV24="n/a","n/a",ROUND((AV24*[4]TripRateCalculations!P$4),0))</f>
        <v>n/a</v>
      </c>
      <c r="AQ24" s="1020" t="str">
        <f>IF(AW24="n/a","n/a",ROUND((AW24*[4]TripRateCalculations!Q$4),0))</f>
        <v>n/a</v>
      </c>
      <c r="AR24" s="1020" t="str">
        <f>IF(AX24="n/a","n/a",ROUND((AX24*[4]TripRateCalculations!R$4),0))</f>
        <v>n/a</v>
      </c>
      <c r="AS24" s="1020" t="str">
        <f>IF(AY24="n/a","n/a",ROUND((AY24*[4]TripRateCalculations!S$4),0))</f>
        <v>n/a</v>
      </c>
      <c r="AT24" s="1020" t="s">
        <v>1498</v>
      </c>
      <c r="AU24" s="1020" t="s">
        <v>1498</v>
      </c>
      <c r="AV24" s="1020" t="s">
        <v>1498</v>
      </c>
      <c r="AW24" s="1020" t="s">
        <v>1498</v>
      </c>
      <c r="AX24" s="1020" t="s">
        <v>1498</v>
      </c>
      <c r="AY24" s="1020" t="s">
        <v>1498</v>
      </c>
      <c r="AZ24" s="1020" t="s">
        <v>1498</v>
      </c>
      <c r="BA24" s="1020" t="s">
        <v>1498</v>
      </c>
      <c r="BB24" s="1020" t="s">
        <v>1498</v>
      </c>
      <c r="BC24" s="1020" t="s">
        <v>1498</v>
      </c>
      <c r="BD24" s="1020" t="s">
        <v>1498</v>
      </c>
      <c r="BE24" s="1020" t="s">
        <v>1498</v>
      </c>
      <c r="BF24" s="1020" t="s">
        <v>1498</v>
      </c>
      <c r="BG24" s="1020" t="str">
        <f>IF(BF24="n/a","n/a",ROUND((BF24*[4]TripRateCalculations!Q$4),0))</f>
        <v>n/a</v>
      </c>
      <c r="BH24" s="1027" t="s">
        <v>1593</v>
      </c>
      <c r="BI24" s="1026" t="s">
        <v>834</v>
      </c>
      <c r="BJ24" s="1026" t="s">
        <v>53</v>
      </c>
      <c r="BK24" s="1028">
        <v>370629.19</v>
      </c>
      <c r="BL24" s="1029">
        <v>0</v>
      </c>
      <c r="BM24" s="1030" t="s">
        <v>1500</v>
      </c>
      <c r="BN24" s="1025" t="s">
        <v>1501</v>
      </c>
      <c r="BO24" s="1130">
        <v>370629.19</v>
      </c>
      <c r="BP24" s="992"/>
      <c r="BQ24" s="1131" t="e">
        <f t="shared" si="21"/>
        <v>#VALUE!</v>
      </c>
      <c r="BR24" s="1131" t="e">
        <f t="shared" si="22"/>
        <v>#VALUE!</v>
      </c>
      <c r="BS24" s="1131" t="e">
        <f t="shared" si="23"/>
        <v>#VALUE!</v>
      </c>
      <c r="BT24" s="1131" t="e">
        <f t="shared" si="24"/>
        <v>#VALUE!</v>
      </c>
      <c r="BU24" s="1131" t="e">
        <f t="shared" si="25"/>
        <v>#VALUE!</v>
      </c>
      <c r="BV24" s="1131" t="e">
        <f t="shared" si="26"/>
        <v>#VALUE!</v>
      </c>
      <c r="BW24" s="1131" t="e">
        <f t="shared" si="27"/>
        <v>#VALUE!</v>
      </c>
      <c r="BX24" s="1131" t="e">
        <f t="shared" si="28"/>
        <v>#VALUE!</v>
      </c>
      <c r="BY24" s="1131" t="e">
        <f t="shared" si="29"/>
        <v>#VALUE!</v>
      </c>
      <c r="BZ24" s="1131" t="e">
        <f t="shared" si="30"/>
        <v>#VALUE!</v>
      </c>
      <c r="CA24" s="1131" t="e">
        <f t="shared" si="31"/>
        <v>#VALUE!</v>
      </c>
      <c r="CB24" s="1131" t="e">
        <f t="shared" si="32"/>
        <v>#VALUE!</v>
      </c>
      <c r="CC24" s="1131" t="e">
        <f t="shared" si="33"/>
        <v>#VALUE!</v>
      </c>
      <c r="CD24" s="1131" t="e">
        <f t="shared" si="34"/>
        <v>#VALUE!</v>
      </c>
      <c r="CE24" s="1131" t="e">
        <f t="shared" si="35"/>
        <v>#VALUE!</v>
      </c>
      <c r="CF24" s="1131" t="e">
        <f t="shared" si="36"/>
        <v>#VALUE!</v>
      </c>
      <c r="CG24" s="1131" t="e">
        <f t="shared" si="37"/>
        <v>#VALUE!</v>
      </c>
      <c r="CH24" s="1131" t="e">
        <f t="shared" si="38"/>
        <v>#VALUE!</v>
      </c>
      <c r="CI24" s="1131" t="e">
        <f t="shared" si="39"/>
        <v>#VALUE!</v>
      </c>
      <c r="CJ24" s="1131" t="e">
        <f t="shared" si="40"/>
        <v>#VALUE!</v>
      </c>
      <c r="CK24" s="1132" t="str">
        <f t="shared" si="41"/>
        <v>n/a</v>
      </c>
    </row>
    <row r="25" spans="1:89" ht="128.25" x14ac:dyDescent="0.2">
      <c r="A25" s="992"/>
      <c r="B25" s="1126"/>
      <c r="C25" s="1126"/>
      <c r="D25" s="1126"/>
      <c r="E25" s="1126"/>
      <c r="F25" s="1026" t="s">
        <v>1596</v>
      </c>
      <c r="G25" s="1026" t="s">
        <v>884</v>
      </c>
      <c r="H25" s="1026" t="s">
        <v>1597</v>
      </c>
      <c r="I25" s="1026" t="s">
        <v>1487</v>
      </c>
      <c r="J25" s="1026">
        <v>51.782594779999997</v>
      </c>
      <c r="K25" s="1026">
        <v>-0.42968170700000002</v>
      </c>
      <c r="L25" s="1026" t="s">
        <v>1590</v>
      </c>
      <c r="M25" s="1026" t="s">
        <v>1489</v>
      </c>
      <c r="N25" s="1026">
        <v>2</v>
      </c>
      <c r="O25" s="1026" t="s">
        <v>830</v>
      </c>
      <c r="P25" s="1026" t="s">
        <v>1490</v>
      </c>
      <c r="Q25" s="1026" t="s">
        <v>1491</v>
      </c>
      <c r="R25" s="1026" t="s">
        <v>1492</v>
      </c>
      <c r="S25" s="1026" t="s">
        <v>1561</v>
      </c>
      <c r="T25" s="1026" t="s">
        <v>1591</v>
      </c>
      <c r="U25" s="1016" t="str">
        <f>_xlfn.XLOOKUP(F25, [4]GIS!D:D, [4]GIS!E:E, "Not mapped")</f>
        <v>Single - Scenario 1</v>
      </c>
      <c r="V25" s="1026" t="s">
        <v>1546</v>
      </c>
      <c r="W25" s="1040" t="s">
        <v>1563</v>
      </c>
      <c r="X25" s="1049" t="s">
        <v>1564</v>
      </c>
      <c r="Y25" s="1020" t="s">
        <v>1498</v>
      </c>
      <c r="Z25" s="1020" t="s">
        <v>1498</v>
      </c>
      <c r="AA25" s="1020" t="s">
        <v>1498</v>
      </c>
      <c r="AB25" s="1020" t="s">
        <v>1498</v>
      </c>
      <c r="AC25" s="1020" t="s">
        <v>1498</v>
      </c>
      <c r="AD25" s="1020" t="s">
        <v>1498</v>
      </c>
      <c r="AE25" s="1020" t="s">
        <v>1498</v>
      </c>
      <c r="AF25" s="1020" t="s">
        <v>1498</v>
      </c>
      <c r="AG25" s="1020" t="s">
        <v>1498</v>
      </c>
      <c r="AH25" s="1020" t="s">
        <v>1498</v>
      </c>
      <c r="AI25" s="1020" t="s">
        <v>1498</v>
      </c>
      <c r="AJ25" s="1020" t="s">
        <v>1498</v>
      </c>
      <c r="AK25" s="1020" t="str">
        <f>IF(AJ25="n/a","n/a",ROUND((AJ25*[4]TripRateCalculations!$V$6),0))</f>
        <v>n/a</v>
      </c>
      <c r="AL25" s="1020" t="s">
        <v>1498</v>
      </c>
      <c r="AM25" s="1020" t="s">
        <v>1498</v>
      </c>
      <c r="AN25" s="1020" t="str">
        <f>IF(AT25="n/a","n/a",ROUND((AT25*[4]TripRateCalculations!N$4),0))</f>
        <v>n/a</v>
      </c>
      <c r="AO25" s="1020" t="str">
        <f>IF(AU25="n/a","n/a",ROUND((AU25*[4]TripRateCalculations!O$4),0))</f>
        <v>n/a</v>
      </c>
      <c r="AP25" s="1020" t="str">
        <f>IF(AV25="n/a","n/a",ROUND((AV25*[4]TripRateCalculations!P$4),0))</f>
        <v>n/a</v>
      </c>
      <c r="AQ25" s="1020" t="str">
        <f>IF(AW25="n/a","n/a",ROUND((AW25*[4]TripRateCalculations!Q$4),0))</f>
        <v>n/a</v>
      </c>
      <c r="AR25" s="1020" t="str">
        <f>IF(AX25="n/a","n/a",ROUND((AX25*[4]TripRateCalculations!R$4),0))</f>
        <v>n/a</v>
      </c>
      <c r="AS25" s="1020" t="str">
        <f>IF(AY25="n/a","n/a",ROUND((AY25*[4]TripRateCalculations!S$4),0))</f>
        <v>n/a</v>
      </c>
      <c r="AT25" s="1020" t="s">
        <v>1498</v>
      </c>
      <c r="AU25" s="1020" t="s">
        <v>1498</v>
      </c>
      <c r="AV25" s="1020" t="s">
        <v>1498</v>
      </c>
      <c r="AW25" s="1020" t="s">
        <v>1498</v>
      </c>
      <c r="AX25" s="1020" t="s">
        <v>1498</v>
      </c>
      <c r="AY25" s="1020" t="s">
        <v>1498</v>
      </c>
      <c r="AZ25" s="1020" t="s">
        <v>1498</v>
      </c>
      <c r="BA25" s="1020" t="s">
        <v>1498</v>
      </c>
      <c r="BB25" s="1020" t="s">
        <v>1498</v>
      </c>
      <c r="BC25" s="1020" t="s">
        <v>1498</v>
      </c>
      <c r="BD25" s="1020" t="s">
        <v>1498</v>
      </c>
      <c r="BE25" s="1020" t="s">
        <v>1498</v>
      </c>
      <c r="BF25" s="1020" t="s">
        <v>1498</v>
      </c>
      <c r="BG25" s="1020" t="str">
        <f>IF(BF25="n/a","n/a",ROUND((BF25*[4]TripRateCalculations!Q$4),0))</f>
        <v>n/a</v>
      </c>
      <c r="BH25" s="1027" t="s">
        <v>1593</v>
      </c>
      <c r="BI25" s="1026" t="s">
        <v>834</v>
      </c>
      <c r="BJ25" s="1026" t="s">
        <v>869</v>
      </c>
      <c r="BK25" s="1028">
        <v>370629.19</v>
      </c>
      <c r="BL25" s="1029">
        <v>0</v>
      </c>
      <c r="BM25" s="1030" t="s">
        <v>1500</v>
      </c>
      <c r="BN25" s="1025" t="s">
        <v>1501</v>
      </c>
      <c r="BO25" s="1130">
        <v>370629.19</v>
      </c>
      <c r="BP25" s="992"/>
      <c r="BQ25" s="1131" t="e">
        <f t="shared" si="21"/>
        <v>#VALUE!</v>
      </c>
      <c r="BR25" s="1131" t="e">
        <f t="shared" si="22"/>
        <v>#VALUE!</v>
      </c>
      <c r="BS25" s="1131" t="e">
        <f t="shared" si="23"/>
        <v>#VALUE!</v>
      </c>
      <c r="BT25" s="1131" t="e">
        <f t="shared" si="24"/>
        <v>#VALUE!</v>
      </c>
      <c r="BU25" s="1131" t="e">
        <f t="shared" si="25"/>
        <v>#VALUE!</v>
      </c>
      <c r="BV25" s="1131" t="e">
        <f t="shared" si="26"/>
        <v>#VALUE!</v>
      </c>
      <c r="BW25" s="1131" t="e">
        <f t="shared" si="27"/>
        <v>#VALUE!</v>
      </c>
      <c r="BX25" s="1131" t="e">
        <f t="shared" si="28"/>
        <v>#VALUE!</v>
      </c>
      <c r="BY25" s="1131" t="e">
        <f t="shared" si="29"/>
        <v>#VALUE!</v>
      </c>
      <c r="BZ25" s="1131" t="e">
        <f t="shared" si="30"/>
        <v>#VALUE!</v>
      </c>
      <c r="CA25" s="1131" t="e">
        <f t="shared" si="31"/>
        <v>#VALUE!</v>
      </c>
      <c r="CB25" s="1131" t="e">
        <f t="shared" si="32"/>
        <v>#VALUE!</v>
      </c>
      <c r="CC25" s="1131" t="e">
        <f t="shared" si="33"/>
        <v>#VALUE!</v>
      </c>
      <c r="CD25" s="1131" t="e">
        <f t="shared" si="34"/>
        <v>#VALUE!</v>
      </c>
      <c r="CE25" s="1131" t="e">
        <f t="shared" si="35"/>
        <v>#VALUE!</v>
      </c>
      <c r="CF25" s="1131" t="e">
        <f t="shared" si="36"/>
        <v>#VALUE!</v>
      </c>
      <c r="CG25" s="1131" t="e">
        <f t="shared" si="37"/>
        <v>#VALUE!</v>
      </c>
      <c r="CH25" s="1131" t="e">
        <f t="shared" si="38"/>
        <v>#VALUE!</v>
      </c>
      <c r="CI25" s="1131" t="e">
        <f t="shared" si="39"/>
        <v>#VALUE!</v>
      </c>
      <c r="CJ25" s="1131" t="e">
        <f t="shared" si="40"/>
        <v>#VALUE!</v>
      </c>
      <c r="CK25" s="1132" t="str">
        <f t="shared" si="41"/>
        <v>n/a</v>
      </c>
    </row>
    <row r="26" spans="1:89" ht="128.25" x14ac:dyDescent="0.2">
      <c r="A26" s="992"/>
      <c r="B26" s="1126"/>
      <c r="C26" s="1126"/>
      <c r="D26" s="1126"/>
      <c r="E26" s="1126"/>
      <c r="F26" s="1026" t="s">
        <v>1598</v>
      </c>
      <c r="G26" s="1026" t="s">
        <v>886</v>
      </c>
      <c r="H26" s="1026" t="s">
        <v>887</v>
      </c>
      <c r="I26" s="1026" t="s">
        <v>1487</v>
      </c>
      <c r="J26" s="1026">
        <v>51.775067720000003</v>
      </c>
      <c r="K26" s="1026">
        <v>-0.42077476699999999</v>
      </c>
      <c r="L26" s="1026" t="s">
        <v>1590</v>
      </c>
      <c r="M26" s="1026" t="s">
        <v>1489</v>
      </c>
      <c r="N26" s="1026">
        <v>2</v>
      </c>
      <c r="O26" s="1026" t="s">
        <v>830</v>
      </c>
      <c r="P26" s="1026" t="s">
        <v>1490</v>
      </c>
      <c r="Q26" s="1026" t="s">
        <v>1491</v>
      </c>
      <c r="R26" s="1026" t="s">
        <v>1492</v>
      </c>
      <c r="S26" s="1026" t="s">
        <v>1561</v>
      </c>
      <c r="T26" s="1026" t="s">
        <v>1599</v>
      </c>
      <c r="U26" s="1016" t="str">
        <f>_xlfn.XLOOKUP(F26, [4]GIS!D:D, [4]GIS!E:E, "Not mapped")</f>
        <v>Single - Scenario 1</v>
      </c>
      <c r="V26" s="1026" t="s">
        <v>1546</v>
      </c>
      <c r="W26" s="1040" t="s">
        <v>1563</v>
      </c>
      <c r="X26" s="1040" t="s">
        <v>1600</v>
      </c>
      <c r="Y26" s="1020" t="s">
        <v>1498</v>
      </c>
      <c r="Z26" s="1020" t="s">
        <v>1498</v>
      </c>
      <c r="AA26" s="1020" t="s">
        <v>1498</v>
      </c>
      <c r="AB26" s="1020" t="s">
        <v>1498</v>
      </c>
      <c r="AC26" s="1020" t="s">
        <v>1498</v>
      </c>
      <c r="AD26" s="1020" t="s">
        <v>1498</v>
      </c>
      <c r="AE26" s="1020" t="s">
        <v>1498</v>
      </c>
      <c r="AF26" s="1020" t="s">
        <v>1498</v>
      </c>
      <c r="AG26" s="1020" t="s">
        <v>1498</v>
      </c>
      <c r="AH26" s="1020" t="s">
        <v>1498</v>
      </c>
      <c r="AI26" s="1020" t="s">
        <v>1498</v>
      </c>
      <c r="AJ26" s="1020" t="s">
        <v>1498</v>
      </c>
      <c r="AK26" s="1020" t="str">
        <f>IF(AJ26="n/a","n/a",ROUND((AJ26*[4]TripRateCalculations!$V$6),0))</f>
        <v>n/a</v>
      </c>
      <c r="AL26" s="1020" t="s">
        <v>1498</v>
      </c>
      <c r="AM26" s="1020" t="s">
        <v>1498</v>
      </c>
      <c r="AN26" s="1020" t="str">
        <f>IF(AT26="n/a","n/a",ROUND((AT26*[4]TripRateCalculations!N$4),0))</f>
        <v>n/a</v>
      </c>
      <c r="AO26" s="1020" t="str">
        <f>IF(AU26="n/a","n/a",ROUND((AU26*[4]TripRateCalculations!O$4),0))</f>
        <v>n/a</v>
      </c>
      <c r="AP26" s="1020" t="str">
        <f>IF(AV26="n/a","n/a",ROUND((AV26*[4]TripRateCalculations!P$4),0))</f>
        <v>n/a</v>
      </c>
      <c r="AQ26" s="1020" t="str">
        <f>IF(AW26="n/a","n/a",ROUND((AW26*[4]TripRateCalculations!Q$4),0))</f>
        <v>n/a</v>
      </c>
      <c r="AR26" s="1020" t="str">
        <f>IF(AX26="n/a","n/a",ROUND((AX26*[4]TripRateCalculations!R$4),0))</f>
        <v>n/a</v>
      </c>
      <c r="AS26" s="1020" t="str">
        <f>IF(AY26="n/a","n/a",ROUND((AY26*[4]TripRateCalculations!S$4),0))</f>
        <v>n/a</v>
      </c>
      <c r="AT26" s="1020" t="s">
        <v>1498</v>
      </c>
      <c r="AU26" s="1020" t="s">
        <v>1498</v>
      </c>
      <c r="AV26" s="1020" t="s">
        <v>1498</v>
      </c>
      <c r="AW26" s="1020" t="s">
        <v>1498</v>
      </c>
      <c r="AX26" s="1020" t="s">
        <v>1498</v>
      </c>
      <c r="AY26" s="1020" t="s">
        <v>1498</v>
      </c>
      <c r="AZ26" s="1020" t="s">
        <v>1498</v>
      </c>
      <c r="BA26" s="1020" t="s">
        <v>1498</v>
      </c>
      <c r="BB26" s="1020" t="s">
        <v>1498</v>
      </c>
      <c r="BC26" s="1020" t="s">
        <v>1498</v>
      </c>
      <c r="BD26" s="1020" t="s">
        <v>1498</v>
      </c>
      <c r="BE26" s="1020" t="s">
        <v>1498</v>
      </c>
      <c r="BF26" s="1020" t="s">
        <v>1498</v>
      </c>
      <c r="BG26" s="1020" t="str">
        <f>IF(BF26="n/a","n/a",ROUND((BF26*[4]TripRateCalculations!Q$4),0))</f>
        <v>n/a</v>
      </c>
      <c r="BH26" s="1027" t="s">
        <v>1601</v>
      </c>
      <c r="BI26" s="1026" t="s">
        <v>834</v>
      </c>
      <c r="BJ26" s="1026" t="s">
        <v>869</v>
      </c>
      <c r="BK26" s="1028">
        <v>370629.19</v>
      </c>
      <c r="BL26" s="1029">
        <v>0</v>
      </c>
      <c r="BM26" s="1030" t="s">
        <v>1500</v>
      </c>
      <c r="BN26" s="1025" t="s">
        <v>1501</v>
      </c>
      <c r="BO26" s="1130">
        <v>370629.19</v>
      </c>
      <c r="BP26" s="992"/>
      <c r="BQ26" s="1131" t="e">
        <f t="shared" si="21"/>
        <v>#VALUE!</v>
      </c>
      <c r="BR26" s="1131" t="e">
        <f t="shared" si="22"/>
        <v>#VALUE!</v>
      </c>
      <c r="BS26" s="1131" t="e">
        <f t="shared" si="23"/>
        <v>#VALUE!</v>
      </c>
      <c r="BT26" s="1131" t="e">
        <f t="shared" si="24"/>
        <v>#VALUE!</v>
      </c>
      <c r="BU26" s="1131" t="e">
        <f t="shared" si="25"/>
        <v>#VALUE!</v>
      </c>
      <c r="BV26" s="1131" t="e">
        <f t="shared" si="26"/>
        <v>#VALUE!</v>
      </c>
      <c r="BW26" s="1131" t="e">
        <f t="shared" si="27"/>
        <v>#VALUE!</v>
      </c>
      <c r="BX26" s="1131" t="e">
        <f t="shared" si="28"/>
        <v>#VALUE!</v>
      </c>
      <c r="BY26" s="1131" t="e">
        <f t="shared" si="29"/>
        <v>#VALUE!</v>
      </c>
      <c r="BZ26" s="1131" t="e">
        <f t="shared" si="30"/>
        <v>#VALUE!</v>
      </c>
      <c r="CA26" s="1131" t="e">
        <f t="shared" si="31"/>
        <v>#VALUE!</v>
      </c>
      <c r="CB26" s="1131" t="e">
        <f t="shared" si="32"/>
        <v>#VALUE!</v>
      </c>
      <c r="CC26" s="1131" t="e">
        <f t="shared" si="33"/>
        <v>#VALUE!</v>
      </c>
      <c r="CD26" s="1131" t="e">
        <f t="shared" si="34"/>
        <v>#VALUE!</v>
      </c>
      <c r="CE26" s="1131" t="e">
        <f t="shared" si="35"/>
        <v>#VALUE!</v>
      </c>
      <c r="CF26" s="1131" t="e">
        <f t="shared" si="36"/>
        <v>#VALUE!</v>
      </c>
      <c r="CG26" s="1131" t="e">
        <f t="shared" si="37"/>
        <v>#VALUE!</v>
      </c>
      <c r="CH26" s="1131" t="e">
        <f t="shared" si="38"/>
        <v>#VALUE!</v>
      </c>
      <c r="CI26" s="1131" t="e">
        <f t="shared" si="39"/>
        <v>#VALUE!</v>
      </c>
      <c r="CJ26" s="1131" t="e">
        <f t="shared" si="40"/>
        <v>#VALUE!</v>
      </c>
      <c r="CK26" s="1132" t="str">
        <f t="shared" si="41"/>
        <v>n/a</v>
      </c>
    </row>
    <row r="27" spans="1:89" ht="128.25" x14ac:dyDescent="0.2">
      <c r="A27" s="992"/>
      <c r="B27" s="1126"/>
      <c r="C27" s="1126"/>
      <c r="D27" s="1126"/>
      <c r="E27" s="1126"/>
      <c r="F27" s="1026" t="s">
        <v>1602</v>
      </c>
      <c r="G27" s="1026" t="s">
        <v>886</v>
      </c>
      <c r="H27" s="1026" t="s">
        <v>888</v>
      </c>
      <c r="I27" s="1026" t="s">
        <v>1487</v>
      </c>
      <c r="J27" s="1026">
        <v>51.745435000000001</v>
      </c>
      <c r="K27" s="1026">
        <v>-0.41129072300000002</v>
      </c>
      <c r="L27" s="1026" t="s">
        <v>1590</v>
      </c>
      <c r="M27" s="1026" t="s">
        <v>1489</v>
      </c>
      <c r="N27" s="1026">
        <v>2</v>
      </c>
      <c r="O27" s="1026" t="s">
        <v>830</v>
      </c>
      <c r="P27" s="1026" t="s">
        <v>1490</v>
      </c>
      <c r="Q27" s="1026" t="s">
        <v>1491</v>
      </c>
      <c r="R27" s="1026" t="s">
        <v>1492</v>
      </c>
      <c r="S27" s="1026" t="s">
        <v>1561</v>
      </c>
      <c r="T27" s="1026" t="s">
        <v>1599</v>
      </c>
      <c r="U27" s="1016" t="str">
        <f>_xlfn.XLOOKUP(F27, [4]GIS!D:D, [4]GIS!E:E, "Not mapped")</f>
        <v>Single - Scenario 1</v>
      </c>
      <c r="V27" s="1026" t="s">
        <v>1546</v>
      </c>
      <c r="W27" s="1040" t="s">
        <v>1563</v>
      </c>
      <c r="X27" s="1040" t="s">
        <v>1603</v>
      </c>
      <c r="Y27" s="1020" t="s">
        <v>1498</v>
      </c>
      <c r="Z27" s="1020" t="s">
        <v>1498</v>
      </c>
      <c r="AA27" s="1020" t="s">
        <v>1498</v>
      </c>
      <c r="AB27" s="1020" t="s">
        <v>1498</v>
      </c>
      <c r="AC27" s="1020" t="s">
        <v>1498</v>
      </c>
      <c r="AD27" s="1020" t="s">
        <v>1498</v>
      </c>
      <c r="AE27" s="1020" t="s">
        <v>1498</v>
      </c>
      <c r="AF27" s="1020" t="s">
        <v>1498</v>
      </c>
      <c r="AG27" s="1020" t="s">
        <v>1498</v>
      </c>
      <c r="AH27" s="1020" t="s">
        <v>1498</v>
      </c>
      <c r="AI27" s="1020" t="s">
        <v>1498</v>
      </c>
      <c r="AJ27" s="1020" t="s">
        <v>1498</v>
      </c>
      <c r="AK27" s="1020" t="str">
        <f>IF(AJ27="n/a","n/a",ROUND((AJ27*[4]TripRateCalculations!$V$6),0))</f>
        <v>n/a</v>
      </c>
      <c r="AL27" s="1020" t="s">
        <v>1498</v>
      </c>
      <c r="AM27" s="1020" t="s">
        <v>1498</v>
      </c>
      <c r="AN27" s="1020" t="str">
        <f>IF(AT27="n/a","n/a",ROUND((AT27*[4]TripRateCalculations!N$4),0))</f>
        <v>n/a</v>
      </c>
      <c r="AO27" s="1020" t="str">
        <f>IF(AU27="n/a","n/a",ROUND((AU27*[4]TripRateCalculations!O$4),0))</f>
        <v>n/a</v>
      </c>
      <c r="AP27" s="1020" t="str">
        <f>IF(AV27="n/a","n/a",ROUND((AV27*[4]TripRateCalculations!P$4),0))</f>
        <v>n/a</v>
      </c>
      <c r="AQ27" s="1020" t="str">
        <f>IF(AW27="n/a","n/a",ROUND((AW27*[4]TripRateCalculations!Q$4),0))</f>
        <v>n/a</v>
      </c>
      <c r="AR27" s="1020" t="str">
        <f>IF(AX27="n/a","n/a",ROUND((AX27*[4]TripRateCalculations!R$4),0))</f>
        <v>n/a</v>
      </c>
      <c r="AS27" s="1020" t="str">
        <f>IF(AY27="n/a","n/a",ROUND((AY27*[4]TripRateCalculations!S$4),0))</f>
        <v>n/a</v>
      </c>
      <c r="AT27" s="1020" t="s">
        <v>1498</v>
      </c>
      <c r="AU27" s="1020" t="s">
        <v>1498</v>
      </c>
      <c r="AV27" s="1020" t="s">
        <v>1498</v>
      </c>
      <c r="AW27" s="1020" t="s">
        <v>1498</v>
      </c>
      <c r="AX27" s="1020" t="s">
        <v>1498</v>
      </c>
      <c r="AY27" s="1020" t="s">
        <v>1498</v>
      </c>
      <c r="AZ27" s="1020" t="s">
        <v>1498</v>
      </c>
      <c r="BA27" s="1020" t="s">
        <v>1498</v>
      </c>
      <c r="BB27" s="1020" t="s">
        <v>1498</v>
      </c>
      <c r="BC27" s="1020" t="s">
        <v>1498</v>
      </c>
      <c r="BD27" s="1020" t="s">
        <v>1498</v>
      </c>
      <c r="BE27" s="1020" t="s">
        <v>1498</v>
      </c>
      <c r="BF27" s="1020" t="s">
        <v>1498</v>
      </c>
      <c r="BG27" s="1020" t="str">
        <f>IF(BF27="n/a","n/a",ROUND((BF27*[4]TripRateCalculations!Q$4),0))</f>
        <v>n/a</v>
      </c>
      <c r="BH27" s="1027" t="s">
        <v>1554</v>
      </c>
      <c r="BI27" s="1026" t="s">
        <v>834</v>
      </c>
      <c r="BJ27" s="1026" t="s">
        <v>869</v>
      </c>
      <c r="BK27" s="1028">
        <v>370629.19</v>
      </c>
      <c r="BL27" s="1029">
        <v>0</v>
      </c>
      <c r="BM27" s="1030" t="s">
        <v>1500</v>
      </c>
      <c r="BN27" s="1025" t="s">
        <v>1501</v>
      </c>
      <c r="BO27" s="1130">
        <v>370629.19</v>
      </c>
      <c r="BP27" s="992"/>
      <c r="BQ27" s="1131" t="e">
        <f t="shared" si="21"/>
        <v>#VALUE!</v>
      </c>
      <c r="BR27" s="1131" t="e">
        <f t="shared" si="22"/>
        <v>#VALUE!</v>
      </c>
      <c r="BS27" s="1131" t="e">
        <f t="shared" si="23"/>
        <v>#VALUE!</v>
      </c>
      <c r="BT27" s="1131" t="e">
        <f t="shared" si="24"/>
        <v>#VALUE!</v>
      </c>
      <c r="BU27" s="1131" t="e">
        <f t="shared" si="25"/>
        <v>#VALUE!</v>
      </c>
      <c r="BV27" s="1131" t="e">
        <f t="shared" si="26"/>
        <v>#VALUE!</v>
      </c>
      <c r="BW27" s="1131" t="e">
        <f t="shared" si="27"/>
        <v>#VALUE!</v>
      </c>
      <c r="BX27" s="1131" t="e">
        <f t="shared" si="28"/>
        <v>#VALUE!</v>
      </c>
      <c r="BY27" s="1131" t="e">
        <f t="shared" si="29"/>
        <v>#VALUE!</v>
      </c>
      <c r="BZ27" s="1131" t="e">
        <f t="shared" si="30"/>
        <v>#VALUE!</v>
      </c>
      <c r="CA27" s="1131" t="e">
        <f t="shared" si="31"/>
        <v>#VALUE!</v>
      </c>
      <c r="CB27" s="1131" t="e">
        <f t="shared" si="32"/>
        <v>#VALUE!</v>
      </c>
      <c r="CC27" s="1131" t="e">
        <f t="shared" si="33"/>
        <v>#VALUE!</v>
      </c>
      <c r="CD27" s="1131" t="e">
        <f t="shared" si="34"/>
        <v>#VALUE!</v>
      </c>
      <c r="CE27" s="1131" t="e">
        <f t="shared" si="35"/>
        <v>#VALUE!</v>
      </c>
      <c r="CF27" s="1131" t="e">
        <f t="shared" si="36"/>
        <v>#VALUE!</v>
      </c>
      <c r="CG27" s="1131" t="e">
        <f t="shared" si="37"/>
        <v>#VALUE!</v>
      </c>
      <c r="CH27" s="1131" t="e">
        <f t="shared" si="38"/>
        <v>#VALUE!</v>
      </c>
      <c r="CI27" s="1131" t="e">
        <f t="shared" si="39"/>
        <v>#VALUE!</v>
      </c>
      <c r="CJ27" s="1131" t="e">
        <f t="shared" si="40"/>
        <v>#VALUE!</v>
      </c>
      <c r="CK27" s="1132" t="str">
        <f t="shared" si="41"/>
        <v>n/a</v>
      </c>
    </row>
    <row r="28" spans="1:89" ht="85.5" x14ac:dyDescent="0.2">
      <c r="A28" s="992"/>
      <c r="B28" s="1126"/>
      <c r="C28" s="1126"/>
      <c r="D28" s="1126"/>
      <c r="E28" s="1126"/>
      <c r="F28" s="1026" t="s">
        <v>1604</v>
      </c>
      <c r="G28" s="1026" t="s">
        <v>889</v>
      </c>
      <c r="H28" s="1026" t="s">
        <v>1605</v>
      </c>
      <c r="I28" s="1026" t="s">
        <v>1487</v>
      </c>
      <c r="J28" s="1026">
        <v>51.76924546</v>
      </c>
      <c r="K28" s="1026">
        <v>-0.46950562899999998</v>
      </c>
      <c r="L28" s="1026" t="s">
        <v>1590</v>
      </c>
      <c r="M28" s="1026" t="s">
        <v>1489</v>
      </c>
      <c r="N28" s="1026">
        <v>2</v>
      </c>
      <c r="O28" s="1026" t="s">
        <v>830</v>
      </c>
      <c r="P28" s="1026" t="s">
        <v>1490</v>
      </c>
      <c r="Q28" s="1026" t="s">
        <v>1491</v>
      </c>
      <c r="R28" s="1026" t="s">
        <v>1492</v>
      </c>
      <c r="S28" s="1026" t="s">
        <v>1561</v>
      </c>
      <c r="T28" s="1026" t="s">
        <v>1606</v>
      </c>
      <c r="U28" s="1016" t="str">
        <f>_xlfn.XLOOKUP(F28, [4]GIS!D:D, [4]GIS!E:E, "Not mapped")</f>
        <v>Single - Scenario 1</v>
      </c>
      <c r="V28" s="1026" t="s">
        <v>1546</v>
      </c>
      <c r="W28" s="1040" t="s">
        <v>1563</v>
      </c>
      <c r="X28" s="1040" t="s">
        <v>127</v>
      </c>
      <c r="Y28" s="1020" t="s">
        <v>1498</v>
      </c>
      <c r="Z28" s="1020" t="s">
        <v>1498</v>
      </c>
      <c r="AA28" s="1020" t="s">
        <v>1498</v>
      </c>
      <c r="AB28" s="1020" t="s">
        <v>1498</v>
      </c>
      <c r="AC28" s="1020" t="s">
        <v>1498</v>
      </c>
      <c r="AD28" s="1020" t="s">
        <v>1498</v>
      </c>
      <c r="AE28" s="1020" t="s">
        <v>1498</v>
      </c>
      <c r="AF28" s="1020" t="s">
        <v>1498</v>
      </c>
      <c r="AG28" s="1020" t="s">
        <v>1498</v>
      </c>
      <c r="AH28" s="1020" t="s">
        <v>1498</v>
      </c>
      <c r="AI28" s="1020" t="s">
        <v>1498</v>
      </c>
      <c r="AJ28" s="1020" t="s">
        <v>1498</v>
      </c>
      <c r="AK28" s="1020" t="str">
        <f>IF(AJ28="n/a","n/a",ROUND((AJ28*[4]TripRateCalculations!$V$6),0))</f>
        <v>n/a</v>
      </c>
      <c r="AL28" s="1020" t="s">
        <v>1498</v>
      </c>
      <c r="AM28" s="1020" t="s">
        <v>1498</v>
      </c>
      <c r="AN28" s="1020" t="str">
        <f>IF(AT28="n/a","n/a",ROUND((AT28*[4]TripRateCalculations!N$4),0))</f>
        <v>n/a</v>
      </c>
      <c r="AO28" s="1020" t="str">
        <f>IF(AU28="n/a","n/a",ROUND((AU28*[4]TripRateCalculations!O$4),0))</f>
        <v>n/a</v>
      </c>
      <c r="AP28" s="1020" t="str">
        <f>IF(AV28="n/a","n/a",ROUND((AV28*[4]TripRateCalculations!P$4),0))</f>
        <v>n/a</v>
      </c>
      <c r="AQ28" s="1020" t="str">
        <f>IF(AW28="n/a","n/a",ROUND((AW28*[4]TripRateCalculations!Q$4),0))</f>
        <v>n/a</v>
      </c>
      <c r="AR28" s="1020" t="str">
        <f>IF(AX28="n/a","n/a",ROUND((AX28*[4]TripRateCalculations!R$4),0))</f>
        <v>n/a</v>
      </c>
      <c r="AS28" s="1020" t="str">
        <f>IF(AY28="n/a","n/a",ROUND((AY28*[4]TripRateCalculations!S$4),0))</f>
        <v>n/a</v>
      </c>
      <c r="AT28" s="1020" t="s">
        <v>1498</v>
      </c>
      <c r="AU28" s="1020" t="s">
        <v>1498</v>
      </c>
      <c r="AV28" s="1020" t="s">
        <v>1498</v>
      </c>
      <c r="AW28" s="1020" t="s">
        <v>1498</v>
      </c>
      <c r="AX28" s="1020" t="s">
        <v>1498</v>
      </c>
      <c r="AY28" s="1020" t="s">
        <v>1498</v>
      </c>
      <c r="AZ28" s="1020" t="s">
        <v>1498</v>
      </c>
      <c r="BA28" s="1020" t="s">
        <v>1498</v>
      </c>
      <c r="BB28" s="1020" t="s">
        <v>1498</v>
      </c>
      <c r="BC28" s="1020" t="s">
        <v>1498</v>
      </c>
      <c r="BD28" s="1020" t="s">
        <v>1498</v>
      </c>
      <c r="BE28" s="1020" t="s">
        <v>1498</v>
      </c>
      <c r="BF28" s="1020" t="s">
        <v>1498</v>
      </c>
      <c r="BG28" s="1020" t="str">
        <f>IF(BF28="n/a","n/a",ROUND((BF28*[4]TripRateCalculations!Q$4),0))</f>
        <v>n/a</v>
      </c>
      <c r="BH28" s="1027" t="s">
        <v>1607</v>
      </c>
      <c r="BI28" s="1026" t="s">
        <v>834</v>
      </c>
      <c r="BJ28" s="1026" t="s">
        <v>53</v>
      </c>
      <c r="BK28" s="1028">
        <v>370629.19</v>
      </c>
      <c r="BL28" s="1029">
        <v>0</v>
      </c>
      <c r="BM28" s="1030" t="s">
        <v>1500</v>
      </c>
      <c r="BN28" s="1025" t="s">
        <v>1501</v>
      </c>
      <c r="BO28" s="1130">
        <v>370629.19</v>
      </c>
      <c r="BP28" s="992"/>
      <c r="BQ28" s="1131" t="e">
        <f t="shared" si="21"/>
        <v>#VALUE!</v>
      </c>
      <c r="BR28" s="1131" t="e">
        <f t="shared" si="22"/>
        <v>#VALUE!</v>
      </c>
      <c r="BS28" s="1131" t="e">
        <f t="shared" si="23"/>
        <v>#VALUE!</v>
      </c>
      <c r="BT28" s="1131" t="e">
        <f t="shared" si="24"/>
        <v>#VALUE!</v>
      </c>
      <c r="BU28" s="1131" t="e">
        <f t="shared" si="25"/>
        <v>#VALUE!</v>
      </c>
      <c r="BV28" s="1131" t="e">
        <f t="shared" si="26"/>
        <v>#VALUE!</v>
      </c>
      <c r="BW28" s="1131" t="e">
        <f t="shared" si="27"/>
        <v>#VALUE!</v>
      </c>
      <c r="BX28" s="1131" t="e">
        <f t="shared" si="28"/>
        <v>#VALUE!</v>
      </c>
      <c r="BY28" s="1131" t="e">
        <f t="shared" si="29"/>
        <v>#VALUE!</v>
      </c>
      <c r="BZ28" s="1131" t="e">
        <f t="shared" si="30"/>
        <v>#VALUE!</v>
      </c>
      <c r="CA28" s="1131" t="e">
        <f t="shared" si="31"/>
        <v>#VALUE!</v>
      </c>
      <c r="CB28" s="1131" t="e">
        <f t="shared" si="32"/>
        <v>#VALUE!</v>
      </c>
      <c r="CC28" s="1131" t="e">
        <f t="shared" si="33"/>
        <v>#VALUE!</v>
      </c>
      <c r="CD28" s="1131" t="e">
        <f t="shared" si="34"/>
        <v>#VALUE!</v>
      </c>
      <c r="CE28" s="1131" t="e">
        <f t="shared" si="35"/>
        <v>#VALUE!</v>
      </c>
      <c r="CF28" s="1131" t="e">
        <f t="shared" si="36"/>
        <v>#VALUE!</v>
      </c>
      <c r="CG28" s="1131" t="e">
        <f t="shared" si="37"/>
        <v>#VALUE!</v>
      </c>
      <c r="CH28" s="1131" t="e">
        <f t="shared" si="38"/>
        <v>#VALUE!</v>
      </c>
      <c r="CI28" s="1131" t="e">
        <f t="shared" si="39"/>
        <v>#VALUE!</v>
      </c>
      <c r="CJ28" s="1131" t="e">
        <f t="shared" si="40"/>
        <v>#VALUE!</v>
      </c>
      <c r="CK28" s="1132" t="str">
        <f t="shared" si="41"/>
        <v>n/a</v>
      </c>
    </row>
    <row r="29" spans="1:89" ht="85.5" x14ac:dyDescent="0.2">
      <c r="A29" s="992"/>
      <c r="B29" s="1126"/>
      <c r="C29" s="1126"/>
      <c r="D29" s="1126"/>
      <c r="E29" s="1126"/>
      <c r="F29" s="1026" t="s">
        <v>1608</v>
      </c>
      <c r="G29" s="1026" t="s">
        <v>891</v>
      </c>
      <c r="H29" s="1026" t="s">
        <v>1609</v>
      </c>
      <c r="I29" s="1026" t="s">
        <v>1487</v>
      </c>
      <c r="J29" s="1026">
        <v>51.766119609999997</v>
      </c>
      <c r="K29" s="1026">
        <v>-0.50238487300000001</v>
      </c>
      <c r="L29" s="1026" t="s">
        <v>1590</v>
      </c>
      <c r="M29" s="1026" t="s">
        <v>1489</v>
      </c>
      <c r="N29" s="1026">
        <v>2</v>
      </c>
      <c r="O29" s="1026" t="s">
        <v>830</v>
      </c>
      <c r="P29" s="1026" t="s">
        <v>1490</v>
      </c>
      <c r="Q29" s="1026" t="s">
        <v>1491</v>
      </c>
      <c r="R29" s="1026" t="s">
        <v>1492</v>
      </c>
      <c r="S29" s="1026" t="s">
        <v>1561</v>
      </c>
      <c r="T29" s="1026" t="s">
        <v>1610</v>
      </c>
      <c r="U29" s="1016" t="str">
        <f>_xlfn.XLOOKUP(F29, [4]GIS!D:D, [4]GIS!E:E, "Not mapped")</f>
        <v>Single - Scenario 1</v>
      </c>
      <c r="V29" s="1026" t="s">
        <v>1546</v>
      </c>
      <c r="W29" s="1040" t="s">
        <v>1563</v>
      </c>
      <c r="X29" s="1040" t="s">
        <v>27</v>
      </c>
      <c r="Y29" s="1020" t="s">
        <v>1498</v>
      </c>
      <c r="Z29" s="1020" t="s">
        <v>1498</v>
      </c>
      <c r="AA29" s="1020" t="s">
        <v>1498</v>
      </c>
      <c r="AB29" s="1020" t="s">
        <v>1498</v>
      </c>
      <c r="AC29" s="1020" t="s">
        <v>1498</v>
      </c>
      <c r="AD29" s="1020" t="s">
        <v>1498</v>
      </c>
      <c r="AE29" s="1020" t="s">
        <v>1498</v>
      </c>
      <c r="AF29" s="1020" t="s">
        <v>1498</v>
      </c>
      <c r="AG29" s="1020" t="s">
        <v>1498</v>
      </c>
      <c r="AH29" s="1020" t="s">
        <v>1498</v>
      </c>
      <c r="AI29" s="1020" t="s">
        <v>1498</v>
      </c>
      <c r="AJ29" s="1020" t="s">
        <v>1498</v>
      </c>
      <c r="AK29" s="1020" t="str">
        <f>IF(AJ29="n/a","n/a",ROUND((AJ29*[4]TripRateCalculations!$V$6),0))</f>
        <v>n/a</v>
      </c>
      <c r="AL29" s="1020" t="s">
        <v>1498</v>
      </c>
      <c r="AM29" s="1020" t="s">
        <v>1498</v>
      </c>
      <c r="AN29" s="1020" t="str">
        <f>IF(AT29="n/a","n/a",ROUND((AT29*[4]TripRateCalculations!N$4),0))</f>
        <v>n/a</v>
      </c>
      <c r="AO29" s="1020" t="str">
        <f>IF(AU29="n/a","n/a",ROUND((AU29*[4]TripRateCalculations!O$4),0))</f>
        <v>n/a</v>
      </c>
      <c r="AP29" s="1020" t="str">
        <f>IF(AV29="n/a","n/a",ROUND((AV29*[4]TripRateCalculations!P$4),0))</f>
        <v>n/a</v>
      </c>
      <c r="AQ29" s="1020" t="str">
        <f>IF(AW29="n/a","n/a",ROUND((AW29*[4]TripRateCalculations!Q$4),0))</f>
        <v>n/a</v>
      </c>
      <c r="AR29" s="1020" t="str">
        <f>IF(AX29="n/a","n/a",ROUND((AX29*[4]TripRateCalculations!R$4),0))</f>
        <v>n/a</v>
      </c>
      <c r="AS29" s="1020" t="str">
        <f>IF(AY29="n/a","n/a",ROUND((AY29*[4]TripRateCalculations!S$4),0))</f>
        <v>n/a</v>
      </c>
      <c r="AT29" s="1020" t="s">
        <v>1498</v>
      </c>
      <c r="AU29" s="1020" t="s">
        <v>1498</v>
      </c>
      <c r="AV29" s="1020" t="s">
        <v>1498</v>
      </c>
      <c r="AW29" s="1020" t="s">
        <v>1498</v>
      </c>
      <c r="AX29" s="1020" t="s">
        <v>1498</v>
      </c>
      <c r="AY29" s="1020" t="s">
        <v>1498</v>
      </c>
      <c r="AZ29" s="1020" t="s">
        <v>1498</v>
      </c>
      <c r="BA29" s="1020" t="s">
        <v>1498</v>
      </c>
      <c r="BB29" s="1020" t="s">
        <v>1498</v>
      </c>
      <c r="BC29" s="1020" t="s">
        <v>1498</v>
      </c>
      <c r="BD29" s="1020" t="s">
        <v>1498</v>
      </c>
      <c r="BE29" s="1020" t="s">
        <v>1498</v>
      </c>
      <c r="BF29" s="1020" t="s">
        <v>1498</v>
      </c>
      <c r="BG29" s="1020" t="str">
        <f>IF(BF29="n/a","n/a",ROUND((BF29*[4]TripRateCalculations!Q$4),0))</f>
        <v>n/a</v>
      </c>
      <c r="BH29" s="1027" t="s">
        <v>1611</v>
      </c>
      <c r="BI29" s="1026" t="s">
        <v>834</v>
      </c>
      <c r="BJ29" s="1026" t="s">
        <v>53</v>
      </c>
      <c r="BK29" s="1028">
        <v>370629.19</v>
      </c>
      <c r="BL29" s="1029">
        <v>0</v>
      </c>
      <c r="BM29" s="1030" t="s">
        <v>1500</v>
      </c>
      <c r="BN29" s="1025" t="s">
        <v>1501</v>
      </c>
      <c r="BO29" s="1130">
        <v>370629.19</v>
      </c>
      <c r="BP29" s="992"/>
      <c r="BQ29" s="1131" t="e">
        <f t="shared" si="21"/>
        <v>#VALUE!</v>
      </c>
      <c r="BR29" s="1131" t="e">
        <f t="shared" si="22"/>
        <v>#VALUE!</v>
      </c>
      <c r="BS29" s="1131" t="e">
        <f t="shared" si="23"/>
        <v>#VALUE!</v>
      </c>
      <c r="BT29" s="1131" t="e">
        <f t="shared" si="24"/>
        <v>#VALUE!</v>
      </c>
      <c r="BU29" s="1131" t="e">
        <f t="shared" si="25"/>
        <v>#VALUE!</v>
      </c>
      <c r="BV29" s="1131" t="e">
        <f t="shared" si="26"/>
        <v>#VALUE!</v>
      </c>
      <c r="BW29" s="1131" t="e">
        <f t="shared" si="27"/>
        <v>#VALUE!</v>
      </c>
      <c r="BX29" s="1131" t="e">
        <f t="shared" si="28"/>
        <v>#VALUE!</v>
      </c>
      <c r="BY29" s="1131" t="e">
        <f t="shared" si="29"/>
        <v>#VALUE!</v>
      </c>
      <c r="BZ29" s="1131" t="e">
        <f t="shared" si="30"/>
        <v>#VALUE!</v>
      </c>
      <c r="CA29" s="1131" t="e">
        <f t="shared" si="31"/>
        <v>#VALUE!</v>
      </c>
      <c r="CB29" s="1131" t="e">
        <f t="shared" si="32"/>
        <v>#VALUE!</v>
      </c>
      <c r="CC29" s="1131" t="e">
        <f t="shared" si="33"/>
        <v>#VALUE!</v>
      </c>
      <c r="CD29" s="1131" t="e">
        <f t="shared" si="34"/>
        <v>#VALUE!</v>
      </c>
      <c r="CE29" s="1131" t="e">
        <f t="shared" si="35"/>
        <v>#VALUE!</v>
      </c>
      <c r="CF29" s="1131" t="e">
        <f t="shared" si="36"/>
        <v>#VALUE!</v>
      </c>
      <c r="CG29" s="1131" t="e">
        <f t="shared" si="37"/>
        <v>#VALUE!</v>
      </c>
      <c r="CH29" s="1131" t="e">
        <f t="shared" si="38"/>
        <v>#VALUE!</v>
      </c>
      <c r="CI29" s="1131" t="e">
        <f t="shared" si="39"/>
        <v>#VALUE!</v>
      </c>
      <c r="CJ29" s="1131" t="e">
        <f t="shared" si="40"/>
        <v>#VALUE!</v>
      </c>
      <c r="CK29" s="1132" t="str">
        <f t="shared" si="41"/>
        <v>n/a</v>
      </c>
    </row>
    <row r="30" spans="1:89" ht="159" x14ac:dyDescent="0.2">
      <c r="A30" s="992"/>
      <c r="B30" s="1126" t="s">
        <v>66</v>
      </c>
      <c r="C30" s="1126"/>
      <c r="D30" s="1126"/>
      <c r="E30" s="1126"/>
      <c r="F30" s="1026" t="s">
        <v>1612</v>
      </c>
      <c r="G30" s="1026" t="s">
        <v>895</v>
      </c>
      <c r="H30" s="1026" t="s">
        <v>1613</v>
      </c>
      <c r="I30" s="1026" t="s">
        <v>1614</v>
      </c>
      <c r="J30" s="1026">
        <v>51.742661290000001</v>
      </c>
      <c r="K30" s="1026">
        <v>-0.49065777399999999</v>
      </c>
      <c r="L30" s="1026" t="s">
        <v>1615</v>
      </c>
      <c r="M30" s="1026" t="s">
        <v>1523</v>
      </c>
      <c r="N30" s="1026">
        <v>2</v>
      </c>
      <c r="O30" s="1026" t="s">
        <v>830</v>
      </c>
      <c r="P30" s="1026" t="s">
        <v>1616</v>
      </c>
      <c r="Q30" s="1026" t="s">
        <v>1491</v>
      </c>
      <c r="R30" s="1026" t="s">
        <v>1492</v>
      </c>
      <c r="S30" s="1026" t="s">
        <v>1493</v>
      </c>
      <c r="T30" s="1026" t="s">
        <v>1617</v>
      </c>
      <c r="U30" s="1016" t="str">
        <f>_xlfn.XLOOKUP(F30, [4]GIS!D:D, [4]GIS!E:E, "Not mapped")</f>
        <v>Single - Scenario 1</v>
      </c>
      <c r="V30" s="1031" t="s">
        <v>1515</v>
      </c>
      <c r="W30" s="1050" t="s">
        <v>1618</v>
      </c>
      <c r="X30" s="1050" t="s">
        <v>1619</v>
      </c>
      <c r="Y30" s="1020" t="s">
        <v>1498</v>
      </c>
      <c r="Z30" s="1020" t="s">
        <v>1498</v>
      </c>
      <c r="AA30" s="1020" t="s">
        <v>1498</v>
      </c>
      <c r="AB30" s="1020" t="s">
        <v>1498</v>
      </c>
      <c r="AC30" s="1020" t="s">
        <v>1498</v>
      </c>
      <c r="AD30" s="1020" t="s">
        <v>1498</v>
      </c>
      <c r="AE30" s="1020" t="s">
        <v>1498</v>
      </c>
      <c r="AF30" s="1020" t="s">
        <v>1498</v>
      </c>
      <c r="AG30" s="1020" t="s">
        <v>1498</v>
      </c>
      <c r="AH30" s="1020" t="s">
        <v>1498</v>
      </c>
      <c r="AI30" s="1020" t="s">
        <v>1498</v>
      </c>
      <c r="AJ30" s="1020" t="s">
        <v>1498</v>
      </c>
      <c r="AK30" s="1020" t="str">
        <f>IF(AJ30="n/a","n/a",ROUND((AJ30*[4]TripRateCalculations!$V$6),0))</f>
        <v>n/a</v>
      </c>
      <c r="AL30" s="1020" t="s">
        <v>1498</v>
      </c>
      <c r="AM30" s="1020" t="s">
        <v>1498</v>
      </c>
      <c r="AN30" s="1020" t="str">
        <f>IF(AT30="n/a","n/a",ROUND((AT30*[4]TripRateCalculations!N$4),0))</f>
        <v>n/a</v>
      </c>
      <c r="AO30" s="1020" t="str">
        <f>IF(AU30="n/a","n/a",ROUND((AU30*[4]TripRateCalculations!O$4),0))</f>
        <v>n/a</v>
      </c>
      <c r="AP30" s="1020" t="str">
        <f>IF(AV30="n/a","n/a",ROUND((AV30*[4]TripRateCalculations!P$4),0))</f>
        <v>n/a</v>
      </c>
      <c r="AQ30" s="1020" t="str">
        <f>IF(AW30="n/a","n/a",ROUND((AW30*[4]TripRateCalculations!Q$4),0))</f>
        <v>n/a</v>
      </c>
      <c r="AR30" s="1020" t="str">
        <f>IF(AX30="n/a","n/a",ROUND((AX30*[4]TripRateCalculations!R$4),0))</f>
        <v>n/a</v>
      </c>
      <c r="AS30" s="1020" t="str">
        <f>IF(AY30="n/a","n/a",ROUND((AY30*[4]TripRateCalculations!S$4),0))</f>
        <v>n/a</v>
      </c>
      <c r="AT30" s="1020" t="s">
        <v>1498</v>
      </c>
      <c r="AU30" s="1020" t="s">
        <v>1498</v>
      </c>
      <c r="AV30" s="1020" t="s">
        <v>1498</v>
      </c>
      <c r="AW30" s="1020" t="s">
        <v>1498</v>
      </c>
      <c r="AX30" s="1020" t="s">
        <v>1498</v>
      </c>
      <c r="AY30" s="1020" t="s">
        <v>1498</v>
      </c>
      <c r="AZ30" s="1020" t="s">
        <v>1498</v>
      </c>
      <c r="BA30" s="1020" t="s">
        <v>1498</v>
      </c>
      <c r="BB30" s="1020" t="s">
        <v>1498</v>
      </c>
      <c r="BC30" s="1020" t="s">
        <v>1498</v>
      </c>
      <c r="BD30" s="1020" t="s">
        <v>1498</v>
      </c>
      <c r="BE30" s="1020" t="s">
        <v>1498</v>
      </c>
      <c r="BF30" s="1020" t="s">
        <v>1498</v>
      </c>
      <c r="BG30" s="1020" t="str">
        <f>IF(BF30="n/a","n/a",ROUND((BF30*[4]TripRateCalculations!Q$4),0))</f>
        <v>n/a</v>
      </c>
      <c r="BH30" s="1027" t="s">
        <v>1620</v>
      </c>
      <c r="BI30" s="1026" t="s">
        <v>834</v>
      </c>
      <c r="BJ30" s="1026" t="s">
        <v>53</v>
      </c>
      <c r="BK30" s="1051">
        <f>ROUND((VLOOKUP(F30,'[4]Cost Summary'!A:H,8,)),0.1)</f>
        <v>720694</v>
      </c>
      <c r="BL30" s="1052">
        <v>1</v>
      </c>
      <c r="BM30" s="1052">
        <v>9</v>
      </c>
      <c r="BN30" s="1044" t="s">
        <v>1584</v>
      </c>
      <c r="BO30" s="1130">
        <v>877751.88</v>
      </c>
      <c r="BP30" s="992"/>
      <c r="BQ30" s="1131" t="e">
        <f t="shared" si="21"/>
        <v>#VALUE!</v>
      </c>
      <c r="BR30" s="1131" t="e">
        <f t="shared" si="22"/>
        <v>#VALUE!</v>
      </c>
      <c r="BS30" s="1131" t="e">
        <f t="shared" si="23"/>
        <v>#VALUE!</v>
      </c>
      <c r="BT30" s="1131" t="e">
        <f t="shared" si="24"/>
        <v>#VALUE!</v>
      </c>
      <c r="BU30" s="1131" t="e">
        <f t="shared" si="25"/>
        <v>#VALUE!</v>
      </c>
      <c r="BV30" s="1131" t="e">
        <f t="shared" si="26"/>
        <v>#VALUE!</v>
      </c>
      <c r="BW30" s="1131" t="e">
        <f t="shared" si="27"/>
        <v>#VALUE!</v>
      </c>
      <c r="BX30" s="1131" t="e">
        <f t="shared" si="28"/>
        <v>#VALUE!</v>
      </c>
      <c r="BY30" s="1131" t="e">
        <f t="shared" si="29"/>
        <v>#VALUE!</v>
      </c>
      <c r="BZ30" s="1131" t="e">
        <f t="shared" si="30"/>
        <v>#VALUE!</v>
      </c>
      <c r="CA30" s="1131" t="e">
        <f t="shared" si="31"/>
        <v>#VALUE!</v>
      </c>
      <c r="CB30" s="1131" t="e">
        <f t="shared" si="32"/>
        <v>#VALUE!</v>
      </c>
      <c r="CC30" s="1131" t="e">
        <f t="shared" si="33"/>
        <v>#VALUE!</v>
      </c>
      <c r="CD30" s="1131" t="e">
        <f t="shared" si="34"/>
        <v>#VALUE!</v>
      </c>
      <c r="CE30" s="1131" t="e">
        <f t="shared" si="35"/>
        <v>#VALUE!</v>
      </c>
      <c r="CF30" s="1131" t="e">
        <f t="shared" si="36"/>
        <v>#VALUE!</v>
      </c>
      <c r="CG30" s="1131" t="e">
        <f t="shared" si="37"/>
        <v>#VALUE!</v>
      </c>
      <c r="CH30" s="1131" t="e">
        <f t="shared" si="38"/>
        <v>#VALUE!</v>
      </c>
      <c r="CI30" s="1131" t="e">
        <f t="shared" si="39"/>
        <v>#VALUE!</v>
      </c>
      <c r="CJ30" s="1131" t="e">
        <f t="shared" si="40"/>
        <v>#VALUE!</v>
      </c>
      <c r="CK30" s="1132" t="str">
        <f t="shared" si="41"/>
        <v>n/a</v>
      </c>
    </row>
    <row r="31" spans="1:89" ht="165" x14ac:dyDescent="0.2">
      <c r="A31" s="992"/>
      <c r="B31" s="1126" t="s">
        <v>66</v>
      </c>
      <c r="C31" s="1126"/>
      <c r="D31" s="1126"/>
      <c r="E31" s="1126"/>
      <c r="F31" s="1026" t="s">
        <v>1621</v>
      </c>
      <c r="G31" s="1026" t="s">
        <v>898</v>
      </c>
      <c r="H31" s="1026" t="s">
        <v>899</v>
      </c>
      <c r="I31" s="1026" t="s">
        <v>1614</v>
      </c>
      <c r="J31" s="1026">
        <v>51.742213960000001</v>
      </c>
      <c r="K31" s="1026">
        <v>-0.49086454899999998</v>
      </c>
      <c r="L31" s="1026" t="s">
        <v>1615</v>
      </c>
      <c r="M31" s="1026" t="s">
        <v>1523</v>
      </c>
      <c r="N31" s="1026">
        <v>3</v>
      </c>
      <c r="O31" s="1026" t="s">
        <v>897</v>
      </c>
      <c r="P31" s="1026" t="s">
        <v>1490</v>
      </c>
      <c r="Q31" s="1026" t="s">
        <v>1491</v>
      </c>
      <c r="R31" s="1026" t="s">
        <v>1492</v>
      </c>
      <c r="S31" s="1026" t="s">
        <v>1493</v>
      </c>
      <c r="T31" s="1026" t="s">
        <v>1617</v>
      </c>
      <c r="U31" s="1016" t="str">
        <f>_xlfn.XLOOKUP(F31, [4]GIS!D:D, [4]GIS!E:E, "Not mapped")</f>
        <v>Single - Scenario 2</v>
      </c>
      <c r="V31" s="1031" t="s">
        <v>1515</v>
      </c>
      <c r="W31" s="1050" t="s">
        <v>1618</v>
      </c>
      <c r="X31" s="1050" t="s">
        <v>1619</v>
      </c>
      <c r="Y31" s="1020" t="s">
        <v>1498</v>
      </c>
      <c r="Z31" s="1020" t="s">
        <v>1498</v>
      </c>
      <c r="AA31" s="1020" t="s">
        <v>1498</v>
      </c>
      <c r="AB31" s="1020" t="s">
        <v>1498</v>
      </c>
      <c r="AC31" s="1020" t="s">
        <v>1498</v>
      </c>
      <c r="AD31" s="1020" t="s">
        <v>1498</v>
      </c>
      <c r="AE31" s="1020" t="s">
        <v>1498</v>
      </c>
      <c r="AF31" s="1020" t="s">
        <v>1498</v>
      </c>
      <c r="AG31" s="1020" t="s">
        <v>1498</v>
      </c>
      <c r="AH31" s="1020" t="s">
        <v>1498</v>
      </c>
      <c r="AI31" s="1020" t="s">
        <v>1498</v>
      </c>
      <c r="AJ31" s="1020" t="s">
        <v>1498</v>
      </c>
      <c r="AK31" s="1020" t="str">
        <f>IF(AJ31="n/a","n/a",ROUND((AJ31*[4]TripRateCalculations!$V$6),0))</f>
        <v>n/a</v>
      </c>
      <c r="AL31" s="1020" t="s">
        <v>1498</v>
      </c>
      <c r="AM31" s="1020" t="s">
        <v>1498</v>
      </c>
      <c r="AN31" s="1020" t="str">
        <f>IF(AT31="n/a","n/a",ROUND((AT31*[4]TripRateCalculations!N$4),0))</f>
        <v>n/a</v>
      </c>
      <c r="AO31" s="1020" t="str">
        <f>IF(AU31="n/a","n/a",ROUND((AU31*[4]TripRateCalculations!O$4),0))</f>
        <v>n/a</v>
      </c>
      <c r="AP31" s="1020" t="str">
        <f>IF(AV31="n/a","n/a",ROUND((AV31*[4]TripRateCalculations!P$4),0))</f>
        <v>n/a</v>
      </c>
      <c r="AQ31" s="1020" t="str">
        <f>IF(AW31="n/a","n/a",ROUND((AW31*[4]TripRateCalculations!Q$4),0))</f>
        <v>n/a</v>
      </c>
      <c r="AR31" s="1020" t="str">
        <f>IF(AX31="n/a","n/a",ROUND((AX31*[4]TripRateCalculations!R$4),0))</f>
        <v>n/a</v>
      </c>
      <c r="AS31" s="1020" t="str">
        <f>IF(AY31="n/a","n/a",ROUND((AY31*[4]TripRateCalculations!S$4),0))</f>
        <v>n/a</v>
      </c>
      <c r="AT31" s="1020" t="s">
        <v>1498</v>
      </c>
      <c r="AU31" s="1020" t="s">
        <v>1498</v>
      </c>
      <c r="AV31" s="1020" t="s">
        <v>1498</v>
      </c>
      <c r="AW31" s="1020" t="s">
        <v>1498</v>
      </c>
      <c r="AX31" s="1020" t="s">
        <v>1498</v>
      </c>
      <c r="AY31" s="1020" t="s">
        <v>1498</v>
      </c>
      <c r="AZ31" s="1020" t="s">
        <v>1498</v>
      </c>
      <c r="BA31" s="1020" t="s">
        <v>1498</v>
      </c>
      <c r="BB31" s="1020" t="s">
        <v>1498</v>
      </c>
      <c r="BC31" s="1020" t="s">
        <v>1498</v>
      </c>
      <c r="BD31" s="1020" t="s">
        <v>1498</v>
      </c>
      <c r="BE31" s="1020" t="s">
        <v>1498</v>
      </c>
      <c r="BF31" s="1020" t="s">
        <v>1498</v>
      </c>
      <c r="BG31" s="1020" t="str">
        <f>IF(BF31="n/a","n/a",ROUND((BF31*[4]TripRateCalculations!Q$4),0))</f>
        <v>n/a</v>
      </c>
      <c r="BH31" s="1027" t="s">
        <v>1620</v>
      </c>
      <c r="BI31" s="1026" t="s">
        <v>868</v>
      </c>
      <c r="BJ31" s="1026" t="s">
        <v>53</v>
      </c>
      <c r="BK31" s="1228" t="s">
        <v>1622</v>
      </c>
      <c r="BL31" s="1229">
        <v>1</v>
      </c>
      <c r="BM31" s="1230">
        <v>9</v>
      </c>
      <c r="BN31" s="1231" t="s">
        <v>1623</v>
      </c>
      <c r="BO31" s="1130">
        <v>7410000</v>
      </c>
      <c r="BP31" s="992"/>
      <c r="BQ31" s="1131" t="e">
        <f t="shared" si="21"/>
        <v>#VALUE!</v>
      </c>
      <c r="BR31" s="1131" t="e">
        <f t="shared" si="22"/>
        <v>#VALUE!</v>
      </c>
      <c r="BS31" s="1131" t="e">
        <f t="shared" si="23"/>
        <v>#VALUE!</v>
      </c>
      <c r="BT31" s="1131" t="e">
        <f t="shared" si="24"/>
        <v>#VALUE!</v>
      </c>
      <c r="BU31" s="1131" t="e">
        <f t="shared" si="25"/>
        <v>#VALUE!</v>
      </c>
      <c r="BV31" s="1131" t="e">
        <f t="shared" si="26"/>
        <v>#VALUE!</v>
      </c>
      <c r="BW31" s="1131" t="e">
        <f t="shared" si="27"/>
        <v>#VALUE!</v>
      </c>
      <c r="BX31" s="1131" t="e">
        <f t="shared" si="28"/>
        <v>#VALUE!</v>
      </c>
      <c r="BY31" s="1131" t="e">
        <f t="shared" si="29"/>
        <v>#VALUE!</v>
      </c>
      <c r="BZ31" s="1131" t="e">
        <f t="shared" si="30"/>
        <v>#VALUE!</v>
      </c>
      <c r="CA31" s="1131" t="e">
        <f t="shared" si="31"/>
        <v>#VALUE!</v>
      </c>
      <c r="CB31" s="1131" t="e">
        <f t="shared" si="32"/>
        <v>#VALUE!</v>
      </c>
      <c r="CC31" s="1131" t="e">
        <f t="shared" si="33"/>
        <v>#VALUE!</v>
      </c>
      <c r="CD31" s="1131" t="e">
        <f t="shared" si="34"/>
        <v>#VALUE!</v>
      </c>
      <c r="CE31" s="1131" t="e">
        <f t="shared" si="35"/>
        <v>#VALUE!</v>
      </c>
      <c r="CF31" s="1131" t="e">
        <f t="shared" si="36"/>
        <v>#VALUE!</v>
      </c>
      <c r="CG31" s="1131" t="e">
        <f t="shared" si="37"/>
        <v>#VALUE!</v>
      </c>
      <c r="CH31" s="1131" t="e">
        <f t="shared" si="38"/>
        <v>#VALUE!</v>
      </c>
      <c r="CI31" s="1131" t="e">
        <f t="shared" si="39"/>
        <v>#VALUE!</v>
      </c>
      <c r="CJ31" s="1131" t="e">
        <f t="shared" si="40"/>
        <v>#VALUE!</v>
      </c>
      <c r="CK31" s="1132" t="str">
        <f t="shared" si="41"/>
        <v>n/a</v>
      </c>
    </row>
    <row r="32" spans="1:89" ht="57" x14ac:dyDescent="0.2">
      <c r="A32" s="992"/>
      <c r="B32" s="1126"/>
      <c r="C32" s="1126"/>
      <c r="D32" s="1126"/>
      <c r="E32" s="1126" t="s">
        <v>66</v>
      </c>
      <c r="F32" s="1026" t="s">
        <v>1624</v>
      </c>
      <c r="G32" s="1026" t="s">
        <v>1625</v>
      </c>
      <c r="H32" s="1026" t="s">
        <v>1626</v>
      </c>
      <c r="I32" s="1026" t="s">
        <v>1627</v>
      </c>
      <c r="J32" s="1026">
        <v>51.7496245860467</v>
      </c>
      <c r="K32" s="1026">
        <v>-0.45118354852086501</v>
      </c>
      <c r="L32" s="1026" t="s">
        <v>1522</v>
      </c>
      <c r="M32" s="1026" t="s">
        <v>1523</v>
      </c>
      <c r="N32" s="1026">
        <v>3</v>
      </c>
      <c r="O32" s="1026" t="s">
        <v>870</v>
      </c>
      <c r="P32" s="1026" t="s">
        <v>1578</v>
      </c>
      <c r="Q32" s="1026" t="s">
        <v>1491</v>
      </c>
      <c r="R32" s="1026" t="s">
        <v>1492</v>
      </c>
      <c r="S32" s="1026" t="s">
        <v>1493</v>
      </c>
      <c r="T32" s="1026"/>
      <c r="U32" s="1016" t="str">
        <f>_xlfn.XLOOKUP(F32, [4]GIS!D:D, [4]GIS!E:E, "Not mapped")</f>
        <v>Multiple - Scenario 2</v>
      </c>
      <c r="V32" s="1026"/>
      <c r="W32" s="1032" t="s">
        <v>1525</v>
      </c>
      <c r="X32" s="1032" t="s">
        <v>1526</v>
      </c>
      <c r="Y32" s="1111">
        <v>21</v>
      </c>
      <c r="Z32" s="1111">
        <v>32</v>
      </c>
      <c r="AA32" s="1111">
        <v>24</v>
      </c>
      <c r="AB32" s="1111">
        <v>24</v>
      </c>
      <c r="AC32" s="1111">
        <v>22</v>
      </c>
      <c r="AD32" s="1111">
        <v>41</v>
      </c>
      <c r="AE32" s="1111">
        <v>45</v>
      </c>
      <c r="AF32" s="1111">
        <v>69</v>
      </c>
      <c r="AG32" s="1111">
        <v>19</v>
      </c>
      <c r="AH32" s="1033">
        <v>12</v>
      </c>
      <c r="AI32" s="1033">
        <v>197</v>
      </c>
      <c r="AJ32" s="1033">
        <v>31</v>
      </c>
      <c r="AK32" s="1033">
        <f>IF(AJ32="n/a","n/a",ROUND((AJ32*[4]TripRateCalculations!$V$6),0))</f>
        <v>69</v>
      </c>
      <c r="AL32" s="1033">
        <v>11</v>
      </c>
      <c r="AM32" s="1033">
        <v>8</v>
      </c>
      <c r="AN32" s="1033">
        <f>IF(AT32="n/a","n/a",ROUND((AT32*[4]TripRateCalculations!N$4),0))</f>
        <v>1</v>
      </c>
      <c r="AO32" s="1033">
        <f>IF(AU32="n/a","n/a",ROUND((AU32*[4]TripRateCalculations!O$4),0))</f>
        <v>2</v>
      </c>
      <c r="AP32" s="1033">
        <f>IF(AV32="n/a","n/a",ROUND((AV32*[4]TripRateCalculations!P$4),0))</f>
        <v>8</v>
      </c>
      <c r="AQ32" s="1033">
        <f>AW32*[4]TripRateCalculations!Q$4</f>
        <v>12.009153318077804</v>
      </c>
      <c r="AR32" s="1033">
        <f>IF(AX32="n/a","n/a",ROUND((AX32*[4]TripRateCalculations!R$4),0))</f>
        <v>1</v>
      </c>
      <c r="AS32" s="1033">
        <f>IF(AY32="n/a","n/a",ROUND((AY32*[4]TripRateCalculations!S$4),0))</f>
        <v>3</v>
      </c>
      <c r="AT32" s="1033">
        <v>3</v>
      </c>
      <c r="AU32" s="1033">
        <v>30</v>
      </c>
      <c r="AV32" s="1033">
        <v>27</v>
      </c>
      <c r="AW32" s="1033">
        <v>82</v>
      </c>
      <c r="AX32" s="1033">
        <v>12</v>
      </c>
      <c r="AY32" s="1033">
        <v>136</v>
      </c>
      <c r="AZ32" s="1041">
        <v>95</v>
      </c>
      <c r="BA32" s="1041">
        <v>14</v>
      </c>
      <c r="BB32" s="1041">
        <v>18</v>
      </c>
      <c r="BC32" s="1041">
        <v>59</v>
      </c>
      <c r="BD32" s="1041">
        <v>3</v>
      </c>
      <c r="BE32" s="1041">
        <v>10</v>
      </c>
      <c r="BF32" s="1041">
        <v>357</v>
      </c>
      <c r="BG32" s="1041">
        <f>BF32*[4]TripRateCalculations!$Q$4</f>
        <v>52.283752860411902</v>
      </c>
      <c r="BH32" s="1027"/>
      <c r="BI32" s="1026" t="s">
        <v>904</v>
      </c>
      <c r="BJ32" s="1026" t="s">
        <v>53</v>
      </c>
      <c r="BK32" s="1114">
        <f>ROUND((VLOOKUP(F32,'[4]Cost Summary'!A:H,8,)),0.1)</f>
        <v>9863172</v>
      </c>
      <c r="BL32" s="1108"/>
      <c r="BM32" s="1108"/>
      <c r="BN32" s="1109" t="s">
        <v>1527</v>
      </c>
      <c r="BO32" s="1130" t="s">
        <v>1528</v>
      </c>
      <c r="BP32" s="992"/>
      <c r="BQ32" s="1131">
        <f t="shared" si="21"/>
        <v>4.5453954468035324E-2</v>
      </c>
      <c r="BR32" s="1131">
        <f t="shared" si="22"/>
        <v>3.4090465851026493E-2</v>
      </c>
      <c r="BS32" s="1131">
        <f t="shared" si="23"/>
        <v>3.4090465851026493E-2</v>
      </c>
      <c r="BT32" s="1131">
        <f t="shared" si="24"/>
        <v>3.1249593696774283E-2</v>
      </c>
      <c r="BU32" s="1131">
        <f t="shared" si="25"/>
        <v>5.8237879162170256E-2</v>
      </c>
      <c r="BV32" s="1131">
        <f t="shared" si="26"/>
        <v>6.3919623470674675E-2</v>
      </c>
      <c r="BW32" s="1131">
        <f t="shared" si="27"/>
        <v>9.801008932170116E-2</v>
      </c>
      <c r="BX32" s="1131">
        <f t="shared" si="28"/>
        <v>2.6988285465395973E-2</v>
      </c>
      <c r="BY32" s="1131">
        <f t="shared" si="29"/>
        <v>0.27982590719384243</v>
      </c>
      <c r="BZ32" s="1131">
        <f t="shared" si="30"/>
        <v>9.801008932170116E-2</v>
      </c>
      <c r="CA32" s="1131">
        <f t="shared" si="31"/>
        <v>1.5624796848387142E-2</v>
      </c>
      <c r="CB32" s="1131">
        <f t="shared" si="32"/>
        <v>1.1363488617008831E-2</v>
      </c>
      <c r="CC32" s="1131">
        <f t="shared" si="33"/>
        <v>1.4204360771261039E-3</v>
      </c>
      <c r="CD32" s="1131">
        <f t="shared" si="34"/>
        <v>2.8408721542522077E-3</v>
      </c>
      <c r="CE32" s="1131">
        <f t="shared" si="35"/>
        <v>1.1363488617008831E-2</v>
      </c>
      <c r="CF32" s="1131">
        <f t="shared" si="36"/>
        <v>1.4204360771261039E-3</v>
      </c>
      <c r="CG32" s="1131">
        <f t="shared" si="37"/>
        <v>4.2613082313783116E-3</v>
      </c>
      <c r="CH32" s="1131">
        <f t="shared" si="38"/>
        <v>0.13494142732697986</v>
      </c>
      <c r="CI32" s="1131">
        <f t="shared" si="39"/>
        <v>2.9829157619648178E-2</v>
      </c>
      <c r="CJ32" s="1131">
        <f t="shared" si="40"/>
        <v>1.7058234628736367E-2</v>
      </c>
      <c r="CK32" s="1132">
        <f t="shared" si="41"/>
        <v>1.0000000000000004</v>
      </c>
    </row>
    <row r="33" spans="1:89" ht="75" x14ac:dyDescent="0.2">
      <c r="A33" s="992"/>
      <c r="B33" s="1126" t="s">
        <v>66</v>
      </c>
      <c r="C33" s="1126"/>
      <c r="D33" s="1126"/>
      <c r="E33" s="1126"/>
      <c r="F33" s="1026" t="s">
        <v>1628</v>
      </c>
      <c r="G33" s="1026" t="s">
        <v>871</v>
      </c>
      <c r="H33" s="1026" t="s">
        <v>872</v>
      </c>
      <c r="I33" s="1026" t="s">
        <v>1629</v>
      </c>
      <c r="J33" s="1026">
        <v>51.746630199999998</v>
      </c>
      <c r="K33" s="1026">
        <v>-0.47295741499999999</v>
      </c>
      <c r="L33" s="1026" t="s">
        <v>1522</v>
      </c>
      <c r="M33" s="1026" t="s">
        <v>1523</v>
      </c>
      <c r="N33" s="1026">
        <v>3</v>
      </c>
      <c r="O33" s="1026" t="s">
        <v>870</v>
      </c>
      <c r="P33" s="1026" t="s">
        <v>1616</v>
      </c>
      <c r="Q33" s="1026" t="s">
        <v>1630</v>
      </c>
      <c r="R33" s="1026" t="s">
        <v>1492</v>
      </c>
      <c r="S33" s="1026" t="s">
        <v>1493</v>
      </c>
      <c r="T33" s="1026" t="s">
        <v>1504</v>
      </c>
      <c r="U33" s="1016" t="str">
        <f>_xlfn.XLOOKUP(F33, [4]GIS!D:D, [4]GIS!E:E, "Not mapped")</f>
        <v>Single - Scenario 2</v>
      </c>
      <c r="V33" s="1031" t="s">
        <v>1495</v>
      </c>
      <c r="W33" s="1032" t="s">
        <v>1525</v>
      </c>
      <c r="X33" s="1032" t="s">
        <v>1526</v>
      </c>
      <c r="Y33" s="1033">
        <v>11</v>
      </c>
      <c r="Z33" s="1033">
        <v>38</v>
      </c>
      <c r="AA33" s="1033">
        <v>25</v>
      </c>
      <c r="AB33" s="1033">
        <v>14</v>
      </c>
      <c r="AC33" s="1033">
        <v>1</v>
      </c>
      <c r="AD33" s="1033">
        <v>2</v>
      </c>
      <c r="AE33" s="1033">
        <v>33</v>
      </c>
      <c r="AF33" s="1033">
        <v>9</v>
      </c>
      <c r="AG33" s="1033">
        <v>3</v>
      </c>
      <c r="AH33" s="1033">
        <v>10</v>
      </c>
      <c r="AI33" s="1033">
        <v>3</v>
      </c>
      <c r="AJ33" s="1033">
        <v>4</v>
      </c>
      <c r="AK33" s="1033">
        <f>IF(AJ33="n/a","n/a",ROUND((AJ33*[4]TripRateCalculations!$V$6),0))</f>
        <v>9</v>
      </c>
      <c r="AL33" s="1033">
        <v>1</v>
      </c>
      <c r="AM33" s="1033">
        <v>1</v>
      </c>
      <c r="AN33" s="1033">
        <f>IF(AT33="n/a","n/a",ROUND((AT33*[4]TripRateCalculations!N$4),0))</f>
        <v>1</v>
      </c>
      <c r="AO33" s="1033">
        <f>IF(AU33="n/a","n/a",ROUND((AU33*[4]TripRateCalculations!O$4),0))</f>
        <v>3</v>
      </c>
      <c r="AP33" s="1033">
        <f>IF(AV33="n/a","n/a",ROUND((AV33*[4]TripRateCalculations!P$4),0))</f>
        <v>0</v>
      </c>
      <c r="AQ33" s="1033">
        <f>IF(AW33="n/a","n/a",ROUND((AW33*[4]TripRateCalculations!Q$4),0))</f>
        <v>8</v>
      </c>
      <c r="AR33" s="1033">
        <f>IF(AX33="n/a","n/a",ROUND((AX33*[4]TripRateCalculations!R$4),0))</f>
        <v>0</v>
      </c>
      <c r="AS33" s="1033">
        <f>IF(AY33="n/a","n/a",ROUND((AY33*[4]TripRateCalculations!S$4),0))</f>
        <v>2</v>
      </c>
      <c r="AT33" s="1033">
        <v>4</v>
      </c>
      <c r="AU33" s="1033">
        <v>37</v>
      </c>
      <c r="AV33" s="1033">
        <v>1</v>
      </c>
      <c r="AW33" s="1033">
        <v>53</v>
      </c>
      <c r="AX33" s="1033">
        <v>2</v>
      </c>
      <c r="AY33" s="1033">
        <v>91</v>
      </c>
      <c r="AZ33" s="1041">
        <v>58</v>
      </c>
      <c r="BA33" s="1041">
        <v>14</v>
      </c>
      <c r="BB33" s="1041">
        <v>8</v>
      </c>
      <c r="BC33" s="1041">
        <v>25</v>
      </c>
      <c r="BD33" s="1041">
        <v>3</v>
      </c>
      <c r="BE33" s="1041">
        <v>11</v>
      </c>
      <c r="BF33" s="1041">
        <v>0</v>
      </c>
      <c r="BG33" s="1041">
        <f>IF(BF33="n/a","n/a",ROUND((BF33*[4]TripRateCalculations!Q$4),0))</f>
        <v>0</v>
      </c>
      <c r="BH33" s="1027" t="s">
        <v>1631</v>
      </c>
      <c r="BI33" s="1018" t="s">
        <v>868</v>
      </c>
      <c r="BJ33" s="1026" t="s">
        <v>53</v>
      </c>
      <c r="BK33" s="1051">
        <f>ROUND((VLOOKUP(F33,'[4]Cost Summary'!A:H,8,)),0.1)</f>
        <v>61693</v>
      </c>
      <c r="BL33" s="1026">
        <v>3</v>
      </c>
      <c r="BM33" s="1026" t="s">
        <v>1632</v>
      </c>
      <c r="BN33" s="1044" t="s">
        <v>1584</v>
      </c>
      <c r="BO33" s="1130">
        <v>40080.25</v>
      </c>
      <c r="BP33" s="992"/>
      <c r="BQ33" s="1131">
        <f t="shared" si="21"/>
        <v>0.17117117117117117</v>
      </c>
      <c r="BR33" s="1131">
        <f t="shared" si="22"/>
        <v>0.11261261261261261</v>
      </c>
      <c r="BS33" s="1131">
        <f t="shared" si="23"/>
        <v>6.3063063063063057E-2</v>
      </c>
      <c r="BT33" s="1131">
        <f t="shared" si="24"/>
        <v>4.5045045045045045E-3</v>
      </c>
      <c r="BU33" s="1131">
        <f t="shared" si="25"/>
        <v>9.0090090090090089E-3</v>
      </c>
      <c r="BV33" s="1131">
        <f t="shared" si="26"/>
        <v>0.14864864864864866</v>
      </c>
      <c r="BW33" s="1131">
        <f t="shared" si="27"/>
        <v>4.0540540540540543E-2</v>
      </c>
      <c r="BX33" s="1131">
        <f t="shared" si="28"/>
        <v>1.3513513513513514E-2</v>
      </c>
      <c r="BY33" s="1131">
        <f t="shared" si="29"/>
        <v>1.3513513513513514E-2</v>
      </c>
      <c r="BZ33" s="1131">
        <f t="shared" si="30"/>
        <v>4.0540540540540543E-2</v>
      </c>
      <c r="CA33" s="1131">
        <f t="shared" si="31"/>
        <v>4.5045045045045045E-3</v>
      </c>
      <c r="CB33" s="1131">
        <f t="shared" si="32"/>
        <v>4.5045045045045045E-3</v>
      </c>
      <c r="CC33" s="1131">
        <f t="shared" si="33"/>
        <v>4.5045045045045045E-3</v>
      </c>
      <c r="CD33" s="1131">
        <f t="shared" si="34"/>
        <v>1.3513513513513514E-2</v>
      </c>
      <c r="CE33" s="1131">
        <f t="shared" si="35"/>
        <v>0</v>
      </c>
      <c r="CF33" s="1131">
        <f t="shared" si="36"/>
        <v>0</v>
      </c>
      <c r="CG33" s="1131">
        <f t="shared" si="37"/>
        <v>9.0090090090090089E-3</v>
      </c>
      <c r="CH33" s="1131">
        <f t="shared" si="38"/>
        <v>0.26126126126126126</v>
      </c>
      <c r="CI33" s="1131">
        <f t="shared" si="39"/>
        <v>4.954954954954955E-2</v>
      </c>
      <c r="CJ33" s="1131">
        <f t="shared" si="40"/>
        <v>3.6036036036036036E-2</v>
      </c>
      <c r="CK33" s="1132">
        <f t="shared" si="41"/>
        <v>0.99999999999999989</v>
      </c>
    </row>
    <row r="34" spans="1:89" ht="114" x14ac:dyDescent="0.2">
      <c r="A34" s="992" t="s">
        <v>66</v>
      </c>
      <c r="B34" s="1126" t="s">
        <v>66</v>
      </c>
      <c r="C34" s="1126"/>
      <c r="D34" s="1126"/>
      <c r="E34" s="1126"/>
      <c r="F34" s="1026" t="s">
        <v>1633</v>
      </c>
      <c r="G34" s="1026" t="s">
        <v>873</v>
      </c>
      <c r="H34" s="1026" t="s">
        <v>874</v>
      </c>
      <c r="I34" s="1026" t="s">
        <v>1634</v>
      </c>
      <c r="J34" s="1026">
        <v>51.746660210000002</v>
      </c>
      <c r="K34" s="1026">
        <v>-0.47162341299999999</v>
      </c>
      <c r="L34" s="1026" t="s">
        <v>1522</v>
      </c>
      <c r="M34" s="1026" t="s">
        <v>1523</v>
      </c>
      <c r="N34" s="1026">
        <v>2</v>
      </c>
      <c r="O34" s="1026" t="s">
        <v>870</v>
      </c>
      <c r="P34" s="1026" t="s">
        <v>1616</v>
      </c>
      <c r="Q34" s="1026" t="s">
        <v>1630</v>
      </c>
      <c r="R34" s="1026" t="s">
        <v>1492</v>
      </c>
      <c r="S34" s="1026" t="s">
        <v>1493</v>
      </c>
      <c r="T34" s="1026" t="s">
        <v>1504</v>
      </c>
      <c r="U34" s="1016" t="str">
        <f>_xlfn.XLOOKUP(F34, [4]GIS!D:D, [4]GIS!E:E, "Not mapped")</f>
        <v>Single - Scenario 2</v>
      </c>
      <c r="V34" s="1146" t="s">
        <v>1495</v>
      </c>
      <c r="W34" s="1032" t="s">
        <v>1525</v>
      </c>
      <c r="X34" s="1032" t="s">
        <v>1526</v>
      </c>
      <c r="Y34" s="1033">
        <v>13</v>
      </c>
      <c r="Z34" s="1033">
        <v>0</v>
      </c>
      <c r="AA34" s="1033">
        <v>25</v>
      </c>
      <c r="AB34" s="1033">
        <v>14</v>
      </c>
      <c r="AC34" s="1033">
        <v>23</v>
      </c>
      <c r="AD34" s="1033">
        <v>2</v>
      </c>
      <c r="AE34" s="1033">
        <v>0</v>
      </c>
      <c r="AF34" s="1033">
        <v>9</v>
      </c>
      <c r="AG34" s="1033">
        <v>1</v>
      </c>
      <c r="AH34" s="1033">
        <v>10</v>
      </c>
      <c r="AI34" s="1033">
        <v>123</v>
      </c>
      <c r="AJ34" s="1033">
        <v>4</v>
      </c>
      <c r="AK34" s="1033">
        <f>IF(AJ34="n/a","n/a",ROUND((AJ34*[4]TripRateCalculations!$V$6),0))</f>
        <v>9</v>
      </c>
      <c r="AL34" s="1033">
        <v>1</v>
      </c>
      <c r="AM34" s="1033">
        <v>0</v>
      </c>
      <c r="AN34" s="1033">
        <f>IF(AT34="n/a","n/a",ROUND((AT34*[4]TripRateCalculations!N$4),0))</f>
        <v>0</v>
      </c>
      <c r="AO34" s="1033">
        <f>IF(AU34="n/a","n/a",ROUND((AU34*[4]TripRateCalculations!O$4),0))</f>
        <v>3</v>
      </c>
      <c r="AP34" s="1033">
        <f>IF(AV34="n/a","n/a",ROUND((AV34*[4]TripRateCalculations!P$4),0))</f>
        <v>0</v>
      </c>
      <c r="AQ34" s="1033">
        <f>IF(AW34="n/a","n/a",ROUND((AW34*[4]TripRateCalculations!Q$4),0))</f>
        <v>8</v>
      </c>
      <c r="AR34" s="1033">
        <f>IF(AX34="n/a","n/a",ROUND((AX34*[4]TripRateCalculations!R$4),0))</f>
        <v>0</v>
      </c>
      <c r="AS34" s="1033">
        <f>IF(AY34="n/a","n/a",ROUND((AY34*[4]TripRateCalculations!S$4),0))</f>
        <v>2</v>
      </c>
      <c r="AT34" s="1033">
        <v>2</v>
      </c>
      <c r="AU34" s="1033">
        <v>37</v>
      </c>
      <c r="AV34" s="1033">
        <v>1</v>
      </c>
      <c r="AW34" s="1033">
        <v>55</v>
      </c>
      <c r="AX34" s="1033">
        <v>1</v>
      </c>
      <c r="AY34" s="1033">
        <v>97</v>
      </c>
      <c r="AZ34" s="1041">
        <v>58</v>
      </c>
      <c r="BA34" s="1041">
        <v>14</v>
      </c>
      <c r="BB34" s="1041">
        <v>8</v>
      </c>
      <c r="BC34" s="1041">
        <v>25</v>
      </c>
      <c r="BD34" s="1041">
        <v>3</v>
      </c>
      <c r="BE34" s="1041">
        <v>11</v>
      </c>
      <c r="BF34" s="1041">
        <v>79</v>
      </c>
      <c r="BG34" s="1041">
        <f>IF(BF34="n/a","n/a",ROUND((BF34*[4]TripRateCalculations!Q$4),0))</f>
        <v>12</v>
      </c>
      <c r="BH34" s="1027" t="s">
        <v>1635</v>
      </c>
      <c r="BI34" s="1026" t="s">
        <v>868</v>
      </c>
      <c r="BJ34" s="1026" t="s">
        <v>53</v>
      </c>
      <c r="BK34" s="1051">
        <f>ROUND((VLOOKUP(F34,'[4]Cost Summary'!A:H,8,)),0.1)</f>
        <v>68246</v>
      </c>
      <c r="BL34" s="1026">
        <v>3</v>
      </c>
      <c r="BM34" s="1026" t="s">
        <v>1632</v>
      </c>
      <c r="BN34" s="1044" t="s">
        <v>1584</v>
      </c>
      <c r="BO34" s="1130">
        <v>44337.53</v>
      </c>
      <c r="BP34" s="992"/>
      <c r="BQ34" s="1131">
        <f t="shared" si="21"/>
        <v>0</v>
      </c>
      <c r="BR34" s="1131">
        <f t="shared" si="22"/>
        <v>8.5910652920962199E-2</v>
      </c>
      <c r="BS34" s="1131">
        <f t="shared" si="23"/>
        <v>4.8109965635738834E-2</v>
      </c>
      <c r="BT34" s="1131">
        <f t="shared" si="24"/>
        <v>7.903780068728522E-2</v>
      </c>
      <c r="BU34" s="1131">
        <f t="shared" si="25"/>
        <v>6.8728522336769758E-3</v>
      </c>
      <c r="BV34" s="1131">
        <f t="shared" si="26"/>
        <v>0</v>
      </c>
      <c r="BW34" s="1131">
        <f t="shared" si="27"/>
        <v>3.0927835051546393E-2</v>
      </c>
      <c r="BX34" s="1131">
        <f t="shared" si="28"/>
        <v>3.4364261168384879E-3</v>
      </c>
      <c r="BY34" s="1131">
        <f t="shared" si="29"/>
        <v>0.42268041237113402</v>
      </c>
      <c r="BZ34" s="1131">
        <f t="shared" si="30"/>
        <v>3.0927835051546393E-2</v>
      </c>
      <c r="CA34" s="1131">
        <f t="shared" si="31"/>
        <v>3.4364261168384879E-3</v>
      </c>
      <c r="CB34" s="1131">
        <f t="shared" si="32"/>
        <v>0</v>
      </c>
      <c r="CC34" s="1131">
        <f t="shared" si="33"/>
        <v>0</v>
      </c>
      <c r="CD34" s="1131">
        <f t="shared" si="34"/>
        <v>1.0309278350515464E-2</v>
      </c>
      <c r="CE34" s="1131">
        <f t="shared" si="35"/>
        <v>0</v>
      </c>
      <c r="CF34" s="1131">
        <f t="shared" si="36"/>
        <v>0</v>
      </c>
      <c r="CG34" s="1131">
        <f t="shared" si="37"/>
        <v>6.8728522336769758E-3</v>
      </c>
      <c r="CH34" s="1131">
        <f t="shared" si="38"/>
        <v>0.19931271477663232</v>
      </c>
      <c r="CI34" s="1131">
        <f t="shared" si="39"/>
        <v>4.4673539518900345E-2</v>
      </c>
      <c r="CJ34" s="1131">
        <f t="shared" si="40"/>
        <v>2.7491408934707903E-2</v>
      </c>
      <c r="CK34" s="1132">
        <f t="shared" si="41"/>
        <v>1</v>
      </c>
    </row>
    <row r="35" spans="1:89" ht="142.5" x14ac:dyDescent="0.2">
      <c r="A35" s="992"/>
      <c r="B35" s="1126" t="s">
        <v>66</v>
      </c>
      <c r="C35" s="1126"/>
      <c r="D35" s="1126"/>
      <c r="E35" s="1126"/>
      <c r="F35" s="1026" t="s">
        <v>1636</v>
      </c>
      <c r="G35" s="1026" t="s">
        <v>875</v>
      </c>
      <c r="H35" s="1026" t="s">
        <v>876</v>
      </c>
      <c r="I35" s="1026" t="s">
        <v>1637</v>
      </c>
      <c r="J35" s="1026">
        <v>51.744121939999999</v>
      </c>
      <c r="K35" s="1026">
        <v>-0.48009569299999999</v>
      </c>
      <c r="L35" s="1026" t="s">
        <v>1522</v>
      </c>
      <c r="M35" s="1026" t="s">
        <v>1523</v>
      </c>
      <c r="N35" s="1026">
        <v>2</v>
      </c>
      <c r="O35" s="1026" t="s">
        <v>870</v>
      </c>
      <c r="P35" s="1026" t="s">
        <v>1616</v>
      </c>
      <c r="Q35" s="1026" t="s">
        <v>1491</v>
      </c>
      <c r="R35" s="1026" t="s">
        <v>1492</v>
      </c>
      <c r="S35" s="1026" t="s">
        <v>1493</v>
      </c>
      <c r="T35" s="1026" t="s">
        <v>1504</v>
      </c>
      <c r="U35" s="1016" t="str">
        <f>_xlfn.XLOOKUP(F35, [4]GIS!D:D, [4]GIS!E:E, "Not mapped")</f>
        <v>Multiple - Scenario 1</v>
      </c>
      <c r="V35" s="1017" t="s">
        <v>1495</v>
      </c>
      <c r="W35" s="1032" t="s">
        <v>1525</v>
      </c>
      <c r="X35" s="1032" t="s">
        <v>1526</v>
      </c>
      <c r="Y35" s="1033">
        <v>0</v>
      </c>
      <c r="Z35" s="1033">
        <v>0</v>
      </c>
      <c r="AA35" s="1033">
        <v>0</v>
      </c>
      <c r="AB35" s="1033">
        <v>0</v>
      </c>
      <c r="AC35" s="1033">
        <v>0</v>
      </c>
      <c r="AD35" s="1034">
        <v>0</v>
      </c>
      <c r="AE35" s="1034">
        <v>0</v>
      </c>
      <c r="AF35" s="1034">
        <v>1</v>
      </c>
      <c r="AG35" s="1034">
        <v>1</v>
      </c>
      <c r="AH35" s="1034">
        <v>0</v>
      </c>
      <c r="AI35" s="1034">
        <v>4</v>
      </c>
      <c r="AJ35" s="1034">
        <v>1</v>
      </c>
      <c r="AK35" s="1034">
        <f>IF(AJ35="n/a","n/a",ROUND((AJ35*[4]TripRateCalculations!$V$6),0))</f>
        <v>2</v>
      </c>
      <c r="AL35" s="1034">
        <v>1</v>
      </c>
      <c r="AM35" s="1034">
        <v>0</v>
      </c>
      <c r="AN35" s="1034">
        <f>IF(AT35="n/a","n/a",ROUND((AT35*[4]TripRateCalculations!N$4),0))</f>
        <v>0</v>
      </c>
      <c r="AO35" s="1034">
        <f>IF(AU35="n/a","n/a",ROUND((AU35*[4]TripRateCalculations!O$4),0))</f>
        <v>0</v>
      </c>
      <c r="AP35" s="1034">
        <f>IF(AV35="n/a","n/a",ROUND((AV35*[4]TripRateCalculations!P$4),0))</f>
        <v>0</v>
      </c>
      <c r="AQ35" s="1034">
        <f>IF(AW35="n/a","n/a",ROUND((AW35*[4]TripRateCalculations!Q$4),0))</f>
        <v>0</v>
      </c>
      <c r="AR35" s="1034">
        <f>IF(AX35="n/a","n/a",ROUND((AX35*[4]TripRateCalculations!R$4),0))</f>
        <v>0</v>
      </c>
      <c r="AS35" s="1034">
        <f>IF(AY35="n/a","n/a",ROUND((AY35*[4]TripRateCalculations!S$4),0))</f>
        <v>0</v>
      </c>
      <c r="AT35" s="1034">
        <v>1</v>
      </c>
      <c r="AU35" s="1034">
        <v>1</v>
      </c>
      <c r="AV35" s="1034">
        <v>1</v>
      </c>
      <c r="AW35" s="1034">
        <v>1</v>
      </c>
      <c r="AX35" s="1034">
        <v>0</v>
      </c>
      <c r="AY35" s="1034">
        <v>2</v>
      </c>
      <c r="AZ35" s="1035">
        <v>0</v>
      </c>
      <c r="BA35" s="1035">
        <v>0</v>
      </c>
      <c r="BB35" s="1035">
        <v>0</v>
      </c>
      <c r="BC35" s="1035">
        <v>0</v>
      </c>
      <c r="BD35" s="1035">
        <v>0</v>
      </c>
      <c r="BE35" s="1035">
        <v>0</v>
      </c>
      <c r="BF35" s="1035">
        <v>0</v>
      </c>
      <c r="BG35" s="1035">
        <f>IF(BF35="n/a","n/a",ROUND((BF35*[4]TripRateCalculations!Q$4),0))</f>
        <v>0</v>
      </c>
      <c r="BH35" s="1027" t="s">
        <v>1638</v>
      </c>
      <c r="BI35" s="1026" t="s">
        <v>834</v>
      </c>
      <c r="BJ35" s="1026" t="s">
        <v>53</v>
      </c>
      <c r="BK35" s="1051">
        <f>ROUND((VLOOKUP(F35,'[4]Cost Summary'!A:H,8,)),0.1)</f>
        <v>109695</v>
      </c>
      <c r="BL35" s="1026">
        <v>1</v>
      </c>
      <c r="BM35" s="1026">
        <v>9</v>
      </c>
      <c r="BN35" s="1044" t="s">
        <v>1584</v>
      </c>
      <c r="BO35" s="1130">
        <v>71266.22</v>
      </c>
      <c r="BP35" s="992"/>
      <c r="BQ35" s="1131">
        <f t="shared" si="21"/>
        <v>0</v>
      </c>
      <c r="BR35" s="1131">
        <f t="shared" si="22"/>
        <v>0</v>
      </c>
      <c r="BS35" s="1131">
        <f t="shared" si="23"/>
        <v>0</v>
      </c>
      <c r="BT35" s="1131">
        <f t="shared" si="24"/>
        <v>0</v>
      </c>
      <c r="BU35" s="1131">
        <f t="shared" si="25"/>
        <v>0</v>
      </c>
      <c r="BV35" s="1131">
        <f t="shared" si="26"/>
        <v>0</v>
      </c>
      <c r="BW35" s="1131">
        <f t="shared" si="27"/>
        <v>0.1111111111111111</v>
      </c>
      <c r="BX35" s="1131">
        <f t="shared" si="28"/>
        <v>0.1111111111111111</v>
      </c>
      <c r="BY35" s="1131">
        <f t="shared" si="29"/>
        <v>0.44444444444444442</v>
      </c>
      <c r="BZ35" s="1131">
        <f t="shared" si="30"/>
        <v>0.22222222222222221</v>
      </c>
      <c r="CA35" s="1131">
        <f t="shared" si="31"/>
        <v>0.1111111111111111</v>
      </c>
      <c r="CB35" s="1131">
        <f t="shared" si="32"/>
        <v>0</v>
      </c>
      <c r="CC35" s="1131">
        <f t="shared" si="33"/>
        <v>0</v>
      </c>
      <c r="CD35" s="1131">
        <f t="shared" si="34"/>
        <v>0</v>
      </c>
      <c r="CE35" s="1131">
        <f t="shared" si="35"/>
        <v>0</v>
      </c>
      <c r="CF35" s="1131">
        <f t="shared" si="36"/>
        <v>0</v>
      </c>
      <c r="CG35" s="1131">
        <f t="shared" si="37"/>
        <v>0</v>
      </c>
      <c r="CH35" s="1131">
        <f t="shared" si="38"/>
        <v>0</v>
      </c>
      <c r="CI35" s="1131">
        <f t="shared" si="39"/>
        <v>0</v>
      </c>
      <c r="CJ35" s="1131">
        <f t="shared" si="40"/>
        <v>0</v>
      </c>
      <c r="CK35" s="1132">
        <f t="shared" si="41"/>
        <v>1</v>
      </c>
    </row>
    <row r="36" spans="1:89" ht="199.5" x14ac:dyDescent="0.2">
      <c r="A36" s="992"/>
      <c r="B36" s="1126"/>
      <c r="C36" s="1126"/>
      <c r="D36" s="1126"/>
      <c r="E36" s="1126"/>
      <c r="F36" s="1026" t="s">
        <v>1639</v>
      </c>
      <c r="G36" s="1026" t="s">
        <v>901</v>
      </c>
      <c r="H36" s="1026" t="s">
        <v>902</v>
      </c>
      <c r="I36" s="1026" t="s">
        <v>1487</v>
      </c>
      <c r="J36" s="1026">
        <v>51.75785277</v>
      </c>
      <c r="K36" s="1026">
        <v>-0.41224909900000001</v>
      </c>
      <c r="L36" s="1026" t="s">
        <v>1640</v>
      </c>
      <c r="M36" s="1026" t="s">
        <v>1523</v>
      </c>
      <c r="N36" s="1026">
        <v>3</v>
      </c>
      <c r="O36" s="1026" t="s">
        <v>900</v>
      </c>
      <c r="P36" s="1026" t="s">
        <v>1490</v>
      </c>
      <c r="Q36" s="1026" t="s">
        <v>1491</v>
      </c>
      <c r="R36" s="1026" t="s">
        <v>1492</v>
      </c>
      <c r="S36" s="1026" t="s">
        <v>1493</v>
      </c>
      <c r="T36" s="1026" t="s">
        <v>1504</v>
      </c>
      <c r="U36" s="1016" t="str">
        <f>_xlfn.XLOOKUP(F36, [4]GIS!D:D, [4]GIS!E:E, "Not mapped")</f>
        <v>Single - Scenario 1</v>
      </c>
      <c r="V36" s="1015" t="s">
        <v>1641</v>
      </c>
      <c r="W36" s="1032" t="s">
        <v>1525</v>
      </c>
      <c r="X36" s="1032" t="s">
        <v>1526</v>
      </c>
      <c r="Y36" s="1033">
        <v>16</v>
      </c>
      <c r="Z36" s="1033">
        <v>19</v>
      </c>
      <c r="AA36" s="1033">
        <v>13</v>
      </c>
      <c r="AB36" s="1033">
        <v>20</v>
      </c>
      <c r="AC36" s="1033">
        <v>14</v>
      </c>
      <c r="AD36" s="1033">
        <v>34</v>
      </c>
      <c r="AE36" s="1033">
        <v>37</v>
      </c>
      <c r="AF36" s="1033">
        <v>51</v>
      </c>
      <c r="AG36" s="1033">
        <v>307</v>
      </c>
      <c r="AH36" s="1033">
        <v>225</v>
      </c>
      <c r="AI36" s="1033">
        <v>235</v>
      </c>
      <c r="AJ36" s="1033">
        <v>71</v>
      </c>
      <c r="AK36" s="1033">
        <f>IF(AJ36="n/a","n/a",ROUND((AJ36*[4]TripRateCalculations!$V$6),0))</f>
        <v>158</v>
      </c>
      <c r="AL36" s="1033">
        <v>99</v>
      </c>
      <c r="AM36" s="1033">
        <v>12</v>
      </c>
      <c r="AN36" s="1033">
        <f>IF(AT36="n/a","n/a",ROUND((AT36*[4]TripRateCalculations!N$4),0))</f>
        <v>6</v>
      </c>
      <c r="AO36" s="1033">
        <f>IF(AU36="n/a","n/a",ROUND((AU36*[4]TripRateCalculations!O$4),0))</f>
        <v>1</v>
      </c>
      <c r="AP36" s="1033">
        <f>IF(AV36="n/a","n/a",ROUND((AV36*[4]TripRateCalculations!P$4),0))</f>
        <v>6</v>
      </c>
      <c r="AQ36" s="1033">
        <f>IF(AW36="n/a","n/a",ROUND((AW36*[4]TripRateCalculations!Q$4),0))</f>
        <v>20</v>
      </c>
      <c r="AR36" s="1033">
        <f>IF(AX36="n/a","n/a",ROUND((AX36*[4]TripRateCalculations!R$4),0))</f>
        <v>5</v>
      </c>
      <c r="AS36" s="1033">
        <f>IF(AY36="n/a","n/a",ROUND((AY36*[4]TripRateCalculations!S$4),0))</f>
        <v>8</v>
      </c>
      <c r="AT36" s="1033">
        <v>27</v>
      </c>
      <c r="AU36" s="1033">
        <v>17</v>
      </c>
      <c r="AV36" s="1033">
        <v>20</v>
      </c>
      <c r="AW36" s="1033">
        <v>136</v>
      </c>
      <c r="AX36" s="1033">
        <v>49</v>
      </c>
      <c r="AY36" s="1033">
        <v>299</v>
      </c>
      <c r="AZ36" s="1041">
        <v>587</v>
      </c>
      <c r="BA36" s="1041">
        <v>10</v>
      </c>
      <c r="BB36" s="1041">
        <v>76</v>
      </c>
      <c r="BC36" s="1041">
        <v>173</v>
      </c>
      <c r="BD36" s="1041">
        <v>81</v>
      </c>
      <c r="BE36" s="1041">
        <v>7</v>
      </c>
      <c r="BF36" s="1041">
        <v>183</v>
      </c>
      <c r="BG36" s="1041">
        <f>IF(BF36="n/a","n/a",ROUND((BF36*[4]TripRateCalculations!Q$4),0))</f>
        <v>27</v>
      </c>
      <c r="BH36" s="1027" t="s">
        <v>1642</v>
      </c>
      <c r="BI36" s="1026" t="s">
        <v>904</v>
      </c>
      <c r="BJ36" s="1026" t="s">
        <v>869</v>
      </c>
      <c r="BK36" s="1053">
        <v>106900000</v>
      </c>
      <c r="BL36" s="1029">
        <v>1</v>
      </c>
      <c r="BM36" s="1029">
        <v>8</v>
      </c>
      <c r="BN36" s="1054" t="s">
        <v>1643</v>
      </c>
      <c r="BO36" s="1130">
        <v>106900000</v>
      </c>
      <c r="BP36" s="992"/>
      <c r="BQ36" s="1131">
        <f t="shared" si="21"/>
        <v>1.1529126213592233E-2</v>
      </c>
      <c r="BR36" s="1131">
        <f t="shared" si="22"/>
        <v>7.8883495145631068E-3</v>
      </c>
      <c r="BS36" s="1131">
        <f t="shared" si="23"/>
        <v>1.2135922330097087E-2</v>
      </c>
      <c r="BT36" s="1131">
        <f t="shared" si="24"/>
        <v>8.4951456310679609E-3</v>
      </c>
      <c r="BU36" s="1131">
        <f t="shared" si="25"/>
        <v>2.063106796116505E-2</v>
      </c>
      <c r="BV36" s="1131">
        <f t="shared" si="26"/>
        <v>2.2451456310679612E-2</v>
      </c>
      <c r="BW36" s="1131">
        <f t="shared" si="27"/>
        <v>3.0946601941747573E-2</v>
      </c>
      <c r="BX36" s="1131">
        <f t="shared" si="28"/>
        <v>0.18628640776699029</v>
      </c>
      <c r="BY36" s="1131">
        <f t="shared" si="29"/>
        <v>0.14259708737864077</v>
      </c>
      <c r="BZ36" s="1131">
        <f t="shared" si="30"/>
        <v>9.5873786407766989E-2</v>
      </c>
      <c r="CA36" s="1131">
        <f t="shared" si="31"/>
        <v>6.0072815533980584E-2</v>
      </c>
      <c r="CB36" s="1131">
        <f t="shared" si="32"/>
        <v>7.2815533980582527E-3</v>
      </c>
      <c r="CC36" s="1131">
        <f t="shared" si="33"/>
        <v>3.6407766990291263E-3</v>
      </c>
      <c r="CD36" s="1131">
        <f t="shared" si="34"/>
        <v>6.0679611650485432E-4</v>
      </c>
      <c r="CE36" s="1131">
        <f t="shared" si="35"/>
        <v>3.6407766990291263E-3</v>
      </c>
      <c r="CF36" s="1131">
        <f t="shared" si="36"/>
        <v>3.0339805825242718E-3</v>
      </c>
      <c r="CG36" s="1131">
        <f t="shared" si="37"/>
        <v>4.8543689320388345E-3</v>
      </c>
      <c r="CH36" s="1131">
        <f t="shared" si="38"/>
        <v>0.3561893203883495</v>
      </c>
      <c r="CI36" s="1131">
        <f t="shared" si="39"/>
        <v>9.7087378640776691E-3</v>
      </c>
      <c r="CJ36" s="1131">
        <f t="shared" si="40"/>
        <v>1.2135922330097087E-2</v>
      </c>
      <c r="CK36" s="1132">
        <f t="shared" si="41"/>
        <v>1</v>
      </c>
    </row>
    <row r="37" spans="1:89" ht="99.75" x14ac:dyDescent="0.2">
      <c r="A37" s="992"/>
      <c r="B37" s="1126"/>
      <c r="C37" s="1126"/>
      <c r="D37" s="1126"/>
      <c r="E37" s="1126"/>
      <c r="F37" s="1026" t="s">
        <v>1644</v>
      </c>
      <c r="G37" s="1026" t="s">
        <v>905</v>
      </c>
      <c r="H37" s="1026" t="s">
        <v>906</v>
      </c>
      <c r="I37" s="1026" t="s">
        <v>1645</v>
      </c>
      <c r="J37" s="1026">
        <v>51.756380849999999</v>
      </c>
      <c r="K37" s="1026">
        <v>-0.42350580999999998</v>
      </c>
      <c r="L37" s="1026" t="s">
        <v>1522</v>
      </c>
      <c r="M37" s="1026" t="s">
        <v>1523</v>
      </c>
      <c r="N37" s="1026">
        <v>3</v>
      </c>
      <c r="O37" s="1026" t="s">
        <v>900</v>
      </c>
      <c r="P37" s="1026" t="s">
        <v>1490</v>
      </c>
      <c r="Q37" s="1026" t="s">
        <v>1491</v>
      </c>
      <c r="R37" s="1026" t="s">
        <v>1492</v>
      </c>
      <c r="S37" s="1026" t="s">
        <v>1493</v>
      </c>
      <c r="T37" s="1026" t="s">
        <v>1504</v>
      </c>
      <c r="U37" s="1016" t="str">
        <f>_xlfn.XLOOKUP(F37, [4]GIS!D:D, [4]GIS!E:E, "Not mapped")</f>
        <v>Single - Scenario 2</v>
      </c>
      <c r="V37" s="1015" t="s">
        <v>1546</v>
      </c>
      <c r="W37" s="1032" t="s">
        <v>1525</v>
      </c>
      <c r="X37" s="1032" t="s">
        <v>1526</v>
      </c>
      <c r="Y37" s="1033">
        <v>16</v>
      </c>
      <c r="Z37" s="1033">
        <v>19</v>
      </c>
      <c r="AA37" s="1033">
        <v>13</v>
      </c>
      <c r="AB37" s="1033">
        <v>20</v>
      </c>
      <c r="AC37" s="1033">
        <v>14</v>
      </c>
      <c r="AD37" s="1034">
        <v>34</v>
      </c>
      <c r="AE37" s="1034">
        <v>37</v>
      </c>
      <c r="AF37" s="1034">
        <v>51</v>
      </c>
      <c r="AG37" s="1034">
        <v>307</v>
      </c>
      <c r="AH37" s="1034">
        <v>225</v>
      </c>
      <c r="AI37" s="1034">
        <v>235</v>
      </c>
      <c r="AJ37" s="1034">
        <v>71</v>
      </c>
      <c r="AK37" s="1034">
        <f>IF(AJ37="n/a","n/a",ROUND((AJ37*[4]TripRateCalculations!$V$6),0))</f>
        <v>158</v>
      </c>
      <c r="AL37" s="1034">
        <v>99</v>
      </c>
      <c r="AM37" s="1034">
        <v>12</v>
      </c>
      <c r="AN37" s="1034">
        <f>IF(AT37="n/a","n/a",ROUND((AT37*[4]TripRateCalculations!N$4),0))</f>
        <v>6</v>
      </c>
      <c r="AO37" s="1034">
        <f>IF(AU37="n/a","n/a",ROUND((AU37*[4]TripRateCalculations!O$4),0))</f>
        <v>1</v>
      </c>
      <c r="AP37" s="1034">
        <f>IF(AV37="n/a","n/a",ROUND((AV37*[4]TripRateCalculations!P$4),0))</f>
        <v>6</v>
      </c>
      <c r="AQ37" s="1034">
        <f>IF(AW37="n/a","n/a",ROUND((AW37*[4]TripRateCalculations!Q$4),0))</f>
        <v>20</v>
      </c>
      <c r="AR37" s="1034">
        <f>IF(AX37="n/a","n/a",ROUND((AX37*[4]TripRateCalculations!R$4),0))</f>
        <v>5</v>
      </c>
      <c r="AS37" s="1034">
        <f>IF(AY37="n/a","n/a",ROUND((AY37*[4]TripRateCalculations!S$4),0))</f>
        <v>8</v>
      </c>
      <c r="AT37" s="1034">
        <v>27</v>
      </c>
      <c r="AU37" s="1034">
        <v>17</v>
      </c>
      <c r="AV37" s="1034">
        <v>20</v>
      </c>
      <c r="AW37" s="1034">
        <v>136</v>
      </c>
      <c r="AX37" s="1034">
        <v>49</v>
      </c>
      <c r="AY37" s="1034">
        <v>299</v>
      </c>
      <c r="AZ37" s="1035">
        <v>587</v>
      </c>
      <c r="BA37" s="1035">
        <v>10</v>
      </c>
      <c r="BB37" s="1035">
        <v>76</v>
      </c>
      <c r="BC37" s="1035">
        <v>173</v>
      </c>
      <c r="BD37" s="1035">
        <v>81</v>
      </c>
      <c r="BE37" s="1035">
        <v>7</v>
      </c>
      <c r="BF37" s="1035">
        <v>183</v>
      </c>
      <c r="BG37" s="1035">
        <f>IF(BF37="n/a","n/a",ROUND((BF37*[4]TripRateCalculations!Q$4),0))</f>
        <v>27</v>
      </c>
      <c r="BH37" s="1027" t="s">
        <v>1642</v>
      </c>
      <c r="BI37" s="1055" t="s">
        <v>722</v>
      </c>
      <c r="BJ37" s="1026" t="s">
        <v>912</v>
      </c>
      <c r="BK37" s="1051">
        <f>ROUND((VLOOKUP(F37,'[4]Cost Summary'!A:H,8,)),0.1)</f>
        <v>812064</v>
      </c>
      <c r="BL37" s="1026">
        <v>1</v>
      </c>
      <c r="BM37" s="1026">
        <v>8</v>
      </c>
      <c r="BN37" s="1044" t="s">
        <v>1584</v>
      </c>
      <c r="BO37" s="1130">
        <v>1056500</v>
      </c>
      <c r="BP37" s="992"/>
      <c r="BQ37" s="1131">
        <f t="shared" si="21"/>
        <v>1.1529126213592233E-2</v>
      </c>
      <c r="BR37" s="1131">
        <f t="shared" si="22"/>
        <v>7.8883495145631068E-3</v>
      </c>
      <c r="BS37" s="1131">
        <f t="shared" si="23"/>
        <v>1.2135922330097087E-2</v>
      </c>
      <c r="BT37" s="1131">
        <f t="shared" si="24"/>
        <v>8.4951456310679609E-3</v>
      </c>
      <c r="BU37" s="1131">
        <f t="shared" si="25"/>
        <v>2.063106796116505E-2</v>
      </c>
      <c r="BV37" s="1131">
        <f t="shared" si="26"/>
        <v>2.2451456310679612E-2</v>
      </c>
      <c r="BW37" s="1131">
        <f t="shared" si="27"/>
        <v>3.0946601941747573E-2</v>
      </c>
      <c r="BX37" s="1131">
        <f t="shared" si="28"/>
        <v>0.18628640776699029</v>
      </c>
      <c r="BY37" s="1131">
        <f t="shared" si="29"/>
        <v>0.14259708737864077</v>
      </c>
      <c r="BZ37" s="1131">
        <f t="shared" si="30"/>
        <v>9.5873786407766989E-2</v>
      </c>
      <c r="CA37" s="1131">
        <f t="shared" si="31"/>
        <v>6.0072815533980584E-2</v>
      </c>
      <c r="CB37" s="1131">
        <f t="shared" si="32"/>
        <v>7.2815533980582527E-3</v>
      </c>
      <c r="CC37" s="1131">
        <f t="shared" si="33"/>
        <v>3.6407766990291263E-3</v>
      </c>
      <c r="CD37" s="1131">
        <f t="shared" si="34"/>
        <v>6.0679611650485432E-4</v>
      </c>
      <c r="CE37" s="1131">
        <f t="shared" si="35"/>
        <v>3.6407766990291263E-3</v>
      </c>
      <c r="CF37" s="1131">
        <f t="shared" si="36"/>
        <v>3.0339805825242718E-3</v>
      </c>
      <c r="CG37" s="1131">
        <f t="shared" si="37"/>
        <v>4.8543689320388345E-3</v>
      </c>
      <c r="CH37" s="1131">
        <f t="shared" si="38"/>
        <v>0.3561893203883495</v>
      </c>
      <c r="CI37" s="1131">
        <f t="shared" si="39"/>
        <v>9.7087378640776691E-3</v>
      </c>
      <c r="CJ37" s="1131">
        <f t="shared" si="40"/>
        <v>1.2135922330097087E-2</v>
      </c>
      <c r="CK37" s="1132">
        <f t="shared" si="41"/>
        <v>1</v>
      </c>
    </row>
    <row r="38" spans="1:89" ht="114" x14ac:dyDescent="0.2">
      <c r="A38" s="992"/>
      <c r="B38" s="1126" t="s">
        <v>66</v>
      </c>
      <c r="C38" s="1126" t="s">
        <v>66</v>
      </c>
      <c r="D38" s="1126"/>
      <c r="E38" s="1126"/>
      <c r="F38" s="1026" t="s">
        <v>1646</v>
      </c>
      <c r="G38" s="1026" t="s">
        <v>1647</v>
      </c>
      <c r="H38" s="1026" t="s">
        <v>908</v>
      </c>
      <c r="I38" s="1026" t="s">
        <v>1648</v>
      </c>
      <c r="J38" s="1026">
        <v>51.756453280000002</v>
      </c>
      <c r="K38" s="1026">
        <v>-0.42096693600000001</v>
      </c>
      <c r="L38" s="1026" t="s">
        <v>1522</v>
      </c>
      <c r="M38" s="1026" t="s">
        <v>1523</v>
      </c>
      <c r="N38" s="1026">
        <v>3</v>
      </c>
      <c r="O38" s="1026" t="s">
        <v>900</v>
      </c>
      <c r="P38" s="1026" t="s">
        <v>1490</v>
      </c>
      <c r="Q38" s="1026" t="s">
        <v>1491</v>
      </c>
      <c r="R38" s="1026" t="s">
        <v>1492</v>
      </c>
      <c r="S38" s="1026" t="s">
        <v>1649</v>
      </c>
      <c r="T38" s="1026" t="s">
        <v>1504</v>
      </c>
      <c r="U38" s="1016" t="str">
        <f>_xlfn.XLOOKUP(F38, [4]GIS!D:D, [4]GIS!E:E, "Not mapped")</f>
        <v>Single - Scenario 1</v>
      </c>
      <c r="V38" s="1015" t="s">
        <v>1546</v>
      </c>
      <c r="W38" s="1032" t="s">
        <v>1525</v>
      </c>
      <c r="X38" s="1032" t="s">
        <v>1526</v>
      </c>
      <c r="Y38" s="1033">
        <v>16</v>
      </c>
      <c r="Z38" s="1033">
        <v>19</v>
      </c>
      <c r="AA38" s="1033">
        <v>13</v>
      </c>
      <c r="AB38" s="1033">
        <v>20</v>
      </c>
      <c r="AC38" s="1033">
        <v>14</v>
      </c>
      <c r="AD38" s="1034">
        <v>34</v>
      </c>
      <c r="AE38" s="1034">
        <v>37</v>
      </c>
      <c r="AF38" s="1034">
        <v>51</v>
      </c>
      <c r="AG38" s="1034">
        <v>288</v>
      </c>
      <c r="AH38" s="1034">
        <v>211</v>
      </c>
      <c r="AI38" s="1034">
        <v>235</v>
      </c>
      <c r="AJ38" s="1034">
        <v>71</v>
      </c>
      <c r="AK38" s="1034">
        <f>IF(AJ38="n/a","n/a",ROUND((AJ38*[4]TripRateCalculations!$V$6),0))</f>
        <v>158</v>
      </c>
      <c r="AL38" s="1034">
        <v>94</v>
      </c>
      <c r="AM38" s="1034">
        <v>12</v>
      </c>
      <c r="AN38" s="1034">
        <f>IF(AT38="n/a","n/a",ROUND((AT38*[4]TripRateCalculations!N$4),0))</f>
        <v>6</v>
      </c>
      <c r="AO38" s="1034">
        <f>IF(AU38="n/a","n/a",ROUND((AU38*[4]TripRateCalculations!O$4),0))</f>
        <v>1</v>
      </c>
      <c r="AP38" s="1034">
        <f>IF(AV38="n/a","n/a",ROUND((AV38*[4]TripRateCalculations!P$4),0))</f>
        <v>6</v>
      </c>
      <c r="AQ38" s="1034">
        <f>IF(AW38="n/a","n/a",ROUND((AW38*[4]TripRateCalculations!Q$4),0))</f>
        <v>20</v>
      </c>
      <c r="AR38" s="1034">
        <f>IF(AX38="n/a","n/a",ROUND((AX38*[4]TripRateCalculations!R$4),0))</f>
        <v>5</v>
      </c>
      <c r="AS38" s="1034">
        <f>IF(AY38="n/a","n/a",ROUND((AY38*[4]TripRateCalculations!S$4),0))</f>
        <v>8</v>
      </c>
      <c r="AT38" s="1034">
        <v>27</v>
      </c>
      <c r="AU38" s="1034">
        <v>17</v>
      </c>
      <c r="AV38" s="1034">
        <v>20</v>
      </c>
      <c r="AW38" s="1034">
        <v>136</v>
      </c>
      <c r="AX38" s="1034">
        <v>49</v>
      </c>
      <c r="AY38" s="1034">
        <v>299</v>
      </c>
      <c r="AZ38" s="1035">
        <v>587</v>
      </c>
      <c r="BA38" s="1035">
        <v>10</v>
      </c>
      <c r="BB38" s="1035">
        <v>76</v>
      </c>
      <c r="BC38" s="1035">
        <v>173</v>
      </c>
      <c r="BD38" s="1035">
        <v>81</v>
      </c>
      <c r="BE38" s="1035">
        <v>7</v>
      </c>
      <c r="BF38" s="1035">
        <v>183</v>
      </c>
      <c r="BG38" s="1035">
        <f>IF(BF38="n/a","n/a",ROUND((BF38*[4]TripRateCalculations!Q$4),0))</f>
        <v>27</v>
      </c>
      <c r="BH38" s="1027" t="s">
        <v>1642</v>
      </c>
      <c r="BI38" s="1055" t="s">
        <v>834</v>
      </c>
      <c r="BJ38" s="1026" t="s">
        <v>869</v>
      </c>
      <c r="BK38" s="1051">
        <f>ROUND((VLOOKUP(F38,'[4]Cost Summary'!A:H,8,)),0.1)</f>
        <v>15820406</v>
      </c>
      <c r="BL38" s="1026">
        <v>1</v>
      </c>
      <c r="BM38" s="1026">
        <v>8</v>
      </c>
      <c r="BN38" s="1044" t="s">
        <v>1584</v>
      </c>
      <c r="BO38" s="1130">
        <v>22000000</v>
      </c>
      <c r="BP38" s="992"/>
      <c r="BQ38" s="1131">
        <f t="shared" si="21"/>
        <v>1.1699507389162561E-2</v>
      </c>
      <c r="BR38" s="1131">
        <f t="shared" si="22"/>
        <v>8.0049261083743849E-3</v>
      </c>
      <c r="BS38" s="1131">
        <f t="shared" si="23"/>
        <v>1.2315270935960592E-2</v>
      </c>
      <c r="BT38" s="1131">
        <f t="shared" si="24"/>
        <v>8.6206896551724137E-3</v>
      </c>
      <c r="BU38" s="1131">
        <f t="shared" si="25"/>
        <v>2.0935960591133004E-2</v>
      </c>
      <c r="BV38" s="1131">
        <f t="shared" si="26"/>
        <v>2.2783251231527094E-2</v>
      </c>
      <c r="BW38" s="1131">
        <f t="shared" si="27"/>
        <v>3.1403940886699511E-2</v>
      </c>
      <c r="BX38" s="1131">
        <f t="shared" si="28"/>
        <v>0.17733990147783252</v>
      </c>
      <c r="BY38" s="1131">
        <f t="shared" si="29"/>
        <v>0.14470443349753695</v>
      </c>
      <c r="BZ38" s="1131">
        <f t="shared" si="30"/>
        <v>9.7290640394088676E-2</v>
      </c>
      <c r="CA38" s="1131">
        <f t="shared" si="31"/>
        <v>5.7881773399014777E-2</v>
      </c>
      <c r="CB38" s="1131">
        <f t="shared" si="32"/>
        <v>7.3891625615763543E-3</v>
      </c>
      <c r="CC38" s="1131">
        <f t="shared" si="33"/>
        <v>3.6945812807881772E-3</v>
      </c>
      <c r="CD38" s="1131">
        <f t="shared" si="34"/>
        <v>6.1576354679802956E-4</v>
      </c>
      <c r="CE38" s="1131">
        <f t="shared" si="35"/>
        <v>3.6945812807881772E-3</v>
      </c>
      <c r="CF38" s="1131">
        <f t="shared" si="36"/>
        <v>3.0788177339901479E-3</v>
      </c>
      <c r="CG38" s="1131">
        <f t="shared" si="37"/>
        <v>4.9261083743842365E-3</v>
      </c>
      <c r="CH38" s="1131">
        <f t="shared" si="38"/>
        <v>0.36145320197044334</v>
      </c>
      <c r="CI38" s="1131">
        <f t="shared" si="39"/>
        <v>9.852216748768473E-3</v>
      </c>
      <c r="CJ38" s="1131">
        <f t="shared" si="40"/>
        <v>1.2315270935960592E-2</v>
      </c>
      <c r="CK38" s="1132">
        <f t="shared" si="41"/>
        <v>1</v>
      </c>
    </row>
    <row r="39" spans="1:89" ht="45" x14ac:dyDescent="0.2">
      <c r="A39" s="992"/>
      <c r="B39" s="1126"/>
      <c r="C39" s="1126"/>
      <c r="D39" s="1126"/>
      <c r="E39" s="1126" t="s">
        <v>66</v>
      </c>
      <c r="F39" s="1026" t="s">
        <v>1650</v>
      </c>
      <c r="G39" s="1026" t="s">
        <v>1651</v>
      </c>
      <c r="H39" s="1026" t="s">
        <v>1652</v>
      </c>
      <c r="I39" s="1045" t="s">
        <v>1559</v>
      </c>
      <c r="J39" s="1026">
        <v>51.772489681769898</v>
      </c>
      <c r="K39" s="1026">
        <v>-0.47009970057594203</v>
      </c>
      <c r="L39" s="1026" t="s">
        <v>1560</v>
      </c>
      <c r="M39" s="1026" t="s">
        <v>1523</v>
      </c>
      <c r="N39" s="1026">
        <v>3</v>
      </c>
      <c r="O39" s="1026" t="s">
        <v>870</v>
      </c>
      <c r="P39" s="1026" t="s">
        <v>1490</v>
      </c>
      <c r="Q39" s="1026" t="s">
        <v>1491</v>
      </c>
      <c r="R39" s="1026" t="s">
        <v>1492</v>
      </c>
      <c r="S39" s="1026" t="s">
        <v>1561</v>
      </c>
      <c r="T39" s="1026"/>
      <c r="U39" s="1016" t="str">
        <f>_xlfn.XLOOKUP(F39, [4]GIS!D:D, [4]GIS!E:E, "Not mapped")</f>
        <v>Not mapped</v>
      </c>
      <c r="V39" s="1026" t="s">
        <v>1562</v>
      </c>
      <c r="W39" s="1143" t="s">
        <v>1653</v>
      </c>
      <c r="X39" s="1143" t="s">
        <v>1654</v>
      </c>
      <c r="Y39" s="1020" t="s">
        <v>1498</v>
      </c>
      <c r="Z39" s="1020" t="s">
        <v>1498</v>
      </c>
      <c r="AA39" s="1020" t="s">
        <v>1498</v>
      </c>
      <c r="AB39" s="1020" t="s">
        <v>1498</v>
      </c>
      <c r="AC39" s="1020" t="s">
        <v>1498</v>
      </c>
      <c r="AD39" s="1020" t="s">
        <v>1498</v>
      </c>
      <c r="AE39" s="1020" t="s">
        <v>1498</v>
      </c>
      <c r="AF39" s="1020" t="s">
        <v>1498</v>
      </c>
      <c r="AG39" s="1020" t="s">
        <v>1498</v>
      </c>
      <c r="AH39" s="1020" t="s">
        <v>1498</v>
      </c>
      <c r="AI39" s="1020" t="s">
        <v>1498</v>
      </c>
      <c r="AJ39" s="1020" t="s">
        <v>1498</v>
      </c>
      <c r="AK39" s="1020" t="str">
        <f>IF(AJ39="n/a","n/a",ROUND((AJ39*[4]TripRateCalculations!$V$6),0))</f>
        <v>n/a</v>
      </c>
      <c r="AL39" s="1020" t="s">
        <v>1498</v>
      </c>
      <c r="AM39" s="1020" t="s">
        <v>1498</v>
      </c>
      <c r="AN39" s="1020" t="str">
        <f>IF(AT39="n/a","n/a",ROUND((AT39*[4]TripRateCalculations!N$4),0))</f>
        <v>n/a</v>
      </c>
      <c r="AO39" s="1020" t="str">
        <f>IF(AU39="n/a","n/a",ROUND((AU39*[4]TripRateCalculations!O$4),0))</f>
        <v>n/a</v>
      </c>
      <c r="AP39" s="1020" t="str">
        <f>IF(AV39="n/a","n/a",ROUND((AV39*[4]TripRateCalculations!P$4),0))</f>
        <v>n/a</v>
      </c>
      <c r="AQ39" s="1020" t="s">
        <v>1498</v>
      </c>
      <c r="AR39" s="1020" t="str">
        <f>IF(AX39="n/a","n/a",ROUND((AX39*[4]TripRateCalculations!R$4),0))</f>
        <v>n/a</v>
      </c>
      <c r="AS39" s="1020" t="str">
        <f>IF(AY39="n/a","n/a",ROUND((AY39*[4]TripRateCalculations!S$4),0))</f>
        <v>n/a</v>
      </c>
      <c r="AT39" s="1020" t="s">
        <v>1498</v>
      </c>
      <c r="AU39" s="1020" t="s">
        <v>1498</v>
      </c>
      <c r="AV39" s="1020" t="s">
        <v>1498</v>
      </c>
      <c r="AW39" s="1020" t="s">
        <v>1498</v>
      </c>
      <c r="AX39" s="1020" t="s">
        <v>1498</v>
      </c>
      <c r="AY39" s="1020" t="s">
        <v>1498</v>
      </c>
      <c r="AZ39" s="1020" t="s">
        <v>1498</v>
      </c>
      <c r="BA39" s="1020" t="s">
        <v>1498</v>
      </c>
      <c r="BB39" s="1020" t="s">
        <v>1498</v>
      </c>
      <c r="BC39" s="1020" t="s">
        <v>1498</v>
      </c>
      <c r="BD39" s="1020" t="s">
        <v>1498</v>
      </c>
      <c r="BE39" s="1020" t="s">
        <v>1498</v>
      </c>
      <c r="BF39" s="1020" t="s">
        <v>1498</v>
      </c>
      <c r="BG39" s="1020" t="s">
        <v>1498</v>
      </c>
      <c r="BH39" s="1027"/>
      <c r="BI39" s="1026" t="s">
        <v>1565</v>
      </c>
      <c r="BJ39" s="1026" t="s">
        <v>53</v>
      </c>
      <c r="BK39" s="1114">
        <f>ROUND((VLOOKUP(F39,'[4]Cost Summary'!A:H,8,)),0.1)</f>
        <v>109695</v>
      </c>
      <c r="BL39" s="1108"/>
      <c r="BM39" s="1108"/>
      <c r="BN39" s="1109" t="s">
        <v>1527</v>
      </c>
      <c r="BO39" s="1130" t="s">
        <v>1528</v>
      </c>
      <c r="BP39" s="992"/>
      <c r="BQ39" s="1131" t="e">
        <f t="shared" si="21"/>
        <v>#VALUE!</v>
      </c>
      <c r="BR39" s="1131" t="e">
        <f t="shared" si="22"/>
        <v>#VALUE!</v>
      </c>
      <c r="BS39" s="1131" t="e">
        <f t="shared" si="23"/>
        <v>#VALUE!</v>
      </c>
      <c r="BT39" s="1131" t="e">
        <f t="shared" si="24"/>
        <v>#VALUE!</v>
      </c>
      <c r="BU39" s="1131" t="e">
        <f t="shared" si="25"/>
        <v>#VALUE!</v>
      </c>
      <c r="BV39" s="1131" t="e">
        <f t="shared" si="26"/>
        <v>#VALUE!</v>
      </c>
      <c r="BW39" s="1131" t="e">
        <f t="shared" si="27"/>
        <v>#VALUE!</v>
      </c>
      <c r="BX39" s="1131" t="e">
        <f t="shared" si="28"/>
        <v>#VALUE!</v>
      </c>
      <c r="BY39" s="1131" t="e">
        <f t="shared" si="29"/>
        <v>#VALUE!</v>
      </c>
      <c r="BZ39" s="1131" t="e">
        <f t="shared" si="30"/>
        <v>#VALUE!</v>
      </c>
      <c r="CA39" s="1131" t="e">
        <f t="shared" si="31"/>
        <v>#VALUE!</v>
      </c>
      <c r="CB39" s="1131" t="e">
        <f t="shared" si="32"/>
        <v>#VALUE!</v>
      </c>
      <c r="CC39" s="1131" t="e">
        <f t="shared" si="33"/>
        <v>#VALUE!</v>
      </c>
      <c r="CD39" s="1131" t="e">
        <f t="shared" si="34"/>
        <v>#VALUE!</v>
      </c>
      <c r="CE39" s="1131" t="e">
        <f t="shared" si="35"/>
        <v>#VALUE!</v>
      </c>
      <c r="CF39" s="1131" t="e">
        <f t="shared" si="36"/>
        <v>#VALUE!</v>
      </c>
      <c r="CG39" s="1131" t="e">
        <f t="shared" si="37"/>
        <v>#VALUE!</v>
      </c>
      <c r="CH39" s="1131" t="e">
        <f t="shared" si="38"/>
        <v>#VALUE!</v>
      </c>
      <c r="CI39" s="1131" t="e">
        <f t="shared" si="39"/>
        <v>#VALUE!</v>
      </c>
      <c r="CJ39" s="1131" t="e">
        <f t="shared" si="40"/>
        <v>#VALUE!</v>
      </c>
      <c r="CK39" s="1132" t="str">
        <f t="shared" si="41"/>
        <v>n/a</v>
      </c>
    </row>
    <row r="40" spans="1:89" ht="99.75" x14ac:dyDescent="0.2">
      <c r="A40" s="992"/>
      <c r="B40" s="1126"/>
      <c r="C40" s="1126"/>
      <c r="D40" s="1126"/>
      <c r="E40" s="1126" t="s">
        <v>66</v>
      </c>
      <c r="F40" s="1026" t="s">
        <v>1655</v>
      </c>
      <c r="G40" s="1026" t="s">
        <v>1656</v>
      </c>
      <c r="H40" s="1026" t="s">
        <v>1657</v>
      </c>
      <c r="I40" s="1026" t="s">
        <v>1487</v>
      </c>
      <c r="J40" s="1026">
        <v>51.776728566992503</v>
      </c>
      <c r="K40" s="1026">
        <v>-0.43172940377076502</v>
      </c>
      <c r="L40" s="1026" t="s">
        <v>1522</v>
      </c>
      <c r="M40" s="1026" t="s">
        <v>1489</v>
      </c>
      <c r="N40" s="1026">
        <v>2</v>
      </c>
      <c r="O40" s="1026" t="s">
        <v>932</v>
      </c>
      <c r="P40" s="1026" t="s">
        <v>1490</v>
      </c>
      <c r="Q40" s="1026" t="s">
        <v>1491</v>
      </c>
      <c r="R40" s="1026" t="s">
        <v>1492</v>
      </c>
      <c r="S40" s="1026" t="s">
        <v>1493</v>
      </c>
      <c r="T40" s="1026">
        <v>14</v>
      </c>
      <c r="U40" s="1016" t="str">
        <f>_xlfn.XLOOKUP(F40, [4]GIS!D:D, [4]GIS!E:E, "Not mapped")</f>
        <v>Single - Scenario 2</v>
      </c>
      <c r="V40" s="1031" t="s">
        <v>1658</v>
      </c>
      <c r="W40" s="1144" t="s">
        <v>1653</v>
      </c>
      <c r="X40" s="1143" t="s">
        <v>1659</v>
      </c>
      <c r="Y40" s="1020" t="s">
        <v>1498</v>
      </c>
      <c r="Z40" s="1020" t="s">
        <v>1498</v>
      </c>
      <c r="AA40" s="1020" t="s">
        <v>1498</v>
      </c>
      <c r="AB40" s="1020" t="s">
        <v>1498</v>
      </c>
      <c r="AC40" s="1020" t="s">
        <v>1498</v>
      </c>
      <c r="AD40" s="1020" t="s">
        <v>1498</v>
      </c>
      <c r="AE40" s="1020" t="s">
        <v>1498</v>
      </c>
      <c r="AF40" s="1020" t="s">
        <v>1498</v>
      </c>
      <c r="AG40" s="1020" t="s">
        <v>1498</v>
      </c>
      <c r="AH40" s="1020" t="s">
        <v>1498</v>
      </c>
      <c r="AI40" s="1020" t="s">
        <v>1498</v>
      </c>
      <c r="AJ40" s="1020" t="s">
        <v>1498</v>
      </c>
      <c r="AK40" s="1020" t="str">
        <f>IF(AJ40="n/a","n/a",ROUND((AJ40*[4]TripRateCalculations!$V$6),0))</f>
        <v>n/a</v>
      </c>
      <c r="AL40" s="1020" t="s">
        <v>1498</v>
      </c>
      <c r="AM40" s="1020" t="s">
        <v>1498</v>
      </c>
      <c r="AN40" s="1020" t="str">
        <f>IF(AT40="n/a","n/a",ROUND((AT40*[4]TripRateCalculations!N$4),0))</f>
        <v>n/a</v>
      </c>
      <c r="AO40" s="1020" t="str">
        <f>IF(AU40="n/a","n/a",ROUND((AU40*[4]TripRateCalculations!O$4),0))</f>
        <v>n/a</v>
      </c>
      <c r="AP40" s="1020" t="str">
        <f>IF(AV40="n/a","n/a",ROUND((AV40*[4]TripRateCalculations!P$4),0))</f>
        <v>n/a</v>
      </c>
      <c r="AQ40" s="1020" t="s">
        <v>1498</v>
      </c>
      <c r="AR40" s="1020" t="str">
        <f>IF(AX40="n/a","n/a",ROUND((AX40*[4]TripRateCalculations!R$4),0))</f>
        <v>n/a</v>
      </c>
      <c r="AS40" s="1020" t="str">
        <f>IF(AY40="n/a","n/a",ROUND((AY40*[4]TripRateCalculations!S$4),0))</f>
        <v>n/a</v>
      </c>
      <c r="AT40" s="1020" t="s">
        <v>1498</v>
      </c>
      <c r="AU40" s="1020" t="s">
        <v>1498</v>
      </c>
      <c r="AV40" s="1020" t="s">
        <v>1498</v>
      </c>
      <c r="AW40" s="1020" t="s">
        <v>1498</v>
      </c>
      <c r="AX40" s="1020" t="s">
        <v>1498</v>
      </c>
      <c r="AY40" s="1020" t="s">
        <v>1498</v>
      </c>
      <c r="AZ40" s="1020" t="s">
        <v>1498</v>
      </c>
      <c r="BA40" s="1020" t="s">
        <v>1498</v>
      </c>
      <c r="BB40" s="1020" t="s">
        <v>1498</v>
      </c>
      <c r="BC40" s="1020" t="s">
        <v>1498</v>
      </c>
      <c r="BD40" s="1020" t="s">
        <v>1498</v>
      </c>
      <c r="BE40" s="1020" t="s">
        <v>1498</v>
      </c>
      <c r="BF40" s="1020" t="s">
        <v>1498</v>
      </c>
      <c r="BG40" s="1020" t="s">
        <v>1498</v>
      </c>
      <c r="BH40" s="1027"/>
      <c r="BI40" s="1026" t="s">
        <v>834</v>
      </c>
      <c r="BJ40" s="1026" t="s">
        <v>53</v>
      </c>
      <c r="BK40" s="1114">
        <f>ROUND((VLOOKUP(F40,'[4]Cost Summary'!A:H,8,)),0.1)</f>
        <v>622119</v>
      </c>
      <c r="BL40" s="1108"/>
      <c r="BM40" s="1108"/>
      <c r="BN40" s="1109" t="s">
        <v>1527</v>
      </c>
      <c r="BO40" s="1130" t="s">
        <v>1528</v>
      </c>
      <c r="BP40" s="992"/>
      <c r="BQ40" s="1131" t="e">
        <f t="shared" si="21"/>
        <v>#VALUE!</v>
      </c>
      <c r="BR40" s="1131" t="e">
        <f t="shared" si="22"/>
        <v>#VALUE!</v>
      </c>
      <c r="BS40" s="1131" t="e">
        <f t="shared" si="23"/>
        <v>#VALUE!</v>
      </c>
      <c r="BT40" s="1131" t="e">
        <f t="shared" si="24"/>
        <v>#VALUE!</v>
      </c>
      <c r="BU40" s="1131" t="e">
        <f t="shared" si="25"/>
        <v>#VALUE!</v>
      </c>
      <c r="BV40" s="1131" t="e">
        <f t="shared" si="26"/>
        <v>#VALUE!</v>
      </c>
      <c r="BW40" s="1131" t="e">
        <f t="shared" si="27"/>
        <v>#VALUE!</v>
      </c>
      <c r="BX40" s="1131" t="e">
        <f t="shared" si="28"/>
        <v>#VALUE!</v>
      </c>
      <c r="BY40" s="1131" t="e">
        <f t="shared" si="29"/>
        <v>#VALUE!</v>
      </c>
      <c r="BZ40" s="1131" t="e">
        <f t="shared" si="30"/>
        <v>#VALUE!</v>
      </c>
      <c r="CA40" s="1131" t="e">
        <f t="shared" si="31"/>
        <v>#VALUE!</v>
      </c>
      <c r="CB40" s="1131" t="e">
        <f t="shared" si="32"/>
        <v>#VALUE!</v>
      </c>
      <c r="CC40" s="1131" t="e">
        <f t="shared" si="33"/>
        <v>#VALUE!</v>
      </c>
      <c r="CD40" s="1131" t="e">
        <f t="shared" si="34"/>
        <v>#VALUE!</v>
      </c>
      <c r="CE40" s="1131" t="e">
        <f t="shared" si="35"/>
        <v>#VALUE!</v>
      </c>
      <c r="CF40" s="1131" t="e">
        <f t="shared" si="36"/>
        <v>#VALUE!</v>
      </c>
      <c r="CG40" s="1131" t="e">
        <f t="shared" si="37"/>
        <v>#VALUE!</v>
      </c>
      <c r="CH40" s="1131" t="e">
        <f t="shared" si="38"/>
        <v>#VALUE!</v>
      </c>
      <c r="CI40" s="1131" t="e">
        <f t="shared" si="39"/>
        <v>#VALUE!</v>
      </c>
      <c r="CJ40" s="1131" t="e">
        <f t="shared" si="40"/>
        <v>#VALUE!</v>
      </c>
      <c r="CK40" s="1132" t="str">
        <f t="shared" si="41"/>
        <v>n/a</v>
      </c>
    </row>
    <row r="41" spans="1:89" ht="85.5" x14ac:dyDescent="0.2">
      <c r="A41" s="992"/>
      <c r="B41" s="1126"/>
      <c r="C41" s="1126"/>
      <c r="D41" s="1126"/>
      <c r="E41" s="1126"/>
      <c r="F41" s="1026" t="s">
        <v>1660</v>
      </c>
      <c r="G41" s="1026" t="s">
        <v>893</v>
      </c>
      <c r="H41" s="1026" t="s">
        <v>1661</v>
      </c>
      <c r="I41" s="1026" t="s">
        <v>1487</v>
      </c>
      <c r="J41" s="1026">
        <v>51.727675429999998</v>
      </c>
      <c r="K41" s="1026">
        <v>-0.45911531300000002</v>
      </c>
      <c r="L41" s="1026" t="s">
        <v>1590</v>
      </c>
      <c r="M41" s="1026" t="s">
        <v>1489</v>
      </c>
      <c r="N41" s="1026">
        <v>2</v>
      </c>
      <c r="O41" s="1026" t="s">
        <v>830</v>
      </c>
      <c r="P41" s="1026" t="s">
        <v>1490</v>
      </c>
      <c r="Q41" s="1026" t="s">
        <v>1491</v>
      </c>
      <c r="R41" s="1026" t="s">
        <v>1492</v>
      </c>
      <c r="S41" s="1026" t="s">
        <v>1561</v>
      </c>
      <c r="T41" s="1026" t="s">
        <v>1662</v>
      </c>
      <c r="U41" s="1016" t="str">
        <f>_xlfn.XLOOKUP(F41, [4]GIS!D:D, [4]GIS!E:E, "Not mapped")</f>
        <v>Single - Scenario 1</v>
      </c>
      <c r="V41" s="1026" t="s">
        <v>1546</v>
      </c>
      <c r="W41" s="1040" t="s">
        <v>1563</v>
      </c>
      <c r="X41" s="1040" t="s">
        <v>26</v>
      </c>
      <c r="Y41" s="1020" t="s">
        <v>1498</v>
      </c>
      <c r="Z41" s="1020" t="s">
        <v>1498</v>
      </c>
      <c r="AA41" s="1020" t="s">
        <v>1498</v>
      </c>
      <c r="AB41" s="1020" t="s">
        <v>1498</v>
      </c>
      <c r="AC41" s="1020" t="s">
        <v>1498</v>
      </c>
      <c r="AD41" s="1020" t="s">
        <v>1498</v>
      </c>
      <c r="AE41" s="1020" t="s">
        <v>1498</v>
      </c>
      <c r="AF41" s="1020" t="s">
        <v>1498</v>
      </c>
      <c r="AG41" s="1020" t="s">
        <v>1498</v>
      </c>
      <c r="AH41" s="1020" t="s">
        <v>1498</v>
      </c>
      <c r="AI41" s="1020" t="s">
        <v>1498</v>
      </c>
      <c r="AJ41" s="1020" t="s">
        <v>1498</v>
      </c>
      <c r="AK41" s="1020" t="str">
        <f>IF(AJ41="n/a","n/a",ROUND((AJ41*[4]TripRateCalculations!$V$6),0))</f>
        <v>n/a</v>
      </c>
      <c r="AL41" s="1020" t="s">
        <v>1498</v>
      </c>
      <c r="AM41" s="1020" t="s">
        <v>1498</v>
      </c>
      <c r="AN41" s="1020" t="str">
        <f>IF(AT41="n/a","n/a",ROUND((AT41*[4]TripRateCalculations!N$4),0))</f>
        <v>n/a</v>
      </c>
      <c r="AO41" s="1020" t="str">
        <f>IF(AU41="n/a","n/a",ROUND((AU41*[4]TripRateCalculations!O$4),0))</f>
        <v>n/a</v>
      </c>
      <c r="AP41" s="1020" t="str">
        <f>IF(AV41="n/a","n/a",ROUND((AV41*[4]TripRateCalculations!P$4),0))</f>
        <v>n/a</v>
      </c>
      <c r="AQ41" s="1020" t="str">
        <f>IF(AW41="n/a","n/a",ROUND((AW41*[4]TripRateCalculations!Q$4),0))</f>
        <v>n/a</v>
      </c>
      <c r="AR41" s="1020" t="str">
        <f>IF(AX41="n/a","n/a",ROUND((AX41*[4]TripRateCalculations!R$4),0))</f>
        <v>n/a</v>
      </c>
      <c r="AS41" s="1020" t="str">
        <f>IF(AY41="n/a","n/a",ROUND((AY41*[4]TripRateCalculations!S$4),0))</f>
        <v>n/a</v>
      </c>
      <c r="AT41" s="1020" t="s">
        <v>1498</v>
      </c>
      <c r="AU41" s="1020" t="s">
        <v>1498</v>
      </c>
      <c r="AV41" s="1020" t="s">
        <v>1498</v>
      </c>
      <c r="AW41" s="1020" t="s">
        <v>1498</v>
      </c>
      <c r="AX41" s="1020" t="s">
        <v>1498</v>
      </c>
      <c r="AY41" s="1020" t="s">
        <v>1498</v>
      </c>
      <c r="AZ41" s="1020" t="s">
        <v>1498</v>
      </c>
      <c r="BA41" s="1020" t="s">
        <v>1498</v>
      </c>
      <c r="BB41" s="1020" t="s">
        <v>1498</v>
      </c>
      <c r="BC41" s="1020" t="s">
        <v>1498</v>
      </c>
      <c r="BD41" s="1020" t="s">
        <v>1498</v>
      </c>
      <c r="BE41" s="1020" t="s">
        <v>1498</v>
      </c>
      <c r="BF41" s="1020" t="s">
        <v>1498</v>
      </c>
      <c r="BG41" s="1020" t="str">
        <f>IF(BF41="n/a","n/a",ROUND((BF41*[4]TripRateCalculations!Q$4),0))</f>
        <v>n/a</v>
      </c>
      <c r="BH41" s="1027" t="s">
        <v>1663</v>
      </c>
      <c r="BI41" s="1026" t="s">
        <v>834</v>
      </c>
      <c r="BJ41" s="1026" t="s">
        <v>53</v>
      </c>
      <c r="BK41" s="1053">
        <v>370629.19</v>
      </c>
      <c r="BL41" s="1029">
        <v>0</v>
      </c>
      <c r="BM41" s="1029" t="s">
        <v>1500</v>
      </c>
      <c r="BN41" s="1025" t="s">
        <v>1501</v>
      </c>
      <c r="BO41" s="1130">
        <v>370629.19</v>
      </c>
      <c r="BP41" s="992"/>
      <c r="BQ41" s="1131" t="e">
        <f t="shared" si="21"/>
        <v>#VALUE!</v>
      </c>
      <c r="BR41" s="1131" t="e">
        <f t="shared" si="22"/>
        <v>#VALUE!</v>
      </c>
      <c r="BS41" s="1131" t="e">
        <f t="shared" si="23"/>
        <v>#VALUE!</v>
      </c>
      <c r="BT41" s="1131" t="e">
        <f t="shared" si="24"/>
        <v>#VALUE!</v>
      </c>
      <c r="BU41" s="1131" t="e">
        <f t="shared" si="25"/>
        <v>#VALUE!</v>
      </c>
      <c r="BV41" s="1131" t="e">
        <f t="shared" si="26"/>
        <v>#VALUE!</v>
      </c>
      <c r="BW41" s="1131" t="e">
        <f t="shared" si="27"/>
        <v>#VALUE!</v>
      </c>
      <c r="BX41" s="1131" t="e">
        <f t="shared" si="28"/>
        <v>#VALUE!</v>
      </c>
      <c r="BY41" s="1131" t="e">
        <f t="shared" si="29"/>
        <v>#VALUE!</v>
      </c>
      <c r="BZ41" s="1131" t="e">
        <f t="shared" si="30"/>
        <v>#VALUE!</v>
      </c>
      <c r="CA41" s="1131" t="e">
        <f t="shared" si="31"/>
        <v>#VALUE!</v>
      </c>
      <c r="CB41" s="1131" t="e">
        <f t="shared" si="32"/>
        <v>#VALUE!</v>
      </c>
      <c r="CC41" s="1131" t="e">
        <f t="shared" si="33"/>
        <v>#VALUE!</v>
      </c>
      <c r="CD41" s="1131" t="e">
        <f t="shared" si="34"/>
        <v>#VALUE!</v>
      </c>
      <c r="CE41" s="1131" t="e">
        <f t="shared" si="35"/>
        <v>#VALUE!</v>
      </c>
      <c r="CF41" s="1131" t="e">
        <f t="shared" si="36"/>
        <v>#VALUE!</v>
      </c>
      <c r="CG41" s="1131" t="e">
        <f t="shared" si="37"/>
        <v>#VALUE!</v>
      </c>
      <c r="CH41" s="1131" t="e">
        <f t="shared" si="38"/>
        <v>#VALUE!</v>
      </c>
      <c r="CI41" s="1131" t="e">
        <f t="shared" si="39"/>
        <v>#VALUE!</v>
      </c>
      <c r="CJ41" s="1131" t="e">
        <f t="shared" si="40"/>
        <v>#VALUE!</v>
      </c>
      <c r="CK41" s="1132" t="str">
        <f t="shared" si="41"/>
        <v>n/a</v>
      </c>
    </row>
    <row r="42" spans="1:89" ht="85.5" x14ac:dyDescent="0.2">
      <c r="A42" s="992"/>
      <c r="B42" s="1126"/>
      <c r="C42" s="1126"/>
      <c r="D42" s="1126"/>
      <c r="E42" s="1126" t="s">
        <v>66</v>
      </c>
      <c r="F42" s="1026" t="s">
        <v>1664</v>
      </c>
      <c r="G42" s="1026" t="s">
        <v>1665</v>
      </c>
      <c r="H42" s="1026" t="s">
        <v>1666</v>
      </c>
      <c r="I42" s="1026" t="s">
        <v>1487</v>
      </c>
      <c r="J42" s="1026">
        <v>51.743551370660697</v>
      </c>
      <c r="K42" s="1026">
        <v>-0.41583057901873899</v>
      </c>
      <c r="L42" s="1026" t="s">
        <v>1522</v>
      </c>
      <c r="M42" s="1026" t="s">
        <v>1523</v>
      </c>
      <c r="N42" s="1026">
        <v>2</v>
      </c>
      <c r="O42" s="1026" t="s">
        <v>870</v>
      </c>
      <c r="P42" s="1026" t="s">
        <v>1616</v>
      </c>
      <c r="Q42" s="1026" t="s">
        <v>1491</v>
      </c>
      <c r="R42" s="1026" t="s">
        <v>1492</v>
      </c>
      <c r="S42" s="1026" t="s">
        <v>1493</v>
      </c>
      <c r="T42" s="1026"/>
      <c r="U42" s="1016" t="str">
        <f>_xlfn.XLOOKUP(F42, [4]GIS!D:D, [4]GIS!E:E, "Not mapped")</f>
        <v>Single - Scenario 2</v>
      </c>
      <c r="V42" s="1026" t="s">
        <v>1515</v>
      </c>
      <c r="W42" s="1056" t="s">
        <v>1667</v>
      </c>
      <c r="X42" s="1056" t="s">
        <v>1603</v>
      </c>
      <c r="Y42" s="1020" t="s">
        <v>1498</v>
      </c>
      <c r="Z42" s="1020" t="s">
        <v>1498</v>
      </c>
      <c r="AA42" s="1020" t="s">
        <v>1498</v>
      </c>
      <c r="AB42" s="1020" t="s">
        <v>1498</v>
      </c>
      <c r="AC42" s="1020" t="s">
        <v>1498</v>
      </c>
      <c r="AD42" s="1020" t="s">
        <v>1498</v>
      </c>
      <c r="AE42" s="1020" t="s">
        <v>1498</v>
      </c>
      <c r="AF42" s="1020" t="s">
        <v>1498</v>
      </c>
      <c r="AG42" s="1020" t="s">
        <v>1498</v>
      </c>
      <c r="AH42" s="1020" t="s">
        <v>1498</v>
      </c>
      <c r="AI42" s="1020" t="s">
        <v>1498</v>
      </c>
      <c r="AJ42" s="1020" t="s">
        <v>1498</v>
      </c>
      <c r="AK42" s="1020" t="str">
        <f>IF(AJ42="n/a","n/a",ROUND((AJ42*[4]TripRateCalculations!$V$6),0))</f>
        <v>n/a</v>
      </c>
      <c r="AL42" s="1020" t="s">
        <v>1498</v>
      </c>
      <c r="AM42" s="1020" t="s">
        <v>1498</v>
      </c>
      <c r="AN42" s="1020" t="str">
        <f>IF(AT42="n/a","n/a",ROUND((AT42*[4]TripRateCalculations!N$4),0))</f>
        <v>n/a</v>
      </c>
      <c r="AO42" s="1020" t="str">
        <f>IF(AU42="n/a","n/a",ROUND((AU42*[4]TripRateCalculations!O$4),0))</f>
        <v>n/a</v>
      </c>
      <c r="AP42" s="1020" t="str">
        <f>IF(AV42="n/a","n/a",ROUND((AV42*[4]TripRateCalculations!P$4),0))</f>
        <v>n/a</v>
      </c>
      <c r="AQ42" s="1020" t="s">
        <v>1498</v>
      </c>
      <c r="AR42" s="1020" t="str">
        <f>IF(AX42="n/a","n/a",ROUND((AX42*[4]TripRateCalculations!R$4),0))</f>
        <v>n/a</v>
      </c>
      <c r="AS42" s="1020" t="str">
        <f>IF(AY42="n/a","n/a",ROUND((AY42*[4]TripRateCalculations!S$4),0))</f>
        <v>n/a</v>
      </c>
      <c r="AT42" s="1020" t="s">
        <v>1498</v>
      </c>
      <c r="AU42" s="1020" t="s">
        <v>1498</v>
      </c>
      <c r="AV42" s="1020" t="s">
        <v>1498</v>
      </c>
      <c r="AW42" s="1020" t="s">
        <v>1498</v>
      </c>
      <c r="AX42" s="1020" t="s">
        <v>1498</v>
      </c>
      <c r="AY42" s="1020" t="s">
        <v>1498</v>
      </c>
      <c r="AZ42" s="1020" t="s">
        <v>1498</v>
      </c>
      <c r="BA42" s="1020" t="s">
        <v>1498</v>
      </c>
      <c r="BB42" s="1020" t="s">
        <v>1498</v>
      </c>
      <c r="BC42" s="1020" t="s">
        <v>1498</v>
      </c>
      <c r="BD42" s="1020" t="s">
        <v>1498</v>
      </c>
      <c r="BE42" s="1020" t="s">
        <v>1498</v>
      </c>
      <c r="BF42" s="1020" t="s">
        <v>1498</v>
      </c>
      <c r="BG42" s="1020" t="s">
        <v>1498</v>
      </c>
      <c r="BH42" s="1027"/>
      <c r="BI42" s="1026" t="s">
        <v>868</v>
      </c>
      <c r="BJ42" s="1026" t="s">
        <v>53</v>
      </c>
      <c r="BK42" s="1114">
        <f>ROUND((VLOOKUP(F42,'[4]Cost Summary'!A:H,8,)),0.1)</f>
        <v>126563</v>
      </c>
      <c r="BL42" s="1108"/>
      <c r="BM42" s="1108"/>
      <c r="BN42" s="1109" t="s">
        <v>1527</v>
      </c>
      <c r="BO42" s="1130" t="s">
        <v>1528</v>
      </c>
      <c r="BP42" s="992"/>
      <c r="BQ42" s="1131" t="e">
        <f t="shared" si="21"/>
        <v>#VALUE!</v>
      </c>
      <c r="BR42" s="1131" t="e">
        <f t="shared" si="22"/>
        <v>#VALUE!</v>
      </c>
      <c r="BS42" s="1131" t="e">
        <f t="shared" si="23"/>
        <v>#VALUE!</v>
      </c>
      <c r="BT42" s="1131" t="e">
        <f t="shared" si="24"/>
        <v>#VALUE!</v>
      </c>
      <c r="BU42" s="1131" t="e">
        <f t="shared" si="25"/>
        <v>#VALUE!</v>
      </c>
      <c r="BV42" s="1131" t="e">
        <f t="shared" si="26"/>
        <v>#VALUE!</v>
      </c>
      <c r="BW42" s="1131" t="e">
        <f t="shared" si="27"/>
        <v>#VALUE!</v>
      </c>
      <c r="BX42" s="1131" t="e">
        <f t="shared" si="28"/>
        <v>#VALUE!</v>
      </c>
      <c r="BY42" s="1131" t="e">
        <f t="shared" si="29"/>
        <v>#VALUE!</v>
      </c>
      <c r="BZ42" s="1131" t="e">
        <f t="shared" si="30"/>
        <v>#VALUE!</v>
      </c>
      <c r="CA42" s="1131" t="e">
        <f t="shared" si="31"/>
        <v>#VALUE!</v>
      </c>
      <c r="CB42" s="1131" t="e">
        <f t="shared" si="32"/>
        <v>#VALUE!</v>
      </c>
      <c r="CC42" s="1131" t="e">
        <f t="shared" si="33"/>
        <v>#VALUE!</v>
      </c>
      <c r="CD42" s="1131" t="e">
        <f t="shared" si="34"/>
        <v>#VALUE!</v>
      </c>
      <c r="CE42" s="1131" t="e">
        <f t="shared" si="35"/>
        <v>#VALUE!</v>
      </c>
      <c r="CF42" s="1131" t="e">
        <f t="shared" si="36"/>
        <v>#VALUE!</v>
      </c>
      <c r="CG42" s="1131" t="e">
        <f t="shared" si="37"/>
        <v>#VALUE!</v>
      </c>
      <c r="CH42" s="1131" t="e">
        <f t="shared" si="38"/>
        <v>#VALUE!</v>
      </c>
      <c r="CI42" s="1131" t="e">
        <f t="shared" si="39"/>
        <v>#VALUE!</v>
      </c>
      <c r="CJ42" s="1131" t="e">
        <f t="shared" si="40"/>
        <v>#VALUE!</v>
      </c>
      <c r="CK42" s="1132" t="str">
        <f t="shared" si="41"/>
        <v>n/a</v>
      </c>
    </row>
    <row r="43" spans="1:89" ht="185.25" x14ac:dyDescent="0.2">
      <c r="A43" s="992"/>
      <c r="B43" s="1126"/>
      <c r="C43" s="1126"/>
      <c r="D43" s="1126"/>
      <c r="E43" s="1126" t="s">
        <v>66</v>
      </c>
      <c r="F43" s="1026" t="s">
        <v>1668</v>
      </c>
      <c r="G43" s="1026" t="s">
        <v>1669</v>
      </c>
      <c r="H43" s="1026" t="s">
        <v>1670</v>
      </c>
      <c r="I43" s="1026" t="s">
        <v>1487</v>
      </c>
      <c r="J43" s="1026">
        <v>51.773087432948998</v>
      </c>
      <c r="K43" s="1026">
        <v>-0.46517518143189002</v>
      </c>
      <c r="L43" s="1026" t="s">
        <v>1560</v>
      </c>
      <c r="M43" s="1026" t="s">
        <v>1489</v>
      </c>
      <c r="N43" s="1026">
        <v>1</v>
      </c>
      <c r="O43" s="1026" t="s">
        <v>932</v>
      </c>
      <c r="P43" s="1026" t="s">
        <v>1490</v>
      </c>
      <c r="Q43" s="1026" t="s">
        <v>1491</v>
      </c>
      <c r="R43" s="1026" t="s">
        <v>1492</v>
      </c>
      <c r="S43" s="1026" t="s">
        <v>1493</v>
      </c>
      <c r="T43" s="1026"/>
      <c r="U43" s="1016" t="str">
        <f>_xlfn.XLOOKUP(F43, [4]GIS!D:D, [4]GIS!E:E, "Not mapped")</f>
        <v>Single - Scenario 1</v>
      </c>
      <c r="V43" s="1015" t="s">
        <v>1658</v>
      </c>
      <c r="W43" s="1056" t="s">
        <v>1667</v>
      </c>
      <c r="X43" s="1056" t="s">
        <v>127</v>
      </c>
      <c r="Y43" s="1020" t="s">
        <v>1498</v>
      </c>
      <c r="Z43" s="1020" t="s">
        <v>1498</v>
      </c>
      <c r="AA43" s="1020" t="s">
        <v>1498</v>
      </c>
      <c r="AB43" s="1020" t="s">
        <v>1498</v>
      </c>
      <c r="AC43" s="1020" t="s">
        <v>1498</v>
      </c>
      <c r="AD43" s="1020" t="s">
        <v>1498</v>
      </c>
      <c r="AE43" s="1020" t="s">
        <v>1498</v>
      </c>
      <c r="AF43" s="1020" t="s">
        <v>1498</v>
      </c>
      <c r="AG43" s="1020" t="s">
        <v>1498</v>
      </c>
      <c r="AH43" s="1020" t="s">
        <v>1498</v>
      </c>
      <c r="AI43" s="1020" t="s">
        <v>1498</v>
      </c>
      <c r="AJ43" s="1020" t="s">
        <v>1498</v>
      </c>
      <c r="AK43" s="1020" t="str">
        <f>IF(AJ43="n/a","n/a",ROUND((AJ43*[4]TripRateCalculations!$V$6),0))</f>
        <v>n/a</v>
      </c>
      <c r="AL43" s="1020" t="s">
        <v>1498</v>
      </c>
      <c r="AM43" s="1020" t="s">
        <v>1498</v>
      </c>
      <c r="AN43" s="1020" t="str">
        <f>IF(AT43="n/a","n/a",ROUND((AT43*[4]TripRateCalculations!N$4),0))</f>
        <v>n/a</v>
      </c>
      <c r="AO43" s="1020" t="str">
        <f>IF(AU43="n/a","n/a",ROUND((AU43*[4]TripRateCalculations!O$4),0))</f>
        <v>n/a</v>
      </c>
      <c r="AP43" s="1020" t="str">
        <f>IF(AV43="n/a","n/a",ROUND((AV43*[4]TripRateCalculations!P$4),0))</f>
        <v>n/a</v>
      </c>
      <c r="AQ43" s="1020" t="s">
        <v>1498</v>
      </c>
      <c r="AR43" s="1020" t="str">
        <f>IF(AX43="n/a","n/a",ROUND((AX43*[4]TripRateCalculations!R$4),0))</f>
        <v>n/a</v>
      </c>
      <c r="AS43" s="1020" t="str">
        <f>IF(AY43="n/a","n/a",ROUND((AY43*[4]TripRateCalculations!S$4),0))</f>
        <v>n/a</v>
      </c>
      <c r="AT43" s="1020" t="s">
        <v>1498</v>
      </c>
      <c r="AU43" s="1020" t="s">
        <v>1498</v>
      </c>
      <c r="AV43" s="1020" t="s">
        <v>1498</v>
      </c>
      <c r="AW43" s="1020" t="s">
        <v>1498</v>
      </c>
      <c r="AX43" s="1020" t="s">
        <v>1498</v>
      </c>
      <c r="AY43" s="1020" t="s">
        <v>1498</v>
      </c>
      <c r="AZ43" s="1020" t="s">
        <v>1498</v>
      </c>
      <c r="BA43" s="1020" t="s">
        <v>1498</v>
      </c>
      <c r="BB43" s="1020" t="s">
        <v>1498</v>
      </c>
      <c r="BC43" s="1020" t="s">
        <v>1498</v>
      </c>
      <c r="BD43" s="1020" t="s">
        <v>1498</v>
      </c>
      <c r="BE43" s="1020" t="s">
        <v>1498</v>
      </c>
      <c r="BF43" s="1020" t="s">
        <v>1498</v>
      </c>
      <c r="BG43" s="1020" t="s">
        <v>1498</v>
      </c>
      <c r="BH43" s="1027"/>
      <c r="BI43" s="1026" t="s">
        <v>722</v>
      </c>
      <c r="BJ43" s="1026" t="s">
        <v>53</v>
      </c>
      <c r="BK43" s="1114">
        <f>ROUND((VLOOKUP(F43,'[4]Cost Summary'!A:H,8,)),0.1)</f>
        <v>134473</v>
      </c>
      <c r="BL43" s="1108"/>
      <c r="BM43" s="1108"/>
      <c r="BN43" s="1109" t="s">
        <v>1527</v>
      </c>
      <c r="BO43" s="1130" t="s">
        <v>1528</v>
      </c>
      <c r="BP43" s="992"/>
      <c r="BQ43" s="1131" t="e">
        <f t="shared" si="21"/>
        <v>#VALUE!</v>
      </c>
      <c r="BR43" s="1131" t="e">
        <f t="shared" si="22"/>
        <v>#VALUE!</v>
      </c>
      <c r="BS43" s="1131" t="e">
        <f t="shared" si="23"/>
        <v>#VALUE!</v>
      </c>
      <c r="BT43" s="1131" t="e">
        <f t="shared" si="24"/>
        <v>#VALUE!</v>
      </c>
      <c r="BU43" s="1131" t="e">
        <f t="shared" si="25"/>
        <v>#VALUE!</v>
      </c>
      <c r="BV43" s="1131" t="e">
        <f t="shared" si="26"/>
        <v>#VALUE!</v>
      </c>
      <c r="BW43" s="1131" t="e">
        <f t="shared" si="27"/>
        <v>#VALUE!</v>
      </c>
      <c r="BX43" s="1131" t="e">
        <f t="shared" si="28"/>
        <v>#VALUE!</v>
      </c>
      <c r="BY43" s="1131" t="e">
        <f t="shared" si="29"/>
        <v>#VALUE!</v>
      </c>
      <c r="BZ43" s="1131" t="e">
        <f t="shared" si="30"/>
        <v>#VALUE!</v>
      </c>
      <c r="CA43" s="1131" t="e">
        <f t="shared" si="31"/>
        <v>#VALUE!</v>
      </c>
      <c r="CB43" s="1131" t="e">
        <f t="shared" si="32"/>
        <v>#VALUE!</v>
      </c>
      <c r="CC43" s="1131" t="e">
        <f t="shared" si="33"/>
        <v>#VALUE!</v>
      </c>
      <c r="CD43" s="1131" t="e">
        <f t="shared" si="34"/>
        <v>#VALUE!</v>
      </c>
      <c r="CE43" s="1131" t="e">
        <f t="shared" si="35"/>
        <v>#VALUE!</v>
      </c>
      <c r="CF43" s="1131" t="e">
        <f t="shared" si="36"/>
        <v>#VALUE!</v>
      </c>
      <c r="CG43" s="1131" t="e">
        <f t="shared" si="37"/>
        <v>#VALUE!</v>
      </c>
      <c r="CH43" s="1131" t="e">
        <f t="shared" si="38"/>
        <v>#VALUE!</v>
      </c>
      <c r="CI43" s="1131" t="e">
        <f t="shared" si="39"/>
        <v>#VALUE!</v>
      </c>
      <c r="CJ43" s="1131" t="e">
        <f t="shared" si="40"/>
        <v>#VALUE!</v>
      </c>
      <c r="CK43" s="1132" t="str">
        <f t="shared" si="41"/>
        <v>n/a</v>
      </c>
    </row>
    <row r="44" spans="1:89" ht="128.25" x14ac:dyDescent="0.2">
      <c r="A44" s="992"/>
      <c r="B44" s="1126"/>
      <c r="C44" s="1126"/>
      <c r="D44" s="1126"/>
      <c r="E44" s="1126"/>
      <c r="F44" s="1026" t="s">
        <v>1671</v>
      </c>
      <c r="G44" s="1026" t="s">
        <v>922</v>
      </c>
      <c r="H44" s="1026" t="s">
        <v>923</v>
      </c>
      <c r="I44" s="1026" t="s">
        <v>1648</v>
      </c>
      <c r="J44" s="1026">
        <v>51.754334069999999</v>
      </c>
      <c r="K44" s="1026">
        <v>-0.42429657599999998</v>
      </c>
      <c r="L44" s="1026" t="s">
        <v>1560</v>
      </c>
      <c r="M44" s="1026" t="s">
        <v>1489</v>
      </c>
      <c r="N44" s="1026">
        <v>1</v>
      </c>
      <c r="O44" s="1026" t="s">
        <v>900</v>
      </c>
      <c r="P44" s="1026" t="s">
        <v>1490</v>
      </c>
      <c r="Q44" s="1026" t="s">
        <v>1491</v>
      </c>
      <c r="R44" s="1026" t="s">
        <v>1492</v>
      </c>
      <c r="S44" s="1026" t="s">
        <v>1493</v>
      </c>
      <c r="T44" s="1026" t="s">
        <v>1672</v>
      </c>
      <c r="U44" s="1016" t="str">
        <f>_xlfn.XLOOKUP(F44, [4]GIS!D:D, [4]GIS!E:E, "Not mapped")</f>
        <v>Single - Scenario 2</v>
      </c>
      <c r="V44" s="1026" t="s">
        <v>1542</v>
      </c>
      <c r="W44" s="1056" t="s">
        <v>1667</v>
      </c>
      <c r="X44" s="1056" t="s">
        <v>1603</v>
      </c>
      <c r="Y44" s="1020" t="s">
        <v>1498</v>
      </c>
      <c r="Z44" s="1020" t="s">
        <v>1498</v>
      </c>
      <c r="AA44" s="1020" t="s">
        <v>1498</v>
      </c>
      <c r="AB44" s="1020" t="s">
        <v>1498</v>
      </c>
      <c r="AC44" s="1020" t="s">
        <v>1498</v>
      </c>
      <c r="AD44" s="1020" t="s">
        <v>1498</v>
      </c>
      <c r="AE44" s="1020" t="s">
        <v>1498</v>
      </c>
      <c r="AF44" s="1020" t="s">
        <v>1498</v>
      </c>
      <c r="AG44" s="1020" t="s">
        <v>1498</v>
      </c>
      <c r="AH44" s="1020" t="s">
        <v>1498</v>
      </c>
      <c r="AI44" s="1020" t="s">
        <v>1498</v>
      </c>
      <c r="AJ44" s="1020" t="s">
        <v>1498</v>
      </c>
      <c r="AK44" s="1020" t="str">
        <f>IF(AJ44="n/a","n/a",ROUND((AJ44*[4]TripRateCalculations!$V$6),0))</f>
        <v>n/a</v>
      </c>
      <c r="AL44" s="1020" t="s">
        <v>1498</v>
      </c>
      <c r="AM44" s="1020" t="s">
        <v>1498</v>
      </c>
      <c r="AN44" s="1020" t="str">
        <f>IF(AT44="n/a","n/a",ROUND((AT44*[4]TripRateCalculations!N$4),0))</f>
        <v>n/a</v>
      </c>
      <c r="AO44" s="1020" t="str">
        <f>IF(AU44="n/a","n/a",ROUND((AU44*[4]TripRateCalculations!O$4),0))</f>
        <v>n/a</v>
      </c>
      <c r="AP44" s="1020" t="str">
        <f>IF(AV44="n/a","n/a",ROUND((AV44*[4]TripRateCalculations!P$4),0))</f>
        <v>n/a</v>
      </c>
      <c r="AQ44" s="1020" t="str">
        <f>IF(AW44="n/a","n/a",ROUND((AW44*[4]TripRateCalculations!Q$4),0))</f>
        <v>n/a</v>
      </c>
      <c r="AR44" s="1020" t="str">
        <f>IF(AX44="n/a","n/a",ROUND((AX44*[4]TripRateCalculations!R$4),0))</f>
        <v>n/a</v>
      </c>
      <c r="AS44" s="1020" t="str">
        <f>IF(AY44="n/a","n/a",ROUND((AY44*[4]TripRateCalculations!S$4),0))</f>
        <v>n/a</v>
      </c>
      <c r="AT44" s="1020" t="s">
        <v>1498</v>
      </c>
      <c r="AU44" s="1020" t="s">
        <v>1498</v>
      </c>
      <c r="AV44" s="1020" t="s">
        <v>1498</v>
      </c>
      <c r="AW44" s="1020" t="s">
        <v>1498</v>
      </c>
      <c r="AX44" s="1020" t="s">
        <v>1498</v>
      </c>
      <c r="AY44" s="1020" t="s">
        <v>1498</v>
      </c>
      <c r="AZ44" s="1020" t="s">
        <v>1498</v>
      </c>
      <c r="BA44" s="1020" t="s">
        <v>1498</v>
      </c>
      <c r="BB44" s="1020" t="s">
        <v>1498</v>
      </c>
      <c r="BC44" s="1020" t="s">
        <v>1498</v>
      </c>
      <c r="BD44" s="1020" t="s">
        <v>1498</v>
      </c>
      <c r="BE44" s="1020" t="s">
        <v>1498</v>
      </c>
      <c r="BF44" s="1020" t="s">
        <v>1498</v>
      </c>
      <c r="BG44" s="1020" t="str">
        <f>IF(BF44="n/a","n/a",ROUND((BF44*[4]TripRateCalculations!Q$4),0))</f>
        <v>n/a</v>
      </c>
      <c r="BH44" s="1027" t="s">
        <v>1539</v>
      </c>
      <c r="BI44" s="1026" t="s">
        <v>834</v>
      </c>
      <c r="BJ44" s="1026" t="s">
        <v>869</v>
      </c>
      <c r="BK44" s="1051">
        <f>ROUND((VLOOKUP(F44,'[4]Cost Summary'!A:H,8,)),0.1)</f>
        <v>7594</v>
      </c>
      <c r="BL44" s="1026">
        <v>1</v>
      </c>
      <c r="BM44" s="1026">
        <v>8</v>
      </c>
      <c r="BN44" s="1044" t="s">
        <v>1584</v>
      </c>
      <c r="BO44" s="1130">
        <v>4933.5</v>
      </c>
      <c r="BP44" s="992"/>
      <c r="BQ44" s="1131" t="e">
        <f t="shared" si="21"/>
        <v>#VALUE!</v>
      </c>
      <c r="BR44" s="1131" t="e">
        <f t="shared" si="22"/>
        <v>#VALUE!</v>
      </c>
      <c r="BS44" s="1131" t="e">
        <f t="shared" si="23"/>
        <v>#VALUE!</v>
      </c>
      <c r="BT44" s="1131" t="e">
        <f t="shared" si="24"/>
        <v>#VALUE!</v>
      </c>
      <c r="BU44" s="1131" t="e">
        <f t="shared" si="25"/>
        <v>#VALUE!</v>
      </c>
      <c r="BV44" s="1131" t="e">
        <f t="shared" si="26"/>
        <v>#VALUE!</v>
      </c>
      <c r="BW44" s="1131" t="e">
        <f t="shared" si="27"/>
        <v>#VALUE!</v>
      </c>
      <c r="BX44" s="1131" t="e">
        <f t="shared" si="28"/>
        <v>#VALUE!</v>
      </c>
      <c r="BY44" s="1131" t="e">
        <f t="shared" si="29"/>
        <v>#VALUE!</v>
      </c>
      <c r="BZ44" s="1131" t="e">
        <f t="shared" si="30"/>
        <v>#VALUE!</v>
      </c>
      <c r="CA44" s="1131" t="e">
        <f t="shared" si="31"/>
        <v>#VALUE!</v>
      </c>
      <c r="CB44" s="1131" t="e">
        <f t="shared" si="32"/>
        <v>#VALUE!</v>
      </c>
      <c r="CC44" s="1131" t="e">
        <f t="shared" si="33"/>
        <v>#VALUE!</v>
      </c>
      <c r="CD44" s="1131" t="e">
        <f t="shared" si="34"/>
        <v>#VALUE!</v>
      </c>
      <c r="CE44" s="1131" t="e">
        <f t="shared" si="35"/>
        <v>#VALUE!</v>
      </c>
      <c r="CF44" s="1131" t="e">
        <f t="shared" si="36"/>
        <v>#VALUE!</v>
      </c>
      <c r="CG44" s="1131" t="e">
        <f t="shared" si="37"/>
        <v>#VALUE!</v>
      </c>
      <c r="CH44" s="1131" t="e">
        <f t="shared" si="38"/>
        <v>#VALUE!</v>
      </c>
      <c r="CI44" s="1131" t="e">
        <f t="shared" si="39"/>
        <v>#VALUE!</v>
      </c>
      <c r="CJ44" s="1131" t="e">
        <f t="shared" si="40"/>
        <v>#VALUE!</v>
      </c>
      <c r="CK44" s="1132" t="str">
        <f t="shared" si="41"/>
        <v>n/a</v>
      </c>
    </row>
    <row r="45" spans="1:89" ht="75" x14ac:dyDescent="0.2">
      <c r="A45" s="992"/>
      <c r="B45" s="1126" t="s">
        <v>66</v>
      </c>
      <c r="C45" s="1126"/>
      <c r="D45" s="1126"/>
      <c r="E45" s="1126"/>
      <c r="F45" s="1026" t="s">
        <v>1673</v>
      </c>
      <c r="G45" s="1026" t="s">
        <v>924</v>
      </c>
      <c r="H45" s="1026" t="s">
        <v>925</v>
      </c>
      <c r="I45" s="1026" t="s">
        <v>1487</v>
      </c>
      <c r="J45" s="1026">
        <v>51.737615140000003</v>
      </c>
      <c r="K45" s="1026">
        <v>-0.43622331800000003</v>
      </c>
      <c r="L45" s="1026" t="s">
        <v>1674</v>
      </c>
      <c r="M45" s="1026" t="s">
        <v>1489</v>
      </c>
      <c r="N45" s="1026">
        <v>1</v>
      </c>
      <c r="O45" s="1026" t="s">
        <v>900</v>
      </c>
      <c r="P45" s="1026" t="s">
        <v>1490</v>
      </c>
      <c r="Q45" s="1026" t="s">
        <v>1491</v>
      </c>
      <c r="R45" s="1026" t="s">
        <v>1492</v>
      </c>
      <c r="S45" s="1026" t="s">
        <v>1493</v>
      </c>
      <c r="T45" s="1026" t="s">
        <v>1610</v>
      </c>
      <c r="U45" s="1016" t="str">
        <f>_xlfn.XLOOKUP(F45, [4]GIS!D:D, [4]GIS!E:E, "Not mapped")</f>
        <v>Single - Scenario 2 (longer segment, one edge in close proximity of a development)</v>
      </c>
      <c r="V45" s="1031" t="s">
        <v>1495</v>
      </c>
      <c r="W45" s="1056" t="s">
        <v>1667</v>
      </c>
      <c r="X45" s="1057" t="s">
        <v>1603</v>
      </c>
      <c r="Y45" s="1020" t="s">
        <v>1498</v>
      </c>
      <c r="Z45" s="1020" t="s">
        <v>1498</v>
      </c>
      <c r="AA45" s="1020" t="s">
        <v>1498</v>
      </c>
      <c r="AB45" s="1020" t="s">
        <v>1498</v>
      </c>
      <c r="AC45" s="1020" t="s">
        <v>1498</v>
      </c>
      <c r="AD45" s="1020" t="s">
        <v>1498</v>
      </c>
      <c r="AE45" s="1020" t="s">
        <v>1498</v>
      </c>
      <c r="AF45" s="1020" t="s">
        <v>1498</v>
      </c>
      <c r="AG45" s="1020" t="s">
        <v>1498</v>
      </c>
      <c r="AH45" s="1020" t="s">
        <v>1498</v>
      </c>
      <c r="AI45" s="1020" t="s">
        <v>1498</v>
      </c>
      <c r="AJ45" s="1020" t="s">
        <v>1498</v>
      </c>
      <c r="AK45" s="1020" t="str">
        <f>IF(AJ45="n/a","n/a",ROUND((AJ45*[4]TripRateCalculations!$V$6),0))</f>
        <v>n/a</v>
      </c>
      <c r="AL45" s="1020" t="s">
        <v>1498</v>
      </c>
      <c r="AM45" s="1020" t="s">
        <v>1498</v>
      </c>
      <c r="AN45" s="1020" t="str">
        <f>IF(AT45="n/a","n/a",ROUND((AT45*[4]TripRateCalculations!N$4),0))</f>
        <v>n/a</v>
      </c>
      <c r="AO45" s="1020" t="str">
        <f>IF(AU45="n/a","n/a",ROUND((AU45*[4]TripRateCalculations!O$4),0))</f>
        <v>n/a</v>
      </c>
      <c r="AP45" s="1020" t="str">
        <f>IF(AV45="n/a","n/a",ROUND((AV45*[4]TripRateCalculations!P$4),0))</f>
        <v>n/a</v>
      </c>
      <c r="AQ45" s="1020" t="str">
        <f>IF(AW45="n/a","n/a",ROUND((AW45*[4]TripRateCalculations!Q$4),0))</f>
        <v>n/a</v>
      </c>
      <c r="AR45" s="1020" t="str">
        <f>IF(AX45="n/a","n/a",ROUND((AX45*[4]TripRateCalculations!R$4),0))</f>
        <v>n/a</v>
      </c>
      <c r="AS45" s="1020" t="str">
        <f>IF(AY45="n/a","n/a",ROUND((AY45*[4]TripRateCalculations!S$4),0))</f>
        <v>n/a</v>
      </c>
      <c r="AT45" s="1020" t="s">
        <v>1498</v>
      </c>
      <c r="AU45" s="1020" t="s">
        <v>1498</v>
      </c>
      <c r="AV45" s="1020" t="s">
        <v>1498</v>
      </c>
      <c r="AW45" s="1020" t="s">
        <v>1498</v>
      </c>
      <c r="AX45" s="1020" t="s">
        <v>1498</v>
      </c>
      <c r="AY45" s="1020" t="s">
        <v>1498</v>
      </c>
      <c r="AZ45" s="1020" t="s">
        <v>1498</v>
      </c>
      <c r="BA45" s="1020" t="s">
        <v>1498</v>
      </c>
      <c r="BB45" s="1020" t="s">
        <v>1498</v>
      </c>
      <c r="BC45" s="1020" t="s">
        <v>1498</v>
      </c>
      <c r="BD45" s="1020" t="s">
        <v>1498</v>
      </c>
      <c r="BE45" s="1020" t="s">
        <v>1498</v>
      </c>
      <c r="BF45" s="1020" t="s">
        <v>1498</v>
      </c>
      <c r="BG45" s="1020" t="str">
        <f>IF(BF45="n/a","n/a",ROUND((BF45*[4]TripRateCalculations!Q$4),0))</f>
        <v>n/a</v>
      </c>
      <c r="BH45" s="1027" t="s">
        <v>1675</v>
      </c>
      <c r="BI45" s="1026" t="s">
        <v>834</v>
      </c>
      <c r="BJ45" s="1026" t="s">
        <v>937</v>
      </c>
      <c r="BK45" s="1051">
        <f>ROUND((VLOOKUP(F45,'[4]Cost Summary'!A:H,8,)),0.1)</f>
        <v>334760</v>
      </c>
      <c r="BL45" s="1026">
        <v>0</v>
      </c>
      <c r="BM45" s="1026" t="s">
        <v>1500</v>
      </c>
      <c r="BN45" s="1044" t="s">
        <v>1584</v>
      </c>
      <c r="BO45" s="1130">
        <v>217485.13</v>
      </c>
      <c r="BP45" s="992"/>
      <c r="BQ45" s="1131" t="e">
        <f t="shared" si="21"/>
        <v>#VALUE!</v>
      </c>
      <c r="BR45" s="1131" t="e">
        <f t="shared" si="22"/>
        <v>#VALUE!</v>
      </c>
      <c r="BS45" s="1131" t="e">
        <f t="shared" si="23"/>
        <v>#VALUE!</v>
      </c>
      <c r="BT45" s="1131" t="e">
        <f t="shared" si="24"/>
        <v>#VALUE!</v>
      </c>
      <c r="BU45" s="1131" t="e">
        <f t="shared" si="25"/>
        <v>#VALUE!</v>
      </c>
      <c r="BV45" s="1131" t="e">
        <f t="shared" si="26"/>
        <v>#VALUE!</v>
      </c>
      <c r="BW45" s="1131" t="e">
        <f t="shared" si="27"/>
        <v>#VALUE!</v>
      </c>
      <c r="BX45" s="1131" t="e">
        <f t="shared" si="28"/>
        <v>#VALUE!</v>
      </c>
      <c r="BY45" s="1131" t="e">
        <f t="shared" si="29"/>
        <v>#VALUE!</v>
      </c>
      <c r="BZ45" s="1131" t="e">
        <f t="shared" si="30"/>
        <v>#VALUE!</v>
      </c>
      <c r="CA45" s="1131" t="e">
        <f t="shared" si="31"/>
        <v>#VALUE!</v>
      </c>
      <c r="CB45" s="1131" t="e">
        <f t="shared" si="32"/>
        <v>#VALUE!</v>
      </c>
      <c r="CC45" s="1131" t="e">
        <f t="shared" si="33"/>
        <v>#VALUE!</v>
      </c>
      <c r="CD45" s="1131" t="e">
        <f t="shared" si="34"/>
        <v>#VALUE!</v>
      </c>
      <c r="CE45" s="1131" t="e">
        <f t="shared" si="35"/>
        <v>#VALUE!</v>
      </c>
      <c r="CF45" s="1131" t="e">
        <f t="shared" si="36"/>
        <v>#VALUE!</v>
      </c>
      <c r="CG45" s="1131" t="e">
        <f t="shared" si="37"/>
        <v>#VALUE!</v>
      </c>
      <c r="CH45" s="1131" t="e">
        <f t="shared" si="38"/>
        <v>#VALUE!</v>
      </c>
      <c r="CI45" s="1131" t="e">
        <f t="shared" si="39"/>
        <v>#VALUE!</v>
      </c>
      <c r="CJ45" s="1131" t="e">
        <f t="shared" si="40"/>
        <v>#VALUE!</v>
      </c>
      <c r="CK45" s="1132" t="str">
        <f t="shared" si="41"/>
        <v>n/a</v>
      </c>
    </row>
    <row r="46" spans="1:89" ht="99.75" x14ac:dyDescent="0.2">
      <c r="A46" s="992"/>
      <c r="B46" s="1126"/>
      <c r="C46" s="1126"/>
      <c r="D46" s="1126"/>
      <c r="E46" s="1126"/>
      <c r="F46" s="1026" t="s">
        <v>1676</v>
      </c>
      <c r="G46" s="1026" t="s">
        <v>926</v>
      </c>
      <c r="H46" s="1026" t="s">
        <v>927</v>
      </c>
      <c r="I46" s="1026" t="s">
        <v>1487</v>
      </c>
      <c r="J46" s="1026">
        <v>51.742133850000002</v>
      </c>
      <c r="K46" s="1026">
        <v>-0.41906038000000001</v>
      </c>
      <c r="L46" s="1026" t="s">
        <v>1674</v>
      </c>
      <c r="M46" s="1026" t="s">
        <v>1489</v>
      </c>
      <c r="N46" s="1026">
        <v>1</v>
      </c>
      <c r="O46" s="1026" t="s">
        <v>900</v>
      </c>
      <c r="P46" s="1026" t="s">
        <v>1490</v>
      </c>
      <c r="Q46" s="1026" t="s">
        <v>1491</v>
      </c>
      <c r="R46" s="1026" t="s">
        <v>1492</v>
      </c>
      <c r="S46" s="1026" t="s">
        <v>1493</v>
      </c>
      <c r="T46" s="1026" t="s">
        <v>1672</v>
      </c>
      <c r="U46" s="1016" t="str">
        <f>_xlfn.XLOOKUP(F46, [4]GIS!D:D, [4]GIS!E:E, "Not mapped")</f>
        <v>Single - Scenario 2</v>
      </c>
      <c r="V46" s="1026" t="s">
        <v>1508</v>
      </c>
      <c r="W46" s="1057" t="s">
        <v>1667</v>
      </c>
      <c r="X46" s="1057" t="s">
        <v>1603</v>
      </c>
      <c r="Y46" s="1020" t="s">
        <v>1498</v>
      </c>
      <c r="Z46" s="1020" t="s">
        <v>1498</v>
      </c>
      <c r="AA46" s="1020" t="s">
        <v>1498</v>
      </c>
      <c r="AB46" s="1020" t="s">
        <v>1498</v>
      </c>
      <c r="AC46" s="1020" t="s">
        <v>1498</v>
      </c>
      <c r="AD46" s="1020" t="s">
        <v>1498</v>
      </c>
      <c r="AE46" s="1020" t="s">
        <v>1498</v>
      </c>
      <c r="AF46" s="1020" t="s">
        <v>1498</v>
      </c>
      <c r="AG46" s="1020" t="s">
        <v>1498</v>
      </c>
      <c r="AH46" s="1020" t="s">
        <v>1498</v>
      </c>
      <c r="AI46" s="1020" t="s">
        <v>1498</v>
      </c>
      <c r="AJ46" s="1020" t="s">
        <v>1498</v>
      </c>
      <c r="AK46" s="1020" t="str">
        <f>IF(AJ46="n/a","n/a",ROUND((AJ46*[4]TripRateCalculations!$V$6),0))</f>
        <v>n/a</v>
      </c>
      <c r="AL46" s="1020" t="s">
        <v>1498</v>
      </c>
      <c r="AM46" s="1020" t="s">
        <v>1498</v>
      </c>
      <c r="AN46" s="1020" t="str">
        <f>IF(AT46="n/a","n/a",ROUND((AT46*[4]TripRateCalculations!N$4),0))</f>
        <v>n/a</v>
      </c>
      <c r="AO46" s="1020" t="str">
        <f>IF(AU46="n/a","n/a",ROUND((AU46*[4]TripRateCalculations!O$4),0))</f>
        <v>n/a</v>
      </c>
      <c r="AP46" s="1020" t="str">
        <f>IF(AV46="n/a","n/a",ROUND((AV46*[4]TripRateCalculations!P$4),0))</f>
        <v>n/a</v>
      </c>
      <c r="AQ46" s="1020" t="str">
        <f>IF(AW46="n/a","n/a",ROUND((AW46*[4]TripRateCalculations!Q$4),0))</f>
        <v>n/a</v>
      </c>
      <c r="AR46" s="1020" t="str">
        <f>IF(AX46="n/a","n/a",ROUND((AX46*[4]TripRateCalculations!R$4),0))</f>
        <v>n/a</v>
      </c>
      <c r="AS46" s="1020" t="str">
        <f>IF(AY46="n/a","n/a",ROUND((AY46*[4]TripRateCalculations!S$4),0))</f>
        <v>n/a</v>
      </c>
      <c r="AT46" s="1020" t="s">
        <v>1498</v>
      </c>
      <c r="AU46" s="1020" t="s">
        <v>1498</v>
      </c>
      <c r="AV46" s="1020" t="s">
        <v>1498</v>
      </c>
      <c r="AW46" s="1020" t="s">
        <v>1498</v>
      </c>
      <c r="AX46" s="1020" t="s">
        <v>1498</v>
      </c>
      <c r="AY46" s="1020" t="s">
        <v>1498</v>
      </c>
      <c r="AZ46" s="1020" t="s">
        <v>1498</v>
      </c>
      <c r="BA46" s="1020" t="s">
        <v>1498</v>
      </c>
      <c r="BB46" s="1020" t="s">
        <v>1498</v>
      </c>
      <c r="BC46" s="1020" t="s">
        <v>1498</v>
      </c>
      <c r="BD46" s="1020" t="s">
        <v>1498</v>
      </c>
      <c r="BE46" s="1020" t="s">
        <v>1498</v>
      </c>
      <c r="BF46" s="1020" t="s">
        <v>1498</v>
      </c>
      <c r="BG46" s="1020" t="str">
        <f>IF(BF46="n/a","n/a",ROUND((BF46*[4]TripRateCalculations!Q$4),0))</f>
        <v>n/a</v>
      </c>
      <c r="BH46" s="1027" t="s">
        <v>1642</v>
      </c>
      <c r="BI46" s="1026" t="s">
        <v>834</v>
      </c>
      <c r="BJ46" s="1026" t="s">
        <v>869</v>
      </c>
      <c r="BK46" s="1051">
        <f>ROUND((VLOOKUP(F46,'[4]Cost Summary'!A:H,8,)),0.1)</f>
        <v>506253</v>
      </c>
      <c r="BL46" s="1026">
        <v>0</v>
      </c>
      <c r="BM46" s="1026" t="s">
        <v>1500</v>
      </c>
      <c r="BN46" s="1044" t="s">
        <v>1584</v>
      </c>
      <c r="BO46" s="1130">
        <v>328900</v>
      </c>
      <c r="BP46" s="992"/>
      <c r="BQ46" s="1131" t="e">
        <f t="shared" si="21"/>
        <v>#VALUE!</v>
      </c>
      <c r="BR46" s="1131" t="e">
        <f t="shared" si="22"/>
        <v>#VALUE!</v>
      </c>
      <c r="BS46" s="1131" t="e">
        <f t="shared" si="23"/>
        <v>#VALUE!</v>
      </c>
      <c r="BT46" s="1131" t="e">
        <f t="shared" si="24"/>
        <v>#VALUE!</v>
      </c>
      <c r="BU46" s="1131" t="e">
        <f t="shared" si="25"/>
        <v>#VALUE!</v>
      </c>
      <c r="BV46" s="1131" t="e">
        <f t="shared" si="26"/>
        <v>#VALUE!</v>
      </c>
      <c r="BW46" s="1131" t="e">
        <f t="shared" si="27"/>
        <v>#VALUE!</v>
      </c>
      <c r="BX46" s="1131" t="e">
        <f t="shared" si="28"/>
        <v>#VALUE!</v>
      </c>
      <c r="BY46" s="1131" t="e">
        <f t="shared" si="29"/>
        <v>#VALUE!</v>
      </c>
      <c r="BZ46" s="1131" t="e">
        <f t="shared" si="30"/>
        <v>#VALUE!</v>
      </c>
      <c r="CA46" s="1131" t="e">
        <f t="shared" si="31"/>
        <v>#VALUE!</v>
      </c>
      <c r="CB46" s="1131" t="e">
        <f t="shared" si="32"/>
        <v>#VALUE!</v>
      </c>
      <c r="CC46" s="1131" t="e">
        <f t="shared" si="33"/>
        <v>#VALUE!</v>
      </c>
      <c r="CD46" s="1131" t="e">
        <f t="shared" si="34"/>
        <v>#VALUE!</v>
      </c>
      <c r="CE46" s="1131" t="e">
        <f t="shared" si="35"/>
        <v>#VALUE!</v>
      </c>
      <c r="CF46" s="1131" t="e">
        <f t="shared" si="36"/>
        <v>#VALUE!</v>
      </c>
      <c r="CG46" s="1131" t="e">
        <f t="shared" si="37"/>
        <v>#VALUE!</v>
      </c>
      <c r="CH46" s="1131" t="e">
        <f t="shared" si="38"/>
        <v>#VALUE!</v>
      </c>
      <c r="CI46" s="1131" t="e">
        <f t="shared" si="39"/>
        <v>#VALUE!</v>
      </c>
      <c r="CJ46" s="1131" t="e">
        <f t="shared" si="40"/>
        <v>#VALUE!</v>
      </c>
      <c r="CK46" s="1132" t="str">
        <f t="shared" si="41"/>
        <v>n/a</v>
      </c>
    </row>
    <row r="47" spans="1:89" ht="99.75" x14ac:dyDescent="0.2">
      <c r="A47" s="992"/>
      <c r="B47" s="1126"/>
      <c r="C47" s="1126"/>
      <c r="D47" s="1126"/>
      <c r="E47" s="1126"/>
      <c r="F47" s="1026" t="s">
        <v>1677</v>
      </c>
      <c r="G47" s="1026" t="s">
        <v>928</v>
      </c>
      <c r="H47" s="1026" t="s">
        <v>929</v>
      </c>
      <c r="I47" s="1026" t="s">
        <v>1487</v>
      </c>
      <c r="J47" s="1026">
        <v>51.765134689999996</v>
      </c>
      <c r="K47" s="1026">
        <v>-0.50813070500000002</v>
      </c>
      <c r="L47" s="1026" t="s">
        <v>1560</v>
      </c>
      <c r="M47" s="1026" t="s">
        <v>1489</v>
      </c>
      <c r="N47" s="1026">
        <v>2</v>
      </c>
      <c r="O47" s="1026" t="s">
        <v>900</v>
      </c>
      <c r="P47" s="1026" t="s">
        <v>1490</v>
      </c>
      <c r="Q47" s="1026" t="s">
        <v>1491</v>
      </c>
      <c r="R47" s="1026" t="s">
        <v>1492</v>
      </c>
      <c r="S47" s="1026" t="s">
        <v>1493</v>
      </c>
      <c r="T47" s="1026" t="s">
        <v>1610</v>
      </c>
      <c r="U47" s="1016" t="str">
        <f>_xlfn.XLOOKUP(F47, [4]GIS!D:D, [4]GIS!E:E, "Not mapped")</f>
        <v>Single - Scenario 2</v>
      </c>
      <c r="V47" s="1026" t="s">
        <v>1542</v>
      </c>
      <c r="W47" s="1056" t="s">
        <v>1667</v>
      </c>
      <c r="X47" s="1056" t="s">
        <v>27</v>
      </c>
      <c r="Y47" s="1020" t="s">
        <v>1498</v>
      </c>
      <c r="Z47" s="1020" t="s">
        <v>1498</v>
      </c>
      <c r="AA47" s="1020" t="s">
        <v>1498</v>
      </c>
      <c r="AB47" s="1020" t="s">
        <v>1498</v>
      </c>
      <c r="AC47" s="1020" t="s">
        <v>1498</v>
      </c>
      <c r="AD47" s="1020" t="s">
        <v>1498</v>
      </c>
      <c r="AE47" s="1020" t="s">
        <v>1498</v>
      </c>
      <c r="AF47" s="1020" t="s">
        <v>1498</v>
      </c>
      <c r="AG47" s="1020" t="s">
        <v>1498</v>
      </c>
      <c r="AH47" s="1020" t="s">
        <v>1498</v>
      </c>
      <c r="AI47" s="1020" t="s">
        <v>1498</v>
      </c>
      <c r="AJ47" s="1020" t="s">
        <v>1498</v>
      </c>
      <c r="AK47" s="1020" t="str">
        <f>IF(AJ47="n/a","n/a",ROUND((AJ47*[4]TripRateCalculations!$V$6),0))</f>
        <v>n/a</v>
      </c>
      <c r="AL47" s="1020" t="s">
        <v>1498</v>
      </c>
      <c r="AM47" s="1020" t="s">
        <v>1498</v>
      </c>
      <c r="AN47" s="1020" t="str">
        <f>IF(AT47="n/a","n/a",ROUND((AT47*[4]TripRateCalculations!N$4),0))</f>
        <v>n/a</v>
      </c>
      <c r="AO47" s="1020" t="str">
        <f>IF(AU47="n/a","n/a",ROUND((AU47*[4]TripRateCalculations!O$4),0))</f>
        <v>n/a</v>
      </c>
      <c r="AP47" s="1020" t="str">
        <f>IF(AV47="n/a","n/a",ROUND((AV47*[4]TripRateCalculations!P$4),0))</f>
        <v>n/a</v>
      </c>
      <c r="AQ47" s="1020" t="str">
        <f>IF(AW47="n/a","n/a",ROUND((AW47*[4]TripRateCalculations!Q$4),0))</f>
        <v>n/a</v>
      </c>
      <c r="AR47" s="1020" t="str">
        <f>IF(AX47="n/a","n/a",ROUND((AX47*[4]TripRateCalculations!R$4),0))</f>
        <v>n/a</v>
      </c>
      <c r="AS47" s="1020" t="str">
        <f>IF(AY47="n/a","n/a",ROUND((AY47*[4]TripRateCalculations!S$4),0))</f>
        <v>n/a</v>
      </c>
      <c r="AT47" s="1020" t="s">
        <v>1498</v>
      </c>
      <c r="AU47" s="1020" t="s">
        <v>1498</v>
      </c>
      <c r="AV47" s="1020" t="s">
        <v>1498</v>
      </c>
      <c r="AW47" s="1020" t="s">
        <v>1498</v>
      </c>
      <c r="AX47" s="1020" t="s">
        <v>1498</v>
      </c>
      <c r="AY47" s="1020" t="s">
        <v>1498</v>
      </c>
      <c r="AZ47" s="1020" t="s">
        <v>1498</v>
      </c>
      <c r="BA47" s="1020" t="s">
        <v>1498</v>
      </c>
      <c r="BB47" s="1020" t="s">
        <v>1498</v>
      </c>
      <c r="BC47" s="1020" t="s">
        <v>1498</v>
      </c>
      <c r="BD47" s="1020" t="s">
        <v>1498</v>
      </c>
      <c r="BE47" s="1020" t="s">
        <v>1498</v>
      </c>
      <c r="BF47" s="1020" t="s">
        <v>1498</v>
      </c>
      <c r="BG47" s="1020" t="str">
        <f>IF(BF47="n/a","n/a",ROUND((BF47*[4]TripRateCalculations!Q$4),0))</f>
        <v>n/a</v>
      </c>
      <c r="BH47" s="1027" t="s">
        <v>1678</v>
      </c>
      <c r="BI47" s="1026" t="s">
        <v>834</v>
      </c>
      <c r="BJ47" s="1026" t="s">
        <v>53</v>
      </c>
      <c r="BK47" s="1051">
        <f>ROUND((VLOOKUP(F47,'[4]Cost Summary'!A:H,8,)),0.1)</f>
        <v>18984</v>
      </c>
      <c r="BL47" s="1026">
        <v>0</v>
      </c>
      <c r="BM47" s="1026" t="s">
        <v>1500</v>
      </c>
      <c r="BN47" s="1044" t="s">
        <v>1584</v>
      </c>
      <c r="BO47" s="1130">
        <v>12333.75</v>
      </c>
      <c r="BP47" s="992"/>
      <c r="BQ47" s="1131" t="e">
        <f t="shared" si="21"/>
        <v>#VALUE!</v>
      </c>
      <c r="BR47" s="1131" t="e">
        <f t="shared" si="22"/>
        <v>#VALUE!</v>
      </c>
      <c r="BS47" s="1131" t="e">
        <f t="shared" si="23"/>
        <v>#VALUE!</v>
      </c>
      <c r="BT47" s="1131" t="e">
        <f t="shared" si="24"/>
        <v>#VALUE!</v>
      </c>
      <c r="BU47" s="1131" t="e">
        <f t="shared" si="25"/>
        <v>#VALUE!</v>
      </c>
      <c r="BV47" s="1131" t="e">
        <f t="shared" si="26"/>
        <v>#VALUE!</v>
      </c>
      <c r="BW47" s="1131" t="e">
        <f t="shared" si="27"/>
        <v>#VALUE!</v>
      </c>
      <c r="BX47" s="1131" t="e">
        <f t="shared" si="28"/>
        <v>#VALUE!</v>
      </c>
      <c r="BY47" s="1131" t="e">
        <f t="shared" si="29"/>
        <v>#VALUE!</v>
      </c>
      <c r="BZ47" s="1131" t="e">
        <f t="shared" si="30"/>
        <v>#VALUE!</v>
      </c>
      <c r="CA47" s="1131" t="e">
        <f t="shared" si="31"/>
        <v>#VALUE!</v>
      </c>
      <c r="CB47" s="1131" t="e">
        <f t="shared" si="32"/>
        <v>#VALUE!</v>
      </c>
      <c r="CC47" s="1131" t="e">
        <f t="shared" si="33"/>
        <v>#VALUE!</v>
      </c>
      <c r="CD47" s="1131" t="e">
        <f t="shared" si="34"/>
        <v>#VALUE!</v>
      </c>
      <c r="CE47" s="1131" t="e">
        <f t="shared" si="35"/>
        <v>#VALUE!</v>
      </c>
      <c r="CF47" s="1131" t="e">
        <f t="shared" si="36"/>
        <v>#VALUE!</v>
      </c>
      <c r="CG47" s="1131" t="e">
        <f t="shared" si="37"/>
        <v>#VALUE!</v>
      </c>
      <c r="CH47" s="1131" t="e">
        <f t="shared" si="38"/>
        <v>#VALUE!</v>
      </c>
      <c r="CI47" s="1131" t="e">
        <f t="shared" si="39"/>
        <v>#VALUE!</v>
      </c>
      <c r="CJ47" s="1131" t="e">
        <f t="shared" si="40"/>
        <v>#VALUE!</v>
      </c>
      <c r="CK47" s="1132" t="str">
        <f t="shared" si="41"/>
        <v>n/a</v>
      </c>
    </row>
    <row r="48" spans="1:89" ht="85.5" x14ac:dyDescent="0.2">
      <c r="A48" s="992"/>
      <c r="B48" s="1126"/>
      <c r="C48" s="1126"/>
      <c r="D48" s="1126"/>
      <c r="E48" s="1126"/>
      <c r="F48" s="1026" t="s">
        <v>1679</v>
      </c>
      <c r="G48" s="1026" t="s">
        <v>930</v>
      </c>
      <c r="H48" s="1026" t="s">
        <v>931</v>
      </c>
      <c r="I48" s="1026" t="s">
        <v>1487</v>
      </c>
      <c r="J48" s="1026">
        <v>51.762515260000001</v>
      </c>
      <c r="K48" s="1026">
        <v>-0.50830787200000005</v>
      </c>
      <c r="L48" s="1026" t="s">
        <v>1674</v>
      </c>
      <c r="M48" s="1026" t="s">
        <v>1489</v>
      </c>
      <c r="N48" s="1026">
        <v>1</v>
      </c>
      <c r="O48" s="1026" t="s">
        <v>900</v>
      </c>
      <c r="P48" s="1026" t="s">
        <v>1490</v>
      </c>
      <c r="Q48" s="1026" t="s">
        <v>1491</v>
      </c>
      <c r="R48" s="1026" t="s">
        <v>1492</v>
      </c>
      <c r="S48" s="1026" t="s">
        <v>1493</v>
      </c>
      <c r="T48" s="1026" t="s">
        <v>1610</v>
      </c>
      <c r="U48" s="1016" t="str">
        <f>_xlfn.XLOOKUP(F48, [4]GIS!D:D, [4]GIS!E:E, "Not mapped")</f>
        <v>Single - Scenario 2</v>
      </c>
      <c r="V48" s="1026" t="s">
        <v>1508</v>
      </c>
      <c r="W48" s="1056" t="s">
        <v>1667</v>
      </c>
      <c r="X48" s="1056" t="s">
        <v>27</v>
      </c>
      <c r="Y48" s="1020" t="s">
        <v>1498</v>
      </c>
      <c r="Z48" s="1020" t="s">
        <v>1498</v>
      </c>
      <c r="AA48" s="1020" t="s">
        <v>1498</v>
      </c>
      <c r="AB48" s="1020" t="s">
        <v>1498</v>
      </c>
      <c r="AC48" s="1020" t="s">
        <v>1498</v>
      </c>
      <c r="AD48" s="1020" t="s">
        <v>1498</v>
      </c>
      <c r="AE48" s="1020" t="s">
        <v>1498</v>
      </c>
      <c r="AF48" s="1020" t="s">
        <v>1498</v>
      </c>
      <c r="AG48" s="1020" t="s">
        <v>1498</v>
      </c>
      <c r="AH48" s="1020" t="s">
        <v>1498</v>
      </c>
      <c r="AI48" s="1020" t="s">
        <v>1498</v>
      </c>
      <c r="AJ48" s="1020" t="s">
        <v>1498</v>
      </c>
      <c r="AK48" s="1020" t="str">
        <f>IF(AJ48="n/a","n/a",ROUND((AJ48*[4]TripRateCalculations!$V$6),0))</f>
        <v>n/a</v>
      </c>
      <c r="AL48" s="1020" t="s">
        <v>1498</v>
      </c>
      <c r="AM48" s="1020" t="s">
        <v>1498</v>
      </c>
      <c r="AN48" s="1020" t="str">
        <f>IF(AT48="n/a","n/a",ROUND((AT48*[4]TripRateCalculations!N$4),0))</f>
        <v>n/a</v>
      </c>
      <c r="AO48" s="1020" t="str">
        <f>IF(AU48="n/a","n/a",ROUND((AU48*[4]TripRateCalculations!O$4),0))</f>
        <v>n/a</v>
      </c>
      <c r="AP48" s="1020" t="str">
        <f>IF(AV48="n/a","n/a",ROUND((AV48*[4]TripRateCalculations!P$4),0))</f>
        <v>n/a</v>
      </c>
      <c r="AQ48" s="1020" t="str">
        <f>IF(AW48="n/a","n/a",ROUND((AW48*[4]TripRateCalculations!Q$4),0))</f>
        <v>n/a</v>
      </c>
      <c r="AR48" s="1020" t="str">
        <f>IF(AX48="n/a","n/a",ROUND((AX48*[4]TripRateCalculations!R$4),0))</f>
        <v>n/a</v>
      </c>
      <c r="AS48" s="1020" t="str">
        <f>IF(AY48="n/a","n/a",ROUND((AY48*[4]TripRateCalculations!S$4),0))</f>
        <v>n/a</v>
      </c>
      <c r="AT48" s="1020" t="s">
        <v>1498</v>
      </c>
      <c r="AU48" s="1020" t="s">
        <v>1498</v>
      </c>
      <c r="AV48" s="1020" t="s">
        <v>1498</v>
      </c>
      <c r="AW48" s="1020" t="s">
        <v>1498</v>
      </c>
      <c r="AX48" s="1020" t="s">
        <v>1498</v>
      </c>
      <c r="AY48" s="1020" t="s">
        <v>1498</v>
      </c>
      <c r="AZ48" s="1020" t="s">
        <v>1498</v>
      </c>
      <c r="BA48" s="1020" t="s">
        <v>1498</v>
      </c>
      <c r="BB48" s="1020" t="s">
        <v>1498</v>
      </c>
      <c r="BC48" s="1020" t="s">
        <v>1498</v>
      </c>
      <c r="BD48" s="1020" t="s">
        <v>1498</v>
      </c>
      <c r="BE48" s="1020" t="s">
        <v>1498</v>
      </c>
      <c r="BF48" s="1020" t="s">
        <v>1498</v>
      </c>
      <c r="BG48" s="1020" t="str">
        <f>IF(BF48="n/a","n/a",ROUND((BF48*[4]TripRateCalculations!Q$4),0))</f>
        <v>n/a</v>
      </c>
      <c r="BH48" s="1027" t="s">
        <v>1678</v>
      </c>
      <c r="BI48" s="1026" t="s">
        <v>834</v>
      </c>
      <c r="BJ48" s="1026" t="s">
        <v>53</v>
      </c>
      <c r="BK48" s="1051">
        <f>ROUND((VLOOKUP(F48,'[4]Cost Summary'!A:H,8,)),0.1)</f>
        <v>350580</v>
      </c>
      <c r="BL48" s="1026">
        <v>0</v>
      </c>
      <c r="BM48" s="1026" t="s">
        <v>1500</v>
      </c>
      <c r="BN48" s="1044" t="s">
        <v>1584</v>
      </c>
      <c r="BO48" s="1130">
        <v>227763.25</v>
      </c>
      <c r="BP48" s="992"/>
      <c r="BQ48" s="1131" t="e">
        <f t="shared" si="21"/>
        <v>#VALUE!</v>
      </c>
      <c r="BR48" s="1131" t="e">
        <f t="shared" si="22"/>
        <v>#VALUE!</v>
      </c>
      <c r="BS48" s="1131" t="e">
        <f t="shared" si="23"/>
        <v>#VALUE!</v>
      </c>
      <c r="BT48" s="1131" t="e">
        <f t="shared" si="24"/>
        <v>#VALUE!</v>
      </c>
      <c r="BU48" s="1131" t="e">
        <f t="shared" si="25"/>
        <v>#VALUE!</v>
      </c>
      <c r="BV48" s="1131" t="e">
        <f t="shared" si="26"/>
        <v>#VALUE!</v>
      </c>
      <c r="BW48" s="1131" t="e">
        <f t="shared" si="27"/>
        <v>#VALUE!</v>
      </c>
      <c r="BX48" s="1131" t="e">
        <f t="shared" si="28"/>
        <v>#VALUE!</v>
      </c>
      <c r="BY48" s="1131" t="e">
        <f t="shared" si="29"/>
        <v>#VALUE!</v>
      </c>
      <c r="BZ48" s="1131" t="e">
        <f t="shared" si="30"/>
        <v>#VALUE!</v>
      </c>
      <c r="CA48" s="1131" t="e">
        <f t="shared" si="31"/>
        <v>#VALUE!</v>
      </c>
      <c r="CB48" s="1131" t="e">
        <f t="shared" si="32"/>
        <v>#VALUE!</v>
      </c>
      <c r="CC48" s="1131" t="e">
        <f t="shared" si="33"/>
        <v>#VALUE!</v>
      </c>
      <c r="CD48" s="1131" t="e">
        <f t="shared" si="34"/>
        <v>#VALUE!</v>
      </c>
      <c r="CE48" s="1131" t="e">
        <f t="shared" si="35"/>
        <v>#VALUE!</v>
      </c>
      <c r="CF48" s="1131" t="e">
        <f t="shared" si="36"/>
        <v>#VALUE!</v>
      </c>
      <c r="CG48" s="1131" t="e">
        <f t="shared" si="37"/>
        <v>#VALUE!</v>
      </c>
      <c r="CH48" s="1131" t="e">
        <f t="shared" si="38"/>
        <v>#VALUE!</v>
      </c>
      <c r="CI48" s="1131" t="e">
        <f t="shared" si="39"/>
        <v>#VALUE!</v>
      </c>
      <c r="CJ48" s="1131" t="e">
        <f t="shared" si="40"/>
        <v>#VALUE!</v>
      </c>
      <c r="CK48" s="1132" t="str">
        <f t="shared" si="41"/>
        <v>n/a</v>
      </c>
    </row>
    <row r="49" spans="1:89" ht="57" x14ac:dyDescent="0.2">
      <c r="A49" s="992"/>
      <c r="B49" s="1126"/>
      <c r="C49" s="1126"/>
      <c r="D49" s="1126"/>
      <c r="E49" s="1126"/>
      <c r="F49" s="1026" t="s">
        <v>1680</v>
      </c>
      <c r="G49" s="1026" t="s">
        <v>916</v>
      </c>
      <c r="H49" s="1026" t="s">
        <v>917</v>
      </c>
      <c r="I49" s="1026" t="s">
        <v>1487</v>
      </c>
      <c r="J49" s="1026">
        <v>51.772272270000002</v>
      </c>
      <c r="K49" s="1026">
        <v>-0.429057464</v>
      </c>
      <c r="L49" s="1026" t="s">
        <v>1674</v>
      </c>
      <c r="M49" s="1026" t="s">
        <v>1489</v>
      </c>
      <c r="N49" s="1026">
        <v>1</v>
      </c>
      <c r="O49" s="1026" t="s">
        <v>900</v>
      </c>
      <c r="P49" s="1026" t="s">
        <v>1490</v>
      </c>
      <c r="Q49" s="1026" t="s">
        <v>1491</v>
      </c>
      <c r="R49" s="1026" t="s">
        <v>1492</v>
      </c>
      <c r="S49" s="1026" t="s">
        <v>1493</v>
      </c>
      <c r="T49" s="1026" t="s">
        <v>1681</v>
      </c>
      <c r="U49" s="1016" t="str">
        <f>_xlfn.XLOOKUP(F49, [4]GIS!D:D, [4]GIS!E:E, "Not mapped")</f>
        <v>Single - Scenario 2</v>
      </c>
      <c r="V49" s="1026" t="s">
        <v>1546</v>
      </c>
      <c r="W49" s="1143" t="s">
        <v>1653</v>
      </c>
      <c r="X49" s="1143" t="s">
        <v>1682</v>
      </c>
      <c r="Y49" s="1020" t="s">
        <v>1498</v>
      </c>
      <c r="Z49" s="1020" t="s">
        <v>1498</v>
      </c>
      <c r="AA49" s="1020" t="s">
        <v>1498</v>
      </c>
      <c r="AB49" s="1020" t="s">
        <v>1498</v>
      </c>
      <c r="AC49" s="1020" t="s">
        <v>1498</v>
      </c>
      <c r="AD49" s="1020" t="s">
        <v>1498</v>
      </c>
      <c r="AE49" s="1020" t="s">
        <v>1498</v>
      </c>
      <c r="AF49" s="1020" t="s">
        <v>1498</v>
      </c>
      <c r="AG49" s="1020" t="s">
        <v>1498</v>
      </c>
      <c r="AH49" s="1020" t="s">
        <v>1498</v>
      </c>
      <c r="AI49" s="1020" t="s">
        <v>1498</v>
      </c>
      <c r="AJ49" s="1020" t="s">
        <v>1498</v>
      </c>
      <c r="AK49" s="1020" t="str">
        <f>IF(AJ49="n/a","n/a",ROUND((AJ49*[4]TripRateCalculations!$V$6),0))</f>
        <v>n/a</v>
      </c>
      <c r="AL49" s="1020" t="s">
        <v>1498</v>
      </c>
      <c r="AM49" s="1020" t="s">
        <v>1498</v>
      </c>
      <c r="AN49" s="1020" t="str">
        <f>IF(AT49="n/a","n/a",ROUND((AT49*[4]TripRateCalculations!N$4),0))</f>
        <v>n/a</v>
      </c>
      <c r="AO49" s="1020" t="str">
        <f>IF(AU49="n/a","n/a",ROUND((AU49*[4]TripRateCalculations!O$4),0))</f>
        <v>n/a</v>
      </c>
      <c r="AP49" s="1020" t="str">
        <f>IF(AV49="n/a","n/a",ROUND((AV49*[4]TripRateCalculations!P$4),0))</f>
        <v>n/a</v>
      </c>
      <c r="AQ49" s="1020" t="str">
        <f>IF(AW49="n/a","n/a",ROUND((AW49*[4]TripRateCalculations!Q$4),0))</f>
        <v>n/a</v>
      </c>
      <c r="AR49" s="1020" t="str">
        <f>IF(AX49="n/a","n/a",ROUND((AX49*[4]TripRateCalculations!R$4),0))</f>
        <v>n/a</v>
      </c>
      <c r="AS49" s="1020" t="str">
        <f>IF(AY49="n/a","n/a",ROUND((AY49*[4]TripRateCalculations!S$4),0))</f>
        <v>n/a</v>
      </c>
      <c r="AT49" s="1020" t="s">
        <v>1498</v>
      </c>
      <c r="AU49" s="1020" t="s">
        <v>1498</v>
      </c>
      <c r="AV49" s="1020" t="s">
        <v>1498</v>
      </c>
      <c r="AW49" s="1020" t="s">
        <v>1498</v>
      </c>
      <c r="AX49" s="1020" t="s">
        <v>1498</v>
      </c>
      <c r="AY49" s="1020" t="s">
        <v>1498</v>
      </c>
      <c r="AZ49" s="1020" t="s">
        <v>1498</v>
      </c>
      <c r="BA49" s="1020" t="s">
        <v>1498</v>
      </c>
      <c r="BB49" s="1020" t="s">
        <v>1498</v>
      </c>
      <c r="BC49" s="1020" t="s">
        <v>1498</v>
      </c>
      <c r="BD49" s="1020" t="s">
        <v>1498</v>
      </c>
      <c r="BE49" s="1020" t="s">
        <v>1498</v>
      </c>
      <c r="BF49" s="1020" t="s">
        <v>1498</v>
      </c>
      <c r="BG49" s="1020" t="str">
        <f>IF(BF49="n/a","n/a",ROUND((BF49*[4]TripRateCalculations!Q$4),0))</f>
        <v>n/a</v>
      </c>
      <c r="BH49" s="1027" t="s">
        <v>1683</v>
      </c>
      <c r="BI49" s="1026" t="s">
        <v>834</v>
      </c>
      <c r="BJ49" s="1026" t="s">
        <v>869</v>
      </c>
      <c r="BK49" s="1051">
        <f>ROUND((VLOOKUP(F49,'[4]Cost Summary'!A:H,8,)),0.1)</f>
        <v>522073</v>
      </c>
      <c r="BL49" s="1026">
        <v>0</v>
      </c>
      <c r="BM49" s="1026" t="s">
        <v>1500</v>
      </c>
      <c r="BN49" s="1044" t="s">
        <v>1584</v>
      </c>
      <c r="BO49" s="1130">
        <v>339178.13</v>
      </c>
      <c r="BP49" s="992"/>
      <c r="BQ49" s="1131" t="e">
        <f t="shared" si="21"/>
        <v>#VALUE!</v>
      </c>
      <c r="BR49" s="1131" t="e">
        <f t="shared" si="22"/>
        <v>#VALUE!</v>
      </c>
      <c r="BS49" s="1131" t="e">
        <f t="shared" si="23"/>
        <v>#VALUE!</v>
      </c>
      <c r="BT49" s="1131" t="e">
        <f t="shared" si="24"/>
        <v>#VALUE!</v>
      </c>
      <c r="BU49" s="1131" t="e">
        <f t="shared" si="25"/>
        <v>#VALUE!</v>
      </c>
      <c r="BV49" s="1131" t="e">
        <f t="shared" si="26"/>
        <v>#VALUE!</v>
      </c>
      <c r="BW49" s="1131" t="e">
        <f t="shared" si="27"/>
        <v>#VALUE!</v>
      </c>
      <c r="BX49" s="1131" t="e">
        <f t="shared" si="28"/>
        <v>#VALUE!</v>
      </c>
      <c r="BY49" s="1131" t="e">
        <f t="shared" si="29"/>
        <v>#VALUE!</v>
      </c>
      <c r="BZ49" s="1131" t="e">
        <f t="shared" si="30"/>
        <v>#VALUE!</v>
      </c>
      <c r="CA49" s="1131" t="e">
        <f t="shared" si="31"/>
        <v>#VALUE!</v>
      </c>
      <c r="CB49" s="1131" t="e">
        <f t="shared" si="32"/>
        <v>#VALUE!</v>
      </c>
      <c r="CC49" s="1131" t="e">
        <f t="shared" si="33"/>
        <v>#VALUE!</v>
      </c>
      <c r="CD49" s="1131" t="e">
        <f t="shared" si="34"/>
        <v>#VALUE!</v>
      </c>
      <c r="CE49" s="1131" t="e">
        <f t="shared" si="35"/>
        <v>#VALUE!</v>
      </c>
      <c r="CF49" s="1131" t="e">
        <f t="shared" si="36"/>
        <v>#VALUE!</v>
      </c>
      <c r="CG49" s="1131" t="e">
        <f t="shared" si="37"/>
        <v>#VALUE!</v>
      </c>
      <c r="CH49" s="1131" t="e">
        <f t="shared" si="38"/>
        <v>#VALUE!</v>
      </c>
      <c r="CI49" s="1131" t="e">
        <f t="shared" si="39"/>
        <v>#VALUE!</v>
      </c>
      <c r="CJ49" s="1131" t="e">
        <f t="shared" si="40"/>
        <v>#VALUE!</v>
      </c>
      <c r="CK49" s="1132" t="str">
        <f t="shared" si="41"/>
        <v>n/a</v>
      </c>
    </row>
    <row r="50" spans="1:89" ht="85.5" x14ac:dyDescent="0.2">
      <c r="A50" s="992"/>
      <c r="B50" s="1126"/>
      <c r="C50" s="1126"/>
      <c r="D50" s="1126"/>
      <c r="E50" s="1126"/>
      <c r="F50" s="1026" t="s">
        <v>1684</v>
      </c>
      <c r="G50" s="1026" t="s">
        <v>918</v>
      </c>
      <c r="H50" s="1026" t="s">
        <v>919</v>
      </c>
      <c r="I50" s="1026" t="s">
        <v>1487</v>
      </c>
      <c r="J50" s="1026">
        <v>51.768719189999999</v>
      </c>
      <c r="K50" s="1026">
        <v>-0.42270311700000002</v>
      </c>
      <c r="L50" s="1026" t="s">
        <v>1685</v>
      </c>
      <c r="M50" s="1026" t="s">
        <v>1489</v>
      </c>
      <c r="N50" s="1026">
        <v>1</v>
      </c>
      <c r="O50" s="1026" t="s">
        <v>900</v>
      </c>
      <c r="P50" s="1026" t="s">
        <v>1490</v>
      </c>
      <c r="Q50" s="1026" t="s">
        <v>1491</v>
      </c>
      <c r="R50" s="1026" t="s">
        <v>1492</v>
      </c>
      <c r="S50" s="1026" t="s">
        <v>1493</v>
      </c>
      <c r="T50" s="1026" t="s">
        <v>1672</v>
      </c>
      <c r="U50" s="1016" t="str">
        <f>_xlfn.XLOOKUP(F50, [4]GIS!D:D, [4]GIS!E:E, "Not mapped")</f>
        <v>Single - Scenario 2 (longer segment, one edge in close proximity of a development)</v>
      </c>
      <c r="V50" s="1026" t="s">
        <v>1546</v>
      </c>
      <c r="W50" s="1143" t="s">
        <v>1653</v>
      </c>
      <c r="X50" s="1143" t="s">
        <v>1682</v>
      </c>
      <c r="Y50" s="1020" t="s">
        <v>1498</v>
      </c>
      <c r="Z50" s="1020" t="s">
        <v>1498</v>
      </c>
      <c r="AA50" s="1020" t="s">
        <v>1498</v>
      </c>
      <c r="AB50" s="1020" t="s">
        <v>1498</v>
      </c>
      <c r="AC50" s="1020" t="s">
        <v>1498</v>
      </c>
      <c r="AD50" s="1020" t="s">
        <v>1498</v>
      </c>
      <c r="AE50" s="1020" t="s">
        <v>1498</v>
      </c>
      <c r="AF50" s="1020" t="s">
        <v>1498</v>
      </c>
      <c r="AG50" s="1020" t="s">
        <v>1498</v>
      </c>
      <c r="AH50" s="1020" t="s">
        <v>1498</v>
      </c>
      <c r="AI50" s="1020" t="s">
        <v>1498</v>
      </c>
      <c r="AJ50" s="1020" t="s">
        <v>1498</v>
      </c>
      <c r="AK50" s="1020" t="str">
        <f>IF(AJ50="n/a","n/a",ROUND((AJ50*[4]TripRateCalculations!$V$6),0))</f>
        <v>n/a</v>
      </c>
      <c r="AL50" s="1020" t="s">
        <v>1498</v>
      </c>
      <c r="AM50" s="1020" t="s">
        <v>1498</v>
      </c>
      <c r="AN50" s="1020" t="str">
        <f>IF(AT50="n/a","n/a",ROUND((AT50*[4]TripRateCalculations!N$4),0))</f>
        <v>n/a</v>
      </c>
      <c r="AO50" s="1020" t="str">
        <f>IF(AU50="n/a","n/a",ROUND((AU50*[4]TripRateCalculations!O$4),0))</f>
        <v>n/a</v>
      </c>
      <c r="AP50" s="1020" t="str">
        <f>IF(AV50="n/a","n/a",ROUND((AV50*[4]TripRateCalculations!P$4),0))</f>
        <v>n/a</v>
      </c>
      <c r="AQ50" s="1020" t="str">
        <f>IF(AW50="n/a","n/a",ROUND((AW50*[4]TripRateCalculations!Q$4),0))</f>
        <v>n/a</v>
      </c>
      <c r="AR50" s="1020" t="str">
        <f>IF(AX50="n/a","n/a",ROUND((AX50*[4]TripRateCalculations!R$4),0))</f>
        <v>n/a</v>
      </c>
      <c r="AS50" s="1020" t="str">
        <f>IF(AY50="n/a","n/a",ROUND((AY50*[4]TripRateCalculations!S$4),0))</f>
        <v>n/a</v>
      </c>
      <c r="AT50" s="1020" t="s">
        <v>1498</v>
      </c>
      <c r="AU50" s="1020" t="s">
        <v>1498</v>
      </c>
      <c r="AV50" s="1020" t="s">
        <v>1498</v>
      </c>
      <c r="AW50" s="1020" t="s">
        <v>1498</v>
      </c>
      <c r="AX50" s="1020" t="s">
        <v>1498</v>
      </c>
      <c r="AY50" s="1020" t="s">
        <v>1498</v>
      </c>
      <c r="AZ50" s="1020" t="s">
        <v>1498</v>
      </c>
      <c r="BA50" s="1020" t="s">
        <v>1498</v>
      </c>
      <c r="BB50" s="1020" t="s">
        <v>1498</v>
      </c>
      <c r="BC50" s="1020" t="s">
        <v>1498</v>
      </c>
      <c r="BD50" s="1020" t="s">
        <v>1498</v>
      </c>
      <c r="BE50" s="1020" t="s">
        <v>1498</v>
      </c>
      <c r="BF50" s="1020" t="s">
        <v>1498</v>
      </c>
      <c r="BG50" s="1020" t="str">
        <f>IF(BF50="n/a","n/a",ROUND((BF50*[4]TripRateCalculations!Q$4),0))</f>
        <v>n/a</v>
      </c>
      <c r="BH50" s="1027" t="s">
        <v>1642</v>
      </c>
      <c r="BI50" s="1026" t="s">
        <v>834</v>
      </c>
      <c r="BJ50" s="1026" t="s">
        <v>869</v>
      </c>
      <c r="BK50" s="1051">
        <f>ROUND((VLOOKUP(F50,'[4]Cost Summary'!A:H,8,)),0.1)</f>
        <v>506253</v>
      </c>
      <c r="BL50" s="1026">
        <v>0</v>
      </c>
      <c r="BM50" s="1026" t="s">
        <v>1500</v>
      </c>
      <c r="BN50" s="1044" t="s">
        <v>1584</v>
      </c>
      <c r="BO50" s="1130">
        <v>328900</v>
      </c>
      <c r="BP50" s="992"/>
      <c r="BQ50" s="1131" t="e">
        <f t="shared" si="21"/>
        <v>#VALUE!</v>
      </c>
      <c r="BR50" s="1131" t="e">
        <f t="shared" si="22"/>
        <v>#VALUE!</v>
      </c>
      <c r="BS50" s="1131" t="e">
        <f t="shared" si="23"/>
        <v>#VALUE!</v>
      </c>
      <c r="BT50" s="1131" t="e">
        <f t="shared" si="24"/>
        <v>#VALUE!</v>
      </c>
      <c r="BU50" s="1131" t="e">
        <f t="shared" si="25"/>
        <v>#VALUE!</v>
      </c>
      <c r="BV50" s="1131" t="e">
        <f t="shared" si="26"/>
        <v>#VALUE!</v>
      </c>
      <c r="BW50" s="1131" t="e">
        <f t="shared" si="27"/>
        <v>#VALUE!</v>
      </c>
      <c r="BX50" s="1131" t="e">
        <f t="shared" si="28"/>
        <v>#VALUE!</v>
      </c>
      <c r="BY50" s="1131" t="e">
        <f t="shared" si="29"/>
        <v>#VALUE!</v>
      </c>
      <c r="BZ50" s="1131" t="e">
        <f t="shared" si="30"/>
        <v>#VALUE!</v>
      </c>
      <c r="CA50" s="1131" t="e">
        <f t="shared" si="31"/>
        <v>#VALUE!</v>
      </c>
      <c r="CB50" s="1131" t="e">
        <f t="shared" si="32"/>
        <v>#VALUE!</v>
      </c>
      <c r="CC50" s="1131" t="e">
        <f t="shared" si="33"/>
        <v>#VALUE!</v>
      </c>
      <c r="CD50" s="1131" t="e">
        <f t="shared" si="34"/>
        <v>#VALUE!</v>
      </c>
      <c r="CE50" s="1131" t="e">
        <f t="shared" si="35"/>
        <v>#VALUE!</v>
      </c>
      <c r="CF50" s="1131" t="e">
        <f t="shared" si="36"/>
        <v>#VALUE!</v>
      </c>
      <c r="CG50" s="1131" t="e">
        <f t="shared" si="37"/>
        <v>#VALUE!</v>
      </c>
      <c r="CH50" s="1131" t="e">
        <f t="shared" si="38"/>
        <v>#VALUE!</v>
      </c>
      <c r="CI50" s="1131" t="e">
        <f t="shared" si="39"/>
        <v>#VALUE!</v>
      </c>
      <c r="CJ50" s="1131" t="e">
        <f t="shared" si="40"/>
        <v>#VALUE!</v>
      </c>
      <c r="CK50" s="1132" t="str">
        <f t="shared" si="41"/>
        <v>n/a</v>
      </c>
    </row>
    <row r="51" spans="1:89" ht="71.25" x14ac:dyDescent="0.2">
      <c r="A51" s="992"/>
      <c r="B51" s="1126"/>
      <c r="C51" s="1126"/>
      <c r="D51" s="1126"/>
      <c r="E51" s="1126"/>
      <c r="F51" s="1026" t="s">
        <v>1686</v>
      </c>
      <c r="G51" s="1026" t="s">
        <v>933</v>
      </c>
      <c r="H51" s="1026" t="s">
        <v>934</v>
      </c>
      <c r="I51" s="1026" t="s">
        <v>1487</v>
      </c>
      <c r="J51" s="1026">
        <v>51.763587280000003</v>
      </c>
      <c r="K51" s="1026">
        <v>-0.50515975700000004</v>
      </c>
      <c r="L51" s="1026" t="s">
        <v>1488</v>
      </c>
      <c r="M51" s="1026" t="s">
        <v>1489</v>
      </c>
      <c r="N51" s="1026">
        <v>1</v>
      </c>
      <c r="O51" s="1026" t="s">
        <v>932</v>
      </c>
      <c r="P51" s="1026" t="s">
        <v>1490</v>
      </c>
      <c r="Q51" s="1026" t="s">
        <v>1491</v>
      </c>
      <c r="R51" s="1026" t="s">
        <v>1492</v>
      </c>
      <c r="S51" s="1026" t="s">
        <v>1493</v>
      </c>
      <c r="T51" s="1026" t="s">
        <v>1610</v>
      </c>
      <c r="U51" s="1016" t="str">
        <f>_xlfn.XLOOKUP(F51, [4]GIS!D:D, [4]GIS!E:E, "Not mapped")</f>
        <v>Single - Scenario 2</v>
      </c>
      <c r="V51" s="1026" t="s">
        <v>1542</v>
      </c>
      <c r="W51" s="1056" t="s">
        <v>1667</v>
      </c>
      <c r="X51" s="1056" t="s">
        <v>27</v>
      </c>
      <c r="Y51" s="1020" t="s">
        <v>1498</v>
      </c>
      <c r="Z51" s="1020" t="s">
        <v>1498</v>
      </c>
      <c r="AA51" s="1020" t="s">
        <v>1498</v>
      </c>
      <c r="AB51" s="1020" t="s">
        <v>1498</v>
      </c>
      <c r="AC51" s="1020" t="s">
        <v>1498</v>
      </c>
      <c r="AD51" s="1020" t="s">
        <v>1498</v>
      </c>
      <c r="AE51" s="1020" t="s">
        <v>1498</v>
      </c>
      <c r="AF51" s="1020" t="s">
        <v>1498</v>
      </c>
      <c r="AG51" s="1020" t="s">
        <v>1498</v>
      </c>
      <c r="AH51" s="1020" t="s">
        <v>1498</v>
      </c>
      <c r="AI51" s="1020" t="s">
        <v>1498</v>
      </c>
      <c r="AJ51" s="1020" t="s">
        <v>1498</v>
      </c>
      <c r="AK51" s="1020" t="str">
        <f>IF(AJ51="n/a","n/a",ROUND((AJ51*[4]TripRateCalculations!$V$6),0))</f>
        <v>n/a</v>
      </c>
      <c r="AL51" s="1020" t="s">
        <v>1498</v>
      </c>
      <c r="AM51" s="1020" t="s">
        <v>1498</v>
      </c>
      <c r="AN51" s="1020" t="str">
        <f>IF(AT51="n/a","n/a",ROUND((AT51*[4]TripRateCalculations!N$4),0))</f>
        <v>n/a</v>
      </c>
      <c r="AO51" s="1020" t="str">
        <f>IF(AU51="n/a","n/a",ROUND((AU51*[4]TripRateCalculations!O$4),0))</f>
        <v>n/a</v>
      </c>
      <c r="AP51" s="1020" t="str">
        <f>IF(AV51="n/a","n/a",ROUND((AV51*[4]TripRateCalculations!P$4),0))</f>
        <v>n/a</v>
      </c>
      <c r="AQ51" s="1020" t="str">
        <f>IF(AW51="n/a","n/a",ROUND((AW51*[4]TripRateCalculations!Q$4),0))</f>
        <v>n/a</v>
      </c>
      <c r="AR51" s="1020" t="str">
        <f>IF(AX51="n/a","n/a",ROUND((AX51*[4]TripRateCalculations!R$4),0))</f>
        <v>n/a</v>
      </c>
      <c r="AS51" s="1020" t="str">
        <f>IF(AY51="n/a","n/a",ROUND((AY51*[4]TripRateCalculations!S$4),0))</f>
        <v>n/a</v>
      </c>
      <c r="AT51" s="1020" t="s">
        <v>1498</v>
      </c>
      <c r="AU51" s="1020" t="s">
        <v>1498</v>
      </c>
      <c r="AV51" s="1020" t="s">
        <v>1498</v>
      </c>
      <c r="AW51" s="1020" t="s">
        <v>1498</v>
      </c>
      <c r="AX51" s="1020" t="s">
        <v>1498</v>
      </c>
      <c r="AY51" s="1020" t="s">
        <v>1498</v>
      </c>
      <c r="AZ51" s="1020" t="s">
        <v>1498</v>
      </c>
      <c r="BA51" s="1020" t="s">
        <v>1498</v>
      </c>
      <c r="BB51" s="1020" t="s">
        <v>1498</v>
      </c>
      <c r="BC51" s="1020" t="s">
        <v>1498</v>
      </c>
      <c r="BD51" s="1020" t="s">
        <v>1498</v>
      </c>
      <c r="BE51" s="1020" t="s">
        <v>1498</v>
      </c>
      <c r="BF51" s="1020" t="s">
        <v>1498</v>
      </c>
      <c r="BG51" s="1020" t="str">
        <f>IF(BF51="n/a","n/a",ROUND((BF51*[4]TripRateCalculations!Q$4),0))</f>
        <v>n/a</v>
      </c>
      <c r="BH51" s="1027" t="s">
        <v>1678</v>
      </c>
      <c r="BI51" s="1026" t="s">
        <v>834</v>
      </c>
      <c r="BJ51" s="1026" t="s">
        <v>53</v>
      </c>
      <c r="BK51" s="1051">
        <f>ROUND((VLOOKUP(F51,'[4]Cost Summary'!A:H,8,)),0.1)</f>
        <v>34245</v>
      </c>
      <c r="BL51" s="1026">
        <v>0</v>
      </c>
      <c r="BM51" s="1026" t="s">
        <v>1500</v>
      </c>
      <c r="BN51" s="1044" t="s">
        <v>1584</v>
      </c>
      <c r="BO51" s="1130">
        <v>22248.03</v>
      </c>
      <c r="BP51" s="992"/>
      <c r="BQ51" s="1131" t="e">
        <f t="shared" si="21"/>
        <v>#VALUE!</v>
      </c>
      <c r="BR51" s="1131" t="e">
        <f t="shared" si="22"/>
        <v>#VALUE!</v>
      </c>
      <c r="BS51" s="1131" t="e">
        <f t="shared" si="23"/>
        <v>#VALUE!</v>
      </c>
      <c r="BT51" s="1131" t="e">
        <f t="shared" si="24"/>
        <v>#VALUE!</v>
      </c>
      <c r="BU51" s="1131" t="e">
        <f t="shared" si="25"/>
        <v>#VALUE!</v>
      </c>
      <c r="BV51" s="1131" t="e">
        <f t="shared" si="26"/>
        <v>#VALUE!</v>
      </c>
      <c r="BW51" s="1131" t="e">
        <f t="shared" si="27"/>
        <v>#VALUE!</v>
      </c>
      <c r="BX51" s="1131" t="e">
        <f t="shared" si="28"/>
        <v>#VALUE!</v>
      </c>
      <c r="BY51" s="1131" t="e">
        <f t="shared" si="29"/>
        <v>#VALUE!</v>
      </c>
      <c r="BZ51" s="1131" t="e">
        <f t="shared" si="30"/>
        <v>#VALUE!</v>
      </c>
      <c r="CA51" s="1131" t="e">
        <f t="shared" si="31"/>
        <v>#VALUE!</v>
      </c>
      <c r="CB51" s="1131" t="e">
        <f t="shared" si="32"/>
        <v>#VALUE!</v>
      </c>
      <c r="CC51" s="1131" t="e">
        <f t="shared" si="33"/>
        <v>#VALUE!</v>
      </c>
      <c r="CD51" s="1131" t="e">
        <f t="shared" si="34"/>
        <v>#VALUE!</v>
      </c>
      <c r="CE51" s="1131" t="e">
        <f t="shared" si="35"/>
        <v>#VALUE!</v>
      </c>
      <c r="CF51" s="1131" t="e">
        <f t="shared" si="36"/>
        <v>#VALUE!</v>
      </c>
      <c r="CG51" s="1131" t="e">
        <f t="shared" si="37"/>
        <v>#VALUE!</v>
      </c>
      <c r="CH51" s="1131" t="e">
        <f t="shared" si="38"/>
        <v>#VALUE!</v>
      </c>
      <c r="CI51" s="1131" t="e">
        <f t="shared" si="39"/>
        <v>#VALUE!</v>
      </c>
      <c r="CJ51" s="1131" t="e">
        <f t="shared" si="40"/>
        <v>#VALUE!</v>
      </c>
      <c r="CK51" s="1132" t="str">
        <f t="shared" si="41"/>
        <v>n/a</v>
      </c>
    </row>
    <row r="52" spans="1:89" ht="57" x14ac:dyDescent="0.2">
      <c r="A52" s="992"/>
      <c r="B52" s="1126"/>
      <c r="C52" s="1126"/>
      <c r="D52" s="1126"/>
      <c r="E52" s="1126"/>
      <c r="F52" s="1026" t="s">
        <v>1687</v>
      </c>
      <c r="G52" s="1026" t="s">
        <v>935</v>
      </c>
      <c r="H52" s="1026" t="s">
        <v>936</v>
      </c>
      <c r="I52" s="1026" t="s">
        <v>1688</v>
      </c>
      <c r="J52" s="1026">
        <v>51.768291179999999</v>
      </c>
      <c r="K52" s="1026">
        <v>-0.48981177100000001</v>
      </c>
      <c r="L52" s="1026" t="s">
        <v>1674</v>
      </c>
      <c r="M52" s="1026" t="s">
        <v>1489</v>
      </c>
      <c r="N52" s="1026">
        <v>1</v>
      </c>
      <c r="O52" s="1026" t="s">
        <v>932</v>
      </c>
      <c r="P52" s="1026" t="s">
        <v>1490</v>
      </c>
      <c r="Q52" s="1026" t="s">
        <v>1491</v>
      </c>
      <c r="R52" s="1026" t="s">
        <v>1492</v>
      </c>
      <c r="S52" s="1026" t="s">
        <v>1493</v>
      </c>
      <c r="T52" s="1026" t="s">
        <v>1672</v>
      </c>
      <c r="U52" s="1016" t="str">
        <f>_xlfn.XLOOKUP(F52, [4]GIS!D:D, [4]GIS!E:E, "Not mapped")</f>
        <v>Single - Scenario 2 (longer segment, one edge in close proximity of a development)</v>
      </c>
      <c r="V52" s="1026" t="s">
        <v>1542</v>
      </c>
      <c r="W52" s="1056" t="s">
        <v>1667</v>
      </c>
      <c r="X52" s="1056" t="s">
        <v>27</v>
      </c>
      <c r="Y52" s="1020" t="s">
        <v>1498</v>
      </c>
      <c r="Z52" s="1020" t="s">
        <v>1498</v>
      </c>
      <c r="AA52" s="1020" t="s">
        <v>1498</v>
      </c>
      <c r="AB52" s="1020" t="s">
        <v>1498</v>
      </c>
      <c r="AC52" s="1020" t="s">
        <v>1498</v>
      </c>
      <c r="AD52" s="1020" t="s">
        <v>1498</v>
      </c>
      <c r="AE52" s="1020" t="s">
        <v>1498</v>
      </c>
      <c r="AF52" s="1020" t="s">
        <v>1498</v>
      </c>
      <c r="AG52" s="1020" t="s">
        <v>1498</v>
      </c>
      <c r="AH52" s="1020" t="s">
        <v>1498</v>
      </c>
      <c r="AI52" s="1020" t="s">
        <v>1498</v>
      </c>
      <c r="AJ52" s="1020" t="s">
        <v>1498</v>
      </c>
      <c r="AK52" s="1020" t="str">
        <f>IF(AJ52="n/a","n/a",ROUND((AJ52*[4]TripRateCalculations!$V$6),0))</f>
        <v>n/a</v>
      </c>
      <c r="AL52" s="1020" t="s">
        <v>1498</v>
      </c>
      <c r="AM52" s="1020" t="s">
        <v>1498</v>
      </c>
      <c r="AN52" s="1020" t="str">
        <f>IF(AT52="n/a","n/a",ROUND((AT52*[4]TripRateCalculations!N$4),0))</f>
        <v>n/a</v>
      </c>
      <c r="AO52" s="1020" t="str">
        <f>IF(AU52="n/a","n/a",ROUND((AU52*[4]TripRateCalculations!O$4),0))</f>
        <v>n/a</v>
      </c>
      <c r="AP52" s="1020" t="str">
        <f>IF(AV52="n/a","n/a",ROUND((AV52*[4]TripRateCalculations!P$4),0))</f>
        <v>n/a</v>
      </c>
      <c r="AQ52" s="1020" t="str">
        <f>IF(AW52="n/a","n/a",ROUND((AW52*[4]TripRateCalculations!Q$4),0))</f>
        <v>n/a</v>
      </c>
      <c r="AR52" s="1020" t="str">
        <f>IF(AX52="n/a","n/a",ROUND((AX52*[4]TripRateCalculations!R$4),0))</f>
        <v>n/a</v>
      </c>
      <c r="AS52" s="1020" t="str">
        <f>IF(AY52="n/a","n/a",ROUND((AY52*[4]TripRateCalculations!S$4),0))</f>
        <v>n/a</v>
      </c>
      <c r="AT52" s="1020" t="s">
        <v>1498</v>
      </c>
      <c r="AU52" s="1020" t="s">
        <v>1498</v>
      </c>
      <c r="AV52" s="1020" t="s">
        <v>1498</v>
      </c>
      <c r="AW52" s="1020" t="s">
        <v>1498</v>
      </c>
      <c r="AX52" s="1020" t="s">
        <v>1498</v>
      </c>
      <c r="AY52" s="1020" t="s">
        <v>1498</v>
      </c>
      <c r="AZ52" s="1020" t="s">
        <v>1498</v>
      </c>
      <c r="BA52" s="1020" t="s">
        <v>1498</v>
      </c>
      <c r="BB52" s="1020" t="s">
        <v>1498</v>
      </c>
      <c r="BC52" s="1020" t="s">
        <v>1498</v>
      </c>
      <c r="BD52" s="1020" t="s">
        <v>1498</v>
      </c>
      <c r="BE52" s="1020" t="s">
        <v>1498</v>
      </c>
      <c r="BF52" s="1020" t="s">
        <v>1498</v>
      </c>
      <c r="BG52" s="1020" t="str">
        <f>IF(BF52="n/a","n/a",ROUND((BF52*[4]TripRateCalculations!Q$4),0))</f>
        <v>n/a</v>
      </c>
      <c r="BH52" s="1027" t="s">
        <v>1678</v>
      </c>
      <c r="BI52" s="1026" t="s">
        <v>834</v>
      </c>
      <c r="BJ52" s="1026" t="s">
        <v>53</v>
      </c>
      <c r="BK52" s="1051">
        <f>ROUND((VLOOKUP(F52,'[4]Cost Summary'!A:H,8,)),0.1)</f>
        <v>1481063</v>
      </c>
      <c r="BL52" s="1026">
        <v>0</v>
      </c>
      <c r="BM52" s="1026" t="s">
        <v>1500</v>
      </c>
      <c r="BN52" s="1044" t="s">
        <v>1584</v>
      </c>
      <c r="BO52" s="1130">
        <v>962209.95</v>
      </c>
      <c r="BP52" s="992"/>
      <c r="BQ52" s="1131" t="e">
        <f t="shared" si="21"/>
        <v>#VALUE!</v>
      </c>
      <c r="BR52" s="1131" t="e">
        <f t="shared" si="22"/>
        <v>#VALUE!</v>
      </c>
      <c r="BS52" s="1131" t="e">
        <f t="shared" si="23"/>
        <v>#VALUE!</v>
      </c>
      <c r="BT52" s="1131" t="e">
        <f t="shared" si="24"/>
        <v>#VALUE!</v>
      </c>
      <c r="BU52" s="1131" t="e">
        <f t="shared" si="25"/>
        <v>#VALUE!</v>
      </c>
      <c r="BV52" s="1131" t="e">
        <f t="shared" si="26"/>
        <v>#VALUE!</v>
      </c>
      <c r="BW52" s="1131" t="e">
        <f t="shared" si="27"/>
        <v>#VALUE!</v>
      </c>
      <c r="BX52" s="1131" t="e">
        <f t="shared" si="28"/>
        <v>#VALUE!</v>
      </c>
      <c r="BY52" s="1131" t="e">
        <f t="shared" si="29"/>
        <v>#VALUE!</v>
      </c>
      <c r="BZ52" s="1131" t="e">
        <f t="shared" si="30"/>
        <v>#VALUE!</v>
      </c>
      <c r="CA52" s="1131" t="e">
        <f t="shared" si="31"/>
        <v>#VALUE!</v>
      </c>
      <c r="CB52" s="1131" t="e">
        <f t="shared" si="32"/>
        <v>#VALUE!</v>
      </c>
      <c r="CC52" s="1131" t="e">
        <f t="shared" si="33"/>
        <v>#VALUE!</v>
      </c>
      <c r="CD52" s="1131" t="e">
        <f t="shared" si="34"/>
        <v>#VALUE!</v>
      </c>
      <c r="CE52" s="1131" t="e">
        <f t="shared" si="35"/>
        <v>#VALUE!</v>
      </c>
      <c r="CF52" s="1131" t="e">
        <f t="shared" si="36"/>
        <v>#VALUE!</v>
      </c>
      <c r="CG52" s="1131" t="e">
        <f t="shared" si="37"/>
        <v>#VALUE!</v>
      </c>
      <c r="CH52" s="1131" t="e">
        <f t="shared" si="38"/>
        <v>#VALUE!</v>
      </c>
      <c r="CI52" s="1131" t="e">
        <f t="shared" si="39"/>
        <v>#VALUE!</v>
      </c>
      <c r="CJ52" s="1131" t="e">
        <f t="shared" si="40"/>
        <v>#VALUE!</v>
      </c>
      <c r="CK52" s="1132" t="str">
        <f t="shared" si="41"/>
        <v>n/a</v>
      </c>
    </row>
    <row r="53" spans="1:89" ht="75" x14ac:dyDescent="0.2">
      <c r="A53" s="992"/>
      <c r="B53" s="1126" t="s">
        <v>66</v>
      </c>
      <c r="C53" s="1126"/>
      <c r="D53" s="1126"/>
      <c r="E53" s="1126"/>
      <c r="F53" s="1026" t="s">
        <v>1689</v>
      </c>
      <c r="G53" s="1026" t="s">
        <v>946</v>
      </c>
      <c r="H53" s="1026" t="s">
        <v>947</v>
      </c>
      <c r="I53" s="1026" t="s">
        <v>1533</v>
      </c>
      <c r="J53" s="1026">
        <v>51.733277190000003</v>
      </c>
      <c r="K53" s="1026">
        <v>-0.45402690800000001</v>
      </c>
      <c r="L53" s="1026" t="s">
        <v>1560</v>
      </c>
      <c r="M53" s="1026" t="s">
        <v>1489</v>
      </c>
      <c r="N53" s="1026">
        <v>2</v>
      </c>
      <c r="O53" s="1026" t="s">
        <v>830</v>
      </c>
      <c r="P53" s="1026" t="s">
        <v>1490</v>
      </c>
      <c r="Q53" s="1026" t="s">
        <v>1491</v>
      </c>
      <c r="R53" s="1026" t="s">
        <v>1492</v>
      </c>
      <c r="S53" s="1026" t="s">
        <v>1493</v>
      </c>
      <c r="T53" s="1026" t="s">
        <v>1690</v>
      </c>
      <c r="U53" s="1016" t="str">
        <f>_xlfn.XLOOKUP(F53, [4]GIS!D:D, [4]GIS!E:E, "Not mapped")</f>
        <v>Multiple - Scenario 1</v>
      </c>
      <c r="V53" s="1017" t="s">
        <v>1495</v>
      </c>
      <c r="W53" s="1058" t="s">
        <v>1691</v>
      </c>
      <c r="X53" s="1059" t="s">
        <v>1692</v>
      </c>
      <c r="Y53" s="1020" t="s">
        <v>1498</v>
      </c>
      <c r="Z53" s="1020" t="s">
        <v>1498</v>
      </c>
      <c r="AA53" s="1020" t="s">
        <v>1498</v>
      </c>
      <c r="AB53" s="1020" t="s">
        <v>1498</v>
      </c>
      <c r="AC53" s="1020" t="s">
        <v>1498</v>
      </c>
      <c r="AD53" s="1020" t="s">
        <v>1498</v>
      </c>
      <c r="AE53" s="1020" t="s">
        <v>1498</v>
      </c>
      <c r="AF53" s="1020" t="s">
        <v>1498</v>
      </c>
      <c r="AG53" s="1020" t="s">
        <v>1498</v>
      </c>
      <c r="AH53" s="1020" t="s">
        <v>1498</v>
      </c>
      <c r="AI53" s="1020" t="s">
        <v>1498</v>
      </c>
      <c r="AJ53" s="1020" t="s">
        <v>1498</v>
      </c>
      <c r="AK53" s="1020" t="str">
        <f>IF(AJ53="n/a","n/a",ROUND((AJ53*[4]TripRateCalculations!$V$6),0))</f>
        <v>n/a</v>
      </c>
      <c r="AL53" s="1020" t="s">
        <v>1498</v>
      </c>
      <c r="AM53" s="1020" t="s">
        <v>1498</v>
      </c>
      <c r="AN53" s="1020" t="str">
        <f>IF(AT53="n/a","n/a",ROUND((AT53*[4]TripRateCalculations!N$4),0))</f>
        <v>n/a</v>
      </c>
      <c r="AO53" s="1020" t="str">
        <f>IF(AU53="n/a","n/a",ROUND((AU53*[4]TripRateCalculations!O$4),0))</f>
        <v>n/a</v>
      </c>
      <c r="AP53" s="1020" t="str">
        <f>IF(AV53="n/a","n/a",ROUND((AV53*[4]TripRateCalculations!P$4),0))</f>
        <v>n/a</v>
      </c>
      <c r="AQ53" s="1020" t="str">
        <f>IF(AW53="n/a","n/a",ROUND((AW53*[4]TripRateCalculations!Q$4),0))</f>
        <v>n/a</v>
      </c>
      <c r="AR53" s="1020" t="str">
        <f>IF(AX53="n/a","n/a",ROUND((AX53*[4]TripRateCalculations!R$4),0))</f>
        <v>n/a</v>
      </c>
      <c r="AS53" s="1020" t="str">
        <f>IF(AY53="n/a","n/a",ROUND((AY53*[4]TripRateCalculations!S$4),0))</f>
        <v>n/a</v>
      </c>
      <c r="AT53" s="1020" t="s">
        <v>1498</v>
      </c>
      <c r="AU53" s="1020" t="s">
        <v>1498</v>
      </c>
      <c r="AV53" s="1020" t="s">
        <v>1498</v>
      </c>
      <c r="AW53" s="1020" t="s">
        <v>1498</v>
      </c>
      <c r="AX53" s="1020" t="s">
        <v>1498</v>
      </c>
      <c r="AY53" s="1020" t="s">
        <v>1498</v>
      </c>
      <c r="AZ53" s="1020" t="s">
        <v>1498</v>
      </c>
      <c r="BA53" s="1020" t="s">
        <v>1498</v>
      </c>
      <c r="BB53" s="1020" t="s">
        <v>1498</v>
      </c>
      <c r="BC53" s="1020" t="s">
        <v>1498</v>
      </c>
      <c r="BD53" s="1020" t="s">
        <v>1498</v>
      </c>
      <c r="BE53" s="1020" t="s">
        <v>1498</v>
      </c>
      <c r="BF53" s="1020" t="s">
        <v>1498</v>
      </c>
      <c r="BG53" s="1020" t="str">
        <f>IF(BF53="n/a","n/a",ROUND((BF53*[4]TripRateCalculations!Q$4),0))</f>
        <v>n/a</v>
      </c>
      <c r="BH53" s="1027" t="s">
        <v>1675</v>
      </c>
      <c r="BI53" s="1026" t="s">
        <v>834</v>
      </c>
      <c r="BJ53" s="1026" t="s">
        <v>53</v>
      </c>
      <c r="BK53" s="1028">
        <v>370629.19</v>
      </c>
      <c r="BL53" s="1029">
        <v>0</v>
      </c>
      <c r="BM53" s="1030" t="s">
        <v>1500</v>
      </c>
      <c r="BN53" s="1025" t="s">
        <v>1501</v>
      </c>
      <c r="BO53" s="1130">
        <v>370629.19</v>
      </c>
      <c r="BP53" s="992"/>
      <c r="BQ53" s="1131" t="e">
        <f t="shared" si="21"/>
        <v>#VALUE!</v>
      </c>
      <c r="BR53" s="1131" t="e">
        <f t="shared" si="22"/>
        <v>#VALUE!</v>
      </c>
      <c r="BS53" s="1131" t="e">
        <f t="shared" si="23"/>
        <v>#VALUE!</v>
      </c>
      <c r="BT53" s="1131" t="e">
        <f t="shared" si="24"/>
        <v>#VALUE!</v>
      </c>
      <c r="BU53" s="1131" t="e">
        <f t="shared" si="25"/>
        <v>#VALUE!</v>
      </c>
      <c r="BV53" s="1131" t="e">
        <f t="shared" si="26"/>
        <v>#VALUE!</v>
      </c>
      <c r="BW53" s="1131" t="e">
        <f t="shared" si="27"/>
        <v>#VALUE!</v>
      </c>
      <c r="BX53" s="1131" t="e">
        <f t="shared" si="28"/>
        <v>#VALUE!</v>
      </c>
      <c r="BY53" s="1131" t="e">
        <f t="shared" si="29"/>
        <v>#VALUE!</v>
      </c>
      <c r="BZ53" s="1131" t="e">
        <f t="shared" si="30"/>
        <v>#VALUE!</v>
      </c>
      <c r="CA53" s="1131" t="e">
        <f t="shared" si="31"/>
        <v>#VALUE!</v>
      </c>
      <c r="CB53" s="1131" t="e">
        <f t="shared" si="32"/>
        <v>#VALUE!</v>
      </c>
      <c r="CC53" s="1131" t="e">
        <f t="shared" si="33"/>
        <v>#VALUE!</v>
      </c>
      <c r="CD53" s="1131" t="e">
        <f t="shared" si="34"/>
        <v>#VALUE!</v>
      </c>
      <c r="CE53" s="1131" t="e">
        <f t="shared" si="35"/>
        <v>#VALUE!</v>
      </c>
      <c r="CF53" s="1131" t="e">
        <f t="shared" si="36"/>
        <v>#VALUE!</v>
      </c>
      <c r="CG53" s="1131" t="e">
        <f t="shared" si="37"/>
        <v>#VALUE!</v>
      </c>
      <c r="CH53" s="1131" t="e">
        <f t="shared" si="38"/>
        <v>#VALUE!</v>
      </c>
      <c r="CI53" s="1131" t="e">
        <f t="shared" si="39"/>
        <v>#VALUE!</v>
      </c>
      <c r="CJ53" s="1131" t="e">
        <f t="shared" si="40"/>
        <v>#VALUE!</v>
      </c>
      <c r="CK53" s="1132" t="str">
        <f t="shared" si="41"/>
        <v>n/a</v>
      </c>
    </row>
    <row r="54" spans="1:89" ht="75" x14ac:dyDescent="0.2">
      <c r="A54" s="992" t="s">
        <v>66</v>
      </c>
      <c r="B54" s="1126" t="s">
        <v>66</v>
      </c>
      <c r="C54" s="1126"/>
      <c r="D54" s="1126"/>
      <c r="E54" s="1126"/>
      <c r="F54" s="1026" t="s">
        <v>1693</v>
      </c>
      <c r="G54" s="1026" t="s">
        <v>910</v>
      </c>
      <c r="H54" s="1026" t="s">
        <v>911</v>
      </c>
      <c r="I54" s="1026" t="s">
        <v>1694</v>
      </c>
      <c r="J54" s="1026">
        <v>51.746955499999999</v>
      </c>
      <c r="K54" s="1026">
        <v>-0.47036324099999999</v>
      </c>
      <c r="L54" s="1026" t="s">
        <v>1522</v>
      </c>
      <c r="M54" s="1026" t="s">
        <v>1489</v>
      </c>
      <c r="N54" s="1026">
        <v>1</v>
      </c>
      <c r="O54" s="1026" t="s">
        <v>900</v>
      </c>
      <c r="P54" s="1026" t="s">
        <v>1616</v>
      </c>
      <c r="Q54" s="1026" t="s">
        <v>1491</v>
      </c>
      <c r="R54" s="1026" t="s">
        <v>1492</v>
      </c>
      <c r="S54" s="1026" t="s">
        <v>1493</v>
      </c>
      <c r="T54" s="1026" t="s">
        <v>1504</v>
      </c>
      <c r="U54" s="1016" t="str">
        <f>_xlfn.XLOOKUP(F54, [4]GIS!D:D, [4]GIS!E:E, "Not mapped")</f>
        <v>Multiple - Scenario 1</v>
      </c>
      <c r="V54" s="1031" t="s">
        <v>1495</v>
      </c>
      <c r="W54" s="1032" t="s">
        <v>1525</v>
      </c>
      <c r="X54" s="1032" t="s">
        <v>1526</v>
      </c>
      <c r="Y54" s="1033">
        <v>13</v>
      </c>
      <c r="Z54" s="1033">
        <v>0</v>
      </c>
      <c r="AA54" s="1033">
        <v>25</v>
      </c>
      <c r="AB54" s="1033">
        <v>14</v>
      </c>
      <c r="AC54" s="1033">
        <v>23</v>
      </c>
      <c r="AD54" s="1034">
        <v>2</v>
      </c>
      <c r="AE54" s="1034">
        <v>0</v>
      </c>
      <c r="AF54" s="1034">
        <v>9</v>
      </c>
      <c r="AG54" s="1034">
        <v>1</v>
      </c>
      <c r="AH54" s="1034">
        <v>10</v>
      </c>
      <c r="AI54" s="1034">
        <v>123</v>
      </c>
      <c r="AJ54" s="1034">
        <v>4</v>
      </c>
      <c r="AK54" s="1034">
        <f>IF(AJ54="n/a","n/a",ROUND((AJ54*[4]TripRateCalculations!$V$6),0))</f>
        <v>9</v>
      </c>
      <c r="AL54" s="1034">
        <v>1</v>
      </c>
      <c r="AM54" s="1034">
        <v>0</v>
      </c>
      <c r="AN54" s="1034">
        <f>IF(AT54="n/a","n/a",ROUND((AT54*[4]TripRateCalculations!N$4),0))</f>
        <v>0</v>
      </c>
      <c r="AO54" s="1034">
        <f>IF(AU54="n/a","n/a",ROUND((AU54*[4]TripRateCalculations!O$4),0))</f>
        <v>3</v>
      </c>
      <c r="AP54" s="1034">
        <f>IF(AV54="n/a","n/a",ROUND((AV54*[4]TripRateCalculations!P$4),0))</f>
        <v>0</v>
      </c>
      <c r="AQ54" s="1034">
        <f>IF(AW54="n/a","n/a",ROUND((AW54*[4]TripRateCalculations!Q$4),0))</f>
        <v>8</v>
      </c>
      <c r="AR54" s="1034">
        <f>IF(AX54="n/a","n/a",ROUND((AX54*[4]TripRateCalculations!R$4),0))</f>
        <v>0</v>
      </c>
      <c r="AS54" s="1034">
        <f>IF(AY54="n/a","n/a",ROUND((AY54*[4]TripRateCalculations!S$4),0))</f>
        <v>2</v>
      </c>
      <c r="AT54" s="1034">
        <v>2</v>
      </c>
      <c r="AU54" s="1034">
        <v>37</v>
      </c>
      <c r="AV54" s="1034">
        <v>1</v>
      </c>
      <c r="AW54" s="1034">
        <v>55</v>
      </c>
      <c r="AX54" s="1034">
        <v>1</v>
      </c>
      <c r="AY54" s="1034">
        <v>97</v>
      </c>
      <c r="AZ54" s="1035">
        <v>58</v>
      </c>
      <c r="BA54" s="1035">
        <v>14</v>
      </c>
      <c r="BB54" s="1035">
        <v>8</v>
      </c>
      <c r="BC54" s="1035">
        <v>25</v>
      </c>
      <c r="BD54" s="1035">
        <v>3</v>
      </c>
      <c r="BE54" s="1035">
        <v>11</v>
      </c>
      <c r="BF54" s="1035">
        <v>79</v>
      </c>
      <c r="BG54" s="1035">
        <f>IF(BF54="n/a","n/a",ROUND((BF54*[4]TripRateCalculations!Q$4),0))</f>
        <v>12</v>
      </c>
      <c r="BH54" s="1027" t="s">
        <v>1695</v>
      </c>
      <c r="BI54" s="1026" t="s">
        <v>834</v>
      </c>
      <c r="BJ54" s="1026" t="s">
        <v>53</v>
      </c>
      <c r="BK54" s="1042">
        <f>ROUND((VLOOKUP(F54,'[4]Cost Summary'!A:H,8,)),0.1)</f>
        <v>69251</v>
      </c>
      <c r="BL54" s="1026">
        <v>1</v>
      </c>
      <c r="BM54" s="1078">
        <v>8</v>
      </c>
      <c r="BN54" s="1044" t="s">
        <v>1584</v>
      </c>
      <c r="BO54" s="1130">
        <v>44990.54</v>
      </c>
      <c r="BP54" s="992"/>
      <c r="BQ54" s="1131">
        <f t="shared" si="21"/>
        <v>0</v>
      </c>
      <c r="BR54" s="1131">
        <f t="shared" si="22"/>
        <v>8.5910652920962199E-2</v>
      </c>
      <c r="BS54" s="1131">
        <f t="shared" si="23"/>
        <v>4.8109965635738834E-2</v>
      </c>
      <c r="BT54" s="1131">
        <f t="shared" si="24"/>
        <v>7.903780068728522E-2</v>
      </c>
      <c r="BU54" s="1131">
        <f t="shared" si="25"/>
        <v>6.8728522336769758E-3</v>
      </c>
      <c r="BV54" s="1131">
        <f t="shared" si="26"/>
        <v>0</v>
      </c>
      <c r="BW54" s="1131">
        <f t="shared" si="27"/>
        <v>3.0927835051546393E-2</v>
      </c>
      <c r="BX54" s="1131">
        <f t="shared" si="28"/>
        <v>3.4364261168384879E-3</v>
      </c>
      <c r="BY54" s="1131">
        <f t="shared" si="29"/>
        <v>0.42268041237113402</v>
      </c>
      <c r="BZ54" s="1131">
        <f t="shared" si="30"/>
        <v>3.0927835051546393E-2</v>
      </c>
      <c r="CA54" s="1131">
        <f t="shared" si="31"/>
        <v>3.4364261168384879E-3</v>
      </c>
      <c r="CB54" s="1131">
        <f t="shared" si="32"/>
        <v>0</v>
      </c>
      <c r="CC54" s="1131">
        <f t="shared" si="33"/>
        <v>0</v>
      </c>
      <c r="CD54" s="1131">
        <f t="shared" si="34"/>
        <v>1.0309278350515464E-2</v>
      </c>
      <c r="CE54" s="1131">
        <f t="shared" si="35"/>
        <v>0</v>
      </c>
      <c r="CF54" s="1131">
        <f t="shared" si="36"/>
        <v>0</v>
      </c>
      <c r="CG54" s="1131">
        <f t="shared" si="37"/>
        <v>6.8728522336769758E-3</v>
      </c>
      <c r="CH54" s="1131">
        <f t="shared" si="38"/>
        <v>0.19931271477663232</v>
      </c>
      <c r="CI54" s="1131">
        <f t="shared" si="39"/>
        <v>4.4673539518900345E-2</v>
      </c>
      <c r="CJ54" s="1131">
        <f t="shared" si="40"/>
        <v>2.7491408934707903E-2</v>
      </c>
      <c r="CK54" s="1132">
        <f t="shared" si="41"/>
        <v>1</v>
      </c>
    </row>
    <row r="55" spans="1:89" ht="128.25" x14ac:dyDescent="0.2">
      <c r="A55" s="992"/>
      <c r="B55" s="1126" t="s">
        <v>66</v>
      </c>
      <c r="C55" s="1126"/>
      <c r="D55" s="1126"/>
      <c r="E55" s="1126"/>
      <c r="F55" s="1026" t="s">
        <v>1696</v>
      </c>
      <c r="G55" s="1026" t="s">
        <v>952</v>
      </c>
      <c r="H55" s="1026" t="s">
        <v>953</v>
      </c>
      <c r="I55" s="1045" t="s">
        <v>1559</v>
      </c>
      <c r="J55" s="1026" t="s">
        <v>253</v>
      </c>
      <c r="K55" s="1026" t="s">
        <v>253</v>
      </c>
      <c r="L55" s="1026" t="s">
        <v>253</v>
      </c>
      <c r="M55" s="1026" t="s">
        <v>1523</v>
      </c>
      <c r="N55" s="1026">
        <v>3</v>
      </c>
      <c r="O55" s="1026" t="s">
        <v>932</v>
      </c>
      <c r="P55" s="1026" t="s">
        <v>1490</v>
      </c>
      <c r="Q55" s="1026" t="s">
        <v>1491</v>
      </c>
      <c r="R55" s="1026" t="s">
        <v>1492</v>
      </c>
      <c r="S55" s="1026" t="s">
        <v>1493</v>
      </c>
      <c r="T55" s="1026" t="s">
        <v>1697</v>
      </c>
      <c r="U55" s="1016" t="str">
        <f>_xlfn.XLOOKUP(F55, [4]GIS!D:D, [4]GIS!E:E, "Not mapped")</f>
        <v>Not mapped</v>
      </c>
      <c r="V55" s="1026" t="s">
        <v>1698</v>
      </c>
      <c r="W55" s="1047" t="s">
        <v>1582</v>
      </c>
      <c r="X55" s="1048" t="s">
        <v>1583</v>
      </c>
      <c r="Y55" s="1020" t="s">
        <v>1498</v>
      </c>
      <c r="Z55" s="1020" t="s">
        <v>1498</v>
      </c>
      <c r="AA55" s="1020" t="s">
        <v>1498</v>
      </c>
      <c r="AB55" s="1020" t="s">
        <v>1498</v>
      </c>
      <c r="AC55" s="1020" t="s">
        <v>1498</v>
      </c>
      <c r="AD55" s="1020" t="s">
        <v>1498</v>
      </c>
      <c r="AE55" s="1020" t="s">
        <v>1498</v>
      </c>
      <c r="AF55" s="1020" t="s">
        <v>1498</v>
      </c>
      <c r="AG55" s="1020" t="s">
        <v>1498</v>
      </c>
      <c r="AH55" s="1020" t="s">
        <v>1498</v>
      </c>
      <c r="AI55" s="1020" t="s">
        <v>1498</v>
      </c>
      <c r="AJ55" s="1020" t="s">
        <v>1498</v>
      </c>
      <c r="AK55" s="1020" t="str">
        <f>IF(AJ55="n/a","n/a",ROUND((AJ55*[4]TripRateCalculations!$V$6),0))</f>
        <v>n/a</v>
      </c>
      <c r="AL55" s="1020" t="s">
        <v>1498</v>
      </c>
      <c r="AM55" s="1020" t="s">
        <v>1498</v>
      </c>
      <c r="AN55" s="1020" t="str">
        <f>IF(AT55="n/a","n/a",ROUND((AT55*[4]TripRateCalculations!N$4),0))</f>
        <v>n/a</v>
      </c>
      <c r="AO55" s="1020" t="str">
        <f>IF(AU55="n/a","n/a",ROUND((AU55*[4]TripRateCalculations!O$4),0))</f>
        <v>n/a</v>
      </c>
      <c r="AP55" s="1020" t="str">
        <f>IF(AV55="n/a","n/a",ROUND((AV55*[4]TripRateCalculations!P$4),0))</f>
        <v>n/a</v>
      </c>
      <c r="AQ55" s="1020" t="str">
        <f>IF(AW55="n/a","n/a",ROUND((AW55*[4]TripRateCalculations!Q$4),0))</f>
        <v>n/a</v>
      </c>
      <c r="AR55" s="1020" t="str">
        <f>IF(AX55="n/a","n/a",ROUND((AX55*[4]TripRateCalculations!R$4),0))</f>
        <v>n/a</v>
      </c>
      <c r="AS55" s="1020" t="str">
        <f>IF(AY55="n/a","n/a",ROUND((AY55*[4]TripRateCalculations!S$4),0))</f>
        <v>n/a</v>
      </c>
      <c r="AT55" s="1020" t="s">
        <v>1498</v>
      </c>
      <c r="AU55" s="1020" t="s">
        <v>1498</v>
      </c>
      <c r="AV55" s="1020" t="s">
        <v>1498</v>
      </c>
      <c r="AW55" s="1020" t="s">
        <v>1498</v>
      </c>
      <c r="AX55" s="1020" t="s">
        <v>1498</v>
      </c>
      <c r="AY55" s="1020" t="s">
        <v>1498</v>
      </c>
      <c r="AZ55" s="1020" t="s">
        <v>1498</v>
      </c>
      <c r="BA55" s="1020" t="s">
        <v>1498</v>
      </c>
      <c r="BB55" s="1020" t="s">
        <v>1498</v>
      </c>
      <c r="BC55" s="1020" t="s">
        <v>1498</v>
      </c>
      <c r="BD55" s="1020" t="s">
        <v>1498</v>
      </c>
      <c r="BE55" s="1020" t="s">
        <v>1498</v>
      </c>
      <c r="BF55" s="1020" t="s">
        <v>1498</v>
      </c>
      <c r="BG55" s="1020" t="str">
        <f>IF(BF55="n/a","n/a",ROUND((BF55*[4]TripRateCalculations!Q$4),0))</f>
        <v>n/a</v>
      </c>
      <c r="BH55" s="1027" t="s">
        <v>1699</v>
      </c>
      <c r="BI55" s="1055" t="s">
        <v>722</v>
      </c>
      <c r="BJ55" s="1026" t="s">
        <v>53</v>
      </c>
      <c r="BK55" s="1060" t="s">
        <v>1700</v>
      </c>
      <c r="BL55" s="1060">
        <v>0</v>
      </c>
      <c r="BM55" s="1060" t="s">
        <v>1500</v>
      </c>
      <c r="BN55" s="1061" t="s">
        <v>1701</v>
      </c>
      <c r="BO55" s="1130" t="s">
        <v>1700</v>
      </c>
      <c r="BP55" s="992"/>
      <c r="BQ55" s="1131" t="e">
        <f t="shared" si="21"/>
        <v>#VALUE!</v>
      </c>
      <c r="BR55" s="1131" t="e">
        <f t="shared" si="22"/>
        <v>#VALUE!</v>
      </c>
      <c r="BS55" s="1131" t="e">
        <f t="shared" si="23"/>
        <v>#VALUE!</v>
      </c>
      <c r="BT55" s="1131" t="e">
        <f t="shared" si="24"/>
        <v>#VALUE!</v>
      </c>
      <c r="BU55" s="1131" t="e">
        <f t="shared" si="25"/>
        <v>#VALUE!</v>
      </c>
      <c r="BV55" s="1131" t="e">
        <f t="shared" si="26"/>
        <v>#VALUE!</v>
      </c>
      <c r="BW55" s="1131" t="e">
        <f t="shared" si="27"/>
        <v>#VALUE!</v>
      </c>
      <c r="BX55" s="1131" t="e">
        <f t="shared" si="28"/>
        <v>#VALUE!</v>
      </c>
      <c r="BY55" s="1131" t="e">
        <f t="shared" si="29"/>
        <v>#VALUE!</v>
      </c>
      <c r="BZ55" s="1131" t="e">
        <f t="shared" si="30"/>
        <v>#VALUE!</v>
      </c>
      <c r="CA55" s="1131" t="e">
        <f t="shared" si="31"/>
        <v>#VALUE!</v>
      </c>
      <c r="CB55" s="1131" t="e">
        <f t="shared" si="32"/>
        <v>#VALUE!</v>
      </c>
      <c r="CC55" s="1131" t="e">
        <f t="shared" si="33"/>
        <v>#VALUE!</v>
      </c>
      <c r="CD55" s="1131" t="e">
        <f t="shared" si="34"/>
        <v>#VALUE!</v>
      </c>
      <c r="CE55" s="1131" t="e">
        <f t="shared" si="35"/>
        <v>#VALUE!</v>
      </c>
      <c r="CF55" s="1131" t="e">
        <f t="shared" si="36"/>
        <v>#VALUE!</v>
      </c>
      <c r="CG55" s="1131" t="e">
        <f t="shared" si="37"/>
        <v>#VALUE!</v>
      </c>
      <c r="CH55" s="1131" t="e">
        <f t="shared" si="38"/>
        <v>#VALUE!</v>
      </c>
      <c r="CI55" s="1131" t="e">
        <f t="shared" si="39"/>
        <v>#VALUE!</v>
      </c>
      <c r="CJ55" s="1131" t="e">
        <f t="shared" si="40"/>
        <v>#VALUE!</v>
      </c>
      <c r="CK55" s="1132" t="str">
        <f t="shared" si="41"/>
        <v>n/a</v>
      </c>
    </row>
    <row r="56" spans="1:89" ht="85.5" x14ac:dyDescent="0.2">
      <c r="A56" s="992"/>
      <c r="B56" s="1126"/>
      <c r="C56" s="1126"/>
      <c r="D56" s="1126"/>
      <c r="E56" s="1126"/>
      <c r="F56" s="1026" t="s">
        <v>1702</v>
      </c>
      <c r="G56" s="1026" t="s">
        <v>954</v>
      </c>
      <c r="H56" s="1026" t="s">
        <v>955</v>
      </c>
      <c r="I56" s="1026" t="s">
        <v>1703</v>
      </c>
      <c r="J56" s="1026" t="s">
        <v>1704</v>
      </c>
      <c r="K56" s="1026">
        <v>-0.46293049600000002</v>
      </c>
      <c r="L56" s="1026" t="s">
        <v>1522</v>
      </c>
      <c r="M56" s="1026" t="s">
        <v>1523</v>
      </c>
      <c r="N56" s="1026">
        <v>3</v>
      </c>
      <c r="O56" s="1026" t="s">
        <v>932</v>
      </c>
      <c r="P56" s="1026" t="s">
        <v>1490</v>
      </c>
      <c r="Q56" s="1026" t="s">
        <v>1491</v>
      </c>
      <c r="R56" s="1026" t="s">
        <v>1492</v>
      </c>
      <c r="S56" s="1026" t="s">
        <v>1705</v>
      </c>
      <c r="T56" s="1026" t="s">
        <v>1706</v>
      </c>
      <c r="U56" s="1016" t="str">
        <f>_xlfn.XLOOKUP(F56, [4]GIS!D:D, [4]GIS!E:E, "Not mapped")</f>
        <v>Single - Scenario 2</v>
      </c>
      <c r="V56" s="1026" t="s">
        <v>1707</v>
      </c>
      <c r="W56" s="1050" t="s">
        <v>1618</v>
      </c>
      <c r="X56" s="1050" t="s">
        <v>1619</v>
      </c>
      <c r="Y56" s="1020" t="s">
        <v>1498</v>
      </c>
      <c r="Z56" s="1020" t="s">
        <v>1498</v>
      </c>
      <c r="AA56" s="1020" t="s">
        <v>1498</v>
      </c>
      <c r="AB56" s="1020" t="s">
        <v>1498</v>
      </c>
      <c r="AC56" s="1020" t="s">
        <v>1498</v>
      </c>
      <c r="AD56" s="1020" t="s">
        <v>1498</v>
      </c>
      <c r="AE56" s="1020" t="s">
        <v>1498</v>
      </c>
      <c r="AF56" s="1020" t="s">
        <v>1498</v>
      </c>
      <c r="AG56" s="1020" t="s">
        <v>1498</v>
      </c>
      <c r="AH56" s="1020" t="s">
        <v>1498</v>
      </c>
      <c r="AI56" s="1020" t="s">
        <v>1498</v>
      </c>
      <c r="AJ56" s="1020" t="s">
        <v>1498</v>
      </c>
      <c r="AK56" s="1020" t="str">
        <f>IF(AJ56="n/a","n/a",ROUND((AJ56*[4]TripRateCalculations!$V$6),0))</f>
        <v>n/a</v>
      </c>
      <c r="AL56" s="1020" t="s">
        <v>1498</v>
      </c>
      <c r="AM56" s="1020" t="s">
        <v>1498</v>
      </c>
      <c r="AN56" s="1020" t="str">
        <f>IF(AT56="n/a","n/a",ROUND((AT56*[4]TripRateCalculations!N$4),0))</f>
        <v>n/a</v>
      </c>
      <c r="AO56" s="1020" t="str">
        <f>IF(AU56="n/a","n/a",ROUND((AU56*[4]TripRateCalculations!O$4),0))</f>
        <v>n/a</v>
      </c>
      <c r="AP56" s="1020" t="str">
        <f>IF(AV56="n/a","n/a",ROUND((AV56*[4]TripRateCalculations!P$4),0))</f>
        <v>n/a</v>
      </c>
      <c r="AQ56" s="1020" t="str">
        <f>IF(AW56="n/a","n/a",ROUND((AW56*[4]TripRateCalculations!Q$4),0))</f>
        <v>n/a</v>
      </c>
      <c r="AR56" s="1020" t="str">
        <f>IF(AX56="n/a","n/a",ROUND((AX56*[4]TripRateCalculations!R$4),0))</f>
        <v>n/a</v>
      </c>
      <c r="AS56" s="1020" t="str">
        <f>IF(AY56="n/a","n/a",ROUND((AY56*[4]TripRateCalculations!S$4),0))</f>
        <v>n/a</v>
      </c>
      <c r="AT56" s="1020" t="s">
        <v>1498</v>
      </c>
      <c r="AU56" s="1020" t="s">
        <v>1498</v>
      </c>
      <c r="AV56" s="1020" t="s">
        <v>1498</v>
      </c>
      <c r="AW56" s="1020" t="s">
        <v>1498</v>
      </c>
      <c r="AX56" s="1020" t="s">
        <v>1498</v>
      </c>
      <c r="AY56" s="1020" t="s">
        <v>1498</v>
      </c>
      <c r="AZ56" s="1020" t="s">
        <v>1498</v>
      </c>
      <c r="BA56" s="1020" t="s">
        <v>1498</v>
      </c>
      <c r="BB56" s="1020" t="s">
        <v>1498</v>
      </c>
      <c r="BC56" s="1020" t="s">
        <v>1498</v>
      </c>
      <c r="BD56" s="1020" t="s">
        <v>1498</v>
      </c>
      <c r="BE56" s="1020" t="s">
        <v>1498</v>
      </c>
      <c r="BF56" s="1020" t="s">
        <v>1498</v>
      </c>
      <c r="BG56" s="1020" t="str">
        <f>IF(BF56="n/a","n/a",ROUND((BF56*[4]TripRateCalculations!Q$4),0))</f>
        <v>n/a</v>
      </c>
      <c r="BH56" s="1027" t="s">
        <v>1663</v>
      </c>
      <c r="BI56" s="1055" t="s">
        <v>834</v>
      </c>
      <c r="BJ56" s="1026" t="s">
        <v>53</v>
      </c>
      <c r="BK56" s="1051">
        <f>ROUND((VLOOKUP(F56,'[4]Cost Summary'!A:H,8,)),0.1)</f>
        <v>37570</v>
      </c>
      <c r="BL56" s="1052">
        <v>0</v>
      </c>
      <c r="BM56" s="1052" t="s">
        <v>1500</v>
      </c>
      <c r="BN56" s="1044" t="s">
        <v>1708</v>
      </c>
      <c r="BO56" s="1130">
        <v>17526.259999999998</v>
      </c>
      <c r="BP56" s="992"/>
      <c r="BQ56" s="1131" t="e">
        <f t="shared" si="21"/>
        <v>#VALUE!</v>
      </c>
      <c r="BR56" s="1131" t="e">
        <f t="shared" si="22"/>
        <v>#VALUE!</v>
      </c>
      <c r="BS56" s="1131" t="e">
        <f t="shared" si="23"/>
        <v>#VALUE!</v>
      </c>
      <c r="BT56" s="1131" t="e">
        <f t="shared" si="24"/>
        <v>#VALUE!</v>
      </c>
      <c r="BU56" s="1131" t="e">
        <f t="shared" si="25"/>
        <v>#VALUE!</v>
      </c>
      <c r="BV56" s="1131" t="e">
        <f t="shared" si="26"/>
        <v>#VALUE!</v>
      </c>
      <c r="BW56" s="1131" t="e">
        <f t="shared" si="27"/>
        <v>#VALUE!</v>
      </c>
      <c r="BX56" s="1131" t="e">
        <f t="shared" si="28"/>
        <v>#VALUE!</v>
      </c>
      <c r="BY56" s="1131" t="e">
        <f t="shared" si="29"/>
        <v>#VALUE!</v>
      </c>
      <c r="BZ56" s="1131" t="e">
        <f t="shared" si="30"/>
        <v>#VALUE!</v>
      </c>
      <c r="CA56" s="1131" t="e">
        <f t="shared" si="31"/>
        <v>#VALUE!</v>
      </c>
      <c r="CB56" s="1131" t="e">
        <f t="shared" si="32"/>
        <v>#VALUE!</v>
      </c>
      <c r="CC56" s="1131" t="e">
        <f t="shared" si="33"/>
        <v>#VALUE!</v>
      </c>
      <c r="CD56" s="1131" t="e">
        <f t="shared" si="34"/>
        <v>#VALUE!</v>
      </c>
      <c r="CE56" s="1131" t="e">
        <f t="shared" si="35"/>
        <v>#VALUE!</v>
      </c>
      <c r="CF56" s="1131" t="e">
        <f t="shared" si="36"/>
        <v>#VALUE!</v>
      </c>
      <c r="CG56" s="1131" t="e">
        <f t="shared" si="37"/>
        <v>#VALUE!</v>
      </c>
      <c r="CH56" s="1131" t="e">
        <f t="shared" si="38"/>
        <v>#VALUE!</v>
      </c>
      <c r="CI56" s="1131" t="e">
        <f t="shared" si="39"/>
        <v>#VALUE!</v>
      </c>
      <c r="CJ56" s="1131" t="e">
        <f t="shared" si="40"/>
        <v>#VALUE!</v>
      </c>
      <c r="CK56" s="1132" t="str">
        <f t="shared" si="41"/>
        <v>n/a</v>
      </c>
    </row>
    <row r="57" spans="1:89" ht="228" x14ac:dyDescent="0.2">
      <c r="A57" s="992"/>
      <c r="B57" s="1126"/>
      <c r="C57" s="1126"/>
      <c r="D57" s="1126"/>
      <c r="E57" s="1126"/>
      <c r="F57" s="1026" t="s">
        <v>1709</v>
      </c>
      <c r="G57" s="1026" t="s">
        <v>938</v>
      </c>
      <c r="H57" s="1026" t="s">
        <v>939</v>
      </c>
      <c r="I57" s="1026" t="s">
        <v>1487</v>
      </c>
      <c r="J57" s="1026">
        <v>51.780402600000002</v>
      </c>
      <c r="K57" s="1026">
        <v>-0.43476836400000002</v>
      </c>
      <c r="L57" s="1026" t="s">
        <v>1674</v>
      </c>
      <c r="M57" s="1026" t="s">
        <v>1489</v>
      </c>
      <c r="N57" s="1026">
        <v>1</v>
      </c>
      <c r="O57" s="1026" t="s">
        <v>900</v>
      </c>
      <c r="P57" s="1026" t="s">
        <v>1490</v>
      </c>
      <c r="Q57" s="1026" t="s">
        <v>1491</v>
      </c>
      <c r="R57" s="1026" t="s">
        <v>1492</v>
      </c>
      <c r="S57" s="1026" t="s">
        <v>1493</v>
      </c>
      <c r="T57" s="1026" t="s">
        <v>1672</v>
      </c>
      <c r="U57" s="1016" t="str">
        <f>_xlfn.XLOOKUP(F57, [4]GIS!D:D, [4]GIS!E:E, "Not mapped")</f>
        <v>Single - Scenario 2</v>
      </c>
      <c r="V57" s="1026" t="s">
        <v>1546</v>
      </c>
      <c r="W57" s="1143" t="s">
        <v>1653</v>
      </c>
      <c r="X57" s="1143" t="s">
        <v>1710</v>
      </c>
      <c r="Y57" s="1020" t="s">
        <v>1498</v>
      </c>
      <c r="Z57" s="1020" t="s">
        <v>1498</v>
      </c>
      <c r="AA57" s="1020" t="s">
        <v>1498</v>
      </c>
      <c r="AB57" s="1020" t="s">
        <v>1498</v>
      </c>
      <c r="AC57" s="1020" t="s">
        <v>1498</v>
      </c>
      <c r="AD57" s="1020" t="s">
        <v>1498</v>
      </c>
      <c r="AE57" s="1020" t="s">
        <v>1498</v>
      </c>
      <c r="AF57" s="1020" t="s">
        <v>1498</v>
      </c>
      <c r="AG57" s="1020" t="s">
        <v>1498</v>
      </c>
      <c r="AH57" s="1020" t="s">
        <v>1498</v>
      </c>
      <c r="AI57" s="1020" t="s">
        <v>1498</v>
      </c>
      <c r="AJ57" s="1020" t="s">
        <v>1498</v>
      </c>
      <c r="AK57" s="1020" t="str">
        <f>IF(AJ57="n/a","n/a",ROUND((AJ57*[4]TripRateCalculations!$V$6),0))</f>
        <v>n/a</v>
      </c>
      <c r="AL57" s="1020" t="s">
        <v>1498</v>
      </c>
      <c r="AM57" s="1020" t="s">
        <v>1498</v>
      </c>
      <c r="AN57" s="1020" t="str">
        <f>IF(AT57="n/a","n/a",ROUND((AT57*[4]TripRateCalculations!N$4),0))</f>
        <v>n/a</v>
      </c>
      <c r="AO57" s="1020" t="str">
        <f>IF(AU57="n/a","n/a",ROUND((AU57*[4]TripRateCalculations!O$4),0))</f>
        <v>n/a</v>
      </c>
      <c r="AP57" s="1020" t="str">
        <f>IF(AV57="n/a","n/a",ROUND((AV57*[4]TripRateCalculations!P$4),0))</f>
        <v>n/a</v>
      </c>
      <c r="AQ57" s="1020" t="str">
        <f>IF(AW57="n/a","n/a",ROUND((AW57*[4]TripRateCalculations!Q$4),0))</f>
        <v>n/a</v>
      </c>
      <c r="AR57" s="1020" t="str">
        <f>IF(AX57="n/a","n/a",ROUND((AX57*[4]TripRateCalculations!R$4),0))</f>
        <v>n/a</v>
      </c>
      <c r="AS57" s="1020" t="str">
        <f>IF(AY57="n/a","n/a",ROUND((AY57*[4]TripRateCalculations!S$4),0))</f>
        <v>n/a</v>
      </c>
      <c r="AT57" s="1020" t="s">
        <v>1498</v>
      </c>
      <c r="AU57" s="1020" t="s">
        <v>1498</v>
      </c>
      <c r="AV57" s="1020" t="s">
        <v>1498</v>
      </c>
      <c r="AW57" s="1020" t="s">
        <v>1498</v>
      </c>
      <c r="AX57" s="1020" t="s">
        <v>1498</v>
      </c>
      <c r="AY57" s="1020" t="s">
        <v>1498</v>
      </c>
      <c r="AZ57" s="1100" t="s">
        <v>1498</v>
      </c>
      <c r="BA57" s="1100" t="s">
        <v>1498</v>
      </c>
      <c r="BB57" s="1100" t="s">
        <v>1498</v>
      </c>
      <c r="BC57" s="1100" t="s">
        <v>1498</v>
      </c>
      <c r="BD57" s="1100" t="s">
        <v>1498</v>
      </c>
      <c r="BE57" s="1100" t="s">
        <v>1498</v>
      </c>
      <c r="BF57" s="1100" t="s">
        <v>1498</v>
      </c>
      <c r="BG57" s="1100" t="str">
        <f>IF(BF57="n/a","n/a",ROUND((BF57*[4]TripRateCalculations!Q$4),0))</f>
        <v>n/a</v>
      </c>
      <c r="BH57" s="1027" t="s">
        <v>1683</v>
      </c>
      <c r="BI57" s="1026" t="s">
        <v>834</v>
      </c>
      <c r="BJ57" s="1026" t="s">
        <v>912</v>
      </c>
      <c r="BK57" s="1051">
        <f>ROUND((VLOOKUP(F57,'[4]Cost Summary'!A:H,8,)),0.1)</f>
        <v>246798</v>
      </c>
      <c r="BL57" s="1026">
        <v>0</v>
      </c>
      <c r="BM57" s="1026" t="s">
        <v>1500</v>
      </c>
      <c r="BN57" s="1044" t="s">
        <v>1584</v>
      </c>
      <c r="BO57" s="1130">
        <v>320677.5</v>
      </c>
      <c r="BP57" s="992"/>
      <c r="BQ57" s="1131" t="e">
        <f t="shared" si="21"/>
        <v>#VALUE!</v>
      </c>
      <c r="BR57" s="1131" t="e">
        <f t="shared" si="22"/>
        <v>#VALUE!</v>
      </c>
      <c r="BS57" s="1131" t="e">
        <f t="shared" si="23"/>
        <v>#VALUE!</v>
      </c>
      <c r="BT57" s="1131" t="e">
        <f t="shared" si="24"/>
        <v>#VALUE!</v>
      </c>
      <c r="BU57" s="1131" t="e">
        <f t="shared" si="25"/>
        <v>#VALUE!</v>
      </c>
      <c r="BV57" s="1131" t="e">
        <f t="shared" si="26"/>
        <v>#VALUE!</v>
      </c>
      <c r="BW57" s="1131" t="e">
        <f t="shared" si="27"/>
        <v>#VALUE!</v>
      </c>
      <c r="BX57" s="1131" t="e">
        <f t="shared" si="28"/>
        <v>#VALUE!</v>
      </c>
      <c r="BY57" s="1131" t="e">
        <f t="shared" si="29"/>
        <v>#VALUE!</v>
      </c>
      <c r="BZ57" s="1131" t="e">
        <f t="shared" si="30"/>
        <v>#VALUE!</v>
      </c>
      <c r="CA57" s="1131" t="e">
        <f t="shared" si="31"/>
        <v>#VALUE!</v>
      </c>
      <c r="CB57" s="1131" t="e">
        <f t="shared" si="32"/>
        <v>#VALUE!</v>
      </c>
      <c r="CC57" s="1131" t="e">
        <f t="shared" si="33"/>
        <v>#VALUE!</v>
      </c>
      <c r="CD57" s="1131" t="e">
        <f t="shared" si="34"/>
        <v>#VALUE!</v>
      </c>
      <c r="CE57" s="1131" t="e">
        <f t="shared" si="35"/>
        <v>#VALUE!</v>
      </c>
      <c r="CF57" s="1131" t="e">
        <f t="shared" si="36"/>
        <v>#VALUE!</v>
      </c>
      <c r="CG57" s="1131" t="e">
        <f t="shared" si="37"/>
        <v>#VALUE!</v>
      </c>
      <c r="CH57" s="1131" t="e">
        <f t="shared" si="38"/>
        <v>#VALUE!</v>
      </c>
      <c r="CI57" s="1131" t="e">
        <f t="shared" si="39"/>
        <v>#VALUE!</v>
      </c>
      <c r="CJ57" s="1131" t="e">
        <f t="shared" si="40"/>
        <v>#VALUE!</v>
      </c>
      <c r="CK57" s="1132" t="str">
        <f t="shared" si="41"/>
        <v>n/a</v>
      </c>
    </row>
    <row r="58" spans="1:89" ht="165" x14ac:dyDescent="0.2">
      <c r="A58" s="992"/>
      <c r="B58" s="1126"/>
      <c r="C58" s="1126"/>
      <c r="D58" s="1126"/>
      <c r="E58" s="1126"/>
      <c r="F58" s="1026" t="s">
        <v>1711</v>
      </c>
      <c r="G58" s="1026" t="s">
        <v>959</v>
      </c>
      <c r="H58" s="1026" t="s">
        <v>960</v>
      </c>
      <c r="I58" s="1045" t="s">
        <v>1559</v>
      </c>
      <c r="J58" s="1026" t="s">
        <v>1521</v>
      </c>
      <c r="K58" s="1026" t="s">
        <v>1521</v>
      </c>
      <c r="L58" s="1026" t="s">
        <v>1522</v>
      </c>
      <c r="M58" s="1026" t="s">
        <v>1523</v>
      </c>
      <c r="N58" s="1026">
        <v>1</v>
      </c>
      <c r="O58" s="1026" t="s">
        <v>870</v>
      </c>
      <c r="P58" s="1026" t="s">
        <v>1616</v>
      </c>
      <c r="Q58" s="1026" t="s">
        <v>1491</v>
      </c>
      <c r="R58" s="1026" t="s">
        <v>1492</v>
      </c>
      <c r="S58" s="1026" t="s">
        <v>1493</v>
      </c>
      <c r="T58" s="1026" t="s">
        <v>1697</v>
      </c>
      <c r="U58" s="1016" t="str">
        <f>_xlfn.XLOOKUP(F58, [4]GIS!D:D, [4]GIS!E:E, "Not mapped")</f>
        <v>Not mapped</v>
      </c>
      <c r="V58" s="1031" t="s">
        <v>1712</v>
      </c>
      <c r="W58" s="1047" t="s">
        <v>1582</v>
      </c>
      <c r="X58" s="1048" t="s">
        <v>1583</v>
      </c>
      <c r="Y58" s="1020" t="s">
        <v>1498</v>
      </c>
      <c r="Z58" s="1020" t="s">
        <v>1498</v>
      </c>
      <c r="AA58" s="1020" t="s">
        <v>1498</v>
      </c>
      <c r="AB58" s="1020" t="s">
        <v>1498</v>
      </c>
      <c r="AC58" s="1020" t="s">
        <v>1498</v>
      </c>
      <c r="AD58" s="1020" t="s">
        <v>1498</v>
      </c>
      <c r="AE58" s="1020" t="s">
        <v>1498</v>
      </c>
      <c r="AF58" s="1020" t="s">
        <v>1498</v>
      </c>
      <c r="AG58" s="1020" t="s">
        <v>1498</v>
      </c>
      <c r="AH58" s="1020" t="s">
        <v>1498</v>
      </c>
      <c r="AI58" s="1020" t="s">
        <v>1498</v>
      </c>
      <c r="AJ58" s="1020" t="s">
        <v>1498</v>
      </c>
      <c r="AK58" s="1020" t="str">
        <f>IF(AJ58="n/a","n/a",ROUND((AJ58*[4]TripRateCalculations!$V$6),0))</f>
        <v>n/a</v>
      </c>
      <c r="AL58" s="1020" t="s">
        <v>1498</v>
      </c>
      <c r="AM58" s="1020" t="s">
        <v>1498</v>
      </c>
      <c r="AN58" s="1020" t="str">
        <f>IF(AT58="n/a","n/a",ROUND((AT58*[4]TripRateCalculations!N$4),0))</f>
        <v>n/a</v>
      </c>
      <c r="AO58" s="1020" t="str">
        <f>IF(AU58="n/a","n/a",ROUND((AU58*[4]TripRateCalculations!O$4),0))</f>
        <v>n/a</v>
      </c>
      <c r="AP58" s="1020" t="str">
        <f>IF(AV58="n/a","n/a",ROUND((AV58*[4]TripRateCalculations!P$4),0))</f>
        <v>n/a</v>
      </c>
      <c r="AQ58" s="1020" t="str">
        <f>IF(AW58="n/a","n/a",ROUND((AW58*[4]TripRateCalculations!Q$4),0))</f>
        <v>n/a</v>
      </c>
      <c r="AR58" s="1020" t="str">
        <f>IF(AX58="n/a","n/a",ROUND((AX58*[4]TripRateCalculations!R$4),0))</f>
        <v>n/a</v>
      </c>
      <c r="AS58" s="1020" t="str">
        <f>IF(AY58="n/a","n/a",ROUND((AY58*[4]TripRateCalculations!S$4),0))</f>
        <v>n/a</v>
      </c>
      <c r="AT58" s="1020" t="s">
        <v>1498</v>
      </c>
      <c r="AU58" s="1020" t="s">
        <v>1498</v>
      </c>
      <c r="AV58" s="1020" t="s">
        <v>1498</v>
      </c>
      <c r="AW58" s="1020" t="s">
        <v>1498</v>
      </c>
      <c r="AX58" s="1020" t="s">
        <v>1498</v>
      </c>
      <c r="AY58" s="1020" t="s">
        <v>1498</v>
      </c>
      <c r="AZ58" s="1020" t="s">
        <v>1498</v>
      </c>
      <c r="BA58" s="1020" t="s">
        <v>1498</v>
      </c>
      <c r="BB58" s="1020" t="s">
        <v>1498</v>
      </c>
      <c r="BC58" s="1020" t="s">
        <v>1498</v>
      </c>
      <c r="BD58" s="1020" t="s">
        <v>1498</v>
      </c>
      <c r="BE58" s="1020" t="s">
        <v>1498</v>
      </c>
      <c r="BF58" s="1020" t="s">
        <v>1498</v>
      </c>
      <c r="BG58" s="1020" t="str">
        <f>IF(BF58="n/a","n/a",ROUND((BF58*[4]TripRateCalculations!Q$4),0))</f>
        <v>n/a</v>
      </c>
      <c r="BH58" s="1027" t="s">
        <v>1699</v>
      </c>
      <c r="BI58" s="1026" t="s">
        <v>722</v>
      </c>
      <c r="BJ58" s="1026" t="s">
        <v>912</v>
      </c>
      <c r="BK58" s="1060" t="s">
        <v>1700</v>
      </c>
      <c r="BL58" s="1060">
        <v>0</v>
      </c>
      <c r="BM58" s="1060" t="s">
        <v>1500</v>
      </c>
      <c r="BN58" s="1061" t="s">
        <v>1701</v>
      </c>
      <c r="BO58" s="1130" t="s">
        <v>1700</v>
      </c>
      <c r="BP58" s="992"/>
      <c r="BQ58" s="1131" t="e">
        <f t="shared" si="21"/>
        <v>#VALUE!</v>
      </c>
      <c r="BR58" s="1131" t="e">
        <f t="shared" si="22"/>
        <v>#VALUE!</v>
      </c>
      <c r="BS58" s="1131" t="e">
        <f t="shared" si="23"/>
        <v>#VALUE!</v>
      </c>
      <c r="BT58" s="1131" t="e">
        <f t="shared" si="24"/>
        <v>#VALUE!</v>
      </c>
      <c r="BU58" s="1131" t="e">
        <f t="shared" si="25"/>
        <v>#VALUE!</v>
      </c>
      <c r="BV58" s="1131" t="e">
        <f t="shared" si="26"/>
        <v>#VALUE!</v>
      </c>
      <c r="BW58" s="1131" t="e">
        <f t="shared" si="27"/>
        <v>#VALUE!</v>
      </c>
      <c r="BX58" s="1131" t="e">
        <f t="shared" si="28"/>
        <v>#VALUE!</v>
      </c>
      <c r="BY58" s="1131" t="e">
        <f t="shared" si="29"/>
        <v>#VALUE!</v>
      </c>
      <c r="BZ58" s="1131" t="e">
        <f t="shared" si="30"/>
        <v>#VALUE!</v>
      </c>
      <c r="CA58" s="1131" t="e">
        <f t="shared" si="31"/>
        <v>#VALUE!</v>
      </c>
      <c r="CB58" s="1131" t="e">
        <f t="shared" si="32"/>
        <v>#VALUE!</v>
      </c>
      <c r="CC58" s="1131" t="e">
        <f t="shared" si="33"/>
        <v>#VALUE!</v>
      </c>
      <c r="CD58" s="1131" t="e">
        <f t="shared" si="34"/>
        <v>#VALUE!</v>
      </c>
      <c r="CE58" s="1131" t="e">
        <f t="shared" si="35"/>
        <v>#VALUE!</v>
      </c>
      <c r="CF58" s="1131" t="e">
        <f t="shared" si="36"/>
        <v>#VALUE!</v>
      </c>
      <c r="CG58" s="1131" t="e">
        <f t="shared" si="37"/>
        <v>#VALUE!</v>
      </c>
      <c r="CH58" s="1131" t="e">
        <f t="shared" si="38"/>
        <v>#VALUE!</v>
      </c>
      <c r="CI58" s="1131" t="e">
        <f t="shared" si="39"/>
        <v>#VALUE!</v>
      </c>
      <c r="CJ58" s="1131" t="e">
        <f t="shared" si="40"/>
        <v>#VALUE!</v>
      </c>
      <c r="CK58" s="1132" t="str">
        <f t="shared" si="41"/>
        <v>n/a</v>
      </c>
    </row>
    <row r="59" spans="1:89" ht="165" x14ac:dyDescent="0.2">
      <c r="A59" s="992"/>
      <c r="B59" s="1126"/>
      <c r="C59" s="1126"/>
      <c r="D59" s="1126"/>
      <c r="E59" s="1126"/>
      <c r="F59" s="1026" t="s">
        <v>1713</v>
      </c>
      <c r="G59" s="1026" t="s">
        <v>961</v>
      </c>
      <c r="H59" s="1026" t="s">
        <v>962</v>
      </c>
      <c r="I59" s="1045" t="s">
        <v>1559</v>
      </c>
      <c r="J59" s="1026" t="s">
        <v>1521</v>
      </c>
      <c r="K59" s="1026" t="s">
        <v>1521</v>
      </c>
      <c r="L59" s="1026" t="s">
        <v>1522</v>
      </c>
      <c r="M59" s="1026" t="s">
        <v>1523</v>
      </c>
      <c r="N59" s="1026">
        <v>2</v>
      </c>
      <c r="O59" s="1026" t="s">
        <v>870</v>
      </c>
      <c r="P59" s="1026" t="s">
        <v>1490</v>
      </c>
      <c r="Q59" s="1026" t="s">
        <v>1491</v>
      </c>
      <c r="R59" s="1026" t="s">
        <v>1492</v>
      </c>
      <c r="S59" s="1026" t="s">
        <v>1493</v>
      </c>
      <c r="T59" s="1026" t="s">
        <v>1697</v>
      </c>
      <c r="U59" s="1016" t="str">
        <f>_xlfn.XLOOKUP(F59, [4]GIS!D:D, [4]GIS!E:E, "Not mapped")</f>
        <v>Not mapped</v>
      </c>
      <c r="V59" s="1031" t="s">
        <v>1712</v>
      </c>
      <c r="W59" s="1047" t="s">
        <v>1582</v>
      </c>
      <c r="X59" s="1048" t="s">
        <v>1583</v>
      </c>
      <c r="Y59" s="1020" t="s">
        <v>1498</v>
      </c>
      <c r="Z59" s="1020" t="s">
        <v>1498</v>
      </c>
      <c r="AA59" s="1020" t="s">
        <v>1498</v>
      </c>
      <c r="AB59" s="1020" t="s">
        <v>1498</v>
      </c>
      <c r="AC59" s="1020" t="s">
        <v>1498</v>
      </c>
      <c r="AD59" s="1020" t="s">
        <v>1498</v>
      </c>
      <c r="AE59" s="1020" t="s">
        <v>1498</v>
      </c>
      <c r="AF59" s="1020" t="s">
        <v>1498</v>
      </c>
      <c r="AG59" s="1020" t="s">
        <v>1498</v>
      </c>
      <c r="AH59" s="1020" t="s">
        <v>1498</v>
      </c>
      <c r="AI59" s="1020" t="s">
        <v>1498</v>
      </c>
      <c r="AJ59" s="1020" t="s">
        <v>1498</v>
      </c>
      <c r="AK59" s="1020" t="str">
        <f>IF(AJ59="n/a","n/a",ROUND((AJ59*[4]TripRateCalculations!$V$6),0))</f>
        <v>n/a</v>
      </c>
      <c r="AL59" s="1020" t="s">
        <v>1498</v>
      </c>
      <c r="AM59" s="1020" t="s">
        <v>1498</v>
      </c>
      <c r="AN59" s="1020" t="str">
        <f>IF(AT59="n/a","n/a",ROUND((AT59*[4]TripRateCalculations!N$4),0))</f>
        <v>n/a</v>
      </c>
      <c r="AO59" s="1020" t="str">
        <f>IF(AU59="n/a","n/a",ROUND((AU59*[4]TripRateCalculations!O$4),0))</f>
        <v>n/a</v>
      </c>
      <c r="AP59" s="1020" t="str">
        <f>IF(AV59="n/a","n/a",ROUND((AV59*[4]TripRateCalculations!P$4),0))</f>
        <v>n/a</v>
      </c>
      <c r="AQ59" s="1020" t="str">
        <f>IF(AW59="n/a","n/a",ROUND((AW59*[4]TripRateCalculations!Q$4),0))</f>
        <v>n/a</v>
      </c>
      <c r="AR59" s="1020" t="str">
        <f>IF(AX59="n/a","n/a",ROUND((AX59*[4]TripRateCalculations!R$4),0))</f>
        <v>n/a</v>
      </c>
      <c r="AS59" s="1020" t="str">
        <f>IF(AY59="n/a","n/a",ROUND((AY59*[4]TripRateCalculations!S$4),0))</f>
        <v>n/a</v>
      </c>
      <c r="AT59" s="1020" t="s">
        <v>1498</v>
      </c>
      <c r="AU59" s="1020" t="s">
        <v>1498</v>
      </c>
      <c r="AV59" s="1020" t="s">
        <v>1498</v>
      </c>
      <c r="AW59" s="1020" t="s">
        <v>1498</v>
      </c>
      <c r="AX59" s="1020" t="s">
        <v>1498</v>
      </c>
      <c r="AY59" s="1020" t="s">
        <v>1498</v>
      </c>
      <c r="AZ59" s="1020" t="s">
        <v>1498</v>
      </c>
      <c r="BA59" s="1020" t="s">
        <v>1498</v>
      </c>
      <c r="BB59" s="1020" t="s">
        <v>1498</v>
      </c>
      <c r="BC59" s="1020" t="s">
        <v>1498</v>
      </c>
      <c r="BD59" s="1020" t="s">
        <v>1498</v>
      </c>
      <c r="BE59" s="1020" t="s">
        <v>1498</v>
      </c>
      <c r="BF59" s="1020" t="s">
        <v>1498</v>
      </c>
      <c r="BG59" s="1020" t="str">
        <f>IF(BF59="n/a","n/a",ROUND((BF59*[4]TripRateCalculations!Q$4),0))</f>
        <v>n/a</v>
      </c>
      <c r="BH59" s="1027" t="s">
        <v>1699</v>
      </c>
      <c r="BI59" s="1026" t="s">
        <v>722</v>
      </c>
      <c r="BJ59" s="1026" t="s">
        <v>912</v>
      </c>
      <c r="BK59" s="1060" t="s">
        <v>1700</v>
      </c>
      <c r="BL59" s="1060">
        <v>0</v>
      </c>
      <c r="BM59" s="1060" t="s">
        <v>1500</v>
      </c>
      <c r="BN59" s="1061" t="s">
        <v>1701</v>
      </c>
      <c r="BO59" s="1130" t="s">
        <v>1700</v>
      </c>
      <c r="BP59" s="992"/>
      <c r="BQ59" s="1131" t="e">
        <f t="shared" si="21"/>
        <v>#VALUE!</v>
      </c>
      <c r="BR59" s="1131" t="e">
        <f t="shared" si="22"/>
        <v>#VALUE!</v>
      </c>
      <c r="BS59" s="1131" t="e">
        <f t="shared" si="23"/>
        <v>#VALUE!</v>
      </c>
      <c r="BT59" s="1131" t="e">
        <f t="shared" si="24"/>
        <v>#VALUE!</v>
      </c>
      <c r="BU59" s="1131" t="e">
        <f t="shared" si="25"/>
        <v>#VALUE!</v>
      </c>
      <c r="BV59" s="1131" t="e">
        <f t="shared" si="26"/>
        <v>#VALUE!</v>
      </c>
      <c r="BW59" s="1131" t="e">
        <f t="shared" si="27"/>
        <v>#VALUE!</v>
      </c>
      <c r="BX59" s="1131" t="e">
        <f t="shared" si="28"/>
        <v>#VALUE!</v>
      </c>
      <c r="BY59" s="1131" t="e">
        <f t="shared" si="29"/>
        <v>#VALUE!</v>
      </c>
      <c r="BZ59" s="1131" t="e">
        <f t="shared" si="30"/>
        <v>#VALUE!</v>
      </c>
      <c r="CA59" s="1131" t="e">
        <f t="shared" si="31"/>
        <v>#VALUE!</v>
      </c>
      <c r="CB59" s="1131" t="e">
        <f t="shared" si="32"/>
        <v>#VALUE!</v>
      </c>
      <c r="CC59" s="1131" t="e">
        <f t="shared" si="33"/>
        <v>#VALUE!</v>
      </c>
      <c r="CD59" s="1131" t="e">
        <f t="shared" si="34"/>
        <v>#VALUE!</v>
      </c>
      <c r="CE59" s="1131" t="e">
        <f t="shared" si="35"/>
        <v>#VALUE!</v>
      </c>
      <c r="CF59" s="1131" t="e">
        <f t="shared" si="36"/>
        <v>#VALUE!</v>
      </c>
      <c r="CG59" s="1131" t="e">
        <f t="shared" si="37"/>
        <v>#VALUE!</v>
      </c>
      <c r="CH59" s="1131" t="e">
        <f t="shared" si="38"/>
        <v>#VALUE!</v>
      </c>
      <c r="CI59" s="1131" t="e">
        <f t="shared" si="39"/>
        <v>#VALUE!</v>
      </c>
      <c r="CJ59" s="1131" t="e">
        <f t="shared" si="40"/>
        <v>#VALUE!</v>
      </c>
      <c r="CK59" s="1132" t="str">
        <f t="shared" si="41"/>
        <v>n/a</v>
      </c>
    </row>
    <row r="60" spans="1:89" ht="75" x14ac:dyDescent="0.2">
      <c r="A60" s="992" t="s">
        <v>66</v>
      </c>
      <c r="B60" s="1126" t="s">
        <v>66</v>
      </c>
      <c r="C60" s="1126"/>
      <c r="D60" s="1126"/>
      <c r="E60" s="1126"/>
      <c r="F60" s="1026" t="s">
        <v>1714</v>
      </c>
      <c r="G60" s="1026" t="s">
        <v>913</v>
      </c>
      <c r="H60" s="1026" t="s">
        <v>911</v>
      </c>
      <c r="I60" s="1026" t="s">
        <v>1715</v>
      </c>
      <c r="J60" s="1026">
        <v>51.747992869999997</v>
      </c>
      <c r="K60" s="1026">
        <v>-0.46707372400000002</v>
      </c>
      <c r="L60" s="1026" t="s">
        <v>1522</v>
      </c>
      <c r="M60" s="1026" t="s">
        <v>1489</v>
      </c>
      <c r="N60" s="1026">
        <v>1</v>
      </c>
      <c r="O60" s="1026" t="s">
        <v>900</v>
      </c>
      <c r="P60" s="1026" t="s">
        <v>1616</v>
      </c>
      <c r="Q60" s="1026" t="s">
        <v>1491</v>
      </c>
      <c r="R60" s="1026" t="s">
        <v>1492</v>
      </c>
      <c r="S60" s="1026" t="s">
        <v>1493</v>
      </c>
      <c r="T60" s="1026" t="s">
        <v>1504</v>
      </c>
      <c r="U60" s="1016" t="str">
        <f>_xlfn.XLOOKUP(F60, [4]GIS!D:D, [4]GIS!E:E, "Not mapped")</f>
        <v>Single - Scenario 2</v>
      </c>
      <c r="V60" s="1031" t="s">
        <v>1495</v>
      </c>
      <c r="W60" s="1032" t="s">
        <v>1525</v>
      </c>
      <c r="X60" s="1032" t="s">
        <v>1526</v>
      </c>
      <c r="Y60" s="1033">
        <v>23</v>
      </c>
      <c r="Z60" s="1033">
        <v>33</v>
      </c>
      <c r="AA60" s="1033">
        <v>25</v>
      </c>
      <c r="AB60" s="1033">
        <v>25</v>
      </c>
      <c r="AC60" s="1033">
        <v>23</v>
      </c>
      <c r="AD60" s="1034">
        <v>2</v>
      </c>
      <c r="AE60" s="1034">
        <v>46</v>
      </c>
      <c r="AF60" s="1034">
        <v>9</v>
      </c>
      <c r="AG60" s="1034">
        <v>3</v>
      </c>
      <c r="AH60" s="1034">
        <v>10</v>
      </c>
      <c r="AI60" s="1034">
        <v>123</v>
      </c>
      <c r="AJ60" s="1034">
        <v>5</v>
      </c>
      <c r="AK60" s="1034">
        <f>IF(AJ60="n/a","n/a",ROUND((AJ60*[4]TripRateCalculations!$V$6),0))</f>
        <v>11</v>
      </c>
      <c r="AL60" s="1034">
        <v>1</v>
      </c>
      <c r="AM60" s="1034">
        <v>0</v>
      </c>
      <c r="AN60" s="1034">
        <f>IF(AT60="n/a","n/a",ROUND((AT60*[4]TripRateCalculations!N$4),0))</f>
        <v>1</v>
      </c>
      <c r="AO60" s="1034">
        <f>IF(AU60="n/a","n/a",ROUND((AU60*[4]TripRateCalculations!O$4),0))</f>
        <v>3</v>
      </c>
      <c r="AP60" s="1034">
        <f>IF(AV60="n/a","n/a",ROUND((AV60*[4]TripRateCalculations!P$4),0))</f>
        <v>0</v>
      </c>
      <c r="AQ60" s="1034">
        <f>IF(AW60="n/a","n/a",ROUND((AW60*[4]TripRateCalculations!Q$4),0))</f>
        <v>8</v>
      </c>
      <c r="AR60" s="1034">
        <f>IF(AX60="n/a","n/a",ROUND((AX60*[4]TripRateCalculations!R$4),0))</f>
        <v>0</v>
      </c>
      <c r="AS60" s="1034">
        <f>IF(AY60="n/a","n/a",ROUND((AY60*[4]TripRateCalculations!S$4),0))</f>
        <v>2</v>
      </c>
      <c r="AT60" s="1034">
        <v>3</v>
      </c>
      <c r="AU60" s="1034">
        <v>36</v>
      </c>
      <c r="AV60" s="1034">
        <v>1</v>
      </c>
      <c r="AW60" s="1034">
        <v>55</v>
      </c>
      <c r="AX60" s="1034">
        <v>2</v>
      </c>
      <c r="AY60" s="1034">
        <v>98</v>
      </c>
      <c r="AZ60" s="1035">
        <v>59</v>
      </c>
      <c r="BA60" s="1035">
        <v>14</v>
      </c>
      <c r="BB60" s="1035">
        <v>8</v>
      </c>
      <c r="BC60" s="1035">
        <v>30</v>
      </c>
      <c r="BD60" s="1035">
        <v>3</v>
      </c>
      <c r="BE60" s="1035">
        <v>11</v>
      </c>
      <c r="BF60" s="1035">
        <v>82</v>
      </c>
      <c r="BG60" s="1035">
        <f>IF(BF60="n/a","n/a",ROUND((BF60*[4]TripRateCalculations!Q$4),0))</f>
        <v>12</v>
      </c>
      <c r="BH60" s="1027" t="s">
        <v>1695</v>
      </c>
      <c r="BI60" s="1026" t="s">
        <v>834</v>
      </c>
      <c r="BJ60" s="1026" t="s">
        <v>53</v>
      </c>
      <c r="BK60" s="1063">
        <f>ROUND((VLOOKUP(F60,'[4]Cost Summary'!A:H,8,)),0.1)</f>
        <v>69251</v>
      </c>
      <c r="BL60" s="1015">
        <v>1</v>
      </c>
      <c r="BM60" s="1064">
        <v>8</v>
      </c>
      <c r="BN60" s="1044" t="s">
        <v>1584</v>
      </c>
      <c r="BO60" s="1130">
        <v>44990.54</v>
      </c>
      <c r="BP60" s="992"/>
      <c r="BQ60" s="1131">
        <f t="shared" si="21"/>
        <v>8.3123425692695208E-2</v>
      </c>
      <c r="BR60" s="1131">
        <f t="shared" si="22"/>
        <v>6.2972292191435769E-2</v>
      </c>
      <c r="BS60" s="1131">
        <f t="shared" si="23"/>
        <v>6.2972292191435769E-2</v>
      </c>
      <c r="BT60" s="1131">
        <f t="shared" si="24"/>
        <v>5.793450881612091E-2</v>
      </c>
      <c r="BU60" s="1131">
        <f t="shared" si="25"/>
        <v>5.0377833753148613E-3</v>
      </c>
      <c r="BV60" s="1131">
        <f t="shared" si="26"/>
        <v>0.11586901763224182</v>
      </c>
      <c r="BW60" s="1131">
        <f t="shared" si="27"/>
        <v>2.2670025188916875E-2</v>
      </c>
      <c r="BX60" s="1131">
        <f t="shared" si="28"/>
        <v>7.556675062972292E-3</v>
      </c>
      <c r="BY60" s="1131">
        <f t="shared" si="29"/>
        <v>0.30982367758186397</v>
      </c>
      <c r="BZ60" s="1131">
        <f t="shared" si="30"/>
        <v>2.7707808564231738E-2</v>
      </c>
      <c r="CA60" s="1131">
        <f t="shared" si="31"/>
        <v>2.5188916876574307E-3</v>
      </c>
      <c r="CB60" s="1131">
        <f t="shared" si="32"/>
        <v>0</v>
      </c>
      <c r="CC60" s="1131">
        <f t="shared" si="33"/>
        <v>2.5188916876574307E-3</v>
      </c>
      <c r="CD60" s="1131">
        <f t="shared" si="34"/>
        <v>7.556675062972292E-3</v>
      </c>
      <c r="CE60" s="1131">
        <f t="shared" si="35"/>
        <v>0</v>
      </c>
      <c r="CF60" s="1131">
        <f t="shared" si="36"/>
        <v>0</v>
      </c>
      <c r="CG60" s="1131">
        <f t="shared" si="37"/>
        <v>5.0377833753148613E-3</v>
      </c>
      <c r="CH60" s="1131">
        <f t="shared" si="38"/>
        <v>0.1486146095717884</v>
      </c>
      <c r="CI60" s="1131">
        <f t="shared" si="39"/>
        <v>5.793450881612091E-2</v>
      </c>
      <c r="CJ60" s="1131">
        <f t="shared" si="40"/>
        <v>2.0151133501259445E-2</v>
      </c>
      <c r="CK60" s="1132">
        <f t="shared" si="41"/>
        <v>0.99999999999999989</v>
      </c>
    </row>
    <row r="61" spans="1:89" ht="135" x14ac:dyDescent="0.2">
      <c r="A61" s="992"/>
      <c r="B61" s="1126" t="s">
        <v>66</v>
      </c>
      <c r="C61" s="1126"/>
      <c r="D61" s="1126" t="s">
        <v>66</v>
      </c>
      <c r="E61" s="1126"/>
      <c r="F61" s="1066" t="s">
        <v>1716</v>
      </c>
      <c r="G61" s="1066" t="s">
        <v>967</v>
      </c>
      <c r="H61" s="1066" t="s">
        <v>968</v>
      </c>
      <c r="I61" s="1066"/>
      <c r="J61" s="1066">
        <v>51.74947633</v>
      </c>
      <c r="K61" s="1066">
        <v>-0.47001127300000001</v>
      </c>
      <c r="L61" s="1066" t="s">
        <v>253</v>
      </c>
      <c r="M61" s="1066" t="s">
        <v>1523</v>
      </c>
      <c r="N61" s="1066"/>
      <c r="O61" s="1066" t="s">
        <v>900</v>
      </c>
      <c r="P61" s="1066" t="s">
        <v>1490</v>
      </c>
      <c r="Q61" s="1066" t="s">
        <v>1491</v>
      </c>
      <c r="R61" s="1066" t="s">
        <v>1717</v>
      </c>
      <c r="S61" s="1066" t="s">
        <v>1493</v>
      </c>
      <c r="T61" s="1066" t="s">
        <v>1697</v>
      </c>
      <c r="U61" s="1067" t="str">
        <f>_xlfn.XLOOKUP(F61, [4]GIS!D:D, [4]GIS!E:E, "Not mapped")</f>
        <v>Not mapped</v>
      </c>
      <c r="V61" s="1066" t="s">
        <v>1718</v>
      </c>
      <c r="W61" s="1068"/>
      <c r="X61" s="1069" t="s">
        <v>1719</v>
      </c>
      <c r="Y61" s="1066"/>
      <c r="Z61" s="1066"/>
      <c r="AA61" s="1066"/>
      <c r="AB61" s="1066"/>
      <c r="AC61" s="1066"/>
      <c r="AD61" s="1066"/>
      <c r="AE61" s="1066"/>
      <c r="AF61" s="1066"/>
      <c r="AG61" s="1070"/>
      <c r="AH61" s="1071"/>
      <c r="AI61" s="1071"/>
      <c r="AJ61" s="1071"/>
      <c r="AK61" s="1071">
        <f>IF(AJ61="n/a","n/a",ROUND((AJ61*[4]TripRateCalculations!$V$6),0))</f>
        <v>0</v>
      </c>
      <c r="AL61" s="1071"/>
      <c r="AM61" s="1071"/>
      <c r="AN61" s="1071">
        <f>IF(AT61="n/a","n/a",ROUND((AT61*[4]TripRateCalculations!N$4),0))</f>
        <v>0</v>
      </c>
      <c r="AO61" s="1071">
        <f>IF(AU61="n/a","n/a",ROUND((AU61*[4]TripRateCalculations!O$4),0))</f>
        <v>0</v>
      </c>
      <c r="AP61" s="1071">
        <f>IF(AV61="n/a","n/a",ROUND((AV61*[4]TripRateCalculations!P$4),0))</f>
        <v>0</v>
      </c>
      <c r="AQ61" s="1071"/>
      <c r="AR61" s="1071">
        <f>IF(AX61="n/a","n/a",ROUND((AX61*[4]TripRateCalculations!R$4),0))</f>
        <v>0</v>
      </c>
      <c r="AS61" s="1071">
        <f>IF(AY61="n/a","n/a",ROUND((AY61*[4]TripRateCalculations!S$4),0))</f>
        <v>0</v>
      </c>
      <c r="AT61" s="1071"/>
      <c r="AU61" s="1071"/>
      <c r="AV61" s="1071"/>
      <c r="AW61" s="1071"/>
      <c r="AX61" s="1072"/>
      <c r="AY61" s="1071"/>
      <c r="AZ61" s="1073"/>
      <c r="BA61" s="1073"/>
      <c r="BB61" s="1073"/>
      <c r="BC61" s="1073"/>
      <c r="BD61" s="1073"/>
      <c r="BE61" s="1073"/>
      <c r="BF61" s="1073"/>
      <c r="BG61" s="1073"/>
      <c r="BH61" s="1074" t="s">
        <v>1720</v>
      </c>
      <c r="BI61" s="1066" t="s">
        <v>722</v>
      </c>
      <c r="BJ61" s="1066" t="s">
        <v>53</v>
      </c>
      <c r="BK61" s="1068" t="s">
        <v>1700</v>
      </c>
      <c r="BL61" s="1075">
        <v>0</v>
      </c>
      <c r="BM61" s="1076" t="s">
        <v>1500</v>
      </c>
      <c r="BN61" s="1077" t="s">
        <v>1721</v>
      </c>
      <c r="BO61" s="992">
        <v>370629.19</v>
      </c>
      <c r="BP61" s="992"/>
      <c r="BQ61" s="1131" t="e">
        <f t="shared" si="21"/>
        <v>#DIV/0!</v>
      </c>
      <c r="BR61" s="1131" t="e">
        <f t="shared" si="22"/>
        <v>#DIV/0!</v>
      </c>
      <c r="BS61" s="1131" t="e">
        <f t="shared" si="23"/>
        <v>#DIV/0!</v>
      </c>
      <c r="BT61" s="1131" t="e">
        <f t="shared" si="24"/>
        <v>#DIV/0!</v>
      </c>
      <c r="BU61" s="1131" t="e">
        <f t="shared" si="25"/>
        <v>#DIV/0!</v>
      </c>
      <c r="BV61" s="1131" t="e">
        <f t="shared" si="26"/>
        <v>#DIV/0!</v>
      </c>
      <c r="BW61" s="1131" t="e">
        <f t="shared" si="27"/>
        <v>#DIV/0!</v>
      </c>
      <c r="BX61" s="1131" t="e">
        <f t="shared" si="28"/>
        <v>#DIV/0!</v>
      </c>
      <c r="BY61" s="1131" t="e">
        <f t="shared" si="29"/>
        <v>#DIV/0!</v>
      </c>
      <c r="BZ61" s="1131" t="e">
        <f t="shared" si="30"/>
        <v>#DIV/0!</v>
      </c>
      <c r="CA61" s="1131" t="e">
        <f t="shared" si="31"/>
        <v>#DIV/0!</v>
      </c>
      <c r="CB61" s="1131" t="e">
        <f t="shared" si="32"/>
        <v>#DIV/0!</v>
      </c>
      <c r="CC61" s="1131" t="e">
        <f t="shared" si="33"/>
        <v>#DIV/0!</v>
      </c>
      <c r="CD61" s="1131" t="e">
        <f t="shared" si="34"/>
        <v>#DIV/0!</v>
      </c>
      <c r="CE61" s="1131" t="e">
        <f t="shared" si="35"/>
        <v>#DIV/0!</v>
      </c>
      <c r="CF61" s="1131" t="e">
        <f t="shared" si="36"/>
        <v>#DIV/0!</v>
      </c>
      <c r="CG61" s="1131" t="e">
        <f t="shared" si="37"/>
        <v>#DIV/0!</v>
      </c>
      <c r="CH61" s="1131" t="e">
        <f t="shared" si="38"/>
        <v>#DIV/0!</v>
      </c>
      <c r="CI61" s="1131" t="e">
        <f t="shared" si="39"/>
        <v>#DIV/0!</v>
      </c>
      <c r="CJ61" s="1131" t="e">
        <f t="shared" si="40"/>
        <v>#DIV/0!</v>
      </c>
      <c r="CK61" s="1132" t="str">
        <f t="shared" si="41"/>
        <v>n/a</v>
      </c>
    </row>
    <row r="62" spans="1:89" ht="45" x14ac:dyDescent="0.2">
      <c r="A62" s="992"/>
      <c r="B62" s="1126" t="s">
        <v>66</v>
      </c>
      <c r="C62" s="1126"/>
      <c r="D62" s="1126" t="s">
        <v>66</v>
      </c>
      <c r="E62" s="1126"/>
      <c r="F62" s="1066" t="s">
        <v>1722</v>
      </c>
      <c r="G62" s="1066" t="s">
        <v>969</v>
      </c>
      <c r="H62" s="1066" t="s">
        <v>970</v>
      </c>
      <c r="I62" s="1066"/>
      <c r="J62" s="1066" t="s">
        <v>253</v>
      </c>
      <c r="K62" s="1066" t="s">
        <v>253</v>
      </c>
      <c r="L62" s="1066" t="s">
        <v>253</v>
      </c>
      <c r="M62" s="1066" t="s">
        <v>1523</v>
      </c>
      <c r="N62" s="1066"/>
      <c r="O62" s="1066" t="s">
        <v>900</v>
      </c>
      <c r="P62" s="1066" t="s">
        <v>1490</v>
      </c>
      <c r="Q62" s="1066" t="s">
        <v>1491</v>
      </c>
      <c r="R62" s="1066" t="s">
        <v>1717</v>
      </c>
      <c r="S62" s="1066" t="s">
        <v>1493</v>
      </c>
      <c r="T62" s="1066" t="s">
        <v>1697</v>
      </c>
      <c r="U62" s="1067" t="str">
        <f>_xlfn.XLOOKUP(F62, [4]GIS!D:D, [4]GIS!E:E, "Not mapped")</f>
        <v>Not mapped</v>
      </c>
      <c r="V62" s="1066" t="s">
        <v>1723</v>
      </c>
      <c r="W62" s="1068"/>
      <c r="X62" s="1069" t="s">
        <v>1719</v>
      </c>
      <c r="Y62" s="1066"/>
      <c r="Z62" s="1066"/>
      <c r="AA62" s="1066"/>
      <c r="AB62" s="1066"/>
      <c r="AC62" s="1066"/>
      <c r="AD62" s="1066"/>
      <c r="AE62" s="1066"/>
      <c r="AF62" s="1066"/>
      <c r="AG62" s="1070"/>
      <c r="AH62" s="1071"/>
      <c r="AI62" s="1071"/>
      <c r="AJ62" s="1071"/>
      <c r="AK62" s="1071">
        <f>IF(AJ62="n/a","n/a",ROUND((AJ62*[4]TripRateCalculations!$V$6),0))</f>
        <v>0</v>
      </c>
      <c r="AL62" s="1071"/>
      <c r="AM62" s="1071"/>
      <c r="AN62" s="1071">
        <f>IF(AT62="n/a","n/a",ROUND((AT62*[4]TripRateCalculations!N$4),0))</f>
        <v>0</v>
      </c>
      <c r="AO62" s="1071">
        <f>IF(AU62="n/a","n/a",ROUND((AU62*[4]TripRateCalculations!O$4),0))</f>
        <v>0</v>
      </c>
      <c r="AP62" s="1071">
        <f>IF(AV62="n/a","n/a",ROUND((AV62*[4]TripRateCalculations!P$4),0))</f>
        <v>0</v>
      </c>
      <c r="AQ62" s="1071"/>
      <c r="AR62" s="1071">
        <f>IF(AX62="n/a","n/a",ROUND((AX62*[4]TripRateCalculations!R$4),0))</f>
        <v>0</v>
      </c>
      <c r="AS62" s="1071">
        <f>IF(AY62="n/a","n/a",ROUND((AY62*[4]TripRateCalculations!S$4),0))</f>
        <v>0</v>
      </c>
      <c r="AT62" s="1071"/>
      <c r="AU62" s="1071"/>
      <c r="AV62" s="1071"/>
      <c r="AW62" s="1071"/>
      <c r="AX62" s="1072"/>
      <c r="AY62" s="1071"/>
      <c r="AZ62" s="1073"/>
      <c r="BA62" s="1073"/>
      <c r="BB62" s="1073"/>
      <c r="BC62" s="1073"/>
      <c r="BD62" s="1073"/>
      <c r="BE62" s="1073"/>
      <c r="BF62" s="1073"/>
      <c r="BG62" s="1073"/>
      <c r="BH62" s="1074" t="s">
        <v>1642</v>
      </c>
      <c r="BI62" s="1066" t="s">
        <v>722</v>
      </c>
      <c r="BJ62" s="1066" t="s">
        <v>53</v>
      </c>
      <c r="BK62" s="1068" t="s">
        <v>1700</v>
      </c>
      <c r="BL62" s="1075">
        <v>0</v>
      </c>
      <c r="BM62" s="1076" t="s">
        <v>1500</v>
      </c>
      <c r="BN62" s="1077" t="s">
        <v>1721</v>
      </c>
      <c r="BO62" s="992">
        <v>814028</v>
      </c>
      <c r="BP62" s="992"/>
      <c r="BQ62" s="1131" t="e">
        <f t="shared" si="21"/>
        <v>#DIV/0!</v>
      </c>
      <c r="BR62" s="1131" t="e">
        <f t="shared" si="22"/>
        <v>#DIV/0!</v>
      </c>
      <c r="BS62" s="1131" t="e">
        <f t="shared" si="23"/>
        <v>#DIV/0!</v>
      </c>
      <c r="BT62" s="1131" t="e">
        <f t="shared" si="24"/>
        <v>#DIV/0!</v>
      </c>
      <c r="BU62" s="1131" t="e">
        <f t="shared" si="25"/>
        <v>#DIV/0!</v>
      </c>
      <c r="BV62" s="1131" t="e">
        <f t="shared" si="26"/>
        <v>#DIV/0!</v>
      </c>
      <c r="BW62" s="1131" t="e">
        <f t="shared" si="27"/>
        <v>#DIV/0!</v>
      </c>
      <c r="BX62" s="1131" t="e">
        <f t="shared" si="28"/>
        <v>#DIV/0!</v>
      </c>
      <c r="BY62" s="1131" t="e">
        <f t="shared" si="29"/>
        <v>#DIV/0!</v>
      </c>
      <c r="BZ62" s="1131" t="e">
        <f t="shared" si="30"/>
        <v>#DIV/0!</v>
      </c>
      <c r="CA62" s="1131" t="e">
        <f t="shared" si="31"/>
        <v>#DIV/0!</v>
      </c>
      <c r="CB62" s="1131" t="e">
        <f t="shared" si="32"/>
        <v>#DIV/0!</v>
      </c>
      <c r="CC62" s="1131" t="e">
        <f t="shared" si="33"/>
        <v>#DIV/0!</v>
      </c>
      <c r="CD62" s="1131" t="e">
        <f t="shared" si="34"/>
        <v>#DIV/0!</v>
      </c>
      <c r="CE62" s="1131" t="e">
        <f t="shared" si="35"/>
        <v>#DIV/0!</v>
      </c>
      <c r="CF62" s="1131" t="e">
        <f t="shared" si="36"/>
        <v>#DIV/0!</v>
      </c>
      <c r="CG62" s="1131" t="e">
        <f t="shared" si="37"/>
        <v>#DIV/0!</v>
      </c>
      <c r="CH62" s="1131" t="e">
        <f t="shared" si="38"/>
        <v>#DIV/0!</v>
      </c>
      <c r="CI62" s="1131" t="e">
        <f t="shared" si="39"/>
        <v>#DIV/0!</v>
      </c>
      <c r="CJ62" s="1131" t="e">
        <f t="shared" si="40"/>
        <v>#DIV/0!</v>
      </c>
      <c r="CK62" s="1132" t="str">
        <f t="shared" si="41"/>
        <v>n/a</v>
      </c>
    </row>
    <row r="63" spans="1:89" ht="75" x14ac:dyDescent="0.2">
      <c r="A63" s="992"/>
      <c r="B63" s="1126" t="s">
        <v>66</v>
      </c>
      <c r="C63" s="1126"/>
      <c r="D63" s="1126"/>
      <c r="E63" s="1126"/>
      <c r="F63" s="1026" t="s">
        <v>1724</v>
      </c>
      <c r="G63" s="1026" t="s">
        <v>914</v>
      </c>
      <c r="H63" s="1026" t="s">
        <v>911</v>
      </c>
      <c r="I63" s="1026" t="s">
        <v>1645</v>
      </c>
      <c r="J63" s="1026">
        <v>51.749037430000001</v>
      </c>
      <c r="K63" s="1026">
        <v>-0.44816080699999999</v>
      </c>
      <c r="L63" s="1026" t="s">
        <v>1522</v>
      </c>
      <c r="M63" s="1026" t="s">
        <v>1489</v>
      </c>
      <c r="N63" s="1026">
        <v>1</v>
      </c>
      <c r="O63" s="1026" t="s">
        <v>900</v>
      </c>
      <c r="P63" s="1026" t="s">
        <v>1616</v>
      </c>
      <c r="Q63" s="1026" t="s">
        <v>1491</v>
      </c>
      <c r="R63" s="1026" t="s">
        <v>1492</v>
      </c>
      <c r="S63" s="1026" t="s">
        <v>1493</v>
      </c>
      <c r="T63" s="1026" t="s">
        <v>1504</v>
      </c>
      <c r="U63" s="1016" t="str">
        <f>_xlfn.XLOOKUP(F63, [4]GIS!D:D, [4]GIS!E:E, "Not mapped")</f>
        <v>Multiple - Scenario 2</v>
      </c>
      <c r="V63" s="1031" t="s">
        <v>1495</v>
      </c>
      <c r="W63" s="1032" t="s">
        <v>1525</v>
      </c>
      <c r="X63" s="1032" t="s">
        <v>1526</v>
      </c>
      <c r="Y63" s="1033">
        <v>21</v>
      </c>
      <c r="Z63" s="1033">
        <v>28</v>
      </c>
      <c r="AA63" s="1033">
        <v>22</v>
      </c>
      <c r="AB63" s="1033">
        <v>24</v>
      </c>
      <c r="AC63" s="1033">
        <v>21</v>
      </c>
      <c r="AD63" s="1034">
        <v>40</v>
      </c>
      <c r="AE63" s="1034">
        <v>44</v>
      </c>
      <c r="AF63" s="1034">
        <v>67</v>
      </c>
      <c r="AG63" s="1034">
        <v>1</v>
      </c>
      <c r="AH63" s="1034">
        <v>12</v>
      </c>
      <c r="AI63" s="1034">
        <v>213</v>
      </c>
      <c r="AJ63" s="1034">
        <v>27</v>
      </c>
      <c r="AK63" s="1034">
        <f>IF(AJ63="n/a","n/a",ROUND((AJ63*[4]TripRateCalculations!$V$6),0))</f>
        <v>60</v>
      </c>
      <c r="AL63" s="1034">
        <v>0</v>
      </c>
      <c r="AM63" s="1034">
        <v>6</v>
      </c>
      <c r="AN63" s="1034">
        <f>IF(AT63="n/a","n/a",ROUND((AT63*[4]TripRateCalculations!N$4),0))</f>
        <v>1</v>
      </c>
      <c r="AO63" s="1034">
        <f>IF(AU63="n/a","n/a",ROUND((AU63*[4]TripRateCalculations!O$4),0))</f>
        <v>2</v>
      </c>
      <c r="AP63" s="1034">
        <f>IF(AV63="n/a","n/a",ROUND((AV63*[4]TripRateCalculations!P$4),0))</f>
        <v>3</v>
      </c>
      <c r="AQ63" s="1034">
        <f>IF(AW63="n/a","n/a",ROUND((AW63*[4]TripRateCalculations!Q$4),0))</f>
        <v>0</v>
      </c>
      <c r="AR63" s="1034">
        <f>IF(AX63="n/a","n/a",ROUND((AX63*[4]TripRateCalculations!R$4),0))</f>
        <v>1</v>
      </c>
      <c r="AS63" s="1034">
        <f>IF(AY63="n/a","n/a",ROUND((AY63*[4]TripRateCalculations!S$4),0))</f>
        <v>4</v>
      </c>
      <c r="AT63" s="1034">
        <v>3</v>
      </c>
      <c r="AU63" s="1034">
        <v>28</v>
      </c>
      <c r="AV63" s="1034">
        <v>9</v>
      </c>
      <c r="AW63" s="1034">
        <v>3</v>
      </c>
      <c r="AX63" s="1034">
        <v>8</v>
      </c>
      <c r="AY63" s="1034">
        <v>143</v>
      </c>
      <c r="AZ63" s="1035">
        <v>96</v>
      </c>
      <c r="BA63" s="1035">
        <v>13</v>
      </c>
      <c r="BB63" s="1035">
        <v>18</v>
      </c>
      <c r="BC63" s="1035">
        <v>60</v>
      </c>
      <c r="BD63" s="1035">
        <v>1</v>
      </c>
      <c r="BE63" s="1035">
        <v>9</v>
      </c>
      <c r="BF63" s="1035">
        <v>532</v>
      </c>
      <c r="BG63" s="1035">
        <f>IF(BF63="n/a","n/a",ROUND((BF63*[4]TripRateCalculations!Q$4),0))</f>
        <v>78</v>
      </c>
      <c r="BH63" s="1027" t="s">
        <v>1642</v>
      </c>
      <c r="BI63" s="1026" t="s">
        <v>834</v>
      </c>
      <c r="BJ63" s="1026" t="s">
        <v>53</v>
      </c>
      <c r="BK63" s="1042">
        <f>ROUND((VLOOKUP(F63,'[4]Cost Summary'!A:H,8,)),0.1)</f>
        <v>67129</v>
      </c>
      <c r="BL63" s="1026">
        <v>1</v>
      </c>
      <c r="BM63" s="1078">
        <v>8</v>
      </c>
      <c r="BN63" s="1044" t="s">
        <v>1584</v>
      </c>
      <c r="BO63" s="1130">
        <v>43612.2</v>
      </c>
      <c r="BP63" s="992"/>
      <c r="BQ63" s="1131">
        <f t="shared" si="21"/>
        <v>4.2813455657492352E-2</v>
      </c>
      <c r="BR63" s="1131">
        <f t="shared" si="22"/>
        <v>3.3639143730886847E-2</v>
      </c>
      <c r="BS63" s="1131">
        <f t="shared" si="23"/>
        <v>3.669724770642202E-2</v>
      </c>
      <c r="BT63" s="1131">
        <f t="shared" si="24"/>
        <v>3.2110091743119268E-2</v>
      </c>
      <c r="BU63" s="1131">
        <f t="shared" si="25"/>
        <v>6.1162079510703363E-2</v>
      </c>
      <c r="BV63" s="1131">
        <f t="shared" si="26"/>
        <v>6.7278287461773695E-2</v>
      </c>
      <c r="BW63" s="1131">
        <f t="shared" si="27"/>
        <v>0.10244648318042814</v>
      </c>
      <c r="BX63" s="1131">
        <f t="shared" si="28"/>
        <v>1.5290519877675841E-3</v>
      </c>
      <c r="BY63" s="1131">
        <f t="shared" si="29"/>
        <v>0.3256880733944954</v>
      </c>
      <c r="BZ63" s="1131">
        <f t="shared" si="30"/>
        <v>9.1743119266055051E-2</v>
      </c>
      <c r="CA63" s="1131">
        <f t="shared" si="31"/>
        <v>0</v>
      </c>
      <c r="CB63" s="1131">
        <f t="shared" si="32"/>
        <v>9.1743119266055051E-3</v>
      </c>
      <c r="CC63" s="1131">
        <f t="shared" si="33"/>
        <v>1.5290519877675841E-3</v>
      </c>
      <c r="CD63" s="1131">
        <f t="shared" si="34"/>
        <v>3.0581039755351682E-3</v>
      </c>
      <c r="CE63" s="1131">
        <f t="shared" si="35"/>
        <v>4.5871559633027525E-3</v>
      </c>
      <c r="CF63" s="1131">
        <f t="shared" si="36"/>
        <v>1.5290519877675841E-3</v>
      </c>
      <c r="CG63" s="1131">
        <f t="shared" si="37"/>
        <v>6.1162079510703364E-3</v>
      </c>
      <c r="CH63" s="1131">
        <f t="shared" si="38"/>
        <v>0.14678899082568808</v>
      </c>
      <c r="CI63" s="1131">
        <f t="shared" si="39"/>
        <v>3.2110091743119268E-2</v>
      </c>
      <c r="CJ63" s="1131">
        <f t="shared" si="40"/>
        <v>0</v>
      </c>
      <c r="CK63" s="1132">
        <f t="shared" si="41"/>
        <v>0.99999999999999989</v>
      </c>
    </row>
    <row r="64" spans="1:89" ht="57" x14ac:dyDescent="0.2">
      <c r="A64" s="992" t="s">
        <v>66</v>
      </c>
      <c r="B64" s="1126" t="s">
        <v>66</v>
      </c>
      <c r="C64" s="1126"/>
      <c r="D64" s="1126"/>
      <c r="E64" s="1126"/>
      <c r="F64" s="1026" t="s">
        <v>1725</v>
      </c>
      <c r="G64" s="1026" t="s">
        <v>973</v>
      </c>
      <c r="H64" s="1026" t="s">
        <v>974</v>
      </c>
      <c r="I64" s="1026" t="s">
        <v>1726</v>
      </c>
      <c r="J64" s="1026" t="s">
        <v>1727</v>
      </c>
      <c r="K64" s="1026">
        <v>-0.50419680600000005</v>
      </c>
      <c r="L64" s="1026" t="s">
        <v>1488</v>
      </c>
      <c r="M64" s="1026" t="s">
        <v>1489</v>
      </c>
      <c r="N64" s="1026">
        <v>2</v>
      </c>
      <c r="O64" s="1026" t="s">
        <v>830</v>
      </c>
      <c r="P64" s="1026" t="s">
        <v>1490</v>
      </c>
      <c r="Q64" s="1026" t="s">
        <v>1491</v>
      </c>
      <c r="R64" s="1026" t="s">
        <v>1492</v>
      </c>
      <c r="S64" s="1026" t="s">
        <v>1493</v>
      </c>
      <c r="T64" s="1026" t="s">
        <v>1672</v>
      </c>
      <c r="U64" s="1016" t="str">
        <f>_xlfn.XLOOKUP(F64, [4]GIS!D:D, [4]GIS!E:E, "Not mapped")</f>
        <v>Single - Scenario 2</v>
      </c>
      <c r="V64" s="1026" t="s">
        <v>1515</v>
      </c>
      <c r="W64" s="1018" t="s">
        <v>1496</v>
      </c>
      <c r="X64" s="1019" t="s">
        <v>1497</v>
      </c>
      <c r="Y64" s="1020" t="s">
        <v>1498</v>
      </c>
      <c r="Z64" s="1020" t="s">
        <v>1498</v>
      </c>
      <c r="AA64" s="1020" t="s">
        <v>1498</v>
      </c>
      <c r="AB64" s="1020" t="s">
        <v>1498</v>
      </c>
      <c r="AC64" s="1020" t="s">
        <v>1498</v>
      </c>
      <c r="AD64" s="1020" t="s">
        <v>1498</v>
      </c>
      <c r="AE64" s="1020" t="s">
        <v>1498</v>
      </c>
      <c r="AF64" s="1020" t="s">
        <v>1498</v>
      </c>
      <c r="AG64" s="1020" t="s">
        <v>1498</v>
      </c>
      <c r="AH64" s="1020" t="s">
        <v>1498</v>
      </c>
      <c r="AI64" s="1020" t="s">
        <v>1498</v>
      </c>
      <c r="AJ64" s="1020" t="s">
        <v>1498</v>
      </c>
      <c r="AK64" s="1020" t="str">
        <f>IF(AJ64="n/a","n/a",ROUND((AJ64*[4]TripRateCalculations!$V$6),0))</f>
        <v>n/a</v>
      </c>
      <c r="AL64" s="1020" t="s">
        <v>1498</v>
      </c>
      <c r="AM64" s="1020" t="s">
        <v>1498</v>
      </c>
      <c r="AN64" s="1020" t="str">
        <f>IF(AT64="n/a","n/a",ROUND((AT64*[4]TripRateCalculations!N$4),0))</f>
        <v>n/a</v>
      </c>
      <c r="AO64" s="1020" t="str">
        <f>IF(AU64="n/a","n/a",ROUND((AU64*[4]TripRateCalculations!O$4),0))</f>
        <v>n/a</v>
      </c>
      <c r="AP64" s="1020" t="str">
        <f>IF(AV64="n/a","n/a",ROUND((AV64*[4]TripRateCalculations!P$4),0))</f>
        <v>n/a</v>
      </c>
      <c r="AQ64" s="1020" t="s">
        <v>1498</v>
      </c>
      <c r="AR64" s="1020" t="str">
        <f>IF(AX64="n/a","n/a",ROUND((AX64*[4]TripRateCalculations!R$4),0))</f>
        <v>n/a</v>
      </c>
      <c r="AS64" s="1020" t="str">
        <f>IF(AY64="n/a","n/a",ROUND((AY64*[4]TripRateCalculations!S$4),0))</f>
        <v>n/a</v>
      </c>
      <c r="AT64" s="1020" t="s">
        <v>1498</v>
      </c>
      <c r="AU64" s="1020" t="s">
        <v>1498</v>
      </c>
      <c r="AV64" s="1020" t="s">
        <v>1498</v>
      </c>
      <c r="AW64" s="1020" t="s">
        <v>1498</v>
      </c>
      <c r="AX64" s="1020" t="s">
        <v>1498</v>
      </c>
      <c r="AY64" s="1020" t="s">
        <v>1498</v>
      </c>
      <c r="AZ64" s="1020" t="s">
        <v>1498</v>
      </c>
      <c r="BA64" s="1020" t="s">
        <v>1498</v>
      </c>
      <c r="BB64" s="1020" t="s">
        <v>1498</v>
      </c>
      <c r="BC64" s="1020" t="s">
        <v>1498</v>
      </c>
      <c r="BD64" s="1020" t="s">
        <v>1498</v>
      </c>
      <c r="BE64" s="1020" t="s">
        <v>1498</v>
      </c>
      <c r="BF64" s="1020" t="s">
        <v>1498</v>
      </c>
      <c r="BG64" s="1020" t="s">
        <v>1498</v>
      </c>
      <c r="BH64" s="1027" t="s">
        <v>1728</v>
      </c>
      <c r="BI64" s="1026" t="s">
        <v>834</v>
      </c>
      <c r="BJ64" s="1026" t="s">
        <v>53</v>
      </c>
      <c r="BK64" s="1028">
        <v>370629.19</v>
      </c>
      <c r="BL64" s="1026">
        <v>0</v>
      </c>
      <c r="BM64" s="1078" t="s">
        <v>1500</v>
      </c>
      <c r="BN64" s="1025" t="s">
        <v>1501</v>
      </c>
      <c r="BO64" s="1130">
        <v>877752</v>
      </c>
      <c r="BP64" s="992"/>
      <c r="BQ64" s="1131" t="e">
        <f t="shared" si="21"/>
        <v>#VALUE!</v>
      </c>
      <c r="BR64" s="1131" t="e">
        <f t="shared" si="22"/>
        <v>#VALUE!</v>
      </c>
      <c r="BS64" s="1131" t="e">
        <f t="shared" si="23"/>
        <v>#VALUE!</v>
      </c>
      <c r="BT64" s="1131" t="e">
        <f t="shared" si="24"/>
        <v>#VALUE!</v>
      </c>
      <c r="BU64" s="1131" t="e">
        <f t="shared" si="25"/>
        <v>#VALUE!</v>
      </c>
      <c r="BV64" s="1131" t="e">
        <f t="shared" si="26"/>
        <v>#VALUE!</v>
      </c>
      <c r="BW64" s="1131" t="e">
        <f t="shared" si="27"/>
        <v>#VALUE!</v>
      </c>
      <c r="BX64" s="1131" t="e">
        <f t="shared" si="28"/>
        <v>#VALUE!</v>
      </c>
      <c r="BY64" s="1131" t="e">
        <f t="shared" si="29"/>
        <v>#VALUE!</v>
      </c>
      <c r="BZ64" s="1131" t="e">
        <f t="shared" si="30"/>
        <v>#VALUE!</v>
      </c>
      <c r="CA64" s="1131" t="e">
        <f t="shared" si="31"/>
        <v>#VALUE!</v>
      </c>
      <c r="CB64" s="1131" t="e">
        <f t="shared" si="32"/>
        <v>#VALUE!</v>
      </c>
      <c r="CC64" s="1131" t="e">
        <f t="shared" si="33"/>
        <v>#VALUE!</v>
      </c>
      <c r="CD64" s="1131" t="e">
        <f t="shared" si="34"/>
        <v>#VALUE!</v>
      </c>
      <c r="CE64" s="1131" t="e">
        <f t="shared" si="35"/>
        <v>#VALUE!</v>
      </c>
      <c r="CF64" s="1131" t="e">
        <f t="shared" si="36"/>
        <v>#VALUE!</v>
      </c>
      <c r="CG64" s="1131" t="e">
        <f t="shared" si="37"/>
        <v>#VALUE!</v>
      </c>
      <c r="CH64" s="1131" t="e">
        <f t="shared" si="38"/>
        <v>#VALUE!</v>
      </c>
      <c r="CI64" s="1131" t="e">
        <f t="shared" si="39"/>
        <v>#VALUE!</v>
      </c>
      <c r="CJ64" s="1131" t="e">
        <f t="shared" si="40"/>
        <v>#VALUE!</v>
      </c>
      <c r="CK64" s="1132" t="str">
        <f t="shared" si="41"/>
        <v>n/a</v>
      </c>
    </row>
    <row r="65" spans="1:89" ht="88.5" x14ac:dyDescent="0.2">
      <c r="A65" s="992"/>
      <c r="B65" s="1126" t="s">
        <v>66</v>
      </c>
      <c r="C65" s="1126" t="s">
        <v>66</v>
      </c>
      <c r="D65" s="1126"/>
      <c r="E65" s="1126"/>
      <c r="F65" s="1026" t="s">
        <v>1729</v>
      </c>
      <c r="G65" s="1026" t="s">
        <v>1730</v>
      </c>
      <c r="H65" s="1026" t="s">
        <v>1731</v>
      </c>
      <c r="I65" s="1026" t="s">
        <v>1732</v>
      </c>
      <c r="J65" s="1026" t="s">
        <v>1733</v>
      </c>
      <c r="K65" s="1026">
        <v>-0.43613709000000001</v>
      </c>
      <c r="L65" s="1026" t="s">
        <v>1522</v>
      </c>
      <c r="M65" s="1026" t="s">
        <v>1523</v>
      </c>
      <c r="N65" s="1026">
        <v>3</v>
      </c>
      <c r="O65" s="1026" t="s">
        <v>870</v>
      </c>
      <c r="P65" s="1046" t="s">
        <v>1734</v>
      </c>
      <c r="Q65" s="1026" t="s">
        <v>1491</v>
      </c>
      <c r="R65" s="1026" t="s">
        <v>1492</v>
      </c>
      <c r="S65" s="1026" t="s">
        <v>1493</v>
      </c>
      <c r="T65" s="1026" t="s">
        <v>1504</v>
      </c>
      <c r="U65" s="1016" t="str">
        <f>_xlfn.XLOOKUP(F65, [4]GIS!D:D, [4]GIS!E:E, "Not mapped")</f>
        <v>Single - Scenario 2</v>
      </c>
      <c r="V65" s="1017" t="s">
        <v>1495</v>
      </c>
      <c r="W65" s="1050" t="s">
        <v>1618</v>
      </c>
      <c r="X65" s="1050" t="s">
        <v>1619</v>
      </c>
      <c r="Y65" s="1020" t="s">
        <v>1498</v>
      </c>
      <c r="Z65" s="1020" t="s">
        <v>1498</v>
      </c>
      <c r="AA65" s="1020" t="s">
        <v>1498</v>
      </c>
      <c r="AB65" s="1020" t="s">
        <v>1498</v>
      </c>
      <c r="AC65" s="1020" t="s">
        <v>1498</v>
      </c>
      <c r="AD65" s="1020" t="s">
        <v>1498</v>
      </c>
      <c r="AE65" s="1020" t="s">
        <v>1498</v>
      </c>
      <c r="AF65" s="1020" t="s">
        <v>1498</v>
      </c>
      <c r="AG65" s="1020" t="s">
        <v>1498</v>
      </c>
      <c r="AH65" s="1020" t="s">
        <v>1498</v>
      </c>
      <c r="AI65" s="1020" t="s">
        <v>1498</v>
      </c>
      <c r="AJ65" s="1020" t="s">
        <v>1498</v>
      </c>
      <c r="AK65" s="1020" t="str">
        <f>IF(AJ65="n/a","n/a",ROUND((AJ65*[4]TripRateCalculations!$V$6),0))</f>
        <v>n/a</v>
      </c>
      <c r="AL65" s="1020" t="s">
        <v>1498</v>
      </c>
      <c r="AM65" s="1020" t="s">
        <v>1498</v>
      </c>
      <c r="AN65" s="1020" t="str">
        <f>IF(AT65="n/a","n/a",ROUND((AT65*[4]TripRateCalculations!N$4),0))</f>
        <v>n/a</v>
      </c>
      <c r="AO65" s="1020" t="str">
        <f>IF(AU65="n/a","n/a",ROUND((AU65*[4]TripRateCalculations!O$4),0))</f>
        <v>n/a</v>
      </c>
      <c r="AP65" s="1020" t="str">
        <f>IF(AV65="n/a","n/a",ROUND((AV65*[4]TripRateCalculations!P$4),0))</f>
        <v>n/a</v>
      </c>
      <c r="AQ65" s="1020" t="s">
        <v>1498</v>
      </c>
      <c r="AR65" s="1020" t="str">
        <f>IF(AX65="n/a","n/a",ROUND((AX65*[4]TripRateCalculations!R$4),0))</f>
        <v>n/a</v>
      </c>
      <c r="AS65" s="1020" t="str">
        <f>IF(AY65="n/a","n/a",ROUND((AY65*[4]TripRateCalculations!S$4),0))</f>
        <v>n/a</v>
      </c>
      <c r="AT65" s="1020" t="s">
        <v>1498</v>
      </c>
      <c r="AU65" s="1020" t="s">
        <v>1498</v>
      </c>
      <c r="AV65" s="1020" t="s">
        <v>1498</v>
      </c>
      <c r="AW65" s="1020" t="s">
        <v>1498</v>
      </c>
      <c r="AX65" s="1020" t="s">
        <v>1498</v>
      </c>
      <c r="AY65" s="1020" t="s">
        <v>1498</v>
      </c>
      <c r="AZ65" s="1020" t="s">
        <v>1498</v>
      </c>
      <c r="BA65" s="1020" t="s">
        <v>1498</v>
      </c>
      <c r="BB65" s="1020" t="s">
        <v>1498</v>
      </c>
      <c r="BC65" s="1020" t="s">
        <v>1498</v>
      </c>
      <c r="BD65" s="1020" t="s">
        <v>1498</v>
      </c>
      <c r="BE65" s="1020" t="s">
        <v>1498</v>
      </c>
      <c r="BF65" s="1020" t="s">
        <v>1498</v>
      </c>
      <c r="BG65" s="1020" t="s">
        <v>1498</v>
      </c>
      <c r="BH65" s="1027" t="s">
        <v>1642</v>
      </c>
      <c r="BI65" s="1055" t="s">
        <v>868</v>
      </c>
      <c r="BJ65" s="1026" t="s">
        <v>53</v>
      </c>
      <c r="BK65" s="1079">
        <f>ROUND((VLOOKUP(F65,'[4]Cost Summary'!A:H,8,)),0.1)</f>
        <v>9863172</v>
      </c>
      <c r="BL65" s="1080">
        <v>2</v>
      </c>
      <c r="BM65" s="1080" t="s">
        <v>1735</v>
      </c>
      <c r="BN65" s="1081" t="s">
        <v>1736</v>
      </c>
      <c r="BO65" s="1130">
        <v>5344625</v>
      </c>
      <c r="BP65" s="992"/>
      <c r="BQ65" s="1131" t="e">
        <f t="shared" si="21"/>
        <v>#VALUE!</v>
      </c>
      <c r="BR65" s="1131" t="e">
        <f t="shared" si="22"/>
        <v>#VALUE!</v>
      </c>
      <c r="BS65" s="1131" t="e">
        <f t="shared" si="23"/>
        <v>#VALUE!</v>
      </c>
      <c r="BT65" s="1131" t="e">
        <f t="shared" si="24"/>
        <v>#VALUE!</v>
      </c>
      <c r="BU65" s="1131" t="e">
        <f t="shared" si="25"/>
        <v>#VALUE!</v>
      </c>
      <c r="BV65" s="1131" t="e">
        <f t="shared" si="26"/>
        <v>#VALUE!</v>
      </c>
      <c r="BW65" s="1131" t="e">
        <f t="shared" si="27"/>
        <v>#VALUE!</v>
      </c>
      <c r="BX65" s="1131" t="e">
        <f t="shared" si="28"/>
        <v>#VALUE!</v>
      </c>
      <c r="BY65" s="1131" t="e">
        <f t="shared" si="29"/>
        <v>#VALUE!</v>
      </c>
      <c r="BZ65" s="1131" t="e">
        <f t="shared" si="30"/>
        <v>#VALUE!</v>
      </c>
      <c r="CA65" s="1131" t="e">
        <f t="shared" si="31"/>
        <v>#VALUE!</v>
      </c>
      <c r="CB65" s="1131" t="e">
        <f t="shared" si="32"/>
        <v>#VALUE!</v>
      </c>
      <c r="CC65" s="1131" t="e">
        <f t="shared" si="33"/>
        <v>#VALUE!</v>
      </c>
      <c r="CD65" s="1131" t="e">
        <f t="shared" si="34"/>
        <v>#VALUE!</v>
      </c>
      <c r="CE65" s="1131" t="e">
        <f t="shared" si="35"/>
        <v>#VALUE!</v>
      </c>
      <c r="CF65" s="1131" t="e">
        <f t="shared" si="36"/>
        <v>#VALUE!</v>
      </c>
      <c r="CG65" s="1131" t="e">
        <f t="shared" si="37"/>
        <v>#VALUE!</v>
      </c>
      <c r="CH65" s="1131" t="e">
        <f t="shared" si="38"/>
        <v>#VALUE!</v>
      </c>
      <c r="CI65" s="1131" t="e">
        <f t="shared" si="39"/>
        <v>#VALUE!</v>
      </c>
      <c r="CJ65" s="1131" t="e">
        <f t="shared" si="40"/>
        <v>#VALUE!</v>
      </c>
      <c r="CK65" s="1132" t="str">
        <f t="shared" si="41"/>
        <v>n/a</v>
      </c>
    </row>
    <row r="66" spans="1:89" ht="75" x14ac:dyDescent="0.2">
      <c r="A66" s="992"/>
      <c r="B66" s="1126" t="s">
        <v>66</v>
      </c>
      <c r="C66" s="1126"/>
      <c r="D66" s="1126"/>
      <c r="E66" s="1126"/>
      <c r="F66" s="1026" t="s">
        <v>1737</v>
      </c>
      <c r="G66" s="1026" t="s">
        <v>915</v>
      </c>
      <c r="H66" s="1026" t="s">
        <v>911</v>
      </c>
      <c r="I66" s="1026" t="s">
        <v>1645</v>
      </c>
      <c r="J66" s="1026">
        <v>51.749766790000002</v>
      </c>
      <c r="K66" s="1026">
        <v>-0.44522566499999999</v>
      </c>
      <c r="L66" s="1026" t="s">
        <v>1522</v>
      </c>
      <c r="M66" s="1026" t="s">
        <v>1489</v>
      </c>
      <c r="N66" s="1026">
        <v>1</v>
      </c>
      <c r="O66" s="1026" t="s">
        <v>900</v>
      </c>
      <c r="P66" s="1026" t="s">
        <v>1616</v>
      </c>
      <c r="Q66" s="1026" t="s">
        <v>1491</v>
      </c>
      <c r="R66" s="1026" t="s">
        <v>1492</v>
      </c>
      <c r="S66" s="1026" t="s">
        <v>1493</v>
      </c>
      <c r="T66" s="1026" t="s">
        <v>1504</v>
      </c>
      <c r="U66" s="1016" t="str">
        <f>_xlfn.XLOOKUP(F66, [4]GIS!D:D, [4]GIS!E:E, "Not mapped")</f>
        <v>Single - Scenario 3</v>
      </c>
      <c r="V66" s="1017" t="s">
        <v>1495</v>
      </c>
      <c r="W66" s="1032" t="s">
        <v>1525</v>
      </c>
      <c r="X66" s="1032" t="s">
        <v>1526</v>
      </c>
      <c r="Y66" s="1033">
        <v>21</v>
      </c>
      <c r="Z66" s="1033">
        <v>28</v>
      </c>
      <c r="AA66" s="1033">
        <v>22</v>
      </c>
      <c r="AB66" s="1033">
        <v>24</v>
      </c>
      <c r="AC66" s="1033">
        <v>21</v>
      </c>
      <c r="AD66" s="1034">
        <v>40</v>
      </c>
      <c r="AE66" s="1034">
        <v>44</v>
      </c>
      <c r="AF66" s="1034">
        <v>67</v>
      </c>
      <c r="AG66" s="1034">
        <v>1</v>
      </c>
      <c r="AH66" s="1034">
        <v>12</v>
      </c>
      <c r="AI66" s="1034">
        <v>213</v>
      </c>
      <c r="AJ66" s="1034">
        <v>27</v>
      </c>
      <c r="AK66" s="1034">
        <f>IF(AJ66="n/a","n/a",ROUND((AJ66*[4]TripRateCalculations!$V$6),0))</f>
        <v>60</v>
      </c>
      <c r="AL66" s="1034">
        <v>0</v>
      </c>
      <c r="AM66" s="1034">
        <v>6</v>
      </c>
      <c r="AN66" s="1034">
        <f>IF(AT66="n/a","n/a",ROUND((AT66*[4]TripRateCalculations!N$4),0))</f>
        <v>1</v>
      </c>
      <c r="AO66" s="1034">
        <f>IF(AU66="n/a","n/a",ROUND((AU66*[4]TripRateCalculations!O$4),0))</f>
        <v>2</v>
      </c>
      <c r="AP66" s="1034">
        <f>IF(AV66="n/a","n/a",ROUND((AV66*[4]TripRateCalculations!P$4),0))</f>
        <v>3</v>
      </c>
      <c r="AQ66" s="1034">
        <f>IF(AW66="n/a","n/a",ROUND((AW66*[4]TripRateCalculations!Q$4),0))</f>
        <v>0</v>
      </c>
      <c r="AR66" s="1034">
        <f>IF(AX66="n/a","n/a",ROUND((AX66*[4]TripRateCalculations!R$4),0))</f>
        <v>1</v>
      </c>
      <c r="AS66" s="1034">
        <f>IF(AY66="n/a","n/a",ROUND((AY66*[4]TripRateCalculations!S$4),0))</f>
        <v>4</v>
      </c>
      <c r="AT66" s="1034">
        <v>3</v>
      </c>
      <c r="AU66" s="1034">
        <v>28</v>
      </c>
      <c r="AV66" s="1034">
        <v>9</v>
      </c>
      <c r="AW66" s="1034">
        <v>3</v>
      </c>
      <c r="AX66" s="1034">
        <v>8</v>
      </c>
      <c r="AY66" s="1034">
        <v>143</v>
      </c>
      <c r="AZ66" s="1035">
        <v>96</v>
      </c>
      <c r="BA66" s="1035">
        <v>13</v>
      </c>
      <c r="BB66" s="1035">
        <v>18</v>
      </c>
      <c r="BC66" s="1035">
        <v>60</v>
      </c>
      <c r="BD66" s="1035">
        <v>1</v>
      </c>
      <c r="BE66" s="1035">
        <v>9</v>
      </c>
      <c r="BF66" s="1035">
        <v>532</v>
      </c>
      <c r="BG66" s="1035">
        <f>IF(BF66="n/a","n/a",ROUND((BF66*[4]TripRateCalculations!Q$4),0))</f>
        <v>78</v>
      </c>
      <c r="BH66" s="1027" t="s">
        <v>1642</v>
      </c>
      <c r="BI66" s="1026" t="s">
        <v>834</v>
      </c>
      <c r="BJ66" s="1026" t="s">
        <v>53</v>
      </c>
      <c r="BK66" s="1051">
        <f>ROUND((VLOOKUP(F66,'[4]Cost Summary'!A:H,8,)),0.1)</f>
        <v>69251</v>
      </c>
      <c r="BL66" s="1026">
        <v>1</v>
      </c>
      <c r="BM66" s="1026">
        <v>8</v>
      </c>
      <c r="BN66" s="1044" t="s">
        <v>1584</v>
      </c>
      <c r="BO66" s="1130">
        <v>44990.54</v>
      </c>
      <c r="BP66" s="992"/>
      <c r="BQ66" s="1131">
        <f t="shared" si="21"/>
        <v>4.2813455657492352E-2</v>
      </c>
      <c r="BR66" s="1131">
        <f t="shared" si="22"/>
        <v>3.3639143730886847E-2</v>
      </c>
      <c r="BS66" s="1131">
        <f t="shared" si="23"/>
        <v>3.669724770642202E-2</v>
      </c>
      <c r="BT66" s="1131">
        <f t="shared" si="24"/>
        <v>3.2110091743119268E-2</v>
      </c>
      <c r="BU66" s="1131">
        <f t="shared" si="25"/>
        <v>6.1162079510703363E-2</v>
      </c>
      <c r="BV66" s="1131">
        <f t="shared" si="26"/>
        <v>6.7278287461773695E-2</v>
      </c>
      <c r="BW66" s="1131">
        <f t="shared" si="27"/>
        <v>0.10244648318042814</v>
      </c>
      <c r="BX66" s="1131">
        <f t="shared" si="28"/>
        <v>1.5290519877675841E-3</v>
      </c>
      <c r="BY66" s="1131">
        <f t="shared" si="29"/>
        <v>0.3256880733944954</v>
      </c>
      <c r="BZ66" s="1131">
        <f t="shared" si="30"/>
        <v>9.1743119266055051E-2</v>
      </c>
      <c r="CA66" s="1131">
        <f t="shared" si="31"/>
        <v>0</v>
      </c>
      <c r="CB66" s="1131">
        <f t="shared" si="32"/>
        <v>9.1743119266055051E-3</v>
      </c>
      <c r="CC66" s="1131">
        <f t="shared" si="33"/>
        <v>1.5290519877675841E-3</v>
      </c>
      <c r="CD66" s="1131">
        <f t="shared" si="34"/>
        <v>3.0581039755351682E-3</v>
      </c>
      <c r="CE66" s="1131">
        <f t="shared" si="35"/>
        <v>4.5871559633027525E-3</v>
      </c>
      <c r="CF66" s="1131">
        <f t="shared" si="36"/>
        <v>1.5290519877675841E-3</v>
      </c>
      <c r="CG66" s="1131">
        <f t="shared" si="37"/>
        <v>6.1162079510703364E-3</v>
      </c>
      <c r="CH66" s="1131">
        <f t="shared" si="38"/>
        <v>0.14678899082568808</v>
      </c>
      <c r="CI66" s="1131">
        <f t="shared" si="39"/>
        <v>3.2110091743119268E-2</v>
      </c>
      <c r="CJ66" s="1131">
        <f t="shared" si="40"/>
        <v>0</v>
      </c>
      <c r="CK66" s="1132">
        <f t="shared" si="41"/>
        <v>0.99999999999999989</v>
      </c>
    </row>
    <row r="67" spans="1:89" ht="85.5" x14ac:dyDescent="0.2">
      <c r="A67" s="992"/>
      <c r="B67" s="1126"/>
      <c r="C67" s="1126"/>
      <c r="D67" s="1126"/>
      <c r="E67" s="1126"/>
      <c r="F67" s="1026" t="s">
        <v>1738</v>
      </c>
      <c r="G67" s="1026" t="s">
        <v>981</v>
      </c>
      <c r="H67" s="1026" t="s">
        <v>982</v>
      </c>
      <c r="I67" s="1026" t="s">
        <v>1739</v>
      </c>
      <c r="J67" s="1026">
        <v>51.746948089999997</v>
      </c>
      <c r="K67" s="1026">
        <v>-0.47414727600000001</v>
      </c>
      <c r="L67" s="1026" t="s">
        <v>1522</v>
      </c>
      <c r="M67" s="1026" t="s">
        <v>1523</v>
      </c>
      <c r="N67" s="1026">
        <v>2</v>
      </c>
      <c r="O67" s="1026" t="s">
        <v>870</v>
      </c>
      <c r="P67" s="1026" t="s">
        <v>1616</v>
      </c>
      <c r="Q67" s="1026" t="s">
        <v>1491</v>
      </c>
      <c r="R67" s="1026" t="s">
        <v>1492</v>
      </c>
      <c r="S67" s="1026" t="s">
        <v>1493</v>
      </c>
      <c r="T67" s="1026" t="s">
        <v>1504</v>
      </c>
      <c r="U67" s="1016" t="str">
        <f>_xlfn.XLOOKUP(F67, [4]GIS!D:D, [4]GIS!E:E, "Not mapped")</f>
        <v>Single - Scenario 1</v>
      </c>
      <c r="V67" s="1026" t="s">
        <v>1723</v>
      </c>
      <c r="W67" s="1050" t="s">
        <v>1618</v>
      </c>
      <c r="X67" s="1050" t="s">
        <v>1619</v>
      </c>
      <c r="Y67" s="1020" t="s">
        <v>1498</v>
      </c>
      <c r="Z67" s="1020" t="s">
        <v>1498</v>
      </c>
      <c r="AA67" s="1020" t="s">
        <v>1498</v>
      </c>
      <c r="AB67" s="1020" t="s">
        <v>1498</v>
      </c>
      <c r="AC67" s="1020" t="s">
        <v>1498</v>
      </c>
      <c r="AD67" s="1020" t="s">
        <v>1498</v>
      </c>
      <c r="AE67" s="1020" t="s">
        <v>1498</v>
      </c>
      <c r="AF67" s="1020" t="s">
        <v>1498</v>
      </c>
      <c r="AG67" s="1020" t="s">
        <v>1498</v>
      </c>
      <c r="AH67" s="1020" t="s">
        <v>1498</v>
      </c>
      <c r="AI67" s="1020" t="s">
        <v>1498</v>
      </c>
      <c r="AJ67" s="1020" t="s">
        <v>1498</v>
      </c>
      <c r="AK67" s="1020" t="str">
        <f>IF(AJ67="n/a","n/a",ROUND((AJ67*[4]TripRateCalculations!$V$6),0))</f>
        <v>n/a</v>
      </c>
      <c r="AL67" s="1020" t="s">
        <v>1498</v>
      </c>
      <c r="AM67" s="1020" t="s">
        <v>1498</v>
      </c>
      <c r="AN67" s="1020" t="str">
        <f>IF(AT67="n/a","n/a",ROUND((AT67*[4]TripRateCalculations!N$4),0))</f>
        <v>n/a</v>
      </c>
      <c r="AO67" s="1020" t="str">
        <f>IF(AU67="n/a","n/a",ROUND((AU67*[4]TripRateCalculations!O$4),0))</f>
        <v>n/a</v>
      </c>
      <c r="AP67" s="1020" t="str">
        <f>IF(AV67="n/a","n/a",ROUND((AV67*[4]TripRateCalculations!P$4),0))</f>
        <v>n/a</v>
      </c>
      <c r="AQ67" s="1020" t="s">
        <v>1498</v>
      </c>
      <c r="AR67" s="1020" t="str">
        <f>IF(AX67="n/a","n/a",ROUND((AX67*[4]TripRateCalculations!R$4),0))</f>
        <v>n/a</v>
      </c>
      <c r="AS67" s="1020" t="str">
        <f>IF(AY67="n/a","n/a",ROUND((AY67*[4]TripRateCalculations!S$4),0))</f>
        <v>n/a</v>
      </c>
      <c r="AT67" s="1020" t="s">
        <v>1498</v>
      </c>
      <c r="AU67" s="1020" t="s">
        <v>1498</v>
      </c>
      <c r="AV67" s="1020" t="s">
        <v>1498</v>
      </c>
      <c r="AW67" s="1020" t="s">
        <v>1498</v>
      </c>
      <c r="AX67" s="1020" t="s">
        <v>1498</v>
      </c>
      <c r="AY67" s="1020" t="s">
        <v>1498</v>
      </c>
      <c r="AZ67" s="1020" t="s">
        <v>1498</v>
      </c>
      <c r="BA67" s="1020" t="s">
        <v>1498</v>
      </c>
      <c r="BB67" s="1020" t="s">
        <v>1498</v>
      </c>
      <c r="BC67" s="1020" t="s">
        <v>1498</v>
      </c>
      <c r="BD67" s="1020" t="s">
        <v>1498</v>
      </c>
      <c r="BE67" s="1020" t="s">
        <v>1498</v>
      </c>
      <c r="BF67" s="1020" t="s">
        <v>1498</v>
      </c>
      <c r="BG67" s="1020" t="s">
        <v>1498</v>
      </c>
      <c r="BH67" s="1027" t="s">
        <v>1642</v>
      </c>
      <c r="BI67" s="1026" t="s">
        <v>868</v>
      </c>
      <c r="BJ67" s="1026" t="s">
        <v>53</v>
      </c>
      <c r="BK67" s="1022">
        <v>877752</v>
      </c>
      <c r="BL67" s="1015">
        <v>1</v>
      </c>
      <c r="BM67" s="1082">
        <v>3</v>
      </c>
      <c r="BN67" s="1025" t="s">
        <v>1501</v>
      </c>
      <c r="BO67" s="1130">
        <v>45223.75</v>
      </c>
      <c r="BP67" s="992"/>
      <c r="BQ67" s="1131" t="e">
        <f t="shared" si="21"/>
        <v>#VALUE!</v>
      </c>
      <c r="BR67" s="1131" t="e">
        <f t="shared" si="22"/>
        <v>#VALUE!</v>
      </c>
      <c r="BS67" s="1131" t="e">
        <f t="shared" si="23"/>
        <v>#VALUE!</v>
      </c>
      <c r="BT67" s="1131" t="e">
        <f t="shared" si="24"/>
        <v>#VALUE!</v>
      </c>
      <c r="BU67" s="1131" t="e">
        <f t="shared" si="25"/>
        <v>#VALUE!</v>
      </c>
      <c r="BV67" s="1131" t="e">
        <f t="shared" si="26"/>
        <v>#VALUE!</v>
      </c>
      <c r="BW67" s="1131" t="e">
        <f t="shared" si="27"/>
        <v>#VALUE!</v>
      </c>
      <c r="BX67" s="1131" t="e">
        <f t="shared" si="28"/>
        <v>#VALUE!</v>
      </c>
      <c r="BY67" s="1131" t="e">
        <f t="shared" si="29"/>
        <v>#VALUE!</v>
      </c>
      <c r="BZ67" s="1131" t="e">
        <f t="shared" si="30"/>
        <v>#VALUE!</v>
      </c>
      <c r="CA67" s="1131" t="e">
        <f t="shared" si="31"/>
        <v>#VALUE!</v>
      </c>
      <c r="CB67" s="1131" t="e">
        <f t="shared" si="32"/>
        <v>#VALUE!</v>
      </c>
      <c r="CC67" s="1131" t="e">
        <f t="shared" si="33"/>
        <v>#VALUE!</v>
      </c>
      <c r="CD67" s="1131" t="e">
        <f t="shared" si="34"/>
        <v>#VALUE!</v>
      </c>
      <c r="CE67" s="1131" t="e">
        <f t="shared" si="35"/>
        <v>#VALUE!</v>
      </c>
      <c r="CF67" s="1131" t="e">
        <f t="shared" si="36"/>
        <v>#VALUE!</v>
      </c>
      <c r="CG67" s="1131" t="e">
        <f t="shared" si="37"/>
        <v>#VALUE!</v>
      </c>
      <c r="CH67" s="1131" t="e">
        <f t="shared" si="38"/>
        <v>#VALUE!</v>
      </c>
      <c r="CI67" s="1131" t="e">
        <f t="shared" si="39"/>
        <v>#VALUE!</v>
      </c>
      <c r="CJ67" s="1131" t="e">
        <f t="shared" si="40"/>
        <v>#VALUE!</v>
      </c>
      <c r="CK67" s="1132" t="str">
        <f t="shared" si="41"/>
        <v>n/a</v>
      </c>
    </row>
    <row r="68" spans="1:89" ht="85.5" x14ac:dyDescent="0.2">
      <c r="A68" s="992"/>
      <c r="B68" s="1126"/>
      <c r="C68" s="1126"/>
      <c r="D68" s="1126"/>
      <c r="E68" s="1126"/>
      <c r="F68" s="1026" t="s">
        <v>1740</v>
      </c>
      <c r="G68" s="1026" t="s">
        <v>920</v>
      </c>
      <c r="H68" s="1026" t="s">
        <v>921</v>
      </c>
      <c r="I68" s="1026" t="s">
        <v>1487</v>
      </c>
      <c r="J68" s="1026">
        <v>51.765556490000002</v>
      </c>
      <c r="K68" s="1026">
        <v>-0.41959833600000002</v>
      </c>
      <c r="L68" s="1026" t="s">
        <v>1685</v>
      </c>
      <c r="M68" s="1026" t="s">
        <v>1489</v>
      </c>
      <c r="N68" s="1026">
        <v>1</v>
      </c>
      <c r="O68" s="1026" t="s">
        <v>900</v>
      </c>
      <c r="P68" s="1026" t="s">
        <v>1490</v>
      </c>
      <c r="Q68" s="1026" t="s">
        <v>1491</v>
      </c>
      <c r="R68" s="1026" t="s">
        <v>1492</v>
      </c>
      <c r="S68" s="1026" t="s">
        <v>1493</v>
      </c>
      <c r="T68" s="1026" t="s">
        <v>1672</v>
      </c>
      <c r="U68" s="1016" t="str">
        <f>_xlfn.XLOOKUP(F68, [4]GIS!D:D, [4]GIS!E:E, "Not mapped")</f>
        <v>Single - Scenario 2 (longer segment, one edge in close proximity of a development)</v>
      </c>
      <c r="V68" s="1026" t="s">
        <v>1542</v>
      </c>
      <c r="W68" s="1040" t="s">
        <v>1563</v>
      </c>
      <c r="X68" s="1083" t="s">
        <v>1741</v>
      </c>
      <c r="Y68" s="1020" t="s">
        <v>1498</v>
      </c>
      <c r="Z68" s="1020" t="s">
        <v>1498</v>
      </c>
      <c r="AA68" s="1020" t="s">
        <v>1498</v>
      </c>
      <c r="AB68" s="1020" t="s">
        <v>1498</v>
      </c>
      <c r="AC68" s="1020" t="s">
        <v>1498</v>
      </c>
      <c r="AD68" s="1020" t="s">
        <v>1498</v>
      </c>
      <c r="AE68" s="1020" t="s">
        <v>1498</v>
      </c>
      <c r="AF68" s="1020" t="s">
        <v>1498</v>
      </c>
      <c r="AG68" s="1020" t="s">
        <v>1498</v>
      </c>
      <c r="AH68" s="1020" t="s">
        <v>1498</v>
      </c>
      <c r="AI68" s="1020" t="s">
        <v>1498</v>
      </c>
      <c r="AJ68" s="1020" t="s">
        <v>1498</v>
      </c>
      <c r="AK68" s="1020" t="str">
        <f>IF(AJ68="n/a","n/a",ROUND((AJ68*[4]TripRateCalculations!$V$6),0))</f>
        <v>n/a</v>
      </c>
      <c r="AL68" s="1020" t="s">
        <v>1498</v>
      </c>
      <c r="AM68" s="1020" t="s">
        <v>1498</v>
      </c>
      <c r="AN68" s="1020" t="str">
        <f>IF(AT68="n/a","n/a",ROUND((AT68*[4]TripRateCalculations!N$4),0))</f>
        <v>n/a</v>
      </c>
      <c r="AO68" s="1020" t="str">
        <f>IF(AU68="n/a","n/a",ROUND((AU68*[4]TripRateCalculations!O$4),0))</f>
        <v>n/a</v>
      </c>
      <c r="AP68" s="1020" t="str">
        <f>IF(AV68="n/a","n/a",ROUND((AV68*[4]TripRateCalculations!P$4),0))</f>
        <v>n/a</v>
      </c>
      <c r="AQ68" s="1020" t="str">
        <f>IF(AW68="n/a","n/a",ROUND((AW68*[4]TripRateCalculations!Q$4),0))</f>
        <v>n/a</v>
      </c>
      <c r="AR68" s="1020" t="str">
        <f>IF(AX68="n/a","n/a",ROUND((AX68*[4]TripRateCalculations!R$4),0))</f>
        <v>n/a</v>
      </c>
      <c r="AS68" s="1020" t="str">
        <f>IF(AY68="n/a","n/a",ROUND((AY68*[4]TripRateCalculations!S$4),0))</f>
        <v>n/a</v>
      </c>
      <c r="AT68" s="1020" t="s">
        <v>1498</v>
      </c>
      <c r="AU68" s="1020" t="s">
        <v>1498</v>
      </c>
      <c r="AV68" s="1020" t="s">
        <v>1498</v>
      </c>
      <c r="AW68" s="1020" t="s">
        <v>1498</v>
      </c>
      <c r="AX68" s="1020" t="s">
        <v>1498</v>
      </c>
      <c r="AY68" s="1020" t="s">
        <v>1498</v>
      </c>
      <c r="AZ68" s="1020" t="s">
        <v>1498</v>
      </c>
      <c r="BA68" s="1020" t="s">
        <v>1498</v>
      </c>
      <c r="BB68" s="1020" t="s">
        <v>1498</v>
      </c>
      <c r="BC68" s="1020" t="s">
        <v>1498</v>
      </c>
      <c r="BD68" s="1020" t="s">
        <v>1498</v>
      </c>
      <c r="BE68" s="1020" t="s">
        <v>1498</v>
      </c>
      <c r="BF68" s="1020" t="s">
        <v>1498</v>
      </c>
      <c r="BG68" s="1020" t="str">
        <f>IF(BF68="n/a","n/a",ROUND((BF68*[4]TripRateCalculations!Q$4),0))</f>
        <v>n/a</v>
      </c>
      <c r="BH68" s="1027" t="s">
        <v>1642</v>
      </c>
      <c r="BI68" s="1026" t="s">
        <v>834</v>
      </c>
      <c r="BJ68" s="1026" t="s">
        <v>869</v>
      </c>
      <c r="BK68" s="1051">
        <f>ROUND((VLOOKUP(F68,'[4]Cost Summary'!A:H,8,)),0.1)</f>
        <v>506253</v>
      </c>
      <c r="BL68" s="1026">
        <v>0</v>
      </c>
      <c r="BM68" s="1078" t="s">
        <v>1500</v>
      </c>
      <c r="BN68" s="1044" t="s">
        <v>1584</v>
      </c>
      <c r="BO68" s="1130">
        <v>328900</v>
      </c>
      <c r="BP68" s="992"/>
      <c r="BQ68" s="1131" t="e">
        <f t="shared" si="21"/>
        <v>#VALUE!</v>
      </c>
      <c r="BR68" s="1131" t="e">
        <f t="shared" si="22"/>
        <v>#VALUE!</v>
      </c>
      <c r="BS68" s="1131" t="e">
        <f t="shared" si="23"/>
        <v>#VALUE!</v>
      </c>
      <c r="BT68" s="1131" t="e">
        <f t="shared" si="24"/>
        <v>#VALUE!</v>
      </c>
      <c r="BU68" s="1131" t="e">
        <f t="shared" si="25"/>
        <v>#VALUE!</v>
      </c>
      <c r="BV68" s="1131" t="e">
        <f t="shared" si="26"/>
        <v>#VALUE!</v>
      </c>
      <c r="BW68" s="1131" t="e">
        <f t="shared" si="27"/>
        <v>#VALUE!</v>
      </c>
      <c r="BX68" s="1131" t="e">
        <f t="shared" si="28"/>
        <v>#VALUE!</v>
      </c>
      <c r="BY68" s="1131" t="e">
        <f t="shared" si="29"/>
        <v>#VALUE!</v>
      </c>
      <c r="BZ68" s="1131" t="e">
        <f t="shared" si="30"/>
        <v>#VALUE!</v>
      </c>
      <c r="CA68" s="1131" t="e">
        <f t="shared" si="31"/>
        <v>#VALUE!</v>
      </c>
      <c r="CB68" s="1131" t="e">
        <f t="shared" si="32"/>
        <v>#VALUE!</v>
      </c>
      <c r="CC68" s="1131" t="e">
        <f t="shared" si="33"/>
        <v>#VALUE!</v>
      </c>
      <c r="CD68" s="1131" t="e">
        <f t="shared" si="34"/>
        <v>#VALUE!</v>
      </c>
      <c r="CE68" s="1131" t="e">
        <f t="shared" si="35"/>
        <v>#VALUE!</v>
      </c>
      <c r="CF68" s="1131" t="e">
        <f t="shared" si="36"/>
        <v>#VALUE!</v>
      </c>
      <c r="CG68" s="1131" t="e">
        <f t="shared" si="37"/>
        <v>#VALUE!</v>
      </c>
      <c r="CH68" s="1131" t="e">
        <f t="shared" si="38"/>
        <v>#VALUE!</v>
      </c>
      <c r="CI68" s="1131" t="e">
        <f t="shared" si="39"/>
        <v>#VALUE!</v>
      </c>
      <c r="CJ68" s="1131" t="e">
        <f t="shared" si="40"/>
        <v>#VALUE!</v>
      </c>
      <c r="CK68" s="1132" t="str">
        <f t="shared" si="41"/>
        <v>n/a</v>
      </c>
    </row>
    <row r="69" spans="1:89" ht="90" x14ac:dyDescent="0.2">
      <c r="A69" s="992"/>
      <c r="B69" s="1126" t="s">
        <v>66</v>
      </c>
      <c r="C69" s="1126" t="s">
        <v>66</v>
      </c>
      <c r="D69" s="1126"/>
      <c r="E69" s="1126"/>
      <c r="F69" s="1026" t="s">
        <v>1742</v>
      </c>
      <c r="G69" s="1046" t="s">
        <v>1743</v>
      </c>
      <c r="H69" s="1046" t="s">
        <v>1744</v>
      </c>
      <c r="I69" s="1046" t="s">
        <v>1487</v>
      </c>
      <c r="J69" s="1026">
        <v>51.7336162</v>
      </c>
      <c r="K69" s="1026">
        <v>-0.46118048499999997</v>
      </c>
      <c r="L69" s="1026" t="s">
        <v>1560</v>
      </c>
      <c r="M69" s="1026" t="s">
        <v>1523</v>
      </c>
      <c r="N69" s="1026">
        <v>2</v>
      </c>
      <c r="O69" s="1026" t="s">
        <v>932</v>
      </c>
      <c r="P69" s="1026" t="s">
        <v>1490</v>
      </c>
      <c r="Q69" s="1026" t="s">
        <v>1491</v>
      </c>
      <c r="R69" s="1026" t="s">
        <v>1492</v>
      </c>
      <c r="S69" s="1026" t="s">
        <v>1493</v>
      </c>
      <c r="T69" s="1026" t="s">
        <v>1610</v>
      </c>
      <c r="U69" s="1016" t="str">
        <f>_xlfn.XLOOKUP(F69, [4]GIS!D:D, [4]GIS!E:E, "Not mapped")</f>
        <v>Multiple - Scenario 1</v>
      </c>
      <c r="V69" s="1031" t="s">
        <v>1515</v>
      </c>
      <c r="W69" s="1058" t="s">
        <v>1691</v>
      </c>
      <c r="X69" s="1059" t="s">
        <v>1692</v>
      </c>
      <c r="Y69" s="1020" t="s">
        <v>1498</v>
      </c>
      <c r="Z69" s="1020" t="s">
        <v>1498</v>
      </c>
      <c r="AA69" s="1020" t="s">
        <v>1498</v>
      </c>
      <c r="AB69" s="1020" t="s">
        <v>1498</v>
      </c>
      <c r="AC69" s="1020" t="s">
        <v>1498</v>
      </c>
      <c r="AD69" s="1020" t="s">
        <v>1498</v>
      </c>
      <c r="AE69" s="1020" t="s">
        <v>1498</v>
      </c>
      <c r="AF69" s="1020" t="s">
        <v>1498</v>
      </c>
      <c r="AG69" s="1020" t="s">
        <v>1498</v>
      </c>
      <c r="AH69" s="1020" t="s">
        <v>1498</v>
      </c>
      <c r="AI69" s="1020" t="s">
        <v>1498</v>
      </c>
      <c r="AJ69" s="1020" t="s">
        <v>1498</v>
      </c>
      <c r="AK69" s="1020" t="str">
        <f>IF(AJ69="n/a","n/a",ROUND((AJ69*[4]TripRateCalculations!$V$6),0))</f>
        <v>n/a</v>
      </c>
      <c r="AL69" s="1020" t="s">
        <v>1498</v>
      </c>
      <c r="AM69" s="1020" t="s">
        <v>1498</v>
      </c>
      <c r="AN69" s="1020" t="str">
        <f>IF(AT69="n/a","n/a",ROUND((AT69*[4]TripRateCalculations!N$4),0))</f>
        <v>n/a</v>
      </c>
      <c r="AO69" s="1020" t="str">
        <f>IF(AU69="n/a","n/a",ROUND((AU69*[4]TripRateCalculations!O$4),0))</f>
        <v>n/a</v>
      </c>
      <c r="AP69" s="1020" t="str">
        <f>IF(AV69="n/a","n/a",ROUND((AV69*[4]TripRateCalculations!P$4),0))</f>
        <v>n/a</v>
      </c>
      <c r="AQ69" s="1020" t="s">
        <v>1498</v>
      </c>
      <c r="AR69" s="1020" t="str">
        <f>IF(AX69="n/a","n/a",ROUND((AX69*[4]TripRateCalculations!R$4),0))</f>
        <v>n/a</v>
      </c>
      <c r="AS69" s="1020" t="str">
        <f>IF(AY69="n/a","n/a",ROUND((AY69*[4]TripRateCalculations!S$4),0))</f>
        <v>n/a</v>
      </c>
      <c r="AT69" s="1020" t="s">
        <v>1498</v>
      </c>
      <c r="AU69" s="1020" t="s">
        <v>1498</v>
      </c>
      <c r="AV69" s="1020" t="s">
        <v>1498</v>
      </c>
      <c r="AW69" s="1020" t="s">
        <v>1498</v>
      </c>
      <c r="AX69" s="1020" t="s">
        <v>1498</v>
      </c>
      <c r="AY69" s="1020" t="s">
        <v>1498</v>
      </c>
      <c r="AZ69" s="1020" t="s">
        <v>1498</v>
      </c>
      <c r="BA69" s="1020" t="s">
        <v>1498</v>
      </c>
      <c r="BB69" s="1020" t="s">
        <v>1498</v>
      </c>
      <c r="BC69" s="1020" t="s">
        <v>1498</v>
      </c>
      <c r="BD69" s="1020" t="s">
        <v>1498</v>
      </c>
      <c r="BE69" s="1020" t="s">
        <v>1498</v>
      </c>
      <c r="BF69" s="1020" t="s">
        <v>1498</v>
      </c>
      <c r="BG69" s="1020" t="s">
        <v>1498</v>
      </c>
      <c r="BH69" s="1027" t="s">
        <v>1745</v>
      </c>
      <c r="BI69" s="1026" t="s">
        <v>868</v>
      </c>
      <c r="BJ69" s="1026" t="s">
        <v>53</v>
      </c>
      <c r="BK69" s="1079">
        <f>ROUND((VLOOKUP(F69,'[4]Cost Summary'!A:H,8,)),0.1)</f>
        <v>13506750</v>
      </c>
      <c r="BL69" s="1080">
        <v>0</v>
      </c>
      <c r="BM69" s="1080" t="s">
        <v>1500</v>
      </c>
      <c r="BN69" s="1081" t="s">
        <v>1746</v>
      </c>
      <c r="BO69" s="1130">
        <v>16924.57</v>
      </c>
      <c r="BP69" s="992"/>
      <c r="BQ69" s="1131" t="e">
        <f t="shared" si="21"/>
        <v>#VALUE!</v>
      </c>
      <c r="BR69" s="1131" t="e">
        <f t="shared" si="22"/>
        <v>#VALUE!</v>
      </c>
      <c r="BS69" s="1131" t="e">
        <f t="shared" si="23"/>
        <v>#VALUE!</v>
      </c>
      <c r="BT69" s="1131" t="e">
        <f t="shared" si="24"/>
        <v>#VALUE!</v>
      </c>
      <c r="BU69" s="1131" t="e">
        <f t="shared" si="25"/>
        <v>#VALUE!</v>
      </c>
      <c r="BV69" s="1131" t="e">
        <f t="shared" si="26"/>
        <v>#VALUE!</v>
      </c>
      <c r="BW69" s="1131" t="e">
        <f t="shared" si="27"/>
        <v>#VALUE!</v>
      </c>
      <c r="BX69" s="1131" t="e">
        <f t="shared" si="28"/>
        <v>#VALUE!</v>
      </c>
      <c r="BY69" s="1131" t="e">
        <f t="shared" si="29"/>
        <v>#VALUE!</v>
      </c>
      <c r="BZ69" s="1131" t="e">
        <f t="shared" si="30"/>
        <v>#VALUE!</v>
      </c>
      <c r="CA69" s="1131" t="e">
        <f t="shared" si="31"/>
        <v>#VALUE!</v>
      </c>
      <c r="CB69" s="1131" t="e">
        <f t="shared" si="32"/>
        <v>#VALUE!</v>
      </c>
      <c r="CC69" s="1131" t="e">
        <f t="shared" si="33"/>
        <v>#VALUE!</v>
      </c>
      <c r="CD69" s="1131" t="e">
        <f t="shared" si="34"/>
        <v>#VALUE!</v>
      </c>
      <c r="CE69" s="1131" t="e">
        <f t="shared" si="35"/>
        <v>#VALUE!</v>
      </c>
      <c r="CF69" s="1131" t="e">
        <f t="shared" si="36"/>
        <v>#VALUE!</v>
      </c>
      <c r="CG69" s="1131" t="e">
        <f t="shared" si="37"/>
        <v>#VALUE!</v>
      </c>
      <c r="CH69" s="1131" t="e">
        <f t="shared" si="38"/>
        <v>#VALUE!</v>
      </c>
      <c r="CI69" s="1131" t="e">
        <f t="shared" si="39"/>
        <v>#VALUE!</v>
      </c>
      <c r="CJ69" s="1131" t="e">
        <f t="shared" si="40"/>
        <v>#VALUE!</v>
      </c>
      <c r="CK69" s="1132" t="str">
        <f t="shared" si="41"/>
        <v>n/a</v>
      </c>
    </row>
    <row r="70" spans="1:89" ht="285" x14ac:dyDescent="0.2">
      <c r="A70" s="992"/>
      <c r="B70" s="1126"/>
      <c r="C70" s="1126"/>
      <c r="D70" s="1126"/>
      <c r="E70" s="1126"/>
      <c r="F70" s="1026" t="s">
        <v>1747</v>
      </c>
      <c r="G70" s="1026" t="s">
        <v>942</v>
      </c>
      <c r="H70" s="1026" t="s">
        <v>943</v>
      </c>
      <c r="I70" s="1026" t="s">
        <v>1537</v>
      </c>
      <c r="J70" s="1026" t="s">
        <v>1521</v>
      </c>
      <c r="K70" s="1026" t="s">
        <v>1521</v>
      </c>
      <c r="L70" s="1026" t="s">
        <v>1488</v>
      </c>
      <c r="M70" s="1026" t="s">
        <v>1523</v>
      </c>
      <c r="N70" s="1026">
        <v>2</v>
      </c>
      <c r="O70" s="1026" t="s">
        <v>932</v>
      </c>
      <c r="P70" s="1026" t="s">
        <v>1490</v>
      </c>
      <c r="Q70" s="1026" t="s">
        <v>1491</v>
      </c>
      <c r="R70" s="1026" t="s">
        <v>1492</v>
      </c>
      <c r="S70" s="1026" t="s">
        <v>1493</v>
      </c>
      <c r="T70" s="1026" t="s">
        <v>1511</v>
      </c>
      <c r="U70" s="1016" t="str">
        <f>_xlfn.XLOOKUP(F70, [4]GIS!D:D, [4]GIS!E:E, "Not mapped")</f>
        <v>Single - Scenario 2</v>
      </c>
      <c r="V70" s="1015" t="s">
        <v>1542</v>
      </c>
      <c r="W70" s="1057" t="s">
        <v>1667</v>
      </c>
      <c r="X70" s="1057" t="s">
        <v>1603</v>
      </c>
      <c r="Y70" s="1020" t="s">
        <v>1498</v>
      </c>
      <c r="Z70" s="1020" t="s">
        <v>1498</v>
      </c>
      <c r="AA70" s="1020" t="s">
        <v>1498</v>
      </c>
      <c r="AB70" s="1020" t="s">
        <v>1498</v>
      </c>
      <c r="AC70" s="1020" t="s">
        <v>1498</v>
      </c>
      <c r="AD70" s="1020" t="s">
        <v>1498</v>
      </c>
      <c r="AE70" s="1020" t="s">
        <v>1498</v>
      </c>
      <c r="AF70" s="1020" t="s">
        <v>1498</v>
      </c>
      <c r="AG70" s="1020" t="s">
        <v>1498</v>
      </c>
      <c r="AH70" s="1020" t="s">
        <v>1498</v>
      </c>
      <c r="AI70" s="1020" t="s">
        <v>1498</v>
      </c>
      <c r="AJ70" s="1020" t="s">
        <v>1498</v>
      </c>
      <c r="AK70" s="1020" t="str">
        <f>IF(AJ70="n/a","n/a",ROUND((AJ70*[4]TripRateCalculations!$V$6),0))</f>
        <v>n/a</v>
      </c>
      <c r="AL70" s="1020" t="s">
        <v>1498</v>
      </c>
      <c r="AM70" s="1020" t="s">
        <v>1498</v>
      </c>
      <c r="AN70" s="1020" t="str">
        <f>IF(AT70="n/a","n/a",ROUND((AT70*[4]TripRateCalculations!N$4),0))</f>
        <v>n/a</v>
      </c>
      <c r="AO70" s="1020" t="str">
        <f>IF(AU70="n/a","n/a",ROUND((AU70*[4]TripRateCalculations!O$4),0))</f>
        <v>n/a</v>
      </c>
      <c r="AP70" s="1020" t="str">
        <f>IF(AV70="n/a","n/a",ROUND((AV70*[4]TripRateCalculations!P$4),0))</f>
        <v>n/a</v>
      </c>
      <c r="AQ70" s="1020" t="str">
        <f>IF(AW70="n/a","n/a",ROUND((AW70*[4]TripRateCalculations!Q$4),0))</f>
        <v>n/a</v>
      </c>
      <c r="AR70" s="1020" t="str">
        <f>IF(AX70="n/a","n/a",ROUND((AX70*[4]TripRateCalculations!R$4),0))</f>
        <v>n/a</v>
      </c>
      <c r="AS70" s="1020" t="str">
        <f>IF(AY70="n/a","n/a",ROUND((AY70*[4]TripRateCalculations!S$4),0))</f>
        <v>n/a</v>
      </c>
      <c r="AT70" s="1020" t="s">
        <v>1498</v>
      </c>
      <c r="AU70" s="1020" t="s">
        <v>1498</v>
      </c>
      <c r="AV70" s="1020" t="s">
        <v>1498</v>
      </c>
      <c r="AW70" s="1020" t="s">
        <v>1498</v>
      </c>
      <c r="AX70" s="1020" t="s">
        <v>1498</v>
      </c>
      <c r="AY70" s="1020" t="s">
        <v>1498</v>
      </c>
      <c r="AZ70" s="1020" t="s">
        <v>1498</v>
      </c>
      <c r="BA70" s="1020" t="s">
        <v>1498</v>
      </c>
      <c r="BB70" s="1020" t="s">
        <v>1498</v>
      </c>
      <c r="BC70" s="1020" t="s">
        <v>1498</v>
      </c>
      <c r="BD70" s="1020" t="s">
        <v>1498</v>
      </c>
      <c r="BE70" s="1020" t="s">
        <v>1498</v>
      </c>
      <c r="BF70" s="1020" t="s">
        <v>1498</v>
      </c>
      <c r="BG70" s="1020" t="str">
        <f>IF(BF70="n/a","n/a",ROUND((BF70*[4]TripRateCalculations!Q$4),0))</f>
        <v>n/a</v>
      </c>
      <c r="BH70" s="1027" t="s">
        <v>1539</v>
      </c>
      <c r="BI70" s="1026" t="s">
        <v>834</v>
      </c>
      <c r="BJ70" s="1026" t="s">
        <v>869</v>
      </c>
      <c r="BK70" s="1051">
        <f>ROUND((VLOOKUP(F70,'[4]Cost Summary'!A:H,8,)),0.1)</f>
        <v>2369897</v>
      </c>
      <c r="BL70" s="1084">
        <v>0</v>
      </c>
      <c r="BM70" s="1085" t="s">
        <v>1500</v>
      </c>
      <c r="BN70" s="1044" t="s">
        <v>1584</v>
      </c>
      <c r="BO70" s="1130">
        <v>1539663.13</v>
      </c>
      <c r="BP70" s="992"/>
      <c r="BQ70" s="1131" t="e">
        <f t="shared" si="21"/>
        <v>#VALUE!</v>
      </c>
      <c r="BR70" s="1131" t="e">
        <f t="shared" si="22"/>
        <v>#VALUE!</v>
      </c>
      <c r="BS70" s="1131" t="e">
        <f t="shared" si="23"/>
        <v>#VALUE!</v>
      </c>
      <c r="BT70" s="1131" t="e">
        <f t="shared" si="24"/>
        <v>#VALUE!</v>
      </c>
      <c r="BU70" s="1131" t="e">
        <f t="shared" si="25"/>
        <v>#VALUE!</v>
      </c>
      <c r="BV70" s="1131" t="e">
        <f t="shared" si="26"/>
        <v>#VALUE!</v>
      </c>
      <c r="BW70" s="1131" t="e">
        <f t="shared" si="27"/>
        <v>#VALUE!</v>
      </c>
      <c r="BX70" s="1131" t="e">
        <f t="shared" si="28"/>
        <v>#VALUE!</v>
      </c>
      <c r="BY70" s="1131" t="e">
        <f t="shared" si="29"/>
        <v>#VALUE!</v>
      </c>
      <c r="BZ70" s="1131" t="e">
        <f t="shared" si="30"/>
        <v>#VALUE!</v>
      </c>
      <c r="CA70" s="1131" t="e">
        <f t="shared" si="31"/>
        <v>#VALUE!</v>
      </c>
      <c r="CB70" s="1131" t="e">
        <f t="shared" si="32"/>
        <v>#VALUE!</v>
      </c>
      <c r="CC70" s="1131" t="e">
        <f t="shared" si="33"/>
        <v>#VALUE!</v>
      </c>
      <c r="CD70" s="1131" t="e">
        <f t="shared" si="34"/>
        <v>#VALUE!</v>
      </c>
      <c r="CE70" s="1131" t="e">
        <f t="shared" si="35"/>
        <v>#VALUE!</v>
      </c>
      <c r="CF70" s="1131" t="e">
        <f t="shared" si="36"/>
        <v>#VALUE!</v>
      </c>
      <c r="CG70" s="1131" t="e">
        <f t="shared" si="37"/>
        <v>#VALUE!</v>
      </c>
      <c r="CH70" s="1131" t="e">
        <f t="shared" si="38"/>
        <v>#VALUE!</v>
      </c>
      <c r="CI70" s="1131" t="e">
        <f t="shared" si="39"/>
        <v>#VALUE!</v>
      </c>
      <c r="CJ70" s="1131" t="e">
        <f t="shared" si="40"/>
        <v>#VALUE!</v>
      </c>
      <c r="CK70" s="1132" t="str">
        <f t="shared" si="41"/>
        <v>n/a</v>
      </c>
    </row>
    <row r="71" spans="1:89" ht="85.5" x14ac:dyDescent="0.2">
      <c r="A71" s="992"/>
      <c r="B71" s="1126"/>
      <c r="C71" s="1126"/>
      <c r="D71" s="1126"/>
      <c r="E71" s="1126"/>
      <c r="F71" s="1026" t="s">
        <v>1748</v>
      </c>
      <c r="G71" s="1026" t="s">
        <v>989</v>
      </c>
      <c r="H71" s="1026" t="s">
        <v>990</v>
      </c>
      <c r="I71" s="1026" t="s">
        <v>1487</v>
      </c>
      <c r="J71" s="1026">
        <v>51.745289999999997</v>
      </c>
      <c r="K71" s="1026">
        <v>-0.48945699999999998</v>
      </c>
      <c r="L71" s="1026" t="s">
        <v>1560</v>
      </c>
      <c r="M71" s="1026" t="s">
        <v>1489</v>
      </c>
      <c r="N71" s="1026">
        <v>1</v>
      </c>
      <c r="O71" s="1026" t="s">
        <v>932</v>
      </c>
      <c r="P71" s="1026" t="s">
        <v>1490</v>
      </c>
      <c r="Q71" s="1026" t="s">
        <v>1491</v>
      </c>
      <c r="R71" s="1026" t="s">
        <v>1492</v>
      </c>
      <c r="S71" s="1026" t="s">
        <v>1493</v>
      </c>
      <c r="T71" s="1026" t="s">
        <v>1749</v>
      </c>
      <c r="U71" s="1016" t="str">
        <f>_xlfn.XLOOKUP(F71, [4]GIS!D:D, [4]GIS!E:E, "Not mapped")</f>
        <v>Single - Scenario 3</v>
      </c>
      <c r="V71" s="1026" t="s">
        <v>1723</v>
      </c>
      <c r="W71" s="1058" t="s">
        <v>1691</v>
      </c>
      <c r="X71" s="1059" t="s">
        <v>1692</v>
      </c>
      <c r="Y71" s="1020" t="s">
        <v>1498</v>
      </c>
      <c r="Z71" s="1020" t="s">
        <v>1498</v>
      </c>
      <c r="AA71" s="1020" t="s">
        <v>1498</v>
      </c>
      <c r="AB71" s="1020" t="s">
        <v>1498</v>
      </c>
      <c r="AC71" s="1020" t="s">
        <v>1498</v>
      </c>
      <c r="AD71" s="1020" t="s">
        <v>1498</v>
      </c>
      <c r="AE71" s="1020" t="s">
        <v>1498</v>
      </c>
      <c r="AF71" s="1020" t="s">
        <v>1498</v>
      </c>
      <c r="AG71" s="1020" t="s">
        <v>1498</v>
      </c>
      <c r="AH71" s="1020" t="s">
        <v>1498</v>
      </c>
      <c r="AI71" s="1020" t="s">
        <v>1498</v>
      </c>
      <c r="AJ71" s="1020" t="s">
        <v>1498</v>
      </c>
      <c r="AK71" s="1020" t="str">
        <f>IF(AJ71="n/a","n/a",ROUND((AJ71*[4]TripRateCalculations!$V$6),0))</f>
        <v>n/a</v>
      </c>
      <c r="AL71" s="1020" t="s">
        <v>1498</v>
      </c>
      <c r="AM71" s="1020" t="s">
        <v>1498</v>
      </c>
      <c r="AN71" s="1020" t="str">
        <f>IF(AT71="n/a","n/a",ROUND((AT71*[4]TripRateCalculations!N$4),0))</f>
        <v>n/a</v>
      </c>
      <c r="AO71" s="1020" t="str">
        <f>IF(AU71="n/a","n/a",ROUND((AU71*[4]TripRateCalculations!O$4),0))</f>
        <v>n/a</v>
      </c>
      <c r="AP71" s="1020" t="str">
        <f>IF(AV71="n/a","n/a",ROUND((AV71*[4]TripRateCalculations!P$4),0))</f>
        <v>n/a</v>
      </c>
      <c r="AQ71" s="1020" t="s">
        <v>1498</v>
      </c>
      <c r="AR71" s="1020" t="str">
        <f>IF(AX71="n/a","n/a",ROUND((AX71*[4]TripRateCalculations!R$4),0))</f>
        <v>n/a</v>
      </c>
      <c r="AS71" s="1020" t="str">
        <f>IF(AY71="n/a","n/a",ROUND((AY71*[4]TripRateCalculations!S$4),0))</f>
        <v>n/a</v>
      </c>
      <c r="AT71" s="1020" t="s">
        <v>1498</v>
      </c>
      <c r="AU71" s="1020" t="s">
        <v>1498</v>
      </c>
      <c r="AV71" s="1020" t="s">
        <v>1498</v>
      </c>
      <c r="AW71" s="1020" t="s">
        <v>1498</v>
      </c>
      <c r="AX71" s="1020" t="s">
        <v>1498</v>
      </c>
      <c r="AY71" s="1020" t="s">
        <v>1498</v>
      </c>
      <c r="AZ71" s="1020" t="s">
        <v>1498</v>
      </c>
      <c r="BA71" s="1020" t="s">
        <v>1498</v>
      </c>
      <c r="BB71" s="1020" t="s">
        <v>1498</v>
      </c>
      <c r="BC71" s="1020" t="s">
        <v>1498</v>
      </c>
      <c r="BD71" s="1020" t="s">
        <v>1498</v>
      </c>
      <c r="BE71" s="1020" t="s">
        <v>1498</v>
      </c>
      <c r="BF71" s="1020" t="s">
        <v>1498</v>
      </c>
      <c r="BG71" s="1020" t="s">
        <v>1498</v>
      </c>
      <c r="BH71" s="1027" t="s">
        <v>1620</v>
      </c>
      <c r="BI71" s="1026" t="s">
        <v>722</v>
      </c>
      <c r="BJ71" s="1026" t="s">
        <v>53</v>
      </c>
      <c r="BK71" s="1051">
        <f>ROUND((VLOOKUP(F71,'[4]Cost Summary'!A:H,8,)),0.1)</f>
        <v>69610</v>
      </c>
      <c r="BL71" s="1052">
        <v>0</v>
      </c>
      <c r="BM71" s="1052" t="s">
        <v>1500</v>
      </c>
      <c r="BN71" s="1044" t="s">
        <v>1584</v>
      </c>
      <c r="BO71" s="1130">
        <v>60530</v>
      </c>
      <c r="BP71" s="992"/>
      <c r="BQ71" s="1131" t="e">
        <f t="shared" si="21"/>
        <v>#VALUE!</v>
      </c>
      <c r="BR71" s="1131" t="e">
        <f t="shared" si="22"/>
        <v>#VALUE!</v>
      </c>
      <c r="BS71" s="1131" t="e">
        <f t="shared" si="23"/>
        <v>#VALUE!</v>
      </c>
      <c r="BT71" s="1131" t="e">
        <f t="shared" si="24"/>
        <v>#VALUE!</v>
      </c>
      <c r="BU71" s="1131" t="e">
        <f t="shared" si="25"/>
        <v>#VALUE!</v>
      </c>
      <c r="BV71" s="1131" t="e">
        <f t="shared" si="26"/>
        <v>#VALUE!</v>
      </c>
      <c r="BW71" s="1131" t="e">
        <f t="shared" si="27"/>
        <v>#VALUE!</v>
      </c>
      <c r="BX71" s="1131" t="e">
        <f t="shared" si="28"/>
        <v>#VALUE!</v>
      </c>
      <c r="BY71" s="1131" t="e">
        <f t="shared" si="29"/>
        <v>#VALUE!</v>
      </c>
      <c r="BZ71" s="1131" t="e">
        <f t="shared" si="30"/>
        <v>#VALUE!</v>
      </c>
      <c r="CA71" s="1131" t="e">
        <f t="shared" si="31"/>
        <v>#VALUE!</v>
      </c>
      <c r="CB71" s="1131" t="e">
        <f t="shared" si="32"/>
        <v>#VALUE!</v>
      </c>
      <c r="CC71" s="1131" t="e">
        <f t="shared" si="33"/>
        <v>#VALUE!</v>
      </c>
      <c r="CD71" s="1131" t="e">
        <f t="shared" si="34"/>
        <v>#VALUE!</v>
      </c>
      <c r="CE71" s="1131" t="e">
        <f t="shared" si="35"/>
        <v>#VALUE!</v>
      </c>
      <c r="CF71" s="1131" t="e">
        <f t="shared" si="36"/>
        <v>#VALUE!</v>
      </c>
      <c r="CG71" s="1131" t="e">
        <f t="shared" si="37"/>
        <v>#VALUE!</v>
      </c>
      <c r="CH71" s="1131" t="e">
        <f t="shared" si="38"/>
        <v>#VALUE!</v>
      </c>
      <c r="CI71" s="1131" t="e">
        <f t="shared" si="39"/>
        <v>#VALUE!</v>
      </c>
      <c r="CJ71" s="1131" t="e">
        <f t="shared" si="40"/>
        <v>#VALUE!</v>
      </c>
      <c r="CK71" s="1132" t="str">
        <f t="shared" si="41"/>
        <v>n/a</v>
      </c>
    </row>
    <row r="72" spans="1:89" ht="90" x14ac:dyDescent="0.2">
      <c r="A72" s="992" t="s">
        <v>66</v>
      </c>
      <c r="B72" s="1126"/>
      <c r="C72" s="1126"/>
      <c r="D72" s="1126" t="s">
        <v>66</v>
      </c>
      <c r="E72" s="1126"/>
      <c r="F72" s="1066" t="s">
        <v>1750</v>
      </c>
      <c r="G72" s="1066" t="s">
        <v>991</v>
      </c>
      <c r="H72" s="1066" t="s">
        <v>1751</v>
      </c>
      <c r="I72" s="1066" t="s">
        <v>1752</v>
      </c>
      <c r="J72" s="1066">
        <v>51.745775000000002</v>
      </c>
      <c r="K72" s="1066">
        <v>-0.48782399999999998</v>
      </c>
      <c r="L72" s="1066" t="s">
        <v>1488</v>
      </c>
      <c r="M72" s="1066" t="s">
        <v>1489</v>
      </c>
      <c r="N72" s="1066"/>
      <c r="O72" s="1066" t="s">
        <v>900</v>
      </c>
      <c r="P72" s="1066" t="s">
        <v>1490</v>
      </c>
      <c r="Q72" s="1066" t="s">
        <v>1491</v>
      </c>
      <c r="R72" s="1066" t="s">
        <v>1492</v>
      </c>
      <c r="S72" s="1066" t="s">
        <v>1493</v>
      </c>
      <c r="T72" s="1066" t="s">
        <v>1749</v>
      </c>
      <c r="U72" s="1067" t="str">
        <f>_xlfn.XLOOKUP(F72, [4]GIS!D:D, [4]GIS!E:E, "Not mapped")</f>
        <v>Single - Scenario 2 (longer segment, one edge in close proximity of a development)</v>
      </c>
      <c r="V72" s="1066" t="s">
        <v>1546</v>
      </c>
      <c r="W72" s="1068"/>
      <c r="X72" s="1069" t="s">
        <v>1719</v>
      </c>
      <c r="Y72" s="1086"/>
      <c r="Z72" s="1086"/>
      <c r="AA72" s="1086"/>
      <c r="AB72" s="1086"/>
      <c r="AC72" s="1086"/>
      <c r="AD72" s="1086"/>
      <c r="AE72" s="1086"/>
      <c r="AF72" s="1086"/>
      <c r="AG72" s="1087"/>
      <c r="AH72" s="1065"/>
      <c r="AI72" s="1066"/>
      <c r="AJ72" s="1066"/>
      <c r="AK72" s="1066">
        <f>IF(AJ72="n/a","n/a",ROUND((AJ72*[4]TripRateCalculations!$V$6),0))</f>
        <v>0</v>
      </c>
      <c r="AL72" s="1066"/>
      <c r="AM72" s="1066"/>
      <c r="AN72" s="1066">
        <f>IF(AT72="n/a","n/a",ROUND((AT72*[4]TripRateCalculations!N$4),0))</f>
        <v>0</v>
      </c>
      <c r="AO72" s="1066">
        <f>IF(AU72="n/a","n/a",ROUND((AU72*[4]TripRateCalculations!O$4),0))</f>
        <v>0</v>
      </c>
      <c r="AP72" s="1066">
        <f>IF(AV72="n/a","n/a",ROUND((AV72*[4]TripRateCalculations!P$4),0))</f>
        <v>0</v>
      </c>
      <c r="AQ72" s="1066"/>
      <c r="AR72" s="1066">
        <f>IF(AX72="n/a","n/a",ROUND((AX72*[4]TripRateCalculations!R$4),0))</f>
        <v>0</v>
      </c>
      <c r="AS72" s="1066">
        <f>IF(AY72="n/a","n/a",ROUND((AY72*[4]TripRateCalculations!S$4),0))</f>
        <v>0</v>
      </c>
      <c r="AT72" s="1066"/>
      <c r="AU72" s="1066"/>
      <c r="AV72" s="1066"/>
      <c r="AW72" s="1066"/>
      <c r="AX72" s="1068"/>
      <c r="AY72" s="1066"/>
      <c r="AZ72" s="1074"/>
      <c r="BA72" s="1074"/>
      <c r="BB72" s="1074"/>
      <c r="BC72" s="1074"/>
      <c r="BD72" s="1074"/>
      <c r="BE72" s="1074"/>
      <c r="BF72" s="1074"/>
      <c r="BG72" s="1074"/>
      <c r="BH72" s="1074" t="s">
        <v>1620</v>
      </c>
      <c r="BI72" s="1066" t="s">
        <v>722</v>
      </c>
      <c r="BJ72" s="1066" t="s">
        <v>53</v>
      </c>
      <c r="BK72" s="1088">
        <v>37001.25</v>
      </c>
      <c r="BL72" s="1089">
        <v>0</v>
      </c>
      <c r="BM72" s="1090" t="s">
        <v>1500</v>
      </c>
      <c r="BN72" s="1077" t="s">
        <v>1721</v>
      </c>
      <c r="BO72" s="992">
        <v>37001.25</v>
      </c>
      <c r="BP72" s="992"/>
      <c r="BQ72" s="1131" t="e">
        <f t="shared" si="21"/>
        <v>#DIV/0!</v>
      </c>
      <c r="BR72" s="1131" t="e">
        <f t="shared" si="22"/>
        <v>#DIV/0!</v>
      </c>
      <c r="BS72" s="1131" t="e">
        <f t="shared" si="23"/>
        <v>#DIV/0!</v>
      </c>
      <c r="BT72" s="1131" t="e">
        <f t="shared" si="24"/>
        <v>#DIV/0!</v>
      </c>
      <c r="BU72" s="1131" t="e">
        <f t="shared" si="25"/>
        <v>#DIV/0!</v>
      </c>
      <c r="BV72" s="1131" t="e">
        <f t="shared" si="26"/>
        <v>#DIV/0!</v>
      </c>
      <c r="BW72" s="1131" t="e">
        <f t="shared" si="27"/>
        <v>#DIV/0!</v>
      </c>
      <c r="BX72" s="1131" t="e">
        <f t="shared" si="28"/>
        <v>#DIV/0!</v>
      </c>
      <c r="BY72" s="1131" t="e">
        <f t="shared" si="29"/>
        <v>#DIV/0!</v>
      </c>
      <c r="BZ72" s="1131" t="e">
        <f t="shared" si="30"/>
        <v>#DIV/0!</v>
      </c>
      <c r="CA72" s="1131" t="e">
        <f t="shared" si="31"/>
        <v>#DIV/0!</v>
      </c>
      <c r="CB72" s="1131" t="e">
        <f t="shared" si="32"/>
        <v>#DIV/0!</v>
      </c>
      <c r="CC72" s="1131" t="e">
        <f t="shared" si="33"/>
        <v>#DIV/0!</v>
      </c>
      <c r="CD72" s="1131" t="e">
        <f t="shared" si="34"/>
        <v>#DIV/0!</v>
      </c>
      <c r="CE72" s="1131" t="e">
        <f t="shared" si="35"/>
        <v>#DIV/0!</v>
      </c>
      <c r="CF72" s="1131" t="e">
        <f t="shared" si="36"/>
        <v>#DIV/0!</v>
      </c>
      <c r="CG72" s="1131" t="e">
        <f t="shared" si="37"/>
        <v>#DIV/0!</v>
      </c>
      <c r="CH72" s="1131" t="e">
        <f t="shared" si="38"/>
        <v>#DIV/0!</v>
      </c>
      <c r="CI72" s="1131" t="e">
        <f t="shared" si="39"/>
        <v>#DIV/0!</v>
      </c>
      <c r="CJ72" s="1131" t="e">
        <f t="shared" si="40"/>
        <v>#DIV/0!</v>
      </c>
      <c r="CK72" s="1132" t="str">
        <f t="shared" si="41"/>
        <v>n/a</v>
      </c>
    </row>
    <row r="73" spans="1:89" ht="99.75" x14ac:dyDescent="0.2">
      <c r="A73" s="992"/>
      <c r="B73" s="1126" t="s">
        <v>66</v>
      </c>
      <c r="C73" s="1126"/>
      <c r="D73" s="1126"/>
      <c r="E73" s="1126"/>
      <c r="F73" s="1026" t="s">
        <v>1753</v>
      </c>
      <c r="G73" s="1026" t="s">
        <v>993</v>
      </c>
      <c r="H73" s="1026" t="s">
        <v>1754</v>
      </c>
      <c r="I73" s="1026" t="s">
        <v>1755</v>
      </c>
      <c r="J73" s="1026">
        <v>51.745113824046697</v>
      </c>
      <c r="K73" s="1026">
        <v>-0.49116154845086901</v>
      </c>
      <c r="L73" s="1026" t="s">
        <v>1560</v>
      </c>
      <c r="M73" s="1026" t="s">
        <v>1489</v>
      </c>
      <c r="N73" s="1026">
        <v>1</v>
      </c>
      <c r="O73" s="1026" t="s">
        <v>900</v>
      </c>
      <c r="P73" s="1026" t="s">
        <v>1490</v>
      </c>
      <c r="Q73" s="1026" t="s">
        <v>1491</v>
      </c>
      <c r="R73" s="1026" t="s">
        <v>1492</v>
      </c>
      <c r="S73" s="1026" t="s">
        <v>1493</v>
      </c>
      <c r="T73" s="1026" t="s">
        <v>1749</v>
      </c>
      <c r="U73" s="1016" t="str">
        <f>_xlfn.XLOOKUP(F73, [4]GIS!D:D, [4]GIS!E:E, "Not mapped")</f>
        <v>Single - Scenario 3</v>
      </c>
      <c r="V73" s="1017" t="s">
        <v>1495</v>
      </c>
      <c r="W73" s="1058" t="s">
        <v>1691</v>
      </c>
      <c r="X73" s="1059" t="s">
        <v>1692</v>
      </c>
      <c r="Y73" s="1020" t="s">
        <v>1498</v>
      </c>
      <c r="Z73" s="1020" t="s">
        <v>1498</v>
      </c>
      <c r="AA73" s="1020" t="s">
        <v>1498</v>
      </c>
      <c r="AB73" s="1020" t="s">
        <v>1498</v>
      </c>
      <c r="AC73" s="1020" t="s">
        <v>1498</v>
      </c>
      <c r="AD73" s="1020" t="s">
        <v>1498</v>
      </c>
      <c r="AE73" s="1020" t="s">
        <v>1498</v>
      </c>
      <c r="AF73" s="1020" t="s">
        <v>1498</v>
      </c>
      <c r="AG73" s="1020" t="s">
        <v>1498</v>
      </c>
      <c r="AH73" s="1020" t="s">
        <v>1498</v>
      </c>
      <c r="AI73" s="1020" t="s">
        <v>1498</v>
      </c>
      <c r="AJ73" s="1020" t="s">
        <v>1498</v>
      </c>
      <c r="AK73" s="1020" t="str">
        <f>IF(AJ73="n/a","n/a",ROUND((AJ73*[4]TripRateCalculations!$V$6),0))</f>
        <v>n/a</v>
      </c>
      <c r="AL73" s="1020" t="s">
        <v>1498</v>
      </c>
      <c r="AM73" s="1020" t="s">
        <v>1498</v>
      </c>
      <c r="AN73" s="1020" t="str">
        <f>IF(AT73="n/a","n/a",ROUND((AT73*[4]TripRateCalculations!N$4),0))</f>
        <v>n/a</v>
      </c>
      <c r="AO73" s="1020" t="str">
        <f>IF(AU73="n/a","n/a",ROUND((AU73*[4]TripRateCalculations!O$4),0))</f>
        <v>n/a</v>
      </c>
      <c r="AP73" s="1020" t="str">
        <f>IF(AV73="n/a","n/a",ROUND((AV73*[4]TripRateCalculations!P$4),0))</f>
        <v>n/a</v>
      </c>
      <c r="AQ73" s="1020" t="s">
        <v>1498</v>
      </c>
      <c r="AR73" s="1020" t="str">
        <f>IF(AX73="n/a","n/a",ROUND((AX73*[4]TripRateCalculations!R$4),0))</f>
        <v>n/a</v>
      </c>
      <c r="AS73" s="1020" t="str">
        <f>IF(AY73="n/a","n/a",ROUND((AY73*[4]TripRateCalculations!S$4),0))</f>
        <v>n/a</v>
      </c>
      <c r="AT73" s="1020" t="s">
        <v>1498</v>
      </c>
      <c r="AU73" s="1020" t="s">
        <v>1498</v>
      </c>
      <c r="AV73" s="1020" t="s">
        <v>1498</v>
      </c>
      <c r="AW73" s="1020" t="s">
        <v>1498</v>
      </c>
      <c r="AX73" s="1020" t="s">
        <v>1498</v>
      </c>
      <c r="AY73" s="1020" t="s">
        <v>1498</v>
      </c>
      <c r="AZ73" s="1020" t="s">
        <v>1498</v>
      </c>
      <c r="BA73" s="1020" t="s">
        <v>1498</v>
      </c>
      <c r="BB73" s="1020" t="s">
        <v>1498</v>
      </c>
      <c r="BC73" s="1020" t="s">
        <v>1498</v>
      </c>
      <c r="BD73" s="1020" t="s">
        <v>1498</v>
      </c>
      <c r="BE73" s="1020" t="s">
        <v>1498</v>
      </c>
      <c r="BF73" s="1020" t="s">
        <v>1498</v>
      </c>
      <c r="BG73" s="1020" t="s">
        <v>1498</v>
      </c>
      <c r="BH73" s="1027" t="s">
        <v>1620</v>
      </c>
      <c r="BI73" s="1026" t="s">
        <v>722</v>
      </c>
      <c r="BJ73" s="1026" t="s">
        <v>53</v>
      </c>
      <c r="BK73" s="1051">
        <f>ROUND((VLOOKUP(F73,'[4]Cost Summary'!A:H,8,)),0.1)</f>
        <v>199337</v>
      </c>
      <c r="BL73" s="1052">
        <v>0</v>
      </c>
      <c r="BM73" s="1052" t="s">
        <v>1500</v>
      </c>
      <c r="BN73" s="1044" t="s">
        <v>1584</v>
      </c>
      <c r="BO73" s="1130">
        <v>129504.38</v>
      </c>
      <c r="BP73" s="992"/>
      <c r="BQ73" s="1131" t="e">
        <f t="shared" ref="BQ73:BQ136" si="42">Z73/(SUM($Y73:$BG73)-SUM(AH73,AJ73,AT73:AY73,BA73:BG73))</f>
        <v>#VALUE!</v>
      </c>
      <c r="BR73" s="1131" t="e">
        <f t="shared" ref="BR73:BR136" si="43">AA73/(SUM($Y73:$BG73)-SUM(AH73,AJ73,AT73:AY73,BA73:BG73))</f>
        <v>#VALUE!</v>
      </c>
      <c r="BS73" s="1131" t="e">
        <f t="shared" ref="BS73:BS136" si="44">AB73/(SUM($Y73:$BG73)-SUM(AH73,AJ73,AT73:AY73,BA73:BG73))</f>
        <v>#VALUE!</v>
      </c>
      <c r="BT73" s="1131" t="e">
        <f t="shared" ref="BT73:BT136" si="45">AC73/(SUM($Y73:$BG73)-SUM(AH73,AJ73,AT73:AY73,BA73:BG73))</f>
        <v>#VALUE!</v>
      </c>
      <c r="BU73" s="1131" t="e">
        <f t="shared" ref="BU73:BU136" si="46">AD73/(SUM($Y73:$BG73)-SUM(AH73,AJ73,AT73:AY73,BA73:BG73))</f>
        <v>#VALUE!</v>
      </c>
      <c r="BV73" s="1131" t="e">
        <f t="shared" ref="BV73:BV136" si="47">AE73/(SUM($Y73:$BG73)-SUM(AH73,AJ73,AT73:AY73,BA73:BG73))</f>
        <v>#VALUE!</v>
      </c>
      <c r="BW73" s="1131" t="e">
        <f t="shared" ref="BW73:BW136" si="48">AF73/(SUM($Y73:$BG73)-SUM(AH73,AJ73,AT73:AY73,BA73:BG73))</f>
        <v>#VALUE!</v>
      </c>
      <c r="BX73" s="1131" t="e">
        <f t="shared" ref="BX73:BX136" si="49">AG73/(SUM($Y73:$BG73)-SUM(AH73,AJ73,AT73:AY73,BA73:BG73))</f>
        <v>#VALUE!</v>
      </c>
      <c r="BY73" s="1131" t="e">
        <f t="shared" ref="BY73:BY136" si="50">AI73/(SUM($Y73:$BG73)-SUM(AH73,AJ73,AT73:AY73,BA73:BG73))</f>
        <v>#VALUE!</v>
      </c>
      <c r="BZ73" s="1131" t="e">
        <f t="shared" ref="BZ73:BZ136" si="51">AK73/(SUM($Y73:$BG73)-SUM(AH73,AJ73,AT73:AY73,BA73:BG73))</f>
        <v>#VALUE!</v>
      </c>
      <c r="CA73" s="1131" t="e">
        <f t="shared" ref="CA73:CA136" si="52">AL73/(SUM($Y73:$BG73)-SUM(AH73,AJ73,AT73:AY73,BA73:BG73))</f>
        <v>#VALUE!</v>
      </c>
      <c r="CB73" s="1131" t="e">
        <f t="shared" ref="CB73:CB136" si="53">AM73/(SUM($Y73:$BG73)-SUM(AH73,AJ73,AT73:AY73,BA73:BG73))</f>
        <v>#VALUE!</v>
      </c>
      <c r="CC73" s="1131" t="e">
        <f t="shared" ref="CC73:CC136" si="54">AN73/(SUM($Y73:$BG73)-SUM(AH73,AJ73,AT73:AY73,BA73:BG73))</f>
        <v>#VALUE!</v>
      </c>
      <c r="CD73" s="1131" t="e">
        <f t="shared" ref="CD73:CD136" si="55">AO73/(SUM($Y73:$BG73)-SUM(AH73,AJ73,AT73:AY73,BA73:BG73))</f>
        <v>#VALUE!</v>
      </c>
      <c r="CE73" s="1131" t="e">
        <f t="shared" ref="CE73:CE136" si="56">AP73/(SUM($Y73:$BG73)-SUM(AH73,AJ73,AT73:AY73,BA73:BG73))</f>
        <v>#VALUE!</v>
      </c>
      <c r="CF73" s="1131" t="e">
        <f t="shared" ref="CF73:CF136" si="57">AR73/(SUM($Y73:$BG73)-SUM(AH73,AJ73,AT73:AY73,BA73:BG73))</f>
        <v>#VALUE!</v>
      </c>
      <c r="CG73" s="1131" t="e">
        <f t="shared" ref="CG73:CG136" si="58">AS73/(SUM($Y73:$BG73)-SUM(AH73,AJ73,AT73:AY73,BA73:BG73))</f>
        <v>#VALUE!</v>
      </c>
      <c r="CH73" s="1131" t="e">
        <f t="shared" ref="CH73:CH136" si="59">AZ73/(SUM($Y73:$BG73)-SUM(AH73,AJ73,AT73:AY73,BA73:BG73))</f>
        <v>#VALUE!</v>
      </c>
      <c r="CI73" s="1131" t="e">
        <f t="shared" ref="CI73:CI136" si="60">Y73/(SUM($Y73:$BG73)-SUM(AH73,AJ73,AT73:AY73,BA73:BG73))</f>
        <v>#VALUE!</v>
      </c>
      <c r="CJ73" s="1131" t="e">
        <f t="shared" ref="CJ73:CJ136" si="61">AQ73/(SUM($Y73:$BG73)-SUM(AH73,AJ73,AT73:AY73,BA73:BG73))</f>
        <v>#VALUE!</v>
      </c>
      <c r="CK73" s="1132" t="str">
        <f t="shared" ref="CK73:CK136" si="62">IFERROR(SUM(BQ73:CJ73),"n/a")</f>
        <v>n/a</v>
      </c>
    </row>
    <row r="74" spans="1:89" ht="114" x14ac:dyDescent="0.2">
      <c r="A74" s="992"/>
      <c r="B74" s="1126"/>
      <c r="C74" s="1126"/>
      <c r="D74" s="1126"/>
      <c r="E74" s="1126"/>
      <c r="F74" s="1026" t="s">
        <v>1756</v>
      </c>
      <c r="G74" s="1026" t="s">
        <v>995</v>
      </c>
      <c r="H74" s="1026" t="s">
        <v>996</v>
      </c>
      <c r="I74" s="1026" t="s">
        <v>1757</v>
      </c>
      <c r="J74" s="1026">
        <v>51.745847810000001</v>
      </c>
      <c r="K74" s="1026">
        <v>-0.48759787500000001</v>
      </c>
      <c r="L74" s="1026" t="s">
        <v>1560</v>
      </c>
      <c r="M74" s="1026" t="s">
        <v>1489</v>
      </c>
      <c r="N74" s="1026">
        <v>1</v>
      </c>
      <c r="O74" s="1026" t="s">
        <v>932</v>
      </c>
      <c r="P74" s="1026" t="s">
        <v>1490</v>
      </c>
      <c r="Q74" s="1026" t="s">
        <v>1491</v>
      </c>
      <c r="R74" s="1026" t="s">
        <v>1492</v>
      </c>
      <c r="S74" s="1026" t="s">
        <v>1493</v>
      </c>
      <c r="T74" s="1026" t="s">
        <v>1749</v>
      </c>
      <c r="U74" s="1016" t="str">
        <f>_xlfn.XLOOKUP(F74, [4]GIS!D:D, [4]GIS!E:E, "Not mapped")</f>
        <v>Single - Scenario 3</v>
      </c>
      <c r="V74" s="1026" t="s">
        <v>1723</v>
      </c>
      <c r="W74" s="1058" t="s">
        <v>1691</v>
      </c>
      <c r="X74" s="1059" t="s">
        <v>1692</v>
      </c>
      <c r="Y74" s="1020" t="s">
        <v>1498</v>
      </c>
      <c r="Z74" s="1020" t="s">
        <v>1498</v>
      </c>
      <c r="AA74" s="1020" t="s">
        <v>1498</v>
      </c>
      <c r="AB74" s="1020" t="s">
        <v>1498</v>
      </c>
      <c r="AC74" s="1020" t="s">
        <v>1498</v>
      </c>
      <c r="AD74" s="1020" t="s">
        <v>1498</v>
      </c>
      <c r="AE74" s="1020" t="s">
        <v>1498</v>
      </c>
      <c r="AF74" s="1020" t="s">
        <v>1498</v>
      </c>
      <c r="AG74" s="1020" t="s">
        <v>1498</v>
      </c>
      <c r="AH74" s="1020" t="s">
        <v>1498</v>
      </c>
      <c r="AI74" s="1020" t="s">
        <v>1498</v>
      </c>
      <c r="AJ74" s="1020" t="s">
        <v>1498</v>
      </c>
      <c r="AK74" s="1020" t="str">
        <f>IF(AJ74="n/a","n/a",ROUND((AJ74*[4]TripRateCalculations!$V$6),0))</f>
        <v>n/a</v>
      </c>
      <c r="AL74" s="1020" t="s">
        <v>1498</v>
      </c>
      <c r="AM74" s="1020" t="s">
        <v>1498</v>
      </c>
      <c r="AN74" s="1020" t="str">
        <f>IF(AT74="n/a","n/a",ROUND((AT74*[4]TripRateCalculations!N$4),0))</f>
        <v>n/a</v>
      </c>
      <c r="AO74" s="1020" t="str">
        <f>IF(AU74="n/a","n/a",ROUND((AU74*[4]TripRateCalculations!O$4),0))</f>
        <v>n/a</v>
      </c>
      <c r="AP74" s="1020" t="str">
        <f>IF(AV74="n/a","n/a",ROUND((AV74*[4]TripRateCalculations!P$4),0))</f>
        <v>n/a</v>
      </c>
      <c r="AQ74" s="1020" t="s">
        <v>1498</v>
      </c>
      <c r="AR74" s="1020" t="str">
        <f>IF(AX74="n/a","n/a",ROUND((AX74*[4]TripRateCalculations!R$4),0))</f>
        <v>n/a</v>
      </c>
      <c r="AS74" s="1020" t="str">
        <f>IF(AY74="n/a","n/a",ROUND((AY74*[4]TripRateCalculations!S$4),0))</f>
        <v>n/a</v>
      </c>
      <c r="AT74" s="1020" t="s">
        <v>1498</v>
      </c>
      <c r="AU74" s="1020" t="s">
        <v>1498</v>
      </c>
      <c r="AV74" s="1020" t="s">
        <v>1498</v>
      </c>
      <c r="AW74" s="1020" t="s">
        <v>1498</v>
      </c>
      <c r="AX74" s="1020" t="s">
        <v>1498</v>
      </c>
      <c r="AY74" s="1020" t="s">
        <v>1498</v>
      </c>
      <c r="AZ74" s="1020" t="s">
        <v>1498</v>
      </c>
      <c r="BA74" s="1020" t="s">
        <v>1498</v>
      </c>
      <c r="BB74" s="1020" t="s">
        <v>1498</v>
      </c>
      <c r="BC74" s="1020" t="s">
        <v>1498</v>
      </c>
      <c r="BD74" s="1020" t="s">
        <v>1498</v>
      </c>
      <c r="BE74" s="1020" t="s">
        <v>1498</v>
      </c>
      <c r="BF74" s="1020" t="s">
        <v>1498</v>
      </c>
      <c r="BG74" s="1020" t="s">
        <v>1498</v>
      </c>
      <c r="BH74" s="1027" t="s">
        <v>1620</v>
      </c>
      <c r="BI74" s="1026" t="s">
        <v>722</v>
      </c>
      <c r="BJ74" s="1026" t="s">
        <v>53</v>
      </c>
      <c r="BK74" s="1051">
        <f>ROUND((VLOOKUP(F74,'[4]Cost Summary'!A:H,8,)),0.1)</f>
        <v>26051</v>
      </c>
      <c r="BL74" s="1052">
        <v>0</v>
      </c>
      <c r="BM74" s="1052" t="s">
        <v>1500</v>
      </c>
      <c r="BN74" s="1044" t="s">
        <v>1584</v>
      </c>
      <c r="BO74" s="1130">
        <v>16924.57</v>
      </c>
      <c r="BP74" s="992"/>
      <c r="BQ74" s="1131" t="e">
        <f t="shared" si="42"/>
        <v>#VALUE!</v>
      </c>
      <c r="BR74" s="1131" t="e">
        <f t="shared" si="43"/>
        <v>#VALUE!</v>
      </c>
      <c r="BS74" s="1131" t="e">
        <f t="shared" si="44"/>
        <v>#VALUE!</v>
      </c>
      <c r="BT74" s="1131" t="e">
        <f t="shared" si="45"/>
        <v>#VALUE!</v>
      </c>
      <c r="BU74" s="1131" t="e">
        <f t="shared" si="46"/>
        <v>#VALUE!</v>
      </c>
      <c r="BV74" s="1131" t="e">
        <f t="shared" si="47"/>
        <v>#VALUE!</v>
      </c>
      <c r="BW74" s="1131" t="e">
        <f t="shared" si="48"/>
        <v>#VALUE!</v>
      </c>
      <c r="BX74" s="1131" t="e">
        <f t="shared" si="49"/>
        <v>#VALUE!</v>
      </c>
      <c r="BY74" s="1131" t="e">
        <f t="shared" si="50"/>
        <v>#VALUE!</v>
      </c>
      <c r="BZ74" s="1131" t="e">
        <f t="shared" si="51"/>
        <v>#VALUE!</v>
      </c>
      <c r="CA74" s="1131" t="e">
        <f t="shared" si="52"/>
        <v>#VALUE!</v>
      </c>
      <c r="CB74" s="1131" t="e">
        <f t="shared" si="53"/>
        <v>#VALUE!</v>
      </c>
      <c r="CC74" s="1131" t="e">
        <f t="shared" si="54"/>
        <v>#VALUE!</v>
      </c>
      <c r="CD74" s="1131" t="e">
        <f t="shared" si="55"/>
        <v>#VALUE!</v>
      </c>
      <c r="CE74" s="1131" t="e">
        <f t="shared" si="56"/>
        <v>#VALUE!</v>
      </c>
      <c r="CF74" s="1131" t="e">
        <f t="shared" si="57"/>
        <v>#VALUE!</v>
      </c>
      <c r="CG74" s="1131" t="e">
        <f t="shared" si="58"/>
        <v>#VALUE!</v>
      </c>
      <c r="CH74" s="1131" t="e">
        <f t="shared" si="59"/>
        <v>#VALUE!</v>
      </c>
      <c r="CI74" s="1131" t="e">
        <f t="shared" si="60"/>
        <v>#VALUE!</v>
      </c>
      <c r="CJ74" s="1131" t="e">
        <f t="shared" si="61"/>
        <v>#VALUE!</v>
      </c>
      <c r="CK74" s="1132" t="str">
        <f t="shared" si="62"/>
        <v>n/a</v>
      </c>
    </row>
    <row r="75" spans="1:89" ht="57" x14ac:dyDescent="0.2">
      <c r="A75" s="992"/>
      <c r="B75" s="1126"/>
      <c r="C75" s="1126"/>
      <c r="D75" s="1126"/>
      <c r="E75" s="1126"/>
      <c r="F75" s="1026" t="s">
        <v>1758</v>
      </c>
      <c r="G75" s="1026" t="s">
        <v>997</v>
      </c>
      <c r="H75" s="1026" t="s">
        <v>998</v>
      </c>
      <c r="I75" s="1026" t="s">
        <v>1755</v>
      </c>
      <c r="J75" s="1026" t="s">
        <v>1759</v>
      </c>
      <c r="K75" s="1026" t="s">
        <v>1760</v>
      </c>
      <c r="L75" s="1026" t="s">
        <v>1560</v>
      </c>
      <c r="M75" s="1026" t="s">
        <v>1489</v>
      </c>
      <c r="N75" s="1026">
        <v>1</v>
      </c>
      <c r="O75" s="1026" t="s">
        <v>932</v>
      </c>
      <c r="P75" s="1026" t="s">
        <v>1490</v>
      </c>
      <c r="Q75" s="1026" t="s">
        <v>1491</v>
      </c>
      <c r="R75" s="1026" t="s">
        <v>1492</v>
      </c>
      <c r="S75" s="1026" t="s">
        <v>1493</v>
      </c>
      <c r="T75" s="1026" t="s">
        <v>1749</v>
      </c>
      <c r="U75" s="1016" t="str">
        <f>_xlfn.XLOOKUP(F75, [4]GIS!D:D, [4]GIS!E:E, "Not mapped")</f>
        <v>Multiple - Scenario 1</v>
      </c>
      <c r="V75" s="1026" t="s">
        <v>1723</v>
      </c>
      <c r="W75" s="1058" t="s">
        <v>1691</v>
      </c>
      <c r="X75" s="1059" t="s">
        <v>1692</v>
      </c>
      <c r="Y75" s="1020" t="s">
        <v>1498</v>
      </c>
      <c r="Z75" s="1020" t="s">
        <v>1498</v>
      </c>
      <c r="AA75" s="1020" t="s">
        <v>1498</v>
      </c>
      <c r="AB75" s="1020" t="s">
        <v>1498</v>
      </c>
      <c r="AC75" s="1020" t="s">
        <v>1498</v>
      </c>
      <c r="AD75" s="1020" t="s">
        <v>1498</v>
      </c>
      <c r="AE75" s="1020" t="s">
        <v>1498</v>
      </c>
      <c r="AF75" s="1020" t="s">
        <v>1498</v>
      </c>
      <c r="AG75" s="1020" t="s">
        <v>1498</v>
      </c>
      <c r="AH75" s="1020" t="s">
        <v>1498</v>
      </c>
      <c r="AI75" s="1020" t="s">
        <v>1498</v>
      </c>
      <c r="AJ75" s="1020" t="s">
        <v>1498</v>
      </c>
      <c r="AK75" s="1020" t="str">
        <f>IF(AJ75="n/a","n/a",ROUND((AJ75*[4]TripRateCalculations!$V$6),0))</f>
        <v>n/a</v>
      </c>
      <c r="AL75" s="1020" t="s">
        <v>1498</v>
      </c>
      <c r="AM75" s="1020" t="s">
        <v>1498</v>
      </c>
      <c r="AN75" s="1020" t="str">
        <f>IF(AT75="n/a","n/a",ROUND((AT75*[4]TripRateCalculations!N$4),0))</f>
        <v>n/a</v>
      </c>
      <c r="AO75" s="1020" t="str">
        <f>IF(AU75="n/a","n/a",ROUND((AU75*[4]TripRateCalculations!O$4),0))</f>
        <v>n/a</v>
      </c>
      <c r="AP75" s="1020" t="str">
        <f>IF(AV75="n/a","n/a",ROUND((AV75*[4]TripRateCalculations!P$4),0))</f>
        <v>n/a</v>
      </c>
      <c r="AQ75" s="1020" t="s">
        <v>1498</v>
      </c>
      <c r="AR75" s="1020" t="str">
        <f>IF(AX75="n/a","n/a",ROUND((AX75*[4]TripRateCalculations!R$4),0))</f>
        <v>n/a</v>
      </c>
      <c r="AS75" s="1020" t="str">
        <f>IF(AY75="n/a","n/a",ROUND((AY75*[4]TripRateCalculations!S$4),0))</f>
        <v>n/a</v>
      </c>
      <c r="AT75" s="1020" t="s">
        <v>1498</v>
      </c>
      <c r="AU75" s="1020" t="s">
        <v>1498</v>
      </c>
      <c r="AV75" s="1020" t="s">
        <v>1498</v>
      </c>
      <c r="AW75" s="1020" t="s">
        <v>1498</v>
      </c>
      <c r="AX75" s="1020" t="s">
        <v>1498</v>
      </c>
      <c r="AY75" s="1020" t="s">
        <v>1498</v>
      </c>
      <c r="AZ75" s="1020" t="s">
        <v>1498</v>
      </c>
      <c r="BA75" s="1020" t="s">
        <v>1498</v>
      </c>
      <c r="BB75" s="1020" t="s">
        <v>1498</v>
      </c>
      <c r="BC75" s="1020" t="s">
        <v>1498</v>
      </c>
      <c r="BD75" s="1020" t="s">
        <v>1498</v>
      </c>
      <c r="BE75" s="1020" t="s">
        <v>1498</v>
      </c>
      <c r="BF75" s="1020" t="s">
        <v>1498</v>
      </c>
      <c r="BG75" s="1020" t="s">
        <v>1498</v>
      </c>
      <c r="BH75" s="1027" t="s">
        <v>1620</v>
      </c>
      <c r="BI75" s="1026" t="s">
        <v>722</v>
      </c>
      <c r="BJ75" s="1026" t="s">
        <v>53</v>
      </c>
      <c r="BK75" s="1051">
        <f>ROUND((VLOOKUP(F75,'[4]Cost Summary'!A:H,8,)),0.1)</f>
        <v>17402</v>
      </c>
      <c r="BL75" s="1052">
        <v>0</v>
      </c>
      <c r="BM75" s="1052" t="s">
        <v>1500</v>
      </c>
      <c r="BN75" s="1044" t="s">
        <v>1584</v>
      </c>
      <c r="BO75" s="1130">
        <v>11305.94</v>
      </c>
      <c r="BP75" s="992"/>
      <c r="BQ75" s="1131" t="e">
        <f t="shared" si="42"/>
        <v>#VALUE!</v>
      </c>
      <c r="BR75" s="1131" t="e">
        <f t="shared" si="43"/>
        <v>#VALUE!</v>
      </c>
      <c r="BS75" s="1131" t="e">
        <f t="shared" si="44"/>
        <v>#VALUE!</v>
      </c>
      <c r="BT75" s="1131" t="e">
        <f t="shared" si="45"/>
        <v>#VALUE!</v>
      </c>
      <c r="BU75" s="1131" t="e">
        <f t="shared" si="46"/>
        <v>#VALUE!</v>
      </c>
      <c r="BV75" s="1131" t="e">
        <f t="shared" si="47"/>
        <v>#VALUE!</v>
      </c>
      <c r="BW75" s="1131" t="e">
        <f t="shared" si="48"/>
        <v>#VALUE!</v>
      </c>
      <c r="BX75" s="1131" t="e">
        <f t="shared" si="49"/>
        <v>#VALUE!</v>
      </c>
      <c r="BY75" s="1131" t="e">
        <f t="shared" si="50"/>
        <v>#VALUE!</v>
      </c>
      <c r="BZ75" s="1131" t="e">
        <f t="shared" si="51"/>
        <v>#VALUE!</v>
      </c>
      <c r="CA75" s="1131" t="e">
        <f t="shared" si="52"/>
        <v>#VALUE!</v>
      </c>
      <c r="CB75" s="1131" t="e">
        <f t="shared" si="53"/>
        <v>#VALUE!</v>
      </c>
      <c r="CC75" s="1131" t="e">
        <f t="shared" si="54"/>
        <v>#VALUE!</v>
      </c>
      <c r="CD75" s="1131" t="e">
        <f t="shared" si="55"/>
        <v>#VALUE!</v>
      </c>
      <c r="CE75" s="1131" t="e">
        <f t="shared" si="56"/>
        <v>#VALUE!</v>
      </c>
      <c r="CF75" s="1131" t="e">
        <f t="shared" si="57"/>
        <v>#VALUE!</v>
      </c>
      <c r="CG75" s="1131" t="e">
        <f t="shared" si="58"/>
        <v>#VALUE!</v>
      </c>
      <c r="CH75" s="1131" t="e">
        <f t="shared" si="59"/>
        <v>#VALUE!</v>
      </c>
      <c r="CI75" s="1131" t="e">
        <f t="shared" si="60"/>
        <v>#VALUE!</v>
      </c>
      <c r="CJ75" s="1131" t="e">
        <f t="shared" si="61"/>
        <v>#VALUE!</v>
      </c>
      <c r="CK75" s="1132" t="str">
        <f t="shared" si="62"/>
        <v>n/a</v>
      </c>
    </row>
    <row r="76" spans="1:89" ht="75" x14ac:dyDescent="0.2">
      <c r="A76" s="992"/>
      <c r="B76" s="1126" t="s">
        <v>66</v>
      </c>
      <c r="C76" s="1126"/>
      <c r="D76" s="1126"/>
      <c r="E76" s="1126"/>
      <c r="F76" s="1026" t="s">
        <v>1761</v>
      </c>
      <c r="G76" s="1026" t="s">
        <v>999</v>
      </c>
      <c r="H76" s="1026" t="s">
        <v>1000</v>
      </c>
      <c r="I76" s="1026" t="s">
        <v>1762</v>
      </c>
      <c r="J76" s="1026">
        <v>51.746416050000001</v>
      </c>
      <c r="K76" s="1026">
        <v>-0.48691596999999998</v>
      </c>
      <c r="L76" s="1026" t="s">
        <v>1488</v>
      </c>
      <c r="M76" s="1026" t="s">
        <v>1489</v>
      </c>
      <c r="N76" s="1026">
        <v>1</v>
      </c>
      <c r="O76" s="1026" t="s">
        <v>932</v>
      </c>
      <c r="P76" s="1026" t="s">
        <v>1490</v>
      </c>
      <c r="Q76" s="1026" t="s">
        <v>1491</v>
      </c>
      <c r="R76" s="1026" t="s">
        <v>1492</v>
      </c>
      <c r="S76" s="1026" t="s">
        <v>1493</v>
      </c>
      <c r="T76" s="1026" t="s">
        <v>1749</v>
      </c>
      <c r="U76" s="1016" t="str">
        <f>_xlfn.XLOOKUP(F76, [4]GIS!D:D, [4]GIS!E:E, "Not mapped")</f>
        <v>Single - Scenario 3</v>
      </c>
      <c r="V76" s="1017" t="s">
        <v>1495</v>
      </c>
      <c r="W76" s="1018" t="s">
        <v>1496</v>
      </c>
      <c r="X76" s="1019" t="s">
        <v>1497</v>
      </c>
      <c r="Y76" s="1020" t="s">
        <v>1498</v>
      </c>
      <c r="Z76" s="1020" t="s">
        <v>1498</v>
      </c>
      <c r="AA76" s="1020" t="s">
        <v>1498</v>
      </c>
      <c r="AB76" s="1020" t="s">
        <v>1498</v>
      </c>
      <c r="AC76" s="1020" t="s">
        <v>1498</v>
      </c>
      <c r="AD76" s="1020" t="s">
        <v>1498</v>
      </c>
      <c r="AE76" s="1020" t="s">
        <v>1498</v>
      </c>
      <c r="AF76" s="1020" t="s">
        <v>1498</v>
      </c>
      <c r="AG76" s="1020" t="s">
        <v>1498</v>
      </c>
      <c r="AH76" s="1020" t="s">
        <v>1498</v>
      </c>
      <c r="AI76" s="1020" t="s">
        <v>1498</v>
      </c>
      <c r="AJ76" s="1020" t="s">
        <v>1498</v>
      </c>
      <c r="AK76" s="1020" t="str">
        <f>IF(AJ76="n/a","n/a",ROUND((AJ76*[4]TripRateCalculations!$V$6),0))</f>
        <v>n/a</v>
      </c>
      <c r="AL76" s="1020" t="s">
        <v>1498</v>
      </c>
      <c r="AM76" s="1020" t="s">
        <v>1498</v>
      </c>
      <c r="AN76" s="1020" t="str">
        <f>IF(AT76="n/a","n/a",ROUND((AT76*[4]TripRateCalculations!N$4),0))</f>
        <v>n/a</v>
      </c>
      <c r="AO76" s="1020" t="str">
        <f>IF(AU76="n/a","n/a",ROUND((AU76*[4]TripRateCalculations!O$4),0))</f>
        <v>n/a</v>
      </c>
      <c r="AP76" s="1020" t="str">
        <f>IF(AV76="n/a","n/a",ROUND((AV76*[4]TripRateCalculations!P$4),0))</f>
        <v>n/a</v>
      </c>
      <c r="AQ76" s="1020" t="s">
        <v>1498</v>
      </c>
      <c r="AR76" s="1020" t="str">
        <f>IF(AX76="n/a","n/a",ROUND((AX76*[4]TripRateCalculations!R$4),0))</f>
        <v>n/a</v>
      </c>
      <c r="AS76" s="1020" t="str">
        <f>IF(AY76="n/a","n/a",ROUND((AY76*[4]TripRateCalculations!S$4),0))</f>
        <v>n/a</v>
      </c>
      <c r="AT76" s="1020" t="s">
        <v>1498</v>
      </c>
      <c r="AU76" s="1020" t="s">
        <v>1498</v>
      </c>
      <c r="AV76" s="1020" t="s">
        <v>1498</v>
      </c>
      <c r="AW76" s="1020" t="s">
        <v>1498</v>
      </c>
      <c r="AX76" s="1020" t="s">
        <v>1498</v>
      </c>
      <c r="AY76" s="1020" t="s">
        <v>1498</v>
      </c>
      <c r="AZ76" s="1020" t="s">
        <v>1498</v>
      </c>
      <c r="BA76" s="1020" t="s">
        <v>1498</v>
      </c>
      <c r="BB76" s="1020" t="s">
        <v>1498</v>
      </c>
      <c r="BC76" s="1020" t="s">
        <v>1498</v>
      </c>
      <c r="BD76" s="1020" t="s">
        <v>1498</v>
      </c>
      <c r="BE76" s="1020" t="s">
        <v>1498</v>
      </c>
      <c r="BF76" s="1020" t="s">
        <v>1498</v>
      </c>
      <c r="BG76" s="1020" t="s">
        <v>1498</v>
      </c>
      <c r="BH76" s="1027" t="s">
        <v>1620</v>
      </c>
      <c r="BI76" s="1026" t="s">
        <v>722</v>
      </c>
      <c r="BJ76" s="1026" t="s">
        <v>53</v>
      </c>
      <c r="BK76" s="1051">
        <f>ROUND((VLOOKUP(F76,'[4]Cost Summary'!A:H,8,)),0.1)</f>
        <v>598</v>
      </c>
      <c r="BL76" s="1052">
        <v>0</v>
      </c>
      <c r="BM76" s="1052" t="s">
        <v>1500</v>
      </c>
      <c r="BN76" s="1044" t="s">
        <v>1584</v>
      </c>
      <c r="BO76" s="1130">
        <v>388.51</v>
      </c>
      <c r="BP76" s="992"/>
      <c r="BQ76" s="1131" t="e">
        <f t="shared" si="42"/>
        <v>#VALUE!</v>
      </c>
      <c r="BR76" s="1131" t="e">
        <f t="shared" si="43"/>
        <v>#VALUE!</v>
      </c>
      <c r="BS76" s="1131" t="e">
        <f t="shared" si="44"/>
        <v>#VALUE!</v>
      </c>
      <c r="BT76" s="1131" t="e">
        <f t="shared" si="45"/>
        <v>#VALUE!</v>
      </c>
      <c r="BU76" s="1131" t="e">
        <f t="shared" si="46"/>
        <v>#VALUE!</v>
      </c>
      <c r="BV76" s="1131" t="e">
        <f t="shared" si="47"/>
        <v>#VALUE!</v>
      </c>
      <c r="BW76" s="1131" t="e">
        <f t="shared" si="48"/>
        <v>#VALUE!</v>
      </c>
      <c r="BX76" s="1131" t="e">
        <f t="shared" si="49"/>
        <v>#VALUE!</v>
      </c>
      <c r="BY76" s="1131" t="e">
        <f t="shared" si="50"/>
        <v>#VALUE!</v>
      </c>
      <c r="BZ76" s="1131" t="e">
        <f t="shared" si="51"/>
        <v>#VALUE!</v>
      </c>
      <c r="CA76" s="1131" t="e">
        <f t="shared" si="52"/>
        <v>#VALUE!</v>
      </c>
      <c r="CB76" s="1131" t="e">
        <f t="shared" si="53"/>
        <v>#VALUE!</v>
      </c>
      <c r="CC76" s="1131" t="e">
        <f t="shared" si="54"/>
        <v>#VALUE!</v>
      </c>
      <c r="CD76" s="1131" t="e">
        <f t="shared" si="55"/>
        <v>#VALUE!</v>
      </c>
      <c r="CE76" s="1131" t="e">
        <f t="shared" si="56"/>
        <v>#VALUE!</v>
      </c>
      <c r="CF76" s="1131" t="e">
        <f t="shared" si="57"/>
        <v>#VALUE!</v>
      </c>
      <c r="CG76" s="1131" t="e">
        <f t="shared" si="58"/>
        <v>#VALUE!</v>
      </c>
      <c r="CH76" s="1131" t="e">
        <f t="shared" si="59"/>
        <v>#VALUE!</v>
      </c>
      <c r="CI76" s="1131" t="e">
        <f t="shared" si="60"/>
        <v>#VALUE!</v>
      </c>
      <c r="CJ76" s="1131" t="e">
        <f t="shared" si="61"/>
        <v>#VALUE!</v>
      </c>
      <c r="CK76" s="1132" t="str">
        <f t="shared" si="62"/>
        <v>n/a</v>
      </c>
    </row>
    <row r="77" spans="1:89" ht="75" x14ac:dyDescent="0.2">
      <c r="A77" s="992"/>
      <c r="B77" s="1126" t="s">
        <v>66</v>
      </c>
      <c r="C77" s="1126"/>
      <c r="D77" s="1126"/>
      <c r="E77" s="1126"/>
      <c r="F77" s="1026" t="s">
        <v>1763</v>
      </c>
      <c r="G77" s="1026" t="s">
        <v>1001</v>
      </c>
      <c r="H77" s="1026" t="s">
        <v>1002</v>
      </c>
      <c r="I77" s="1026" t="s">
        <v>1762</v>
      </c>
      <c r="J77" s="1026" t="s">
        <v>1764</v>
      </c>
      <c r="K77" s="1026" t="s">
        <v>1765</v>
      </c>
      <c r="L77" s="1026" t="s">
        <v>1560</v>
      </c>
      <c r="M77" s="1026" t="s">
        <v>1489</v>
      </c>
      <c r="N77" s="1026">
        <v>1</v>
      </c>
      <c r="O77" s="1026" t="s">
        <v>932</v>
      </c>
      <c r="P77" s="1026" t="s">
        <v>1490</v>
      </c>
      <c r="Q77" s="1026" t="s">
        <v>1491</v>
      </c>
      <c r="R77" s="1026" t="s">
        <v>1492</v>
      </c>
      <c r="S77" s="1026" t="s">
        <v>1493</v>
      </c>
      <c r="T77" s="1026" t="s">
        <v>1766</v>
      </c>
      <c r="U77" s="1016" t="str">
        <f>_xlfn.XLOOKUP(F77, [4]GIS!D:D, [4]GIS!E:E, "Not mapped")</f>
        <v>Multiple - Scenario 1</v>
      </c>
      <c r="V77" s="1017" t="s">
        <v>1495</v>
      </c>
      <c r="W77" s="1058" t="s">
        <v>1691</v>
      </c>
      <c r="X77" s="1059" t="s">
        <v>1692</v>
      </c>
      <c r="Y77" s="1020" t="s">
        <v>1498</v>
      </c>
      <c r="Z77" s="1020" t="s">
        <v>1498</v>
      </c>
      <c r="AA77" s="1020" t="s">
        <v>1498</v>
      </c>
      <c r="AB77" s="1020" t="s">
        <v>1498</v>
      </c>
      <c r="AC77" s="1020" t="s">
        <v>1498</v>
      </c>
      <c r="AD77" s="1020" t="s">
        <v>1498</v>
      </c>
      <c r="AE77" s="1020" t="s">
        <v>1498</v>
      </c>
      <c r="AF77" s="1020" t="s">
        <v>1498</v>
      </c>
      <c r="AG77" s="1020" t="s">
        <v>1498</v>
      </c>
      <c r="AH77" s="1020" t="s">
        <v>1498</v>
      </c>
      <c r="AI77" s="1020" t="s">
        <v>1498</v>
      </c>
      <c r="AJ77" s="1020" t="s">
        <v>1498</v>
      </c>
      <c r="AK77" s="1020" t="str">
        <f>IF(AJ77="n/a","n/a",ROUND((AJ77*[4]TripRateCalculations!$V$6),0))</f>
        <v>n/a</v>
      </c>
      <c r="AL77" s="1020" t="s">
        <v>1498</v>
      </c>
      <c r="AM77" s="1020" t="s">
        <v>1498</v>
      </c>
      <c r="AN77" s="1020" t="str">
        <f>IF(AT77="n/a","n/a",ROUND((AT77*[4]TripRateCalculations!N$4),0))</f>
        <v>n/a</v>
      </c>
      <c r="AO77" s="1020" t="str">
        <f>IF(AU77="n/a","n/a",ROUND((AU77*[4]TripRateCalculations!O$4),0))</f>
        <v>n/a</v>
      </c>
      <c r="AP77" s="1020" t="str">
        <f>IF(AV77="n/a","n/a",ROUND((AV77*[4]TripRateCalculations!P$4),0))</f>
        <v>n/a</v>
      </c>
      <c r="AQ77" s="1020" t="s">
        <v>1498</v>
      </c>
      <c r="AR77" s="1020" t="str">
        <f>IF(AX77="n/a","n/a",ROUND((AX77*[4]TripRateCalculations!R$4),0))</f>
        <v>n/a</v>
      </c>
      <c r="AS77" s="1020" t="str">
        <f>IF(AY77="n/a","n/a",ROUND((AY77*[4]TripRateCalculations!S$4),0))</f>
        <v>n/a</v>
      </c>
      <c r="AT77" s="1020" t="s">
        <v>1498</v>
      </c>
      <c r="AU77" s="1020" t="s">
        <v>1498</v>
      </c>
      <c r="AV77" s="1020" t="s">
        <v>1498</v>
      </c>
      <c r="AW77" s="1020" t="s">
        <v>1498</v>
      </c>
      <c r="AX77" s="1020" t="s">
        <v>1498</v>
      </c>
      <c r="AY77" s="1020" t="s">
        <v>1498</v>
      </c>
      <c r="AZ77" s="1020" t="s">
        <v>1498</v>
      </c>
      <c r="BA77" s="1020" t="s">
        <v>1498</v>
      </c>
      <c r="BB77" s="1020" t="s">
        <v>1498</v>
      </c>
      <c r="BC77" s="1020" t="s">
        <v>1498</v>
      </c>
      <c r="BD77" s="1020" t="s">
        <v>1498</v>
      </c>
      <c r="BE77" s="1020" t="s">
        <v>1498</v>
      </c>
      <c r="BF77" s="1020" t="s">
        <v>1498</v>
      </c>
      <c r="BG77" s="1020" t="s">
        <v>1498</v>
      </c>
      <c r="BH77" s="1027" t="s">
        <v>1767</v>
      </c>
      <c r="BI77" s="1026" t="s">
        <v>722</v>
      </c>
      <c r="BJ77" s="1026" t="s">
        <v>53</v>
      </c>
      <c r="BK77" s="1051">
        <f>ROUND((VLOOKUP(F77,'[4]Cost Summary'!A:H,8,)),0.1)</f>
        <v>8814</v>
      </c>
      <c r="BL77" s="1052">
        <v>0</v>
      </c>
      <c r="BM77" s="1052" t="s">
        <v>1500</v>
      </c>
      <c r="BN77" s="1044" t="s">
        <v>1584</v>
      </c>
      <c r="BO77" s="1130">
        <v>5726.41</v>
      </c>
      <c r="BP77" s="992"/>
      <c r="BQ77" s="1131" t="e">
        <f t="shared" si="42"/>
        <v>#VALUE!</v>
      </c>
      <c r="BR77" s="1131" t="e">
        <f t="shared" si="43"/>
        <v>#VALUE!</v>
      </c>
      <c r="BS77" s="1131" t="e">
        <f t="shared" si="44"/>
        <v>#VALUE!</v>
      </c>
      <c r="BT77" s="1131" t="e">
        <f t="shared" si="45"/>
        <v>#VALUE!</v>
      </c>
      <c r="BU77" s="1131" t="e">
        <f t="shared" si="46"/>
        <v>#VALUE!</v>
      </c>
      <c r="BV77" s="1131" t="e">
        <f t="shared" si="47"/>
        <v>#VALUE!</v>
      </c>
      <c r="BW77" s="1131" t="e">
        <f t="shared" si="48"/>
        <v>#VALUE!</v>
      </c>
      <c r="BX77" s="1131" t="e">
        <f t="shared" si="49"/>
        <v>#VALUE!</v>
      </c>
      <c r="BY77" s="1131" t="e">
        <f t="shared" si="50"/>
        <v>#VALUE!</v>
      </c>
      <c r="BZ77" s="1131" t="e">
        <f t="shared" si="51"/>
        <v>#VALUE!</v>
      </c>
      <c r="CA77" s="1131" t="e">
        <f t="shared" si="52"/>
        <v>#VALUE!</v>
      </c>
      <c r="CB77" s="1131" t="e">
        <f t="shared" si="53"/>
        <v>#VALUE!</v>
      </c>
      <c r="CC77" s="1131" t="e">
        <f t="shared" si="54"/>
        <v>#VALUE!</v>
      </c>
      <c r="CD77" s="1131" t="e">
        <f t="shared" si="55"/>
        <v>#VALUE!</v>
      </c>
      <c r="CE77" s="1131" t="e">
        <f t="shared" si="56"/>
        <v>#VALUE!</v>
      </c>
      <c r="CF77" s="1131" t="e">
        <f t="shared" si="57"/>
        <v>#VALUE!</v>
      </c>
      <c r="CG77" s="1131" t="e">
        <f t="shared" si="58"/>
        <v>#VALUE!</v>
      </c>
      <c r="CH77" s="1131" t="e">
        <f t="shared" si="59"/>
        <v>#VALUE!</v>
      </c>
      <c r="CI77" s="1131" t="e">
        <f t="shared" si="60"/>
        <v>#VALUE!</v>
      </c>
      <c r="CJ77" s="1131" t="e">
        <f t="shared" si="61"/>
        <v>#VALUE!</v>
      </c>
      <c r="CK77" s="1132" t="str">
        <f t="shared" si="62"/>
        <v>n/a</v>
      </c>
    </row>
    <row r="78" spans="1:89" ht="75" x14ac:dyDescent="0.2">
      <c r="A78" s="992"/>
      <c r="B78" s="1126" t="s">
        <v>66</v>
      </c>
      <c r="C78" s="1126"/>
      <c r="D78" s="1126"/>
      <c r="E78" s="1126"/>
      <c r="F78" s="1026" t="s">
        <v>1768</v>
      </c>
      <c r="G78" s="1026" t="s">
        <v>1003</v>
      </c>
      <c r="H78" s="1026" t="s">
        <v>1004</v>
      </c>
      <c r="I78" s="1026" t="s">
        <v>1487</v>
      </c>
      <c r="J78" s="1026" t="s">
        <v>1769</v>
      </c>
      <c r="K78" s="1026" t="s">
        <v>1770</v>
      </c>
      <c r="L78" s="1026" t="s">
        <v>1488</v>
      </c>
      <c r="M78" s="1026" t="s">
        <v>1489</v>
      </c>
      <c r="N78" s="1026">
        <v>1</v>
      </c>
      <c r="O78" s="1026" t="s">
        <v>932</v>
      </c>
      <c r="P78" s="1026" t="s">
        <v>1490</v>
      </c>
      <c r="Q78" s="1026" t="s">
        <v>1491</v>
      </c>
      <c r="R78" s="1026" t="s">
        <v>1492</v>
      </c>
      <c r="S78" s="1026" t="s">
        <v>1493</v>
      </c>
      <c r="T78" s="1026" t="s">
        <v>1766</v>
      </c>
      <c r="U78" s="1016" t="str">
        <f>_xlfn.XLOOKUP(F78, [4]GIS!D:D, [4]GIS!E:E, "Not mapped")</f>
        <v>Single - Scenario 3</v>
      </c>
      <c r="V78" s="1017" t="s">
        <v>1495</v>
      </c>
      <c r="W78" s="1018" t="s">
        <v>1496</v>
      </c>
      <c r="X78" s="1019" t="s">
        <v>1497</v>
      </c>
      <c r="Y78" s="1020" t="s">
        <v>1498</v>
      </c>
      <c r="Z78" s="1020" t="s">
        <v>1498</v>
      </c>
      <c r="AA78" s="1020" t="s">
        <v>1498</v>
      </c>
      <c r="AB78" s="1020" t="s">
        <v>1498</v>
      </c>
      <c r="AC78" s="1020" t="s">
        <v>1498</v>
      </c>
      <c r="AD78" s="1020" t="s">
        <v>1498</v>
      </c>
      <c r="AE78" s="1020" t="s">
        <v>1498</v>
      </c>
      <c r="AF78" s="1020" t="s">
        <v>1498</v>
      </c>
      <c r="AG78" s="1020" t="s">
        <v>1498</v>
      </c>
      <c r="AH78" s="1020" t="s">
        <v>1498</v>
      </c>
      <c r="AI78" s="1020" t="s">
        <v>1498</v>
      </c>
      <c r="AJ78" s="1020" t="s">
        <v>1498</v>
      </c>
      <c r="AK78" s="1020" t="str">
        <f>IF(AJ78="n/a","n/a",ROUND((AJ78*[4]TripRateCalculations!$V$6),0))</f>
        <v>n/a</v>
      </c>
      <c r="AL78" s="1020" t="s">
        <v>1498</v>
      </c>
      <c r="AM78" s="1020" t="s">
        <v>1498</v>
      </c>
      <c r="AN78" s="1020" t="str">
        <f>IF(AT78="n/a","n/a",ROUND((AT78*[4]TripRateCalculations!N$4),0))</f>
        <v>n/a</v>
      </c>
      <c r="AO78" s="1020" t="str">
        <f>IF(AU78="n/a","n/a",ROUND((AU78*[4]TripRateCalculations!O$4),0))</f>
        <v>n/a</v>
      </c>
      <c r="AP78" s="1020" t="str">
        <f>IF(AV78="n/a","n/a",ROUND((AV78*[4]TripRateCalculations!P$4),0))</f>
        <v>n/a</v>
      </c>
      <c r="AQ78" s="1020" t="s">
        <v>1498</v>
      </c>
      <c r="AR78" s="1020" t="str">
        <f>IF(AX78="n/a","n/a",ROUND((AX78*[4]TripRateCalculations!R$4),0))</f>
        <v>n/a</v>
      </c>
      <c r="AS78" s="1020" t="str">
        <f>IF(AY78="n/a","n/a",ROUND((AY78*[4]TripRateCalculations!S$4),0))</f>
        <v>n/a</v>
      </c>
      <c r="AT78" s="1020" t="s">
        <v>1498</v>
      </c>
      <c r="AU78" s="1020" t="s">
        <v>1498</v>
      </c>
      <c r="AV78" s="1020" t="s">
        <v>1498</v>
      </c>
      <c r="AW78" s="1020" t="s">
        <v>1498</v>
      </c>
      <c r="AX78" s="1020" t="s">
        <v>1498</v>
      </c>
      <c r="AY78" s="1020" t="s">
        <v>1498</v>
      </c>
      <c r="AZ78" s="1020" t="s">
        <v>1498</v>
      </c>
      <c r="BA78" s="1020" t="s">
        <v>1498</v>
      </c>
      <c r="BB78" s="1020" t="s">
        <v>1498</v>
      </c>
      <c r="BC78" s="1020" t="s">
        <v>1498</v>
      </c>
      <c r="BD78" s="1020" t="s">
        <v>1498</v>
      </c>
      <c r="BE78" s="1020" t="s">
        <v>1498</v>
      </c>
      <c r="BF78" s="1020" t="s">
        <v>1498</v>
      </c>
      <c r="BG78" s="1020" t="s">
        <v>1498</v>
      </c>
      <c r="BH78" s="1027" t="s">
        <v>1767</v>
      </c>
      <c r="BI78" s="1026" t="s">
        <v>722</v>
      </c>
      <c r="BJ78" s="1026" t="s">
        <v>53</v>
      </c>
      <c r="BK78" s="1051">
        <f>ROUND((VLOOKUP(F78,'[4]Cost Summary'!A:H,8,)),0.1)</f>
        <v>16560</v>
      </c>
      <c r="BL78" s="1052">
        <v>0</v>
      </c>
      <c r="BM78" s="1052" t="s">
        <v>1500</v>
      </c>
      <c r="BN78" s="1044" t="s">
        <v>1584</v>
      </c>
      <c r="BO78" s="1130">
        <v>10758.58</v>
      </c>
      <c r="BP78" s="992"/>
      <c r="BQ78" s="1131" t="e">
        <f t="shared" si="42"/>
        <v>#VALUE!</v>
      </c>
      <c r="BR78" s="1131" t="e">
        <f t="shared" si="43"/>
        <v>#VALUE!</v>
      </c>
      <c r="BS78" s="1131" t="e">
        <f t="shared" si="44"/>
        <v>#VALUE!</v>
      </c>
      <c r="BT78" s="1131" t="e">
        <f t="shared" si="45"/>
        <v>#VALUE!</v>
      </c>
      <c r="BU78" s="1131" t="e">
        <f t="shared" si="46"/>
        <v>#VALUE!</v>
      </c>
      <c r="BV78" s="1131" t="e">
        <f t="shared" si="47"/>
        <v>#VALUE!</v>
      </c>
      <c r="BW78" s="1131" t="e">
        <f t="shared" si="48"/>
        <v>#VALUE!</v>
      </c>
      <c r="BX78" s="1131" t="e">
        <f t="shared" si="49"/>
        <v>#VALUE!</v>
      </c>
      <c r="BY78" s="1131" t="e">
        <f t="shared" si="50"/>
        <v>#VALUE!</v>
      </c>
      <c r="BZ78" s="1131" t="e">
        <f t="shared" si="51"/>
        <v>#VALUE!</v>
      </c>
      <c r="CA78" s="1131" t="e">
        <f t="shared" si="52"/>
        <v>#VALUE!</v>
      </c>
      <c r="CB78" s="1131" t="e">
        <f t="shared" si="53"/>
        <v>#VALUE!</v>
      </c>
      <c r="CC78" s="1131" t="e">
        <f t="shared" si="54"/>
        <v>#VALUE!</v>
      </c>
      <c r="CD78" s="1131" t="e">
        <f t="shared" si="55"/>
        <v>#VALUE!</v>
      </c>
      <c r="CE78" s="1131" t="e">
        <f t="shared" si="56"/>
        <v>#VALUE!</v>
      </c>
      <c r="CF78" s="1131" t="e">
        <f t="shared" si="57"/>
        <v>#VALUE!</v>
      </c>
      <c r="CG78" s="1131" t="e">
        <f t="shared" si="58"/>
        <v>#VALUE!</v>
      </c>
      <c r="CH78" s="1131" t="e">
        <f t="shared" si="59"/>
        <v>#VALUE!</v>
      </c>
      <c r="CI78" s="1131" t="e">
        <f t="shared" si="60"/>
        <v>#VALUE!</v>
      </c>
      <c r="CJ78" s="1131" t="e">
        <f t="shared" si="61"/>
        <v>#VALUE!</v>
      </c>
      <c r="CK78" s="1132" t="str">
        <f t="shared" si="62"/>
        <v>n/a</v>
      </c>
    </row>
    <row r="79" spans="1:89" ht="90" x14ac:dyDescent="0.2">
      <c r="A79" s="992"/>
      <c r="B79" s="1126" t="s">
        <v>66</v>
      </c>
      <c r="C79" s="1126"/>
      <c r="D79" s="1126" t="s">
        <v>66</v>
      </c>
      <c r="E79" s="1126"/>
      <c r="F79" s="1066" t="s">
        <v>1771</v>
      </c>
      <c r="G79" s="1066" t="s">
        <v>1005</v>
      </c>
      <c r="H79" s="1066" t="s">
        <v>1772</v>
      </c>
      <c r="I79" s="1066" t="s">
        <v>1757</v>
      </c>
      <c r="J79" s="1066" t="s">
        <v>1773</v>
      </c>
      <c r="K79" s="1066" t="s">
        <v>1773</v>
      </c>
      <c r="L79" s="1066" t="s">
        <v>1560</v>
      </c>
      <c r="M79" s="1066" t="s">
        <v>1489</v>
      </c>
      <c r="N79" s="1066"/>
      <c r="O79" s="1066" t="s">
        <v>900</v>
      </c>
      <c r="P79" s="1066" t="s">
        <v>1490</v>
      </c>
      <c r="Q79" s="1066" t="s">
        <v>1491</v>
      </c>
      <c r="R79" s="1066" t="s">
        <v>1492</v>
      </c>
      <c r="S79" s="1066" t="s">
        <v>1493</v>
      </c>
      <c r="T79" s="1066" t="s">
        <v>1766</v>
      </c>
      <c r="U79" s="1067" t="str">
        <f>_xlfn.XLOOKUP(F79, [4]GIS!D:D, [4]GIS!E:E, "Not mapped")</f>
        <v>Multiple - Scenario 2</v>
      </c>
      <c r="V79" s="1066" t="s">
        <v>1723</v>
      </c>
      <c r="W79" s="1068"/>
      <c r="X79" s="1069" t="s">
        <v>1719</v>
      </c>
      <c r="Y79" s="1066"/>
      <c r="Z79" s="1066"/>
      <c r="AA79" s="1066"/>
      <c r="AB79" s="1066"/>
      <c r="AC79" s="1066"/>
      <c r="AD79" s="1066"/>
      <c r="AE79" s="1066"/>
      <c r="AF79" s="1066"/>
      <c r="AG79" s="1068"/>
      <c r="AH79" s="1091"/>
      <c r="AI79" s="1071"/>
      <c r="AJ79" s="1071"/>
      <c r="AK79" s="1071">
        <f>IF(AJ79="n/a","n/a",ROUND((AJ79*[4]TripRateCalculations!$V$6),0))</f>
        <v>0</v>
      </c>
      <c r="AL79" s="1071"/>
      <c r="AM79" s="1071"/>
      <c r="AN79" s="1071">
        <f>IF(AT79="n/a","n/a",ROUND((AT79*[4]TripRateCalculations!N$4),0))</f>
        <v>0</v>
      </c>
      <c r="AO79" s="1071">
        <f>IF(AU79="n/a","n/a",ROUND((AU79*[4]TripRateCalculations!O$4),0))</f>
        <v>0</v>
      </c>
      <c r="AP79" s="1071">
        <f>IF(AV79="n/a","n/a",ROUND((AV79*[4]TripRateCalculations!P$4),0))</f>
        <v>0</v>
      </c>
      <c r="AQ79" s="1071"/>
      <c r="AR79" s="1071">
        <f>IF(AX79="n/a","n/a",ROUND((AX79*[4]TripRateCalculations!R$4),0))</f>
        <v>0</v>
      </c>
      <c r="AS79" s="1071">
        <f>IF(AY79="n/a","n/a",ROUND((AY79*[4]TripRateCalculations!S$4),0))</f>
        <v>0</v>
      </c>
      <c r="AT79" s="1071"/>
      <c r="AU79" s="1071"/>
      <c r="AV79" s="1071"/>
      <c r="AW79" s="1071"/>
      <c r="AX79" s="1072"/>
      <c r="AY79" s="1071"/>
      <c r="AZ79" s="1073"/>
      <c r="BA79" s="1073"/>
      <c r="BB79" s="1073"/>
      <c r="BC79" s="1073"/>
      <c r="BD79" s="1073"/>
      <c r="BE79" s="1073"/>
      <c r="BF79" s="1073"/>
      <c r="BG79" s="1073"/>
      <c r="BH79" s="1074" t="s">
        <v>1767</v>
      </c>
      <c r="BI79" s="1066" t="s">
        <v>722</v>
      </c>
      <c r="BJ79" s="1066" t="s">
        <v>53</v>
      </c>
      <c r="BK79" s="1088">
        <v>24667.5</v>
      </c>
      <c r="BL79" s="1089">
        <v>0</v>
      </c>
      <c r="BM79" s="1090" t="s">
        <v>1500</v>
      </c>
      <c r="BN79" s="1077" t="s">
        <v>1721</v>
      </c>
      <c r="BO79" s="992">
        <v>24667.5</v>
      </c>
      <c r="BP79" s="992"/>
      <c r="BQ79" s="1131" t="e">
        <f t="shared" si="42"/>
        <v>#DIV/0!</v>
      </c>
      <c r="BR79" s="1131" t="e">
        <f t="shared" si="43"/>
        <v>#DIV/0!</v>
      </c>
      <c r="BS79" s="1131" t="e">
        <f t="shared" si="44"/>
        <v>#DIV/0!</v>
      </c>
      <c r="BT79" s="1131" t="e">
        <f t="shared" si="45"/>
        <v>#DIV/0!</v>
      </c>
      <c r="BU79" s="1131" t="e">
        <f t="shared" si="46"/>
        <v>#DIV/0!</v>
      </c>
      <c r="BV79" s="1131" t="e">
        <f t="shared" si="47"/>
        <v>#DIV/0!</v>
      </c>
      <c r="BW79" s="1131" t="e">
        <f t="shared" si="48"/>
        <v>#DIV/0!</v>
      </c>
      <c r="BX79" s="1131" t="e">
        <f t="shared" si="49"/>
        <v>#DIV/0!</v>
      </c>
      <c r="BY79" s="1131" t="e">
        <f t="shared" si="50"/>
        <v>#DIV/0!</v>
      </c>
      <c r="BZ79" s="1131" t="e">
        <f t="shared" si="51"/>
        <v>#DIV/0!</v>
      </c>
      <c r="CA79" s="1131" t="e">
        <f t="shared" si="52"/>
        <v>#DIV/0!</v>
      </c>
      <c r="CB79" s="1131" t="e">
        <f t="shared" si="53"/>
        <v>#DIV/0!</v>
      </c>
      <c r="CC79" s="1131" t="e">
        <f t="shared" si="54"/>
        <v>#DIV/0!</v>
      </c>
      <c r="CD79" s="1131" t="e">
        <f t="shared" si="55"/>
        <v>#DIV/0!</v>
      </c>
      <c r="CE79" s="1131" t="e">
        <f t="shared" si="56"/>
        <v>#DIV/0!</v>
      </c>
      <c r="CF79" s="1131" t="e">
        <f t="shared" si="57"/>
        <v>#DIV/0!</v>
      </c>
      <c r="CG79" s="1131" t="e">
        <f t="shared" si="58"/>
        <v>#DIV/0!</v>
      </c>
      <c r="CH79" s="1131" t="e">
        <f t="shared" si="59"/>
        <v>#DIV/0!</v>
      </c>
      <c r="CI79" s="1131" t="e">
        <f t="shared" si="60"/>
        <v>#DIV/0!</v>
      </c>
      <c r="CJ79" s="1131" t="e">
        <f t="shared" si="61"/>
        <v>#DIV/0!</v>
      </c>
      <c r="CK79" s="1132" t="str">
        <f t="shared" si="62"/>
        <v>n/a</v>
      </c>
    </row>
    <row r="80" spans="1:89" ht="42.75" x14ac:dyDescent="0.2">
      <c r="A80" s="992"/>
      <c r="B80" s="1126"/>
      <c r="C80" s="1126"/>
      <c r="D80" s="1126"/>
      <c r="E80" s="1126"/>
      <c r="F80" s="1026" t="s">
        <v>1774</v>
      </c>
      <c r="G80" s="1026" t="s">
        <v>1007</v>
      </c>
      <c r="H80" s="1026" t="s">
        <v>1008</v>
      </c>
      <c r="I80" s="1026" t="s">
        <v>1487</v>
      </c>
      <c r="J80" s="1026">
        <v>51.747368000000002</v>
      </c>
      <c r="K80" s="1026">
        <v>-0.48732199999999998</v>
      </c>
      <c r="L80" s="1026" t="s">
        <v>1560</v>
      </c>
      <c r="M80" s="1026" t="s">
        <v>1489</v>
      </c>
      <c r="N80" s="1026">
        <v>1</v>
      </c>
      <c r="O80" s="1026" t="s">
        <v>900</v>
      </c>
      <c r="P80" s="1026" t="s">
        <v>1490</v>
      </c>
      <c r="Q80" s="1026" t="s">
        <v>1491</v>
      </c>
      <c r="R80" s="1026" t="s">
        <v>1492</v>
      </c>
      <c r="S80" s="1026" t="s">
        <v>1493</v>
      </c>
      <c r="T80" s="1026" t="s">
        <v>1766</v>
      </c>
      <c r="U80" s="1016" t="str">
        <f>_xlfn.XLOOKUP(F80, [4]GIS!D:D, [4]GIS!E:E, "Not mapped")</f>
        <v>Multiple - Scenario 1</v>
      </c>
      <c r="V80" s="1026" t="s">
        <v>1723</v>
      </c>
      <c r="W80" s="1058" t="s">
        <v>1691</v>
      </c>
      <c r="X80" s="1059" t="s">
        <v>1692</v>
      </c>
      <c r="Y80" s="1020" t="s">
        <v>1498</v>
      </c>
      <c r="Z80" s="1020" t="s">
        <v>1498</v>
      </c>
      <c r="AA80" s="1020" t="s">
        <v>1498</v>
      </c>
      <c r="AB80" s="1020" t="s">
        <v>1498</v>
      </c>
      <c r="AC80" s="1020" t="s">
        <v>1498</v>
      </c>
      <c r="AD80" s="1020" t="s">
        <v>1498</v>
      </c>
      <c r="AE80" s="1020" t="s">
        <v>1498</v>
      </c>
      <c r="AF80" s="1020" t="s">
        <v>1498</v>
      </c>
      <c r="AG80" s="1020" t="s">
        <v>1498</v>
      </c>
      <c r="AH80" s="1020" t="s">
        <v>1498</v>
      </c>
      <c r="AI80" s="1020" t="s">
        <v>1498</v>
      </c>
      <c r="AJ80" s="1020" t="s">
        <v>1498</v>
      </c>
      <c r="AK80" s="1020" t="str">
        <f>IF(AJ80="n/a","n/a",ROUND((AJ80*[4]TripRateCalculations!$V$6),0))</f>
        <v>n/a</v>
      </c>
      <c r="AL80" s="1020" t="s">
        <v>1498</v>
      </c>
      <c r="AM80" s="1020" t="s">
        <v>1498</v>
      </c>
      <c r="AN80" s="1020" t="str">
        <f>IF(AT80="n/a","n/a",ROUND((AT80*[4]TripRateCalculations!N$4),0))</f>
        <v>n/a</v>
      </c>
      <c r="AO80" s="1020" t="str">
        <f>IF(AU80="n/a","n/a",ROUND((AU80*[4]TripRateCalculations!O$4),0))</f>
        <v>n/a</v>
      </c>
      <c r="AP80" s="1020" t="str">
        <f>IF(AV80="n/a","n/a",ROUND((AV80*[4]TripRateCalculations!P$4),0))</f>
        <v>n/a</v>
      </c>
      <c r="AQ80" s="1020" t="s">
        <v>1498</v>
      </c>
      <c r="AR80" s="1020" t="str">
        <f>IF(AX80="n/a","n/a",ROUND((AX80*[4]TripRateCalculations!R$4),0))</f>
        <v>n/a</v>
      </c>
      <c r="AS80" s="1020" t="str">
        <f>IF(AY80="n/a","n/a",ROUND((AY80*[4]TripRateCalculations!S$4),0))</f>
        <v>n/a</v>
      </c>
      <c r="AT80" s="1020" t="s">
        <v>1498</v>
      </c>
      <c r="AU80" s="1020" t="s">
        <v>1498</v>
      </c>
      <c r="AV80" s="1020" t="s">
        <v>1498</v>
      </c>
      <c r="AW80" s="1020" t="s">
        <v>1498</v>
      </c>
      <c r="AX80" s="1020" t="s">
        <v>1498</v>
      </c>
      <c r="AY80" s="1020" t="s">
        <v>1498</v>
      </c>
      <c r="AZ80" s="1020" t="s">
        <v>1498</v>
      </c>
      <c r="BA80" s="1020" t="s">
        <v>1498</v>
      </c>
      <c r="BB80" s="1020" t="s">
        <v>1498</v>
      </c>
      <c r="BC80" s="1020" t="s">
        <v>1498</v>
      </c>
      <c r="BD80" s="1020" t="s">
        <v>1498</v>
      </c>
      <c r="BE80" s="1020" t="s">
        <v>1498</v>
      </c>
      <c r="BF80" s="1020" t="s">
        <v>1498</v>
      </c>
      <c r="BG80" s="1020" t="s">
        <v>1498</v>
      </c>
      <c r="BH80" s="1027" t="s">
        <v>1767</v>
      </c>
      <c r="BI80" s="1026" t="s">
        <v>722</v>
      </c>
      <c r="BJ80" s="1026" t="s">
        <v>53</v>
      </c>
      <c r="BK80" s="1042">
        <f>ROUND((VLOOKUP(F80,'[4]Cost Summary'!A:H,8,)),0.1)</f>
        <v>158204</v>
      </c>
      <c r="BL80" s="1026">
        <v>0</v>
      </c>
      <c r="BM80" s="1078" t="s">
        <v>1500</v>
      </c>
      <c r="BN80" s="1044" t="s">
        <v>1584</v>
      </c>
      <c r="BO80" s="1130">
        <v>102781.25</v>
      </c>
      <c r="BP80" s="992"/>
      <c r="BQ80" s="1131" t="e">
        <f t="shared" si="42"/>
        <v>#VALUE!</v>
      </c>
      <c r="BR80" s="1131" t="e">
        <f t="shared" si="43"/>
        <v>#VALUE!</v>
      </c>
      <c r="BS80" s="1131" t="e">
        <f t="shared" si="44"/>
        <v>#VALUE!</v>
      </c>
      <c r="BT80" s="1131" t="e">
        <f t="shared" si="45"/>
        <v>#VALUE!</v>
      </c>
      <c r="BU80" s="1131" t="e">
        <f t="shared" si="46"/>
        <v>#VALUE!</v>
      </c>
      <c r="BV80" s="1131" t="e">
        <f t="shared" si="47"/>
        <v>#VALUE!</v>
      </c>
      <c r="BW80" s="1131" t="e">
        <f t="shared" si="48"/>
        <v>#VALUE!</v>
      </c>
      <c r="BX80" s="1131" t="e">
        <f t="shared" si="49"/>
        <v>#VALUE!</v>
      </c>
      <c r="BY80" s="1131" t="e">
        <f t="shared" si="50"/>
        <v>#VALUE!</v>
      </c>
      <c r="BZ80" s="1131" t="e">
        <f t="shared" si="51"/>
        <v>#VALUE!</v>
      </c>
      <c r="CA80" s="1131" t="e">
        <f t="shared" si="52"/>
        <v>#VALUE!</v>
      </c>
      <c r="CB80" s="1131" t="e">
        <f t="shared" si="53"/>
        <v>#VALUE!</v>
      </c>
      <c r="CC80" s="1131" t="e">
        <f t="shared" si="54"/>
        <v>#VALUE!</v>
      </c>
      <c r="CD80" s="1131" t="e">
        <f t="shared" si="55"/>
        <v>#VALUE!</v>
      </c>
      <c r="CE80" s="1131" t="e">
        <f t="shared" si="56"/>
        <v>#VALUE!</v>
      </c>
      <c r="CF80" s="1131" t="e">
        <f t="shared" si="57"/>
        <v>#VALUE!</v>
      </c>
      <c r="CG80" s="1131" t="e">
        <f t="shared" si="58"/>
        <v>#VALUE!</v>
      </c>
      <c r="CH80" s="1131" t="e">
        <f t="shared" si="59"/>
        <v>#VALUE!</v>
      </c>
      <c r="CI80" s="1131" t="e">
        <f t="shared" si="60"/>
        <v>#VALUE!</v>
      </c>
      <c r="CJ80" s="1131" t="e">
        <f t="shared" si="61"/>
        <v>#VALUE!</v>
      </c>
      <c r="CK80" s="1132" t="str">
        <f t="shared" si="62"/>
        <v>n/a</v>
      </c>
    </row>
    <row r="81" spans="1:89" ht="57" x14ac:dyDescent="0.2">
      <c r="A81" s="992"/>
      <c r="B81" s="1126"/>
      <c r="C81" s="1126"/>
      <c r="D81" s="1126"/>
      <c r="E81" s="1126"/>
      <c r="F81" s="1026" t="s">
        <v>1775</v>
      </c>
      <c r="G81" s="1026" t="s">
        <v>1009</v>
      </c>
      <c r="H81" s="1026" t="s">
        <v>1010</v>
      </c>
      <c r="I81" s="1026" t="s">
        <v>1487</v>
      </c>
      <c r="J81" s="1026">
        <v>51.749327999999998</v>
      </c>
      <c r="K81" s="1026">
        <v>-0.48734300000000003</v>
      </c>
      <c r="L81" s="1026" t="s">
        <v>1560</v>
      </c>
      <c r="M81" s="1026" t="s">
        <v>1489</v>
      </c>
      <c r="N81" s="1026">
        <v>1</v>
      </c>
      <c r="O81" s="1026" t="s">
        <v>932</v>
      </c>
      <c r="P81" s="1026" t="s">
        <v>1490</v>
      </c>
      <c r="Q81" s="1026" t="s">
        <v>1491</v>
      </c>
      <c r="R81" s="1026" t="s">
        <v>1492</v>
      </c>
      <c r="S81" s="1026" t="s">
        <v>1493</v>
      </c>
      <c r="T81" s="1026" t="s">
        <v>1766</v>
      </c>
      <c r="U81" s="1016" t="str">
        <f>_xlfn.XLOOKUP(F81, [4]GIS!D:D, [4]GIS!E:E, "Not mapped")</f>
        <v>Single - Scenario 3</v>
      </c>
      <c r="V81" s="1026" t="s">
        <v>1723</v>
      </c>
      <c r="W81" s="1058" t="s">
        <v>1691</v>
      </c>
      <c r="X81" s="1059" t="s">
        <v>1692</v>
      </c>
      <c r="Y81" s="1020" t="s">
        <v>1498</v>
      </c>
      <c r="Z81" s="1020" t="s">
        <v>1498</v>
      </c>
      <c r="AA81" s="1020" t="s">
        <v>1498</v>
      </c>
      <c r="AB81" s="1020" t="s">
        <v>1498</v>
      </c>
      <c r="AC81" s="1020" t="s">
        <v>1498</v>
      </c>
      <c r="AD81" s="1020" t="s">
        <v>1498</v>
      </c>
      <c r="AE81" s="1020" t="s">
        <v>1498</v>
      </c>
      <c r="AF81" s="1020" t="s">
        <v>1498</v>
      </c>
      <c r="AG81" s="1020" t="s">
        <v>1498</v>
      </c>
      <c r="AH81" s="1020" t="s">
        <v>1498</v>
      </c>
      <c r="AI81" s="1020" t="s">
        <v>1498</v>
      </c>
      <c r="AJ81" s="1020" t="s">
        <v>1498</v>
      </c>
      <c r="AK81" s="1020" t="str">
        <f>IF(AJ81="n/a","n/a",ROUND((AJ81*[4]TripRateCalculations!$V$6),0))</f>
        <v>n/a</v>
      </c>
      <c r="AL81" s="1020" t="s">
        <v>1498</v>
      </c>
      <c r="AM81" s="1020" t="s">
        <v>1498</v>
      </c>
      <c r="AN81" s="1020" t="str">
        <f>IF(AT81="n/a","n/a",ROUND((AT81*[4]TripRateCalculations!N$4),0))</f>
        <v>n/a</v>
      </c>
      <c r="AO81" s="1020" t="str">
        <f>IF(AU81="n/a","n/a",ROUND((AU81*[4]TripRateCalculations!O$4),0))</f>
        <v>n/a</v>
      </c>
      <c r="AP81" s="1020" t="str">
        <f>IF(AV81="n/a","n/a",ROUND((AV81*[4]TripRateCalculations!P$4),0))</f>
        <v>n/a</v>
      </c>
      <c r="AQ81" s="1020" t="s">
        <v>1498</v>
      </c>
      <c r="AR81" s="1020" t="str">
        <f>IF(AX81="n/a","n/a",ROUND((AX81*[4]TripRateCalculations!R$4),0))</f>
        <v>n/a</v>
      </c>
      <c r="AS81" s="1020" t="str">
        <f>IF(AY81="n/a","n/a",ROUND((AY81*[4]TripRateCalculations!S$4),0))</f>
        <v>n/a</v>
      </c>
      <c r="AT81" s="1020" t="s">
        <v>1498</v>
      </c>
      <c r="AU81" s="1020" t="s">
        <v>1498</v>
      </c>
      <c r="AV81" s="1020" t="s">
        <v>1498</v>
      </c>
      <c r="AW81" s="1020" t="s">
        <v>1498</v>
      </c>
      <c r="AX81" s="1020" t="s">
        <v>1498</v>
      </c>
      <c r="AY81" s="1020" t="s">
        <v>1498</v>
      </c>
      <c r="AZ81" s="1020" t="s">
        <v>1498</v>
      </c>
      <c r="BA81" s="1020" t="s">
        <v>1498</v>
      </c>
      <c r="BB81" s="1020" t="s">
        <v>1498</v>
      </c>
      <c r="BC81" s="1020" t="s">
        <v>1498</v>
      </c>
      <c r="BD81" s="1020" t="s">
        <v>1498</v>
      </c>
      <c r="BE81" s="1020" t="s">
        <v>1498</v>
      </c>
      <c r="BF81" s="1020" t="s">
        <v>1498</v>
      </c>
      <c r="BG81" s="1020" t="s">
        <v>1498</v>
      </c>
      <c r="BH81" s="1027" t="s">
        <v>1767</v>
      </c>
      <c r="BI81" s="1026" t="s">
        <v>722</v>
      </c>
      <c r="BJ81" s="1026" t="s">
        <v>53</v>
      </c>
      <c r="BK81" s="1042">
        <f>ROUND((VLOOKUP(F81,'[4]Cost Summary'!A:H,8,)),0.1)</f>
        <v>33318</v>
      </c>
      <c r="BL81" s="1026">
        <v>0</v>
      </c>
      <c r="BM81" s="1078" t="s">
        <v>1500</v>
      </c>
      <c r="BN81" s="1044" t="s">
        <v>1584</v>
      </c>
      <c r="BO81" s="1130">
        <v>21645.73</v>
      </c>
      <c r="BP81" s="992"/>
      <c r="BQ81" s="1131" t="e">
        <f t="shared" si="42"/>
        <v>#VALUE!</v>
      </c>
      <c r="BR81" s="1131" t="e">
        <f t="shared" si="43"/>
        <v>#VALUE!</v>
      </c>
      <c r="BS81" s="1131" t="e">
        <f t="shared" si="44"/>
        <v>#VALUE!</v>
      </c>
      <c r="BT81" s="1131" t="e">
        <f t="shared" si="45"/>
        <v>#VALUE!</v>
      </c>
      <c r="BU81" s="1131" t="e">
        <f t="shared" si="46"/>
        <v>#VALUE!</v>
      </c>
      <c r="BV81" s="1131" t="e">
        <f t="shared" si="47"/>
        <v>#VALUE!</v>
      </c>
      <c r="BW81" s="1131" t="e">
        <f t="shared" si="48"/>
        <v>#VALUE!</v>
      </c>
      <c r="BX81" s="1131" t="e">
        <f t="shared" si="49"/>
        <v>#VALUE!</v>
      </c>
      <c r="BY81" s="1131" t="e">
        <f t="shared" si="50"/>
        <v>#VALUE!</v>
      </c>
      <c r="BZ81" s="1131" t="e">
        <f t="shared" si="51"/>
        <v>#VALUE!</v>
      </c>
      <c r="CA81" s="1131" t="e">
        <f t="shared" si="52"/>
        <v>#VALUE!</v>
      </c>
      <c r="CB81" s="1131" t="e">
        <f t="shared" si="53"/>
        <v>#VALUE!</v>
      </c>
      <c r="CC81" s="1131" t="e">
        <f t="shared" si="54"/>
        <v>#VALUE!</v>
      </c>
      <c r="CD81" s="1131" t="e">
        <f t="shared" si="55"/>
        <v>#VALUE!</v>
      </c>
      <c r="CE81" s="1131" t="e">
        <f t="shared" si="56"/>
        <v>#VALUE!</v>
      </c>
      <c r="CF81" s="1131" t="e">
        <f t="shared" si="57"/>
        <v>#VALUE!</v>
      </c>
      <c r="CG81" s="1131" t="e">
        <f t="shared" si="58"/>
        <v>#VALUE!</v>
      </c>
      <c r="CH81" s="1131" t="e">
        <f t="shared" si="59"/>
        <v>#VALUE!</v>
      </c>
      <c r="CI81" s="1131" t="e">
        <f t="shared" si="60"/>
        <v>#VALUE!</v>
      </c>
      <c r="CJ81" s="1131" t="e">
        <f t="shared" si="61"/>
        <v>#VALUE!</v>
      </c>
      <c r="CK81" s="1132" t="str">
        <f t="shared" si="62"/>
        <v>n/a</v>
      </c>
    </row>
    <row r="82" spans="1:89" ht="42.75" x14ac:dyDescent="0.2">
      <c r="A82" s="992"/>
      <c r="B82" s="1126"/>
      <c r="C82" s="1126"/>
      <c r="D82" s="1126"/>
      <c r="E82" s="1126"/>
      <c r="F82" s="1026" t="s">
        <v>1776</v>
      </c>
      <c r="G82" s="1026" t="s">
        <v>1011</v>
      </c>
      <c r="H82" s="1026" t="s">
        <v>1012</v>
      </c>
      <c r="I82" s="1026" t="s">
        <v>1487</v>
      </c>
      <c r="J82" s="1026" t="s">
        <v>1777</v>
      </c>
      <c r="K82" s="1026" t="s">
        <v>1778</v>
      </c>
      <c r="L82" s="1026" t="s">
        <v>1560</v>
      </c>
      <c r="M82" s="1026" t="s">
        <v>1489</v>
      </c>
      <c r="N82" s="1026">
        <v>1</v>
      </c>
      <c r="O82" s="1026" t="s">
        <v>932</v>
      </c>
      <c r="P82" s="1026" t="s">
        <v>1490</v>
      </c>
      <c r="Q82" s="1026" t="s">
        <v>1491</v>
      </c>
      <c r="R82" s="1026" t="s">
        <v>1492</v>
      </c>
      <c r="S82" s="1026" t="s">
        <v>1493</v>
      </c>
      <c r="T82" s="1026" t="s">
        <v>1779</v>
      </c>
      <c r="U82" s="1016" t="str">
        <f>_xlfn.XLOOKUP(F82, [4]GIS!D:D, [4]GIS!E:E, "Not mapped")</f>
        <v>Multiple - Scenario 1</v>
      </c>
      <c r="V82" s="1026" t="s">
        <v>1723</v>
      </c>
      <c r="W82" s="1058" t="s">
        <v>1691</v>
      </c>
      <c r="X82" s="1059" t="s">
        <v>1692</v>
      </c>
      <c r="Y82" s="1020" t="s">
        <v>1498</v>
      </c>
      <c r="Z82" s="1020" t="s">
        <v>1498</v>
      </c>
      <c r="AA82" s="1020" t="s">
        <v>1498</v>
      </c>
      <c r="AB82" s="1020" t="s">
        <v>1498</v>
      </c>
      <c r="AC82" s="1020" t="s">
        <v>1498</v>
      </c>
      <c r="AD82" s="1020" t="s">
        <v>1498</v>
      </c>
      <c r="AE82" s="1020" t="s">
        <v>1498</v>
      </c>
      <c r="AF82" s="1020" t="s">
        <v>1498</v>
      </c>
      <c r="AG82" s="1020" t="s">
        <v>1498</v>
      </c>
      <c r="AH82" s="1020" t="s">
        <v>1498</v>
      </c>
      <c r="AI82" s="1020" t="s">
        <v>1498</v>
      </c>
      <c r="AJ82" s="1020" t="s">
        <v>1498</v>
      </c>
      <c r="AK82" s="1020" t="str">
        <f>IF(AJ82="n/a","n/a",ROUND((AJ82*[4]TripRateCalculations!$V$6),0))</f>
        <v>n/a</v>
      </c>
      <c r="AL82" s="1020" t="s">
        <v>1498</v>
      </c>
      <c r="AM82" s="1020" t="s">
        <v>1498</v>
      </c>
      <c r="AN82" s="1020" t="str">
        <f>IF(AT82="n/a","n/a",ROUND((AT82*[4]TripRateCalculations!N$4),0))</f>
        <v>n/a</v>
      </c>
      <c r="AO82" s="1020" t="str">
        <f>IF(AU82="n/a","n/a",ROUND((AU82*[4]TripRateCalculations!O$4),0))</f>
        <v>n/a</v>
      </c>
      <c r="AP82" s="1020" t="str">
        <f>IF(AV82="n/a","n/a",ROUND((AV82*[4]TripRateCalculations!P$4),0))</f>
        <v>n/a</v>
      </c>
      <c r="AQ82" s="1020" t="s">
        <v>1498</v>
      </c>
      <c r="AR82" s="1020" t="str">
        <f>IF(AX82="n/a","n/a",ROUND((AX82*[4]TripRateCalculations!R$4),0))</f>
        <v>n/a</v>
      </c>
      <c r="AS82" s="1020" t="str">
        <f>IF(AY82="n/a","n/a",ROUND((AY82*[4]TripRateCalculations!S$4),0))</f>
        <v>n/a</v>
      </c>
      <c r="AT82" s="1020" t="s">
        <v>1498</v>
      </c>
      <c r="AU82" s="1020" t="s">
        <v>1498</v>
      </c>
      <c r="AV82" s="1020" t="s">
        <v>1498</v>
      </c>
      <c r="AW82" s="1020" t="s">
        <v>1498</v>
      </c>
      <c r="AX82" s="1020" t="s">
        <v>1498</v>
      </c>
      <c r="AY82" s="1020" t="s">
        <v>1498</v>
      </c>
      <c r="AZ82" s="1020" t="s">
        <v>1498</v>
      </c>
      <c r="BA82" s="1020" t="s">
        <v>1498</v>
      </c>
      <c r="BB82" s="1020" t="s">
        <v>1498</v>
      </c>
      <c r="BC82" s="1020" t="s">
        <v>1498</v>
      </c>
      <c r="BD82" s="1020" t="s">
        <v>1498</v>
      </c>
      <c r="BE82" s="1020" t="s">
        <v>1498</v>
      </c>
      <c r="BF82" s="1020" t="s">
        <v>1498</v>
      </c>
      <c r="BG82" s="1020" t="s">
        <v>1498</v>
      </c>
      <c r="BH82" s="1027" t="s">
        <v>1767</v>
      </c>
      <c r="BI82" s="1026" t="s">
        <v>722</v>
      </c>
      <c r="BJ82" s="1026" t="s">
        <v>53</v>
      </c>
      <c r="BK82" s="1042">
        <f>ROUND((VLOOKUP(F82,'[4]Cost Summary'!A:H,8,)),0.1)</f>
        <v>2585</v>
      </c>
      <c r="BL82" s="1026">
        <v>0</v>
      </c>
      <c r="BM82" s="1078" t="s">
        <v>1500</v>
      </c>
      <c r="BN82" s="1044" t="s">
        <v>1584</v>
      </c>
      <c r="BO82" s="1130">
        <v>1679.17</v>
      </c>
      <c r="BP82" s="992"/>
      <c r="BQ82" s="1131" t="e">
        <f t="shared" si="42"/>
        <v>#VALUE!</v>
      </c>
      <c r="BR82" s="1131" t="e">
        <f t="shared" si="43"/>
        <v>#VALUE!</v>
      </c>
      <c r="BS82" s="1131" t="e">
        <f t="shared" si="44"/>
        <v>#VALUE!</v>
      </c>
      <c r="BT82" s="1131" t="e">
        <f t="shared" si="45"/>
        <v>#VALUE!</v>
      </c>
      <c r="BU82" s="1131" t="e">
        <f t="shared" si="46"/>
        <v>#VALUE!</v>
      </c>
      <c r="BV82" s="1131" t="e">
        <f t="shared" si="47"/>
        <v>#VALUE!</v>
      </c>
      <c r="BW82" s="1131" t="e">
        <f t="shared" si="48"/>
        <v>#VALUE!</v>
      </c>
      <c r="BX82" s="1131" t="e">
        <f t="shared" si="49"/>
        <v>#VALUE!</v>
      </c>
      <c r="BY82" s="1131" t="e">
        <f t="shared" si="50"/>
        <v>#VALUE!</v>
      </c>
      <c r="BZ82" s="1131" t="e">
        <f t="shared" si="51"/>
        <v>#VALUE!</v>
      </c>
      <c r="CA82" s="1131" t="e">
        <f t="shared" si="52"/>
        <v>#VALUE!</v>
      </c>
      <c r="CB82" s="1131" t="e">
        <f t="shared" si="53"/>
        <v>#VALUE!</v>
      </c>
      <c r="CC82" s="1131" t="e">
        <f t="shared" si="54"/>
        <v>#VALUE!</v>
      </c>
      <c r="CD82" s="1131" t="e">
        <f t="shared" si="55"/>
        <v>#VALUE!</v>
      </c>
      <c r="CE82" s="1131" t="e">
        <f t="shared" si="56"/>
        <v>#VALUE!</v>
      </c>
      <c r="CF82" s="1131" t="e">
        <f t="shared" si="57"/>
        <v>#VALUE!</v>
      </c>
      <c r="CG82" s="1131" t="e">
        <f t="shared" si="58"/>
        <v>#VALUE!</v>
      </c>
      <c r="CH82" s="1131" t="e">
        <f t="shared" si="59"/>
        <v>#VALUE!</v>
      </c>
      <c r="CI82" s="1131" t="e">
        <f t="shared" si="60"/>
        <v>#VALUE!</v>
      </c>
      <c r="CJ82" s="1131" t="e">
        <f t="shared" si="61"/>
        <v>#VALUE!</v>
      </c>
      <c r="CK82" s="1132" t="str">
        <f t="shared" si="62"/>
        <v>n/a</v>
      </c>
    </row>
    <row r="83" spans="1:89" ht="75" x14ac:dyDescent="0.2">
      <c r="A83" s="992"/>
      <c r="B83" s="1126" t="s">
        <v>66</v>
      </c>
      <c r="C83" s="1126"/>
      <c r="D83" s="1126"/>
      <c r="E83" s="1126"/>
      <c r="F83" s="1026" t="s">
        <v>1780</v>
      </c>
      <c r="G83" s="1026" t="s">
        <v>1013</v>
      </c>
      <c r="H83" s="1026" t="s">
        <v>1781</v>
      </c>
      <c r="I83" s="1026" t="s">
        <v>1487</v>
      </c>
      <c r="J83" s="1026" t="s">
        <v>1782</v>
      </c>
      <c r="K83" s="1026" t="s">
        <v>1783</v>
      </c>
      <c r="L83" s="1026" t="s">
        <v>1560</v>
      </c>
      <c r="M83" s="1026" t="s">
        <v>1489</v>
      </c>
      <c r="N83" s="1026">
        <v>1</v>
      </c>
      <c r="O83" s="1026" t="s">
        <v>932</v>
      </c>
      <c r="P83" s="1026" t="s">
        <v>1490</v>
      </c>
      <c r="Q83" s="1026" t="s">
        <v>1491</v>
      </c>
      <c r="R83" s="1026" t="s">
        <v>1492</v>
      </c>
      <c r="S83" s="1026" t="s">
        <v>1493</v>
      </c>
      <c r="T83" s="1026" t="s">
        <v>1779</v>
      </c>
      <c r="U83" s="1016" t="str">
        <f>_xlfn.XLOOKUP(F83, [4]GIS!D:D, [4]GIS!E:E, "Not mapped")</f>
        <v>Multiple - Scenario 1</v>
      </c>
      <c r="V83" s="1017" t="s">
        <v>1495</v>
      </c>
      <c r="W83" s="1058" t="s">
        <v>1691</v>
      </c>
      <c r="X83" s="1059" t="s">
        <v>1692</v>
      </c>
      <c r="Y83" s="1020" t="s">
        <v>1498</v>
      </c>
      <c r="Z83" s="1020" t="s">
        <v>1498</v>
      </c>
      <c r="AA83" s="1020" t="s">
        <v>1498</v>
      </c>
      <c r="AB83" s="1020" t="s">
        <v>1498</v>
      </c>
      <c r="AC83" s="1020" t="s">
        <v>1498</v>
      </c>
      <c r="AD83" s="1020" t="s">
        <v>1498</v>
      </c>
      <c r="AE83" s="1020" t="s">
        <v>1498</v>
      </c>
      <c r="AF83" s="1020" t="s">
        <v>1498</v>
      </c>
      <c r="AG83" s="1020" t="s">
        <v>1498</v>
      </c>
      <c r="AH83" s="1020" t="s">
        <v>1498</v>
      </c>
      <c r="AI83" s="1020" t="s">
        <v>1498</v>
      </c>
      <c r="AJ83" s="1020" t="s">
        <v>1498</v>
      </c>
      <c r="AK83" s="1020" t="str">
        <f>IF(AJ83="n/a","n/a",ROUND((AJ83*[4]TripRateCalculations!$V$6),0))</f>
        <v>n/a</v>
      </c>
      <c r="AL83" s="1020" t="s">
        <v>1498</v>
      </c>
      <c r="AM83" s="1020" t="s">
        <v>1498</v>
      </c>
      <c r="AN83" s="1020" t="str">
        <f>IF(AT83="n/a","n/a",ROUND((AT83*[4]TripRateCalculations!N$4),0))</f>
        <v>n/a</v>
      </c>
      <c r="AO83" s="1020" t="str">
        <f>IF(AU83="n/a","n/a",ROUND((AU83*[4]TripRateCalculations!O$4),0))</f>
        <v>n/a</v>
      </c>
      <c r="AP83" s="1020" t="str">
        <f>IF(AV83="n/a","n/a",ROUND((AV83*[4]TripRateCalculations!P$4),0))</f>
        <v>n/a</v>
      </c>
      <c r="AQ83" s="1020" t="s">
        <v>1498</v>
      </c>
      <c r="AR83" s="1020" t="str">
        <f>IF(AX83="n/a","n/a",ROUND((AX83*[4]TripRateCalculations!R$4),0))</f>
        <v>n/a</v>
      </c>
      <c r="AS83" s="1020" t="str">
        <f>IF(AY83="n/a","n/a",ROUND((AY83*[4]TripRateCalculations!S$4),0))</f>
        <v>n/a</v>
      </c>
      <c r="AT83" s="1020" t="s">
        <v>1498</v>
      </c>
      <c r="AU83" s="1020" t="s">
        <v>1498</v>
      </c>
      <c r="AV83" s="1020" t="s">
        <v>1498</v>
      </c>
      <c r="AW83" s="1020" t="s">
        <v>1498</v>
      </c>
      <c r="AX83" s="1020" t="s">
        <v>1498</v>
      </c>
      <c r="AY83" s="1020" t="s">
        <v>1498</v>
      </c>
      <c r="AZ83" s="1020" t="s">
        <v>1498</v>
      </c>
      <c r="BA83" s="1020" t="s">
        <v>1498</v>
      </c>
      <c r="BB83" s="1020" t="s">
        <v>1498</v>
      </c>
      <c r="BC83" s="1020" t="s">
        <v>1498</v>
      </c>
      <c r="BD83" s="1020" t="s">
        <v>1498</v>
      </c>
      <c r="BE83" s="1020" t="s">
        <v>1498</v>
      </c>
      <c r="BF83" s="1020" t="s">
        <v>1498</v>
      </c>
      <c r="BG83" s="1020" t="s">
        <v>1498</v>
      </c>
      <c r="BH83" s="1027" t="s">
        <v>1767</v>
      </c>
      <c r="BI83" s="1026" t="s">
        <v>722</v>
      </c>
      <c r="BJ83" s="1026" t="s">
        <v>53</v>
      </c>
      <c r="BK83" s="1042">
        <f>ROUND((VLOOKUP(F83,'[4]Cost Summary'!A:H,8,)),0.1)</f>
        <v>34245</v>
      </c>
      <c r="BL83" s="1026">
        <v>0</v>
      </c>
      <c r="BM83" s="1078" t="s">
        <v>1500</v>
      </c>
      <c r="BN83" s="1044" t="s">
        <v>1584</v>
      </c>
      <c r="BO83" s="1130">
        <v>22248.03</v>
      </c>
      <c r="BP83" s="992"/>
      <c r="BQ83" s="1131" t="e">
        <f t="shared" si="42"/>
        <v>#VALUE!</v>
      </c>
      <c r="BR83" s="1131" t="e">
        <f t="shared" si="43"/>
        <v>#VALUE!</v>
      </c>
      <c r="BS83" s="1131" t="e">
        <f t="shared" si="44"/>
        <v>#VALUE!</v>
      </c>
      <c r="BT83" s="1131" t="e">
        <f t="shared" si="45"/>
        <v>#VALUE!</v>
      </c>
      <c r="BU83" s="1131" t="e">
        <f t="shared" si="46"/>
        <v>#VALUE!</v>
      </c>
      <c r="BV83" s="1131" t="e">
        <f t="shared" si="47"/>
        <v>#VALUE!</v>
      </c>
      <c r="BW83" s="1131" t="e">
        <f t="shared" si="48"/>
        <v>#VALUE!</v>
      </c>
      <c r="BX83" s="1131" t="e">
        <f t="shared" si="49"/>
        <v>#VALUE!</v>
      </c>
      <c r="BY83" s="1131" t="e">
        <f t="shared" si="50"/>
        <v>#VALUE!</v>
      </c>
      <c r="BZ83" s="1131" t="e">
        <f t="shared" si="51"/>
        <v>#VALUE!</v>
      </c>
      <c r="CA83" s="1131" t="e">
        <f t="shared" si="52"/>
        <v>#VALUE!</v>
      </c>
      <c r="CB83" s="1131" t="e">
        <f t="shared" si="53"/>
        <v>#VALUE!</v>
      </c>
      <c r="CC83" s="1131" t="e">
        <f t="shared" si="54"/>
        <v>#VALUE!</v>
      </c>
      <c r="CD83" s="1131" t="e">
        <f t="shared" si="55"/>
        <v>#VALUE!</v>
      </c>
      <c r="CE83" s="1131" t="e">
        <f t="shared" si="56"/>
        <v>#VALUE!</v>
      </c>
      <c r="CF83" s="1131" t="e">
        <f t="shared" si="57"/>
        <v>#VALUE!</v>
      </c>
      <c r="CG83" s="1131" t="e">
        <f t="shared" si="58"/>
        <v>#VALUE!</v>
      </c>
      <c r="CH83" s="1131" t="e">
        <f t="shared" si="59"/>
        <v>#VALUE!</v>
      </c>
      <c r="CI83" s="1131" t="e">
        <f t="shared" si="60"/>
        <v>#VALUE!</v>
      </c>
      <c r="CJ83" s="1131" t="e">
        <f t="shared" si="61"/>
        <v>#VALUE!</v>
      </c>
      <c r="CK83" s="1132" t="str">
        <f t="shared" si="62"/>
        <v>n/a</v>
      </c>
    </row>
    <row r="84" spans="1:89" ht="85.5" x14ac:dyDescent="0.2">
      <c r="A84" s="992"/>
      <c r="B84" s="1126" t="s">
        <v>66</v>
      </c>
      <c r="C84" s="1126"/>
      <c r="D84" s="1126"/>
      <c r="E84" s="1126"/>
      <c r="F84" s="1026" t="s">
        <v>1784</v>
      </c>
      <c r="G84" s="1026" t="s">
        <v>1015</v>
      </c>
      <c r="H84" s="1026" t="s">
        <v>1016</v>
      </c>
      <c r="I84" s="1026" t="s">
        <v>1487</v>
      </c>
      <c r="J84" s="1026" t="s">
        <v>1785</v>
      </c>
      <c r="K84" s="1026" t="s">
        <v>1786</v>
      </c>
      <c r="L84" s="1026" t="s">
        <v>1560</v>
      </c>
      <c r="M84" s="1026" t="s">
        <v>1489</v>
      </c>
      <c r="N84" s="1026">
        <v>1</v>
      </c>
      <c r="O84" s="1026" t="s">
        <v>932</v>
      </c>
      <c r="P84" s="1026" t="s">
        <v>1490</v>
      </c>
      <c r="Q84" s="1026" t="s">
        <v>1491</v>
      </c>
      <c r="R84" s="1026" t="s">
        <v>1492</v>
      </c>
      <c r="S84" s="1026" t="s">
        <v>1493</v>
      </c>
      <c r="T84" s="1026" t="s">
        <v>1779</v>
      </c>
      <c r="U84" s="1016" t="str">
        <f>_xlfn.XLOOKUP(F84, [4]GIS!D:D, [4]GIS!E:E, "Not mapped")</f>
        <v>Multiple - Scenario 1</v>
      </c>
      <c r="V84" s="1017" t="s">
        <v>1495</v>
      </c>
      <c r="W84" s="1058" t="s">
        <v>1691</v>
      </c>
      <c r="X84" s="1059" t="s">
        <v>1692</v>
      </c>
      <c r="Y84" s="1020" t="s">
        <v>1498</v>
      </c>
      <c r="Z84" s="1020" t="s">
        <v>1498</v>
      </c>
      <c r="AA84" s="1020" t="s">
        <v>1498</v>
      </c>
      <c r="AB84" s="1020" t="s">
        <v>1498</v>
      </c>
      <c r="AC84" s="1020" t="s">
        <v>1498</v>
      </c>
      <c r="AD84" s="1020" t="s">
        <v>1498</v>
      </c>
      <c r="AE84" s="1020" t="s">
        <v>1498</v>
      </c>
      <c r="AF84" s="1020" t="s">
        <v>1498</v>
      </c>
      <c r="AG84" s="1020" t="s">
        <v>1498</v>
      </c>
      <c r="AH84" s="1020" t="s">
        <v>1498</v>
      </c>
      <c r="AI84" s="1020" t="s">
        <v>1498</v>
      </c>
      <c r="AJ84" s="1020" t="s">
        <v>1498</v>
      </c>
      <c r="AK84" s="1020" t="str">
        <f>IF(AJ84="n/a","n/a",ROUND((AJ84*[4]TripRateCalculations!$V$6),0))</f>
        <v>n/a</v>
      </c>
      <c r="AL84" s="1020" t="s">
        <v>1498</v>
      </c>
      <c r="AM84" s="1020" t="s">
        <v>1498</v>
      </c>
      <c r="AN84" s="1020" t="str">
        <f>IF(AT84="n/a","n/a",ROUND((AT84*[4]TripRateCalculations!N$4),0))</f>
        <v>n/a</v>
      </c>
      <c r="AO84" s="1020" t="str">
        <f>IF(AU84="n/a","n/a",ROUND((AU84*[4]TripRateCalculations!O$4),0))</f>
        <v>n/a</v>
      </c>
      <c r="AP84" s="1020" t="str">
        <f>IF(AV84="n/a","n/a",ROUND((AV84*[4]TripRateCalculations!P$4),0))</f>
        <v>n/a</v>
      </c>
      <c r="AQ84" s="1020" t="s">
        <v>1498</v>
      </c>
      <c r="AR84" s="1020" t="str">
        <f>IF(AX84="n/a","n/a",ROUND((AX84*[4]TripRateCalculations!R$4),0))</f>
        <v>n/a</v>
      </c>
      <c r="AS84" s="1020" t="str">
        <f>IF(AY84="n/a","n/a",ROUND((AY84*[4]TripRateCalculations!S$4),0))</f>
        <v>n/a</v>
      </c>
      <c r="AT84" s="1020" t="s">
        <v>1498</v>
      </c>
      <c r="AU84" s="1020" t="s">
        <v>1498</v>
      </c>
      <c r="AV84" s="1020" t="s">
        <v>1498</v>
      </c>
      <c r="AW84" s="1020" t="s">
        <v>1498</v>
      </c>
      <c r="AX84" s="1020" t="s">
        <v>1498</v>
      </c>
      <c r="AY84" s="1020" t="s">
        <v>1498</v>
      </c>
      <c r="AZ84" s="1020" t="s">
        <v>1498</v>
      </c>
      <c r="BA84" s="1020" t="s">
        <v>1498</v>
      </c>
      <c r="BB84" s="1020" t="s">
        <v>1498</v>
      </c>
      <c r="BC84" s="1020" t="s">
        <v>1498</v>
      </c>
      <c r="BD84" s="1020" t="s">
        <v>1498</v>
      </c>
      <c r="BE84" s="1020" t="s">
        <v>1498</v>
      </c>
      <c r="BF84" s="1020" t="s">
        <v>1498</v>
      </c>
      <c r="BG84" s="1020" t="s">
        <v>1498</v>
      </c>
      <c r="BH84" s="1027" t="s">
        <v>1767</v>
      </c>
      <c r="BI84" s="1026" t="s">
        <v>722</v>
      </c>
      <c r="BJ84" s="1026" t="s">
        <v>53</v>
      </c>
      <c r="BK84" s="1042">
        <f>ROUND((VLOOKUP(F84,'[4]Cost Summary'!A:H,8,)),0.1)</f>
        <v>162108</v>
      </c>
      <c r="BL84" s="1026">
        <v>0</v>
      </c>
      <c r="BM84" s="1078" t="s">
        <v>1500</v>
      </c>
      <c r="BN84" s="1044" t="s">
        <v>1584</v>
      </c>
      <c r="BO84" s="1130">
        <v>105317.33</v>
      </c>
      <c r="BP84" s="992"/>
      <c r="BQ84" s="1131" t="e">
        <f t="shared" si="42"/>
        <v>#VALUE!</v>
      </c>
      <c r="BR84" s="1131" t="e">
        <f t="shared" si="43"/>
        <v>#VALUE!</v>
      </c>
      <c r="BS84" s="1131" t="e">
        <f t="shared" si="44"/>
        <v>#VALUE!</v>
      </c>
      <c r="BT84" s="1131" t="e">
        <f t="shared" si="45"/>
        <v>#VALUE!</v>
      </c>
      <c r="BU84" s="1131" t="e">
        <f t="shared" si="46"/>
        <v>#VALUE!</v>
      </c>
      <c r="BV84" s="1131" t="e">
        <f t="shared" si="47"/>
        <v>#VALUE!</v>
      </c>
      <c r="BW84" s="1131" t="e">
        <f t="shared" si="48"/>
        <v>#VALUE!</v>
      </c>
      <c r="BX84" s="1131" t="e">
        <f t="shared" si="49"/>
        <v>#VALUE!</v>
      </c>
      <c r="BY84" s="1131" t="e">
        <f t="shared" si="50"/>
        <v>#VALUE!</v>
      </c>
      <c r="BZ84" s="1131" t="e">
        <f t="shared" si="51"/>
        <v>#VALUE!</v>
      </c>
      <c r="CA84" s="1131" t="e">
        <f t="shared" si="52"/>
        <v>#VALUE!</v>
      </c>
      <c r="CB84" s="1131" t="e">
        <f t="shared" si="53"/>
        <v>#VALUE!</v>
      </c>
      <c r="CC84" s="1131" t="e">
        <f t="shared" si="54"/>
        <v>#VALUE!</v>
      </c>
      <c r="CD84" s="1131" t="e">
        <f t="shared" si="55"/>
        <v>#VALUE!</v>
      </c>
      <c r="CE84" s="1131" t="e">
        <f t="shared" si="56"/>
        <v>#VALUE!</v>
      </c>
      <c r="CF84" s="1131" t="e">
        <f t="shared" si="57"/>
        <v>#VALUE!</v>
      </c>
      <c r="CG84" s="1131" t="e">
        <f t="shared" si="58"/>
        <v>#VALUE!</v>
      </c>
      <c r="CH84" s="1131" t="e">
        <f t="shared" si="59"/>
        <v>#VALUE!</v>
      </c>
      <c r="CI84" s="1131" t="e">
        <f t="shared" si="60"/>
        <v>#VALUE!</v>
      </c>
      <c r="CJ84" s="1131" t="e">
        <f t="shared" si="61"/>
        <v>#VALUE!</v>
      </c>
      <c r="CK84" s="1132" t="str">
        <f t="shared" si="62"/>
        <v>n/a</v>
      </c>
    </row>
    <row r="85" spans="1:89" ht="71.25" x14ac:dyDescent="0.2">
      <c r="A85" s="992"/>
      <c r="B85" s="1126"/>
      <c r="C85" s="1126"/>
      <c r="D85" s="1126"/>
      <c r="E85" s="1126"/>
      <c r="F85" s="1026" t="s">
        <v>1787</v>
      </c>
      <c r="G85" s="1026" t="s">
        <v>1017</v>
      </c>
      <c r="H85" s="1026" t="s">
        <v>1018</v>
      </c>
      <c r="I85" s="1026" t="s">
        <v>1487</v>
      </c>
      <c r="J85" s="1026">
        <v>51.751065009999998</v>
      </c>
      <c r="K85" s="1026">
        <v>-0.48176925199999998</v>
      </c>
      <c r="L85" s="1026" t="s">
        <v>1560</v>
      </c>
      <c r="M85" s="1026" t="s">
        <v>1489</v>
      </c>
      <c r="N85" s="1026">
        <v>1</v>
      </c>
      <c r="O85" s="1026" t="s">
        <v>932</v>
      </c>
      <c r="P85" s="1026" t="s">
        <v>1490</v>
      </c>
      <c r="Q85" s="1026" t="s">
        <v>1491</v>
      </c>
      <c r="R85" s="1026" t="s">
        <v>1492</v>
      </c>
      <c r="S85" s="1026" t="s">
        <v>1493</v>
      </c>
      <c r="T85" s="1026" t="s">
        <v>1779</v>
      </c>
      <c r="U85" s="1016" t="str">
        <f>_xlfn.XLOOKUP(F85, [4]GIS!D:D, [4]GIS!E:E, "Not mapped")</f>
        <v>Multiple - Scenario 1</v>
      </c>
      <c r="V85" s="1026" t="s">
        <v>1723</v>
      </c>
      <c r="W85" s="1058" t="s">
        <v>1691</v>
      </c>
      <c r="X85" s="1059" t="s">
        <v>1692</v>
      </c>
      <c r="Y85" s="1020" t="s">
        <v>1498</v>
      </c>
      <c r="Z85" s="1020" t="s">
        <v>1498</v>
      </c>
      <c r="AA85" s="1020" t="s">
        <v>1498</v>
      </c>
      <c r="AB85" s="1020" t="s">
        <v>1498</v>
      </c>
      <c r="AC85" s="1020" t="s">
        <v>1498</v>
      </c>
      <c r="AD85" s="1020" t="s">
        <v>1498</v>
      </c>
      <c r="AE85" s="1020" t="s">
        <v>1498</v>
      </c>
      <c r="AF85" s="1020" t="s">
        <v>1498</v>
      </c>
      <c r="AG85" s="1020" t="s">
        <v>1498</v>
      </c>
      <c r="AH85" s="1020" t="s">
        <v>1498</v>
      </c>
      <c r="AI85" s="1020" t="s">
        <v>1498</v>
      </c>
      <c r="AJ85" s="1020" t="s">
        <v>1498</v>
      </c>
      <c r="AK85" s="1020" t="str">
        <f>IF(AJ85="n/a","n/a",ROUND((AJ85*[4]TripRateCalculations!$V$6),0))</f>
        <v>n/a</v>
      </c>
      <c r="AL85" s="1020" t="s">
        <v>1498</v>
      </c>
      <c r="AM85" s="1020" t="s">
        <v>1498</v>
      </c>
      <c r="AN85" s="1020" t="str">
        <f>IF(AT85="n/a","n/a",ROUND((AT85*[4]TripRateCalculations!N$4),0))</f>
        <v>n/a</v>
      </c>
      <c r="AO85" s="1020" t="str">
        <f>IF(AU85="n/a","n/a",ROUND((AU85*[4]TripRateCalculations!O$4),0))</f>
        <v>n/a</v>
      </c>
      <c r="AP85" s="1020" t="str">
        <f>IF(AV85="n/a","n/a",ROUND((AV85*[4]TripRateCalculations!P$4),0))</f>
        <v>n/a</v>
      </c>
      <c r="AQ85" s="1020" t="s">
        <v>1498</v>
      </c>
      <c r="AR85" s="1020" t="str">
        <f>IF(AX85="n/a","n/a",ROUND((AX85*[4]TripRateCalculations!R$4),0))</f>
        <v>n/a</v>
      </c>
      <c r="AS85" s="1020" t="str">
        <f>IF(AY85="n/a","n/a",ROUND((AY85*[4]TripRateCalculations!S$4),0))</f>
        <v>n/a</v>
      </c>
      <c r="AT85" s="1020" t="s">
        <v>1498</v>
      </c>
      <c r="AU85" s="1020" t="s">
        <v>1498</v>
      </c>
      <c r="AV85" s="1020" t="s">
        <v>1498</v>
      </c>
      <c r="AW85" s="1020" t="s">
        <v>1498</v>
      </c>
      <c r="AX85" s="1020" t="s">
        <v>1498</v>
      </c>
      <c r="AY85" s="1020" t="s">
        <v>1498</v>
      </c>
      <c r="AZ85" s="1020" t="s">
        <v>1498</v>
      </c>
      <c r="BA85" s="1020" t="s">
        <v>1498</v>
      </c>
      <c r="BB85" s="1020" t="s">
        <v>1498</v>
      </c>
      <c r="BC85" s="1020" t="s">
        <v>1498</v>
      </c>
      <c r="BD85" s="1020" t="s">
        <v>1498</v>
      </c>
      <c r="BE85" s="1020" t="s">
        <v>1498</v>
      </c>
      <c r="BF85" s="1020" t="s">
        <v>1498</v>
      </c>
      <c r="BG85" s="1020" t="s">
        <v>1498</v>
      </c>
      <c r="BH85" s="1027" t="s">
        <v>1767</v>
      </c>
      <c r="BI85" s="1026" t="s">
        <v>722</v>
      </c>
      <c r="BJ85" s="1026" t="s">
        <v>53</v>
      </c>
      <c r="BK85" s="1042">
        <f>ROUND((VLOOKUP(F85,'[4]Cost Summary'!A:H,8,)),0.1)</f>
        <v>29796</v>
      </c>
      <c r="BL85" s="1026">
        <v>0</v>
      </c>
      <c r="BM85" s="1078" t="s">
        <v>1500</v>
      </c>
      <c r="BN85" s="1044" t="s">
        <v>1584</v>
      </c>
      <c r="BO85" s="1130">
        <v>19357.54</v>
      </c>
      <c r="BP85" s="992"/>
      <c r="BQ85" s="1131" t="e">
        <f t="shared" si="42"/>
        <v>#VALUE!</v>
      </c>
      <c r="BR85" s="1131" t="e">
        <f t="shared" si="43"/>
        <v>#VALUE!</v>
      </c>
      <c r="BS85" s="1131" t="e">
        <f t="shared" si="44"/>
        <v>#VALUE!</v>
      </c>
      <c r="BT85" s="1131" t="e">
        <f t="shared" si="45"/>
        <v>#VALUE!</v>
      </c>
      <c r="BU85" s="1131" t="e">
        <f t="shared" si="46"/>
        <v>#VALUE!</v>
      </c>
      <c r="BV85" s="1131" t="e">
        <f t="shared" si="47"/>
        <v>#VALUE!</v>
      </c>
      <c r="BW85" s="1131" t="e">
        <f t="shared" si="48"/>
        <v>#VALUE!</v>
      </c>
      <c r="BX85" s="1131" t="e">
        <f t="shared" si="49"/>
        <v>#VALUE!</v>
      </c>
      <c r="BY85" s="1131" t="e">
        <f t="shared" si="50"/>
        <v>#VALUE!</v>
      </c>
      <c r="BZ85" s="1131" t="e">
        <f t="shared" si="51"/>
        <v>#VALUE!</v>
      </c>
      <c r="CA85" s="1131" t="e">
        <f t="shared" si="52"/>
        <v>#VALUE!</v>
      </c>
      <c r="CB85" s="1131" t="e">
        <f t="shared" si="53"/>
        <v>#VALUE!</v>
      </c>
      <c r="CC85" s="1131" t="e">
        <f t="shared" si="54"/>
        <v>#VALUE!</v>
      </c>
      <c r="CD85" s="1131" t="e">
        <f t="shared" si="55"/>
        <v>#VALUE!</v>
      </c>
      <c r="CE85" s="1131" t="e">
        <f t="shared" si="56"/>
        <v>#VALUE!</v>
      </c>
      <c r="CF85" s="1131" t="e">
        <f t="shared" si="57"/>
        <v>#VALUE!</v>
      </c>
      <c r="CG85" s="1131" t="e">
        <f t="shared" si="58"/>
        <v>#VALUE!</v>
      </c>
      <c r="CH85" s="1131" t="e">
        <f t="shared" si="59"/>
        <v>#VALUE!</v>
      </c>
      <c r="CI85" s="1131" t="e">
        <f t="shared" si="60"/>
        <v>#VALUE!</v>
      </c>
      <c r="CJ85" s="1131" t="e">
        <f t="shared" si="61"/>
        <v>#VALUE!</v>
      </c>
      <c r="CK85" s="1132" t="str">
        <f t="shared" si="62"/>
        <v>n/a</v>
      </c>
    </row>
    <row r="86" spans="1:89" ht="42.75" x14ac:dyDescent="0.2">
      <c r="A86" s="992"/>
      <c r="B86" s="1126" t="s">
        <v>66</v>
      </c>
      <c r="C86" s="1126"/>
      <c r="D86" s="1126"/>
      <c r="E86" s="1126"/>
      <c r="F86" s="1026" t="s">
        <v>1788</v>
      </c>
      <c r="G86" s="1026" t="s">
        <v>1019</v>
      </c>
      <c r="H86" s="1026" t="s">
        <v>1020</v>
      </c>
      <c r="I86" s="1026" t="s">
        <v>1789</v>
      </c>
      <c r="J86" s="1026" t="s">
        <v>1521</v>
      </c>
      <c r="K86" s="1026" t="s">
        <v>1521</v>
      </c>
      <c r="L86" s="1026" t="s">
        <v>1560</v>
      </c>
      <c r="M86" s="1026" t="s">
        <v>1489</v>
      </c>
      <c r="N86" s="1026">
        <v>1</v>
      </c>
      <c r="O86" s="1026" t="s">
        <v>932</v>
      </c>
      <c r="P86" s="1026" t="s">
        <v>1490</v>
      </c>
      <c r="Q86" s="1026" t="s">
        <v>1491</v>
      </c>
      <c r="R86" s="1026" t="s">
        <v>1492</v>
      </c>
      <c r="S86" s="1026" t="s">
        <v>1493</v>
      </c>
      <c r="T86" s="1026" t="s">
        <v>1779</v>
      </c>
      <c r="U86" s="1016" t="str">
        <f>_xlfn.XLOOKUP(F86, [4]GIS!D:D, [4]GIS!E:E, "Not mapped")</f>
        <v>Multiple - Scenario 1</v>
      </c>
      <c r="V86" s="1026" t="s">
        <v>1723</v>
      </c>
      <c r="W86" s="1058" t="s">
        <v>1691</v>
      </c>
      <c r="X86" s="1059" t="s">
        <v>1692</v>
      </c>
      <c r="Y86" s="1020" t="s">
        <v>1498</v>
      </c>
      <c r="Z86" s="1020" t="s">
        <v>1498</v>
      </c>
      <c r="AA86" s="1020" t="s">
        <v>1498</v>
      </c>
      <c r="AB86" s="1020" t="s">
        <v>1498</v>
      </c>
      <c r="AC86" s="1020" t="s">
        <v>1498</v>
      </c>
      <c r="AD86" s="1020" t="s">
        <v>1498</v>
      </c>
      <c r="AE86" s="1020" t="s">
        <v>1498</v>
      </c>
      <c r="AF86" s="1020" t="s">
        <v>1498</v>
      </c>
      <c r="AG86" s="1020" t="s">
        <v>1498</v>
      </c>
      <c r="AH86" s="1020" t="s">
        <v>1498</v>
      </c>
      <c r="AI86" s="1020" t="s">
        <v>1498</v>
      </c>
      <c r="AJ86" s="1020" t="s">
        <v>1498</v>
      </c>
      <c r="AK86" s="1020" t="str">
        <f>IF(AJ86="n/a","n/a",ROUND((AJ86*[4]TripRateCalculations!$V$6),0))</f>
        <v>n/a</v>
      </c>
      <c r="AL86" s="1020" t="s">
        <v>1498</v>
      </c>
      <c r="AM86" s="1020" t="s">
        <v>1498</v>
      </c>
      <c r="AN86" s="1020" t="str">
        <f>IF(AT86="n/a","n/a",ROUND((AT86*[4]TripRateCalculations!N$4),0))</f>
        <v>n/a</v>
      </c>
      <c r="AO86" s="1020" t="str">
        <f>IF(AU86="n/a","n/a",ROUND((AU86*[4]TripRateCalculations!O$4),0))</f>
        <v>n/a</v>
      </c>
      <c r="AP86" s="1020" t="str">
        <f>IF(AV86="n/a","n/a",ROUND((AV86*[4]TripRateCalculations!P$4),0))</f>
        <v>n/a</v>
      </c>
      <c r="AQ86" s="1020" t="s">
        <v>1498</v>
      </c>
      <c r="AR86" s="1020" t="str">
        <f>IF(AX86="n/a","n/a",ROUND((AX86*[4]TripRateCalculations!R$4),0))</f>
        <v>n/a</v>
      </c>
      <c r="AS86" s="1020" t="str">
        <f>IF(AY86="n/a","n/a",ROUND((AY86*[4]TripRateCalculations!S$4),0))</f>
        <v>n/a</v>
      </c>
      <c r="AT86" s="1020" t="s">
        <v>1498</v>
      </c>
      <c r="AU86" s="1020" t="s">
        <v>1498</v>
      </c>
      <c r="AV86" s="1020" t="s">
        <v>1498</v>
      </c>
      <c r="AW86" s="1020" t="s">
        <v>1498</v>
      </c>
      <c r="AX86" s="1020" t="s">
        <v>1498</v>
      </c>
      <c r="AY86" s="1020" t="s">
        <v>1498</v>
      </c>
      <c r="AZ86" s="1020" t="s">
        <v>1498</v>
      </c>
      <c r="BA86" s="1020" t="s">
        <v>1498</v>
      </c>
      <c r="BB86" s="1020" t="s">
        <v>1498</v>
      </c>
      <c r="BC86" s="1020" t="s">
        <v>1498</v>
      </c>
      <c r="BD86" s="1020" t="s">
        <v>1498</v>
      </c>
      <c r="BE86" s="1020" t="s">
        <v>1498</v>
      </c>
      <c r="BF86" s="1020" t="s">
        <v>1498</v>
      </c>
      <c r="BG86" s="1020" t="s">
        <v>1498</v>
      </c>
      <c r="BH86" s="1027" t="s">
        <v>1767</v>
      </c>
      <c r="BI86" s="1026" t="s">
        <v>722</v>
      </c>
      <c r="BJ86" s="1026" t="s">
        <v>53</v>
      </c>
      <c r="BK86" s="1042">
        <f>ROUND((VLOOKUP(F86,'[4]Cost Summary'!A:H,8,)),0.1)</f>
        <v>5749</v>
      </c>
      <c r="BL86" s="1026">
        <v>0</v>
      </c>
      <c r="BM86" s="1078" t="s">
        <v>1500</v>
      </c>
      <c r="BN86" s="1044" t="s">
        <v>1584</v>
      </c>
      <c r="BO86" s="1130">
        <v>3734.66</v>
      </c>
      <c r="BP86" s="992"/>
      <c r="BQ86" s="1131" t="e">
        <f t="shared" si="42"/>
        <v>#VALUE!</v>
      </c>
      <c r="BR86" s="1131" t="e">
        <f t="shared" si="43"/>
        <v>#VALUE!</v>
      </c>
      <c r="BS86" s="1131" t="e">
        <f t="shared" si="44"/>
        <v>#VALUE!</v>
      </c>
      <c r="BT86" s="1131" t="e">
        <f t="shared" si="45"/>
        <v>#VALUE!</v>
      </c>
      <c r="BU86" s="1131" t="e">
        <f t="shared" si="46"/>
        <v>#VALUE!</v>
      </c>
      <c r="BV86" s="1131" t="e">
        <f t="shared" si="47"/>
        <v>#VALUE!</v>
      </c>
      <c r="BW86" s="1131" t="e">
        <f t="shared" si="48"/>
        <v>#VALUE!</v>
      </c>
      <c r="BX86" s="1131" t="e">
        <f t="shared" si="49"/>
        <v>#VALUE!</v>
      </c>
      <c r="BY86" s="1131" t="e">
        <f t="shared" si="50"/>
        <v>#VALUE!</v>
      </c>
      <c r="BZ86" s="1131" t="e">
        <f t="shared" si="51"/>
        <v>#VALUE!</v>
      </c>
      <c r="CA86" s="1131" t="e">
        <f t="shared" si="52"/>
        <v>#VALUE!</v>
      </c>
      <c r="CB86" s="1131" t="e">
        <f t="shared" si="53"/>
        <v>#VALUE!</v>
      </c>
      <c r="CC86" s="1131" t="e">
        <f t="shared" si="54"/>
        <v>#VALUE!</v>
      </c>
      <c r="CD86" s="1131" t="e">
        <f t="shared" si="55"/>
        <v>#VALUE!</v>
      </c>
      <c r="CE86" s="1131" t="e">
        <f t="shared" si="56"/>
        <v>#VALUE!</v>
      </c>
      <c r="CF86" s="1131" t="e">
        <f t="shared" si="57"/>
        <v>#VALUE!</v>
      </c>
      <c r="CG86" s="1131" t="e">
        <f t="shared" si="58"/>
        <v>#VALUE!</v>
      </c>
      <c r="CH86" s="1131" t="e">
        <f t="shared" si="59"/>
        <v>#VALUE!</v>
      </c>
      <c r="CI86" s="1131" t="e">
        <f t="shared" si="60"/>
        <v>#VALUE!</v>
      </c>
      <c r="CJ86" s="1131" t="e">
        <f t="shared" si="61"/>
        <v>#VALUE!</v>
      </c>
      <c r="CK86" s="1132" t="str">
        <f t="shared" si="62"/>
        <v>n/a</v>
      </c>
    </row>
    <row r="87" spans="1:89" ht="42.75" x14ac:dyDescent="0.2">
      <c r="A87" s="992"/>
      <c r="B87" s="1126" t="s">
        <v>66</v>
      </c>
      <c r="C87" s="1126"/>
      <c r="D87" s="1126"/>
      <c r="E87" s="1126"/>
      <c r="F87" s="1026" t="s">
        <v>1790</v>
      </c>
      <c r="G87" s="1026" t="s">
        <v>1021</v>
      </c>
      <c r="H87" s="1026" t="s">
        <v>1022</v>
      </c>
      <c r="I87" s="1026" t="s">
        <v>1789</v>
      </c>
      <c r="J87" s="1026" t="s">
        <v>1521</v>
      </c>
      <c r="K87" s="1026" t="s">
        <v>1521</v>
      </c>
      <c r="L87" s="1026" t="s">
        <v>1560</v>
      </c>
      <c r="M87" s="1026" t="s">
        <v>1489</v>
      </c>
      <c r="N87" s="1026">
        <v>1</v>
      </c>
      <c r="O87" s="1026" t="s">
        <v>932</v>
      </c>
      <c r="P87" s="1026" t="s">
        <v>1490</v>
      </c>
      <c r="Q87" s="1026" t="s">
        <v>1491</v>
      </c>
      <c r="R87" s="1026" t="s">
        <v>1492</v>
      </c>
      <c r="S87" s="1026" t="s">
        <v>1493</v>
      </c>
      <c r="T87" s="1026" t="s">
        <v>1779</v>
      </c>
      <c r="U87" s="1016" t="str">
        <f>_xlfn.XLOOKUP(F87, [4]GIS!D:D, [4]GIS!E:E, "Not mapped")</f>
        <v>Multiple - Scenario 1</v>
      </c>
      <c r="V87" s="1026" t="s">
        <v>1723</v>
      </c>
      <c r="W87" s="1058" t="s">
        <v>1691</v>
      </c>
      <c r="X87" s="1059" t="s">
        <v>1692</v>
      </c>
      <c r="Y87" s="1020" t="s">
        <v>1498</v>
      </c>
      <c r="Z87" s="1020" t="s">
        <v>1498</v>
      </c>
      <c r="AA87" s="1020" t="s">
        <v>1498</v>
      </c>
      <c r="AB87" s="1020" t="s">
        <v>1498</v>
      </c>
      <c r="AC87" s="1020" t="s">
        <v>1498</v>
      </c>
      <c r="AD87" s="1020" t="s">
        <v>1498</v>
      </c>
      <c r="AE87" s="1020" t="s">
        <v>1498</v>
      </c>
      <c r="AF87" s="1020" t="s">
        <v>1498</v>
      </c>
      <c r="AG87" s="1020" t="s">
        <v>1498</v>
      </c>
      <c r="AH87" s="1020" t="s">
        <v>1498</v>
      </c>
      <c r="AI87" s="1020" t="s">
        <v>1498</v>
      </c>
      <c r="AJ87" s="1020" t="s">
        <v>1498</v>
      </c>
      <c r="AK87" s="1020" t="str">
        <f>IF(AJ87="n/a","n/a",ROUND((AJ87*[4]TripRateCalculations!$V$6),0))</f>
        <v>n/a</v>
      </c>
      <c r="AL87" s="1020" t="s">
        <v>1498</v>
      </c>
      <c r="AM87" s="1020" t="s">
        <v>1498</v>
      </c>
      <c r="AN87" s="1020" t="str">
        <f>IF(AT87="n/a","n/a",ROUND((AT87*[4]TripRateCalculations!N$4),0))</f>
        <v>n/a</v>
      </c>
      <c r="AO87" s="1020" t="str">
        <f>IF(AU87="n/a","n/a",ROUND((AU87*[4]TripRateCalculations!O$4),0))</f>
        <v>n/a</v>
      </c>
      <c r="AP87" s="1020" t="str">
        <f>IF(AV87="n/a","n/a",ROUND((AV87*[4]TripRateCalculations!P$4),0))</f>
        <v>n/a</v>
      </c>
      <c r="AQ87" s="1020" t="s">
        <v>1498</v>
      </c>
      <c r="AR87" s="1020" t="str">
        <f>IF(AX87="n/a","n/a",ROUND((AX87*[4]TripRateCalculations!R$4),0))</f>
        <v>n/a</v>
      </c>
      <c r="AS87" s="1020" t="str">
        <f>IF(AY87="n/a","n/a",ROUND((AY87*[4]TripRateCalculations!S$4),0))</f>
        <v>n/a</v>
      </c>
      <c r="AT87" s="1020" t="s">
        <v>1498</v>
      </c>
      <c r="AU87" s="1020" t="s">
        <v>1498</v>
      </c>
      <c r="AV87" s="1020" t="s">
        <v>1498</v>
      </c>
      <c r="AW87" s="1020" t="s">
        <v>1498</v>
      </c>
      <c r="AX87" s="1020" t="s">
        <v>1498</v>
      </c>
      <c r="AY87" s="1020" t="s">
        <v>1498</v>
      </c>
      <c r="AZ87" s="1020" t="s">
        <v>1498</v>
      </c>
      <c r="BA87" s="1020" t="s">
        <v>1498</v>
      </c>
      <c r="BB87" s="1020" t="s">
        <v>1498</v>
      </c>
      <c r="BC87" s="1020" t="s">
        <v>1498</v>
      </c>
      <c r="BD87" s="1020" t="s">
        <v>1498</v>
      </c>
      <c r="BE87" s="1020" t="s">
        <v>1498</v>
      </c>
      <c r="BF87" s="1020" t="s">
        <v>1498</v>
      </c>
      <c r="BG87" s="1020" t="s">
        <v>1498</v>
      </c>
      <c r="BH87" s="1027" t="s">
        <v>1767</v>
      </c>
      <c r="BI87" s="1026" t="s">
        <v>722</v>
      </c>
      <c r="BJ87" s="1026" t="s">
        <v>53</v>
      </c>
      <c r="BK87" s="1042">
        <f>ROUND((VLOOKUP(F87,'[4]Cost Summary'!A:H,8,)),0.1)</f>
        <v>3705</v>
      </c>
      <c r="BL87" s="1026">
        <v>0</v>
      </c>
      <c r="BM87" s="1078" t="s">
        <v>1500</v>
      </c>
      <c r="BN87" s="1044" t="s">
        <v>1584</v>
      </c>
      <c r="BO87" s="1130">
        <v>2406.81</v>
      </c>
      <c r="BP87" s="992"/>
      <c r="BQ87" s="1131" t="e">
        <f t="shared" si="42"/>
        <v>#VALUE!</v>
      </c>
      <c r="BR87" s="1131" t="e">
        <f t="shared" si="43"/>
        <v>#VALUE!</v>
      </c>
      <c r="BS87" s="1131" t="e">
        <f t="shared" si="44"/>
        <v>#VALUE!</v>
      </c>
      <c r="BT87" s="1131" t="e">
        <f t="shared" si="45"/>
        <v>#VALUE!</v>
      </c>
      <c r="BU87" s="1131" t="e">
        <f t="shared" si="46"/>
        <v>#VALUE!</v>
      </c>
      <c r="BV87" s="1131" t="e">
        <f t="shared" si="47"/>
        <v>#VALUE!</v>
      </c>
      <c r="BW87" s="1131" t="e">
        <f t="shared" si="48"/>
        <v>#VALUE!</v>
      </c>
      <c r="BX87" s="1131" t="e">
        <f t="shared" si="49"/>
        <v>#VALUE!</v>
      </c>
      <c r="BY87" s="1131" t="e">
        <f t="shared" si="50"/>
        <v>#VALUE!</v>
      </c>
      <c r="BZ87" s="1131" t="e">
        <f t="shared" si="51"/>
        <v>#VALUE!</v>
      </c>
      <c r="CA87" s="1131" t="e">
        <f t="shared" si="52"/>
        <v>#VALUE!</v>
      </c>
      <c r="CB87" s="1131" t="e">
        <f t="shared" si="53"/>
        <v>#VALUE!</v>
      </c>
      <c r="CC87" s="1131" t="e">
        <f t="shared" si="54"/>
        <v>#VALUE!</v>
      </c>
      <c r="CD87" s="1131" t="e">
        <f t="shared" si="55"/>
        <v>#VALUE!</v>
      </c>
      <c r="CE87" s="1131" t="e">
        <f t="shared" si="56"/>
        <v>#VALUE!</v>
      </c>
      <c r="CF87" s="1131" t="e">
        <f t="shared" si="57"/>
        <v>#VALUE!</v>
      </c>
      <c r="CG87" s="1131" t="e">
        <f t="shared" si="58"/>
        <v>#VALUE!</v>
      </c>
      <c r="CH87" s="1131" t="e">
        <f t="shared" si="59"/>
        <v>#VALUE!</v>
      </c>
      <c r="CI87" s="1131" t="e">
        <f t="shared" si="60"/>
        <v>#VALUE!</v>
      </c>
      <c r="CJ87" s="1131" t="e">
        <f t="shared" si="61"/>
        <v>#VALUE!</v>
      </c>
      <c r="CK87" s="1132" t="str">
        <f t="shared" si="62"/>
        <v>n/a</v>
      </c>
    </row>
    <row r="88" spans="1:89" ht="75" x14ac:dyDescent="0.2">
      <c r="A88" s="992"/>
      <c r="B88" s="1126" t="s">
        <v>66</v>
      </c>
      <c r="C88" s="1126"/>
      <c r="D88" s="1126"/>
      <c r="E88" s="1126"/>
      <c r="F88" s="1026" t="s">
        <v>1791</v>
      </c>
      <c r="G88" s="1026" t="s">
        <v>1023</v>
      </c>
      <c r="H88" s="1026" t="s">
        <v>1792</v>
      </c>
      <c r="I88" s="1026" t="s">
        <v>1487</v>
      </c>
      <c r="J88" s="1026">
        <v>51.752293999999999</v>
      </c>
      <c r="K88" s="1026">
        <v>-0.48378100000000002</v>
      </c>
      <c r="L88" s="1026" t="s">
        <v>1488</v>
      </c>
      <c r="M88" s="1026" t="s">
        <v>1489</v>
      </c>
      <c r="N88" s="1026">
        <v>1</v>
      </c>
      <c r="O88" s="1026" t="s">
        <v>932</v>
      </c>
      <c r="P88" s="1026" t="s">
        <v>1490</v>
      </c>
      <c r="Q88" s="1026" t="s">
        <v>1491</v>
      </c>
      <c r="R88" s="1026" t="s">
        <v>1492</v>
      </c>
      <c r="S88" s="1026" t="s">
        <v>1493</v>
      </c>
      <c r="T88" s="1026" t="s">
        <v>1779</v>
      </c>
      <c r="U88" s="1016" t="str">
        <f>_xlfn.XLOOKUP(F88, [4]GIS!D:D, [4]GIS!E:E, "Not mapped")</f>
        <v>Multiple - Scenario 2</v>
      </c>
      <c r="V88" s="1017" t="s">
        <v>1495</v>
      </c>
      <c r="W88" s="1018" t="s">
        <v>1496</v>
      </c>
      <c r="X88" s="1019" t="s">
        <v>1497</v>
      </c>
      <c r="Y88" s="1020" t="s">
        <v>1498</v>
      </c>
      <c r="Z88" s="1020" t="s">
        <v>1498</v>
      </c>
      <c r="AA88" s="1020" t="s">
        <v>1498</v>
      </c>
      <c r="AB88" s="1020" t="s">
        <v>1498</v>
      </c>
      <c r="AC88" s="1020" t="s">
        <v>1498</v>
      </c>
      <c r="AD88" s="1020" t="s">
        <v>1498</v>
      </c>
      <c r="AE88" s="1020" t="s">
        <v>1498</v>
      </c>
      <c r="AF88" s="1020" t="s">
        <v>1498</v>
      </c>
      <c r="AG88" s="1020" t="s">
        <v>1498</v>
      </c>
      <c r="AH88" s="1020" t="s">
        <v>1498</v>
      </c>
      <c r="AI88" s="1020" t="s">
        <v>1498</v>
      </c>
      <c r="AJ88" s="1020" t="s">
        <v>1498</v>
      </c>
      <c r="AK88" s="1020" t="str">
        <f>IF(AJ88="n/a","n/a",ROUND((AJ88*[4]TripRateCalculations!$V$6),0))</f>
        <v>n/a</v>
      </c>
      <c r="AL88" s="1020" t="s">
        <v>1498</v>
      </c>
      <c r="AM88" s="1020" t="s">
        <v>1498</v>
      </c>
      <c r="AN88" s="1020" t="str">
        <f>IF(AT88="n/a","n/a",ROUND((AT88*[4]TripRateCalculations!N$4),0))</f>
        <v>n/a</v>
      </c>
      <c r="AO88" s="1020" t="str">
        <f>IF(AU88="n/a","n/a",ROUND((AU88*[4]TripRateCalculations!O$4),0))</f>
        <v>n/a</v>
      </c>
      <c r="AP88" s="1020" t="str">
        <f>IF(AV88="n/a","n/a",ROUND((AV88*[4]TripRateCalculations!P$4),0))</f>
        <v>n/a</v>
      </c>
      <c r="AQ88" s="1020" t="s">
        <v>1498</v>
      </c>
      <c r="AR88" s="1020" t="str">
        <f>IF(AX88="n/a","n/a",ROUND((AX88*[4]TripRateCalculations!R$4),0))</f>
        <v>n/a</v>
      </c>
      <c r="AS88" s="1020" t="str">
        <f>IF(AY88="n/a","n/a",ROUND((AY88*[4]TripRateCalculations!S$4),0))</f>
        <v>n/a</v>
      </c>
      <c r="AT88" s="1020" t="s">
        <v>1498</v>
      </c>
      <c r="AU88" s="1020" t="s">
        <v>1498</v>
      </c>
      <c r="AV88" s="1020" t="s">
        <v>1498</v>
      </c>
      <c r="AW88" s="1020" t="s">
        <v>1498</v>
      </c>
      <c r="AX88" s="1020" t="s">
        <v>1498</v>
      </c>
      <c r="AY88" s="1020" t="s">
        <v>1498</v>
      </c>
      <c r="AZ88" s="1020" t="s">
        <v>1498</v>
      </c>
      <c r="BA88" s="1020" t="s">
        <v>1498</v>
      </c>
      <c r="BB88" s="1020" t="s">
        <v>1498</v>
      </c>
      <c r="BC88" s="1020" t="s">
        <v>1498</v>
      </c>
      <c r="BD88" s="1020" t="s">
        <v>1498</v>
      </c>
      <c r="BE88" s="1020" t="s">
        <v>1498</v>
      </c>
      <c r="BF88" s="1020" t="s">
        <v>1498</v>
      </c>
      <c r="BG88" s="1020" t="s">
        <v>1498</v>
      </c>
      <c r="BH88" s="1027" t="s">
        <v>1767</v>
      </c>
      <c r="BI88" s="1026" t="s">
        <v>722</v>
      </c>
      <c r="BJ88" s="1026" t="s">
        <v>53</v>
      </c>
      <c r="BK88" s="1042">
        <f>ROUND((VLOOKUP(F88,'[4]Cost Summary'!A:H,8,)),0.1)</f>
        <v>16659</v>
      </c>
      <c r="BL88" s="1026">
        <v>0</v>
      </c>
      <c r="BM88" s="1078" t="s">
        <v>1500</v>
      </c>
      <c r="BN88" s="1044" t="s">
        <v>1584</v>
      </c>
      <c r="BO88" s="1130">
        <v>10822.87</v>
      </c>
      <c r="BP88" s="992"/>
      <c r="BQ88" s="1131" t="e">
        <f t="shared" si="42"/>
        <v>#VALUE!</v>
      </c>
      <c r="BR88" s="1131" t="e">
        <f t="shared" si="43"/>
        <v>#VALUE!</v>
      </c>
      <c r="BS88" s="1131" t="e">
        <f t="shared" si="44"/>
        <v>#VALUE!</v>
      </c>
      <c r="BT88" s="1131" t="e">
        <f t="shared" si="45"/>
        <v>#VALUE!</v>
      </c>
      <c r="BU88" s="1131" t="e">
        <f t="shared" si="46"/>
        <v>#VALUE!</v>
      </c>
      <c r="BV88" s="1131" t="e">
        <f t="shared" si="47"/>
        <v>#VALUE!</v>
      </c>
      <c r="BW88" s="1131" t="e">
        <f t="shared" si="48"/>
        <v>#VALUE!</v>
      </c>
      <c r="BX88" s="1131" t="e">
        <f t="shared" si="49"/>
        <v>#VALUE!</v>
      </c>
      <c r="BY88" s="1131" t="e">
        <f t="shared" si="50"/>
        <v>#VALUE!</v>
      </c>
      <c r="BZ88" s="1131" t="e">
        <f t="shared" si="51"/>
        <v>#VALUE!</v>
      </c>
      <c r="CA88" s="1131" t="e">
        <f t="shared" si="52"/>
        <v>#VALUE!</v>
      </c>
      <c r="CB88" s="1131" t="e">
        <f t="shared" si="53"/>
        <v>#VALUE!</v>
      </c>
      <c r="CC88" s="1131" t="e">
        <f t="shared" si="54"/>
        <v>#VALUE!</v>
      </c>
      <c r="CD88" s="1131" t="e">
        <f t="shared" si="55"/>
        <v>#VALUE!</v>
      </c>
      <c r="CE88" s="1131" t="e">
        <f t="shared" si="56"/>
        <v>#VALUE!</v>
      </c>
      <c r="CF88" s="1131" t="e">
        <f t="shared" si="57"/>
        <v>#VALUE!</v>
      </c>
      <c r="CG88" s="1131" t="e">
        <f t="shared" si="58"/>
        <v>#VALUE!</v>
      </c>
      <c r="CH88" s="1131" t="e">
        <f t="shared" si="59"/>
        <v>#VALUE!</v>
      </c>
      <c r="CI88" s="1131" t="e">
        <f t="shared" si="60"/>
        <v>#VALUE!</v>
      </c>
      <c r="CJ88" s="1131" t="e">
        <f t="shared" si="61"/>
        <v>#VALUE!</v>
      </c>
      <c r="CK88" s="1132" t="str">
        <f t="shared" si="62"/>
        <v>n/a</v>
      </c>
    </row>
    <row r="89" spans="1:89" ht="57" x14ac:dyDescent="0.2">
      <c r="A89" s="992"/>
      <c r="B89" s="1126" t="s">
        <v>66</v>
      </c>
      <c r="C89" s="1126"/>
      <c r="D89" s="1126"/>
      <c r="E89" s="1126"/>
      <c r="F89" s="1026" t="s">
        <v>1793</v>
      </c>
      <c r="G89" s="1026" t="s">
        <v>949</v>
      </c>
      <c r="H89" s="1026" t="s">
        <v>950</v>
      </c>
      <c r="I89" s="1026" t="s">
        <v>1794</v>
      </c>
      <c r="J89" s="1026">
        <v>51.739498849999997</v>
      </c>
      <c r="K89" s="1026">
        <v>-0.47216532999999999</v>
      </c>
      <c r="L89" s="1026" t="s">
        <v>1522</v>
      </c>
      <c r="M89" s="1026" t="s">
        <v>1489</v>
      </c>
      <c r="N89" s="1026">
        <v>2</v>
      </c>
      <c r="O89" s="1026" t="s">
        <v>830</v>
      </c>
      <c r="P89" s="1026" t="s">
        <v>1490</v>
      </c>
      <c r="Q89" s="1026" t="s">
        <v>1491</v>
      </c>
      <c r="R89" s="1026" t="s">
        <v>1492</v>
      </c>
      <c r="S89" s="1026" t="s">
        <v>1493</v>
      </c>
      <c r="T89" s="1026" t="s">
        <v>1795</v>
      </c>
      <c r="U89" s="1016" t="str">
        <f>_xlfn.XLOOKUP(F89, [4]GIS!D:D, [4]GIS!E:E, "Not mapped")</f>
        <v>Multiple - Scenario 1</v>
      </c>
      <c r="V89" s="1026" t="s">
        <v>1707</v>
      </c>
      <c r="W89" s="1032" t="s">
        <v>1525</v>
      </c>
      <c r="X89" s="1032" t="s">
        <v>1526</v>
      </c>
      <c r="Y89" s="1033">
        <v>3</v>
      </c>
      <c r="Z89" s="1033">
        <v>3</v>
      </c>
      <c r="AA89" s="1033">
        <v>7</v>
      </c>
      <c r="AB89" s="1033">
        <v>4</v>
      </c>
      <c r="AC89" s="1033">
        <v>3</v>
      </c>
      <c r="AD89" s="1033">
        <v>18</v>
      </c>
      <c r="AE89" s="1033">
        <v>5</v>
      </c>
      <c r="AF89" s="1033">
        <v>84</v>
      </c>
      <c r="AG89" s="1033">
        <v>4</v>
      </c>
      <c r="AH89" s="1033">
        <v>2</v>
      </c>
      <c r="AI89" s="1033">
        <v>6</v>
      </c>
      <c r="AJ89" s="1033">
        <v>14</v>
      </c>
      <c r="AK89" s="1033">
        <f>IF(AJ89="n/a","n/a",ROUND((AJ89*[4]TripRateCalculations!$V$6),0))</f>
        <v>31</v>
      </c>
      <c r="AL89" s="1033">
        <v>2</v>
      </c>
      <c r="AM89" s="1033">
        <v>1</v>
      </c>
      <c r="AN89" s="1033">
        <f>IF(AT89="n/a","n/a",ROUND((AT89*[4]TripRateCalculations!N$4),0))</f>
        <v>2</v>
      </c>
      <c r="AO89" s="1033">
        <f>IF(AU89="n/a","n/a",ROUND((AU89*[4]TripRateCalculations!O$4),0))</f>
        <v>5</v>
      </c>
      <c r="AP89" s="1033">
        <f>IF(AV89="n/a","n/a",ROUND((AV89*[4]TripRateCalculations!P$4),0))</f>
        <v>1</v>
      </c>
      <c r="AQ89" s="1033">
        <f>IF(AW89="n/a","n/a",ROUND((AW89*[4]TripRateCalculations!Q$4),0))</f>
        <v>0</v>
      </c>
      <c r="AR89" s="1033">
        <f>IF(AX89="n/a","n/a",ROUND((AX89*[4]TripRateCalculations!R$4),0))</f>
        <v>0</v>
      </c>
      <c r="AS89" s="1033">
        <f>IF(AY89="n/a","n/a",ROUND((AY89*[4]TripRateCalculations!S$4),0))</f>
        <v>0</v>
      </c>
      <c r="AT89" s="1033">
        <v>7</v>
      </c>
      <c r="AU89" s="1033">
        <v>66</v>
      </c>
      <c r="AV89" s="1033">
        <v>3</v>
      </c>
      <c r="AW89" s="1033">
        <v>3</v>
      </c>
      <c r="AX89" s="1033">
        <v>4</v>
      </c>
      <c r="AY89" s="1033">
        <v>6</v>
      </c>
      <c r="AZ89" s="1041"/>
      <c r="BA89" s="1041">
        <v>2</v>
      </c>
      <c r="BB89" s="1041">
        <v>0</v>
      </c>
      <c r="BC89" s="1041">
        <v>0</v>
      </c>
      <c r="BD89" s="1041">
        <v>14</v>
      </c>
      <c r="BE89" s="1041">
        <v>2</v>
      </c>
      <c r="BF89" s="1041">
        <v>0</v>
      </c>
      <c r="BG89" s="1041">
        <f>IF(BF89="n/a","n/a",ROUND((BF89*[4]TripRateCalculations!Q$4),0))</f>
        <v>0</v>
      </c>
      <c r="BH89" s="1027" t="s">
        <v>1796</v>
      </c>
      <c r="BI89" s="1026" t="s">
        <v>834</v>
      </c>
      <c r="BJ89" s="1026" t="s">
        <v>53</v>
      </c>
      <c r="BK89" s="1028">
        <v>370629.19</v>
      </c>
      <c r="BL89" s="1029">
        <v>1</v>
      </c>
      <c r="BM89" s="1030">
        <v>7</v>
      </c>
      <c r="BN89" s="1025" t="s">
        <v>1501</v>
      </c>
      <c r="BO89" s="1130">
        <v>370629.19</v>
      </c>
      <c r="BP89" s="992"/>
      <c r="BQ89" s="1131">
        <f t="shared" si="42"/>
        <v>1.6759776536312849E-2</v>
      </c>
      <c r="BR89" s="1131">
        <f t="shared" si="43"/>
        <v>3.9106145251396648E-2</v>
      </c>
      <c r="BS89" s="1131">
        <f t="shared" si="44"/>
        <v>2.23463687150838E-2</v>
      </c>
      <c r="BT89" s="1131">
        <f t="shared" si="45"/>
        <v>1.6759776536312849E-2</v>
      </c>
      <c r="BU89" s="1131">
        <f t="shared" si="46"/>
        <v>0.1005586592178771</v>
      </c>
      <c r="BV89" s="1131">
        <f t="shared" si="47"/>
        <v>2.7932960893854747E-2</v>
      </c>
      <c r="BW89" s="1131">
        <f t="shared" si="48"/>
        <v>0.46927374301675978</v>
      </c>
      <c r="BX89" s="1131">
        <f t="shared" si="49"/>
        <v>2.23463687150838E-2</v>
      </c>
      <c r="BY89" s="1131">
        <f t="shared" si="50"/>
        <v>3.3519553072625698E-2</v>
      </c>
      <c r="BZ89" s="1131">
        <f t="shared" si="51"/>
        <v>0.17318435754189945</v>
      </c>
      <c r="CA89" s="1131">
        <f t="shared" si="52"/>
        <v>1.11731843575419E-2</v>
      </c>
      <c r="CB89" s="1131">
        <f t="shared" si="53"/>
        <v>5.5865921787709499E-3</v>
      </c>
      <c r="CC89" s="1131">
        <f t="shared" si="54"/>
        <v>1.11731843575419E-2</v>
      </c>
      <c r="CD89" s="1131">
        <f t="shared" si="55"/>
        <v>2.7932960893854747E-2</v>
      </c>
      <c r="CE89" s="1131">
        <f t="shared" si="56"/>
        <v>5.5865921787709499E-3</v>
      </c>
      <c r="CF89" s="1131">
        <f t="shared" si="57"/>
        <v>0</v>
      </c>
      <c r="CG89" s="1131">
        <f t="shared" si="58"/>
        <v>0</v>
      </c>
      <c r="CH89" s="1131">
        <f t="shared" si="59"/>
        <v>0</v>
      </c>
      <c r="CI89" s="1131">
        <f t="shared" si="60"/>
        <v>1.6759776536312849E-2</v>
      </c>
      <c r="CJ89" s="1131">
        <f t="shared" si="61"/>
        <v>0</v>
      </c>
      <c r="CK89" s="1132">
        <f t="shared" si="62"/>
        <v>1</v>
      </c>
    </row>
    <row r="90" spans="1:89" ht="30" x14ac:dyDescent="0.2">
      <c r="A90" s="992"/>
      <c r="B90" s="1126"/>
      <c r="C90" s="1126"/>
      <c r="D90" s="1126"/>
      <c r="E90" s="1126"/>
      <c r="F90" s="1031" t="s">
        <v>1797</v>
      </c>
      <c r="G90" s="1031" t="s">
        <v>844</v>
      </c>
      <c r="H90" s="1031" t="s">
        <v>845</v>
      </c>
      <c r="I90" s="1031" t="s">
        <v>1645</v>
      </c>
      <c r="J90" s="1031">
        <v>51.75270416</v>
      </c>
      <c r="K90" s="1031">
        <v>-0.43860870600000001</v>
      </c>
      <c r="L90" s="1031" t="s">
        <v>1522</v>
      </c>
      <c r="M90" s="1031" t="s">
        <v>1489</v>
      </c>
      <c r="N90" s="1031">
        <v>2</v>
      </c>
      <c r="O90" s="1031" t="s">
        <v>830</v>
      </c>
      <c r="P90" s="1031" t="s">
        <v>1616</v>
      </c>
      <c r="Q90" s="1031" t="s">
        <v>1630</v>
      </c>
      <c r="R90" s="1031" t="s">
        <v>1492</v>
      </c>
      <c r="S90" s="1031" t="s">
        <v>1493</v>
      </c>
      <c r="T90" s="1031" t="s">
        <v>1553</v>
      </c>
      <c r="U90" s="1016" t="str">
        <f>_xlfn.XLOOKUP(F90, [4]GIS!D:D, [4]GIS!E:E, "Not mapped")</f>
        <v>Single - Scenario 3</v>
      </c>
      <c r="V90" s="1031" t="s">
        <v>1508</v>
      </c>
      <c r="W90" s="1032" t="s">
        <v>1525</v>
      </c>
      <c r="X90" s="1032" t="s">
        <v>1526</v>
      </c>
      <c r="Y90" s="1033">
        <v>17</v>
      </c>
      <c r="Z90" s="1033">
        <v>20</v>
      </c>
      <c r="AA90" s="1033">
        <v>14</v>
      </c>
      <c r="AB90" s="1033">
        <v>21</v>
      </c>
      <c r="AC90" s="1033">
        <v>15</v>
      </c>
      <c r="AD90" s="1033">
        <v>35</v>
      </c>
      <c r="AE90" s="1033">
        <v>38</v>
      </c>
      <c r="AF90" s="1033">
        <v>57</v>
      </c>
      <c r="AG90" s="1033">
        <v>0</v>
      </c>
      <c r="AH90" s="1033">
        <v>6</v>
      </c>
      <c r="AI90" s="1033">
        <v>312</v>
      </c>
      <c r="AJ90" s="1033">
        <v>56</v>
      </c>
      <c r="AK90" s="1033">
        <f>IF(AJ90="n/a","n/a",ROUND((AJ90*[4]TripRateCalculations!$V$6),0))</f>
        <v>124</v>
      </c>
      <c r="AL90" s="1033">
        <v>0</v>
      </c>
      <c r="AM90" s="1033">
        <v>10</v>
      </c>
      <c r="AN90" s="1033">
        <f>IF(AT90="n/a","n/a",ROUND((AT90*[4]TripRateCalculations!N$4),0))</f>
        <v>5</v>
      </c>
      <c r="AO90" s="1033">
        <f>IF(AU90="n/a","n/a",ROUND((AU90*[4]TripRateCalculations!O$4),0))</f>
        <v>2</v>
      </c>
      <c r="AP90" s="1033">
        <f>IF(AV90="n/a","n/a",ROUND((AV90*[4]TripRateCalculations!P$4),0))</f>
        <v>5</v>
      </c>
      <c r="AQ90" s="1033">
        <f>IF(AW90="n/a","n/a",ROUND((AW90*[4]TripRateCalculations!Q$4),0))</f>
        <v>21</v>
      </c>
      <c r="AR90" s="1033">
        <f>IF(AX90="n/a","n/a",ROUND((AX90*[4]TripRateCalculations!R$4),0))</f>
        <v>3</v>
      </c>
      <c r="AS90" s="1033">
        <f>IF(AY90="n/a","n/a",ROUND((AY90*[4]TripRateCalculations!S$4),0))</f>
        <v>0</v>
      </c>
      <c r="AT90" s="1033">
        <v>21</v>
      </c>
      <c r="AU90" s="1033">
        <v>20</v>
      </c>
      <c r="AV90" s="1033">
        <v>17</v>
      </c>
      <c r="AW90" s="1033">
        <v>141</v>
      </c>
      <c r="AX90" s="1033">
        <v>31</v>
      </c>
      <c r="AY90" s="1033">
        <v>3</v>
      </c>
      <c r="AZ90" s="1041">
        <v>158</v>
      </c>
      <c r="BA90" s="1041">
        <v>11</v>
      </c>
      <c r="BB90" s="1041">
        <v>25</v>
      </c>
      <c r="BC90" s="1041">
        <v>88</v>
      </c>
      <c r="BD90" s="1041">
        <v>89</v>
      </c>
      <c r="BE90" s="1041">
        <v>7</v>
      </c>
      <c r="BF90" s="1041">
        <v>207</v>
      </c>
      <c r="BG90" s="1041">
        <f>IF(BF90="n/a","n/a",ROUND((BF90*[4]TripRateCalculations!Q$4),0))</f>
        <v>30</v>
      </c>
      <c r="BH90" s="1036" t="s">
        <v>1554</v>
      </c>
      <c r="BI90" s="1031" t="s">
        <v>834</v>
      </c>
      <c r="BJ90" s="1031" t="s">
        <v>53</v>
      </c>
      <c r="BK90" s="1037">
        <v>370629.19</v>
      </c>
      <c r="BL90" s="1038">
        <v>1</v>
      </c>
      <c r="BM90" s="1039">
        <v>8</v>
      </c>
      <c r="BN90" s="1025" t="s">
        <v>1501</v>
      </c>
      <c r="BO90" s="1130">
        <v>370629.19</v>
      </c>
      <c r="BP90" s="992"/>
      <c r="BQ90" s="1131">
        <f t="shared" si="42"/>
        <v>2.3337222870478413E-2</v>
      </c>
      <c r="BR90" s="1131">
        <f t="shared" si="43"/>
        <v>1.6336056009334889E-2</v>
      </c>
      <c r="BS90" s="1131">
        <f t="shared" si="44"/>
        <v>2.4504084014002333E-2</v>
      </c>
      <c r="BT90" s="1131">
        <f t="shared" si="45"/>
        <v>1.7502917152858809E-2</v>
      </c>
      <c r="BU90" s="1131">
        <f t="shared" si="46"/>
        <v>4.0840140023337225E-2</v>
      </c>
      <c r="BV90" s="1131">
        <f t="shared" si="47"/>
        <v>4.4340723453908985E-2</v>
      </c>
      <c r="BW90" s="1131">
        <f t="shared" si="48"/>
        <v>6.6511085180863475E-2</v>
      </c>
      <c r="BX90" s="1131">
        <f t="shared" si="49"/>
        <v>0</v>
      </c>
      <c r="BY90" s="1131">
        <f t="shared" si="50"/>
        <v>0.36406067677946324</v>
      </c>
      <c r="BZ90" s="1131">
        <f t="shared" si="51"/>
        <v>0.14469078179696615</v>
      </c>
      <c r="CA90" s="1131">
        <f t="shared" si="52"/>
        <v>0</v>
      </c>
      <c r="CB90" s="1131">
        <f t="shared" si="53"/>
        <v>1.1668611435239206E-2</v>
      </c>
      <c r="CC90" s="1131">
        <f t="shared" si="54"/>
        <v>5.8343057176196032E-3</v>
      </c>
      <c r="CD90" s="1131">
        <f t="shared" si="55"/>
        <v>2.3337222870478411E-3</v>
      </c>
      <c r="CE90" s="1131">
        <f t="shared" si="56"/>
        <v>5.8343057176196032E-3</v>
      </c>
      <c r="CF90" s="1131">
        <f t="shared" si="57"/>
        <v>3.5005834305717621E-3</v>
      </c>
      <c r="CG90" s="1131">
        <f t="shared" si="58"/>
        <v>0</v>
      </c>
      <c r="CH90" s="1131">
        <f t="shared" si="59"/>
        <v>0.18436406067677946</v>
      </c>
      <c r="CI90" s="1131">
        <f t="shared" si="60"/>
        <v>1.9836639439906652E-2</v>
      </c>
      <c r="CJ90" s="1131">
        <f t="shared" si="61"/>
        <v>2.4504084014002333E-2</v>
      </c>
      <c r="CK90" s="1132">
        <f t="shared" si="62"/>
        <v>0.99999999999999989</v>
      </c>
    </row>
    <row r="91" spans="1:89" ht="30" x14ac:dyDescent="0.2">
      <c r="A91" s="992" t="s">
        <v>66</v>
      </c>
      <c r="B91" s="1126"/>
      <c r="C91" s="1126"/>
      <c r="D91" s="1126" t="s">
        <v>66</v>
      </c>
      <c r="E91" s="1126"/>
      <c r="F91" s="1066" t="s">
        <v>1798</v>
      </c>
      <c r="G91" s="1066" t="s">
        <v>1030</v>
      </c>
      <c r="H91" s="1066" t="s">
        <v>1031</v>
      </c>
      <c r="I91" s="1066"/>
      <c r="J91" s="1066">
        <v>51.741415000000003</v>
      </c>
      <c r="K91" s="1066">
        <v>-0.48150300000000001</v>
      </c>
      <c r="L91" s="1066" t="s">
        <v>1488</v>
      </c>
      <c r="M91" s="1066" t="s">
        <v>1489</v>
      </c>
      <c r="N91" s="1066"/>
      <c r="O91" s="1066" t="s">
        <v>900</v>
      </c>
      <c r="P91" s="1066" t="s">
        <v>1490</v>
      </c>
      <c r="Q91" s="1066" t="s">
        <v>1491</v>
      </c>
      <c r="R91" s="1066" t="s">
        <v>1492</v>
      </c>
      <c r="S91" s="1066" t="s">
        <v>1493</v>
      </c>
      <c r="T91" s="1066" t="s">
        <v>1799</v>
      </c>
      <c r="U91" s="1067" t="str">
        <f>_xlfn.XLOOKUP(F91, [4]GIS!D:D, [4]GIS!E:E, "Not mapped")</f>
        <v>Not mapped</v>
      </c>
      <c r="V91" s="1066" t="s">
        <v>1707</v>
      </c>
      <c r="W91" s="1068"/>
      <c r="X91" s="1069" t="s">
        <v>1719</v>
      </c>
      <c r="Y91" s="1092"/>
      <c r="Z91" s="1092"/>
      <c r="AA91" s="1092"/>
      <c r="AB91" s="1092"/>
      <c r="AC91" s="1092"/>
      <c r="AD91" s="1092"/>
      <c r="AE91" s="1092"/>
      <c r="AF91" s="1093"/>
      <c r="AG91" s="1066"/>
      <c r="AH91" s="1074"/>
      <c r="AI91" s="1066"/>
      <c r="AJ91" s="1066"/>
      <c r="AK91" s="1066">
        <f>IF(AJ91="n/a","n/a",ROUND((AJ91*[4]TripRateCalculations!$V$6),0))</f>
        <v>0</v>
      </c>
      <c r="AL91" s="1066"/>
      <c r="AM91" s="1066"/>
      <c r="AN91" s="1066">
        <f>IF(AT91="n/a","n/a",ROUND((AT91*[4]TripRateCalculations!N$4),0))</f>
        <v>0</v>
      </c>
      <c r="AO91" s="1066">
        <f>IF(AU91="n/a","n/a",ROUND((AU91*[4]TripRateCalculations!O$4),0))</f>
        <v>0</v>
      </c>
      <c r="AP91" s="1066">
        <f>IF(AV91="n/a","n/a",ROUND((AV91*[4]TripRateCalculations!P$4),0))</f>
        <v>0</v>
      </c>
      <c r="AQ91" s="1066"/>
      <c r="AR91" s="1066">
        <f>IF(AX91="n/a","n/a",ROUND((AX91*[4]TripRateCalculations!R$4),0))</f>
        <v>0</v>
      </c>
      <c r="AS91" s="1066">
        <f>IF(AY91="n/a","n/a",ROUND((AY91*[4]TripRateCalculations!S$4),0))</f>
        <v>0</v>
      </c>
      <c r="AT91" s="1066"/>
      <c r="AU91" s="1066"/>
      <c r="AV91" s="1066"/>
      <c r="AW91" s="1066"/>
      <c r="AX91" s="1066"/>
      <c r="AY91" s="1066"/>
      <c r="AZ91" s="1074"/>
      <c r="BA91" s="1074"/>
      <c r="BB91" s="1074"/>
      <c r="BC91" s="1074"/>
      <c r="BD91" s="1074"/>
      <c r="BE91" s="1074"/>
      <c r="BF91" s="1074"/>
      <c r="BG91" s="1074"/>
      <c r="BH91" s="1074" t="s">
        <v>1800</v>
      </c>
      <c r="BI91" s="1066" t="s">
        <v>722</v>
      </c>
      <c r="BJ91" s="1066" t="s">
        <v>53</v>
      </c>
      <c r="BK91" s="1068">
        <v>24667.5</v>
      </c>
      <c r="BL91" s="1075">
        <v>0</v>
      </c>
      <c r="BM91" s="1094" t="s">
        <v>1500</v>
      </c>
      <c r="BN91" s="1077" t="s">
        <v>1721</v>
      </c>
      <c r="BO91" s="992">
        <v>24667.5</v>
      </c>
      <c r="BP91" s="992"/>
      <c r="BQ91" s="1131" t="e">
        <f t="shared" si="42"/>
        <v>#DIV/0!</v>
      </c>
      <c r="BR91" s="1131" t="e">
        <f t="shared" si="43"/>
        <v>#DIV/0!</v>
      </c>
      <c r="BS91" s="1131" t="e">
        <f t="shared" si="44"/>
        <v>#DIV/0!</v>
      </c>
      <c r="BT91" s="1131" t="e">
        <f t="shared" si="45"/>
        <v>#DIV/0!</v>
      </c>
      <c r="BU91" s="1131" t="e">
        <f t="shared" si="46"/>
        <v>#DIV/0!</v>
      </c>
      <c r="BV91" s="1131" t="e">
        <f t="shared" si="47"/>
        <v>#DIV/0!</v>
      </c>
      <c r="BW91" s="1131" t="e">
        <f t="shared" si="48"/>
        <v>#DIV/0!</v>
      </c>
      <c r="BX91" s="1131" t="e">
        <f t="shared" si="49"/>
        <v>#DIV/0!</v>
      </c>
      <c r="BY91" s="1131" t="e">
        <f t="shared" si="50"/>
        <v>#DIV/0!</v>
      </c>
      <c r="BZ91" s="1131" t="e">
        <f t="shared" si="51"/>
        <v>#DIV/0!</v>
      </c>
      <c r="CA91" s="1131" t="e">
        <f t="shared" si="52"/>
        <v>#DIV/0!</v>
      </c>
      <c r="CB91" s="1131" t="e">
        <f t="shared" si="53"/>
        <v>#DIV/0!</v>
      </c>
      <c r="CC91" s="1131" t="e">
        <f t="shared" si="54"/>
        <v>#DIV/0!</v>
      </c>
      <c r="CD91" s="1131" t="e">
        <f t="shared" si="55"/>
        <v>#DIV/0!</v>
      </c>
      <c r="CE91" s="1131" t="e">
        <f t="shared" si="56"/>
        <v>#DIV/0!</v>
      </c>
      <c r="CF91" s="1131" t="e">
        <f t="shared" si="57"/>
        <v>#DIV/0!</v>
      </c>
      <c r="CG91" s="1131" t="e">
        <f t="shared" si="58"/>
        <v>#DIV/0!</v>
      </c>
      <c r="CH91" s="1131" t="e">
        <f t="shared" si="59"/>
        <v>#DIV/0!</v>
      </c>
      <c r="CI91" s="1131" t="e">
        <f t="shared" si="60"/>
        <v>#DIV/0!</v>
      </c>
      <c r="CJ91" s="1131" t="e">
        <f t="shared" si="61"/>
        <v>#DIV/0!</v>
      </c>
      <c r="CK91" s="1132" t="str">
        <f t="shared" si="62"/>
        <v>n/a</v>
      </c>
    </row>
    <row r="92" spans="1:89" ht="242.25" x14ac:dyDescent="0.2">
      <c r="A92" s="992"/>
      <c r="B92" s="1126"/>
      <c r="C92" s="1126"/>
      <c r="D92" s="1126"/>
      <c r="E92" s="1126"/>
      <c r="F92" s="1026" t="s">
        <v>1801</v>
      </c>
      <c r="G92" s="1026" t="s">
        <v>963</v>
      </c>
      <c r="H92" s="1026" t="s">
        <v>1802</v>
      </c>
      <c r="I92" s="1026" t="s">
        <v>1569</v>
      </c>
      <c r="J92" s="1026" t="s">
        <v>1521</v>
      </c>
      <c r="K92" s="1026" t="s">
        <v>1521</v>
      </c>
      <c r="L92" s="1026" t="s">
        <v>1522</v>
      </c>
      <c r="M92" s="1026" t="s">
        <v>1523</v>
      </c>
      <c r="N92" s="1026">
        <v>2</v>
      </c>
      <c r="O92" s="1026" t="s">
        <v>932</v>
      </c>
      <c r="P92" s="1026" t="s">
        <v>1490</v>
      </c>
      <c r="Q92" s="1026" t="s">
        <v>1491</v>
      </c>
      <c r="R92" s="1026" t="s">
        <v>1492</v>
      </c>
      <c r="S92" s="1026" t="s">
        <v>1493</v>
      </c>
      <c r="T92" s="1026" t="s">
        <v>1504</v>
      </c>
      <c r="U92" s="1016" t="str">
        <f>_xlfn.XLOOKUP(F92, [4]GIS!D:D, [4]GIS!E:E, "Not mapped")</f>
        <v>Single - Scenario 2 (longer segment, one edge in close proximity of a development)</v>
      </c>
      <c r="V92" s="1015" t="s">
        <v>1542</v>
      </c>
      <c r="W92" s="1032" t="s">
        <v>1525</v>
      </c>
      <c r="X92" s="1032" t="s">
        <v>1526</v>
      </c>
      <c r="Y92" s="1034">
        <v>5</v>
      </c>
      <c r="Z92" s="1034">
        <v>2</v>
      </c>
      <c r="AA92" s="1034">
        <v>1</v>
      </c>
      <c r="AB92" s="1034">
        <v>0</v>
      </c>
      <c r="AC92" s="1034">
        <v>1</v>
      </c>
      <c r="AD92" s="1034">
        <v>2</v>
      </c>
      <c r="AE92" s="1034">
        <v>1</v>
      </c>
      <c r="AF92" s="1147">
        <v>11</v>
      </c>
      <c r="AG92" s="1034">
        <v>10</v>
      </c>
      <c r="AH92" s="1035">
        <v>1</v>
      </c>
      <c r="AI92" s="1034">
        <v>5</v>
      </c>
      <c r="AJ92" s="1034">
        <v>2</v>
      </c>
      <c r="AK92" s="1034">
        <f>IF(AJ92="n/a","n/a",ROUND((AJ92*[4]TripRateCalculations!$V$6),0))</f>
        <v>4</v>
      </c>
      <c r="AL92" s="1034">
        <v>8</v>
      </c>
      <c r="AM92" s="1034">
        <v>6</v>
      </c>
      <c r="AN92" s="1034">
        <f>IF(AT92="n/a","n/a",ROUND((AT92*[4]TripRateCalculations!N$4),0))</f>
        <v>2</v>
      </c>
      <c r="AO92" s="1034">
        <f>IF(AU92="n/a","n/a",ROUND((AU92*[4]TripRateCalculations!O$4),0))</f>
        <v>0</v>
      </c>
      <c r="AP92" s="1034">
        <f>IF(AV92="n/a","n/a",ROUND((AV92*[4]TripRateCalculations!P$4),0))</f>
        <v>4</v>
      </c>
      <c r="AQ92" s="1034">
        <f>IF(AW92="n/a","n/a",ROUND((AW92*[4]TripRateCalculations!Q$4),0))</f>
        <v>2</v>
      </c>
      <c r="AR92" s="1034">
        <f>IF(AX92="n/a","n/a",ROUND((AX92*[4]TripRateCalculations!R$4),0))</f>
        <v>1</v>
      </c>
      <c r="AS92" s="1034">
        <f>IF(AY92="n/a","n/a",ROUND((AY92*[4]TripRateCalculations!S$4),0))</f>
        <v>0</v>
      </c>
      <c r="AT92" s="1034">
        <v>11</v>
      </c>
      <c r="AU92" s="1034">
        <v>2</v>
      </c>
      <c r="AV92" s="1034">
        <v>14</v>
      </c>
      <c r="AW92" s="1034">
        <v>17</v>
      </c>
      <c r="AX92" s="1034">
        <v>10</v>
      </c>
      <c r="AY92" s="1034">
        <v>6</v>
      </c>
      <c r="AZ92" s="1035">
        <v>7</v>
      </c>
      <c r="BA92" s="1035">
        <v>3</v>
      </c>
      <c r="BB92" s="1035">
        <v>2</v>
      </c>
      <c r="BC92" s="1035">
        <v>1</v>
      </c>
      <c r="BD92" s="1035">
        <v>1</v>
      </c>
      <c r="BE92" s="1035">
        <v>1</v>
      </c>
      <c r="BF92" s="1035">
        <v>93</v>
      </c>
      <c r="BG92" s="1035">
        <f>IF(BF92="n/a","n/a",ROUND((BF92*[4]TripRateCalculations!Q$4),0))</f>
        <v>14</v>
      </c>
      <c r="BH92" s="1027" t="s">
        <v>1642</v>
      </c>
      <c r="BI92" s="1026" t="s">
        <v>834</v>
      </c>
      <c r="BJ92" s="1026" t="s">
        <v>53</v>
      </c>
      <c r="BK92" s="1042">
        <f>ROUND((VLOOKUP(F92,'[4]Cost Summary'!A:H,8,)),0.1)</f>
        <v>1635197</v>
      </c>
      <c r="BL92" s="1026">
        <v>2</v>
      </c>
      <c r="BM92" s="1078" t="s">
        <v>1803</v>
      </c>
      <c r="BN92" s="1044" t="s">
        <v>1584</v>
      </c>
      <c r="BO92" s="1130">
        <v>1062347</v>
      </c>
      <c r="BP92" s="992"/>
      <c r="BQ92" s="1131">
        <f t="shared" si="42"/>
        <v>2.7777777777777776E-2</v>
      </c>
      <c r="BR92" s="1131">
        <f t="shared" si="43"/>
        <v>1.3888888888888888E-2</v>
      </c>
      <c r="BS92" s="1131">
        <f t="shared" si="44"/>
        <v>0</v>
      </c>
      <c r="BT92" s="1131">
        <f t="shared" si="45"/>
        <v>1.3888888888888888E-2</v>
      </c>
      <c r="BU92" s="1131">
        <f t="shared" si="46"/>
        <v>2.7777777777777776E-2</v>
      </c>
      <c r="BV92" s="1131">
        <f t="shared" si="47"/>
        <v>1.3888888888888888E-2</v>
      </c>
      <c r="BW92" s="1131">
        <f t="shared" si="48"/>
        <v>0.15277777777777779</v>
      </c>
      <c r="BX92" s="1131">
        <f t="shared" si="49"/>
        <v>0.1388888888888889</v>
      </c>
      <c r="BY92" s="1131">
        <f t="shared" si="50"/>
        <v>6.9444444444444448E-2</v>
      </c>
      <c r="BZ92" s="1131">
        <f t="shared" si="51"/>
        <v>5.5555555555555552E-2</v>
      </c>
      <c r="CA92" s="1131">
        <f t="shared" si="52"/>
        <v>0.1111111111111111</v>
      </c>
      <c r="CB92" s="1131">
        <f t="shared" si="53"/>
        <v>8.3333333333333329E-2</v>
      </c>
      <c r="CC92" s="1131">
        <f t="shared" si="54"/>
        <v>2.7777777777777776E-2</v>
      </c>
      <c r="CD92" s="1131">
        <f t="shared" si="55"/>
        <v>0</v>
      </c>
      <c r="CE92" s="1131">
        <f t="shared" si="56"/>
        <v>5.5555555555555552E-2</v>
      </c>
      <c r="CF92" s="1131">
        <f t="shared" si="57"/>
        <v>1.3888888888888888E-2</v>
      </c>
      <c r="CG92" s="1131">
        <f t="shared" si="58"/>
        <v>0</v>
      </c>
      <c r="CH92" s="1131">
        <f t="shared" si="59"/>
        <v>9.7222222222222224E-2</v>
      </c>
      <c r="CI92" s="1131">
        <f t="shared" si="60"/>
        <v>6.9444444444444448E-2</v>
      </c>
      <c r="CJ92" s="1131">
        <f t="shared" si="61"/>
        <v>2.7777777777777776E-2</v>
      </c>
      <c r="CK92" s="1132">
        <f t="shared" si="62"/>
        <v>1</v>
      </c>
    </row>
    <row r="93" spans="1:89" ht="42.75" x14ac:dyDescent="0.2">
      <c r="A93" s="992" t="s">
        <v>66</v>
      </c>
      <c r="B93" s="1126"/>
      <c r="C93" s="1126"/>
      <c r="D93" s="1126"/>
      <c r="E93" s="1126"/>
      <c r="F93" s="1026" t="s">
        <v>1804</v>
      </c>
      <c r="G93" s="1026" t="s">
        <v>971</v>
      </c>
      <c r="H93" s="1026" t="s">
        <v>972</v>
      </c>
      <c r="I93" s="1026" t="s">
        <v>1805</v>
      </c>
      <c r="J93" s="1026">
        <v>51.756335630000002</v>
      </c>
      <c r="K93" s="1026">
        <v>-0.47278285799999997</v>
      </c>
      <c r="L93" s="1026" t="s">
        <v>1522</v>
      </c>
      <c r="M93" s="1026" t="s">
        <v>1489</v>
      </c>
      <c r="N93" s="1026">
        <v>2</v>
      </c>
      <c r="O93" s="1026" t="s">
        <v>830</v>
      </c>
      <c r="P93" s="1026" t="s">
        <v>1490</v>
      </c>
      <c r="Q93" s="1026" t="s">
        <v>1491</v>
      </c>
      <c r="R93" s="1026" t="s">
        <v>1492</v>
      </c>
      <c r="S93" s="1026" t="s">
        <v>1493</v>
      </c>
      <c r="T93" s="1026" t="s">
        <v>1806</v>
      </c>
      <c r="U93" s="1016" t="str">
        <f>_xlfn.XLOOKUP(F93, [4]GIS!D:D, [4]GIS!E:E, "Not mapped")</f>
        <v>Single - Scenario 2</v>
      </c>
      <c r="V93" s="1026" t="s">
        <v>1546</v>
      </c>
      <c r="W93" s="1032" t="s">
        <v>1525</v>
      </c>
      <c r="X93" s="1032" t="s">
        <v>1526</v>
      </c>
      <c r="Y93" s="1033">
        <v>101</v>
      </c>
      <c r="Z93" s="1033">
        <v>8</v>
      </c>
      <c r="AA93" s="1033">
        <v>1</v>
      </c>
      <c r="AB93" s="1033">
        <v>2</v>
      </c>
      <c r="AC93" s="1033">
        <v>1</v>
      </c>
      <c r="AD93" s="1034">
        <v>0</v>
      </c>
      <c r="AE93" s="1034">
        <v>1</v>
      </c>
      <c r="AF93" s="1034">
        <v>1</v>
      </c>
      <c r="AG93" s="1033">
        <v>4</v>
      </c>
      <c r="AH93" s="1034">
        <v>1</v>
      </c>
      <c r="AI93" s="1034">
        <v>5</v>
      </c>
      <c r="AJ93" s="1034">
        <v>5</v>
      </c>
      <c r="AK93" s="1034">
        <f>IF(AJ93="n/a","n/a",ROUND((AJ93*[4]TripRateCalculations!$V$6),0))</f>
        <v>11</v>
      </c>
      <c r="AL93" s="1034">
        <v>2</v>
      </c>
      <c r="AM93" s="1034">
        <v>1</v>
      </c>
      <c r="AN93" s="1034">
        <f>IF(AT93="n/a","n/a",ROUND((AT93*[4]TripRateCalculations!N$4),0))</f>
        <v>2</v>
      </c>
      <c r="AO93" s="1034">
        <f>IF(AU93="n/a","n/a",ROUND((AU93*[4]TripRateCalculations!O$4),0))</f>
        <v>0</v>
      </c>
      <c r="AP93" s="1034">
        <f>IF(AV93="n/a","n/a",ROUND((AV93*[4]TripRateCalculations!P$4),0))</f>
        <v>0</v>
      </c>
      <c r="AQ93" s="1034">
        <f>AW93*[4]TripRateCalculations!Q$4</f>
        <v>0.58581235697940504</v>
      </c>
      <c r="AR93" s="1034">
        <f>IF(AX93="n/a","n/a",ROUND((AX93*[4]TripRateCalculations!R$4),0))</f>
        <v>0</v>
      </c>
      <c r="AS93" s="1034">
        <f>IF(AY93="n/a","n/a",ROUND((AY93*[4]TripRateCalculations!S$4),0))</f>
        <v>0</v>
      </c>
      <c r="AT93" s="1034">
        <v>7</v>
      </c>
      <c r="AU93" s="1034">
        <v>4</v>
      </c>
      <c r="AV93" s="1034">
        <v>1</v>
      </c>
      <c r="AW93" s="1034">
        <v>4</v>
      </c>
      <c r="AX93" s="1034">
        <v>3</v>
      </c>
      <c r="AY93" s="1034">
        <v>3</v>
      </c>
      <c r="AZ93" s="1035">
        <v>5</v>
      </c>
      <c r="BA93" s="1035">
        <v>9</v>
      </c>
      <c r="BB93" s="1035">
        <v>2</v>
      </c>
      <c r="BC93" s="1035">
        <v>0</v>
      </c>
      <c r="BD93" s="1035">
        <v>2</v>
      </c>
      <c r="BE93" s="1035">
        <v>0</v>
      </c>
      <c r="BF93" s="1035">
        <v>18</v>
      </c>
      <c r="BG93" s="1035">
        <f>BF93*[4]TripRateCalculations!$Q$4</f>
        <v>2.6361556064073226</v>
      </c>
      <c r="BH93" s="1027" t="s">
        <v>1807</v>
      </c>
      <c r="BI93" s="1026" t="s">
        <v>834</v>
      </c>
      <c r="BJ93" s="1026" t="s">
        <v>53</v>
      </c>
      <c r="BK93" s="1028">
        <v>370629.19</v>
      </c>
      <c r="BL93" s="1026">
        <v>2</v>
      </c>
      <c r="BM93" s="1078" t="s">
        <v>1808</v>
      </c>
      <c r="BN93" s="1025" t="s">
        <v>1501</v>
      </c>
      <c r="BO93" s="1130">
        <v>1041842.14</v>
      </c>
      <c r="BP93" s="992"/>
      <c r="BQ93" s="1131">
        <f t="shared" si="42"/>
        <v>5.4950409455997232E-2</v>
      </c>
      <c r="BR93" s="1131">
        <f t="shared" si="43"/>
        <v>6.868801181999654E-3</v>
      </c>
      <c r="BS93" s="1131">
        <f t="shared" si="44"/>
        <v>1.3737602363999308E-2</v>
      </c>
      <c r="BT93" s="1131">
        <f t="shared" si="45"/>
        <v>6.868801181999654E-3</v>
      </c>
      <c r="BU93" s="1131">
        <f t="shared" si="46"/>
        <v>0</v>
      </c>
      <c r="BV93" s="1131">
        <f t="shared" si="47"/>
        <v>6.868801181999654E-3</v>
      </c>
      <c r="BW93" s="1131">
        <f t="shared" si="48"/>
        <v>6.868801181999654E-3</v>
      </c>
      <c r="BX93" s="1131">
        <f t="shared" si="49"/>
        <v>2.7475204727998616E-2</v>
      </c>
      <c r="BY93" s="1131">
        <f t="shared" si="50"/>
        <v>3.4344005909998268E-2</v>
      </c>
      <c r="BZ93" s="1131">
        <f t="shared" si="51"/>
        <v>7.5556813001996195E-2</v>
      </c>
      <c r="CA93" s="1131">
        <f t="shared" si="52"/>
        <v>1.3737602363999308E-2</v>
      </c>
      <c r="CB93" s="1131">
        <f t="shared" si="53"/>
        <v>6.868801181999654E-3</v>
      </c>
      <c r="CC93" s="1131">
        <f t="shared" si="54"/>
        <v>1.3737602363999308E-2</v>
      </c>
      <c r="CD93" s="1131">
        <f t="shared" si="55"/>
        <v>0</v>
      </c>
      <c r="CE93" s="1131">
        <f t="shared" si="56"/>
        <v>0</v>
      </c>
      <c r="CF93" s="1131">
        <f t="shared" si="57"/>
        <v>0</v>
      </c>
      <c r="CG93" s="1131">
        <f t="shared" si="58"/>
        <v>0</v>
      </c>
      <c r="CH93" s="1131">
        <f t="shared" si="59"/>
        <v>3.4344005909998268E-2</v>
      </c>
      <c r="CI93" s="1131">
        <f t="shared" si="60"/>
        <v>0.69374891938196503</v>
      </c>
      <c r="CJ93" s="1131">
        <f t="shared" si="61"/>
        <v>4.0238286100501407E-3</v>
      </c>
      <c r="CK93" s="1132">
        <f t="shared" si="62"/>
        <v>0.99999999999999989</v>
      </c>
    </row>
    <row r="94" spans="1:89" ht="75" x14ac:dyDescent="0.2">
      <c r="A94" s="992" t="s">
        <v>66</v>
      </c>
      <c r="B94" s="1126" t="s">
        <v>66</v>
      </c>
      <c r="C94" s="1126"/>
      <c r="D94" s="1126"/>
      <c r="E94" s="1126"/>
      <c r="F94" s="1026" t="s">
        <v>1809</v>
      </c>
      <c r="G94" s="1026" t="s">
        <v>847</v>
      </c>
      <c r="H94" s="1026" t="s">
        <v>848</v>
      </c>
      <c r="I94" s="1026" t="s">
        <v>1810</v>
      </c>
      <c r="J94" s="1026">
        <v>51.749176949999999</v>
      </c>
      <c r="K94" s="1026">
        <v>-0.455498927</v>
      </c>
      <c r="L94" s="1026" t="s">
        <v>1522</v>
      </c>
      <c r="M94" s="1026" t="s">
        <v>1489</v>
      </c>
      <c r="N94" s="1026">
        <v>2</v>
      </c>
      <c r="O94" s="1026" t="s">
        <v>830</v>
      </c>
      <c r="P94" s="1026" t="s">
        <v>1578</v>
      </c>
      <c r="Q94" s="1026" t="s">
        <v>1491</v>
      </c>
      <c r="R94" s="1026" t="s">
        <v>1492</v>
      </c>
      <c r="S94" s="1026" t="s">
        <v>1493</v>
      </c>
      <c r="T94" s="1026" t="s">
        <v>1504</v>
      </c>
      <c r="U94" s="1016" t="str">
        <f>_xlfn.XLOOKUP(F94, [4]GIS!D:D, [4]GIS!E:E, "Not mapped")</f>
        <v>Multiple - Scenario 2</v>
      </c>
      <c r="V94" s="1031" t="s">
        <v>1495</v>
      </c>
      <c r="W94" s="1032" t="s">
        <v>1525</v>
      </c>
      <c r="X94" s="1032" t="s">
        <v>1526</v>
      </c>
      <c r="Y94" s="1033">
        <v>0</v>
      </c>
      <c r="Z94" s="1033">
        <v>0</v>
      </c>
      <c r="AA94" s="1033">
        <v>0</v>
      </c>
      <c r="AB94" s="1033">
        <v>0</v>
      </c>
      <c r="AC94" s="1033">
        <v>0</v>
      </c>
      <c r="AD94" s="1034">
        <v>0</v>
      </c>
      <c r="AE94" s="1034">
        <v>0</v>
      </c>
      <c r="AF94" s="1034">
        <v>1</v>
      </c>
      <c r="AG94" s="1034">
        <v>1</v>
      </c>
      <c r="AH94" s="1034">
        <v>0</v>
      </c>
      <c r="AI94" s="1034">
        <v>4</v>
      </c>
      <c r="AJ94" s="1034">
        <v>1</v>
      </c>
      <c r="AK94" s="1034">
        <f>IF(AJ94="n/a","n/a",ROUND((AJ94*[4]TripRateCalculations!$V$6),0))</f>
        <v>2</v>
      </c>
      <c r="AL94" s="1034">
        <v>0</v>
      </c>
      <c r="AM94" s="1034">
        <v>1</v>
      </c>
      <c r="AN94" s="1034">
        <f>IF(AT94="n/a","n/a",ROUND((AT94*[4]TripRateCalculations!N$4),0))</f>
        <v>0</v>
      </c>
      <c r="AO94" s="1034">
        <f>IF(AU94="n/a","n/a",ROUND((AU94*[4]TripRateCalculations!O$4),0))</f>
        <v>0</v>
      </c>
      <c r="AP94" s="1034">
        <f>IF(AV94="n/a","n/a",ROUND((AV94*[4]TripRateCalculations!P$4),0))</f>
        <v>0</v>
      </c>
      <c r="AQ94" s="1034">
        <f>IF(AW94="n/a","n/a",ROUND((AW94*[4]TripRateCalculations!Q$4),0))</f>
        <v>0</v>
      </c>
      <c r="AR94" s="1034">
        <f>IF(AX94="n/a","n/a",ROUND((AX94*[4]TripRateCalculations!R$4),0))</f>
        <v>0</v>
      </c>
      <c r="AS94" s="1034">
        <f>IF(AY94="n/a","n/a",ROUND((AY94*[4]TripRateCalculations!S$4),0))</f>
        <v>0</v>
      </c>
      <c r="AT94" s="1034">
        <v>1</v>
      </c>
      <c r="AU94" s="1034">
        <v>0</v>
      </c>
      <c r="AV94" s="1034">
        <v>1</v>
      </c>
      <c r="AW94" s="1034">
        <v>1</v>
      </c>
      <c r="AX94" s="1034">
        <v>0</v>
      </c>
      <c r="AY94" s="1034">
        <v>2</v>
      </c>
      <c r="AZ94" s="1035">
        <v>1</v>
      </c>
      <c r="BA94" s="1035">
        <v>0</v>
      </c>
      <c r="BB94" s="1035">
        <v>0</v>
      </c>
      <c r="BC94" s="1035">
        <v>0</v>
      </c>
      <c r="BD94" s="1035">
        <v>1</v>
      </c>
      <c r="BE94" s="1035">
        <v>0</v>
      </c>
      <c r="BF94" s="1035">
        <v>1</v>
      </c>
      <c r="BG94" s="1035">
        <f>IF(BF94="n/a","n/a",ROUND((BF94*[4]TripRateCalculations!Q$4),0))</f>
        <v>0</v>
      </c>
      <c r="BH94" s="1027" t="s">
        <v>1811</v>
      </c>
      <c r="BI94" s="1026" t="s">
        <v>834</v>
      </c>
      <c r="BJ94" s="1026" t="s">
        <v>53</v>
      </c>
      <c r="BK94" s="1028">
        <v>370629.19</v>
      </c>
      <c r="BL94" s="1029">
        <v>1</v>
      </c>
      <c r="BM94" s="1030">
        <v>8</v>
      </c>
      <c r="BN94" s="1025" t="s">
        <v>1501</v>
      </c>
      <c r="BO94" s="1130">
        <v>370629.19</v>
      </c>
      <c r="BP94" s="992"/>
      <c r="BQ94" s="1131">
        <f t="shared" si="42"/>
        <v>0</v>
      </c>
      <c r="BR94" s="1131">
        <f t="shared" si="43"/>
        <v>0</v>
      </c>
      <c r="BS94" s="1131">
        <f t="shared" si="44"/>
        <v>0</v>
      </c>
      <c r="BT94" s="1131">
        <f t="shared" si="45"/>
        <v>0</v>
      </c>
      <c r="BU94" s="1131">
        <f t="shared" si="46"/>
        <v>0</v>
      </c>
      <c r="BV94" s="1131">
        <f t="shared" si="47"/>
        <v>0</v>
      </c>
      <c r="BW94" s="1131">
        <f t="shared" si="48"/>
        <v>0.1</v>
      </c>
      <c r="BX94" s="1131">
        <f t="shared" si="49"/>
        <v>0.1</v>
      </c>
      <c r="BY94" s="1131">
        <f t="shared" si="50"/>
        <v>0.4</v>
      </c>
      <c r="BZ94" s="1131">
        <f t="shared" si="51"/>
        <v>0.2</v>
      </c>
      <c r="CA94" s="1131">
        <f t="shared" si="52"/>
        <v>0</v>
      </c>
      <c r="CB94" s="1131">
        <f t="shared" si="53"/>
        <v>0.1</v>
      </c>
      <c r="CC94" s="1131">
        <f t="shared" si="54"/>
        <v>0</v>
      </c>
      <c r="CD94" s="1131">
        <f t="shared" si="55"/>
        <v>0</v>
      </c>
      <c r="CE94" s="1131">
        <f t="shared" si="56"/>
        <v>0</v>
      </c>
      <c r="CF94" s="1131">
        <f t="shared" si="57"/>
        <v>0</v>
      </c>
      <c r="CG94" s="1131">
        <f t="shared" si="58"/>
        <v>0</v>
      </c>
      <c r="CH94" s="1131">
        <f t="shared" si="59"/>
        <v>0.1</v>
      </c>
      <c r="CI94" s="1131">
        <f t="shared" si="60"/>
        <v>0</v>
      </c>
      <c r="CJ94" s="1131">
        <f t="shared" si="61"/>
        <v>0</v>
      </c>
      <c r="CK94" s="1132">
        <f t="shared" si="62"/>
        <v>1</v>
      </c>
    </row>
    <row r="95" spans="1:89" ht="75" x14ac:dyDescent="0.2">
      <c r="A95" s="992" t="s">
        <v>66</v>
      </c>
      <c r="B95" s="1126" t="s">
        <v>66</v>
      </c>
      <c r="C95" s="1126"/>
      <c r="D95" s="1126"/>
      <c r="E95" s="1126"/>
      <c r="F95" s="1026" t="s">
        <v>1812</v>
      </c>
      <c r="G95" s="1026" t="s">
        <v>979</v>
      </c>
      <c r="H95" s="1026" t="s">
        <v>980</v>
      </c>
      <c r="I95" s="1026" t="s">
        <v>1813</v>
      </c>
      <c r="J95" s="1026" t="s">
        <v>1521</v>
      </c>
      <c r="K95" s="1026" t="s">
        <v>1521</v>
      </c>
      <c r="L95" s="1026" t="s">
        <v>1522</v>
      </c>
      <c r="M95" s="1026" t="s">
        <v>1523</v>
      </c>
      <c r="N95" s="1026">
        <v>3</v>
      </c>
      <c r="O95" s="1026" t="s">
        <v>870</v>
      </c>
      <c r="P95" s="1026" t="s">
        <v>1616</v>
      </c>
      <c r="Q95" s="1026" t="s">
        <v>1491</v>
      </c>
      <c r="R95" s="1026" t="s">
        <v>1492</v>
      </c>
      <c r="S95" s="1026" t="s">
        <v>1493</v>
      </c>
      <c r="T95" s="1026" t="s">
        <v>1504</v>
      </c>
      <c r="U95" s="1016" t="str">
        <f>_xlfn.XLOOKUP(F95, [4]GIS!D:D, [4]GIS!E:E, "Not mapped")</f>
        <v>Multiple - Scenario 2</v>
      </c>
      <c r="V95" s="1031" t="s">
        <v>1495</v>
      </c>
      <c r="W95" s="1032" t="s">
        <v>1525</v>
      </c>
      <c r="X95" s="1032" t="s">
        <v>1526</v>
      </c>
      <c r="Y95" s="1033">
        <v>21</v>
      </c>
      <c r="Z95" s="1033">
        <v>28</v>
      </c>
      <c r="AA95" s="1033">
        <v>22</v>
      </c>
      <c r="AB95" s="1033">
        <v>24</v>
      </c>
      <c r="AC95" s="1033">
        <v>21</v>
      </c>
      <c r="AD95" s="1034">
        <v>40</v>
      </c>
      <c r="AE95" s="1034">
        <v>44</v>
      </c>
      <c r="AF95" s="1034">
        <v>67</v>
      </c>
      <c r="AG95" s="1034">
        <v>1</v>
      </c>
      <c r="AH95" s="1034">
        <v>12</v>
      </c>
      <c r="AI95" s="1034">
        <v>213</v>
      </c>
      <c r="AJ95" s="1034">
        <v>27</v>
      </c>
      <c r="AK95" s="1034">
        <f>IF(AJ95="n/a","n/a",ROUND((AJ95*[4]TripRateCalculations!$V$6),0))</f>
        <v>60</v>
      </c>
      <c r="AL95" s="1034">
        <v>0</v>
      </c>
      <c r="AM95" s="1034">
        <v>6</v>
      </c>
      <c r="AN95" s="1034">
        <f>IF(AT95="n/a","n/a",ROUND((AT95*[4]TripRateCalculations!N$4),0))</f>
        <v>1</v>
      </c>
      <c r="AO95" s="1034">
        <f>IF(AU95="n/a","n/a",ROUND((AU95*[4]TripRateCalculations!O$4),0))</f>
        <v>2</v>
      </c>
      <c r="AP95" s="1034">
        <f>IF(AV95="n/a","n/a",ROUND((AV95*[4]TripRateCalculations!P$4),0))</f>
        <v>3</v>
      </c>
      <c r="AQ95" s="1034">
        <f>AW95*[4]TripRateCalculations!Q$4</f>
        <v>0.4393592677345538</v>
      </c>
      <c r="AR95" s="1034">
        <f>IF(AX95="n/a","n/a",ROUND((AX95*[4]TripRateCalculations!R$4),0))</f>
        <v>1</v>
      </c>
      <c r="AS95" s="1034">
        <f>IF(AY95="n/a","n/a",ROUND((AY95*[4]TripRateCalculations!S$4),0))</f>
        <v>4</v>
      </c>
      <c r="AT95" s="1034">
        <v>3</v>
      </c>
      <c r="AU95" s="1034">
        <v>28</v>
      </c>
      <c r="AV95" s="1034">
        <v>9</v>
      </c>
      <c r="AW95" s="1034">
        <v>3</v>
      </c>
      <c r="AX95" s="1034">
        <v>8</v>
      </c>
      <c r="AY95" s="1034">
        <v>143</v>
      </c>
      <c r="AZ95" s="1035">
        <v>96</v>
      </c>
      <c r="BA95" s="1035">
        <v>13</v>
      </c>
      <c r="BB95" s="1035">
        <v>18</v>
      </c>
      <c r="BC95" s="1035">
        <v>60</v>
      </c>
      <c r="BD95" s="1035">
        <v>1</v>
      </c>
      <c r="BE95" s="1035">
        <v>9</v>
      </c>
      <c r="BF95" s="1035">
        <v>532</v>
      </c>
      <c r="BG95" s="1035">
        <f>BF95*[4]TripRateCalculations!$Q$4</f>
        <v>77.913043478260875</v>
      </c>
      <c r="BH95" s="1027" t="s">
        <v>1642</v>
      </c>
      <c r="BI95" s="1026" t="s">
        <v>834</v>
      </c>
      <c r="BJ95" s="1026" t="s">
        <v>53</v>
      </c>
      <c r="BK95" s="1042">
        <f>ROUND((VLOOKUP(F95,'[4]Cost Summary'!A:H,8,)),0.1)</f>
        <v>1603637</v>
      </c>
      <c r="BL95" s="1052">
        <v>1</v>
      </c>
      <c r="BM95" s="1044">
        <v>8</v>
      </c>
      <c r="BN95" s="1044" t="s">
        <v>1584</v>
      </c>
      <c r="BO95" s="1130">
        <v>2600365.63</v>
      </c>
      <c r="BP95" s="992"/>
      <c r="BQ95" s="1131">
        <f t="shared" si="42"/>
        <v>4.2784712752194143E-2</v>
      </c>
      <c r="BR95" s="1131">
        <f t="shared" si="43"/>
        <v>3.3616560019581111E-2</v>
      </c>
      <c r="BS95" s="1131">
        <f t="shared" si="44"/>
        <v>3.6672610930452119E-2</v>
      </c>
      <c r="BT95" s="1131">
        <f t="shared" si="45"/>
        <v>3.2088534564145607E-2</v>
      </c>
      <c r="BU95" s="1131">
        <f t="shared" si="46"/>
        <v>6.1121018217420206E-2</v>
      </c>
      <c r="BV95" s="1131">
        <f t="shared" si="47"/>
        <v>6.7233120039162222E-2</v>
      </c>
      <c r="BW95" s="1131">
        <f t="shared" si="48"/>
        <v>0.10237770551417884</v>
      </c>
      <c r="BX95" s="1131">
        <f t="shared" si="49"/>
        <v>1.5280254554355052E-3</v>
      </c>
      <c r="BY95" s="1131">
        <f t="shared" si="50"/>
        <v>0.32546942200776258</v>
      </c>
      <c r="BZ95" s="1131">
        <f t="shared" si="51"/>
        <v>9.1681527326130302E-2</v>
      </c>
      <c r="CA95" s="1131">
        <f t="shared" si="52"/>
        <v>0</v>
      </c>
      <c r="CB95" s="1131">
        <f t="shared" si="53"/>
        <v>9.1681527326130299E-3</v>
      </c>
      <c r="CC95" s="1131">
        <f t="shared" si="54"/>
        <v>1.5280254554355052E-3</v>
      </c>
      <c r="CD95" s="1131">
        <f t="shared" si="55"/>
        <v>3.0560509108710104E-3</v>
      </c>
      <c r="CE95" s="1131">
        <f t="shared" si="56"/>
        <v>4.5840763663065149E-3</v>
      </c>
      <c r="CF95" s="1131">
        <f t="shared" si="57"/>
        <v>1.5280254554355052E-3</v>
      </c>
      <c r="CG95" s="1131">
        <f t="shared" si="58"/>
        <v>6.1121018217420208E-3</v>
      </c>
      <c r="CH95" s="1131">
        <f t="shared" si="59"/>
        <v>0.14669044372180848</v>
      </c>
      <c r="CI95" s="1131">
        <f t="shared" si="60"/>
        <v>3.2088534564145607E-2</v>
      </c>
      <c r="CJ95" s="1131">
        <f t="shared" si="61"/>
        <v>6.7135214517990158E-4</v>
      </c>
      <c r="CK95" s="1132">
        <f t="shared" si="62"/>
        <v>1.0000000000000004</v>
      </c>
    </row>
    <row r="96" spans="1:89" ht="99.75" x14ac:dyDescent="0.2">
      <c r="A96" s="992" t="s">
        <v>66</v>
      </c>
      <c r="B96" s="1126"/>
      <c r="C96" s="1126"/>
      <c r="D96" s="1126"/>
      <c r="E96" s="1126"/>
      <c r="F96" s="1026" t="s">
        <v>1814</v>
      </c>
      <c r="G96" s="1026" t="s">
        <v>1106</v>
      </c>
      <c r="H96" s="1026" t="s">
        <v>1107</v>
      </c>
      <c r="I96" s="1026" t="s">
        <v>1487</v>
      </c>
      <c r="J96" s="1026" t="s">
        <v>1815</v>
      </c>
      <c r="K96" s="1026" t="s">
        <v>1816</v>
      </c>
      <c r="L96" s="1026" t="s">
        <v>1522</v>
      </c>
      <c r="M96" s="1026" t="s">
        <v>1489</v>
      </c>
      <c r="N96" s="1026">
        <v>1</v>
      </c>
      <c r="O96" s="1026" t="s">
        <v>932</v>
      </c>
      <c r="P96" s="1026" t="s">
        <v>1490</v>
      </c>
      <c r="Q96" s="1026" t="s">
        <v>1491</v>
      </c>
      <c r="R96" s="1026" t="s">
        <v>1492</v>
      </c>
      <c r="S96" s="1026" t="s">
        <v>1493</v>
      </c>
      <c r="T96" s="1026" t="s">
        <v>1511</v>
      </c>
      <c r="U96" s="1016" t="str">
        <f>_xlfn.XLOOKUP(F96, [4]GIS!D:D, [4]GIS!E:E, "Not mapped")</f>
        <v>Single - Scenario 3</v>
      </c>
      <c r="V96" s="1026" t="s">
        <v>1707</v>
      </c>
      <c r="W96" s="1032" t="s">
        <v>1525</v>
      </c>
      <c r="X96" s="1032" t="s">
        <v>1526</v>
      </c>
      <c r="Y96" s="1033">
        <v>3</v>
      </c>
      <c r="Z96" s="1033">
        <v>1</v>
      </c>
      <c r="AA96" s="1033">
        <v>1</v>
      </c>
      <c r="AB96" s="1033">
        <v>19</v>
      </c>
      <c r="AC96" s="1033">
        <v>1</v>
      </c>
      <c r="AD96" s="1034">
        <v>0</v>
      </c>
      <c r="AE96" s="1034">
        <v>0</v>
      </c>
      <c r="AF96" s="1034">
        <v>1</v>
      </c>
      <c r="AG96" s="1034">
        <v>0</v>
      </c>
      <c r="AH96" s="1034">
        <v>0</v>
      </c>
      <c r="AI96" s="1034">
        <v>0</v>
      </c>
      <c r="AJ96" s="1034">
        <v>0</v>
      </c>
      <c r="AK96" s="1034">
        <f>IF(AJ96="n/a","n/a",ROUND((AJ96*[4]TripRateCalculations!$V$6),0))</f>
        <v>0</v>
      </c>
      <c r="AL96" s="1034">
        <v>86</v>
      </c>
      <c r="AM96" s="1034">
        <v>0</v>
      </c>
      <c r="AN96" s="1034">
        <f>IF(AT96="n/a","n/a",ROUND((AT96*[4]TripRateCalculations!N$4),0))</f>
        <v>3</v>
      </c>
      <c r="AO96" s="1034">
        <f>IF(AU96="n/a","n/a",ROUND((AU96*[4]TripRateCalculations!O$4),0))</f>
        <v>1</v>
      </c>
      <c r="AP96" s="1034">
        <f>IF(AV96="n/a","n/a",ROUND((AV96*[4]TripRateCalculations!P$4),0))</f>
        <v>1</v>
      </c>
      <c r="AQ96" s="1034">
        <f>AW96*[4]TripRateCalculations!Q$4</f>
        <v>2.4897025171624714</v>
      </c>
      <c r="AR96" s="1034">
        <f>IF(AX96="n/a","n/a",ROUND((AX96*[4]TripRateCalculations!R$4),0))</f>
        <v>3</v>
      </c>
      <c r="AS96" s="1034">
        <f>IF(AY96="n/a","n/a",ROUND((AY96*[4]TripRateCalculations!S$4),0))</f>
        <v>1</v>
      </c>
      <c r="AT96" s="1034">
        <v>14</v>
      </c>
      <c r="AU96" s="1034">
        <v>18</v>
      </c>
      <c r="AV96" s="1034">
        <v>2</v>
      </c>
      <c r="AW96" s="1034">
        <v>17</v>
      </c>
      <c r="AX96" s="1034">
        <v>27</v>
      </c>
      <c r="AY96" s="1034">
        <v>21</v>
      </c>
      <c r="AZ96" s="1035">
        <v>32</v>
      </c>
      <c r="BA96" s="1035">
        <v>2</v>
      </c>
      <c r="BB96" s="1035">
        <v>25</v>
      </c>
      <c r="BC96" s="1035">
        <v>0</v>
      </c>
      <c r="BD96" s="1035">
        <v>71</v>
      </c>
      <c r="BE96" s="1035">
        <v>1</v>
      </c>
      <c r="BF96" s="1035">
        <v>44</v>
      </c>
      <c r="BG96" s="1035">
        <f>BF96*[4]TripRateCalculations!$Q$4</f>
        <v>6.4439359267734551</v>
      </c>
      <c r="BH96" s="1027" t="s">
        <v>1817</v>
      </c>
      <c r="BI96" s="1026" t="s">
        <v>722</v>
      </c>
      <c r="BJ96" s="1026" t="s">
        <v>53</v>
      </c>
      <c r="BK96" s="1042">
        <f>ROUND((VLOOKUP(F96,'[4]Cost Summary'!A:H,8,)),0.1)</f>
        <v>63180</v>
      </c>
      <c r="BL96" s="1026">
        <v>1</v>
      </c>
      <c r="BM96" s="1078">
        <v>2</v>
      </c>
      <c r="BN96" s="1044" t="s">
        <v>1584</v>
      </c>
      <c r="BO96" s="1130">
        <v>41046.720000000001</v>
      </c>
      <c r="BP96" s="992"/>
      <c r="BQ96" s="1131">
        <f t="shared" si="42"/>
        <v>6.4312940587793787E-3</v>
      </c>
      <c r="BR96" s="1131">
        <f t="shared" si="43"/>
        <v>6.4312940587793787E-3</v>
      </c>
      <c r="BS96" s="1131">
        <f t="shared" si="44"/>
        <v>0.1221945871168082</v>
      </c>
      <c r="BT96" s="1131">
        <f t="shared" si="45"/>
        <v>6.4312940587793787E-3</v>
      </c>
      <c r="BU96" s="1131">
        <f t="shared" si="46"/>
        <v>0</v>
      </c>
      <c r="BV96" s="1131">
        <f t="shared" si="47"/>
        <v>0</v>
      </c>
      <c r="BW96" s="1131">
        <f t="shared" si="48"/>
        <v>6.4312940587793787E-3</v>
      </c>
      <c r="BX96" s="1131">
        <f t="shared" si="49"/>
        <v>0</v>
      </c>
      <c r="BY96" s="1131">
        <f t="shared" si="50"/>
        <v>0</v>
      </c>
      <c r="BZ96" s="1131">
        <f t="shared" si="51"/>
        <v>0</v>
      </c>
      <c r="CA96" s="1131">
        <f t="shared" si="52"/>
        <v>0.55309128905502658</v>
      </c>
      <c r="CB96" s="1131">
        <f t="shared" si="53"/>
        <v>0</v>
      </c>
      <c r="CC96" s="1131">
        <f t="shared" si="54"/>
        <v>1.9293882176338137E-2</v>
      </c>
      <c r="CD96" s="1131">
        <f t="shared" si="55"/>
        <v>6.4312940587793787E-3</v>
      </c>
      <c r="CE96" s="1131">
        <f t="shared" si="56"/>
        <v>6.4312940587793787E-3</v>
      </c>
      <c r="CF96" s="1131">
        <f t="shared" si="57"/>
        <v>1.9293882176338137E-2</v>
      </c>
      <c r="CG96" s="1131">
        <f t="shared" si="58"/>
        <v>6.4312940587793787E-3</v>
      </c>
      <c r="CH96" s="1131">
        <f t="shared" si="59"/>
        <v>0.20580140988094012</v>
      </c>
      <c r="CI96" s="1131">
        <f t="shared" si="60"/>
        <v>1.9293882176338137E-2</v>
      </c>
      <c r="CJ96" s="1131">
        <f t="shared" si="61"/>
        <v>1.6012009006755066E-2</v>
      </c>
      <c r="CK96" s="1132">
        <f t="shared" si="62"/>
        <v>0.99999999999999989</v>
      </c>
    </row>
    <row r="97" spans="1:89" ht="57" x14ac:dyDescent="0.2">
      <c r="A97" s="992" t="s">
        <v>66</v>
      </c>
      <c r="B97" s="1126"/>
      <c r="C97" s="1126"/>
      <c r="D97" s="1126"/>
      <c r="E97" s="1126"/>
      <c r="F97" s="1026" t="s">
        <v>1818</v>
      </c>
      <c r="G97" s="1026" t="s">
        <v>1109</v>
      </c>
      <c r="H97" s="1026" t="s">
        <v>1110</v>
      </c>
      <c r="I97" s="1026" t="s">
        <v>1819</v>
      </c>
      <c r="J97" s="1026">
        <v>51.773867510000002</v>
      </c>
      <c r="K97" s="1026">
        <v>-0.441849977</v>
      </c>
      <c r="L97" s="1026" t="s">
        <v>1522</v>
      </c>
      <c r="M97" s="1026" t="s">
        <v>1523</v>
      </c>
      <c r="N97" s="1026">
        <v>1</v>
      </c>
      <c r="O97" s="1026" t="s">
        <v>900</v>
      </c>
      <c r="P97" s="1026" t="s">
        <v>1490</v>
      </c>
      <c r="Q97" s="1026" t="s">
        <v>1491</v>
      </c>
      <c r="R97" s="1026" t="s">
        <v>1492</v>
      </c>
      <c r="S97" s="1026" t="s">
        <v>1493</v>
      </c>
      <c r="T97" s="1026" t="s">
        <v>1511</v>
      </c>
      <c r="U97" s="1016" t="str">
        <f>_xlfn.XLOOKUP(F97, [4]GIS!D:D, [4]GIS!E:E, "Not mapped")</f>
        <v>Multiple - Scenario 1</v>
      </c>
      <c r="V97" s="1026" t="s">
        <v>1707</v>
      </c>
      <c r="W97" s="1032" t="s">
        <v>1525</v>
      </c>
      <c r="X97" s="1032" t="s">
        <v>1526</v>
      </c>
      <c r="Y97" s="1033">
        <v>4</v>
      </c>
      <c r="Z97" s="1033">
        <v>1</v>
      </c>
      <c r="AA97" s="1033">
        <v>1</v>
      </c>
      <c r="AB97" s="1033">
        <v>20</v>
      </c>
      <c r="AC97" s="1033">
        <v>1</v>
      </c>
      <c r="AD97" s="1033">
        <v>0</v>
      </c>
      <c r="AE97" s="1033">
        <v>0</v>
      </c>
      <c r="AF97" s="1033">
        <v>2</v>
      </c>
      <c r="AG97" s="1033">
        <v>0</v>
      </c>
      <c r="AH97" s="1033">
        <v>0</v>
      </c>
      <c r="AI97" s="1033">
        <v>2</v>
      </c>
      <c r="AJ97" s="1033">
        <v>92</v>
      </c>
      <c r="AK97" s="1033">
        <f>IF(AJ97="n/a","n/a",ROUND((AJ97*[4]TripRateCalculations!$V$6),0))</f>
        <v>204</v>
      </c>
      <c r="AL97" s="1033">
        <v>53</v>
      </c>
      <c r="AM97" s="1033">
        <v>15</v>
      </c>
      <c r="AN97" s="1033">
        <f>IF(AT97="n/a","n/a",ROUND((AT97*[4]TripRateCalculations!N$4),0))</f>
        <v>4</v>
      </c>
      <c r="AO97" s="1033">
        <f>IF(AU97="n/a","n/a",ROUND((AU97*[4]TripRateCalculations!O$4),0))</f>
        <v>0</v>
      </c>
      <c r="AP97" s="1033">
        <f>IF(AV97="n/a","n/a",ROUND((AV97*[4]TripRateCalculations!P$4),0))</f>
        <v>6</v>
      </c>
      <c r="AQ97" s="1033">
        <f>AW97*[4]TripRateCalculations!Q$4</f>
        <v>4.3935926773455378</v>
      </c>
      <c r="AR97" s="1033">
        <f>IF(AX97="n/a","n/a",ROUND((AX97*[4]TripRateCalculations!R$4),0))</f>
        <v>2</v>
      </c>
      <c r="AS97" s="1033">
        <f>IF(AY97="n/a","n/a",ROUND((AY97*[4]TripRateCalculations!S$4),0))</f>
        <v>0</v>
      </c>
      <c r="AT97" s="1033">
        <v>20</v>
      </c>
      <c r="AU97" s="1033">
        <v>2</v>
      </c>
      <c r="AV97" s="1033">
        <v>20</v>
      </c>
      <c r="AW97" s="1033">
        <v>30</v>
      </c>
      <c r="AX97" s="1033">
        <v>23</v>
      </c>
      <c r="AY97" s="1033">
        <v>2</v>
      </c>
      <c r="AZ97" s="1041">
        <v>43</v>
      </c>
      <c r="BA97" s="1041">
        <v>3</v>
      </c>
      <c r="BB97" s="1041">
        <v>31</v>
      </c>
      <c r="BC97" s="1041">
        <v>0</v>
      </c>
      <c r="BD97" s="1041">
        <v>80</v>
      </c>
      <c r="BE97" s="1041">
        <v>1</v>
      </c>
      <c r="BF97" s="1041">
        <v>53</v>
      </c>
      <c r="BG97" s="1041">
        <f>BF97*[4]TripRateCalculations!$Q$4</f>
        <v>7.7620137299771166</v>
      </c>
      <c r="BH97" s="1027" t="s">
        <v>1817</v>
      </c>
      <c r="BI97" s="1026" t="s">
        <v>834</v>
      </c>
      <c r="BJ97" s="1026" t="s">
        <v>53</v>
      </c>
      <c r="BK97" s="1042">
        <f>ROUND((VLOOKUP(F97,'[4]Cost Summary'!A:H,8,)),0.1)</f>
        <v>759380</v>
      </c>
      <c r="BL97" s="1026">
        <v>1</v>
      </c>
      <c r="BM97" s="1078">
        <v>2</v>
      </c>
      <c r="BN97" s="1044" t="s">
        <v>1584</v>
      </c>
      <c r="BO97" s="1130">
        <v>493350</v>
      </c>
      <c r="BP97" s="992"/>
      <c r="BQ97" s="1131">
        <f t="shared" si="42"/>
        <v>2.7594306858795456E-3</v>
      </c>
      <c r="BR97" s="1131">
        <f t="shared" si="43"/>
        <v>2.7594306858795456E-3</v>
      </c>
      <c r="BS97" s="1131">
        <f t="shared" si="44"/>
        <v>5.5188613717590908E-2</v>
      </c>
      <c r="BT97" s="1131">
        <f t="shared" si="45"/>
        <v>2.7594306858795456E-3</v>
      </c>
      <c r="BU97" s="1131">
        <f t="shared" si="46"/>
        <v>0</v>
      </c>
      <c r="BV97" s="1131">
        <f t="shared" si="47"/>
        <v>0</v>
      </c>
      <c r="BW97" s="1131">
        <f t="shared" si="48"/>
        <v>5.5188613717590913E-3</v>
      </c>
      <c r="BX97" s="1131">
        <f t="shared" si="49"/>
        <v>0</v>
      </c>
      <c r="BY97" s="1131">
        <f t="shared" si="50"/>
        <v>5.5188613717590913E-3</v>
      </c>
      <c r="BZ97" s="1131">
        <f t="shared" si="51"/>
        <v>0.56292385991942728</v>
      </c>
      <c r="CA97" s="1131">
        <f t="shared" si="52"/>
        <v>0.1462498263516159</v>
      </c>
      <c r="CB97" s="1131">
        <f t="shared" si="53"/>
        <v>4.1391460288193183E-2</v>
      </c>
      <c r="CC97" s="1131">
        <f t="shared" si="54"/>
        <v>1.1037722743518183E-2</v>
      </c>
      <c r="CD97" s="1131">
        <f t="shared" si="55"/>
        <v>0</v>
      </c>
      <c r="CE97" s="1131">
        <f t="shared" si="56"/>
        <v>1.6556584115277273E-2</v>
      </c>
      <c r="CF97" s="1131">
        <f t="shared" si="57"/>
        <v>5.5188613717590913E-3</v>
      </c>
      <c r="CG97" s="1131">
        <f t="shared" si="58"/>
        <v>0</v>
      </c>
      <c r="CH97" s="1131">
        <f t="shared" si="59"/>
        <v>0.11865551949282045</v>
      </c>
      <c r="CI97" s="1131">
        <f t="shared" si="60"/>
        <v>1.1037722743518183E-2</v>
      </c>
      <c r="CJ97" s="1131">
        <f t="shared" si="61"/>
        <v>1.2123814455122946E-2</v>
      </c>
      <c r="CK97" s="1132">
        <f t="shared" si="62"/>
        <v>1.0000000000000002</v>
      </c>
    </row>
    <row r="98" spans="1:89" ht="327.75" x14ac:dyDescent="0.2">
      <c r="A98" s="992"/>
      <c r="B98" s="1126" t="s">
        <v>66</v>
      </c>
      <c r="C98" s="1126"/>
      <c r="D98" s="1126"/>
      <c r="E98" s="1126"/>
      <c r="F98" s="1026" t="s">
        <v>1820</v>
      </c>
      <c r="G98" s="1026" t="s">
        <v>1111</v>
      </c>
      <c r="H98" s="1026" t="s">
        <v>1112</v>
      </c>
      <c r="I98" s="1026" t="s">
        <v>1821</v>
      </c>
      <c r="J98" s="1026" t="s">
        <v>1521</v>
      </c>
      <c r="K98" s="1026" t="s">
        <v>1521</v>
      </c>
      <c r="L98" s="1026" t="s">
        <v>1522</v>
      </c>
      <c r="M98" s="1026" t="s">
        <v>1523</v>
      </c>
      <c r="N98" s="1026">
        <v>1</v>
      </c>
      <c r="O98" s="1026" t="s">
        <v>932</v>
      </c>
      <c r="P98" s="1026" t="s">
        <v>1490</v>
      </c>
      <c r="Q98" s="1026" t="s">
        <v>1491</v>
      </c>
      <c r="R98" s="1026" t="s">
        <v>1492</v>
      </c>
      <c r="S98" s="1026" t="s">
        <v>1493</v>
      </c>
      <c r="T98" s="1026" t="s">
        <v>1553</v>
      </c>
      <c r="U98" s="1016" t="str">
        <f>_xlfn.XLOOKUP(F98, [4]GIS!D:D, [4]GIS!E:E, "Not mapped")</f>
        <v>Single - Scenario 2 (longer segment, one edge in close proximity of a development)</v>
      </c>
      <c r="V98" s="1031" t="s">
        <v>1495</v>
      </c>
      <c r="W98" s="1032" t="s">
        <v>1525</v>
      </c>
      <c r="X98" s="1032" t="s">
        <v>1526</v>
      </c>
      <c r="Y98" s="1033">
        <v>2</v>
      </c>
      <c r="Z98" s="1033">
        <v>1</v>
      </c>
      <c r="AA98" s="1033">
        <v>1</v>
      </c>
      <c r="AB98" s="1033">
        <v>3</v>
      </c>
      <c r="AC98" s="1033">
        <v>1</v>
      </c>
      <c r="AD98" s="1033">
        <v>0</v>
      </c>
      <c r="AE98" s="1033">
        <v>0</v>
      </c>
      <c r="AF98" s="1033">
        <v>1</v>
      </c>
      <c r="AG98" s="1033">
        <v>4</v>
      </c>
      <c r="AH98" s="1033">
        <v>0</v>
      </c>
      <c r="AI98" s="1033">
        <v>56</v>
      </c>
      <c r="AJ98" s="1033">
        <v>60</v>
      </c>
      <c r="AK98" s="1033">
        <f>IF(AJ98="n/a","n/a",ROUND((AJ98*[4]TripRateCalculations!$V$6),0))</f>
        <v>133</v>
      </c>
      <c r="AL98" s="1033">
        <v>2</v>
      </c>
      <c r="AM98" s="1033">
        <v>11</v>
      </c>
      <c r="AN98" s="1033">
        <f>IF(AT98="n/a","n/a",ROUND((AT98*[4]TripRateCalculations!N$4),0))</f>
        <v>7</v>
      </c>
      <c r="AO98" s="1033">
        <f>IF(AU98="n/a","n/a",ROUND((AU98*[4]TripRateCalculations!O$4),0))</f>
        <v>0</v>
      </c>
      <c r="AP98" s="1033">
        <f>IF(AV98="n/a","n/a",ROUND((AV98*[4]TripRateCalculations!P$4),0))</f>
        <v>6</v>
      </c>
      <c r="AQ98" s="1033">
        <f>AW98*[4]TripRateCalculations!Q$4</f>
        <v>3.0755148741418763</v>
      </c>
      <c r="AR98" s="1033">
        <f>IF(AX98="n/a","n/a",ROUND((AX98*[4]TripRateCalculations!R$4),0))</f>
        <v>5</v>
      </c>
      <c r="AS98" s="1033">
        <f>IF(AY98="n/a","n/a",ROUND((AY98*[4]TripRateCalculations!S$4),0))</f>
        <v>1</v>
      </c>
      <c r="AT98" s="1033">
        <v>30</v>
      </c>
      <c r="AU98" s="1033">
        <v>1</v>
      </c>
      <c r="AV98" s="1033">
        <v>22</v>
      </c>
      <c r="AW98" s="1033">
        <v>21</v>
      </c>
      <c r="AX98" s="1033">
        <v>53</v>
      </c>
      <c r="AY98" s="1033">
        <v>52</v>
      </c>
      <c r="AZ98" s="1041">
        <v>2</v>
      </c>
      <c r="BA98" s="1041">
        <v>0</v>
      </c>
      <c r="BB98" s="1041">
        <v>0</v>
      </c>
      <c r="BC98" s="1041">
        <v>19</v>
      </c>
      <c r="BD98" s="1041">
        <v>95</v>
      </c>
      <c r="BE98" s="1041">
        <v>0</v>
      </c>
      <c r="BF98" s="1041">
        <v>30</v>
      </c>
      <c r="BG98" s="1041">
        <f>BF98*[4]TripRateCalculations!$Q$4</f>
        <v>4.3935926773455378</v>
      </c>
      <c r="BH98" s="1027" t="s">
        <v>1554</v>
      </c>
      <c r="BI98" s="1026" t="s">
        <v>834</v>
      </c>
      <c r="BJ98" s="1026" t="s">
        <v>53</v>
      </c>
      <c r="BK98" s="1042">
        <f>ROUND((VLOOKUP(F98,'[4]Cost Summary'!A:H,8,)),0.1)</f>
        <v>2073106</v>
      </c>
      <c r="BL98" s="1026">
        <v>4</v>
      </c>
      <c r="BM98" s="1078" t="s">
        <v>1822</v>
      </c>
      <c r="BN98" s="1044" t="s">
        <v>1584</v>
      </c>
      <c r="BO98" s="1130">
        <v>1346845.5</v>
      </c>
      <c r="BP98" s="992"/>
      <c r="BQ98" s="1131">
        <f t="shared" si="42"/>
        <v>4.1827788200160809E-3</v>
      </c>
      <c r="BR98" s="1131">
        <f t="shared" si="43"/>
        <v>4.1827788200160809E-3</v>
      </c>
      <c r="BS98" s="1131">
        <f t="shared" si="44"/>
        <v>1.2548336460048243E-2</v>
      </c>
      <c r="BT98" s="1131">
        <f t="shared" si="45"/>
        <v>4.1827788200160809E-3</v>
      </c>
      <c r="BU98" s="1131">
        <f t="shared" si="46"/>
        <v>0</v>
      </c>
      <c r="BV98" s="1131">
        <f t="shared" si="47"/>
        <v>0</v>
      </c>
      <c r="BW98" s="1131">
        <f t="shared" si="48"/>
        <v>4.1827788200160809E-3</v>
      </c>
      <c r="BX98" s="1131">
        <f t="shared" si="49"/>
        <v>1.6731115280064324E-2</v>
      </c>
      <c r="BY98" s="1131">
        <f t="shared" si="50"/>
        <v>0.23423561392090053</v>
      </c>
      <c r="BZ98" s="1131">
        <f t="shared" si="51"/>
        <v>0.55630958306213873</v>
      </c>
      <c r="CA98" s="1131">
        <f t="shared" si="52"/>
        <v>8.3655576400321618E-3</v>
      </c>
      <c r="CB98" s="1131">
        <f t="shared" si="53"/>
        <v>4.601056702017689E-2</v>
      </c>
      <c r="CC98" s="1131">
        <f t="shared" si="54"/>
        <v>2.9279451740112566E-2</v>
      </c>
      <c r="CD98" s="1131">
        <f t="shared" si="55"/>
        <v>0</v>
      </c>
      <c r="CE98" s="1131">
        <f t="shared" si="56"/>
        <v>2.5096672920096486E-2</v>
      </c>
      <c r="CF98" s="1131">
        <f t="shared" si="57"/>
        <v>2.0913894100080405E-2</v>
      </c>
      <c r="CG98" s="1131">
        <f t="shared" si="58"/>
        <v>4.1827788200160809E-3</v>
      </c>
      <c r="CH98" s="1131">
        <f t="shared" si="59"/>
        <v>8.3655576400321618E-3</v>
      </c>
      <c r="CI98" s="1131">
        <f t="shared" si="60"/>
        <v>8.3655576400321618E-3</v>
      </c>
      <c r="CJ98" s="1131">
        <f t="shared" si="61"/>
        <v>1.2864198476205062E-2</v>
      </c>
      <c r="CK98" s="1132">
        <f t="shared" si="62"/>
        <v>1</v>
      </c>
    </row>
    <row r="99" spans="1:89" ht="75" x14ac:dyDescent="0.2">
      <c r="A99" s="992"/>
      <c r="B99" s="1126" t="s">
        <v>66</v>
      </c>
      <c r="C99" s="1126"/>
      <c r="D99" s="1126"/>
      <c r="E99" s="1126"/>
      <c r="F99" s="1026" t="s">
        <v>1823</v>
      </c>
      <c r="G99" s="1026" t="s">
        <v>1113</v>
      </c>
      <c r="H99" s="1026" t="s">
        <v>1114</v>
      </c>
      <c r="I99" s="1026" t="s">
        <v>1821</v>
      </c>
      <c r="J99" s="1026" t="s">
        <v>1521</v>
      </c>
      <c r="K99" s="1026" t="s">
        <v>1521</v>
      </c>
      <c r="L99" s="1026" t="s">
        <v>1522</v>
      </c>
      <c r="M99" s="1026" t="s">
        <v>1523</v>
      </c>
      <c r="N99" s="1026">
        <v>1</v>
      </c>
      <c r="O99" s="1026" t="s">
        <v>932</v>
      </c>
      <c r="P99" s="1026" t="s">
        <v>1490</v>
      </c>
      <c r="Q99" s="1026" t="s">
        <v>1491</v>
      </c>
      <c r="R99" s="1026" t="s">
        <v>1492</v>
      </c>
      <c r="S99" s="1026" t="s">
        <v>1493</v>
      </c>
      <c r="T99" s="1026" t="s">
        <v>1553</v>
      </c>
      <c r="U99" s="1016" t="str">
        <f>_xlfn.XLOOKUP(F99, [4]GIS!D:D, [4]GIS!E:E, "Not mapped")</f>
        <v>Single - Scenario 2 (longer segment, one edge in close proximity of a development)</v>
      </c>
      <c r="V99" s="1031" t="s">
        <v>1495</v>
      </c>
      <c r="W99" s="1032" t="s">
        <v>1525</v>
      </c>
      <c r="X99" s="1032" t="s">
        <v>1526</v>
      </c>
      <c r="Y99" s="1033">
        <v>2</v>
      </c>
      <c r="Z99" s="1033">
        <v>1</v>
      </c>
      <c r="AA99" s="1033">
        <v>1</v>
      </c>
      <c r="AB99" s="1033">
        <v>3</v>
      </c>
      <c r="AC99" s="1033">
        <v>1</v>
      </c>
      <c r="AD99" s="1034">
        <v>0</v>
      </c>
      <c r="AE99" s="1034">
        <v>0</v>
      </c>
      <c r="AF99" s="1034">
        <v>1</v>
      </c>
      <c r="AG99" s="1034">
        <v>4</v>
      </c>
      <c r="AH99" s="1034">
        <v>0</v>
      </c>
      <c r="AI99" s="1034">
        <v>56</v>
      </c>
      <c r="AJ99" s="1034">
        <v>60</v>
      </c>
      <c r="AK99" s="1034">
        <f>IF(AJ99="n/a","n/a",ROUND((AJ99*[4]TripRateCalculations!$V$6),0))</f>
        <v>133</v>
      </c>
      <c r="AL99" s="1034">
        <v>2</v>
      </c>
      <c r="AM99" s="1034">
        <v>11</v>
      </c>
      <c r="AN99" s="1034">
        <f>IF(AT99="n/a","n/a",ROUND((AT99*[4]TripRateCalculations!N$4),0))</f>
        <v>7</v>
      </c>
      <c r="AO99" s="1034">
        <f>IF(AU99="n/a","n/a",ROUND((AU99*[4]TripRateCalculations!O$4),0))</f>
        <v>0</v>
      </c>
      <c r="AP99" s="1034">
        <f>IF(AV99="n/a","n/a",ROUND((AV99*[4]TripRateCalculations!P$4),0))</f>
        <v>6</v>
      </c>
      <c r="AQ99" s="1034">
        <f>AW99*[4]TripRateCalculations!Q$4</f>
        <v>3.0755148741418763</v>
      </c>
      <c r="AR99" s="1034">
        <f>IF(AX99="n/a","n/a",ROUND((AX99*[4]TripRateCalculations!R$4),0))</f>
        <v>5</v>
      </c>
      <c r="AS99" s="1034">
        <f>IF(AY99="n/a","n/a",ROUND((AY99*[4]TripRateCalculations!S$4),0))</f>
        <v>1</v>
      </c>
      <c r="AT99" s="1034">
        <v>30</v>
      </c>
      <c r="AU99" s="1034">
        <v>1</v>
      </c>
      <c r="AV99" s="1034">
        <v>22</v>
      </c>
      <c r="AW99" s="1034">
        <v>21</v>
      </c>
      <c r="AX99" s="1034">
        <v>53</v>
      </c>
      <c r="AY99" s="1034">
        <v>52</v>
      </c>
      <c r="AZ99" s="1035">
        <v>2</v>
      </c>
      <c r="BA99" s="1035">
        <v>0</v>
      </c>
      <c r="BB99" s="1035">
        <v>0</v>
      </c>
      <c r="BC99" s="1035">
        <v>19</v>
      </c>
      <c r="BD99" s="1035">
        <v>95</v>
      </c>
      <c r="BE99" s="1035">
        <v>0</v>
      </c>
      <c r="BF99" s="1035">
        <v>30</v>
      </c>
      <c r="BG99" s="1035">
        <f>BF99*[4]TripRateCalculations!$Q$4</f>
        <v>4.3935926773455378</v>
      </c>
      <c r="BH99" s="1027" t="s">
        <v>1554</v>
      </c>
      <c r="BI99" s="1026" t="s">
        <v>834</v>
      </c>
      <c r="BJ99" s="1026" t="s">
        <v>53</v>
      </c>
      <c r="BK99" s="1042">
        <f>ROUND((VLOOKUP(F99,'[4]Cost Summary'!A:H,8,)),0.1)</f>
        <v>20883</v>
      </c>
      <c r="BL99" s="1026">
        <v>4</v>
      </c>
      <c r="BM99" s="1078" t="s">
        <v>1822</v>
      </c>
      <c r="BN99" s="1044" t="s">
        <v>1584</v>
      </c>
      <c r="BO99" s="1130">
        <v>13567.13</v>
      </c>
      <c r="BP99" s="992"/>
      <c r="BQ99" s="1131">
        <f t="shared" si="42"/>
        <v>4.1827788200160809E-3</v>
      </c>
      <c r="BR99" s="1131">
        <f t="shared" si="43"/>
        <v>4.1827788200160809E-3</v>
      </c>
      <c r="BS99" s="1131">
        <f t="shared" si="44"/>
        <v>1.2548336460048243E-2</v>
      </c>
      <c r="BT99" s="1131">
        <f t="shared" si="45"/>
        <v>4.1827788200160809E-3</v>
      </c>
      <c r="BU99" s="1131">
        <f t="shared" si="46"/>
        <v>0</v>
      </c>
      <c r="BV99" s="1131">
        <f t="shared" si="47"/>
        <v>0</v>
      </c>
      <c r="BW99" s="1131">
        <f t="shared" si="48"/>
        <v>4.1827788200160809E-3</v>
      </c>
      <c r="BX99" s="1131">
        <f t="shared" si="49"/>
        <v>1.6731115280064324E-2</v>
      </c>
      <c r="BY99" s="1131">
        <f t="shared" si="50"/>
        <v>0.23423561392090053</v>
      </c>
      <c r="BZ99" s="1131">
        <f t="shared" si="51"/>
        <v>0.55630958306213873</v>
      </c>
      <c r="CA99" s="1131">
        <f t="shared" si="52"/>
        <v>8.3655576400321618E-3</v>
      </c>
      <c r="CB99" s="1131">
        <f t="shared" si="53"/>
        <v>4.601056702017689E-2</v>
      </c>
      <c r="CC99" s="1131">
        <f t="shared" si="54"/>
        <v>2.9279451740112566E-2</v>
      </c>
      <c r="CD99" s="1131">
        <f t="shared" si="55"/>
        <v>0</v>
      </c>
      <c r="CE99" s="1131">
        <f t="shared" si="56"/>
        <v>2.5096672920096486E-2</v>
      </c>
      <c r="CF99" s="1131">
        <f t="shared" si="57"/>
        <v>2.0913894100080405E-2</v>
      </c>
      <c r="CG99" s="1131">
        <f t="shared" si="58"/>
        <v>4.1827788200160809E-3</v>
      </c>
      <c r="CH99" s="1131">
        <f t="shared" si="59"/>
        <v>8.3655576400321618E-3</v>
      </c>
      <c r="CI99" s="1131">
        <f t="shared" si="60"/>
        <v>8.3655576400321618E-3</v>
      </c>
      <c r="CJ99" s="1131">
        <f t="shared" si="61"/>
        <v>1.2864198476205062E-2</v>
      </c>
      <c r="CK99" s="1132">
        <f t="shared" si="62"/>
        <v>1</v>
      </c>
    </row>
    <row r="100" spans="1:89" ht="114" x14ac:dyDescent="0.2">
      <c r="A100" s="992"/>
      <c r="B100" s="1126"/>
      <c r="C100" s="1126"/>
      <c r="D100" s="1126"/>
      <c r="E100" s="1126"/>
      <c r="F100" s="1026" t="s">
        <v>1824</v>
      </c>
      <c r="G100" s="1026" t="s">
        <v>1165</v>
      </c>
      <c r="H100" s="1026" t="s">
        <v>1825</v>
      </c>
      <c r="I100" s="1026" t="s">
        <v>1826</v>
      </c>
      <c r="J100" s="1026">
        <v>51.757352830000002</v>
      </c>
      <c r="K100" s="1026">
        <v>-0.47278786</v>
      </c>
      <c r="L100" s="1026" t="s">
        <v>1522</v>
      </c>
      <c r="M100" s="1026" t="s">
        <v>1489</v>
      </c>
      <c r="N100" s="1026">
        <v>1</v>
      </c>
      <c r="O100" s="1026" t="s">
        <v>932</v>
      </c>
      <c r="P100" s="1026" t="s">
        <v>1490</v>
      </c>
      <c r="Q100" s="1026" t="s">
        <v>1491</v>
      </c>
      <c r="R100" s="1026" t="s">
        <v>1492</v>
      </c>
      <c r="S100" s="1026" t="s">
        <v>1493</v>
      </c>
      <c r="T100" s="1026" t="s">
        <v>1827</v>
      </c>
      <c r="U100" s="1016" t="str">
        <f>_xlfn.XLOOKUP(F100, [4]GIS!D:D, [4]GIS!E:E, "Not mapped")</f>
        <v>Multiple - Scenario 1</v>
      </c>
      <c r="V100" s="1026" t="s">
        <v>1707</v>
      </c>
      <c r="W100" s="1032" t="s">
        <v>1525</v>
      </c>
      <c r="X100" s="1032" t="s">
        <v>1526</v>
      </c>
      <c r="Y100" s="1033">
        <v>15</v>
      </c>
      <c r="Z100" s="1033">
        <v>4</v>
      </c>
      <c r="AA100" s="1033">
        <v>4</v>
      </c>
      <c r="AB100" s="1033">
        <v>15</v>
      </c>
      <c r="AC100" s="1033">
        <v>3</v>
      </c>
      <c r="AD100" s="1033">
        <v>1</v>
      </c>
      <c r="AE100" s="1033">
        <v>2</v>
      </c>
      <c r="AF100" s="1033">
        <v>7</v>
      </c>
      <c r="AG100" s="1033">
        <v>44</v>
      </c>
      <c r="AH100" s="1033">
        <v>3</v>
      </c>
      <c r="AI100" s="1033">
        <v>0</v>
      </c>
      <c r="AJ100" s="1033">
        <v>10</v>
      </c>
      <c r="AK100" s="1033">
        <f>IF(AJ100="n/a","n/a",ROUND((AJ100*[4]TripRateCalculations!$V$6),0))</f>
        <v>22</v>
      </c>
      <c r="AL100" s="1033">
        <v>12</v>
      </c>
      <c r="AM100" s="1033">
        <v>2</v>
      </c>
      <c r="AN100" s="1033">
        <f>IF(AT100="n/a","n/a",ROUND((AT100*[4]TripRateCalculations!N$4),0))</f>
        <v>29</v>
      </c>
      <c r="AO100" s="1033">
        <f>IF(AU100="n/a","n/a",ROUND((AU100*[4]TripRateCalculations!O$4),0))</f>
        <v>1</v>
      </c>
      <c r="AP100" s="1033">
        <f>IF(AV100="n/a","n/a",ROUND((AV100*[4]TripRateCalculations!P$4),0))</f>
        <v>1</v>
      </c>
      <c r="AQ100" s="1033">
        <f>AW100*[4]TripRateCalculations!Q$4</f>
        <v>3.2219679633867275</v>
      </c>
      <c r="AR100" s="1033">
        <f>IF(AX100="n/a","n/a",ROUND((AX100*[4]TripRateCalculations!R$4),0))</f>
        <v>7</v>
      </c>
      <c r="AS100" s="1033">
        <f>IF(AY100="n/a","n/a",ROUND((AY100*[4]TripRateCalculations!S$4),0))</f>
        <v>0</v>
      </c>
      <c r="AT100" s="1033">
        <v>134</v>
      </c>
      <c r="AU100" s="1033">
        <v>9</v>
      </c>
      <c r="AV100" s="1033">
        <v>2</v>
      </c>
      <c r="AW100" s="1033">
        <v>22</v>
      </c>
      <c r="AX100" s="1033">
        <v>69</v>
      </c>
      <c r="AY100" s="1033">
        <v>0</v>
      </c>
      <c r="AZ100" s="1041">
        <v>29</v>
      </c>
      <c r="BA100" s="1041">
        <v>9</v>
      </c>
      <c r="BB100" s="1041">
        <v>14</v>
      </c>
      <c r="BC100" s="1041">
        <v>1</v>
      </c>
      <c r="BD100" s="1041">
        <v>2</v>
      </c>
      <c r="BE100" s="1041">
        <v>1</v>
      </c>
      <c r="BF100" s="1041">
        <v>43</v>
      </c>
      <c r="BG100" s="1041">
        <f>BF100*[4]TripRateCalculations!$Q$4</f>
        <v>6.2974828375286043</v>
      </c>
      <c r="BH100" s="1027" t="s">
        <v>1807</v>
      </c>
      <c r="BI100" s="1026" t="s">
        <v>722</v>
      </c>
      <c r="BJ100" s="1026" t="s">
        <v>53</v>
      </c>
      <c r="BK100" s="1042">
        <f>ROUND((VLOOKUP(F100,'[4]Cost Summary'!A:H,8,)),0.1)</f>
        <v>70241</v>
      </c>
      <c r="BL100" s="1026">
        <v>3</v>
      </c>
      <c r="BM100" s="1078" t="s">
        <v>1828</v>
      </c>
      <c r="BN100" s="1044" t="s">
        <v>1584</v>
      </c>
      <c r="BO100" s="1130">
        <v>45633.54</v>
      </c>
      <c r="BP100" s="992"/>
      <c r="BQ100" s="1131">
        <f t="shared" si="42"/>
        <v>1.9878545272590805E-2</v>
      </c>
      <c r="BR100" s="1131">
        <f t="shared" si="43"/>
        <v>1.9878545272590805E-2</v>
      </c>
      <c r="BS100" s="1131">
        <f t="shared" si="44"/>
        <v>7.4544544772215518E-2</v>
      </c>
      <c r="BT100" s="1131">
        <f t="shared" si="45"/>
        <v>1.4908908954443103E-2</v>
      </c>
      <c r="BU100" s="1131">
        <f t="shared" si="46"/>
        <v>4.9696363181477013E-3</v>
      </c>
      <c r="BV100" s="1131">
        <f t="shared" si="47"/>
        <v>9.9392726362954025E-3</v>
      </c>
      <c r="BW100" s="1131">
        <f t="shared" si="48"/>
        <v>3.4787454227033908E-2</v>
      </c>
      <c r="BX100" s="1131">
        <f t="shared" si="49"/>
        <v>0.21866399799849884</v>
      </c>
      <c r="BY100" s="1131">
        <f t="shared" si="50"/>
        <v>0</v>
      </c>
      <c r="BZ100" s="1131">
        <f t="shared" si="51"/>
        <v>0.10933199899924942</v>
      </c>
      <c r="CA100" s="1131">
        <f t="shared" si="52"/>
        <v>5.9635635817772412E-2</v>
      </c>
      <c r="CB100" s="1131">
        <f t="shared" si="53"/>
        <v>9.9392726362954025E-3</v>
      </c>
      <c r="CC100" s="1131">
        <f t="shared" si="54"/>
        <v>0.14411945322628333</v>
      </c>
      <c r="CD100" s="1131">
        <f t="shared" si="55"/>
        <v>4.9696363181477013E-3</v>
      </c>
      <c r="CE100" s="1131">
        <f t="shared" si="56"/>
        <v>4.9696363181477013E-3</v>
      </c>
      <c r="CF100" s="1131">
        <f t="shared" si="57"/>
        <v>3.4787454227033908E-2</v>
      </c>
      <c r="CG100" s="1131">
        <f t="shared" si="58"/>
        <v>0</v>
      </c>
      <c r="CH100" s="1131">
        <f t="shared" si="59"/>
        <v>0.14411945322628333</v>
      </c>
      <c r="CI100" s="1131">
        <f t="shared" si="60"/>
        <v>7.4544544772215518E-2</v>
      </c>
      <c r="CJ100" s="1131">
        <f t="shared" si="61"/>
        <v>1.6012009006755062E-2</v>
      </c>
      <c r="CK100" s="1132">
        <f t="shared" si="62"/>
        <v>0.99999999999999978</v>
      </c>
    </row>
    <row r="101" spans="1:89" ht="71.25" x14ac:dyDescent="0.2">
      <c r="A101" s="992"/>
      <c r="B101" s="1126"/>
      <c r="C101" s="1126"/>
      <c r="D101" s="1126"/>
      <c r="E101" s="1126"/>
      <c r="F101" s="1026" t="s">
        <v>1829</v>
      </c>
      <c r="G101" s="1026" t="s">
        <v>1182</v>
      </c>
      <c r="H101" s="1026" t="s">
        <v>1183</v>
      </c>
      <c r="I101" s="1026" t="s">
        <v>1830</v>
      </c>
      <c r="J101" s="1026">
        <v>51.752628100000003</v>
      </c>
      <c r="K101" s="1026">
        <v>-0.472089749</v>
      </c>
      <c r="L101" s="1026" t="s">
        <v>1522</v>
      </c>
      <c r="M101" s="1026" t="s">
        <v>1489</v>
      </c>
      <c r="N101" s="1026">
        <v>1</v>
      </c>
      <c r="O101" s="1026" t="s">
        <v>900</v>
      </c>
      <c r="P101" s="1026" t="s">
        <v>1490</v>
      </c>
      <c r="Q101" s="1026" t="s">
        <v>1491</v>
      </c>
      <c r="R101" s="1026" t="s">
        <v>1492</v>
      </c>
      <c r="S101" s="1026" t="s">
        <v>1493</v>
      </c>
      <c r="T101" s="1026" t="s">
        <v>1806</v>
      </c>
      <c r="U101" s="1016" t="str">
        <f>_xlfn.XLOOKUP(F101, [4]GIS!D:D, [4]GIS!E:E, "Not mapped")</f>
        <v>Single - Scenario 2</v>
      </c>
      <c r="V101" s="1031" t="s">
        <v>1723</v>
      </c>
      <c r="W101" s="1032" t="s">
        <v>1525</v>
      </c>
      <c r="X101" s="1032" t="s">
        <v>1526</v>
      </c>
      <c r="Y101" s="1033">
        <v>101</v>
      </c>
      <c r="Z101" s="1033">
        <v>8</v>
      </c>
      <c r="AA101" s="1033">
        <v>1</v>
      </c>
      <c r="AB101" s="1033">
        <v>2</v>
      </c>
      <c r="AC101" s="1033">
        <v>1</v>
      </c>
      <c r="AD101" s="1033">
        <v>0</v>
      </c>
      <c r="AE101" s="1033">
        <v>1</v>
      </c>
      <c r="AF101" s="1033">
        <v>1</v>
      </c>
      <c r="AG101" s="1033">
        <v>4</v>
      </c>
      <c r="AH101" s="1033">
        <v>1</v>
      </c>
      <c r="AI101" s="1033">
        <v>5</v>
      </c>
      <c r="AJ101" s="1033">
        <v>5</v>
      </c>
      <c r="AK101" s="1033">
        <f>IF(AJ101="n/a","n/a",ROUND((AJ101*[4]TripRateCalculations!$V$6),0))</f>
        <v>11</v>
      </c>
      <c r="AL101" s="1033">
        <v>2</v>
      </c>
      <c r="AM101" s="1033">
        <v>1</v>
      </c>
      <c r="AN101" s="1033">
        <f>IF(AT101="n/a","n/a",ROUND((AT101*[4]TripRateCalculations!N$4),0))</f>
        <v>2</v>
      </c>
      <c r="AO101" s="1033">
        <f>IF(AU101="n/a","n/a",ROUND((AU101*[4]TripRateCalculations!O$4),0))</f>
        <v>0</v>
      </c>
      <c r="AP101" s="1033">
        <f>IF(AV101="n/a","n/a",ROUND((AV101*[4]TripRateCalculations!P$4),0))</f>
        <v>0</v>
      </c>
      <c r="AQ101" s="1033">
        <f>AW101*[4]TripRateCalculations!Q$4</f>
        <v>0.58581235697940504</v>
      </c>
      <c r="AR101" s="1033">
        <f>IF(AX101="n/a","n/a",ROUND((AX101*[4]TripRateCalculations!R$4),0))</f>
        <v>0</v>
      </c>
      <c r="AS101" s="1033">
        <f>IF(AY101="n/a","n/a",ROUND((AY101*[4]TripRateCalculations!S$4),0))</f>
        <v>0</v>
      </c>
      <c r="AT101" s="1033">
        <v>7</v>
      </c>
      <c r="AU101" s="1033">
        <v>4</v>
      </c>
      <c r="AV101" s="1033">
        <v>1</v>
      </c>
      <c r="AW101" s="1033">
        <v>4</v>
      </c>
      <c r="AX101" s="1033">
        <v>3</v>
      </c>
      <c r="AY101" s="1033">
        <v>3</v>
      </c>
      <c r="AZ101" s="1041">
        <v>3</v>
      </c>
      <c r="BA101" s="1041">
        <v>53</v>
      </c>
      <c r="BB101" s="1041">
        <v>2</v>
      </c>
      <c r="BC101" s="1041">
        <v>2</v>
      </c>
      <c r="BD101" s="1041">
        <v>4</v>
      </c>
      <c r="BE101" s="1041">
        <v>1</v>
      </c>
      <c r="BF101" s="1041">
        <v>14</v>
      </c>
      <c r="BG101" s="1041">
        <f>BF101*[4]TripRateCalculations!$Q$4</f>
        <v>2.0503432494279177</v>
      </c>
      <c r="BH101" s="1027" t="s">
        <v>1831</v>
      </c>
      <c r="BI101" s="1026" t="s">
        <v>834</v>
      </c>
      <c r="BJ101" s="1026" t="s">
        <v>53</v>
      </c>
      <c r="BK101" s="1042">
        <f>ROUND((VLOOKUP(F101,'[4]Cost Summary'!A:H,8,)),0.1)</f>
        <v>94053</v>
      </c>
      <c r="BL101" s="1026">
        <v>0</v>
      </c>
      <c r="BM101" s="1078" t="s">
        <v>1500</v>
      </c>
      <c r="BN101" s="1044" t="s">
        <v>1584</v>
      </c>
      <c r="BO101" s="1130">
        <v>61103.86</v>
      </c>
      <c r="BP101" s="992"/>
      <c r="BQ101" s="1131">
        <f t="shared" si="42"/>
        <v>5.5715811114475579E-2</v>
      </c>
      <c r="BR101" s="1131">
        <f t="shared" si="43"/>
        <v>6.9644763893094474E-3</v>
      </c>
      <c r="BS101" s="1131">
        <f t="shared" si="44"/>
        <v>1.3928952778618895E-2</v>
      </c>
      <c r="BT101" s="1131">
        <f t="shared" si="45"/>
        <v>6.9644763893094474E-3</v>
      </c>
      <c r="BU101" s="1131">
        <f t="shared" si="46"/>
        <v>0</v>
      </c>
      <c r="BV101" s="1131">
        <f t="shared" si="47"/>
        <v>6.9644763893094474E-3</v>
      </c>
      <c r="BW101" s="1131">
        <f t="shared" si="48"/>
        <v>6.9644763893094474E-3</v>
      </c>
      <c r="BX101" s="1131">
        <f t="shared" si="49"/>
        <v>2.7857905557237789E-2</v>
      </c>
      <c r="BY101" s="1131">
        <f t="shared" si="50"/>
        <v>3.4822381946547236E-2</v>
      </c>
      <c r="BZ101" s="1131">
        <f t="shared" si="51"/>
        <v>7.6609240282403929E-2</v>
      </c>
      <c r="CA101" s="1131">
        <f t="shared" si="52"/>
        <v>1.3928952778618895E-2</v>
      </c>
      <c r="CB101" s="1131">
        <f t="shared" si="53"/>
        <v>6.9644763893094474E-3</v>
      </c>
      <c r="CC101" s="1131">
        <f t="shared" si="54"/>
        <v>1.3928952778618895E-2</v>
      </c>
      <c r="CD101" s="1131">
        <f t="shared" si="55"/>
        <v>0</v>
      </c>
      <c r="CE101" s="1131">
        <f t="shared" si="56"/>
        <v>0</v>
      </c>
      <c r="CF101" s="1131">
        <f t="shared" si="57"/>
        <v>0</v>
      </c>
      <c r="CG101" s="1131">
        <f t="shared" si="58"/>
        <v>0</v>
      </c>
      <c r="CH101" s="1131">
        <f t="shared" si="59"/>
        <v>2.0893429167928343E-2</v>
      </c>
      <c r="CI101" s="1131">
        <f t="shared" si="60"/>
        <v>0.70341211532025427</v>
      </c>
      <c r="CJ101" s="1131">
        <f t="shared" si="61"/>
        <v>4.0798763287487839E-3</v>
      </c>
      <c r="CK101" s="1132">
        <f t="shared" si="62"/>
        <v>0.99999999999999989</v>
      </c>
    </row>
    <row r="102" spans="1:89" ht="114" x14ac:dyDescent="0.2">
      <c r="A102" s="992"/>
      <c r="B102" s="1126" t="s">
        <v>66</v>
      </c>
      <c r="C102" s="1126"/>
      <c r="D102" s="1126"/>
      <c r="E102" s="1126"/>
      <c r="F102" s="1026" t="s">
        <v>1832</v>
      </c>
      <c r="G102" s="1026" t="s">
        <v>1184</v>
      </c>
      <c r="H102" s="1026" t="s">
        <v>1185</v>
      </c>
      <c r="I102" s="1026" t="s">
        <v>1833</v>
      </c>
      <c r="J102" s="1026">
        <v>51.753482550000001</v>
      </c>
      <c r="K102" s="1026">
        <v>-0.47237289999999998</v>
      </c>
      <c r="L102" s="1026" t="s">
        <v>1522</v>
      </c>
      <c r="M102" s="1026" t="s">
        <v>1489</v>
      </c>
      <c r="N102" s="1026">
        <v>2</v>
      </c>
      <c r="O102" s="1026" t="s">
        <v>932</v>
      </c>
      <c r="P102" s="1026" t="s">
        <v>1490</v>
      </c>
      <c r="Q102" s="1026" t="s">
        <v>1491</v>
      </c>
      <c r="R102" s="1026" t="s">
        <v>1492</v>
      </c>
      <c r="S102" s="1026" t="s">
        <v>1493</v>
      </c>
      <c r="T102" s="1026" t="s">
        <v>1806</v>
      </c>
      <c r="U102" s="1016" t="str">
        <f>_xlfn.XLOOKUP(F102, [4]GIS!D:D, [4]GIS!E:E, "Not mapped")</f>
        <v>Multiple - Scenario 1</v>
      </c>
      <c r="V102" s="1031" t="s">
        <v>1495</v>
      </c>
      <c r="W102" s="1032" t="s">
        <v>1525</v>
      </c>
      <c r="X102" s="1032" t="s">
        <v>1526</v>
      </c>
      <c r="Y102" s="1033">
        <v>101</v>
      </c>
      <c r="Z102" s="1033">
        <v>8</v>
      </c>
      <c r="AA102" s="1033">
        <v>1</v>
      </c>
      <c r="AB102" s="1033">
        <v>2</v>
      </c>
      <c r="AC102" s="1033">
        <v>1</v>
      </c>
      <c r="AD102" s="1033">
        <v>0</v>
      </c>
      <c r="AE102" s="1033">
        <v>1</v>
      </c>
      <c r="AF102" s="1033">
        <v>1</v>
      </c>
      <c r="AG102" s="1033">
        <v>4</v>
      </c>
      <c r="AH102" s="1033">
        <v>1</v>
      </c>
      <c r="AI102" s="1033">
        <v>5</v>
      </c>
      <c r="AJ102" s="1033">
        <v>5</v>
      </c>
      <c r="AK102" s="1033">
        <f>IF(AJ102="n/a","n/a",ROUND((AJ102*[4]TripRateCalculations!$V$6),0))</f>
        <v>11</v>
      </c>
      <c r="AL102" s="1033">
        <v>2</v>
      </c>
      <c r="AM102" s="1033">
        <v>1</v>
      </c>
      <c r="AN102" s="1033">
        <f>IF(AT102="n/a","n/a",ROUND((AT102*[4]TripRateCalculations!N$4),0))</f>
        <v>2</v>
      </c>
      <c r="AO102" s="1033">
        <f>IF(AU102="n/a","n/a",ROUND((AU102*[4]TripRateCalculations!O$4),0))</f>
        <v>0</v>
      </c>
      <c r="AP102" s="1033">
        <f>IF(AV102="n/a","n/a",ROUND((AV102*[4]TripRateCalculations!P$4),0))</f>
        <v>0</v>
      </c>
      <c r="AQ102" s="1033">
        <f>AW102*[4]TripRateCalculations!Q$4</f>
        <v>0.58581235697940504</v>
      </c>
      <c r="AR102" s="1033">
        <f>IF(AX102="n/a","n/a",ROUND((AX102*[4]TripRateCalculations!R$4),0))</f>
        <v>0</v>
      </c>
      <c r="AS102" s="1033">
        <f>IF(AY102="n/a","n/a",ROUND((AY102*[4]TripRateCalculations!S$4),0))</f>
        <v>0</v>
      </c>
      <c r="AT102" s="1033">
        <v>7</v>
      </c>
      <c r="AU102" s="1033">
        <v>4</v>
      </c>
      <c r="AV102" s="1033">
        <v>1</v>
      </c>
      <c r="AW102" s="1033">
        <v>4</v>
      </c>
      <c r="AX102" s="1033">
        <v>3</v>
      </c>
      <c r="AY102" s="1033">
        <v>3</v>
      </c>
      <c r="AZ102" s="1041">
        <v>3</v>
      </c>
      <c r="BA102" s="1041">
        <v>53</v>
      </c>
      <c r="BB102" s="1041">
        <v>2</v>
      </c>
      <c r="BC102" s="1041">
        <v>2</v>
      </c>
      <c r="BD102" s="1041">
        <v>4</v>
      </c>
      <c r="BE102" s="1041">
        <v>1</v>
      </c>
      <c r="BF102" s="1041">
        <v>13</v>
      </c>
      <c r="BG102" s="1041">
        <f>BF102*[4]TripRateCalculations!$Q$4</f>
        <v>1.9038901601830664</v>
      </c>
      <c r="BH102" s="1027" t="s">
        <v>1831</v>
      </c>
      <c r="BI102" s="1026" t="s">
        <v>834</v>
      </c>
      <c r="BJ102" s="1026" t="s">
        <v>53</v>
      </c>
      <c r="BK102" s="1042">
        <f>ROUND((VLOOKUP(F102,'[4]Cost Summary'!A:H,8,)),0.1)</f>
        <v>313019</v>
      </c>
      <c r="BL102" s="1026">
        <v>1</v>
      </c>
      <c r="BM102" s="1078">
        <v>6</v>
      </c>
      <c r="BN102" s="1044" t="s">
        <v>1584</v>
      </c>
      <c r="BO102" s="1130">
        <v>203360.35</v>
      </c>
      <c r="BP102" s="992"/>
      <c r="BQ102" s="1131">
        <f t="shared" si="42"/>
        <v>5.5715811114475593E-2</v>
      </c>
      <c r="BR102" s="1131">
        <f t="shared" si="43"/>
        <v>6.9644763893094491E-3</v>
      </c>
      <c r="BS102" s="1131">
        <f t="shared" si="44"/>
        <v>1.3928952778618898E-2</v>
      </c>
      <c r="BT102" s="1131">
        <f t="shared" si="45"/>
        <v>6.9644763893094491E-3</v>
      </c>
      <c r="BU102" s="1131">
        <f t="shared" si="46"/>
        <v>0</v>
      </c>
      <c r="BV102" s="1131">
        <f t="shared" si="47"/>
        <v>6.9644763893094491E-3</v>
      </c>
      <c r="BW102" s="1131">
        <f t="shared" si="48"/>
        <v>6.9644763893094491E-3</v>
      </c>
      <c r="BX102" s="1131">
        <f t="shared" si="49"/>
        <v>2.7857905557237796E-2</v>
      </c>
      <c r="BY102" s="1131">
        <f t="shared" si="50"/>
        <v>3.4822381946547243E-2</v>
      </c>
      <c r="BZ102" s="1131">
        <f t="shared" si="51"/>
        <v>7.6609240282403943E-2</v>
      </c>
      <c r="CA102" s="1131">
        <f t="shared" si="52"/>
        <v>1.3928952778618898E-2</v>
      </c>
      <c r="CB102" s="1131">
        <f t="shared" si="53"/>
        <v>6.9644763893094491E-3</v>
      </c>
      <c r="CC102" s="1131">
        <f t="shared" si="54"/>
        <v>1.3928952778618898E-2</v>
      </c>
      <c r="CD102" s="1131">
        <f t="shared" si="55"/>
        <v>0</v>
      </c>
      <c r="CE102" s="1131">
        <f t="shared" si="56"/>
        <v>0</v>
      </c>
      <c r="CF102" s="1131">
        <f t="shared" si="57"/>
        <v>0</v>
      </c>
      <c r="CG102" s="1131">
        <f t="shared" si="58"/>
        <v>0</v>
      </c>
      <c r="CH102" s="1131">
        <f t="shared" si="59"/>
        <v>2.0893429167928346E-2</v>
      </c>
      <c r="CI102" s="1131">
        <f t="shared" si="60"/>
        <v>0.70341211532025438</v>
      </c>
      <c r="CJ102" s="1131">
        <f t="shared" si="61"/>
        <v>4.0798763287487848E-3</v>
      </c>
      <c r="CK102" s="1132">
        <f t="shared" si="62"/>
        <v>0.99999999999999989</v>
      </c>
    </row>
    <row r="103" spans="1:89" ht="99.75" x14ac:dyDescent="0.2">
      <c r="A103" s="992"/>
      <c r="B103" s="1126" t="s">
        <v>66</v>
      </c>
      <c r="C103" s="1126"/>
      <c r="D103" s="1126"/>
      <c r="E103" s="1126"/>
      <c r="F103" s="1026" t="s">
        <v>1834</v>
      </c>
      <c r="G103" s="1026" t="s">
        <v>1186</v>
      </c>
      <c r="H103" s="1026" t="s">
        <v>1187</v>
      </c>
      <c r="I103" s="1026" t="s">
        <v>1835</v>
      </c>
      <c r="J103" s="1026">
        <v>51.754353510000001</v>
      </c>
      <c r="K103" s="1026">
        <v>-0.47261388700000001</v>
      </c>
      <c r="L103" s="1026" t="s">
        <v>1522</v>
      </c>
      <c r="M103" s="1026" t="s">
        <v>1489</v>
      </c>
      <c r="N103" s="1026">
        <v>2</v>
      </c>
      <c r="O103" s="1026" t="s">
        <v>932</v>
      </c>
      <c r="P103" s="1026" t="s">
        <v>1490</v>
      </c>
      <c r="Q103" s="1026" t="s">
        <v>1491</v>
      </c>
      <c r="R103" s="1026" t="s">
        <v>1492</v>
      </c>
      <c r="S103" s="1026" t="s">
        <v>1493</v>
      </c>
      <c r="T103" s="1026" t="s">
        <v>1806</v>
      </c>
      <c r="U103" s="1016" t="str">
        <f>_xlfn.XLOOKUP(F103, [4]GIS!D:D, [4]GIS!E:E, "Not mapped")</f>
        <v>Single - Scenario 2</v>
      </c>
      <c r="V103" s="1031" t="s">
        <v>1495</v>
      </c>
      <c r="W103" s="1032" t="s">
        <v>1525</v>
      </c>
      <c r="X103" s="1032" t="s">
        <v>1526</v>
      </c>
      <c r="Y103" s="1033">
        <v>101</v>
      </c>
      <c r="Z103" s="1033">
        <v>8</v>
      </c>
      <c r="AA103" s="1033">
        <v>1</v>
      </c>
      <c r="AB103" s="1033">
        <v>2</v>
      </c>
      <c r="AC103" s="1033">
        <v>1</v>
      </c>
      <c r="AD103" s="1033">
        <v>0</v>
      </c>
      <c r="AE103" s="1033">
        <v>1</v>
      </c>
      <c r="AF103" s="1033">
        <v>1</v>
      </c>
      <c r="AG103" s="1033">
        <v>4</v>
      </c>
      <c r="AH103" s="1033">
        <v>1</v>
      </c>
      <c r="AI103" s="1033">
        <v>5</v>
      </c>
      <c r="AJ103" s="1033">
        <v>5</v>
      </c>
      <c r="AK103" s="1033">
        <f>IF(AJ103="n/a","n/a",ROUND((AJ103*[4]TripRateCalculations!$V$6),0))</f>
        <v>11</v>
      </c>
      <c r="AL103" s="1033">
        <v>2</v>
      </c>
      <c r="AM103" s="1033">
        <v>1</v>
      </c>
      <c r="AN103" s="1033">
        <f>IF(AT103="n/a","n/a",ROUND((AT103*[4]TripRateCalculations!N$4),0))</f>
        <v>2</v>
      </c>
      <c r="AO103" s="1033">
        <f>IF(AU103="n/a","n/a",ROUND((AU103*[4]TripRateCalculations!O$4),0))</f>
        <v>0</v>
      </c>
      <c r="AP103" s="1033">
        <f>IF(AV103="n/a","n/a",ROUND((AV103*[4]TripRateCalculations!P$4),0))</f>
        <v>0</v>
      </c>
      <c r="AQ103" s="1033">
        <f>AW103*[4]TripRateCalculations!Q$4</f>
        <v>0.58581235697940504</v>
      </c>
      <c r="AR103" s="1033">
        <f>IF(AX103="n/a","n/a",ROUND((AX103*[4]TripRateCalculations!R$4),0))</f>
        <v>0</v>
      </c>
      <c r="AS103" s="1033">
        <f>IF(AY103="n/a","n/a",ROUND((AY103*[4]TripRateCalculations!S$4),0))</f>
        <v>0</v>
      </c>
      <c r="AT103" s="1033">
        <v>7</v>
      </c>
      <c r="AU103" s="1033">
        <v>4</v>
      </c>
      <c r="AV103" s="1033">
        <v>1</v>
      </c>
      <c r="AW103" s="1033">
        <v>4</v>
      </c>
      <c r="AX103" s="1033">
        <v>3</v>
      </c>
      <c r="AY103" s="1033">
        <v>3</v>
      </c>
      <c r="AZ103" s="1041">
        <v>3</v>
      </c>
      <c r="BA103" s="1041">
        <v>10</v>
      </c>
      <c r="BB103" s="1041">
        <v>2</v>
      </c>
      <c r="BC103" s="1041">
        <v>0</v>
      </c>
      <c r="BD103" s="1041">
        <v>0</v>
      </c>
      <c r="BE103" s="1041">
        <v>0</v>
      </c>
      <c r="BF103" s="1041">
        <v>13</v>
      </c>
      <c r="BG103" s="1041">
        <f>BF103*[4]TripRateCalculations!$Q$4</f>
        <v>1.9038901601830664</v>
      </c>
      <c r="BH103" s="1027" t="s">
        <v>1831</v>
      </c>
      <c r="BI103" s="1026" t="s">
        <v>834</v>
      </c>
      <c r="BJ103" s="1026" t="s">
        <v>53</v>
      </c>
      <c r="BK103" s="1042">
        <f>ROUND((VLOOKUP(F103,'[4]Cost Summary'!A:H,8,)),0.1)</f>
        <v>290466</v>
      </c>
      <c r="BL103" s="1026">
        <v>1</v>
      </c>
      <c r="BM103" s="1078">
        <v>6</v>
      </c>
      <c r="BN103" s="1044" t="s">
        <v>1584</v>
      </c>
      <c r="BO103" s="1130">
        <v>188708.84</v>
      </c>
      <c r="BP103" s="992"/>
      <c r="BQ103" s="1131">
        <f t="shared" si="42"/>
        <v>5.5715811114475593E-2</v>
      </c>
      <c r="BR103" s="1131">
        <f t="shared" si="43"/>
        <v>6.9644763893094491E-3</v>
      </c>
      <c r="BS103" s="1131">
        <f t="shared" si="44"/>
        <v>1.3928952778618898E-2</v>
      </c>
      <c r="BT103" s="1131">
        <f t="shared" si="45"/>
        <v>6.9644763893094491E-3</v>
      </c>
      <c r="BU103" s="1131">
        <f t="shared" si="46"/>
        <v>0</v>
      </c>
      <c r="BV103" s="1131">
        <f t="shared" si="47"/>
        <v>6.9644763893094491E-3</v>
      </c>
      <c r="BW103" s="1131">
        <f t="shared" si="48"/>
        <v>6.9644763893094491E-3</v>
      </c>
      <c r="BX103" s="1131">
        <f t="shared" si="49"/>
        <v>2.7857905557237796E-2</v>
      </c>
      <c r="BY103" s="1131">
        <f t="shared" si="50"/>
        <v>3.4822381946547243E-2</v>
      </c>
      <c r="BZ103" s="1131">
        <f t="shared" si="51"/>
        <v>7.6609240282403943E-2</v>
      </c>
      <c r="CA103" s="1131">
        <f t="shared" si="52"/>
        <v>1.3928952778618898E-2</v>
      </c>
      <c r="CB103" s="1131">
        <f t="shared" si="53"/>
        <v>6.9644763893094491E-3</v>
      </c>
      <c r="CC103" s="1131">
        <f t="shared" si="54"/>
        <v>1.3928952778618898E-2</v>
      </c>
      <c r="CD103" s="1131">
        <f t="shared" si="55"/>
        <v>0</v>
      </c>
      <c r="CE103" s="1131">
        <f t="shared" si="56"/>
        <v>0</v>
      </c>
      <c r="CF103" s="1131">
        <f t="shared" si="57"/>
        <v>0</v>
      </c>
      <c r="CG103" s="1131">
        <f t="shared" si="58"/>
        <v>0</v>
      </c>
      <c r="CH103" s="1131">
        <f t="shared" si="59"/>
        <v>2.0893429167928346E-2</v>
      </c>
      <c r="CI103" s="1131">
        <f t="shared" si="60"/>
        <v>0.70341211532025438</v>
      </c>
      <c r="CJ103" s="1131">
        <f t="shared" si="61"/>
        <v>4.0798763287487848E-3</v>
      </c>
      <c r="CK103" s="1132">
        <f t="shared" si="62"/>
        <v>0.99999999999999989</v>
      </c>
    </row>
    <row r="104" spans="1:89" ht="75" x14ac:dyDescent="0.2">
      <c r="A104" s="992"/>
      <c r="B104" s="1126" t="s">
        <v>66</v>
      </c>
      <c r="C104" s="1126"/>
      <c r="D104" s="1126"/>
      <c r="E104" s="1126"/>
      <c r="F104" s="1026" t="s">
        <v>1836</v>
      </c>
      <c r="G104" s="1026" t="s">
        <v>1059</v>
      </c>
      <c r="H104" s="1026" t="s">
        <v>1060</v>
      </c>
      <c r="I104" s="1026" t="s">
        <v>1837</v>
      </c>
      <c r="J104" s="1026" t="s">
        <v>1838</v>
      </c>
      <c r="K104" s="1026" t="s">
        <v>1839</v>
      </c>
      <c r="L104" s="1026" t="s">
        <v>1488</v>
      </c>
      <c r="M104" s="1026" t="s">
        <v>1489</v>
      </c>
      <c r="N104" s="1026">
        <v>1</v>
      </c>
      <c r="O104" s="1026" t="s">
        <v>932</v>
      </c>
      <c r="P104" s="1026" t="s">
        <v>1490</v>
      </c>
      <c r="Q104" s="1026" t="s">
        <v>1491</v>
      </c>
      <c r="R104" s="1026" t="s">
        <v>1492</v>
      </c>
      <c r="S104" s="1026" t="s">
        <v>1493</v>
      </c>
      <c r="T104" s="1026" t="s">
        <v>1690</v>
      </c>
      <c r="U104" s="1016" t="str">
        <f>_xlfn.XLOOKUP(F104, [4]GIS!D:D, [4]GIS!E:E, "Not mapped")</f>
        <v>Multiple - Scenario 1</v>
      </c>
      <c r="V104" s="1017" t="s">
        <v>1495</v>
      </c>
      <c r="W104" s="1018" t="s">
        <v>1496</v>
      </c>
      <c r="X104" s="1019" t="s">
        <v>1497</v>
      </c>
      <c r="Y104" s="1020" t="s">
        <v>1498</v>
      </c>
      <c r="Z104" s="1020" t="s">
        <v>1498</v>
      </c>
      <c r="AA104" s="1020" t="s">
        <v>1498</v>
      </c>
      <c r="AB104" s="1020" t="s">
        <v>1498</v>
      </c>
      <c r="AC104" s="1020" t="s">
        <v>1498</v>
      </c>
      <c r="AD104" s="1020" t="s">
        <v>1498</v>
      </c>
      <c r="AE104" s="1020" t="s">
        <v>1498</v>
      </c>
      <c r="AF104" s="1020" t="s">
        <v>1498</v>
      </c>
      <c r="AG104" s="1020" t="s">
        <v>1498</v>
      </c>
      <c r="AH104" s="1020" t="s">
        <v>1498</v>
      </c>
      <c r="AI104" s="1020" t="s">
        <v>1498</v>
      </c>
      <c r="AJ104" s="1020" t="s">
        <v>1498</v>
      </c>
      <c r="AK104" s="1020" t="str">
        <f>IF(AJ104="n/a","n/a",ROUND((AJ104*[4]TripRateCalculations!$V$6),0))</f>
        <v>n/a</v>
      </c>
      <c r="AL104" s="1020" t="s">
        <v>1498</v>
      </c>
      <c r="AM104" s="1020" t="s">
        <v>1498</v>
      </c>
      <c r="AN104" s="1020" t="str">
        <f>IF(AT104="n/a","n/a",ROUND((AT104*[4]TripRateCalculations!N$4),0))</f>
        <v>n/a</v>
      </c>
      <c r="AO104" s="1020" t="str">
        <f>IF(AU104="n/a","n/a",ROUND((AU104*[4]TripRateCalculations!O$4),0))</f>
        <v>n/a</v>
      </c>
      <c r="AP104" s="1020" t="str">
        <f>IF(AV104="n/a","n/a",ROUND((AV104*[4]TripRateCalculations!P$4),0))</f>
        <v>n/a</v>
      </c>
      <c r="AQ104" s="1020" t="s">
        <v>1498</v>
      </c>
      <c r="AR104" s="1020" t="str">
        <f>IF(AX104="n/a","n/a",ROUND((AX104*[4]TripRateCalculations!R$4),0))</f>
        <v>n/a</v>
      </c>
      <c r="AS104" s="1020" t="str">
        <f>IF(AY104="n/a","n/a",ROUND((AY104*[4]TripRateCalculations!S$4),0))</f>
        <v>n/a</v>
      </c>
      <c r="AT104" s="1020" t="s">
        <v>1498</v>
      </c>
      <c r="AU104" s="1020" t="s">
        <v>1498</v>
      </c>
      <c r="AV104" s="1020" t="s">
        <v>1498</v>
      </c>
      <c r="AW104" s="1020" t="s">
        <v>1498</v>
      </c>
      <c r="AX104" s="1020" t="s">
        <v>1498</v>
      </c>
      <c r="AY104" s="1020" t="s">
        <v>1498</v>
      </c>
      <c r="AZ104" s="1020" t="s">
        <v>1498</v>
      </c>
      <c r="BA104" s="1020" t="s">
        <v>1498</v>
      </c>
      <c r="BB104" s="1020" t="s">
        <v>1498</v>
      </c>
      <c r="BC104" s="1020" t="s">
        <v>1498</v>
      </c>
      <c r="BD104" s="1020" t="s">
        <v>1498</v>
      </c>
      <c r="BE104" s="1020" t="s">
        <v>1498</v>
      </c>
      <c r="BF104" s="1020" t="s">
        <v>1498</v>
      </c>
      <c r="BG104" s="1020" t="s">
        <v>1498</v>
      </c>
      <c r="BH104" s="1027" t="s">
        <v>1840</v>
      </c>
      <c r="BI104" s="1026" t="s">
        <v>722</v>
      </c>
      <c r="BJ104" s="1026" t="s">
        <v>53</v>
      </c>
      <c r="BK104" s="1042">
        <f>ROUND((VLOOKUP(F104,'[4]Cost Summary'!A:H,8,)),0.1)</f>
        <v>41091</v>
      </c>
      <c r="BL104" s="1026">
        <v>0</v>
      </c>
      <c r="BM104" s="1078" t="s">
        <v>1500</v>
      </c>
      <c r="BN104" s="1044" t="s">
        <v>1584</v>
      </c>
      <c r="BO104" s="1130">
        <v>26695.56</v>
      </c>
      <c r="BP104" s="992"/>
      <c r="BQ104" s="1131" t="e">
        <f t="shared" si="42"/>
        <v>#VALUE!</v>
      </c>
      <c r="BR104" s="1131" t="e">
        <f t="shared" si="43"/>
        <v>#VALUE!</v>
      </c>
      <c r="BS104" s="1131" t="e">
        <f t="shared" si="44"/>
        <v>#VALUE!</v>
      </c>
      <c r="BT104" s="1131" t="e">
        <f t="shared" si="45"/>
        <v>#VALUE!</v>
      </c>
      <c r="BU104" s="1131" t="e">
        <f t="shared" si="46"/>
        <v>#VALUE!</v>
      </c>
      <c r="BV104" s="1131" t="e">
        <f t="shared" si="47"/>
        <v>#VALUE!</v>
      </c>
      <c r="BW104" s="1131" t="e">
        <f t="shared" si="48"/>
        <v>#VALUE!</v>
      </c>
      <c r="BX104" s="1131" t="e">
        <f t="shared" si="49"/>
        <v>#VALUE!</v>
      </c>
      <c r="BY104" s="1131" t="e">
        <f t="shared" si="50"/>
        <v>#VALUE!</v>
      </c>
      <c r="BZ104" s="1131" t="e">
        <f t="shared" si="51"/>
        <v>#VALUE!</v>
      </c>
      <c r="CA104" s="1131" t="e">
        <f t="shared" si="52"/>
        <v>#VALUE!</v>
      </c>
      <c r="CB104" s="1131" t="e">
        <f t="shared" si="53"/>
        <v>#VALUE!</v>
      </c>
      <c r="CC104" s="1131" t="e">
        <f t="shared" si="54"/>
        <v>#VALUE!</v>
      </c>
      <c r="CD104" s="1131" t="e">
        <f t="shared" si="55"/>
        <v>#VALUE!</v>
      </c>
      <c r="CE104" s="1131" t="e">
        <f t="shared" si="56"/>
        <v>#VALUE!</v>
      </c>
      <c r="CF104" s="1131" t="e">
        <f t="shared" si="57"/>
        <v>#VALUE!</v>
      </c>
      <c r="CG104" s="1131" t="e">
        <f t="shared" si="58"/>
        <v>#VALUE!</v>
      </c>
      <c r="CH104" s="1131" t="e">
        <f t="shared" si="59"/>
        <v>#VALUE!</v>
      </c>
      <c r="CI104" s="1131" t="e">
        <f t="shared" si="60"/>
        <v>#VALUE!</v>
      </c>
      <c r="CJ104" s="1131" t="e">
        <f t="shared" si="61"/>
        <v>#VALUE!</v>
      </c>
      <c r="CK104" s="1132" t="str">
        <f t="shared" si="62"/>
        <v>n/a</v>
      </c>
    </row>
    <row r="105" spans="1:89" ht="85.5" x14ac:dyDescent="0.2">
      <c r="A105" s="992"/>
      <c r="B105" s="1126" t="s">
        <v>66</v>
      </c>
      <c r="C105" s="1126"/>
      <c r="D105" s="1126"/>
      <c r="E105" s="1126"/>
      <c r="F105" s="1026" t="s">
        <v>1841</v>
      </c>
      <c r="G105" s="1026" t="s">
        <v>1061</v>
      </c>
      <c r="H105" s="1026" t="s">
        <v>1062</v>
      </c>
      <c r="I105" s="1026" t="s">
        <v>1837</v>
      </c>
      <c r="J105" s="1026">
        <v>51.734836899999998</v>
      </c>
      <c r="K105" s="1026">
        <v>-0.45873128099999999</v>
      </c>
      <c r="L105" s="1026" t="s">
        <v>1488</v>
      </c>
      <c r="M105" s="1026" t="s">
        <v>1489</v>
      </c>
      <c r="N105" s="1026">
        <v>1</v>
      </c>
      <c r="O105" s="1026" t="s">
        <v>932</v>
      </c>
      <c r="P105" s="1026" t="s">
        <v>1490</v>
      </c>
      <c r="Q105" s="1026" t="s">
        <v>1491</v>
      </c>
      <c r="R105" s="1026" t="s">
        <v>1492</v>
      </c>
      <c r="S105" s="1026" t="s">
        <v>1493</v>
      </c>
      <c r="T105" s="1026" t="s">
        <v>1690</v>
      </c>
      <c r="U105" s="1016" t="str">
        <f>_xlfn.XLOOKUP(F105, [4]GIS!D:D, [4]GIS!E:E, "Not mapped")</f>
        <v>Multiple - Scenario 1</v>
      </c>
      <c r="V105" s="1017" t="s">
        <v>1495</v>
      </c>
      <c r="W105" s="1018" t="s">
        <v>1496</v>
      </c>
      <c r="X105" s="1019" t="s">
        <v>1497</v>
      </c>
      <c r="Y105" s="1020" t="s">
        <v>1498</v>
      </c>
      <c r="Z105" s="1020" t="s">
        <v>1498</v>
      </c>
      <c r="AA105" s="1020" t="s">
        <v>1498</v>
      </c>
      <c r="AB105" s="1020" t="s">
        <v>1498</v>
      </c>
      <c r="AC105" s="1020" t="s">
        <v>1498</v>
      </c>
      <c r="AD105" s="1020" t="s">
        <v>1498</v>
      </c>
      <c r="AE105" s="1020" t="s">
        <v>1498</v>
      </c>
      <c r="AF105" s="1020" t="s">
        <v>1498</v>
      </c>
      <c r="AG105" s="1020" t="s">
        <v>1498</v>
      </c>
      <c r="AH105" s="1020" t="s">
        <v>1498</v>
      </c>
      <c r="AI105" s="1020" t="s">
        <v>1498</v>
      </c>
      <c r="AJ105" s="1020" t="s">
        <v>1498</v>
      </c>
      <c r="AK105" s="1020" t="str">
        <f>IF(AJ105="n/a","n/a",ROUND((AJ105*[4]TripRateCalculations!$V$6),0))</f>
        <v>n/a</v>
      </c>
      <c r="AL105" s="1020" t="s">
        <v>1498</v>
      </c>
      <c r="AM105" s="1020" t="s">
        <v>1498</v>
      </c>
      <c r="AN105" s="1020" t="str">
        <f>IF(AT105="n/a","n/a",ROUND((AT105*[4]TripRateCalculations!N$4),0))</f>
        <v>n/a</v>
      </c>
      <c r="AO105" s="1020" t="str">
        <f>IF(AU105="n/a","n/a",ROUND((AU105*[4]TripRateCalculations!O$4),0))</f>
        <v>n/a</v>
      </c>
      <c r="AP105" s="1020" t="str">
        <f>IF(AV105="n/a","n/a",ROUND((AV105*[4]TripRateCalculations!P$4),0))</f>
        <v>n/a</v>
      </c>
      <c r="AQ105" s="1020" t="s">
        <v>1498</v>
      </c>
      <c r="AR105" s="1020" t="str">
        <f>IF(AX105="n/a","n/a",ROUND((AX105*[4]TripRateCalculations!R$4),0))</f>
        <v>n/a</v>
      </c>
      <c r="AS105" s="1020" t="str">
        <f>IF(AY105="n/a","n/a",ROUND((AY105*[4]TripRateCalculations!S$4),0))</f>
        <v>n/a</v>
      </c>
      <c r="AT105" s="1020" t="s">
        <v>1498</v>
      </c>
      <c r="AU105" s="1020" t="s">
        <v>1498</v>
      </c>
      <c r="AV105" s="1020" t="s">
        <v>1498</v>
      </c>
      <c r="AW105" s="1020" t="s">
        <v>1498</v>
      </c>
      <c r="AX105" s="1020" t="s">
        <v>1498</v>
      </c>
      <c r="AY105" s="1020" t="s">
        <v>1498</v>
      </c>
      <c r="AZ105" s="1020" t="s">
        <v>1498</v>
      </c>
      <c r="BA105" s="1020" t="s">
        <v>1498</v>
      </c>
      <c r="BB105" s="1020" t="s">
        <v>1498</v>
      </c>
      <c r="BC105" s="1020" t="s">
        <v>1498</v>
      </c>
      <c r="BD105" s="1020" t="s">
        <v>1498</v>
      </c>
      <c r="BE105" s="1020" t="s">
        <v>1498</v>
      </c>
      <c r="BF105" s="1020" t="s">
        <v>1498</v>
      </c>
      <c r="BG105" s="1020" t="s">
        <v>1498</v>
      </c>
      <c r="BH105" s="1027" t="s">
        <v>1840</v>
      </c>
      <c r="BI105" s="1026" t="s">
        <v>722</v>
      </c>
      <c r="BJ105" s="1026" t="s">
        <v>53</v>
      </c>
      <c r="BK105" s="1042">
        <f>ROUND((VLOOKUP(F105,'[4]Cost Summary'!A:H,8,)),0.1)</f>
        <v>381968</v>
      </c>
      <c r="BL105" s="1026">
        <v>0</v>
      </c>
      <c r="BM105" s="1078" t="s">
        <v>1500</v>
      </c>
      <c r="BN105" s="1044" t="s">
        <v>1584</v>
      </c>
      <c r="BO105" s="1130">
        <v>248155.05</v>
      </c>
      <c r="BP105" s="992"/>
      <c r="BQ105" s="1131" t="e">
        <f t="shared" si="42"/>
        <v>#VALUE!</v>
      </c>
      <c r="BR105" s="1131" t="e">
        <f t="shared" si="43"/>
        <v>#VALUE!</v>
      </c>
      <c r="BS105" s="1131" t="e">
        <f t="shared" si="44"/>
        <v>#VALUE!</v>
      </c>
      <c r="BT105" s="1131" t="e">
        <f t="shared" si="45"/>
        <v>#VALUE!</v>
      </c>
      <c r="BU105" s="1131" t="e">
        <f t="shared" si="46"/>
        <v>#VALUE!</v>
      </c>
      <c r="BV105" s="1131" t="e">
        <f t="shared" si="47"/>
        <v>#VALUE!</v>
      </c>
      <c r="BW105" s="1131" t="e">
        <f t="shared" si="48"/>
        <v>#VALUE!</v>
      </c>
      <c r="BX105" s="1131" t="e">
        <f t="shared" si="49"/>
        <v>#VALUE!</v>
      </c>
      <c r="BY105" s="1131" t="e">
        <f t="shared" si="50"/>
        <v>#VALUE!</v>
      </c>
      <c r="BZ105" s="1131" t="e">
        <f t="shared" si="51"/>
        <v>#VALUE!</v>
      </c>
      <c r="CA105" s="1131" t="e">
        <f t="shared" si="52"/>
        <v>#VALUE!</v>
      </c>
      <c r="CB105" s="1131" t="e">
        <f t="shared" si="53"/>
        <v>#VALUE!</v>
      </c>
      <c r="CC105" s="1131" t="e">
        <f t="shared" si="54"/>
        <v>#VALUE!</v>
      </c>
      <c r="CD105" s="1131" t="e">
        <f t="shared" si="55"/>
        <v>#VALUE!</v>
      </c>
      <c r="CE105" s="1131" t="e">
        <f t="shared" si="56"/>
        <v>#VALUE!</v>
      </c>
      <c r="CF105" s="1131" t="e">
        <f t="shared" si="57"/>
        <v>#VALUE!</v>
      </c>
      <c r="CG105" s="1131" t="e">
        <f t="shared" si="58"/>
        <v>#VALUE!</v>
      </c>
      <c r="CH105" s="1131" t="e">
        <f t="shared" si="59"/>
        <v>#VALUE!</v>
      </c>
      <c r="CI105" s="1131" t="e">
        <f t="shared" si="60"/>
        <v>#VALUE!</v>
      </c>
      <c r="CJ105" s="1131" t="e">
        <f t="shared" si="61"/>
        <v>#VALUE!</v>
      </c>
      <c r="CK105" s="1132" t="str">
        <f t="shared" si="62"/>
        <v>n/a</v>
      </c>
    </row>
    <row r="106" spans="1:89" ht="99.75" x14ac:dyDescent="0.2">
      <c r="A106" s="992"/>
      <c r="B106" s="1126"/>
      <c r="C106" s="1126"/>
      <c r="D106" s="1126"/>
      <c r="E106" s="1126"/>
      <c r="F106" s="1026" t="s">
        <v>1842</v>
      </c>
      <c r="G106" s="1026" t="s">
        <v>1063</v>
      </c>
      <c r="H106" s="1026" t="s">
        <v>1064</v>
      </c>
      <c r="I106" s="1026" t="s">
        <v>1487</v>
      </c>
      <c r="J106" s="1026" t="s">
        <v>1843</v>
      </c>
      <c r="K106" s="1026" t="s">
        <v>1844</v>
      </c>
      <c r="L106" s="1026" t="s">
        <v>1488</v>
      </c>
      <c r="M106" s="1026" t="s">
        <v>1489</v>
      </c>
      <c r="N106" s="1026">
        <v>1</v>
      </c>
      <c r="O106" s="1026" t="s">
        <v>932</v>
      </c>
      <c r="P106" s="1026" t="s">
        <v>1490</v>
      </c>
      <c r="Q106" s="1026" t="s">
        <v>1491</v>
      </c>
      <c r="R106" s="1026" t="s">
        <v>1492</v>
      </c>
      <c r="S106" s="1026" t="s">
        <v>1493</v>
      </c>
      <c r="T106" s="1026" t="s">
        <v>1690</v>
      </c>
      <c r="U106" s="1016" t="str">
        <f>_xlfn.XLOOKUP(F106, [4]GIS!D:D, [4]GIS!E:E, "Not mapped")</f>
        <v>Single - Scenario 3</v>
      </c>
      <c r="V106" s="1026" t="s">
        <v>1723</v>
      </c>
      <c r="W106" s="1018" t="s">
        <v>1496</v>
      </c>
      <c r="X106" s="1019" t="s">
        <v>1497</v>
      </c>
      <c r="Y106" s="1020" t="s">
        <v>1498</v>
      </c>
      <c r="Z106" s="1020" t="s">
        <v>1498</v>
      </c>
      <c r="AA106" s="1020" t="s">
        <v>1498</v>
      </c>
      <c r="AB106" s="1020" t="s">
        <v>1498</v>
      </c>
      <c r="AC106" s="1020" t="s">
        <v>1498</v>
      </c>
      <c r="AD106" s="1020" t="s">
        <v>1498</v>
      </c>
      <c r="AE106" s="1020" t="s">
        <v>1498</v>
      </c>
      <c r="AF106" s="1020" t="s">
        <v>1498</v>
      </c>
      <c r="AG106" s="1020" t="s">
        <v>1498</v>
      </c>
      <c r="AH106" s="1020" t="s">
        <v>1498</v>
      </c>
      <c r="AI106" s="1020" t="s">
        <v>1498</v>
      </c>
      <c r="AJ106" s="1020" t="s">
        <v>1498</v>
      </c>
      <c r="AK106" s="1020" t="str">
        <f>IF(AJ106="n/a","n/a",ROUND((AJ106*[4]TripRateCalculations!$V$6),0))</f>
        <v>n/a</v>
      </c>
      <c r="AL106" s="1020" t="s">
        <v>1498</v>
      </c>
      <c r="AM106" s="1020" t="s">
        <v>1498</v>
      </c>
      <c r="AN106" s="1020" t="str">
        <f>IF(AT106="n/a","n/a",ROUND((AT106*[4]TripRateCalculations!N$4),0))</f>
        <v>n/a</v>
      </c>
      <c r="AO106" s="1020" t="str">
        <f>IF(AU106="n/a","n/a",ROUND((AU106*[4]TripRateCalculations!O$4),0))</f>
        <v>n/a</v>
      </c>
      <c r="AP106" s="1020" t="str">
        <f>IF(AV106="n/a","n/a",ROUND((AV106*[4]TripRateCalculations!P$4),0))</f>
        <v>n/a</v>
      </c>
      <c r="AQ106" s="1020" t="s">
        <v>1498</v>
      </c>
      <c r="AR106" s="1020" t="str">
        <f>IF(AX106="n/a","n/a",ROUND((AX106*[4]TripRateCalculations!R$4),0))</f>
        <v>n/a</v>
      </c>
      <c r="AS106" s="1020" t="str">
        <f>IF(AY106="n/a","n/a",ROUND((AY106*[4]TripRateCalculations!S$4),0))</f>
        <v>n/a</v>
      </c>
      <c r="AT106" s="1020" t="s">
        <v>1498</v>
      </c>
      <c r="AU106" s="1020" t="s">
        <v>1498</v>
      </c>
      <c r="AV106" s="1020" t="s">
        <v>1498</v>
      </c>
      <c r="AW106" s="1020" t="s">
        <v>1498</v>
      </c>
      <c r="AX106" s="1020" t="s">
        <v>1498</v>
      </c>
      <c r="AY106" s="1020" t="s">
        <v>1498</v>
      </c>
      <c r="AZ106" s="1020" t="s">
        <v>1498</v>
      </c>
      <c r="BA106" s="1020" t="s">
        <v>1498</v>
      </c>
      <c r="BB106" s="1020" t="s">
        <v>1498</v>
      </c>
      <c r="BC106" s="1020" t="s">
        <v>1498</v>
      </c>
      <c r="BD106" s="1020" t="s">
        <v>1498</v>
      </c>
      <c r="BE106" s="1020" t="s">
        <v>1498</v>
      </c>
      <c r="BF106" s="1020" t="s">
        <v>1498</v>
      </c>
      <c r="BG106" s="1020" t="s">
        <v>1498</v>
      </c>
      <c r="BH106" s="1027" t="s">
        <v>1840</v>
      </c>
      <c r="BI106" s="1026" t="s">
        <v>722</v>
      </c>
      <c r="BJ106" s="1026" t="s">
        <v>53</v>
      </c>
      <c r="BK106" s="1042">
        <f>ROUND((VLOOKUP(F106,'[4]Cost Summary'!A:H,8,)),0.1)</f>
        <v>109218</v>
      </c>
      <c r="BL106" s="1026">
        <v>0</v>
      </c>
      <c r="BM106" s="1078" t="s">
        <v>1500</v>
      </c>
      <c r="BN106" s="1044" t="s">
        <v>1584</v>
      </c>
      <c r="BO106" s="1130">
        <v>70956.160000000003</v>
      </c>
      <c r="BP106" s="992"/>
      <c r="BQ106" s="1131" t="e">
        <f t="shared" si="42"/>
        <v>#VALUE!</v>
      </c>
      <c r="BR106" s="1131" t="e">
        <f t="shared" si="43"/>
        <v>#VALUE!</v>
      </c>
      <c r="BS106" s="1131" t="e">
        <f t="shared" si="44"/>
        <v>#VALUE!</v>
      </c>
      <c r="BT106" s="1131" t="e">
        <f t="shared" si="45"/>
        <v>#VALUE!</v>
      </c>
      <c r="BU106" s="1131" t="e">
        <f t="shared" si="46"/>
        <v>#VALUE!</v>
      </c>
      <c r="BV106" s="1131" t="e">
        <f t="shared" si="47"/>
        <v>#VALUE!</v>
      </c>
      <c r="BW106" s="1131" t="e">
        <f t="shared" si="48"/>
        <v>#VALUE!</v>
      </c>
      <c r="BX106" s="1131" t="e">
        <f t="shared" si="49"/>
        <v>#VALUE!</v>
      </c>
      <c r="BY106" s="1131" t="e">
        <f t="shared" si="50"/>
        <v>#VALUE!</v>
      </c>
      <c r="BZ106" s="1131" t="e">
        <f t="shared" si="51"/>
        <v>#VALUE!</v>
      </c>
      <c r="CA106" s="1131" t="e">
        <f t="shared" si="52"/>
        <v>#VALUE!</v>
      </c>
      <c r="CB106" s="1131" t="e">
        <f t="shared" si="53"/>
        <v>#VALUE!</v>
      </c>
      <c r="CC106" s="1131" t="e">
        <f t="shared" si="54"/>
        <v>#VALUE!</v>
      </c>
      <c r="CD106" s="1131" t="e">
        <f t="shared" si="55"/>
        <v>#VALUE!</v>
      </c>
      <c r="CE106" s="1131" t="e">
        <f t="shared" si="56"/>
        <v>#VALUE!</v>
      </c>
      <c r="CF106" s="1131" t="e">
        <f t="shared" si="57"/>
        <v>#VALUE!</v>
      </c>
      <c r="CG106" s="1131" t="e">
        <f t="shared" si="58"/>
        <v>#VALUE!</v>
      </c>
      <c r="CH106" s="1131" t="e">
        <f t="shared" si="59"/>
        <v>#VALUE!</v>
      </c>
      <c r="CI106" s="1131" t="e">
        <f t="shared" si="60"/>
        <v>#VALUE!</v>
      </c>
      <c r="CJ106" s="1131" t="e">
        <f t="shared" si="61"/>
        <v>#VALUE!</v>
      </c>
      <c r="CK106" s="1132" t="str">
        <f t="shared" si="62"/>
        <v>n/a</v>
      </c>
    </row>
    <row r="107" spans="1:89" ht="71.25" x14ac:dyDescent="0.2">
      <c r="A107" s="992"/>
      <c r="B107" s="1126" t="s">
        <v>66</v>
      </c>
      <c r="C107" s="1126"/>
      <c r="D107" s="1126"/>
      <c r="E107" s="1126"/>
      <c r="F107" s="1026" t="s">
        <v>1845</v>
      </c>
      <c r="G107" s="1026" t="s">
        <v>1065</v>
      </c>
      <c r="H107" s="1026" t="s">
        <v>1066</v>
      </c>
      <c r="I107" s="1026" t="s">
        <v>1837</v>
      </c>
      <c r="J107" s="1026">
        <v>51.735067999999998</v>
      </c>
      <c r="K107" s="1026">
        <v>-0.45910099999999998</v>
      </c>
      <c r="L107" s="1026" t="s">
        <v>1488</v>
      </c>
      <c r="M107" s="1026" t="s">
        <v>1489</v>
      </c>
      <c r="N107" s="1026">
        <v>1</v>
      </c>
      <c r="O107" s="1026" t="s">
        <v>932</v>
      </c>
      <c r="P107" s="1026" t="s">
        <v>1490</v>
      </c>
      <c r="Q107" s="1026" t="s">
        <v>1491</v>
      </c>
      <c r="R107" s="1026" t="s">
        <v>1492</v>
      </c>
      <c r="S107" s="1026" t="s">
        <v>1493</v>
      </c>
      <c r="T107" s="1026" t="s">
        <v>1690</v>
      </c>
      <c r="U107" s="1016" t="str">
        <f>_xlfn.XLOOKUP(F107, [4]GIS!D:D, [4]GIS!E:E, "Not mapped")</f>
        <v>Multiple - Scenario 1</v>
      </c>
      <c r="V107" s="1015" t="s">
        <v>1495</v>
      </c>
      <c r="W107" s="1018" t="s">
        <v>1496</v>
      </c>
      <c r="X107" s="1019" t="s">
        <v>1497</v>
      </c>
      <c r="Y107" s="1020" t="s">
        <v>1498</v>
      </c>
      <c r="Z107" s="1020" t="s">
        <v>1498</v>
      </c>
      <c r="AA107" s="1020" t="s">
        <v>1498</v>
      </c>
      <c r="AB107" s="1020" t="s">
        <v>1498</v>
      </c>
      <c r="AC107" s="1020" t="s">
        <v>1498</v>
      </c>
      <c r="AD107" s="1020" t="s">
        <v>1498</v>
      </c>
      <c r="AE107" s="1020" t="s">
        <v>1498</v>
      </c>
      <c r="AF107" s="1020" t="s">
        <v>1498</v>
      </c>
      <c r="AG107" s="1020" t="s">
        <v>1498</v>
      </c>
      <c r="AH107" s="1020" t="s">
        <v>1498</v>
      </c>
      <c r="AI107" s="1020" t="s">
        <v>1498</v>
      </c>
      <c r="AJ107" s="1020" t="s">
        <v>1498</v>
      </c>
      <c r="AK107" s="1020" t="str">
        <f>IF(AJ107="n/a","n/a",ROUND((AJ107*[4]TripRateCalculations!$V$6),0))</f>
        <v>n/a</v>
      </c>
      <c r="AL107" s="1020" t="s">
        <v>1498</v>
      </c>
      <c r="AM107" s="1020" t="s">
        <v>1498</v>
      </c>
      <c r="AN107" s="1020" t="str">
        <f>IF(AT107="n/a","n/a",ROUND((AT107*[4]TripRateCalculations!N$4),0))</f>
        <v>n/a</v>
      </c>
      <c r="AO107" s="1020" t="str">
        <f>IF(AU107="n/a","n/a",ROUND((AU107*[4]TripRateCalculations!O$4),0))</f>
        <v>n/a</v>
      </c>
      <c r="AP107" s="1020" t="str">
        <f>IF(AV107="n/a","n/a",ROUND((AV107*[4]TripRateCalculations!P$4),0))</f>
        <v>n/a</v>
      </c>
      <c r="AQ107" s="1020" t="s">
        <v>1498</v>
      </c>
      <c r="AR107" s="1020" t="str">
        <f>IF(AX107="n/a","n/a",ROUND((AX107*[4]TripRateCalculations!R$4),0))</f>
        <v>n/a</v>
      </c>
      <c r="AS107" s="1020" t="str">
        <f>IF(AY107="n/a","n/a",ROUND((AY107*[4]TripRateCalculations!S$4),0))</f>
        <v>n/a</v>
      </c>
      <c r="AT107" s="1020" t="s">
        <v>1498</v>
      </c>
      <c r="AU107" s="1020" t="s">
        <v>1498</v>
      </c>
      <c r="AV107" s="1020" t="s">
        <v>1498</v>
      </c>
      <c r="AW107" s="1020" t="s">
        <v>1498</v>
      </c>
      <c r="AX107" s="1020" t="s">
        <v>1498</v>
      </c>
      <c r="AY107" s="1020" t="s">
        <v>1498</v>
      </c>
      <c r="AZ107" s="1020" t="s">
        <v>1498</v>
      </c>
      <c r="BA107" s="1020" t="s">
        <v>1498</v>
      </c>
      <c r="BB107" s="1020" t="s">
        <v>1498</v>
      </c>
      <c r="BC107" s="1020" t="s">
        <v>1498</v>
      </c>
      <c r="BD107" s="1020" t="s">
        <v>1498</v>
      </c>
      <c r="BE107" s="1020" t="s">
        <v>1498</v>
      </c>
      <c r="BF107" s="1020" t="s">
        <v>1498</v>
      </c>
      <c r="BG107" s="1020" t="s">
        <v>1498</v>
      </c>
      <c r="BH107" s="1027" t="s">
        <v>1840</v>
      </c>
      <c r="BI107" s="1026" t="s">
        <v>722</v>
      </c>
      <c r="BJ107" s="1026" t="s">
        <v>53</v>
      </c>
      <c r="BK107" s="1042">
        <f>ROUND((VLOOKUP(F107,'[4]Cost Summary'!A:H,8,)),0.1)</f>
        <v>72774</v>
      </c>
      <c r="BL107" s="1026">
        <v>0</v>
      </c>
      <c r="BM107" s="1078" t="s">
        <v>1500</v>
      </c>
      <c r="BN107" s="1044" t="s">
        <v>1584</v>
      </c>
      <c r="BO107" s="1130">
        <v>47279.38</v>
      </c>
      <c r="BP107" s="992"/>
      <c r="BQ107" s="1131" t="e">
        <f t="shared" si="42"/>
        <v>#VALUE!</v>
      </c>
      <c r="BR107" s="1131" t="e">
        <f t="shared" si="43"/>
        <v>#VALUE!</v>
      </c>
      <c r="BS107" s="1131" t="e">
        <f t="shared" si="44"/>
        <v>#VALUE!</v>
      </c>
      <c r="BT107" s="1131" t="e">
        <f t="shared" si="45"/>
        <v>#VALUE!</v>
      </c>
      <c r="BU107" s="1131" t="e">
        <f t="shared" si="46"/>
        <v>#VALUE!</v>
      </c>
      <c r="BV107" s="1131" t="e">
        <f t="shared" si="47"/>
        <v>#VALUE!</v>
      </c>
      <c r="BW107" s="1131" t="e">
        <f t="shared" si="48"/>
        <v>#VALUE!</v>
      </c>
      <c r="BX107" s="1131" t="e">
        <f t="shared" si="49"/>
        <v>#VALUE!</v>
      </c>
      <c r="BY107" s="1131" t="e">
        <f t="shared" si="50"/>
        <v>#VALUE!</v>
      </c>
      <c r="BZ107" s="1131" t="e">
        <f t="shared" si="51"/>
        <v>#VALUE!</v>
      </c>
      <c r="CA107" s="1131" t="e">
        <f t="shared" si="52"/>
        <v>#VALUE!</v>
      </c>
      <c r="CB107" s="1131" t="e">
        <f t="shared" si="53"/>
        <v>#VALUE!</v>
      </c>
      <c r="CC107" s="1131" t="e">
        <f t="shared" si="54"/>
        <v>#VALUE!</v>
      </c>
      <c r="CD107" s="1131" t="e">
        <f t="shared" si="55"/>
        <v>#VALUE!</v>
      </c>
      <c r="CE107" s="1131" t="e">
        <f t="shared" si="56"/>
        <v>#VALUE!</v>
      </c>
      <c r="CF107" s="1131" t="e">
        <f t="shared" si="57"/>
        <v>#VALUE!</v>
      </c>
      <c r="CG107" s="1131" t="e">
        <f t="shared" si="58"/>
        <v>#VALUE!</v>
      </c>
      <c r="CH107" s="1131" t="e">
        <f t="shared" si="59"/>
        <v>#VALUE!</v>
      </c>
      <c r="CI107" s="1131" t="e">
        <f t="shared" si="60"/>
        <v>#VALUE!</v>
      </c>
      <c r="CJ107" s="1131" t="e">
        <f t="shared" si="61"/>
        <v>#VALUE!</v>
      </c>
      <c r="CK107" s="1132" t="str">
        <f t="shared" si="62"/>
        <v>n/a</v>
      </c>
    </row>
    <row r="108" spans="1:89" ht="42.75" x14ac:dyDescent="0.2">
      <c r="A108" s="992"/>
      <c r="B108" s="1126"/>
      <c r="C108" s="1126"/>
      <c r="D108" s="1126"/>
      <c r="E108" s="1126"/>
      <c r="F108" s="1026" t="s">
        <v>1846</v>
      </c>
      <c r="G108" s="1026" t="s">
        <v>1067</v>
      </c>
      <c r="H108" s="1026" t="s">
        <v>1068</v>
      </c>
      <c r="I108" s="1026" t="s">
        <v>1487</v>
      </c>
      <c r="J108" s="1026">
        <v>51.737473420000001</v>
      </c>
      <c r="K108" s="1026">
        <v>-0.45314657200000003</v>
      </c>
      <c r="L108" s="1026" t="s">
        <v>1488</v>
      </c>
      <c r="M108" s="1026" t="s">
        <v>1489</v>
      </c>
      <c r="N108" s="1026">
        <v>1</v>
      </c>
      <c r="O108" s="1026" t="s">
        <v>932</v>
      </c>
      <c r="P108" s="1026" t="s">
        <v>1490</v>
      </c>
      <c r="Q108" s="1026" t="s">
        <v>1491</v>
      </c>
      <c r="R108" s="1026" t="s">
        <v>1492</v>
      </c>
      <c r="S108" s="1026" t="s">
        <v>1493</v>
      </c>
      <c r="T108" s="1026" t="s">
        <v>1690</v>
      </c>
      <c r="U108" s="1016" t="str">
        <f>_xlfn.XLOOKUP(F108, [4]GIS!D:D, [4]GIS!E:E, "Not mapped")</f>
        <v>Single - Scenario 3</v>
      </c>
      <c r="V108" s="1026" t="s">
        <v>1723</v>
      </c>
      <c r="W108" s="1018" t="s">
        <v>1496</v>
      </c>
      <c r="X108" s="1019" t="s">
        <v>1497</v>
      </c>
      <c r="Y108" s="1020" t="s">
        <v>1498</v>
      </c>
      <c r="Z108" s="1020" t="s">
        <v>1498</v>
      </c>
      <c r="AA108" s="1020" t="s">
        <v>1498</v>
      </c>
      <c r="AB108" s="1020" t="s">
        <v>1498</v>
      </c>
      <c r="AC108" s="1020" t="s">
        <v>1498</v>
      </c>
      <c r="AD108" s="1020" t="s">
        <v>1498</v>
      </c>
      <c r="AE108" s="1020" t="s">
        <v>1498</v>
      </c>
      <c r="AF108" s="1020" t="s">
        <v>1498</v>
      </c>
      <c r="AG108" s="1020" t="s">
        <v>1498</v>
      </c>
      <c r="AH108" s="1020" t="s">
        <v>1498</v>
      </c>
      <c r="AI108" s="1020" t="s">
        <v>1498</v>
      </c>
      <c r="AJ108" s="1020" t="s">
        <v>1498</v>
      </c>
      <c r="AK108" s="1020" t="str">
        <f>IF(AJ108="n/a","n/a",ROUND((AJ108*[4]TripRateCalculations!$V$6),0))</f>
        <v>n/a</v>
      </c>
      <c r="AL108" s="1020" t="s">
        <v>1498</v>
      </c>
      <c r="AM108" s="1020" t="s">
        <v>1498</v>
      </c>
      <c r="AN108" s="1020" t="str">
        <f>IF(AT108="n/a","n/a",ROUND((AT108*[4]TripRateCalculations!N$4),0))</f>
        <v>n/a</v>
      </c>
      <c r="AO108" s="1020" t="str">
        <f>IF(AU108="n/a","n/a",ROUND((AU108*[4]TripRateCalculations!O$4),0))</f>
        <v>n/a</v>
      </c>
      <c r="AP108" s="1020" t="str">
        <f>IF(AV108="n/a","n/a",ROUND((AV108*[4]TripRateCalculations!P$4),0))</f>
        <v>n/a</v>
      </c>
      <c r="AQ108" s="1020" t="s">
        <v>1498</v>
      </c>
      <c r="AR108" s="1020" t="str">
        <f>IF(AX108="n/a","n/a",ROUND((AX108*[4]TripRateCalculations!R$4),0))</f>
        <v>n/a</v>
      </c>
      <c r="AS108" s="1020" t="str">
        <f>IF(AY108="n/a","n/a",ROUND((AY108*[4]TripRateCalculations!S$4),0))</f>
        <v>n/a</v>
      </c>
      <c r="AT108" s="1020" t="s">
        <v>1498</v>
      </c>
      <c r="AU108" s="1020" t="s">
        <v>1498</v>
      </c>
      <c r="AV108" s="1020" t="s">
        <v>1498</v>
      </c>
      <c r="AW108" s="1020" t="s">
        <v>1498</v>
      </c>
      <c r="AX108" s="1020" t="s">
        <v>1498</v>
      </c>
      <c r="AY108" s="1020" t="s">
        <v>1498</v>
      </c>
      <c r="AZ108" s="1020" t="s">
        <v>1498</v>
      </c>
      <c r="BA108" s="1020" t="s">
        <v>1498</v>
      </c>
      <c r="BB108" s="1020" t="s">
        <v>1498</v>
      </c>
      <c r="BC108" s="1020" t="s">
        <v>1498</v>
      </c>
      <c r="BD108" s="1020" t="s">
        <v>1498</v>
      </c>
      <c r="BE108" s="1020" t="s">
        <v>1498</v>
      </c>
      <c r="BF108" s="1020" t="s">
        <v>1498</v>
      </c>
      <c r="BG108" s="1020" t="s">
        <v>1498</v>
      </c>
      <c r="BH108" s="1027" t="s">
        <v>1840</v>
      </c>
      <c r="BI108" s="1026" t="s">
        <v>722</v>
      </c>
      <c r="BJ108" s="1026" t="s">
        <v>53</v>
      </c>
      <c r="BK108" s="1042">
        <f>ROUND((VLOOKUP(F108,'[4]Cost Summary'!A:H,8,)),0.1)</f>
        <v>2531</v>
      </c>
      <c r="BL108" s="1026">
        <v>0</v>
      </c>
      <c r="BM108" s="1078" t="s">
        <v>1500</v>
      </c>
      <c r="BN108" s="1044" t="s">
        <v>1584</v>
      </c>
      <c r="BO108" s="1130">
        <v>1644.5</v>
      </c>
      <c r="BP108" s="992"/>
      <c r="BQ108" s="1131" t="e">
        <f t="shared" si="42"/>
        <v>#VALUE!</v>
      </c>
      <c r="BR108" s="1131" t="e">
        <f t="shared" si="43"/>
        <v>#VALUE!</v>
      </c>
      <c r="BS108" s="1131" t="e">
        <f t="shared" si="44"/>
        <v>#VALUE!</v>
      </c>
      <c r="BT108" s="1131" t="e">
        <f t="shared" si="45"/>
        <v>#VALUE!</v>
      </c>
      <c r="BU108" s="1131" t="e">
        <f t="shared" si="46"/>
        <v>#VALUE!</v>
      </c>
      <c r="BV108" s="1131" t="e">
        <f t="shared" si="47"/>
        <v>#VALUE!</v>
      </c>
      <c r="BW108" s="1131" t="e">
        <f t="shared" si="48"/>
        <v>#VALUE!</v>
      </c>
      <c r="BX108" s="1131" t="e">
        <f t="shared" si="49"/>
        <v>#VALUE!</v>
      </c>
      <c r="BY108" s="1131" t="e">
        <f t="shared" si="50"/>
        <v>#VALUE!</v>
      </c>
      <c r="BZ108" s="1131" t="e">
        <f t="shared" si="51"/>
        <v>#VALUE!</v>
      </c>
      <c r="CA108" s="1131" t="e">
        <f t="shared" si="52"/>
        <v>#VALUE!</v>
      </c>
      <c r="CB108" s="1131" t="e">
        <f t="shared" si="53"/>
        <v>#VALUE!</v>
      </c>
      <c r="CC108" s="1131" t="e">
        <f t="shared" si="54"/>
        <v>#VALUE!</v>
      </c>
      <c r="CD108" s="1131" t="e">
        <f t="shared" si="55"/>
        <v>#VALUE!</v>
      </c>
      <c r="CE108" s="1131" t="e">
        <f t="shared" si="56"/>
        <v>#VALUE!</v>
      </c>
      <c r="CF108" s="1131" t="e">
        <f t="shared" si="57"/>
        <v>#VALUE!</v>
      </c>
      <c r="CG108" s="1131" t="e">
        <f t="shared" si="58"/>
        <v>#VALUE!</v>
      </c>
      <c r="CH108" s="1131" t="e">
        <f t="shared" si="59"/>
        <v>#VALUE!</v>
      </c>
      <c r="CI108" s="1131" t="e">
        <f t="shared" si="60"/>
        <v>#VALUE!</v>
      </c>
      <c r="CJ108" s="1131" t="e">
        <f t="shared" si="61"/>
        <v>#VALUE!</v>
      </c>
      <c r="CK108" s="1132" t="str">
        <f t="shared" si="62"/>
        <v>n/a</v>
      </c>
    </row>
    <row r="109" spans="1:89" ht="57" x14ac:dyDescent="0.2">
      <c r="A109" s="992"/>
      <c r="B109" s="1126"/>
      <c r="C109" s="1126"/>
      <c r="D109" s="1126"/>
      <c r="E109" s="1126"/>
      <c r="F109" s="1026" t="s">
        <v>1847</v>
      </c>
      <c r="G109" s="1026" t="s">
        <v>1069</v>
      </c>
      <c r="H109" s="1026" t="s">
        <v>1070</v>
      </c>
      <c r="I109" s="1026" t="s">
        <v>1487</v>
      </c>
      <c r="J109" s="1026">
        <v>51.738690810000001</v>
      </c>
      <c r="K109" s="1026">
        <v>-0.45149962500000002</v>
      </c>
      <c r="L109" s="1026" t="s">
        <v>1488</v>
      </c>
      <c r="M109" s="1026" t="s">
        <v>1489</v>
      </c>
      <c r="N109" s="1026">
        <v>1</v>
      </c>
      <c r="O109" s="1026" t="s">
        <v>932</v>
      </c>
      <c r="P109" s="1026" t="s">
        <v>1490</v>
      </c>
      <c r="Q109" s="1026" t="s">
        <v>1491</v>
      </c>
      <c r="R109" s="1026" t="s">
        <v>1492</v>
      </c>
      <c r="S109" s="1026" t="s">
        <v>1493</v>
      </c>
      <c r="T109" s="1026" t="s">
        <v>1690</v>
      </c>
      <c r="U109" s="1016" t="str">
        <f>_xlfn.XLOOKUP(F109, [4]GIS!D:D, [4]GIS!E:E, "Not mapped")</f>
        <v>Multiple - Scenario 2</v>
      </c>
      <c r="V109" s="1026" t="s">
        <v>1723</v>
      </c>
      <c r="W109" s="1018" t="s">
        <v>1496</v>
      </c>
      <c r="X109" s="1019" t="s">
        <v>1497</v>
      </c>
      <c r="Y109" s="1020" t="s">
        <v>1498</v>
      </c>
      <c r="Z109" s="1020" t="s">
        <v>1498</v>
      </c>
      <c r="AA109" s="1020" t="s">
        <v>1498</v>
      </c>
      <c r="AB109" s="1020" t="s">
        <v>1498</v>
      </c>
      <c r="AC109" s="1020" t="s">
        <v>1498</v>
      </c>
      <c r="AD109" s="1020" t="s">
        <v>1498</v>
      </c>
      <c r="AE109" s="1020" t="s">
        <v>1498</v>
      </c>
      <c r="AF109" s="1020" t="s">
        <v>1498</v>
      </c>
      <c r="AG109" s="1020" t="s">
        <v>1498</v>
      </c>
      <c r="AH109" s="1020" t="s">
        <v>1498</v>
      </c>
      <c r="AI109" s="1020" t="s">
        <v>1498</v>
      </c>
      <c r="AJ109" s="1020" t="s">
        <v>1498</v>
      </c>
      <c r="AK109" s="1020" t="str">
        <f>IF(AJ109="n/a","n/a",ROUND((AJ109*[4]TripRateCalculations!$V$6),0))</f>
        <v>n/a</v>
      </c>
      <c r="AL109" s="1020" t="s">
        <v>1498</v>
      </c>
      <c r="AM109" s="1020" t="s">
        <v>1498</v>
      </c>
      <c r="AN109" s="1020" t="str">
        <f>IF(AT109="n/a","n/a",ROUND((AT109*[4]TripRateCalculations!N$4),0))</f>
        <v>n/a</v>
      </c>
      <c r="AO109" s="1020" t="str">
        <f>IF(AU109="n/a","n/a",ROUND((AU109*[4]TripRateCalculations!O$4),0))</f>
        <v>n/a</v>
      </c>
      <c r="AP109" s="1020" t="str">
        <f>IF(AV109="n/a","n/a",ROUND((AV109*[4]TripRateCalculations!P$4),0))</f>
        <v>n/a</v>
      </c>
      <c r="AQ109" s="1020" t="s">
        <v>1498</v>
      </c>
      <c r="AR109" s="1020" t="str">
        <f>IF(AX109="n/a","n/a",ROUND((AX109*[4]TripRateCalculations!R$4),0))</f>
        <v>n/a</v>
      </c>
      <c r="AS109" s="1020" t="str">
        <f>IF(AY109="n/a","n/a",ROUND((AY109*[4]TripRateCalculations!S$4),0))</f>
        <v>n/a</v>
      </c>
      <c r="AT109" s="1020" t="s">
        <v>1498</v>
      </c>
      <c r="AU109" s="1020" t="s">
        <v>1498</v>
      </c>
      <c r="AV109" s="1020" t="s">
        <v>1498</v>
      </c>
      <c r="AW109" s="1020" t="s">
        <v>1498</v>
      </c>
      <c r="AX109" s="1020" t="s">
        <v>1498</v>
      </c>
      <c r="AY109" s="1020" t="s">
        <v>1498</v>
      </c>
      <c r="AZ109" s="1020" t="s">
        <v>1498</v>
      </c>
      <c r="BA109" s="1020" t="s">
        <v>1498</v>
      </c>
      <c r="BB109" s="1020" t="s">
        <v>1498</v>
      </c>
      <c r="BC109" s="1020" t="s">
        <v>1498</v>
      </c>
      <c r="BD109" s="1020" t="s">
        <v>1498</v>
      </c>
      <c r="BE109" s="1020" t="s">
        <v>1498</v>
      </c>
      <c r="BF109" s="1020" t="s">
        <v>1498</v>
      </c>
      <c r="BG109" s="1020" t="s">
        <v>1498</v>
      </c>
      <c r="BH109" s="1027" t="s">
        <v>1840</v>
      </c>
      <c r="BI109" s="1026" t="s">
        <v>722</v>
      </c>
      <c r="BJ109" s="1026" t="s">
        <v>53</v>
      </c>
      <c r="BK109" s="1042">
        <f>ROUND((VLOOKUP(F109,'[4]Cost Summary'!A:H,8,)),0.1)</f>
        <v>175239</v>
      </c>
      <c r="BL109" s="1026">
        <v>0</v>
      </c>
      <c r="BM109" s="1078" t="s">
        <v>1500</v>
      </c>
      <c r="BN109" s="1044" t="s">
        <v>1584</v>
      </c>
      <c r="BO109" s="1130">
        <v>113848.74</v>
      </c>
      <c r="BP109" s="992"/>
      <c r="BQ109" s="1131" t="e">
        <f t="shared" si="42"/>
        <v>#VALUE!</v>
      </c>
      <c r="BR109" s="1131" t="e">
        <f t="shared" si="43"/>
        <v>#VALUE!</v>
      </c>
      <c r="BS109" s="1131" t="e">
        <f t="shared" si="44"/>
        <v>#VALUE!</v>
      </c>
      <c r="BT109" s="1131" t="e">
        <f t="shared" si="45"/>
        <v>#VALUE!</v>
      </c>
      <c r="BU109" s="1131" t="e">
        <f t="shared" si="46"/>
        <v>#VALUE!</v>
      </c>
      <c r="BV109" s="1131" t="e">
        <f t="shared" si="47"/>
        <v>#VALUE!</v>
      </c>
      <c r="BW109" s="1131" t="e">
        <f t="shared" si="48"/>
        <v>#VALUE!</v>
      </c>
      <c r="BX109" s="1131" t="e">
        <f t="shared" si="49"/>
        <v>#VALUE!</v>
      </c>
      <c r="BY109" s="1131" t="e">
        <f t="shared" si="50"/>
        <v>#VALUE!</v>
      </c>
      <c r="BZ109" s="1131" t="e">
        <f t="shared" si="51"/>
        <v>#VALUE!</v>
      </c>
      <c r="CA109" s="1131" t="e">
        <f t="shared" si="52"/>
        <v>#VALUE!</v>
      </c>
      <c r="CB109" s="1131" t="e">
        <f t="shared" si="53"/>
        <v>#VALUE!</v>
      </c>
      <c r="CC109" s="1131" t="e">
        <f t="shared" si="54"/>
        <v>#VALUE!</v>
      </c>
      <c r="CD109" s="1131" t="e">
        <f t="shared" si="55"/>
        <v>#VALUE!</v>
      </c>
      <c r="CE109" s="1131" t="e">
        <f t="shared" si="56"/>
        <v>#VALUE!</v>
      </c>
      <c r="CF109" s="1131" t="e">
        <f t="shared" si="57"/>
        <v>#VALUE!</v>
      </c>
      <c r="CG109" s="1131" t="e">
        <f t="shared" si="58"/>
        <v>#VALUE!</v>
      </c>
      <c r="CH109" s="1131" t="e">
        <f t="shared" si="59"/>
        <v>#VALUE!</v>
      </c>
      <c r="CI109" s="1131" t="e">
        <f t="shared" si="60"/>
        <v>#VALUE!</v>
      </c>
      <c r="CJ109" s="1131" t="e">
        <f t="shared" si="61"/>
        <v>#VALUE!</v>
      </c>
      <c r="CK109" s="1132" t="str">
        <f t="shared" si="62"/>
        <v>n/a</v>
      </c>
    </row>
    <row r="110" spans="1:89" ht="42.75" x14ac:dyDescent="0.2">
      <c r="A110" s="992"/>
      <c r="B110" s="1126"/>
      <c r="C110" s="1126"/>
      <c r="D110" s="1126"/>
      <c r="E110" s="1126"/>
      <c r="F110" s="1026" t="s">
        <v>1848</v>
      </c>
      <c r="G110" s="1026" t="s">
        <v>1071</v>
      </c>
      <c r="H110" s="1026" t="s">
        <v>1072</v>
      </c>
      <c r="I110" s="1026" t="s">
        <v>1533</v>
      </c>
      <c r="J110" s="1026" t="s">
        <v>1849</v>
      </c>
      <c r="K110" s="1026" t="s">
        <v>1850</v>
      </c>
      <c r="L110" s="1026" t="s">
        <v>1488</v>
      </c>
      <c r="M110" s="1026" t="s">
        <v>1489</v>
      </c>
      <c r="N110" s="1026">
        <v>1</v>
      </c>
      <c r="O110" s="1026" t="s">
        <v>932</v>
      </c>
      <c r="P110" s="1026" t="s">
        <v>1490</v>
      </c>
      <c r="Q110" s="1026" t="s">
        <v>1491</v>
      </c>
      <c r="R110" s="1026" t="s">
        <v>1492</v>
      </c>
      <c r="S110" s="1026" t="s">
        <v>1493</v>
      </c>
      <c r="T110" s="1026" t="s">
        <v>1690</v>
      </c>
      <c r="U110" s="1016" t="str">
        <f>_xlfn.XLOOKUP(F110, [4]GIS!D:D, [4]GIS!E:E, "Not mapped")</f>
        <v>Multiple - Scenario 2</v>
      </c>
      <c r="V110" s="1026" t="s">
        <v>1723</v>
      </c>
      <c r="W110" s="1018" t="s">
        <v>1496</v>
      </c>
      <c r="X110" s="1019" t="s">
        <v>1497</v>
      </c>
      <c r="Y110" s="1020" t="s">
        <v>1498</v>
      </c>
      <c r="Z110" s="1020" t="s">
        <v>1498</v>
      </c>
      <c r="AA110" s="1020" t="s">
        <v>1498</v>
      </c>
      <c r="AB110" s="1020" t="s">
        <v>1498</v>
      </c>
      <c r="AC110" s="1020" t="s">
        <v>1498</v>
      </c>
      <c r="AD110" s="1020" t="s">
        <v>1498</v>
      </c>
      <c r="AE110" s="1020" t="s">
        <v>1498</v>
      </c>
      <c r="AF110" s="1020" t="s">
        <v>1498</v>
      </c>
      <c r="AG110" s="1020" t="s">
        <v>1498</v>
      </c>
      <c r="AH110" s="1020" t="s">
        <v>1498</v>
      </c>
      <c r="AI110" s="1020" t="s">
        <v>1498</v>
      </c>
      <c r="AJ110" s="1020" t="s">
        <v>1498</v>
      </c>
      <c r="AK110" s="1020" t="str">
        <f>IF(AJ110="n/a","n/a",ROUND((AJ110*[4]TripRateCalculations!$V$6),0))</f>
        <v>n/a</v>
      </c>
      <c r="AL110" s="1020" t="s">
        <v>1498</v>
      </c>
      <c r="AM110" s="1020" t="s">
        <v>1498</v>
      </c>
      <c r="AN110" s="1020" t="str">
        <f>IF(AT110="n/a","n/a",ROUND((AT110*[4]TripRateCalculations!N$4),0))</f>
        <v>n/a</v>
      </c>
      <c r="AO110" s="1020" t="str">
        <f>IF(AU110="n/a","n/a",ROUND((AU110*[4]TripRateCalculations!O$4),0))</f>
        <v>n/a</v>
      </c>
      <c r="AP110" s="1020" t="str">
        <f>IF(AV110="n/a","n/a",ROUND((AV110*[4]TripRateCalculations!P$4),0))</f>
        <v>n/a</v>
      </c>
      <c r="AQ110" s="1020" t="s">
        <v>1498</v>
      </c>
      <c r="AR110" s="1020" t="str">
        <f>IF(AX110="n/a","n/a",ROUND((AX110*[4]TripRateCalculations!R$4),0))</f>
        <v>n/a</v>
      </c>
      <c r="AS110" s="1020" t="str">
        <f>IF(AY110="n/a","n/a",ROUND((AY110*[4]TripRateCalculations!S$4),0))</f>
        <v>n/a</v>
      </c>
      <c r="AT110" s="1020" t="s">
        <v>1498</v>
      </c>
      <c r="AU110" s="1020" t="s">
        <v>1498</v>
      </c>
      <c r="AV110" s="1020" t="s">
        <v>1498</v>
      </c>
      <c r="AW110" s="1020" t="s">
        <v>1498</v>
      </c>
      <c r="AX110" s="1020" t="s">
        <v>1498</v>
      </c>
      <c r="AY110" s="1020" t="s">
        <v>1498</v>
      </c>
      <c r="AZ110" s="1020" t="s">
        <v>1498</v>
      </c>
      <c r="BA110" s="1020" t="s">
        <v>1498</v>
      </c>
      <c r="BB110" s="1020" t="s">
        <v>1498</v>
      </c>
      <c r="BC110" s="1020" t="s">
        <v>1498</v>
      </c>
      <c r="BD110" s="1020" t="s">
        <v>1498</v>
      </c>
      <c r="BE110" s="1020" t="s">
        <v>1498</v>
      </c>
      <c r="BF110" s="1020" t="s">
        <v>1498</v>
      </c>
      <c r="BG110" s="1020" t="s">
        <v>1498</v>
      </c>
      <c r="BH110" s="1027" t="s">
        <v>1840</v>
      </c>
      <c r="BI110" s="1026" t="s">
        <v>722</v>
      </c>
      <c r="BJ110" s="1026" t="s">
        <v>53</v>
      </c>
      <c r="BK110" s="1042">
        <f>ROUND((VLOOKUP(F110,'[4]Cost Summary'!A:H,8,)),0.1)</f>
        <v>49977</v>
      </c>
      <c r="BL110" s="1026">
        <v>0</v>
      </c>
      <c r="BM110" s="1078" t="s">
        <v>1500</v>
      </c>
      <c r="BN110" s="1044" t="s">
        <v>1584</v>
      </c>
      <c r="BO110" s="1130">
        <v>32468.6</v>
      </c>
      <c r="BP110" s="992"/>
      <c r="BQ110" s="1131" t="e">
        <f t="shared" si="42"/>
        <v>#VALUE!</v>
      </c>
      <c r="BR110" s="1131" t="e">
        <f t="shared" si="43"/>
        <v>#VALUE!</v>
      </c>
      <c r="BS110" s="1131" t="e">
        <f t="shared" si="44"/>
        <v>#VALUE!</v>
      </c>
      <c r="BT110" s="1131" t="e">
        <f t="shared" si="45"/>
        <v>#VALUE!</v>
      </c>
      <c r="BU110" s="1131" t="e">
        <f t="shared" si="46"/>
        <v>#VALUE!</v>
      </c>
      <c r="BV110" s="1131" t="e">
        <f t="shared" si="47"/>
        <v>#VALUE!</v>
      </c>
      <c r="BW110" s="1131" t="e">
        <f t="shared" si="48"/>
        <v>#VALUE!</v>
      </c>
      <c r="BX110" s="1131" t="e">
        <f t="shared" si="49"/>
        <v>#VALUE!</v>
      </c>
      <c r="BY110" s="1131" t="e">
        <f t="shared" si="50"/>
        <v>#VALUE!</v>
      </c>
      <c r="BZ110" s="1131" t="e">
        <f t="shared" si="51"/>
        <v>#VALUE!</v>
      </c>
      <c r="CA110" s="1131" t="e">
        <f t="shared" si="52"/>
        <v>#VALUE!</v>
      </c>
      <c r="CB110" s="1131" t="e">
        <f t="shared" si="53"/>
        <v>#VALUE!</v>
      </c>
      <c r="CC110" s="1131" t="e">
        <f t="shared" si="54"/>
        <v>#VALUE!</v>
      </c>
      <c r="CD110" s="1131" t="e">
        <f t="shared" si="55"/>
        <v>#VALUE!</v>
      </c>
      <c r="CE110" s="1131" t="e">
        <f t="shared" si="56"/>
        <v>#VALUE!</v>
      </c>
      <c r="CF110" s="1131" t="e">
        <f t="shared" si="57"/>
        <v>#VALUE!</v>
      </c>
      <c r="CG110" s="1131" t="e">
        <f t="shared" si="58"/>
        <v>#VALUE!</v>
      </c>
      <c r="CH110" s="1131" t="e">
        <f t="shared" si="59"/>
        <v>#VALUE!</v>
      </c>
      <c r="CI110" s="1131" t="e">
        <f t="shared" si="60"/>
        <v>#VALUE!</v>
      </c>
      <c r="CJ110" s="1131" t="e">
        <f t="shared" si="61"/>
        <v>#VALUE!</v>
      </c>
      <c r="CK110" s="1132" t="str">
        <f t="shared" si="62"/>
        <v>n/a</v>
      </c>
    </row>
    <row r="111" spans="1:89" ht="85.5" x14ac:dyDescent="0.2">
      <c r="A111" s="992"/>
      <c r="B111" s="1126"/>
      <c r="C111" s="1126"/>
      <c r="D111" s="1126"/>
      <c r="E111" s="1126"/>
      <c r="F111" s="1026" t="s">
        <v>1851</v>
      </c>
      <c r="G111" s="1026" t="s">
        <v>1073</v>
      </c>
      <c r="H111" s="1026" t="s">
        <v>1074</v>
      </c>
      <c r="I111" s="1026" t="s">
        <v>1487</v>
      </c>
      <c r="J111" s="1026" t="s">
        <v>1852</v>
      </c>
      <c r="K111" s="1026" t="s">
        <v>1853</v>
      </c>
      <c r="L111" s="1026" t="s">
        <v>1488</v>
      </c>
      <c r="M111" s="1026" t="s">
        <v>1489</v>
      </c>
      <c r="N111" s="1026">
        <v>1</v>
      </c>
      <c r="O111" s="1026" t="s">
        <v>932</v>
      </c>
      <c r="P111" s="1026" t="s">
        <v>1490</v>
      </c>
      <c r="Q111" s="1026" t="s">
        <v>1491</v>
      </c>
      <c r="R111" s="1026" t="s">
        <v>1492</v>
      </c>
      <c r="S111" s="1026" t="s">
        <v>1493</v>
      </c>
      <c r="T111" s="1026" t="s">
        <v>1854</v>
      </c>
      <c r="U111" s="1016" t="str">
        <f>_xlfn.XLOOKUP(F111, [4]GIS!D:D, [4]GIS!E:E, "Not mapped")</f>
        <v>Multiple - Scenario 2</v>
      </c>
      <c r="V111" s="1026" t="s">
        <v>1723</v>
      </c>
      <c r="W111" s="1018" t="s">
        <v>1496</v>
      </c>
      <c r="X111" s="1019" t="s">
        <v>1497</v>
      </c>
      <c r="Y111" s="1020" t="s">
        <v>1498</v>
      </c>
      <c r="Z111" s="1020" t="s">
        <v>1498</v>
      </c>
      <c r="AA111" s="1020" t="s">
        <v>1498</v>
      </c>
      <c r="AB111" s="1020" t="s">
        <v>1498</v>
      </c>
      <c r="AC111" s="1020" t="s">
        <v>1498</v>
      </c>
      <c r="AD111" s="1020" t="s">
        <v>1498</v>
      </c>
      <c r="AE111" s="1020" t="s">
        <v>1498</v>
      </c>
      <c r="AF111" s="1020" t="s">
        <v>1498</v>
      </c>
      <c r="AG111" s="1020" t="s">
        <v>1498</v>
      </c>
      <c r="AH111" s="1020" t="s">
        <v>1498</v>
      </c>
      <c r="AI111" s="1020" t="s">
        <v>1498</v>
      </c>
      <c r="AJ111" s="1020" t="s">
        <v>1498</v>
      </c>
      <c r="AK111" s="1020" t="str">
        <f>IF(AJ111="n/a","n/a",ROUND((AJ111*[4]TripRateCalculations!$V$6),0))</f>
        <v>n/a</v>
      </c>
      <c r="AL111" s="1020" t="s">
        <v>1498</v>
      </c>
      <c r="AM111" s="1020" t="s">
        <v>1498</v>
      </c>
      <c r="AN111" s="1020" t="str">
        <f>IF(AT111="n/a","n/a",ROUND((AT111*[4]TripRateCalculations!N$4),0))</f>
        <v>n/a</v>
      </c>
      <c r="AO111" s="1020" t="str">
        <f>IF(AU111="n/a","n/a",ROUND((AU111*[4]TripRateCalculations!O$4),0))</f>
        <v>n/a</v>
      </c>
      <c r="AP111" s="1020" t="str">
        <f>IF(AV111="n/a","n/a",ROUND((AV111*[4]TripRateCalculations!P$4),0))</f>
        <v>n/a</v>
      </c>
      <c r="AQ111" s="1020" t="s">
        <v>1498</v>
      </c>
      <c r="AR111" s="1020" t="str">
        <f>IF(AX111="n/a","n/a",ROUND((AX111*[4]TripRateCalculations!R$4),0))</f>
        <v>n/a</v>
      </c>
      <c r="AS111" s="1020" t="str">
        <f>IF(AY111="n/a","n/a",ROUND((AY111*[4]TripRateCalculations!S$4),0))</f>
        <v>n/a</v>
      </c>
      <c r="AT111" s="1020" t="s">
        <v>1498</v>
      </c>
      <c r="AU111" s="1020" t="s">
        <v>1498</v>
      </c>
      <c r="AV111" s="1020" t="s">
        <v>1498</v>
      </c>
      <c r="AW111" s="1020" t="s">
        <v>1498</v>
      </c>
      <c r="AX111" s="1020" t="s">
        <v>1498</v>
      </c>
      <c r="AY111" s="1020" t="s">
        <v>1498</v>
      </c>
      <c r="AZ111" s="1020" t="s">
        <v>1498</v>
      </c>
      <c r="BA111" s="1020" t="s">
        <v>1498</v>
      </c>
      <c r="BB111" s="1020" t="s">
        <v>1498</v>
      </c>
      <c r="BC111" s="1020" t="s">
        <v>1498</v>
      </c>
      <c r="BD111" s="1020" t="s">
        <v>1498</v>
      </c>
      <c r="BE111" s="1020" t="s">
        <v>1498</v>
      </c>
      <c r="BF111" s="1020" t="s">
        <v>1498</v>
      </c>
      <c r="BG111" s="1020" t="s">
        <v>1498</v>
      </c>
      <c r="BH111" s="1027" t="s">
        <v>1855</v>
      </c>
      <c r="BI111" s="1026" t="s">
        <v>722</v>
      </c>
      <c r="BJ111" s="1026" t="s">
        <v>53</v>
      </c>
      <c r="BK111" s="1042">
        <f>ROUND((VLOOKUP(F111,'[4]Cost Summary'!A:H,8,)),0.1)</f>
        <v>1376375</v>
      </c>
      <c r="BL111" s="1026">
        <v>0</v>
      </c>
      <c r="BM111" s="1078" t="s">
        <v>1500</v>
      </c>
      <c r="BN111" s="1044" t="s">
        <v>1584</v>
      </c>
      <c r="BO111" s="1130">
        <v>894196.88</v>
      </c>
      <c r="BP111" s="992"/>
      <c r="BQ111" s="1131" t="e">
        <f t="shared" si="42"/>
        <v>#VALUE!</v>
      </c>
      <c r="BR111" s="1131" t="e">
        <f t="shared" si="43"/>
        <v>#VALUE!</v>
      </c>
      <c r="BS111" s="1131" t="e">
        <f t="shared" si="44"/>
        <v>#VALUE!</v>
      </c>
      <c r="BT111" s="1131" t="e">
        <f t="shared" si="45"/>
        <v>#VALUE!</v>
      </c>
      <c r="BU111" s="1131" t="e">
        <f t="shared" si="46"/>
        <v>#VALUE!</v>
      </c>
      <c r="BV111" s="1131" t="e">
        <f t="shared" si="47"/>
        <v>#VALUE!</v>
      </c>
      <c r="BW111" s="1131" t="e">
        <f t="shared" si="48"/>
        <v>#VALUE!</v>
      </c>
      <c r="BX111" s="1131" t="e">
        <f t="shared" si="49"/>
        <v>#VALUE!</v>
      </c>
      <c r="BY111" s="1131" t="e">
        <f t="shared" si="50"/>
        <v>#VALUE!</v>
      </c>
      <c r="BZ111" s="1131" t="e">
        <f t="shared" si="51"/>
        <v>#VALUE!</v>
      </c>
      <c r="CA111" s="1131" t="e">
        <f t="shared" si="52"/>
        <v>#VALUE!</v>
      </c>
      <c r="CB111" s="1131" t="e">
        <f t="shared" si="53"/>
        <v>#VALUE!</v>
      </c>
      <c r="CC111" s="1131" t="e">
        <f t="shared" si="54"/>
        <v>#VALUE!</v>
      </c>
      <c r="CD111" s="1131" t="e">
        <f t="shared" si="55"/>
        <v>#VALUE!</v>
      </c>
      <c r="CE111" s="1131" t="e">
        <f t="shared" si="56"/>
        <v>#VALUE!</v>
      </c>
      <c r="CF111" s="1131" t="e">
        <f t="shared" si="57"/>
        <v>#VALUE!</v>
      </c>
      <c r="CG111" s="1131" t="e">
        <f t="shared" si="58"/>
        <v>#VALUE!</v>
      </c>
      <c r="CH111" s="1131" t="e">
        <f t="shared" si="59"/>
        <v>#VALUE!</v>
      </c>
      <c r="CI111" s="1131" t="e">
        <f t="shared" si="60"/>
        <v>#VALUE!</v>
      </c>
      <c r="CJ111" s="1131" t="e">
        <f t="shared" si="61"/>
        <v>#VALUE!</v>
      </c>
      <c r="CK111" s="1132" t="str">
        <f t="shared" si="62"/>
        <v>n/a</v>
      </c>
    </row>
    <row r="112" spans="1:89" ht="42.75" x14ac:dyDescent="0.2">
      <c r="A112" s="992"/>
      <c r="B112" s="1126"/>
      <c r="C112" s="1126"/>
      <c r="D112" s="1126"/>
      <c r="E112" s="1126"/>
      <c r="F112" s="1026" t="s">
        <v>1856</v>
      </c>
      <c r="G112" s="1026" t="s">
        <v>1075</v>
      </c>
      <c r="H112" s="1026" t="s">
        <v>1076</v>
      </c>
      <c r="I112" s="1026" t="s">
        <v>1533</v>
      </c>
      <c r="J112" s="1026">
        <v>51.742102000000003</v>
      </c>
      <c r="K112" s="1026">
        <v>-0.44759399999999999</v>
      </c>
      <c r="L112" s="1026" t="s">
        <v>1488</v>
      </c>
      <c r="M112" s="1026" t="s">
        <v>1489</v>
      </c>
      <c r="N112" s="1026">
        <v>1</v>
      </c>
      <c r="O112" s="1026" t="s">
        <v>932</v>
      </c>
      <c r="P112" s="1026" t="s">
        <v>1490</v>
      </c>
      <c r="Q112" s="1026" t="s">
        <v>1491</v>
      </c>
      <c r="R112" s="1026" t="s">
        <v>1492</v>
      </c>
      <c r="S112" s="1026" t="s">
        <v>1493</v>
      </c>
      <c r="T112" s="1026" t="s">
        <v>1854</v>
      </c>
      <c r="U112" s="1016" t="str">
        <f>_xlfn.XLOOKUP(F112, [4]GIS!D:D, [4]GIS!E:E, "Not mapped")</f>
        <v>Multiple - Scenario 2</v>
      </c>
      <c r="V112" s="1026" t="s">
        <v>1723</v>
      </c>
      <c r="W112" s="1018" t="s">
        <v>1496</v>
      </c>
      <c r="X112" s="1019" t="s">
        <v>1497</v>
      </c>
      <c r="Y112" s="1020" t="s">
        <v>1498</v>
      </c>
      <c r="Z112" s="1020" t="s">
        <v>1498</v>
      </c>
      <c r="AA112" s="1020" t="s">
        <v>1498</v>
      </c>
      <c r="AB112" s="1020" t="s">
        <v>1498</v>
      </c>
      <c r="AC112" s="1020" t="s">
        <v>1498</v>
      </c>
      <c r="AD112" s="1020" t="s">
        <v>1498</v>
      </c>
      <c r="AE112" s="1020" t="s">
        <v>1498</v>
      </c>
      <c r="AF112" s="1020" t="s">
        <v>1498</v>
      </c>
      <c r="AG112" s="1020" t="s">
        <v>1498</v>
      </c>
      <c r="AH112" s="1020" t="s">
        <v>1498</v>
      </c>
      <c r="AI112" s="1020" t="s">
        <v>1498</v>
      </c>
      <c r="AJ112" s="1020" t="s">
        <v>1498</v>
      </c>
      <c r="AK112" s="1020" t="str">
        <f>IF(AJ112="n/a","n/a",ROUND((AJ112*[4]TripRateCalculations!$V$6),0))</f>
        <v>n/a</v>
      </c>
      <c r="AL112" s="1020" t="s">
        <v>1498</v>
      </c>
      <c r="AM112" s="1020" t="s">
        <v>1498</v>
      </c>
      <c r="AN112" s="1020" t="str">
        <f>IF(AT112="n/a","n/a",ROUND((AT112*[4]TripRateCalculations!N$4),0))</f>
        <v>n/a</v>
      </c>
      <c r="AO112" s="1020" t="str">
        <f>IF(AU112="n/a","n/a",ROUND((AU112*[4]TripRateCalculations!O$4),0))</f>
        <v>n/a</v>
      </c>
      <c r="AP112" s="1020" t="str">
        <f>IF(AV112="n/a","n/a",ROUND((AV112*[4]TripRateCalculations!P$4),0))</f>
        <v>n/a</v>
      </c>
      <c r="AQ112" s="1020" t="s">
        <v>1498</v>
      </c>
      <c r="AR112" s="1020" t="str">
        <f>IF(AX112="n/a","n/a",ROUND((AX112*[4]TripRateCalculations!R$4),0))</f>
        <v>n/a</v>
      </c>
      <c r="AS112" s="1020" t="str">
        <f>IF(AY112="n/a","n/a",ROUND((AY112*[4]TripRateCalculations!S$4),0))</f>
        <v>n/a</v>
      </c>
      <c r="AT112" s="1020" t="s">
        <v>1498</v>
      </c>
      <c r="AU112" s="1020" t="s">
        <v>1498</v>
      </c>
      <c r="AV112" s="1020" t="s">
        <v>1498</v>
      </c>
      <c r="AW112" s="1020" t="s">
        <v>1498</v>
      </c>
      <c r="AX112" s="1020" t="s">
        <v>1498</v>
      </c>
      <c r="AY112" s="1020" t="s">
        <v>1498</v>
      </c>
      <c r="AZ112" s="1020" t="s">
        <v>1498</v>
      </c>
      <c r="BA112" s="1020" t="s">
        <v>1498</v>
      </c>
      <c r="BB112" s="1020" t="s">
        <v>1498</v>
      </c>
      <c r="BC112" s="1020" t="s">
        <v>1498</v>
      </c>
      <c r="BD112" s="1020" t="s">
        <v>1498</v>
      </c>
      <c r="BE112" s="1020" t="s">
        <v>1498</v>
      </c>
      <c r="BF112" s="1020" t="s">
        <v>1498</v>
      </c>
      <c r="BG112" s="1020" t="s">
        <v>1498</v>
      </c>
      <c r="BH112" s="1027" t="s">
        <v>1855</v>
      </c>
      <c r="BI112" s="1026" t="s">
        <v>722</v>
      </c>
      <c r="BJ112" s="1026" t="s">
        <v>53</v>
      </c>
      <c r="BK112" s="1042">
        <f>ROUND((VLOOKUP(F112,'[4]Cost Summary'!A:H,8,)),0.1)</f>
        <v>132</v>
      </c>
      <c r="BL112" s="1026">
        <v>0</v>
      </c>
      <c r="BM112" s="1078" t="s">
        <v>1500</v>
      </c>
      <c r="BN112" s="1044" t="s">
        <v>1584</v>
      </c>
      <c r="BO112" s="1130">
        <v>85.82</v>
      </c>
      <c r="BP112" s="992"/>
      <c r="BQ112" s="1131" t="e">
        <f t="shared" si="42"/>
        <v>#VALUE!</v>
      </c>
      <c r="BR112" s="1131" t="e">
        <f t="shared" si="43"/>
        <v>#VALUE!</v>
      </c>
      <c r="BS112" s="1131" t="e">
        <f t="shared" si="44"/>
        <v>#VALUE!</v>
      </c>
      <c r="BT112" s="1131" t="e">
        <f t="shared" si="45"/>
        <v>#VALUE!</v>
      </c>
      <c r="BU112" s="1131" t="e">
        <f t="shared" si="46"/>
        <v>#VALUE!</v>
      </c>
      <c r="BV112" s="1131" t="e">
        <f t="shared" si="47"/>
        <v>#VALUE!</v>
      </c>
      <c r="BW112" s="1131" t="e">
        <f t="shared" si="48"/>
        <v>#VALUE!</v>
      </c>
      <c r="BX112" s="1131" t="e">
        <f t="shared" si="49"/>
        <v>#VALUE!</v>
      </c>
      <c r="BY112" s="1131" t="e">
        <f t="shared" si="50"/>
        <v>#VALUE!</v>
      </c>
      <c r="BZ112" s="1131" t="e">
        <f t="shared" si="51"/>
        <v>#VALUE!</v>
      </c>
      <c r="CA112" s="1131" t="e">
        <f t="shared" si="52"/>
        <v>#VALUE!</v>
      </c>
      <c r="CB112" s="1131" t="e">
        <f t="shared" si="53"/>
        <v>#VALUE!</v>
      </c>
      <c r="CC112" s="1131" t="e">
        <f t="shared" si="54"/>
        <v>#VALUE!</v>
      </c>
      <c r="CD112" s="1131" t="e">
        <f t="shared" si="55"/>
        <v>#VALUE!</v>
      </c>
      <c r="CE112" s="1131" t="e">
        <f t="shared" si="56"/>
        <v>#VALUE!</v>
      </c>
      <c r="CF112" s="1131" t="e">
        <f t="shared" si="57"/>
        <v>#VALUE!</v>
      </c>
      <c r="CG112" s="1131" t="e">
        <f t="shared" si="58"/>
        <v>#VALUE!</v>
      </c>
      <c r="CH112" s="1131" t="e">
        <f t="shared" si="59"/>
        <v>#VALUE!</v>
      </c>
      <c r="CI112" s="1131" t="e">
        <f t="shared" si="60"/>
        <v>#VALUE!</v>
      </c>
      <c r="CJ112" s="1131" t="e">
        <f t="shared" si="61"/>
        <v>#VALUE!</v>
      </c>
      <c r="CK112" s="1132" t="str">
        <f t="shared" si="62"/>
        <v>n/a</v>
      </c>
    </row>
    <row r="113" spans="1:89" ht="85.5" x14ac:dyDescent="0.2">
      <c r="A113" s="992"/>
      <c r="B113" s="1126"/>
      <c r="C113" s="1126"/>
      <c r="D113" s="1126"/>
      <c r="E113" s="1126"/>
      <c r="F113" s="1026" t="s">
        <v>1857</v>
      </c>
      <c r="G113" s="1026" t="s">
        <v>1077</v>
      </c>
      <c r="H113" s="1026" t="s">
        <v>1858</v>
      </c>
      <c r="I113" s="1026" t="s">
        <v>1533</v>
      </c>
      <c r="J113" s="1026">
        <v>51.742102000000003</v>
      </c>
      <c r="K113" s="1026">
        <v>-0.44759399999999999</v>
      </c>
      <c r="L113" s="1026" t="s">
        <v>1488</v>
      </c>
      <c r="M113" s="1026" t="s">
        <v>1489</v>
      </c>
      <c r="N113" s="1026">
        <v>1</v>
      </c>
      <c r="O113" s="1026" t="s">
        <v>932</v>
      </c>
      <c r="P113" s="1026" t="s">
        <v>1490</v>
      </c>
      <c r="Q113" s="1026" t="s">
        <v>1491</v>
      </c>
      <c r="R113" s="1026" t="s">
        <v>1492</v>
      </c>
      <c r="S113" s="1026" t="s">
        <v>1493</v>
      </c>
      <c r="T113" s="1026" t="s">
        <v>1854</v>
      </c>
      <c r="U113" s="1016" t="str">
        <f>_xlfn.XLOOKUP(F113, [4]GIS!D:D, [4]GIS!E:E, "Not mapped")</f>
        <v>Multiple - Scenario 2</v>
      </c>
      <c r="V113" s="1026" t="s">
        <v>1723</v>
      </c>
      <c r="W113" s="1018" t="s">
        <v>1496</v>
      </c>
      <c r="X113" s="1019" t="s">
        <v>1497</v>
      </c>
      <c r="Y113" s="1020" t="s">
        <v>1498</v>
      </c>
      <c r="Z113" s="1020" t="s">
        <v>1498</v>
      </c>
      <c r="AA113" s="1020" t="s">
        <v>1498</v>
      </c>
      <c r="AB113" s="1020" t="s">
        <v>1498</v>
      </c>
      <c r="AC113" s="1020" t="s">
        <v>1498</v>
      </c>
      <c r="AD113" s="1020" t="s">
        <v>1498</v>
      </c>
      <c r="AE113" s="1020" t="s">
        <v>1498</v>
      </c>
      <c r="AF113" s="1020" t="s">
        <v>1498</v>
      </c>
      <c r="AG113" s="1020" t="s">
        <v>1498</v>
      </c>
      <c r="AH113" s="1020" t="s">
        <v>1498</v>
      </c>
      <c r="AI113" s="1020" t="s">
        <v>1498</v>
      </c>
      <c r="AJ113" s="1020" t="s">
        <v>1498</v>
      </c>
      <c r="AK113" s="1020" t="str">
        <f>IF(AJ113="n/a","n/a",ROUND((AJ113*[4]TripRateCalculations!$V$6),0))</f>
        <v>n/a</v>
      </c>
      <c r="AL113" s="1020" t="s">
        <v>1498</v>
      </c>
      <c r="AM113" s="1020" t="s">
        <v>1498</v>
      </c>
      <c r="AN113" s="1020" t="str">
        <f>IF(AT113="n/a","n/a",ROUND((AT113*[4]TripRateCalculations!N$4),0))</f>
        <v>n/a</v>
      </c>
      <c r="AO113" s="1020" t="str">
        <f>IF(AU113="n/a","n/a",ROUND((AU113*[4]TripRateCalculations!O$4),0))</f>
        <v>n/a</v>
      </c>
      <c r="AP113" s="1020" t="str">
        <f>IF(AV113="n/a","n/a",ROUND((AV113*[4]TripRateCalculations!P$4),0))</f>
        <v>n/a</v>
      </c>
      <c r="AQ113" s="1020" t="s">
        <v>1498</v>
      </c>
      <c r="AR113" s="1020" t="str">
        <f>IF(AX113="n/a","n/a",ROUND((AX113*[4]TripRateCalculations!R$4),0))</f>
        <v>n/a</v>
      </c>
      <c r="AS113" s="1020" t="str">
        <f>IF(AY113="n/a","n/a",ROUND((AY113*[4]TripRateCalculations!S$4),0))</f>
        <v>n/a</v>
      </c>
      <c r="AT113" s="1020" t="s">
        <v>1498</v>
      </c>
      <c r="AU113" s="1020" t="s">
        <v>1498</v>
      </c>
      <c r="AV113" s="1020" t="s">
        <v>1498</v>
      </c>
      <c r="AW113" s="1020" t="s">
        <v>1498</v>
      </c>
      <c r="AX113" s="1020" t="s">
        <v>1498</v>
      </c>
      <c r="AY113" s="1020" t="s">
        <v>1498</v>
      </c>
      <c r="AZ113" s="1020" t="s">
        <v>1498</v>
      </c>
      <c r="BA113" s="1020" t="s">
        <v>1498</v>
      </c>
      <c r="BB113" s="1020" t="s">
        <v>1498</v>
      </c>
      <c r="BC113" s="1020" t="s">
        <v>1498</v>
      </c>
      <c r="BD113" s="1020" t="s">
        <v>1498</v>
      </c>
      <c r="BE113" s="1020" t="s">
        <v>1498</v>
      </c>
      <c r="BF113" s="1020" t="s">
        <v>1498</v>
      </c>
      <c r="BG113" s="1020" t="s">
        <v>1498</v>
      </c>
      <c r="BH113" s="1027" t="s">
        <v>1855</v>
      </c>
      <c r="BI113" s="1026" t="s">
        <v>722</v>
      </c>
      <c r="BJ113" s="1026" t="s">
        <v>53</v>
      </c>
      <c r="BK113" s="1042">
        <f>ROUND((VLOOKUP(F113,'[4]Cost Summary'!A:H,8,)),0.1)</f>
        <v>72774</v>
      </c>
      <c r="BL113" s="1026">
        <v>0</v>
      </c>
      <c r="BM113" s="1078" t="s">
        <v>1500</v>
      </c>
      <c r="BN113" s="1044" t="s">
        <v>1584</v>
      </c>
      <c r="BO113" s="1130">
        <v>47279.38</v>
      </c>
      <c r="BP113" s="992"/>
      <c r="BQ113" s="1131" t="e">
        <f t="shared" si="42"/>
        <v>#VALUE!</v>
      </c>
      <c r="BR113" s="1131" t="e">
        <f t="shared" si="43"/>
        <v>#VALUE!</v>
      </c>
      <c r="BS113" s="1131" t="e">
        <f t="shared" si="44"/>
        <v>#VALUE!</v>
      </c>
      <c r="BT113" s="1131" t="e">
        <f t="shared" si="45"/>
        <v>#VALUE!</v>
      </c>
      <c r="BU113" s="1131" t="e">
        <f t="shared" si="46"/>
        <v>#VALUE!</v>
      </c>
      <c r="BV113" s="1131" t="e">
        <f t="shared" si="47"/>
        <v>#VALUE!</v>
      </c>
      <c r="BW113" s="1131" t="e">
        <f t="shared" si="48"/>
        <v>#VALUE!</v>
      </c>
      <c r="BX113" s="1131" t="e">
        <f t="shared" si="49"/>
        <v>#VALUE!</v>
      </c>
      <c r="BY113" s="1131" t="e">
        <f t="shared" si="50"/>
        <v>#VALUE!</v>
      </c>
      <c r="BZ113" s="1131" t="e">
        <f t="shared" si="51"/>
        <v>#VALUE!</v>
      </c>
      <c r="CA113" s="1131" t="e">
        <f t="shared" si="52"/>
        <v>#VALUE!</v>
      </c>
      <c r="CB113" s="1131" t="e">
        <f t="shared" si="53"/>
        <v>#VALUE!</v>
      </c>
      <c r="CC113" s="1131" t="e">
        <f t="shared" si="54"/>
        <v>#VALUE!</v>
      </c>
      <c r="CD113" s="1131" t="e">
        <f t="shared" si="55"/>
        <v>#VALUE!</v>
      </c>
      <c r="CE113" s="1131" t="e">
        <f t="shared" si="56"/>
        <v>#VALUE!</v>
      </c>
      <c r="CF113" s="1131" t="e">
        <f t="shared" si="57"/>
        <v>#VALUE!</v>
      </c>
      <c r="CG113" s="1131" t="e">
        <f t="shared" si="58"/>
        <v>#VALUE!</v>
      </c>
      <c r="CH113" s="1131" t="e">
        <f t="shared" si="59"/>
        <v>#VALUE!</v>
      </c>
      <c r="CI113" s="1131" t="e">
        <f t="shared" si="60"/>
        <v>#VALUE!</v>
      </c>
      <c r="CJ113" s="1131" t="e">
        <f t="shared" si="61"/>
        <v>#VALUE!</v>
      </c>
      <c r="CK113" s="1132" t="str">
        <f t="shared" si="62"/>
        <v>n/a</v>
      </c>
    </row>
    <row r="114" spans="1:89" ht="90" x14ac:dyDescent="0.2">
      <c r="A114" s="992"/>
      <c r="B114" s="1126" t="s">
        <v>66</v>
      </c>
      <c r="C114" s="1126"/>
      <c r="D114" s="1126" t="s">
        <v>66</v>
      </c>
      <c r="E114" s="1126"/>
      <c r="F114" s="1066" t="s">
        <v>1859</v>
      </c>
      <c r="G114" s="1066" t="s">
        <v>1079</v>
      </c>
      <c r="H114" s="1066" t="s">
        <v>1860</v>
      </c>
      <c r="I114" s="1066" t="s">
        <v>1861</v>
      </c>
      <c r="J114" s="1066" t="s">
        <v>1521</v>
      </c>
      <c r="K114" s="1066" t="s">
        <v>1521</v>
      </c>
      <c r="L114" s="1066" t="s">
        <v>1488</v>
      </c>
      <c r="M114" s="1066" t="s">
        <v>1489</v>
      </c>
      <c r="N114" s="1066"/>
      <c r="O114" s="1066" t="s">
        <v>932</v>
      </c>
      <c r="P114" s="1066" t="s">
        <v>1490</v>
      </c>
      <c r="Q114" s="1066" t="s">
        <v>1491</v>
      </c>
      <c r="R114" s="1066" t="s">
        <v>1492</v>
      </c>
      <c r="S114" s="1066" t="s">
        <v>1493</v>
      </c>
      <c r="T114" s="1066" t="s">
        <v>1854</v>
      </c>
      <c r="U114" s="1067" t="str">
        <f>_xlfn.XLOOKUP(F114, [4]GIS!D:D, [4]GIS!E:E, "Not mapped")</f>
        <v>Single - Scenario 3</v>
      </c>
      <c r="V114" s="1066" t="s">
        <v>1723</v>
      </c>
      <c r="W114" s="1068"/>
      <c r="X114" s="1069" t="s">
        <v>1719</v>
      </c>
      <c r="Y114" s="1066"/>
      <c r="Z114" s="1066"/>
      <c r="AA114" s="1066"/>
      <c r="AB114" s="1066"/>
      <c r="AC114" s="1066"/>
      <c r="AD114" s="1066"/>
      <c r="AE114" s="1066"/>
      <c r="AF114" s="1066"/>
      <c r="AG114" s="1068"/>
      <c r="AH114" s="1091"/>
      <c r="AI114" s="1071"/>
      <c r="AJ114" s="1071"/>
      <c r="AK114" s="1071">
        <f>IF(AJ114="n/a","n/a",ROUND((AJ114*[4]TripRateCalculations!$V$6),0))</f>
        <v>0</v>
      </c>
      <c r="AL114" s="1071"/>
      <c r="AM114" s="1071"/>
      <c r="AN114" s="1071">
        <f>IF(AT114="n/a","n/a",ROUND((AT114*[4]TripRateCalculations!N$4),0))</f>
        <v>0</v>
      </c>
      <c r="AO114" s="1071">
        <f>IF(AU114="n/a","n/a",ROUND((AU114*[4]TripRateCalculations!O$4),0))</f>
        <v>0</v>
      </c>
      <c r="AP114" s="1071">
        <f>IF(AV114="n/a","n/a",ROUND((AV114*[4]TripRateCalculations!P$4),0))</f>
        <v>0</v>
      </c>
      <c r="AQ114" s="1071"/>
      <c r="AR114" s="1071">
        <f>IF(AX114="n/a","n/a",ROUND((AX114*[4]TripRateCalculations!R$4),0))</f>
        <v>0</v>
      </c>
      <c r="AS114" s="1071">
        <f>IF(AY114="n/a","n/a",ROUND((AY114*[4]TripRateCalculations!S$4),0))</f>
        <v>0</v>
      </c>
      <c r="AT114" s="1071"/>
      <c r="AU114" s="1071"/>
      <c r="AV114" s="1071"/>
      <c r="AW114" s="1071"/>
      <c r="AX114" s="1072"/>
      <c r="AY114" s="1071"/>
      <c r="AZ114" s="1073"/>
      <c r="BA114" s="1073"/>
      <c r="BB114" s="1073"/>
      <c r="BC114" s="1073"/>
      <c r="BD114" s="1073"/>
      <c r="BE114" s="1073"/>
      <c r="BF114" s="1073"/>
      <c r="BG114" s="1073"/>
      <c r="BH114" s="1074" t="s">
        <v>1855</v>
      </c>
      <c r="BI114" s="1066" t="s">
        <v>722</v>
      </c>
      <c r="BJ114" s="1066" t="s">
        <v>53</v>
      </c>
      <c r="BK114" s="1068">
        <v>37001.25</v>
      </c>
      <c r="BL114" s="1075">
        <v>0</v>
      </c>
      <c r="BM114" s="1094" t="s">
        <v>1500</v>
      </c>
      <c r="BN114" s="1077" t="s">
        <v>1721</v>
      </c>
      <c r="BO114" s="992">
        <v>37001.25</v>
      </c>
      <c r="BP114" s="992"/>
      <c r="BQ114" s="1131" t="e">
        <f t="shared" si="42"/>
        <v>#DIV/0!</v>
      </c>
      <c r="BR114" s="1131" t="e">
        <f t="shared" si="43"/>
        <v>#DIV/0!</v>
      </c>
      <c r="BS114" s="1131" t="e">
        <f t="shared" si="44"/>
        <v>#DIV/0!</v>
      </c>
      <c r="BT114" s="1131" t="e">
        <f t="shared" si="45"/>
        <v>#DIV/0!</v>
      </c>
      <c r="BU114" s="1131" t="e">
        <f t="shared" si="46"/>
        <v>#DIV/0!</v>
      </c>
      <c r="BV114" s="1131" t="e">
        <f t="shared" si="47"/>
        <v>#DIV/0!</v>
      </c>
      <c r="BW114" s="1131" t="e">
        <f t="shared" si="48"/>
        <v>#DIV/0!</v>
      </c>
      <c r="BX114" s="1131" t="e">
        <f t="shared" si="49"/>
        <v>#DIV/0!</v>
      </c>
      <c r="BY114" s="1131" t="e">
        <f t="shared" si="50"/>
        <v>#DIV/0!</v>
      </c>
      <c r="BZ114" s="1131" t="e">
        <f t="shared" si="51"/>
        <v>#DIV/0!</v>
      </c>
      <c r="CA114" s="1131" t="e">
        <f t="shared" si="52"/>
        <v>#DIV/0!</v>
      </c>
      <c r="CB114" s="1131" t="e">
        <f t="shared" si="53"/>
        <v>#DIV/0!</v>
      </c>
      <c r="CC114" s="1131" t="e">
        <f t="shared" si="54"/>
        <v>#DIV/0!</v>
      </c>
      <c r="CD114" s="1131" t="e">
        <f t="shared" si="55"/>
        <v>#DIV/0!</v>
      </c>
      <c r="CE114" s="1131" t="e">
        <f t="shared" si="56"/>
        <v>#DIV/0!</v>
      </c>
      <c r="CF114" s="1131" t="e">
        <f t="shared" si="57"/>
        <v>#DIV/0!</v>
      </c>
      <c r="CG114" s="1131" t="e">
        <f t="shared" si="58"/>
        <v>#DIV/0!</v>
      </c>
      <c r="CH114" s="1131" t="e">
        <f t="shared" si="59"/>
        <v>#DIV/0!</v>
      </c>
      <c r="CI114" s="1131" t="e">
        <f t="shared" si="60"/>
        <v>#DIV/0!</v>
      </c>
      <c r="CJ114" s="1131" t="e">
        <f t="shared" si="61"/>
        <v>#DIV/0!</v>
      </c>
      <c r="CK114" s="1132" t="str">
        <f t="shared" si="62"/>
        <v>n/a</v>
      </c>
    </row>
    <row r="115" spans="1:89" ht="42.75" x14ac:dyDescent="0.2">
      <c r="A115" s="992"/>
      <c r="B115" s="1126" t="s">
        <v>66</v>
      </c>
      <c r="C115" s="1126"/>
      <c r="D115" s="1126"/>
      <c r="E115" s="1126"/>
      <c r="F115" s="1026" t="s">
        <v>1862</v>
      </c>
      <c r="G115" s="1026" t="s">
        <v>1081</v>
      </c>
      <c r="H115" s="1026" t="s">
        <v>1082</v>
      </c>
      <c r="I115" s="1026" t="s">
        <v>1861</v>
      </c>
      <c r="J115" s="1026" t="s">
        <v>1521</v>
      </c>
      <c r="K115" s="1026" t="s">
        <v>1521</v>
      </c>
      <c r="L115" s="1026" t="s">
        <v>1488</v>
      </c>
      <c r="M115" s="1026" t="s">
        <v>1489</v>
      </c>
      <c r="N115" s="1026">
        <v>1</v>
      </c>
      <c r="O115" s="1026" t="s">
        <v>932</v>
      </c>
      <c r="P115" s="1026" t="s">
        <v>1490</v>
      </c>
      <c r="Q115" s="1026" t="s">
        <v>1491</v>
      </c>
      <c r="R115" s="1026" t="s">
        <v>1492</v>
      </c>
      <c r="S115" s="1026" t="s">
        <v>1493</v>
      </c>
      <c r="T115" s="1026" t="s">
        <v>1854</v>
      </c>
      <c r="U115" s="1016" t="str">
        <f>_xlfn.XLOOKUP(F115, [4]GIS!D:D, [4]GIS!E:E, "Not mapped")</f>
        <v>Single - Scenario 3</v>
      </c>
      <c r="V115" s="1031" t="s">
        <v>1515</v>
      </c>
      <c r="W115" s="1018" t="s">
        <v>1496</v>
      </c>
      <c r="X115" s="1019" t="s">
        <v>1497</v>
      </c>
      <c r="Y115" s="1020" t="s">
        <v>1498</v>
      </c>
      <c r="Z115" s="1020" t="s">
        <v>1498</v>
      </c>
      <c r="AA115" s="1020" t="s">
        <v>1498</v>
      </c>
      <c r="AB115" s="1020" t="s">
        <v>1498</v>
      </c>
      <c r="AC115" s="1020" t="s">
        <v>1498</v>
      </c>
      <c r="AD115" s="1020" t="s">
        <v>1498</v>
      </c>
      <c r="AE115" s="1020" t="s">
        <v>1498</v>
      </c>
      <c r="AF115" s="1020" t="s">
        <v>1498</v>
      </c>
      <c r="AG115" s="1020" t="s">
        <v>1498</v>
      </c>
      <c r="AH115" s="1020" t="s">
        <v>1498</v>
      </c>
      <c r="AI115" s="1020" t="s">
        <v>1498</v>
      </c>
      <c r="AJ115" s="1020" t="s">
        <v>1498</v>
      </c>
      <c r="AK115" s="1020" t="str">
        <f>IF(AJ115="n/a","n/a",ROUND((AJ115*[4]TripRateCalculations!$V$6),0))</f>
        <v>n/a</v>
      </c>
      <c r="AL115" s="1020" t="s">
        <v>1498</v>
      </c>
      <c r="AM115" s="1020" t="s">
        <v>1498</v>
      </c>
      <c r="AN115" s="1020" t="str">
        <f>IF(AT115="n/a","n/a",ROUND((AT115*[4]TripRateCalculations!N$4),0))</f>
        <v>n/a</v>
      </c>
      <c r="AO115" s="1020" t="str">
        <f>IF(AU115="n/a","n/a",ROUND((AU115*[4]TripRateCalculations!O$4),0))</f>
        <v>n/a</v>
      </c>
      <c r="AP115" s="1020" t="str">
        <f>IF(AV115="n/a","n/a",ROUND((AV115*[4]TripRateCalculations!P$4),0))</f>
        <v>n/a</v>
      </c>
      <c r="AQ115" s="1020" t="s">
        <v>1498</v>
      </c>
      <c r="AR115" s="1020" t="str">
        <f>IF(AX115="n/a","n/a",ROUND((AX115*[4]TripRateCalculations!R$4),0))</f>
        <v>n/a</v>
      </c>
      <c r="AS115" s="1020" t="str">
        <f>IF(AY115="n/a","n/a",ROUND((AY115*[4]TripRateCalculations!S$4),0))</f>
        <v>n/a</v>
      </c>
      <c r="AT115" s="1020" t="s">
        <v>1498</v>
      </c>
      <c r="AU115" s="1020" t="s">
        <v>1498</v>
      </c>
      <c r="AV115" s="1020" t="s">
        <v>1498</v>
      </c>
      <c r="AW115" s="1020" t="s">
        <v>1498</v>
      </c>
      <c r="AX115" s="1020" t="s">
        <v>1498</v>
      </c>
      <c r="AY115" s="1020" t="s">
        <v>1498</v>
      </c>
      <c r="AZ115" s="1020" t="s">
        <v>1498</v>
      </c>
      <c r="BA115" s="1020" t="s">
        <v>1498</v>
      </c>
      <c r="BB115" s="1020" t="s">
        <v>1498</v>
      </c>
      <c r="BC115" s="1020" t="s">
        <v>1498</v>
      </c>
      <c r="BD115" s="1020" t="s">
        <v>1498</v>
      </c>
      <c r="BE115" s="1020" t="s">
        <v>1498</v>
      </c>
      <c r="BF115" s="1020" t="s">
        <v>1498</v>
      </c>
      <c r="BG115" s="1020" t="s">
        <v>1498</v>
      </c>
      <c r="BH115" s="1027" t="s">
        <v>1855</v>
      </c>
      <c r="BI115" s="1026" t="s">
        <v>722</v>
      </c>
      <c r="BJ115" s="1026" t="s">
        <v>53</v>
      </c>
      <c r="BK115" s="1042">
        <f>ROUND((VLOOKUP(F115,'[4]Cost Summary'!A:H,8,)),0.1)</f>
        <v>7594</v>
      </c>
      <c r="BL115" s="1026">
        <v>0</v>
      </c>
      <c r="BM115" s="1078" t="s">
        <v>1500</v>
      </c>
      <c r="BN115" s="1044" t="s">
        <v>1584</v>
      </c>
      <c r="BO115" s="1130">
        <v>4933.5</v>
      </c>
      <c r="BP115" s="992"/>
      <c r="BQ115" s="1131" t="e">
        <f t="shared" si="42"/>
        <v>#VALUE!</v>
      </c>
      <c r="BR115" s="1131" t="e">
        <f t="shared" si="43"/>
        <v>#VALUE!</v>
      </c>
      <c r="BS115" s="1131" t="e">
        <f t="shared" si="44"/>
        <v>#VALUE!</v>
      </c>
      <c r="BT115" s="1131" t="e">
        <f t="shared" si="45"/>
        <v>#VALUE!</v>
      </c>
      <c r="BU115" s="1131" t="e">
        <f t="shared" si="46"/>
        <v>#VALUE!</v>
      </c>
      <c r="BV115" s="1131" t="e">
        <f t="shared" si="47"/>
        <v>#VALUE!</v>
      </c>
      <c r="BW115" s="1131" t="e">
        <f t="shared" si="48"/>
        <v>#VALUE!</v>
      </c>
      <c r="BX115" s="1131" t="e">
        <f t="shared" si="49"/>
        <v>#VALUE!</v>
      </c>
      <c r="BY115" s="1131" t="e">
        <f t="shared" si="50"/>
        <v>#VALUE!</v>
      </c>
      <c r="BZ115" s="1131" t="e">
        <f t="shared" si="51"/>
        <v>#VALUE!</v>
      </c>
      <c r="CA115" s="1131" t="e">
        <f t="shared" si="52"/>
        <v>#VALUE!</v>
      </c>
      <c r="CB115" s="1131" t="e">
        <f t="shared" si="53"/>
        <v>#VALUE!</v>
      </c>
      <c r="CC115" s="1131" t="e">
        <f t="shared" si="54"/>
        <v>#VALUE!</v>
      </c>
      <c r="CD115" s="1131" t="e">
        <f t="shared" si="55"/>
        <v>#VALUE!</v>
      </c>
      <c r="CE115" s="1131" t="e">
        <f t="shared" si="56"/>
        <v>#VALUE!</v>
      </c>
      <c r="CF115" s="1131" t="e">
        <f t="shared" si="57"/>
        <v>#VALUE!</v>
      </c>
      <c r="CG115" s="1131" t="e">
        <f t="shared" si="58"/>
        <v>#VALUE!</v>
      </c>
      <c r="CH115" s="1131" t="e">
        <f t="shared" si="59"/>
        <v>#VALUE!</v>
      </c>
      <c r="CI115" s="1131" t="e">
        <f t="shared" si="60"/>
        <v>#VALUE!</v>
      </c>
      <c r="CJ115" s="1131" t="e">
        <f t="shared" si="61"/>
        <v>#VALUE!</v>
      </c>
      <c r="CK115" s="1132" t="str">
        <f t="shared" si="62"/>
        <v>n/a</v>
      </c>
    </row>
    <row r="116" spans="1:89" ht="42.75" x14ac:dyDescent="0.2">
      <c r="A116" s="992"/>
      <c r="B116" s="1126" t="s">
        <v>66</v>
      </c>
      <c r="C116" s="1126"/>
      <c r="D116" s="1126"/>
      <c r="E116" s="1126"/>
      <c r="F116" s="1026" t="s">
        <v>1863</v>
      </c>
      <c r="G116" s="1026" t="s">
        <v>1083</v>
      </c>
      <c r="H116" s="1026" t="s">
        <v>1084</v>
      </c>
      <c r="I116" s="1026" t="s">
        <v>1487</v>
      </c>
      <c r="J116" s="1026">
        <v>51.745147979999999</v>
      </c>
      <c r="K116" s="1026">
        <v>-0.43971158500000002</v>
      </c>
      <c r="L116" s="1026" t="s">
        <v>1488</v>
      </c>
      <c r="M116" s="1026" t="s">
        <v>1489</v>
      </c>
      <c r="N116" s="1026">
        <v>1</v>
      </c>
      <c r="O116" s="1026" t="s">
        <v>932</v>
      </c>
      <c r="P116" s="1026" t="s">
        <v>1490</v>
      </c>
      <c r="Q116" s="1026" t="s">
        <v>1491</v>
      </c>
      <c r="R116" s="1026" t="s">
        <v>1492</v>
      </c>
      <c r="S116" s="1026" t="s">
        <v>1493</v>
      </c>
      <c r="T116" s="1026" t="s">
        <v>1854</v>
      </c>
      <c r="U116" s="1016" t="str">
        <f>_xlfn.XLOOKUP(F116, [4]GIS!D:D, [4]GIS!E:E, "Not mapped")</f>
        <v>Single - Scenario 3</v>
      </c>
      <c r="V116" s="1031" t="s">
        <v>1515</v>
      </c>
      <c r="W116" s="1018" t="s">
        <v>1496</v>
      </c>
      <c r="X116" s="1019" t="s">
        <v>1497</v>
      </c>
      <c r="Y116" s="1020" t="s">
        <v>1498</v>
      </c>
      <c r="Z116" s="1020" t="s">
        <v>1498</v>
      </c>
      <c r="AA116" s="1020" t="s">
        <v>1498</v>
      </c>
      <c r="AB116" s="1020" t="s">
        <v>1498</v>
      </c>
      <c r="AC116" s="1020" t="s">
        <v>1498</v>
      </c>
      <c r="AD116" s="1020" t="s">
        <v>1498</v>
      </c>
      <c r="AE116" s="1020" t="s">
        <v>1498</v>
      </c>
      <c r="AF116" s="1020" t="s">
        <v>1498</v>
      </c>
      <c r="AG116" s="1020" t="s">
        <v>1498</v>
      </c>
      <c r="AH116" s="1020" t="s">
        <v>1498</v>
      </c>
      <c r="AI116" s="1020" t="s">
        <v>1498</v>
      </c>
      <c r="AJ116" s="1020" t="s">
        <v>1498</v>
      </c>
      <c r="AK116" s="1020" t="str">
        <f>IF(AJ116="n/a","n/a",ROUND((AJ116*[4]TripRateCalculations!$V$6),0))</f>
        <v>n/a</v>
      </c>
      <c r="AL116" s="1020" t="s">
        <v>1498</v>
      </c>
      <c r="AM116" s="1020" t="s">
        <v>1498</v>
      </c>
      <c r="AN116" s="1020" t="str">
        <f>IF(AT116="n/a","n/a",ROUND((AT116*[4]TripRateCalculations!N$4),0))</f>
        <v>n/a</v>
      </c>
      <c r="AO116" s="1020" t="str">
        <f>IF(AU116="n/a","n/a",ROUND((AU116*[4]TripRateCalculations!O$4),0))</f>
        <v>n/a</v>
      </c>
      <c r="AP116" s="1020" t="str">
        <f>IF(AV116="n/a","n/a",ROUND((AV116*[4]TripRateCalculations!P$4),0))</f>
        <v>n/a</v>
      </c>
      <c r="AQ116" s="1020" t="s">
        <v>1498</v>
      </c>
      <c r="AR116" s="1020" t="str">
        <f>IF(AX116="n/a","n/a",ROUND((AX116*[4]TripRateCalculations!R$4),0))</f>
        <v>n/a</v>
      </c>
      <c r="AS116" s="1020" t="str">
        <f>IF(AY116="n/a","n/a",ROUND((AY116*[4]TripRateCalculations!S$4),0))</f>
        <v>n/a</v>
      </c>
      <c r="AT116" s="1020" t="s">
        <v>1498</v>
      </c>
      <c r="AU116" s="1020" t="s">
        <v>1498</v>
      </c>
      <c r="AV116" s="1020" t="s">
        <v>1498</v>
      </c>
      <c r="AW116" s="1020" t="s">
        <v>1498</v>
      </c>
      <c r="AX116" s="1020" t="s">
        <v>1498</v>
      </c>
      <c r="AY116" s="1020" t="s">
        <v>1498</v>
      </c>
      <c r="AZ116" s="1020" t="s">
        <v>1498</v>
      </c>
      <c r="BA116" s="1020" t="s">
        <v>1498</v>
      </c>
      <c r="BB116" s="1020" t="s">
        <v>1498</v>
      </c>
      <c r="BC116" s="1020" t="s">
        <v>1498</v>
      </c>
      <c r="BD116" s="1020" t="s">
        <v>1498</v>
      </c>
      <c r="BE116" s="1020" t="s">
        <v>1498</v>
      </c>
      <c r="BF116" s="1020" t="s">
        <v>1498</v>
      </c>
      <c r="BG116" s="1020" t="s">
        <v>1498</v>
      </c>
      <c r="BH116" s="1027" t="s">
        <v>1855</v>
      </c>
      <c r="BI116" s="1026" t="s">
        <v>722</v>
      </c>
      <c r="BJ116" s="1026" t="s">
        <v>53</v>
      </c>
      <c r="BK116" s="1042">
        <f>ROUND((VLOOKUP(F116,'[4]Cost Summary'!A:H,8,)),0.1)</f>
        <v>797</v>
      </c>
      <c r="BL116" s="1026">
        <v>0</v>
      </c>
      <c r="BM116" s="1078" t="s">
        <v>1500</v>
      </c>
      <c r="BN116" s="1044" t="s">
        <v>1584</v>
      </c>
      <c r="BO116" s="1130">
        <v>518.02</v>
      </c>
      <c r="BP116" s="992"/>
      <c r="BQ116" s="1131" t="e">
        <f t="shared" si="42"/>
        <v>#VALUE!</v>
      </c>
      <c r="BR116" s="1131" t="e">
        <f t="shared" si="43"/>
        <v>#VALUE!</v>
      </c>
      <c r="BS116" s="1131" t="e">
        <f t="shared" si="44"/>
        <v>#VALUE!</v>
      </c>
      <c r="BT116" s="1131" t="e">
        <f t="shared" si="45"/>
        <v>#VALUE!</v>
      </c>
      <c r="BU116" s="1131" t="e">
        <f t="shared" si="46"/>
        <v>#VALUE!</v>
      </c>
      <c r="BV116" s="1131" t="e">
        <f t="shared" si="47"/>
        <v>#VALUE!</v>
      </c>
      <c r="BW116" s="1131" t="e">
        <f t="shared" si="48"/>
        <v>#VALUE!</v>
      </c>
      <c r="BX116" s="1131" t="e">
        <f t="shared" si="49"/>
        <v>#VALUE!</v>
      </c>
      <c r="BY116" s="1131" t="e">
        <f t="shared" si="50"/>
        <v>#VALUE!</v>
      </c>
      <c r="BZ116" s="1131" t="e">
        <f t="shared" si="51"/>
        <v>#VALUE!</v>
      </c>
      <c r="CA116" s="1131" t="e">
        <f t="shared" si="52"/>
        <v>#VALUE!</v>
      </c>
      <c r="CB116" s="1131" t="e">
        <f t="shared" si="53"/>
        <v>#VALUE!</v>
      </c>
      <c r="CC116" s="1131" t="e">
        <f t="shared" si="54"/>
        <v>#VALUE!</v>
      </c>
      <c r="CD116" s="1131" t="e">
        <f t="shared" si="55"/>
        <v>#VALUE!</v>
      </c>
      <c r="CE116" s="1131" t="e">
        <f t="shared" si="56"/>
        <v>#VALUE!</v>
      </c>
      <c r="CF116" s="1131" t="e">
        <f t="shared" si="57"/>
        <v>#VALUE!</v>
      </c>
      <c r="CG116" s="1131" t="e">
        <f t="shared" si="58"/>
        <v>#VALUE!</v>
      </c>
      <c r="CH116" s="1131" t="e">
        <f t="shared" si="59"/>
        <v>#VALUE!</v>
      </c>
      <c r="CI116" s="1131" t="e">
        <f t="shared" si="60"/>
        <v>#VALUE!</v>
      </c>
      <c r="CJ116" s="1131" t="e">
        <f t="shared" si="61"/>
        <v>#VALUE!</v>
      </c>
      <c r="CK116" s="1132" t="str">
        <f t="shared" si="62"/>
        <v>n/a</v>
      </c>
    </row>
    <row r="117" spans="1:89" ht="75" x14ac:dyDescent="0.2">
      <c r="A117" s="992"/>
      <c r="B117" s="1126" t="s">
        <v>66</v>
      </c>
      <c r="C117" s="1126"/>
      <c r="D117" s="1126"/>
      <c r="E117" s="1126"/>
      <c r="F117" s="1026" t="s">
        <v>1864</v>
      </c>
      <c r="G117" s="1026" t="s">
        <v>1085</v>
      </c>
      <c r="H117" s="1026" t="s">
        <v>1086</v>
      </c>
      <c r="I117" s="1026" t="s">
        <v>1537</v>
      </c>
      <c r="J117" s="1026" t="s">
        <v>1521</v>
      </c>
      <c r="K117" s="1026" t="s">
        <v>1521</v>
      </c>
      <c r="L117" s="1026" t="s">
        <v>1488</v>
      </c>
      <c r="M117" s="1026" t="s">
        <v>1489</v>
      </c>
      <c r="N117" s="1026">
        <v>1</v>
      </c>
      <c r="O117" s="1026" t="s">
        <v>932</v>
      </c>
      <c r="P117" s="1026" t="s">
        <v>1490</v>
      </c>
      <c r="Q117" s="1026" t="s">
        <v>1491</v>
      </c>
      <c r="R117" s="1026" t="s">
        <v>1492</v>
      </c>
      <c r="S117" s="1026" t="s">
        <v>1493</v>
      </c>
      <c r="T117" s="1026" t="s">
        <v>1854</v>
      </c>
      <c r="U117" s="1016" t="str">
        <f>_xlfn.XLOOKUP(F117, [4]GIS!D:D, [4]GIS!E:E, "Not mapped")</f>
        <v>Single - Scenario 3</v>
      </c>
      <c r="V117" s="1017" t="s">
        <v>1495</v>
      </c>
      <c r="W117" s="1018" t="s">
        <v>1496</v>
      </c>
      <c r="X117" s="1019" t="s">
        <v>1497</v>
      </c>
      <c r="Y117" s="1020" t="s">
        <v>1498</v>
      </c>
      <c r="Z117" s="1020" t="s">
        <v>1498</v>
      </c>
      <c r="AA117" s="1020" t="s">
        <v>1498</v>
      </c>
      <c r="AB117" s="1020" t="s">
        <v>1498</v>
      </c>
      <c r="AC117" s="1020" t="s">
        <v>1498</v>
      </c>
      <c r="AD117" s="1020" t="s">
        <v>1498</v>
      </c>
      <c r="AE117" s="1020" t="s">
        <v>1498</v>
      </c>
      <c r="AF117" s="1020" t="s">
        <v>1498</v>
      </c>
      <c r="AG117" s="1020" t="s">
        <v>1498</v>
      </c>
      <c r="AH117" s="1020" t="s">
        <v>1498</v>
      </c>
      <c r="AI117" s="1020" t="s">
        <v>1498</v>
      </c>
      <c r="AJ117" s="1020" t="s">
        <v>1498</v>
      </c>
      <c r="AK117" s="1020" t="str">
        <f>IF(AJ117="n/a","n/a",ROUND((AJ117*[4]TripRateCalculations!$V$6),0))</f>
        <v>n/a</v>
      </c>
      <c r="AL117" s="1020" t="s">
        <v>1498</v>
      </c>
      <c r="AM117" s="1020" t="s">
        <v>1498</v>
      </c>
      <c r="AN117" s="1020" t="str">
        <f>IF(AT117="n/a","n/a",ROUND((AT117*[4]TripRateCalculations!N$4),0))</f>
        <v>n/a</v>
      </c>
      <c r="AO117" s="1020" t="str">
        <f>IF(AU117="n/a","n/a",ROUND((AU117*[4]TripRateCalculations!O$4),0))</f>
        <v>n/a</v>
      </c>
      <c r="AP117" s="1020" t="str">
        <f>IF(AV117="n/a","n/a",ROUND((AV117*[4]TripRateCalculations!P$4),0))</f>
        <v>n/a</v>
      </c>
      <c r="AQ117" s="1020" t="s">
        <v>1498</v>
      </c>
      <c r="AR117" s="1020" t="str">
        <f>IF(AX117="n/a","n/a",ROUND((AX117*[4]TripRateCalculations!R$4),0))</f>
        <v>n/a</v>
      </c>
      <c r="AS117" s="1020" t="str">
        <f>IF(AY117="n/a","n/a",ROUND((AY117*[4]TripRateCalculations!S$4),0))</f>
        <v>n/a</v>
      </c>
      <c r="AT117" s="1020" t="s">
        <v>1498</v>
      </c>
      <c r="AU117" s="1020" t="s">
        <v>1498</v>
      </c>
      <c r="AV117" s="1020" t="s">
        <v>1498</v>
      </c>
      <c r="AW117" s="1020" t="s">
        <v>1498</v>
      </c>
      <c r="AX117" s="1020" t="s">
        <v>1498</v>
      </c>
      <c r="AY117" s="1020" t="s">
        <v>1498</v>
      </c>
      <c r="AZ117" s="1020" t="s">
        <v>1498</v>
      </c>
      <c r="BA117" s="1020" t="s">
        <v>1498</v>
      </c>
      <c r="BB117" s="1020" t="s">
        <v>1498</v>
      </c>
      <c r="BC117" s="1020" t="s">
        <v>1498</v>
      </c>
      <c r="BD117" s="1020" t="s">
        <v>1498</v>
      </c>
      <c r="BE117" s="1020" t="s">
        <v>1498</v>
      </c>
      <c r="BF117" s="1020" t="s">
        <v>1498</v>
      </c>
      <c r="BG117" s="1020" t="s">
        <v>1498</v>
      </c>
      <c r="BH117" s="1027" t="s">
        <v>1855</v>
      </c>
      <c r="BI117" s="1026" t="s">
        <v>722</v>
      </c>
      <c r="BJ117" s="1026" t="s">
        <v>53</v>
      </c>
      <c r="BK117" s="1042">
        <f>ROUND((VLOOKUP(F117,'[4]Cost Summary'!A:H,8,)),0.1)</f>
        <v>113907</v>
      </c>
      <c r="BL117" s="1026">
        <v>0</v>
      </c>
      <c r="BM117" s="1078" t="s">
        <v>1500</v>
      </c>
      <c r="BN117" s="1044" t="s">
        <v>1584</v>
      </c>
      <c r="BO117" s="1130">
        <v>74002.5</v>
      </c>
      <c r="BP117" s="992"/>
      <c r="BQ117" s="1131" t="e">
        <f t="shared" si="42"/>
        <v>#VALUE!</v>
      </c>
      <c r="BR117" s="1131" t="e">
        <f t="shared" si="43"/>
        <v>#VALUE!</v>
      </c>
      <c r="BS117" s="1131" t="e">
        <f t="shared" si="44"/>
        <v>#VALUE!</v>
      </c>
      <c r="BT117" s="1131" t="e">
        <f t="shared" si="45"/>
        <v>#VALUE!</v>
      </c>
      <c r="BU117" s="1131" t="e">
        <f t="shared" si="46"/>
        <v>#VALUE!</v>
      </c>
      <c r="BV117" s="1131" t="e">
        <f t="shared" si="47"/>
        <v>#VALUE!</v>
      </c>
      <c r="BW117" s="1131" t="e">
        <f t="shared" si="48"/>
        <v>#VALUE!</v>
      </c>
      <c r="BX117" s="1131" t="e">
        <f t="shared" si="49"/>
        <v>#VALUE!</v>
      </c>
      <c r="BY117" s="1131" t="e">
        <f t="shared" si="50"/>
        <v>#VALUE!</v>
      </c>
      <c r="BZ117" s="1131" t="e">
        <f t="shared" si="51"/>
        <v>#VALUE!</v>
      </c>
      <c r="CA117" s="1131" t="e">
        <f t="shared" si="52"/>
        <v>#VALUE!</v>
      </c>
      <c r="CB117" s="1131" t="e">
        <f t="shared" si="53"/>
        <v>#VALUE!</v>
      </c>
      <c r="CC117" s="1131" t="e">
        <f t="shared" si="54"/>
        <v>#VALUE!</v>
      </c>
      <c r="CD117" s="1131" t="e">
        <f t="shared" si="55"/>
        <v>#VALUE!</v>
      </c>
      <c r="CE117" s="1131" t="e">
        <f t="shared" si="56"/>
        <v>#VALUE!</v>
      </c>
      <c r="CF117" s="1131" t="e">
        <f t="shared" si="57"/>
        <v>#VALUE!</v>
      </c>
      <c r="CG117" s="1131" t="e">
        <f t="shared" si="58"/>
        <v>#VALUE!</v>
      </c>
      <c r="CH117" s="1131" t="e">
        <f t="shared" si="59"/>
        <v>#VALUE!</v>
      </c>
      <c r="CI117" s="1131" t="e">
        <f t="shared" si="60"/>
        <v>#VALUE!</v>
      </c>
      <c r="CJ117" s="1131" t="e">
        <f t="shared" si="61"/>
        <v>#VALUE!</v>
      </c>
      <c r="CK117" s="1132" t="str">
        <f t="shared" si="62"/>
        <v>n/a</v>
      </c>
    </row>
    <row r="118" spans="1:89" ht="171" x14ac:dyDescent="0.2">
      <c r="A118" s="992"/>
      <c r="B118" s="1126"/>
      <c r="C118" s="1126"/>
      <c r="D118" s="1126"/>
      <c r="E118" s="1126"/>
      <c r="F118" s="1026" t="s">
        <v>1865</v>
      </c>
      <c r="G118" s="1026" t="s">
        <v>1094</v>
      </c>
      <c r="H118" s="1026" t="s">
        <v>1866</v>
      </c>
      <c r="I118" s="1026" t="s">
        <v>1867</v>
      </c>
      <c r="J118" s="1026" t="s">
        <v>1521</v>
      </c>
      <c r="K118" s="1026" t="s">
        <v>1521</v>
      </c>
      <c r="L118" s="1026" t="s">
        <v>1488</v>
      </c>
      <c r="M118" s="1026" t="s">
        <v>1489</v>
      </c>
      <c r="N118" s="1026">
        <v>1</v>
      </c>
      <c r="O118" s="1026" t="s">
        <v>932</v>
      </c>
      <c r="P118" s="1026" t="s">
        <v>1490</v>
      </c>
      <c r="Q118" s="1026" t="s">
        <v>1491</v>
      </c>
      <c r="R118" s="1026" t="s">
        <v>1492</v>
      </c>
      <c r="S118" s="1026" t="s">
        <v>1493</v>
      </c>
      <c r="T118" s="1026" t="s">
        <v>1538</v>
      </c>
      <c r="U118" s="1016" t="str">
        <f>_xlfn.XLOOKUP(F118, [4]GIS!D:D, [4]GIS!E:E, "Not mapped")</f>
        <v>Single - Scenario 3</v>
      </c>
      <c r="V118" s="1026" t="s">
        <v>1707</v>
      </c>
      <c r="W118" s="1018" t="s">
        <v>1496</v>
      </c>
      <c r="X118" s="1019" t="s">
        <v>1497</v>
      </c>
      <c r="Y118" s="1020" t="s">
        <v>1498</v>
      </c>
      <c r="Z118" s="1020" t="s">
        <v>1498</v>
      </c>
      <c r="AA118" s="1020" t="s">
        <v>1498</v>
      </c>
      <c r="AB118" s="1020" t="s">
        <v>1498</v>
      </c>
      <c r="AC118" s="1020" t="s">
        <v>1498</v>
      </c>
      <c r="AD118" s="1020" t="s">
        <v>1498</v>
      </c>
      <c r="AE118" s="1020" t="s">
        <v>1498</v>
      </c>
      <c r="AF118" s="1020" t="s">
        <v>1498</v>
      </c>
      <c r="AG118" s="1020" t="s">
        <v>1498</v>
      </c>
      <c r="AH118" s="1020" t="s">
        <v>1498</v>
      </c>
      <c r="AI118" s="1020" t="s">
        <v>1498</v>
      </c>
      <c r="AJ118" s="1020" t="s">
        <v>1498</v>
      </c>
      <c r="AK118" s="1020" t="str">
        <f>IF(AJ118="n/a","n/a",ROUND((AJ118*[4]TripRateCalculations!$V$6),0))</f>
        <v>n/a</v>
      </c>
      <c r="AL118" s="1020" t="s">
        <v>1498</v>
      </c>
      <c r="AM118" s="1020" t="s">
        <v>1498</v>
      </c>
      <c r="AN118" s="1020" t="str">
        <f>IF(AT118="n/a","n/a",ROUND((AT118*[4]TripRateCalculations!N$4),0))</f>
        <v>n/a</v>
      </c>
      <c r="AO118" s="1020" t="str">
        <f>IF(AU118="n/a","n/a",ROUND((AU118*[4]TripRateCalculations!O$4),0))</f>
        <v>n/a</v>
      </c>
      <c r="AP118" s="1020" t="str">
        <f>IF(AV118="n/a","n/a",ROUND((AV118*[4]TripRateCalculations!P$4),0))</f>
        <v>n/a</v>
      </c>
      <c r="AQ118" s="1020" t="s">
        <v>1498</v>
      </c>
      <c r="AR118" s="1020" t="str">
        <f>IF(AX118="n/a","n/a",ROUND((AX118*[4]TripRateCalculations!R$4),0))</f>
        <v>n/a</v>
      </c>
      <c r="AS118" s="1020" t="str">
        <f>IF(AY118="n/a","n/a",ROUND((AY118*[4]TripRateCalculations!S$4),0))</f>
        <v>n/a</v>
      </c>
      <c r="AT118" s="1020" t="s">
        <v>1498</v>
      </c>
      <c r="AU118" s="1020" t="s">
        <v>1498</v>
      </c>
      <c r="AV118" s="1020" t="s">
        <v>1498</v>
      </c>
      <c r="AW118" s="1020" t="s">
        <v>1498</v>
      </c>
      <c r="AX118" s="1020" t="s">
        <v>1498</v>
      </c>
      <c r="AY118" s="1020" t="s">
        <v>1498</v>
      </c>
      <c r="AZ118" s="1020" t="s">
        <v>1498</v>
      </c>
      <c r="BA118" s="1020" t="s">
        <v>1498</v>
      </c>
      <c r="BB118" s="1020" t="s">
        <v>1498</v>
      </c>
      <c r="BC118" s="1020" t="s">
        <v>1498</v>
      </c>
      <c r="BD118" s="1020" t="s">
        <v>1498</v>
      </c>
      <c r="BE118" s="1020" t="s">
        <v>1498</v>
      </c>
      <c r="BF118" s="1020" t="s">
        <v>1498</v>
      </c>
      <c r="BG118" s="1020" t="s">
        <v>1498</v>
      </c>
      <c r="BH118" s="1027" t="s">
        <v>1868</v>
      </c>
      <c r="BI118" s="1026" t="s">
        <v>722</v>
      </c>
      <c r="BJ118" s="1026" t="s">
        <v>53</v>
      </c>
      <c r="BK118" s="1042">
        <f>ROUND((VLOOKUP(F118,'[4]Cost Summary'!A:H,8,)),0.1)</f>
        <v>956768</v>
      </c>
      <c r="BL118" s="1026">
        <v>2</v>
      </c>
      <c r="BM118" s="1078" t="s">
        <v>1735</v>
      </c>
      <c r="BN118" s="1044" t="s">
        <v>1584</v>
      </c>
      <c r="BO118" s="1130">
        <v>621588.11</v>
      </c>
      <c r="BP118" s="992"/>
      <c r="BQ118" s="1131" t="e">
        <f t="shared" si="42"/>
        <v>#VALUE!</v>
      </c>
      <c r="BR118" s="1131" t="e">
        <f t="shared" si="43"/>
        <v>#VALUE!</v>
      </c>
      <c r="BS118" s="1131" t="e">
        <f t="shared" si="44"/>
        <v>#VALUE!</v>
      </c>
      <c r="BT118" s="1131" t="e">
        <f t="shared" si="45"/>
        <v>#VALUE!</v>
      </c>
      <c r="BU118" s="1131" t="e">
        <f t="shared" si="46"/>
        <v>#VALUE!</v>
      </c>
      <c r="BV118" s="1131" t="e">
        <f t="shared" si="47"/>
        <v>#VALUE!</v>
      </c>
      <c r="BW118" s="1131" t="e">
        <f t="shared" si="48"/>
        <v>#VALUE!</v>
      </c>
      <c r="BX118" s="1131" t="e">
        <f t="shared" si="49"/>
        <v>#VALUE!</v>
      </c>
      <c r="BY118" s="1131" t="e">
        <f t="shared" si="50"/>
        <v>#VALUE!</v>
      </c>
      <c r="BZ118" s="1131" t="e">
        <f t="shared" si="51"/>
        <v>#VALUE!</v>
      </c>
      <c r="CA118" s="1131" t="e">
        <f t="shared" si="52"/>
        <v>#VALUE!</v>
      </c>
      <c r="CB118" s="1131" t="e">
        <f t="shared" si="53"/>
        <v>#VALUE!</v>
      </c>
      <c r="CC118" s="1131" t="e">
        <f t="shared" si="54"/>
        <v>#VALUE!</v>
      </c>
      <c r="CD118" s="1131" t="e">
        <f t="shared" si="55"/>
        <v>#VALUE!</v>
      </c>
      <c r="CE118" s="1131" t="e">
        <f t="shared" si="56"/>
        <v>#VALUE!</v>
      </c>
      <c r="CF118" s="1131" t="e">
        <f t="shared" si="57"/>
        <v>#VALUE!</v>
      </c>
      <c r="CG118" s="1131" t="e">
        <f t="shared" si="58"/>
        <v>#VALUE!</v>
      </c>
      <c r="CH118" s="1131" t="e">
        <f t="shared" si="59"/>
        <v>#VALUE!</v>
      </c>
      <c r="CI118" s="1131" t="e">
        <f t="shared" si="60"/>
        <v>#VALUE!</v>
      </c>
      <c r="CJ118" s="1131" t="e">
        <f t="shared" si="61"/>
        <v>#VALUE!</v>
      </c>
      <c r="CK118" s="1132" t="str">
        <f t="shared" si="62"/>
        <v>n/a</v>
      </c>
    </row>
    <row r="119" spans="1:89" ht="128.25" x14ac:dyDescent="0.2">
      <c r="A119" s="992"/>
      <c r="B119" s="1126"/>
      <c r="C119" s="1126"/>
      <c r="D119" s="1126"/>
      <c r="E119" s="1126"/>
      <c r="F119" s="1026" t="s">
        <v>1869</v>
      </c>
      <c r="G119" s="1026" t="s">
        <v>1090</v>
      </c>
      <c r="H119" s="1026" t="s">
        <v>1091</v>
      </c>
      <c r="I119" s="1026" t="s">
        <v>1537</v>
      </c>
      <c r="J119" s="1026">
        <v>51.746237929999999</v>
      </c>
      <c r="K119" s="1026">
        <v>-0.42526781699999999</v>
      </c>
      <c r="L119" s="1026" t="s">
        <v>1488</v>
      </c>
      <c r="M119" s="1026" t="s">
        <v>1489</v>
      </c>
      <c r="N119" s="1026">
        <v>1</v>
      </c>
      <c r="O119" s="1026" t="s">
        <v>932</v>
      </c>
      <c r="P119" s="1026" t="s">
        <v>1490</v>
      </c>
      <c r="Q119" s="1026" t="s">
        <v>1491</v>
      </c>
      <c r="R119" s="1026" t="s">
        <v>1492</v>
      </c>
      <c r="S119" s="1026" t="s">
        <v>1493</v>
      </c>
      <c r="T119" s="1026" t="s">
        <v>1538</v>
      </c>
      <c r="U119" s="1016" t="str">
        <f>_xlfn.XLOOKUP(F119, [4]GIS!D:D, [4]GIS!E:E, "Not mapped")</f>
        <v>Single - Scenario 2</v>
      </c>
      <c r="V119" s="1026" t="s">
        <v>1508</v>
      </c>
      <c r="W119" s="1018" t="s">
        <v>1496</v>
      </c>
      <c r="X119" s="1019" t="s">
        <v>1497</v>
      </c>
      <c r="Y119" s="1020" t="s">
        <v>1498</v>
      </c>
      <c r="Z119" s="1020" t="s">
        <v>1498</v>
      </c>
      <c r="AA119" s="1020" t="s">
        <v>1498</v>
      </c>
      <c r="AB119" s="1020" t="s">
        <v>1498</v>
      </c>
      <c r="AC119" s="1020" t="s">
        <v>1498</v>
      </c>
      <c r="AD119" s="1020" t="s">
        <v>1498</v>
      </c>
      <c r="AE119" s="1020" t="s">
        <v>1498</v>
      </c>
      <c r="AF119" s="1020" t="s">
        <v>1498</v>
      </c>
      <c r="AG119" s="1020" t="s">
        <v>1498</v>
      </c>
      <c r="AH119" s="1020" t="s">
        <v>1498</v>
      </c>
      <c r="AI119" s="1020" t="s">
        <v>1498</v>
      </c>
      <c r="AJ119" s="1020" t="s">
        <v>1498</v>
      </c>
      <c r="AK119" s="1020" t="str">
        <f>IF(AJ119="n/a","n/a",ROUND((AJ119*[4]TripRateCalculations!$V$6),0))</f>
        <v>n/a</v>
      </c>
      <c r="AL119" s="1020" t="s">
        <v>1498</v>
      </c>
      <c r="AM119" s="1020" t="s">
        <v>1498</v>
      </c>
      <c r="AN119" s="1020" t="str">
        <f>IF(AT119="n/a","n/a",ROUND((AT119*[4]TripRateCalculations!N$4),0))</f>
        <v>n/a</v>
      </c>
      <c r="AO119" s="1020" t="str">
        <f>IF(AU119="n/a","n/a",ROUND((AU119*[4]TripRateCalculations!O$4),0))</f>
        <v>n/a</v>
      </c>
      <c r="AP119" s="1020" t="str">
        <f>IF(AV119="n/a","n/a",ROUND((AV119*[4]TripRateCalculations!P$4),0))</f>
        <v>n/a</v>
      </c>
      <c r="AQ119" s="1020" t="s">
        <v>1498</v>
      </c>
      <c r="AR119" s="1020" t="str">
        <f>IF(AX119="n/a","n/a",ROUND((AX119*[4]TripRateCalculations!R$4),0))</f>
        <v>n/a</v>
      </c>
      <c r="AS119" s="1020" t="str">
        <f>IF(AY119="n/a","n/a",ROUND((AY119*[4]TripRateCalculations!S$4),0))</f>
        <v>n/a</v>
      </c>
      <c r="AT119" s="1020" t="s">
        <v>1498</v>
      </c>
      <c r="AU119" s="1020" t="s">
        <v>1498</v>
      </c>
      <c r="AV119" s="1020" t="s">
        <v>1498</v>
      </c>
      <c r="AW119" s="1020" t="s">
        <v>1498</v>
      </c>
      <c r="AX119" s="1020" t="s">
        <v>1498</v>
      </c>
      <c r="AY119" s="1020" t="s">
        <v>1498</v>
      </c>
      <c r="AZ119" s="1020" t="s">
        <v>1498</v>
      </c>
      <c r="BA119" s="1020" t="s">
        <v>1498</v>
      </c>
      <c r="BB119" s="1020" t="s">
        <v>1498</v>
      </c>
      <c r="BC119" s="1020" t="s">
        <v>1498</v>
      </c>
      <c r="BD119" s="1020" t="s">
        <v>1498</v>
      </c>
      <c r="BE119" s="1020" t="s">
        <v>1498</v>
      </c>
      <c r="BF119" s="1020" t="s">
        <v>1498</v>
      </c>
      <c r="BG119" s="1020" t="s">
        <v>1498</v>
      </c>
      <c r="BH119" s="1027" t="s">
        <v>1539</v>
      </c>
      <c r="BI119" s="1026" t="s">
        <v>834</v>
      </c>
      <c r="BJ119" s="1026" t="s">
        <v>53</v>
      </c>
      <c r="BK119" s="1042">
        <f>ROUND((VLOOKUP(F119,'[4]Cost Summary'!A:H,8,)),0.1)</f>
        <v>182833</v>
      </c>
      <c r="BL119" s="1026">
        <v>0</v>
      </c>
      <c r="BM119" s="1078" t="s">
        <v>1500</v>
      </c>
      <c r="BN119" s="1044" t="s">
        <v>1584</v>
      </c>
      <c r="BO119" s="1130">
        <v>118782.24</v>
      </c>
      <c r="BP119" s="992"/>
      <c r="BQ119" s="1131" t="e">
        <f t="shared" si="42"/>
        <v>#VALUE!</v>
      </c>
      <c r="BR119" s="1131" t="e">
        <f t="shared" si="43"/>
        <v>#VALUE!</v>
      </c>
      <c r="BS119" s="1131" t="e">
        <f t="shared" si="44"/>
        <v>#VALUE!</v>
      </c>
      <c r="BT119" s="1131" t="e">
        <f t="shared" si="45"/>
        <v>#VALUE!</v>
      </c>
      <c r="BU119" s="1131" t="e">
        <f t="shared" si="46"/>
        <v>#VALUE!</v>
      </c>
      <c r="BV119" s="1131" t="e">
        <f t="shared" si="47"/>
        <v>#VALUE!</v>
      </c>
      <c r="BW119" s="1131" t="e">
        <f t="shared" si="48"/>
        <v>#VALUE!</v>
      </c>
      <c r="BX119" s="1131" t="e">
        <f t="shared" si="49"/>
        <v>#VALUE!</v>
      </c>
      <c r="BY119" s="1131" t="e">
        <f t="shared" si="50"/>
        <v>#VALUE!</v>
      </c>
      <c r="BZ119" s="1131" t="e">
        <f t="shared" si="51"/>
        <v>#VALUE!</v>
      </c>
      <c r="CA119" s="1131" t="e">
        <f t="shared" si="52"/>
        <v>#VALUE!</v>
      </c>
      <c r="CB119" s="1131" t="e">
        <f t="shared" si="53"/>
        <v>#VALUE!</v>
      </c>
      <c r="CC119" s="1131" t="e">
        <f t="shared" si="54"/>
        <v>#VALUE!</v>
      </c>
      <c r="CD119" s="1131" t="e">
        <f t="shared" si="55"/>
        <v>#VALUE!</v>
      </c>
      <c r="CE119" s="1131" t="e">
        <f t="shared" si="56"/>
        <v>#VALUE!</v>
      </c>
      <c r="CF119" s="1131" t="e">
        <f t="shared" si="57"/>
        <v>#VALUE!</v>
      </c>
      <c r="CG119" s="1131" t="e">
        <f t="shared" si="58"/>
        <v>#VALUE!</v>
      </c>
      <c r="CH119" s="1131" t="e">
        <f t="shared" si="59"/>
        <v>#VALUE!</v>
      </c>
      <c r="CI119" s="1131" t="e">
        <f t="shared" si="60"/>
        <v>#VALUE!</v>
      </c>
      <c r="CJ119" s="1131" t="e">
        <f t="shared" si="61"/>
        <v>#VALUE!</v>
      </c>
      <c r="CK119" s="1132" t="str">
        <f t="shared" si="62"/>
        <v>n/a</v>
      </c>
    </row>
    <row r="120" spans="1:89" ht="71.25" x14ac:dyDescent="0.2">
      <c r="A120" s="992"/>
      <c r="B120" s="1126"/>
      <c r="C120" s="1126"/>
      <c r="D120" s="1126"/>
      <c r="E120" s="1126"/>
      <c r="F120" s="1026" t="s">
        <v>1870</v>
      </c>
      <c r="G120" s="1026" t="s">
        <v>1092</v>
      </c>
      <c r="H120" s="1026" t="s">
        <v>1093</v>
      </c>
      <c r="I120" s="1026" t="s">
        <v>1537</v>
      </c>
      <c r="J120" s="1026" t="s">
        <v>1871</v>
      </c>
      <c r="K120" s="1026" t="s">
        <v>1872</v>
      </c>
      <c r="L120" s="1026" t="s">
        <v>1488</v>
      </c>
      <c r="M120" s="1026" t="s">
        <v>1489</v>
      </c>
      <c r="N120" s="1026">
        <v>1</v>
      </c>
      <c r="O120" s="1026" t="s">
        <v>932</v>
      </c>
      <c r="P120" s="1026" t="s">
        <v>1490</v>
      </c>
      <c r="Q120" s="1026" t="s">
        <v>1491</v>
      </c>
      <c r="R120" s="1026" t="s">
        <v>1492</v>
      </c>
      <c r="S120" s="1026" t="s">
        <v>1493</v>
      </c>
      <c r="T120" s="1026" t="s">
        <v>1538</v>
      </c>
      <c r="U120" s="1016" t="str">
        <f>_xlfn.XLOOKUP(F120, [4]GIS!D:D, [4]GIS!E:E, "Not mapped")</f>
        <v>Single - Scenario 3</v>
      </c>
      <c r="V120" s="1026" t="s">
        <v>1508</v>
      </c>
      <c r="W120" s="1018" t="s">
        <v>1496</v>
      </c>
      <c r="X120" s="1019" t="s">
        <v>1497</v>
      </c>
      <c r="Y120" s="1020" t="s">
        <v>1498</v>
      </c>
      <c r="Z120" s="1020" t="s">
        <v>1498</v>
      </c>
      <c r="AA120" s="1020" t="s">
        <v>1498</v>
      </c>
      <c r="AB120" s="1020" t="s">
        <v>1498</v>
      </c>
      <c r="AC120" s="1020" t="s">
        <v>1498</v>
      </c>
      <c r="AD120" s="1020" t="s">
        <v>1498</v>
      </c>
      <c r="AE120" s="1020" t="s">
        <v>1498</v>
      </c>
      <c r="AF120" s="1020" t="s">
        <v>1498</v>
      </c>
      <c r="AG120" s="1020" t="s">
        <v>1498</v>
      </c>
      <c r="AH120" s="1020" t="s">
        <v>1498</v>
      </c>
      <c r="AI120" s="1020" t="s">
        <v>1498</v>
      </c>
      <c r="AJ120" s="1020" t="s">
        <v>1498</v>
      </c>
      <c r="AK120" s="1020" t="str">
        <f>IF(AJ120="n/a","n/a",ROUND((AJ120*[4]TripRateCalculations!$V$6),0))</f>
        <v>n/a</v>
      </c>
      <c r="AL120" s="1020" t="s">
        <v>1498</v>
      </c>
      <c r="AM120" s="1020" t="s">
        <v>1498</v>
      </c>
      <c r="AN120" s="1020" t="str">
        <f>IF(AT120="n/a","n/a",ROUND((AT120*[4]TripRateCalculations!N$4),0))</f>
        <v>n/a</v>
      </c>
      <c r="AO120" s="1020" t="str">
        <f>IF(AU120="n/a","n/a",ROUND((AU120*[4]TripRateCalculations!O$4),0))</f>
        <v>n/a</v>
      </c>
      <c r="AP120" s="1020" t="str">
        <f>IF(AV120="n/a","n/a",ROUND((AV120*[4]TripRateCalculations!P$4),0))</f>
        <v>n/a</v>
      </c>
      <c r="AQ120" s="1020" t="s">
        <v>1498</v>
      </c>
      <c r="AR120" s="1020" t="str">
        <f>IF(AX120="n/a","n/a",ROUND((AX120*[4]TripRateCalculations!R$4),0))</f>
        <v>n/a</v>
      </c>
      <c r="AS120" s="1020" t="str">
        <f>IF(AY120="n/a","n/a",ROUND((AY120*[4]TripRateCalculations!S$4),0))</f>
        <v>n/a</v>
      </c>
      <c r="AT120" s="1020" t="s">
        <v>1498</v>
      </c>
      <c r="AU120" s="1020" t="s">
        <v>1498</v>
      </c>
      <c r="AV120" s="1020" t="s">
        <v>1498</v>
      </c>
      <c r="AW120" s="1020" t="s">
        <v>1498</v>
      </c>
      <c r="AX120" s="1020" t="s">
        <v>1498</v>
      </c>
      <c r="AY120" s="1020" t="s">
        <v>1498</v>
      </c>
      <c r="AZ120" s="1020" t="s">
        <v>1498</v>
      </c>
      <c r="BA120" s="1020" t="s">
        <v>1498</v>
      </c>
      <c r="BB120" s="1020" t="s">
        <v>1498</v>
      </c>
      <c r="BC120" s="1020" t="s">
        <v>1498</v>
      </c>
      <c r="BD120" s="1020" t="s">
        <v>1498</v>
      </c>
      <c r="BE120" s="1020" t="s">
        <v>1498</v>
      </c>
      <c r="BF120" s="1020" t="s">
        <v>1498</v>
      </c>
      <c r="BG120" s="1020" t="s">
        <v>1498</v>
      </c>
      <c r="BH120" s="1027" t="s">
        <v>1539</v>
      </c>
      <c r="BI120" s="1026" t="s">
        <v>834</v>
      </c>
      <c r="BJ120" s="1026" t="s">
        <v>53</v>
      </c>
      <c r="BK120" s="1042">
        <f>ROUND((VLOOKUP(F120,'[4]Cost Summary'!A:H,8,)),0.1)</f>
        <v>20048</v>
      </c>
      <c r="BL120" s="1026">
        <v>0</v>
      </c>
      <c r="BM120" s="1078" t="s">
        <v>1500</v>
      </c>
      <c r="BN120" s="1044" t="s">
        <v>1584</v>
      </c>
      <c r="BO120" s="1130">
        <v>13024.44</v>
      </c>
      <c r="BP120" s="992"/>
      <c r="BQ120" s="1131" t="e">
        <f t="shared" si="42"/>
        <v>#VALUE!</v>
      </c>
      <c r="BR120" s="1131" t="e">
        <f t="shared" si="43"/>
        <v>#VALUE!</v>
      </c>
      <c r="BS120" s="1131" t="e">
        <f t="shared" si="44"/>
        <v>#VALUE!</v>
      </c>
      <c r="BT120" s="1131" t="e">
        <f t="shared" si="45"/>
        <v>#VALUE!</v>
      </c>
      <c r="BU120" s="1131" t="e">
        <f t="shared" si="46"/>
        <v>#VALUE!</v>
      </c>
      <c r="BV120" s="1131" t="e">
        <f t="shared" si="47"/>
        <v>#VALUE!</v>
      </c>
      <c r="BW120" s="1131" t="e">
        <f t="shared" si="48"/>
        <v>#VALUE!</v>
      </c>
      <c r="BX120" s="1131" t="e">
        <f t="shared" si="49"/>
        <v>#VALUE!</v>
      </c>
      <c r="BY120" s="1131" t="e">
        <f t="shared" si="50"/>
        <v>#VALUE!</v>
      </c>
      <c r="BZ120" s="1131" t="e">
        <f t="shared" si="51"/>
        <v>#VALUE!</v>
      </c>
      <c r="CA120" s="1131" t="e">
        <f t="shared" si="52"/>
        <v>#VALUE!</v>
      </c>
      <c r="CB120" s="1131" t="e">
        <f t="shared" si="53"/>
        <v>#VALUE!</v>
      </c>
      <c r="CC120" s="1131" t="e">
        <f t="shared" si="54"/>
        <v>#VALUE!</v>
      </c>
      <c r="CD120" s="1131" t="e">
        <f t="shared" si="55"/>
        <v>#VALUE!</v>
      </c>
      <c r="CE120" s="1131" t="e">
        <f t="shared" si="56"/>
        <v>#VALUE!</v>
      </c>
      <c r="CF120" s="1131" t="e">
        <f t="shared" si="57"/>
        <v>#VALUE!</v>
      </c>
      <c r="CG120" s="1131" t="e">
        <f t="shared" si="58"/>
        <v>#VALUE!</v>
      </c>
      <c r="CH120" s="1131" t="e">
        <f t="shared" si="59"/>
        <v>#VALUE!</v>
      </c>
      <c r="CI120" s="1131" t="e">
        <f t="shared" si="60"/>
        <v>#VALUE!</v>
      </c>
      <c r="CJ120" s="1131" t="e">
        <f t="shared" si="61"/>
        <v>#VALUE!</v>
      </c>
      <c r="CK120" s="1132" t="str">
        <f t="shared" si="62"/>
        <v>n/a</v>
      </c>
    </row>
    <row r="121" spans="1:89" ht="57" x14ac:dyDescent="0.2">
      <c r="A121" s="992"/>
      <c r="B121" s="1126"/>
      <c r="C121" s="1126"/>
      <c r="D121" s="1126"/>
      <c r="E121" s="1126"/>
      <c r="F121" s="1026" t="s">
        <v>1873</v>
      </c>
      <c r="G121" s="1026" t="s">
        <v>1087</v>
      </c>
      <c r="H121" s="1026" t="s">
        <v>1088</v>
      </c>
      <c r="I121" s="1026" t="s">
        <v>1537</v>
      </c>
      <c r="J121" s="1026">
        <v>51.747978140000001</v>
      </c>
      <c r="K121" s="1026">
        <v>-0.43207572799999999</v>
      </c>
      <c r="L121" s="1026" t="s">
        <v>1488</v>
      </c>
      <c r="M121" s="1026" t="s">
        <v>1489</v>
      </c>
      <c r="N121" s="1026">
        <v>1</v>
      </c>
      <c r="O121" s="1026" t="s">
        <v>932</v>
      </c>
      <c r="P121" s="1026" t="s">
        <v>1490</v>
      </c>
      <c r="Q121" s="1026" t="s">
        <v>1491</v>
      </c>
      <c r="R121" s="1026" t="s">
        <v>1492</v>
      </c>
      <c r="S121" s="1026" t="s">
        <v>1493</v>
      </c>
      <c r="T121" s="1026" t="s">
        <v>1538</v>
      </c>
      <c r="U121" s="1016" t="str">
        <f>_xlfn.XLOOKUP(F121, [4]GIS!D:D, [4]GIS!E:E, "Not mapped")</f>
        <v>Single - Scenario 3</v>
      </c>
      <c r="V121" s="1026" t="s">
        <v>1707</v>
      </c>
      <c r="W121" s="1018" t="s">
        <v>1496</v>
      </c>
      <c r="X121" s="1019" t="s">
        <v>1497</v>
      </c>
      <c r="Y121" s="1020" t="s">
        <v>1498</v>
      </c>
      <c r="Z121" s="1020" t="s">
        <v>1498</v>
      </c>
      <c r="AA121" s="1020" t="s">
        <v>1498</v>
      </c>
      <c r="AB121" s="1020" t="s">
        <v>1498</v>
      </c>
      <c r="AC121" s="1020" t="s">
        <v>1498</v>
      </c>
      <c r="AD121" s="1020" t="s">
        <v>1498</v>
      </c>
      <c r="AE121" s="1020" t="s">
        <v>1498</v>
      </c>
      <c r="AF121" s="1020" t="s">
        <v>1498</v>
      </c>
      <c r="AG121" s="1020" t="s">
        <v>1498</v>
      </c>
      <c r="AH121" s="1020" t="s">
        <v>1498</v>
      </c>
      <c r="AI121" s="1020" t="s">
        <v>1498</v>
      </c>
      <c r="AJ121" s="1020" t="s">
        <v>1498</v>
      </c>
      <c r="AK121" s="1020" t="str">
        <f>IF(AJ121="n/a","n/a",ROUND((AJ121*[4]TripRateCalculations!$V$6),0))</f>
        <v>n/a</v>
      </c>
      <c r="AL121" s="1020" t="s">
        <v>1498</v>
      </c>
      <c r="AM121" s="1020" t="s">
        <v>1498</v>
      </c>
      <c r="AN121" s="1020" t="str">
        <f>IF(AT121="n/a","n/a",ROUND((AT121*[4]TripRateCalculations!N$4),0))</f>
        <v>n/a</v>
      </c>
      <c r="AO121" s="1020" t="str">
        <f>IF(AU121="n/a","n/a",ROUND((AU121*[4]TripRateCalculations!O$4),0))</f>
        <v>n/a</v>
      </c>
      <c r="AP121" s="1020" t="str">
        <f>IF(AV121="n/a","n/a",ROUND((AV121*[4]TripRateCalculations!P$4),0))</f>
        <v>n/a</v>
      </c>
      <c r="AQ121" s="1020" t="s">
        <v>1498</v>
      </c>
      <c r="AR121" s="1020" t="str">
        <f>IF(AX121="n/a","n/a",ROUND((AX121*[4]TripRateCalculations!R$4),0))</f>
        <v>n/a</v>
      </c>
      <c r="AS121" s="1020" t="str">
        <f>IF(AY121="n/a","n/a",ROUND((AY121*[4]TripRateCalculations!S$4),0))</f>
        <v>n/a</v>
      </c>
      <c r="AT121" s="1020" t="s">
        <v>1498</v>
      </c>
      <c r="AU121" s="1020" t="s">
        <v>1498</v>
      </c>
      <c r="AV121" s="1020" t="s">
        <v>1498</v>
      </c>
      <c r="AW121" s="1020" t="s">
        <v>1498</v>
      </c>
      <c r="AX121" s="1020" t="s">
        <v>1498</v>
      </c>
      <c r="AY121" s="1020" t="s">
        <v>1498</v>
      </c>
      <c r="AZ121" s="1020" t="s">
        <v>1498</v>
      </c>
      <c r="BA121" s="1020" t="s">
        <v>1498</v>
      </c>
      <c r="BB121" s="1020" t="s">
        <v>1498</v>
      </c>
      <c r="BC121" s="1020" t="s">
        <v>1498</v>
      </c>
      <c r="BD121" s="1020" t="s">
        <v>1498</v>
      </c>
      <c r="BE121" s="1020" t="s">
        <v>1498</v>
      </c>
      <c r="BF121" s="1020" t="s">
        <v>1498</v>
      </c>
      <c r="BG121" s="1020" t="s">
        <v>1498</v>
      </c>
      <c r="BH121" s="1027" t="s">
        <v>1539</v>
      </c>
      <c r="BI121" s="1026" t="s">
        <v>722</v>
      </c>
      <c r="BJ121" s="1026" t="s">
        <v>53</v>
      </c>
      <c r="BK121" s="1042">
        <f>ROUND((VLOOKUP(F121,'[4]Cost Summary'!A:H,8,)),0.1)</f>
        <v>1196</v>
      </c>
      <c r="BL121" s="1026">
        <v>0</v>
      </c>
      <c r="BM121" s="1078" t="s">
        <v>1500</v>
      </c>
      <c r="BN121" s="1044" t="s">
        <v>1584</v>
      </c>
      <c r="BO121" s="1130">
        <v>777.03</v>
      </c>
      <c r="BP121" s="992"/>
      <c r="BQ121" s="1131" t="e">
        <f t="shared" si="42"/>
        <v>#VALUE!</v>
      </c>
      <c r="BR121" s="1131" t="e">
        <f t="shared" si="43"/>
        <v>#VALUE!</v>
      </c>
      <c r="BS121" s="1131" t="e">
        <f t="shared" si="44"/>
        <v>#VALUE!</v>
      </c>
      <c r="BT121" s="1131" t="e">
        <f t="shared" si="45"/>
        <v>#VALUE!</v>
      </c>
      <c r="BU121" s="1131" t="e">
        <f t="shared" si="46"/>
        <v>#VALUE!</v>
      </c>
      <c r="BV121" s="1131" t="e">
        <f t="shared" si="47"/>
        <v>#VALUE!</v>
      </c>
      <c r="BW121" s="1131" t="e">
        <f t="shared" si="48"/>
        <v>#VALUE!</v>
      </c>
      <c r="BX121" s="1131" t="e">
        <f t="shared" si="49"/>
        <v>#VALUE!</v>
      </c>
      <c r="BY121" s="1131" t="e">
        <f t="shared" si="50"/>
        <v>#VALUE!</v>
      </c>
      <c r="BZ121" s="1131" t="e">
        <f t="shared" si="51"/>
        <v>#VALUE!</v>
      </c>
      <c r="CA121" s="1131" t="e">
        <f t="shared" si="52"/>
        <v>#VALUE!</v>
      </c>
      <c r="CB121" s="1131" t="e">
        <f t="shared" si="53"/>
        <v>#VALUE!</v>
      </c>
      <c r="CC121" s="1131" t="e">
        <f t="shared" si="54"/>
        <v>#VALUE!</v>
      </c>
      <c r="CD121" s="1131" t="e">
        <f t="shared" si="55"/>
        <v>#VALUE!</v>
      </c>
      <c r="CE121" s="1131" t="e">
        <f t="shared" si="56"/>
        <v>#VALUE!</v>
      </c>
      <c r="CF121" s="1131" t="e">
        <f t="shared" si="57"/>
        <v>#VALUE!</v>
      </c>
      <c r="CG121" s="1131" t="e">
        <f t="shared" si="58"/>
        <v>#VALUE!</v>
      </c>
      <c r="CH121" s="1131" t="e">
        <f t="shared" si="59"/>
        <v>#VALUE!</v>
      </c>
      <c r="CI121" s="1131" t="e">
        <f t="shared" si="60"/>
        <v>#VALUE!</v>
      </c>
      <c r="CJ121" s="1131" t="e">
        <f t="shared" si="61"/>
        <v>#VALUE!</v>
      </c>
      <c r="CK121" s="1132" t="str">
        <f t="shared" si="62"/>
        <v>n/a</v>
      </c>
    </row>
    <row r="122" spans="1:89" ht="42.75" x14ac:dyDescent="0.2">
      <c r="A122" s="992"/>
      <c r="B122" s="1126"/>
      <c r="C122" s="1126"/>
      <c r="D122" s="1126"/>
      <c r="E122" s="1126"/>
      <c r="F122" s="1026" t="s">
        <v>1874</v>
      </c>
      <c r="G122" s="1026" t="s">
        <v>1097</v>
      </c>
      <c r="H122" s="1026" t="s">
        <v>1098</v>
      </c>
      <c r="I122" s="1026" t="s">
        <v>1487</v>
      </c>
      <c r="J122" s="1026" t="s">
        <v>1875</v>
      </c>
      <c r="K122" s="1026" t="s">
        <v>1876</v>
      </c>
      <c r="L122" s="1026" t="s">
        <v>1560</v>
      </c>
      <c r="M122" s="1026" t="s">
        <v>1489</v>
      </c>
      <c r="N122" s="1026">
        <v>1</v>
      </c>
      <c r="O122" s="1026" t="s">
        <v>932</v>
      </c>
      <c r="P122" s="1026" t="s">
        <v>1490</v>
      </c>
      <c r="Q122" s="1026" t="s">
        <v>1491</v>
      </c>
      <c r="R122" s="1026" t="s">
        <v>1492</v>
      </c>
      <c r="S122" s="1026" t="s">
        <v>1493</v>
      </c>
      <c r="T122" s="1026" t="s">
        <v>1877</v>
      </c>
      <c r="U122" s="1016" t="str">
        <f>_xlfn.XLOOKUP(F122, [4]GIS!D:D, [4]GIS!E:E, "Not mapped")</f>
        <v>Multiple - Scenario 1</v>
      </c>
      <c r="V122" s="1026" t="s">
        <v>1707</v>
      </c>
      <c r="W122" s="1058" t="s">
        <v>1691</v>
      </c>
      <c r="X122" s="1059" t="s">
        <v>1692</v>
      </c>
      <c r="Y122" s="1020" t="s">
        <v>1498</v>
      </c>
      <c r="Z122" s="1020" t="s">
        <v>1498</v>
      </c>
      <c r="AA122" s="1020" t="s">
        <v>1498</v>
      </c>
      <c r="AB122" s="1020" t="s">
        <v>1498</v>
      </c>
      <c r="AC122" s="1020" t="s">
        <v>1498</v>
      </c>
      <c r="AD122" s="1020" t="s">
        <v>1498</v>
      </c>
      <c r="AE122" s="1020" t="s">
        <v>1498</v>
      </c>
      <c r="AF122" s="1020" t="s">
        <v>1498</v>
      </c>
      <c r="AG122" s="1020" t="s">
        <v>1498</v>
      </c>
      <c r="AH122" s="1020" t="s">
        <v>1498</v>
      </c>
      <c r="AI122" s="1020" t="s">
        <v>1498</v>
      </c>
      <c r="AJ122" s="1020" t="s">
        <v>1498</v>
      </c>
      <c r="AK122" s="1020" t="str">
        <f>IF(AJ122="n/a","n/a",ROUND((AJ122*[4]TripRateCalculations!$V$6),0))</f>
        <v>n/a</v>
      </c>
      <c r="AL122" s="1020" t="s">
        <v>1498</v>
      </c>
      <c r="AM122" s="1020" t="s">
        <v>1498</v>
      </c>
      <c r="AN122" s="1020" t="str">
        <f>IF(AT122="n/a","n/a",ROUND((AT122*[4]TripRateCalculations!N$4),0))</f>
        <v>n/a</v>
      </c>
      <c r="AO122" s="1020" t="str">
        <f>IF(AU122="n/a","n/a",ROUND((AU122*[4]TripRateCalculations!O$4),0))</f>
        <v>n/a</v>
      </c>
      <c r="AP122" s="1020" t="str">
        <f>IF(AV122="n/a","n/a",ROUND((AV122*[4]TripRateCalculations!P$4),0))</f>
        <v>n/a</v>
      </c>
      <c r="AQ122" s="1020" t="s">
        <v>1498</v>
      </c>
      <c r="AR122" s="1020" t="str">
        <f>IF(AX122="n/a","n/a",ROUND((AX122*[4]TripRateCalculations!R$4),0))</f>
        <v>n/a</v>
      </c>
      <c r="AS122" s="1020" t="str">
        <f>IF(AY122="n/a","n/a",ROUND((AY122*[4]TripRateCalculations!S$4),0))</f>
        <v>n/a</v>
      </c>
      <c r="AT122" s="1020" t="s">
        <v>1498</v>
      </c>
      <c r="AU122" s="1020" t="s">
        <v>1498</v>
      </c>
      <c r="AV122" s="1020" t="s">
        <v>1498</v>
      </c>
      <c r="AW122" s="1020" t="s">
        <v>1498</v>
      </c>
      <c r="AX122" s="1020" t="s">
        <v>1498</v>
      </c>
      <c r="AY122" s="1020" t="s">
        <v>1498</v>
      </c>
      <c r="AZ122" s="1020" t="s">
        <v>1498</v>
      </c>
      <c r="BA122" s="1020" t="s">
        <v>1498</v>
      </c>
      <c r="BB122" s="1020" t="s">
        <v>1498</v>
      </c>
      <c r="BC122" s="1020" t="s">
        <v>1498</v>
      </c>
      <c r="BD122" s="1020" t="s">
        <v>1498</v>
      </c>
      <c r="BE122" s="1020" t="s">
        <v>1498</v>
      </c>
      <c r="BF122" s="1020" t="s">
        <v>1498</v>
      </c>
      <c r="BG122" s="1020" t="s">
        <v>1498</v>
      </c>
      <c r="BH122" s="1027" t="s">
        <v>1868</v>
      </c>
      <c r="BI122" s="1026" t="s">
        <v>722</v>
      </c>
      <c r="BJ122" s="1026" t="s">
        <v>53</v>
      </c>
      <c r="BK122" s="1042">
        <f>ROUND((VLOOKUP(F122,'[4]Cost Summary'!A:H,8,)),0.1)</f>
        <v>2430</v>
      </c>
      <c r="BL122" s="1026">
        <v>0</v>
      </c>
      <c r="BM122" s="1078" t="s">
        <v>1500</v>
      </c>
      <c r="BN122" s="1044" t="s">
        <v>1584</v>
      </c>
      <c r="BO122" s="1130">
        <v>1578.72</v>
      </c>
      <c r="BP122" s="992"/>
      <c r="BQ122" s="1131" t="e">
        <f t="shared" si="42"/>
        <v>#VALUE!</v>
      </c>
      <c r="BR122" s="1131" t="e">
        <f t="shared" si="43"/>
        <v>#VALUE!</v>
      </c>
      <c r="BS122" s="1131" t="e">
        <f t="shared" si="44"/>
        <v>#VALUE!</v>
      </c>
      <c r="BT122" s="1131" t="e">
        <f t="shared" si="45"/>
        <v>#VALUE!</v>
      </c>
      <c r="BU122" s="1131" t="e">
        <f t="shared" si="46"/>
        <v>#VALUE!</v>
      </c>
      <c r="BV122" s="1131" t="e">
        <f t="shared" si="47"/>
        <v>#VALUE!</v>
      </c>
      <c r="BW122" s="1131" t="e">
        <f t="shared" si="48"/>
        <v>#VALUE!</v>
      </c>
      <c r="BX122" s="1131" t="e">
        <f t="shared" si="49"/>
        <v>#VALUE!</v>
      </c>
      <c r="BY122" s="1131" t="e">
        <f t="shared" si="50"/>
        <v>#VALUE!</v>
      </c>
      <c r="BZ122" s="1131" t="e">
        <f t="shared" si="51"/>
        <v>#VALUE!</v>
      </c>
      <c r="CA122" s="1131" t="e">
        <f t="shared" si="52"/>
        <v>#VALUE!</v>
      </c>
      <c r="CB122" s="1131" t="e">
        <f t="shared" si="53"/>
        <v>#VALUE!</v>
      </c>
      <c r="CC122" s="1131" t="e">
        <f t="shared" si="54"/>
        <v>#VALUE!</v>
      </c>
      <c r="CD122" s="1131" t="e">
        <f t="shared" si="55"/>
        <v>#VALUE!</v>
      </c>
      <c r="CE122" s="1131" t="e">
        <f t="shared" si="56"/>
        <v>#VALUE!</v>
      </c>
      <c r="CF122" s="1131" t="e">
        <f t="shared" si="57"/>
        <v>#VALUE!</v>
      </c>
      <c r="CG122" s="1131" t="e">
        <f t="shared" si="58"/>
        <v>#VALUE!</v>
      </c>
      <c r="CH122" s="1131" t="e">
        <f t="shared" si="59"/>
        <v>#VALUE!</v>
      </c>
      <c r="CI122" s="1131" t="e">
        <f t="shared" si="60"/>
        <v>#VALUE!</v>
      </c>
      <c r="CJ122" s="1131" t="e">
        <f t="shared" si="61"/>
        <v>#VALUE!</v>
      </c>
      <c r="CK122" s="1132" t="str">
        <f t="shared" si="62"/>
        <v>n/a</v>
      </c>
    </row>
    <row r="123" spans="1:89" ht="99.75" x14ac:dyDescent="0.2">
      <c r="A123" s="992"/>
      <c r="B123" s="1126"/>
      <c r="C123" s="1126"/>
      <c r="D123" s="1126"/>
      <c r="E123" s="1126"/>
      <c r="F123" s="1026" t="s">
        <v>1878</v>
      </c>
      <c r="G123" s="1026" t="s">
        <v>1100</v>
      </c>
      <c r="H123" s="1026" t="s">
        <v>1101</v>
      </c>
      <c r="I123" s="1026" t="s">
        <v>1537</v>
      </c>
      <c r="J123" s="1026">
        <v>51.752513999999998</v>
      </c>
      <c r="K123" s="1026">
        <v>-0.43532024000000002</v>
      </c>
      <c r="L123" s="1026" t="s">
        <v>1488</v>
      </c>
      <c r="M123" s="1026" t="s">
        <v>1489</v>
      </c>
      <c r="N123" s="1026">
        <v>1</v>
      </c>
      <c r="O123" s="1026" t="s">
        <v>932</v>
      </c>
      <c r="P123" s="1026" t="s">
        <v>1490</v>
      </c>
      <c r="Q123" s="1026" t="s">
        <v>1491</v>
      </c>
      <c r="R123" s="1026" t="s">
        <v>1492</v>
      </c>
      <c r="S123" s="1026" t="s">
        <v>1493</v>
      </c>
      <c r="T123" s="1026" t="s">
        <v>1877</v>
      </c>
      <c r="U123" s="1016" t="str">
        <f>_xlfn.XLOOKUP(F123, [4]GIS!D:D, [4]GIS!E:E, "Not mapped")</f>
        <v>Multiple - Scenario 1</v>
      </c>
      <c r="V123" s="1026" t="s">
        <v>1707</v>
      </c>
      <c r="W123" s="1018" t="s">
        <v>1496</v>
      </c>
      <c r="X123" s="1019" t="s">
        <v>1497</v>
      </c>
      <c r="Y123" s="1020" t="s">
        <v>1498</v>
      </c>
      <c r="Z123" s="1020" t="s">
        <v>1498</v>
      </c>
      <c r="AA123" s="1020" t="s">
        <v>1498</v>
      </c>
      <c r="AB123" s="1020" t="s">
        <v>1498</v>
      </c>
      <c r="AC123" s="1020" t="s">
        <v>1498</v>
      </c>
      <c r="AD123" s="1020" t="s">
        <v>1498</v>
      </c>
      <c r="AE123" s="1020" t="s">
        <v>1498</v>
      </c>
      <c r="AF123" s="1020" t="s">
        <v>1498</v>
      </c>
      <c r="AG123" s="1020" t="s">
        <v>1498</v>
      </c>
      <c r="AH123" s="1020" t="s">
        <v>1498</v>
      </c>
      <c r="AI123" s="1020" t="s">
        <v>1498</v>
      </c>
      <c r="AJ123" s="1020" t="s">
        <v>1498</v>
      </c>
      <c r="AK123" s="1020" t="str">
        <f>IF(AJ123="n/a","n/a",ROUND((AJ123*[4]TripRateCalculations!$V$6),0))</f>
        <v>n/a</v>
      </c>
      <c r="AL123" s="1020" t="s">
        <v>1498</v>
      </c>
      <c r="AM123" s="1020" t="s">
        <v>1498</v>
      </c>
      <c r="AN123" s="1020" t="str">
        <f>IF(AT123="n/a","n/a",ROUND((AT123*[4]TripRateCalculations!N$4),0))</f>
        <v>n/a</v>
      </c>
      <c r="AO123" s="1020" t="str">
        <f>IF(AU123="n/a","n/a",ROUND((AU123*[4]TripRateCalculations!O$4),0))</f>
        <v>n/a</v>
      </c>
      <c r="AP123" s="1020" t="str">
        <f>IF(AV123="n/a","n/a",ROUND((AV123*[4]TripRateCalculations!P$4),0))</f>
        <v>n/a</v>
      </c>
      <c r="AQ123" s="1020" t="s">
        <v>1498</v>
      </c>
      <c r="AR123" s="1020" t="str">
        <f>IF(AX123="n/a","n/a",ROUND((AX123*[4]TripRateCalculations!R$4),0))</f>
        <v>n/a</v>
      </c>
      <c r="AS123" s="1020" t="str">
        <f>IF(AY123="n/a","n/a",ROUND((AY123*[4]TripRateCalculations!S$4),0))</f>
        <v>n/a</v>
      </c>
      <c r="AT123" s="1020" t="s">
        <v>1498</v>
      </c>
      <c r="AU123" s="1020" t="s">
        <v>1498</v>
      </c>
      <c r="AV123" s="1020" t="s">
        <v>1498</v>
      </c>
      <c r="AW123" s="1020" t="s">
        <v>1498</v>
      </c>
      <c r="AX123" s="1020" t="s">
        <v>1498</v>
      </c>
      <c r="AY123" s="1020" t="s">
        <v>1498</v>
      </c>
      <c r="AZ123" s="1020" t="s">
        <v>1498</v>
      </c>
      <c r="BA123" s="1020" t="s">
        <v>1498</v>
      </c>
      <c r="BB123" s="1020" t="s">
        <v>1498</v>
      </c>
      <c r="BC123" s="1020" t="s">
        <v>1498</v>
      </c>
      <c r="BD123" s="1020" t="s">
        <v>1498</v>
      </c>
      <c r="BE123" s="1020" t="s">
        <v>1498</v>
      </c>
      <c r="BF123" s="1020" t="s">
        <v>1498</v>
      </c>
      <c r="BG123" s="1020" t="s">
        <v>1498</v>
      </c>
      <c r="BH123" s="1027" t="s">
        <v>1868</v>
      </c>
      <c r="BI123" s="1026" t="s">
        <v>722</v>
      </c>
      <c r="BJ123" s="1026" t="s">
        <v>53</v>
      </c>
      <c r="BK123" s="1042">
        <f>ROUND((VLOOKUP(F123,'[4]Cost Summary'!A:H,8,)),0.1)</f>
        <v>523551</v>
      </c>
      <c r="BL123" s="1026">
        <v>1</v>
      </c>
      <c r="BM123" s="1078">
        <v>5</v>
      </c>
      <c r="BN123" s="1044" t="s">
        <v>1584</v>
      </c>
      <c r="BO123" s="1130">
        <v>340138.1</v>
      </c>
      <c r="BP123" s="992"/>
      <c r="BQ123" s="1131" t="e">
        <f t="shared" si="42"/>
        <v>#VALUE!</v>
      </c>
      <c r="BR123" s="1131" t="e">
        <f t="shared" si="43"/>
        <v>#VALUE!</v>
      </c>
      <c r="BS123" s="1131" t="e">
        <f t="shared" si="44"/>
        <v>#VALUE!</v>
      </c>
      <c r="BT123" s="1131" t="e">
        <f t="shared" si="45"/>
        <v>#VALUE!</v>
      </c>
      <c r="BU123" s="1131" t="e">
        <f t="shared" si="46"/>
        <v>#VALUE!</v>
      </c>
      <c r="BV123" s="1131" t="e">
        <f t="shared" si="47"/>
        <v>#VALUE!</v>
      </c>
      <c r="BW123" s="1131" t="e">
        <f t="shared" si="48"/>
        <v>#VALUE!</v>
      </c>
      <c r="BX123" s="1131" t="e">
        <f t="shared" si="49"/>
        <v>#VALUE!</v>
      </c>
      <c r="BY123" s="1131" t="e">
        <f t="shared" si="50"/>
        <v>#VALUE!</v>
      </c>
      <c r="BZ123" s="1131" t="e">
        <f t="shared" si="51"/>
        <v>#VALUE!</v>
      </c>
      <c r="CA123" s="1131" t="e">
        <f t="shared" si="52"/>
        <v>#VALUE!</v>
      </c>
      <c r="CB123" s="1131" t="e">
        <f t="shared" si="53"/>
        <v>#VALUE!</v>
      </c>
      <c r="CC123" s="1131" t="e">
        <f t="shared" si="54"/>
        <v>#VALUE!</v>
      </c>
      <c r="CD123" s="1131" t="e">
        <f t="shared" si="55"/>
        <v>#VALUE!</v>
      </c>
      <c r="CE123" s="1131" t="e">
        <f t="shared" si="56"/>
        <v>#VALUE!</v>
      </c>
      <c r="CF123" s="1131" t="e">
        <f t="shared" si="57"/>
        <v>#VALUE!</v>
      </c>
      <c r="CG123" s="1131" t="e">
        <f t="shared" si="58"/>
        <v>#VALUE!</v>
      </c>
      <c r="CH123" s="1131" t="e">
        <f t="shared" si="59"/>
        <v>#VALUE!</v>
      </c>
      <c r="CI123" s="1131" t="e">
        <f t="shared" si="60"/>
        <v>#VALUE!</v>
      </c>
      <c r="CJ123" s="1131" t="e">
        <f t="shared" si="61"/>
        <v>#VALUE!</v>
      </c>
      <c r="CK123" s="1132" t="str">
        <f t="shared" si="62"/>
        <v>n/a</v>
      </c>
    </row>
    <row r="124" spans="1:89" ht="135" x14ac:dyDescent="0.2">
      <c r="A124" s="992"/>
      <c r="B124" s="1126"/>
      <c r="C124" s="1126"/>
      <c r="D124" s="1126" t="s">
        <v>66</v>
      </c>
      <c r="E124" s="1126"/>
      <c r="F124" s="1066" t="s">
        <v>1879</v>
      </c>
      <c r="G124" s="1066" t="s">
        <v>1102</v>
      </c>
      <c r="H124" s="1066" t="s">
        <v>1880</v>
      </c>
      <c r="I124" s="1066"/>
      <c r="J124" s="1066" t="s">
        <v>1773</v>
      </c>
      <c r="K124" s="1066" t="s">
        <v>1773</v>
      </c>
      <c r="L124" s="1066" t="s">
        <v>1560</v>
      </c>
      <c r="M124" s="1066" t="s">
        <v>1489</v>
      </c>
      <c r="N124" s="1066"/>
      <c r="O124" s="1066" t="s">
        <v>932</v>
      </c>
      <c r="P124" s="1066" t="s">
        <v>1490</v>
      </c>
      <c r="Q124" s="1066" t="s">
        <v>1491</v>
      </c>
      <c r="R124" s="1066" t="s">
        <v>1492</v>
      </c>
      <c r="S124" s="1066" t="s">
        <v>1493</v>
      </c>
      <c r="T124" s="1066" t="s">
        <v>1877</v>
      </c>
      <c r="U124" s="1067" t="str">
        <f>_xlfn.XLOOKUP(F124, [4]GIS!D:D, [4]GIS!E:E, "Not mapped")</f>
        <v>Not mapped</v>
      </c>
      <c r="V124" s="1066" t="s">
        <v>1707</v>
      </c>
      <c r="W124" s="1068"/>
      <c r="X124" s="1069" t="s">
        <v>1719</v>
      </c>
      <c r="Y124" s="1066"/>
      <c r="Z124" s="1066"/>
      <c r="AA124" s="1066"/>
      <c r="AB124" s="1066"/>
      <c r="AC124" s="1066"/>
      <c r="AD124" s="1066"/>
      <c r="AE124" s="1066"/>
      <c r="AF124" s="1066"/>
      <c r="AG124" s="1068"/>
      <c r="AH124" s="1065"/>
      <c r="AI124" s="1066"/>
      <c r="AJ124" s="1066"/>
      <c r="AK124" s="1066">
        <f>IF(AJ124="n/a","n/a",ROUND((AJ124*[4]TripRateCalculations!$V$6),0))</f>
        <v>0</v>
      </c>
      <c r="AL124" s="1066"/>
      <c r="AM124" s="1066"/>
      <c r="AN124" s="1066">
        <f>IF(AT124="n/a","n/a",ROUND((AT124*[4]TripRateCalculations!N$4),0))</f>
        <v>0</v>
      </c>
      <c r="AO124" s="1066">
        <f>IF(AU124="n/a","n/a",ROUND((AU124*[4]TripRateCalculations!O$4),0))</f>
        <v>0</v>
      </c>
      <c r="AP124" s="1066">
        <f>IF(AV124="n/a","n/a",ROUND((AV124*[4]TripRateCalculations!P$4),0))</f>
        <v>0</v>
      </c>
      <c r="AQ124" s="1066"/>
      <c r="AR124" s="1066">
        <f>IF(AX124="n/a","n/a",ROUND((AX124*[4]TripRateCalculations!R$4),0))</f>
        <v>0</v>
      </c>
      <c r="AS124" s="1066">
        <f>IF(AY124="n/a","n/a",ROUND((AY124*[4]TripRateCalculations!S$4),0))</f>
        <v>0</v>
      </c>
      <c r="AT124" s="1066"/>
      <c r="AU124" s="1066"/>
      <c r="AV124" s="1066"/>
      <c r="AW124" s="1066"/>
      <c r="AX124" s="1066"/>
      <c r="AY124" s="1066"/>
      <c r="AZ124" s="1066"/>
      <c r="BA124" s="1066"/>
      <c r="BB124" s="1066"/>
      <c r="BC124" s="1066"/>
      <c r="BD124" s="1066"/>
      <c r="BE124" s="1066"/>
      <c r="BF124" s="1066"/>
      <c r="BG124" s="1066"/>
      <c r="BH124" s="1074" t="s">
        <v>1868</v>
      </c>
      <c r="BI124" s="1066" t="s">
        <v>722</v>
      </c>
      <c r="BJ124" s="1066" t="s">
        <v>53</v>
      </c>
      <c r="BK124" s="1068">
        <v>1013423.13</v>
      </c>
      <c r="BL124" s="1075">
        <v>2</v>
      </c>
      <c r="BM124" s="1094" t="s">
        <v>1735</v>
      </c>
      <c r="BN124" s="1077" t="s">
        <v>1721</v>
      </c>
      <c r="BO124" s="992">
        <v>1013423.13</v>
      </c>
      <c r="BP124" s="992"/>
      <c r="BQ124" s="1131" t="e">
        <f t="shared" si="42"/>
        <v>#DIV/0!</v>
      </c>
      <c r="BR124" s="1131" t="e">
        <f t="shared" si="43"/>
        <v>#DIV/0!</v>
      </c>
      <c r="BS124" s="1131" t="e">
        <f t="shared" si="44"/>
        <v>#DIV/0!</v>
      </c>
      <c r="BT124" s="1131" t="e">
        <f t="shared" si="45"/>
        <v>#DIV/0!</v>
      </c>
      <c r="BU124" s="1131" t="e">
        <f t="shared" si="46"/>
        <v>#DIV/0!</v>
      </c>
      <c r="BV124" s="1131" t="e">
        <f t="shared" si="47"/>
        <v>#DIV/0!</v>
      </c>
      <c r="BW124" s="1131" t="e">
        <f t="shared" si="48"/>
        <v>#DIV/0!</v>
      </c>
      <c r="BX124" s="1131" t="e">
        <f t="shared" si="49"/>
        <v>#DIV/0!</v>
      </c>
      <c r="BY124" s="1131" t="e">
        <f t="shared" si="50"/>
        <v>#DIV/0!</v>
      </c>
      <c r="BZ124" s="1131" t="e">
        <f t="shared" si="51"/>
        <v>#DIV/0!</v>
      </c>
      <c r="CA124" s="1131" t="e">
        <f t="shared" si="52"/>
        <v>#DIV/0!</v>
      </c>
      <c r="CB124" s="1131" t="e">
        <f t="shared" si="53"/>
        <v>#DIV/0!</v>
      </c>
      <c r="CC124" s="1131" t="e">
        <f t="shared" si="54"/>
        <v>#DIV/0!</v>
      </c>
      <c r="CD124" s="1131" t="e">
        <f t="shared" si="55"/>
        <v>#DIV/0!</v>
      </c>
      <c r="CE124" s="1131" t="e">
        <f t="shared" si="56"/>
        <v>#DIV/0!</v>
      </c>
      <c r="CF124" s="1131" t="e">
        <f t="shared" si="57"/>
        <v>#DIV/0!</v>
      </c>
      <c r="CG124" s="1131" t="e">
        <f t="shared" si="58"/>
        <v>#DIV/0!</v>
      </c>
      <c r="CH124" s="1131" t="e">
        <f t="shared" si="59"/>
        <v>#DIV/0!</v>
      </c>
      <c r="CI124" s="1131" t="e">
        <f t="shared" si="60"/>
        <v>#DIV/0!</v>
      </c>
      <c r="CJ124" s="1131" t="e">
        <f t="shared" si="61"/>
        <v>#DIV/0!</v>
      </c>
      <c r="CK124" s="1132" t="str">
        <f t="shared" si="62"/>
        <v>n/a</v>
      </c>
    </row>
    <row r="125" spans="1:89" ht="42.75" x14ac:dyDescent="0.2">
      <c r="A125" s="992"/>
      <c r="B125" s="1126"/>
      <c r="C125" s="1126"/>
      <c r="D125" s="1126"/>
      <c r="E125" s="1126"/>
      <c r="F125" s="1026" t="s">
        <v>1881</v>
      </c>
      <c r="G125" s="1026" t="s">
        <v>1104</v>
      </c>
      <c r="H125" s="1026" t="s">
        <v>1105</v>
      </c>
      <c r="I125" s="1026" t="s">
        <v>1487</v>
      </c>
      <c r="J125" s="1026">
        <v>51.751237740000001</v>
      </c>
      <c r="K125" s="1026">
        <v>-0.43054320200000001</v>
      </c>
      <c r="L125" s="1026" t="s">
        <v>1560</v>
      </c>
      <c r="M125" s="1026" t="s">
        <v>1489</v>
      </c>
      <c r="N125" s="1026">
        <v>1</v>
      </c>
      <c r="O125" s="1026" t="s">
        <v>932</v>
      </c>
      <c r="P125" s="1026" t="s">
        <v>1490</v>
      </c>
      <c r="Q125" s="1026" t="s">
        <v>1491</v>
      </c>
      <c r="R125" s="1026" t="s">
        <v>1492</v>
      </c>
      <c r="S125" s="1026" t="s">
        <v>1493</v>
      </c>
      <c r="T125" s="1026" t="s">
        <v>1877</v>
      </c>
      <c r="U125" s="1016" t="str">
        <f>_xlfn.XLOOKUP(F125, [4]GIS!D:D, [4]GIS!E:E, "Not mapped")</f>
        <v>Multiple - Scenario 1</v>
      </c>
      <c r="V125" s="1026" t="s">
        <v>1707</v>
      </c>
      <c r="W125" s="1058" t="s">
        <v>1691</v>
      </c>
      <c r="X125" s="1059" t="s">
        <v>1692</v>
      </c>
      <c r="Y125" s="1020" t="s">
        <v>1498</v>
      </c>
      <c r="Z125" s="1020" t="s">
        <v>1498</v>
      </c>
      <c r="AA125" s="1020" t="s">
        <v>1498</v>
      </c>
      <c r="AB125" s="1020" t="s">
        <v>1498</v>
      </c>
      <c r="AC125" s="1020" t="s">
        <v>1498</v>
      </c>
      <c r="AD125" s="1020" t="s">
        <v>1498</v>
      </c>
      <c r="AE125" s="1020" t="s">
        <v>1498</v>
      </c>
      <c r="AF125" s="1020" t="s">
        <v>1498</v>
      </c>
      <c r="AG125" s="1020" t="s">
        <v>1498</v>
      </c>
      <c r="AH125" s="1020" t="s">
        <v>1498</v>
      </c>
      <c r="AI125" s="1020" t="s">
        <v>1498</v>
      </c>
      <c r="AJ125" s="1020" t="s">
        <v>1498</v>
      </c>
      <c r="AK125" s="1020" t="str">
        <f>IF(AJ125="n/a","n/a",ROUND((AJ125*[4]TripRateCalculations!$V$6),0))</f>
        <v>n/a</v>
      </c>
      <c r="AL125" s="1020" t="s">
        <v>1498</v>
      </c>
      <c r="AM125" s="1020" t="s">
        <v>1498</v>
      </c>
      <c r="AN125" s="1020" t="str">
        <f>IF(AT125="n/a","n/a",ROUND((AT125*[4]TripRateCalculations!N$4),0))</f>
        <v>n/a</v>
      </c>
      <c r="AO125" s="1020" t="str">
        <f>IF(AU125="n/a","n/a",ROUND((AU125*[4]TripRateCalculations!O$4),0))</f>
        <v>n/a</v>
      </c>
      <c r="AP125" s="1020" t="str">
        <f>IF(AV125="n/a","n/a",ROUND((AV125*[4]TripRateCalculations!P$4),0))</f>
        <v>n/a</v>
      </c>
      <c r="AQ125" s="1020" t="s">
        <v>1498</v>
      </c>
      <c r="AR125" s="1020" t="str">
        <f>IF(AX125="n/a","n/a",ROUND((AX125*[4]TripRateCalculations!R$4),0))</f>
        <v>n/a</v>
      </c>
      <c r="AS125" s="1020" t="str">
        <f>IF(AY125="n/a","n/a",ROUND((AY125*[4]TripRateCalculations!S$4),0))</f>
        <v>n/a</v>
      </c>
      <c r="AT125" s="1020" t="s">
        <v>1498</v>
      </c>
      <c r="AU125" s="1020" t="s">
        <v>1498</v>
      </c>
      <c r="AV125" s="1020" t="s">
        <v>1498</v>
      </c>
      <c r="AW125" s="1020" t="s">
        <v>1498</v>
      </c>
      <c r="AX125" s="1020" t="s">
        <v>1498</v>
      </c>
      <c r="AY125" s="1020" t="s">
        <v>1498</v>
      </c>
      <c r="AZ125" s="1020" t="s">
        <v>1498</v>
      </c>
      <c r="BA125" s="1100" t="s">
        <v>1498</v>
      </c>
      <c r="BB125" s="1100" t="s">
        <v>1498</v>
      </c>
      <c r="BC125" s="1100" t="s">
        <v>1498</v>
      </c>
      <c r="BD125" s="1100" t="s">
        <v>1498</v>
      </c>
      <c r="BE125" s="1100" t="s">
        <v>1498</v>
      </c>
      <c r="BF125" s="1100" t="s">
        <v>1498</v>
      </c>
      <c r="BG125" s="1100" t="s">
        <v>1498</v>
      </c>
      <c r="BH125" s="1027" t="s">
        <v>1868</v>
      </c>
      <c r="BI125" s="1026" t="s">
        <v>722</v>
      </c>
      <c r="BJ125" s="1026" t="s">
        <v>53</v>
      </c>
      <c r="BK125" s="1042">
        <f>ROUND((VLOOKUP(F125,'[4]Cost Summary'!A:H,8,)),0.1)</f>
        <v>33318</v>
      </c>
      <c r="BL125" s="1026">
        <v>0</v>
      </c>
      <c r="BM125" s="1078" t="s">
        <v>1500</v>
      </c>
      <c r="BN125" s="1044" t="s">
        <v>1584</v>
      </c>
      <c r="BO125" s="1130">
        <v>21645.73</v>
      </c>
      <c r="BP125" s="992"/>
      <c r="BQ125" s="1131" t="e">
        <f t="shared" si="42"/>
        <v>#VALUE!</v>
      </c>
      <c r="BR125" s="1131" t="e">
        <f t="shared" si="43"/>
        <v>#VALUE!</v>
      </c>
      <c r="BS125" s="1131" t="e">
        <f t="shared" si="44"/>
        <v>#VALUE!</v>
      </c>
      <c r="BT125" s="1131" t="e">
        <f t="shared" si="45"/>
        <v>#VALUE!</v>
      </c>
      <c r="BU125" s="1131" t="e">
        <f t="shared" si="46"/>
        <v>#VALUE!</v>
      </c>
      <c r="BV125" s="1131" t="e">
        <f t="shared" si="47"/>
        <v>#VALUE!</v>
      </c>
      <c r="BW125" s="1131" t="e">
        <f t="shared" si="48"/>
        <v>#VALUE!</v>
      </c>
      <c r="BX125" s="1131" t="e">
        <f t="shared" si="49"/>
        <v>#VALUE!</v>
      </c>
      <c r="BY125" s="1131" t="e">
        <f t="shared" si="50"/>
        <v>#VALUE!</v>
      </c>
      <c r="BZ125" s="1131" t="e">
        <f t="shared" si="51"/>
        <v>#VALUE!</v>
      </c>
      <c r="CA125" s="1131" t="e">
        <f t="shared" si="52"/>
        <v>#VALUE!</v>
      </c>
      <c r="CB125" s="1131" t="e">
        <f t="shared" si="53"/>
        <v>#VALUE!</v>
      </c>
      <c r="CC125" s="1131" t="e">
        <f t="shared" si="54"/>
        <v>#VALUE!</v>
      </c>
      <c r="CD125" s="1131" t="e">
        <f t="shared" si="55"/>
        <v>#VALUE!</v>
      </c>
      <c r="CE125" s="1131" t="e">
        <f t="shared" si="56"/>
        <v>#VALUE!</v>
      </c>
      <c r="CF125" s="1131" t="e">
        <f t="shared" si="57"/>
        <v>#VALUE!</v>
      </c>
      <c r="CG125" s="1131" t="e">
        <f t="shared" si="58"/>
        <v>#VALUE!</v>
      </c>
      <c r="CH125" s="1131" t="e">
        <f t="shared" si="59"/>
        <v>#VALUE!</v>
      </c>
      <c r="CI125" s="1131" t="e">
        <f t="shared" si="60"/>
        <v>#VALUE!</v>
      </c>
      <c r="CJ125" s="1131" t="e">
        <f t="shared" si="61"/>
        <v>#VALUE!</v>
      </c>
      <c r="CK125" s="1132" t="str">
        <f t="shared" si="62"/>
        <v>n/a</v>
      </c>
    </row>
    <row r="126" spans="1:89" ht="42.75" x14ac:dyDescent="0.2">
      <c r="A126" s="992"/>
      <c r="B126" s="1126"/>
      <c r="C126" s="1126"/>
      <c r="D126" s="1126"/>
      <c r="E126" s="1126"/>
      <c r="F126" s="1026" t="s">
        <v>1882</v>
      </c>
      <c r="G126" s="1026" t="s">
        <v>1188</v>
      </c>
      <c r="H126" s="1026" t="s">
        <v>1189</v>
      </c>
      <c r="I126" s="1026" t="s">
        <v>1830</v>
      </c>
      <c r="J126" s="1026">
        <v>51.752838130000001</v>
      </c>
      <c r="K126" s="1026">
        <v>-0.47222059599999999</v>
      </c>
      <c r="L126" s="1026" t="s">
        <v>1522</v>
      </c>
      <c r="M126" s="1026" t="s">
        <v>1489</v>
      </c>
      <c r="N126" s="1026">
        <v>1</v>
      </c>
      <c r="O126" s="1026" t="s">
        <v>932</v>
      </c>
      <c r="P126" s="1026" t="s">
        <v>1490</v>
      </c>
      <c r="Q126" s="1026" t="s">
        <v>1491</v>
      </c>
      <c r="R126" s="1026" t="s">
        <v>1492</v>
      </c>
      <c r="S126" s="1026" t="s">
        <v>1493</v>
      </c>
      <c r="T126" s="1026" t="s">
        <v>1806</v>
      </c>
      <c r="U126" s="1016" t="str">
        <f>_xlfn.XLOOKUP(F126, [4]GIS!D:D, [4]GIS!E:E, "Not mapped")</f>
        <v>Single - Scenario 2</v>
      </c>
      <c r="V126" s="1031" t="s">
        <v>1723</v>
      </c>
      <c r="W126" s="1032" t="s">
        <v>1525</v>
      </c>
      <c r="X126" s="1032" t="s">
        <v>1526</v>
      </c>
      <c r="Y126" s="1033">
        <v>101</v>
      </c>
      <c r="Z126" s="1033">
        <v>8</v>
      </c>
      <c r="AA126" s="1033">
        <v>1</v>
      </c>
      <c r="AB126" s="1033">
        <v>2</v>
      </c>
      <c r="AC126" s="1033">
        <v>1</v>
      </c>
      <c r="AD126" s="1034">
        <v>0</v>
      </c>
      <c r="AE126" s="1034">
        <v>1</v>
      </c>
      <c r="AF126" s="1034">
        <v>1</v>
      </c>
      <c r="AG126" s="1034">
        <v>4</v>
      </c>
      <c r="AH126" s="1034">
        <v>1</v>
      </c>
      <c r="AI126" s="1034">
        <v>5</v>
      </c>
      <c r="AJ126" s="1034">
        <v>5</v>
      </c>
      <c r="AK126" s="1034">
        <f>IF(AJ126="n/a","n/a",ROUND((AJ126*[4]TripRateCalculations!$V$6),0))</f>
        <v>11</v>
      </c>
      <c r="AL126" s="1034">
        <v>2</v>
      </c>
      <c r="AM126" s="1034">
        <v>1</v>
      </c>
      <c r="AN126" s="1034">
        <f>IF(AT126="n/a","n/a",ROUND((AT126*[4]TripRateCalculations!N$4),0))</f>
        <v>2</v>
      </c>
      <c r="AO126" s="1034">
        <f>IF(AU126="n/a","n/a",ROUND((AU126*[4]TripRateCalculations!O$4),0))</f>
        <v>0</v>
      </c>
      <c r="AP126" s="1034">
        <f>IF(AV126="n/a","n/a",ROUND((AV126*[4]TripRateCalculations!P$4),0))</f>
        <v>0</v>
      </c>
      <c r="AQ126" s="1034">
        <f>AW126*[4]TripRateCalculations!Q$4</f>
        <v>0.58581235697940504</v>
      </c>
      <c r="AR126" s="1034">
        <f>IF(AX126="n/a","n/a",ROUND((AX126*[4]TripRateCalculations!R$4),0))</f>
        <v>0</v>
      </c>
      <c r="AS126" s="1034">
        <f>IF(AY126="n/a","n/a",ROUND((AY126*[4]TripRateCalculations!S$4),0))</f>
        <v>0</v>
      </c>
      <c r="AT126" s="1034">
        <v>7</v>
      </c>
      <c r="AU126" s="1034">
        <v>4</v>
      </c>
      <c r="AV126" s="1034">
        <v>1</v>
      </c>
      <c r="AW126" s="1034">
        <v>4</v>
      </c>
      <c r="AX126" s="1034">
        <v>3</v>
      </c>
      <c r="AY126" s="1034">
        <v>3</v>
      </c>
      <c r="AZ126" s="1035">
        <v>3</v>
      </c>
      <c r="BA126" s="1035">
        <v>53</v>
      </c>
      <c r="BB126" s="1035">
        <v>2</v>
      </c>
      <c r="BC126" s="1035">
        <v>2</v>
      </c>
      <c r="BD126" s="1035">
        <v>4</v>
      </c>
      <c r="BE126" s="1035">
        <v>1</v>
      </c>
      <c r="BF126" s="1035">
        <v>13</v>
      </c>
      <c r="BG126" s="1035">
        <f>BF126*[4]TripRateCalculations!$Q$4</f>
        <v>1.9038901601830664</v>
      </c>
      <c r="BH126" s="1027" t="s">
        <v>1831</v>
      </c>
      <c r="BI126" s="1026" t="s">
        <v>834</v>
      </c>
      <c r="BJ126" s="1026" t="s">
        <v>53</v>
      </c>
      <c r="BK126" s="1042">
        <f>ROUND((VLOOKUP(F126,'[4]Cost Summary'!A:H,8,)),0.1)</f>
        <v>2392</v>
      </c>
      <c r="BL126" s="1026">
        <v>0</v>
      </c>
      <c r="BM126" s="1078" t="s">
        <v>1500</v>
      </c>
      <c r="BN126" s="1044" t="s">
        <v>1584</v>
      </c>
      <c r="BO126" s="1130">
        <v>1554.05</v>
      </c>
      <c r="BP126" s="992"/>
      <c r="BQ126" s="1131">
        <f t="shared" si="42"/>
        <v>5.5715811114475593E-2</v>
      </c>
      <c r="BR126" s="1131">
        <f t="shared" si="43"/>
        <v>6.9644763893094491E-3</v>
      </c>
      <c r="BS126" s="1131">
        <f t="shared" si="44"/>
        <v>1.3928952778618898E-2</v>
      </c>
      <c r="BT126" s="1131">
        <f t="shared" si="45"/>
        <v>6.9644763893094491E-3</v>
      </c>
      <c r="BU126" s="1131">
        <f t="shared" si="46"/>
        <v>0</v>
      </c>
      <c r="BV126" s="1131">
        <f t="shared" si="47"/>
        <v>6.9644763893094491E-3</v>
      </c>
      <c r="BW126" s="1131">
        <f t="shared" si="48"/>
        <v>6.9644763893094491E-3</v>
      </c>
      <c r="BX126" s="1131">
        <f t="shared" si="49"/>
        <v>2.7857905557237796E-2</v>
      </c>
      <c r="BY126" s="1131">
        <f t="shared" si="50"/>
        <v>3.4822381946547243E-2</v>
      </c>
      <c r="BZ126" s="1131">
        <f t="shared" si="51"/>
        <v>7.6609240282403943E-2</v>
      </c>
      <c r="CA126" s="1131">
        <f t="shared" si="52"/>
        <v>1.3928952778618898E-2</v>
      </c>
      <c r="CB126" s="1131">
        <f t="shared" si="53"/>
        <v>6.9644763893094491E-3</v>
      </c>
      <c r="CC126" s="1131">
        <f t="shared" si="54"/>
        <v>1.3928952778618898E-2</v>
      </c>
      <c r="CD126" s="1131">
        <f t="shared" si="55"/>
        <v>0</v>
      </c>
      <c r="CE126" s="1131">
        <f t="shared" si="56"/>
        <v>0</v>
      </c>
      <c r="CF126" s="1131">
        <f t="shared" si="57"/>
        <v>0</v>
      </c>
      <c r="CG126" s="1131">
        <f t="shared" si="58"/>
        <v>0</v>
      </c>
      <c r="CH126" s="1131">
        <f t="shared" si="59"/>
        <v>2.0893429167928346E-2</v>
      </c>
      <c r="CI126" s="1131">
        <f t="shared" si="60"/>
        <v>0.70341211532025438</v>
      </c>
      <c r="CJ126" s="1131">
        <f t="shared" si="61"/>
        <v>4.0798763287487848E-3</v>
      </c>
      <c r="CK126" s="1132">
        <f t="shared" si="62"/>
        <v>0.99999999999999989</v>
      </c>
    </row>
    <row r="127" spans="1:89" ht="75" x14ac:dyDescent="0.2">
      <c r="A127" s="992"/>
      <c r="B127" s="1126" t="s">
        <v>66</v>
      </c>
      <c r="C127" s="1126"/>
      <c r="D127" s="1126"/>
      <c r="E127" s="1126"/>
      <c r="F127" s="1026" t="s">
        <v>1883</v>
      </c>
      <c r="G127" s="1026" t="s">
        <v>1190</v>
      </c>
      <c r="H127" s="1026" t="s">
        <v>1191</v>
      </c>
      <c r="I127" s="1026" t="s">
        <v>1884</v>
      </c>
      <c r="J127" s="1026">
        <v>51.75329533</v>
      </c>
      <c r="K127" s="1026">
        <v>-0.47247293099999998</v>
      </c>
      <c r="L127" s="1026" t="s">
        <v>1522</v>
      </c>
      <c r="M127" s="1026" t="s">
        <v>1489</v>
      </c>
      <c r="N127" s="1026">
        <v>1</v>
      </c>
      <c r="O127" s="1026" t="s">
        <v>932</v>
      </c>
      <c r="P127" s="1026" t="s">
        <v>1490</v>
      </c>
      <c r="Q127" s="1026" t="s">
        <v>1491</v>
      </c>
      <c r="R127" s="1026" t="s">
        <v>1492</v>
      </c>
      <c r="S127" s="1026" t="s">
        <v>1493</v>
      </c>
      <c r="T127" s="1026" t="s">
        <v>1806</v>
      </c>
      <c r="U127" s="1016" t="str">
        <f>_xlfn.XLOOKUP(F127, [4]GIS!D:D, [4]GIS!E:E, "Not mapped")</f>
        <v>Multiple - Scenario 1</v>
      </c>
      <c r="V127" s="1031" t="s">
        <v>1495</v>
      </c>
      <c r="W127" s="1032" t="s">
        <v>1525</v>
      </c>
      <c r="X127" s="1032" t="s">
        <v>1526</v>
      </c>
      <c r="Y127" s="1033">
        <v>101</v>
      </c>
      <c r="Z127" s="1033">
        <v>8</v>
      </c>
      <c r="AA127" s="1033">
        <v>1</v>
      </c>
      <c r="AB127" s="1033">
        <v>2</v>
      </c>
      <c r="AC127" s="1033">
        <v>1</v>
      </c>
      <c r="AD127" s="1034">
        <v>0</v>
      </c>
      <c r="AE127" s="1034">
        <v>1</v>
      </c>
      <c r="AF127" s="1034">
        <v>1</v>
      </c>
      <c r="AG127" s="1034">
        <v>4</v>
      </c>
      <c r="AH127" s="1034">
        <v>1</v>
      </c>
      <c r="AI127" s="1034">
        <v>5</v>
      </c>
      <c r="AJ127" s="1034">
        <v>5</v>
      </c>
      <c r="AK127" s="1034">
        <f>IF(AJ127="n/a","n/a",ROUND((AJ127*[4]TripRateCalculations!$V$6),0))</f>
        <v>11</v>
      </c>
      <c r="AL127" s="1034">
        <v>2</v>
      </c>
      <c r="AM127" s="1034">
        <v>1</v>
      </c>
      <c r="AN127" s="1034">
        <f>IF(AT127="n/a","n/a",ROUND((AT127*[4]TripRateCalculations!N$4),0))</f>
        <v>2</v>
      </c>
      <c r="AO127" s="1034">
        <f>IF(AU127="n/a","n/a",ROUND((AU127*[4]TripRateCalculations!O$4),0))</f>
        <v>0</v>
      </c>
      <c r="AP127" s="1034">
        <f>IF(AV127="n/a","n/a",ROUND((AV127*[4]TripRateCalculations!P$4),0))</f>
        <v>0</v>
      </c>
      <c r="AQ127" s="1034">
        <f>AW127*[4]TripRateCalculations!Q$4</f>
        <v>0.58581235697940504</v>
      </c>
      <c r="AR127" s="1034">
        <f>IF(AX127="n/a","n/a",ROUND((AX127*[4]TripRateCalculations!R$4),0))</f>
        <v>0</v>
      </c>
      <c r="AS127" s="1034">
        <f>IF(AY127="n/a","n/a",ROUND((AY127*[4]TripRateCalculations!S$4),0))</f>
        <v>0</v>
      </c>
      <c r="AT127" s="1034">
        <v>7</v>
      </c>
      <c r="AU127" s="1034">
        <v>4</v>
      </c>
      <c r="AV127" s="1034">
        <v>1</v>
      </c>
      <c r="AW127" s="1034">
        <v>4</v>
      </c>
      <c r="AX127" s="1034">
        <v>3</v>
      </c>
      <c r="AY127" s="1034">
        <v>3</v>
      </c>
      <c r="AZ127" s="1035">
        <v>3</v>
      </c>
      <c r="BA127" s="1035">
        <v>53</v>
      </c>
      <c r="BB127" s="1035">
        <v>2</v>
      </c>
      <c r="BC127" s="1035">
        <v>2</v>
      </c>
      <c r="BD127" s="1035">
        <v>4</v>
      </c>
      <c r="BE127" s="1035">
        <v>1</v>
      </c>
      <c r="BF127" s="1035">
        <v>13</v>
      </c>
      <c r="BG127" s="1035">
        <f>BF127*[4]TripRateCalculations!$Q$4</f>
        <v>1.9038901601830664</v>
      </c>
      <c r="BH127" s="1027" t="s">
        <v>1831</v>
      </c>
      <c r="BI127" s="1026" t="s">
        <v>834</v>
      </c>
      <c r="BJ127" s="1026" t="s">
        <v>53</v>
      </c>
      <c r="BK127" s="1042">
        <f>ROUND((VLOOKUP(F127,'[4]Cost Summary'!A:H,8,)),0.1)</f>
        <v>200552</v>
      </c>
      <c r="BL127" s="1026">
        <v>1</v>
      </c>
      <c r="BM127" s="1078">
        <v>6</v>
      </c>
      <c r="BN127" s="1044" t="s">
        <v>1584</v>
      </c>
      <c r="BO127" s="1130">
        <v>130293.74</v>
      </c>
      <c r="BP127" s="992"/>
      <c r="BQ127" s="1131">
        <f t="shared" si="42"/>
        <v>5.5715811114475593E-2</v>
      </c>
      <c r="BR127" s="1131">
        <f t="shared" si="43"/>
        <v>6.9644763893094491E-3</v>
      </c>
      <c r="BS127" s="1131">
        <f t="shared" si="44"/>
        <v>1.3928952778618898E-2</v>
      </c>
      <c r="BT127" s="1131">
        <f t="shared" si="45"/>
        <v>6.9644763893094491E-3</v>
      </c>
      <c r="BU127" s="1131">
        <f t="shared" si="46"/>
        <v>0</v>
      </c>
      <c r="BV127" s="1131">
        <f t="shared" si="47"/>
        <v>6.9644763893094491E-3</v>
      </c>
      <c r="BW127" s="1131">
        <f t="shared" si="48"/>
        <v>6.9644763893094491E-3</v>
      </c>
      <c r="BX127" s="1131">
        <f t="shared" si="49"/>
        <v>2.7857905557237796E-2</v>
      </c>
      <c r="BY127" s="1131">
        <f t="shared" si="50"/>
        <v>3.4822381946547243E-2</v>
      </c>
      <c r="BZ127" s="1131">
        <f t="shared" si="51"/>
        <v>7.6609240282403943E-2</v>
      </c>
      <c r="CA127" s="1131">
        <f t="shared" si="52"/>
        <v>1.3928952778618898E-2</v>
      </c>
      <c r="CB127" s="1131">
        <f t="shared" si="53"/>
        <v>6.9644763893094491E-3</v>
      </c>
      <c r="CC127" s="1131">
        <f t="shared" si="54"/>
        <v>1.3928952778618898E-2</v>
      </c>
      <c r="CD127" s="1131">
        <f t="shared" si="55"/>
        <v>0</v>
      </c>
      <c r="CE127" s="1131">
        <f t="shared" si="56"/>
        <v>0</v>
      </c>
      <c r="CF127" s="1131">
        <f t="shared" si="57"/>
        <v>0</v>
      </c>
      <c r="CG127" s="1131">
        <f t="shared" si="58"/>
        <v>0</v>
      </c>
      <c r="CH127" s="1131">
        <f t="shared" si="59"/>
        <v>2.0893429167928346E-2</v>
      </c>
      <c r="CI127" s="1131">
        <f t="shared" si="60"/>
        <v>0.70341211532025438</v>
      </c>
      <c r="CJ127" s="1131">
        <f t="shared" si="61"/>
        <v>4.0798763287487848E-3</v>
      </c>
      <c r="CK127" s="1132">
        <f t="shared" si="62"/>
        <v>0.99999999999999989</v>
      </c>
    </row>
    <row r="128" spans="1:89" ht="285" x14ac:dyDescent="0.2">
      <c r="A128" s="992"/>
      <c r="B128" s="1126"/>
      <c r="C128" s="1126" t="s">
        <v>66</v>
      </c>
      <c r="D128" s="1126"/>
      <c r="E128" s="1126"/>
      <c r="F128" s="1026" t="s">
        <v>1885</v>
      </c>
      <c r="G128" s="1026" t="s">
        <v>1192</v>
      </c>
      <c r="H128" s="1046" t="s">
        <v>1886</v>
      </c>
      <c r="I128" s="1046" t="s">
        <v>1887</v>
      </c>
      <c r="J128" s="1026" t="s">
        <v>1521</v>
      </c>
      <c r="K128" s="1026" t="s">
        <v>1521</v>
      </c>
      <c r="L128" s="1026" t="s">
        <v>1522</v>
      </c>
      <c r="M128" s="1026" t="s">
        <v>1489</v>
      </c>
      <c r="N128" s="1026">
        <v>1</v>
      </c>
      <c r="O128" s="1026" t="s">
        <v>932</v>
      </c>
      <c r="P128" s="1026" t="s">
        <v>1490</v>
      </c>
      <c r="Q128" s="1026" t="s">
        <v>1491</v>
      </c>
      <c r="R128" s="1026" t="s">
        <v>1492</v>
      </c>
      <c r="S128" s="1026" t="s">
        <v>1493</v>
      </c>
      <c r="T128" s="1026" t="s">
        <v>1888</v>
      </c>
      <c r="U128" s="1016" t="str">
        <f>_xlfn.XLOOKUP(F128, [4]GIS!D:D, [4]GIS!E:E, "Not mapped")</f>
        <v>Multiple - Scenario 1</v>
      </c>
      <c r="V128" s="1015" t="s">
        <v>1707</v>
      </c>
      <c r="W128" s="1032" t="s">
        <v>1525</v>
      </c>
      <c r="X128" s="1032" t="s">
        <v>1526</v>
      </c>
      <c r="Y128" s="1033">
        <v>18</v>
      </c>
      <c r="Z128" s="1033">
        <v>13</v>
      </c>
      <c r="AA128" s="1033">
        <v>45</v>
      </c>
      <c r="AB128" s="1033">
        <v>22</v>
      </c>
      <c r="AC128" s="1033">
        <v>0</v>
      </c>
      <c r="AD128" s="1034">
        <v>8</v>
      </c>
      <c r="AE128" s="1034">
        <v>17</v>
      </c>
      <c r="AF128" s="1034">
        <v>43</v>
      </c>
      <c r="AG128" s="1034">
        <v>13</v>
      </c>
      <c r="AH128" s="1034">
        <v>8</v>
      </c>
      <c r="AI128" s="1034">
        <v>47</v>
      </c>
      <c r="AJ128" s="1034">
        <v>67</v>
      </c>
      <c r="AK128" s="1034">
        <f>IF(AJ128="n/a","n/a",ROUND((AJ128*[4]TripRateCalculations!$V$6),0))</f>
        <v>149</v>
      </c>
      <c r="AL128" s="1034">
        <v>3</v>
      </c>
      <c r="AM128" s="1034">
        <v>5</v>
      </c>
      <c r="AN128" s="1034">
        <f>IF(AT128="n/a","n/a",ROUND((AT128*[4]TripRateCalculations!N$4),0))</f>
        <v>7</v>
      </c>
      <c r="AO128" s="1034">
        <f>IF(AU128="n/a","n/a",ROUND((AU128*[4]TripRateCalculations!O$4),0))</f>
        <v>0</v>
      </c>
      <c r="AP128" s="1034">
        <f>IF(AV128="n/a","n/a",ROUND((AV128*[4]TripRateCalculations!P$4),0))</f>
        <v>2</v>
      </c>
      <c r="AQ128" s="1034">
        <f>AW128*[4]TripRateCalculations!Q$4</f>
        <v>5.8581235697940501</v>
      </c>
      <c r="AR128" s="1034">
        <f>IF(AX128="n/a","n/a",ROUND((AX128*[4]TripRateCalculations!R$4),0))</f>
        <v>2</v>
      </c>
      <c r="AS128" s="1034">
        <f>IF(AY128="n/a","n/a",ROUND((AY128*[4]TripRateCalculations!S$4),0))</f>
        <v>1</v>
      </c>
      <c r="AT128" s="1034">
        <v>31</v>
      </c>
      <c r="AU128" s="1034">
        <v>0</v>
      </c>
      <c r="AV128" s="1034">
        <v>6</v>
      </c>
      <c r="AW128" s="1034">
        <v>40</v>
      </c>
      <c r="AX128" s="1034">
        <v>18</v>
      </c>
      <c r="AY128" s="1034">
        <v>40</v>
      </c>
      <c r="AZ128" s="1035">
        <v>40</v>
      </c>
      <c r="BA128" s="1035">
        <v>6</v>
      </c>
      <c r="BB128" s="1035">
        <v>5</v>
      </c>
      <c r="BC128" s="1035">
        <v>11</v>
      </c>
      <c r="BD128" s="1035">
        <v>31</v>
      </c>
      <c r="BE128" s="1035">
        <v>0</v>
      </c>
      <c r="BF128" s="1035">
        <v>65</v>
      </c>
      <c r="BG128" s="1035">
        <f>BF128*[4]TripRateCalculations!$Q$4</f>
        <v>9.5194508009153314</v>
      </c>
      <c r="BH128" s="1027" t="s">
        <v>1889</v>
      </c>
      <c r="BI128" s="1026" t="s">
        <v>722</v>
      </c>
      <c r="BJ128" s="1026" t="s">
        <v>53</v>
      </c>
      <c r="BK128" s="1042">
        <f>ROUND((VLOOKUP(F128,'[4]Cost Summary'!A:H,8,)),0.1)</f>
        <v>1370676</v>
      </c>
      <c r="BL128" s="1026">
        <v>4</v>
      </c>
      <c r="BM128" s="1078" t="s">
        <v>1890</v>
      </c>
      <c r="BN128" s="1044" t="s">
        <v>1584</v>
      </c>
      <c r="BO128" s="1130">
        <v>890493.87</v>
      </c>
      <c r="BP128" s="992"/>
      <c r="BQ128" s="1131">
        <f t="shared" si="42"/>
        <v>2.9487944771742228E-2</v>
      </c>
      <c r="BR128" s="1131">
        <f t="shared" si="43"/>
        <v>0.10207365497910771</v>
      </c>
      <c r="BS128" s="1131">
        <f t="shared" si="44"/>
        <v>4.990267576756377E-2</v>
      </c>
      <c r="BT128" s="1131">
        <f t="shared" si="45"/>
        <v>0</v>
      </c>
      <c r="BU128" s="1131">
        <f t="shared" si="46"/>
        <v>1.8146427551841371E-2</v>
      </c>
      <c r="BV128" s="1131">
        <f t="shared" si="47"/>
        <v>3.8561158547662913E-2</v>
      </c>
      <c r="BW128" s="1131">
        <f t="shared" si="48"/>
        <v>9.7537048091147369E-2</v>
      </c>
      <c r="BX128" s="1131">
        <f t="shared" si="49"/>
        <v>2.9487944771742228E-2</v>
      </c>
      <c r="BY128" s="1131">
        <f t="shared" si="50"/>
        <v>0.10661026186706805</v>
      </c>
      <c r="BZ128" s="1131">
        <f t="shared" si="51"/>
        <v>0.33797721315304552</v>
      </c>
      <c r="CA128" s="1131">
        <f t="shared" si="52"/>
        <v>6.8049103319405141E-3</v>
      </c>
      <c r="CB128" s="1131">
        <f t="shared" si="53"/>
        <v>1.1341517219900857E-2</v>
      </c>
      <c r="CC128" s="1131">
        <f t="shared" si="54"/>
        <v>1.58781241078612E-2</v>
      </c>
      <c r="CD128" s="1131">
        <f t="shared" si="55"/>
        <v>0</v>
      </c>
      <c r="CE128" s="1131">
        <f t="shared" si="56"/>
        <v>4.5366068879603427E-3</v>
      </c>
      <c r="CF128" s="1131">
        <f t="shared" si="57"/>
        <v>4.5366068879603427E-3</v>
      </c>
      <c r="CG128" s="1131">
        <f t="shared" si="58"/>
        <v>2.2683034439801714E-3</v>
      </c>
      <c r="CH128" s="1131">
        <f t="shared" si="59"/>
        <v>9.0732137759206855E-2</v>
      </c>
      <c r="CI128" s="1131">
        <f t="shared" si="60"/>
        <v>4.0829461991643085E-2</v>
      </c>
      <c r="CJ128" s="1131">
        <f t="shared" si="61"/>
        <v>1.3288001868625259E-2</v>
      </c>
      <c r="CK128" s="1132">
        <f t="shared" si="62"/>
        <v>0.99999999999999967</v>
      </c>
    </row>
    <row r="129" spans="1:89" ht="42.75" x14ac:dyDescent="0.2">
      <c r="A129" s="992"/>
      <c r="B129" s="1126"/>
      <c r="C129" s="1126"/>
      <c r="D129" s="1126"/>
      <c r="E129" s="1126"/>
      <c r="F129" s="1026" t="s">
        <v>1891</v>
      </c>
      <c r="G129" s="1026" t="s">
        <v>1197</v>
      </c>
      <c r="H129" s="1026" t="s">
        <v>1198</v>
      </c>
      <c r="I129" s="1026" t="s">
        <v>1892</v>
      </c>
      <c r="J129" s="1026"/>
      <c r="K129" s="1026"/>
      <c r="L129" s="1026" t="s">
        <v>1522</v>
      </c>
      <c r="M129" s="1026" t="s">
        <v>1489</v>
      </c>
      <c r="N129" s="1026">
        <v>1</v>
      </c>
      <c r="O129" s="1026" t="s">
        <v>932</v>
      </c>
      <c r="P129" s="1026" t="s">
        <v>1490</v>
      </c>
      <c r="Q129" s="1026" t="s">
        <v>1491</v>
      </c>
      <c r="R129" s="1026" t="s">
        <v>1492</v>
      </c>
      <c r="S129" s="1026" t="s">
        <v>1493</v>
      </c>
      <c r="T129" s="1026" t="s">
        <v>1888</v>
      </c>
      <c r="U129" s="1016" t="str">
        <f>_xlfn.XLOOKUP(F129, [4]GIS!D:D, [4]GIS!E:E, "Not mapped")</f>
        <v>Multiple - Scenario 1</v>
      </c>
      <c r="V129" s="1015" t="s">
        <v>1707</v>
      </c>
      <c r="W129" s="1032" t="s">
        <v>1525</v>
      </c>
      <c r="X129" s="1032" t="s">
        <v>1526</v>
      </c>
      <c r="Y129" s="1033">
        <v>18</v>
      </c>
      <c r="Z129" s="1033">
        <v>13</v>
      </c>
      <c r="AA129" s="1033">
        <v>45</v>
      </c>
      <c r="AB129" s="1033">
        <v>22</v>
      </c>
      <c r="AC129" s="1033">
        <v>0</v>
      </c>
      <c r="AD129" s="1034">
        <v>8</v>
      </c>
      <c r="AE129" s="1034">
        <v>17</v>
      </c>
      <c r="AF129" s="1034">
        <v>43</v>
      </c>
      <c r="AG129" s="1034">
        <v>13</v>
      </c>
      <c r="AH129" s="1034">
        <v>8</v>
      </c>
      <c r="AI129" s="1034">
        <v>47</v>
      </c>
      <c r="AJ129" s="1034">
        <v>67</v>
      </c>
      <c r="AK129" s="1034">
        <f>IF(AJ129="n/a","n/a",ROUND((AJ129*[4]TripRateCalculations!$V$6),0))</f>
        <v>149</v>
      </c>
      <c r="AL129" s="1034">
        <v>3</v>
      </c>
      <c r="AM129" s="1034">
        <v>5</v>
      </c>
      <c r="AN129" s="1034">
        <f>IF(AT129="n/a","n/a",ROUND((AT129*[4]TripRateCalculations!N$4),0))</f>
        <v>7</v>
      </c>
      <c r="AO129" s="1034">
        <f>IF(AU129="n/a","n/a",ROUND((AU129*[4]TripRateCalculations!O$4),0))</f>
        <v>0</v>
      </c>
      <c r="AP129" s="1034">
        <f>IF(AV129="n/a","n/a",ROUND((AV129*[4]TripRateCalculations!P$4),0))</f>
        <v>2</v>
      </c>
      <c r="AQ129" s="1034">
        <f>AW129*[4]TripRateCalculations!Q$4</f>
        <v>5.8581235697940501</v>
      </c>
      <c r="AR129" s="1034">
        <f>IF(AX129="n/a","n/a",ROUND((AX129*[4]TripRateCalculations!R$4),0))</f>
        <v>2</v>
      </c>
      <c r="AS129" s="1034">
        <f>IF(AY129="n/a","n/a",ROUND((AY129*[4]TripRateCalculations!S$4),0))</f>
        <v>1</v>
      </c>
      <c r="AT129" s="1034">
        <v>31</v>
      </c>
      <c r="AU129" s="1034">
        <v>0</v>
      </c>
      <c r="AV129" s="1034">
        <v>6</v>
      </c>
      <c r="AW129" s="1034">
        <v>40</v>
      </c>
      <c r="AX129" s="1034">
        <v>18</v>
      </c>
      <c r="AY129" s="1034">
        <v>40</v>
      </c>
      <c r="AZ129" s="1035">
        <v>40</v>
      </c>
      <c r="BA129" s="1035">
        <v>6</v>
      </c>
      <c r="BB129" s="1035">
        <v>5</v>
      </c>
      <c r="BC129" s="1035">
        <v>11</v>
      </c>
      <c r="BD129" s="1035">
        <v>31</v>
      </c>
      <c r="BE129" s="1035">
        <v>0</v>
      </c>
      <c r="BF129" s="1035">
        <v>65</v>
      </c>
      <c r="BG129" s="1035">
        <f>BF129*[4]TripRateCalculations!$Q$4</f>
        <v>9.5194508009153314</v>
      </c>
      <c r="BH129" s="1027" t="s">
        <v>1889</v>
      </c>
      <c r="BI129" s="1026" t="s">
        <v>722</v>
      </c>
      <c r="BJ129" s="1026" t="s">
        <v>53</v>
      </c>
      <c r="BK129" s="1042">
        <f>ROUND((VLOOKUP(F129,'[4]Cost Summary'!A:H,8,)),0.1)</f>
        <v>797</v>
      </c>
      <c r="BL129" s="1026">
        <v>1</v>
      </c>
      <c r="BM129" s="1078">
        <v>7</v>
      </c>
      <c r="BN129" s="1044" t="s">
        <v>1584</v>
      </c>
      <c r="BO129" s="1130">
        <v>518.02</v>
      </c>
      <c r="BP129" s="992"/>
      <c r="BQ129" s="1131">
        <f t="shared" si="42"/>
        <v>2.9487944771742228E-2</v>
      </c>
      <c r="BR129" s="1131">
        <f t="shared" si="43"/>
        <v>0.10207365497910771</v>
      </c>
      <c r="BS129" s="1131">
        <f t="shared" si="44"/>
        <v>4.990267576756377E-2</v>
      </c>
      <c r="BT129" s="1131">
        <f t="shared" si="45"/>
        <v>0</v>
      </c>
      <c r="BU129" s="1131">
        <f t="shared" si="46"/>
        <v>1.8146427551841371E-2</v>
      </c>
      <c r="BV129" s="1131">
        <f t="shared" si="47"/>
        <v>3.8561158547662913E-2</v>
      </c>
      <c r="BW129" s="1131">
        <f t="shared" si="48"/>
        <v>9.7537048091147369E-2</v>
      </c>
      <c r="BX129" s="1131">
        <f t="shared" si="49"/>
        <v>2.9487944771742228E-2</v>
      </c>
      <c r="BY129" s="1131">
        <f t="shared" si="50"/>
        <v>0.10661026186706805</v>
      </c>
      <c r="BZ129" s="1131">
        <f t="shared" si="51"/>
        <v>0.33797721315304552</v>
      </c>
      <c r="CA129" s="1131">
        <f t="shared" si="52"/>
        <v>6.8049103319405141E-3</v>
      </c>
      <c r="CB129" s="1131">
        <f t="shared" si="53"/>
        <v>1.1341517219900857E-2</v>
      </c>
      <c r="CC129" s="1131">
        <f t="shared" si="54"/>
        <v>1.58781241078612E-2</v>
      </c>
      <c r="CD129" s="1131">
        <f t="shared" si="55"/>
        <v>0</v>
      </c>
      <c r="CE129" s="1131">
        <f t="shared" si="56"/>
        <v>4.5366068879603427E-3</v>
      </c>
      <c r="CF129" s="1131">
        <f t="shared" si="57"/>
        <v>4.5366068879603427E-3</v>
      </c>
      <c r="CG129" s="1131">
        <f t="shared" si="58"/>
        <v>2.2683034439801714E-3</v>
      </c>
      <c r="CH129" s="1131">
        <f t="shared" si="59"/>
        <v>9.0732137759206855E-2</v>
      </c>
      <c r="CI129" s="1131">
        <f t="shared" si="60"/>
        <v>4.0829461991643085E-2</v>
      </c>
      <c r="CJ129" s="1131">
        <f t="shared" si="61"/>
        <v>1.3288001868625259E-2</v>
      </c>
      <c r="CK129" s="1132">
        <f t="shared" si="62"/>
        <v>0.99999999999999967</v>
      </c>
    </row>
    <row r="130" spans="1:89" ht="71.25" x14ac:dyDescent="0.2">
      <c r="A130" s="992"/>
      <c r="B130" s="1126" t="s">
        <v>66</v>
      </c>
      <c r="C130" s="1126"/>
      <c r="D130" s="1126"/>
      <c r="E130" s="1126"/>
      <c r="F130" s="1026" t="s">
        <v>1893</v>
      </c>
      <c r="G130" s="1026" t="s">
        <v>1115</v>
      </c>
      <c r="H130" s="1026" t="s">
        <v>1116</v>
      </c>
      <c r="I130" s="1026" t="s">
        <v>1503</v>
      </c>
      <c r="J130" s="1026" t="s">
        <v>1894</v>
      </c>
      <c r="K130" s="1026" t="s">
        <v>1895</v>
      </c>
      <c r="L130" s="1026" t="s">
        <v>1488</v>
      </c>
      <c r="M130" s="1026" t="s">
        <v>1489</v>
      </c>
      <c r="N130" s="1026">
        <v>1</v>
      </c>
      <c r="O130" s="1026" t="s">
        <v>932</v>
      </c>
      <c r="P130" s="1026" t="s">
        <v>1490</v>
      </c>
      <c r="Q130" s="1026" t="s">
        <v>1491</v>
      </c>
      <c r="R130" s="1026" t="s">
        <v>1492</v>
      </c>
      <c r="S130" s="1026" t="s">
        <v>1493</v>
      </c>
      <c r="T130" s="1026" t="s">
        <v>1514</v>
      </c>
      <c r="U130" s="1016" t="str">
        <f>_xlfn.XLOOKUP(F130, [4]GIS!D:D, [4]GIS!E:E, "Not mapped")</f>
        <v>Multiple - Scenario 2</v>
      </c>
      <c r="V130" s="1031" t="s">
        <v>1515</v>
      </c>
      <c r="W130" s="1018" t="s">
        <v>1496</v>
      </c>
      <c r="X130" s="1019" t="s">
        <v>1497</v>
      </c>
      <c r="Y130" s="1020" t="s">
        <v>1498</v>
      </c>
      <c r="Z130" s="1020" t="s">
        <v>1498</v>
      </c>
      <c r="AA130" s="1020" t="s">
        <v>1498</v>
      </c>
      <c r="AB130" s="1020" t="s">
        <v>1498</v>
      </c>
      <c r="AC130" s="1020" t="s">
        <v>1498</v>
      </c>
      <c r="AD130" s="1020" t="s">
        <v>1498</v>
      </c>
      <c r="AE130" s="1020" t="s">
        <v>1498</v>
      </c>
      <c r="AF130" s="1020" t="s">
        <v>1498</v>
      </c>
      <c r="AG130" s="1020" t="s">
        <v>1498</v>
      </c>
      <c r="AH130" s="1020" t="s">
        <v>1498</v>
      </c>
      <c r="AI130" s="1020" t="s">
        <v>1498</v>
      </c>
      <c r="AJ130" s="1020" t="s">
        <v>1498</v>
      </c>
      <c r="AK130" s="1020" t="str">
        <f>IF(AJ130="n/a","n/a",ROUND((AJ130*[4]TripRateCalculations!$V$6),0))</f>
        <v>n/a</v>
      </c>
      <c r="AL130" s="1020" t="s">
        <v>1498</v>
      </c>
      <c r="AM130" s="1020" t="s">
        <v>1498</v>
      </c>
      <c r="AN130" s="1020" t="str">
        <f>IF(AT130="n/a","n/a",ROUND((AT130*[4]TripRateCalculations!N$4),0))</f>
        <v>n/a</v>
      </c>
      <c r="AO130" s="1020" t="str">
        <f>IF(AU130="n/a","n/a",ROUND((AU130*[4]TripRateCalculations!O$4),0))</f>
        <v>n/a</v>
      </c>
      <c r="AP130" s="1020" t="str">
        <f>IF(AV130="n/a","n/a",ROUND((AV130*[4]TripRateCalculations!P$4),0))</f>
        <v>n/a</v>
      </c>
      <c r="AQ130" s="1020" t="s">
        <v>1498</v>
      </c>
      <c r="AR130" s="1020" t="str">
        <f>IF(AX130="n/a","n/a",ROUND((AX130*[4]TripRateCalculations!R$4),0))</f>
        <v>n/a</v>
      </c>
      <c r="AS130" s="1020" t="str">
        <f>IF(AY130="n/a","n/a",ROUND((AY130*[4]TripRateCalculations!S$4),0))</f>
        <v>n/a</v>
      </c>
      <c r="AT130" s="1020" t="s">
        <v>1498</v>
      </c>
      <c r="AU130" s="1020" t="s">
        <v>1498</v>
      </c>
      <c r="AV130" s="1020" t="s">
        <v>1498</v>
      </c>
      <c r="AW130" s="1020" t="s">
        <v>1498</v>
      </c>
      <c r="AX130" s="1020" t="s">
        <v>1498</v>
      </c>
      <c r="AY130" s="1020" t="s">
        <v>1498</v>
      </c>
      <c r="AZ130" s="1020" t="s">
        <v>1498</v>
      </c>
      <c r="BA130" s="1100" t="s">
        <v>1498</v>
      </c>
      <c r="BB130" s="1100" t="s">
        <v>1498</v>
      </c>
      <c r="BC130" s="1100" t="s">
        <v>1498</v>
      </c>
      <c r="BD130" s="1100" t="s">
        <v>1498</v>
      </c>
      <c r="BE130" s="1100" t="s">
        <v>1498</v>
      </c>
      <c r="BF130" s="1100" t="s">
        <v>1498</v>
      </c>
      <c r="BG130" s="1100" t="s">
        <v>1498</v>
      </c>
      <c r="BH130" s="1027" t="s">
        <v>1896</v>
      </c>
      <c r="BI130" s="1026" t="s">
        <v>722</v>
      </c>
      <c r="BJ130" s="1026" t="s">
        <v>53</v>
      </c>
      <c r="BK130" s="1042">
        <f>ROUND((VLOOKUP(F130,'[4]Cost Summary'!A:H,8,)),0.1)</f>
        <v>12923</v>
      </c>
      <c r="BL130" s="1026">
        <v>0</v>
      </c>
      <c r="BM130" s="1078" t="s">
        <v>1500</v>
      </c>
      <c r="BN130" s="1044" t="s">
        <v>1584</v>
      </c>
      <c r="BO130" s="1130">
        <v>8395.83</v>
      </c>
      <c r="BP130" s="992"/>
      <c r="BQ130" s="1131" t="e">
        <f t="shared" si="42"/>
        <v>#VALUE!</v>
      </c>
      <c r="BR130" s="1131" t="e">
        <f t="shared" si="43"/>
        <v>#VALUE!</v>
      </c>
      <c r="BS130" s="1131" t="e">
        <f t="shared" si="44"/>
        <v>#VALUE!</v>
      </c>
      <c r="BT130" s="1131" t="e">
        <f t="shared" si="45"/>
        <v>#VALUE!</v>
      </c>
      <c r="BU130" s="1131" t="e">
        <f t="shared" si="46"/>
        <v>#VALUE!</v>
      </c>
      <c r="BV130" s="1131" t="e">
        <f t="shared" si="47"/>
        <v>#VALUE!</v>
      </c>
      <c r="BW130" s="1131" t="e">
        <f t="shared" si="48"/>
        <v>#VALUE!</v>
      </c>
      <c r="BX130" s="1131" t="e">
        <f t="shared" si="49"/>
        <v>#VALUE!</v>
      </c>
      <c r="BY130" s="1131" t="e">
        <f t="shared" si="50"/>
        <v>#VALUE!</v>
      </c>
      <c r="BZ130" s="1131" t="e">
        <f t="shared" si="51"/>
        <v>#VALUE!</v>
      </c>
      <c r="CA130" s="1131" t="e">
        <f t="shared" si="52"/>
        <v>#VALUE!</v>
      </c>
      <c r="CB130" s="1131" t="e">
        <f t="shared" si="53"/>
        <v>#VALUE!</v>
      </c>
      <c r="CC130" s="1131" t="e">
        <f t="shared" si="54"/>
        <v>#VALUE!</v>
      </c>
      <c r="CD130" s="1131" t="e">
        <f t="shared" si="55"/>
        <v>#VALUE!</v>
      </c>
      <c r="CE130" s="1131" t="e">
        <f t="shared" si="56"/>
        <v>#VALUE!</v>
      </c>
      <c r="CF130" s="1131" t="e">
        <f t="shared" si="57"/>
        <v>#VALUE!</v>
      </c>
      <c r="CG130" s="1131" t="e">
        <f t="shared" si="58"/>
        <v>#VALUE!</v>
      </c>
      <c r="CH130" s="1131" t="e">
        <f t="shared" si="59"/>
        <v>#VALUE!</v>
      </c>
      <c r="CI130" s="1131" t="e">
        <f t="shared" si="60"/>
        <v>#VALUE!</v>
      </c>
      <c r="CJ130" s="1131" t="e">
        <f t="shared" si="61"/>
        <v>#VALUE!</v>
      </c>
      <c r="CK130" s="1132" t="str">
        <f t="shared" si="62"/>
        <v>n/a</v>
      </c>
    </row>
    <row r="131" spans="1:89" ht="75" x14ac:dyDescent="0.2">
      <c r="A131" s="992"/>
      <c r="B131" s="1126" t="s">
        <v>66</v>
      </c>
      <c r="C131" s="1126"/>
      <c r="D131" s="1126"/>
      <c r="E131" s="1126"/>
      <c r="F131" s="1026" t="s">
        <v>1897</v>
      </c>
      <c r="G131" s="1026" t="s">
        <v>1117</v>
      </c>
      <c r="H131" s="1026" t="s">
        <v>1118</v>
      </c>
      <c r="I131" s="1026" t="s">
        <v>1898</v>
      </c>
      <c r="J131" s="1026" t="s">
        <v>1899</v>
      </c>
      <c r="K131" s="1026" t="s">
        <v>1900</v>
      </c>
      <c r="L131" s="1026" t="s">
        <v>1488</v>
      </c>
      <c r="M131" s="1026" t="s">
        <v>1489</v>
      </c>
      <c r="N131" s="1026">
        <v>1</v>
      </c>
      <c r="O131" s="1026" t="s">
        <v>932</v>
      </c>
      <c r="P131" s="1026" t="s">
        <v>1490</v>
      </c>
      <c r="Q131" s="1026" t="s">
        <v>1491</v>
      </c>
      <c r="R131" s="1026" t="s">
        <v>1492</v>
      </c>
      <c r="S131" s="1026" t="s">
        <v>1493</v>
      </c>
      <c r="T131" s="1026" t="s">
        <v>1514</v>
      </c>
      <c r="U131" s="1016" t="str">
        <f>_xlfn.XLOOKUP(F131, [4]GIS!D:D, [4]GIS!E:E, "Not mapped")</f>
        <v>Single - Scenario 3</v>
      </c>
      <c r="V131" s="1017" t="s">
        <v>1495</v>
      </c>
      <c r="W131" s="1018" t="s">
        <v>1496</v>
      </c>
      <c r="X131" s="1019" t="s">
        <v>1497</v>
      </c>
      <c r="Y131" s="1020" t="s">
        <v>1498</v>
      </c>
      <c r="Z131" s="1020" t="s">
        <v>1498</v>
      </c>
      <c r="AA131" s="1020" t="s">
        <v>1498</v>
      </c>
      <c r="AB131" s="1020" t="s">
        <v>1498</v>
      </c>
      <c r="AC131" s="1020" t="s">
        <v>1498</v>
      </c>
      <c r="AD131" s="1020" t="s">
        <v>1498</v>
      </c>
      <c r="AE131" s="1020" t="s">
        <v>1498</v>
      </c>
      <c r="AF131" s="1020" t="s">
        <v>1498</v>
      </c>
      <c r="AG131" s="1020" t="s">
        <v>1498</v>
      </c>
      <c r="AH131" s="1020" t="s">
        <v>1498</v>
      </c>
      <c r="AI131" s="1020" t="s">
        <v>1498</v>
      </c>
      <c r="AJ131" s="1020" t="s">
        <v>1498</v>
      </c>
      <c r="AK131" s="1020" t="str">
        <f>IF(AJ131="n/a","n/a",ROUND((AJ131*[4]TripRateCalculations!$V$6),0))</f>
        <v>n/a</v>
      </c>
      <c r="AL131" s="1020" t="s">
        <v>1498</v>
      </c>
      <c r="AM131" s="1020" t="s">
        <v>1498</v>
      </c>
      <c r="AN131" s="1020" t="str">
        <f>IF(AT131="n/a","n/a",ROUND((AT131*[4]TripRateCalculations!N$4),0))</f>
        <v>n/a</v>
      </c>
      <c r="AO131" s="1020" t="str">
        <f>IF(AU131="n/a","n/a",ROUND((AU131*[4]TripRateCalculations!O$4),0))</f>
        <v>n/a</v>
      </c>
      <c r="AP131" s="1020" t="str">
        <f>IF(AV131="n/a","n/a",ROUND((AV131*[4]TripRateCalculations!P$4),0))</f>
        <v>n/a</v>
      </c>
      <c r="AQ131" s="1020" t="s">
        <v>1498</v>
      </c>
      <c r="AR131" s="1020" t="str">
        <f>IF(AX131="n/a","n/a",ROUND((AX131*[4]TripRateCalculations!R$4),0))</f>
        <v>n/a</v>
      </c>
      <c r="AS131" s="1020" t="str">
        <f>IF(AY131="n/a","n/a",ROUND((AY131*[4]TripRateCalculations!S$4),0))</f>
        <v>n/a</v>
      </c>
      <c r="AT131" s="1020" t="s">
        <v>1498</v>
      </c>
      <c r="AU131" s="1020" t="s">
        <v>1498</v>
      </c>
      <c r="AV131" s="1020" t="s">
        <v>1498</v>
      </c>
      <c r="AW131" s="1020" t="s">
        <v>1498</v>
      </c>
      <c r="AX131" s="1020" t="s">
        <v>1498</v>
      </c>
      <c r="AY131" s="1020" t="s">
        <v>1498</v>
      </c>
      <c r="AZ131" s="1020" t="s">
        <v>1498</v>
      </c>
      <c r="BA131" s="1100" t="s">
        <v>1498</v>
      </c>
      <c r="BB131" s="1100" t="s">
        <v>1498</v>
      </c>
      <c r="BC131" s="1100" t="s">
        <v>1498</v>
      </c>
      <c r="BD131" s="1100" t="s">
        <v>1498</v>
      </c>
      <c r="BE131" s="1100" t="s">
        <v>1498</v>
      </c>
      <c r="BF131" s="1100" t="s">
        <v>1498</v>
      </c>
      <c r="BG131" s="1100" t="s">
        <v>1498</v>
      </c>
      <c r="BH131" s="1027" t="s">
        <v>1896</v>
      </c>
      <c r="BI131" s="1026" t="s">
        <v>722</v>
      </c>
      <c r="BJ131" s="1026" t="s">
        <v>53</v>
      </c>
      <c r="BK131" s="1042">
        <f>ROUND((VLOOKUP(F131,'[4]Cost Summary'!A:H,8,)),0.1)</f>
        <v>272111</v>
      </c>
      <c r="BL131" s="1026">
        <v>2</v>
      </c>
      <c r="BM131" s="1078">
        <v>8</v>
      </c>
      <c r="BN131" s="1044" t="s">
        <v>1584</v>
      </c>
      <c r="BO131" s="1130">
        <v>176783.75</v>
      </c>
      <c r="BP131" s="992"/>
      <c r="BQ131" s="1131" t="e">
        <f t="shared" si="42"/>
        <v>#VALUE!</v>
      </c>
      <c r="BR131" s="1131" t="e">
        <f t="shared" si="43"/>
        <v>#VALUE!</v>
      </c>
      <c r="BS131" s="1131" t="e">
        <f t="shared" si="44"/>
        <v>#VALUE!</v>
      </c>
      <c r="BT131" s="1131" t="e">
        <f t="shared" si="45"/>
        <v>#VALUE!</v>
      </c>
      <c r="BU131" s="1131" t="e">
        <f t="shared" si="46"/>
        <v>#VALUE!</v>
      </c>
      <c r="BV131" s="1131" t="e">
        <f t="shared" si="47"/>
        <v>#VALUE!</v>
      </c>
      <c r="BW131" s="1131" t="e">
        <f t="shared" si="48"/>
        <v>#VALUE!</v>
      </c>
      <c r="BX131" s="1131" t="e">
        <f t="shared" si="49"/>
        <v>#VALUE!</v>
      </c>
      <c r="BY131" s="1131" t="e">
        <f t="shared" si="50"/>
        <v>#VALUE!</v>
      </c>
      <c r="BZ131" s="1131" t="e">
        <f t="shared" si="51"/>
        <v>#VALUE!</v>
      </c>
      <c r="CA131" s="1131" t="e">
        <f t="shared" si="52"/>
        <v>#VALUE!</v>
      </c>
      <c r="CB131" s="1131" t="e">
        <f t="shared" si="53"/>
        <v>#VALUE!</v>
      </c>
      <c r="CC131" s="1131" t="e">
        <f t="shared" si="54"/>
        <v>#VALUE!</v>
      </c>
      <c r="CD131" s="1131" t="e">
        <f t="shared" si="55"/>
        <v>#VALUE!</v>
      </c>
      <c r="CE131" s="1131" t="e">
        <f t="shared" si="56"/>
        <v>#VALUE!</v>
      </c>
      <c r="CF131" s="1131" t="e">
        <f t="shared" si="57"/>
        <v>#VALUE!</v>
      </c>
      <c r="CG131" s="1131" t="e">
        <f t="shared" si="58"/>
        <v>#VALUE!</v>
      </c>
      <c r="CH131" s="1131" t="e">
        <f t="shared" si="59"/>
        <v>#VALUE!</v>
      </c>
      <c r="CI131" s="1131" t="e">
        <f t="shared" si="60"/>
        <v>#VALUE!</v>
      </c>
      <c r="CJ131" s="1131" t="e">
        <f t="shared" si="61"/>
        <v>#VALUE!</v>
      </c>
      <c r="CK131" s="1132" t="str">
        <f t="shared" si="62"/>
        <v>n/a</v>
      </c>
    </row>
    <row r="132" spans="1:89" ht="128.25" x14ac:dyDescent="0.2">
      <c r="A132" s="992"/>
      <c r="B132" s="1126" t="s">
        <v>66</v>
      </c>
      <c r="C132" s="1126"/>
      <c r="D132" s="1126"/>
      <c r="E132" s="1126"/>
      <c r="F132" s="1026" t="s">
        <v>1901</v>
      </c>
      <c r="G132" s="1026" t="s">
        <v>1119</v>
      </c>
      <c r="H132" s="1026" t="s">
        <v>1120</v>
      </c>
      <c r="I132" s="1026" t="s">
        <v>1902</v>
      </c>
      <c r="J132" s="1026" t="s">
        <v>1521</v>
      </c>
      <c r="K132" s="1026" t="s">
        <v>1521</v>
      </c>
      <c r="L132" s="1026" t="s">
        <v>1488</v>
      </c>
      <c r="M132" s="1026" t="s">
        <v>1489</v>
      </c>
      <c r="N132" s="1026">
        <v>1</v>
      </c>
      <c r="O132" s="1026" t="s">
        <v>900</v>
      </c>
      <c r="P132" s="1026" t="s">
        <v>1490</v>
      </c>
      <c r="Q132" s="1026" t="s">
        <v>1491</v>
      </c>
      <c r="R132" s="1026" t="s">
        <v>1492</v>
      </c>
      <c r="S132" s="1026" t="s">
        <v>1493</v>
      </c>
      <c r="T132" s="1026" t="s">
        <v>1514</v>
      </c>
      <c r="U132" s="1016" t="str">
        <f>_xlfn.XLOOKUP(F132, [4]GIS!D:D, [4]GIS!E:E, "Not mapped")</f>
        <v>Single - Scenario 3</v>
      </c>
      <c r="V132" s="1017" t="s">
        <v>1495</v>
      </c>
      <c r="W132" s="1018" t="s">
        <v>1496</v>
      </c>
      <c r="X132" s="1019" t="s">
        <v>1497</v>
      </c>
      <c r="Y132" s="1020" t="s">
        <v>1498</v>
      </c>
      <c r="Z132" s="1020" t="s">
        <v>1498</v>
      </c>
      <c r="AA132" s="1020" t="s">
        <v>1498</v>
      </c>
      <c r="AB132" s="1020" t="s">
        <v>1498</v>
      </c>
      <c r="AC132" s="1020" t="s">
        <v>1498</v>
      </c>
      <c r="AD132" s="1020" t="s">
        <v>1498</v>
      </c>
      <c r="AE132" s="1020" t="s">
        <v>1498</v>
      </c>
      <c r="AF132" s="1020" t="s">
        <v>1498</v>
      </c>
      <c r="AG132" s="1020" t="s">
        <v>1498</v>
      </c>
      <c r="AH132" s="1020" t="s">
        <v>1498</v>
      </c>
      <c r="AI132" s="1020" t="s">
        <v>1498</v>
      </c>
      <c r="AJ132" s="1020" t="s">
        <v>1498</v>
      </c>
      <c r="AK132" s="1020" t="str">
        <f>IF(AJ132="n/a","n/a",ROUND((AJ132*[4]TripRateCalculations!$V$6),0))</f>
        <v>n/a</v>
      </c>
      <c r="AL132" s="1020" t="s">
        <v>1498</v>
      </c>
      <c r="AM132" s="1020" t="s">
        <v>1498</v>
      </c>
      <c r="AN132" s="1020" t="str">
        <f>IF(AT132="n/a","n/a",ROUND((AT132*[4]TripRateCalculations!N$4),0))</f>
        <v>n/a</v>
      </c>
      <c r="AO132" s="1020" t="str">
        <f>IF(AU132="n/a","n/a",ROUND((AU132*[4]TripRateCalculations!O$4),0))</f>
        <v>n/a</v>
      </c>
      <c r="AP132" s="1020" t="str">
        <f>IF(AV132="n/a","n/a",ROUND((AV132*[4]TripRateCalculations!P$4),0))</f>
        <v>n/a</v>
      </c>
      <c r="AQ132" s="1020" t="s">
        <v>1498</v>
      </c>
      <c r="AR132" s="1020" t="str">
        <f>IF(AX132="n/a","n/a",ROUND((AX132*[4]TripRateCalculations!R$4),0))</f>
        <v>n/a</v>
      </c>
      <c r="AS132" s="1020" t="str">
        <f>IF(AY132="n/a","n/a",ROUND((AY132*[4]TripRateCalculations!S$4),0))</f>
        <v>n/a</v>
      </c>
      <c r="AT132" s="1020" t="s">
        <v>1498</v>
      </c>
      <c r="AU132" s="1020" t="s">
        <v>1498</v>
      </c>
      <c r="AV132" s="1020" t="s">
        <v>1498</v>
      </c>
      <c r="AW132" s="1020" t="s">
        <v>1498</v>
      </c>
      <c r="AX132" s="1020" t="s">
        <v>1498</v>
      </c>
      <c r="AY132" s="1020" t="s">
        <v>1498</v>
      </c>
      <c r="AZ132" s="1020" t="s">
        <v>1498</v>
      </c>
      <c r="BA132" s="1100" t="s">
        <v>1498</v>
      </c>
      <c r="BB132" s="1100" t="s">
        <v>1498</v>
      </c>
      <c r="BC132" s="1100" t="s">
        <v>1498</v>
      </c>
      <c r="BD132" s="1100" t="s">
        <v>1498</v>
      </c>
      <c r="BE132" s="1100" t="s">
        <v>1498</v>
      </c>
      <c r="BF132" s="1100" t="s">
        <v>1498</v>
      </c>
      <c r="BG132" s="1100" t="s">
        <v>1498</v>
      </c>
      <c r="BH132" s="1027" t="s">
        <v>1896</v>
      </c>
      <c r="BI132" s="1026" t="s">
        <v>722</v>
      </c>
      <c r="BJ132" s="1026" t="s">
        <v>53</v>
      </c>
      <c r="BK132" s="1042">
        <f>ROUND((VLOOKUP(F132,'[4]Cost Summary'!A:H,8,)),0.1)</f>
        <v>53644</v>
      </c>
      <c r="BL132" s="1026">
        <v>1</v>
      </c>
      <c r="BM132" s="1078">
        <v>8</v>
      </c>
      <c r="BN132" s="1044" t="s">
        <v>1584</v>
      </c>
      <c r="BO132" s="1130">
        <v>34850.86</v>
      </c>
      <c r="BP132" s="992"/>
      <c r="BQ132" s="1131" t="e">
        <f t="shared" si="42"/>
        <v>#VALUE!</v>
      </c>
      <c r="BR132" s="1131" t="e">
        <f t="shared" si="43"/>
        <v>#VALUE!</v>
      </c>
      <c r="BS132" s="1131" t="e">
        <f t="shared" si="44"/>
        <v>#VALUE!</v>
      </c>
      <c r="BT132" s="1131" t="e">
        <f t="shared" si="45"/>
        <v>#VALUE!</v>
      </c>
      <c r="BU132" s="1131" t="e">
        <f t="shared" si="46"/>
        <v>#VALUE!</v>
      </c>
      <c r="BV132" s="1131" t="e">
        <f t="shared" si="47"/>
        <v>#VALUE!</v>
      </c>
      <c r="BW132" s="1131" t="e">
        <f t="shared" si="48"/>
        <v>#VALUE!</v>
      </c>
      <c r="BX132" s="1131" t="e">
        <f t="shared" si="49"/>
        <v>#VALUE!</v>
      </c>
      <c r="BY132" s="1131" t="e">
        <f t="shared" si="50"/>
        <v>#VALUE!</v>
      </c>
      <c r="BZ132" s="1131" t="e">
        <f t="shared" si="51"/>
        <v>#VALUE!</v>
      </c>
      <c r="CA132" s="1131" t="e">
        <f t="shared" si="52"/>
        <v>#VALUE!</v>
      </c>
      <c r="CB132" s="1131" t="e">
        <f t="shared" si="53"/>
        <v>#VALUE!</v>
      </c>
      <c r="CC132" s="1131" t="e">
        <f t="shared" si="54"/>
        <v>#VALUE!</v>
      </c>
      <c r="CD132" s="1131" t="e">
        <f t="shared" si="55"/>
        <v>#VALUE!</v>
      </c>
      <c r="CE132" s="1131" t="e">
        <f t="shared" si="56"/>
        <v>#VALUE!</v>
      </c>
      <c r="CF132" s="1131" t="e">
        <f t="shared" si="57"/>
        <v>#VALUE!</v>
      </c>
      <c r="CG132" s="1131" t="e">
        <f t="shared" si="58"/>
        <v>#VALUE!</v>
      </c>
      <c r="CH132" s="1131" t="e">
        <f t="shared" si="59"/>
        <v>#VALUE!</v>
      </c>
      <c r="CI132" s="1131" t="e">
        <f t="shared" si="60"/>
        <v>#VALUE!</v>
      </c>
      <c r="CJ132" s="1131" t="e">
        <f t="shared" si="61"/>
        <v>#VALUE!</v>
      </c>
      <c r="CK132" s="1132" t="str">
        <f t="shared" si="62"/>
        <v>n/a</v>
      </c>
    </row>
    <row r="133" spans="1:89" ht="85.5" x14ac:dyDescent="0.2">
      <c r="A133" s="992"/>
      <c r="B133" s="1126" t="s">
        <v>66</v>
      </c>
      <c r="C133" s="1126"/>
      <c r="D133" s="1126"/>
      <c r="E133" s="1126"/>
      <c r="F133" s="1026" t="s">
        <v>1903</v>
      </c>
      <c r="G133" s="1026" t="s">
        <v>1121</v>
      </c>
      <c r="H133" s="1026" t="s">
        <v>1122</v>
      </c>
      <c r="I133" s="1026" t="s">
        <v>1904</v>
      </c>
      <c r="J133" s="1026" t="s">
        <v>1521</v>
      </c>
      <c r="K133" s="1026" t="s">
        <v>1521</v>
      </c>
      <c r="L133" s="1026" t="s">
        <v>1488</v>
      </c>
      <c r="M133" s="1026" t="s">
        <v>1489</v>
      </c>
      <c r="N133" s="1026">
        <v>1</v>
      </c>
      <c r="O133" s="1026" t="s">
        <v>932</v>
      </c>
      <c r="P133" s="1026" t="s">
        <v>1490</v>
      </c>
      <c r="Q133" s="1026" t="s">
        <v>1491</v>
      </c>
      <c r="R133" s="1026" t="s">
        <v>1492</v>
      </c>
      <c r="S133" s="1026" t="s">
        <v>1493</v>
      </c>
      <c r="T133" s="1026" t="s">
        <v>1514</v>
      </c>
      <c r="U133" s="1016" t="str">
        <f>_xlfn.XLOOKUP(F133, [4]GIS!D:D, [4]GIS!E:E, "Not mapped")</f>
        <v>Single - Scenario 3</v>
      </c>
      <c r="V133" s="1017" t="s">
        <v>1495</v>
      </c>
      <c r="W133" s="1018" t="s">
        <v>1496</v>
      </c>
      <c r="X133" s="1019" t="s">
        <v>1497</v>
      </c>
      <c r="Y133" s="1020" t="s">
        <v>1498</v>
      </c>
      <c r="Z133" s="1020" t="s">
        <v>1498</v>
      </c>
      <c r="AA133" s="1020" t="s">
        <v>1498</v>
      </c>
      <c r="AB133" s="1020" t="s">
        <v>1498</v>
      </c>
      <c r="AC133" s="1020" t="s">
        <v>1498</v>
      </c>
      <c r="AD133" s="1020" t="s">
        <v>1498</v>
      </c>
      <c r="AE133" s="1020" t="s">
        <v>1498</v>
      </c>
      <c r="AF133" s="1020" t="s">
        <v>1498</v>
      </c>
      <c r="AG133" s="1020" t="s">
        <v>1498</v>
      </c>
      <c r="AH133" s="1020" t="s">
        <v>1498</v>
      </c>
      <c r="AI133" s="1020" t="s">
        <v>1498</v>
      </c>
      <c r="AJ133" s="1020" t="s">
        <v>1498</v>
      </c>
      <c r="AK133" s="1020" t="str">
        <f>IF(AJ133="n/a","n/a",ROUND((AJ133*[4]TripRateCalculations!$V$6),0))</f>
        <v>n/a</v>
      </c>
      <c r="AL133" s="1020" t="s">
        <v>1498</v>
      </c>
      <c r="AM133" s="1020" t="s">
        <v>1498</v>
      </c>
      <c r="AN133" s="1020" t="str">
        <f>IF(AT133="n/a","n/a",ROUND((AT133*[4]TripRateCalculations!N$4),0))</f>
        <v>n/a</v>
      </c>
      <c r="AO133" s="1020" t="str">
        <f>IF(AU133="n/a","n/a",ROUND((AU133*[4]TripRateCalculations!O$4),0))</f>
        <v>n/a</v>
      </c>
      <c r="AP133" s="1020" t="str">
        <f>IF(AV133="n/a","n/a",ROUND((AV133*[4]TripRateCalculations!P$4),0))</f>
        <v>n/a</v>
      </c>
      <c r="AQ133" s="1020" t="s">
        <v>1498</v>
      </c>
      <c r="AR133" s="1020" t="str">
        <f>IF(AX133="n/a","n/a",ROUND((AX133*[4]TripRateCalculations!R$4),0))</f>
        <v>n/a</v>
      </c>
      <c r="AS133" s="1020" t="str">
        <f>IF(AY133="n/a","n/a",ROUND((AY133*[4]TripRateCalculations!S$4),0))</f>
        <v>n/a</v>
      </c>
      <c r="AT133" s="1020" t="s">
        <v>1498</v>
      </c>
      <c r="AU133" s="1020" t="s">
        <v>1498</v>
      </c>
      <c r="AV133" s="1020" t="s">
        <v>1498</v>
      </c>
      <c r="AW133" s="1020" t="s">
        <v>1498</v>
      </c>
      <c r="AX133" s="1020" t="s">
        <v>1498</v>
      </c>
      <c r="AY133" s="1020" t="s">
        <v>1498</v>
      </c>
      <c r="AZ133" s="1020" t="s">
        <v>1498</v>
      </c>
      <c r="BA133" s="1100" t="s">
        <v>1498</v>
      </c>
      <c r="BB133" s="1100" t="s">
        <v>1498</v>
      </c>
      <c r="BC133" s="1100" t="s">
        <v>1498</v>
      </c>
      <c r="BD133" s="1100" t="s">
        <v>1498</v>
      </c>
      <c r="BE133" s="1100" t="s">
        <v>1498</v>
      </c>
      <c r="BF133" s="1100" t="s">
        <v>1498</v>
      </c>
      <c r="BG133" s="1100" t="s">
        <v>1498</v>
      </c>
      <c r="BH133" s="1027" t="s">
        <v>1896</v>
      </c>
      <c r="BI133" s="1026" t="s">
        <v>722</v>
      </c>
      <c r="BJ133" s="1026" t="s">
        <v>53</v>
      </c>
      <c r="BK133" s="1042">
        <f>ROUND((VLOOKUP(F133,'[4]Cost Summary'!A:H,8,)),0.1)</f>
        <v>1142233</v>
      </c>
      <c r="BL133" s="1026">
        <v>1</v>
      </c>
      <c r="BM133" s="1078">
        <v>8</v>
      </c>
      <c r="BN133" s="1044" t="s">
        <v>1584</v>
      </c>
      <c r="BO133" s="1130">
        <v>742080.63</v>
      </c>
      <c r="BP133" s="992"/>
      <c r="BQ133" s="1131" t="e">
        <f t="shared" si="42"/>
        <v>#VALUE!</v>
      </c>
      <c r="BR133" s="1131" t="e">
        <f t="shared" si="43"/>
        <v>#VALUE!</v>
      </c>
      <c r="BS133" s="1131" t="e">
        <f t="shared" si="44"/>
        <v>#VALUE!</v>
      </c>
      <c r="BT133" s="1131" t="e">
        <f t="shared" si="45"/>
        <v>#VALUE!</v>
      </c>
      <c r="BU133" s="1131" t="e">
        <f t="shared" si="46"/>
        <v>#VALUE!</v>
      </c>
      <c r="BV133" s="1131" t="e">
        <f t="shared" si="47"/>
        <v>#VALUE!</v>
      </c>
      <c r="BW133" s="1131" t="e">
        <f t="shared" si="48"/>
        <v>#VALUE!</v>
      </c>
      <c r="BX133" s="1131" t="e">
        <f t="shared" si="49"/>
        <v>#VALUE!</v>
      </c>
      <c r="BY133" s="1131" t="e">
        <f t="shared" si="50"/>
        <v>#VALUE!</v>
      </c>
      <c r="BZ133" s="1131" t="e">
        <f t="shared" si="51"/>
        <v>#VALUE!</v>
      </c>
      <c r="CA133" s="1131" t="e">
        <f t="shared" si="52"/>
        <v>#VALUE!</v>
      </c>
      <c r="CB133" s="1131" t="e">
        <f t="shared" si="53"/>
        <v>#VALUE!</v>
      </c>
      <c r="CC133" s="1131" t="e">
        <f t="shared" si="54"/>
        <v>#VALUE!</v>
      </c>
      <c r="CD133" s="1131" t="e">
        <f t="shared" si="55"/>
        <v>#VALUE!</v>
      </c>
      <c r="CE133" s="1131" t="e">
        <f t="shared" si="56"/>
        <v>#VALUE!</v>
      </c>
      <c r="CF133" s="1131" t="e">
        <f t="shared" si="57"/>
        <v>#VALUE!</v>
      </c>
      <c r="CG133" s="1131" t="e">
        <f t="shared" si="58"/>
        <v>#VALUE!</v>
      </c>
      <c r="CH133" s="1131" t="e">
        <f t="shared" si="59"/>
        <v>#VALUE!</v>
      </c>
      <c r="CI133" s="1131" t="e">
        <f t="shared" si="60"/>
        <v>#VALUE!</v>
      </c>
      <c r="CJ133" s="1131" t="e">
        <f t="shared" si="61"/>
        <v>#VALUE!</v>
      </c>
      <c r="CK133" s="1132" t="str">
        <f t="shared" si="62"/>
        <v>n/a</v>
      </c>
    </row>
    <row r="134" spans="1:89" ht="75" x14ac:dyDescent="0.2">
      <c r="A134" s="992"/>
      <c r="B134" s="1126" t="s">
        <v>66</v>
      </c>
      <c r="C134" s="1126"/>
      <c r="D134" s="1126"/>
      <c r="E134" s="1126"/>
      <c r="F134" s="1026" t="s">
        <v>1905</v>
      </c>
      <c r="G134" s="1026" t="s">
        <v>1123</v>
      </c>
      <c r="H134" s="1026" t="s">
        <v>1906</v>
      </c>
      <c r="I134" s="1026" t="s">
        <v>1898</v>
      </c>
      <c r="J134" s="1026" t="s">
        <v>1907</v>
      </c>
      <c r="K134" s="1026" t="s">
        <v>1908</v>
      </c>
      <c r="L134" s="1026" t="s">
        <v>1488</v>
      </c>
      <c r="M134" s="1026" t="s">
        <v>1489</v>
      </c>
      <c r="N134" s="1026">
        <v>1</v>
      </c>
      <c r="O134" s="1026" t="s">
        <v>932</v>
      </c>
      <c r="P134" s="1026" t="s">
        <v>1490</v>
      </c>
      <c r="Q134" s="1026" t="s">
        <v>1491</v>
      </c>
      <c r="R134" s="1026" t="s">
        <v>1492</v>
      </c>
      <c r="S134" s="1026" t="s">
        <v>1493</v>
      </c>
      <c r="T134" s="1026" t="s">
        <v>1514</v>
      </c>
      <c r="U134" s="1016" t="str">
        <f>_xlfn.XLOOKUP(F134, [4]GIS!D:D, [4]GIS!E:E, "Not mapped")</f>
        <v>Single - Scenario 3</v>
      </c>
      <c r="V134" s="1017" t="s">
        <v>1495</v>
      </c>
      <c r="W134" s="1018" t="s">
        <v>1496</v>
      </c>
      <c r="X134" s="1019" t="s">
        <v>1497</v>
      </c>
      <c r="Y134" s="1020" t="s">
        <v>1498</v>
      </c>
      <c r="Z134" s="1020" t="s">
        <v>1498</v>
      </c>
      <c r="AA134" s="1020" t="s">
        <v>1498</v>
      </c>
      <c r="AB134" s="1020" t="s">
        <v>1498</v>
      </c>
      <c r="AC134" s="1020" t="s">
        <v>1498</v>
      </c>
      <c r="AD134" s="1020" t="s">
        <v>1498</v>
      </c>
      <c r="AE134" s="1020" t="s">
        <v>1498</v>
      </c>
      <c r="AF134" s="1020" t="s">
        <v>1498</v>
      </c>
      <c r="AG134" s="1020" t="s">
        <v>1498</v>
      </c>
      <c r="AH134" s="1020" t="s">
        <v>1498</v>
      </c>
      <c r="AI134" s="1020" t="s">
        <v>1498</v>
      </c>
      <c r="AJ134" s="1020" t="s">
        <v>1498</v>
      </c>
      <c r="AK134" s="1020" t="str">
        <f>IF(AJ134="n/a","n/a",ROUND((AJ134*[4]TripRateCalculations!$V$6),0))</f>
        <v>n/a</v>
      </c>
      <c r="AL134" s="1020" t="s">
        <v>1498</v>
      </c>
      <c r="AM134" s="1020" t="s">
        <v>1498</v>
      </c>
      <c r="AN134" s="1020" t="str">
        <f>IF(AT134="n/a","n/a",ROUND((AT134*[4]TripRateCalculations!N$4),0))</f>
        <v>n/a</v>
      </c>
      <c r="AO134" s="1020" t="str">
        <f>IF(AU134="n/a","n/a",ROUND((AU134*[4]TripRateCalculations!O$4),0))</f>
        <v>n/a</v>
      </c>
      <c r="AP134" s="1020" t="str">
        <f>IF(AV134="n/a","n/a",ROUND((AV134*[4]TripRateCalculations!P$4),0))</f>
        <v>n/a</v>
      </c>
      <c r="AQ134" s="1020" t="s">
        <v>1498</v>
      </c>
      <c r="AR134" s="1020" t="str">
        <f>IF(AX134="n/a","n/a",ROUND((AX134*[4]TripRateCalculations!R$4),0))</f>
        <v>n/a</v>
      </c>
      <c r="AS134" s="1020" t="str">
        <f>IF(AY134="n/a","n/a",ROUND((AY134*[4]TripRateCalculations!S$4),0))</f>
        <v>n/a</v>
      </c>
      <c r="AT134" s="1020" t="s">
        <v>1498</v>
      </c>
      <c r="AU134" s="1020" t="s">
        <v>1498</v>
      </c>
      <c r="AV134" s="1020" t="s">
        <v>1498</v>
      </c>
      <c r="AW134" s="1020" t="s">
        <v>1498</v>
      </c>
      <c r="AX134" s="1020" t="s">
        <v>1498</v>
      </c>
      <c r="AY134" s="1020" t="s">
        <v>1498</v>
      </c>
      <c r="AZ134" s="1020" t="s">
        <v>1498</v>
      </c>
      <c r="BA134" s="1100" t="s">
        <v>1498</v>
      </c>
      <c r="BB134" s="1100" t="s">
        <v>1498</v>
      </c>
      <c r="BC134" s="1100" t="s">
        <v>1498</v>
      </c>
      <c r="BD134" s="1100" t="s">
        <v>1498</v>
      </c>
      <c r="BE134" s="1100" t="s">
        <v>1498</v>
      </c>
      <c r="BF134" s="1100" t="s">
        <v>1498</v>
      </c>
      <c r="BG134" s="1100" t="s">
        <v>1498</v>
      </c>
      <c r="BH134" s="1027" t="s">
        <v>1896</v>
      </c>
      <c r="BI134" s="1026" t="s">
        <v>722</v>
      </c>
      <c r="BJ134" s="1026" t="s">
        <v>53</v>
      </c>
      <c r="BK134" s="1042">
        <f>ROUND((VLOOKUP(F134,'[4]Cost Summary'!A:H,8,)),0.1)</f>
        <v>348049</v>
      </c>
      <c r="BL134" s="1026">
        <v>1</v>
      </c>
      <c r="BM134" s="1078">
        <v>8</v>
      </c>
      <c r="BN134" s="1044" t="s">
        <v>1584</v>
      </c>
      <c r="BO134" s="1130">
        <v>226118.75</v>
      </c>
      <c r="BP134" s="992"/>
      <c r="BQ134" s="1131" t="e">
        <f t="shared" si="42"/>
        <v>#VALUE!</v>
      </c>
      <c r="BR134" s="1131" t="e">
        <f t="shared" si="43"/>
        <v>#VALUE!</v>
      </c>
      <c r="BS134" s="1131" t="e">
        <f t="shared" si="44"/>
        <v>#VALUE!</v>
      </c>
      <c r="BT134" s="1131" t="e">
        <f t="shared" si="45"/>
        <v>#VALUE!</v>
      </c>
      <c r="BU134" s="1131" t="e">
        <f t="shared" si="46"/>
        <v>#VALUE!</v>
      </c>
      <c r="BV134" s="1131" t="e">
        <f t="shared" si="47"/>
        <v>#VALUE!</v>
      </c>
      <c r="BW134" s="1131" t="e">
        <f t="shared" si="48"/>
        <v>#VALUE!</v>
      </c>
      <c r="BX134" s="1131" t="e">
        <f t="shared" si="49"/>
        <v>#VALUE!</v>
      </c>
      <c r="BY134" s="1131" t="e">
        <f t="shared" si="50"/>
        <v>#VALUE!</v>
      </c>
      <c r="BZ134" s="1131" t="e">
        <f t="shared" si="51"/>
        <v>#VALUE!</v>
      </c>
      <c r="CA134" s="1131" t="e">
        <f t="shared" si="52"/>
        <v>#VALUE!</v>
      </c>
      <c r="CB134" s="1131" t="e">
        <f t="shared" si="53"/>
        <v>#VALUE!</v>
      </c>
      <c r="CC134" s="1131" t="e">
        <f t="shared" si="54"/>
        <v>#VALUE!</v>
      </c>
      <c r="CD134" s="1131" t="e">
        <f t="shared" si="55"/>
        <v>#VALUE!</v>
      </c>
      <c r="CE134" s="1131" t="e">
        <f t="shared" si="56"/>
        <v>#VALUE!</v>
      </c>
      <c r="CF134" s="1131" t="e">
        <f t="shared" si="57"/>
        <v>#VALUE!</v>
      </c>
      <c r="CG134" s="1131" t="e">
        <f t="shared" si="58"/>
        <v>#VALUE!</v>
      </c>
      <c r="CH134" s="1131" t="e">
        <f t="shared" si="59"/>
        <v>#VALUE!</v>
      </c>
      <c r="CI134" s="1131" t="e">
        <f t="shared" si="60"/>
        <v>#VALUE!</v>
      </c>
      <c r="CJ134" s="1131" t="e">
        <f t="shared" si="61"/>
        <v>#VALUE!</v>
      </c>
      <c r="CK134" s="1132" t="str">
        <f t="shared" si="62"/>
        <v>n/a</v>
      </c>
    </row>
    <row r="135" spans="1:89" ht="75" x14ac:dyDescent="0.2">
      <c r="A135" s="992"/>
      <c r="B135" s="1126" t="s">
        <v>66</v>
      </c>
      <c r="C135" s="1126"/>
      <c r="D135" s="1126"/>
      <c r="E135" s="1126"/>
      <c r="F135" s="1026" t="s">
        <v>1909</v>
      </c>
      <c r="G135" s="1026" t="s">
        <v>1125</v>
      </c>
      <c r="H135" s="1026" t="s">
        <v>1126</v>
      </c>
      <c r="I135" s="1026" t="s">
        <v>1910</v>
      </c>
      <c r="J135" s="1026" t="s">
        <v>1521</v>
      </c>
      <c r="K135" s="1026" t="s">
        <v>1521</v>
      </c>
      <c r="L135" s="1026" t="s">
        <v>1488</v>
      </c>
      <c r="M135" s="1026" t="s">
        <v>1489</v>
      </c>
      <c r="N135" s="1026">
        <v>1</v>
      </c>
      <c r="O135" s="1026" t="s">
        <v>932</v>
      </c>
      <c r="P135" s="1026" t="s">
        <v>1490</v>
      </c>
      <c r="Q135" s="1026" t="s">
        <v>1491</v>
      </c>
      <c r="R135" s="1026" t="s">
        <v>1492</v>
      </c>
      <c r="S135" s="1026" t="s">
        <v>1493</v>
      </c>
      <c r="T135" s="1026" t="s">
        <v>1514</v>
      </c>
      <c r="U135" s="1016" t="str">
        <f>_xlfn.XLOOKUP(F135, [4]GIS!D:D, [4]GIS!E:E, "Not mapped")</f>
        <v>Single - Scenario 3</v>
      </c>
      <c r="V135" s="1017" t="s">
        <v>1495</v>
      </c>
      <c r="W135" s="1018" t="s">
        <v>1496</v>
      </c>
      <c r="X135" s="1019" t="s">
        <v>1497</v>
      </c>
      <c r="Y135" s="1020" t="s">
        <v>1498</v>
      </c>
      <c r="Z135" s="1020" t="s">
        <v>1498</v>
      </c>
      <c r="AA135" s="1020" t="s">
        <v>1498</v>
      </c>
      <c r="AB135" s="1020" t="s">
        <v>1498</v>
      </c>
      <c r="AC135" s="1020" t="s">
        <v>1498</v>
      </c>
      <c r="AD135" s="1020" t="s">
        <v>1498</v>
      </c>
      <c r="AE135" s="1020" t="s">
        <v>1498</v>
      </c>
      <c r="AF135" s="1020" t="s">
        <v>1498</v>
      </c>
      <c r="AG135" s="1020" t="s">
        <v>1498</v>
      </c>
      <c r="AH135" s="1020" t="s">
        <v>1498</v>
      </c>
      <c r="AI135" s="1020" t="s">
        <v>1498</v>
      </c>
      <c r="AJ135" s="1020" t="s">
        <v>1498</v>
      </c>
      <c r="AK135" s="1020" t="str">
        <f>IF(AJ135="n/a","n/a",ROUND((AJ135*[4]TripRateCalculations!$V$6),0))</f>
        <v>n/a</v>
      </c>
      <c r="AL135" s="1020" t="s">
        <v>1498</v>
      </c>
      <c r="AM135" s="1020" t="s">
        <v>1498</v>
      </c>
      <c r="AN135" s="1020" t="str">
        <f>IF(AT135="n/a","n/a",ROUND((AT135*[4]TripRateCalculations!N$4),0))</f>
        <v>n/a</v>
      </c>
      <c r="AO135" s="1020" t="str">
        <f>IF(AU135="n/a","n/a",ROUND((AU135*[4]TripRateCalculations!O$4),0))</f>
        <v>n/a</v>
      </c>
      <c r="AP135" s="1020" t="str">
        <f>IF(AV135="n/a","n/a",ROUND((AV135*[4]TripRateCalculations!P$4),0))</f>
        <v>n/a</v>
      </c>
      <c r="AQ135" s="1020" t="s">
        <v>1498</v>
      </c>
      <c r="AR135" s="1020" t="str">
        <f>IF(AX135="n/a","n/a",ROUND((AX135*[4]TripRateCalculations!R$4),0))</f>
        <v>n/a</v>
      </c>
      <c r="AS135" s="1020" t="str">
        <f>IF(AY135="n/a","n/a",ROUND((AY135*[4]TripRateCalculations!S$4),0))</f>
        <v>n/a</v>
      </c>
      <c r="AT135" s="1020" t="s">
        <v>1498</v>
      </c>
      <c r="AU135" s="1020" t="s">
        <v>1498</v>
      </c>
      <c r="AV135" s="1020" t="s">
        <v>1498</v>
      </c>
      <c r="AW135" s="1020" t="s">
        <v>1498</v>
      </c>
      <c r="AX135" s="1020" t="s">
        <v>1498</v>
      </c>
      <c r="AY135" s="1020" t="s">
        <v>1498</v>
      </c>
      <c r="AZ135" s="1020" t="s">
        <v>1498</v>
      </c>
      <c r="BA135" s="1100" t="s">
        <v>1498</v>
      </c>
      <c r="BB135" s="1100" t="s">
        <v>1498</v>
      </c>
      <c r="BC135" s="1100" t="s">
        <v>1498</v>
      </c>
      <c r="BD135" s="1100" t="s">
        <v>1498</v>
      </c>
      <c r="BE135" s="1100" t="s">
        <v>1498</v>
      </c>
      <c r="BF135" s="1100" t="s">
        <v>1498</v>
      </c>
      <c r="BG135" s="1100" t="s">
        <v>1498</v>
      </c>
      <c r="BH135" s="1027" t="s">
        <v>1896</v>
      </c>
      <c r="BI135" s="1026" t="s">
        <v>722</v>
      </c>
      <c r="BJ135" s="1026" t="s">
        <v>53</v>
      </c>
      <c r="BK135" s="1042">
        <f>ROUND((VLOOKUP(F135,'[4]Cost Summary'!A:H,8,)),0.1)</f>
        <v>17402</v>
      </c>
      <c r="BL135" s="1026">
        <v>1</v>
      </c>
      <c r="BM135" s="1078">
        <v>8</v>
      </c>
      <c r="BN135" s="1044" t="s">
        <v>1584</v>
      </c>
      <c r="BO135" s="1130">
        <v>11305.94</v>
      </c>
      <c r="BP135" s="992"/>
      <c r="BQ135" s="1131" t="e">
        <f t="shared" si="42"/>
        <v>#VALUE!</v>
      </c>
      <c r="BR135" s="1131" t="e">
        <f t="shared" si="43"/>
        <v>#VALUE!</v>
      </c>
      <c r="BS135" s="1131" t="e">
        <f t="shared" si="44"/>
        <v>#VALUE!</v>
      </c>
      <c r="BT135" s="1131" t="e">
        <f t="shared" si="45"/>
        <v>#VALUE!</v>
      </c>
      <c r="BU135" s="1131" t="e">
        <f t="shared" si="46"/>
        <v>#VALUE!</v>
      </c>
      <c r="BV135" s="1131" t="e">
        <f t="shared" si="47"/>
        <v>#VALUE!</v>
      </c>
      <c r="BW135" s="1131" t="e">
        <f t="shared" si="48"/>
        <v>#VALUE!</v>
      </c>
      <c r="BX135" s="1131" t="e">
        <f t="shared" si="49"/>
        <v>#VALUE!</v>
      </c>
      <c r="BY135" s="1131" t="e">
        <f t="shared" si="50"/>
        <v>#VALUE!</v>
      </c>
      <c r="BZ135" s="1131" t="e">
        <f t="shared" si="51"/>
        <v>#VALUE!</v>
      </c>
      <c r="CA135" s="1131" t="e">
        <f t="shared" si="52"/>
        <v>#VALUE!</v>
      </c>
      <c r="CB135" s="1131" t="e">
        <f t="shared" si="53"/>
        <v>#VALUE!</v>
      </c>
      <c r="CC135" s="1131" t="e">
        <f t="shared" si="54"/>
        <v>#VALUE!</v>
      </c>
      <c r="CD135" s="1131" t="e">
        <f t="shared" si="55"/>
        <v>#VALUE!</v>
      </c>
      <c r="CE135" s="1131" t="e">
        <f t="shared" si="56"/>
        <v>#VALUE!</v>
      </c>
      <c r="CF135" s="1131" t="e">
        <f t="shared" si="57"/>
        <v>#VALUE!</v>
      </c>
      <c r="CG135" s="1131" t="e">
        <f t="shared" si="58"/>
        <v>#VALUE!</v>
      </c>
      <c r="CH135" s="1131" t="e">
        <f t="shared" si="59"/>
        <v>#VALUE!</v>
      </c>
      <c r="CI135" s="1131" t="e">
        <f t="shared" si="60"/>
        <v>#VALUE!</v>
      </c>
      <c r="CJ135" s="1131" t="e">
        <f t="shared" si="61"/>
        <v>#VALUE!</v>
      </c>
      <c r="CK135" s="1132" t="str">
        <f t="shared" si="62"/>
        <v>n/a</v>
      </c>
    </row>
    <row r="136" spans="1:89" ht="75" x14ac:dyDescent="0.2">
      <c r="A136" s="992"/>
      <c r="B136" s="1126" t="s">
        <v>66</v>
      </c>
      <c r="C136" s="1126"/>
      <c r="D136" s="1126"/>
      <c r="E136" s="1126"/>
      <c r="F136" s="1026" t="s">
        <v>1911</v>
      </c>
      <c r="G136" s="1026" t="s">
        <v>1127</v>
      </c>
      <c r="H136" s="1026" t="s">
        <v>1128</v>
      </c>
      <c r="I136" s="1026" t="s">
        <v>1503</v>
      </c>
      <c r="J136" s="1026" t="s">
        <v>1521</v>
      </c>
      <c r="K136" s="1026" t="s">
        <v>1521</v>
      </c>
      <c r="L136" s="1026" t="s">
        <v>1488</v>
      </c>
      <c r="M136" s="1026" t="s">
        <v>1489</v>
      </c>
      <c r="N136" s="1026">
        <v>1</v>
      </c>
      <c r="O136" s="1026" t="s">
        <v>932</v>
      </c>
      <c r="P136" s="1026" t="s">
        <v>1490</v>
      </c>
      <c r="Q136" s="1026" t="s">
        <v>1491</v>
      </c>
      <c r="R136" s="1026" t="s">
        <v>1492</v>
      </c>
      <c r="S136" s="1026" t="s">
        <v>1493</v>
      </c>
      <c r="T136" s="1026" t="s">
        <v>1912</v>
      </c>
      <c r="U136" s="1016" t="str">
        <f>_xlfn.XLOOKUP(F136, [4]GIS!D:D, [4]GIS!E:E, "Not mapped")</f>
        <v>Multiple - Scenario 2</v>
      </c>
      <c r="V136" s="1017" t="s">
        <v>1495</v>
      </c>
      <c r="W136" s="1018" t="s">
        <v>1496</v>
      </c>
      <c r="X136" s="1019" t="s">
        <v>1497</v>
      </c>
      <c r="Y136" s="1020" t="s">
        <v>1498</v>
      </c>
      <c r="Z136" s="1020" t="s">
        <v>1498</v>
      </c>
      <c r="AA136" s="1020" t="s">
        <v>1498</v>
      </c>
      <c r="AB136" s="1020" t="s">
        <v>1498</v>
      </c>
      <c r="AC136" s="1020" t="s">
        <v>1498</v>
      </c>
      <c r="AD136" s="1020" t="s">
        <v>1498</v>
      </c>
      <c r="AE136" s="1020" t="s">
        <v>1498</v>
      </c>
      <c r="AF136" s="1020" t="s">
        <v>1498</v>
      </c>
      <c r="AG136" s="1020" t="s">
        <v>1498</v>
      </c>
      <c r="AH136" s="1020" t="s">
        <v>1498</v>
      </c>
      <c r="AI136" s="1020" t="s">
        <v>1498</v>
      </c>
      <c r="AJ136" s="1020" t="s">
        <v>1498</v>
      </c>
      <c r="AK136" s="1020" t="str">
        <f>IF(AJ136="n/a","n/a",ROUND((AJ136*[4]TripRateCalculations!$V$6),0))</f>
        <v>n/a</v>
      </c>
      <c r="AL136" s="1020" t="s">
        <v>1498</v>
      </c>
      <c r="AM136" s="1020" t="s">
        <v>1498</v>
      </c>
      <c r="AN136" s="1020" t="str">
        <f>IF(AT136="n/a","n/a",ROUND((AT136*[4]TripRateCalculations!N$4),0))</f>
        <v>n/a</v>
      </c>
      <c r="AO136" s="1020" t="str">
        <f>IF(AU136="n/a","n/a",ROUND((AU136*[4]TripRateCalculations!O$4),0))</f>
        <v>n/a</v>
      </c>
      <c r="AP136" s="1020" t="str">
        <f>IF(AV136="n/a","n/a",ROUND((AV136*[4]TripRateCalculations!P$4),0))</f>
        <v>n/a</v>
      </c>
      <c r="AQ136" s="1020" t="s">
        <v>1498</v>
      </c>
      <c r="AR136" s="1020" t="str">
        <f>IF(AX136="n/a","n/a",ROUND((AX136*[4]TripRateCalculations!R$4),0))</f>
        <v>n/a</v>
      </c>
      <c r="AS136" s="1020" t="str">
        <f>IF(AY136="n/a","n/a",ROUND((AY136*[4]TripRateCalculations!S$4),0))</f>
        <v>n/a</v>
      </c>
      <c r="AT136" s="1020" t="s">
        <v>1498</v>
      </c>
      <c r="AU136" s="1020" t="s">
        <v>1498</v>
      </c>
      <c r="AV136" s="1020" t="s">
        <v>1498</v>
      </c>
      <c r="AW136" s="1020" t="s">
        <v>1498</v>
      </c>
      <c r="AX136" s="1020" t="s">
        <v>1498</v>
      </c>
      <c r="AY136" s="1020" t="s">
        <v>1498</v>
      </c>
      <c r="AZ136" s="1020" t="s">
        <v>1498</v>
      </c>
      <c r="BA136" s="1100" t="s">
        <v>1498</v>
      </c>
      <c r="BB136" s="1100" t="s">
        <v>1498</v>
      </c>
      <c r="BC136" s="1100" t="s">
        <v>1498</v>
      </c>
      <c r="BD136" s="1100" t="s">
        <v>1498</v>
      </c>
      <c r="BE136" s="1100" t="s">
        <v>1498</v>
      </c>
      <c r="BF136" s="1100" t="s">
        <v>1498</v>
      </c>
      <c r="BG136" s="1100" t="s">
        <v>1498</v>
      </c>
      <c r="BH136" s="1027" t="s">
        <v>1896</v>
      </c>
      <c r="BI136" s="1026" t="s">
        <v>722</v>
      </c>
      <c r="BJ136" s="1026" t="s">
        <v>53</v>
      </c>
      <c r="BK136" s="1042">
        <f>ROUND((VLOOKUP(F136,'[4]Cost Summary'!A:H,8,)),0.1)</f>
        <v>257556</v>
      </c>
      <c r="BL136" s="1026">
        <v>1</v>
      </c>
      <c r="BM136" s="1078">
        <v>4</v>
      </c>
      <c r="BN136" s="1044" t="s">
        <v>1584</v>
      </c>
      <c r="BO136" s="1130">
        <v>167327.88</v>
      </c>
      <c r="BP136" s="992"/>
      <c r="BQ136" s="1131" t="e">
        <f t="shared" si="42"/>
        <v>#VALUE!</v>
      </c>
      <c r="BR136" s="1131" t="e">
        <f t="shared" si="43"/>
        <v>#VALUE!</v>
      </c>
      <c r="BS136" s="1131" t="e">
        <f t="shared" si="44"/>
        <v>#VALUE!</v>
      </c>
      <c r="BT136" s="1131" t="e">
        <f t="shared" si="45"/>
        <v>#VALUE!</v>
      </c>
      <c r="BU136" s="1131" t="e">
        <f t="shared" si="46"/>
        <v>#VALUE!</v>
      </c>
      <c r="BV136" s="1131" t="e">
        <f t="shared" si="47"/>
        <v>#VALUE!</v>
      </c>
      <c r="BW136" s="1131" t="e">
        <f t="shared" si="48"/>
        <v>#VALUE!</v>
      </c>
      <c r="BX136" s="1131" t="e">
        <f t="shared" si="49"/>
        <v>#VALUE!</v>
      </c>
      <c r="BY136" s="1131" t="e">
        <f t="shared" si="50"/>
        <v>#VALUE!</v>
      </c>
      <c r="BZ136" s="1131" t="e">
        <f t="shared" si="51"/>
        <v>#VALUE!</v>
      </c>
      <c r="CA136" s="1131" t="e">
        <f t="shared" si="52"/>
        <v>#VALUE!</v>
      </c>
      <c r="CB136" s="1131" t="e">
        <f t="shared" si="53"/>
        <v>#VALUE!</v>
      </c>
      <c r="CC136" s="1131" t="e">
        <f t="shared" si="54"/>
        <v>#VALUE!</v>
      </c>
      <c r="CD136" s="1131" t="e">
        <f t="shared" si="55"/>
        <v>#VALUE!</v>
      </c>
      <c r="CE136" s="1131" t="e">
        <f t="shared" si="56"/>
        <v>#VALUE!</v>
      </c>
      <c r="CF136" s="1131" t="e">
        <f t="shared" si="57"/>
        <v>#VALUE!</v>
      </c>
      <c r="CG136" s="1131" t="e">
        <f t="shared" si="58"/>
        <v>#VALUE!</v>
      </c>
      <c r="CH136" s="1131" t="e">
        <f t="shared" si="59"/>
        <v>#VALUE!</v>
      </c>
      <c r="CI136" s="1131" t="e">
        <f t="shared" si="60"/>
        <v>#VALUE!</v>
      </c>
      <c r="CJ136" s="1131" t="e">
        <f t="shared" si="61"/>
        <v>#VALUE!</v>
      </c>
      <c r="CK136" s="1132" t="str">
        <f t="shared" si="62"/>
        <v>n/a</v>
      </c>
    </row>
    <row r="137" spans="1:89" ht="75" x14ac:dyDescent="0.2">
      <c r="A137" s="992"/>
      <c r="B137" s="1126" t="s">
        <v>66</v>
      </c>
      <c r="C137" s="1126"/>
      <c r="D137" s="1126"/>
      <c r="E137" s="1126"/>
      <c r="F137" s="1026" t="s">
        <v>1913</v>
      </c>
      <c r="G137" s="1026" t="s">
        <v>1129</v>
      </c>
      <c r="H137" s="1026" t="s">
        <v>1130</v>
      </c>
      <c r="I137" s="1026" t="s">
        <v>1487</v>
      </c>
      <c r="J137" s="1026">
        <v>51.759238760000002</v>
      </c>
      <c r="K137" s="1026">
        <v>-0.45533892300000001</v>
      </c>
      <c r="L137" s="1026" t="s">
        <v>1488</v>
      </c>
      <c r="M137" s="1026" t="s">
        <v>1489</v>
      </c>
      <c r="N137" s="1026">
        <v>1</v>
      </c>
      <c r="O137" s="1026" t="s">
        <v>932</v>
      </c>
      <c r="P137" s="1026" t="s">
        <v>1490</v>
      </c>
      <c r="Q137" s="1026" t="s">
        <v>1491</v>
      </c>
      <c r="R137" s="1026" t="s">
        <v>1492</v>
      </c>
      <c r="S137" s="1026" t="s">
        <v>1493</v>
      </c>
      <c r="T137" s="1026" t="s">
        <v>1912</v>
      </c>
      <c r="U137" s="1016" t="str">
        <f>_xlfn.XLOOKUP(F137, [4]GIS!D:D, [4]GIS!E:E, "Not mapped")</f>
        <v>Multiple - Scenario 2</v>
      </c>
      <c r="V137" s="1017" t="s">
        <v>1495</v>
      </c>
      <c r="W137" s="1018" t="s">
        <v>1496</v>
      </c>
      <c r="X137" s="1019" t="s">
        <v>1497</v>
      </c>
      <c r="Y137" s="1020" t="s">
        <v>1498</v>
      </c>
      <c r="Z137" s="1020" t="s">
        <v>1498</v>
      </c>
      <c r="AA137" s="1020" t="s">
        <v>1498</v>
      </c>
      <c r="AB137" s="1020" t="s">
        <v>1498</v>
      </c>
      <c r="AC137" s="1020" t="s">
        <v>1498</v>
      </c>
      <c r="AD137" s="1020" t="s">
        <v>1498</v>
      </c>
      <c r="AE137" s="1020" t="s">
        <v>1498</v>
      </c>
      <c r="AF137" s="1020" t="s">
        <v>1498</v>
      </c>
      <c r="AG137" s="1020" t="s">
        <v>1498</v>
      </c>
      <c r="AH137" s="1020" t="s">
        <v>1498</v>
      </c>
      <c r="AI137" s="1020" t="s">
        <v>1498</v>
      </c>
      <c r="AJ137" s="1020" t="s">
        <v>1498</v>
      </c>
      <c r="AK137" s="1020" t="str">
        <f>IF(AJ137="n/a","n/a",ROUND((AJ137*[4]TripRateCalculations!$V$6),0))</f>
        <v>n/a</v>
      </c>
      <c r="AL137" s="1020" t="s">
        <v>1498</v>
      </c>
      <c r="AM137" s="1020" t="s">
        <v>1498</v>
      </c>
      <c r="AN137" s="1020" t="str">
        <f>IF(AT137="n/a","n/a",ROUND((AT137*[4]TripRateCalculations!N$4),0))</f>
        <v>n/a</v>
      </c>
      <c r="AO137" s="1020" t="str">
        <f>IF(AU137="n/a","n/a",ROUND((AU137*[4]TripRateCalculations!O$4),0))</f>
        <v>n/a</v>
      </c>
      <c r="AP137" s="1020" t="str">
        <f>IF(AV137="n/a","n/a",ROUND((AV137*[4]TripRateCalculations!P$4),0))</f>
        <v>n/a</v>
      </c>
      <c r="AQ137" s="1020" t="s">
        <v>1498</v>
      </c>
      <c r="AR137" s="1020" t="str">
        <f>IF(AX137="n/a","n/a",ROUND((AX137*[4]TripRateCalculations!R$4),0))</f>
        <v>n/a</v>
      </c>
      <c r="AS137" s="1020" t="str">
        <f>IF(AY137="n/a","n/a",ROUND((AY137*[4]TripRateCalculations!S$4),0))</f>
        <v>n/a</v>
      </c>
      <c r="AT137" s="1020" t="s">
        <v>1498</v>
      </c>
      <c r="AU137" s="1020" t="s">
        <v>1498</v>
      </c>
      <c r="AV137" s="1020" t="s">
        <v>1498</v>
      </c>
      <c r="AW137" s="1020" t="s">
        <v>1498</v>
      </c>
      <c r="AX137" s="1020" t="s">
        <v>1498</v>
      </c>
      <c r="AY137" s="1020" t="s">
        <v>1498</v>
      </c>
      <c r="AZ137" s="1020" t="s">
        <v>1498</v>
      </c>
      <c r="BA137" s="1100" t="s">
        <v>1498</v>
      </c>
      <c r="BB137" s="1100" t="s">
        <v>1498</v>
      </c>
      <c r="BC137" s="1100" t="s">
        <v>1498</v>
      </c>
      <c r="BD137" s="1100" t="s">
        <v>1498</v>
      </c>
      <c r="BE137" s="1100" t="s">
        <v>1498</v>
      </c>
      <c r="BF137" s="1100" t="s">
        <v>1498</v>
      </c>
      <c r="BG137" s="1100" t="s">
        <v>1498</v>
      </c>
      <c r="BH137" s="1027" t="s">
        <v>1896</v>
      </c>
      <c r="BI137" s="1026" t="s">
        <v>722</v>
      </c>
      <c r="BJ137" s="1026" t="s">
        <v>53</v>
      </c>
      <c r="BK137" s="1042">
        <f>ROUND((VLOOKUP(F137,'[4]Cost Summary'!A:H,8,)),0.1)</f>
        <v>199337</v>
      </c>
      <c r="BL137" s="1026">
        <v>1</v>
      </c>
      <c r="BM137" s="1078">
        <v>4</v>
      </c>
      <c r="BN137" s="1044" t="s">
        <v>1584</v>
      </c>
      <c r="BO137" s="1130">
        <v>129504.38</v>
      </c>
      <c r="BP137" s="992"/>
      <c r="BQ137" s="1131" t="e">
        <f t="shared" ref="BQ137:BQ200" si="63">Z137/(SUM($Y137:$BG137)-SUM(AH137,AJ137,AT137:AY137,BA137:BG137))</f>
        <v>#VALUE!</v>
      </c>
      <c r="BR137" s="1131" t="e">
        <f t="shared" ref="BR137:BR200" si="64">AA137/(SUM($Y137:$BG137)-SUM(AH137,AJ137,AT137:AY137,BA137:BG137))</f>
        <v>#VALUE!</v>
      </c>
      <c r="BS137" s="1131" t="e">
        <f t="shared" ref="BS137:BS200" si="65">AB137/(SUM($Y137:$BG137)-SUM(AH137,AJ137,AT137:AY137,BA137:BG137))</f>
        <v>#VALUE!</v>
      </c>
      <c r="BT137" s="1131" t="e">
        <f t="shared" ref="BT137:BT200" si="66">AC137/(SUM($Y137:$BG137)-SUM(AH137,AJ137,AT137:AY137,BA137:BG137))</f>
        <v>#VALUE!</v>
      </c>
      <c r="BU137" s="1131" t="e">
        <f t="shared" ref="BU137:BU200" si="67">AD137/(SUM($Y137:$BG137)-SUM(AH137,AJ137,AT137:AY137,BA137:BG137))</f>
        <v>#VALUE!</v>
      </c>
      <c r="BV137" s="1131" t="e">
        <f t="shared" ref="BV137:BV200" si="68">AE137/(SUM($Y137:$BG137)-SUM(AH137,AJ137,AT137:AY137,BA137:BG137))</f>
        <v>#VALUE!</v>
      </c>
      <c r="BW137" s="1131" t="e">
        <f t="shared" ref="BW137:BW200" si="69">AF137/(SUM($Y137:$BG137)-SUM(AH137,AJ137,AT137:AY137,BA137:BG137))</f>
        <v>#VALUE!</v>
      </c>
      <c r="BX137" s="1131" t="e">
        <f t="shared" ref="BX137:BX200" si="70">AG137/(SUM($Y137:$BG137)-SUM(AH137,AJ137,AT137:AY137,BA137:BG137))</f>
        <v>#VALUE!</v>
      </c>
      <c r="BY137" s="1131" t="e">
        <f t="shared" ref="BY137:BY200" si="71">AI137/(SUM($Y137:$BG137)-SUM(AH137,AJ137,AT137:AY137,BA137:BG137))</f>
        <v>#VALUE!</v>
      </c>
      <c r="BZ137" s="1131" t="e">
        <f t="shared" ref="BZ137:BZ200" si="72">AK137/(SUM($Y137:$BG137)-SUM(AH137,AJ137,AT137:AY137,BA137:BG137))</f>
        <v>#VALUE!</v>
      </c>
      <c r="CA137" s="1131" t="e">
        <f t="shared" ref="CA137:CA200" si="73">AL137/(SUM($Y137:$BG137)-SUM(AH137,AJ137,AT137:AY137,BA137:BG137))</f>
        <v>#VALUE!</v>
      </c>
      <c r="CB137" s="1131" t="e">
        <f t="shared" ref="CB137:CB200" si="74">AM137/(SUM($Y137:$BG137)-SUM(AH137,AJ137,AT137:AY137,BA137:BG137))</f>
        <v>#VALUE!</v>
      </c>
      <c r="CC137" s="1131" t="e">
        <f t="shared" ref="CC137:CC200" si="75">AN137/(SUM($Y137:$BG137)-SUM(AH137,AJ137,AT137:AY137,BA137:BG137))</f>
        <v>#VALUE!</v>
      </c>
      <c r="CD137" s="1131" t="e">
        <f t="shared" ref="CD137:CD200" si="76">AO137/(SUM($Y137:$BG137)-SUM(AH137,AJ137,AT137:AY137,BA137:BG137))</f>
        <v>#VALUE!</v>
      </c>
      <c r="CE137" s="1131" t="e">
        <f t="shared" ref="CE137:CE200" si="77">AP137/(SUM($Y137:$BG137)-SUM(AH137,AJ137,AT137:AY137,BA137:BG137))</f>
        <v>#VALUE!</v>
      </c>
      <c r="CF137" s="1131" t="e">
        <f t="shared" ref="CF137:CF200" si="78">AR137/(SUM($Y137:$BG137)-SUM(AH137,AJ137,AT137:AY137,BA137:BG137))</f>
        <v>#VALUE!</v>
      </c>
      <c r="CG137" s="1131" t="e">
        <f t="shared" ref="CG137:CG200" si="79">AS137/(SUM($Y137:$BG137)-SUM(AH137,AJ137,AT137:AY137,BA137:BG137))</f>
        <v>#VALUE!</v>
      </c>
      <c r="CH137" s="1131" t="e">
        <f t="shared" ref="CH137:CH200" si="80">AZ137/(SUM($Y137:$BG137)-SUM(AH137,AJ137,AT137:AY137,BA137:BG137))</f>
        <v>#VALUE!</v>
      </c>
      <c r="CI137" s="1131" t="e">
        <f t="shared" ref="CI137:CI200" si="81">Y137/(SUM($Y137:$BG137)-SUM(AH137,AJ137,AT137:AY137,BA137:BG137))</f>
        <v>#VALUE!</v>
      </c>
      <c r="CJ137" s="1131" t="e">
        <f t="shared" ref="CJ137:CJ200" si="82">AQ137/(SUM($Y137:$BG137)-SUM(AH137,AJ137,AT137:AY137,BA137:BG137))</f>
        <v>#VALUE!</v>
      </c>
      <c r="CK137" s="1132" t="str">
        <f t="shared" ref="CK137:CK200" si="83">IFERROR(SUM(BQ137:CJ137),"n/a")</f>
        <v>n/a</v>
      </c>
    </row>
    <row r="138" spans="1:89" ht="75" x14ac:dyDescent="0.2">
      <c r="A138" s="992"/>
      <c r="B138" s="1126" t="s">
        <v>66</v>
      </c>
      <c r="C138" s="1126"/>
      <c r="D138" s="1126"/>
      <c r="E138" s="1126"/>
      <c r="F138" s="1026" t="s">
        <v>1914</v>
      </c>
      <c r="G138" s="1026" t="s">
        <v>1131</v>
      </c>
      <c r="H138" s="1026" t="s">
        <v>1132</v>
      </c>
      <c r="I138" s="1026" t="s">
        <v>1915</v>
      </c>
      <c r="J138" s="1026"/>
      <c r="K138" s="1026"/>
      <c r="L138" s="1026" t="s">
        <v>1488</v>
      </c>
      <c r="M138" s="1026" t="s">
        <v>1489</v>
      </c>
      <c r="N138" s="1026">
        <v>1</v>
      </c>
      <c r="O138" s="1026" t="s">
        <v>900</v>
      </c>
      <c r="P138" s="1026" t="s">
        <v>1490</v>
      </c>
      <c r="Q138" s="1026" t="s">
        <v>1491</v>
      </c>
      <c r="R138" s="1026" t="s">
        <v>1492</v>
      </c>
      <c r="S138" s="1026" t="s">
        <v>1493</v>
      </c>
      <c r="T138" s="1026" t="s">
        <v>1912</v>
      </c>
      <c r="U138" s="1016" t="str">
        <f>_xlfn.XLOOKUP(F138, [4]GIS!D:D, [4]GIS!E:E, "Not mapped")</f>
        <v>Multiple - Scenario 2</v>
      </c>
      <c r="V138" s="1017" t="s">
        <v>1495</v>
      </c>
      <c r="W138" s="1018" t="s">
        <v>1496</v>
      </c>
      <c r="X138" s="1019" t="s">
        <v>1497</v>
      </c>
      <c r="Y138" s="1020" t="s">
        <v>1498</v>
      </c>
      <c r="Z138" s="1020" t="s">
        <v>1498</v>
      </c>
      <c r="AA138" s="1020" t="s">
        <v>1498</v>
      </c>
      <c r="AB138" s="1020" t="s">
        <v>1498</v>
      </c>
      <c r="AC138" s="1020" t="s">
        <v>1498</v>
      </c>
      <c r="AD138" s="1020" t="s">
        <v>1498</v>
      </c>
      <c r="AE138" s="1020" t="s">
        <v>1498</v>
      </c>
      <c r="AF138" s="1020" t="s">
        <v>1498</v>
      </c>
      <c r="AG138" s="1020" t="s">
        <v>1498</v>
      </c>
      <c r="AH138" s="1020" t="s">
        <v>1498</v>
      </c>
      <c r="AI138" s="1020" t="s">
        <v>1498</v>
      </c>
      <c r="AJ138" s="1020" t="s">
        <v>1498</v>
      </c>
      <c r="AK138" s="1020" t="str">
        <f>IF(AJ138="n/a","n/a",ROUND((AJ138*[4]TripRateCalculations!$V$6),0))</f>
        <v>n/a</v>
      </c>
      <c r="AL138" s="1020" t="s">
        <v>1498</v>
      </c>
      <c r="AM138" s="1020" t="s">
        <v>1498</v>
      </c>
      <c r="AN138" s="1020" t="str">
        <f>IF(AT138="n/a","n/a",ROUND((AT138*[4]TripRateCalculations!N$4),0))</f>
        <v>n/a</v>
      </c>
      <c r="AO138" s="1020" t="str">
        <f>IF(AU138="n/a","n/a",ROUND((AU138*[4]TripRateCalculations!O$4),0))</f>
        <v>n/a</v>
      </c>
      <c r="AP138" s="1020" t="str">
        <f>IF(AV138="n/a","n/a",ROUND((AV138*[4]TripRateCalculations!P$4),0))</f>
        <v>n/a</v>
      </c>
      <c r="AQ138" s="1020" t="s">
        <v>1498</v>
      </c>
      <c r="AR138" s="1020" t="str">
        <f>IF(AX138="n/a","n/a",ROUND((AX138*[4]TripRateCalculations!R$4),0))</f>
        <v>n/a</v>
      </c>
      <c r="AS138" s="1020" t="str">
        <f>IF(AY138="n/a","n/a",ROUND((AY138*[4]TripRateCalculations!S$4),0))</f>
        <v>n/a</v>
      </c>
      <c r="AT138" s="1020" t="s">
        <v>1498</v>
      </c>
      <c r="AU138" s="1020" t="s">
        <v>1498</v>
      </c>
      <c r="AV138" s="1020" t="s">
        <v>1498</v>
      </c>
      <c r="AW138" s="1020" t="s">
        <v>1498</v>
      </c>
      <c r="AX138" s="1020" t="s">
        <v>1498</v>
      </c>
      <c r="AY138" s="1020" t="s">
        <v>1498</v>
      </c>
      <c r="AZ138" s="1020" t="s">
        <v>1498</v>
      </c>
      <c r="BA138" s="1100" t="s">
        <v>1498</v>
      </c>
      <c r="BB138" s="1100" t="s">
        <v>1498</v>
      </c>
      <c r="BC138" s="1100" t="s">
        <v>1498</v>
      </c>
      <c r="BD138" s="1100" t="s">
        <v>1498</v>
      </c>
      <c r="BE138" s="1100" t="s">
        <v>1498</v>
      </c>
      <c r="BF138" s="1100" t="s">
        <v>1498</v>
      </c>
      <c r="BG138" s="1100" t="s">
        <v>1498</v>
      </c>
      <c r="BH138" s="1027" t="s">
        <v>1896</v>
      </c>
      <c r="BI138" s="1026" t="s">
        <v>722</v>
      </c>
      <c r="BJ138" s="1026" t="s">
        <v>53</v>
      </c>
      <c r="BK138" s="1042">
        <f>ROUND((VLOOKUP(F138,'[4]Cost Summary'!A:H,8,)),0.1)</f>
        <v>319572</v>
      </c>
      <c r="BL138" s="1026">
        <v>1</v>
      </c>
      <c r="BM138" s="1078">
        <v>4</v>
      </c>
      <c r="BN138" s="1044" t="s">
        <v>1584</v>
      </c>
      <c r="BO138" s="1130">
        <v>207618.13</v>
      </c>
      <c r="BP138" s="992"/>
      <c r="BQ138" s="1131" t="e">
        <f t="shared" si="63"/>
        <v>#VALUE!</v>
      </c>
      <c r="BR138" s="1131" t="e">
        <f t="shared" si="64"/>
        <v>#VALUE!</v>
      </c>
      <c r="BS138" s="1131" t="e">
        <f t="shared" si="65"/>
        <v>#VALUE!</v>
      </c>
      <c r="BT138" s="1131" t="e">
        <f t="shared" si="66"/>
        <v>#VALUE!</v>
      </c>
      <c r="BU138" s="1131" t="e">
        <f t="shared" si="67"/>
        <v>#VALUE!</v>
      </c>
      <c r="BV138" s="1131" t="e">
        <f t="shared" si="68"/>
        <v>#VALUE!</v>
      </c>
      <c r="BW138" s="1131" t="e">
        <f t="shared" si="69"/>
        <v>#VALUE!</v>
      </c>
      <c r="BX138" s="1131" t="e">
        <f t="shared" si="70"/>
        <v>#VALUE!</v>
      </c>
      <c r="BY138" s="1131" t="e">
        <f t="shared" si="71"/>
        <v>#VALUE!</v>
      </c>
      <c r="BZ138" s="1131" t="e">
        <f t="shared" si="72"/>
        <v>#VALUE!</v>
      </c>
      <c r="CA138" s="1131" t="e">
        <f t="shared" si="73"/>
        <v>#VALUE!</v>
      </c>
      <c r="CB138" s="1131" t="e">
        <f t="shared" si="74"/>
        <v>#VALUE!</v>
      </c>
      <c r="CC138" s="1131" t="e">
        <f t="shared" si="75"/>
        <v>#VALUE!</v>
      </c>
      <c r="CD138" s="1131" t="e">
        <f t="shared" si="76"/>
        <v>#VALUE!</v>
      </c>
      <c r="CE138" s="1131" t="e">
        <f t="shared" si="77"/>
        <v>#VALUE!</v>
      </c>
      <c r="CF138" s="1131" t="e">
        <f t="shared" si="78"/>
        <v>#VALUE!</v>
      </c>
      <c r="CG138" s="1131" t="e">
        <f t="shared" si="79"/>
        <v>#VALUE!</v>
      </c>
      <c r="CH138" s="1131" t="e">
        <f t="shared" si="80"/>
        <v>#VALUE!</v>
      </c>
      <c r="CI138" s="1131" t="e">
        <f t="shared" si="81"/>
        <v>#VALUE!</v>
      </c>
      <c r="CJ138" s="1131" t="e">
        <f t="shared" si="82"/>
        <v>#VALUE!</v>
      </c>
      <c r="CK138" s="1132" t="str">
        <f t="shared" si="83"/>
        <v>n/a</v>
      </c>
    </row>
    <row r="139" spans="1:89" ht="75" x14ac:dyDescent="0.2">
      <c r="A139" s="992"/>
      <c r="B139" s="1126" t="s">
        <v>66</v>
      </c>
      <c r="C139" s="1126"/>
      <c r="D139" s="1126"/>
      <c r="E139" s="1126"/>
      <c r="F139" s="1026" t="s">
        <v>1916</v>
      </c>
      <c r="G139" s="1026" t="s">
        <v>1133</v>
      </c>
      <c r="H139" s="1026" t="s">
        <v>1134</v>
      </c>
      <c r="I139" s="1026" t="s">
        <v>1915</v>
      </c>
      <c r="J139" s="1026" t="s">
        <v>253</v>
      </c>
      <c r="K139" s="1026" t="s">
        <v>253</v>
      </c>
      <c r="L139" s="1026" t="s">
        <v>1488</v>
      </c>
      <c r="M139" s="1026" t="s">
        <v>1489</v>
      </c>
      <c r="N139" s="1026">
        <v>1</v>
      </c>
      <c r="O139" s="1026" t="s">
        <v>932</v>
      </c>
      <c r="P139" s="1026" t="s">
        <v>1490</v>
      </c>
      <c r="Q139" s="1026" t="s">
        <v>1491</v>
      </c>
      <c r="R139" s="1026" t="s">
        <v>1492</v>
      </c>
      <c r="S139" s="1026" t="s">
        <v>1493</v>
      </c>
      <c r="T139" s="1026" t="s">
        <v>1912</v>
      </c>
      <c r="U139" s="1016" t="str">
        <f>_xlfn.XLOOKUP(F139, [4]GIS!D:D, [4]GIS!E:E, "Not mapped")</f>
        <v>Multiple - Scenario 2</v>
      </c>
      <c r="V139" s="1017" t="s">
        <v>1495</v>
      </c>
      <c r="W139" s="1018" t="s">
        <v>1496</v>
      </c>
      <c r="X139" s="1019" t="s">
        <v>1497</v>
      </c>
      <c r="Y139" s="1020" t="s">
        <v>1498</v>
      </c>
      <c r="Z139" s="1020" t="s">
        <v>1498</v>
      </c>
      <c r="AA139" s="1020" t="s">
        <v>1498</v>
      </c>
      <c r="AB139" s="1020" t="s">
        <v>1498</v>
      </c>
      <c r="AC139" s="1020" t="s">
        <v>1498</v>
      </c>
      <c r="AD139" s="1020" t="s">
        <v>1498</v>
      </c>
      <c r="AE139" s="1020" t="s">
        <v>1498</v>
      </c>
      <c r="AF139" s="1020" t="s">
        <v>1498</v>
      </c>
      <c r="AG139" s="1020" t="s">
        <v>1498</v>
      </c>
      <c r="AH139" s="1020" t="s">
        <v>1498</v>
      </c>
      <c r="AI139" s="1020" t="s">
        <v>1498</v>
      </c>
      <c r="AJ139" s="1020" t="s">
        <v>1498</v>
      </c>
      <c r="AK139" s="1020" t="str">
        <f>IF(AJ139="n/a","n/a",ROUND((AJ139*[4]TripRateCalculations!$V$6),0))</f>
        <v>n/a</v>
      </c>
      <c r="AL139" s="1020" t="s">
        <v>1498</v>
      </c>
      <c r="AM139" s="1020" t="s">
        <v>1498</v>
      </c>
      <c r="AN139" s="1020" t="str">
        <f>IF(AT139="n/a","n/a",ROUND((AT139*[4]TripRateCalculations!N$4),0))</f>
        <v>n/a</v>
      </c>
      <c r="AO139" s="1020" t="str">
        <f>IF(AU139="n/a","n/a",ROUND((AU139*[4]TripRateCalculations!O$4),0))</f>
        <v>n/a</v>
      </c>
      <c r="AP139" s="1020" t="str">
        <f>IF(AV139="n/a","n/a",ROUND((AV139*[4]TripRateCalculations!P$4),0))</f>
        <v>n/a</v>
      </c>
      <c r="AQ139" s="1020" t="s">
        <v>1498</v>
      </c>
      <c r="AR139" s="1020" t="str">
        <f>IF(AX139="n/a","n/a",ROUND((AX139*[4]TripRateCalculations!R$4),0))</f>
        <v>n/a</v>
      </c>
      <c r="AS139" s="1020" t="str">
        <f>IF(AY139="n/a","n/a",ROUND((AY139*[4]TripRateCalculations!S$4),0))</f>
        <v>n/a</v>
      </c>
      <c r="AT139" s="1020" t="s">
        <v>1498</v>
      </c>
      <c r="AU139" s="1020" t="s">
        <v>1498</v>
      </c>
      <c r="AV139" s="1020" t="s">
        <v>1498</v>
      </c>
      <c r="AW139" s="1020" t="s">
        <v>1498</v>
      </c>
      <c r="AX139" s="1020" t="s">
        <v>1498</v>
      </c>
      <c r="AY139" s="1020" t="s">
        <v>1498</v>
      </c>
      <c r="AZ139" s="1020" t="s">
        <v>1498</v>
      </c>
      <c r="BA139" s="1100" t="s">
        <v>1498</v>
      </c>
      <c r="BB139" s="1100" t="s">
        <v>1498</v>
      </c>
      <c r="BC139" s="1100" t="s">
        <v>1498</v>
      </c>
      <c r="BD139" s="1100" t="s">
        <v>1498</v>
      </c>
      <c r="BE139" s="1100" t="s">
        <v>1498</v>
      </c>
      <c r="BF139" s="1100" t="s">
        <v>1498</v>
      </c>
      <c r="BG139" s="1100" t="s">
        <v>1498</v>
      </c>
      <c r="BH139" s="1027" t="s">
        <v>1896</v>
      </c>
      <c r="BI139" s="1026" t="s">
        <v>722</v>
      </c>
      <c r="BJ139" s="1026" t="s">
        <v>53</v>
      </c>
      <c r="BK139" s="1042">
        <f>ROUND((VLOOKUP(F139,'[4]Cost Summary'!A:H,8,)),0.1)</f>
        <v>10441</v>
      </c>
      <c r="BL139" s="1026">
        <v>2</v>
      </c>
      <c r="BM139" s="1078" t="s">
        <v>1808</v>
      </c>
      <c r="BN139" s="1044" t="s">
        <v>1584</v>
      </c>
      <c r="BO139" s="1130">
        <v>6783.56</v>
      </c>
      <c r="BP139" s="992"/>
      <c r="BQ139" s="1131" t="e">
        <f t="shared" si="63"/>
        <v>#VALUE!</v>
      </c>
      <c r="BR139" s="1131" t="e">
        <f t="shared" si="64"/>
        <v>#VALUE!</v>
      </c>
      <c r="BS139" s="1131" t="e">
        <f t="shared" si="65"/>
        <v>#VALUE!</v>
      </c>
      <c r="BT139" s="1131" t="e">
        <f t="shared" si="66"/>
        <v>#VALUE!</v>
      </c>
      <c r="BU139" s="1131" t="e">
        <f t="shared" si="67"/>
        <v>#VALUE!</v>
      </c>
      <c r="BV139" s="1131" t="e">
        <f t="shared" si="68"/>
        <v>#VALUE!</v>
      </c>
      <c r="BW139" s="1131" t="e">
        <f t="shared" si="69"/>
        <v>#VALUE!</v>
      </c>
      <c r="BX139" s="1131" t="e">
        <f t="shared" si="70"/>
        <v>#VALUE!</v>
      </c>
      <c r="BY139" s="1131" t="e">
        <f t="shared" si="71"/>
        <v>#VALUE!</v>
      </c>
      <c r="BZ139" s="1131" t="e">
        <f t="shared" si="72"/>
        <v>#VALUE!</v>
      </c>
      <c r="CA139" s="1131" t="e">
        <f t="shared" si="73"/>
        <v>#VALUE!</v>
      </c>
      <c r="CB139" s="1131" t="e">
        <f t="shared" si="74"/>
        <v>#VALUE!</v>
      </c>
      <c r="CC139" s="1131" t="e">
        <f t="shared" si="75"/>
        <v>#VALUE!</v>
      </c>
      <c r="CD139" s="1131" t="e">
        <f t="shared" si="76"/>
        <v>#VALUE!</v>
      </c>
      <c r="CE139" s="1131" t="e">
        <f t="shared" si="77"/>
        <v>#VALUE!</v>
      </c>
      <c r="CF139" s="1131" t="e">
        <f t="shared" si="78"/>
        <v>#VALUE!</v>
      </c>
      <c r="CG139" s="1131" t="e">
        <f t="shared" si="79"/>
        <v>#VALUE!</v>
      </c>
      <c r="CH139" s="1131" t="e">
        <f t="shared" si="80"/>
        <v>#VALUE!</v>
      </c>
      <c r="CI139" s="1131" t="e">
        <f t="shared" si="81"/>
        <v>#VALUE!</v>
      </c>
      <c r="CJ139" s="1131" t="e">
        <f t="shared" si="82"/>
        <v>#VALUE!</v>
      </c>
      <c r="CK139" s="1132" t="str">
        <f t="shared" si="83"/>
        <v>n/a</v>
      </c>
    </row>
    <row r="140" spans="1:89" ht="85.5" x14ac:dyDescent="0.2">
      <c r="A140" s="992" t="s">
        <v>66</v>
      </c>
      <c r="B140" s="1126"/>
      <c r="C140" s="1126"/>
      <c r="D140" s="1126"/>
      <c r="E140" s="1126"/>
      <c r="F140" s="1026" t="s">
        <v>1917</v>
      </c>
      <c r="G140" s="1026" t="s">
        <v>940</v>
      </c>
      <c r="H140" s="1026" t="s">
        <v>941</v>
      </c>
      <c r="I140" s="1026" t="s">
        <v>1487</v>
      </c>
      <c r="J140" s="1026">
        <v>51.777509289999998</v>
      </c>
      <c r="K140" s="1026">
        <v>-0.43040897900000002</v>
      </c>
      <c r="L140" s="1026" t="s">
        <v>1522</v>
      </c>
      <c r="M140" s="1026" t="s">
        <v>1489</v>
      </c>
      <c r="N140" s="1026">
        <v>1</v>
      </c>
      <c r="O140" s="1026" t="s">
        <v>932</v>
      </c>
      <c r="P140" s="1026" t="s">
        <v>1490</v>
      </c>
      <c r="Q140" s="1026" t="s">
        <v>1491</v>
      </c>
      <c r="R140" s="1026" t="s">
        <v>1492</v>
      </c>
      <c r="S140" s="1026" t="s">
        <v>1493</v>
      </c>
      <c r="T140" s="1026" t="s">
        <v>1511</v>
      </c>
      <c r="U140" s="1016" t="str">
        <f>_xlfn.XLOOKUP(F140, [4]GIS!D:D, [4]GIS!E:E, "Not mapped")</f>
        <v>Single - Scenario 2</v>
      </c>
      <c r="V140" s="1026" t="s">
        <v>1542</v>
      </c>
      <c r="W140" s="1143" t="s">
        <v>1653</v>
      </c>
      <c r="X140" s="1143" t="s">
        <v>1918</v>
      </c>
      <c r="Y140" s="1140" t="s">
        <v>1498</v>
      </c>
      <c r="Z140" s="1140" t="s">
        <v>1498</v>
      </c>
      <c r="AA140" s="1140" t="s">
        <v>1498</v>
      </c>
      <c r="AB140" s="1140" t="s">
        <v>1498</v>
      </c>
      <c r="AC140" s="1140" t="s">
        <v>1498</v>
      </c>
      <c r="AD140" s="1020" t="s">
        <v>1498</v>
      </c>
      <c r="AE140" s="1020" t="s">
        <v>1498</v>
      </c>
      <c r="AF140" s="1020" t="s">
        <v>1498</v>
      </c>
      <c r="AG140" s="1020" t="s">
        <v>1498</v>
      </c>
      <c r="AH140" s="1020" t="s">
        <v>1498</v>
      </c>
      <c r="AI140" s="1020" t="s">
        <v>1498</v>
      </c>
      <c r="AJ140" s="1020" t="s">
        <v>1498</v>
      </c>
      <c r="AK140" s="1020" t="str">
        <f>IF(AJ140="n/a","n/a",ROUND((AJ140*[4]TripRateCalculations!$V$6),0))</f>
        <v>n/a</v>
      </c>
      <c r="AL140" s="1020" t="s">
        <v>1498</v>
      </c>
      <c r="AM140" s="1020" t="s">
        <v>1498</v>
      </c>
      <c r="AN140" s="1020" t="str">
        <f>IF(AT140="n/a","n/a",ROUND((AT140*[4]TripRateCalculations!N$4),0))</f>
        <v>n/a</v>
      </c>
      <c r="AO140" s="1020" t="str">
        <f>IF(AU140="n/a","n/a",ROUND((AU140*[4]TripRateCalculations!O$4),0))</f>
        <v>n/a</v>
      </c>
      <c r="AP140" s="1020" t="str">
        <f>IF(AV140="n/a","n/a",ROUND((AV140*[4]TripRateCalculations!P$4),0))</f>
        <v>n/a</v>
      </c>
      <c r="AQ140" s="1020" t="str">
        <f>IF(AW140="n/a","n/a",ROUND((AW140*[4]TripRateCalculations!Q$4),0))</f>
        <v>n/a</v>
      </c>
      <c r="AR140" s="1020" t="str">
        <f>IF(AX140="n/a","n/a",ROUND((AX140*[4]TripRateCalculations!R$4),0))</f>
        <v>n/a</v>
      </c>
      <c r="AS140" s="1020" t="str">
        <f>IF(AY140="n/a","n/a",ROUND((AY140*[4]TripRateCalculations!S$4),0))</f>
        <v>n/a</v>
      </c>
      <c r="AT140" s="1020" t="s">
        <v>1498</v>
      </c>
      <c r="AU140" s="1020" t="s">
        <v>1498</v>
      </c>
      <c r="AV140" s="1020" t="s">
        <v>1498</v>
      </c>
      <c r="AW140" s="1020" t="s">
        <v>1498</v>
      </c>
      <c r="AX140" s="1020" t="s">
        <v>1498</v>
      </c>
      <c r="AY140" s="1020" t="s">
        <v>1498</v>
      </c>
      <c r="AZ140" s="1100" t="s">
        <v>1498</v>
      </c>
      <c r="BA140" s="1100" t="s">
        <v>1498</v>
      </c>
      <c r="BB140" s="1100" t="s">
        <v>1498</v>
      </c>
      <c r="BC140" s="1100" t="s">
        <v>1498</v>
      </c>
      <c r="BD140" s="1100" t="s">
        <v>1498</v>
      </c>
      <c r="BE140" s="1100" t="s">
        <v>1498</v>
      </c>
      <c r="BF140" s="1100" t="s">
        <v>1498</v>
      </c>
      <c r="BG140" s="1100" t="str">
        <f>IF(BF140="n/a","n/a",ROUND((BF140*[4]TripRateCalculations!Q$4),0))</f>
        <v>n/a</v>
      </c>
      <c r="BH140" s="1027" t="s">
        <v>1683</v>
      </c>
      <c r="BI140" s="1026" t="s">
        <v>834</v>
      </c>
      <c r="BJ140" s="1026" t="s">
        <v>869</v>
      </c>
      <c r="BK140" s="1042">
        <f>ROUND((VLOOKUP(F140,'[4]Cost Summary'!A:H,8,)),0.1)</f>
        <v>34245</v>
      </c>
      <c r="BL140" s="1026">
        <v>1</v>
      </c>
      <c r="BM140" s="1078">
        <v>2</v>
      </c>
      <c r="BN140" s="1044" t="s">
        <v>1584</v>
      </c>
      <c r="BO140" s="1130">
        <v>22248.03</v>
      </c>
      <c r="BP140" s="992"/>
      <c r="BQ140" s="1131" t="e">
        <f t="shared" si="63"/>
        <v>#VALUE!</v>
      </c>
      <c r="BR140" s="1131" t="e">
        <f t="shared" si="64"/>
        <v>#VALUE!</v>
      </c>
      <c r="BS140" s="1131" t="e">
        <f t="shared" si="65"/>
        <v>#VALUE!</v>
      </c>
      <c r="BT140" s="1131" t="e">
        <f t="shared" si="66"/>
        <v>#VALUE!</v>
      </c>
      <c r="BU140" s="1131" t="e">
        <f t="shared" si="67"/>
        <v>#VALUE!</v>
      </c>
      <c r="BV140" s="1131" t="e">
        <f t="shared" si="68"/>
        <v>#VALUE!</v>
      </c>
      <c r="BW140" s="1131" t="e">
        <f t="shared" si="69"/>
        <v>#VALUE!</v>
      </c>
      <c r="BX140" s="1131" t="e">
        <f t="shared" si="70"/>
        <v>#VALUE!</v>
      </c>
      <c r="BY140" s="1131" t="e">
        <f t="shared" si="71"/>
        <v>#VALUE!</v>
      </c>
      <c r="BZ140" s="1131" t="e">
        <f t="shared" si="72"/>
        <v>#VALUE!</v>
      </c>
      <c r="CA140" s="1131" t="e">
        <f t="shared" si="73"/>
        <v>#VALUE!</v>
      </c>
      <c r="CB140" s="1131" t="e">
        <f t="shared" si="74"/>
        <v>#VALUE!</v>
      </c>
      <c r="CC140" s="1131" t="e">
        <f t="shared" si="75"/>
        <v>#VALUE!</v>
      </c>
      <c r="CD140" s="1131" t="e">
        <f t="shared" si="76"/>
        <v>#VALUE!</v>
      </c>
      <c r="CE140" s="1131" t="e">
        <f t="shared" si="77"/>
        <v>#VALUE!</v>
      </c>
      <c r="CF140" s="1131" t="e">
        <f t="shared" si="78"/>
        <v>#VALUE!</v>
      </c>
      <c r="CG140" s="1131" t="e">
        <f t="shared" si="79"/>
        <v>#VALUE!</v>
      </c>
      <c r="CH140" s="1131" t="e">
        <f t="shared" si="80"/>
        <v>#VALUE!</v>
      </c>
      <c r="CI140" s="1131" t="e">
        <f t="shared" si="81"/>
        <v>#VALUE!</v>
      </c>
      <c r="CJ140" s="1131" t="e">
        <f t="shared" si="82"/>
        <v>#VALUE!</v>
      </c>
      <c r="CK140" s="1132" t="str">
        <f t="shared" si="83"/>
        <v>n/a</v>
      </c>
    </row>
    <row r="141" spans="1:89" ht="299.25" x14ac:dyDescent="0.2">
      <c r="A141" s="992" t="s">
        <v>66</v>
      </c>
      <c r="B141" s="1126"/>
      <c r="C141" s="1126"/>
      <c r="D141" s="1126"/>
      <c r="E141" s="1126"/>
      <c r="F141" s="1026" t="s">
        <v>1919</v>
      </c>
      <c r="G141" s="1026" t="s">
        <v>957</v>
      </c>
      <c r="H141" s="1026" t="s">
        <v>1920</v>
      </c>
      <c r="I141" s="1026" t="s">
        <v>1487</v>
      </c>
      <c r="J141" s="1026">
        <v>51.77933548</v>
      </c>
      <c r="K141" s="1026">
        <v>-0.42482809799999999</v>
      </c>
      <c r="L141" s="1026" t="s">
        <v>1522</v>
      </c>
      <c r="M141" s="1026" t="s">
        <v>1523</v>
      </c>
      <c r="N141" s="1026">
        <v>2</v>
      </c>
      <c r="O141" s="1026" t="s">
        <v>932</v>
      </c>
      <c r="P141" s="1026" t="s">
        <v>1490</v>
      </c>
      <c r="Q141" s="1026" t="s">
        <v>1491</v>
      </c>
      <c r="R141" s="1026" t="s">
        <v>1492</v>
      </c>
      <c r="S141" s="1026" t="s">
        <v>1493</v>
      </c>
      <c r="T141" s="1026" t="s">
        <v>1538</v>
      </c>
      <c r="U141" s="1016" t="str">
        <f>_xlfn.XLOOKUP(F141, [4]GIS!D:D, [4]GIS!E:E, "Not mapped")</f>
        <v>Single - Scenario 2 (longer segment, one edge in close proximity of a development)</v>
      </c>
      <c r="V141" s="1026" t="s">
        <v>1542</v>
      </c>
      <c r="W141" s="1145" t="s">
        <v>1653</v>
      </c>
      <c r="X141" s="1145" t="s">
        <v>1921</v>
      </c>
      <c r="Y141" s="1062" t="s">
        <v>1498</v>
      </c>
      <c r="Z141" s="1062" t="s">
        <v>1498</v>
      </c>
      <c r="AA141" s="1062" t="s">
        <v>1498</v>
      </c>
      <c r="AB141" s="1062" t="s">
        <v>1498</v>
      </c>
      <c r="AC141" s="1062" t="s">
        <v>1498</v>
      </c>
      <c r="AD141" s="1062" t="s">
        <v>1498</v>
      </c>
      <c r="AE141" s="1062" t="s">
        <v>1498</v>
      </c>
      <c r="AF141" s="1062" t="s">
        <v>1498</v>
      </c>
      <c r="AG141" s="1062" t="s">
        <v>1498</v>
      </c>
      <c r="AH141" s="1062" t="s">
        <v>1498</v>
      </c>
      <c r="AI141" s="1062" t="s">
        <v>1498</v>
      </c>
      <c r="AJ141" s="1062" t="s">
        <v>1498</v>
      </c>
      <c r="AK141" s="1062" t="str">
        <f>IF(AJ141="n/a","n/a",ROUND((AJ141*[4]TripRateCalculations!$V$6),0))</f>
        <v>n/a</v>
      </c>
      <c r="AL141" s="1062" t="s">
        <v>1498</v>
      </c>
      <c r="AM141" s="1062" t="s">
        <v>1498</v>
      </c>
      <c r="AN141" s="1062">
        <f>IF(AT141="n/a","n/a",ROUND((AT141*[4]TripRateCalculations!N$4),0))</f>
        <v>4</v>
      </c>
      <c r="AO141" s="1034">
        <f>IF(AU141="n/a","n/a",ROUND((AU141*[4]TripRateCalculations!O$4),0))</f>
        <v>0</v>
      </c>
      <c r="AP141" s="1034">
        <f>IF(AV141="n/a","n/a",ROUND((AV141*[4]TripRateCalculations!P$4),0))</f>
        <v>4</v>
      </c>
      <c r="AQ141" s="1034">
        <f>IF(AW141="n/a","n/a",ROUND((AW141*[4]TripRateCalculations!Q$4),0))</f>
        <v>4</v>
      </c>
      <c r="AR141" s="1034">
        <f>IF(AX141="n/a","n/a",ROUND((AX141*[4]TripRateCalculations!R$4),0))</f>
        <v>2</v>
      </c>
      <c r="AS141" s="1034">
        <f>IF(AY141="n/a","n/a",ROUND((AY141*[4]TripRateCalculations!S$4),0))</f>
        <v>0</v>
      </c>
      <c r="AT141" s="1034">
        <v>17</v>
      </c>
      <c r="AU141" s="1034">
        <v>1</v>
      </c>
      <c r="AV141" s="1034">
        <v>15</v>
      </c>
      <c r="AW141" s="1034">
        <v>24</v>
      </c>
      <c r="AX141" s="1034">
        <v>19</v>
      </c>
      <c r="AY141" s="1034">
        <v>1</v>
      </c>
      <c r="AZ141" s="1034">
        <v>36</v>
      </c>
      <c r="BA141" s="1035">
        <v>2</v>
      </c>
      <c r="BB141" s="1035">
        <v>26</v>
      </c>
      <c r="BC141" s="1035">
        <v>0</v>
      </c>
      <c r="BD141" s="1035">
        <v>64</v>
      </c>
      <c r="BE141" s="1035">
        <v>1</v>
      </c>
      <c r="BF141" s="1035">
        <v>42</v>
      </c>
      <c r="BG141" s="1035">
        <f>IF(BF141="n/a","n/a",ROUND((BF141*[4]TripRateCalculations!Q$4),0))</f>
        <v>6</v>
      </c>
      <c r="BH141" s="1027" t="s">
        <v>1539</v>
      </c>
      <c r="BI141" s="1026" t="s">
        <v>834</v>
      </c>
      <c r="BJ141" s="1026" t="s">
        <v>869</v>
      </c>
      <c r="BK141" s="1042">
        <f>ROUND((VLOOKUP(F141,'[4]Cost Summary'!A:H,8,)),0.1)</f>
        <v>2287654</v>
      </c>
      <c r="BL141" s="1052">
        <v>1</v>
      </c>
      <c r="BM141" s="1044">
        <v>2</v>
      </c>
      <c r="BN141" s="1044" t="s">
        <v>1584</v>
      </c>
      <c r="BO141" s="1130">
        <v>1486231.78</v>
      </c>
      <c r="BP141" s="992"/>
      <c r="BQ141" s="1131" t="e">
        <f t="shared" si="63"/>
        <v>#VALUE!</v>
      </c>
      <c r="BR141" s="1131" t="e">
        <f t="shared" si="64"/>
        <v>#VALUE!</v>
      </c>
      <c r="BS141" s="1131" t="e">
        <f t="shared" si="65"/>
        <v>#VALUE!</v>
      </c>
      <c r="BT141" s="1131" t="e">
        <f t="shared" si="66"/>
        <v>#VALUE!</v>
      </c>
      <c r="BU141" s="1131" t="e">
        <f t="shared" si="67"/>
        <v>#VALUE!</v>
      </c>
      <c r="BV141" s="1131" t="e">
        <f t="shared" si="68"/>
        <v>#VALUE!</v>
      </c>
      <c r="BW141" s="1131" t="e">
        <f t="shared" si="69"/>
        <v>#VALUE!</v>
      </c>
      <c r="BX141" s="1131" t="e">
        <f t="shared" si="70"/>
        <v>#VALUE!</v>
      </c>
      <c r="BY141" s="1131" t="e">
        <f t="shared" si="71"/>
        <v>#VALUE!</v>
      </c>
      <c r="BZ141" s="1131" t="e">
        <f t="shared" si="72"/>
        <v>#VALUE!</v>
      </c>
      <c r="CA141" s="1131" t="e">
        <f t="shared" si="73"/>
        <v>#VALUE!</v>
      </c>
      <c r="CB141" s="1131" t="e">
        <f t="shared" si="74"/>
        <v>#VALUE!</v>
      </c>
      <c r="CC141" s="1131">
        <f t="shared" si="75"/>
        <v>0.08</v>
      </c>
      <c r="CD141" s="1131">
        <f t="shared" si="76"/>
        <v>0</v>
      </c>
      <c r="CE141" s="1131">
        <f t="shared" si="77"/>
        <v>0.08</v>
      </c>
      <c r="CF141" s="1131">
        <f t="shared" si="78"/>
        <v>0.04</v>
      </c>
      <c r="CG141" s="1131">
        <f t="shared" si="79"/>
        <v>0</v>
      </c>
      <c r="CH141" s="1131">
        <f t="shared" si="80"/>
        <v>0.72</v>
      </c>
      <c r="CI141" s="1131" t="e">
        <f t="shared" si="81"/>
        <v>#VALUE!</v>
      </c>
      <c r="CJ141" s="1131">
        <f t="shared" si="82"/>
        <v>0.08</v>
      </c>
      <c r="CK141" s="1132" t="str">
        <f t="shared" si="83"/>
        <v>n/a</v>
      </c>
    </row>
    <row r="142" spans="1:89" ht="57" x14ac:dyDescent="0.2">
      <c r="A142" s="992" t="s">
        <v>66</v>
      </c>
      <c r="B142" s="1126"/>
      <c r="C142" s="1126"/>
      <c r="D142" s="1126"/>
      <c r="E142" s="1126"/>
      <c r="F142" s="1026" t="s">
        <v>1922</v>
      </c>
      <c r="G142" s="1026" t="s">
        <v>944</v>
      </c>
      <c r="H142" s="1026" t="s">
        <v>945</v>
      </c>
      <c r="I142" s="1026" t="s">
        <v>1487</v>
      </c>
      <c r="J142" s="1026">
        <v>51.740935729999997</v>
      </c>
      <c r="K142" s="1026">
        <v>-0.42215169899999999</v>
      </c>
      <c r="L142" s="1026" t="s">
        <v>1560</v>
      </c>
      <c r="M142" s="1026" t="s">
        <v>1489</v>
      </c>
      <c r="N142" s="1026">
        <v>1</v>
      </c>
      <c r="O142" s="1026" t="s">
        <v>932</v>
      </c>
      <c r="P142" s="1026" t="s">
        <v>1490</v>
      </c>
      <c r="Q142" s="1026" t="s">
        <v>1491</v>
      </c>
      <c r="R142" s="1026" t="s">
        <v>1492</v>
      </c>
      <c r="S142" s="1026" t="s">
        <v>1493</v>
      </c>
      <c r="T142" s="1026" t="s">
        <v>1538</v>
      </c>
      <c r="U142" s="1016" t="str">
        <f>_xlfn.XLOOKUP(F142, [4]GIS!D:D, [4]GIS!E:E, "Not mapped")</f>
        <v>Single - Scenario 2</v>
      </c>
      <c r="V142" s="1026" t="s">
        <v>1508</v>
      </c>
      <c r="W142" s="1057" t="s">
        <v>1667</v>
      </c>
      <c r="X142" s="1057" t="s">
        <v>1603</v>
      </c>
      <c r="Y142" s="1020" t="s">
        <v>1498</v>
      </c>
      <c r="Z142" s="1020" t="s">
        <v>1498</v>
      </c>
      <c r="AA142" s="1020" t="s">
        <v>1498</v>
      </c>
      <c r="AB142" s="1020" t="s">
        <v>1498</v>
      </c>
      <c r="AC142" s="1020" t="s">
        <v>1498</v>
      </c>
      <c r="AD142" s="1020" t="s">
        <v>1498</v>
      </c>
      <c r="AE142" s="1020" t="s">
        <v>1498</v>
      </c>
      <c r="AF142" s="1020" t="s">
        <v>1498</v>
      </c>
      <c r="AG142" s="1020" t="s">
        <v>1498</v>
      </c>
      <c r="AH142" s="1020" t="s">
        <v>1498</v>
      </c>
      <c r="AI142" s="1020" t="s">
        <v>1498</v>
      </c>
      <c r="AJ142" s="1020" t="s">
        <v>1498</v>
      </c>
      <c r="AK142" s="1020" t="str">
        <f>IF(AJ142="n/a","n/a",ROUND((AJ142*[4]TripRateCalculations!$V$6),0))</f>
        <v>n/a</v>
      </c>
      <c r="AL142" s="1020" t="s">
        <v>1498</v>
      </c>
      <c r="AM142" s="1020" t="s">
        <v>1498</v>
      </c>
      <c r="AN142" s="1020" t="str">
        <f>IF(AT142="n/a","n/a",ROUND((AT142*[4]TripRateCalculations!N$4),0))</f>
        <v>n/a</v>
      </c>
      <c r="AO142" s="1020" t="str">
        <f>IF(AU142="n/a","n/a",ROUND((AU142*[4]TripRateCalculations!O$4),0))</f>
        <v>n/a</v>
      </c>
      <c r="AP142" s="1020" t="str">
        <f>IF(AV142="n/a","n/a",ROUND((AV142*[4]TripRateCalculations!P$4),0))</f>
        <v>n/a</v>
      </c>
      <c r="AQ142" s="1020" t="str">
        <f>IF(AW142="n/a","n/a",ROUND((AW142*[4]TripRateCalculations!Q$4),0))</f>
        <v>n/a</v>
      </c>
      <c r="AR142" s="1020" t="str">
        <f>IF(AX142="n/a","n/a",ROUND((AX142*[4]TripRateCalculations!R$4),0))</f>
        <v>n/a</v>
      </c>
      <c r="AS142" s="1020" t="str">
        <f>IF(AY142="n/a","n/a",ROUND((AY142*[4]TripRateCalculations!S$4),0))</f>
        <v>n/a</v>
      </c>
      <c r="AT142" s="1020" t="s">
        <v>1498</v>
      </c>
      <c r="AU142" s="1020" t="s">
        <v>1498</v>
      </c>
      <c r="AV142" s="1020" t="s">
        <v>1498</v>
      </c>
      <c r="AW142" s="1020" t="s">
        <v>1498</v>
      </c>
      <c r="AX142" s="1020" t="s">
        <v>1498</v>
      </c>
      <c r="AY142" s="1020" t="s">
        <v>1498</v>
      </c>
      <c r="AZ142" s="1020" t="s">
        <v>1498</v>
      </c>
      <c r="BA142" s="1100" t="s">
        <v>1498</v>
      </c>
      <c r="BB142" s="1100" t="s">
        <v>1498</v>
      </c>
      <c r="BC142" s="1100" t="s">
        <v>1498</v>
      </c>
      <c r="BD142" s="1100" t="s">
        <v>1498</v>
      </c>
      <c r="BE142" s="1100" t="s">
        <v>1498</v>
      </c>
      <c r="BF142" s="1100" t="s">
        <v>1498</v>
      </c>
      <c r="BG142" s="1100" t="str">
        <f>IF(BF142="n/a","n/a",ROUND((BF142*[4]TripRateCalculations!Q$4),0))</f>
        <v>n/a</v>
      </c>
      <c r="BH142" s="1027" t="s">
        <v>1539</v>
      </c>
      <c r="BI142" s="1026" t="s">
        <v>834</v>
      </c>
      <c r="BJ142" s="1026" t="s">
        <v>869</v>
      </c>
      <c r="BK142" s="1042">
        <f>ROUND((VLOOKUP(F142,'[4]Cost Summary'!A:H,8,)),0.1)</f>
        <v>312611</v>
      </c>
      <c r="BL142" s="1026">
        <v>0</v>
      </c>
      <c r="BM142" s="1078" t="s">
        <v>1500</v>
      </c>
      <c r="BN142" s="1044" t="s">
        <v>1584</v>
      </c>
      <c r="BO142" s="1130">
        <v>203095.75</v>
      </c>
      <c r="BP142" s="992"/>
      <c r="BQ142" s="1131" t="e">
        <f t="shared" si="63"/>
        <v>#VALUE!</v>
      </c>
      <c r="BR142" s="1131" t="e">
        <f t="shared" si="64"/>
        <v>#VALUE!</v>
      </c>
      <c r="BS142" s="1131" t="e">
        <f t="shared" si="65"/>
        <v>#VALUE!</v>
      </c>
      <c r="BT142" s="1131" t="e">
        <f t="shared" si="66"/>
        <v>#VALUE!</v>
      </c>
      <c r="BU142" s="1131" t="e">
        <f t="shared" si="67"/>
        <v>#VALUE!</v>
      </c>
      <c r="BV142" s="1131" t="e">
        <f t="shared" si="68"/>
        <v>#VALUE!</v>
      </c>
      <c r="BW142" s="1131" t="e">
        <f t="shared" si="69"/>
        <v>#VALUE!</v>
      </c>
      <c r="BX142" s="1131" t="e">
        <f t="shared" si="70"/>
        <v>#VALUE!</v>
      </c>
      <c r="BY142" s="1131" t="e">
        <f t="shared" si="71"/>
        <v>#VALUE!</v>
      </c>
      <c r="BZ142" s="1131" t="e">
        <f t="shared" si="72"/>
        <v>#VALUE!</v>
      </c>
      <c r="CA142" s="1131" t="e">
        <f t="shared" si="73"/>
        <v>#VALUE!</v>
      </c>
      <c r="CB142" s="1131" t="e">
        <f t="shared" si="74"/>
        <v>#VALUE!</v>
      </c>
      <c r="CC142" s="1131" t="e">
        <f t="shared" si="75"/>
        <v>#VALUE!</v>
      </c>
      <c r="CD142" s="1131" t="e">
        <f t="shared" si="76"/>
        <v>#VALUE!</v>
      </c>
      <c r="CE142" s="1131" t="e">
        <f t="shared" si="77"/>
        <v>#VALUE!</v>
      </c>
      <c r="CF142" s="1131" t="e">
        <f t="shared" si="78"/>
        <v>#VALUE!</v>
      </c>
      <c r="CG142" s="1131" t="e">
        <f t="shared" si="79"/>
        <v>#VALUE!</v>
      </c>
      <c r="CH142" s="1131" t="e">
        <f t="shared" si="80"/>
        <v>#VALUE!</v>
      </c>
      <c r="CI142" s="1131" t="e">
        <f t="shared" si="81"/>
        <v>#VALUE!</v>
      </c>
      <c r="CJ142" s="1131" t="e">
        <f t="shared" si="82"/>
        <v>#VALUE!</v>
      </c>
      <c r="CK142" s="1132" t="str">
        <f t="shared" si="83"/>
        <v>n/a</v>
      </c>
    </row>
    <row r="143" spans="1:89" ht="85.5" x14ac:dyDescent="0.2">
      <c r="A143" s="992" t="s">
        <v>66</v>
      </c>
      <c r="B143" s="1126" t="s">
        <v>66</v>
      </c>
      <c r="C143" s="1126"/>
      <c r="D143" s="1126"/>
      <c r="E143" s="1126"/>
      <c r="F143" s="1026" t="s">
        <v>1923</v>
      </c>
      <c r="G143" s="1026" t="s">
        <v>1135</v>
      </c>
      <c r="H143" s="1026" t="s">
        <v>1136</v>
      </c>
      <c r="I143" s="1026" t="s">
        <v>1487</v>
      </c>
      <c r="J143" s="1026" t="s">
        <v>253</v>
      </c>
      <c r="K143" s="1026" t="s">
        <v>253</v>
      </c>
      <c r="L143" s="1026" t="s">
        <v>1924</v>
      </c>
      <c r="M143" s="1026" t="s">
        <v>1489</v>
      </c>
      <c r="N143" s="1026">
        <v>1</v>
      </c>
      <c r="O143" s="1026" t="s">
        <v>932</v>
      </c>
      <c r="P143" s="1026" t="s">
        <v>1490</v>
      </c>
      <c r="Q143" s="1026" t="s">
        <v>1491</v>
      </c>
      <c r="R143" s="1026" t="s">
        <v>1492</v>
      </c>
      <c r="S143" s="1026" t="s">
        <v>1493</v>
      </c>
      <c r="T143" s="1026" t="s">
        <v>1925</v>
      </c>
      <c r="U143" s="1016" t="str">
        <f>_xlfn.XLOOKUP(F143, [4]GIS!D:D, [4]GIS!E:E, "Not mapped")</f>
        <v>Multiple - Scenario 1</v>
      </c>
      <c r="V143" s="1026" t="s">
        <v>1508</v>
      </c>
      <c r="W143" s="1145" t="s">
        <v>1653</v>
      </c>
      <c r="X143" s="1145" t="s">
        <v>1926</v>
      </c>
      <c r="Y143" s="1034">
        <v>0</v>
      </c>
      <c r="Z143" s="1034">
        <v>0</v>
      </c>
      <c r="AA143" s="1034">
        <v>0</v>
      </c>
      <c r="AB143" s="1034">
        <v>1</v>
      </c>
      <c r="AC143" s="1034">
        <v>0</v>
      </c>
      <c r="AD143" s="1034">
        <v>0</v>
      </c>
      <c r="AE143" s="1034">
        <v>0</v>
      </c>
      <c r="AF143" s="1034">
        <v>1</v>
      </c>
      <c r="AG143" s="1034">
        <v>3</v>
      </c>
      <c r="AH143" s="1034">
        <v>0</v>
      </c>
      <c r="AI143" s="1034">
        <v>2</v>
      </c>
      <c r="AJ143" s="1034">
        <v>2</v>
      </c>
      <c r="AK143" s="1034">
        <f>IF(AJ143="n/a","n/a",ROUND((AJ143*[4]TripRateCalculations!$V$6),0))</f>
        <v>4</v>
      </c>
      <c r="AL143" s="1034">
        <v>2</v>
      </c>
      <c r="AM143" s="1034">
        <v>1</v>
      </c>
      <c r="AN143" s="1034">
        <f>IF(AT143="n/a","n/a",ROUND((AT143*[4]TripRateCalculations!N$4),0))</f>
        <v>0</v>
      </c>
      <c r="AO143" s="1034">
        <f>IF(AU143="n/a","n/a",ROUND((AU143*[4]TripRateCalculations!O$4),0))</f>
        <v>0</v>
      </c>
      <c r="AP143" s="1034">
        <f>IF(AV143="n/a","n/a",ROUND((AV143*[4]TripRateCalculations!P$4),0))</f>
        <v>0</v>
      </c>
      <c r="AQ143" s="1034">
        <f>AW143*[4]TripRateCalculations!Q$4</f>
        <v>0.58581235697940504</v>
      </c>
      <c r="AR143" s="1034">
        <f>IF(AX143="n/a","n/a",ROUND((AX143*[4]TripRateCalculations!R$4),0))</f>
        <v>0</v>
      </c>
      <c r="AS143" s="1034">
        <f>IF(AY143="n/a","n/a",ROUND((AY143*[4]TripRateCalculations!S$4),0))</f>
        <v>0</v>
      </c>
      <c r="AT143" s="1034">
        <v>0</v>
      </c>
      <c r="AU143" s="1034">
        <v>0</v>
      </c>
      <c r="AV143" s="1034">
        <v>1</v>
      </c>
      <c r="AW143" s="1034">
        <v>4</v>
      </c>
      <c r="AX143" s="1034">
        <v>3</v>
      </c>
      <c r="AY143" s="1034">
        <v>4</v>
      </c>
      <c r="AZ143" s="1034">
        <v>2</v>
      </c>
      <c r="BA143" s="1035">
        <v>0</v>
      </c>
      <c r="BB143" s="1035">
        <v>2</v>
      </c>
      <c r="BC143" s="1035">
        <v>1</v>
      </c>
      <c r="BD143" s="1035">
        <v>5</v>
      </c>
      <c r="BE143" s="1035">
        <v>0</v>
      </c>
      <c r="BF143" s="1035">
        <v>6</v>
      </c>
      <c r="BG143" s="1035">
        <f>BF143*[4]TripRateCalculations!$Q$4</f>
        <v>0.87871853546910761</v>
      </c>
      <c r="BH143" s="1027" t="s">
        <v>1927</v>
      </c>
      <c r="BI143" s="1026" t="s">
        <v>722</v>
      </c>
      <c r="BJ143" s="1026" t="s">
        <v>53</v>
      </c>
      <c r="BK143" s="1042">
        <f>ROUND((VLOOKUP(F143,'[4]Cost Summary'!A:H,8,)),0.1)</f>
        <v>13365</v>
      </c>
      <c r="BL143" s="1026">
        <v>1</v>
      </c>
      <c r="BM143" s="1078">
        <v>1</v>
      </c>
      <c r="BN143" s="1044" t="s">
        <v>1584</v>
      </c>
      <c r="BO143" s="1130">
        <v>8682.9599999999991</v>
      </c>
      <c r="BP143" s="992"/>
      <c r="BQ143" s="1131">
        <f t="shared" si="63"/>
        <v>0</v>
      </c>
      <c r="BR143" s="1131">
        <f t="shared" si="64"/>
        <v>0</v>
      </c>
      <c r="BS143" s="1131">
        <f t="shared" si="65"/>
        <v>6.029249448123622E-2</v>
      </c>
      <c r="BT143" s="1131">
        <f t="shared" si="66"/>
        <v>0</v>
      </c>
      <c r="BU143" s="1131">
        <f t="shared" si="67"/>
        <v>0</v>
      </c>
      <c r="BV143" s="1131">
        <f t="shared" si="68"/>
        <v>0</v>
      </c>
      <c r="BW143" s="1131">
        <f t="shared" si="69"/>
        <v>6.029249448123622E-2</v>
      </c>
      <c r="BX143" s="1131">
        <f t="shared" si="70"/>
        <v>0.18087748344370866</v>
      </c>
      <c r="BY143" s="1131">
        <f t="shared" si="71"/>
        <v>0.12058498896247244</v>
      </c>
      <c r="BZ143" s="1131">
        <f t="shared" si="72"/>
        <v>0.24116997792494488</v>
      </c>
      <c r="CA143" s="1131">
        <f t="shared" si="73"/>
        <v>0.12058498896247244</v>
      </c>
      <c r="CB143" s="1131">
        <f t="shared" si="74"/>
        <v>6.029249448123622E-2</v>
      </c>
      <c r="CC143" s="1131">
        <f t="shared" si="75"/>
        <v>0</v>
      </c>
      <c r="CD143" s="1131">
        <f t="shared" si="76"/>
        <v>0</v>
      </c>
      <c r="CE143" s="1131">
        <f t="shared" si="77"/>
        <v>0</v>
      </c>
      <c r="CF143" s="1131">
        <f t="shared" si="78"/>
        <v>0</v>
      </c>
      <c r="CG143" s="1131">
        <f t="shared" si="79"/>
        <v>0</v>
      </c>
      <c r="CH143" s="1131">
        <f t="shared" si="80"/>
        <v>0.12058498896247244</v>
      </c>
      <c r="CI143" s="1131">
        <f t="shared" si="81"/>
        <v>0</v>
      </c>
      <c r="CJ143" s="1131">
        <f t="shared" si="82"/>
        <v>3.5320088300220764E-2</v>
      </c>
      <c r="CK143" s="1132">
        <f t="shared" si="83"/>
        <v>1</v>
      </c>
    </row>
    <row r="144" spans="1:89" ht="75" x14ac:dyDescent="0.2">
      <c r="A144" s="992" t="s">
        <v>66</v>
      </c>
      <c r="B144" s="1126" t="s">
        <v>66</v>
      </c>
      <c r="C144" s="1126"/>
      <c r="D144" s="1126"/>
      <c r="E144" s="1126"/>
      <c r="F144" s="1026" t="s">
        <v>1928</v>
      </c>
      <c r="G144" s="1026" t="s">
        <v>987</v>
      </c>
      <c r="H144" s="1026" t="s">
        <v>1929</v>
      </c>
      <c r="I144" s="1026" t="s">
        <v>1487</v>
      </c>
      <c r="J144" s="1026" t="s">
        <v>1521</v>
      </c>
      <c r="K144" s="1026" t="s">
        <v>1521</v>
      </c>
      <c r="L144" s="1026" t="s">
        <v>1560</v>
      </c>
      <c r="M144" s="1026" t="s">
        <v>1523</v>
      </c>
      <c r="N144" s="1026">
        <v>1</v>
      </c>
      <c r="O144" s="1026" t="s">
        <v>932</v>
      </c>
      <c r="P144" s="1026" t="s">
        <v>1490</v>
      </c>
      <c r="Q144" s="1026" t="s">
        <v>1491</v>
      </c>
      <c r="R144" s="1026" t="s">
        <v>1492</v>
      </c>
      <c r="S144" s="1026" t="s">
        <v>1493</v>
      </c>
      <c r="T144" s="1026" t="s">
        <v>1610</v>
      </c>
      <c r="U144" s="1016" t="str">
        <f>_xlfn.XLOOKUP(F144, [4]GIS!D:D, [4]GIS!E:E, "Not mapped")</f>
        <v>Single - Scenario 3 (not the entirety?</v>
      </c>
      <c r="V144" s="1031" t="s">
        <v>1495</v>
      </c>
      <c r="W144" s="1057" t="s">
        <v>1667</v>
      </c>
      <c r="X144" s="1057" t="s">
        <v>1603</v>
      </c>
      <c r="Y144" s="1020" t="s">
        <v>1498</v>
      </c>
      <c r="Z144" s="1020" t="s">
        <v>1498</v>
      </c>
      <c r="AA144" s="1020" t="s">
        <v>1498</v>
      </c>
      <c r="AB144" s="1020" t="s">
        <v>1498</v>
      </c>
      <c r="AC144" s="1020" t="s">
        <v>1498</v>
      </c>
      <c r="AD144" s="1020" t="s">
        <v>1498</v>
      </c>
      <c r="AE144" s="1020" t="s">
        <v>1498</v>
      </c>
      <c r="AF144" s="1020" t="s">
        <v>1498</v>
      </c>
      <c r="AG144" s="1020" t="s">
        <v>1498</v>
      </c>
      <c r="AH144" s="1020" t="s">
        <v>1498</v>
      </c>
      <c r="AI144" s="1020" t="s">
        <v>1498</v>
      </c>
      <c r="AJ144" s="1020" t="s">
        <v>1498</v>
      </c>
      <c r="AK144" s="1020" t="str">
        <f>IF(AJ144="n/a","n/a",ROUND((AJ144*[4]TripRateCalculations!$V$6),0))</f>
        <v>n/a</v>
      </c>
      <c r="AL144" s="1020" t="s">
        <v>1498</v>
      </c>
      <c r="AM144" s="1020" t="s">
        <v>1498</v>
      </c>
      <c r="AN144" s="1020" t="str">
        <f>IF(AT144="n/a","n/a",ROUND((AT144*[4]TripRateCalculations!N$4),0))</f>
        <v>n/a</v>
      </c>
      <c r="AO144" s="1020" t="str">
        <f>IF(AU144="n/a","n/a",ROUND((AU144*[4]TripRateCalculations!O$4),0))</f>
        <v>n/a</v>
      </c>
      <c r="AP144" s="1020" t="str">
        <f>IF(AV144="n/a","n/a",ROUND((AV144*[4]TripRateCalculations!P$4),0))</f>
        <v>n/a</v>
      </c>
      <c r="AQ144" s="1020" t="s">
        <v>1498</v>
      </c>
      <c r="AR144" s="1020" t="str">
        <f>IF(AX144="n/a","n/a",ROUND((AX144*[4]TripRateCalculations!R$4),0))</f>
        <v>n/a</v>
      </c>
      <c r="AS144" s="1020" t="str">
        <f>IF(AY144="n/a","n/a",ROUND((AY144*[4]TripRateCalculations!S$4),0))</f>
        <v>n/a</v>
      </c>
      <c r="AT144" s="1020" t="s">
        <v>1498</v>
      </c>
      <c r="AU144" s="1020" t="s">
        <v>1498</v>
      </c>
      <c r="AV144" s="1020" t="s">
        <v>1498</v>
      </c>
      <c r="AW144" s="1020" t="s">
        <v>1498</v>
      </c>
      <c r="AX144" s="1020" t="s">
        <v>1498</v>
      </c>
      <c r="AY144" s="1020" t="s">
        <v>1498</v>
      </c>
      <c r="AZ144" s="1020" t="s">
        <v>1498</v>
      </c>
      <c r="BA144" s="1100" t="s">
        <v>1498</v>
      </c>
      <c r="BB144" s="1100" t="s">
        <v>1498</v>
      </c>
      <c r="BC144" s="1100" t="s">
        <v>1498</v>
      </c>
      <c r="BD144" s="1100" t="s">
        <v>1498</v>
      </c>
      <c r="BE144" s="1100" t="s">
        <v>1498</v>
      </c>
      <c r="BF144" s="1100" t="s">
        <v>1498</v>
      </c>
      <c r="BG144" s="1100" t="s">
        <v>1498</v>
      </c>
      <c r="BH144" s="1027" t="s">
        <v>1642</v>
      </c>
      <c r="BI144" s="1026" t="s">
        <v>868</v>
      </c>
      <c r="BJ144" s="1026" t="s">
        <v>869</v>
      </c>
      <c r="BK144" s="1137">
        <f>ROUND((VLOOKUP(F144,'[4]Cost Summary'!A:H,8,)),0.1)</f>
        <v>2961580</v>
      </c>
      <c r="BL144" s="1026">
        <v>0</v>
      </c>
      <c r="BM144" s="1078" t="s">
        <v>1500</v>
      </c>
      <c r="BN144" s="1081" t="s">
        <v>1930</v>
      </c>
      <c r="BO144" s="1130">
        <v>11305.94</v>
      </c>
      <c r="BP144" s="992"/>
      <c r="BQ144" s="1131" t="e">
        <f t="shared" si="63"/>
        <v>#VALUE!</v>
      </c>
      <c r="BR144" s="1131" t="e">
        <f t="shared" si="64"/>
        <v>#VALUE!</v>
      </c>
      <c r="BS144" s="1131" t="e">
        <f t="shared" si="65"/>
        <v>#VALUE!</v>
      </c>
      <c r="BT144" s="1131" t="e">
        <f t="shared" si="66"/>
        <v>#VALUE!</v>
      </c>
      <c r="BU144" s="1131" t="e">
        <f t="shared" si="67"/>
        <v>#VALUE!</v>
      </c>
      <c r="BV144" s="1131" t="e">
        <f t="shared" si="68"/>
        <v>#VALUE!</v>
      </c>
      <c r="BW144" s="1131" t="e">
        <f t="shared" si="69"/>
        <v>#VALUE!</v>
      </c>
      <c r="BX144" s="1131" t="e">
        <f t="shared" si="70"/>
        <v>#VALUE!</v>
      </c>
      <c r="BY144" s="1131" t="e">
        <f t="shared" si="71"/>
        <v>#VALUE!</v>
      </c>
      <c r="BZ144" s="1131" t="e">
        <f t="shared" si="72"/>
        <v>#VALUE!</v>
      </c>
      <c r="CA144" s="1131" t="e">
        <f t="shared" si="73"/>
        <v>#VALUE!</v>
      </c>
      <c r="CB144" s="1131" t="e">
        <f t="shared" si="74"/>
        <v>#VALUE!</v>
      </c>
      <c r="CC144" s="1131" t="e">
        <f t="shared" si="75"/>
        <v>#VALUE!</v>
      </c>
      <c r="CD144" s="1131" t="e">
        <f t="shared" si="76"/>
        <v>#VALUE!</v>
      </c>
      <c r="CE144" s="1131" t="e">
        <f t="shared" si="77"/>
        <v>#VALUE!</v>
      </c>
      <c r="CF144" s="1131" t="e">
        <f t="shared" si="78"/>
        <v>#VALUE!</v>
      </c>
      <c r="CG144" s="1131" t="e">
        <f t="shared" si="79"/>
        <v>#VALUE!</v>
      </c>
      <c r="CH144" s="1131" t="e">
        <f t="shared" si="80"/>
        <v>#VALUE!</v>
      </c>
      <c r="CI144" s="1131" t="e">
        <f t="shared" si="81"/>
        <v>#VALUE!</v>
      </c>
      <c r="CJ144" s="1131" t="e">
        <f t="shared" si="82"/>
        <v>#VALUE!</v>
      </c>
      <c r="CK144" s="1132" t="str">
        <f t="shared" si="83"/>
        <v>n/a</v>
      </c>
    </row>
    <row r="145" spans="1:89" ht="142.5" x14ac:dyDescent="0.2">
      <c r="A145" s="992"/>
      <c r="B145" s="1126" t="s">
        <v>66</v>
      </c>
      <c r="C145" s="1126"/>
      <c r="D145" s="1126"/>
      <c r="E145" s="1126"/>
      <c r="F145" s="1026" t="s">
        <v>1931</v>
      </c>
      <c r="G145" s="1026" t="s">
        <v>1145</v>
      </c>
      <c r="H145" s="1026" t="s">
        <v>1146</v>
      </c>
      <c r="I145" s="1026" t="s">
        <v>1545</v>
      </c>
      <c r="J145" s="1026" t="s">
        <v>1521</v>
      </c>
      <c r="K145" s="1026" t="s">
        <v>1521</v>
      </c>
      <c r="L145" s="1026" t="s">
        <v>1488</v>
      </c>
      <c r="M145" s="1026" t="s">
        <v>1489</v>
      </c>
      <c r="N145" s="1026">
        <v>1</v>
      </c>
      <c r="O145" s="1026" t="s">
        <v>932</v>
      </c>
      <c r="P145" s="1026" t="s">
        <v>1490</v>
      </c>
      <c r="Q145" s="1026" t="s">
        <v>1491</v>
      </c>
      <c r="R145" s="1026" t="s">
        <v>1492</v>
      </c>
      <c r="S145" s="1026" t="s">
        <v>1493</v>
      </c>
      <c r="T145" s="1026" t="s">
        <v>1494</v>
      </c>
      <c r="U145" s="1016" t="str">
        <f>_xlfn.XLOOKUP(F145, [4]GIS!D:D, [4]GIS!E:E, "Not mapped")</f>
        <v>Multiple - Scenario 1</v>
      </c>
      <c r="V145" s="1026" t="s">
        <v>1932</v>
      </c>
      <c r="W145" s="1018" t="s">
        <v>1496</v>
      </c>
      <c r="X145" s="1019" t="s">
        <v>1497</v>
      </c>
      <c r="Y145" s="1020" t="s">
        <v>1498</v>
      </c>
      <c r="Z145" s="1020" t="s">
        <v>1498</v>
      </c>
      <c r="AA145" s="1020" t="s">
        <v>1498</v>
      </c>
      <c r="AB145" s="1020" t="s">
        <v>1498</v>
      </c>
      <c r="AC145" s="1020" t="s">
        <v>1498</v>
      </c>
      <c r="AD145" s="1020" t="s">
        <v>1498</v>
      </c>
      <c r="AE145" s="1020" t="s">
        <v>1498</v>
      </c>
      <c r="AF145" s="1020" t="s">
        <v>1498</v>
      </c>
      <c r="AG145" s="1020" t="s">
        <v>1498</v>
      </c>
      <c r="AH145" s="1020" t="s">
        <v>1498</v>
      </c>
      <c r="AI145" s="1020" t="s">
        <v>1498</v>
      </c>
      <c r="AJ145" s="1020" t="s">
        <v>1498</v>
      </c>
      <c r="AK145" s="1020" t="str">
        <f>IF(AJ145="n/a","n/a",ROUND((AJ145*[4]TripRateCalculations!$V$6),0))</f>
        <v>n/a</v>
      </c>
      <c r="AL145" s="1020" t="s">
        <v>1498</v>
      </c>
      <c r="AM145" s="1020" t="s">
        <v>1498</v>
      </c>
      <c r="AN145" s="1020" t="str">
        <f>IF(AT145="n/a","n/a",ROUND((AT145*[4]TripRateCalculations!N$4),0))</f>
        <v>n/a</v>
      </c>
      <c r="AO145" s="1020" t="str">
        <f>IF(AU145="n/a","n/a",ROUND((AU145*[4]TripRateCalculations!O$4),0))</f>
        <v>n/a</v>
      </c>
      <c r="AP145" s="1020" t="str">
        <f>IF(AV145="n/a","n/a",ROUND((AV145*[4]TripRateCalculations!P$4),0))</f>
        <v>n/a</v>
      </c>
      <c r="AQ145" s="1020" t="s">
        <v>1498</v>
      </c>
      <c r="AR145" s="1020" t="str">
        <f>IF(AX145="n/a","n/a",ROUND((AX145*[4]TripRateCalculations!R$4),0))</f>
        <v>n/a</v>
      </c>
      <c r="AS145" s="1020" t="str">
        <f>IF(AY145="n/a","n/a",ROUND((AY145*[4]TripRateCalculations!S$4),0))</f>
        <v>n/a</v>
      </c>
      <c r="AT145" s="1020" t="s">
        <v>1498</v>
      </c>
      <c r="AU145" s="1020" t="s">
        <v>1498</v>
      </c>
      <c r="AV145" s="1020" t="s">
        <v>1498</v>
      </c>
      <c r="AW145" s="1020" t="s">
        <v>1498</v>
      </c>
      <c r="AX145" s="1020" t="s">
        <v>1498</v>
      </c>
      <c r="AY145" s="1020" t="s">
        <v>1498</v>
      </c>
      <c r="AZ145" s="1020" t="s">
        <v>1498</v>
      </c>
      <c r="BA145" s="1100" t="s">
        <v>1498</v>
      </c>
      <c r="BB145" s="1100" t="s">
        <v>1498</v>
      </c>
      <c r="BC145" s="1100" t="s">
        <v>1498</v>
      </c>
      <c r="BD145" s="1100" t="s">
        <v>1498</v>
      </c>
      <c r="BE145" s="1100" t="s">
        <v>1498</v>
      </c>
      <c r="BF145" s="1100" t="s">
        <v>1498</v>
      </c>
      <c r="BG145" s="1100" t="s">
        <v>1498</v>
      </c>
      <c r="BH145" s="1027" t="s">
        <v>1499</v>
      </c>
      <c r="BI145" s="1026" t="s">
        <v>722</v>
      </c>
      <c r="BJ145" s="1026" t="s">
        <v>53</v>
      </c>
      <c r="BK145" s="1042">
        <f>ROUND((VLOOKUP(F145,'[4]Cost Summary'!A:H,8,)),0.1)</f>
        <v>1797198</v>
      </c>
      <c r="BL145" s="1026">
        <v>1</v>
      </c>
      <c r="BM145" s="1078">
        <v>2</v>
      </c>
      <c r="BN145" s="1044" t="s">
        <v>1584</v>
      </c>
      <c r="BO145" s="1130">
        <v>1167595</v>
      </c>
      <c r="BP145" s="992"/>
      <c r="BQ145" s="1131" t="e">
        <f t="shared" si="63"/>
        <v>#VALUE!</v>
      </c>
      <c r="BR145" s="1131" t="e">
        <f t="shared" si="64"/>
        <v>#VALUE!</v>
      </c>
      <c r="BS145" s="1131" t="e">
        <f t="shared" si="65"/>
        <v>#VALUE!</v>
      </c>
      <c r="BT145" s="1131" t="e">
        <f t="shared" si="66"/>
        <v>#VALUE!</v>
      </c>
      <c r="BU145" s="1131" t="e">
        <f t="shared" si="67"/>
        <v>#VALUE!</v>
      </c>
      <c r="BV145" s="1131" t="e">
        <f t="shared" si="68"/>
        <v>#VALUE!</v>
      </c>
      <c r="BW145" s="1131" t="e">
        <f t="shared" si="69"/>
        <v>#VALUE!</v>
      </c>
      <c r="BX145" s="1131" t="e">
        <f t="shared" si="70"/>
        <v>#VALUE!</v>
      </c>
      <c r="BY145" s="1131" t="e">
        <f t="shared" si="71"/>
        <v>#VALUE!</v>
      </c>
      <c r="BZ145" s="1131" t="e">
        <f t="shared" si="72"/>
        <v>#VALUE!</v>
      </c>
      <c r="CA145" s="1131" t="e">
        <f t="shared" si="73"/>
        <v>#VALUE!</v>
      </c>
      <c r="CB145" s="1131" t="e">
        <f t="shared" si="74"/>
        <v>#VALUE!</v>
      </c>
      <c r="CC145" s="1131" t="e">
        <f t="shared" si="75"/>
        <v>#VALUE!</v>
      </c>
      <c r="CD145" s="1131" t="e">
        <f t="shared" si="76"/>
        <v>#VALUE!</v>
      </c>
      <c r="CE145" s="1131" t="e">
        <f t="shared" si="77"/>
        <v>#VALUE!</v>
      </c>
      <c r="CF145" s="1131" t="e">
        <f t="shared" si="78"/>
        <v>#VALUE!</v>
      </c>
      <c r="CG145" s="1131" t="e">
        <f t="shared" si="79"/>
        <v>#VALUE!</v>
      </c>
      <c r="CH145" s="1131" t="e">
        <f t="shared" si="80"/>
        <v>#VALUE!</v>
      </c>
      <c r="CI145" s="1131" t="e">
        <f t="shared" si="81"/>
        <v>#VALUE!</v>
      </c>
      <c r="CJ145" s="1131" t="e">
        <f t="shared" si="82"/>
        <v>#VALUE!</v>
      </c>
      <c r="CK145" s="1132" t="str">
        <f t="shared" si="83"/>
        <v>n/a</v>
      </c>
    </row>
    <row r="146" spans="1:89" ht="42.75" x14ac:dyDescent="0.2">
      <c r="A146" s="992"/>
      <c r="B146" s="1126" t="s">
        <v>66</v>
      </c>
      <c r="C146" s="1126"/>
      <c r="D146" s="1126"/>
      <c r="E146" s="1126"/>
      <c r="F146" s="1026" t="s">
        <v>1933</v>
      </c>
      <c r="G146" s="1026" t="s">
        <v>1147</v>
      </c>
      <c r="H146" s="1026" t="s">
        <v>1148</v>
      </c>
      <c r="I146" s="1026" t="s">
        <v>1487</v>
      </c>
      <c r="J146" s="1026">
        <v>51.764426980000003</v>
      </c>
      <c r="K146" s="1026">
        <v>-0.45725197099999998</v>
      </c>
      <c r="L146" s="1026" t="s">
        <v>1488</v>
      </c>
      <c r="M146" s="1026" t="s">
        <v>1489</v>
      </c>
      <c r="N146" s="1026">
        <v>1</v>
      </c>
      <c r="O146" s="1026" t="s">
        <v>932</v>
      </c>
      <c r="P146" s="1026" t="s">
        <v>1490</v>
      </c>
      <c r="Q146" s="1026" t="s">
        <v>1491</v>
      </c>
      <c r="R146" s="1026" t="s">
        <v>1492</v>
      </c>
      <c r="S146" s="1026" t="s">
        <v>1493</v>
      </c>
      <c r="T146" s="1026" t="s">
        <v>1494</v>
      </c>
      <c r="U146" s="1016" t="str">
        <f>_xlfn.XLOOKUP(F146, [4]GIS!D:D, [4]GIS!E:E, "Not mapped")</f>
        <v>Multiple - Scenario 1</v>
      </c>
      <c r="V146" s="1026" t="s">
        <v>1932</v>
      </c>
      <c r="W146" s="1018" t="s">
        <v>1496</v>
      </c>
      <c r="X146" s="1019" t="s">
        <v>1497</v>
      </c>
      <c r="Y146" s="1020" t="s">
        <v>1498</v>
      </c>
      <c r="Z146" s="1020" t="s">
        <v>1498</v>
      </c>
      <c r="AA146" s="1020" t="s">
        <v>1498</v>
      </c>
      <c r="AB146" s="1020" t="s">
        <v>1498</v>
      </c>
      <c r="AC146" s="1020" t="s">
        <v>1498</v>
      </c>
      <c r="AD146" s="1020" t="s">
        <v>1498</v>
      </c>
      <c r="AE146" s="1020" t="s">
        <v>1498</v>
      </c>
      <c r="AF146" s="1020" t="s">
        <v>1498</v>
      </c>
      <c r="AG146" s="1020" t="s">
        <v>1498</v>
      </c>
      <c r="AH146" s="1020" t="s">
        <v>1498</v>
      </c>
      <c r="AI146" s="1020" t="s">
        <v>1498</v>
      </c>
      <c r="AJ146" s="1020" t="s">
        <v>1498</v>
      </c>
      <c r="AK146" s="1020" t="str">
        <f>IF(AJ146="n/a","n/a",ROUND((AJ146*[4]TripRateCalculations!$V$6),0))</f>
        <v>n/a</v>
      </c>
      <c r="AL146" s="1020" t="s">
        <v>1498</v>
      </c>
      <c r="AM146" s="1020" t="s">
        <v>1498</v>
      </c>
      <c r="AN146" s="1020" t="str">
        <f>IF(AT146="n/a","n/a",ROUND((AT146*[4]TripRateCalculations!N$4),0))</f>
        <v>n/a</v>
      </c>
      <c r="AO146" s="1020" t="str">
        <f>IF(AU146="n/a","n/a",ROUND((AU146*[4]TripRateCalculations!O$4),0))</f>
        <v>n/a</v>
      </c>
      <c r="AP146" s="1020" t="str">
        <f>IF(AV146="n/a","n/a",ROUND((AV146*[4]TripRateCalculations!P$4),0))</f>
        <v>n/a</v>
      </c>
      <c r="AQ146" s="1020" t="s">
        <v>1498</v>
      </c>
      <c r="AR146" s="1020" t="str">
        <f>IF(AX146="n/a","n/a",ROUND((AX146*[4]TripRateCalculations!R$4),0))</f>
        <v>n/a</v>
      </c>
      <c r="AS146" s="1020" t="str">
        <f>IF(AY146="n/a","n/a",ROUND((AY146*[4]TripRateCalculations!S$4),0))</f>
        <v>n/a</v>
      </c>
      <c r="AT146" s="1020" t="s">
        <v>1498</v>
      </c>
      <c r="AU146" s="1020" t="s">
        <v>1498</v>
      </c>
      <c r="AV146" s="1020" t="s">
        <v>1498</v>
      </c>
      <c r="AW146" s="1020" t="s">
        <v>1498</v>
      </c>
      <c r="AX146" s="1020" t="s">
        <v>1498</v>
      </c>
      <c r="AY146" s="1020" t="s">
        <v>1498</v>
      </c>
      <c r="AZ146" s="1020" t="s">
        <v>1498</v>
      </c>
      <c r="BA146" s="1100" t="s">
        <v>1498</v>
      </c>
      <c r="BB146" s="1100" t="s">
        <v>1498</v>
      </c>
      <c r="BC146" s="1100" t="s">
        <v>1498</v>
      </c>
      <c r="BD146" s="1100" t="s">
        <v>1498</v>
      </c>
      <c r="BE146" s="1100" t="s">
        <v>1498</v>
      </c>
      <c r="BF146" s="1100" t="s">
        <v>1498</v>
      </c>
      <c r="BG146" s="1100" t="s">
        <v>1498</v>
      </c>
      <c r="BH146" s="1027" t="s">
        <v>1499</v>
      </c>
      <c r="BI146" s="1026" t="s">
        <v>722</v>
      </c>
      <c r="BJ146" s="1026" t="s">
        <v>53</v>
      </c>
      <c r="BK146" s="1042">
        <f>ROUND((VLOOKUP(F146,'[4]Cost Summary'!A:H,8,)),0.1)</f>
        <v>620160</v>
      </c>
      <c r="BL146" s="1026">
        <v>0</v>
      </c>
      <c r="BM146" s="1078" t="s">
        <v>1500</v>
      </c>
      <c r="BN146" s="1044" t="s">
        <v>1584</v>
      </c>
      <c r="BO146" s="1130">
        <v>402902.5</v>
      </c>
      <c r="BP146" s="992"/>
      <c r="BQ146" s="1131" t="e">
        <f t="shared" si="63"/>
        <v>#VALUE!</v>
      </c>
      <c r="BR146" s="1131" t="e">
        <f t="shared" si="64"/>
        <v>#VALUE!</v>
      </c>
      <c r="BS146" s="1131" t="e">
        <f t="shared" si="65"/>
        <v>#VALUE!</v>
      </c>
      <c r="BT146" s="1131" t="e">
        <f t="shared" si="66"/>
        <v>#VALUE!</v>
      </c>
      <c r="BU146" s="1131" t="e">
        <f t="shared" si="67"/>
        <v>#VALUE!</v>
      </c>
      <c r="BV146" s="1131" t="e">
        <f t="shared" si="68"/>
        <v>#VALUE!</v>
      </c>
      <c r="BW146" s="1131" t="e">
        <f t="shared" si="69"/>
        <v>#VALUE!</v>
      </c>
      <c r="BX146" s="1131" t="e">
        <f t="shared" si="70"/>
        <v>#VALUE!</v>
      </c>
      <c r="BY146" s="1131" t="e">
        <f t="shared" si="71"/>
        <v>#VALUE!</v>
      </c>
      <c r="BZ146" s="1131" t="e">
        <f t="shared" si="72"/>
        <v>#VALUE!</v>
      </c>
      <c r="CA146" s="1131" t="e">
        <f t="shared" si="73"/>
        <v>#VALUE!</v>
      </c>
      <c r="CB146" s="1131" t="e">
        <f t="shared" si="74"/>
        <v>#VALUE!</v>
      </c>
      <c r="CC146" s="1131" t="e">
        <f t="shared" si="75"/>
        <v>#VALUE!</v>
      </c>
      <c r="CD146" s="1131" t="e">
        <f t="shared" si="76"/>
        <v>#VALUE!</v>
      </c>
      <c r="CE146" s="1131" t="e">
        <f t="shared" si="77"/>
        <v>#VALUE!</v>
      </c>
      <c r="CF146" s="1131" t="e">
        <f t="shared" si="78"/>
        <v>#VALUE!</v>
      </c>
      <c r="CG146" s="1131" t="e">
        <f t="shared" si="79"/>
        <v>#VALUE!</v>
      </c>
      <c r="CH146" s="1131" t="e">
        <f t="shared" si="80"/>
        <v>#VALUE!</v>
      </c>
      <c r="CI146" s="1131" t="e">
        <f t="shared" si="81"/>
        <v>#VALUE!</v>
      </c>
      <c r="CJ146" s="1131" t="e">
        <f t="shared" si="82"/>
        <v>#VALUE!</v>
      </c>
      <c r="CK146" s="1132" t="str">
        <f t="shared" si="83"/>
        <v>n/a</v>
      </c>
    </row>
    <row r="147" spans="1:89" ht="99.75" x14ac:dyDescent="0.2">
      <c r="A147" s="992"/>
      <c r="B147" s="1126" t="s">
        <v>66</v>
      </c>
      <c r="C147" s="1126"/>
      <c r="D147" s="1126"/>
      <c r="E147" s="1126"/>
      <c r="F147" s="1026" t="s">
        <v>1934</v>
      </c>
      <c r="G147" s="1026" t="s">
        <v>1149</v>
      </c>
      <c r="H147" s="1026" t="s">
        <v>1150</v>
      </c>
      <c r="I147" s="1026" t="s">
        <v>1935</v>
      </c>
      <c r="J147" s="1026">
        <v>51.764461222770997</v>
      </c>
      <c r="K147" s="1026">
        <v>-0.457622414491967</v>
      </c>
      <c r="L147" s="1026" t="s">
        <v>1488</v>
      </c>
      <c r="M147" s="1026" t="s">
        <v>1489</v>
      </c>
      <c r="N147" s="1026">
        <v>1</v>
      </c>
      <c r="O147" s="1026" t="s">
        <v>932</v>
      </c>
      <c r="P147" s="1026" t="s">
        <v>1490</v>
      </c>
      <c r="Q147" s="1026" t="s">
        <v>1491</v>
      </c>
      <c r="R147" s="1026" t="s">
        <v>1492</v>
      </c>
      <c r="S147" s="1026" t="s">
        <v>1493</v>
      </c>
      <c r="T147" s="1026" t="s">
        <v>1494</v>
      </c>
      <c r="U147" s="1016" t="str">
        <f>_xlfn.XLOOKUP(F147, [4]GIS!D:D, [4]GIS!E:E, "Not mapped")</f>
        <v>Single - Scenario 3</v>
      </c>
      <c r="V147" s="1026" t="s">
        <v>1932</v>
      </c>
      <c r="W147" s="1018" t="s">
        <v>1496</v>
      </c>
      <c r="X147" s="1019" t="s">
        <v>1497</v>
      </c>
      <c r="Y147" s="1020" t="s">
        <v>1498</v>
      </c>
      <c r="Z147" s="1020" t="s">
        <v>1498</v>
      </c>
      <c r="AA147" s="1020" t="s">
        <v>1498</v>
      </c>
      <c r="AB147" s="1020" t="s">
        <v>1498</v>
      </c>
      <c r="AC147" s="1020" t="s">
        <v>1498</v>
      </c>
      <c r="AD147" s="1020" t="s">
        <v>1498</v>
      </c>
      <c r="AE147" s="1020" t="s">
        <v>1498</v>
      </c>
      <c r="AF147" s="1020" t="s">
        <v>1498</v>
      </c>
      <c r="AG147" s="1020" t="s">
        <v>1498</v>
      </c>
      <c r="AH147" s="1020" t="s">
        <v>1498</v>
      </c>
      <c r="AI147" s="1020" t="s">
        <v>1498</v>
      </c>
      <c r="AJ147" s="1020" t="s">
        <v>1498</v>
      </c>
      <c r="AK147" s="1020" t="str">
        <f>IF(AJ147="n/a","n/a",ROUND((AJ147*[4]TripRateCalculations!$V$6),0))</f>
        <v>n/a</v>
      </c>
      <c r="AL147" s="1020" t="s">
        <v>1498</v>
      </c>
      <c r="AM147" s="1020" t="s">
        <v>1498</v>
      </c>
      <c r="AN147" s="1020" t="str">
        <f>IF(AT147="n/a","n/a",ROUND((AT147*[4]TripRateCalculations!N$4),0))</f>
        <v>n/a</v>
      </c>
      <c r="AO147" s="1020" t="str">
        <f>IF(AU147="n/a","n/a",ROUND((AU147*[4]TripRateCalculations!O$4),0))</f>
        <v>n/a</v>
      </c>
      <c r="AP147" s="1020" t="str">
        <f>IF(AV147="n/a","n/a",ROUND((AV147*[4]TripRateCalculations!P$4),0))</f>
        <v>n/a</v>
      </c>
      <c r="AQ147" s="1020" t="s">
        <v>1498</v>
      </c>
      <c r="AR147" s="1020" t="str">
        <f>IF(AX147="n/a","n/a",ROUND((AX147*[4]TripRateCalculations!R$4),0))</f>
        <v>n/a</v>
      </c>
      <c r="AS147" s="1020" t="str">
        <f>IF(AY147="n/a","n/a",ROUND((AY147*[4]TripRateCalculations!S$4),0))</f>
        <v>n/a</v>
      </c>
      <c r="AT147" s="1020" t="s">
        <v>1498</v>
      </c>
      <c r="AU147" s="1020" t="s">
        <v>1498</v>
      </c>
      <c r="AV147" s="1020" t="s">
        <v>1498</v>
      </c>
      <c r="AW147" s="1020" t="s">
        <v>1498</v>
      </c>
      <c r="AX147" s="1020" t="s">
        <v>1498</v>
      </c>
      <c r="AY147" s="1020" t="s">
        <v>1498</v>
      </c>
      <c r="AZ147" s="1020" t="s">
        <v>1498</v>
      </c>
      <c r="BA147" s="1100" t="s">
        <v>1498</v>
      </c>
      <c r="BB147" s="1100" t="s">
        <v>1498</v>
      </c>
      <c r="BC147" s="1100" t="s">
        <v>1498</v>
      </c>
      <c r="BD147" s="1100" t="s">
        <v>1498</v>
      </c>
      <c r="BE147" s="1100" t="s">
        <v>1498</v>
      </c>
      <c r="BF147" s="1100" t="s">
        <v>1498</v>
      </c>
      <c r="BG147" s="1100" t="s">
        <v>1498</v>
      </c>
      <c r="BH147" s="1027" t="s">
        <v>1499</v>
      </c>
      <c r="BI147" s="1026" t="s">
        <v>722</v>
      </c>
      <c r="BJ147" s="1026" t="s">
        <v>53</v>
      </c>
      <c r="BK147" s="1042">
        <f>ROUND((VLOOKUP(F147,'[4]Cost Summary'!A:H,8,)),0.1)</f>
        <v>38569</v>
      </c>
      <c r="BL147" s="1026">
        <v>0</v>
      </c>
      <c r="BM147" s="1078" t="s">
        <v>1500</v>
      </c>
      <c r="BN147" s="1044" t="s">
        <v>1584</v>
      </c>
      <c r="BO147" s="1130">
        <v>25057.58</v>
      </c>
      <c r="BP147" s="992"/>
      <c r="BQ147" s="1131" t="e">
        <f t="shared" si="63"/>
        <v>#VALUE!</v>
      </c>
      <c r="BR147" s="1131" t="e">
        <f t="shared" si="64"/>
        <v>#VALUE!</v>
      </c>
      <c r="BS147" s="1131" t="e">
        <f t="shared" si="65"/>
        <v>#VALUE!</v>
      </c>
      <c r="BT147" s="1131" t="e">
        <f t="shared" si="66"/>
        <v>#VALUE!</v>
      </c>
      <c r="BU147" s="1131" t="e">
        <f t="shared" si="67"/>
        <v>#VALUE!</v>
      </c>
      <c r="BV147" s="1131" t="e">
        <f t="shared" si="68"/>
        <v>#VALUE!</v>
      </c>
      <c r="BW147" s="1131" t="e">
        <f t="shared" si="69"/>
        <v>#VALUE!</v>
      </c>
      <c r="BX147" s="1131" t="e">
        <f t="shared" si="70"/>
        <v>#VALUE!</v>
      </c>
      <c r="BY147" s="1131" t="e">
        <f t="shared" si="71"/>
        <v>#VALUE!</v>
      </c>
      <c r="BZ147" s="1131" t="e">
        <f t="shared" si="72"/>
        <v>#VALUE!</v>
      </c>
      <c r="CA147" s="1131" t="e">
        <f t="shared" si="73"/>
        <v>#VALUE!</v>
      </c>
      <c r="CB147" s="1131" t="e">
        <f t="shared" si="74"/>
        <v>#VALUE!</v>
      </c>
      <c r="CC147" s="1131" t="e">
        <f t="shared" si="75"/>
        <v>#VALUE!</v>
      </c>
      <c r="CD147" s="1131" t="e">
        <f t="shared" si="76"/>
        <v>#VALUE!</v>
      </c>
      <c r="CE147" s="1131" t="e">
        <f t="shared" si="77"/>
        <v>#VALUE!</v>
      </c>
      <c r="CF147" s="1131" t="e">
        <f t="shared" si="78"/>
        <v>#VALUE!</v>
      </c>
      <c r="CG147" s="1131" t="e">
        <f t="shared" si="79"/>
        <v>#VALUE!</v>
      </c>
      <c r="CH147" s="1131" t="e">
        <f t="shared" si="80"/>
        <v>#VALUE!</v>
      </c>
      <c r="CI147" s="1131" t="e">
        <f t="shared" si="81"/>
        <v>#VALUE!</v>
      </c>
      <c r="CJ147" s="1131" t="e">
        <f t="shared" si="82"/>
        <v>#VALUE!</v>
      </c>
      <c r="CK147" s="1132" t="str">
        <f t="shared" si="83"/>
        <v>n/a</v>
      </c>
    </row>
    <row r="148" spans="1:89" ht="42.75" x14ac:dyDescent="0.2">
      <c r="A148" s="992"/>
      <c r="B148" s="1126"/>
      <c r="C148" s="1126"/>
      <c r="D148" s="1126"/>
      <c r="E148" s="1126"/>
      <c r="F148" s="1026" t="s">
        <v>1936</v>
      </c>
      <c r="G148" s="1026" t="s">
        <v>1151</v>
      </c>
      <c r="H148" s="1026" t="s">
        <v>1152</v>
      </c>
      <c r="I148" s="1026" t="s">
        <v>1487</v>
      </c>
      <c r="J148" s="1026" t="s">
        <v>253</v>
      </c>
      <c r="K148" s="1026" t="s">
        <v>253</v>
      </c>
      <c r="L148" s="1026" t="s">
        <v>1488</v>
      </c>
      <c r="M148" s="1026" t="s">
        <v>1489</v>
      </c>
      <c r="N148" s="1026">
        <v>1</v>
      </c>
      <c r="O148" s="1026" t="s">
        <v>932</v>
      </c>
      <c r="P148" s="1026" t="s">
        <v>1490</v>
      </c>
      <c r="Q148" s="1026" t="s">
        <v>1491</v>
      </c>
      <c r="R148" s="1026" t="s">
        <v>1492</v>
      </c>
      <c r="S148" s="1026" t="s">
        <v>1493</v>
      </c>
      <c r="T148" s="1026" t="s">
        <v>1494</v>
      </c>
      <c r="U148" s="1016" t="str">
        <f>_xlfn.XLOOKUP(F148, [4]GIS!D:D, [4]GIS!E:E, "Not mapped")</f>
        <v>Single - Scenario 3</v>
      </c>
      <c r="V148" s="1026" t="s">
        <v>1932</v>
      </c>
      <c r="W148" s="1018" t="s">
        <v>1496</v>
      </c>
      <c r="X148" s="1019" t="s">
        <v>1497</v>
      </c>
      <c r="Y148" s="1020" t="s">
        <v>1498</v>
      </c>
      <c r="Z148" s="1020" t="s">
        <v>1498</v>
      </c>
      <c r="AA148" s="1020" t="s">
        <v>1498</v>
      </c>
      <c r="AB148" s="1020" t="s">
        <v>1498</v>
      </c>
      <c r="AC148" s="1020" t="s">
        <v>1498</v>
      </c>
      <c r="AD148" s="1020" t="s">
        <v>1498</v>
      </c>
      <c r="AE148" s="1020" t="s">
        <v>1498</v>
      </c>
      <c r="AF148" s="1020" t="s">
        <v>1498</v>
      </c>
      <c r="AG148" s="1020" t="s">
        <v>1498</v>
      </c>
      <c r="AH148" s="1020" t="s">
        <v>1498</v>
      </c>
      <c r="AI148" s="1020" t="s">
        <v>1498</v>
      </c>
      <c r="AJ148" s="1020" t="s">
        <v>1498</v>
      </c>
      <c r="AK148" s="1020" t="str">
        <f>IF(AJ148="n/a","n/a",ROUND((AJ148*[4]TripRateCalculations!$V$6),0))</f>
        <v>n/a</v>
      </c>
      <c r="AL148" s="1020" t="s">
        <v>1498</v>
      </c>
      <c r="AM148" s="1020" t="s">
        <v>1498</v>
      </c>
      <c r="AN148" s="1020" t="str">
        <f>IF(AT148="n/a","n/a",ROUND((AT148*[4]TripRateCalculations!N$4),0))</f>
        <v>n/a</v>
      </c>
      <c r="AO148" s="1020" t="str">
        <f>IF(AU148="n/a","n/a",ROUND((AU148*[4]TripRateCalculations!O$4),0))</f>
        <v>n/a</v>
      </c>
      <c r="AP148" s="1020" t="str">
        <f>IF(AV148="n/a","n/a",ROUND((AV148*[4]TripRateCalculations!P$4),0))</f>
        <v>n/a</v>
      </c>
      <c r="AQ148" s="1020" t="s">
        <v>1498</v>
      </c>
      <c r="AR148" s="1020" t="str">
        <f>IF(AX148="n/a","n/a",ROUND((AX148*[4]TripRateCalculations!R$4),0))</f>
        <v>n/a</v>
      </c>
      <c r="AS148" s="1020" t="str">
        <f>IF(AY148="n/a","n/a",ROUND((AY148*[4]TripRateCalculations!S$4),0))</f>
        <v>n/a</v>
      </c>
      <c r="AT148" s="1020" t="s">
        <v>1498</v>
      </c>
      <c r="AU148" s="1020" t="s">
        <v>1498</v>
      </c>
      <c r="AV148" s="1020" t="s">
        <v>1498</v>
      </c>
      <c r="AW148" s="1020" t="s">
        <v>1498</v>
      </c>
      <c r="AX148" s="1020" t="s">
        <v>1498</v>
      </c>
      <c r="AY148" s="1020" t="s">
        <v>1498</v>
      </c>
      <c r="AZ148" s="1020" t="s">
        <v>1498</v>
      </c>
      <c r="BA148" s="1100" t="s">
        <v>1498</v>
      </c>
      <c r="BB148" s="1100" t="s">
        <v>1498</v>
      </c>
      <c r="BC148" s="1100" t="s">
        <v>1498</v>
      </c>
      <c r="BD148" s="1100" t="s">
        <v>1498</v>
      </c>
      <c r="BE148" s="1100" t="s">
        <v>1498</v>
      </c>
      <c r="BF148" s="1100" t="s">
        <v>1498</v>
      </c>
      <c r="BG148" s="1100" t="s">
        <v>1498</v>
      </c>
      <c r="BH148" s="1027" t="s">
        <v>1499</v>
      </c>
      <c r="BI148" s="1026" t="s">
        <v>722</v>
      </c>
      <c r="BJ148" s="1026" t="s">
        <v>53</v>
      </c>
      <c r="BK148" s="1042">
        <f>ROUND((VLOOKUP(F148,'[4]Cost Summary'!A:H,8,)),0.1)</f>
        <v>13922</v>
      </c>
      <c r="BL148" s="1026">
        <v>0</v>
      </c>
      <c r="BM148" s="1078" t="s">
        <v>1500</v>
      </c>
      <c r="BN148" s="1044" t="s">
        <v>1584</v>
      </c>
      <c r="BO148" s="1130">
        <v>9044.75</v>
      </c>
      <c r="BP148" s="992"/>
      <c r="BQ148" s="1131" t="e">
        <f t="shared" si="63"/>
        <v>#VALUE!</v>
      </c>
      <c r="BR148" s="1131" t="e">
        <f t="shared" si="64"/>
        <v>#VALUE!</v>
      </c>
      <c r="BS148" s="1131" t="e">
        <f t="shared" si="65"/>
        <v>#VALUE!</v>
      </c>
      <c r="BT148" s="1131" t="e">
        <f t="shared" si="66"/>
        <v>#VALUE!</v>
      </c>
      <c r="BU148" s="1131" t="e">
        <f t="shared" si="67"/>
        <v>#VALUE!</v>
      </c>
      <c r="BV148" s="1131" t="e">
        <f t="shared" si="68"/>
        <v>#VALUE!</v>
      </c>
      <c r="BW148" s="1131" t="e">
        <f t="shared" si="69"/>
        <v>#VALUE!</v>
      </c>
      <c r="BX148" s="1131" t="e">
        <f t="shared" si="70"/>
        <v>#VALUE!</v>
      </c>
      <c r="BY148" s="1131" t="e">
        <f t="shared" si="71"/>
        <v>#VALUE!</v>
      </c>
      <c r="BZ148" s="1131" t="e">
        <f t="shared" si="72"/>
        <v>#VALUE!</v>
      </c>
      <c r="CA148" s="1131" t="e">
        <f t="shared" si="73"/>
        <v>#VALUE!</v>
      </c>
      <c r="CB148" s="1131" t="e">
        <f t="shared" si="74"/>
        <v>#VALUE!</v>
      </c>
      <c r="CC148" s="1131" t="e">
        <f t="shared" si="75"/>
        <v>#VALUE!</v>
      </c>
      <c r="CD148" s="1131" t="e">
        <f t="shared" si="76"/>
        <v>#VALUE!</v>
      </c>
      <c r="CE148" s="1131" t="e">
        <f t="shared" si="77"/>
        <v>#VALUE!</v>
      </c>
      <c r="CF148" s="1131" t="e">
        <f t="shared" si="78"/>
        <v>#VALUE!</v>
      </c>
      <c r="CG148" s="1131" t="e">
        <f t="shared" si="79"/>
        <v>#VALUE!</v>
      </c>
      <c r="CH148" s="1131" t="e">
        <f t="shared" si="80"/>
        <v>#VALUE!</v>
      </c>
      <c r="CI148" s="1131" t="e">
        <f t="shared" si="81"/>
        <v>#VALUE!</v>
      </c>
      <c r="CJ148" s="1131" t="e">
        <f t="shared" si="82"/>
        <v>#VALUE!</v>
      </c>
      <c r="CK148" s="1132" t="str">
        <f t="shared" si="83"/>
        <v>n/a</v>
      </c>
    </row>
    <row r="149" spans="1:89" ht="128.25" x14ac:dyDescent="0.2">
      <c r="A149" s="992"/>
      <c r="B149" s="1126"/>
      <c r="C149" s="1126"/>
      <c r="D149" s="1126"/>
      <c r="E149" s="1126"/>
      <c r="F149" s="1026" t="s">
        <v>1937</v>
      </c>
      <c r="G149" s="1026" t="s">
        <v>1153</v>
      </c>
      <c r="H149" s="1026" t="s">
        <v>1938</v>
      </c>
      <c r="I149" s="1026" t="s">
        <v>1503</v>
      </c>
      <c r="J149" s="1026" t="s">
        <v>1939</v>
      </c>
      <c r="K149" s="1026" t="s">
        <v>1940</v>
      </c>
      <c r="L149" s="1026" t="s">
        <v>1488</v>
      </c>
      <c r="M149" s="1026" t="s">
        <v>1489</v>
      </c>
      <c r="N149" s="1026">
        <v>1</v>
      </c>
      <c r="O149" s="1026" t="s">
        <v>932</v>
      </c>
      <c r="P149" s="1026" t="s">
        <v>1490</v>
      </c>
      <c r="Q149" s="1026" t="s">
        <v>1491</v>
      </c>
      <c r="R149" s="1026" t="s">
        <v>1492</v>
      </c>
      <c r="S149" s="1026" t="s">
        <v>1493</v>
      </c>
      <c r="T149" s="1026" t="s">
        <v>1941</v>
      </c>
      <c r="U149" s="1016" t="str">
        <f>_xlfn.XLOOKUP(F149, [4]GIS!D:D, [4]GIS!E:E, "Not mapped")</f>
        <v>Multiple - Scenario 1</v>
      </c>
      <c r="V149" s="1026" t="s">
        <v>1723</v>
      </c>
      <c r="W149" s="1018" t="s">
        <v>1496</v>
      </c>
      <c r="X149" s="1019" t="s">
        <v>1497</v>
      </c>
      <c r="Y149" s="1020" t="s">
        <v>1498</v>
      </c>
      <c r="Z149" s="1020" t="s">
        <v>1498</v>
      </c>
      <c r="AA149" s="1020" t="s">
        <v>1498</v>
      </c>
      <c r="AB149" s="1020" t="s">
        <v>1498</v>
      </c>
      <c r="AC149" s="1020" t="s">
        <v>1498</v>
      </c>
      <c r="AD149" s="1020" t="s">
        <v>1498</v>
      </c>
      <c r="AE149" s="1020" t="s">
        <v>1498</v>
      </c>
      <c r="AF149" s="1020" t="s">
        <v>1498</v>
      </c>
      <c r="AG149" s="1020" t="s">
        <v>1498</v>
      </c>
      <c r="AH149" s="1020" t="s">
        <v>1498</v>
      </c>
      <c r="AI149" s="1020" t="s">
        <v>1498</v>
      </c>
      <c r="AJ149" s="1020" t="s">
        <v>1498</v>
      </c>
      <c r="AK149" s="1020" t="str">
        <f>IF(AJ149="n/a","n/a",ROUND((AJ149*[4]TripRateCalculations!$V$6),0))</f>
        <v>n/a</v>
      </c>
      <c r="AL149" s="1020" t="s">
        <v>1498</v>
      </c>
      <c r="AM149" s="1020" t="s">
        <v>1498</v>
      </c>
      <c r="AN149" s="1020" t="str">
        <f>IF(AT149="n/a","n/a",ROUND((AT149*[4]TripRateCalculations!N$4),0))</f>
        <v>n/a</v>
      </c>
      <c r="AO149" s="1020" t="str">
        <f>IF(AU149="n/a","n/a",ROUND((AU149*[4]TripRateCalculations!O$4),0))</f>
        <v>n/a</v>
      </c>
      <c r="AP149" s="1020" t="str">
        <f>IF(AV149="n/a","n/a",ROUND((AV149*[4]TripRateCalculations!P$4),0))</f>
        <v>n/a</v>
      </c>
      <c r="AQ149" s="1020" t="s">
        <v>1498</v>
      </c>
      <c r="AR149" s="1020" t="str">
        <f>IF(AX149="n/a","n/a",ROUND((AX149*[4]TripRateCalculations!R$4),0))</f>
        <v>n/a</v>
      </c>
      <c r="AS149" s="1020" t="str">
        <f>IF(AY149="n/a","n/a",ROUND((AY149*[4]TripRateCalculations!S$4),0))</f>
        <v>n/a</v>
      </c>
      <c r="AT149" s="1020" t="s">
        <v>1498</v>
      </c>
      <c r="AU149" s="1020" t="s">
        <v>1498</v>
      </c>
      <c r="AV149" s="1020" t="s">
        <v>1498</v>
      </c>
      <c r="AW149" s="1020" t="s">
        <v>1498</v>
      </c>
      <c r="AX149" s="1020" t="s">
        <v>1498</v>
      </c>
      <c r="AY149" s="1020" t="s">
        <v>1498</v>
      </c>
      <c r="AZ149" s="1020" t="s">
        <v>1498</v>
      </c>
      <c r="BA149" s="1100" t="s">
        <v>1498</v>
      </c>
      <c r="BB149" s="1100" t="s">
        <v>1498</v>
      </c>
      <c r="BC149" s="1100" t="s">
        <v>1498</v>
      </c>
      <c r="BD149" s="1100" t="s">
        <v>1498</v>
      </c>
      <c r="BE149" s="1100" t="s">
        <v>1498</v>
      </c>
      <c r="BF149" s="1100" t="s">
        <v>1498</v>
      </c>
      <c r="BG149" s="1100" t="s">
        <v>1498</v>
      </c>
      <c r="BH149" s="1027" t="s">
        <v>1942</v>
      </c>
      <c r="BI149" s="1026" t="s">
        <v>722</v>
      </c>
      <c r="BJ149" s="1026" t="s">
        <v>53</v>
      </c>
      <c r="BK149" s="1042">
        <f>ROUND((VLOOKUP(F149,'[4]Cost Summary'!A:H,8,)),0.1)</f>
        <v>24458</v>
      </c>
      <c r="BL149" s="1026">
        <v>1</v>
      </c>
      <c r="BM149" s="1078">
        <v>4</v>
      </c>
      <c r="BN149" s="1044" t="s">
        <v>1584</v>
      </c>
      <c r="BO149" s="1130">
        <v>15889.46</v>
      </c>
      <c r="BP149" s="992"/>
      <c r="BQ149" s="1131" t="e">
        <f t="shared" si="63"/>
        <v>#VALUE!</v>
      </c>
      <c r="BR149" s="1131" t="e">
        <f t="shared" si="64"/>
        <v>#VALUE!</v>
      </c>
      <c r="BS149" s="1131" t="e">
        <f t="shared" si="65"/>
        <v>#VALUE!</v>
      </c>
      <c r="BT149" s="1131" t="e">
        <f t="shared" si="66"/>
        <v>#VALUE!</v>
      </c>
      <c r="BU149" s="1131" t="e">
        <f t="shared" si="67"/>
        <v>#VALUE!</v>
      </c>
      <c r="BV149" s="1131" t="e">
        <f t="shared" si="68"/>
        <v>#VALUE!</v>
      </c>
      <c r="BW149" s="1131" t="e">
        <f t="shared" si="69"/>
        <v>#VALUE!</v>
      </c>
      <c r="BX149" s="1131" t="e">
        <f t="shared" si="70"/>
        <v>#VALUE!</v>
      </c>
      <c r="BY149" s="1131" t="e">
        <f t="shared" si="71"/>
        <v>#VALUE!</v>
      </c>
      <c r="BZ149" s="1131" t="e">
        <f t="shared" si="72"/>
        <v>#VALUE!</v>
      </c>
      <c r="CA149" s="1131" t="e">
        <f t="shared" si="73"/>
        <v>#VALUE!</v>
      </c>
      <c r="CB149" s="1131" t="e">
        <f t="shared" si="74"/>
        <v>#VALUE!</v>
      </c>
      <c r="CC149" s="1131" t="e">
        <f t="shared" si="75"/>
        <v>#VALUE!</v>
      </c>
      <c r="CD149" s="1131" t="e">
        <f t="shared" si="76"/>
        <v>#VALUE!</v>
      </c>
      <c r="CE149" s="1131" t="e">
        <f t="shared" si="77"/>
        <v>#VALUE!</v>
      </c>
      <c r="CF149" s="1131" t="e">
        <f t="shared" si="78"/>
        <v>#VALUE!</v>
      </c>
      <c r="CG149" s="1131" t="e">
        <f t="shared" si="79"/>
        <v>#VALUE!</v>
      </c>
      <c r="CH149" s="1131" t="e">
        <f t="shared" si="80"/>
        <v>#VALUE!</v>
      </c>
      <c r="CI149" s="1131" t="e">
        <f t="shared" si="81"/>
        <v>#VALUE!</v>
      </c>
      <c r="CJ149" s="1131" t="e">
        <f t="shared" si="82"/>
        <v>#VALUE!</v>
      </c>
      <c r="CK149" s="1132" t="str">
        <f t="shared" si="83"/>
        <v>n/a</v>
      </c>
    </row>
    <row r="150" spans="1:89" ht="57" x14ac:dyDescent="0.2">
      <c r="A150" s="992"/>
      <c r="B150" s="1126"/>
      <c r="C150" s="1126"/>
      <c r="D150" s="1126"/>
      <c r="E150" s="1126"/>
      <c r="F150" s="1026" t="s">
        <v>1943</v>
      </c>
      <c r="G150" s="1026" t="s">
        <v>1155</v>
      </c>
      <c r="H150" s="1026" t="s">
        <v>1156</v>
      </c>
      <c r="I150" s="1026" t="s">
        <v>1487</v>
      </c>
      <c r="J150" s="1026">
        <v>51.763047299999997</v>
      </c>
      <c r="K150" s="1026">
        <v>-0.46551631500000001</v>
      </c>
      <c r="L150" s="1026" t="s">
        <v>1488</v>
      </c>
      <c r="M150" s="1026" t="s">
        <v>1489</v>
      </c>
      <c r="N150" s="1026">
        <v>1</v>
      </c>
      <c r="O150" s="1026" t="s">
        <v>932</v>
      </c>
      <c r="P150" s="1026" t="s">
        <v>1490</v>
      </c>
      <c r="Q150" s="1026" t="s">
        <v>1491</v>
      </c>
      <c r="R150" s="1026" t="s">
        <v>1492</v>
      </c>
      <c r="S150" s="1026" t="s">
        <v>1493</v>
      </c>
      <c r="T150" s="1026" t="s">
        <v>1941</v>
      </c>
      <c r="U150" s="1016" t="str">
        <f>_xlfn.XLOOKUP(F150, [4]GIS!D:D, [4]GIS!E:E, "Not mapped")</f>
        <v>Single - Scenario 3</v>
      </c>
      <c r="V150" s="1026" t="s">
        <v>1723</v>
      </c>
      <c r="W150" s="1018" t="s">
        <v>1496</v>
      </c>
      <c r="X150" s="1019" t="s">
        <v>1497</v>
      </c>
      <c r="Y150" s="1020" t="s">
        <v>1498</v>
      </c>
      <c r="Z150" s="1020" t="s">
        <v>1498</v>
      </c>
      <c r="AA150" s="1020" t="s">
        <v>1498</v>
      </c>
      <c r="AB150" s="1020" t="s">
        <v>1498</v>
      </c>
      <c r="AC150" s="1020" t="s">
        <v>1498</v>
      </c>
      <c r="AD150" s="1020" t="s">
        <v>1498</v>
      </c>
      <c r="AE150" s="1020" t="s">
        <v>1498</v>
      </c>
      <c r="AF150" s="1020" t="s">
        <v>1498</v>
      </c>
      <c r="AG150" s="1020" t="s">
        <v>1498</v>
      </c>
      <c r="AH150" s="1020" t="s">
        <v>1498</v>
      </c>
      <c r="AI150" s="1020" t="s">
        <v>1498</v>
      </c>
      <c r="AJ150" s="1020" t="s">
        <v>1498</v>
      </c>
      <c r="AK150" s="1020" t="str">
        <f>IF(AJ150="n/a","n/a",ROUND((AJ150*[4]TripRateCalculations!$V$6),0))</f>
        <v>n/a</v>
      </c>
      <c r="AL150" s="1020" t="s">
        <v>1498</v>
      </c>
      <c r="AM150" s="1020" t="s">
        <v>1498</v>
      </c>
      <c r="AN150" s="1020" t="str">
        <f>IF(AT150="n/a","n/a",ROUND((AT150*[4]TripRateCalculations!N$4),0))</f>
        <v>n/a</v>
      </c>
      <c r="AO150" s="1020" t="str">
        <f>IF(AU150="n/a","n/a",ROUND((AU150*[4]TripRateCalculations!O$4),0))</f>
        <v>n/a</v>
      </c>
      <c r="AP150" s="1020" t="str">
        <f>IF(AV150="n/a","n/a",ROUND((AV150*[4]TripRateCalculations!P$4),0))</f>
        <v>n/a</v>
      </c>
      <c r="AQ150" s="1020" t="s">
        <v>1498</v>
      </c>
      <c r="AR150" s="1020" t="str">
        <f>IF(AX150="n/a","n/a",ROUND((AX150*[4]TripRateCalculations!R$4),0))</f>
        <v>n/a</v>
      </c>
      <c r="AS150" s="1020" t="str">
        <f>IF(AY150="n/a","n/a",ROUND((AY150*[4]TripRateCalculations!S$4),0))</f>
        <v>n/a</v>
      </c>
      <c r="AT150" s="1020" t="s">
        <v>1498</v>
      </c>
      <c r="AU150" s="1020" t="s">
        <v>1498</v>
      </c>
      <c r="AV150" s="1020" t="s">
        <v>1498</v>
      </c>
      <c r="AW150" s="1020" t="s">
        <v>1498</v>
      </c>
      <c r="AX150" s="1020" t="s">
        <v>1498</v>
      </c>
      <c r="AY150" s="1020" t="s">
        <v>1498</v>
      </c>
      <c r="AZ150" s="1020" t="s">
        <v>1498</v>
      </c>
      <c r="BA150" s="1100" t="s">
        <v>1498</v>
      </c>
      <c r="BB150" s="1100" t="s">
        <v>1498</v>
      </c>
      <c r="BC150" s="1100" t="s">
        <v>1498</v>
      </c>
      <c r="BD150" s="1100" t="s">
        <v>1498</v>
      </c>
      <c r="BE150" s="1100" t="s">
        <v>1498</v>
      </c>
      <c r="BF150" s="1100" t="s">
        <v>1498</v>
      </c>
      <c r="BG150" s="1100" t="s">
        <v>1498</v>
      </c>
      <c r="BH150" s="1027" t="s">
        <v>1942</v>
      </c>
      <c r="BI150" s="1026" t="s">
        <v>722</v>
      </c>
      <c r="BJ150" s="1026" t="s">
        <v>53</v>
      </c>
      <c r="BK150" s="1042">
        <f>ROUND((VLOOKUP(F150,'[4]Cost Summary'!A:H,8,)),0.1)</f>
        <v>7900</v>
      </c>
      <c r="BL150" s="1026">
        <v>0</v>
      </c>
      <c r="BM150" s="1078" t="s">
        <v>1500</v>
      </c>
      <c r="BN150" s="1044" t="s">
        <v>1584</v>
      </c>
      <c r="BO150" s="1130">
        <v>5132.62</v>
      </c>
      <c r="BP150" s="992"/>
      <c r="BQ150" s="1131" t="e">
        <f t="shared" si="63"/>
        <v>#VALUE!</v>
      </c>
      <c r="BR150" s="1131" t="e">
        <f t="shared" si="64"/>
        <v>#VALUE!</v>
      </c>
      <c r="BS150" s="1131" t="e">
        <f t="shared" si="65"/>
        <v>#VALUE!</v>
      </c>
      <c r="BT150" s="1131" t="e">
        <f t="shared" si="66"/>
        <v>#VALUE!</v>
      </c>
      <c r="BU150" s="1131" t="e">
        <f t="shared" si="67"/>
        <v>#VALUE!</v>
      </c>
      <c r="BV150" s="1131" t="e">
        <f t="shared" si="68"/>
        <v>#VALUE!</v>
      </c>
      <c r="BW150" s="1131" t="e">
        <f t="shared" si="69"/>
        <v>#VALUE!</v>
      </c>
      <c r="BX150" s="1131" t="e">
        <f t="shared" si="70"/>
        <v>#VALUE!</v>
      </c>
      <c r="BY150" s="1131" t="e">
        <f t="shared" si="71"/>
        <v>#VALUE!</v>
      </c>
      <c r="BZ150" s="1131" t="e">
        <f t="shared" si="72"/>
        <v>#VALUE!</v>
      </c>
      <c r="CA150" s="1131" t="e">
        <f t="shared" si="73"/>
        <v>#VALUE!</v>
      </c>
      <c r="CB150" s="1131" t="e">
        <f t="shared" si="74"/>
        <v>#VALUE!</v>
      </c>
      <c r="CC150" s="1131" t="e">
        <f t="shared" si="75"/>
        <v>#VALUE!</v>
      </c>
      <c r="CD150" s="1131" t="e">
        <f t="shared" si="76"/>
        <v>#VALUE!</v>
      </c>
      <c r="CE150" s="1131" t="e">
        <f t="shared" si="77"/>
        <v>#VALUE!</v>
      </c>
      <c r="CF150" s="1131" t="e">
        <f t="shared" si="78"/>
        <v>#VALUE!</v>
      </c>
      <c r="CG150" s="1131" t="e">
        <f t="shared" si="79"/>
        <v>#VALUE!</v>
      </c>
      <c r="CH150" s="1131" t="e">
        <f t="shared" si="80"/>
        <v>#VALUE!</v>
      </c>
      <c r="CI150" s="1131" t="e">
        <f t="shared" si="81"/>
        <v>#VALUE!</v>
      </c>
      <c r="CJ150" s="1131" t="e">
        <f t="shared" si="82"/>
        <v>#VALUE!</v>
      </c>
      <c r="CK150" s="1132" t="str">
        <f t="shared" si="83"/>
        <v>n/a</v>
      </c>
    </row>
    <row r="151" spans="1:89" ht="42.75" x14ac:dyDescent="0.2">
      <c r="A151" s="992"/>
      <c r="B151" s="1126"/>
      <c r="C151" s="1126"/>
      <c r="D151" s="1126"/>
      <c r="E151" s="1126"/>
      <c r="F151" s="1026" t="s">
        <v>1944</v>
      </c>
      <c r="G151" s="1026" t="s">
        <v>1157</v>
      </c>
      <c r="H151" s="1026" t="s">
        <v>1158</v>
      </c>
      <c r="I151" s="1026" t="s">
        <v>1487</v>
      </c>
      <c r="J151" s="1026">
        <v>51.761276479999999</v>
      </c>
      <c r="K151" s="1026">
        <v>-0.466849827</v>
      </c>
      <c r="L151" s="1026" t="s">
        <v>1488</v>
      </c>
      <c r="M151" s="1026" t="s">
        <v>1489</v>
      </c>
      <c r="N151" s="1026">
        <v>1</v>
      </c>
      <c r="O151" s="1026" t="s">
        <v>932</v>
      </c>
      <c r="P151" s="1026" t="s">
        <v>1490</v>
      </c>
      <c r="Q151" s="1026" t="s">
        <v>1491</v>
      </c>
      <c r="R151" s="1026" t="s">
        <v>1492</v>
      </c>
      <c r="S151" s="1026" t="s">
        <v>1493</v>
      </c>
      <c r="T151" s="1026" t="s">
        <v>1941</v>
      </c>
      <c r="U151" s="1016" t="str">
        <f>_xlfn.XLOOKUP(F151, [4]GIS!D:D, [4]GIS!E:E, "Not mapped")</f>
        <v>Single - Scenario 3</v>
      </c>
      <c r="V151" s="1026" t="s">
        <v>1723</v>
      </c>
      <c r="W151" s="1018" t="s">
        <v>1496</v>
      </c>
      <c r="X151" s="1019" t="s">
        <v>1497</v>
      </c>
      <c r="Y151" s="1020" t="s">
        <v>1498</v>
      </c>
      <c r="Z151" s="1020" t="s">
        <v>1498</v>
      </c>
      <c r="AA151" s="1020" t="s">
        <v>1498</v>
      </c>
      <c r="AB151" s="1020" t="s">
        <v>1498</v>
      </c>
      <c r="AC151" s="1020" t="s">
        <v>1498</v>
      </c>
      <c r="AD151" s="1020" t="s">
        <v>1498</v>
      </c>
      <c r="AE151" s="1020" t="s">
        <v>1498</v>
      </c>
      <c r="AF151" s="1020" t="s">
        <v>1498</v>
      </c>
      <c r="AG151" s="1020" t="s">
        <v>1498</v>
      </c>
      <c r="AH151" s="1020" t="s">
        <v>1498</v>
      </c>
      <c r="AI151" s="1020" t="s">
        <v>1498</v>
      </c>
      <c r="AJ151" s="1020" t="s">
        <v>1498</v>
      </c>
      <c r="AK151" s="1020" t="str">
        <f>IF(AJ151="n/a","n/a",ROUND((AJ151*[4]TripRateCalculations!$V$6),0))</f>
        <v>n/a</v>
      </c>
      <c r="AL151" s="1020" t="s">
        <v>1498</v>
      </c>
      <c r="AM151" s="1020" t="s">
        <v>1498</v>
      </c>
      <c r="AN151" s="1020" t="str">
        <f>IF(AT151="n/a","n/a",ROUND((AT151*[4]TripRateCalculations!N$4),0))</f>
        <v>n/a</v>
      </c>
      <c r="AO151" s="1020" t="str">
        <f>IF(AU151="n/a","n/a",ROUND((AU151*[4]TripRateCalculations!O$4),0))</f>
        <v>n/a</v>
      </c>
      <c r="AP151" s="1020" t="str">
        <f>IF(AV151="n/a","n/a",ROUND((AV151*[4]TripRateCalculations!P$4),0))</f>
        <v>n/a</v>
      </c>
      <c r="AQ151" s="1020" t="s">
        <v>1498</v>
      </c>
      <c r="AR151" s="1020" t="str">
        <f>IF(AX151="n/a","n/a",ROUND((AX151*[4]TripRateCalculations!R$4),0))</f>
        <v>n/a</v>
      </c>
      <c r="AS151" s="1020" t="str">
        <f>IF(AY151="n/a","n/a",ROUND((AY151*[4]TripRateCalculations!S$4),0))</f>
        <v>n/a</v>
      </c>
      <c r="AT151" s="1020" t="s">
        <v>1498</v>
      </c>
      <c r="AU151" s="1020" t="s">
        <v>1498</v>
      </c>
      <c r="AV151" s="1020" t="s">
        <v>1498</v>
      </c>
      <c r="AW151" s="1020" t="s">
        <v>1498</v>
      </c>
      <c r="AX151" s="1020" t="s">
        <v>1498</v>
      </c>
      <c r="AY151" s="1020" t="s">
        <v>1498</v>
      </c>
      <c r="AZ151" s="1020" t="s">
        <v>1498</v>
      </c>
      <c r="BA151" s="1100" t="s">
        <v>1498</v>
      </c>
      <c r="BB151" s="1100" t="s">
        <v>1498</v>
      </c>
      <c r="BC151" s="1100" t="s">
        <v>1498</v>
      </c>
      <c r="BD151" s="1100" t="s">
        <v>1498</v>
      </c>
      <c r="BE151" s="1100" t="s">
        <v>1498</v>
      </c>
      <c r="BF151" s="1100" t="s">
        <v>1498</v>
      </c>
      <c r="BG151" s="1100" t="s">
        <v>1498</v>
      </c>
      <c r="BH151" s="1027" t="s">
        <v>1942</v>
      </c>
      <c r="BI151" s="1026" t="s">
        <v>722</v>
      </c>
      <c r="BJ151" s="1026" t="s">
        <v>53</v>
      </c>
      <c r="BK151" s="1042">
        <f>ROUND((VLOOKUP(F151,'[4]Cost Summary'!A:H,8,)),0.1)</f>
        <v>11391</v>
      </c>
      <c r="BL151" s="1026">
        <v>0</v>
      </c>
      <c r="BM151" s="1078" t="s">
        <v>1500</v>
      </c>
      <c r="BN151" s="1044" t="s">
        <v>1584</v>
      </c>
      <c r="BO151" s="1130">
        <v>7400.25</v>
      </c>
      <c r="BP151" s="992"/>
      <c r="BQ151" s="1131" t="e">
        <f t="shared" si="63"/>
        <v>#VALUE!</v>
      </c>
      <c r="BR151" s="1131" t="e">
        <f t="shared" si="64"/>
        <v>#VALUE!</v>
      </c>
      <c r="BS151" s="1131" t="e">
        <f t="shared" si="65"/>
        <v>#VALUE!</v>
      </c>
      <c r="BT151" s="1131" t="e">
        <f t="shared" si="66"/>
        <v>#VALUE!</v>
      </c>
      <c r="BU151" s="1131" t="e">
        <f t="shared" si="67"/>
        <v>#VALUE!</v>
      </c>
      <c r="BV151" s="1131" t="e">
        <f t="shared" si="68"/>
        <v>#VALUE!</v>
      </c>
      <c r="BW151" s="1131" t="e">
        <f t="shared" si="69"/>
        <v>#VALUE!</v>
      </c>
      <c r="BX151" s="1131" t="e">
        <f t="shared" si="70"/>
        <v>#VALUE!</v>
      </c>
      <c r="BY151" s="1131" t="e">
        <f t="shared" si="71"/>
        <v>#VALUE!</v>
      </c>
      <c r="BZ151" s="1131" t="e">
        <f t="shared" si="72"/>
        <v>#VALUE!</v>
      </c>
      <c r="CA151" s="1131" t="e">
        <f t="shared" si="73"/>
        <v>#VALUE!</v>
      </c>
      <c r="CB151" s="1131" t="e">
        <f t="shared" si="74"/>
        <v>#VALUE!</v>
      </c>
      <c r="CC151" s="1131" t="e">
        <f t="shared" si="75"/>
        <v>#VALUE!</v>
      </c>
      <c r="CD151" s="1131" t="e">
        <f t="shared" si="76"/>
        <v>#VALUE!</v>
      </c>
      <c r="CE151" s="1131" t="e">
        <f t="shared" si="77"/>
        <v>#VALUE!</v>
      </c>
      <c r="CF151" s="1131" t="e">
        <f t="shared" si="78"/>
        <v>#VALUE!</v>
      </c>
      <c r="CG151" s="1131" t="e">
        <f t="shared" si="79"/>
        <v>#VALUE!</v>
      </c>
      <c r="CH151" s="1131" t="e">
        <f t="shared" si="80"/>
        <v>#VALUE!</v>
      </c>
      <c r="CI151" s="1131" t="e">
        <f t="shared" si="81"/>
        <v>#VALUE!</v>
      </c>
      <c r="CJ151" s="1131" t="e">
        <f t="shared" si="82"/>
        <v>#VALUE!</v>
      </c>
      <c r="CK151" s="1132" t="str">
        <f t="shared" si="83"/>
        <v>n/a</v>
      </c>
    </row>
    <row r="152" spans="1:89" ht="30" x14ac:dyDescent="0.2">
      <c r="A152" s="992"/>
      <c r="B152" s="1126" t="s">
        <v>66</v>
      </c>
      <c r="C152" s="1126"/>
      <c r="D152" s="1126" t="s">
        <v>66</v>
      </c>
      <c r="E152" s="1126"/>
      <c r="F152" s="1066" t="s">
        <v>1945</v>
      </c>
      <c r="G152" s="1066" t="s">
        <v>1159</v>
      </c>
      <c r="H152" s="1066" t="s">
        <v>1160</v>
      </c>
      <c r="I152" s="1066"/>
      <c r="J152" s="1066">
        <v>51.759894490000001</v>
      </c>
      <c r="K152" s="1066">
        <v>-0.46675313600000001</v>
      </c>
      <c r="L152" s="1066" t="s">
        <v>1488</v>
      </c>
      <c r="M152" s="1066" t="s">
        <v>1489</v>
      </c>
      <c r="N152" s="1066"/>
      <c r="O152" s="1066" t="s">
        <v>870</v>
      </c>
      <c r="P152" s="1066" t="s">
        <v>1490</v>
      </c>
      <c r="Q152" s="1066" t="s">
        <v>1491</v>
      </c>
      <c r="R152" s="1066" t="s">
        <v>1492</v>
      </c>
      <c r="S152" s="1066" t="s">
        <v>1493</v>
      </c>
      <c r="T152" s="1066" t="s">
        <v>1941</v>
      </c>
      <c r="U152" s="1067" t="str">
        <f>_xlfn.XLOOKUP(F152, [4]GIS!D:D, [4]GIS!E:E, "Not mapped")</f>
        <v>Not mapped</v>
      </c>
      <c r="V152" s="1066" t="s">
        <v>1723</v>
      </c>
      <c r="W152" s="1068"/>
      <c r="X152" s="1069" t="s">
        <v>1719</v>
      </c>
      <c r="Y152" s="1066"/>
      <c r="Z152" s="1066"/>
      <c r="AA152" s="1066"/>
      <c r="AB152" s="1066"/>
      <c r="AC152" s="1066"/>
      <c r="AD152" s="1066"/>
      <c r="AE152" s="1066"/>
      <c r="AF152" s="1066"/>
      <c r="AG152" s="1068"/>
      <c r="AH152" s="1091"/>
      <c r="AI152" s="1071"/>
      <c r="AJ152" s="1071"/>
      <c r="AK152" s="1071">
        <f>IF(AJ152="n/a","n/a",ROUND((AJ152*[4]TripRateCalculations!$V$6),0))</f>
        <v>0</v>
      </c>
      <c r="AL152" s="1071"/>
      <c r="AM152" s="1071"/>
      <c r="AN152" s="1071">
        <f>IF(AT152="n/a","n/a",ROUND((AT152*[4]TripRateCalculations!N$4),0))</f>
        <v>0</v>
      </c>
      <c r="AO152" s="1071">
        <f>IF(AU152="n/a","n/a",ROUND((AU152*[4]TripRateCalculations!O$4),0))</f>
        <v>0</v>
      </c>
      <c r="AP152" s="1071">
        <f>IF(AV152="n/a","n/a",ROUND((AV152*[4]TripRateCalculations!P$4),0))</f>
        <v>0</v>
      </c>
      <c r="AQ152" s="1071"/>
      <c r="AR152" s="1071">
        <f>IF(AX152="n/a","n/a",ROUND((AX152*[4]TripRateCalculations!R$4),0))</f>
        <v>0</v>
      </c>
      <c r="AS152" s="1071">
        <f>IF(AY152="n/a","n/a",ROUND((AY152*[4]TripRateCalculations!S$4),0))</f>
        <v>0</v>
      </c>
      <c r="AT152" s="1071"/>
      <c r="AU152" s="1071"/>
      <c r="AV152" s="1071"/>
      <c r="AW152" s="1071"/>
      <c r="AX152" s="1101"/>
      <c r="AY152" s="1101"/>
      <c r="AZ152" s="1102"/>
      <c r="BA152" s="1102"/>
      <c r="BB152" s="1102"/>
      <c r="BC152" s="1102"/>
      <c r="BD152" s="1102"/>
      <c r="BE152" s="1102"/>
      <c r="BF152" s="1102"/>
      <c r="BG152" s="1102"/>
      <c r="BH152" s="1074" t="s">
        <v>1942</v>
      </c>
      <c r="BI152" s="1066" t="s">
        <v>722</v>
      </c>
      <c r="BJ152" s="1066" t="s">
        <v>53</v>
      </c>
      <c r="BK152" s="1068">
        <v>3668.67</v>
      </c>
      <c r="BL152" s="1075">
        <v>1</v>
      </c>
      <c r="BM152" s="1094">
        <v>4</v>
      </c>
      <c r="BN152" s="1077" t="s">
        <v>1721</v>
      </c>
      <c r="BO152" s="992">
        <v>3668.67</v>
      </c>
      <c r="BP152" s="992"/>
      <c r="BQ152" s="1131" t="e">
        <f t="shared" si="63"/>
        <v>#DIV/0!</v>
      </c>
      <c r="BR152" s="1131" t="e">
        <f t="shared" si="64"/>
        <v>#DIV/0!</v>
      </c>
      <c r="BS152" s="1131" t="e">
        <f t="shared" si="65"/>
        <v>#DIV/0!</v>
      </c>
      <c r="BT152" s="1131" t="e">
        <f t="shared" si="66"/>
        <v>#DIV/0!</v>
      </c>
      <c r="BU152" s="1131" t="e">
        <f t="shared" si="67"/>
        <v>#DIV/0!</v>
      </c>
      <c r="BV152" s="1131" t="e">
        <f t="shared" si="68"/>
        <v>#DIV/0!</v>
      </c>
      <c r="BW152" s="1131" t="e">
        <f t="shared" si="69"/>
        <v>#DIV/0!</v>
      </c>
      <c r="BX152" s="1131" t="e">
        <f t="shared" si="70"/>
        <v>#DIV/0!</v>
      </c>
      <c r="BY152" s="1131" t="e">
        <f t="shared" si="71"/>
        <v>#DIV/0!</v>
      </c>
      <c r="BZ152" s="1131" t="e">
        <f t="shared" si="72"/>
        <v>#DIV/0!</v>
      </c>
      <c r="CA152" s="1131" t="e">
        <f t="shared" si="73"/>
        <v>#DIV/0!</v>
      </c>
      <c r="CB152" s="1131" t="e">
        <f t="shared" si="74"/>
        <v>#DIV/0!</v>
      </c>
      <c r="CC152" s="1131" t="e">
        <f t="shared" si="75"/>
        <v>#DIV/0!</v>
      </c>
      <c r="CD152" s="1131" t="e">
        <f t="shared" si="76"/>
        <v>#DIV/0!</v>
      </c>
      <c r="CE152" s="1131" t="e">
        <f t="shared" si="77"/>
        <v>#DIV/0!</v>
      </c>
      <c r="CF152" s="1131" t="e">
        <f t="shared" si="78"/>
        <v>#DIV/0!</v>
      </c>
      <c r="CG152" s="1131" t="e">
        <f t="shared" si="79"/>
        <v>#DIV/0!</v>
      </c>
      <c r="CH152" s="1131" t="e">
        <f t="shared" si="80"/>
        <v>#DIV/0!</v>
      </c>
      <c r="CI152" s="1131" t="e">
        <f t="shared" si="81"/>
        <v>#DIV/0!</v>
      </c>
      <c r="CJ152" s="1131" t="e">
        <f t="shared" si="82"/>
        <v>#DIV/0!</v>
      </c>
      <c r="CK152" s="1132" t="str">
        <f t="shared" si="83"/>
        <v>n/a</v>
      </c>
    </row>
    <row r="153" spans="1:89" ht="99.75" x14ac:dyDescent="0.2">
      <c r="A153" s="992"/>
      <c r="B153" s="1126"/>
      <c r="C153" s="1126"/>
      <c r="D153" s="1126"/>
      <c r="E153" s="1126"/>
      <c r="F153" s="1026" t="s">
        <v>1946</v>
      </c>
      <c r="G153" s="1026" t="s">
        <v>1161</v>
      </c>
      <c r="H153" s="1026" t="s">
        <v>1162</v>
      </c>
      <c r="I153" s="1026" t="s">
        <v>1503</v>
      </c>
      <c r="J153" s="1026" t="s">
        <v>1947</v>
      </c>
      <c r="K153" s="1026" t="s">
        <v>1948</v>
      </c>
      <c r="L153" s="1026" t="s">
        <v>1488</v>
      </c>
      <c r="M153" s="1026" t="s">
        <v>1489</v>
      </c>
      <c r="N153" s="1026">
        <v>1</v>
      </c>
      <c r="O153" s="1026" t="s">
        <v>932</v>
      </c>
      <c r="P153" s="1026" t="s">
        <v>1490</v>
      </c>
      <c r="Q153" s="1026" t="s">
        <v>1491</v>
      </c>
      <c r="R153" s="1026" t="s">
        <v>1492</v>
      </c>
      <c r="S153" s="1026" t="s">
        <v>1493</v>
      </c>
      <c r="T153" s="1026" t="s">
        <v>1941</v>
      </c>
      <c r="U153" s="1016" t="str">
        <f>_xlfn.XLOOKUP(F153, [4]GIS!D:D, [4]GIS!E:E, "Not mapped")</f>
        <v>Multiple - Scenario 1</v>
      </c>
      <c r="V153" s="1031" t="s">
        <v>1723</v>
      </c>
      <c r="W153" s="1018" t="s">
        <v>1496</v>
      </c>
      <c r="X153" s="1019" t="s">
        <v>1497</v>
      </c>
      <c r="Y153" s="1020" t="s">
        <v>1498</v>
      </c>
      <c r="Z153" s="1020" t="s">
        <v>1498</v>
      </c>
      <c r="AA153" s="1020" t="s">
        <v>1498</v>
      </c>
      <c r="AB153" s="1020" t="s">
        <v>1498</v>
      </c>
      <c r="AC153" s="1020" t="s">
        <v>1498</v>
      </c>
      <c r="AD153" s="1020" t="s">
        <v>1498</v>
      </c>
      <c r="AE153" s="1020" t="s">
        <v>1498</v>
      </c>
      <c r="AF153" s="1020" t="s">
        <v>1498</v>
      </c>
      <c r="AG153" s="1020" t="s">
        <v>1498</v>
      </c>
      <c r="AH153" s="1020" t="s">
        <v>1498</v>
      </c>
      <c r="AI153" s="1020" t="s">
        <v>1498</v>
      </c>
      <c r="AJ153" s="1020" t="s">
        <v>1498</v>
      </c>
      <c r="AK153" s="1020" t="str">
        <f>IF(AJ153="n/a","n/a",ROUND((AJ153*[4]TripRateCalculations!$V$6),0))</f>
        <v>n/a</v>
      </c>
      <c r="AL153" s="1020" t="s">
        <v>1498</v>
      </c>
      <c r="AM153" s="1020" t="s">
        <v>1498</v>
      </c>
      <c r="AN153" s="1020" t="str">
        <f>IF(AT153="n/a","n/a",ROUND((AT153*[4]TripRateCalculations!N$4),0))</f>
        <v>n/a</v>
      </c>
      <c r="AO153" s="1020" t="str">
        <f>IF(AU153="n/a","n/a",ROUND((AU153*[4]TripRateCalculations!O$4),0))</f>
        <v>n/a</v>
      </c>
      <c r="AP153" s="1020" t="str">
        <f>IF(AV153="n/a","n/a",ROUND((AV153*[4]TripRateCalculations!P$4),0))</f>
        <v>n/a</v>
      </c>
      <c r="AQ153" s="1020" t="s">
        <v>1498</v>
      </c>
      <c r="AR153" s="1020" t="str">
        <f>IF(AX153="n/a","n/a",ROUND((AX153*[4]TripRateCalculations!R$4),0))</f>
        <v>n/a</v>
      </c>
      <c r="AS153" s="1020" t="str">
        <f>IF(AY153="n/a","n/a",ROUND((AY153*[4]TripRateCalculations!S$4),0))</f>
        <v>n/a</v>
      </c>
      <c r="AT153" s="1020" t="s">
        <v>1498</v>
      </c>
      <c r="AU153" s="1020" t="s">
        <v>1498</v>
      </c>
      <c r="AV153" s="1020" t="s">
        <v>1498</v>
      </c>
      <c r="AW153" s="1020" t="s">
        <v>1498</v>
      </c>
      <c r="AX153" s="1020" t="s">
        <v>1498</v>
      </c>
      <c r="AY153" s="1020" t="s">
        <v>1498</v>
      </c>
      <c r="AZ153" s="1020" t="s">
        <v>1498</v>
      </c>
      <c r="BA153" s="1100" t="s">
        <v>1498</v>
      </c>
      <c r="BB153" s="1100" t="s">
        <v>1498</v>
      </c>
      <c r="BC153" s="1100" t="s">
        <v>1498</v>
      </c>
      <c r="BD153" s="1100" t="s">
        <v>1498</v>
      </c>
      <c r="BE153" s="1100" t="s">
        <v>1498</v>
      </c>
      <c r="BF153" s="1100" t="s">
        <v>1498</v>
      </c>
      <c r="BG153" s="1100" t="s">
        <v>1498</v>
      </c>
      <c r="BH153" s="1027" t="s">
        <v>1942</v>
      </c>
      <c r="BI153" s="1026" t="s">
        <v>722</v>
      </c>
      <c r="BJ153" s="1026" t="s">
        <v>53</v>
      </c>
      <c r="BK153" s="1042">
        <f>ROUND((VLOOKUP(F153,'[4]Cost Summary'!A:H,8,)),0.1)</f>
        <v>436643</v>
      </c>
      <c r="BL153" s="1026">
        <v>1</v>
      </c>
      <c r="BM153" s="1078">
        <v>4</v>
      </c>
      <c r="BN153" s="1044" t="s">
        <v>1584</v>
      </c>
      <c r="BO153" s="1130">
        <v>283676.25</v>
      </c>
      <c r="BP153" s="992"/>
      <c r="BQ153" s="1131" t="e">
        <f t="shared" si="63"/>
        <v>#VALUE!</v>
      </c>
      <c r="BR153" s="1131" t="e">
        <f t="shared" si="64"/>
        <v>#VALUE!</v>
      </c>
      <c r="BS153" s="1131" t="e">
        <f t="shared" si="65"/>
        <v>#VALUE!</v>
      </c>
      <c r="BT153" s="1131" t="e">
        <f t="shared" si="66"/>
        <v>#VALUE!</v>
      </c>
      <c r="BU153" s="1131" t="e">
        <f t="shared" si="67"/>
        <v>#VALUE!</v>
      </c>
      <c r="BV153" s="1131" t="e">
        <f t="shared" si="68"/>
        <v>#VALUE!</v>
      </c>
      <c r="BW153" s="1131" t="e">
        <f t="shared" si="69"/>
        <v>#VALUE!</v>
      </c>
      <c r="BX153" s="1131" t="e">
        <f t="shared" si="70"/>
        <v>#VALUE!</v>
      </c>
      <c r="BY153" s="1131" t="e">
        <f t="shared" si="71"/>
        <v>#VALUE!</v>
      </c>
      <c r="BZ153" s="1131" t="e">
        <f t="shared" si="72"/>
        <v>#VALUE!</v>
      </c>
      <c r="CA153" s="1131" t="e">
        <f t="shared" si="73"/>
        <v>#VALUE!</v>
      </c>
      <c r="CB153" s="1131" t="e">
        <f t="shared" si="74"/>
        <v>#VALUE!</v>
      </c>
      <c r="CC153" s="1131" t="e">
        <f t="shared" si="75"/>
        <v>#VALUE!</v>
      </c>
      <c r="CD153" s="1131" t="e">
        <f t="shared" si="76"/>
        <v>#VALUE!</v>
      </c>
      <c r="CE153" s="1131" t="e">
        <f t="shared" si="77"/>
        <v>#VALUE!</v>
      </c>
      <c r="CF153" s="1131" t="e">
        <f t="shared" si="78"/>
        <v>#VALUE!</v>
      </c>
      <c r="CG153" s="1131" t="e">
        <f t="shared" si="79"/>
        <v>#VALUE!</v>
      </c>
      <c r="CH153" s="1131" t="e">
        <f t="shared" si="80"/>
        <v>#VALUE!</v>
      </c>
      <c r="CI153" s="1131" t="e">
        <f t="shared" si="81"/>
        <v>#VALUE!</v>
      </c>
      <c r="CJ153" s="1131" t="e">
        <f t="shared" si="82"/>
        <v>#VALUE!</v>
      </c>
      <c r="CK153" s="1132" t="str">
        <f t="shared" si="83"/>
        <v>n/a</v>
      </c>
    </row>
    <row r="154" spans="1:89" ht="30" x14ac:dyDescent="0.2">
      <c r="A154" s="992"/>
      <c r="B154" s="1126"/>
      <c r="C154" s="1126"/>
      <c r="D154" s="1126"/>
      <c r="E154" s="1126"/>
      <c r="F154" s="1026" t="s">
        <v>1949</v>
      </c>
      <c r="G154" s="1026" t="s">
        <v>1163</v>
      </c>
      <c r="H154" s="1026" t="s">
        <v>1164</v>
      </c>
      <c r="I154" s="1026" t="s">
        <v>1503</v>
      </c>
      <c r="J154" s="1026" t="s">
        <v>253</v>
      </c>
      <c r="K154" s="1026" t="s">
        <v>253</v>
      </c>
      <c r="L154" s="1026" t="s">
        <v>1488</v>
      </c>
      <c r="M154" s="1026" t="s">
        <v>1489</v>
      </c>
      <c r="N154" s="1026">
        <v>1</v>
      </c>
      <c r="O154" s="1026" t="s">
        <v>932</v>
      </c>
      <c r="P154" s="1026" t="s">
        <v>1490</v>
      </c>
      <c r="Q154" s="1026" t="s">
        <v>1491</v>
      </c>
      <c r="R154" s="1026" t="s">
        <v>1492</v>
      </c>
      <c r="S154" s="1026" t="s">
        <v>1493</v>
      </c>
      <c r="T154" s="1026" t="s">
        <v>1941</v>
      </c>
      <c r="U154" s="1016" t="str">
        <f>_xlfn.XLOOKUP(F154, [4]GIS!D:D, [4]GIS!E:E, "Not mapped")</f>
        <v>Multiple - Scenario 1</v>
      </c>
      <c r="V154" s="1031" t="s">
        <v>1723</v>
      </c>
      <c r="W154" s="1018" t="s">
        <v>1496</v>
      </c>
      <c r="X154" s="1019" t="s">
        <v>1497</v>
      </c>
      <c r="Y154" s="1020" t="s">
        <v>1498</v>
      </c>
      <c r="Z154" s="1020" t="s">
        <v>1498</v>
      </c>
      <c r="AA154" s="1020" t="s">
        <v>1498</v>
      </c>
      <c r="AB154" s="1020" t="s">
        <v>1498</v>
      </c>
      <c r="AC154" s="1020" t="s">
        <v>1498</v>
      </c>
      <c r="AD154" s="1020" t="s">
        <v>1498</v>
      </c>
      <c r="AE154" s="1020" t="s">
        <v>1498</v>
      </c>
      <c r="AF154" s="1020" t="s">
        <v>1498</v>
      </c>
      <c r="AG154" s="1020" t="s">
        <v>1498</v>
      </c>
      <c r="AH154" s="1020" t="s">
        <v>1498</v>
      </c>
      <c r="AI154" s="1020" t="s">
        <v>1498</v>
      </c>
      <c r="AJ154" s="1020" t="s">
        <v>1498</v>
      </c>
      <c r="AK154" s="1020" t="str">
        <f>IF(AJ154="n/a","n/a",ROUND((AJ154*[4]TripRateCalculations!$V$6),0))</f>
        <v>n/a</v>
      </c>
      <c r="AL154" s="1020" t="s">
        <v>1498</v>
      </c>
      <c r="AM154" s="1020" t="s">
        <v>1498</v>
      </c>
      <c r="AN154" s="1020" t="str">
        <f>IF(AT154="n/a","n/a",ROUND((AT154*[4]TripRateCalculations!N$4),0))</f>
        <v>n/a</v>
      </c>
      <c r="AO154" s="1020" t="str">
        <f>IF(AU154="n/a","n/a",ROUND((AU154*[4]TripRateCalculations!O$4),0))</f>
        <v>n/a</v>
      </c>
      <c r="AP154" s="1020" t="str">
        <f>IF(AV154="n/a","n/a",ROUND((AV154*[4]TripRateCalculations!P$4),0))</f>
        <v>n/a</v>
      </c>
      <c r="AQ154" s="1020" t="s">
        <v>1498</v>
      </c>
      <c r="AR154" s="1020" t="str">
        <f>IF(AX154="n/a","n/a",ROUND((AX154*[4]TripRateCalculations!R$4),0))</f>
        <v>n/a</v>
      </c>
      <c r="AS154" s="1020" t="str">
        <f>IF(AY154="n/a","n/a",ROUND((AY154*[4]TripRateCalculations!S$4),0))</f>
        <v>n/a</v>
      </c>
      <c r="AT154" s="1020" t="s">
        <v>1498</v>
      </c>
      <c r="AU154" s="1020" t="s">
        <v>1498</v>
      </c>
      <c r="AV154" s="1020" t="s">
        <v>1498</v>
      </c>
      <c r="AW154" s="1020" t="s">
        <v>1498</v>
      </c>
      <c r="AX154" s="1020" t="s">
        <v>1498</v>
      </c>
      <c r="AY154" s="1020" t="s">
        <v>1498</v>
      </c>
      <c r="AZ154" s="1020" t="s">
        <v>1498</v>
      </c>
      <c r="BA154" s="1100" t="s">
        <v>1498</v>
      </c>
      <c r="BB154" s="1100" t="s">
        <v>1498</v>
      </c>
      <c r="BC154" s="1100" t="s">
        <v>1498</v>
      </c>
      <c r="BD154" s="1100" t="s">
        <v>1498</v>
      </c>
      <c r="BE154" s="1100" t="s">
        <v>1498</v>
      </c>
      <c r="BF154" s="1100" t="s">
        <v>1498</v>
      </c>
      <c r="BG154" s="1100" t="s">
        <v>1498</v>
      </c>
      <c r="BH154" s="1027" t="s">
        <v>1942</v>
      </c>
      <c r="BI154" s="1026" t="s">
        <v>722</v>
      </c>
      <c r="BJ154" s="1026" t="s">
        <v>53</v>
      </c>
      <c r="BK154" s="1042">
        <f>ROUND((VLOOKUP(F154,'[4]Cost Summary'!A:H,8,)),0.1)</f>
        <v>20883</v>
      </c>
      <c r="BL154" s="1026">
        <v>1</v>
      </c>
      <c r="BM154" s="1078">
        <v>4</v>
      </c>
      <c r="BN154" s="1044" t="s">
        <v>1584</v>
      </c>
      <c r="BO154" s="1130">
        <v>13567.13</v>
      </c>
      <c r="BP154" s="992"/>
      <c r="BQ154" s="1131" t="e">
        <f t="shared" si="63"/>
        <v>#VALUE!</v>
      </c>
      <c r="BR154" s="1131" t="e">
        <f t="shared" si="64"/>
        <v>#VALUE!</v>
      </c>
      <c r="BS154" s="1131" t="e">
        <f t="shared" si="65"/>
        <v>#VALUE!</v>
      </c>
      <c r="BT154" s="1131" t="e">
        <f t="shared" si="66"/>
        <v>#VALUE!</v>
      </c>
      <c r="BU154" s="1131" t="e">
        <f t="shared" si="67"/>
        <v>#VALUE!</v>
      </c>
      <c r="BV154" s="1131" t="e">
        <f t="shared" si="68"/>
        <v>#VALUE!</v>
      </c>
      <c r="BW154" s="1131" t="e">
        <f t="shared" si="69"/>
        <v>#VALUE!</v>
      </c>
      <c r="BX154" s="1131" t="e">
        <f t="shared" si="70"/>
        <v>#VALUE!</v>
      </c>
      <c r="BY154" s="1131" t="e">
        <f t="shared" si="71"/>
        <v>#VALUE!</v>
      </c>
      <c r="BZ154" s="1131" t="e">
        <f t="shared" si="72"/>
        <v>#VALUE!</v>
      </c>
      <c r="CA154" s="1131" t="e">
        <f t="shared" si="73"/>
        <v>#VALUE!</v>
      </c>
      <c r="CB154" s="1131" t="e">
        <f t="shared" si="74"/>
        <v>#VALUE!</v>
      </c>
      <c r="CC154" s="1131" t="e">
        <f t="shared" si="75"/>
        <v>#VALUE!</v>
      </c>
      <c r="CD154" s="1131" t="e">
        <f t="shared" si="76"/>
        <v>#VALUE!</v>
      </c>
      <c r="CE154" s="1131" t="e">
        <f t="shared" si="77"/>
        <v>#VALUE!</v>
      </c>
      <c r="CF154" s="1131" t="e">
        <f t="shared" si="78"/>
        <v>#VALUE!</v>
      </c>
      <c r="CG154" s="1131" t="e">
        <f t="shared" si="79"/>
        <v>#VALUE!</v>
      </c>
      <c r="CH154" s="1131" t="e">
        <f t="shared" si="80"/>
        <v>#VALUE!</v>
      </c>
      <c r="CI154" s="1131" t="e">
        <f t="shared" si="81"/>
        <v>#VALUE!</v>
      </c>
      <c r="CJ154" s="1131" t="e">
        <f t="shared" si="82"/>
        <v>#VALUE!</v>
      </c>
      <c r="CK154" s="1132" t="str">
        <f t="shared" si="83"/>
        <v>n/a</v>
      </c>
    </row>
    <row r="155" spans="1:89" ht="42.75" x14ac:dyDescent="0.2">
      <c r="A155" s="992"/>
      <c r="B155" s="1126"/>
      <c r="C155" s="1126"/>
      <c r="D155" s="1126"/>
      <c r="E155" s="1126"/>
      <c r="F155" s="1026" t="s">
        <v>1950</v>
      </c>
      <c r="G155" s="1026" t="s">
        <v>1199</v>
      </c>
      <c r="H155" s="1026" t="s">
        <v>1200</v>
      </c>
      <c r="I155" s="1026" t="s">
        <v>1892</v>
      </c>
      <c r="J155" s="1026">
        <v>51.743980999999998</v>
      </c>
      <c r="K155" s="1026">
        <v>-0.47343600000000002</v>
      </c>
      <c r="L155" s="1026" t="s">
        <v>1522</v>
      </c>
      <c r="M155" s="1026" t="s">
        <v>1489</v>
      </c>
      <c r="N155" s="1026">
        <v>1</v>
      </c>
      <c r="O155" s="1026" t="s">
        <v>932</v>
      </c>
      <c r="P155" s="1026" t="s">
        <v>1490</v>
      </c>
      <c r="Q155" s="1026" t="s">
        <v>1491</v>
      </c>
      <c r="R155" s="1026" t="s">
        <v>1492</v>
      </c>
      <c r="S155" s="1026" t="s">
        <v>1493</v>
      </c>
      <c r="T155" s="1026" t="s">
        <v>1888</v>
      </c>
      <c r="U155" s="1016" t="str">
        <f>_xlfn.XLOOKUP(F155, [4]GIS!D:D, [4]GIS!E:E, "Not mapped")</f>
        <v>Multiple - Scenario 1</v>
      </c>
      <c r="V155" s="1026" t="s">
        <v>1707</v>
      </c>
      <c r="W155" s="1032" t="s">
        <v>1525</v>
      </c>
      <c r="X155" s="1032" t="s">
        <v>1526</v>
      </c>
      <c r="Y155" s="1033">
        <v>18</v>
      </c>
      <c r="Z155" s="1033">
        <v>13</v>
      </c>
      <c r="AA155" s="1033">
        <v>45</v>
      </c>
      <c r="AB155" s="1033">
        <v>22</v>
      </c>
      <c r="AC155" s="1033">
        <v>0</v>
      </c>
      <c r="AD155" s="1034">
        <v>8</v>
      </c>
      <c r="AE155" s="1034">
        <v>17</v>
      </c>
      <c r="AF155" s="1034">
        <v>43</v>
      </c>
      <c r="AG155" s="1034">
        <v>13</v>
      </c>
      <c r="AH155" s="1034">
        <v>8</v>
      </c>
      <c r="AI155" s="1034">
        <v>47</v>
      </c>
      <c r="AJ155" s="1034">
        <v>67</v>
      </c>
      <c r="AK155" s="1034">
        <f>IF(AJ155="n/a","n/a",ROUND((AJ155*[4]TripRateCalculations!$V$6),0))</f>
        <v>149</v>
      </c>
      <c r="AL155" s="1034">
        <v>3</v>
      </c>
      <c r="AM155" s="1034">
        <v>5</v>
      </c>
      <c r="AN155" s="1034">
        <f>IF(AT155="n/a","n/a",ROUND((AT155*[4]TripRateCalculations!N$4),0))</f>
        <v>7</v>
      </c>
      <c r="AO155" s="1034">
        <f>IF(AU155="n/a","n/a",ROUND((AU155*[4]TripRateCalculations!O$4),0))</f>
        <v>0</v>
      </c>
      <c r="AP155" s="1034">
        <f>IF(AV155="n/a","n/a",ROUND((AV155*[4]TripRateCalculations!P$4),0))</f>
        <v>2</v>
      </c>
      <c r="AQ155" s="1034">
        <f>AW155*[4]TripRateCalculations!Q$4</f>
        <v>5.8581235697940501</v>
      </c>
      <c r="AR155" s="1034">
        <f>IF(AX155="n/a","n/a",ROUND((AX155*[4]TripRateCalculations!R$4),0))</f>
        <v>2</v>
      </c>
      <c r="AS155" s="1034">
        <f>IF(AY155="n/a","n/a",ROUND((AY155*[4]TripRateCalculations!S$4),0))</f>
        <v>1</v>
      </c>
      <c r="AT155" s="1034">
        <v>31</v>
      </c>
      <c r="AU155" s="1034">
        <v>0</v>
      </c>
      <c r="AV155" s="1034">
        <v>6</v>
      </c>
      <c r="AW155" s="1034">
        <v>40</v>
      </c>
      <c r="AX155" s="1034">
        <v>18</v>
      </c>
      <c r="AY155" s="1034">
        <v>40</v>
      </c>
      <c r="AZ155" s="1035">
        <v>40</v>
      </c>
      <c r="BA155" s="1035">
        <v>6</v>
      </c>
      <c r="BB155" s="1035">
        <v>5</v>
      </c>
      <c r="BC155" s="1035">
        <v>11</v>
      </c>
      <c r="BD155" s="1035">
        <v>31</v>
      </c>
      <c r="BE155" s="1035">
        <v>0</v>
      </c>
      <c r="BF155" s="1035">
        <v>65</v>
      </c>
      <c r="BG155" s="1035">
        <f>BF155*[4]TripRateCalculations!$Q$4</f>
        <v>9.5194508009153314</v>
      </c>
      <c r="BH155" s="1027" t="s">
        <v>1889</v>
      </c>
      <c r="BI155" s="1026" t="s">
        <v>722</v>
      </c>
      <c r="BJ155" s="1026" t="s">
        <v>53</v>
      </c>
      <c r="BK155" s="1042">
        <f>ROUND((VLOOKUP(F155,'[4]Cost Summary'!A:H,8,)),0.1)</f>
        <v>2430</v>
      </c>
      <c r="BL155" s="1026">
        <v>1</v>
      </c>
      <c r="BM155" s="1078">
        <v>7</v>
      </c>
      <c r="BN155" s="1044" t="s">
        <v>1584</v>
      </c>
      <c r="BO155" s="1130">
        <v>1578.72</v>
      </c>
      <c r="BP155" s="992"/>
      <c r="BQ155" s="1131">
        <f t="shared" si="63"/>
        <v>2.9487944771742228E-2</v>
      </c>
      <c r="BR155" s="1131">
        <f t="shared" si="64"/>
        <v>0.10207365497910771</v>
      </c>
      <c r="BS155" s="1131">
        <f t="shared" si="65"/>
        <v>4.990267576756377E-2</v>
      </c>
      <c r="BT155" s="1131">
        <f t="shared" si="66"/>
        <v>0</v>
      </c>
      <c r="BU155" s="1131">
        <f t="shared" si="67"/>
        <v>1.8146427551841371E-2</v>
      </c>
      <c r="BV155" s="1131">
        <f t="shared" si="68"/>
        <v>3.8561158547662913E-2</v>
      </c>
      <c r="BW155" s="1131">
        <f t="shared" si="69"/>
        <v>9.7537048091147369E-2</v>
      </c>
      <c r="BX155" s="1131">
        <f t="shared" si="70"/>
        <v>2.9487944771742228E-2</v>
      </c>
      <c r="BY155" s="1131">
        <f t="shared" si="71"/>
        <v>0.10661026186706805</v>
      </c>
      <c r="BZ155" s="1131">
        <f t="shared" si="72"/>
        <v>0.33797721315304552</v>
      </c>
      <c r="CA155" s="1131">
        <f t="shared" si="73"/>
        <v>6.8049103319405141E-3</v>
      </c>
      <c r="CB155" s="1131">
        <f t="shared" si="74"/>
        <v>1.1341517219900857E-2</v>
      </c>
      <c r="CC155" s="1131">
        <f t="shared" si="75"/>
        <v>1.58781241078612E-2</v>
      </c>
      <c r="CD155" s="1131">
        <f t="shared" si="76"/>
        <v>0</v>
      </c>
      <c r="CE155" s="1131">
        <f t="shared" si="77"/>
        <v>4.5366068879603427E-3</v>
      </c>
      <c r="CF155" s="1131">
        <f t="shared" si="78"/>
        <v>4.5366068879603427E-3</v>
      </c>
      <c r="CG155" s="1131">
        <f t="shared" si="79"/>
        <v>2.2683034439801714E-3</v>
      </c>
      <c r="CH155" s="1131">
        <f t="shared" si="80"/>
        <v>9.0732137759206855E-2</v>
      </c>
      <c r="CI155" s="1131">
        <f t="shared" si="81"/>
        <v>4.0829461991643085E-2</v>
      </c>
      <c r="CJ155" s="1131">
        <f t="shared" si="82"/>
        <v>1.3288001868625259E-2</v>
      </c>
      <c r="CK155" s="1132">
        <f t="shared" si="83"/>
        <v>0.99999999999999967</v>
      </c>
    </row>
    <row r="156" spans="1:89" ht="30" x14ac:dyDescent="0.2">
      <c r="A156" s="992"/>
      <c r="B156" s="1126"/>
      <c r="C156" s="1126"/>
      <c r="D156" s="1126"/>
      <c r="E156" s="1126"/>
      <c r="F156" s="1026" t="s">
        <v>1951</v>
      </c>
      <c r="G156" s="1026" t="s">
        <v>1168</v>
      </c>
      <c r="H156" s="1026" t="s">
        <v>1169</v>
      </c>
      <c r="I156" s="1026" t="s">
        <v>1688</v>
      </c>
      <c r="J156" s="1026">
        <v>51.761141760000001</v>
      </c>
      <c r="K156" s="1026">
        <v>-0.47682785900000002</v>
      </c>
      <c r="L156" s="1026" t="s">
        <v>1560</v>
      </c>
      <c r="M156" s="1026" t="s">
        <v>1489</v>
      </c>
      <c r="N156" s="1026">
        <v>1</v>
      </c>
      <c r="O156" s="1026" t="s">
        <v>932</v>
      </c>
      <c r="P156" s="1026" t="s">
        <v>1490</v>
      </c>
      <c r="Q156" s="1026" t="s">
        <v>1491</v>
      </c>
      <c r="R156" s="1026" t="s">
        <v>1492</v>
      </c>
      <c r="S156" s="1026" t="s">
        <v>1493</v>
      </c>
      <c r="T156" s="1026" t="s">
        <v>1952</v>
      </c>
      <c r="U156" s="1016" t="str">
        <f>_xlfn.XLOOKUP(F156, [4]GIS!D:D, [4]GIS!E:E, "Not mapped")</f>
        <v>Multiple - Scenario 1</v>
      </c>
      <c r="V156" s="1031" t="s">
        <v>1723</v>
      </c>
      <c r="W156" s="1058" t="s">
        <v>1691</v>
      </c>
      <c r="X156" s="1059" t="s">
        <v>1692</v>
      </c>
      <c r="Y156" s="1020" t="s">
        <v>1498</v>
      </c>
      <c r="Z156" s="1020" t="s">
        <v>1498</v>
      </c>
      <c r="AA156" s="1020" t="s">
        <v>1498</v>
      </c>
      <c r="AB156" s="1020" t="s">
        <v>1498</v>
      </c>
      <c r="AC156" s="1020" t="s">
        <v>1498</v>
      </c>
      <c r="AD156" s="1020" t="s">
        <v>1498</v>
      </c>
      <c r="AE156" s="1020" t="s">
        <v>1498</v>
      </c>
      <c r="AF156" s="1020" t="s">
        <v>1498</v>
      </c>
      <c r="AG156" s="1020" t="s">
        <v>1498</v>
      </c>
      <c r="AH156" s="1020" t="s">
        <v>1498</v>
      </c>
      <c r="AI156" s="1020" t="s">
        <v>1498</v>
      </c>
      <c r="AJ156" s="1020" t="s">
        <v>1498</v>
      </c>
      <c r="AK156" s="1020" t="str">
        <f>IF(AJ156="n/a","n/a",ROUND((AJ156*[4]TripRateCalculations!$V$6),0))</f>
        <v>n/a</v>
      </c>
      <c r="AL156" s="1020" t="s">
        <v>1498</v>
      </c>
      <c r="AM156" s="1020" t="s">
        <v>1498</v>
      </c>
      <c r="AN156" s="1020" t="str">
        <f>IF(AT156="n/a","n/a",ROUND((AT156*[4]TripRateCalculations!N$4),0))</f>
        <v>n/a</v>
      </c>
      <c r="AO156" s="1020" t="str">
        <f>IF(AU156="n/a","n/a",ROUND((AU156*[4]TripRateCalculations!O$4),0))</f>
        <v>n/a</v>
      </c>
      <c r="AP156" s="1020" t="str">
        <f>IF(AV156="n/a","n/a",ROUND((AV156*[4]TripRateCalculations!P$4),0))</f>
        <v>n/a</v>
      </c>
      <c r="AQ156" s="1020" t="s">
        <v>1498</v>
      </c>
      <c r="AR156" s="1020" t="str">
        <f>IF(AX156="n/a","n/a",ROUND((AX156*[4]TripRateCalculations!R$4),0))</f>
        <v>n/a</v>
      </c>
      <c r="AS156" s="1020" t="str">
        <f>IF(AY156="n/a","n/a",ROUND((AY156*[4]TripRateCalculations!S$4),0))</f>
        <v>n/a</v>
      </c>
      <c r="AT156" s="1020" t="s">
        <v>1498</v>
      </c>
      <c r="AU156" s="1020" t="s">
        <v>1498</v>
      </c>
      <c r="AV156" s="1020" t="s">
        <v>1498</v>
      </c>
      <c r="AW156" s="1020" t="s">
        <v>1498</v>
      </c>
      <c r="AX156" s="1020" t="s">
        <v>1498</v>
      </c>
      <c r="AY156" s="1020" t="s">
        <v>1498</v>
      </c>
      <c r="AZ156" s="1020" t="s">
        <v>1498</v>
      </c>
      <c r="BA156" s="1100" t="s">
        <v>1498</v>
      </c>
      <c r="BB156" s="1100" t="s">
        <v>1498</v>
      </c>
      <c r="BC156" s="1100" t="s">
        <v>1498</v>
      </c>
      <c r="BD156" s="1100" t="s">
        <v>1498</v>
      </c>
      <c r="BE156" s="1100" t="s">
        <v>1498</v>
      </c>
      <c r="BF156" s="1100" t="s">
        <v>1498</v>
      </c>
      <c r="BG156" s="1100" t="s">
        <v>1498</v>
      </c>
      <c r="BH156" s="1027" t="s">
        <v>1953</v>
      </c>
      <c r="BI156" s="1026" t="s">
        <v>722</v>
      </c>
      <c r="BJ156" s="1026" t="s">
        <v>53</v>
      </c>
      <c r="BK156" s="1042">
        <f>ROUND((VLOOKUP(F156,'[4]Cost Summary'!A:H,8,)),0.1)</f>
        <v>1595</v>
      </c>
      <c r="BL156" s="1026">
        <v>1</v>
      </c>
      <c r="BM156" s="1078">
        <v>3</v>
      </c>
      <c r="BN156" s="1044" t="s">
        <v>1584</v>
      </c>
      <c r="BO156" s="1130">
        <v>1036.04</v>
      </c>
      <c r="BP156" s="992"/>
      <c r="BQ156" s="1131" t="e">
        <f t="shared" si="63"/>
        <v>#VALUE!</v>
      </c>
      <c r="BR156" s="1131" t="e">
        <f t="shared" si="64"/>
        <v>#VALUE!</v>
      </c>
      <c r="BS156" s="1131" t="e">
        <f t="shared" si="65"/>
        <v>#VALUE!</v>
      </c>
      <c r="BT156" s="1131" t="e">
        <f t="shared" si="66"/>
        <v>#VALUE!</v>
      </c>
      <c r="BU156" s="1131" t="e">
        <f t="shared" si="67"/>
        <v>#VALUE!</v>
      </c>
      <c r="BV156" s="1131" t="e">
        <f t="shared" si="68"/>
        <v>#VALUE!</v>
      </c>
      <c r="BW156" s="1131" t="e">
        <f t="shared" si="69"/>
        <v>#VALUE!</v>
      </c>
      <c r="BX156" s="1131" t="e">
        <f t="shared" si="70"/>
        <v>#VALUE!</v>
      </c>
      <c r="BY156" s="1131" t="e">
        <f t="shared" si="71"/>
        <v>#VALUE!</v>
      </c>
      <c r="BZ156" s="1131" t="e">
        <f t="shared" si="72"/>
        <v>#VALUE!</v>
      </c>
      <c r="CA156" s="1131" t="e">
        <f t="shared" si="73"/>
        <v>#VALUE!</v>
      </c>
      <c r="CB156" s="1131" t="e">
        <f t="shared" si="74"/>
        <v>#VALUE!</v>
      </c>
      <c r="CC156" s="1131" t="e">
        <f t="shared" si="75"/>
        <v>#VALUE!</v>
      </c>
      <c r="CD156" s="1131" t="e">
        <f t="shared" si="76"/>
        <v>#VALUE!</v>
      </c>
      <c r="CE156" s="1131" t="e">
        <f t="shared" si="77"/>
        <v>#VALUE!</v>
      </c>
      <c r="CF156" s="1131" t="e">
        <f t="shared" si="78"/>
        <v>#VALUE!</v>
      </c>
      <c r="CG156" s="1131" t="e">
        <f t="shared" si="79"/>
        <v>#VALUE!</v>
      </c>
      <c r="CH156" s="1131" t="e">
        <f t="shared" si="80"/>
        <v>#VALUE!</v>
      </c>
      <c r="CI156" s="1131" t="e">
        <f t="shared" si="81"/>
        <v>#VALUE!</v>
      </c>
      <c r="CJ156" s="1131" t="e">
        <f t="shared" si="82"/>
        <v>#VALUE!</v>
      </c>
      <c r="CK156" s="1132" t="str">
        <f t="shared" si="83"/>
        <v>n/a</v>
      </c>
    </row>
    <row r="157" spans="1:89" ht="42.75" x14ac:dyDescent="0.2">
      <c r="A157" s="992"/>
      <c r="B157" s="1126"/>
      <c r="C157" s="1126"/>
      <c r="D157" s="1126"/>
      <c r="E157" s="1126"/>
      <c r="F157" s="1026" t="s">
        <v>1954</v>
      </c>
      <c r="G157" s="1026" t="s">
        <v>1170</v>
      </c>
      <c r="H157" s="1026" t="s">
        <v>1171</v>
      </c>
      <c r="I157" s="1026" t="s">
        <v>1935</v>
      </c>
      <c r="J157" s="1026">
        <v>51.763593120000003</v>
      </c>
      <c r="K157" s="1026">
        <v>-0.47444731899999998</v>
      </c>
      <c r="L157" s="1026" t="s">
        <v>1488</v>
      </c>
      <c r="M157" s="1026" t="s">
        <v>1489</v>
      </c>
      <c r="N157" s="1026">
        <v>1</v>
      </c>
      <c r="O157" s="1026" t="s">
        <v>932</v>
      </c>
      <c r="P157" s="1026" t="s">
        <v>1490</v>
      </c>
      <c r="Q157" s="1026" t="s">
        <v>1491</v>
      </c>
      <c r="R157" s="1026" t="s">
        <v>1492</v>
      </c>
      <c r="S157" s="1026" t="s">
        <v>1493</v>
      </c>
      <c r="T157" s="1026" t="s">
        <v>1955</v>
      </c>
      <c r="U157" s="1016" t="str">
        <f>_xlfn.XLOOKUP(F157, [4]GIS!D:D, [4]GIS!E:E, "Not mapped")</f>
        <v>Multiple - Scenario 1</v>
      </c>
      <c r="V157" s="1026" t="s">
        <v>1707</v>
      </c>
      <c r="W157" s="1018" t="s">
        <v>1496</v>
      </c>
      <c r="X157" s="1019" t="s">
        <v>1497</v>
      </c>
      <c r="Y157" s="1020" t="s">
        <v>1498</v>
      </c>
      <c r="Z157" s="1020" t="s">
        <v>1498</v>
      </c>
      <c r="AA157" s="1020" t="s">
        <v>1498</v>
      </c>
      <c r="AB157" s="1020" t="s">
        <v>1498</v>
      </c>
      <c r="AC157" s="1020" t="s">
        <v>1498</v>
      </c>
      <c r="AD157" s="1020" t="s">
        <v>1498</v>
      </c>
      <c r="AE157" s="1020" t="s">
        <v>1498</v>
      </c>
      <c r="AF157" s="1020" t="s">
        <v>1498</v>
      </c>
      <c r="AG157" s="1020" t="s">
        <v>1498</v>
      </c>
      <c r="AH157" s="1020" t="s">
        <v>1498</v>
      </c>
      <c r="AI157" s="1020" t="s">
        <v>1498</v>
      </c>
      <c r="AJ157" s="1020" t="s">
        <v>1498</v>
      </c>
      <c r="AK157" s="1020" t="str">
        <f>IF(AJ157="n/a","n/a",ROUND((AJ157*[4]TripRateCalculations!$V$6),0))</f>
        <v>n/a</v>
      </c>
      <c r="AL157" s="1020" t="s">
        <v>1498</v>
      </c>
      <c r="AM157" s="1020" t="s">
        <v>1498</v>
      </c>
      <c r="AN157" s="1020" t="str">
        <f>IF(AT157="n/a","n/a",ROUND((AT157*[4]TripRateCalculations!N$4),0))</f>
        <v>n/a</v>
      </c>
      <c r="AO157" s="1020" t="str">
        <f>IF(AU157="n/a","n/a",ROUND((AU157*[4]TripRateCalculations!O$4),0))</f>
        <v>n/a</v>
      </c>
      <c r="AP157" s="1020" t="str">
        <f>IF(AV157="n/a","n/a",ROUND((AV157*[4]TripRateCalculations!P$4),0))</f>
        <v>n/a</v>
      </c>
      <c r="AQ157" s="1020" t="s">
        <v>1498</v>
      </c>
      <c r="AR157" s="1020" t="str">
        <f>IF(AX157="n/a","n/a",ROUND((AX157*[4]TripRateCalculations!R$4),0))</f>
        <v>n/a</v>
      </c>
      <c r="AS157" s="1020" t="str">
        <f>IF(AY157="n/a","n/a",ROUND((AY157*[4]TripRateCalculations!S$4),0))</f>
        <v>n/a</v>
      </c>
      <c r="AT157" s="1020" t="s">
        <v>1498</v>
      </c>
      <c r="AU157" s="1020" t="s">
        <v>1498</v>
      </c>
      <c r="AV157" s="1020" t="s">
        <v>1498</v>
      </c>
      <c r="AW157" s="1020" t="s">
        <v>1498</v>
      </c>
      <c r="AX157" s="1020" t="s">
        <v>1498</v>
      </c>
      <c r="AY157" s="1020" t="s">
        <v>1498</v>
      </c>
      <c r="AZ157" s="1020" t="s">
        <v>1498</v>
      </c>
      <c r="BA157" s="1100" t="s">
        <v>1498</v>
      </c>
      <c r="BB157" s="1100" t="s">
        <v>1498</v>
      </c>
      <c r="BC157" s="1100" t="s">
        <v>1498</v>
      </c>
      <c r="BD157" s="1100" t="s">
        <v>1498</v>
      </c>
      <c r="BE157" s="1100" t="s">
        <v>1498</v>
      </c>
      <c r="BF157" s="1100" t="s">
        <v>1498</v>
      </c>
      <c r="BG157" s="1100" t="s">
        <v>1498</v>
      </c>
      <c r="BH157" s="1027" t="s">
        <v>1953</v>
      </c>
      <c r="BI157" s="1026" t="s">
        <v>722</v>
      </c>
      <c r="BJ157" s="1026" t="s">
        <v>53</v>
      </c>
      <c r="BK157" s="1042">
        <f>ROUND((VLOOKUP(F157,'[4]Cost Summary'!A:H,8,)),0.1)</f>
        <v>65866</v>
      </c>
      <c r="BL157" s="1026">
        <v>0</v>
      </c>
      <c r="BM157" s="1078" t="s">
        <v>1500</v>
      </c>
      <c r="BN157" s="1044" t="s">
        <v>1584</v>
      </c>
      <c r="BO157" s="1130">
        <v>42791.67</v>
      </c>
      <c r="BP157" s="992"/>
      <c r="BQ157" s="1131" t="e">
        <f t="shared" si="63"/>
        <v>#VALUE!</v>
      </c>
      <c r="BR157" s="1131" t="e">
        <f t="shared" si="64"/>
        <v>#VALUE!</v>
      </c>
      <c r="BS157" s="1131" t="e">
        <f t="shared" si="65"/>
        <v>#VALUE!</v>
      </c>
      <c r="BT157" s="1131" t="e">
        <f t="shared" si="66"/>
        <v>#VALUE!</v>
      </c>
      <c r="BU157" s="1131" t="e">
        <f t="shared" si="67"/>
        <v>#VALUE!</v>
      </c>
      <c r="BV157" s="1131" t="e">
        <f t="shared" si="68"/>
        <v>#VALUE!</v>
      </c>
      <c r="BW157" s="1131" t="e">
        <f t="shared" si="69"/>
        <v>#VALUE!</v>
      </c>
      <c r="BX157" s="1131" t="e">
        <f t="shared" si="70"/>
        <v>#VALUE!</v>
      </c>
      <c r="BY157" s="1131" t="e">
        <f t="shared" si="71"/>
        <v>#VALUE!</v>
      </c>
      <c r="BZ157" s="1131" t="e">
        <f t="shared" si="72"/>
        <v>#VALUE!</v>
      </c>
      <c r="CA157" s="1131" t="e">
        <f t="shared" si="73"/>
        <v>#VALUE!</v>
      </c>
      <c r="CB157" s="1131" t="e">
        <f t="shared" si="74"/>
        <v>#VALUE!</v>
      </c>
      <c r="CC157" s="1131" t="e">
        <f t="shared" si="75"/>
        <v>#VALUE!</v>
      </c>
      <c r="CD157" s="1131" t="e">
        <f t="shared" si="76"/>
        <v>#VALUE!</v>
      </c>
      <c r="CE157" s="1131" t="e">
        <f t="shared" si="77"/>
        <v>#VALUE!</v>
      </c>
      <c r="CF157" s="1131" t="e">
        <f t="shared" si="78"/>
        <v>#VALUE!</v>
      </c>
      <c r="CG157" s="1131" t="e">
        <f t="shared" si="79"/>
        <v>#VALUE!</v>
      </c>
      <c r="CH157" s="1131" t="e">
        <f t="shared" si="80"/>
        <v>#VALUE!</v>
      </c>
      <c r="CI157" s="1131" t="e">
        <f t="shared" si="81"/>
        <v>#VALUE!</v>
      </c>
      <c r="CJ157" s="1131" t="e">
        <f t="shared" si="82"/>
        <v>#VALUE!</v>
      </c>
      <c r="CK157" s="1132" t="str">
        <f t="shared" si="83"/>
        <v>n/a</v>
      </c>
    </row>
    <row r="158" spans="1:89" ht="57" x14ac:dyDescent="0.2">
      <c r="A158" s="992"/>
      <c r="B158" s="1126"/>
      <c r="C158" s="1126"/>
      <c r="D158" s="1126"/>
      <c r="E158" s="1126"/>
      <c r="F158" s="1026" t="s">
        <v>1956</v>
      </c>
      <c r="G158" s="1026" t="s">
        <v>1173</v>
      </c>
      <c r="H158" s="1026" t="s">
        <v>1174</v>
      </c>
      <c r="I158" s="1026" t="s">
        <v>1935</v>
      </c>
      <c r="J158" s="1026">
        <v>51.762233819999999</v>
      </c>
      <c r="K158" s="1026">
        <v>-0.47399197100000001</v>
      </c>
      <c r="L158" s="1026" t="s">
        <v>1488</v>
      </c>
      <c r="M158" s="1026" t="s">
        <v>1489</v>
      </c>
      <c r="N158" s="1026">
        <v>1</v>
      </c>
      <c r="O158" s="1026" t="s">
        <v>932</v>
      </c>
      <c r="P158" s="1026" t="s">
        <v>1490</v>
      </c>
      <c r="Q158" s="1026" t="s">
        <v>1491</v>
      </c>
      <c r="R158" s="1026" t="s">
        <v>1492</v>
      </c>
      <c r="S158" s="1026" t="s">
        <v>1493</v>
      </c>
      <c r="T158" s="1026" t="s">
        <v>1955</v>
      </c>
      <c r="U158" s="1016" t="str">
        <f>_xlfn.XLOOKUP(F158, [4]GIS!D:D, [4]GIS!E:E, "Not mapped")</f>
        <v>Multiple - Scenario 1</v>
      </c>
      <c r="V158" s="1026" t="s">
        <v>1707</v>
      </c>
      <c r="W158" s="1018" t="s">
        <v>1496</v>
      </c>
      <c r="X158" s="1019" t="s">
        <v>1497</v>
      </c>
      <c r="Y158" s="1020" t="s">
        <v>1498</v>
      </c>
      <c r="Z158" s="1020" t="s">
        <v>1498</v>
      </c>
      <c r="AA158" s="1020" t="s">
        <v>1498</v>
      </c>
      <c r="AB158" s="1020" t="s">
        <v>1498</v>
      </c>
      <c r="AC158" s="1020" t="s">
        <v>1498</v>
      </c>
      <c r="AD158" s="1020" t="s">
        <v>1498</v>
      </c>
      <c r="AE158" s="1020" t="s">
        <v>1498</v>
      </c>
      <c r="AF158" s="1020" t="s">
        <v>1498</v>
      </c>
      <c r="AG158" s="1020" t="s">
        <v>1498</v>
      </c>
      <c r="AH158" s="1020" t="s">
        <v>1498</v>
      </c>
      <c r="AI158" s="1020" t="s">
        <v>1498</v>
      </c>
      <c r="AJ158" s="1020" t="s">
        <v>1498</v>
      </c>
      <c r="AK158" s="1020" t="str">
        <f>IF(AJ158="n/a","n/a",ROUND((AJ158*[4]TripRateCalculations!$V$6),0))</f>
        <v>n/a</v>
      </c>
      <c r="AL158" s="1020" t="s">
        <v>1498</v>
      </c>
      <c r="AM158" s="1020" t="s">
        <v>1498</v>
      </c>
      <c r="AN158" s="1020" t="str">
        <f>IF(AT158="n/a","n/a",ROUND((AT158*[4]TripRateCalculations!N$4),0))</f>
        <v>n/a</v>
      </c>
      <c r="AO158" s="1020" t="str">
        <f>IF(AU158="n/a","n/a",ROUND((AU158*[4]TripRateCalculations!O$4),0))</f>
        <v>n/a</v>
      </c>
      <c r="AP158" s="1020" t="str">
        <f>IF(AV158="n/a","n/a",ROUND((AV158*[4]TripRateCalculations!P$4),0))</f>
        <v>n/a</v>
      </c>
      <c r="AQ158" s="1020" t="s">
        <v>1498</v>
      </c>
      <c r="AR158" s="1020" t="str">
        <f>IF(AX158="n/a","n/a",ROUND((AX158*[4]TripRateCalculations!R$4),0))</f>
        <v>n/a</v>
      </c>
      <c r="AS158" s="1020" t="str">
        <f>IF(AY158="n/a","n/a",ROUND((AY158*[4]TripRateCalculations!S$4),0))</f>
        <v>n/a</v>
      </c>
      <c r="AT158" s="1020" t="s">
        <v>1498</v>
      </c>
      <c r="AU158" s="1020" t="s">
        <v>1498</v>
      </c>
      <c r="AV158" s="1020" t="s">
        <v>1498</v>
      </c>
      <c r="AW158" s="1020" t="s">
        <v>1498</v>
      </c>
      <c r="AX158" s="1020" t="s">
        <v>1498</v>
      </c>
      <c r="AY158" s="1020" t="s">
        <v>1498</v>
      </c>
      <c r="AZ158" s="1020" t="s">
        <v>1498</v>
      </c>
      <c r="BA158" s="1100" t="s">
        <v>1498</v>
      </c>
      <c r="BB158" s="1100" t="s">
        <v>1498</v>
      </c>
      <c r="BC158" s="1100" t="s">
        <v>1498</v>
      </c>
      <c r="BD158" s="1100" t="s">
        <v>1498</v>
      </c>
      <c r="BE158" s="1100" t="s">
        <v>1498</v>
      </c>
      <c r="BF158" s="1100" t="s">
        <v>1498</v>
      </c>
      <c r="BG158" s="1100" t="s">
        <v>1498</v>
      </c>
      <c r="BH158" s="1027" t="s">
        <v>1953</v>
      </c>
      <c r="BI158" s="1026" t="s">
        <v>722</v>
      </c>
      <c r="BJ158" s="1026" t="s">
        <v>53</v>
      </c>
      <c r="BK158" s="1042">
        <f>ROUND((VLOOKUP(F158,'[4]Cost Summary'!A:H,8,)),0.1)</f>
        <v>2848</v>
      </c>
      <c r="BL158" s="1026">
        <v>0</v>
      </c>
      <c r="BM158" s="1078" t="s">
        <v>1500</v>
      </c>
      <c r="BN158" s="1044" t="s">
        <v>1584</v>
      </c>
      <c r="BO158" s="1130">
        <v>1850.06</v>
      </c>
      <c r="BP158" s="992"/>
      <c r="BQ158" s="1131" t="e">
        <f t="shared" si="63"/>
        <v>#VALUE!</v>
      </c>
      <c r="BR158" s="1131" t="e">
        <f t="shared" si="64"/>
        <v>#VALUE!</v>
      </c>
      <c r="BS158" s="1131" t="e">
        <f t="shared" si="65"/>
        <v>#VALUE!</v>
      </c>
      <c r="BT158" s="1131" t="e">
        <f t="shared" si="66"/>
        <v>#VALUE!</v>
      </c>
      <c r="BU158" s="1131" t="e">
        <f t="shared" si="67"/>
        <v>#VALUE!</v>
      </c>
      <c r="BV158" s="1131" t="e">
        <f t="shared" si="68"/>
        <v>#VALUE!</v>
      </c>
      <c r="BW158" s="1131" t="e">
        <f t="shared" si="69"/>
        <v>#VALUE!</v>
      </c>
      <c r="BX158" s="1131" t="e">
        <f t="shared" si="70"/>
        <v>#VALUE!</v>
      </c>
      <c r="BY158" s="1131" t="e">
        <f t="shared" si="71"/>
        <v>#VALUE!</v>
      </c>
      <c r="BZ158" s="1131" t="e">
        <f t="shared" si="72"/>
        <v>#VALUE!</v>
      </c>
      <c r="CA158" s="1131" t="e">
        <f t="shared" si="73"/>
        <v>#VALUE!</v>
      </c>
      <c r="CB158" s="1131" t="e">
        <f t="shared" si="74"/>
        <v>#VALUE!</v>
      </c>
      <c r="CC158" s="1131" t="e">
        <f t="shared" si="75"/>
        <v>#VALUE!</v>
      </c>
      <c r="CD158" s="1131" t="e">
        <f t="shared" si="76"/>
        <v>#VALUE!</v>
      </c>
      <c r="CE158" s="1131" t="e">
        <f t="shared" si="77"/>
        <v>#VALUE!</v>
      </c>
      <c r="CF158" s="1131" t="e">
        <f t="shared" si="78"/>
        <v>#VALUE!</v>
      </c>
      <c r="CG158" s="1131" t="e">
        <f t="shared" si="79"/>
        <v>#VALUE!</v>
      </c>
      <c r="CH158" s="1131" t="e">
        <f t="shared" si="80"/>
        <v>#VALUE!</v>
      </c>
      <c r="CI158" s="1131" t="e">
        <f t="shared" si="81"/>
        <v>#VALUE!</v>
      </c>
      <c r="CJ158" s="1131" t="e">
        <f t="shared" si="82"/>
        <v>#VALUE!</v>
      </c>
      <c r="CK158" s="1132" t="str">
        <f t="shared" si="83"/>
        <v>n/a</v>
      </c>
    </row>
    <row r="159" spans="1:89" ht="42.75" x14ac:dyDescent="0.2">
      <c r="A159" s="992"/>
      <c r="B159" s="1126"/>
      <c r="C159" s="1126"/>
      <c r="D159" s="1126"/>
      <c r="E159" s="1126"/>
      <c r="F159" s="1026" t="s">
        <v>1957</v>
      </c>
      <c r="G159" s="1026" t="s">
        <v>1175</v>
      </c>
      <c r="H159" s="1026" t="s">
        <v>1176</v>
      </c>
      <c r="I159" s="1026" t="s">
        <v>1935</v>
      </c>
      <c r="J159" s="1026">
        <v>51.762233819999999</v>
      </c>
      <c r="K159" s="1026">
        <v>-0.47399197100000001</v>
      </c>
      <c r="L159" s="1026" t="s">
        <v>1488</v>
      </c>
      <c r="M159" s="1026" t="s">
        <v>1489</v>
      </c>
      <c r="N159" s="1026">
        <v>1</v>
      </c>
      <c r="O159" s="1026" t="s">
        <v>932</v>
      </c>
      <c r="P159" s="1026" t="s">
        <v>1490</v>
      </c>
      <c r="Q159" s="1026" t="s">
        <v>1491</v>
      </c>
      <c r="R159" s="1026" t="s">
        <v>1492</v>
      </c>
      <c r="S159" s="1026" t="s">
        <v>1493</v>
      </c>
      <c r="T159" s="1026" t="s">
        <v>1955</v>
      </c>
      <c r="U159" s="1016" t="str">
        <f>_xlfn.XLOOKUP(F159, [4]GIS!D:D, [4]GIS!E:E, "Not mapped")</f>
        <v>Multiple - Scenario 1</v>
      </c>
      <c r="V159" s="1026" t="s">
        <v>1707</v>
      </c>
      <c r="W159" s="1018" t="s">
        <v>1496</v>
      </c>
      <c r="X159" s="1019" t="s">
        <v>1497</v>
      </c>
      <c r="Y159" s="1020" t="s">
        <v>1498</v>
      </c>
      <c r="Z159" s="1020" t="s">
        <v>1498</v>
      </c>
      <c r="AA159" s="1020" t="s">
        <v>1498</v>
      </c>
      <c r="AB159" s="1020" t="s">
        <v>1498</v>
      </c>
      <c r="AC159" s="1020" t="s">
        <v>1498</v>
      </c>
      <c r="AD159" s="1020" t="s">
        <v>1498</v>
      </c>
      <c r="AE159" s="1020" t="s">
        <v>1498</v>
      </c>
      <c r="AF159" s="1020" t="s">
        <v>1498</v>
      </c>
      <c r="AG159" s="1020" t="s">
        <v>1498</v>
      </c>
      <c r="AH159" s="1020" t="s">
        <v>1498</v>
      </c>
      <c r="AI159" s="1020" t="s">
        <v>1498</v>
      </c>
      <c r="AJ159" s="1020" t="s">
        <v>1498</v>
      </c>
      <c r="AK159" s="1020" t="str">
        <f>IF(AJ159="n/a","n/a",ROUND((AJ159*[4]TripRateCalculations!$V$6),0))</f>
        <v>n/a</v>
      </c>
      <c r="AL159" s="1020" t="s">
        <v>1498</v>
      </c>
      <c r="AM159" s="1020" t="s">
        <v>1498</v>
      </c>
      <c r="AN159" s="1020" t="str">
        <f>IF(AT159="n/a","n/a",ROUND((AT159*[4]TripRateCalculations!N$4),0))</f>
        <v>n/a</v>
      </c>
      <c r="AO159" s="1020" t="str">
        <f>IF(AU159="n/a","n/a",ROUND((AU159*[4]TripRateCalculations!O$4),0))</f>
        <v>n/a</v>
      </c>
      <c r="AP159" s="1020" t="str">
        <f>IF(AV159="n/a","n/a",ROUND((AV159*[4]TripRateCalculations!P$4),0))</f>
        <v>n/a</v>
      </c>
      <c r="AQ159" s="1020" t="s">
        <v>1498</v>
      </c>
      <c r="AR159" s="1020" t="str">
        <f>IF(AX159="n/a","n/a",ROUND((AX159*[4]TripRateCalculations!R$4),0))</f>
        <v>n/a</v>
      </c>
      <c r="AS159" s="1020" t="str">
        <f>IF(AY159="n/a","n/a",ROUND((AY159*[4]TripRateCalculations!S$4),0))</f>
        <v>n/a</v>
      </c>
      <c r="AT159" s="1020" t="s">
        <v>1498</v>
      </c>
      <c r="AU159" s="1020" t="s">
        <v>1498</v>
      </c>
      <c r="AV159" s="1020" t="s">
        <v>1498</v>
      </c>
      <c r="AW159" s="1020" t="s">
        <v>1498</v>
      </c>
      <c r="AX159" s="1020" t="s">
        <v>1498</v>
      </c>
      <c r="AY159" s="1020" t="s">
        <v>1498</v>
      </c>
      <c r="AZ159" s="1020" t="s">
        <v>1498</v>
      </c>
      <c r="BA159" s="1100" t="s">
        <v>1498</v>
      </c>
      <c r="BB159" s="1100" t="s">
        <v>1498</v>
      </c>
      <c r="BC159" s="1100" t="s">
        <v>1498</v>
      </c>
      <c r="BD159" s="1100" t="s">
        <v>1498</v>
      </c>
      <c r="BE159" s="1100" t="s">
        <v>1498</v>
      </c>
      <c r="BF159" s="1100" t="s">
        <v>1498</v>
      </c>
      <c r="BG159" s="1100" t="s">
        <v>1498</v>
      </c>
      <c r="BH159" s="1027" t="s">
        <v>1953</v>
      </c>
      <c r="BI159" s="1026" t="s">
        <v>722</v>
      </c>
      <c r="BJ159" s="1026" t="s">
        <v>53</v>
      </c>
      <c r="BK159" s="1042">
        <f>ROUND((VLOOKUP(F159,'[4]Cost Summary'!A:H,8,)),0.1)</f>
        <v>3480</v>
      </c>
      <c r="BL159" s="1026">
        <v>0</v>
      </c>
      <c r="BM159" s="1078" t="s">
        <v>1500</v>
      </c>
      <c r="BN159" s="1044" t="s">
        <v>1584</v>
      </c>
      <c r="BO159" s="1130">
        <v>2261.19</v>
      </c>
      <c r="BP159" s="992"/>
      <c r="BQ159" s="1131" t="e">
        <f t="shared" si="63"/>
        <v>#VALUE!</v>
      </c>
      <c r="BR159" s="1131" t="e">
        <f t="shared" si="64"/>
        <v>#VALUE!</v>
      </c>
      <c r="BS159" s="1131" t="e">
        <f t="shared" si="65"/>
        <v>#VALUE!</v>
      </c>
      <c r="BT159" s="1131" t="e">
        <f t="shared" si="66"/>
        <v>#VALUE!</v>
      </c>
      <c r="BU159" s="1131" t="e">
        <f t="shared" si="67"/>
        <v>#VALUE!</v>
      </c>
      <c r="BV159" s="1131" t="e">
        <f t="shared" si="68"/>
        <v>#VALUE!</v>
      </c>
      <c r="BW159" s="1131" t="e">
        <f t="shared" si="69"/>
        <v>#VALUE!</v>
      </c>
      <c r="BX159" s="1131" t="e">
        <f t="shared" si="70"/>
        <v>#VALUE!</v>
      </c>
      <c r="BY159" s="1131" t="e">
        <f t="shared" si="71"/>
        <v>#VALUE!</v>
      </c>
      <c r="BZ159" s="1131" t="e">
        <f t="shared" si="72"/>
        <v>#VALUE!</v>
      </c>
      <c r="CA159" s="1131" t="e">
        <f t="shared" si="73"/>
        <v>#VALUE!</v>
      </c>
      <c r="CB159" s="1131" t="e">
        <f t="shared" si="74"/>
        <v>#VALUE!</v>
      </c>
      <c r="CC159" s="1131" t="e">
        <f t="shared" si="75"/>
        <v>#VALUE!</v>
      </c>
      <c r="CD159" s="1131" t="e">
        <f t="shared" si="76"/>
        <v>#VALUE!</v>
      </c>
      <c r="CE159" s="1131" t="e">
        <f t="shared" si="77"/>
        <v>#VALUE!</v>
      </c>
      <c r="CF159" s="1131" t="e">
        <f t="shared" si="78"/>
        <v>#VALUE!</v>
      </c>
      <c r="CG159" s="1131" t="e">
        <f t="shared" si="79"/>
        <v>#VALUE!</v>
      </c>
      <c r="CH159" s="1131" t="e">
        <f t="shared" si="80"/>
        <v>#VALUE!</v>
      </c>
      <c r="CI159" s="1131" t="e">
        <f t="shared" si="81"/>
        <v>#VALUE!</v>
      </c>
      <c r="CJ159" s="1131" t="e">
        <f t="shared" si="82"/>
        <v>#VALUE!</v>
      </c>
      <c r="CK159" s="1132" t="str">
        <f t="shared" si="83"/>
        <v>n/a</v>
      </c>
    </row>
    <row r="160" spans="1:89" ht="128.25" x14ac:dyDescent="0.2">
      <c r="A160" s="992"/>
      <c r="B160" s="1126"/>
      <c r="C160" s="1126"/>
      <c r="D160" s="1126"/>
      <c r="E160" s="1126"/>
      <c r="F160" s="1026" t="s">
        <v>1958</v>
      </c>
      <c r="G160" s="1026" t="s">
        <v>1177</v>
      </c>
      <c r="H160" s="1026" t="s">
        <v>1178</v>
      </c>
      <c r="I160" s="1026" t="s">
        <v>1959</v>
      </c>
      <c r="J160" s="1026" t="s">
        <v>1960</v>
      </c>
      <c r="K160" s="1026" t="s">
        <v>1961</v>
      </c>
      <c r="L160" s="1026" t="s">
        <v>1488</v>
      </c>
      <c r="M160" s="1026" t="s">
        <v>1489</v>
      </c>
      <c r="N160" s="1026">
        <v>1</v>
      </c>
      <c r="O160" s="1026" t="s">
        <v>900</v>
      </c>
      <c r="P160" s="1026" t="s">
        <v>1490</v>
      </c>
      <c r="Q160" s="1026" t="s">
        <v>1491</v>
      </c>
      <c r="R160" s="1026" t="s">
        <v>1492</v>
      </c>
      <c r="S160" s="1026" t="s">
        <v>1493</v>
      </c>
      <c r="T160" s="1026" t="s">
        <v>1962</v>
      </c>
      <c r="U160" s="1016" t="str">
        <f>_xlfn.XLOOKUP(F160, [4]GIS!D:D, [4]GIS!E:E, "Not mapped")</f>
        <v>Multiple - Scenario 1</v>
      </c>
      <c r="V160" s="1026" t="s">
        <v>1707</v>
      </c>
      <c r="W160" s="1018" t="s">
        <v>1496</v>
      </c>
      <c r="X160" s="1019" t="s">
        <v>1497</v>
      </c>
      <c r="Y160" s="1020" t="s">
        <v>1498</v>
      </c>
      <c r="Z160" s="1020" t="s">
        <v>1498</v>
      </c>
      <c r="AA160" s="1020" t="s">
        <v>1498</v>
      </c>
      <c r="AB160" s="1020" t="s">
        <v>1498</v>
      </c>
      <c r="AC160" s="1020" t="s">
        <v>1498</v>
      </c>
      <c r="AD160" s="1020" t="s">
        <v>1498</v>
      </c>
      <c r="AE160" s="1020" t="s">
        <v>1498</v>
      </c>
      <c r="AF160" s="1020" t="s">
        <v>1498</v>
      </c>
      <c r="AG160" s="1020" t="s">
        <v>1498</v>
      </c>
      <c r="AH160" s="1020" t="s">
        <v>1498</v>
      </c>
      <c r="AI160" s="1020" t="s">
        <v>1498</v>
      </c>
      <c r="AJ160" s="1020" t="s">
        <v>1498</v>
      </c>
      <c r="AK160" s="1020" t="str">
        <f>IF(AJ160="n/a","n/a",ROUND((AJ160*[4]TripRateCalculations!$V$6),0))</f>
        <v>n/a</v>
      </c>
      <c r="AL160" s="1020" t="s">
        <v>1498</v>
      </c>
      <c r="AM160" s="1020" t="s">
        <v>1498</v>
      </c>
      <c r="AN160" s="1020" t="str">
        <f>IF(AT160="n/a","n/a",ROUND((AT160*[4]TripRateCalculations!N$4),0))</f>
        <v>n/a</v>
      </c>
      <c r="AO160" s="1020" t="str">
        <f>IF(AU160="n/a","n/a",ROUND((AU160*[4]TripRateCalculations!O$4),0))</f>
        <v>n/a</v>
      </c>
      <c r="AP160" s="1020" t="str">
        <f>IF(AV160="n/a","n/a",ROUND((AV160*[4]TripRateCalculations!P$4),0))</f>
        <v>n/a</v>
      </c>
      <c r="AQ160" s="1020" t="s">
        <v>1498</v>
      </c>
      <c r="AR160" s="1020" t="str">
        <f>IF(AX160="n/a","n/a",ROUND((AX160*[4]TripRateCalculations!R$4),0))</f>
        <v>n/a</v>
      </c>
      <c r="AS160" s="1020" t="str">
        <f>IF(AY160="n/a","n/a",ROUND((AY160*[4]TripRateCalculations!S$4),0))</f>
        <v>n/a</v>
      </c>
      <c r="AT160" s="1020" t="s">
        <v>1498</v>
      </c>
      <c r="AU160" s="1020" t="s">
        <v>1498</v>
      </c>
      <c r="AV160" s="1020" t="s">
        <v>1498</v>
      </c>
      <c r="AW160" s="1020" t="s">
        <v>1498</v>
      </c>
      <c r="AX160" s="1020" t="s">
        <v>1498</v>
      </c>
      <c r="AY160" s="1020" t="s">
        <v>1498</v>
      </c>
      <c r="AZ160" s="1020" t="s">
        <v>1498</v>
      </c>
      <c r="BA160" s="1100" t="s">
        <v>1498</v>
      </c>
      <c r="BB160" s="1100" t="s">
        <v>1498</v>
      </c>
      <c r="BC160" s="1100" t="s">
        <v>1498</v>
      </c>
      <c r="BD160" s="1100" t="s">
        <v>1498</v>
      </c>
      <c r="BE160" s="1100" t="s">
        <v>1498</v>
      </c>
      <c r="BF160" s="1100" t="s">
        <v>1498</v>
      </c>
      <c r="BG160" s="1100" t="s">
        <v>1498</v>
      </c>
      <c r="BH160" s="1027" t="s">
        <v>1953</v>
      </c>
      <c r="BI160" s="1026" t="s">
        <v>722</v>
      </c>
      <c r="BJ160" s="1026" t="s">
        <v>53</v>
      </c>
      <c r="BK160" s="1042">
        <f>ROUND((VLOOKUP(F160,'[4]Cost Summary'!A:H,8,)),0.1)</f>
        <v>130360</v>
      </c>
      <c r="BL160" s="1026">
        <v>1</v>
      </c>
      <c r="BM160" s="1078">
        <v>2</v>
      </c>
      <c r="BN160" s="1044" t="s">
        <v>1584</v>
      </c>
      <c r="BO160" s="1130">
        <v>84691.75</v>
      </c>
      <c r="BP160" s="992"/>
      <c r="BQ160" s="1131" t="e">
        <f t="shared" si="63"/>
        <v>#VALUE!</v>
      </c>
      <c r="BR160" s="1131" t="e">
        <f t="shared" si="64"/>
        <v>#VALUE!</v>
      </c>
      <c r="BS160" s="1131" t="e">
        <f t="shared" si="65"/>
        <v>#VALUE!</v>
      </c>
      <c r="BT160" s="1131" t="e">
        <f t="shared" si="66"/>
        <v>#VALUE!</v>
      </c>
      <c r="BU160" s="1131" t="e">
        <f t="shared" si="67"/>
        <v>#VALUE!</v>
      </c>
      <c r="BV160" s="1131" t="e">
        <f t="shared" si="68"/>
        <v>#VALUE!</v>
      </c>
      <c r="BW160" s="1131" t="e">
        <f t="shared" si="69"/>
        <v>#VALUE!</v>
      </c>
      <c r="BX160" s="1131" t="e">
        <f t="shared" si="70"/>
        <v>#VALUE!</v>
      </c>
      <c r="BY160" s="1131" t="e">
        <f t="shared" si="71"/>
        <v>#VALUE!</v>
      </c>
      <c r="BZ160" s="1131" t="e">
        <f t="shared" si="72"/>
        <v>#VALUE!</v>
      </c>
      <c r="CA160" s="1131" t="e">
        <f t="shared" si="73"/>
        <v>#VALUE!</v>
      </c>
      <c r="CB160" s="1131" t="e">
        <f t="shared" si="74"/>
        <v>#VALUE!</v>
      </c>
      <c r="CC160" s="1131" t="e">
        <f t="shared" si="75"/>
        <v>#VALUE!</v>
      </c>
      <c r="CD160" s="1131" t="e">
        <f t="shared" si="76"/>
        <v>#VALUE!</v>
      </c>
      <c r="CE160" s="1131" t="e">
        <f t="shared" si="77"/>
        <v>#VALUE!</v>
      </c>
      <c r="CF160" s="1131" t="e">
        <f t="shared" si="78"/>
        <v>#VALUE!</v>
      </c>
      <c r="CG160" s="1131" t="e">
        <f t="shared" si="79"/>
        <v>#VALUE!</v>
      </c>
      <c r="CH160" s="1131" t="e">
        <f t="shared" si="80"/>
        <v>#VALUE!</v>
      </c>
      <c r="CI160" s="1131" t="e">
        <f t="shared" si="81"/>
        <v>#VALUE!</v>
      </c>
      <c r="CJ160" s="1131" t="e">
        <f t="shared" si="82"/>
        <v>#VALUE!</v>
      </c>
      <c r="CK160" s="1132" t="str">
        <f t="shared" si="83"/>
        <v>n/a</v>
      </c>
    </row>
    <row r="161" spans="1:89" ht="42.75" x14ac:dyDescent="0.2">
      <c r="A161" s="992"/>
      <c r="B161" s="1126"/>
      <c r="C161" s="1126"/>
      <c r="D161" s="1126"/>
      <c r="E161" s="1126"/>
      <c r="F161" s="1026" t="s">
        <v>1963</v>
      </c>
      <c r="G161" s="1026" t="s">
        <v>1201</v>
      </c>
      <c r="H161" s="1026" t="s">
        <v>1202</v>
      </c>
      <c r="I161" s="1026" t="s">
        <v>1964</v>
      </c>
      <c r="J161" s="1026" t="s">
        <v>1965</v>
      </c>
      <c r="K161" s="1026" t="s">
        <v>1966</v>
      </c>
      <c r="L161" s="1026" t="s">
        <v>1522</v>
      </c>
      <c r="M161" s="1026" t="s">
        <v>1489</v>
      </c>
      <c r="N161" s="1026">
        <v>1</v>
      </c>
      <c r="O161" s="1026" t="s">
        <v>932</v>
      </c>
      <c r="P161" s="1026" t="s">
        <v>1490</v>
      </c>
      <c r="Q161" s="1026" t="s">
        <v>1491</v>
      </c>
      <c r="R161" s="1026" t="s">
        <v>1492</v>
      </c>
      <c r="S161" s="1026" t="s">
        <v>1493</v>
      </c>
      <c r="T161" s="1026" t="s">
        <v>1888</v>
      </c>
      <c r="U161" s="1016" t="str">
        <f>_xlfn.XLOOKUP(F161, [4]GIS!D:D, [4]GIS!E:E, "Not mapped")</f>
        <v>Multiple - Scenario 1</v>
      </c>
      <c r="V161" s="1026" t="s">
        <v>1707</v>
      </c>
      <c r="W161" s="1032" t="s">
        <v>1525</v>
      </c>
      <c r="X161" s="1032" t="s">
        <v>1526</v>
      </c>
      <c r="Y161" s="1033">
        <v>18</v>
      </c>
      <c r="Z161" s="1033">
        <v>13</v>
      </c>
      <c r="AA161" s="1033">
        <v>72</v>
      </c>
      <c r="AB161" s="1033">
        <v>22</v>
      </c>
      <c r="AC161" s="1033">
        <v>3</v>
      </c>
      <c r="AD161" s="1034">
        <v>17</v>
      </c>
      <c r="AE161" s="1034">
        <v>17</v>
      </c>
      <c r="AF161" s="1034">
        <v>84</v>
      </c>
      <c r="AG161" s="1034">
        <v>13</v>
      </c>
      <c r="AH161" s="1034">
        <v>8</v>
      </c>
      <c r="AI161" s="1034">
        <v>47</v>
      </c>
      <c r="AJ161" s="1034">
        <v>68</v>
      </c>
      <c r="AK161" s="1034">
        <f>IF(AJ161="n/a","n/a",ROUND((AJ161*[4]TripRateCalculations!$V$6),0))</f>
        <v>151</v>
      </c>
      <c r="AL161" s="1034">
        <v>3</v>
      </c>
      <c r="AM161" s="1034">
        <v>44</v>
      </c>
      <c r="AN161" s="1034">
        <f>IF(AT161="n/a","n/a",ROUND((AT161*[4]TripRateCalculations!N$4),0))</f>
        <v>7</v>
      </c>
      <c r="AO161" s="1034">
        <f>IF(AU161="n/a","n/a",ROUND((AU161*[4]TripRateCalculations!O$4),0))</f>
        <v>9</v>
      </c>
      <c r="AP161" s="1034">
        <f>IF(AV161="n/a","n/a",ROUND((AV161*[4]TripRateCalculations!P$4),0))</f>
        <v>2</v>
      </c>
      <c r="AQ161" s="1034">
        <f>AW161*[4]TripRateCalculations!Q$4</f>
        <v>5.8581235697940501</v>
      </c>
      <c r="AR161" s="1034">
        <f>IF(AX161="n/a","n/a",ROUND((AX161*[4]TripRateCalculations!R$4),0))</f>
        <v>2</v>
      </c>
      <c r="AS161" s="1034">
        <f>IF(AY161="n/a","n/a",ROUND((AY161*[4]TripRateCalculations!S$4),0))</f>
        <v>1</v>
      </c>
      <c r="AT161" s="1034">
        <v>30</v>
      </c>
      <c r="AU161" s="1034">
        <v>118</v>
      </c>
      <c r="AV161" s="1034">
        <v>6</v>
      </c>
      <c r="AW161" s="1034">
        <v>40</v>
      </c>
      <c r="AX161" s="1034">
        <v>18</v>
      </c>
      <c r="AY161" s="1034">
        <v>40</v>
      </c>
      <c r="AZ161" s="1035">
        <v>40</v>
      </c>
      <c r="BA161" s="1035">
        <v>6</v>
      </c>
      <c r="BB161" s="1035">
        <v>5</v>
      </c>
      <c r="BC161" s="1035">
        <v>12</v>
      </c>
      <c r="BD161" s="1035">
        <v>32</v>
      </c>
      <c r="BE161" s="1035">
        <v>2</v>
      </c>
      <c r="BF161" s="1035">
        <v>65</v>
      </c>
      <c r="BG161" s="1035">
        <f>BF161*[4]TripRateCalculations!$Q$4</f>
        <v>9.5194508009153314</v>
      </c>
      <c r="BH161" s="1027" t="s">
        <v>1889</v>
      </c>
      <c r="BI161" s="1026" t="s">
        <v>722</v>
      </c>
      <c r="BJ161" s="1026" t="s">
        <v>53</v>
      </c>
      <c r="BK161" s="1042">
        <f>ROUND((VLOOKUP(F161,'[4]Cost Summary'!A:H,8,)),0.1)</f>
        <v>6961</v>
      </c>
      <c r="BL161" s="1026">
        <v>4</v>
      </c>
      <c r="BM161" s="1078" t="s">
        <v>1890</v>
      </c>
      <c r="BN161" s="1044" t="s">
        <v>1584</v>
      </c>
      <c r="BO161" s="1130">
        <v>4522.38</v>
      </c>
      <c r="BP161" s="992"/>
      <c r="BQ161" s="1131">
        <f t="shared" si="63"/>
        <v>2.2772733650011021E-2</v>
      </c>
      <c r="BR161" s="1131">
        <f t="shared" si="64"/>
        <v>0.12612590944621488</v>
      </c>
      <c r="BS161" s="1131">
        <f t="shared" si="65"/>
        <v>3.853847233078788E-2</v>
      </c>
      <c r="BT161" s="1131">
        <f t="shared" si="66"/>
        <v>5.2552462269256205E-3</v>
      </c>
      <c r="BU161" s="1131">
        <f t="shared" si="67"/>
        <v>2.9779728619245181E-2</v>
      </c>
      <c r="BV161" s="1131">
        <f t="shared" si="68"/>
        <v>2.9779728619245181E-2</v>
      </c>
      <c r="BW161" s="1131">
        <f t="shared" si="69"/>
        <v>0.14714689435391737</v>
      </c>
      <c r="BX161" s="1131">
        <f t="shared" si="70"/>
        <v>2.2772733650011021E-2</v>
      </c>
      <c r="BY161" s="1131">
        <f t="shared" si="71"/>
        <v>8.2332190888501383E-2</v>
      </c>
      <c r="BZ161" s="1131">
        <f t="shared" si="72"/>
        <v>0.26451406008858958</v>
      </c>
      <c r="CA161" s="1131">
        <f t="shared" si="73"/>
        <v>5.2552462269256205E-3</v>
      </c>
      <c r="CB161" s="1131">
        <f t="shared" si="74"/>
        <v>7.7076944661575761E-2</v>
      </c>
      <c r="CC161" s="1131">
        <f t="shared" si="75"/>
        <v>1.2262241196159781E-2</v>
      </c>
      <c r="CD161" s="1131">
        <f t="shared" si="76"/>
        <v>1.576573868077686E-2</v>
      </c>
      <c r="CE161" s="1131">
        <f t="shared" si="77"/>
        <v>3.5034974846170804E-3</v>
      </c>
      <c r="CF161" s="1131">
        <f t="shared" si="78"/>
        <v>3.5034974846170804E-3</v>
      </c>
      <c r="CG161" s="1131">
        <f t="shared" si="79"/>
        <v>1.7517487423085402E-3</v>
      </c>
      <c r="CH161" s="1131">
        <f t="shared" si="80"/>
        <v>7.0069949692341607E-2</v>
      </c>
      <c r="CI161" s="1131">
        <f t="shared" si="81"/>
        <v>3.153147736155372E-2</v>
      </c>
      <c r="CJ161" s="1131">
        <f t="shared" si="82"/>
        <v>1.0261960595674743E-2</v>
      </c>
      <c r="CK161" s="1132">
        <f t="shared" si="83"/>
        <v>1</v>
      </c>
    </row>
    <row r="162" spans="1:89" ht="99.75" x14ac:dyDescent="0.2">
      <c r="A162" s="992"/>
      <c r="B162" s="1126" t="s">
        <v>66</v>
      </c>
      <c r="C162" s="1126"/>
      <c r="D162" s="1126"/>
      <c r="E162" s="1126"/>
      <c r="F162" s="1026" t="s">
        <v>1967</v>
      </c>
      <c r="G162" s="1026" t="s">
        <v>1249</v>
      </c>
      <c r="H162" s="1026" t="s">
        <v>1968</v>
      </c>
      <c r="I162" s="1026" t="s">
        <v>1503</v>
      </c>
      <c r="J162" s="1026"/>
      <c r="K162" s="1026"/>
      <c r="L162" s="1026" t="s">
        <v>1522</v>
      </c>
      <c r="M162" s="1026" t="s">
        <v>1523</v>
      </c>
      <c r="N162" s="1026">
        <v>1</v>
      </c>
      <c r="O162" s="1026" t="s">
        <v>932</v>
      </c>
      <c r="P162" s="1026" t="s">
        <v>1490</v>
      </c>
      <c r="Q162" s="1026" t="s">
        <v>1491</v>
      </c>
      <c r="R162" s="1026" t="s">
        <v>1492</v>
      </c>
      <c r="S162" s="1026" t="s">
        <v>1493</v>
      </c>
      <c r="T162" s="1026" t="s">
        <v>1969</v>
      </c>
      <c r="U162" s="1016" t="str">
        <f>_xlfn.XLOOKUP(F162, [4]GIS!D:D, [4]GIS!E:E, "Not mapped")</f>
        <v>Multiple - Scenario 2</v>
      </c>
      <c r="V162" s="1017" t="s">
        <v>1495</v>
      </c>
      <c r="W162" s="1032" t="s">
        <v>1525</v>
      </c>
      <c r="X162" s="1032" t="s">
        <v>1526</v>
      </c>
      <c r="Y162" s="1033">
        <v>5</v>
      </c>
      <c r="Z162" s="1033">
        <v>2</v>
      </c>
      <c r="AA162" s="1033">
        <v>2</v>
      </c>
      <c r="AB162" s="1033">
        <v>13</v>
      </c>
      <c r="AC162" s="1033">
        <v>1</v>
      </c>
      <c r="AD162" s="1034">
        <v>1</v>
      </c>
      <c r="AE162" s="1034">
        <v>1</v>
      </c>
      <c r="AF162" s="1034">
        <v>3</v>
      </c>
      <c r="AG162" s="1034">
        <v>105</v>
      </c>
      <c r="AH162" s="1034">
        <v>8</v>
      </c>
      <c r="AI162" s="1034">
        <v>19</v>
      </c>
      <c r="AJ162" s="1034">
        <v>118</v>
      </c>
      <c r="AK162" s="1034">
        <f>IF(AJ162="n/a","n/a",ROUND((AJ162*[4]TripRateCalculations!$V$6),0))</f>
        <v>262</v>
      </c>
      <c r="AL162" s="1034">
        <v>21</v>
      </c>
      <c r="AM162" s="1034">
        <v>28</v>
      </c>
      <c r="AN162" s="1034">
        <f>IF(AT162="n/a","n/a",ROUND((AT162*[4]TripRateCalculations!N$4),0))</f>
        <v>13</v>
      </c>
      <c r="AO162" s="1034">
        <f>IF(AU162="n/a","n/a",ROUND((AU162*[4]TripRateCalculations!O$4),0))</f>
        <v>0</v>
      </c>
      <c r="AP162" s="1034">
        <f>IF(AV162="n/a","n/a",ROUND((AV162*[4]TripRateCalculations!P$4),0))</f>
        <v>21</v>
      </c>
      <c r="AQ162" s="1034">
        <f>AW162*[4]TripRateCalculations!Q$4</f>
        <v>17.574370709382151</v>
      </c>
      <c r="AR162" s="1034">
        <f>IF(AX162="n/a","n/a",ROUND((AX162*[4]TripRateCalculations!R$4),0))</f>
        <v>9</v>
      </c>
      <c r="AS162" s="1034">
        <f>IF(AY162="n/a","n/a",ROUND((AY162*[4]TripRateCalculations!S$4),0))</f>
        <v>1</v>
      </c>
      <c r="AT162" s="1034">
        <v>59</v>
      </c>
      <c r="AU162" s="1034">
        <v>4</v>
      </c>
      <c r="AV162" s="1034">
        <v>72</v>
      </c>
      <c r="AW162" s="1034">
        <v>120</v>
      </c>
      <c r="AX162" s="1034">
        <v>88</v>
      </c>
      <c r="AY162" s="1034">
        <v>21</v>
      </c>
      <c r="AZ162" s="1035">
        <v>54</v>
      </c>
      <c r="BA162" s="1035">
        <v>6</v>
      </c>
      <c r="BB162" s="1035">
        <v>35</v>
      </c>
      <c r="BC162" s="1035">
        <v>15</v>
      </c>
      <c r="BD162" s="1035">
        <v>114</v>
      </c>
      <c r="BE162" s="1035">
        <v>1</v>
      </c>
      <c r="BF162" s="1035">
        <v>242</v>
      </c>
      <c r="BG162" s="1035">
        <f>BF162*[4]TripRateCalculations!$Q$4</f>
        <v>35.441647597254004</v>
      </c>
      <c r="BH162" s="1027" t="s">
        <v>1642</v>
      </c>
      <c r="BI162" s="1026" t="s">
        <v>834</v>
      </c>
      <c r="BJ162" s="1026" t="s">
        <v>53</v>
      </c>
      <c r="BK162" s="1042">
        <f>ROUND((VLOOKUP(F162,'[4]Cost Summary'!A:H,8,)),0.1)</f>
        <v>1692649</v>
      </c>
      <c r="BL162" s="1026">
        <v>2</v>
      </c>
      <c r="BM162" s="1078">
        <v>1</v>
      </c>
      <c r="BN162" s="1044" t="s">
        <v>1584</v>
      </c>
      <c r="BO162" s="1130">
        <v>1099672.01</v>
      </c>
      <c r="BP162" s="992"/>
      <c r="BQ162" s="1131">
        <f t="shared" si="63"/>
        <v>3.4567725451575535E-3</v>
      </c>
      <c r="BR162" s="1131">
        <f t="shared" si="64"/>
        <v>3.4567725451575535E-3</v>
      </c>
      <c r="BS162" s="1131">
        <f t="shared" si="65"/>
        <v>2.2469021543524096E-2</v>
      </c>
      <c r="BT162" s="1131">
        <f t="shared" si="66"/>
        <v>1.7283862725787768E-3</v>
      </c>
      <c r="BU162" s="1131">
        <f t="shared" si="67"/>
        <v>1.7283862725787768E-3</v>
      </c>
      <c r="BV162" s="1131">
        <f t="shared" si="68"/>
        <v>1.7283862725787768E-3</v>
      </c>
      <c r="BW162" s="1131">
        <f t="shared" si="69"/>
        <v>5.1851588177363305E-3</v>
      </c>
      <c r="BX162" s="1131">
        <f t="shared" si="70"/>
        <v>0.18148055862077156</v>
      </c>
      <c r="BY162" s="1131">
        <f t="shared" si="71"/>
        <v>3.2839339178996757E-2</v>
      </c>
      <c r="BZ162" s="1131">
        <f t="shared" si="72"/>
        <v>0.45283720341563949</v>
      </c>
      <c r="CA162" s="1131">
        <f t="shared" si="73"/>
        <v>3.6296111724154312E-2</v>
      </c>
      <c r="CB162" s="1131">
        <f t="shared" si="74"/>
        <v>4.8394815632205747E-2</v>
      </c>
      <c r="CC162" s="1131">
        <f t="shared" si="75"/>
        <v>2.2469021543524096E-2</v>
      </c>
      <c r="CD162" s="1131">
        <f t="shared" si="76"/>
        <v>0</v>
      </c>
      <c r="CE162" s="1131">
        <f t="shared" si="77"/>
        <v>3.6296111724154312E-2</v>
      </c>
      <c r="CF162" s="1131">
        <f t="shared" si="78"/>
        <v>1.555547645320899E-2</v>
      </c>
      <c r="CG162" s="1131">
        <f t="shared" si="79"/>
        <v>1.7283862725787768E-3</v>
      </c>
      <c r="CH162" s="1131">
        <f t="shared" si="80"/>
        <v>9.3332858719253939E-2</v>
      </c>
      <c r="CI162" s="1131">
        <f t="shared" si="81"/>
        <v>8.6419313628938836E-3</v>
      </c>
      <c r="CJ162" s="1131">
        <f t="shared" si="82"/>
        <v>3.037530108330665E-2</v>
      </c>
      <c r="CK162" s="1132">
        <f t="shared" si="83"/>
        <v>1.0000000000000002</v>
      </c>
    </row>
    <row r="163" spans="1:89" ht="75" x14ac:dyDescent="0.2">
      <c r="A163" s="992"/>
      <c r="B163" s="1126" t="s">
        <v>66</v>
      </c>
      <c r="C163" s="1126"/>
      <c r="D163" s="1126"/>
      <c r="E163" s="1126"/>
      <c r="F163" s="1026" t="s">
        <v>1970</v>
      </c>
      <c r="G163" s="1026" t="s">
        <v>1251</v>
      </c>
      <c r="H163" s="1026" t="s">
        <v>1252</v>
      </c>
      <c r="I163" s="1026" t="s">
        <v>1819</v>
      </c>
      <c r="J163" s="1026" t="s">
        <v>1971</v>
      </c>
      <c r="K163" s="1026" t="s">
        <v>1972</v>
      </c>
      <c r="L163" s="1026" t="s">
        <v>1522</v>
      </c>
      <c r="M163" s="1026" t="s">
        <v>1489</v>
      </c>
      <c r="N163" s="1026">
        <v>1</v>
      </c>
      <c r="O163" s="1026" t="s">
        <v>932</v>
      </c>
      <c r="P163" s="1026" t="s">
        <v>1490</v>
      </c>
      <c r="Q163" s="1026" t="s">
        <v>1491</v>
      </c>
      <c r="R163" s="1026" t="s">
        <v>1492</v>
      </c>
      <c r="S163" s="1026" t="s">
        <v>1493</v>
      </c>
      <c r="T163" s="1026" t="s">
        <v>1969</v>
      </c>
      <c r="U163" s="1016" t="str">
        <f>_xlfn.XLOOKUP(F163, [4]GIS!D:D, [4]GIS!E:E, "Not mapped")</f>
        <v>Multiple - Scenario 1</v>
      </c>
      <c r="V163" s="1017" t="s">
        <v>1495</v>
      </c>
      <c r="W163" s="1032" t="s">
        <v>1525</v>
      </c>
      <c r="X163" s="1032" t="s">
        <v>1526</v>
      </c>
      <c r="Y163" s="1033">
        <v>0</v>
      </c>
      <c r="Z163" s="1033">
        <v>0</v>
      </c>
      <c r="AA163" s="1033">
        <v>0</v>
      </c>
      <c r="AB163" s="1033">
        <v>4</v>
      </c>
      <c r="AC163" s="1033">
        <v>0</v>
      </c>
      <c r="AD163" s="1034">
        <v>0</v>
      </c>
      <c r="AE163" s="1034">
        <v>0</v>
      </c>
      <c r="AF163" s="1034">
        <v>0</v>
      </c>
      <c r="AG163" s="1034">
        <v>45</v>
      </c>
      <c r="AH163" s="1034">
        <v>3</v>
      </c>
      <c r="AI163" s="1034">
        <v>14</v>
      </c>
      <c r="AJ163" s="1034">
        <v>44</v>
      </c>
      <c r="AK163" s="1034">
        <f>IF(AJ163="n/a","n/a",ROUND((AJ163*[4]TripRateCalculations!$V$6),0))</f>
        <v>98</v>
      </c>
      <c r="AL163" s="1034">
        <v>1</v>
      </c>
      <c r="AM163" s="1034">
        <v>14</v>
      </c>
      <c r="AN163" s="1034">
        <f>IF(AT163="n/a","n/a",ROUND((AT163*[4]TripRateCalculations!N$4),0))</f>
        <v>0</v>
      </c>
      <c r="AO163" s="1034">
        <f>IF(AU163="n/a","n/a",ROUND((AU163*[4]TripRateCalculations!O$4),0))</f>
        <v>0</v>
      </c>
      <c r="AP163" s="1034">
        <f>IF(AV163="n/a","n/a",ROUND((AV163*[4]TripRateCalculations!P$4),0))</f>
        <v>12</v>
      </c>
      <c r="AQ163" s="1034">
        <f>AW163*[4]TripRateCalculations!Q$4</f>
        <v>6.7368421052631575</v>
      </c>
      <c r="AR163" s="1034">
        <f>IF(AX163="n/a","n/a",ROUND((AX163*[4]TripRateCalculations!R$4),0))</f>
        <v>0</v>
      </c>
      <c r="AS163" s="1034">
        <f>IF(AY163="n/a","n/a",ROUND((AY163*[4]TripRateCalculations!S$4),0))</f>
        <v>0</v>
      </c>
      <c r="AT163" s="1034">
        <v>0</v>
      </c>
      <c r="AU163" s="1034">
        <v>0</v>
      </c>
      <c r="AV163" s="1034">
        <v>43</v>
      </c>
      <c r="AW163" s="1034">
        <v>46</v>
      </c>
      <c r="AX163" s="1034">
        <v>0</v>
      </c>
      <c r="AY163" s="1034">
        <v>17</v>
      </c>
      <c r="AZ163" s="1035">
        <v>8</v>
      </c>
      <c r="BA163" s="1035">
        <v>3</v>
      </c>
      <c r="BB163" s="1035">
        <v>1</v>
      </c>
      <c r="BC163" s="1035">
        <v>4</v>
      </c>
      <c r="BD163" s="1035">
        <v>115</v>
      </c>
      <c r="BE163" s="1035">
        <v>0</v>
      </c>
      <c r="BF163" s="1035">
        <v>234</v>
      </c>
      <c r="BG163" s="1035">
        <f>BF163*[4]TripRateCalculations!$Q$4</f>
        <v>34.270022883295198</v>
      </c>
      <c r="BH163" s="1027" t="s">
        <v>1642</v>
      </c>
      <c r="BI163" s="1026" t="s">
        <v>722</v>
      </c>
      <c r="BJ163" s="1026" t="s">
        <v>53</v>
      </c>
      <c r="BK163" s="1042">
        <f>ROUND((VLOOKUP(F163,'[4]Cost Summary'!A:H,8,)),0.1)</f>
        <v>6961</v>
      </c>
      <c r="BL163" s="1026">
        <v>3</v>
      </c>
      <c r="BM163" s="1078" t="s">
        <v>1973</v>
      </c>
      <c r="BN163" s="1044" t="s">
        <v>1584</v>
      </c>
      <c r="BO163" s="1130">
        <v>4522.38</v>
      </c>
      <c r="BP163" s="992"/>
      <c r="BQ163" s="1131">
        <f t="shared" si="63"/>
        <v>0</v>
      </c>
      <c r="BR163" s="1131">
        <f t="shared" si="64"/>
        <v>0</v>
      </c>
      <c r="BS163" s="1131">
        <f t="shared" si="65"/>
        <v>1.9730010384215995E-2</v>
      </c>
      <c r="BT163" s="1131">
        <f t="shared" si="66"/>
        <v>0</v>
      </c>
      <c r="BU163" s="1131">
        <f t="shared" si="67"/>
        <v>0</v>
      </c>
      <c r="BV163" s="1131">
        <f t="shared" si="68"/>
        <v>0</v>
      </c>
      <c r="BW163" s="1131">
        <f t="shared" si="69"/>
        <v>0</v>
      </c>
      <c r="BX163" s="1131">
        <f t="shared" si="70"/>
        <v>0.22196261682242996</v>
      </c>
      <c r="BY163" s="1131">
        <f t="shared" si="71"/>
        <v>6.9055036344755988E-2</v>
      </c>
      <c r="BZ163" s="1131">
        <f t="shared" si="72"/>
        <v>0.48338525441329189</v>
      </c>
      <c r="CA163" s="1131">
        <f t="shared" si="73"/>
        <v>4.9325025960539988E-3</v>
      </c>
      <c r="CB163" s="1131">
        <f t="shared" si="74"/>
        <v>6.9055036344755988E-2</v>
      </c>
      <c r="CC163" s="1131">
        <f t="shared" si="75"/>
        <v>0</v>
      </c>
      <c r="CD163" s="1131">
        <f t="shared" si="76"/>
        <v>0</v>
      </c>
      <c r="CE163" s="1131">
        <f t="shared" si="77"/>
        <v>5.9190031152647989E-2</v>
      </c>
      <c r="CF163" s="1131">
        <f t="shared" si="78"/>
        <v>0</v>
      </c>
      <c r="CG163" s="1131">
        <f t="shared" si="79"/>
        <v>0</v>
      </c>
      <c r="CH163" s="1131">
        <f t="shared" si="80"/>
        <v>3.946002076843199E-2</v>
      </c>
      <c r="CI163" s="1131">
        <f t="shared" si="81"/>
        <v>0</v>
      </c>
      <c r="CJ163" s="1131">
        <f t="shared" si="82"/>
        <v>3.3229491173416413E-2</v>
      </c>
      <c r="CK163" s="1132">
        <f t="shared" si="83"/>
        <v>1.0000000000000002</v>
      </c>
    </row>
    <row r="164" spans="1:89" ht="99.75" x14ac:dyDescent="0.2">
      <c r="A164" s="992"/>
      <c r="B164" s="1126"/>
      <c r="C164" s="1126"/>
      <c r="D164" s="1126"/>
      <c r="E164" s="1126"/>
      <c r="F164" s="1026" t="s">
        <v>1974</v>
      </c>
      <c r="G164" s="1026" t="s">
        <v>1025</v>
      </c>
      <c r="H164" s="1026" t="s">
        <v>1026</v>
      </c>
      <c r="I164" s="1026" t="s">
        <v>1975</v>
      </c>
      <c r="J164" s="1026" t="s">
        <v>1521</v>
      </c>
      <c r="K164" s="1026" t="s">
        <v>1521</v>
      </c>
      <c r="L164" s="1026" t="s">
        <v>1488</v>
      </c>
      <c r="M164" s="1026" t="s">
        <v>1489</v>
      </c>
      <c r="N164" s="1026">
        <v>1</v>
      </c>
      <c r="O164" s="1026" t="s">
        <v>932</v>
      </c>
      <c r="P164" s="1026" t="s">
        <v>1490</v>
      </c>
      <c r="Q164" s="1026" t="s">
        <v>1491</v>
      </c>
      <c r="R164" s="1026" t="s">
        <v>1492</v>
      </c>
      <c r="S164" s="1026" t="s">
        <v>1493</v>
      </c>
      <c r="T164" s="1026" t="s">
        <v>1799</v>
      </c>
      <c r="U164" s="1016" t="str">
        <f>_xlfn.XLOOKUP(F164, [4]GIS!D:D, [4]GIS!E:E, "Not mapped")</f>
        <v>Single - Scenario 2 (longer segment, one edge in close proximity of a development)</v>
      </c>
      <c r="V164" s="1026" t="s">
        <v>1707</v>
      </c>
      <c r="W164" s="1032" t="s">
        <v>1525</v>
      </c>
      <c r="X164" s="1032" t="s">
        <v>1526</v>
      </c>
      <c r="Y164" s="1033">
        <v>0</v>
      </c>
      <c r="Z164" s="1033">
        <v>0</v>
      </c>
      <c r="AA164" s="1033">
        <v>104</v>
      </c>
      <c r="AB164" s="1033">
        <v>1</v>
      </c>
      <c r="AC164" s="1033">
        <v>3</v>
      </c>
      <c r="AD164" s="1034">
        <v>2</v>
      </c>
      <c r="AE164" s="1034">
        <v>0</v>
      </c>
      <c r="AF164" s="1034">
        <v>6</v>
      </c>
      <c r="AG164" s="1034">
        <v>0</v>
      </c>
      <c r="AH164" s="1034">
        <v>0</v>
      </c>
      <c r="AI164" s="1034">
        <v>1</v>
      </c>
      <c r="AJ164" s="1034">
        <v>1</v>
      </c>
      <c r="AK164" s="1034">
        <f>IF(AJ164="n/a","n/a",ROUND((AJ164*[4]TripRateCalculations!$V$6),0))</f>
        <v>2</v>
      </c>
      <c r="AL164" s="1034">
        <v>1</v>
      </c>
      <c r="AM164" s="1034">
        <v>0</v>
      </c>
      <c r="AN164" s="1034">
        <f>IF(AT164="n/a","n/a",ROUND((AT164*[4]TripRateCalculations!N$4),0))</f>
        <v>0</v>
      </c>
      <c r="AO164" s="1034">
        <f>IF(AU164="n/a","n/a",ROUND((AU164*[4]TripRateCalculations!O$4),0))</f>
        <v>9</v>
      </c>
      <c r="AP164" s="1034">
        <f>IF(AV164="n/a","n/a",ROUND((AV164*[4]TripRateCalculations!P$4),0))</f>
        <v>0</v>
      </c>
      <c r="AQ164" s="1034">
        <f>AW164*[4]TripRateCalculations!Q$4</f>
        <v>0.14645308924485126</v>
      </c>
      <c r="AR164" s="1034">
        <f>IF(AX164="n/a","n/a",ROUND((AX164*[4]TripRateCalculations!R$4),0))</f>
        <v>0</v>
      </c>
      <c r="AS164" s="1034">
        <f>IF(AY164="n/a","n/a",ROUND((AY164*[4]TripRateCalculations!S$4),0))</f>
        <v>0</v>
      </c>
      <c r="AT164" s="1034">
        <v>1</v>
      </c>
      <c r="AU164" s="1034">
        <v>118</v>
      </c>
      <c r="AV164" s="1034">
        <v>0</v>
      </c>
      <c r="AW164" s="1034">
        <v>1</v>
      </c>
      <c r="AX164" s="1034">
        <v>0</v>
      </c>
      <c r="AY164" s="1034">
        <v>1</v>
      </c>
      <c r="AZ164" s="1035">
        <v>0</v>
      </c>
      <c r="BA164" s="1035">
        <v>0</v>
      </c>
      <c r="BB164" s="1035">
        <v>0</v>
      </c>
      <c r="BC164" s="1035">
        <v>1</v>
      </c>
      <c r="BD164" s="1035">
        <v>1</v>
      </c>
      <c r="BE164" s="1035">
        <v>2</v>
      </c>
      <c r="BF164" s="1035">
        <v>1</v>
      </c>
      <c r="BG164" s="1035">
        <f>BF164*[4]TripRateCalculations!$Q$4</f>
        <v>0.14645308924485126</v>
      </c>
      <c r="BH164" s="1027" t="s">
        <v>1800</v>
      </c>
      <c r="BI164" s="1026" t="s">
        <v>722</v>
      </c>
      <c r="BJ164" s="1026" t="s">
        <v>53</v>
      </c>
      <c r="BK164" s="1042">
        <f>ROUND((VLOOKUP(F164,'[4]Cost Summary'!A:H,8,)),0.1)</f>
        <v>52903</v>
      </c>
      <c r="BL164" s="1026">
        <v>2</v>
      </c>
      <c r="BM164" s="1078" t="s">
        <v>1976</v>
      </c>
      <c r="BN164" s="1044" t="s">
        <v>1584</v>
      </c>
      <c r="BO164" s="1130">
        <v>34370.050000000003</v>
      </c>
      <c r="BP164" s="992"/>
      <c r="BQ164" s="1131">
        <f t="shared" si="63"/>
        <v>0</v>
      </c>
      <c r="BR164" s="1131">
        <f t="shared" si="64"/>
        <v>0.80528731151549515</v>
      </c>
      <c r="BS164" s="1131">
        <f t="shared" si="65"/>
        <v>7.7431472261105302E-3</v>
      </c>
      <c r="BT164" s="1131">
        <f t="shared" si="66"/>
        <v>2.3229441678331589E-2</v>
      </c>
      <c r="BU164" s="1131">
        <f t="shared" si="67"/>
        <v>1.548629445222106E-2</v>
      </c>
      <c r="BV164" s="1131">
        <f t="shared" si="68"/>
        <v>0</v>
      </c>
      <c r="BW164" s="1131">
        <f t="shared" si="69"/>
        <v>4.6458883356663178E-2</v>
      </c>
      <c r="BX164" s="1131">
        <f t="shared" si="70"/>
        <v>0</v>
      </c>
      <c r="BY164" s="1131">
        <f t="shared" si="71"/>
        <v>7.7431472261105302E-3</v>
      </c>
      <c r="BZ164" s="1131">
        <f t="shared" si="72"/>
        <v>1.548629445222106E-2</v>
      </c>
      <c r="CA164" s="1131">
        <f t="shared" si="73"/>
        <v>7.7431472261105302E-3</v>
      </c>
      <c r="CB164" s="1131">
        <f t="shared" si="74"/>
        <v>0</v>
      </c>
      <c r="CC164" s="1131">
        <f t="shared" si="75"/>
        <v>0</v>
      </c>
      <c r="CD164" s="1131">
        <f t="shared" si="76"/>
        <v>6.9688325034994766E-2</v>
      </c>
      <c r="CE164" s="1131">
        <f t="shared" si="77"/>
        <v>0</v>
      </c>
      <c r="CF164" s="1131">
        <f t="shared" si="78"/>
        <v>0</v>
      </c>
      <c r="CG164" s="1131">
        <f t="shared" si="79"/>
        <v>0</v>
      </c>
      <c r="CH164" s="1131">
        <f t="shared" si="80"/>
        <v>0</v>
      </c>
      <c r="CI164" s="1131">
        <f t="shared" si="81"/>
        <v>0</v>
      </c>
      <c r="CJ164" s="1131">
        <f t="shared" si="82"/>
        <v>1.134007831741588E-3</v>
      </c>
      <c r="CK164" s="1132">
        <f t="shared" si="83"/>
        <v>1.0000000000000002</v>
      </c>
    </row>
    <row r="165" spans="1:89" ht="57" x14ac:dyDescent="0.2">
      <c r="A165" s="992"/>
      <c r="B165" s="1126"/>
      <c r="C165" s="1126"/>
      <c r="D165" s="1126"/>
      <c r="E165" s="1126"/>
      <c r="F165" s="1026" t="s">
        <v>1977</v>
      </c>
      <c r="G165" s="1026" t="s">
        <v>1028</v>
      </c>
      <c r="H165" s="1026" t="s">
        <v>1029</v>
      </c>
      <c r="I165" s="1026" t="s">
        <v>1975</v>
      </c>
      <c r="J165" s="1026" t="s">
        <v>1521</v>
      </c>
      <c r="K165" s="1026" t="s">
        <v>1521</v>
      </c>
      <c r="L165" s="1026" t="s">
        <v>1488</v>
      </c>
      <c r="M165" s="1026" t="s">
        <v>1489</v>
      </c>
      <c r="N165" s="1026">
        <v>1</v>
      </c>
      <c r="O165" s="1026" t="s">
        <v>932</v>
      </c>
      <c r="P165" s="1026" t="s">
        <v>1490</v>
      </c>
      <c r="Q165" s="1026" t="s">
        <v>1491</v>
      </c>
      <c r="R165" s="1026" t="s">
        <v>1492</v>
      </c>
      <c r="S165" s="1026" t="s">
        <v>1493</v>
      </c>
      <c r="T165" s="1026" t="s">
        <v>1799</v>
      </c>
      <c r="U165" s="1016" t="str">
        <f>_xlfn.XLOOKUP(F165, [4]GIS!D:D, [4]GIS!E:E, "Not mapped")</f>
        <v>Single - Scenario 2 (longer segment, one edge in close proximity of a development)</v>
      </c>
      <c r="V165" s="1015" t="s">
        <v>1707</v>
      </c>
      <c r="W165" s="1032" t="s">
        <v>1525</v>
      </c>
      <c r="X165" s="1032" t="s">
        <v>1526</v>
      </c>
      <c r="Y165" s="1033">
        <v>0</v>
      </c>
      <c r="Z165" s="1033">
        <v>0</v>
      </c>
      <c r="AA165" s="1033">
        <v>104</v>
      </c>
      <c r="AB165" s="1033">
        <v>1</v>
      </c>
      <c r="AC165" s="1033">
        <v>3</v>
      </c>
      <c r="AD165" s="1034">
        <v>2</v>
      </c>
      <c r="AE165" s="1034">
        <v>0</v>
      </c>
      <c r="AF165" s="1034">
        <v>6</v>
      </c>
      <c r="AG165" s="1034">
        <v>0</v>
      </c>
      <c r="AH165" s="1034">
        <v>0</v>
      </c>
      <c r="AI165" s="1034">
        <v>1</v>
      </c>
      <c r="AJ165" s="1034">
        <v>1</v>
      </c>
      <c r="AK165" s="1034">
        <f>IF(AJ165="n/a","n/a",ROUND((AJ165*[4]TripRateCalculations!$V$6),0))</f>
        <v>2</v>
      </c>
      <c r="AL165" s="1034">
        <v>1</v>
      </c>
      <c r="AM165" s="1034">
        <v>0</v>
      </c>
      <c r="AN165" s="1034">
        <f>IF(AT165="n/a","n/a",ROUND((AT165*[4]TripRateCalculations!N$4),0))</f>
        <v>0</v>
      </c>
      <c r="AO165" s="1034">
        <f>IF(AU165="n/a","n/a",ROUND((AU165*[4]TripRateCalculations!O$4),0))</f>
        <v>9</v>
      </c>
      <c r="AP165" s="1034">
        <f>IF(AV165="n/a","n/a",ROUND((AV165*[4]TripRateCalculations!P$4),0))</f>
        <v>0</v>
      </c>
      <c r="AQ165" s="1034">
        <f>AW165*[4]TripRateCalculations!Q$4</f>
        <v>0.14645308924485126</v>
      </c>
      <c r="AR165" s="1034">
        <f>IF(AX165="n/a","n/a",ROUND((AX165*[4]TripRateCalculations!R$4),0))</f>
        <v>0</v>
      </c>
      <c r="AS165" s="1034">
        <f>IF(AY165="n/a","n/a",ROUND((AY165*[4]TripRateCalculations!S$4),0))</f>
        <v>0</v>
      </c>
      <c r="AT165" s="1034">
        <v>1</v>
      </c>
      <c r="AU165" s="1034">
        <v>118</v>
      </c>
      <c r="AV165" s="1034">
        <v>0</v>
      </c>
      <c r="AW165" s="1034">
        <v>1</v>
      </c>
      <c r="AX165" s="1034">
        <v>0</v>
      </c>
      <c r="AY165" s="1034">
        <v>1</v>
      </c>
      <c r="AZ165" s="1035">
        <v>0</v>
      </c>
      <c r="BA165" s="1035">
        <v>0</v>
      </c>
      <c r="BB165" s="1035">
        <v>0</v>
      </c>
      <c r="BC165" s="1035">
        <v>1</v>
      </c>
      <c r="BD165" s="1035">
        <v>1</v>
      </c>
      <c r="BE165" s="1035">
        <v>2</v>
      </c>
      <c r="BF165" s="1035">
        <v>1</v>
      </c>
      <c r="BG165" s="1035">
        <f>BF165*[4]TripRateCalculations!$Q$4</f>
        <v>0.14645308924485126</v>
      </c>
      <c r="BH165" s="1027" t="s">
        <v>1800</v>
      </c>
      <c r="BI165" s="1026" t="s">
        <v>722</v>
      </c>
      <c r="BJ165" s="1026" t="s">
        <v>53</v>
      </c>
      <c r="BK165" s="1042">
        <f>ROUND((VLOOKUP(F165,'[4]Cost Summary'!A:H,8,)),0.1)</f>
        <v>1139069</v>
      </c>
      <c r="BL165" s="1026">
        <v>2</v>
      </c>
      <c r="BM165" s="1078" t="s">
        <v>1976</v>
      </c>
      <c r="BN165" s="1044" t="s">
        <v>1584</v>
      </c>
      <c r="BO165" s="1130">
        <v>740025</v>
      </c>
      <c r="BP165" s="992"/>
      <c r="BQ165" s="1131">
        <f t="shared" si="63"/>
        <v>0</v>
      </c>
      <c r="BR165" s="1131">
        <f t="shared" si="64"/>
        <v>0.80528731151549515</v>
      </c>
      <c r="BS165" s="1131">
        <f t="shared" si="65"/>
        <v>7.7431472261105302E-3</v>
      </c>
      <c r="BT165" s="1131">
        <f t="shared" si="66"/>
        <v>2.3229441678331589E-2</v>
      </c>
      <c r="BU165" s="1131">
        <f t="shared" si="67"/>
        <v>1.548629445222106E-2</v>
      </c>
      <c r="BV165" s="1131">
        <f t="shared" si="68"/>
        <v>0</v>
      </c>
      <c r="BW165" s="1131">
        <f t="shared" si="69"/>
        <v>4.6458883356663178E-2</v>
      </c>
      <c r="BX165" s="1131">
        <f t="shared" si="70"/>
        <v>0</v>
      </c>
      <c r="BY165" s="1131">
        <f t="shared" si="71"/>
        <v>7.7431472261105302E-3</v>
      </c>
      <c r="BZ165" s="1131">
        <f t="shared" si="72"/>
        <v>1.548629445222106E-2</v>
      </c>
      <c r="CA165" s="1131">
        <f t="shared" si="73"/>
        <v>7.7431472261105302E-3</v>
      </c>
      <c r="CB165" s="1131">
        <f t="shared" si="74"/>
        <v>0</v>
      </c>
      <c r="CC165" s="1131">
        <f t="shared" si="75"/>
        <v>0</v>
      </c>
      <c r="CD165" s="1131">
        <f t="shared" si="76"/>
        <v>6.9688325034994766E-2</v>
      </c>
      <c r="CE165" s="1131">
        <f t="shared" si="77"/>
        <v>0</v>
      </c>
      <c r="CF165" s="1131">
        <f t="shared" si="78"/>
        <v>0</v>
      </c>
      <c r="CG165" s="1131">
        <f t="shared" si="79"/>
        <v>0</v>
      </c>
      <c r="CH165" s="1131">
        <f t="shared" si="80"/>
        <v>0</v>
      </c>
      <c r="CI165" s="1131">
        <f t="shared" si="81"/>
        <v>0</v>
      </c>
      <c r="CJ165" s="1131">
        <f t="shared" si="82"/>
        <v>1.134007831741588E-3</v>
      </c>
      <c r="CK165" s="1132">
        <f t="shared" si="83"/>
        <v>1.0000000000000002</v>
      </c>
    </row>
    <row r="166" spans="1:89" ht="85.5" x14ac:dyDescent="0.2">
      <c r="A166" s="992"/>
      <c r="B166" s="1126" t="s">
        <v>66</v>
      </c>
      <c r="C166" s="1126"/>
      <c r="D166" s="1126"/>
      <c r="E166" s="1126"/>
      <c r="F166" s="1026" t="s">
        <v>1978</v>
      </c>
      <c r="G166" s="1026" t="s">
        <v>1032</v>
      </c>
      <c r="H166" s="1026" t="s">
        <v>1033</v>
      </c>
      <c r="I166" s="1026" t="s">
        <v>1979</v>
      </c>
      <c r="J166" s="1026" t="s">
        <v>1980</v>
      </c>
      <c r="K166" s="1026" t="s">
        <v>1981</v>
      </c>
      <c r="L166" s="1026" t="s">
        <v>1488</v>
      </c>
      <c r="M166" s="1026" t="s">
        <v>1523</v>
      </c>
      <c r="N166" s="1026">
        <v>2</v>
      </c>
      <c r="O166" s="1026" t="s">
        <v>900</v>
      </c>
      <c r="P166" s="1026" t="s">
        <v>1616</v>
      </c>
      <c r="Q166" s="1026" t="s">
        <v>1491</v>
      </c>
      <c r="R166" s="1026" t="s">
        <v>1492</v>
      </c>
      <c r="S166" s="1026" t="s">
        <v>1493</v>
      </c>
      <c r="T166" s="1026" t="s">
        <v>1799</v>
      </c>
      <c r="U166" s="1016" t="str">
        <f>_xlfn.XLOOKUP(F166, [4]GIS!D:D, [4]GIS!E:E, "Not mapped")</f>
        <v>Single - Scenario 3</v>
      </c>
      <c r="V166" s="1031" t="s">
        <v>1495</v>
      </c>
      <c r="W166" s="1032" t="s">
        <v>1525</v>
      </c>
      <c r="X166" s="1032" t="s">
        <v>1526</v>
      </c>
      <c r="Y166" s="1099">
        <v>18</v>
      </c>
      <c r="Z166" s="1099">
        <v>13</v>
      </c>
      <c r="AA166" s="1099">
        <v>72</v>
      </c>
      <c r="AB166" s="1099">
        <v>22</v>
      </c>
      <c r="AC166" s="1099">
        <v>3</v>
      </c>
      <c r="AD166" s="1095">
        <v>17</v>
      </c>
      <c r="AE166" s="1095">
        <v>17</v>
      </c>
      <c r="AF166" s="1095">
        <v>84</v>
      </c>
      <c r="AG166" s="1095">
        <v>13</v>
      </c>
      <c r="AH166" s="1096">
        <v>8</v>
      </c>
      <c r="AI166" s="1096">
        <v>47</v>
      </c>
      <c r="AJ166" s="1096">
        <v>69</v>
      </c>
      <c r="AK166" s="1096">
        <f>IF(AJ166="n/a","n/a",ROUND((AJ166*[4]TripRateCalculations!$V$6),0))</f>
        <v>153</v>
      </c>
      <c r="AL166" s="1096">
        <v>3</v>
      </c>
      <c r="AM166" s="1096">
        <v>4</v>
      </c>
      <c r="AN166" s="1096">
        <f>IF(AT166="n/a","n/a",ROUND((AT166*[4]TripRateCalculations!N$4),0))</f>
        <v>7</v>
      </c>
      <c r="AO166" s="1097">
        <f>IF(AU166="n/a","n/a",ROUND((AU166*[4]TripRateCalculations!O$4),0))</f>
        <v>9</v>
      </c>
      <c r="AP166" s="1097">
        <f>IF(AV166="n/a","n/a",ROUND((AV166*[4]TripRateCalculations!P$4),0))</f>
        <v>2</v>
      </c>
      <c r="AQ166" s="1097">
        <f>AW166*[4]TripRateCalculations!Q$4</f>
        <v>5.8581235697940501</v>
      </c>
      <c r="AR166" s="1097">
        <f>IF(AX166="n/a","n/a",ROUND((AX166*[4]TripRateCalculations!R$4),0))</f>
        <v>2</v>
      </c>
      <c r="AS166" s="1097">
        <f>IF(AY166="n/a","n/a",ROUND((AY166*[4]TripRateCalculations!S$4),0))</f>
        <v>1</v>
      </c>
      <c r="AT166" s="1097">
        <v>30</v>
      </c>
      <c r="AU166" s="1097">
        <v>118</v>
      </c>
      <c r="AV166" s="1097">
        <v>6</v>
      </c>
      <c r="AW166" s="1097">
        <v>40</v>
      </c>
      <c r="AX166" s="1097">
        <v>18</v>
      </c>
      <c r="AY166" s="1097">
        <v>40</v>
      </c>
      <c r="AZ166" s="1098">
        <v>0</v>
      </c>
      <c r="BA166" s="1098">
        <v>6</v>
      </c>
      <c r="BB166" s="1098">
        <v>5</v>
      </c>
      <c r="BC166" s="1098">
        <v>12</v>
      </c>
      <c r="BD166" s="1098">
        <v>32</v>
      </c>
      <c r="BE166" s="1098">
        <v>2</v>
      </c>
      <c r="BF166" s="1098">
        <v>65</v>
      </c>
      <c r="BG166" s="1098">
        <f>BF166*[4]TripRateCalculations!$Q$4</f>
        <v>9.5194508009153314</v>
      </c>
      <c r="BH166" s="1027" t="s">
        <v>1800</v>
      </c>
      <c r="BI166" s="1026" t="s">
        <v>834</v>
      </c>
      <c r="BJ166" s="1026" t="s">
        <v>53</v>
      </c>
      <c r="BK166" s="1042">
        <f>ROUND((VLOOKUP(F166,'[4]Cost Summary'!A:H,8,)),0.1)</f>
        <v>759380</v>
      </c>
      <c r="BL166" s="1026">
        <v>2</v>
      </c>
      <c r="BM166" s="1078" t="s">
        <v>1976</v>
      </c>
      <c r="BN166" s="1044" t="s">
        <v>1584</v>
      </c>
      <c r="BO166" s="1130">
        <v>493350</v>
      </c>
      <c r="BP166" s="992"/>
      <c r="BQ166" s="1131">
        <f t="shared" si="63"/>
        <v>2.6376759108362464E-2</v>
      </c>
      <c r="BR166" s="1131">
        <f t="shared" si="64"/>
        <v>0.14608666583093055</v>
      </c>
      <c r="BS166" s="1131">
        <f t="shared" si="65"/>
        <v>4.4637592337228783E-2</v>
      </c>
      <c r="BT166" s="1131">
        <f t="shared" si="66"/>
        <v>6.0869444096221066E-3</v>
      </c>
      <c r="BU166" s="1131">
        <f t="shared" si="67"/>
        <v>3.4492684987858603E-2</v>
      </c>
      <c r="BV166" s="1131">
        <f t="shared" si="68"/>
        <v>3.4492684987858603E-2</v>
      </c>
      <c r="BW166" s="1131">
        <f t="shared" si="69"/>
        <v>0.17043444346941899</v>
      </c>
      <c r="BX166" s="1131">
        <f t="shared" si="70"/>
        <v>2.6376759108362464E-2</v>
      </c>
      <c r="BY166" s="1131">
        <f t="shared" si="71"/>
        <v>9.5362129084079678E-2</v>
      </c>
      <c r="BZ166" s="1131">
        <f t="shared" si="72"/>
        <v>0.31043416489072745</v>
      </c>
      <c r="CA166" s="1131">
        <f t="shared" si="73"/>
        <v>6.0869444096221066E-3</v>
      </c>
      <c r="CB166" s="1131">
        <f t="shared" si="74"/>
        <v>8.1159258794961421E-3</v>
      </c>
      <c r="CC166" s="1131">
        <f t="shared" si="75"/>
        <v>1.420287028911825E-2</v>
      </c>
      <c r="CD166" s="1131">
        <f t="shared" si="76"/>
        <v>1.8260833228866319E-2</v>
      </c>
      <c r="CE166" s="1131">
        <f t="shared" si="77"/>
        <v>4.0579629397480711E-3</v>
      </c>
      <c r="CF166" s="1131">
        <f t="shared" si="78"/>
        <v>4.0579629397480711E-3</v>
      </c>
      <c r="CG166" s="1131">
        <f t="shared" si="79"/>
        <v>2.0289814698740355E-3</v>
      </c>
      <c r="CH166" s="1131">
        <f t="shared" si="80"/>
        <v>0</v>
      </c>
      <c r="CI166" s="1131">
        <f t="shared" si="81"/>
        <v>3.6521666457732638E-2</v>
      </c>
      <c r="CJ166" s="1131">
        <f t="shared" si="82"/>
        <v>1.1886024171344465E-2</v>
      </c>
      <c r="CK166" s="1132">
        <f t="shared" si="83"/>
        <v>0.99999999999999967</v>
      </c>
    </row>
    <row r="167" spans="1:89" ht="128.25" x14ac:dyDescent="0.2">
      <c r="A167" s="992"/>
      <c r="B167" s="1126"/>
      <c r="C167" s="1126"/>
      <c r="D167" s="1126"/>
      <c r="E167" s="1126"/>
      <c r="F167" s="1026" t="s">
        <v>1982</v>
      </c>
      <c r="G167" s="1026" t="s">
        <v>1034</v>
      </c>
      <c r="H167" s="1026" t="s">
        <v>1035</v>
      </c>
      <c r="I167" s="1026" t="s">
        <v>1794</v>
      </c>
      <c r="J167" s="1026">
        <v>51.740063370000001</v>
      </c>
      <c r="K167" s="1026">
        <v>-0.472809957</v>
      </c>
      <c r="L167" s="1026" t="s">
        <v>1522</v>
      </c>
      <c r="M167" s="1026" t="s">
        <v>1489</v>
      </c>
      <c r="N167" s="1026">
        <v>1</v>
      </c>
      <c r="O167" s="1026" t="s">
        <v>932</v>
      </c>
      <c r="P167" s="1026" t="s">
        <v>1490</v>
      </c>
      <c r="Q167" s="1026" t="s">
        <v>1491</v>
      </c>
      <c r="R167" s="1026" t="s">
        <v>1492</v>
      </c>
      <c r="S167" s="1026" t="s">
        <v>1493</v>
      </c>
      <c r="T167" s="1026" t="s">
        <v>1795</v>
      </c>
      <c r="U167" s="1016" t="str">
        <f>_xlfn.XLOOKUP(F167, [4]GIS!D:D, [4]GIS!E:E, "Not mapped")</f>
        <v>Multiple - Scenario 1</v>
      </c>
      <c r="V167" s="1026" t="s">
        <v>1707</v>
      </c>
      <c r="W167" s="1032" t="s">
        <v>1525</v>
      </c>
      <c r="X167" s="1032" t="s">
        <v>1526</v>
      </c>
      <c r="Y167" s="1099">
        <v>3</v>
      </c>
      <c r="Z167" s="1099">
        <v>3</v>
      </c>
      <c r="AA167" s="1099">
        <v>7</v>
      </c>
      <c r="AB167" s="1099">
        <v>4</v>
      </c>
      <c r="AC167" s="1099">
        <v>3</v>
      </c>
      <c r="AD167" s="1095">
        <v>18</v>
      </c>
      <c r="AE167" s="1095">
        <v>5</v>
      </c>
      <c r="AF167" s="1095">
        <v>84</v>
      </c>
      <c r="AG167" s="1095">
        <v>4</v>
      </c>
      <c r="AH167" s="1095">
        <v>2</v>
      </c>
      <c r="AI167" s="1095">
        <v>6</v>
      </c>
      <c r="AJ167" s="1095">
        <v>14</v>
      </c>
      <c r="AK167" s="1095">
        <f>IF(AJ167="n/a","n/a",ROUND((AJ167*[4]TripRateCalculations!$V$6),0))</f>
        <v>31</v>
      </c>
      <c r="AL167" s="1095">
        <v>2</v>
      </c>
      <c r="AM167" s="1095">
        <v>1</v>
      </c>
      <c r="AN167" s="1095">
        <f>IF(AT167="n/a","n/a",ROUND((AT167*[4]TripRateCalculations!N$4),0))</f>
        <v>2</v>
      </c>
      <c r="AO167" s="1034">
        <f>IF(AU167="n/a","n/a",ROUND((AU167*[4]TripRateCalculations!O$4),0))</f>
        <v>5</v>
      </c>
      <c r="AP167" s="1034">
        <f>IF(AV167="n/a","n/a",ROUND((AV167*[4]TripRateCalculations!P$4),0))</f>
        <v>1</v>
      </c>
      <c r="AQ167" s="1034">
        <f>AW167*[4]TripRateCalculations!Q$4</f>
        <v>0.4393592677345538</v>
      </c>
      <c r="AR167" s="1034">
        <f>IF(AX167="n/a","n/a",ROUND((AX167*[4]TripRateCalculations!R$4),0))</f>
        <v>0</v>
      </c>
      <c r="AS167" s="1034">
        <f>IF(AY167="n/a","n/a",ROUND((AY167*[4]TripRateCalculations!S$4),0))</f>
        <v>0</v>
      </c>
      <c r="AT167" s="1034">
        <v>7</v>
      </c>
      <c r="AU167" s="1034">
        <v>66</v>
      </c>
      <c r="AV167" s="1034">
        <v>3</v>
      </c>
      <c r="AW167" s="1034">
        <v>3</v>
      </c>
      <c r="AX167" s="1034">
        <v>4</v>
      </c>
      <c r="AY167" s="1034">
        <v>6</v>
      </c>
      <c r="AZ167" s="1035">
        <v>0</v>
      </c>
      <c r="BA167" s="1035">
        <v>2</v>
      </c>
      <c r="BB167" s="1035">
        <v>0</v>
      </c>
      <c r="BC167" s="1035">
        <v>0</v>
      </c>
      <c r="BD167" s="1035">
        <v>14</v>
      </c>
      <c r="BE167" s="1035">
        <v>2</v>
      </c>
      <c r="BF167" s="1035">
        <v>0</v>
      </c>
      <c r="BG167" s="1035">
        <f>BF167*[4]TripRateCalculations!$Q$4</f>
        <v>0</v>
      </c>
      <c r="BH167" s="1027" t="s">
        <v>1983</v>
      </c>
      <c r="BI167" s="1026" t="s">
        <v>722</v>
      </c>
      <c r="BJ167" s="1026" t="s">
        <v>53</v>
      </c>
      <c r="BK167" s="1042">
        <f>ROUND((VLOOKUP(F167,'[4]Cost Summary'!A:H,8,)),0.1)</f>
        <v>39499</v>
      </c>
      <c r="BL167" s="1026">
        <v>1</v>
      </c>
      <c r="BM167" s="1078">
        <v>7</v>
      </c>
      <c r="BN167" s="1044" t="s">
        <v>1584</v>
      </c>
      <c r="BO167" s="1130">
        <v>25661.25</v>
      </c>
      <c r="BP167" s="992"/>
      <c r="BQ167" s="1131">
        <f t="shared" si="63"/>
        <v>1.6718740036982725E-2</v>
      </c>
      <c r="BR167" s="1131">
        <f t="shared" si="64"/>
        <v>3.9010393419626352E-2</v>
      </c>
      <c r="BS167" s="1131">
        <f t="shared" si="65"/>
        <v>2.229165338264363E-2</v>
      </c>
      <c r="BT167" s="1131">
        <f t="shared" si="66"/>
        <v>1.6718740036982725E-2</v>
      </c>
      <c r="BU167" s="1131">
        <f t="shared" si="67"/>
        <v>0.10031244022189634</v>
      </c>
      <c r="BV167" s="1131">
        <f t="shared" si="68"/>
        <v>2.7864566728304539E-2</v>
      </c>
      <c r="BW167" s="1131">
        <f t="shared" si="69"/>
        <v>0.46812472103551628</v>
      </c>
      <c r="BX167" s="1131">
        <f t="shared" si="70"/>
        <v>2.229165338264363E-2</v>
      </c>
      <c r="BY167" s="1131">
        <f t="shared" si="71"/>
        <v>3.343748007396545E-2</v>
      </c>
      <c r="BZ167" s="1131">
        <f t="shared" si="72"/>
        <v>0.17276031371548814</v>
      </c>
      <c r="CA167" s="1131">
        <f t="shared" si="73"/>
        <v>1.1145826691321815E-2</v>
      </c>
      <c r="CB167" s="1131">
        <f t="shared" si="74"/>
        <v>5.5729133456609075E-3</v>
      </c>
      <c r="CC167" s="1131">
        <f t="shared" si="75"/>
        <v>1.1145826691321815E-2</v>
      </c>
      <c r="CD167" s="1131">
        <f t="shared" si="76"/>
        <v>2.7864566728304539E-2</v>
      </c>
      <c r="CE167" s="1131">
        <f t="shared" si="77"/>
        <v>5.5729133456609075E-3</v>
      </c>
      <c r="CF167" s="1131">
        <f t="shared" si="78"/>
        <v>0</v>
      </c>
      <c r="CG167" s="1131">
        <f t="shared" si="79"/>
        <v>0</v>
      </c>
      <c r="CH167" s="1131">
        <f t="shared" si="80"/>
        <v>0</v>
      </c>
      <c r="CI167" s="1131">
        <f t="shared" si="81"/>
        <v>1.6718740036982725E-2</v>
      </c>
      <c r="CJ167" s="1131">
        <f t="shared" si="82"/>
        <v>2.4485111266976988E-3</v>
      </c>
      <c r="CK167" s="1132">
        <f t="shared" si="83"/>
        <v>1</v>
      </c>
    </row>
    <row r="168" spans="1:89" ht="57" x14ac:dyDescent="0.2">
      <c r="A168" s="992"/>
      <c r="B168" s="1126"/>
      <c r="C168" s="1126"/>
      <c r="D168" s="1126"/>
      <c r="E168" s="1126"/>
      <c r="F168" s="1026" t="s">
        <v>1984</v>
      </c>
      <c r="G168" s="1026" t="s">
        <v>1037</v>
      </c>
      <c r="H168" s="1026" t="s">
        <v>1038</v>
      </c>
      <c r="I168" s="1026" t="s">
        <v>1794</v>
      </c>
      <c r="J168" s="1026">
        <v>51.739810910000003</v>
      </c>
      <c r="K168" s="1026">
        <v>-0.47321228799999998</v>
      </c>
      <c r="L168" s="1026" t="s">
        <v>1522</v>
      </c>
      <c r="M168" s="1026" t="s">
        <v>1489</v>
      </c>
      <c r="N168" s="1026">
        <v>1</v>
      </c>
      <c r="O168" s="1026" t="s">
        <v>932</v>
      </c>
      <c r="P168" s="1026" t="s">
        <v>1490</v>
      </c>
      <c r="Q168" s="1026" t="s">
        <v>1491</v>
      </c>
      <c r="R168" s="1026" t="s">
        <v>1492</v>
      </c>
      <c r="S168" s="1026" t="s">
        <v>1493</v>
      </c>
      <c r="T168" s="1026" t="s">
        <v>1795</v>
      </c>
      <c r="U168" s="1016" t="str">
        <f>_xlfn.XLOOKUP(F168, [4]GIS!D:D, [4]GIS!E:E, "Not mapped")</f>
        <v>Multiple - Scenario 1</v>
      </c>
      <c r="V168" s="1026" t="s">
        <v>1707</v>
      </c>
      <c r="W168" s="1032" t="s">
        <v>1525</v>
      </c>
      <c r="X168" s="1032" t="s">
        <v>1526</v>
      </c>
      <c r="Y168" s="1099">
        <v>3</v>
      </c>
      <c r="Z168" s="1099">
        <v>3</v>
      </c>
      <c r="AA168" s="1099">
        <v>7</v>
      </c>
      <c r="AB168" s="1099">
        <v>4</v>
      </c>
      <c r="AC168" s="1099">
        <v>3</v>
      </c>
      <c r="AD168" s="1095">
        <v>18</v>
      </c>
      <c r="AE168" s="1095">
        <v>5</v>
      </c>
      <c r="AF168" s="1095">
        <v>84</v>
      </c>
      <c r="AG168" s="1095">
        <v>4</v>
      </c>
      <c r="AH168" s="1095">
        <v>2</v>
      </c>
      <c r="AI168" s="1095">
        <v>6</v>
      </c>
      <c r="AJ168" s="1095">
        <v>14</v>
      </c>
      <c r="AK168" s="1095">
        <f>IF(AJ168="n/a","n/a",ROUND((AJ168*[4]TripRateCalculations!$V$6),0))</f>
        <v>31</v>
      </c>
      <c r="AL168" s="1095">
        <v>2</v>
      </c>
      <c r="AM168" s="1095">
        <v>1</v>
      </c>
      <c r="AN168" s="1095">
        <f>IF(AT168="n/a","n/a",ROUND((AT168*[4]TripRateCalculations!N$4),0))</f>
        <v>2</v>
      </c>
      <c r="AO168" s="1034">
        <f>IF(AU168="n/a","n/a",ROUND((AU168*[4]TripRateCalculations!O$4),0))</f>
        <v>5</v>
      </c>
      <c r="AP168" s="1034">
        <f>IF(AV168="n/a","n/a",ROUND((AV168*[4]TripRateCalculations!P$4),0))</f>
        <v>1</v>
      </c>
      <c r="AQ168" s="1034">
        <f>AW168*[4]TripRateCalculations!Q$4</f>
        <v>0.4393592677345538</v>
      </c>
      <c r="AR168" s="1034">
        <f>IF(AX168="n/a","n/a",ROUND((AX168*[4]TripRateCalculations!R$4),0))</f>
        <v>0</v>
      </c>
      <c r="AS168" s="1034">
        <f>IF(AY168="n/a","n/a",ROUND((AY168*[4]TripRateCalculations!S$4),0))</f>
        <v>0</v>
      </c>
      <c r="AT168" s="1034">
        <v>7</v>
      </c>
      <c r="AU168" s="1034">
        <v>66</v>
      </c>
      <c r="AV168" s="1034">
        <v>3</v>
      </c>
      <c r="AW168" s="1034">
        <v>3</v>
      </c>
      <c r="AX168" s="1034">
        <v>4</v>
      </c>
      <c r="AY168" s="1034">
        <v>6</v>
      </c>
      <c r="AZ168" s="1035">
        <v>0</v>
      </c>
      <c r="BA168" s="1035">
        <v>2</v>
      </c>
      <c r="BB168" s="1035">
        <v>0</v>
      </c>
      <c r="BC168" s="1035">
        <v>0</v>
      </c>
      <c r="BD168" s="1035">
        <v>14</v>
      </c>
      <c r="BE168" s="1035">
        <v>2</v>
      </c>
      <c r="BF168" s="1035">
        <v>0</v>
      </c>
      <c r="BG168" s="1035">
        <f>BF168*[4]TripRateCalculations!$Q$4</f>
        <v>0</v>
      </c>
      <c r="BH168" s="1027" t="s">
        <v>1983</v>
      </c>
      <c r="BI168" s="1026" t="s">
        <v>722</v>
      </c>
      <c r="BJ168" s="1026" t="s">
        <v>53</v>
      </c>
      <c r="BK168" s="1042">
        <f>ROUND((VLOOKUP(F168,'[4]Cost Summary'!A:H,8,)),0.1)</f>
        <v>89860</v>
      </c>
      <c r="BL168" s="1026">
        <v>1</v>
      </c>
      <c r="BM168" s="1078">
        <v>7</v>
      </c>
      <c r="BN168" s="1044" t="s">
        <v>1584</v>
      </c>
      <c r="BO168" s="1130">
        <v>58379.75</v>
      </c>
      <c r="BP168" s="992"/>
      <c r="BQ168" s="1131">
        <f t="shared" si="63"/>
        <v>1.6718740036982725E-2</v>
      </c>
      <c r="BR168" s="1131">
        <f t="shared" si="64"/>
        <v>3.9010393419626352E-2</v>
      </c>
      <c r="BS168" s="1131">
        <f t="shared" si="65"/>
        <v>2.229165338264363E-2</v>
      </c>
      <c r="BT168" s="1131">
        <f t="shared" si="66"/>
        <v>1.6718740036982725E-2</v>
      </c>
      <c r="BU168" s="1131">
        <f t="shared" si="67"/>
        <v>0.10031244022189634</v>
      </c>
      <c r="BV168" s="1131">
        <f t="shared" si="68"/>
        <v>2.7864566728304539E-2</v>
      </c>
      <c r="BW168" s="1131">
        <f t="shared" si="69"/>
        <v>0.46812472103551628</v>
      </c>
      <c r="BX168" s="1131">
        <f t="shared" si="70"/>
        <v>2.229165338264363E-2</v>
      </c>
      <c r="BY168" s="1131">
        <f t="shared" si="71"/>
        <v>3.343748007396545E-2</v>
      </c>
      <c r="BZ168" s="1131">
        <f t="shared" si="72"/>
        <v>0.17276031371548814</v>
      </c>
      <c r="CA168" s="1131">
        <f t="shared" si="73"/>
        <v>1.1145826691321815E-2</v>
      </c>
      <c r="CB168" s="1131">
        <f t="shared" si="74"/>
        <v>5.5729133456609075E-3</v>
      </c>
      <c r="CC168" s="1131">
        <f t="shared" si="75"/>
        <v>1.1145826691321815E-2</v>
      </c>
      <c r="CD168" s="1131">
        <f t="shared" si="76"/>
        <v>2.7864566728304539E-2</v>
      </c>
      <c r="CE168" s="1131">
        <f t="shared" si="77"/>
        <v>5.5729133456609075E-3</v>
      </c>
      <c r="CF168" s="1131">
        <f t="shared" si="78"/>
        <v>0</v>
      </c>
      <c r="CG168" s="1131">
        <f t="shared" si="79"/>
        <v>0</v>
      </c>
      <c r="CH168" s="1131">
        <f t="shared" si="80"/>
        <v>0</v>
      </c>
      <c r="CI168" s="1131">
        <f t="shared" si="81"/>
        <v>1.6718740036982725E-2</v>
      </c>
      <c r="CJ168" s="1131">
        <f t="shared" si="82"/>
        <v>2.4485111266976988E-3</v>
      </c>
      <c r="CK168" s="1132">
        <f t="shared" si="83"/>
        <v>1</v>
      </c>
    </row>
    <row r="169" spans="1:89" ht="42.75" x14ac:dyDescent="0.2">
      <c r="A169" s="992"/>
      <c r="B169" s="1126" t="s">
        <v>66</v>
      </c>
      <c r="C169" s="1126"/>
      <c r="D169" s="1126"/>
      <c r="E169" s="1126"/>
      <c r="F169" s="1026" t="s">
        <v>1985</v>
      </c>
      <c r="G169" s="1026" t="s">
        <v>1039</v>
      </c>
      <c r="H169" s="1026" t="s">
        <v>1040</v>
      </c>
      <c r="I169" s="1026" t="s">
        <v>1892</v>
      </c>
      <c r="J169" s="1026">
        <v>51.738168549999997</v>
      </c>
      <c r="K169" s="1026">
        <v>-0.47052645799999998</v>
      </c>
      <c r="L169" s="1026" t="s">
        <v>1522</v>
      </c>
      <c r="M169" s="1026" t="s">
        <v>1489</v>
      </c>
      <c r="N169" s="1026">
        <v>1</v>
      </c>
      <c r="O169" s="1026" t="s">
        <v>932</v>
      </c>
      <c r="P169" s="1026" t="s">
        <v>1490</v>
      </c>
      <c r="Q169" s="1026" t="s">
        <v>1491</v>
      </c>
      <c r="R169" s="1026" t="s">
        <v>1492</v>
      </c>
      <c r="S169" s="1026" t="s">
        <v>1493</v>
      </c>
      <c r="T169" s="1026" t="s">
        <v>1795</v>
      </c>
      <c r="U169" s="1016" t="str">
        <f>_xlfn.XLOOKUP(F169, [4]GIS!D:D, [4]GIS!E:E, "Not mapped")</f>
        <v>Multiple - Scenario 1</v>
      </c>
      <c r="V169" s="1026" t="s">
        <v>1707</v>
      </c>
      <c r="W169" s="1032" t="s">
        <v>1525</v>
      </c>
      <c r="X169" s="1032" t="s">
        <v>1526</v>
      </c>
      <c r="Y169" s="1033">
        <v>2</v>
      </c>
      <c r="Z169" s="1033">
        <v>2</v>
      </c>
      <c r="AA169" s="1033">
        <v>5</v>
      </c>
      <c r="AB169" s="1033">
        <v>2</v>
      </c>
      <c r="AC169" s="1033">
        <v>2</v>
      </c>
      <c r="AD169" s="1034">
        <v>63</v>
      </c>
      <c r="AE169" s="1034">
        <v>1</v>
      </c>
      <c r="AF169" s="1034">
        <v>2</v>
      </c>
      <c r="AG169" s="1034">
        <v>1</v>
      </c>
      <c r="AH169" s="1034">
        <v>1</v>
      </c>
      <c r="AI169" s="1034">
        <v>3</v>
      </c>
      <c r="AJ169" s="1034">
        <v>6</v>
      </c>
      <c r="AK169" s="1034">
        <f>IF(AJ169="n/a","n/a",ROUND((AJ169*[4]TripRateCalculations!$V$6),0))</f>
        <v>13</v>
      </c>
      <c r="AL169" s="1034">
        <v>1</v>
      </c>
      <c r="AM169" s="1034">
        <v>1</v>
      </c>
      <c r="AN169" s="1034">
        <f>IF(AT169="n/a","n/a",ROUND((AT169*[4]TripRateCalculations!N$4),0))</f>
        <v>1</v>
      </c>
      <c r="AO169" s="1034">
        <f>IF(AU169="n/a","n/a",ROUND((AU169*[4]TripRateCalculations!O$4),0))</f>
        <v>3</v>
      </c>
      <c r="AP169" s="1034">
        <f>IF(AV169="n/a","n/a",ROUND((AV169*[4]TripRateCalculations!P$4),0))</f>
        <v>1</v>
      </c>
      <c r="AQ169" s="1034">
        <f>AW169*[4]TripRateCalculations!Q$4</f>
        <v>0.4393592677345538</v>
      </c>
      <c r="AR169" s="1034">
        <f>IF(AX169="n/a","n/a",ROUND((AX169*[4]TripRateCalculations!R$4),0))</f>
        <v>0</v>
      </c>
      <c r="AS169" s="1034">
        <f>IF(AY169="n/a","n/a",ROUND((AY169*[4]TripRateCalculations!S$4),0))</f>
        <v>0</v>
      </c>
      <c r="AT169" s="1034">
        <v>5</v>
      </c>
      <c r="AU169" s="1034">
        <v>42</v>
      </c>
      <c r="AV169" s="1034">
        <v>2</v>
      </c>
      <c r="AW169" s="1034">
        <v>3</v>
      </c>
      <c r="AX169" s="1034">
        <v>2</v>
      </c>
      <c r="AY169" s="1034">
        <v>3</v>
      </c>
      <c r="AZ169" s="1035">
        <v>10</v>
      </c>
      <c r="BA169" s="1035">
        <v>1</v>
      </c>
      <c r="BB169" s="1035">
        <v>2</v>
      </c>
      <c r="BC169" s="1035">
        <v>3</v>
      </c>
      <c r="BD169" s="1035">
        <v>8</v>
      </c>
      <c r="BE169" s="1035">
        <v>1</v>
      </c>
      <c r="BF169" s="1035">
        <v>7</v>
      </c>
      <c r="BG169" s="1035">
        <f>BF169*[4]TripRateCalculations!$Q$4</f>
        <v>1.0251716247139588</v>
      </c>
      <c r="BH169" s="1027" t="s">
        <v>1983</v>
      </c>
      <c r="BI169" s="1026" t="s">
        <v>722</v>
      </c>
      <c r="BJ169" s="1026" t="s">
        <v>53</v>
      </c>
      <c r="BK169" s="1042">
        <f>ROUND((VLOOKUP(F169,'[4]Cost Summary'!A:H,8,)),0.1)</f>
        <v>86063</v>
      </c>
      <c r="BL169" s="1026">
        <v>1</v>
      </c>
      <c r="BM169" s="1078">
        <v>7</v>
      </c>
      <c r="BN169" s="1044" t="s">
        <v>1584</v>
      </c>
      <c r="BO169" s="1130">
        <v>55913</v>
      </c>
      <c r="BP169" s="992"/>
      <c r="BQ169" s="1131">
        <f t="shared" si="63"/>
        <v>1.7630565025316198E-2</v>
      </c>
      <c r="BR169" s="1131">
        <f t="shared" si="64"/>
        <v>4.40764125632905E-2</v>
      </c>
      <c r="BS169" s="1131">
        <f t="shared" si="65"/>
        <v>1.7630565025316198E-2</v>
      </c>
      <c r="BT169" s="1131">
        <f t="shared" si="66"/>
        <v>1.7630565025316198E-2</v>
      </c>
      <c r="BU169" s="1131">
        <f t="shared" si="67"/>
        <v>0.55536279829746027</v>
      </c>
      <c r="BV169" s="1131">
        <f t="shared" si="68"/>
        <v>8.8152825126580989E-3</v>
      </c>
      <c r="BW169" s="1131">
        <f t="shared" si="69"/>
        <v>1.7630565025316198E-2</v>
      </c>
      <c r="BX169" s="1131">
        <f t="shared" si="70"/>
        <v>8.8152825126580989E-3</v>
      </c>
      <c r="BY169" s="1131">
        <f t="shared" si="71"/>
        <v>2.6445847537974299E-2</v>
      </c>
      <c r="BZ169" s="1131">
        <f t="shared" si="72"/>
        <v>0.1145986726645553</v>
      </c>
      <c r="CA169" s="1131">
        <f t="shared" si="73"/>
        <v>8.8152825126580989E-3</v>
      </c>
      <c r="CB169" s="1131">
        <f t="shared" si="74"/>
        <v>8.8152825126580989E-3</v>
      </c>
      <c r="CC169" s="1131">
        <f t="shared" si="75"/>
        <v>8.8152825126580989E-3</v>
      </c>
      <c r="CD169" s="1131">
        <f t="shared" si="76"/>
        <v>2.6445847537974299E-2</v>
      </c>
      <c r="CE169" s="1131">
        <f t="shared" si="77"/>
        <v>8.8152825126580989E-3</v>
      </c>
      <c r="CF169" s="1131">
        <f t="shared" si="78"/>
        <v>0</v>
      </c>
      <c r="CG169" s="1131">
        <f t="shared" si="79"/>
        <v>0</v>
      </c>
      <c r="CH169" s="1131">
        <f t="shared" si="80"/>
        <v>8.8152825126581E-2</v>
      </c>
      <c r="CI169" s="1131">
        <f t="shared" si="81"/>
        <v>1.7630565025316198E-2</v>
      </c>
      <c r="CJ169" s="1131">
        <f t="shared" si="82"/>
        <v>3.8730760696346804E-3</v>
      </c>
      <c r="CK169" s="1132">
        <f t="shared" si="83"/>
        <v>0.99999999999999978</v>
      </c>
    </row>
    <row r="170" spans="1:89" ht="85.5" x14ac:dyDescent="0.2">
      <c r="A170" s="992"/>
      <c r="B170" s="1126" t="s">
        <v>66</v>
      </c>
      <c r="C170" s="1126"/>
      <c r="D170" s="1126"/>
      <c r="E170" s="1126"/>
      <c r="F170" s="1026" t="s">
        <v>1986</v>
      </c>
      <c r="G170" s="1026" t="s">
        <v>1203</v>
      </c>
      <c r="H170" s="1026" t="s">
        <v>1204</v>
      </c>
      <c r="I170" s="1026" t="s">
        <v>1987</v>
      </c>
      <c r="J170" s="1026">
        <v>51.742852689999999</v>
      </c>
      <c r="K170" s="1026">
        <v>-0.46993832200000002</v>
      </c>
      <c r="L170" s="1026" t="s">
        <v>1488</v>
      </c>
      <c r="M170" s="1026" t="s">
        <v>1489</v>
      </c>
      <c r="N170" s="1026">
        <v>1</v>
      </c>
      <c r="O170" s="1026" t="s">
        <v>932</v>
      </c>
      <c r="P170" s="1026" t="s">
        <v>1490</v>
      </c>
      <c r="Q170" s="1026" t="s">
        <v>1491</v>
      </c>
      <c r="R170" s="1026" t="s">
        <v>1492</v>
      </c>
      <c r="S170" s="1026" t="s">
        <v>1493</v>
      </c>
      <c r="T170" s="1026" t="s">
        <v>1988</v>
      </c>
      <c r="U170" s="1016" t="str">
        <f>_xlfn.XLOOKUP(F170, [4]GIS!D:D, [4]GIS!E:E, "Not mapped")</f>
        <v>Multiple - Scenario 1</v>
      </c>
      <c r="V170" s="1017" t="s">
        <v>1495</v>
      </c>
      <c r="W170" s="1018" t="s">
        <v>1496</v>
      </c>
      <c r="X170" s="1019" t="s">
        <v>1497</v>
      </c>
      <c r="Y170" s="1020" t="s">
        <v>1498</v>
      </c>
      <c r="Z170" s="1020" t="s">
        <v>1498</v>
      </c>
      <c r="AA170" s="1020" t="s">
        <v>1498</v>
      </c>
      <c r="AB170" s="1020" t="s">
        <v>1498</v>
      </c>
      <c r="AC170" s="1020" t="s">
        <v>1498</v>
      </c>
      <c r="AD170" s="1020" t="s">
        <v>1498</v>
      </c>
      <c r="AE170" s="1020" t="s">
        <v>1498</v>
      </c>
      <c r="AF170" s="1020" t="s">
        <v>1498</v>
      </c>
      <c r="AG170" s="1020" t="s">
        <v>1498</v>
      </c>
      <c r="AH170" s="1020" t="s">
        <v>1498</v>
      </c>
      <c r="AI170" s="1020" t="s">
        <v>1498</v>
      </c>
      <c r="AJ170" s="1020" t="s">
        <v>1498</v>
      </c>
      <c r="AK170" s="1020" t="str">
        <f>IF(AJ170="n/a","n/a",ROUND((AJ170*[4]TripRateCalculations!$V$6),0))</f>
        <v>n/a</v>
      </c>
      <c r="AL170" s="1020" t="s">
        <v>1498</v>
      </c>
      <c r="AM170" s="1020" t="s">
        <v>1498</v>
      </c>
      <c r="AN170" s="1020" t="str">
        <f>IF(AT170="n/a","n/a",ROUND((AT170*[4]TripRateCalculations!N$4),0))</f>
        <v>n/a</v>
      </c>
      <c r="AO170" s="1020" t="str">
        <f>IF(AU170="n/a","n/a",ROUND((AU170*[4]TripRateCalculations!O$4),0))</f>
        <v>n/a</v>
      </c>
      <c r="AP170" s="1020" t="str">
        <f>IF(AV170="n/a","n/a",ROUND((AV170*[4]TripRateCalculations!P$4),0))</f>
        <v>n/a</v>
      </c>
      <c r="AQ170" s="1020" t="s">
        <v>1498</v>
      </c>
      <c r="AR170" s="1020" t="str">
        <f>IF(AX170="n/a","n/a",ROUND((AX170*[4]TripRateCalculations!R$4),0))</f>
        <v>n/a</v>
      </c>
      <c r="AS170" s="1020" t="str">
        <f>IF(AY170="n/a","n/a",ROUND((AY170*[4]TripRateCalculations!S$4),0))</f>
        <v>n/a</v>
      </c>
      <c r="AT170" s="1020" t="s">
        <v>1498</v>
      </c>
      <c r="AU170" s="1020" t="s">
        <v>1498</v>
      </c>
      <c r="AV170" s="1020" t="s">
        <v>1498</v>
      </c>
      <c r="AW170" s="1020" t="s">
        <v>1498</v>
      </c>
      <c r="AX170" s="1020" t="s">
        <v>1498</v>
      </c>
      <c r="AY170" s="1020" t="s">
        <v>1498</v>
      </c>
      <c r="AZ170" s="1020" t="s">
        <v>1498</v>
      </c>
      <c r="BA170" s="1100" t="s">
        <v>1498</v>
      </c>
      <c r="BB170" s="1100" t="s">
        <v>1498</v>
      </c>
      <c r="BC170" s="1100" t="s">
        <v>1498</v>
      </c>
      <c r="BD170" s="1100" t="s">
        <v>1498</v>
      </c>
      <c r="BE170" s="1100" t="s">
        <v>1498</v>
      </c>
      <c r="BF170" s="1100" t="s">
        <v>1498</v>
      </c>
      <c r="BG170" s="1100" t="s">
        <v>1498</v>
      </c>
      <c r="BH170" s="1027" t="s">
        <v>1989</v>
      </c>
      <c r="BI170" s="1026" t="s">
        <v>722</v>
      </c>
      <c r="BJ170" s="1026" t="s">
        <v>53</v>
      </c>
      <c r="BK170" s="1042">
        <f>ROUND((VLOOKUP(F170,'[4]Cost Summary'!A:H,8,)),0.1)</f>
        <v>33063</v>
      </c>
      <c r="BL170" s="1026">
        <v>0</v>
      </c>
      <c r="BM170" s="1078" t="s">
        <v>1500</v>
      </c>
      <c r="BN170" s="1044" t="s">
        <v>1584</v>
      </c>
      <c r="BO170" s="1130">
        <v>21480.01</v>
      </c>
      <c r="BP170" s="992"/>
      <c r="BQ170" s="1131" t="e">
        <f t="shared" si="63"/>
        <v>#VALUE!</v>
      </c>
      <c r="BR170" s="1131" t="e">
        <f t="shared" si="64"/>
        <v>#VALUE!</v>
      </c>
      <c r="BS170" s="1131" t="e">
        <f t="shared" si="65"/>
        <v>#VALUE!</v>
      </c>
      <c r="BT170" s="1131" t="e">
        <f t="shared" si="66"/>
        <v>#VALUE!</v>
      </c>
      <c r="BU170" s="1131" t="e">
        <f t="shared" si="67"/>
        <v>#VALUE!</v>
      </c>
      <c r="BV170" s="1131" t="e">
        <f t="shared" si="68"/>
        <v>#VALUE!</v>
      </c>
      <c r="BW170" s="1131" t="e">
        <f t="shared" si="69"/>
        <v>#VALUE!</v>
      </c>
      <c r="BX170" s="1131" t="e">
        <f t="shared" si="70"/>
        <v>#VALUE!</v>
      </c>
      <c r="BY170" s="1131" t="e">
        <f t="shared" si="71"/>
        <v>#VALUE!</v>
      </c>
      <c r="BZ170" s="1131" t="e">
        <f t="shared" si="72"/>
        <v>#VALUE!</v>
      </c>
      <c r="CA170" s="1131" t="e">
        <f t="shared" si="73"/>
        <v>#VALUE!</v>
      </c>
      <c r="CB170" s="1131" t="e">
        <f t="shared" si="74"/>
        <v>#VALUE!</v>
      </c>
      <c r="CC170" s="1131" t="e">
        <f t="shared" si="75"/>
        <v>#VALUE!</v>
      </c>
      <c r="CD170" s="1131" t="e">
        <f t="shared" si="76"/>
        <v>#VALUE!</v>
      </c>
      <c r="CE170" s="1131" t="e">
        <f t="shared" si="77"/>
        <v>#VALUE!</v>
      </c>
      <c r="CF170" s="1131" t="e">
        <f t="shared" si="78"/>
        <v>#VALUE!</v>
      </c>
      <c r="CG170" s="1131" t="e">
        <f t="shared" si="79"/>
        <v>#VALUE!</v>
      </c>
      <c r="CH170" s="1131" t="e">
        <f t="shared" si="80"/>
        <v>#VALUE!</v>
      </c>
      <c r="CI170" s="1131" t="e">
        <f t="shared" si="81"/>
        <v>#VALUE!</v>
      </c>
      <c r="CJ170" s="1131" t="e">
        <f t="shared" si="82"/>
        <v>#VALUE!</v>
      </c>
      <c r="CK170" s="1132" t="str">
        <f t="shared" si="83"/>
        <v>n/a</v>
      </c>
    </row>
    <row r="171" spans="1:89" ht="75" x14ac:dyDescent="0.2">
      <c r="A171" s="992"/>
      <c r="B171" s="1126" t="s">
        <v>66</v>
      </c>
      <c r="C171" s="1126"/>
      <c r="D171" s="1126"/>
      <c r="E171" s="1126"/>
      <c r="F171" s="1026" t="s">
        <v>1990</v>
      </c>
      <c r="G171" s="1026" t="s">
        <v>1205</v>
      </c>
      <c r="H171" s="1026" t="s">
        <v>1206</v>
      </c>
      <c r="I171" s="1026" t="s">
        <v>1987</v>
      </c>
      <c r="J171" s="1026">
        <v>51.743035829999997</v>
      </c>
      <c r="K171" s="1026">
        <v>-0.470538497</v>
      </c>
      <c r="L171" s="1026" t="s">
        <v>1488</v>
      </c>
      <c r="M171" s="1026" t="s">
        <v>1489</v>
      </c>
      <c r="N171" s="1026">
        <v>1</v>
      </c>
      <c r="O171" s="1026" t="s">
        <v>932</v>
      </c>
      <c r="P171" s="1026" t="s">
        <v>1490</v>
      </c>
      <c r="Q171" s="1026" t="s">
        <v>1491</v>
      </c>
      <c r="R171" s="1026" t="s">
        <v>1492</v>
      </c>
      <c r="S171" s="1026" t="s">
        <v>1493</v>
      </c>
      <c r="T171" s="1026" t="s">
        <v>1988</v>
      </c>
      <c r="U171" s="1016" t="str">
        <f>_xlfn.XLOOKUP(F171, [4]GIS!D:D, [4]GIS!E:E, "Not mapped")</f>
        <v>Multiple - Scenario 1</v>
      </c>
      <c r="V171" s="1017" t="s">
        <v>1495</v>
      </c>
      <c r="W171" s="1018" t="s">
        <v>1496</v>
      </c>
      <c r="X171" s="1019" t="s">
        <v>1497</v>
      </c>
      <c r="Y171" s="1020" t="s">
        <v>1498</v>
      </c>
      <c r="Z171" s="1020" t="s">
        <v>1498</v>
      </c>
      <c r="AA171" s="1020" t="s">
        <v>1498</v>
      </c>
      <c r="AB171" s="1020" t="s">
        <v>1498</v>
      </c>
      <c r="AC171" s="1020" t="s">
        <v>1498</v>
      </c>
      <c r="AD171" s="1020" t="s">
        <v>1498</v>
      </c>
      <c r="AE171" s="1020" t="s">
        <v>1498</v>
      </c>
      <c r="AF171" s="1020" t="s">
        <v>1498</v>
      </c>
      <c r="AG171" s="1020" t="s">
        <v>1498</v>
      </c>
      <c r="AH171" s="1020" t="s">
        <v>1498</v>
      </c>
      <c r="AI171" s="1020" t="s">
        <v>1498</v>
      </c>
      <c r="AJ171" s="1020" t="s">
        <v>1498</v>
      </c>
      <c r="AK171" s="1020" t="str">
        <f>IF(AJ171="n/a","n/a",ROUND((AJ171*[4]TripRateCalculations!$V$6),0))</f>
        <v>n/a</v>
      </c>
      <c r="AL171" s="1020" t="s">
        <v>1498</v>
      </c>
      <c r="AM171" s="1020" t="s">
        <v>1498</v>
      </c>
      <c r="AN171" s="1020" t="str">
        <f>IF(AT171="n/a","n/a",ROUND((AT171*[4]TripRateCalculations!N$4),0))</f>
        <v>n/a</v>
      </c>
      <c r="AO171" s="1020" t="str">
        <f>IF(AU171="n/a","n/a",ROUND((AU171*[4]TripRateCalculations!O$4),0))</f>
        <v>n/a</v>
      </c>
      <c r="AP171" s="1020" t="str">
        <f>IF(AV171="n/a","n/a",ROUND((AV171*[4]TripRateCalculations!P$4),0))</f>
        <v>n/a</v>
      </c>
      <c r="AQ171" s="1020" t="s">
        <v>1498</v>
      </c>
      <c r="AR171" s="1020" t="str">
        <f>IF(AX171="n/a","n/a",ROUND((AX171*[4]TripRateCalculations!R$4),0))</f>
        <v>n/a</v>
      </c>
      <c r="AS171" s="1020" t="str">
        <f>IF(AY171="n/a","n/a",ROUND((AY171*[4]TripRateCalculations!S$4),0))</f>
        <v>n/a</v>
      </c>
      <c r="AT171" s="1020" t="s">
        <v>1498</v>
      </c>
      <c r="AU171" s="1020" t="s">
        <v>1498</v>
      </c>
      <c r="AV171" s="1020" t="s">
        <v>1498</v>
      </c>
      <c r="AW171" s="1020" t="s">
        <v>1498</v>
      </c>
      <c r="AX171" s="1020" t="s">
        <v>1498</v>
      </c>
      <c r="AY171" s="1020" t="s">
        <v>1498</v>
      </c>
      <c r="AZ171" s="1020" t="s">
        <v>1498</v>
      </c>
      <c r="BA171" s="1100" t="s">
        <v>1498</v>
      </c>
      <c r="BB171" s="1100" t="s">
        <v>1498</v>
      </c>
      <c r="BC171" s="1100" t="s">
        <v>1498</v>
      </c>
      <c r="BD171" s="1100" t="s">
        <v>1498</v>
      </c>
      <c r="BE171" s="1100" t="s">
        <v>1498</v>
      </c>
      <c r="BF171" s="1100" t="s">
        <v>1498</v>
      </c>
      <c r="BG171" s="1100" t="s">
        <v>1498</v>
      </c>
      <c r="BH171" s="1027" t="s">
        <v>1989</v>
      </c>
      <c r="BI171" s="1026" t="s">
        <v>722</v>
      </c>
      <c r="BJ171" s="1026" t="s">
        <v>53</v>
      </c>
      <c r="BK171" s="1042">
        <f>ROUND((VLOOKUP(F171,'[4]Cost Summary'!A:H,8,)),0.1)</f>
        <v>450565</v>
      </c>
      <c r="BL171" s="1026">
        <v>0</v>
      </c>
      <c r="BM171" s="1078" t="s">
        <v>1500</v>
      </c>
      <c r="BN171" s="1044" t="s">
        <v>1584</v>
      </c>
      <c r="BO171" s="1130">
        <v>292721</v>
      </c>
      <c r="BP171" s="992"/>
      <c r="BQ171" s="1131" t="e">
        <f t="shared" si="63"/>
        <v>#VALUE!</v>
      </c>
      <c r="BR171" s="1131" t="e">
        <f t="shared" si="64"/>
        <v>#VALUE!</v>
      </c>
      <c r="BS171" s="1131" t="e">
        <f t="shared" si="65"/>
        <v>#VALUE!</v>
      </c>
      <c r="BT171" s="1131" t="e">
        <f t="shared" si="66"/>
        <v>#VALUE!</v>
      </c>
      <c r="BU171" s="1131" t="e">
        <f t="shared" si="67"/>
        <v>#VALUE!</v>
      </c>
      <c r="BV171" s="1131" t="e">
        <f t="shared" si="68"/>
        <v>#VALUE!</v>
      </c>
      <c r="BW171" s="1131" t="e">
        <f t="shared" si="69"/>
        <v>#VALUE!</v>
      </c>
      <c r="BX171" s="1131" t="e">
        <f t="shared" si="70"/>
        <v>#VALUE!</v>
      </c>
      <c r="BY171" s="1131" t="e">
        <f t="shared" si="71"/>
        <v>#VALUE!</v>
      </c>
      <c r="BZ171" s="1131" t="e">
        <f t="shared" si="72"/>
        <v>#VALUE!</v>
      </c>
      <c r="CA171" s="1131" t="e">
        <f t="shared" si="73"/>
        <v>#VALUE!</v>
      </c>
      <c r="CB171" s="1131" t="e">
        <f t="shared" si="74"/>
        <v>#VALUE!</v>
      </c>
      <c r="CC171" s="1131" t="e">
        <f t="shared" si="75"/>
        <v>#VALUE!</v>
      </c>
      <c r="CD171" s="1131" t="e">
        <f t="shared" si="76"/>
        <v>#VALUE!</v>
      </c>
      <c r="CE171" s="1131" t="e">
        <f t="shared" si="77"/>
        <v>#VALUE!</v>
      </c>
      <c r="CF171" s="1131" t="e">
        <f t="shared" si="78"/>
        <v>#VALUE!</v>
      </c>
      <c r="CG171" s="1131" t="e">
        <f t="shared" si="79"/>
        <v>#VALUE!</v>
      </c>
      <c r="CH171" s="1131" t="e">
        <f t="shared" si="80"/>
        <v>#VALUE!</v>
      </c>
      <c r="CI171" s="1131" t="e">
        <f t="shared" si="81"/>
        <v>#VALUE!</v>
      </c>
      <c r="CJ171" s="1131" t="e">
        <f t="shared" si="82"/>
        <v>#VALUE!</v>
      </c>
      <c r="CK171" s="1132" t="str">
        <f t="shared" si="83"/>
        <v>n/a</v>
      </c>
    </row>
    <row r="172" spans="1:89" ht="75" x14ac:dyDescent="0.2">
      <c r="A172" s="992"/>
      <c r="B172" s="1126" t="s">
        <v>66</v>
      </c>
      <c r="C172" s="1126"/>
      <c r="D172" s="1126"/>
      <c r="E172" s="1126"/>
      <c r="F172" s="1026" t="s">
        <v>1991</v>
      </c>
      <c r="G172" s="1026" t="s">
        <v>1207</v>
      </c>
      <c r="H172" s="1026" t="s">
        <v>1208</v>
      </c>
      <c r="I172" s="1026" t="s">
        <v>1987</v>
      </c>
      <c r="J172" s="1026">
        <v>51.744366990000003</v>
      </c>
      <c r="K172" s="1026">
        <v>-0.471444843</v>
      </c>
      <c r="L172" s="1026" t="s">
        <v>1488</v>
      </c>
      <c r="M172" s="1026" t="s">
        <v>1489</v>
      </c>
      <c r="N172" s="1026">
        <v>1</v>
      </c>
      <c r="O172" s="1026" t="s">
        <v>932</v>
      </c>
      <c r="P172" s="1026" t="s">
        <v>1490</v>
      </c>
      <c r="Q172" s="1026" t="s">
        <v>1491</v>
      </c>
      <c r="R172" s="1026" t="s">
        <v>1492</v>
      </c>
      <c r="S172" s="1026" t="s">
        <v>1493</v>
      </c>
      <c r="T172" s="1026" t="s">
        <v>1988</v>
      </c>
      <c r="U172" s="1016" t="str">
        <f>_xlfn.XLOOKUP(F172, [4]GIS!D:D, [4]GIS!E:E, "Not mapped")</f>
        <v>Multiple - Scenario 1</v>
      </c>
      <c r="V172" s="1017" t="s">
        <v>1495</v>
      </c>
      <c r="W172" s="1018" t="s">
        <v>1496</v>
      </c>
      <c r="X172" s="1019" t="s">
        <v>1497</v>
      </c>
      <c r="Y172" s="1020" t="s">
        <v>1498</v>
      </c>
      <c r="Z172" s="1020" t="s">
        <v>1498</v>
      </c>
      <c r="AA172" s="1020" t="s">
        <v>1498</v>
      </c>
      <c r="AB172" s="1020" t="s">
        <v>1498</v>
      </c>
      <c r="AC172" s="1020" t="s">
        <v>1498</v>
      </c>
      <c r="AD172" s="1020" t="s">
        <v>1498</v>
      </c>
      <c r="AE172" s="1020" t="s">
        <v>1498</v>
      </c>
      <c r="AF172" s="1020" t="s">
        <v>1498</v>
      </c>
      <c r="AG172" s="1020" t="s">
        <v>1498</v>
      </c>
      <c r="AH172" s="1020" t="s">
        <v>1498</v>
      </c>
      <c r="AI172" s="1020" t="s">
        <v>1498</v>
      </c>
      <c r="AJ172" s="1020" t="s">
        <v>1498</v>
      </c>
      <c r="AK172" s="1020" t="str">
        <f>IF(AJ172="n/a","n/a",ROUND((AJ172*[4]TripRateCalculations!$V$6),0))</f>
        <v>n/a</v>
      </c>
      <c r="AL172" s="1020" t="s">
        <v>1498</v>
      </c>
      <c r="AM172" s="1020" t="s">
        <v>1498</v>
      </c>
      <c r="AN172" s="1020" t="str">
        <f>IF(AT172="n/a","n/a",ROUND((AT172*[4]TripRateCalculations!N$4),0))</f>
        <v>n/a</v>
      </c>
      <c r="AO172" s="1020" t="str">
        <f>IF(AU172="n/a","n/a",ROUND((AU172*[4]TripRateCalculations!O$4),0))</f>
        <v>n/a</v>
      </c>
      <c r="AP172" s="1020" t="str">
        <f>IF(AV172="n/a","n/a",ROUND((AV172*[4]TripRateCalculations!P$4),0))</f>
        <v>n/a</v>
      </c>
      <c r="AQ172" s="1020" t="s">
        <v>1498</v>
      </c>
      <c r="AR172" s="1020" t="str">
        <f>IF(AX172="n/a","n/a",ROUND((AX172*[4]TripRateCalculations!R$4),0))</f>
        <v>n/a</v>
      </c>
      <c r="AS172" s="1020" t="str">
        <f>IF(AY172="n/a","n/a",ROUND((AY172*[4]TripRateCalculations!S$4),0))</f>
        <v>n/a</v>
      </c>
      <c r="AT172" s="1020" t="s">
        <v>1498</v>
      </c>
      <c r="AU172" s="1020" t="s">
        <v>1498</v>
      </c>
      <c r="AV172" s="1020" t="s">
        <v>1498</v>
      </c>
      <c r="AW172" s="1020" t="s">
        <v>1498</v>
      </c>
      <c r="AX172" s="1020" t="s">
        <v>1498</v>
      </c>
      <c r="AY172" s="1020" t="s">
        <v>1498</v>
      </c>
      <c r="AZ172" s="1020" t="s">
        <v>1498</v>
      </c>
      <c r="BA172" s="1100" t="s">
        <v>1498</v>
      </c>
      <c r="BB172" s="1100" t="s">
        <v>1498</v>
      </c>
      <c r="BC172" s="1100" t="s">
        <v>1498</v>
      </c>
      <c r="BD172" s="1100" t="s">
        <v>1498</v>
      </c>
      <c r="BE172" s="1100" t="s">
        <v>1498</v>
      </c>
      <c r="BF172" s="1100" t="s">
        <v>1498</v>
      </c>
      <c r="BG172" s="1100" t="s">
        <v>1498</v>
      </c>
      <c r="BH172" s="1027" t="s">
        <v>1989</v>
      </c>
      <c r="BI172" s="1026" t="s">
        <v>722</v>
      </c>
      <c r="BJ172" s="1026" t="s">
        <v>53</v>
      </c>
      <c r="BK172" s="1042">
        <f>ROUND((VLOOKUP(F172,'[4]Cost Summary'!A:H,8,)),0.1)</f>
        <v>453150</v>
      </c>
      <c r="BL172" s="1026">
        <v>0</v>
      </c>
      <c r="BM172" s="1078" t="s">
        <v>1500</v>
      </c>
      <c r="BN172" s="1044" t="s">
        <v>1584</v>
      </c>
      <c r="BO172" s="1130">
        <v>294400.17</v>
      </c>
      <c r="BP172" s="992"/>
      <c r="BQ172" s="1131" t="e">
        <f t="shared" si="63"/>
        <v>#VALUE!</v>
      </c>
      <c r="BR172" s="1131" t="e">
        <f t="shared" si="64"/>
        <v>#VALUE!</v>
      </c>
      <c r="BS172" s="1131" t="e">
        <f t="shared" si="65"/>
        <v>#VALUE!</v>
      </c>
      <c r="BT172" s="1131" t="e">
        <f t="shared" si="66"/>
        <v>#VALUE!</v>
      </c>
      <c r="BU172" s="1131" t="e">
        <f t="shared" si="67"/>
        <v>#VALUE!</v>
      </c>
      <c r="BV172" s="1131" t="e">
        <f t="shared" si="68"/>
        <v>#VALUE!</v>
      </c>
      <c r="BW172" s="1131" t="e">
        <f t="shared" si="69"/>
        <v>#VALUE!</v>
      </c>
      <c r="BX172" s="1131" t="e">
        <f t="shared" si="70"/>
        <v>#VALUE!</v>
      </c>
      <c r="BY172" s="1131" t="e">
        <f t="shared" si="71"/>
        <v>#VALUE!</v>
      </c>
      <c r="BZ172" s="1131" t="e">
        <f t="shared" si="72"/>
        <v>#VALUE!</v>
      </c>
      <c r="CA172" s="1131" t="e">
        <f t="shared" si="73"/>
        <v>#VALUE!</v>
      </c>
      <c r="CB172" s="1131" t="e">
        <f t="shared" si="74"/>
        <v>#VALUE!</v>
      </c>
      <c r="CC172" s="1131" t="e">
        <f t="shared" si="75"/>
        <v>#VALUE!</v>
      </c>
      <c r="CD172" s="1131" t="e">
        <f t="shared" si="76"/>
        <v>#VALUE!</v>
      </c>
      <c r="CE172" s="1131" t="e">
        <f t="shared" si="77"/>
        <v>#VALUE!</v>
      </c>
      <c r="CF172" s="1131" t="e">
        <f t="shared" si="78"/>
        <v>#VALUE!</v>
      </c>
      <c r="CG172" s="1131" t="e">
        <f t="shared" si="79"/>
        <v>#VALUE!</v>
      </c>
      <c r="CH172" s="1131" t="e">
        <f t="shared" si="80"/>
        <v>#VALUE!</v>
      </c>
      <c r="CI172" s="1131" t="e">
        <f t="shared" si="81"/>
        <v>#VALUE!</v>
      </c>
      <c r="CJ172" s="1131" t="e">
        <f t="shared" si="82"/>
        <v>#VALUE!</v>
      </c>
      <c r="CK172" s="1132" t="str">
        <f t="shared" si="83"/>
        <v>n/a</v>
      </c>
    </row>
    <row r="173" spans="1:89" ht="75" x14ac:dyDescent="0.2">
      <c r="A173" s="992"/>
      <c r="B173" s="1126" t="s">
        <v>66</v>
      </c>
      <c r="C173" s="1126"/>
      <c r="D173" s="1126"/>
      <c r="E173" s="1126"/>
      <c r="F173" s="1026" t="s">
        <v>1992</v>
      </c>
      <c r="G173" s="1026" t="s">
        <v>1209</v>
      </c>
      <c r="H173" s="1026" t="s">
        <v>1993</v>
      </c>
      <c r="I173" s="1026" t="s">
        <v>1987</v>
      </c>
      <c r="J173" s="1026">
        <v>51.744170169999997</v>
      </c>
      <c r="K173" s="1026">
        <v>-0.471382209</v>
      </c>
      <c r="L173" s="1026" t="s">
        <v>1488</v>
      </c>
      <c r="M173" s="1026" t="s">
        <v>1489</v>
      </c>
      <c r="N173" s="1026">
        <v>1</v>
      </c>
      <c r="O173" s="1026" t="s">
        <v>932</v>
      </c>
      <c r="P173" s="1026" t="s">
        <v>1490</v>
      </c>
      <c r="Q173" s="1026" t="s">
        <v>1491</v>
      </c>
      <c r="R173" s="1026" t="s">
        <v>1492</v>
      </c>
      <c r="S173" s="1026" t="s">
        <v>1493</v>
      </c>
      <c r="T173" s="1026" t="s">
        <v>1988</v>
      </c>
      <c r="U173" s="1016" t="str">
        <f>_xlfn.XLOOKUP(F173, [4]GIS!D:D, [4]GIS!E:E, "Not mapped")</f>
        <v>Multiple - Scenario 1</v>
      </c>
      <c r="V173" s="1017" t="s">
        <v>1495</v>
      </c>
      <c r="W173" s="1018" t="s">
        <v>1496</v>
      </c>
      <c r="X173" s="1019" t="s">
        <v>1497</v>
      </c>
      <c r="Y173" s="1020" t="s">
        <v>1498</v>
      </c>
      <c r="Z173" s="1020" t="s">
        <v>1498</v>
      </c>
      <c r="AA173" s="1020" t="s">
        <v>1498</v>
      </c>
      <c r="AB173" s="1020" t="s">
        <v>1498</v>
      </c>
      <c r="AC173" s="1020" t="s">
        <v>1498</v>
      </c>
      <c r="AD173" s="1020" t="s">
        <v>1498</v>
      </c>
      <c r="AE173" s="1020" t="s">
        <v>1498</v>
      </c>
      <c r="AF173" s="1020" t="s">
        <v>1498</v>
      </c>
      <c r="AG173" s="1020" t="s">
        <v>1498</v>
      </c>
      <c r="AH173" s="1020" t="s">
        <v>1498</v>
      </c>
      <c r="AI173" s="1020" t="s">
        <v>1498</v>
      </c>
      <c r="AJ173" s="1020" t="s">
        <v>1498</v>
      </c>
      <c r="AK173" s="1020" t="str">
        <f>IF(AJ173="n/a","n/a",ROUND((AJ173*[4]TripRateCalculations!$V$6),0))</f>
        <v>n/a</v>
      </c>
      <c r="AL173" s="1020" t="s">
        <v>1498</v>
      </c>
      <c r="AM173" s="1020" t="s">
        <v>1498</v>
      </c>
      <c r="AN173" s="1020" t="str">
        <f>IF(AT173="n/a","n/a",ROUND((AT173*[4]TripRateCalculations!N$4),0))</f>
        <v>n/a</v>
      </c>
      <c r="AO173" s="1020" t="str">
        <f>IF(AU173="n/a","n/a",ROUND((AU173*[4]TripRateCalculations!O$4),0))</f>
        <v>n/a</v>
      </c>
      <c r="AP173" s="1020" t="str">
        <f>IF(AV173="n/a","n/a",ROUND((AV173*[4]TripRateCalculations!P$4),0))</f>
        <v>n/a</v>
      </c>
      <c r="AQ173" s="1020" t="s">
        <v>1498</v>
      </c>
      <c r="AR173" s="1020" t="str">
        <f>IF(AX173="n/a","n/a",ROUND((AX173*[4]TripRateCalculations!R$4),0))</f>
        <v>n/a</v>
      </c>
      <c r="AS173" s="1020" t="str">
        <f>IF(AY173="n/a","n/a",ROUND((AY173*[4]TripRateCalculations!S$4),0))</f>
        <v>n/a</v>
      </c>
      <c r="AT173" s="1020" t="s">
        <v>1498</v>
      </c>
      <c r="AU173" s="1020" t="s">
        <v>1498</v>
      </c>
      <c r="AV173" s="1020" t="s">
        <v>1498</v>
      </c>
      <c r="AW173" s="1020" t="s">
        <v>1498</v>
      </c>
      <c r="AX173" s="1020" t="s">
        <v>1498</v>
      </c>
      <c r="AY173" s="1020" t="s">
        <v>1498</v>
      </c>
      <c r="AZ173" s="1020" t="s">
        <v>1498</v>
      </c>
      <c r="BA173" s="1100" t="s">
        <v>1498</v>
      </c>
      <c r="BB173" s="1100" t="s">
        <v>1498</v>
      </c>
      <c r="BC173" s="1100" t="s">
        <v>1498</v>
      </c>
      <c r="BD173" s="1100" t="s">
        <v>1498</v>
      </c>
      <c r="BE173" s="1100" t="s">
        <v>1498</v>
      </c>
      <c r="BF173" s="1100" t="s">
        <v>1498</v>
      </c>
      <c r="BG173" s="1100" t="s">
        <v>1498</v>
      </c>
      <c r="BH173" s="1027" t="s">
        <v>1989</v>
      </c>
      <c r="BI173" s="1026" t="s">
        <v>722</v>
      </c>
      <c r="BJ173" s="1026" t="s">
        <v>53</v>
      </c>
      <c r="BK173" s="1042">
        <f>ROUND((VLOOKUP(F173,'[4]Cost Summary'!A:H,8,)),0.1)</f>
        <v>118969</v>
      </c>
      <c r="BL173" s="1026">
        <v>0</v>
      </c>
      <c r="BM173" s="1078" t="s">
        <v>1500</v>
      </c>
      <c r="BN173" s="1044" t="s">
        <v>1584</v>
      </c>
      <c r="BO173" s="1130">
        <v>77291.5</v>
      </c>
      <c r="BP173" s="992"/>
      <c r="BQ173" s="1131" t="e">
        <f t="shared" si="63"/>
        <v>#VALUE!</v>
      </c>
      <c r="BR173" s="1131" t="e">
        <f t="shared" si="64"/>
        <v>#VALUE!</v>
      </c>
      <c r="BS173" s="1131" t="e">
        <f t="shared" si="65"/>
        <v>#VALUE!</v>
      </c>
      <c r="BT173" s="1131" t="e">
        <f t="shared" si="66"/>
        <v>#VALUE!</v>
      </c>
      <c r="BU173" s="1131" t="e">
        <f t="shared" si="67"/>
        <v>#VALUE!</v>
      </c>
      <c r="BV173" s="1131" t="e">
        <f t="shared" si="68"/>
        <v>#VALUE!</v>
      </c>
      <c r="BW173" s="1131" t="e">
        <f t="shared" si="69"/>
        <v>#VALUE!</v>
      </c>
      <c r="BX173" s="1131" t="e">
        <f t="shared" si="70"/>
        <v>#VALUE!</v>
      </c>
      <c r="BY173" s="1131" t="e">
        <f t="shared" si="71"/>
        <v>#VALUE!</v>
      </c>
      <c r="BZ173" s="1131" t="e">
        <f t="shared" si="72"/>
        <v>#VALUE!</v>
      </c>
      <c r="CA173" s="1131" t="e">
        <f t="shared" si="73"/>
        <v>#VALUE!</v>
      </c>
      <c r="CB173" s="1131" t="e">
        <f t="shared" si="74"/>
        <v>#VALUE!</v>
      </c>
      <c r="CC173" s="1131" t="e">
        <f t="shared" si="75"/>
        <v>#VALUE!</v>
      </c>
      <c r="CD173" s="1131" t="e">
        <f t="shared" si="76"/>
        <v>#VALUE!</v>
      </c>
      <c r="CE173" s="1131" t="e">
        <f t="shared" si="77"/>
        <v>#VALUE!</v>
      </c>
      <c r="CF173" s="1131" t="e">
        <f t="shared" si="78"/>
        <v>#VALUE!</v>
      </c>
      <c r="CG173" s="1131" t="e">
        <f t="shared" si="79"/>
        <v>#VALUE!</v>
      </c>
      <c r="CH173" s="1131" t="e">
        <f t="shared" si="80"/>
        <v>#VALUE!</v>
      </c>
      <c r="CI173" s="1131" t="e">
        <f t="shared" si="81"/>
        <v>#VALUE!</v>
      </c>
      <c r="CJ173" s="1131" t="e">
        <f t="shared" si="82"/>
        <v>#VALUE!</v>
      </c>
      <c r="CK173" s="1132" t="str">
        <f t="shared" si="83"/>
        <v>n/a</v>
      </c>
    </row>
    <row r="174" spans="1:89" ht="75" x14ac:dyDescent="0.2">
      <c r="A174" s="992"/>
      <c r="B174" s="1126" t="s">
        <v>66</v>
      </c>
      <c r="C174" s="1126"/>
      <c r="D174" s="1126"/>
      <c r="E174" s="1126"/>
      <c r="F174" s="1026" t="s">
        <v>1994</v>
      </c>
      <c r="G174" s="1026" t="s">
        <v>1211</v>
      </c>
      <c r="H174" s="1026" t="s">
        <v>1212</v>
      </c>
      <c r="I174" s="1026" t="s">
        <v>1987</v>
      </c>
      <c r="J174" s="1026">
        <v>51.740121139999999</v>
      </c>
      <c r="K174" s="1026">
        <v>-0.46805734900000001</v>
      </c>
      <c r="L174" s="1026" t="s">
        <v>1488</v>
      </c>
      <c r="M174" s="1026" t="s">
        <v>1489</v>
      </c>
      <c r="N174" s="1026">
        <v>1</v>
      </c>
      <c r="O174" s="1026" t="s">
        <v>932</v>
      </c>
      <c r="P174" s="1026" t="s">
        <v>1490</v>
      </c>
      <c r="Q174" s="1026" t="s">
        <v>1491</v>
      </c>
      <c r="R174" s="1026" t="s">
        <v>1492</v>
      </c>
      <c r="S174" s="1026" t="s">
        <v>1493</v>
      </c>
      <c r="T174" s="1026" t="s">
        <v>1995</v>
      </c>
      <c r="U174" s="1016" t="str">
        <f>_xlfn.XLOOKUP(F174, [4]GIS!D:D, [4]GIS!E:E, "Not mapped")</f>
        <v>Multiple - Scenario 1</v>
      </c>
      <c r="V174" s="1017" t="s">
        <v>1495</v>
      </c>
      <c r="W174" s="1018" t="s">
        <v>1496</v>
      </c>
      <c r="X174" s="1019" t="s">
        <v>1497</v>
      </c>
      <c r="Y174" s="1020" t="s">
        <v>1498</v>
      </c>
      <c r="Z174" s="1020" t="s">
        <v>1498</v>
      </c>
      <c r="AA174" s="1020" t="s">
        <v>1498</v>
      </c>
      <c r="AB174" s="1020" t="s">
        <v>1498</v>
      </c>
      <c r="AC174" s="1020" t="s">
        <v>1498</v>
      </c>
      <c r="AD174" s="1020" t="s">
        <v>1498</v>
      </c>
      <c r="AE174" s="1020" t="s">
        <v>1498</v>
      </c>
      <c r="AF174" s="1020" t="s">
        <v>1498</v>
      </c>
      <c r="AG174" s="1020" t="s">
        <v>1498</v>
      </c>
      <c r="AH174" s="1020" t="s">
        <v>1498</v>
      </c>
      <c r="AI174" s="1020" t="s">
        <v>1498</v>
      </c>
      <c r="AJ174" s="1020" t="s">
        <v>1498</v>
      </c>
      <c r="AK174" s="1020" t="str">
        <f>IF(AJ174="n/a","n/a",ROUND((AJ174*[4]TripRateCalculations!$V$6),0))</f>
        <v>n/a</v>
      </c>
      <c r="AL174" s="1020" t="s">
        <v>1498</v>
      </c>
      <c r="AM174" s="1020" t="s">
        <v>1498</v>
      </c>
      <c r="AN174" s="1020" t="str">
        <f>IF(AT174="n/a","n/a",ROUND((AT174*[4]TripRateCalculations!N$4),0))</f>
        <v>n/a</v>
      </c>
      <c r="AO174" s="1020" t="str">
        <f>IF(AU174="n/a","n/a",ROUND((AU174*[4]TripRateCalculations!O$4),0))</f>
        <v>n/a</v>
      </c>
      <c r="AP174" s="1020" t="str">
        <f>IF(AV174="n/a","n/a",ROUND((AV174*[4]TripRateCalculations!P$4),0))</f>
        <v>n/a</v>
      </c>
      <c r="AQ174" s="1020" t="s">
        <v>1498</v>
      </c>
      <c r="AR174" s="1020" t="str">
        <f>IF(AX174="n/a","n/a",ROUND((AX174*[4]TripRateCalculations!R$4),0))</f>
        <v>n/a</v>
      </c>
      <c r="AS174" s="1020" t="str">
        <f>IF(AY174="n/a","n/a",ROUND((AY174*[4]TripRateCalculations!S$4),0))</f>
        <v>n/a</v>
      </c>
      <c r="AT174" s="1020" t="s">
        <v>1498</v>
      </c>
      <c r="AU174" s="1020" t="s">
        <v>1498</v>
      </c>
      <c r="AV174" s="1020" t="s">
        <v>1498</v>
      </c>
      <c r="AW174" s="1020" t="s">
        <v>1498</v>
      </c>
      <c r="AX174" s="1020" t="s">
        <v>1498</v>
      </c>
      <c r="AY174" s="1020" t="s">
        <v>1498</v>
      </c>
      <c r="AZ174" s="1020" t="s">
        <v>1498</v>
      </c>
      <c r="BA174" s="1100" t="s">
        <v>1498</v>
      </c>
      <c r="BB174" s="1100" t="s">
        <v>1498</v>
      </c>
      <c r="BC174" s="1100" t="s">
        <v>1498</v>
      </c>
      <c r="BD174" s="1100" t="s">
        <v>1498</v>
      </c>
      <c r="BE174" s="1100" t="s">
        <v>1498</v>
      </c>
      <c r="BF174" s="1100" t="s">
        <v>1498</v>
      </c>
      <c r="BG174" s="1100" t="s">
        <v>1498</v>
      </c>
      <c r="BH174" s="1027" t="s">
        <v>1796</v>
      </c>
      <c r="BI174" s="1026" t="s">
        <v>722</v>
      </c>
      <c r="BJ174" s="1026" t="s">
        <v>53</v>
      </c>
      <c r="BK174" s="1042">
        <f>ROUND((VLOOKUP(F174,'[4]Cost Summary'!A:H,8,)),0.1)</f>
        <v>6382</v>
      </c>
      <c r="BL174" s="1026">
        <v>0</v>
      </c>
      <c r="BM174" s="1078" t="s">
        <v>1500</v>
      </c>
      <c r="BN174" s="1044" t="s">
        <v>1584</v>
      </c>
      <c r="BO174" s="1130">
        <v>4145.92</v>
      </c>
      <c r="BP174" s="992"/>
      <c r="BQ174" s="1131" t="e">
        <f t="shared" si="63"/>
        <v>#VALUE!</v>
      </c>
      <c r="BR174" s="1131" t="e">
        <f t="shared" si="64"/>
        <v>#VALUE!</v>
      </c>
      <c r="BS174" s="1131" t="e">
        <f t="shared" si="65"/>
        <v>#VALUE!</v>
      </c>
      <c r="BT174" s="1131" t="e">
        <f t="shared" si="66"/>
        <v>#VALUE!</v>
      </c>
      <c r="BU174" s="1131" t="e">
        <f t="shared" si="67"/>
        <v>#VALUE!</v>
      </c>
      <c r="BV174" s="1131" t="e">
        <f t="shared" si="68"/>
        <v>#VALUE!</v>
      </c>
      <c r="BW174" s="1131" t="e">
        <f t="shared" si="69"/>
        <v>#VALUE!</v>
      </c>
      <c r="BX174" s="1131" t="e">
        <f t="shared" si="70"/>
        <v>#VALUE!</v>
      </c>
      <c r="BY174" s="1131" t="e">
        <f t="shared" si="71"/>
        <v>#VALUE!</v>
      </c>
      <c r="BZ174" s="1131" t="e">
        <f t="shared" si="72"/>
        <v>#VALUE!</v>
      </c>
      <c r="CA174" s="1131" t="e">
        <f t="shared" si="73"/>
        <v>#VALUE!</v>
      </c>
      <c r="CB174" s="1131" t="e">
        <f t="shared" si="74"/>
        <v>#VALUE!</v>
      </c>
      <c r="CC174" s="1131" t="e">
        <f t="shared" si="75"/>
        <v>#VALUE!</v>
      </c>
      <c r="CD174" s="1131" t="e">
        <f t="shared" si="76"/>
        <v>#VALUE!</v>
      </c>
      <c r="CE174" s="1131" t="e">
        <f t="shared" si="77"/>
        <v>#VALUE!</v>
      </c>
      <c r="CF174" s="1131" t="e">
        <f t="shared" si="78"/>
        <v>#VALUE!</v>
      </c>
      <c r="CG174" s="1131" t="e">
        <f t="shared" si="79"/>
        <v>#VALUE!</v>
      </c>
      <c r="CH174" s="1131" t="e">
        <f t="shared" si="80"/>
        <v>#VALUE!</v>
      </c>
      <c r="CI174" s="1131" t="e">
        <f t="shared" si="81"/>
        <v>#VALUE!</v>
      </c>
      <c r="CJ174" s="1131" t="e">
        <f t="shared" si="82"/>
        <v>#VALUE!</v>
      </c>
      <c r="CK174" s="1132" t="str">
        <f t="shared" si="83"/>
        <v>n/a</v>
      </c>
    </row>
    <row r="175" spans="1:89" ht="85.5" x14ac:dyDescent="0.2">
      <c r="A175" s="992"/>
      <c r="B175" s="1126" t="s">
        <v>66</v>
      </c>
      <c r="C175" s="1126"/>
      <c r="D175" s="1126"/>
      <c r="E175" s="1126"/>
      <c r="F175" s="1026" t="s">
        <v>1996</v>
      </c>
      <c r="G175" s="1026" t="s">
        <v>1213</v>
      </c>
      <c r="H175" s="1026" t="s">
        <v>1214</v>
      </c>
      <c r="I175" s="1026" t="s">
        <v>1987</v>
      </c>
      <c r="J175" s="1026">
        <v>51.740232259999999</v>
      </c>
      <c r="K175" s="1026">
        <v>-0.46794099099999997</v>
      </c>
      <c r="L175" s="1026" t="s">
        <v>1488</v>
      </c>
      <c r="M175" s="1026" t="s">
        <v>1489</v>
      </c>
      <c r="N175" s="1026">
        <v>1</v>
      </c>
      <c r="O175" s="1026" t="s">
        <v>932</v>
      </c>
      <c r="P175" s="1026" t="s">
        <v>1490</v>
      </c>
      <c r="Q175" s="1026" t="s">
        <v>1491</v>
      </c>
      <c r="R175" s="1026" t="s">
        <v>1492</v>
      </c>
      <c r="S175" s="1026" t="s">
        <v>1493</v>
      </c>
      <c r="T175" s="1026" t="s">
        <v>1995</v>
      </c>
      <c r="U175" s="1016" t="str">
        <f>_xlfn.XLOOKUP(F175, [4]GIS!D:D, [4]GIS!E:E, "Not mapped")</f>
        <v>Multiple - Scenario 1</v>
      </c>
      <c r="V175" s="1017" t="s">
        <v>1495</v>
      </c>
      <c r="W175" s="1018" t="s">
        <v>1496</v>
      </c>
      <c r="X175" s="1019" t="s">
        <v>1497</v>
      </c>
      <c r="Y175" s="1020" t="s">
        <v>1498</v>
      </c>
      <c r="Z175" s="1020" t="s">
        <v>1498</v>
      </c>
      <c r="AA175" s="1020" t="s">
        <v>1498</v>
      </c>
      <c r="AB175" s="1020" t="s">
        <v>1498</v>
      </c>
      <c r="AC175" s="1020" t="s">
        <v>1498</v>
      </c>
      <c r="AD175" s="1020" t="s">
        <v>1498</v>
      </c>
      <c r="AE175" s="1020" t="s">
        <v>1498</v>
      </c>
      <c r="AF175" s="1020" t="s">
        <v>1498</v>
      </c>
      <c r="AG175" s="1020" t="s">
        <v>1498</v>
      </c>
      <c r="AH175" s="1020" t="s">
        <v>1498</v>
      </c>
      <c r="AI175" s="1020" t="s">
        <v>1498</v>
      </c>
      <c r="AJ175" s="1020" t="s">
        <v>1498</v>
      </c>
      <c r="AK175" s="1020" t="str">
        <f>IF(AJ175="n/a","n/a",ROUND((AJ175*[4]TripRateCalculations!$V$6),0))</f>
        <v>n/a</v>
      </c>
      <c r="AL175" s="1020" t="s">
        <v>1498</v>
      </c>
      <c r="AM175" s="1020" t="s">
        <v>1498</v>
      </c>
      <c r="AN175" s="1020" t="str">
        <f>IF(AT175="n/a","n/a",ROUND((AT175*[4]TripRateCalculations!N$4),0))</f>
        <v>n/a</v>
      </c>
      <c r="AO175" s="1020" t="str">
        <f>IF(AU175="n/a","n/a",ROUND((AU175*[4]TripRateCalculations!O$4),0))</f>
        <v>n/a</v>
      </c>
      <c r="AP175" s="1020" t="str">
        <f>IF(AV175="n/a","n/a",ROUND((AV175*[4]TripRateCalculations!P$4),0))</f>
        <v>n/a</v>
      </c>
      <c r="AQ175" s="1020" t="s">
        <v>1498</v>
      </c>
      <c r="AR175" s="1020" t="str">
        <f>IF(AX175="n/a","n/a",ROUND((AX175*[4]TripRateCalculations!R$4),0))</f>
        <v>n/a</v>
      </c>
      <c r="AS175" s="1020" t="str">
        <f>IF(AY175="n/a","n/a",ROUND((AY175*[4]TripRateCalculations!S$4),0))</f>
        <v>n/a</v>
      </c>
      <c r="AT175" s="1020" t="s">
        <v>1498</v>
      </c>
      <c r="AU175" s="1020" t="s">
        <v>1498</v>
      </c>
      <c r="AV175" s="1020" t="s">
        <v>1498</v>
      </c>
      <c r="AW175" s="1020" t="s">
        <v>1498</v>
      </c>
      <c r="AX175" s="1020" t="s">
        <v>1498</v>
      </c>
      <c r="AY175" s="1020" t="s">
        <v>1498</v>
      </c>
      <c r="AZ175" s="1020" t="s">
        <v>1498</v>
      </c>
      <c r="BA175" s="1100" t="s">
        <v>1498</v>
      </c>
      <c r="BB175" s="1100" t="s">
        <v>1498</v>
      </c>
      <c r="BC175" s="1100" t="s">
        <v>1498</v>
      </c>
      <c r="BD175" s="1100" t="s">
        <v>1498</v>
      </c>
      <c r="BE175" s="1100" t="s">
        <v>1498</v>
      </c>
      <c r="BF175" s="1100" t="s">
        <v>1498</v>
      </c>
      <c r="BG175" s="1100" t="s">
        <v>1498</v>
      </c>
      <c r="BH175" s="1027" t="s">
        <v>1796</v>
      </c>
      <c r="BI175" s="1026" t="s">
        <v>722</v>
      </c>
      <c r="BJ175" s="1026" t="s">
        <v>53</v>
      </c>
      <c r="BK175" s="1042">
        <f>ROUND((VLOOKUP(F175,'[4]Cost Summary'!A:H,8,)),0.1)</f>
        <v>68524</v>
      </c>
      <c r="BL175" s="1026">
        <v>0</v>
      </c>
      <c r="BM175" s="1078" t="s">
        <v>1500</v>
      </c>
      <c r="BN175" s="1044" t="s">
        <v>1584</v>
      </c>
      <c r="BO175" s="1130">
        <v>44518.39</v>
      </c>
      <c r="BP175" s="992"/>
      <c r="BQ175" s="1131" t="e">
        <f t="shared" si="63"/>
        <v>#VALUE!</v>
      </c>
      <c r="BR175" s="1131" t="e">
        <f t="shared" si="64"/>
        <v>#VALUE!</v>
      </c>
      <c r="BS175" s="1131" t="e">
        <f t="shared" si="65"/>
        <v>#VALUE!</v>
      </c>
      <c r="BT175" s="1131" t="e">
        <f t="shared" si="66"/>
        <v>#VALUE!</v>
      </c>
      <c r="BU175" s="1131" t="e">
        <f t="shared" si="67"/>
        <v>#VALUE!</v>
      </c>
      <c r="BV175" s="1131" t="e">
        <f t="shared" si="68"/>
        <v>#VALUE!</v>
      </c>
      <c r="BW175" s="1131" t="e">
        <f t="shared" si="69"/>
        <v>#VALUE!</v>
      </c>
      <c r="BX175" s="1131" t="e">
        <f t="shared" si="70"/>
        <v>#VALUE!</v>
      </c>
      <c r="BY175" s="1131" t="e">
        <f t="shared" si="71"/>
        <v>#VALUE!</v>
      </c>
      <c r="BZ175" s="1131" t="e">
        <f t="shared" si="72"/>
        <v>#VALUE!</v>
      </c>
      <c r="CA175" s="1131" t="e">
        <f t="shared" si="73"/>
        <v>#VALUE!</v>
      </c>
      <c r="CB175" s="1131" t="e">
        <f t="shared" si="74"/>
        <v>#VALUE!</v>
      </c>
      <c r="CC175" s="1131" t="e">
        <f t="shared" si="75"/>
        <v>#VALUE!</v>
      </c>
      <c r="CD175" s="1131" t="e">
        <f t="shared" si="76"/>
        <v>#VALUE!</v>
      </c>
      <c r="CE175" s="1131" t="e">
        <f t="shared" si="77"/>
        <v>#VALUE!</v>
      </c>
      <c r="CF175" s="1131" t="e">
        <f t="shared" si="78"/>
        <v>#VALUE!</v>
      </c>
      <c r="CG175" s="1131" t="e">
        <f t="shared" si="79"/>
        <v>#VALUE!</v>
      </c>
      <c r="CH175" s="1131" t="e">
        <f t="shared" si="80"/>
        <v>#VALUE!</v>
      </c>
      <c r="CI175" s="1131" t="e">
        <f t="shared" si="81"/>
        <v>#VALUE!</v>
      </c>
      <c r="CJ175" s="1131" t="e">
        <f t="shared" si="82"/>
        <v>#VALUE!</v>
      </c>
      <c r="CK175" s="1132" t="str">
        <f t="shared" si="83"/>
        <v>n/a</v>
      </c>
    </row>
    <row r="176" spans="1:89" ht="75" x14ac:dyDescent="0.2">
      <c r="A176" s="992"/>
      <c r="B176" s="1126" t="s">
        <v>66</v>
      </c>
      <c r="C176" s="1126"/>
      <c r="D176" s="1126"/>
      <c r="E176" s="1126"/>
      <c r="F176" s="1026" t="s">
        <v>1997</v>
      </c>
      <c r="G176" s="1026" t="s">
        <v>1215</v>
      </c>
      <c r="H176" s="1026" t="s">
        <v>1216</v>
      </c>
      <c r="I176" s="1026" t="s">
        <v>1487</v>
      </c>
      <c r="J176" s="1026">
        <v>51.739361000000002</v>
      </c>
      <c r="K176" s="1026">
        <v>-0.46898600000000001</v>
      </c>
      <c r="L176" s="1026" t="s">
        <v>1488</v>
      </c>
      <c r="M176" s="1026" t="s">
        <v>1489</v>
      </c>
      <c r="N176" s="1026">
        <v>1</v>
      </c>
      <c r="O176" s="1026" t="s">
        <v>932</v>
      </c>
      <c r="P176" s="1026" t="s">
        <v>1490</v>
      </c>
      <c r="Q176" s="1026" t="s">
        <v>1491</v>
      </c>
      <c r="R176" s="1026" t="s">
        <v>1492</v>
      </c>
      <c r="S176" s="1026" t="s">
        <v>1493</v>
      </c>
      <c r="T176" s="1026" t="s">
        <v>1995</v>
      </c>
      <c r="U176" s="1016" t="str">
        <f>_xlfn.XLOOKUP(F176, [4]GIS!D:D, [4]GIS!E:E, "Not mapped")</f>
        <v>Multiple - Scenario 1</v>
      </c>
      <c r="V176" s="1017" t="s">
        <v>1495</v>
      </c>
      <c r="W176" s="1018" t="s">
        <v>1496</v>
      </c>
      <c r="X176" s="1019" t="s">
        <v>1497</v>
      </c>
      <c r="Y176" s="1020" t="s">
        <v>1498</v>
      </c>
      <c r="Z176" s="1020" t="s">
        <v>1498</v>
      </c>
      <c r="AA176" s="1020" t="s">
        <v>1498</v>
      </c>
      <c r="AB176" s="1020" t="s">
        <v>1498</v>
      </c>
      <c r="AC176" s="1020" t="s">
        <v>1498</v>
      </c>
      <c r="AD176" s="1020" t="s">
        <v>1498</v>
      </c>
      <c r="AE176" s="1020" t="s">
        <v>1498</v>
      </c>
      <c r="AF176" s="1020" t="s">
        <v>1498</v>
      </c>
      <c r="AG176" s="1020" t="s">
        <v>1498</v>
      </c>
      <c r="AH176" s="1020" t="s">
        <v>1498</v>
      </c>
      <c r="AI176" s="1020" t="s">
        <v>1498</v>
      </c>
      <c r="AJ176" s="1020" t="s">
        <v>1498</v>
      </c>
      <c r="AK176" s="1020" t="str">
        <f>IF(AJ176="n/a","n/a",ROUND((AJ176*[4]TripRateCalculations!$V$6),0))</f>
        <v>n/a</v>
      </c>
      <c r="AL176" s="1020" t="s">
        <v>1498</v>
      </c>
      <c r="AM176" s="1020" t="s">
        <v>1498</v>
      </c>
      <c r="AN176" s="1020" t="str">
        <f>IF(AT176="n/a","n/a",ROUND((AT176*[4]TripRateCalculations!N$4),0))</f>
        <v>n/a</v>
      </c>
      <c r="AO176" s="1020" t="str">
        <f>IF(AU176="n/a","n/a",ROUND((AU176*[4]TripRateCalculations!O$4),0))</f>
        <v>n/a</v>
      </c>
      <c r="AP176" s="1020" t="str">
        <f>IF(AV176="n/a","n/a",ROUND((AV176*[4]TripRateCalculations!P$4),0))</f>
        <v>n/a</v>
      </c>
      <c r="AQ176" s="1020" t="s">
        <v>1498</v>
      </c>
      <c r="AR176" s="1020" t="str">
        <f>IF(AX176="n/a","n/a",ROUND((AX176*[4]TripRateCalculations!R$4),0))</f>
        <v>n/a</v>
      </c>
      <c r="AS176" s="1020" t="str">
        <f>IF(AY176="n/a","n/a",ROUND((AY176*[4]TripRateCalculations!S$4),0))</f>
        <v>n/a</v>
      </c>
      <c r="AT176" s="1020" t="s">
        <v>1498</v>
      </c>
      <c r="AU176" s="1020" t="s">
        <v>1498</v>
      </c>
      <c r="AV176" s="1020" t="s">
        <v>1498</v>
      </c>
      <c r="AW176" s="1020" t="s">
        <v>1498</v>
      </c>
      <c r="AX176" s="1020" t="s">
        <v>1498</v>
      </c>
      <c r="AY176" s="1020" t="s">
        <v>1498</v>
      </c>
      <c r="AZ176" s="1020" t="s">
        <v>1498</v>
      </c>
      <c r="BA176" s="1100" t="s">
        <v>1498</v>
      </c>
      <c r="BB176" s="1100" t="s">
        <v>1498</v>
      </c>
      <c r="BC176" s="1100" t="s">
        <v>1498</v>
      </c>
      <c r="BD176" s="1100" t="s">
        <v>1498</v>
      </c>
      <c r="BE176" s="1100" t="s">
        <v>1498</v>
      </c>
      <c r="BF176" s="1100" t="s">
        <v>1498</v>
      </c>
      <c r="BG176" s="1100" t="s">
        <v>1498</v>
      </c>
      <c r="BH176" s="1027" t="s">
        <v>1796</v>
      </c>
      <c r="BI176" s="1026" t="s">
        <v>722</v>
      </c>
      <c r="BJ176" s="1026" t="s">
        <v>53</v>
      </c>
      <c r="BK176" s="1042">
        <f>ROUND((VLOOKUP(F176,'[4]Cost Summary'!A:H,8,)),0.1)</f>
        <v>10441</v>
      </c>
      <c r="BL176" s="1026">
        <v>1</v>
      </c>
      <c r="BM176" s="1078">
        <v>7</v>
      </c>
      <c r="BN176" s="1044" t="s">
        <v>1584</v>
      </c>
      <c r="BO176" s="1130">
        <v>6783.56</v>
      </c>
      <c r="BP176" s="992"/>
      <c r="BQ176" s="1131" t="e">
        <f t="shared" si="63"/>
        <v>#VALUE!</v>
      </c>
      <c r="BR176" s="1131" t="e">
        <f t="shared" si="64"/>
        <v>#VALUE!</v>
      </c>
      <c r="BS176" s="1131" t="e">
        <f t="shared" si="65"/>
        <v>#VALUE!</v>
      </c>
      <c r="BT176" s="1131" t="e">
        <f t="shared" si="66"/>
        <v>#VALUE!</v>
      </c>
      <c r="BU176" s="1131" t="e">
        <f t="shared" si="67"/>
        <v>#VALUE!</v>
      </c>
      <c r="BV176" s="1131" t="e">
        <f t="shared" si="68"/>
        <v>#VALUE!</v>
      </c>
      <c r="BW176" s="1131" t="e">
        <f t="shared" si="69"/>
        <v>#VALUE!</v>
      </c>
      <c r="BX176" s="1131" t="e">
        <f t="shared" si="70"/>
        <v>#VALUE!</v>
      </c>
      <c r="BY176" s="1131" t="e">
        <f t="shared" si="71"/>
        <v>#VALUE!</v>
      </c>
      <c r="BZ176" s="1131" t="e">
        <f t="shared" si="72"/>
        <v>#VALUE!</v>
      </c>
      <c r="CA176" s="1131" t="e">
        <f t="shared" si="73"/>
        <v>#VALUE!</v>
      </c>
      <c r="CB176" s="1131" t="e">
        <f t="shared" si="74"/>
        <v>#VALUE!</v>
      </c>
      <c r="CC176" s="1131" t="e">
        <f t="shared" si="75"/>
        <v>#VALUE!</v>
      </c>
      <c r="CD176" s="1131" t="e">
        <f t="shared" si="76"/>
        <v>#VALUE!</v>
      </c>
      <c r="CE176" s="1131" t="e">
        <f t="shared" si="77"/>
        <v>#VALUE!</v>
      </c>
      <c r="CF176" s="1131" t="e">
        <f t="shared" si="78"/>
        <v>#VALUE!</v>
      </c>
      <c r="CG176" s="1131" t="e">
        <f t="shared" si="79"/>
        <v>#VALUE!</v>
      </c>
      <c r="CH176" s="1131" t="e">
        <f t="shared" si="80"/>
        <v>#VALUE!</v>
      </c>
      <c r="CI176" s="1131" t="e">
        <f t="shared" si="81"/>
        <v>#VALUE!</v>
      </c>
      <c r="CJ176" s="1131" t="e">
        <f t="shared" si="82"/>
        <v>#VALUE!</v>
      </c>
      <c r="CK176" s="1132" t="str">
        <f t="shared" si="83"/>
        <v>n/a</v>
      </c>
    </row>
    <row r="177" spans="1:89" ht="75" x14ac:dyDescent="0.2">
      <c r="A177" s="992"/>
      <c r="B177" s="1126" t="s">
        <v>66</v>
      </c>
      <c r="C177" s="1126"/>
      <c r="D177" s="1126"/>
      <c r="E177" s="1126"/>
      <c r="F177" s="1026" t="s">
        <v>1998</v>
      </c>
      <c r="G177" s="1026" t="s">
        <v>1217</v>
      </c>
      <c r="H177" s="1026" t="s">
        <v>1218</v>
      </c>
      <c r="I177" s="1026" t="s">
        <v>1487</v>
      </c>
      <c r="J177" s="1026">
        <v>51.739121269999998</v>
      </c>
      <c r="K177" s="1026">
        <v>-0.469437469</v>
      </c>
      <c r="L177" s="1026" t="s">
        <v>1488</v>
      </c>
      <c r="M177" s="1026" t="s">
        <v>1489</v>
      </c>
      <c r="N177" s="1026">
        <v>1</v>
      </c>
      <c r="O177" s="1026" t="s">
        <v>932</v>
      </c>
      <c r="P177" s="1026" t="s">
        <v>1490</v>
      </c>
      <c r="Q177" s="1026" t="s">
        <v>1491</v>
      </c>
      <c r="R177" s="1026" t="s">
        <v>1492</v>
      </c>
      <c r="S177" s="1026" t="s">
        <v>1493</v>
      </c>
      <c r="T177" s="1026" t="s">
        <v>1995</v>
      </c>
      <c r="U177" s="1016" t="str">
        <f>_xlfn.XLOOKUP(F177, [4]GIS!D:D, [4]GIS!E:E, "Not mapped")</f>
        <v>Multiple - Scenario 1</v>
      </c>
      <c r="V177" s="1017" t="s">
        <v>1495</v>
      </c>
      <c r="W177" s="1018" t="s">
        <v>1496</v>
      </c>
      <c r="X177" s="1019" t="s">
        <v>1497</v>
      </c>
      <c r="Y177" s="1020" t="s">
        <v>1498</v>
      </c>
      <c r="Z177" s="1020" t="s">
        <v>1498</v>
      </c>
      <c r="AA177" s="1020" t="s">
        <v>1498</v>
      </c>
      <c r="AB177" s="1020" t="s">
        <v>1498</v>
      </c>
      <c r="AC177" s="1020" t="s">
        <v>1498</v>
      </c>
      <c r="AD177" s="1020" t="s">
        <v>1498</v>
      </c>
      <c r="AE177" s="1020" t="s">
        <v>1498</v>
      </c>
      <c r="AF177" s="1020" t="s">
        <v>1498</v>
      </c>
      <c r="AG177" s="1020" t="s">
        <v>1498</v>
      </c>
      <c r="AH177" s="1020" t="s">
        <v>1498</v>
      </c>
      <c r="AI177" s="1020" t="s">
        <v>1498</v>
      </c>
      <c r="AJ177" s="1020" t="s">
        <v>1498</v>
      </c>
      <c r="AK177" s="1020" t="str">
        <f>IF(AJ177="n/a","n/a",ROUND((AJ177*[4]TripRateCalculations!$V$6),0))</f>
        <v>n/a</v>
      </c>
      <c r="AL177" s="1020" t="s">
        <v>1498</v>
      </c>
      <c r="AM177" s="1020" t="s">
        <v>1498</v>
      </c>
      <c r="AN177" s="1020" t="str">
        <f>IF(AT177="n/a","n/a",ROUND((AT177*[4]TripRateCalculations!N$4),0))</f>
        <v>n/a</v>
      </c>
      <c r="AO177" s="1020" t="str">
        <f>IF(AU177="n/a","n/a",ROUND((AU177*[4]TripRateCalculations!O$4),0))</f>
        <v>n/a</v>
      </c>
      <c r="AP177" s="1020" t="str">
        <f>IF(AV177="n/a","n/a",ROUND((AV177*[4]TripRateCalculations!P$4),0))</f>
        <v>n/a</v>
      </c>
      <c r="AQ177" s="1020" t="s">
        <v>1498</v>
      </c>
      <c r="AR177" s="1020" t="str">
        <f>IF(AX177="n/a","n/a",ROUND((AX177*[4]TripRateCalculations!R$4),0))</f>
        <v>n/a</v>
      </c>
      <c r="AS177" s="1020" t="str">
        <f>IF(AY177="n/a","n/a",ROUND((AY177*[4]TripRateCalculations!S$4),0))</f>
        <v>n/a</v>
      </c>
      <c r="AT177" s="1020" t="s">
        <v>1498</v>
      </c>
      <c r="AU177" s="1020" t="s">
        <v>1498</v>
      </c>
      <c r="AV177" s="1020" t="s">
        <v>1498</v>
      </c>
      <c r="AW177" s="1020" t="s">
        <v>1498</v>
      </c>
      <c r="AX177" s="1020" t="s">
        <v>1498</v>
      </c>
      <c r="AY177" s="1020" t="s">
        <v>1498</v>
      </c>
      <c r="AZ177" s="1020" t="s">
        <v>1498</v>
      </c>
      <c r="BA177" s="1100" t="s">
        <v>1498</v>
      </c>
      <c r="BB177" s="1100" t="s">
        <v>1498</v>
      </c>
      <c r="BC177" s="1100" t="s">
        <v>1498</v>
      </c>
      <c r="BD177" s="1100" t="s">
        <v>1498</v>
      </c>
      <c r="BE177" s="1100" t="s">
        <v>1498</v>
      </c>
      <c r="BF177" s="1100" t="s">
        <v>1498</v>
      </c>
      <c r="BG177" s="1100" t="s">
        <v>1498</v>
      </c>
      <c r="BH177" s="1027" t="s">
        <v>1796</v>
      </c>
      <c r="BI177" s="1026" t="s">
        <v>722</v>
      </c>
      <c r="BJ177" s="1026" t="s">
        <v>53</v>
      </c>
      <c r="BK177" s="1042">
        <f>ROUND((VLOOKUP(F177,'[4]Cost Summary'!A:H,8,)),0.1)</f>
        <v>797</v>
      </c>
      <c r="BL177" s="1026">
        <v>1</v>
      </c>
      <c r="BM177" s="1078">
        <v>7</v>
      </c>
      <c r="BN177" s="1044" t="s">
        <v>1584</v>
      </c>
      <c r="BO177" s="1130">
        <v>518.02</v>
      </c>
      <c r="BP177" s="992"/>
      <c r="BQ177" s="1131" t="e">
        <f t="shared" si="63"/>
        <v>#VALUE!</v>
      </c>
      <c r="BR177" s="1131" t="e">
        <f t="shared" si="64"/>
        <v>#VALUE!</v>
      </c>
      <c r="BS177" s="1131" t="e">
        <f t="shared" si="65"/>
        <v>#VALUE!</v>
      </c>
      <c r="BT177" s="1131" t="e">
        <f t="shared" si="66"/>
        <v>#VALUE!</v>
      </c>
      <c r="BU177" s="1131" t="e">
        <f t="shared" si="67"/>
        <v>#VALUE!</v>
      </c>
      <c r="BV177" s="1131" t="e">
        <f t="shared" si="68"/>
        <v>#VALUE!</v>
      </c>
      <c r="BW177" s="1131" t="e">
        <f t="shared" si="69"/>
        <v>#VALUE!</v>
      </c>
      <c r="BX177" s="1131" t="e">
        <f t="shared" si="70"/>
        <v>#VALUE!</v>
      </c>
      <c r="BY177" s="1131" t="e">
        <f t="shared" si="71"/>
        <v>#VALUE!</v>
      </c>
      <c r="BZ177" s="1131" t="e">
        <f t="shared" si="72"/>
        <v>#VALUE!</v>
      </c>
      <c r="CA177" s="1131" t="e">
        <f t="shared" si="73"/>
        <v>#VALUE!</v>
      </c>
      <c r="CB177" s="1131" t="e">
        <f t="shared" si="74"/>
        <v>#VALUE!</v>
      </c>
      <c r="CC177" s="1131" t="e">
        <f t="shared" si="75"/>
        <v>#VALUE!</v>
      </c>
      <c r="CD177" s="1131" t="e">
        <f t="shared" si="76"/>
        <v>#VALUE!</v>
      </c>
      <c r="CE177" s="1131" t="e">
        <f t="shared" si="77"/>
        <v>#VALUE!</v>
      </c>
      <c r="CF177" s="1131" t="e">
        <f t="shared" si="78"/>
        <v>#VALUE!</v>
      </c>
      <c r="CG177" s="1131" t="e">
        <f t="shared" si="79"/>
        <v>#VALUE!</v>
      </c>
      <c r="CH177" s="1131" t="e">
        <f t="shared" si="80"/>
        <v>#VALUE!</v>
      </c>
      <c r="CI177" s="1131" t="e">
        <f t="shared" si="81"/>
        <v>#VALUE!</v>
      </c>
      <c r="CJ177" s="1131" t="e">
        <f t="shared" si="82"/>
        <v>#VALUE!</v>
      </c>
      <c r="CK177" s="1132" t="str">
        <f t="shared" si="83"/>
        <v>n/a</v>
      </c>
    </row>
    <row r="178" spans="1:89" ht="75" x14ac:dyDescent="0.2">
      <c r="A178" s="992"/>
      <c r="B178" s="1126" t="s">
        <v>66</v>
      </c>
      <c r="C178" s="1126"/>
      <c r="D178" s="1126"/>
      <c r="E178" s="1126"/>
      <c r="F178" s="1026" t="s">
        <v>1999</v>
      </c>
      <c r="G178" s="1026" t="s">
        <v>1219</v>
      </c>
      <c r="H178" s="1026" t="s">
        <v>1220</v>
      </c>
      <c r="I178" s="1026" t="s">
        <v>1715</v>
      </c>
      <c r="J178" s="1026"/>
      <c r="K178" s="1026"/>
      <c r="L178" s="1026" t="s">
        <v>1488</v>
      </c>
      <c r="M178" s="1026" t="s">
        <v>1489</v>
      </c>
      <c r="N178" s="1026">
        <v>1</v>
      </c>
      <c r="O178" s="1026" t="s">
        <v>932</v>
      </c>
      <c r="P178" s="1026" t="s">
        <v>1490</v>
      </c>
      <c r="Q178" s="1026" t="s">
        <v>1491</v>
      </c>
      <c r="R178" s="1026" t="s">
        <v>1492</v>
      </c>
      <c r="S178" s="1026" t="s">
        <v>1493</v>
      </c>
      <c r="T178" s="1026" t="s">
        <v>2000</v>
      </c>
      <c r="U178" s="1016" t="str">
        <f>_xlfn.XLOOKUP(F178, [4]GIS!D:D, [4]GIS!E:E, "Not mapped")</f>
        <v>Single - Scenario 2</v>
      </c>
      <c r="V178" s="1017" t="s">
        <v>1495</v>
      </c>
      <c r="W178" s="1018" t="s">
        <v>1496</v>
      </c>
      <c r="X178" s="1019" t="s">
        <v>1497</v>
      </c>
      <c r="Y178" s="1020" t="s">
        <v>1498</v>
      </c>
      <c r="Z178" s="1020" t="s">
        <v>1498</v>
      </c>
      <c r="AA178" s="1020" t="s">
        <v>1498</v>
      </c>
      <c r="AB178" s="1020" t="s">
        <v>1498</v>
      </c>
      <c r="AC178" s="1020" t="s">
        <v>1498</v>
      </c>
      <c r="AD178" s="1020" t="s">
        <v>1498</v>
      </c>
      <c r="AE178" s="1020" t="s">
        <v>1498</v>
      </c>
      <c r="AF178" s="1020" t="s">
        <v>1498</v>
      </c>
      <c r="AG178" s="1020" t="s">
        <v>1498</v>
      </c>
      <c r="AH178" s="1020" t="s">
        <v>1498</v>
      </c>
      <c r="AI178" s="1020" t="s">
        <v>1498</v>
      </c>
      <c r="AJ178" s="1020" t="s">
        <v>1498</v>
      </c>
      <c r="AK178" s="1020" t="str">
        <f>IF(AJ178="n/a","n/a",ROUND((AJ178*[4]TripRateCalculations!$V$6),0))</f>
        <v>n/a</v>
      </c>
      <c r="AL178" s="1020" t="s">
        <v>1498</v>
      </c>
      <c r="AM178" s="1020" t="s">
        <v>1498</v>
      </c>
      <c r="AN178" s="1020" t="str">
        <f>IF(AT178="n/a","n/a",ROUND((AT178*[4]TripRateCalculations!N$4),0))</f>
        <v>n/a</v>
      </c>
      <c r="AO178" s="1020" t="str">
        <f>IF(AU178="n/a","n/a",ROUND((AU178*[4]TripRateCalculations!O$4),0))</f>
        <v>n/a</v>
      </c>
      <c r="AP178" s="1020" t="str">
        <f>IF(AV178="n/a","n/a",ROUND((AV178*[4]TripRateCalculations!P$4),0))</f>
        <v>n/a</v>
      </c>
      <c r="AQ178" s="1020" t="s">
        <v>1498</v>
      </c>
      <c r="AR178" s="1020" t="str">
        <f>IF(AX178="n/a","n/a",ROUND((AX178*[4]TripRateCalculations!R$4),0))</f>
        <v>n/a</v>
      </c>
      <c r="AS178" s="1020" t="str">
        <f>IF(AY178="n/a","n/a",ROUND((AY178*[4]TripRateCalculations!S$4),0))</f>
        <v>n/a</v>
      </c>
      <c r="AT178" s="1020" t="s">
        <v>1498</v>
      </c>
      <c r="AU178" s="1020" t="s">
        <v>1498</v>
      </c>
      <c r="AV178" s="1020" t="s">
        <v>1498</v>
      </c>
      <c r="AW178" s="1020" t="s">
        <v>1498</v>
      </c>
      <c r="AX178" s="1020" t="s">
        <v>1498</v>
      </c>
      <c r="AY178" s="1020" t="s">
        <v>1498</v>
      </c>
      <c r="AZ178" s="1020" t="s">
        <v>1498</v>
      </c>
      <c r="BA178" s="1100" t="s">
        <v>1498</v>
      </c>
      <c r="BB178" s="1100" t="s">
        <v>1498</v>
      </c>
      <c r="BC178" s="1100" t="s">
        <v>1498</v>
      </c>
      <c r="BD178" s="1100" t="s">
        <v>1498</v>
      </c>
      <c r="BE178" s="1100" t="s">
        <v>1498</v>
      </c>
      <c r="BF178" s="1100" t="s">
        <v>1498</v>
      </c>
      <c r="BG178" s="1100" t="s">
        <v>1498</v>
      </c>
      <c r="BH178" s="1027" t="s">
        <v>2001</v>
      </c>
      <c r="BI178" s="1026" t="s">
        <v>722</v>
      </c>
      <c r="BJ178" s="1026" t="s">
        <v>53</v>
      </c>
      <c r="BK178" s="1042">
        <f>ROUND((VLOOKUP(F178,'[4]Cost Summary'!A:H,8,)),0.1)</f>
        <v>922013</v>
      </c>
      <c r="BL178" s="1026">
        <v>1</v>
      </c>
      <c r="BM178" s="1078">
        <v>8</v>
      </c>
      <c r="BN178" s="1044" t="s">
        <v>1584</v>
      </c>
      <c r="BO178" s="1130">
        <v>599009.13</v>
      </c>
      <c r="BP178" s="992"/>
      <c r="BQ178" s="1131" t="e">
        <f t="shared" si="63"/>
        <v>#VALUE!</v>
      </c>
      <c r="BR178" s="1131" t="e">
        <f t="shared" si="64"/>
        <v>#VALUE!</v>
      </c>
      <c r="BS178" s="1131" t="e">
        <f t="shared" si="65"/>
        <v>#VALUE!</v>
      </c>
      <c r="BT178" s="1131" t="e">
        <f t="shared" si="66"/>
        <v>#VALUE!</v>
      </c>
      <c r="BU178" s="1131" t="e">
        <f t="shared" si="67"/>
        <v>#VALUE!</v>
      </c>
      <c r="BV178" s="1131" t="e">
        <f t="shared" si="68"/>
        <v>#VALUE!</v>
      </c>
      <c r="BW178" s="1131" t="e">
        <f t="shared" si="69"/>
        <v>#VALUE!</v>
      </c>
      <c r="BX178" s="1131" t="e">
        <f t="shared" si="70"/>
        <v>#VALUE!</v>
      </c>
      <c r="BY178" s="1131" t="e">
        <f t="shared" si="71"/>
        <v>#VALUE!</v>
      </c>
      <c r="BZ178" s="1131" t="e">
        <f t="shared" si="72"/>
        <v>#VALUE!</v>
      </c>
      <c r="CA178" s="1131" t="e">
        <f t="shared" si="73"/>
        <v>#VALUE!</v>
      </c>
      <c r="CB178" s="1131" t="e">
        <f t="shared" si="74"/>
        <v>#VALUE!</v>
      </c>
      <c r="CC178" s="1131" t="e">
        <f t="shared" si="75"/>
        <v>#VALUE!</v>
      </c>
      <c r="CD178" s="1131" t="e">
        <f t="shared" si="76"/>
        <v>#VALUE!</v>
      </c>
      <c r="CE178" s="1131" t="e">
        <f t="shared" si="77"/>
        <v>#VALUE!</v>
      </c>
      <c r="CF178" s="1131" t="e">
        <f t="shared" si="78"/>
        <v>#VALUE!</v>
      </c>
      <c r="CG178" s="1131" t="e">
        <f t="shared" si="79"/>
        <v>#VALUE!</v>
      </c>
      <c r="CH178" s="1131" t="e">
        <f t="shared" si="80"/>
        <v>#VALUE!</v>
      </c>
      <c r="CI178" s="1131" t="e">
        <f t="shared" si="81"/>
        <v>#VALUE!</v>
      </c>
      <c r="CJ178" s="1131" t="e">
        <f t="shared" si="82"/>
        <v>#VALUE!</v>
      </c>
      <c r="CK178" s="1132" t="str">
        <f t="shared" si="83"/>
        <v>n/a</v>
      </c>
    </row>
    <row r="179" spans="1:89" ht="75" x14ac:dyDescent="0.2">
      <c r="A179" s="992"/>
      <c r="B179" s="1126" t="s">
        <v>66</v>
      </c>
      <c r="C179" s="1126"/>
      <c r="D179" s="1126"/>
      <c r="E179" s="1126"/>
      <c r="F179" s="1026" t="s">
        <v>2002</v>
      </c>
      <c r="G179" s="1026" t="s">
        <v>1221</v>
      </c>
      <c r="H179" s="1026" t="s">
        <v>1222</v>
      </c>
      <c r="I179" s="1026" t="s">
        <v>2003</v>
      </c>
      <c r="J179" s="1026" t="s">
        <v>2004</v>
      </c>
      <c r="K179" s="1026" t="s">
        <v>2005</v>
      </c>
      <c r="L179" s="1026" t="s">
        <v>1488</v>
      </c>
      <c r="M179" s="1026" t="s">
        <v>1489</v>
      </c>
      <c r="N179" s="1026">
        <v>1</v>
      </c>
      <c r="O179" s="1026" t="s">
        <v>932</v>
      </c>
      <c r="P179" s="1026" t="s">
        <v>1490</v>
      </c>
      <c r="Q179" s="1026" t="s">
        <v>1491</v>
      </c>
      <c r="R179" s="1026" t="s">
        <v>1492</v>
      </c>
      <c r="S179" s="1026" t="s">
        <v>1493</v>
      </c>
      <c r="T179" s="1026" t="s">
        <v>2000</v>
      </c>
      <c r="U179" s="1016" t="str">
        <f>_xlfn.XLOOKUP(F179, [4]GIS!D:D, [4]GIS!E:E, "Not mapped")</f>
        <v>Single - Scenario 2</v>
      </c>
      <c r="V179" s="1017" t="s">
        <v>1495</v>
      </c>
      <c r="W179" s="1018" t="s">
        <v>1496</v>
      </c>
      <c r="X179" s="1019" t="s">
        <v>1497</v>
      </c>
      <c r="Y179" s="1020" t="s">
        <v>1498</v>
      </c>
      <c r="Z179" s="1020" t="s">
        <v>1498</v>
      </c>
      <c r="AA179" s="1020" t="s">
        <v>1498</v>
      </c>
      <c r="AB179" s="1020" t="s">
        <v>1498</v>
      </c>
      <c r="AC179" s="1020" t="s">
        <v>1498</v>
      </c>
      <c r="AD179" s="1020" t="s">
        <v>1498</v>
      </c>
      <c r="AE179" s="1020" t="s">
        <v>1498</v>
      </c>
      <c r="AF179" s="1020" t="s">
        <v>1498</v>
      </c>
      <c r="AG179" s="1020" t="s">
        <v>1498</v>
      </c>
      <c r="AH179" s="1020" t="s">
        <v>1498</v>
      </c>
      <c r="AI179" s="1020" t="s">
        <v>1498</v>
      </c>
      <c r="AJ179" s="1020" t="s">
        <v>1498</v>
      </c>
      <c r="AK179" s="1020" t="str">
        <f>IF(AJ179="n/a","n/a",ROUND((AJ179*[4]TripRateCalculations!$V$6),0))</f>
        <v>n/a</v>
      </c>
      <c r="AL179" s="1020" t="s">
        <v>1498</v>
      </c>
      <c r="AM179" s="1020" t="s">
        <v>1498</v>
      </c>
      <c r="AN179" s="1020" t="str">
        <f>IF(AT179="n/a","n/a",ROUND((AT179*[4]TripRateCalculations!N$4),0))</f>
        <v>n/a</v>
      </c>
      <c r="AO179" s="1020" t="str">
        <f>IF(AU179="n/a","n/a",ROUND((AU179*[4]TripRateCalculations!O$4),0))</f>
        <v>n/a</v>
      </c>
      <c r="AP179" s="1020" t="str">
        <f>IF(AV179="n/a","n/a",ROUND((AV179*[4]TripRateCalculations!P$4),0))</f>
        <v>n/a</v>
      </c>
      <c r="AQ179" s="1020" t="s">
        <v>1498</v>
      </c>
      <c r="AR179" s="1020" t="str">
        <f>IF(AX179="n/a","n/a",ROUND((AX179*[4]TripRateCalculations!R$4),0))</f>
        <v>n/a</v>
      </c>
      <c r="AS179" s="1020" t="str">
        <f>IF(AY179="n/a","n/a",ROUND((AY179*[4]TripRateCalculations!S$4),0))</f>
        <v>n/a</v>
      </c>
      <c r="AT179" s="1020" t="s">
        <v>1498</v>
      </c>
      <c r="AU179" s="1020" t="s">
        <v>1498</v>
      </c>
      <c r="AV179" s="1020" t="s">
        <v>1498</v>
      </c>
      <c r="AW179" s="1020" t="s">
        <v>1498</v>
      </c>
      <c r="AX179" s="1020" t="s">
        <v>1498</v>
      </c>
      <c r="AY179" s="1020" t="s">
        <v>1498</v>
      </c>
      <c r="AZ179" s="1020" t="s">
        <v>1498</v>
      </c>
      <c r="BA179" s="1100" t="s">
        <v>1498</v>
      </c>
      <c r="BB179" s="1100" t="s">
        <v>1498</v>
      </c>
      <c r="BC179" s="1100" t="s">
        <v>1498</v>
      </c>
      <c r="BD179" s="1100" t="s">
        <v>1498</v>
      </c>
      <c r="BE179" s="1100" t="s">
        <v>1498</v>
      </c>
      <c r="BF179" s="1100" t="s">
        <v>1498</v>
      </c>
      <c r="BG179" s="1100" t="s">
        <v>1498</v>
      </c>
      <c r="BH179" s="1027" t="s">
        <v>2001</v>
      </c>
      <c r="BI179" s="1026" t="s">
        <v>722</v>
      </c>
      <c r="BJ179" s="1026" t="s">
        <v>53</v>
      </c>
      <c r="BK179" s="1042">
        <f>ROUND((VLOOKUP(F179,'[4]Cost Summary'!A:H,8,)),0.1)</f>
        <v>6961</v>
      </c>
      <c r="BL179" s="1026">
        <v>1</v>
      </c>
      <c r="BM179" s="1078">
        <v>8</v>
      </c>
      <c r="BN179" s="1044" t="s">
        <v>1584</v>
      </c>
      <c r="BO179" s="1130">
        <v>4522.38</v>
      </c>
      <c r="BP179" s="992"/>
      <c r="BQ179" s="1131" t="e">
        <f t="shared" si="63"/>
        <v>#VALUE!</v>
      </c>
      <c r="BR179" s="1131" t="e">
        <f t="shared" si="64"/>
        <v>#VALUE!</v>
      </c>
      <c r="BS179" s="1131" t="e">
        <f t="shared" si="65"/>
        <v>#VALUE!</v>
      </c>
      <c r="BT179" s="1131" t="e">
        <f t="shared" si="66"/>
        <v>#VALUE!</v>
      </c>
      <c r="BU179" s="1131" t="e">
        <f t="shared" si="67"/>
        <v>#VALUE!</v>
      </c>
      <c r="BV179" s="1131" t="e">
        <f t="shared" si="68"/>
        <v>#VALUE!</v>
      </c>
      <c r="BW179" s="1131" t="e">
        <f t="shared" si="69"/>
        <v>#VALUE!</v>
      </c>
      <c r="BX179" s="1131" t="e">
        <f t="shared" si="70"/>
        <v>#VALUE!</v>
      </c>
      <c r="BY179" s="1131" t="e">
        <f t="shared" si="71"/>
        <v>#VALUE!</v>
      </c>
      <c r="BZ179" s="1131" t="e">
        <f t="shared" si="72"/>
        <v>#VALUE!</v>
      </c>
      <c r="CA179" s="1131" t="e">
        <f t="shared" si="73"/>
        <v>#VALUE!</v>
      </c>
      <c r="CB179" s="1131" t="e">
        <f t="shared" si="74"/>
        <v>#VALUE!</v>
      </c>
      <c r="CC179" s="1131" t="e">
        <f t="shared" si="75"/>
        <v>#VALUE!</v>
      </c>
      <c r="CD179" s="1131" t="e">
        <f t="shared" si="76"/>
        <v>#VALUE!</v>
      </c>
      <c r="CE179" s="1131" t="e">
        <f t="shared" si="77"/>
        <v>#VALUE!</v>
      </c>
      <c r="CF179" s="1131" t="e">
        <f t="shared" si="78"/>
        <v>#VALUE!</v>
      </c>
      <c r="CG179" s="1131" t="e">
        <f t="shared" si="79"/>
        <v>#VALUE!</v>
      </c>
      <c r="CH179" s="1131" t="e">
        <f t="shared" si="80"/>
        <v>#VALUE!</v>
      </c>
      <c r="CI179" s="1131" t="e">
        <f t="shared" si="81"/>
        <v>#VALUE!</v>
      </c>
      <c r="CJ179" s="1131" t="e">
        <f t="shared" si="82"/>
        <v>#VALUE!</v>
      </c>
      <c r="CK179" s="1132" t="str">
        <f t="shared" si="83"/>
        <v>n/a</v>
      </c>
    </row>
    <row r="180" spans="1:89" ht="142.5" x14ac:dyDescent="0.2">
      <c r="A180" s="992"/>
      <c r="B180" s="1126" t="s">
        <v>66</v>
      </c>
      <c r="C180" s="1126"/>
      <c r="D180" s="1126"/>
      <c r="E180" s="1126"/>
      <c r="F180" s="1026" t="s">
        <v>2006</v>
      </c>
      <c r="G180" s="1026" t="s">
        <v>1223</v>
      </c>
      <c r="H180" s="1026" t="s">
        <v>2007</v>
      </c>
      <c r="I180" s="1026" t="s">
        <v>2008</v>
      </c>
      <c r="J180" s="1026"/>
      <c r="K180" s="1026"/>
      <c r="L180" s="1026" t="s">
        <v>1488</v>
      </c>
      <c r="M180" s="1026" t="s">
        <v>1489</v>
      </c>
      <c r="N180" s="1026">
        <v>1</v>
      </c>
      <c r="O180" s="1026" t="s">
        <v>932</v>
      </c>
      <c r="P180" s="1026" t="s">
        <v>1490</v>
      </c>
      <c r="Q180" s="1026" t="s">
        <v>1491</v>
      </c>
      <c r="R180" s="1026" t="s">
        <v>1492</v>
      </c>
      <c r="S180" s="1026" t="s">
        <v>1493</v>
      </c>
      <c r="T180" s="1026" t="s">
        <v>1534</v>
      </c>
      <c r="U180" s="1016" t="str">
        <f>_xlfn.XLOOKUP(F180, [4]GIS!D:D, [4]GIS!E:E, "Not mapped")</f>
        <v>Multiple - Scenario 2</v>
      </c>
      <c r="V180" s="1017" t="s">
        <v>1495</v>
      </c>
      <c r="W180" s="1018" t="s">
        <v>1496</v>
      </c>
      <c r="X180" s="1019" t="s">
        <v>1497</v>
      </c>
      <c r="Y180" s="1020" t="s">
        <v>1498</v>
      </c>
      <c r="Z180" s="1020" t="s">
        <v>1498</v>
      </c>
      <c r="AA180" s="1020" t="s">
        <v>1498</v>
      </c>
      <c r="AB180" s="1020" t="s">
        <v>1498</v>
      </c>
      <c r="AC180" s="1020" t="s">
        <v>1498</v>
      </c>
      <c r="AD180" s="1020" t="s">
        <v>1498</v>
      </c>
      <c r="AE180" s="1020" t="s">
        <v>1498</v>
      </c>
      <c r="AF180" s="1020" t="s">
        <v>1498</v>
      </c>
      <c r="AG180" s="1020" t="s">
        <v>1498</v>
      </c>
      <c r="AH180" s="1020" t="s">
        <v>1498</v>
      </c>
      <c r="AI180" s="1020" t="s">
        <v>1498</v>
      </c>
      <c r="AJ180" s="1020" t="s">
        <v>1498</v>
      </c>
      <c r="AK180" s="1020" t="str">
        <f>IF(AJ180="n/a","n/a",ROUND((AJ180*[4]TripRateCalculations!$V$6),0))</f>
        <v>n/a</v>
      </c>
      <c r="AL180" s="1020" t="s">
        <v>1498</v>
      </c>
      <c r="AM180" s="1020" t="s">
        <v>1498</v>
      </c>
      <c r="AN180" s="1020" t="str">
        <f>IF(AT180="n/a","n/a",ROUND((AT180*[4]TripRateCalculations!N$4),0))</f>
        <v>n/a</v>
      </c>
      <c r="AO180" s="1020" t="str">
        <f>IF(AU180="n/a","n/a",ROUND((AU180*[4]TripRateCalculations!O$4),0))</f>
        <v>n/a</v>
      </c>
      <c r="AP180" s="1020" t="str">
        <f>IF(AV180="n/a","n/a",ROUND((AV180*[4]TripRateCalculations!P$4),0))</f>
        <v>n/a</v>
      </c>
      <c r="AQ180" s="1020" t="s">
        <v>1498</v>
      </c>
      <c r="AR180" s="1020" t="str">
        <f>IF(AX180="n/a","n/a",ROUND((AX180*[4]TripRateCalculations!R$4),0))</f>
        <v>n/a</v>
      </c>
      <c r="AS180" s="1020" t="str">
        <f>IF(AY180="n/a","n/a",ROUND((AY180*[4]TripRateCalculations!S$4),0))</f>
        <v>n/a</v>
      </c>
      <c r="AT180" s="1020" t="s">
        <v>1498</v>
      </c>
      <c r="AU180" s="1020" t="s">
        <v>1498</v>
      </c>
      <c r="AV180" s="1020" t="s">
        <v>1498</v>
      </c>
      <c r="AW180" s="1020" t="s">
        <v>1498</v>
      </c>
      <c r="AX180" s="1020" t="s">
        <v>1498</v>
      </c>
      <c r="AY180" s="1020" t="s">
        <v>1498</v>
      </c>
      <c r="AZ180" s="1020" t="s">
        <v>1498</v>
      </c>
      <c r="BA180" s="1100" t="s">
        <v>1498</v>
      </c>
      <c r="BB180" s="1100" t="s">
        <v>1498</v>
      </c>
      <c r="BC180" s="1100" t="s">
        <v>1498</v>
      </c>
      <c r="BD180" s="1100" t="s">
        <v>1498</v>
      </c>
      <c r="BE180" s="1100" t="s">
        <v>1498</v>
      </c>
      <c r="BF180" s="1100" t="s">
        <v>1498</v>
      </c>
      <c r="BG180" s="1100" t="s">
        <v>1498</v>
      </c>
      <c r="BH180" s="1027" t="s">
        <v>2001</v>
      </c>
      <c r="BI180" s="1026" t="s">
        <v>722</v>
      </c>
      <c r="BJ180" s="1026" t="s">
        <v>53</v>
      </c>
      <c r="BK180" s="1042">
        <f>ROUND((VLOOKUP(F180,'[4]Cost Summary'!A:H,8,)),0.1)</f>
        <v>1983442</v>
      </c>
      <c r="BL180" s="1026">
        <v>0</v>
      </c>
      <c r="BM180" s="1078" t="s">
        <v>1500</v>
      </c>
      <c r="BN180" s="1044" t="s">
        <v>1584</v>
      </c>
      <c r="BO180" s="1130">
        <v>1288592.99</v>
      </c>
      <c r="BP180" s="992"/>
      <c r="BQ180" s="1131" t="e">
        <f t="shared" si="63"/>
        <v>#VALUE!</v>
      </c>
      <c r="BR180" s="1131" t="e">
        <f t="shared" si="64"/>
        <v>#VALUE!</v>
      </c>
      <c r="BS180" s="1131" t="e">
        <f t="shared" si="65"/>
        <v>#VALUE!</v>
      </c>
      <c r="BT180" s="1131" t="e">
        <f t="shared" si="66"/>
        <v>#VALUE!</v>
      </c>
      <c r="BU180" s="1131" t="e">
        <f t="shared" si="67"/>
        <v>#VALUE!</v>
      </c>
      <c r="BV180" s="1131" t="e">
        <f t="shared" si="68"/>
        <v>#VALUE!</v>
      </c>
      <c r="BW180" s="1131" t="e">
        <f t="shared" si="69"/>
        <v>#VALUE!</v>
      </c>
      <c r="BX180" s="1131" t="e">
        <f t="shared" si="70"/>
        <v>#VALUE!</v>
      </c>
      <c r="BY180" s="1131" t="e">
        <f t="shared" si="71"/>
        <v>#VALUE!</v>
      </c>
      <c r="BZ180" s="1131" t="e">
        <f t="shared" si="72"/>
        <v>#VALUE!</v>
      </c>
      <c r="CA180" s="1131" t="e">
        <f t="shared" si="73"/>
        <v>#VALUE!</v>
      </c>
      <c r="CB180" s="1131" t="e">
        <f t="shared" si="74"/>
        <v>#VALUE!</v>
      </c>
      <c r="CC180" s="1131" t="e">
        <f t="shared" si="75"/>
        <v>#VALUE!</v>
      </c>
      <c r="CD180" s="1131" t="e">
        <f t="shared" si="76"/>
        <v>#VALUE!</v>
      </c>
      <c r="CE180" s="1131" t="e">
        <f t="shared" si="77"/>
        <v>#VALUE!</v>
      </c>
      <c r="CF180" s="1131" t="e">
        <f t="shared" si="78"/>
        <v>#VALUE!</v>
      </c>
      <c r="CG180" s="1131" t="e">
        <f t="shared" si="79"/>
        <v>#VALUE!</v>
      </c>
      <c r="CH180" s="1131" t="e">
        <f t="shared" si="80"/>
        <v>#VALUE!</v>
      </c>
      <c r="CI180" s="1131" t="e">
        <f t="shared" si="81"/>
        <v>#VALUE!</v>
      </c>
      <c r="CJ180" s="1131" t="e">
        <f t="shared" si="82"/>
        <v>#VALUE!</v>
      </c>
      <c r="CK180" s="1132" t="str">
        <f t="shared" si="83"/>
        <v>n/a</v>
      </c>
    </row>
    <row r="181" spans="1:89" ht="57" x14ac:dyDescent="0.2">
      <c r="A181" s="992"/>
      <c r="B181" s="1126" t="s">
        <v>66</v>
      </c>
      <c r="C181" s="1126"/>
      <c r="D181" s="1126"/>
      <c r="E181" s="1126"/>
      <c r="F181" s="1026" t="s">
        <v>2009</v>
      </c>
      <c r="G181" s="1026" t="s">
        <v>2010</v>
      </c>
      <c r="H181" s="1026" t="s">
        <v>1226</v>
      </c>
      <c r="I181" s="1026" t="s">
        <v>1533</v>
      </c>
      <c r="J181" s="1026">
        <v>51.741593029999997</v>
      </c>
      <c r="K181" s="1026">
        <v>-0.44885778799999998</v>
      </c>
      <c r="L181" s="1026" t="s">
        <v>1488</v>
      </c>
      <c r="M181" s="1026" t="s">
        <v>1489</v>
      </c>
      <c r="N181" s="1026">
        <v>1</v>
      </c>
      <c r="O181" s="1026" t="s">
        <v>932</v>
      </c>
      <c r="P181" s="1026" t="s">
        <v>1490</v>
      </c>
      <c r="Q181" s="1026" t="s">
        <v>1491</v>
      </c>
      <c r="R181" s="1026" t="s">
        <v>1492</v>
      </c>
      <c r="S181" s="1026" t="s">
        <v>1493</v>
      </c>
      <c r="T181" s="1026" t="s">
        <v>1534</v>
      </c>
      <c r="U181" s="1016" t="str">
        <f>_xlfn.XLOOKUP(F181, [4]GIS!D:D, [4]GIS!E:E, "Not mapped")</f>
        <v>Multiple - Scenario 2</v>
      </c>
      <c r="V181" s="1031" t="s">
        <v>1515</v>
      </c>
      <c r="W181" s="1018" t="s">
        <v>1496</v>
      </c>
      <c r="X181" s="1019" t="s">
        <v>1497</v>
      </c>
      <c r="Y181" s="1020" t="s">
        <v>1498</v>
      </c>
      <c r="Z181" s="1020" t="s">
        <v>1498</v>
      </c>
      <c r="AA181" s="1020" t="s">
        <v>1498</v>
      </c>
      <c r="AB181" s="1020" t="s">
        <v>1498</v>
      </c>
      <c r="AC181" s="1020" t="s">
        <v>1498</v>
      </c>
      <c r="AD181" s="1020" t="s">
        <v>1498</v>
      </c>
      <c r="AE181" s="1020" t="s">
        <v>1498</v>
      </c>
      <c r="AF181" s="1020" t="s">
        <v>1498</v>
      </c>
      <c r="AG181" s="1020" t="s">
        <v>1498</v>
      </c>
      <c r="AH181" s="1020" t="s">
        <v>1498</v>
      </c>
      <c r="AI181" s="1020" t="s">
        <v>1498</v>
      </c>
      <c r="AJ181" s="1020" t="s">
        <v>1498</v>
      </c>
      <c r="AK181" s="1020" t="str">
        <f>IF(AJ181="n/a","n/a",ROUND((AJ181*[4]TripRateCalculations!$V$6),0))</f>
        <v>n/a</v>
      </c>
      <c r="AL181" s="1020" t="s">
        <v>1498</v>
      </c>
      <c r="AM181" s="1020" t="s">
        <v>1498</v>
      </c>
      <c r="AN181" s="1020" t="str">
        <f>IF(AT181="n/a","n/a",ROUND((AT181*[4]TripRateCalculations!N$4),0))</f>
        <v>n/a</v>
      </c>
      <c r="AO181" s="1020" t="str">
        <f>IF(AU181="n/a","n/a",ROUND((AU181*[4]TripRateCalculations!O$4),0))</f>
        <v>n/a</v>
      </c>
      <c r="AP181" s="1020" t="str">
        <f>IF(AV181="n/a","n/a",ROUND((AV181*[4]TripRateCalculations!P$4),0))</f>
        <v>n/a</v>
      </c>
      <c r="AQ181" s="1020" t="s">
        <v>1498</v>
      </c>
      <c r="AR181" s="1020" t="str">
        <f>IF(AX181="n/a","n/a",ROUND((AX181*[4]TripRateCalculations!R$4),0))</f>
        <v>n/a</v>
      </c>
      <c r="AS181" s="1020" t="str">
        <f>IF(AY181="n/a","n/a",ROUND((AY181*[4]TripRateCalculations!S$4),0))</f>
        <v>n/a</v>
      </c>
      <c r="AT181" s="1020" t="s">
        <v>1498</v>
      </c>
      <c r="AU181" s="1020" t="s">
        <v>1498</v>
      </c>
      <c r="AV181" s="1020" t="s">
        <v>1498</v>
      </c>
      <c r="AW181" s="1020" t="s">
        <v>1498</v>
      </c>
      <c r="AX181" s="1020" t="s">
        <v>1498</v>
      </c>
      <c r="AY181" s="1020" t="s">
        <v>1498</v>
      </c>
      <c r="AZ181" s="1020" t="s">
        <v>1498</v>
      </c>
      <c r="BA181" s="1100" t="s">
        <v>1498</v>
      </c>
      <c r="BB181" s="1100" t="s">
        <v>1498</v>
      </c>
      <c r="BC181" s="1100" t="s">
        <v>1498</v>
      </c>
      <c r="BD181" s="1100" t="s">
        <v>1498</v>
      </c>
      <c r="BE181" s="1100" t="s">
        <v>1498</v>
      </c>
      <c r="BF181" s="1100" t="s">
        <v>1498</v>
      </c>
      <c r="BG181" s="1100" t="s">
        <v>1498</v>
      </c>
      <c r="BH181" s="1027" t="s">
        <v>2001</v>
      </c>
      <c r="BI181" s="1026" t="s">
        <v>722</v>
      </c>
      <c r="BJ181" s="1026" t="s">
        <v>53</v>
      </c>
      <c r="BK181" s="1042">
        <f>ROUND((VLOOKUP(F181,'[4]Cost Summary'!A:H,8,)),0.1)</f>
        <v>234142</v>
      </c>
      <c r="BL181" s="1026">
        <v>0</v>
      </c>
      <c r="BM181" s="1078" t="s">
        <v>1500</v>
      </c>
      <c r="BN181" s="1044" t="s">
        <v>1584</v>
      </c>
      <c r="BO181" s="1130">
        <v>152116.25</v>
      </c>
      <c r="BP181" s="992"/>
      <c r="BQ181" s="1131" t="e">
        <f t="shared" si="63"/>
        <v>#VALUE!</v>
      </c>
      <c r="BR181" s="1131" t="e">
        <f t="shared" si="64"/>
        <v>#VALUE!</v>
      </c>
      <c r="BS181" s="1131" t="e">
        <f t="shared" si="65"/>
        <v>#VALUE!</v>
      </c>
      <c r="BT181" s="1131" t="e">
        <f t="shared" si="66"/>
        <v>#VALUE!</v>
      </c>
      <c r="BU181" s="1131" t="e">
        <f t="shared" si="67"/>
        <v>#VALUE!</v>
      </c>
      <c r="BV181" s="1131" t="e">
        <f t="shared" si="68"/>
        <v>#VALUE!</v>
      </c>
      <c r="BW181" s="1131" t="e">
        <f t="shared" si="69"/>
        <v>#VALUE!</v>
      </c>
      <c r="BX181" s="1131" t="e">
        <f t="shared" si="70"/>
        <v>#VALUE!</v>
      </c>
      <c r="BY181" s="1131" t="e">
        <f t="shared" si="71"/>
        <v>#VALUE!</v>
      </c>
      <c r="BZ181" s="1131" t="e">
        <f t="shared" si="72"/>
        <v>#VALUE!</v>
      </c>
      <c r="CA181" s="1131" t="e">
        <f t="shared" si="73"/>
        <v>#VALUE!</v>
      </c>
      <c r="CB181" s="1131" t="e">
        <f t="shared" si="74"/>
        <v>#VALUE!</v>
      </c>
      <c r="CC181" s="1131" t="e">
        <f t="shared" si="75"/>
        <v>#VALUE!</v>
      </c>
      <c r="CD181" s="1131" t="e">
        <f t="shared" si="76"/>
        <v>#VALUE!</v>
      </c>
      <c r="CE181" s="1131" t="e">
        <f t="shared" si="77"/>
        <v>#VALUE!</v>
      </c>
      <c r="CF181" s="1131" t="e">
        <f t="shared" si="78"/>
        <v>#VALUE!</v>
      </c>
      <c r="CG181" s="1131" t="e">
        <f t="shared" si="79"/>
        <v>#VALUE!</v>
      </c>
      <c r="CH181" s="1131" t="e">
        <f t="shared" si="80"/>
        <v>#VALUE!</v>
      </c>
      <c r="CI181" s="1131" t="e">
        <f t="shared" si="81"/>
        <v>#VALUE!</v>
      </c>
      <c r="CJ181" s="1131" t="e">
        <f t="shared" si="82"/>
        <v>#VALUE!</v>
      </c>
      <c r="CK181" s="1132" t="str">
        <f t="shared" si="83"/>
        <v>n/a</v>
      </c>
    </row>
    <row r="182" spans="1:89" ht="171" x14ac:dyDescent="0.2">
      <c r="A182" s="992"/>
      <c r="B182" s="1126" t="s">
        <v>66</v>
      </c>
      <c r="C182" s="1126"/>
      <c r="D182" s="1126"/>
      <c r="E182" s="1126"/>
      <c r="F182" s="1026" t="s">
        <v>2011</v>
      </c>
      <c r="G182" s="1026" t="s">
        <v>1227</v>
      </c>
      <c r="H182" s="1026" t="s">
        <v>1228</v>
      </c>
      <c r="I182" s="1026" t="s">
        <v>2012</v>
      </c>
      <c r="J182" s="1026"/>
      <c r="K182" s="1026"/>
      <c r="L182" s="1026" t="s">
        <v>1488</v>
      </c>
      <c r="M182" s="1026" t="s">
        <v>1489</v>
      </c>
      <c r="N182" s="1026">
        <v>1</v>
      </c>
      <c r="O182" s="1026" t="s">
        <v>932</v>
      </c>
      <c r="P182" s="1026" t="s">
        <v>1490</v>
      </c>
      <c r="Q182" s="1026" t="s">
        <v>1491</v>
      </c>
      <c r="R182" s="1026" t="s">
        <v>1492</v>
      </c>
      <c r="S182" s="1026" t="s">
        <v>1493</v>
      </c>
      <c r="T182" s="1026" t="s">
        <v>1534</v>
      </c>
      <c r="U182" s="1016" t="str">
        <f>_xlfn.XLOOKUP(F182, [4]GIS!D:D, [4]GIS!E:E, "Not mapped")</f>
        <v>Multiple - Scenario 2</v>
      </c>
      <c r="V182" s="1031" t="s">
        <v>1515</v>
      </c>
      <c r="W182" s="1018" t="s">
        <v>1496</v>
      </c>
      <c r="X182" s="1019" t="s">
        <v>1497</v>
      </c>
      <c r="Y182" s="1020" t="s">
        <v>1498</v>
      </c>
      <c r="Z182" s="1020" t="s">
        <v>1498</v>
      </c>
      <c r="AA182" s="1020" t="s">
        <v>1498</v>
      </c>
      <c r="AB182" s="1020" t="s">
        <v>1498</v>
      </c>
      <c r="AC182" s="1020" t="s">
        <v>1498</v>
      </c>
      <c r="AD182" s="1020" t="s">
        <v>1498</v>
      </c>
      <c r="AE182" s="1020" t="s">
        <v>1498</v>
      </c>
      <c r="AF182" s="1020" t="s">
        <v>1498</v>
      </c>
      <c r="AG182" s="1020" t="s">
        <v>1498</v>
      </c>
      <c r="AH182" s="1020" t="s">
        <v>1498</v>
      </c>
      <c r="AI182" s="1020" t="s">
        <v>1498</v>
      </c>
      <c r="AJ182" s="1020" t="s">
        <v>1498</v>
      </c>
      <c r="AK182" s="1020" t="str">
        <f>IF(AJ182="n/a","n/a",ROUND((AJ182*[4]TripRateCalculations!$V$6),0))</f>
        <v>n/a</v>
      </c>
      <c r="AL182" s="1020" t="s">
        <v>1498</v>
      </c>
      <c r="AM182" s="1020" t="s">
        <v>1498</v>
      </c>
      <c r="AN182" s="1020" t="str">
        <f>IF(AT182="n/a","n/a",ROUND((AT182*[4]TripRateCalculations!N$4),0))</f>
        <v>n/a</v>
      </c>
      <c r="AO182" s="1020" t="str">
        <f>IF(AU182="n/a","n/a",ROUND((AU182*[4]TripRateCalculations!O$4),0))</f>
        <v>n/a</v>
      </c>
      <c r="AP182" s="1020" t="str">
        <f>IF(AV182="n/a","n/a",ROUND((AV182*[4]TripRateCalculations!P$4),0))</f>
        <v>n/a</v>
      </c>
      <c r="AQ182" s="1020" t="s">
        <v>1498</v>
      </c>
      <c r="AR182" s="1020" t="str">
        <f>IF(AX182="n/a","n/a",ROUND((AX182*[4]TripRateCalculations!R$4),0))</f>
        <v>n/a</v>
      </c>
      <c r="AS182" s="1020" t="str">
        <f>IF(AY182="n/a","n/a",ROUND((AY182*[4]TripRateCalculations!S$4),0))</f>
        <v>n/a</v>
      </c>
      <c r="AT182" s="1020" t="s">
        <v>1498</v>
      </c>
      <c r="AU182" s="1020" t="s">
        <v>1498</v>
      </c>
      <c r="AV182" s="1020" t="s">
        <v>1498</v>
      </c>
      <c r="AW182" s="1020" t="s">
        <v>1498</v>
      </c>
      <c r="AX182" s="1020" t="s">
        <v>1498</v>
      </c>
      <c r="AY182" s="1020" t="s">
        <v>1498</v>
      </c>
      <c r="AZ182" s="1020" t="s">
        <v>1498</v>
      </c>
      <c r="BA182" s="1100" t="s">
        <v>1498</v>
      </c>
      <c r="BB182" s="1100" t="s">
        <v>1498</v>
      </c>
      <c r="BC182" s="1100" t="s">
        <v>1498</v>
      </c>
      <c r="BD182" s="1100" t="s">
        <v>1498</v>
      </c>
      <c r="BE182" s="1100" t="s">
        <v>1498</v>
      </c>
      <c r="BF182" s="1100" t="s">
        <v>1498</v>
      </c>
      <c r="BG182" s="1100" t="s">
        <v>1498</v>
      </c>
      <c r="BH182" s="1027" t="s">
        <v>2001</v>
      </c>
      <c r="BI182" s="1026" t="s">
        <v>722</v>
      </c>
      <c r="BJ182" s="1026" t="s">
        <v>53</v>
      </c>
      <c r="BK182" s="1042">
        <f>ROUND((VLOOKUP(F182,'[4]Cost Summary'!A:H,8,)),0.1)</f>
        <v>341774</v>
      </c>
      <c r="BL182" s="1026">
        <v>0</v>
      </c>
      <c r="BM182" s="1078" t="s">
        <v>1500</v>
      </c>
      <c r="BN182" s="1044" t="s">
        <v>1584</v>
      </c>
      <c r="BO182" s="1130">
        <v>222042.17</v>
      </c>
      <c r="BP182" s="992"/>
      <c r="BQ182" s="1131" t="e">
        <f t="shared" si="63"/>
        <v>#VALUE!</v>
      </c>
      <c r="BR182" s="1131" t="e">
        <f t="shared" si="64"/>
        <v>#VALUE!</v>
      </c>
      <c r="BS182" s="1131" t="e">
        <f t="shared" si="65"/>
        <v>#VALUE!</v>
      </c>
      <c r="BT182" s="1131" t="e">
        <f t="shared" si="66"/>
        <v>#VALUE!</v>
      </c>
      <c r="BU182" s="1131" t="e">
        <f t="shared" si="67"/>
        <v>#VALUE!</v>
      </c>
      <c r="BV182" s="1131" t="e">
        <f t="shared" si="68"/>
        <v>#VALUE!</v>
      </c>
      <c r="BW182" s="1131" t="e">
        <f t="shared" si="69"/>
        <v>#VALUE!</v>
      </c>
      <c r="BX182" s="1131" t="e">
        <f t="shared" si="70"/>
        <v>#VALUE!</v>
      </c>
      <c r="BY182" s="1131" t="e">
        <f t="shared" si="71"/>
        <v>#VALUE!</v>
      </c>
      <c r="BZ182" s="1131" t="e">
        <f t="shared" si="72"/>
        <v>#VALUE!</v>
      </c>
      <c r="CA182" s="1131" t="e">
        <f t="shared" si="73"/>
        <v>#VALUE!</v>
      </c>
      <c r="CB182" s="1131" t="e">
        <f t="shared" si="74"/>
        <v>#VALUE!</v>
      </c>
      <c r="CC182" s="1131" t="e">
        <f t="shared" si="75"/>
        <v>#VALUE!</v>
      </c>
      <c r="CD182" s="1131" t="e">
        <f t="shared" si="76"/>
        <v>#VALUE!</v>
      </c>
      <c r="CE182" s="1131" t="e">
        <f t="shared" si="77"/>
        <v>#VALUE!</v>
      </c>
      <c r="CF182" s="1131" t="e">
        <f t="shared" si="78"/>
        <v>#VALUE!</v>
      </c>
      <c r="CG182" s="1131" t="e">
        <f t="shared" si="79"/>
        <v>#VALUE!</v>
      </c>
      <c r="CH182" s="1131" t="e">
        <f t="shared" si="80"/>
        <v>#VALUE!</v>
      </c>
      <c r="CI182" s="1131" t="e">
        <f t="shared" si="81"/>
        <v>#VALUE!</v>
      </c>
      <c r="CJ182" s="1131" t="e">
        <f t="shared" si="82"/>
        <v>#VALUE!</v>
      </c>
      <c r="CK182" s="1132" t="str">
        <f t="shared" si="83"/>
        <v>n/a</v>
      </c>
    </row>
    <row r="183" spans="1:89" ht="75" x14ac:dyDescent="0.2">
      <c r="A183" s="992"/>
      <c r="B183" s="1126" t="s">
        <v>66</v>
      </c>
      <c r="C183" s="1126"/>
      <c r="D183" s="1126"/>
      <c r="E183" s="1126"/>
      <c r="F183" s="1026" t="s">
        <v>2013</v>
      </c>
      <c r="G183" s="1026" t="s">
        <v>1229</v>
      </c>
      <c r="H183" s="1026" t="s">
        <v>1230</v>
      </c>
      <c r="I183" s="1026" t="s">
        <v>2014</v>
      </c>
      <c r="J183" s="1026" t="s">
        <v>2015</v>
      </c>
      <c r="K183" s="1026" t="s">
        <v>2016</v>
      </c>
      <c r="L183" s="1026" t="s">
        <v>1488</v>
      </c>
      <c r="M183" s="1026" t="s">
        <v>1489</v>
      </c>
      <c r="N183" s="1026">
        <v>1</v>
      </c>
      <c r="O183" s="1026" t="s">
        <v>932</v>
      </c>
      <c r="P183" s="1026" t="s">
        <v>1490</v>
      </c>
      <c r="Q183" s="1026" t="s">
        <v>1491</v>
      </c>
      <c r="R183" s="1026" t="s">
        <v>1492</v>
      </c>
      <c r="S183" s="1026" t="s">
        <v>1493</v>
      </c>
      <c r="T183" s="1026" t="s">
        <v>1534</v>
      </c>
      <c r="U183" s="1016" t="str">
        <f>_xlfn.XLOOKUP(F183, [4]GIS!D:D, [4]GIS!E:E, "Not mapped")</f>
        <v>Single - Scenario 3</v>
      </c>
      <c r="V183" s="1017" t="s">
        <v>1495</v>
      </c>
      <c r="W183" s="1018" t="s">
        <v>1496</v>
      </c>
      <c r="X183" s="1019" t="s">
        <v>1497</v>
      </c>
      <c r="Y183" s="1020" t="s">
        <v>1498</v>
      </c>
      <c r="Z183" s="1020" t="s">
        <v>1498</v>
      </c>
      <c r="AA183" s="1020" t="s">
        <v>1498</v>
      </c>
      <c r="AB183" s="1020" t="s">
        <v>1498</v>
      </c>
      <c r="AC183" s="1020" t="s">
        <v>1498</v>
      </c>
      <c r="AD183" s="1020" t="s">
        <v>1498</v>
      </c>
      <c r="AE183" s="1020" t="s">
        <v>1498</v>
      </c>
      <c r="AF183" s="1020" t="s">
        <v>1498</v>
      </c>
      <c r="AG183" s="1020" t="s">
        <v>1498</v>
      </c>
      <c r="AH183" s="1020" t="s">
        <v>1498</v>
      </c>
      <c r="AI183" s="1020" t="s">
        <v>1498</v>
      </c>
      <c r="AJ183" s="1020" t="s">
        <v>1498</v>
      </c>
      <c r="AK183" s="1020" t="str">
        <f>IF(AJ183="n/a","n/a",ROUND((AJ183*[4]TripRateCalculations!$V$6),0))</f>
        <v>n/a</v>
      </c>
      <c r="AL183" s="1020" t="s">
        <v>1498</v>
      </c>
      <c r="AM183" s="1020" t="s">
        <v>1498</v>
      </c>
      <c r="AN183" s="1020" t="str">
        <f>IF(AT183="n/a","n/a",ROUND((AT183*[4]TripRateCalculations!N$4),0))</f>
        <v>n/a</v>
      </c>
      <c r="AO183" s="1020" t="str">
        <f>IF(AU183="n/a","n/a",ROUND((AU183*[4]TripRateCalculations!O$4),0))</f>
        <v>n/a</v>
      </c>
      <c r="AP183" s="1020" t="str">
        <f>IF(AV183="n/a","n/a",ROUND((AV183*[4]TripRateCalculations!P$4),0))</f>
        <v>n/a</v>
      </c>
      <c r="AQ183" s="1020" t="s">
        <v>1498</v>
      </c>
      <c r="AR183" s="1020" t="str">
        <f>IF(AX183="n/a","n/a",ROUND((AX183*[4]TripRateCalculations!R$4),0))</f>
        <v>n/a</v>
      </c>
      <c r="AS183" s="1020" t="str">
        <f>IF(AY183="n/a","n/a",ROUND((AY183*[4]TripRateCalculations!S$4),0))</f>
        <v>n/a</v>
      </c>
      <c r="AT183" s="1020" t="s">
        <v>1498</v>
      </c>
      <c r="AU183" s="1020" t="s">
        <v>1498</v>
      </c>
      <c r="AV183" s="1020" t="s">
        <v>1498</v>
      </c>
      <c r="AW183" s="1020" t="s">
        <v>1498</v>
      </c>
      <c r="AX183" s="1020" t="s">
        <v>1498</v>
      </c>
      <c r="AY183" s="1020" t="s">
        <v>1498</v>
      </c>
      <c r="AZ183" s="1020" t="s">
        <v>1498</v>
      </c>
      <c r="BA183" s="1100" t="s">
        <v>1498</v>
      </c>
      <c r="BB183" s="1100" t="s">
        <v>1498</v>
      </c>
      <c r="BC183" s="1100" t="s">
        <v>1498</v>
      </c>
      <c r="BD183" s="1100" t="s">
        <v>1498</v>
      </c>
      <c r="BE183" s="1100" t="s">
        <v>1498</v>
      </c>
      <c r="BF183" s="1100" t="s">
        <v>1498</v>
      </c>
      <c r="BG183" s="1100" t="s">
        <v>1498</v>
      </c>
      <c r="BH183" s="1027" t="s">
        <v>2001</v>
      </c>
      <c r="BI183" s="1026" t="s">
        <v>722</v>
      </c>
      <c r="BJ183" s="1026" t="s">
        <v>53</v>
      </c>
      <c r="BK183" s="1042">
        <f>ROUND((VLOOKUP(F183,'[4]Cost Summary'!A:H,8,)),0.1)</f>
        <v>6961</v>
      </c>
      <c r="BL183" s="1026">
        <v>0</v>
      </c>
      <c r="BM183" s="1078" t="s">
        <v>1500</v>
      </c>
      <c r="BN183" s="1044" t="s">
        <v>1584</v>
      </c>
      <c r="BO183" s="1130">
        <v>4522.38</v>
      </c>
      <c r="BP183" s="992"/>
      <c r="BQ183" s="1131" t="e">
        <f t="shared" si="63"/>
        <v>#VALUE!</v>
      </c>
      <c r="BR183" s="1131" t="e">
        <f t="shared" si="64"/>
        <v>#VALUE!</v>
      </c>
      <c r="BS183" s="1131" t="e">
        <f t="shared" si="65"/>
        <v>#VALUE!</v>
      </c>
      <c r="BT183" s="1131" t="e">
        <f t="shared" si="66"/>
        <v>#VALUE!</v>
      </c>
      <c r="BU183" s="1131" t="e">
        <f t="shared" si="67"/>
        <v>#VALUE!</v>
      </c>
      <c r="BV183" s="1131" t="e">
        <f t="shared" si="68"/>
        <v>#VALUE!</v>
      </c>
      <c r="BW183" s="1131" t="e">
        <f t="shared" si="69"/>
        <v>#VALUE!</v>
      </c>
      <c r="BX183" s="1131" t="e">
        <f t="shared" si="70"/>
        <v>#VALUE!</v>
      </c>
      <c r="BY183" s="1131" t="e">
        <f t="shared" si="71"/>
        <v>#VALUE!</v>
      </c>
      <c r="BZ183" s="1131" t="e">
        <f t="shared" si="72"/>
        <v>#VALUE!</v>
      </c>
      <c r="CA183" s="1131" t="e">
        <f t="shared" si="73"/>
        <v>#VALUE!</v>
      </c>
      <c r="CB183" s="1131" t="e">
        <f t="shared" si="74"/>
        <v>#VALUE!</v>
      </c>
      <c r="CC183" s="1131" t="e">
        <f t="shared" si="75"/>
        <v>#VALUE!</v>
      </c>
      <c r="CD183" s="1131" t="e">
        <f t="shared" si="76"/>
        <v>#VALUE!</v>
      </c>
      <c r="CE183" s="1131" t="e">
        <f t="shared" si="77"/>
        <v>#VALUE!</v>
      </c>
      <c r="CF183" s="1131" t="e">
        <f t="shared" si="78"/>
        <v>#VALUE!</v>
      </c>
      <c r="CG183" s="1131" t="e">
        <f t="shared" si="79"/>
        <v>#VALUE!</v>
      </c>
      <c r="CH183" s="1131" t="e">
        <f t="shared" si="80"/>
        <v>#VALUE!</v>
      </c>
      <c r="CI183" s="1131" t="e">
        <f t="shared" si="81"/>
        <v>#VALUE!</v>
      </c>
      <c r="CJ183" s="1131" t="e">
        <f t="shared" si="82"/>
        <v>#VALUE!</v>
      </c>
      <c r="CK183" s="1132" t="str">
        <f t="shared" si="83"/>
        <v>n/a</v>
      </c>
    </row>
    <row r="184" spans="1:89" ht="30" x14ac:dyDescent="0.2">
      <c r="A184" s="992"/>
      <c r="B184" s="1126" t="s">
        <v>66</v>
      </c>
      <c r="C184" s="1126"/>
      <c r="D184" s="1126"/>
      <c r="E184" s="1126"/>
      <c r="F184" s="1026" t="s">
        <v>2017</v>
      </c>
      <c r="G184" s="1026" t="s">
        <v>1231</v>
      </c>
      <c r="H184" s="1026" t="s">
        <v>1232</v>
      </c>
      <c r="I184" s="1026" t="s">
        <v>1487</v>
      </c>
      <c r="J184" s="1026">
        <v>51.743291329999998</v>
      </c>
      <c r="K184" s="1026">
        <v>-0.45603233999999998</v>
      </c>
      <c r="L184" s="1026" t="s">
        <v>1488</v>
      </c>
      <c r="M184" s="1026" t="s">
        <v>1489</v>
      </c>
      <c r="N184" s="1026">
        <v>1</v>
      </c>
      <c r="O184" s="1026" t="s">
        <v>932</v>
      </c>
      <c r="P184" s="1026" t="s">
        <v>1490</v>
      </c>
      <c r="Q184" s="1026" t="s">
        <v>1491</v>
      </c>
      <c r="R184" s="1026" t="s">
        <v>1492</v>
      </c>
      <c r="S184" s="1026" t="s">
        <v>1493</v>
      </c>
      <c r="T184" s="1026" t="s">
        <v>1534</v>
      </c>
      <c r="U184" s="1016" t="str">
        <f>_xlfn.XLOOKUP(F184, [4]GIS!D:D, [4]GIS!E:E, "Not mapped")</f>
        <v>Multiple - Scenario 2</v>
      </c>
      <c r="V184" s="1031" t="s">
        <v>1515</v>
      </c>
      <c r="W184" s="1018" t="s">
        <v>1496</v>
      </c>
      <c r="X184" s="1019" t="s">
        <v>1497</v>
      </c>
      <c r="Y184" s="1020" t="s">
        <v>1498</v>
      </c>
      <c r="Z184" s="1020" t="s">
        <v>1498</v>
      </c>
      <c r="AA184" s="1020" t="s">
        <v>1498</v>
      </c>
      <c r="AB184" s="1020" t="s">
        <v>1498</v>
      </c>
      <c r="AC184" s="1020" t="s">
        <v>1498</v>
      </c>
      <c r="AD184" s="1020" t="s">
        <v>1498</v>
      </c>
      <c r="AE184" s="1020" t="s">
        <v>1498</v>
      </c>
      <c r="AF184" s="1020" t="s">
        <v>1498</v>
      </c>
      <c r="AG184" s="1020" t="s">
        <v>1498</v>
      </c>
      <c r="AH184" s="1020" t="s">
        <v>1498</v>
      </c>
      <c r="AI184" s="1020" t="s">
        <v>1498</v>
      </c>
      <c r="AJ184" s="1020" t="s">
        <v>1498</v>
      </c>
      <c r="AK184" s="1020" t="str">
        <f>IF(AJ184="n/a","n/a",ROUND((AJ184*[4]TripRateCalculations!$V$6),0))</f>
        <v>n/a</v>
      </c>
      <c r="AL184" s="1020" t="s">
        <v>1498</v>
      </c>
      <c r="AM184" s="1020" t="s">
        <v>1498</v>
      </c>
      <c r="AN184" s="1020" t="str">
        <f>IF(AT184="n/a","n/a",ROUND((AT184*[4]TripRateCalculations!N$4),0))</f>
        <v>n/a</v>
      </c>
      <c r="AO184" s="1020" t="str">
        <f>IF(AU184="n/a","n/a",ROUND((AU184*[4]TripRateCalculations!O$4),0))</f>
        <v>n/a</v>
      </c>
      <c r="AP184" s="1020" t="str">
        <f>IF(AV184="n/a","n/a",ROUND((AV184*[4]TripRateCalculations!P$4),0))</f>
        <v>n/a</v>
      </c>
      <c r="AQ184" s="1020" t="s">
        <v>1498</v>
      </c>
      <c r="AR184" s="1020" t="str">
        <f>IF(AX184="n/a","n/a",ROUND((AX184*[4]TripRateCalculations!R$4),0))</f>
        <v>n/a</v>
      </c>
      <c r="AS184" s="1020" t="str">
        <f>IF(AY184="n/a","n/a",ROUND((AY184*[4]TripRateCalculations!S$4),0))</f>
        <v>n/a</v>
      </c>
      <c r="AT184" s="1020" t="s">
        <v>1498</v>
      </c>
      <c r="AU184" s="1020" t="s">
        <v>1498</v>
      </c>
      <c r="AV184" s="1020" t="s">
        <v>1498</v>
      </c>
      <c r="AW184" s="1020" t="s">
        <v>1498</v>
      </c>
      <c r="AX184" s="1020" t="s">
        <v>1498</v>
      </c>
      <c r="AY184" s="1020" t="s">
        <v>1498</v>
      </c>
      <c r="AZ184" s="1020" t="s">
        <v>1498</v>
      </c>
      <c r="BA184" s="1100" t="s">
        <v>1498</v>
      </c>
      <c r="BB184" s="1100" t="s">
        <v>1498</v>
      </c>
      <c r="BC184" s="1100" t="s">
        <v>1498</v>
      </c>
      <c r="BD184" s="1100" t="s">
        <v>1498</v>
      </c>
      <c r="BE184" s="1100" t="s">
        <v>1498</v>
      </c>
      <c r="BF184" s="1100" t="s">
        <v>1498</v>
      </c>
      <c r="BG184" s="1100" t="s">
        <v>1498</v>
      </c>
      <c r="BH184" s="1027" t="s">
        <v>2001</v>
      </c>
      <c r="BI184" s="1026" t="s">
        <v>722</v>
      </c>
      <c r="BJ184" s="1026" t="s">
        <v>53</v>
      </c>
      <c r="BK184" s="1042">
        <f>ROUND((VLOOKUP(F184,'[4]Cost Summary'!A:H,8,)),0.1)</f>
        <v>598</v>
      </c>
      <c r="BL184" s="1026">
        <v>0</v>
      </c>
      <c r="BM184" s="1078" t="s">
        <v>1500</v>
      </c>
      <c r="BN184" s="1044" t="s">
        <v>1584</v>
      </c>
      <c r="BO184" s="1130">
        <v>388.51</v>
      </c>
      <c r="BP184" s="992"/>
      <c r="BQ184" s="1131" t="e">
        <f t="shared" si="63"/>
        <v>#VALUE!</v>
      </c>
      <c r="BR184" s="1131" t="e">
        <f t="shared" si="64"/>
        <v>#VALUE!</v>
      </c>
      <c r="BS184" s="1131" t="e">
        <f t="shared" si="65"/>
        <v>#VALUE!</v>
      </c>
      <c r="BT184" s="1131" t="e">
        <f t="shared" si="66"/>
        <v>#VALUE!</v>
      </c>
      <c r="BU184" s="1131" t="e">
        <f t="shared" si="67"/>
        <v>#VALUE!</v>
      </c>
      <c r="BV184" s="1131" t="e">
        <f t="shared" si="68"/>
        <v>#VALUE!</v>
      </c>
      <c r="BW184" s="1131" t="e">
        <f t="shared" si="69"/>
        <v>#VALUE!</v>
      </c>
      <c r="BX184" s="1131" t="e">
        <f t="shared" si="70"/>
        <v>#VALUE!</v>
      </c>
      <c r="BY184" s="1131" t="e">
        <f t="shared" si="71"/>
        <v>#VALUE!</v>
      </c>
      <c r="BZ184" s="1131" t="e">
        <f t="shared" si="72"/>
        <v>#VALUE!</v>
      </c>
      <c r="CA184" s="1131" t="e">
        <f t="shared" si="73"/>
        <v>#VALUE!</v>
      </c>
      <c r="CB184" s="1131" t="e">
        <f t="shared" si="74"/>
        <v>#VALUE!</v>
      </c>
      <c r="CC184" s="1131" t="e">
        <f t="shared" si="75"/>
        <v>#VALUE!</v>
      </c>
      <c r="CD184" s="1131" t="e">
        <f t="shared" si="76"/>
        <v>#VALUE!</v>
      </c>
      <c r="CE184" s="1131" t="e">
        <f t="shared" si="77"/>
        <v>#VALUE!</v>
      </c>
      <c r="CF184" s="1131" t="e">
        <f t="shared" si="78"/>
        <v>#VALUE!</v>
      </c>
      <c r="CG184" s="1131" t="e">
        <f t="shared" si="79"/>
        <v>#VALUE!</v>
      </c>
      <c r="CH184" s="1131" t="e">
        <f t="shared" si="80"/>
        <v>#VALUE!</v>
      </c>
      <c r="CI184" s="1131" t="e">
        <f t="shared" si="81"/>
        <v>#VALUE!</v>
      </c>
      <c r="CJ184" s="1131" t="e">
        <f t="shared" si="82"/>
        <v>#VALUE!</v>
      </c>
      <c r="CK184" s="1132" t="str">
        <f t="shared" si="83"/>
        <v>n/a</v>
      </c>
    </row>
    <row r="185" spans="1:89" ht="75" x14ac:dyDescent="0.2">
      <c r="A185" s="992"/>
      <c r="B185" s="1126" t="s">
        <v>66</v>
      </c>
      <c r="C185" s="1126"/>
      <c r="D185" s="1126"/>
      <c r="E185" s="1126"/>
      <c r="F185" s="1026" t="s">
        <v>2018</v>
      </c>
      <c r="G185" s="1026" t="s">
        <v>1233</v>
      </c>
      <c r="H185" s="1026" t="s">
        <v>1234</v>
      </c>
      <c r="I185" s="1026" t="s">
        <v>2012</v>
      </c>
      <c r="J185" s="1026">
        <v>51.745871999999999</v>
      </c>
      <c r="K185" s="1026">
        <v>-0.45622699999999999</v>
      </c>
      <c r="L185" s="1026" t="s">
        <v>1488</v>
      </c>
      <c r="M185" s="1026" t="s">
        <v>1489</v>
      </c>
      <c r="N185" s="1026">
        <v>1</v>
      </c>
      <c r="O185" s="1026" t="s">
        <v>932</v>
      </c>
      <c r="P185" s="1026" t="s">
        <v>1490</v>
      </c>
      <c r="Q185" s="1026" t="s">
        <v>1491</v>
      </c>
      <c r="R185" s="1026" t="s">
        <v>1492</v>
      </c>
      <c r="S185" s="1026" t="s">
        <v>1493</v>
      </c>
      <c r="T185" s="1026" t="s">
        <v>2019</v>
      </c>
      <c r="U185" s="1016" t="str">
        <f>_xlfn.XLOOKUP(F185, [4]GIS!D:D, [4]GIS!E:E, "Not mapped")</f>
        <v>Multiple - Scenario 2</v>
      </c>
      <c r="V185" s="1017" t="s">
        <v>1495</v>
      </c>
      <c r="W185" s="1018" t="s">
        <v>1496</v>
      </c>
      <c r="X185" s="1019" t="s">
        <v>1497</v>
      </c>
      <c r="Y185" s="1020" t="s">
        <v>1498</v>
      </c>
      <c r="Z185" s="1020" t="s">
        <v>1498</v>
      </c>
      <c r="AA185" s="1020" t="s">
        <v>1498</v>
      </c>
      <c r="AB185" s="1020" t="s">
        <v>1498</v>
      </c>
      <c r="AC185" s="1020" t="s">
        <v>1498</v>
      </c>
      <c r="AD185" s="1020" t="s">
        <v>1498</v>
      </c>
      <c r="AE185" s="1020" t="s">
        <v>1498</v>
      </c>
      <c r="AF185" s="1020" t="s">
        <v>1498</v>
      </c>
      <c r="AG185" s="1020" t="s">
        <v>1498</v>
      </c>
      <c r="AH185" s="1020" t="s">
        <v>1498</v>
      </c>
      <c r="AI185" s="1020" t="s">
        <v>1498</v>
      </c>
      <c r="AJ185" s="1020" t="s">
        <v>1498</v>
      </c>
      <c r="AK185" s="1020" t="str">
        <f>IF(AJ185="n/a","n/a",ROUND((AJ185*[4]TripRateCalculations!$V$6),0))</f>
        <v>n/a</v>
      </c>
      <c r="AL185" s="1020" t="s">
        <v>1498</v>
      </c>
      <c r="AM185" s="1020" t="s">
        <v>1498</v>
      </c>
      <c r="AN185" s="1020" t="str">
        <f>IF(AT185="n/a","n/a",ROUND((AT185*[4]TripRateCalculations!N$4),0))</f>
        <v>n/a</v>
      </c>
      <c r="AO185" s="1020" t="str">
        <f>IF(AU185="n/a","n/a",ROUND((AU185*[4]TripRateCalculations!O$4),0))</f>
        <v>n/a</v>
      </c>
      <c r="AP185" s="1020" t="str">
        <f>IF(AV185="n/a","n/a",ROUND((AV185*[4]TripRateCalculations!P$4),0))</f>
        <v>n/a</v>
      </c>
      <c r="AQ185" s="1020" t="s">
        <v>1498</v>
      </c>
      <c r="AR185" s="1020" t="str">
        <f>IF(AX185="n/a","n/a",ROUND((AX185*[4]TripRateCalculations!R$4),0))</f>
        <v>n/a</v>
      </c>
      <c r="AS185" s="1020" t="str">
        <f>IF(AY185="n/a","n/a",ROUND((AY185*[4]TripRateCalculations!S$4),0))</f>
        <v>n/a</v>
      </c>
      <c r="AT185" s="1020" t="s">
        <v>1498</v>
      </c>
      <c r="AU185" s="1020" t="s">
        <v>1498</v>
      </c>
      <c r="AV185" s="1020" t="s">
        <v>1498</v>
      </c>
      <c r="AW185" s="1020" t="s">
        <v>1498</v>
      </c>
      <c r="AX185" s="1020" t="s">
        <v>1498</v>
      </c>
      <c r="AY185" s="1020" t="s">
        <v>1498</v>
      </c>
      <c r="AZ185" s="1020" t="s">
        <v>1498</v>
      </c>
      <c r="BA185" s="1100" t="s">
        <v>1498</v>
      </c>
      <c r="BB185" s="1100" t="s">
        <v>1498</v>
      </c>
      <c r="BC185" s="1100" t="s">
        <v>1498</v>
      </c>
      <c r="BD185" s="1100" t="s">
        <v>1498</v>
      </c>
      <c r="BE185" s="1100" t="s">
        <v>1498</v>
      </c>
      <c r="BF185" s="1100" t="s">
        <v>1498</v>
      </c>
      <c r="BG185" s="1100" t="s">
        <v>1498</v>
      </c>
      <c r="BH185" s="1027" t="s">
        <v>1811</v>
      </c>
      <c r="BI185" s="1026" t="s">
        <v>722</v>
      </c>
      <c r="BJ185" s="1026" t="s">
        <v>53</v>
      </c>
      <c r="BK185" s="1042">
        <f>ROUND((VLOOKUP(F185,'[4]Cost Summary'!A:H,8,)),0.1)</f>
        <v>199337</v>
      </c>
      <c r="BL185" s="1026">
        <v>0</v>
      </c>
      <c r="BM185" s="1078" t="s">
        <v>1500</v>
      </c>
      <c r="BN185" s="1044" t="s">
        <v>1584</v>
      </c>
      <c r="BO185" s="1130">
        <v>129504.38</v>
      </c>
      <c r="BP185" s="992"/>
      <c r="BQ185" s="1131" t="e">
        <f t="shared" si="63"/>
        <v>#VALUE!</v>
      </c>
      <c r="BR185" s="1131" t="e">
        <f t="shared" si="64"/>
        <v>#VALUE!</v>
      </c>
      <c r="BS185" s="1131" t="e">
        <f t="shared" si="65"/>
        <v>#VALUE!</v>
      </c>
      <c r="BT185" s="1131" t="e">
        <f t="shared" si="66"/>
        <v>#VALUE!</v>
      </c>
      <c r="BU185" s="1131" t="e">
        <f t="shared" si="67"/>
        <v>#VALUE!</v>
      </c>
      <c r="BV185" s="1131" t="e">
        <f t="shared" si="68"/>
        <v>#VALUE!</v>
      </c>
      <c r="BW185" s="1131" t="e">
        <f t="shared" si="69"/>
        <v>#VALUE!</v>
      </c>
      <c r="BX185" s="1131" t="e">
        <f t="shared" si="70"/>
        <v>#VALUE!</v>
      </c>
      <c r="BY185" s="1131" t="e">
        <f t="shared" si="71"/>
        <v>#VALUE!</v>
      </c>
      <c r="BZ185" s="1131" t="e">
        <f t="shared" si="72"/>
        <v>#VALUE!</v>
      </c>
      <c r="CA185" s="1131" t="e">
        <f t="shared" si="73"/>
        <v>#VALUE!</v>
      </c>
      <c r="CB185" s="1131" t="e">
        <f t="shared" si="74"/>
        <v>#VALUE!</v>
      </c>
      <c r="CC185" s="1131" t="e">
        <f t="shared" si="75"/>
        <v>#VALUE!</v>
      </c>
      <c r="CD185" s="1131" t="e">
        <f t="shared" si="76"/>
        <v>#VALUE!</v>
      </c>
      <c r="CE185" s="1131" t="e">
        <f t="shared" si="77"/>
        <v>#VALUE!</v>
      </c>
      <c r="CF185" s="1131" t="e">
        <f t="shared" si="78"/>
        <v>#VALUE!</v>
      </c>
      <c r="CG185" s="1131" t="e">
        <f t="shared" si="79"/>
        <v>#VALUE!</v>
      </c>
      <c r="CH185" s="1131" t="e">
        <f t="shared" si="80"/>
        <v>#VALUE!</v>
      </c>
      <c r="CI185" s="1131" t="e">
        <f t="shared" si="81"/>
        <v>#VALUE!</v>
      </c>
      <c r="CJ185" s="1131" t="e">
        <f t="shared" si="82"/>
        <v>#VALUE!</v>
      </c>
      <c r="CK185" s="1132" t="str">
        <f t="shared" si="83"/>
        <v>n/a</v>
      </c>
    </row>
    <row r="186" spans="1:89" ht="75" x14ac:dyDescent="0.2">
      <c r="A186" s="992"/>
      <c r="B186" s="1126" t="s">
        <v>66</v>
      </c>
      <c r="C186" s="1126"/>
      <c r="D186" s="1126"/>
      <c r="E186" s="1126"/>
      <c r="F186" s="1026" t="s">
        <v>2020</v>
      </c>
      <c r="G186" s="1026" t="s">
        <v>1235</v>
      </c>
      <c r="H186" s="1026" t="s">
        <v>1236</v>
      </c>
      <c r="I186" s="1026" t="s">
        <v>2008</v>
      </c>
      <c r="J186" s="1026">
        <v>51.7479285</v>
      </c>
      <c r="K186" s="1026">
        <v>-0.45146662199999998</v>
      </c>
      <c r="L186" s="1026" t="s">
        <v>1488</v>
      </c>
      <c r="M186" s="1026" t="s">
        <v>1489</v>
      </c>
      <c r="N186" s="1026">
        <v>1</v>
      </c>
      <c r="O186" s="1026" t="s">
        <v>932</v>
      </c>
      <c r="P186" s="1026" t="s">
        <v>1490</v>
      </c>
      <c r="Q186" s="1026" t="s">
        <v>1491</v>
      </c>
      <c r="R186" s="1026" t="s">
        <v>1492</v>
      </c>
      <c r="S186" s="1026" t="s">
        <v>1493</v>
      </c>
      <c r="T186" s="1026" t="s">
        <v>2019</v>
      </c>
      <c r="U186" s="1016" t="str">
        <f>_xlfn.XLOOKUP(F186, [4]GIS!D:D, [4]GIS!E:E, "Not mapped")</f>
        <v>Multiple - Scenario 2</v>
      </c>
      <c r="V186" s="1017" t="s">
        <v>1495</v>
      </c>
      <c r="W186" s="1018" t="s">
        <v>1496</v>
      </c>
      <c r="X186" s="1019" t="s">
        <v>1497</v>
      </c>
      <c r="Y186" s="1020" t="s">
        <v>1498</v>
      </c>
      <c r="Z186" s="1020" t="s">
        <v>1498</v>
      </c>
      <c r="AA186" s="1020" t="s">
        <v>1498</v>
      </c>
      <c r="AB186" s="1020" t="s">
        <v>1498</v>
      </c>
      <c r="AC186" s="1020" t="s">
        <v>1498</v>
      </c>
      <c r="AD186" s="1020" t="s">
        <v>1498</v>
      </c>
      <c r="AE186" s="1020" t="s">
        <v>1498</v>
      </c>
      <c r="AF186" s="1020" t="s">
        <v>1498</v>
      </c>
      <c r="AG186" s="1020" t="s">
        <v>1498</v>
      </c>
      <c r="AH186" s="1020" t="s">
        <v>1498</v>
      </c>
      <c r="AI186" s="1020" t="s">
        <v>1498</v>
      </c>
      <c r="AJ186" s="1020" t="s">
        <v>1498</v>
      </c>
      <c r="AK186" s="1020" t="str">
        <f>IF(AJ186="n/a","n/a",ROUND((AJ186*[4]TripRateCalculations!$V$6),0))</f>
        <v>n/a</v>
      </c>
      <c r="AL186" s="1020" t="s">
        <v>1498</v>
      </c>
      <c r="AM186" s="1020" t="s">
        <v>1498</v>
      </c>
      <c r="AN186" s="1020" t="str">
        <f>IF(AT186="n/a","n/a",ROUND((AT186*[4]TripRateCalculations!N$4),0))</f>
        <v>n/a</v>
      </c>
      <c r="AO186" s="1020" t="str">
        <f>IF(AU186="n/a","n/a",ROUND((AU186*[4]TripRateCalculations!O$4),0))</f>
        <v>n/a</v>
      </c>
      <c r="AP186" s="1020" t="str">
        <f>IF(AV186="n/a","n/a",ROUND((AV186*[4]TripRateCalculations!P$4),0))</f>
        <v>n/a</v>
      </c>
      <c r="AQ186" s="1020" t="s">
        <v>1498</v>
      </c>
      <c r="AR186" s="1020" t="str">
        <f>IF(AX186="n/a","n/a",ROUND((AX186*[4]TripRateCalculations!R$4),0))</f>
        <v>n/a</v>
      </c>
      <c r="AS186" s="1020" t="str">
        <f>IF(AY186="n/a","n/a",ROUND((AY186*[4]TripRateCalculations!S$4),0))</f>
        <v>n/a</v>
      </c>
      <c r="AT186" s="1020" t="s">
        <v>1498</v>
      </c>
      <c r="AU186" s="1020" t="s">
        <v>1498</v>
      </c>
      <c r="AV186" s="1020" t="s">
        <v>1498</v>
      </c>
      <c r="AW186" s="1020" t="s">
        <v>1498</v>
      </c>
      <c r="AX186" s="1020" t="s">
        <v>1498</v>
      </c>
      <c r="AY186" s="1020" t="s">
        <v>1498</v>
      </c>
      <c r="AZ186" s="1020" t="s">
        <v>1498</v>
      </c>
      <c r="BA186" s="1100" t="s">
        <v>1498</v>
      </c>
      <c r="BB186" s="1100" t="s">
        <v>1498</v>
      </c>
      <c r="BC186" s="1100" t="s">
        <v>1498</v>
      </c>
      <c r="BD186" s="1100" t="s">
        <v>1498</v>
      </c>
      <c r="BE186" s="1100" t="s">
        <v>1498</v>
      </c>
      <c r="BF186" s="1100" t="s">
        <v>1498</v>
      </c>
      <c r="BG186" s="1100" t="s">
        <v>1498</v>
      </c>
      <c r="BH186" s="1027" t="s">
        <v>1811</v>
      </c>
      <c r="BI186" s="1026" t="s">
        <v>722</v>
      </c>
      <c r="BJ186" s="1026" t="s">
        <v>53</v>
      </c>
      <c r="BK186" s="1042">
        <f>ROUND((VLOOKUP(F186,'[4]Cost Summary'!A:H,8,)),0.1)</f>
        <v>110163</v>
      </c>
      <c r="BL186" s="1026">
        <v>0</v>
      </c>
      <c r="BM186" s="1078" t="s">
        <v>1500</v>
      </c>
      <c r="BN186" s="1044" t="s">
        <v>1584</v>
      </c>
      <c r="BO186" s="1130">
        <v>71570.42</v>
      </c>
      <c r="BP186" s="992"/>
      <c r="BQ186" s="1131" t="e">
        <f t="shared" si="63"/>
        <v>#VALUE!</v>
      </c>
      <c r="BR186" s="1131" t="e">
        <f t="shared" si="64"/>
        <v>#VALUE!</v>
      </c>
      <c r="BS186" s="1131" t="e">
        <f t="shared" si="65"/>
        <v>#VALUE!</v>
      </c>
      <c r="BT186" s="1131" t="e">
        <f t="shared" si="66"/>
        <v>#VALUE!</v>
      </c>
      <c r="BU186" s="1131" t="e">
        <f t="shared" si="67"/>
        <v>#VALUE!</v>
      </c>
      <c r="BV186" s="1131" t="e">
        <f t="shared" si="68"/>
        <v>#VALUE!</v>
      </c>
      <c r="BW186" s="1131" t="e">
        <f t="shared" si="69"/>
        <v>#VALUE!</v>
      </c>
      <c r="BX186" s="1131" t="e">
        <f t="shared" si="70"/>
        <v>#VALUE!</v>
      </c>
      <c r="BY186" s="1131" t="e">
        <f t="shared" si="71"/>
        <v>#VALUE!</v>
      </c>
      <c r="BZ186" s="1131" t="e">
        <f t="shared" si="72"/>
        <v>#VALUE!</v>
      </c>
      <c r="CA186" s="1131" t="e">
        <f t="shared" si="73"/>
        <v>#VALUE!</v>
      </c>
      <c r="CB186" s="1131" t="e">
        <f t="shared" si="74"/>
        <v>#VALUE!</v>
      </c>
      <c r="CC186" s="1131" t="e">
        <f t="shared" si="75"/>
        <v>#VALUE!</v>
      </c>
      <c r="CD186" s="1131" t="e">
        <f t="shared" si="76"/>
        <v>#VALUE!</v>
      </c>
      <c r="CE186" s="1131" t="e">
        <f t="shared" si="77"/>
        <v>#VALUE!</v>
      </c>
      <c r="CF186" s="1131" t="e">
        <f t="shared" si="78"/>
        <v>#VALUE!</v>
      </c>
      <c r="CG186" s="1131" t="e">
        <f t="shared" si="79"/>
        <v>#VALUE!</v>
      </c>
      <c r="CH186" s="1131" t="e">
        <f t="shared" si="80"/>
        <v>#VALUE!</v>
      </c>
      <c r="CI186" s="1131" t="e">
        <f t="shared" si="81"/>
        <v>#VALUE!</v>
      </c>
      <c r="CJ186" s="1131" t="e">
        <f t="shared" si="82"/>
        <v>#VALUE!</v>
      </c>
      <c r="CK186" s="1132" t="str">
        <f t="shared" si="83"/>
        <v>n/a</v>
      </c>
    </row>
    <row r="187" spans="1:89" ht="128.25" x14ac:dyDescent="0.2">
      <c r="A187" s="992"/>
      <c r="B187" s="1126" t="s">
        <v>66</v>
      </c>
      <c r="C187" s="1126"/>
      <c r="D187" s="1126"/>
      <c r="E187" s="1126"/>
      <c r="F187" s="1026" t="s">
        <v>2021</v>
      </c>
      <c r="G187" s="1026" t="s">
        <v>1237</v>
      </c>
      <c r="H187" s="1026" t="s">
        <v>2022</v>
      </c>
      <c r="I187" s="1026" t="s">
        <v>2023</v>
      </c>
      <c r="J187" s="1026" t="s">
        <v>1521</v>
      </c>
      <c r="K187" s="1026" t="s">
        <v>1521</v>
      </c>
      <c r="L187" s="1026" t="s">
        <v>1488</v>
      </c>
      <c r="M187" s="1026" t="s">
        <v>1489</v>
      </c>
      <c r="N187" s="1026">
        <v>1</v>
      </c>
      <c r="O187" s="1026" t="s">
        <v>932</v>
      </c>
      <c r="P187" s="1026" t="s">
        <v>1490</v>
      </c>
      <c r="Q187" s="1026" t="s">
        <v>1491</v>
      </c>
      <c r="R187" s="1026" t="s">
        <v>1492</v>
      </c>
      <c r="S187" s="1026" t="s">
        <v>1493</v>
      </c>
      <c r="T187" s="1026" t="s">
        <v>2019</v>
      </c>
      <c r="U187" s="1016" t="str">
        <f>_xlfn.XLOOKUP(F187, [4]GIS!D:D, [4]GIS!E:E, "Not mapped")</f>
        <v>Multiple - Scenario 2</v>
      </c>
      <c r="V187" s="1017" t="s">
        <v>1495</v>
      </c>
      <c r="W187" s="1018" t="s">
        <v>1496</v>
      </c>
      <c r="X187" s="1019" t="s">
        <v>1497</v>
      </c>
      <c r="Y187" s="1020" t="s">
        <v>1498</v>
      </c>
      <c r="Z187" s="1020" t="s">
        <v>1498</v>
      </c>
      <c r="AA187" s="1020" t="s">
        <v>1498</v>
      </c>
      <c r="AB187" s="1020" t="s">
        <v>1498</v>
      </c>
      <c r="AC187" s="1020" t="s">
        <v>1498</v>
      </c>
      <c r="AD187" s="1020" t="s">
        <v>1498</v>
      </c>
      <c r="AE187" s="1020" t="s">
        <v>1498</v>
      </c>
      <c r="AF187" s="1020" t="s">
        <v>1498</v>
      </c>
      <c r="AG187" s="1020" t="s">
        <v>1498</v>
      </c>
      <c r="AH187" s="1020" t="s">
        <v>1498</v>
      </c>
      <c r="AI187" s="1020" t="s">
        <v>1498</v>
      </c>
      <c r="AJ187" s="1020" t="s">
        <v>1498</v>
      </c>
      <c r="AK187" s="1020" t="str">
        <f>IF(AJ187="n/a","n/a",ROUND((AJ187*[4]TripRateCalculations!$V$6),0))</f>
        <v>n/a</v>
      </c>
      <c r="AL187" s="1020" t="s">
        <v>1498</v>
      </c>
      <c r="AM187" s="1020" t="s">
        <v>1498</v>
      </c>
      <c r="AN187" s="1020" t="str">
        <f>IF(AT187="n/a","n/a",ROUND((AT187*[4]TripRateCalculations!N$4),0))</f>
        <v>n/a</v>
      </c>
      <c r="AO187" s="1020" t="str">
        <f>IF(AU187="n/a","n/a",ROUND((AU187*[4]TripRateCalculations!O$4),0))</f>
        <v>n/a</v>
      </c>
      <c r="AP187" s="1020" t="str">
        <f>IF(AV187="n/a","n/a",ROUND((AV187*[4]TripRateCalculations!P$4),0))</f>
        <v>n/a</v>
      </c>
      <c r="AQ187" s="1020" t="s">
        <v>1498</v>
      </c>
      <c r="AR187" s="1020" t="str">
        <f>IF(AX187="n/a","n/a",ROUND((AX187*[4]TripRateCalculations!R$4),0))</f>
        <v>n/a</v>
      </c>
      <c r="AS187" s="1020" t="str">
        <f>IF(AY187="n/a","n/a",ROUND((AY187*[4]TripRateCalculations!S$4),0))</f>
        <v>n/a</v>
      </c>
      <c r="AT187" s="1020" t="s">
        <v>1498</v>
      </c>
      <c r="AU187" s="1020" t="s">
        <v>1498</v>
      </c>
      <c r="AV187" s="1020" t="s">
        <v>1498</v>
      </c>
      <c r="AW187" s="1020" t="s">
        <v>1498</v>
      </c>
      <c r="AX187" s="1020" t="s">
        <v>1498</v>
      </c>
      <c r="AY187" s="1020" t="s">
        <v>1498</v>
      </c>
      <c r="AZ187" s="1020" t="s">
        <v>1498</v>
      </c>
      <c r="BA187" s="1100" t="s">
        <v>1498</v>
      </c>
      <c r="BB187" s="1100" t="s">
        <v>1498</v>
      </c>
      <c r="BC187" s="1100" t="s">
        <v>1498</v>
      </c>
      <c r="BD187" s="1100" t="s">
        <v>1498</v>
      </c>
      <c r="BE187" s="1100" t="s">
        <v>1498</v>
      </c>
      <c r="BF187" s="1100" t="s">
        <v>1498</v>
      </c>
      <c r="BG187" s="1100" t="s">
        <v>1498</v>
      </c>
      <c r="BH187" s="1027" t="s">
        <v>2024</v>
      </c>
      <c r="BI187" s="1026" t="s">
        <v>722</v>
      </c>
      <c r="BJ187" s="1026" t="s">
        <v>53</v>
      </c>
      <c r="BK187" s="1042">
        <f>ROUND((VLOOKUP(F187,'[4]Cost Summary'!A:H,8,)),0.1)</f>
        <v>643137</v>
      </c>
      <c r="BL187" s="1026">
        <v>1</v>
      </c>
      <c r="BM187" s="1078">
        <v>8</v>
      </c>
      <c r="BN187" s="1044" t="s">
        <v>1584</v>
      </c>
      <c r="BO187" s="1130">
        <v>417830.04</v>
      </c>
      <c r="BP187" s="992"/>
      <c r="BQ187" s="1131" t="e">
        <f t="shared" si="63"/>
        <v>#VALUE!</v>
      </c>
      <c r="BR187" s="1131" t="e">
        <f t="shared" si="64"/>
        <v>#VALUE!</v>
      </c>
      <c r="BS187" s="1131" t="e">
        <f t="shared" si="65"/>
        <v>#VALUE!</v>
      </c>
      <c r="BT187" s="1131" t="e">
        <f t="shared" si="66"/>
        <v>#VALUE!</v>
      </c>
      <c r="BU187" s="1131" t="e">
        <f t="shared" si="67"/>
        <v>#VALUE!</v>
      </c>
      <c r="BV187" s="1131" t="e">
        <f t="shared" si="68"/>
        <v>#VALUE!</v>
      </c>
      <c r="BW187" s="1131" t="e">
        <f t="shared" si="69"/>
        <v>#VALUE!</v>
      </c>
      <c r="BX187" s="1131" t="e">
        <f t="shared" si="70"/>
        <v>#VALUE!</v>
      </c>
      <c r="BY187" s="1131" t="e">
        <f t="shared" si="71"/>
        <v>#VALUE!</v>
      </c>
      <c r="BZ187" s="1131" t="e">
        <f t="shared" si="72"/>
        <v>#VALUE!</v>
      </c>
      <c r="CA187" s="1131" t="e">
        <f t="shared" si="73"/>
        <v>#VALUE!</v>
      </c>
      <c r="CB187" s="1131" t="e">
        <f t="shared" si="74"/>
        <v>#VALUE!</v>
      </c>
      <c r="CC187" s="1131" t="e">
        <f t="shared" si="75"/>
        <v>#VALUE!</v>
      </c>
      <c r="CD187" s="1131" t="e">
        <f t="shared" si="76"/>
        <v>#VALUE!</v>
      </c>
      <c r="CE187" s="1131" t="e">
        <f t="shared" si="77"/>
        <v>#VALUE!</v>
      </c>
      <c r="CF187" s="1131" t="e">
        <f t="shared" si="78"/>
        <v>#VALUE!</v>
      </c>
      <c r="CG187" s="1131" t="e">
        <f t="shared" si="79"/>
        <v>#VALUE!</v>
      </c>
      <c r="CH187" s="1131" t="e">
        <f t="shared" si="80"/>
        <v>#VALUE!</v>
      </c>
      <c r="CI187" s="1131" t="e">
        <f t="shared" si="81"/>
        <v>#VALUE!</v>
      </c>
      <c r="CJ187" s="1131" t="e">
        <f t="shared" si="82"/>
        <v>#VALUE!</v>
      </c>
      <c r="CK187" s="1132" t="str">
        <f t="shared" si="83"/>
        <v>n/a</v>
      </c>
    </row>
    <row r="188" spans="1:89" ht="75" x14ac:dyDescent="0.2">
      <c r="A188" s="992"/>
      <c r="B188" s="1126" t="s">
        <v>66</v>
      </c>
      <c r="C188" s="1126"/>
      <c r="D188" s="1126"/>
      <c r="E188" s="1126"/>
      <c r="F188" s="1026" t="s">
        <v>2025</v>
      </c>
      <c r="G188" s="1026" t="s">
        <v>1239</v>
      </c>
      <c r="H188" s="1026" t="s">
        <v>1240</v>
      </c>
      <c r="I188" s="1026" t="s">
        <v>1533</v>
      </c>
      <c r="J188" s="1026">
        <v>51.742596040000002</v>
      </c>
      <c r="K188" s="1026">
        <v>-0.44793355600000001</v>
      </c>
      <c r="L188" s="1026" t="s">
        <v>1488</v>
      </c>
      <c r="M188" s="1026" t="s">
        <v>1489</v>
      </c>
      <c r="N188" s="1026">
        <v>1</v>
      </c>
      <c r="O188" s="1026" t="s">
        <v>932</v>
      </c>
      <c r="P188" s="1026" t="s">
        <v>1490</v>
      </c>
      <c r="Q188" s="1026" t="s">
        <v>1491</v>
      </c>
      <c r="R188" s="1026" t="s">
        <v>1492</v>
      </c>
      <c r="S188" s="1026" t="s">
        <v>1493</v>
      </c>
      <c r="T188" s="1026" t="s">
        <v>2019</v>
      </c>
      <c r="U188" s="1016" t="str">
        <f>_xlfn.XLOOKUP(F188, [4]GIS!D:D, [4]GIS!E:E, "Not mapped")</f>
        <v>Multiple - Scenario 2</v>
      </c>
      <c r="V188" s="1017" t="s">
        <v>1495</v>
      </c>
      <c r="W188" s="1018" t="s">
        <v>1496</v>
      </c>
      <c r="X188" s="1019" t="s">
        <v>1497</v>
      </c>
      <c r="Y188" s="1020" t="s">
        <v>1498</v>
      </c>
      <c r="Z188" s="1020" t="s">
        <v>1498</v>
      </c>
      <c r="AA188" s="1020" t="s">
        <v>1498</v>
      </c>
      <c r="AB188" s="1020" t="s">
        <v>1498</v>
      </c>
      <c r="AC188" s="1020" t="s">
        <v>1498</v>
      </c>
      <c r="AD188" s="1020" t="s">
        <v>1498</v>
      </c>
      <c r="AE188" s="1020" t="s">
        <v>1498</v>
      </c>
      <c r="AF188" s="1020" t="s">
        <v>1498</v>
      </c>
      <c r="AG188" s="1020" t="s">
        <v>1498</v>
      </c>
      <c r="AH188" s="1020" t="s">
        <v>1498</v>
      </c>
      <c r="AI188" s="1020" t="s">
        <v>1498</v>
      </c>
      <c r="AJ188" s="1020" t="s">
        <v>1498</v>
      </c>
      <c r="AK188" s="1020" t="str">
        <f>IF(AJ188="n/a","n/a",ROUND((AJ188*[4]TripRateCalculations!$V$6),0))</f>
        <v>n/a</v>
      </c>
      <c r="AL188" s="1020" t="s">
        <v>1498</v>
      </c>
      <c r="AM188" s="1020" t="s">
        <v>1498</v>
      </c>
      <c r="AN188" s="1020" t="str">
        <f>IF(AT188="n/a","n/a",ROUND((AT188*[4]TripRateCalculations!N$4),0))</f>
        <v>n/a</v>
      </c>
      <c r="AO188" s="1020" t="str">
        <f>IF(AU188="n/a","n/a",ROUND((AU188*[4]TripRateCalculations!O$4),0))</f>
        <v>n/a</v>
      </c>
      <c r="AP188" s="1020" t="str">
        <f>IF(AV188="n/a","n/a",ROUND((AV188*[4]TripRateCalculations!P$4),0))</f>
        <v>n/a</v>
      </c>
      <c r="AQ188" s="1020" t="s">
        <v>1498</v>
      </c>
      <c r="AR188" s="1020" t="str">
        <f>IF(AX188="n/a","n/a",ROUND((AX188*[4]TripRateCalculations!R$4),0))</f>
        <v>n/a</v>
      </c>
      <c r="AS188" s="1020" t="str">
        <f>IF(AY188="n/a","n/a",ROUND((AY188*[4]TripRateCalculations!S$4),0))</f>
        <v>n/a</v>
      </c>
      <c r="AT188" s="1020" t="s">
        <v>1498</v>
      </c>
      <c r="AU188" s="1020" t="s">
        <v>1498</v>
      </c>
      <c r="AV188" s="1020" t="s">
        <v>1498</v>
      </c>
      <c r="AW188" s="1020" t="s">
        <v>1498</v>
      </c>
      <c r="AX188" s="1020" t="s">
        <v>1498</v>
      </c>
      <c r="AY188" s="1020" t="s">
        <v>1498</v>
      </c>
      <c r="AZ188" s="1020" t="s">
        <v>1498</v>
      </c>
      <c r="BA188" s="1100" t="s">
        <v>1498</v>
      </c>
      <c r="BB188" s="1100" t="s">
        <v>1498</v>
      </c>
      <c r="BC188" s="1100" t="s">
        <v>1498</v>
      </c>
      <c r="BD188" s="1100" t="s">
        <v>1498</v>
      </c>
      <c r="BE188" s="1100" t="s">
        <v>1498</v>
      </c>
      <c r="BF188" s="1100" t="s">
        <v>1498</v>
      </c>
      <c r="BG188" s="1100" t="s">
        <v>1498</v>
      </c>
      <c r="BH188" s="1027" t="s">
        <v>2024</v>
      </c>
      <c r="BI188" s="1026" t="s">
        <v>722</v>
      </c>
      <c r="BJ188" s="1026" t="s">
        <v>53</v>
      </c>
      <c r="BK188" s="1042">
        <f>ROUND((VLOOKUP(F188,'[4]Cost Summary'!A:H,8,)),0.1)</f>
        <v>3480</v>
      </c>
      <c r="BL188" s="1026">
        <v>0</v>
      </c>
      <c r="BM188" s="1078" t="s">
        <v>1500</v>
      </c>
      <c r="BN188" s="1044" t="s">
        <v>1584</v>
      </c>
      <c r="BO188" s="1130">
        <v>2261.19</v>
      </c>
      <c r="BP188" s="992"/>
      <c r="BQ188" s="1131" t="e">
        <f t="shared" si="63"/>
        <v>#VALUE!</v>
      </c>
      <c r="BR188" s="1131" t="e">
        <f t="shared" si="64"/>
        <v>#VALUE!</v>
      </c>
      <c r="BS188" s="1131" t="e">
        <f t="shared" si="65"/>
        <v>#VALUE!</v>
      </c>
      <c r="BT188" s="1131" t="e">
        <f t="shared" si="66"/>
        <v>#VALUE!</v>
      </c>
      <c r="BU188" s="1131" t="e">
        <f t="shared" si="67"/>
        <v>#VALUE!</v>
      </c>
      <c r="BV188" s="1131" t="e">
        <f t="shared" si="68"/>
        <v>#VALUE!</v>
      </c>
      <c r="BW188" s="1131" t="e">
        <f t="shared" si="69"/>
        <v>#VALUE!</v>
      </c>
      <c r="BX188" s="1131" t="e">
        <f t="shared" si="70"/>
        <v>#VALUE!</v>
      </c>
      <c r="BY188" s="1131" t="e">
        <f t="shared" si="71"/>
        <v>#VALUE!</v>
      </c>
      <c r="BZ188" s="1131" t="e">
        <f t="shared" si="72"/>
        <v>#VALUE!</v>
      </c>
      <c r="CA188" s="1131" t="e">
        <f t="shared" si="73"/>
        <v>#VALUE!</v>
      </c>
      <c r="CB188" s="1131" t="e">
        <f t="shared" si="74"/>
        <v>#VALUE!</v>
      </c>
      <c r="CC188" s="1131" t="e">
        <f t="shared" si="75"/>
        <v>#VALUE!</v>
      </c>
      <c r="CD188" s="1131" t="e">
        <f t="shared" si="76"/>
        <v>#VALUE!</v>
      </c>
      <c r="CE188" s="1131" t="e">
        <f t="shared" si="77"/>
        <v>#VALUE!</v>
      </c>
      <c r="CF188" s="1131" t="e">
        <f t="shared" si="78"/>
        <v>#VALUE!</v>
      </c>
      <c r="CG188" s="1131" t="e">
        <f t="shared" si="79"/>
        <v>#VALUE!</v>
      </c>
      <c r="CH188" s="1131" t="e">
        <f t="shared" si="80"/>
        <v>#VALUE!</v>
      </c>
      <c r="CI188" s="1131" t="e">
        <f t="shared" si="81"/>
        <v>#VALUE!</v>
      </c>
      <c r="CJ188" s="1131" t="e">
        <f t="shared" si="82"/>
        <v>#VALUE!</v>
      </c>
      <c r="CK188" s="1132" t="str">
        <f t="shared" si="83"/>
        <v>n/a</v>
      </c>
    </row>
    <row r="189" spans="1:89" ht="75" x14ac:dyDescent="0.2">
      <c r="A189" s="992"/>
      <c r="B189" s="1126" t="s">
        <v>66</v>
      </c>
      <c r="C189" s="1126"/>
      <c r="D189" s="1126"/>
      <c r="E189" s="1126"/>
      <c r="F189" s="1026" t="s">
        <v>2026</v>
      </c>
      <c r="G189" s="1026" t="s">
        <v>1241</v>
      </c>
      <c r="H189" s="1026" t="s">
        <v>1242</v>
      </c>
      <c r="I189" s="1026" t="s">
        <v>2014</v>
      </c>
      <c r="J189" s="1026">
        <v>51.744560880000002</v>
      </c>
      <c r="K189" s="1026">
        <v>-0.45873779199999998</v>
      </c>
      <c r="L189" s="1026" t="s">
        <v>1488</v>
      </c>
      <c r="M189" s="1026" t="s">
        <v>1489</v>
      </c>
      <c r="N189" s="1026">
        <v>1</v>
      </c>
      <c r="O189" s="1026" t="s">
        <v>932</v>
      </c>
      <c r="P189" s="1026" t="s">
        <v>1490</v>
      </c>
      <c r="Q189" s="1026" t="s">
        <v>1491</v>
      </c>
      <c r="R189" s="1026" t="s">
        <v>1492</v>
      </c>
      <c r="S189" s="1026" t="s">
        <v>1493</v>
      </c>
      <c r="T189" s="1026" t="s">
        <v>2019</v>
      </c>
      <c r="U189" s="1016" t="str">
        <f>_xlfn.XLOOKUP(F189, [4]GIS!D:D, [4]GIS!E:E, "Not mapped")</f>
        <v>Single - Scenario 3</v>
      </c>
      <c r="V189" s="1017" t="s">
        <v>1495</v>
      </c>
      <c r="W189" s="1018" t="s">
        <v>1496</v>
      </c>
      <c r="X189" s="1019" t="s">
        <v>1497</v>
      </c>
      <c r="Y189" s="1020" t="s">
        <v>1498</v>
      </c>
      <c r="Z189" s="1020" t="s">
        <v>1498</v>
      </c>
      <c r="AA189" s="1020" t="s">
        <v>1498</v>
      </c>
      <c r="AB189" s="1020" t="s">
        <v>1498</v>
      </c>
      <c r="AC189" s="1020" t="s">
        <v>1498</v>
      </c>
      <c r="AD189" s="1020" t="s">
        <v>1498</v>
      </c>
      <c r="AE189" s="1020" t="s">
        <v>1498</v>
      </c>
      <c r="AF189" s="1020" t="s">
        <v>1498</v>
      </c>
      <c r="AG189" s="1020" t="s">
        <v>1498</v>
      </c>
      <c r="AH189" s="1020" t="s">
        <v>1498</v>
      </c>
      <c r="AI189" s="1020" t="s">
        <v>1498</v>
      </c>
      <c r="AJ189" s="1020" t="s">
        <v>1498</v>
      </c>
      <c r="AK189" s="1020" t="str">
        <f>IF(AJ189="n/a","n/a",ROUND((AJ189*[4]TripRateCalculations!$V$6),0))</f>
        <v>n/a</v>
      </c>
      <c r="AL189" s="1020" t="s">
        <v>1498</v>
      </c>
      <c r="AM189" s="1020" t="s">
        <v>1498</v>
      </c>
      <c r="AN189" s="1020" t="str">
        <f>IF(AT189="n/a","n/a",ROUND((AT189*[4]TripRateCalculations!N$4),0))</f>
        <v>n/a</v>
      </c>
      <c r="AO189" s="1020" t="str">
        <f>IF(AU189="n/a","n/a",ROUND((AU189*[4]TripRateCalculations!O$4),0))</f>
        <v>n/a</v>
      </c>
      <c r="AP189" s="1020" t="str">
        <f>IF(AV189="n/a","n/a",ROUND((AV189*[4]TripRateCalculations!P$4),0))</f>
        <v>n/a</v>
      </c>
      <c r="AQ189" s="1020" t="s">
        <v>1498</v>
      </c>
      <c r="AR189" s="1020" t="str">
        <f>IF(AX189="n/a","n/a",ROUND((AX189*[4]TripRateCalculations!R$4),0))</f>
        <v>n/a</v>
      </c>
      <c r="AS189" s="1020" t="str">
        <f>IF(AY189="n/a","n/a",ROUND((AY189*[4]TripRateCalculations!S$4),0))</f>
        <v>n/a</v>
      </c>
      <c r="AT189" s="1020" t="s">
        <v>1498</v>
      </c>
      <c r="AU189" s="1020" t="s">
        <v>1498</v>
      </c>
      <c r="AV189" s="1020" t="s">
        <v>1498</v>
      </c>
      <c r="AW189" s="1020" t="s">
        <v>1498</v>
      </c>
      <c r="AX189" s="1020" t="s">
        <v>1498</v>
      </c>
      <c r="AY189" s="1020" t="s">
        <v>1498</v>
      </c>
      <c r="AZ189" s="1020" t="s">
        <v>1498</v>
      </c>
      <c r="BA189" s="1100" t="s">
        <v>1498</v>
      </c>
      <c r="BB189" s="1100" t="s">
        <v>1498</v>
      </c>
      <c r="BC189" s="1100" t="s">
        <v>1498</v>
      </c>
      <c r="BD189" s="1100" t="s">
        <v>1498</v>
      </c>
      <c r="BE189" s="1100" t="s">
        <v>1498</v>
      </c>
      <c r="BF189" s="1100" t="s">
        <v>1498</v>
      </c>
      <c r="BG189" s="1100" t="s">
        <v>1498</v>
      </c>
      <c r="BH189" s="1027" t="s">
        <v>1811</v>
      </c>
      <c r="BI189" s="1026" t="s">
        <v>722</v>
      </c>
      <c r="BJ189" s="1026" t="s">
        <v>53</v>
      </c>
      <c r="BK189" s="1042">
        <f>ROUND((VLOOKUP(F189,'[4]Cost Summary'!A:H,8,)),0.1)</f>
        <v>797</v>
      </c>
      <c r="BL189" s="1026">
        <v>0</v>
      </c>
      <c r="BM189" s="1078" t="s">
        <v>1500</v>
      </c>
      <c r="BN189" s="1044" t="s">
        <v>1584</v>
      </c>
      <c r="BO189" s="1130">
        <v>518.02</v>
      </c>
      <c r="BP189" s="992"/>
      <c r="BQ189" s="1131" t="e">
        <f t="shared" si="63"/>
        <v>#VALUE!</v>
      </c>
      <c r="BR189" s="1131" t="e">
        <f t="shared" si="64"/>
        <v>#VALUE!</v>
      </c>
      <c r="BS189" s="1131" t="e">
        <f t="shared" si="65"/>
        <v>#VALUE!</v>
      </c>
      <c r="BT189" s="1131" t="e">
        <f t="shared" si="66"/>
        <v>#VALUE!</v>
      </c>
      <c r="BU189" s="1131" t="e">
        <f t="shared" si="67"/>
        <v>#VALUE!</v>
      </c>
      <c r="BV189" s="1131" t="e">
        <f t="shared" si="68"/>
        <v>#VALUE!</v>
      </c>
      <c r="BW189" s="1131" t="e">
        <f t="shared" si="69"/>
        <v>#VALUE!</v>
      </c>
      <c r="BX189" s="1131" t="e">
        <f t="shared" si="70"/>
        <v>#VALUE!</v>
      </c>
      <c r="BY189" s="1131" t="e">
        <f t="shared" si="71"/>
        <v>#VALUE!</v>
      </c>
      <c r="BZ189" s="1131" t="e">
        <f t="shared" si="72"/>
        <v>#VALUE!</v>
      </c>
      <c r="CA189" s="1131" t="e">
        <f t="shared" si="73"/>
        <v>#VALUE!</v>
      </c>
      <c r="CB189" s="1131" t="e">
        <f t="shared" si="74"/>
        <v>#VALUE!</v>
      </c>
      <c r="CC189" s="1131" t="e">
        <f t="shared" si="75"/>
        <v>#VALUE!</v>
      </c>
      <c r="CD189" s="1131" t="e">
        <f t="shared" si="76"/>
        <v>#VALUE!</v>
      </c>
      <c r="CE189" s="1131" t="e">
        <f t="shared" si="77"/>
        <v>#VALUE!</v>
      </c>
      <c r="CF189" s="1131" t="e">
        <f t="shared" si="78"/>
        <v>#VALUE!</v>
      </c>
      <c r="CG189" s="1131" t="e">
        <f t="shared" si="79"/>
        <v>#VALUE!</v>
      </c>
      <c r="CH189" s="1131" t="e">
        <f t="shared" si="80"/>
        <v>#VALUE!</v>
      </c>
      <c r="CI189" s="1131" t="e">
        <f t="shared" si="81"/>
        <v>#VALUE!</v>
      </c>
      <c r="CJ189" s="1131" t="e">
        <f t="shared" si="82"/>
        <v>#VALUE!</v>
      </c>
      <c r="CK189" s="1132" t="str">
        <f t="shared" si="83"/>
        <v>n/a</v>
      </c>
    </row>
    <row r="190" spans="1:89" ht="57" x14ac:dyDescent="0.2">
      <c r="A190" s="992"/>
      <c r="B190" s="1126" t="s">
        <v>66</v>
      </c>
      <c r="C190" s="1126"/>
      <c r="D190" s="1126"/>
      <c r="E190" s="1126"/>
      <c r="F190" s="1026" t="s">
        <v>2027</v>
      </c>
      <c r="G190" s="1026" t="s">
        <v>1243</v>
      </c>
      <c r="H190" s="1026" t="s">
        <v>1244</v>
      </c>
      <c r="I190" s="1026" t="s">
        <v>1898</v>
      </c>
      <c r="J190" s="1026" t="s">
        <v>2028</v>
      </c>
      <c r="K190" s="1026" t="s">
        <v>2029</v>
      </c>
      <c r="L190" s="1026" t="s">
        <v>1488</v>
      </c>
      <c r="M190" s="1026" t="s">
        <v>1489</v>
      </c>
      <c r="N190" s="1026">
        <v>1</v>
      </c>
      <c r="O190" s="1026" t="s">
        <v>932</v>
      </c>
      <c r="P190" s="1026" t="s">
        <v>1490</v>
      </c>
      <c r="Q190" s="1026" t="s">
        <v>1491</v>
      </c>
      <c r="R190" s="1026" t="s">
        <v>1492</v>
      </c>
      <c r="S190" s="1026" t="s">
        <v>1493</v>
      </c>
      <c r="T190" s="1026" t="s">
        <v>2030</v>
      </c>
      <c r="U190" s="1016" t="str">
        <f>_xlfn.XLOOKUP(F190, [4]GIS!D:D, [4]GIS!E:E, "Not mapped")</f>
        <v>Multiple - Scenario 2</v>
      </c>
      <c r="V190" s="1031" t="s">
        <v>1515</v>
      </c>
      <c r="W190" s="1018" t="s">
        <v>1496</v>
      </c>
      <c r="X190" s="1019" t="s">
        <v>1497</v>
      </c>
      <c r="Y190" s="1020" t="s">
        <v>1498</v>
      </c>
      <c r="Z190" s="1020" t="s">
        <v>1498</v>
      </c>
      <c r="AA190" s="1020" t="s">
        <v>1498</v>
      </c>
      <c r="AB190" s="1020" t="s">
        <v>1498</v>
      </c>
      <c r="AC190" s="1020" t="s">
        <v>1498</v>
      </c>
      <c r="AD190" s="1020" t="s">
        <v>1498</v>
      </c>
      <c r="AE190" s="1020" t="s">
        <v>1498</v>
      </c>
      <c r="AF190" s="1020" t="s">
        <v>1498</v>
      </c>
      <c r="AG190" s="1020" t="s">
        <v>1498</v>
      </c>
      <c r="AH190" s="1020" t="s">
        <v>1498</v>
      </c>
      <c r="AI190" s="1020" t="s">
        <v>1498</v>
      </c>
      <c r="AJ190" s="1020" t="s">
        <v>1498</v>
      </c>
      <c r="AK190" s="1020" t="str">
        <f>IF(AJ190="n/a","n/a",ROUND((AJ190*[4]TripRateCalculations!$V$6),0))</f>
        <v>n/a</v>
      </c>
      <c r="AL190" s="1020" t="s">
        <v>1498</v>
      </c>
      <c r="AM190" s="1020" t="s">
        <v>1498</v>
      </c>
      <c r="AN190" s="1020" t="str">
        <f>IF(AT190="n/a","n/a",ROUND((AT190*[4]TripRateCalculations!N$4),0))</f>
        <v>n/a</v>
      </c>
      <c r="AO190" s="1020" t="str">
        <f>IF(AU190="n/a","n/a",ROUND((AU190*[4]TripRateCalculations!O$4),0))</f>
        <v>n/a</v>
      </c>
      <c r="AP190" s="1020" t="str">
        <f>IF(AV190="n/a","n/a",ROUND((AV190*[4]TripRateCalculations!P$4),0))</f>
        <v>n/a</v>
      </c>
      <c r="AQ190" s="1020" t="s">
        <v>1498</v>
      </c>
      <c r="AR190" s="1020" t="str">
        <f>IF(AX190="n/a","n/a",ROUND((AX190*[4]TripRateCalculations!R$4),0))</f>
        <v>n/a</v>
      </c>
      <c r="AS190" s="1020" t="str">
        <f>IF(AY190="n/a","n/a",ROUND((AY190*[4]TripRateCalculations!S$4),0))</f>
        <v>n/a</v>
      </c>
      <c r="AT190" s="1020" t="s">
        <v>1498</v>
      </c>
      <c r="AU190" s="1020" t="s">
        <v>1498</v>
      </c>
      <c r="AV190" s="1020" t="s">
        <v>1498</v>
      </c>
      <c r="AW190" s="1020" t="s">
        <v>1498</v>
      </c>
      <c r="AX190" s="1020" t="s">
        <v>1498</v>
      </c>
      <c r="AY190" s="1020" t="s">
        <v>1498</v>
      </c>
      <c r="AZ190" s="1020" t="s">
        <v>1498</v>
      </c>
      <c r="BA190" s="1100" t="s">
        <v>1498</v>
      </c>
      <c r="BB190" s="1100" t="s">
        <v>1498</v>
      </c>
      <c r="BC190" s="1100" t="s">
        <v>1498</v>
      </c>
      <c r="BD190" s="1100" t="s">
        <v>1498</v>
      </c>
      <c r="BE190" s="1100" t="s">
        <v>1498</v>
      </c>
      <c r="BF190" s="1100" t="s">
        <v>1498</v>
      </c>
      <c r="BG190" s="1100" t="s">
        <v>1498</v>
      </c>
      <c r="BH190" s="1027" t="s">
        <v>1896</v>
      </c>
      <c r="BI190" s="1026" t="s">
        <v>722</v>
      </c>
      <c r="BJ190" s="1026" t="s">
        <v>53</v>
      </c>
      <c r="BK190" s="1042">
        <f>ROUND((VLOOKUP(F190,'[4]Cost Summary'!A:H,8,)),0.1)</f>
        <v>7445</v>
      </c>
      <c r="BL190" s="1026">
        <v>1</v>
      </c>
      <c r="BM190" s="1078">
        <v>8</v>
      </c>
      <c r="BN190" s="1044" t="s">
        <v>1584</v>
      </c>
      <c r="BO190" s="1130">
        <v>4836.6099999999997</v>
      </c>
      <c r="BP190" s="992"/>
      <c r="BQ190" s="1131" t="e">
        <f t="shared" si="63"/>
        <v>#VALUE!</v>
      </c>
      <c r="BR190" s="1131" t="e">
        <f t="shared" si="64"/>
        <v>#VALUE!</v>
      </c>
      <c r="BS190" s="1131" t="e">
        <f t="shared" si="65"/>
        <v>#VALUE!</v>
      </c>
      <c r="BT190" s="1131" t="e">
        <f t="shared" si="66"/>
        <v>#VALUE!</v>
      </c>
      <c r="BU190" s="1131" t="e">
        <f t="shared" si="67"/>
        <v>#VALUE!</v>
      </c>
      <c r="BV190" s="1131" t="e">
        <f t="shared" si="68"/>
        <v>#VALUE!</v>
      </c>
      <c r="BW190" s="1131" t="e">
        <f t="shared" si="69"/>
        <v>#VALUE!</v>
      </c>
      <c r="BX190" s="1131" t="e">
        <f t="shared" si="70"/>
        <v>#VALUE!</v>
      </c>
      <c r="BY190" s="1131" t="e">
        <f t="shared" si="71"/>
        <v>#VALUE!</v>
      </c>
      <c r="BZ190" s="1131" t="e">
        <f t="shared" si="72"/>
        <v>#VALUE!</v>
      </c>
      <c r="CA190" s="1131" t="e">
        <f t="shared" si="73"/>
        <v>#VALUE!</v>
      </c>
      <c r="CB190" s="1131" t="e">
        <f t="shared" si="74"/>
        <v>#VALUE!</v>
      </c>
      <c r="CC190" s="1131" t="e">
        <f t="shared" si="75"/>
        <v>#VALUE!</v>
      </c>
      <c r="CD190" s="1131" t="e">
        <f t="shared" si="76"/>
        <v>#VALUE!</v>
      </c>
      <c r="CE190" s="1131" t="e">
        <f t="shared" si="77"/>
        <v>#VALUE!</v>
      </c>
      <c r="CF190" s="1131" t="e">
        <f t="shared" si="78"/>
        <v>#VALUE!</v>
      </c>
      <c r="CG190" s="1131" t="e">
        <f t="shared" si="79"/>
        <v>#VALUE!</v>
      </c>
      <c r="CH190" s="1131" t="e">
        <f t="shared" si="80"/>
        <v>#VALUE!</v>
      </c>
      <c r="CI190" s="1131" t="e">
        <f t="shared" si="81"/>
        <v>#VALUE!</v>
      </c>
      <c r="CJ190" s="1131" t="e">
        <f t="shared" si="82"/>
        <v>#VALUE!</v>
      </c>
      <c r="CK190" s="1132" t="str">
        <f t="shared" si="83"/>
        <v>n/a</v>
      </c>
    </row>
    <row r="191" spans="1:89" ht="75" x14ac:dyDescent="0.2">
      <c r="A191" s="992"/>
      <c r="B191" s="1126" t="s">
        <v>66</v>
      </c>
      <c r="C191" s="1126"/>
      <c r="D191" s="1126"/>
      <c r="E191" s="1126"/>
      <c r="F191" s="1026" t="s">
        <v>2031</v>
      </c>
      <c r="G191" s="1026" t="s">
        <v>1245</v>
      </c>
      <c r="H191" s="1026" t="s">
        <v>2032</v>
      </c>
      <c r="I191" s="1026" t="s">
        <v>1627</v>
      </c>
      <c r="J191" s="1026">
        <v>51.750098000000001</v>
      </c>
      <c r="K191" s="1026">
        <v>-0.45068000000000003</v>
      </c>
      <c r="L191" s="1026" t="s">
        <v>1488</v>
      </c>
      <c r="M191" s="1026" t="s">
        <v>1489</v>
      </c>
      <c r="N191" s="1026">
        <v>1</v>
      </c>
      <c r="O191" s="1026" t="s">
        <v>932</v>
      </c>
      <c r="P191" s="1026" t="s">
        <v>1490</v>
      </c>
      <c r="Q191" s="1026" t="s">
        <v>1491</v>
      </c>
      <c r="R191" s="1026" t="s">
        <v>1492</v>
      </c>
      <c r="S191" s="1026" t="s">
        <v>1493</v>
      </c>
      <c r="T191" s="1026" t="s">
        <v>2030</v>
      </c>
      <c r="U191" s="1016" t="str">
        <f>_xlfn.XLOOKUP(F191, [4]GIS!D:D, [4]GIS!E:E, "Not mapped")</f>
        <v>Multiple - Scenario 2</v>
      </c>
      <c r="V191" s="1017" t="s">
        <v>1495</v>
      </c>
      <c r="W191" s="1018" t="s">
        <v>1496</v>
      </c>
      <c r="X191" s="1019" t="s">
        <v>1497</v>
      </c>
      <c r="Y191" s="1020" t="s">
        <v>1498</v>
      </c>
      <c r="Z191" s="1020" t="s">
        <v>1498</v>
      </c>
      <c r="AA191" s="1020" t="s">
        <v>1498</v>
      </c>
      <c r="AB191" s="1020" t="s">
        <v>1498</v>
      </c>
      <c r="AC191" s="1020" t="s">
        <v>1498</v>
      </c>
      <c r="AD191" s="1020" t="s">
        <v>1498</v>
      </c>
      <c r="AE191" s="1020" t="s">
        <v>1498</v>
      </c>
      <c r="AF191" s="1020" t="s">
        <v>1498</v>
      </c>
      <c r="AG191" s="1020" t="s">
        <v>1498</v>
      </c>
      <c r="AH191" s="1020" t="s">
        <v>1498</v>
      </c>
      <c r="AI191" s="1020" t="s">
        <v>1498</v>
      </c>
      <c r="AJ191" s="1020" t="s">
        <v>1498</v>
      </c>
      <c r="AK191" s="1020" t="str">
        <f>IF(AJ191="n/a","n/a",ROUND((AJ191*[4]TripRateCalculations!$V$6),0))</f>
        <v>n/a</v>
      </c>
      <c r="AL191" s="1020" t="s">
        <v>1498</v>
      </c>
      <c r="AM191" s="1020" t="s">
        <v>1498</v>
      </c>
      <c r="AN191" s="1020" t="str">
        <f>IF(AT191="n/a","n/a",ROUND((AT191*[4]TripRateCalculations!N$4),0))</f>
        <v>n/a</v>
      </c>
      <c r="AO191" s="1020" t="str">
        <f>IF(AU191="n/a","n/a",ROUND((AU191*[4]TripRateCalculations!O$4),0))</f>
        <v>n/a</v>
      </c>
      <c r="AP191" s="1020" t="str">
        <f>IF(AV191="n/a","n/a",ROUND((AV191*[4]TripRateCalculations!P$4),0))</f>
        <v>n/a</v>
      </c>
      <c r="AQ191" s="1020" t="s">
        <v>1498</v>
      </c>
      <c r="AR191" s="1020" t="str">
        <f>IF(AX191="n/a","n/a",ROUND((AX191*[4]TripRateCalculations!R$4),0))</f>
        <v>n/a</v>
      </c>
      <c r="AS191" s="1020" t="str">
        <f>IF(AY191="n/a","n/a",ROUND((AY191*[4]TripRateCalculations!S$4),0))</f>
        <v>n/a</v>
      </c>
      <c r="AT191" s="1020" t="s">
        <v>1498</v>
      </c>
      <c r="AU191" s="1020" t="s">
        <v>1498</v>
      </c>
      <c r="AV191" s="1020" t="s">
        <v>1498</v>
      </c>
      <c r="AW191" s="1020" t="s">
        <v>1498</v>
      </c>
      <c r="AX191" s="1020" t="s">
        <v>1498</v>
      </c>
      <c r="AY191" s="1020" t="s">
        <v>1498</v>
      </c>
      <c r="AZ191" s="1020" t="s">
        <v>1498</v>
      </c>
      <c r="BA191" s="1100" t="s">
        <v>1498</v>
      </c>
      <c r="BB191" s="1100" t="s">
        <v>1498</v>
      </c>
      <c r="BC191" s="1100" t="s">
        <v>1498</v>
      </c>
      <c r="BD191" s="1100" t="s">
        <v>1498</v>
      </c>
      <c r="BE191" s="1100" t="s">
        <v>1498</v>
      </c>
      <c r="BF191" s="1100" t="s">
        <v>1498</v>
      </c>
      <c r="BG191" s="1100" t="s">
        <v>1498</v>
      </c>
      <c r="BH191" s="1027" t="s">
        <v>1896</v>
      </c>
      <c r="BI191" s="1026" t="s">
        <v>722</v>
      </c>
      <c r="BJ191" s="1026" t="s">
        <v>53</v>
      </c>
      <c r="BK191" s="1042">
        <f>ROUND((VLOOKUP(F191,'[4]Cost Summary'!A:H,8,)),0.1)</f>
        <v>387284</v>
      </c>
      <c r="BL191" s="1026">
        <v>1</v>
      </c>
      <c r="BM191" s="1078">
        <v>8</v>
      </c>
      <c r="BN191" s="1044" t="s">
        <v>1584</v>
      </c>
      <c r="BO191" s="1130">
        <v>251608.5</v>
      </c>
      <c r="BP191" s="992"/>
      <c r="BQ191" s="1131" t="e">
        <f t="shared" si="63"/>
        <v>#VALUE!</v>
      </c>
      <c r="BR191" s="1131" t="e">
        <f t="shared" si="64"/>
        <v>#VALUE!</v>
      </c>
      <c r="BS191" s="1131" t="e">
        <f t="shared" si="65"/>
        <v>#VALUE!</v>
      </c>
      <c r="BT191" s="1131" t="e">
        <f t="shared" si="66"/>
        <v>#VALUE!</v>
      </c>
      <c r="BU191" s="1131" t="e">
        <f t="shared" si="67"/>
        <v>#VALUE!</v>
      </c>
      <c r="BV191" s="1131" t="e">
        <f t="shared" si="68"/>
        <v>#VALUE!</v>
      </c>
      <c r="BW191" s="1131" t="e">
        <f t="shared" si="69"/>
        <v>#VALUE!</v>
      </c>
      <c r="BX191" s="1131" t="e">
        <f t="shared" si="70"/>
        <v>#VALUE!</v>
      </c>
      <c r="BY191" s="1131" t="e">
        <f t="shared" si="71"/>
        <v>#VALUE!</v>
      </c>
      <c r="BZ191" s="1131" t="e">
        <f t="shared" si="72"/>
        <v>#VALUE!</v>
      </c>
      <c r="CA191" s="1131" t="e">
        <f t="shared" si="73"/>
        <v>#VALUE!</v>
      </c>
      <c r="CB191" s="1131" t="e">
        <f t="shared" si="74"/>
        <v>#VALUE!</v>
      </c>
      <c r="CC191" s="1131" t="e">
        <f t="shared" si="75"/>
        <v>#VALUE!</v>
      </c>
      <c r="CD191" s="1131" t="e">
        <f t="shared" si="76"/>
        <v>#VALUE!</v>
      </c>
      <c r="CE191" s="1131" t="e">
        <f t="shared" si="77"/>
        <v>#VALUE!</v>
      </c>
      <c r="CF191" s="1131" t="e">
        <f t="shared" si="78"/>
        <v>#VALUE!</v>
      </c>
      <c r="CG191" s="1131" t="e">
        <f t="shared" si="79"/>
        <v>#VALUE!</v>
      </c>
      <c r="CH191" s="1131" t="e">
        <f t="shared" si="80"/>
        <v>#VALUE!</v>
      </c>
      <c r="CI191" s="1131" t="e">
        <f t="shared" si="81"/>
        <v>#VALUE!</v>
      </c>
      <c r="CJ191" s="1131" t="e">
        <f t="shared" si="82"/>
        <v>#VALUE!</v>
      </c>
      <c r="CK191" s="1132" t="str">
        <f t="shared" si="83"/>
        <v>n/a</v>
      </c>
    </row>
    <row r="192" spans="1:89" ht="75" x14ac:dyDescent="0.2">
      <c r="A192" s="992"/>
      <c r="B192" s="1126" t="s">
        <v>66</v>
      </c>
      <c r="C192" s="1126"/>
      <c r="D192" s="1126"/>
      <c r="E192" s="1126"/>
      <c r="F192" s="1026" t="s">
        <v>2033</v>
      </c>
      <c r="G192" s="1026" t="s">
        <v>1247</v>
      </c>
      <c r="H192" s="1026" t="s">
        <v>1248</v>
      </c>
      <c r="I192" s="1026" t="s">
        <v>2034</v>
      </c>
      <c r="J192" s="1026" t="s">
        <v>2035</v>
      </c>
      <c r="K192" s="1026" t="s">
        <v>2036</v>
      </c>
      <c r="L192" s="1026" t="s">
        <v>1488</v>
      </c>
      <c r="M192" s="1026" t="s">
        <v>1489</v>
      </c>
      <c r="N192" s="1026">
        <v>1</v>
      </c>
      <c r="O192" s="1026" t="s">
        <v>932</v>
      </c>
      <c r="P192" s="1026" t="s">
        <v>1490</v>
      </c>
      <c r="Q192" s="1026" t="s">
        <v>1491</v>
      </c>
      <c r="R192" s="1026" t="s">
        <v>1492</v>
      </c>
      <c r="S192" s="1026" t="s">
        <v>1493</v>
      </c>
      <c r="T192" s="1026" t="s">
        <v>2030</v>
      </c>
      <c r="U192" s="1016" t="str">
        <f>_xlfn.XLOOKUP(F192, [4]GIS!D:D, [4]GIS!E:E, "Not mapped")</f>
        <v>Multiple - Scenario 2</v>
      </c>
      <c r="V192" s="1017" t="s">
        <v>1495</v>
      </c>
      <c r="W192" s="1018" t="s">
        <v>1496</v>
      </c>
      <c r="X192" s="1019" t="s">
        <v>1497</v>
      </c>
      <c r="Y192" s="1020" t="s">
        <v>1498</v>
      </c>
      <c r="Z192" s="1020" t="s">
        <v>1498</v>
      </c>
      <c r="AA192" s="1020" t="s">
        <v>1498</v>
      </c>
      <c r="AB192" s="1020" t="s">
        <v>1498</v>
      </c>
      <c r="AC192" s="1020" t="s">
        <v>1498</v>
      </c>
      <c r="AD192" s="1020" t="s">
        <v>1498</v>
      </c>
      <c r="AE192" s="1020" t="s">
        <v>1498</v>
      </c>
      <c r="AF192" s="1020" t="s">
        <v>1498</v>
      </c>
      <c r="AG192" s="1020" t="s">
        <v>1498</v>
      </c>
      <c r="AH192" s="1020" t="s">
        <v>1498</v>
      </c>
      <c r="AI192" s="1020" t="s">
        <v>1498</v>
      </c>
      <c r="AJ192" s="1020" t="s">
        <v>1498</v>
      </c>
      <c r="AK192" s="1020" t="str">
        <f>IF(AJ192="n/a","n/a",ROUND((AJ192*[4]TripRateCalculations!$V$6),0))</f>
        <v>n/a</v>
      </c>
      <c r="AL192" s="1020" t="s">
        <v>1498</v>
      </c>
      <c r="AM192" s="1020" t="s">
        <v>1498</v>
      </c>
      <c r="AN192" s="1020" t="str">
        <f>IF(AT192="n/a","n/a",ROUND((AT192*[4]TripRateCalculations!N$4),0))</f>
        <v>n/a</v>
      </c>
      <c r="AO192" s="1020" t="str">
        <f>IF(AU192="n/a","n/a",ROUND((AU192*[4]TripRateCalculations!O$4),0))</f>
        <v>n/a</v>
      </c>
      <c r="AP192" s="1020" t="str">
        <f>IF(AV192="n/a","n/a",ROUND((AV192*[4]TripRateCalculations!P$4),0))</f>
        <v>n/a</v>
      </c>
      <c r="AQ192" s="1020" t="s">
        <v>1498</v>
      </c>
      <c r="AR192" s="1020" t="str">
        <f>IF(AX192="n/a","n/a",ROUND((AX192*[4]TripRateCalculations!R$4),0))</f>
        <v>n/a</v>
      </c>
      <c r="AS192" s="1020" t="str">
        <f>IF(AY192="n/a","n/a",ROUND((AY192*[4]TripRateCalculations!S$4),0))</f>
        <v>n/a</v>
      </c>
      <c r="AT192" s="1020" t="s">
        <v>1498</v>
      </c>
      <c r="AU192" s="1020" t="s">
        <v>1498</v>
      </c>
      <c r="AV192" s="1020" t="s">
        <v>1498</v>
      </c>
      <c r="AW192" s="1020" t="s">
        <v>1498</v>
      </c>
      <c r="AX192" s="1020" t="s">
        <v>1498</v>
      </c>
      <c r="AY192" s="1020" t="s">
        <v>1498</v>
      </c>
      <c r="AZ192" s="1020" t="s">
        <v>1498</v>
      </c>
      <c r="BA192" s="1100" t="s">
        <v>1498</v>
      </c>
      <c r="BB192" s="1100" t="s">
        <v>1498</v>
      </c>
      <c r="BC192" s="1100" t="s">
        <v>1498</v>
      </c>
      <c r="BD192" s="1100" t="s">
        <v>1498</v>
      </c>
      <c r="BE192" s="1100" t="s">
        <v>1498</v>
      </c>
      <c r="BF192" s="1100" t="s">
        <v>1498</v>
      </c>
      <c r="BG192" s="1100" t="s">
        <v>1498</v>
      </c>
      <c r="BH192" s="1027" t="s">
        <v>1896</v>
      </c>
      <c r="BI192" s="1026" t="s">
        <v>722</v>
      </c>
      <c r="BJ192" s="1026" t="s">
        <v>53</v>
      </c>
      <c r="BK192" s="1042">
        <f>ROUND((VLOOKUP(F192,'[4]Cost Summary'!A:H,8,)),0.1)</f>
        <v>10441</v>
      </c>
      <c r="BL192" s="1026">
        <v>1</v>
      </c>
      <c r="BM192" s="1078">
        <v>8</v>
      </c>
      <c r="BN192" s="1044" t="s">
        <v>1584</v>
      </c>
      <c r="BO192" s="1130">
        <v>6783.56</v>
      </c>
      <c r="BP192" s="992"/>
      <c r="BQ192" s="1131" t="e">
        <f t="shared" si="63"/>
        <v>#VALUE!</v>
      </c>
      <c r="BR192" s="1131" t="e">
        <f t="shared" si="64"/>
        <v>#VALUE!</v>
      </c>
      <c r="BS192" s="1131" t="e">
        <f t="shared" si="65"/>
        <v>#VALUE!</v>
      </c>
      <c r="BT192" s="1131" t="e">
        <f t="shared" si="66"/>
        <v>#VALUE!</v>
      </c>
      <c r="BU192" s="1131" t="e">
        <f t="shared" si="67"/>
        <v>#VALUE!</v>
      </c>
      <c r="BV192" s="1131" t="e">
        <f t="shared" si="68"/>
        <v>#VALUE!</v>
      </c>
      <c r="BW192" s="1131" t="e">
        <f t="shared" si="69"/>
        <v>#VALUE!</v>
      </c>
      <c r="BX192" s="1131" t="e">
        <f t="shared" si="70"/>
        <v>#VALUE!</v>
      </c>
      <c r="BY192" s="1131" t="e">
        <f t="shared" si="71"/>
        <v>#VALUE!</v>
      </c>
      <c r="BZ192" s="1131" t="e">
        <f t="shared" si="72"/>
        <v>#VALUE!</v>
      </c>
      <c r="CA192" s="1131" t="e">
        <f t="shared" si="73"/>
        <v>#VALUE!</v>
      </c>
      <c r="CB192" s="1131" t="e">
        <f t="shared" si="74"/>
        <v>#VALUE!</v>
      </c>
      <c r="CC192" s="1131" t="e">
        <f t="shared" si="75"/>
        <v>#VALUE!</v>
      </c>
      <c r="CD192" s="1131" t="e">
        <f t="shared" si="76"/>
        <v>#VALUE!</v>
      </c>
      <c r="CE192" s="1131" t="e">
        <f t="shared" si="77"/>
        <v>#VALUE!</v>
      </c>
      <c r="CF192" s="1131" t="e">
        <f t="shared" si="78"/>
        <v>#VALUE!</v>
      </c>
      <c r="CG192" s="1131" t="e">
        <f t="shared" si="79"/>
        <v>#VALUE!</v>
      </c>
      <c r="CH192" s="1131" t="e">
        <f t="shared" si="80"/>
        <v>#VALUE!</v>
      </c>
      <c r="CI192" s="1131" t="e">
        <f t="shared" si="81"/>
        <v>#VALUE!</v>
      </c>
      <c r="CJ192" s="1131" t="e">
        <f t="shared" si="82"/>
        <v>#VALUE!</v>
      </c>
      <c r="CK192" s="1132" t="str">
        <f t="shared" si="83"/>
        <v>n/a</v>
      </c>
    </row>
    <row r="193" spans="1:89" ht="57" x14ac:dyDescent="0.2">
      <c r="A193" s="992"/>
      <c r="B193" s="1126" t="s">
        <v>66</v>
      </c>
      <c r="C193" s="1126"/>
      <c r="D193" s="1126"/>
      <c r="E193" s="1126"/>
      <c r="F193" s="1026" t="s">
        <v>2037</v>
      </c>
      <c r="G193" s="1026" t="s">
        <v>1041</v>
      </c>
      <c r="H193" s="1026" t="s">
        <v>1042</v>
      </c>
      <c r="I193" s="1026" t="s">
        <v>1892</v>
      </c>
      <c r="J193" s="1026">
        <v>51.735872350000001</v>
      </c>
      <c r="K193" s="1026">
        <v>-0.46717183600000001</v>
      </c>
      <c r="L193" s="1026" t="s">
        <v>1522</v>
      </c>
      <c r="M193" s="1026" t="s">
        <v>1489</v>
      </c>
      <c r="N193" s="1026">
        <v>1</v>
      </c>
      <c r="O193" s="1026" t="s">
        <v>932</v>
      </c>
      <c r="P193" s="1026" t="s">
        <v>1490</v>
      </c>
      <c r="Q193" s="1026" t="s">
        <v>1491</v>
      </c>
      <c r="R193" s="1026" t="s">
        <v>1492</v>
      </c>
      <c r="S193" s="1026" t="s">
        <v>1493</v>
      </c>
      <c r="T193" s="1026" t="s">
        <v>1795</v>
      </c>
      <c r="U193" s="1016" t="str">
        <f>_xlfn.XLOOKUP(F193, [4]GIS!D:D, [4]GIS!E:E, "Not mapped")</f>
        <v>Multiple - Scenario 1</v>
      </c>
      <c r="V193" s="1015" t="s">
        <v>1707</v>
      </c>
      <c r="W193" s="1032" t="s">
        <v>1525</v>
      </c>
      <c r="X193" s="1032" t="s">
        <v>1526</v>
      </c>
      <c r="Y193" s="1033">
        <v>2</v>
      </c>
      <c r="Z193" s="1033">
        <v>2</v>
      </c>
      <c r="AA193" s="1033">
        <v>5</v>
      </c>
      <c r="AB193" s="1033">
        <v>2</v>
      </c>
      <c r="AC193" s="1033">
        <v>2</v>
      </c>
      <c r="AD193" s="1034">
        <v>63</v>
      </c>
      <c r="AE193" s="1034">
        <v>1</v>
      </c>
      <c r="AF193" s="1034">
        <v>2</v>
      </c>
      <c r="AG193" s="1034">
        <v>1</v>
      </c>
      <c r="AH193" s="1034">
        <v>1</v>
      </c>
      <c r="AI193" s="1034">
        <v>3</v>
      </c>
      <c r="AJ193" s="1034">
        <v>6</v>
      </c>
      <c r="AK193" s="1034">
        <f>IF(AJ193="n/a","n/a",ROUND((AJ193*[4]TripRateCalculations!$V$6),0))</f>
        <v>13</v>
      </c>
      <c r="AL193" s="1034">
        <v>1</v>
      </c>
      <c r="AM193" s="1034">
        <v>1</v>
      </c>
      <c r="AN193" s="1034">
        <f>IF(AT193="n/a","n/a",ROUND((AT193*[4]TripRateCalculations!N$4),0))</f>
        <v>1</v>
      </c>
      <c r="AO193" s="1034">
        <f>IF(AU193="n/a","n/a",ROUND((AU193*[4]TripRateCalculations!O$4),0))</f>
        <v>3</v>
      </c>
      <c r="AP193" s="1034">
        <f>IF(AV193="n/a","n/a",ROUND((AV193*[4]TripRateCalculations!P$4),0))</f>
        <v>1</v>
      </c>
      <c r="AQ193" s="1034">
        <f>AW193*[4]TripRateCalculations!Q$4</f>
        <v>0.4393592677345538</v>
      </c>
      <c r="AR193" s="1034">
        <f>IF(AX193="n/a","n/a",ROUND((AX193*[4]TripRateCalculations!R$4),0))</f>
        <v>0</v>
      </c>
      <c r="AS193" s="1034">
        <f>IF(AY193="n/a","n/a",ROUND((AY193*[4]TripRateCalculations!S$4),0))</f>
        <v>0</v>
      </c>
      <c r="AT193" s="1034">
        <v>5</v>
      </c>
      <c r="AU193" s="1034">
        <v>42</v>
      </c>
      <c r="AV193" s="1034">
        <v>2</v>
      </c>
      <c r="AW193" s="1034">
        <v>3</v>
      </c>
      <c r="AX193" s="1034">
        <v>2</v>
      </c>
      <c r="AY193" s="1034">
        <v>3</v>
      </c>
      <c r="AZ193" s="1035">
        <v>4</v>
      </c>
      <c r="BA193" s="1035">
        <v>1</v>
      </c>
      <c r="BB193" s="1035">
        <v>1</v>
      </c>
      <c r="BC193" s="1035">
        <v>1</v>
      </c>
      <c r="BD193" s="1035">
        <v>8</v>
      </c>
      <c r="BE193" s="1035">
        <v>1</v>
      </c>
      <c r="BF193" s="1035">
        <v>3</v>
      </c>
      <c r="BG193" s="1035">
        <f>BF193*[4]TripRateCalculations!$Q$4</f>
        <v>0.4393592677345538</v>
      </c>
      <c r="BH193" s="1027" t="s">
        <v>1983</v>
      </c>
      <c r="BI193" s="1026" t="s">
        <v>722</v>
      </c>
      <c r="BJ193" s="1026" t="s">
        <v>53</v>
      </c>
      <c r="BK193" s="1042">
        <f>ROUND((VLOOKUP(F193,'[4]Cost Summary'!A:H,8,)),0.1)</f>
        <v>86063</v>
      </c>
      <c r="BL193" s="1026">
        <v>1</v>
      </c>
      <c r="BM193" s="1078">
        <v>7</v>
      </c>
      <c r="BN193" s="1044" t="s">
        <v>1584</v>
      </c>
      <c r="BO193" s="1130">
        <v>55913</v>
      </c>
      <c r="BP193" s="992"/>
      <c r="BQ193" s="1131">
        <f t="shared" si="63"/>
        <v>1.8615151966944261E-2</v>
      </c>
      <c r="BR193" s="1131">
        <f t="shared" si="64"/>
        <v>4.653787991736065E-2</v>
      </c>
      <c r="BS193" s="1131">
        <f t="shared" si="65"/>
        <v>1.8615151966944261E-2</v>
      </c>
      <c r="BT193" s="1131">
        <f t="shared" si="66"/>
        <v>1.8615151966944261E-2</v>
      </c>
      <c r="BU193" s="1131">
        <f t="shared" si="67"/>
        <v>0.58637728695874414</v>
      </c>
      <c r="BV193" s="1131">
        <f t="shared" si="68"/>
        <v>9.3075759834721303E-3</v>
      </c>
      <c r="BW193" s="1131">
        <f t="shared" si="69"/>
        <v>1.8615151966944261E-2</v>
      </c>
      <c r="BX193" s="1131">
        <f t="shared" si="70"/>
        <v>9.3075759834721303E-3</v>
      </c>
      <c r="BY193" s="1131">
        <f t="shared" si="71"/>
        <v>2.7922727950416389E-2</v>
      </c>
      <c r="BZ193" s="1131">
        <f t="shared" si="72"/>
        <v>0.12099848778513769</v>
      </c>
      <c r="CA193" s="1131">
        <f t="shared" si="73"/>
        <v>9.3075759834721303E-3</v>
      </c>
      <c r="CB193" s="1131">
        <f t="shared" si="74"/>
        <v>9.3075759834721303E-3</v>
      </c>
      <c r="CC193" s="1131">
        <f t="shared" si="75"/>
        <v>9.3075759834721303E-3</v>
      </c>
      <c r="CD193" s="1131">
        <f t="shared" si="76"/>
        <v>2.7922727950416389E-2</v>
      </c>
      <c r="CE193" s="1131">
        <f t="shared" si="77"/>
        <v>9.3075759834721303E-3</v>
      </c>
      <c r="CF193" s="1131">
        <f t="shared" si="78"/>
        <v>0</v>
      </c>
      <c r="CG193" s="1131">
        <f t="shared" si="79"/>
        <v>0</v>
      </c>
      <c r="CH193" s="1131">
        <f t="shared" si="80"/>
        <v>3.7230303933888521E-2</v>
      </c>
      <c r="CI193" s="1131">
        <f t="shared" si="81"/>
        <v>1.8615151966944261E-2</v>
      </c>
      <c r="CJ193" s="1131">
        <f t="shared" si="82"/>
        <v>4.0893697684820348E-3</v>
      </c>
      <c r="CK193" s="1132">
        <f t="shared" si="83"/>
        <v>0.99999999999999978</v>
      </c>
    </row>
    <row r="194" spans="1:89" ht="42.75" x14ac:dyDescent="0.2">
      <c r="A194" s="992"/>
      <c r="B194" s="1126" t="s">
        <v>66</v>
      </c>
      <c r="C194" s="1126"/>
      <c r="D194" s="1126"/>
      <c r="E194" s="1126"/>
      <c r="F194" s="1026" t="s">
        <v>2038</v>
      </c>
      <c r="G194" s="1026" t="s">
        <v>1043</v>
      </c>
      <c r="H194" s="1026" t="s">
        <v>1044</v>
      </c>
      <c r="I194" s="1026" t="s">
        <v>1892</v>
      </c>
      <c r="J194" s="1026">
        <v>51.734760170000001</v>
      </c>
      <c r="K194" s="1026">
        <v>-0.46472259300000002</v>
      </c>
      <c r="L194" s="1026" t="s">
        <v>1522</v>
      </c>
      <c r="M194" s="1026" t="s">
        <v>1489</v>
      </c>
      <c r="N194" s="1026">
        <v>1</v>
      </c>
      <c r="O194" s="1026" t="s">
        <v>932</v>
      </c>
      <c r="P194" s="1026" t="s">
        <v>1490</v>
      </c>
      <c r="Q194" s="1026" t="s">
        <v>1491</v>
      </c>
      <c r="R194" s="1026" t="s">
        <v>1492</v>
      </c>
      <c r="S194" s="1026" t="s">
        <v>1493</v>
      </c>
      <c r="T194" s="1026" t="s">
        <v>1795</v>
      </c>
      <c r="U194" s="1016" t="str">
        <f>_xlfn.XLOOKUP(F194, [4]GIS!D:D, [4]GIS!E:E, "Not mapped")</f>
        <v>Single - Scenario 2</v>
      </c>
      <c r="V194" s="1015" t="s">
        <v>1707</v>
      </c>
      <c r="W194" s="1032" t="s">
        <v>1525</v>
      </c>
      <c r="X194" s="1032" t="s">
        <v>1526</v>
      </c>
      <c r="Y194" s="1033">
        <v>1</v>
      </c>
      <c r="Z194" s="1033">
        <v>1</v>
      </c>
      <c r="AA194" s="1033">
        <v>1</v>
      </c>
      <c r="AB194" s="1033">
        <v>1</v>
      </c>
      <c r="AC194" s="1033">
        <v>1</v>
      </c>
      <c r="AD194" s="1034">
        <v>133</v>
      </c>
      <c r="AE194" s="1034">
        <v>1</v>
      </c>
      <c r="AF194" s="1034">
        <v>6</v>
      </c>
      <c r="AG194" s="1034">
        <v>1</v>
      </c>
      <c r="AH194" s="1034">
        <v>0</v>
      </c>
      <c r="AI194" s="1034">
        <v>3</v>
      </c>
      <c r="AJ194" s="1034">
        <v>2</v>
      </c>
      <c r="AK194" s="1034">
        <f>IF(AJ194="n/a","n/a",ROUND((AJ194*[4]TripRateCalculations!$V$6),0))</f>
        <v>4</v>
      </c>
      <c r="AL194" s="1034">
        <v>1</v>
      </c>
      <c r="AM194" s="1034">
        <v>0</v>
      </c>
      <c r="AN194" s="1034">
        <f>IF(AT194="n/a","n/a",ROUND((AT194*[4]TripRateCalculations!N$4),0))</f>
        <v>0</v>
      </c>
      <c r="AO194" s="1034">
        <f>IF(AU194="n/a","n/a",ROUND((AU194*[4]TripRateCalculations!O$4),0))</f>
        <v>1</v>
      </c>
      <c r="AP194" s="1034">
        <f>IF(AV194="n/a","n/a",ROUND((AV194*[4]TripRateCalculations!P$4),0))</f>
        <v>0</v>
      </c>
      <c r="AQ194" s="1034">
        <f>AW194*[4]TripRateCalculations!Q$4</f>
        <v>0.29290617848970252</v>
      </c>
      <c r="AR194" s="1034">
        <f>IF(AX194="n/a","n/a",ROUND((AX194*[4]TripRateCalculations!R$4),0))</f>
        <v>0</v>
      </c>
      <c r="AS194" s="1034">
        <f>IF(AY194="n/a","n/a",ROUND((AY194*[4]TripRateCalculations!S$4),0))</f>
        <v>0</v>
      </c>
      <c r="AT194" s="1034">
        <v>2</v>
      </c>
      <c r="AU194" s="1034">
        <v>16</v>
      </c>
      <c r="AV194" s="1034">
        <v>0</v>
      </c>
      <c r="AW194" s="1034">
        <v>2</v>
      </c>
      <c r="AX194" s="1034">
        <v>1</v>
      </c>
      <c r="AY194" s="1034">
        <v>3</v>
      </c>
      <c r="AZ194" s="1035">
        <v>2</v>
      </c>
      <c r="BA194" s="1035">
        <v>0</v>
      </c>
      <c r="BB194" s="1035">
        <v>1</v>
      </c>
      <c r="BC194" s="1035">
        <v>1</v>
      </c>
      <c r="BD194" s="1035">
        <v>2</v>
      </c>
      <c r="BE194" s="1035">
        <v>0</v>
      </c>
      <c r="BF194" s="1035">
        <v>3</v>
      </c>
      <c r="BG194" s="1035">
        <f>BF194*[4]TripRateCalculations!$Q$4</f>
        <v>0.4393592677345538</v>
      </c>
      <c r="BH194" s="1027" t="s">
        <v>1983</v>
      </c>
      <c r="BI194" s="1026" t="s">
        <v>722</v>
      </c>
      <c r="BJ194" s="1026" t="s">
        <v>53</v>
      </c>
      <c r="BK194" s="1042">
        <f>ROUND((VLOOKUP(F194,'[4]Cost Summary'!A:H,8,)),0.1)</f>
        <v>164532</v>
      </c>
      <c r="BL194" s="1026">
        <v>1</v>
      </c>
      <c r="BM194" s="1078">
        <v>7</v>
      </c>
      <c r="BN194" s="1044" t="s">
        <v>1584</v>
      </c>
      <c r="BO194" s="1130">
        <v>106892.5</v>
      </c>
      <c r="BP194" s="992"/>
      <c r="BQ194" s="1131">
        <f t="shared" si="63"/>
        <v>6.3575657942592772E-3</v>
      </c>
      <c r="BR194" s="1131">
        <f t="shared" si="64"/>
        <v>6.3575657942592772E-3</v>
      </c>
      <c r="BS194" s="1131">
        <f t="shared" si="65"/>
        <v>6.3575657942592772E-3</v>
      </c>
      <c r="BT194" s="1131">
        <f t="shared" si="66"/>
        <v>6.3575657942592772E-3</v>
      </c>
      <c r="BU194" s="1131">
        <f t="shared" si="67"/>
        <v>0.84555625063648387</v>
      </c>
      <c r="BV194" s="1131">
        <f t="shared" si="68"/>
        <v>6.3575657942592772E-3</v>
      </c>
      <c r="BW194" s="1131">
        <f t="shared" si="69"/>
        <v>3.8145394765555667E-2</v>
      </c>
      <c r="BX194" s="1131">
        <f t="shared" si="70"/>
        <v>6.3575657942592772E-3</v>
      </c>
      <c r="BY194" s="1131">
        <f t="shared" si="71"/>
        <v>1.9072697382777833E-2</v>
      </c>
      <c r="BZ194" s="1131">
        <f t="shared" si="72"/>
        <v>2.5430263177037109E-2</v>
      </c>
      <c r="CA194" s="1131">
        <f t="shared" si="73"/>
        <v>6.3575657942592772E-3</v>
      </c>
      <c r="CB194" s="1131">
        <f t="shared" si="74"/>
        <v>0</v>
      </c>
      <c r="CC194" s="1131">
        <f t="shared" si="75"/>
        <v>0</v>
      </c>
      <c r="CD194" s="1131">
        <f t="shared" si="76"/>
        <v>6.3575657942592772E-3</v>
      </c>
      <c r="CE194" s="1131">
        <f t="shared" si="77"/>
        <v>0</v>
      </c>
      <c r="CF194" s="1131">
        <f t="shared" si="78"/>
        <v>0</v>
      </c>
      <c r="CG194" s="1131">
        <f t="shared" si="79"/>
        <v>0</v>
      </c>
      <c r="CH194" s="1131">
        <f t="shared" si="80"/>
        <v>1.2715131588518554E-2</v>
      </c>
      <c r="CI194" s="1131">
        <f t="shared" si="81"/>
        <v>6.3575657942592772E-3</v>
      </c>
      <c r="CJ194" s="1131">
        <f t="shared" si="82"/>
        <v>1.8621703012933353E-3</v>
      </c>
      <c r="CK194" s="1132">
        <f t="shared" si="83"/>
        <v>0.99999999999999989</v>
      </c>
    </row>
    <row r="195" spans="1:89" ht="57" x14ac:dyDescent="0.2">
      <c r="A195" s="992"/>
      <c r="B195" s="1126" t="s">
        <v>66</v>
      </c>
      <c r="C195" s="1126"/>
      <c r="D195" s="1126"/>
      <c r="E195" s="1126"/>
      <c r="F195" s="1026" t="s">
        <v>2039</v>
      </c>
      <c r="G195" s="1026" t="s">
        <v>1253</v>
      </c>
      <c r="H195" s="1026" t="s">
        <v>1254</v>
      </c>
      <c r="I195" s="1026" t="s">
        <v>1503</v>
      </c>
      <c r="J195" s="1026" t="s">
        <v>2040</v>
      </c>
      <c r="K195" s="1026" t="s">
        <v>2041</v>
      </c>
      <c r="L195" s="1026" t="s">
        <v>1488</v>
      </c>
      <c r="M195" s="1026" t="s">
        <v>1489</v>
      </c>
      <c r="N195" s="1026">
        <v>1</v>
      </c>
      <c r="O195" s="1026" t="s">
        <v>932</v>
      </c>
      <c r="P195" s="1026" t="s">
        <v>1490</v>
      </c>
      <c r="Q195" s="1026" t="s">
        <v>1491</v>
      </c>
      <c r="R195" s="1026" t="s">
        <v>1492</v>
      </c>
      <c r="S195" s="1026" t="s">
        <v>1493</v>
      </c>
      <c r="T195" s="1026" t="s">
        <v>2042</v>
      </c>
      <c r="U195" s="1016" t="str">
        <f>_xlfn.XLOOKUP(F195, [4]GIS!D:D, [4]GIS!E:E, "Not mapped")</f>
        <v>Single - Scenario 3</v>
      </c>
      <c r="V195" s="1026" t="s">
        <v>1508</v>
      </c>
      <c r="W195" s="1018" t="s">
        <v>1496</v>
      </c>
      <c r="X195" s="1019" t="s">
        <v>1497</v>
      </c>
      <c r="Y195" s="1020" t="s">
        <v>1498</v>
      </c>
      <c r="Z195" s="1020" t="s">
        <v>1498</v>
      </c>
      <c r="AA195" s="1020" t="s">
        <v>1498</v>
      </c>
      <c r="AB195" s="1020" t="s">
        <v>1498</v>
      </c>
      <c r="AC195" s="1020" t="s">
        <v>1498</v>
      </c>
      <c r="AD195" s="1020" t="s">
        <v>1498</v>
      </c>
      <c r="AE195" s="1020" t="s">
        <v>1498</v>
      </c>
      <c r="AF195" s="1020" t="s">
        <v>1498</v>
      </c>
      <c r="AG195" s="1020" t="s">
        <v>1498</v>
      </c>
      <c r="AH195" s="1020" t="s">
        <v>1498</v>
      </c>
      <c r="AI195" s="1020" t="s">
        <v>1498</v>
      </c>
      <c r="AJ195" s="1020" t="s">
        <v>1498</v>
      </c>
      <c r="AK195" s="1020" t="str">
        <f>IF(AJ195="n/a","n/a",ROUND((AJ195*[4]TripRateCalculations!$V$6),0))</f>
        <v>n/a</v>
      </c>
      <c r="AL195" s="1020" t="s">
        <v>1498</v>
      </c>
      <c r="AM195" s="1020" t="s">
        <v>1498</v>
      </c>
      <c r="AN195" s="1020" t="str">
        <f>IF(AT195="n/a","n/a",ROUND((AT195*[4]TripRateCalculations!N$4),0))</f>
        <v>n/a</v>
      </c>
      <c r="AO195" s="1020" t="str">
        <f>IF(AU195="n/a","n/a",ROUND((AU195*[4]TripRateCalculations!O$4),0))</f>
        <v>n/a</v>
      </c>
      <c r="AP195" s="1020" t="str">
        <f>IF(AV195="n/a","n/a",ROUND((AV195*[4]TripRateCalculations!P$4),0))</f>
        <v>n/a</v>
      </c>
      <c r="AQ195" s="1020" t="s">
        <v>1498</v>
      </c>
      <c r="AR195" s="1020" t="str">
        <f>IF(AX195="n/a","n/a",ROUND((AX195*[4]TripRateCalculations!R$4),0))</f>
        <v>n/a</v>
      </c>
      <c r="AS195" s="1020" t="str">
        <f>IF(AY195="n/a","n/a",ROUND((AY195*[4]TripRateCalculations!S$4),0))</f>
        <v>n/a</v>
      </c>
      <c r="AT195" s="1020" t="s">
        <v>1498</v>
      </c>
      <c r="AU195" s="1020" t="s">
        <v>1498</v>
      </c>
      <c r="AV195" s="1020" t="s">
        <v>1498</v>
      </c>
      <c r="AW195" s="1020" t="s">
        <v>1498</v>
      </c>
      <c r="AX195" s="1020" t="s">
        <v>1498</v>
      </c>
      <c r="AY195" s="1020" t="s">
        <v>1498</v>
      </c>
      <c r="AZ195" s="1020" t="s">
        <v>1498</v>
      </c>
      <c r="BA195" s="1100" t="s">
        <v>1498</v>
      </c>
      <c r="BB195" s="1100" t="s">
        <v>1498</v>
      </c>
      <c r="BC195" s="1100" t="s">
        <v>1498</v>
      </c>
      <c r="BD195" s="1100" t="s">
        <v>1498</v>
      </c>
      <c r="BE195" s="1100" t="s">
        <v>1498</v>
      </c>
      <c r="BF195" s="1100" t="s">
        <v>1498</v>
      </c>
      <c r="BG195" s="1100" t="s">
        <v>1498</v>
      </c>
      <c r="BH195" s="1027" t="s">
        <v>1642</v>
      </c>
      <c r="BI195" s="1026" t="s">
        <v>722</v>
      </c>
      <c r="BJ195" s="1026" t="s">
        <v>53</v>
      </c>
      <c r="BK195" s="1042">
        <f>ROUND((VLOOKUP(F195,'[4]Cost Summary'!A:H,8,)),0.1)</f>
        <v>885943</v>
      </c>
      <c r="BL195" s="1026">
        <v>2</v>
      </c>
      <c r="BM195" s="1078" t="s">
        <v>2043</v>
      </c>
      <c r="BN195" s="1044" t="s">
        <v>1584</v>
      </c>
      <c r="BO195" s="1130">
        <v>575575</v>
      </c>
      <c r="BP195" s="992"/>
      <c r="BQ195" s="1131" t="e">
        <f t="shared" si="63"/>
        <v>#VALUE!</v>
      </c>
      <c r="BR195" s="1131" t="e">
        <f t="shared" si="64"/>
        <v>#VALUE!</v>
      </c>
      <c r="BS195" s="1131" t="e">
        <f t="shared" si="65"/>
        <v>#VALUE!</v>
      </c>
      <c r="BT195" s="1131" t="e">
        <f t="shared" si="66"/>
        <v>#VALUE!</v>
      </c>
      <c r="BU195" s="1131" t="e">
        <f t="shared" si="67"/>
        <v>#VALUE!</v>
      </c>
      <c r="BV195" s="1131" t="e">
        <f t="shared" si="68"/>
        <v>#VALUE!</v>
      </c>
      <c r="BW195" s="1131" t="e">
        <f t="shared" si="69"/>
        <v>#VALUE!</v>
      </c>
      <c r="BX195" s="1131" t="e">
        <f t="shared" si="70"/>
        <v>#VALUE!</v>
      </c>
      <c r="BY195" s="1131" t="e">
        <f t="shared" si="71"/>
        <v>#VALUE!</v>
      </c>
      <c r="BZ195" s="1131" t="e">
        <f t="shared" si="72"/>
        <v>#VALUE!</v>
      </c>
      <c r="CA195" s="1131" t="e">
        <f t="shared" si="73"/>
        <v>#VALUE!</v>
      </c>
      <c r="CB195" s="1131" t="e">
        <f t="shared" si="74"/>
        <v>#VALUE!</v>
      </c>
      <c r="CC195" s="1131" t="e">
        <f t="shared" si="75"/>
        <v>#VALUE!</v>
      </c>
      <c r="CD195" s="1131" t="e">
        <f t="shared" si="76"/>
        <v>#VALUE!</v>
      </c>
      <c r="CE195" s="1131" t="e">
        <f t="shared" si="77"/>
        <v>#VALUE!</v>
      </c>
      <c r="CF195" s="1131" t="e">
        <f t="shared" si="78"/>
        <v>#VALUE!</v>
      </c>
      <c r="CG195" s="1131" t="e">
        <f t="shared" si="79"/>
        <v>#VALUE!</v>
      </c>
      <c r="CH195" s="1131" t="e">
        <f t="shared" si="80"/>
        <v>#VALUE!</v>
      </c>
      <c r="CI195" s="1131" t="e">
        <f t="shared" si="81"/>
        <v>#VALUE!</v>
      </c>
      <c r="CJ195" s="1131" t="e">
        <f t="shared" si="82"/>
        <v>#VALUE!</v>
      </c>
      <c r="CK195" s="1132" t="str">
        <f t="shared" si="83"/>
        <v>n/a</v>
      </c>
    </row>
    <row r="196" spans="1:89" ht="85.5" x14ac:dyDescent="0.2">
      <c r="A196" s="992"/>
      <c r="B196" s="1126" t="s">
        <v>66</v>
      </c>
      <c r="C196" s="1126"/>
      <c r="D196" s="1126"/>
      <c r="E196" s="1126"/>
      <c r="F196" s="1026" t="s">
        <v>2044</v>
      </c>
      <c r="G196" s="1026" t="s">
        <v>1255</v>
      </c>
      <c r="H196" s="1026" t="s">
        <v>1256</v>
      </c>
      <c r="I196" s="1026" t="s">
        <v>1503</v>
      </c>
      <c r="J196" s="1026">
        <v>51.770888919999997</v>
      </c>
      <c r="K196" s="1026">
        <v>-0.43737183099999999</v>
      </c>
      <c r="L196" s="1026" t="s">
        <v>1488</v>
      </c>
      <c r="M196" s="1026" t="s">
        <v>1489</v>
      </c>
      <c r="N196" s="1026">
        <v>1</v>
      </c>
      <c r="O196" s="1026" t="s">
        <v>932</v>
      </c>
      <c r="P196" s="1026" t="s">
        <v>1490</v>
      </c>
      <c r="Q196" s="1026" t="s">
        <v>1491</v>
      </c>
      <c r="R196" s="1026" t="s">
        <v>1492</v>
      </c>
      <c r="S196" s="1026" t="s">
        <v>1493</v>
      </c>
      <c r="T196" s="1026" t="s">
        <v>2042</v>
      </c>
      <c r="U196" s="1016" t="str">
        <f>_xlfn.XLOOKUP(F196, [4]GIS!D:D, [4]GIS!E:E, "Not mapped")</f>
        <v>Single - Scenario 3</v>
      </c>
      <c r="V196" s="1026" t="s">
        <v>1508</v>
      </c>
      <c r="W196" s="1018" t="s">
        <v>1496</v>
      </c>
      <c r="X196" s="1019" t="s">
        <v>1497</v>
      </c>
      <c r="Y196" s="1020" t="s">
        <v>1498</v>
      </c>
      <c r="Z196" s="1020" t="s">
        <v>1498</v>
      </c>
      <c r="AA196" s="1020" t="s">
        <v>1498</v>
      </c>
      <c r="AB196" s="1020" t="s">
        <v>1498</v>
      </c>
      <c r="AC196" s="1020" t="s">
        <v>1498</v>
      </c>
      <c r="AD196" s="1020" t="s">
        <v>1498</v>
      </c>
      <c r="AE196" s="1020" t="s">
        <v>1498</v>
      </c>
      <c r="AF196" s="1020" t="s">
        <v>1498</v>
      </c>
      <c r="AG196" s="1020" t="s">
        <v>1498</v>
      </c>
      <c r="AH196" s="1020" t="s">
        <v>1498</v>
      </c>
      <c r="AI196" s="1020" t="s">
        <v>1498</v>
      </c>
      <c r="AJ196" s="1020" t="s">
        <v>1498</v>
      </c>
      <c r="AK196" s="1020" t="str">
        <f>IF(AJ196="n/a","n/a",ROUND((AJ196*[4]TripRateCalculations!$V$6),0))</f>
        <v>n/a</v>
      </c>
      <c r="AL196" s="1020" t="s">
        <v>1498</v>
      </c>
      <c r="AM196" s="1020" t="s">
        <v>1498</v>
      </c>
      <c r="AN196" s="1020" t="str">
        <f>IF(AT196="n/a","n/a",ROUND((AT196*[4]TripRateCalculations!N$4),0))</f>
        <v>n/a</v>
      </c>
      <c r="AO196" s="1020" t="str">
        <f>IF(AU196="n/a","n/a",ROUND((AU196*[4]TripRateCalculations!O$4),0))</f>
        <v>n/a</v>
      </c>
      <c r="AP196" s="1020" t="str">
        <f>IF(AV196="n/a","n/a",ROUND((AV196*[4]TripRateCalculations!P$4),0))</f>
        <v>n/a</v>
      </c>
      <c r="AQ196" s="1020" t="s">
        <v>1498</v>
      </c>
      <c r="AR196" s="1020" t="str">
        <f>IF(AX196="n/a","n/a",ROUND((AX196*[4]TripRateCalculations!R$4),0))</f>
        <v>n/a</v>
      </c>
      <c r="AS196" s="1020" t="str">
        <f>IF(AY196="n/a","n/a",ROUND((AY196*[4]TripRateCalculations!S$4),0))</f>
        <v>n/a</v>
      </c>
      <c r="AT196" s="1020" t="s">
        <v>1498</v>
      </c>
      <c r="AU196" s="1020" t="s">
        <v>1498</v>
      </c>
      <c r="AV196" s="1020" t="s">
        <v>1498</v>
      </c>
      <c r="AW196" s="1020" t="s">
        <v>1498</v>
      </c>
      <c r="AX196" s="1020" t="s">
        <v>1498</v>
      </c>
      <c r="AY196" s="1020" t="s">
        <v>1498</v>
      </c>
      <c r="AZ196" s="1020" t="s">
        <v>1498</v>
      </c>
      <c r="BA196" s="1100" t="s">
        <v>1498</v>
      </c>
      <c r="BB196" s="1100" t="s">
        <v>1498</v>
      </c>
      <c r="BC196" s="1100" t="s">
        <v>1498</v>
      </c>
      <c r="BD196" s="1100" t="s">
        <v>1498</v>
      </c>
      <c r="BE196" s="1100" t="s">
        <v>1498</v>
      </c>
      <c r="BF196" s="1100" t="s">
        <v>1498</v>
      </c>
      <c r="BG196" s="1100" t="s">
        <v>1498</v>
      </c>
      <c r="BH196" s="1027" t="s">
        <v>1642</v>
      </c>
      <c r="BI196" s="1026" t="s">
        <v>722</v>
      </c>
      <c r="BJ196" s="1026" t="s">
        <v>53</v>
      </c>
      <c r="BK196" s="1042">
        <f>ROUND((VLOOKUP(F196,'[4]Cost Summary'!A:H,8,)),0.1)</f>
        <v>448034</v>
      </c>
      <c r="BL196" s="1026">
        <v>1</v>
      </c>
      <c r="BM196" s="1078">
        <v>4</v>
      </c>
      <c r="BN196" s="1044" t="s">
        <v>1584</v>
      </c>
      <c r="BO196" s="1130">
        <v>291076.5</v>
      </c>
      <c r="BP196" s="992"/>
      <c r="BQ196" s="1131" t="e">
        <f t="shared" si="63"/>
        <v>#VALUE!</v>
      </c>
      <c r="BR196" s="1131" t="e">
        <f t="shared" si="64"/>
        <v>#VALUE!</v>
      </c>
      <c r="BS196" s="1131" t="e">
        <f t="shared" si="65"/>
        <v>#VALUE!</v>
      </c>
      <c r="BT196" s="1131" t="e">
        <f t="shared" si="66"/>
        <v>#VALUE!</v>
      </c>
      <c r="BU196" s="1131" t="e">
        <f t="shared" si="67"/>
        <v>#VALUE!</v>
      </c>
      <c r="BV196" s="1131" t="e">
        <f t="shared" si="68"/>
        <v>#VALUE!</v>
      </c>
      <c r="BW196" s="1131" t="e">
        <f t="shared" si="69"/>
        <v>#VALUE!</v>
      </c>
      <c r="BX196" s="1131" t="e">
        <f t="shared" si="70"/>
        <v>#VALUE!</v>
      </c>
      <c r="BY196" s="1131" t="e">
        <f t="shared" si="71"/>
        <v>#VALUE!</v>
      </c>
      <c r="BZ196" s="1131" t="e">
        <f t="shared" si="72"/>
        <v>#VALUE!</v>
      </c>
      <c r="CA196" s="1131" t="e">
        <f t="shared" si="73"/>
        <v>#VALUE!</v>
      </c>
      <c r="CB196" s="1131" t="e">
        <f t="shared" si="74"/>
        <v>#VALUE!</v>
      </c>
      <c r="CC196" s="1131" t="e">
        <f t="shared" si="75"/>
        <v>#VALUE!</v>
      </c>
      <c r="CD196" s="1131" t="e">
        <f t="shared" si="76"/>
        <v>#VALUE!</v>
      </c>
      <c r="CE196" s="1131" t="e">
        <f t="shared" si="77"/>
        <v>#VALUE!</v>
      </c>
      <c r="CF196" s="1131" t="e">
        <f t="shared" si="78"/>
        <v>#VALUE!</v>
      </c>
      <c r="CG196" s="1131" t="e">
        <f t="shared" si="79"/>
        <v>#VALUE!</v>
      </c>
      <c r="CH196" s="1131" t="e">
        <f t="shared" si="80"/>
        <v>#VALUE!</v>
      </c>
      <c r="CI196" s="1131" t="e">
        <f t="shared" si="81"/>
        <v>#VALUE!</v>
      </c>
      <c r="CJ196" s="1131" t="e">
        <f t="shared" si="82"/>
        <v>#VALUE!</v>
      </c>
      <c r="CK196" s="1132" t="str">
        <f t="shared" si="83"/>
        <v>n/a</v>
      </c>
    </row>
    <row r="197" spans="1:89" ht="57" x14ac:dyDescent="0.2">
      <c r="A197" s="992"/>
      <c r="B197" s="1126" t="s">
        <v>66</v>
      </c>
      <c r="C197" s="1126"/>
      <c r="D197" s="1126"/>
      <c r="E197" s="1126"/>
      <c r="F197" s="1026" t="s">
        <v>2045</v>
      </c>
      <c r="G197" s="1026" t="s">
        <v>1257</v>
      </c>
      <c r="H197" s="1026" t="s">
        <v>1258</v>
      </c>
      <c r="I197" s="1026" t="s">
        <v>1503</v>
      </c>
      <c r="J197" s="1026" t="s">
        <v>1521</v>
      </c>
      <c r="K197" s="1026" t="s">
        <v>1521</v>
      </c>
      <c r="L197" s="1026" t="s">
        <v>1488</v>
      </c>
      <c r="M197" s="1026" t="s">
        <v>1489</v>
      </c>
      <c r="N197" s="1026">
        <v>1</v>
      </c>
      <c r="O197" s="1026" t="s">
        <v>932</v>
      </c>
      <c r="P197" s="1026" t="s">
        <v>1490</v>
      </c>
      <c r="Q197" s="1026" t="s">
        <v>1491</v>
      </c>
      <c r="R197" s="1026" t="s">
        <v>1492</v>
      </c>
      <c r="S197" s="1026" t="s">
        <v>1493</v>
      </c>
      <c r="T197" s="1026" t="s">
        <v>2042</v>
      </c>
      <c r="U197" s="1016" t="str">
        <f>_xlfn.XLOOKUP(F197, [4]GIS!D:D, [4]GIS!E:E, "Not mapped")</f>
        <v>Single - Scenario 3</v>
      </c>
      <c r="V197" s="1026" t="s">
        <v>1508</v>
      </c>
      <c r="W197" s="1018" t="s">
        <v>1496</v>
      </c>
      <c r="X197" s="1019" t="s">
        <v>1497</v>
      </c>
      <c r="Y197" s="1020" t="s">
        <v>1498</v>
      </c>
      <c r="Z197" s="1020" t="s">
        <v>1498</v>
      </c>
      <c r="AA197" s="1020" t="s">
        <v>1498</v>
      </c>
      <c r="AB197" s="1020" t="s">
        <v>1498</v>
      </c>
      <c r="AC197" s="1020" t="s">
        <v>1498</v>
      </c>
      <c r="AD197" s="1020" t="s">
        <v>1498</v>
      </c>
      <c r="AE197" s="1020" t="s">
        <v>1498</v>
      </c>
      <c r="AF197" s="1020" t="s">
        <v>1498</v>
      </c>
      <c r="AG197" s="1020" t="s">
        <v>1498</v>
      </c>
      <c r="AH197" s="1020" t="s">
        <v>1498</v>
      </c>
      <c r="AI197" s="1020" t="s">
        <v>1498</v>
      </c>
      <c r="AJ197" s="1020" t="s">
        <v>1498</v>
      </c>
      <c r="AK197" s="1020" t="str">
        <f>IF(AJ197="n/a","n/a",ROUND((AJ197*[4]TripRateCalculations!$V$6),0))</f>
        <v>n/a</v>
      </c>
      <c r="AL197" s="1020" t="s">
        <v>1498</v>
      </c>
      <c r="AM197" s="1020" t="s">
        <v>1498</v>
      </c>
      <c r="AN197" s="1020" t="str">
        <f>IF(AT197="n/a","n/a",ROUND((AT197*[4]TripRateCalculations!N$4),0))</f>
        <v>n/a</v>
      </c>
      <c r="AO197" s="1020" t="str">
        <f>IF(AU197="n/a","n/a",ROUND((AU197*[4]TripRateCalculations!O$4),0))</f>
        <v>n/a</v>
      </c>
      <c r="AP197" s="1020" t="str">
        <f>IF(AV197="n/a","n/a",ROUND((AV197*[4]TripRateCalculations!P$4),0))</f>
        <v>n/a</v>
      </c>
      <c r="AQ197" s="1020" t="s">
        <v>1498</v>
      </c>
      <c r="AR197" s="1020" t="str">
        <f>IF(AX197="n/a","n/a",ROUND((AX197*[4]TripRateCalculations!R$4),0))</f>
        <v>n/a</v>
      </c>
      <c r="AS197" s="1020" t="str">
        <f>IF(AY197="n/a","n/a",ROUND((AY197*[4]TripRateCalculations!S$4),0))</f>
        <v>n/a</v>
      </c>
      <c r="AT197" s="1020" t="s">
        <v>1498</v>
      </c>
      <c r="AU197" s="1020" t="s">
        <v>1498</v>
      </c>
      <c r="AV197" s="1020" t="s">
        <v>1498</v>
      </c>
      <c r="AW197" s="1020" t="s">
        <v>1498</v>
      </c>
      <c r="AX197" s="1020" t="s">
        <v>1498</v>
      </c>
      <c r="AY197" s="1020" t="s">
        <v>1498</v>
      </c>
      <c r="AZ197" s="1020" t="s">
        <v>1498</v>
      </c>
      <c r="BA197" s="1100" t="s">
        <v>1498</v>
      </c>
      <c r="BB197" s="1100" t="s">
        <v>1498</v>
      </c>
      <c r="BC197" s="1100" t="s">
        <v>1498</v>
      </c>
      <c r="BD197" s="1100" t="s">
        <v>1498</v>
      </c>
      <c r="BE197" s="1100" t="s">
        <v>1498</v>
      </c>
      <c r="BF197" s="1100" t="s">
        <v>1498</v>
      </c>
      <c r="BG197" s="1100" t="s">
        <v>1498</v>
      </c>
      <c r="BH197" s="1027" t="s">
        <v>1642</v>
      </c>
      <c r="BI197" s="1026" t="s">
        <v>722</v>
      </c>
      <c r="BJ197" s="1026" t="s">
        <v>53</v>
      </c>
      <c r="BK197" s="1042">
        <f>ROUND((VLOOKUP(F197,'[4]Cost Summary'!A:H,8,)),0.1)</f>
        <v>301853</v>
      </c>
      <c r="BL197" s="1026">
        <v>2</v>
      </c>
      <c r="BM197" s="1078" t="s">
        <v>2043</v>
      </c>
      <c r="BN197" s="1044" t="s">
        <v>1584</v>
      </c>
      <c r="BO197" s="1130">
        <v>196106.63</v>
      </c>
      <c r="BP197" s="992"/>
      <c r="BQ197" s="1131" t="e">
        <f t="shared" si="63"/>
        <v>#VALUE!</v>
      </c>
      <c r="BR197" s="1131" t="e">
        <f t="shared" si="64"/>
        <v>#VALUE!</v>
      </c>
      <c r="BS197" s="1131" t="e">
        <f t="shared" si="65"/>
        <v>#VALUE!</v>
      </c>
      <c r="BT197" s="1131" t="e">
        <f t="shared" si="66"/>
        <v>#VALUE!</v>
      </c>
      <c r="BU197" s="1131" t="e">
        <f t="shared" si="67"/>
        <v>#VALUE!</v>
      </c>
      <c r="BV197" s="1131" t="e">
        <f t="shared" si="68"/>
        <v>#VALUE!</v>
      </c>
      <c r="BW197" s="1131" t="e">
        <f t="shared" si="69"/>
        <v>#VALUE!</v>
      </c>
      <c r="BX197" s="1131" t="e">
        <f t="shared" si="70"/>
        <v>#VALUE!</v>
      </c>
      <c r="BY197" s="1131" t="e">
        <f t="shared" si="71"/>
        <v>#VALUE!</v>
      </c>
      <c r="BZ197" s="1131" t="e">
        <f t="shared" si="72"/>
        <v>#VALUE!</v>
      </c>
      <c r="CA197" s="1131" t="e">
        <f t="shared" si="73"/>
        <v>#VALUE!</v>
      </c>
      <c r="CB197" s="1131" t="e">
        <f t="shared" si="74"/>
        <v>#VALUE!</v>
      </c>
      <c r="CC197" s="1131" t="e">
        <f t="shared" si="75"/>
        <v>#VALUE!</v>
      </c>
      <c r="CD197" s="1131" t="e">
        <f t="shared" si="76"/>
        <v>#VALUE!</v>
      </c>
      <c r="CE197" s="1131" t="e">
        <f t="shared" si="77"/>
        <v>#VALUE!</v>
      </c>
      <c r="CF197" s="1131" t="e">
        <f t="shared" si="78"/>
        <v>#VALUE!</v>
      </c>
      <c r="CG197" s="1131" t="e">
        <f t="shared" si="79"/>
        <v>#VALUE!</v>
      </c>
      <c r="CH197" s="1131" t="e">
        <f t="shared" si="80"/>
        <v>#VALUE!</v>
      </c>
      <c r="CI197" s="1131" t="e">
        <f t="shared" si="81"/>
        <v>#VALUE!</v>
      </c>
      <c r="CJ197" s="1131" t="e">
        <f t="shared" si="82"/>
        <v>#VALUE!</v>
      </c>
      <c r="CK197" s="1132" t="str">
        <f t="shared" si="83"/>
        <v>n/a</v>
      </c>
    </row>
    <row r="198" spans="1:89" ht="57" x14ac:dyDescent="0.2">
      <c r="A198" s="992"/>
      <c r="B198" s="1126" t="s">
        <v>66</v>
      </c>
      <c r="C198" s="1126"/>
      <c r="D198" s="1126"/>
      <c r="E198" s="1126"/>
      <c r="F198" s="1026" t="s">
        <v>2046</v>
      </c>
      <c r="G198" s="1026" t="s">
        <v>1259</v>
      </c>
      <c r="H198" s="1026" t="s">
        <v>1260</v>
      </c>
      <c r="I198" s="1026" t="s">
        <v>1503</v>
      </c>
      <c r="J198" s="1026" t="s">
        <v>1521</v>
      </c>
      <c r="K198" s="1026" t="s">
        <v>1521</v>
      </c>
      <c r="L198" s="1026" t="s">
        <v>1488</v>
      </c>
      <c r="M198" s="1026" t="s">
        <v>1489</v>
      </c>
      <c r="N198" s="1026">
        <v>1</v>
      </c>
      <c r="O198" s="1026" t="s">
        <v>932</v>
      </c>
      <c r="P198" s="1026" t="s">
        <v>1490</v>
      </c>
      <c r="Q198" s="1026" t="s">
        <v>1491</v>
      </c>
      <c r="R198" s="1026" t="s">
        <v>1492</v>
      </c>
      <c r="S198" s="1026" t="s">
        <v>1493</v>
      </c>
      <c r="T198" s="1026" t="s">
        <v>2042</v>
      </c>
      <c r="U198" s="1016" t="str">
        <f>_xlfn.XLOOKUP(F198, [4]GIS!D:D, [4]GIS!E:E, "Not mapped")</f>
        <v>Single - Scenario 3</v>
      </c>
      <c r="V198" s="1026" t="s">
        <v>1508</v>
      </c>
      <c r="W198" s="1018" t="s">
        <v>1496</v>
      </c>
      <c r="X198" s="1019" t="s">
        <v>1497</v>
      </c>
      <c r="Y198" s="1020" t="s">
        <v>1498</v>
      </c>
      <c r="Z198" s="1020" t="s">
        <v>1498</v>
      </c>
      <c r="AA198" s="1020" t="s">
        <v>1498</v>
      </c>
      <c r="AB198" s="1020" t="s">
        <v>1498</v>
      </c>
      <c r="AC198" s="1020" t="s">
        <v>1498</v>
      </c>
      <c r="AD198" s="1020" t="s">
        <v>1498</v>
      </c>
      <c r="AE198" s="1020" t="s">
        <v>1498</v>
      </c>
      <c r="AF198" s="1020" t="s">
        <v>1498</v>
      </c>
      <c r="AG198" s="1020" t="s">
        <v>1498</v>
      </c>
      <c r="AH198" s="1020" t="s">
        <v>1498</v>
      </c>
      <c r="AI198" s="1020" t="s">
        <v>1498</v>
      </c>
      <c r="AJ198" s="1020" t="s">
        <v>1498</v>
      </c>
      <c r="AK198" s="1020" t="str">
        <f>IF(AJ198="n/a","n/a",ROUND((AJ198*[4]TripRateCalculations!$V$6),0))</f>
        <v>n/a</v>
      </c>
      <c r="AL198" s="1020" t="s">
        <v>1498</v>
      </c>
      <c r="AM198" s="1020" t="s">
        <v>1498</v>
      </c>
      <c r="AN198" s="1020" t="str">
        <f>IF(AT198="n/a","n/a",ROUND((AT198*[4]TripRateCalculations!N$4),0))</f>
        <v>n/a</v>
      </c>
      <c r="AO198" s="1020" t="str">
        <f>IF(AU198="n/a","n/a",ROUND((AU198*[4]TripRateCalculations!O$4),0))</f>
        <v>n/a</v>
      </c>
      <c r="AP198" s="1020" t="str">
        <f>IF(AV198="n/a","n/a",ROUND((AV198*[4]TripRateCalculations!P$4),0))</f>
        <v>n/a</v>
      </c>
      <c r="AQ198" s="1020" t="s">
        <v>1498</v>
      </c>
      <c r="AR198" s="1020" t="str">
        <f>IF(AX198="n/a","n/a",ROUND((AX198*[4]TripRateCalculations!R$4),0))</f>
        <v>n/a</v>
      </c>
      <c r="AS198" s="1020" t="str">
        <f>IF(AY198="n/a","n/a",ROUND((AY198*[4]TripRateCalculations!S$4),0))</f>
        <v>n/a</v>
      </c>
      <c r="AT198" s="1020" t="s">
        <v>1498</v>
      </c>
      <c r="AU198" s="1020" t="s">
        <v>1498</v>
      </c>
      <c r="AV198" s="1020" t="s">
        <v>1498</v>
      </c>
      <c r="AW198" s="1020" t="s">
        <v>1498</v>
      </c>
      <c r="AX198" s="1020" t="s">
        <v>1498</v>
      </c>
      <c r="AY198" s="1020" t="s">
        <v>1498</v>
      </c>
      <c r="AZ198" s="1020" t="s">
        <v>1498</v>
      </c>
      <c r="BA198" s="1100" t="s">
        <v>1498</v>
      </c>
      <c r="BB198" s="1100" t="s">
        <v>1498</v>
      </c>
      <c r="BC198" s="1100" t="s">
        <v>1498</v>
      </c>
      <c r="BD198" s="1100" t="s">
        <v>1498</v>
      </c>
      <c r="BE198" s="1100" t="s">
        <v>1498</v>
      </c>
      <c r="BF198" s="1100" t="s">
        <v>1498</v>
      </c>
      <c r="BG198" s="1100" t="s">
        <v>1498</v>
      </c>
      <c r="BH198" s="1027" t="s">
        <v>1642</v>
      </c>
      <c r="BI198" s="1026" t="s">
        <v>722</v>
      </c>
      <c r="BJ198" s="1026" t="s">
        <v>53</v>
      </c>
      <c r="BK198" s="1042">
        <f>ROUND((VLOOKUP(F198,'[4]Cost Summary'!A:H,8,)),0.1)</f>
        <v>110110</v>
      </c>
      <c r="BL198" s="1026">
        <v>1</v>
      </c>
      <c r="BM198" s="1078">
        <v>4</v>
      </c>
      <c r="BN198" s="1044" t="s">
        <v>1584</v>
      </c>
      <c r="BO198" s="1130">
        <v>71535.75</v>
      </c>
      <c r="BP198" s="992"/>
      <c r="BQ198" s="1131" t="e">
        <f t="shared" si="63"/>
        <v>#VALUE!</v>
      </c>
      <c r="BR198" s="1131" t="e">
        <f t="shared" si="64"/>
        <v>#VALUE!</v>
      </c>
      <c r="BS198" s="1131" t="e">
        <f t="shared" si="65"/>
        <v>#VALUE!</v>
      </c>
      <c r="BT198" s="1131" t="e">
        <f t="shared" si="66"/>
        <v>#VALUE!</v>
      </c>
      <c r="BU198" s="1131" t="e">
        <f t="shared" si="67"/>
        <v>#VALUE!</v>
      </c>
      <c r="BV198" s="1131" t="e">
        <f t="shared" si="68"/>
        <v>#VALUE!</v>
      </c>
      <c r="BW198" s="1131" t="e">
        <f t="shared" si="69"/>
        <v>#VALUE!</v>
      </c>
      <c r="BX198" s="1131" t="e">
        <f t="shared" si="70"/>
        <v>#VALUE!</v>
      </c>
      <c r="BY198" s="1131" t="e">
        <f t="shared" si="71"/>
        <v>#VALUE!</v>
      </c>
      <c r="BZ198" s="1131" t="e">
        <f t="shared" si="72"/>
        <v>#VALUE!</v>
      </c>
      <c r="CA198" s="1131" t="e">
        <f t="shared" si="73"/>
        <v>#VALUE!</v>
      </c>
      <c r="CB198" s="1131" t="e">
        <f t="shared" si="74"/>
        <v>#VALUE!</v>
      </c>
      <c r="CC198" s="1131" t="e">
        <f t="shared" si="75"/>
        <v>#VALUE!</v>
      </c>
      <c r="CD198" s="1131" t="e">
        <f t="shared" si="76"/>
        <v>#VALUE!</v>
      </c>
      <c r="CE198" s="1131" t="e">
        <f t="shared" si="77"/>
        <v>#VALUE!</v>
      </c>
      <c r="CF198" s="1131" t="e">
        <f t="shared" si="78"/>
        <v>#VALUE!</v>
      </c>
      <c r="CG198" s="1131" t="e">
        <f t="shared" si="79"/>
        <v>#VALUE!</v>
      </c>
      <c r="CH198" s="1131" t="e">
        <f t="shared" si="80"/>
        <v>#VALUE!</v>
      </c>
      <c r="CI198" s="1131" t="e">
        <f t="shared" si="81"/>
        <v>#VALUE!</v>
      </c>
      <c r="CJ198" s="1131" t="e">
        <f t="shared" si="82"/>
        <v>#VALUE!</v>
      </c>
      <c r="CK198" s="1132" t="str">
        <f t="shared" si="83"/>
        <v>n/a</v>
      </c>
    </row>
    <row r="199" spans="1:89" ht="42.75" x14ac:dyDescent="0.2">
      <c r="A199" s="992"/>
      <c r="B199" s="1126" t="s">
        <v>66</v>
      </c>
      <c r="C199" s="1126"/>
      <c r="D199" s="1126"/>
      <c r="E199" s="1126"/>
      <c r="F199" s="1026" t="s">
        <v>2047</v>
      </c>
      <c r="G199" s="1026" t="s">
        <v>1261</v>
      </c>
      <c r="H199" s="1026" t="s">
        <v>1262</v>
      </c>
      <c r="I199" s="1026" t="s">
        <v>1503</v>
      </c>
      <c r="J199" s="1026">
        <v>51.768773469999999</v>
      </c>
      <c r="K199" s="1026">
        <v>-0.43823816700000001</v>
      </c>
      <c r="L199" s="1026" t="s">
        <v>1488</v>
      </c>
      <c r="M199" s="1026" t="s">
        <v>1489</v>
      </c>
      <c r="N199" s="1026">
        <v>1</v>
      </c>
      <c r="O199" s="1026" t="s">
        <v>932</v>
      </c>
      <c r="P199" s="1026" t="s">
        <v>1490</v>
      </c>
      <c r="Q199" s="1026" t="s">
        <v>1491</v>
      </c>
      <c r="R199" s="1026" t="s">
        <v>1492</v>
      </c>
      <c r="S199" s="1026" t="s">
        <v>1493</v>
      </c>
      <c r="T199" s="1026" t="s">
        <v>2042</v>
      </c>
      <c r="U199" s="1016" t="str">
        <f>_xlfn.XLOOKUP(F199, [4]GIS!D:D, [4]GIS!E:E, "Not mapped")</f>
        <v>Single - Scenario 3</v>
      </c>
      <c r="V199" s="1026" t="s">
        <v>1508</v>
      </c>
      <c r="W199" s="1018" t="s">
        <v>1496</v>
      </c>
      <c r="X199" s="1019" t="s">
        <v>1497</v>
      </c>
      <c r="Y199" s="1020" t="s">
        <v>1498</v>
      </c>
      <c r="Z199" s="1020" t="s">
        <v>1498</v>
      </c>
      <c r="AA199" s="1020" t="s">
        <v>1498</v>
      </c>
      <c r="AB199" s="1020" t="s">
        <v>1498</v>
      </c>
      <c r="AC199" s="1020" t="s">
        <v>1498</v>
      </c>
      <c r="AD199" s="1020" t="s">
        <v>1498</v>
      </c>
      <c r="AE199" s="1020" t="s">
        <v>1498</v>
      </c>
      <c r="AF199" s="1020" t="s">
        <v>1498</v>
      </c>
      <c r="AG199" s="1020" t="s">
        <v>1498</v>
      </c>
      <c r="AH199" s="1020" t="s">
        <v>1498</v>
      </c>
      <c r="AI199" s="1020" t="s">
        <v>1498</v>
      </c>
      <c r="AJ199" s="1020" t="s">
        <v>1498</v>
      </c>
      <c r="AK199" s="1020" t="str">
        <f>IF(AJ199="n/a","n/a",ROUND((AJ199*[4]TripRateCalculations!$V$6),0))</f>
        <v>n/a</v>
      </c>
      <c r="AL199" s="1020" t="s">
        <v>1498</v>
      </c>
      <c r="AM199" s="1020" t="s">
        <v>1498</v>
      </c>
      <c r="AN199" s="1020" t="str">
        <f>IF(AT199="n/a","n/a",ROUND((AT199*[4]TripRateCalculations!N$4),0))</f>
        <v>n/a</v>
      </c>
      <c r="AO199" s="1020" t="str">
        <f>IF(AU199="n/a","n/a",ROUND((AU199*[4]TripRateCalculations!O$4),0))</f>
        <v>n/a</v>
      </c>
      <c r="AP199" s="1020" t="str">
        <f>IF(AV199="n/a","n/a",ROUND((AV199*[4]TripRateCalculations!P$4),0))</f>
        <v>n/a</v>
      </c>
      <c r="AQ199" s="1020" t="s">
        <v>1498</v>
      </c>
      <c r="AR199" s="1020" t="str">
        <f>IF(AX199="n/a","n/a",ROUND((AX199*[4]TripRateCalculations!R$4),0))</f>
        <v>n/a</v>
      </c>
      <c r="AS199" s="1020" t="str">
        <f>IF(AY199="n/a","n/a",ROUND((AY199*[4]TripRateCalculations!S$4),0))</f>
        <v>n/a</v>
      </c>
      <c r="AT199" s="1020" t="s">
        <v>1498</v>
      </c>
      <c r="AU199" s="1020" t="s">
        <v>1498</v>
      </c>
      <c r="AV199" s="1020" t="s">
        <v>1498</v>
      </c>
      <c r="AW199" s="1020" t="s">
        <v>1498</v>
      </c>
      <c r="AX199" s="1020" t="s">
        <v>1498</v>
      </c>
      <c r="AY199" s="1020" t="s">
        <v>1498</v>
      </c>
      <c r="AZ199" s="1020" t="s">
        <v>1498</v>
      </c>
      <c r="BA199" s="1100" t="s">
        <v>1498</v>
      </c>
      <c r="BB199" s="1100" t="s">
        <v>1498</v>
      </c>
      <c r="BC199" s="1100" t="s">
        <v>1498</v>
      </c>
      <c r="BD199" s="1100" t="s">
        <v>1498</v>
      </c>
      <c r="BE199" s="1100" t="s">
        <v>1498</v>
      </c>
      <c r="BF199" s="1100" t="s">
        <v>1498</v>
      </c>
      <c r="BG199" s="1100" t="s">
        <v>1498</v>
      </c>
      <c r="BH199" s="1027" t="s">
        <v>1642</v>
      </c>
      <c r="BI199" s="1026" t="s">
        <v>722</v>
      </c>
      <c r="BJ199" s="1026" t="s">
        <v>53</v>
      </c>
      <c r="BK199" s="1042">
        <f>ROUND((VLOOKUP(F199,'[4]Cost Summary'!A:H,8,)),0.1)</f>
        <v>1215</v>
      </c>
      <c r="BL199" s="1026">
        <v>1</v>
      </c>
      <c r="BM199" s="1078">
        <v>4</v>
      </c>
      <c r="BN199" s="1044" t="s">
        <v>1584</v>
      </c>
      <c r="BO199" s="1130">
        <v>789.36</v>
      </c>
      <c r="BP199" s="992"/>
      <c r="BQ199" s="1131" t="e">
        <f t="shared" si="63"/>
        <v>#VALUE!</v>
      </c>
      <c r="BR199" s="1131" t="e">
        <f t="shared" si="64"/>
        <v>#VALUE!</v>
      </c>
      <c r="BS199" s="1131" t="e">
        <f t="shared" si="65"/>
        <v>#VALUE!</v>
      </c>
      <c r="BT199" s="1131" t="e">
        <f t="shared" si="66"/>
        <v>#VALUE!</v>
      </c>
      <c r="BU199" s="1131" t="e">
        <f t="shared" si="67"/>
        <v>#VALUE!</v>
      </c>
      <c r="BV199" s="1131" t="e">
        <f t="shared" si="68"/>
        <v>#VALUE!</v>
      </c>
      <c r="BW199" s="1131" t="e">
        <f t="shared" si="69"/>
        <v>#VALUE!</v>
      </c>
      <c r="BX199" s="1131" t="e">
        <f t="shared" si="70"/>
        <v>#VALUE!</v>
      </c>
      <c r="BY199" s="1131" t="e">
        <f t="shared" si="71"/>
        <v>#VALUE!</v>
      </c>
      <c r="BZ199" s="1131" t="e">
        <f t="shared" si="72"/>
        <v>#VALUE!</v>
      </c>
      <c r="CA199" s="1131" t="e">
        <f t="shared" si="73"/>
        <v>#VALUE!</v>
      </c>
      <c r="CB199" s="1131" t="e">
        <f t="shared" si="74"/>
        <v>#VALUE!</v>
      </c>
      <c r="CC199" s="1131" t="e">
        <f t="shared" si="75"/>
        <v>#VALUE!</v>
      </c>
      <c r="CD199" s="1131" t="e">
        <f t="shared" si="76"/>
        <v>#VALUE!</v>
      </c>
      <c r="CE199" s="1131" t="e">
        <f t="shared" si="77"/>
        <v>#VALUE!</v>
      </c>
      <c r="CF199" s="1131" t="e">
        <f t="shared" si="78"/>
        <v>#VALUE!</v>
      </c>
      <c r="CG199" s="1131" t="e">
        <f t="shared" si="79"/>
        <v>#VALUE!</v>
      </c>
      <c r="CH199" s="1131" t="e">
        <f t="shared" si="80"/>
        <v>#VALUE!</v>
      </c>
      <c r="CI199" s="1131" t="e">
        <f t="shared" si="81"/>
        <v>#VALUE!</v>
      </c>
      <c r="CJ199" s="1131" t="e">
        <f t="shared" si="82"/>
        <v>#VALUE!</v>
      </c>
      <c r="CK199" s="1132" t="str">
        <f t="shared" si="83"/>
        <v>n/a</v>
      </c>
    </row>
    <row r="200" spans="1:89" ht="42.75" x14ac:dyDescent="0.2">
      <c r="A200" s="992"/>
      <c r="B200" s="1126" t="s">
        <v>66</v>
      </c>
      <c r="C200" s="1126"/>
      <c r="D200" s="1126"/>
      <c r="E200" s="1126"/>
      <c r="F200" s="1026" t="s">
        <v>2048</v>
      </c>
      <c r="G200" s="1026" t="s">
        <v>1263</v>
      </c>
      <c r="H200" s="1026" t="s">
        <v>1264</v>
      </c>
      <c r="I200" s="1026" t="s">
        <v>1503</v>
      </c>
      <c r="J200" s="1026" t="s">
        <v>2049</v>
      </c>
      <c r="K200" s="1026" t="s">
        <v>2050</v>
      </c>
      <c r="L200" s="1026" t="s">
        <v>1488</v>
      </c>
      <c r="M200" s="1026" t="s">
        <v>1489</v>
      </c>
      <c r="N200" s="1026">
        <v>1</v>
      </c>
      <c r="O200" s="1026" t="s">
        <v>932</v>
      </c>
      <c r="P200" s="1026" t="s">
        <v>1490</v>
      </c>
      <c r="Q200" s="1026" t="s">
        <v>1491</v>
      </c>
      <c r="R200" s="1026" t="s">
        <v>1492</v>
      </c>
      <c r="S200" s="1026" t="s">
        <v>1493</v>
      </c>
      <c r="T200" s="1026" t="s">
        <v>2042</v>
      </c>
      <c r="U200" s="1016" t="str">
        <f>_xlfn.XLOOKUP(F200, [4]GIS!D:D, [4]GIS!E:E, "Not mapped")</f>
        <v>Single - Scenario 3</v>
      </c>
      <c r="V200" s="1026" t="s">
        <v>1508</v>
      </c>
      <c r="W200" s="1018" t="s">
        <v>1496</v>
      </c>
      <c r="X200" s="1019" t="s">
        <v>1497</v>
      </c>
      <c r="Y200" s="1020" t="s">
        <v>1498</v>
      </c>
      <c r="Z200" s="1020" t="s">
        <v>1498</v>
      </c>
      <c r="AA200" s="1020" t="s">
        <v>1498</v>
      </c>
      <c r="AB200" s="1020" t="s">
        <v>1498</v>
      </c>
      <c r="AC200" s="1020" t="s">
        <v>1498</v>
      </c>
      <c r="AD200" s="1020" t="s">
        <v>1498</v>
      </c>
      <c r="AE200" s="1020" t="s">
        <v>1498</v>
      </c>
      <c r="AF200" s="1020" t="s">
        <v>1498</v>
      </c>
      <c r="AG200" s="1020" t="s">
        <v>1498</v>
      </c>
      <c r="AH200" s="1020" t="s">
        <v>1498</v>
      </c>
      <c r="AI200" s="1020" t="s">
        <v>1498</v>
      </c>
      <c r="AJ200" s="1020" t="s">
        <v>1498</v>
      </c>
      <c r="AK200" s="1020" t="str">
        <f>IF(AJ200="n/a","n/a",ROUND((AJ200*[4]TripRateCalculations!$V$6),0))</f>
        <v>n/a</v>
      </c>
      <c r="AL200" s="1020" t="s">
        <v>1498</v>
      </c>
      <c r="AM200" s="1020" t="s">
        <v>1498</v>
      </c>
      <c r="AN200" s="1020" t="str">
        <f>IF(AT200="n/a","n/a",ROUND((AT200*[4]TripRateCalculations!N$4),0))</f>
        <v>n/a</v>
      </c>
      <c r="AO200" s="1020" t="str">
        <f>IF(AU200="n/a","n/a",ROUND((AU200*[4]TripRateCalculations!O$4),0))</f>
        <v>n/a</v>
      </c>
      <c r="AP200" s="1020" t="str">
        <f>IF(AV200="n/a","n/a",ROUND((AV200*[4]TripRateCalculations!P$4),0))</f>
        <v>n/a</v>
      </c>
      <c r="AQ200" s="1020" t="s">
        <v>1498</v>
      </c>
      <c r="AR200" s="1020" t="str">
        <f>IF(AX200="n/a","n/a",ROUND((AX200*[4]TripRateCalculations!R$4),0))</f>
        <v>n/a</v>
      </c>
      <c r="AS200" s="1020" t="str">
        <f>IF(AY200="n/a","n/a",ROUND((AY200*[4]TripRateCalculations!S$4),0))</f>
        <v>n/a</v>
      </c>
      <c r="AT200" s="1020" t="s">
        <v>1498</v>
      </c>
      <c r="AU200" s="1020" t="s">
        <v>1498</v>
      </c>
      <c r="AV200" s="1020" t="s">
        <v>1498</v>
      </c>
      <c r="AW200" s="1020" t="s">
        <v>1498</v>
      </c>
      <c r="AX200" s="1020" t="s">
        <v>1498</v>
      </c>
      <c r="AY200" s="1020" t="s">
        <v>1498</v>
      </c>
      <c r="AZ200" s="1020" t="s">
        <v>1498</v>
      </c>
      <c r="BA200" s="1100" t="s">
        <v>1498</v>
      </c>
      <c r="BB200" s="1100" t="s">
        <v>1498</v>
      </c>
      <c r="BC200" s="1100" t="s">
        <v>1498</v>
      </c>
      <c r="BD200" s="1100" t="s">
        <v>1498</v>
      </c>
      <c r="BE200" s="1100" t="s">
        <v>1498</v>
      </c>
      <c r="BF200" s="1100" t="s">
        <v>1498</v>
      </c>
      <c r="BG200" s="1100" t="s">
        <v>1498</v>
      </c>
      <c r="BH200" s="1027" t="s">
        <v>1642</v>
      </c>
      <c r="BI200" s="1026" t="s">
        <v>722</v>
      </c>
      <c r="BJ200" s="1026" t="s">
        <v>53</v>
      </c>
      <c r="BK200" s="1042">
        <f>ROUND((VLOOKUP(F200,'[4]Cost Summary'!A:H,8,)),0.1)</f>
        <v>10441</v>
      </c>
      <c r="BL200" s="1026">
        <v>2</v>
      </c>
      <c r="BM200" s="1078" t="s">
        <v>2043</v>
      </c>
      <c r="BN200" s="1044" t="s">
        <v>1584</v>
      </c>
      <c r="BO200" s="1130">
        <v>6783.56</v>
      </c>
      <c r="BP200" s="992"/>
      <c r="BQ200" s="1131" t="e">
        <f t="shared" si="63"/>
        <v>#VALUE!</v>
      </c>
      <c r="BR200" s="1131" t="e">
        <f t="shared" si="64"/>
        <v>#VALUE!</v>
      </c>
      <c r="BS200" s="1131" t="e">
        <f t="shared" si="65"/>
        <v>#VALUE!</v>
      </c>
      <c r="BT200" s="1131" t="e">
        <f t="shared" si="66"/>
        <v>#VALUE!</v>
      </c>
      <c r="BU200" s="1131" t="e">
        <f t="shared" si="67"/>
        <v>#VALUE!</v>
      </c>
      <c r="BV200" s="1131" t="e">
        <f t="shared" si="68"/>
        <v>#VALUE!</v>
      </c>
      <c r="BW200" s="1131" t="e">
        <f t="shared" si="69"/>
        <v>#VALUE!</v>
      </c>
      <c r="BX200" s="1131" t="e">
        <f t="shared" si="70"/>
        <v>#VALUE!</v>
      </c>
      <c r="BY200" s="1131" t="e">
        <f t="shared" si="71"/>
        <v>#VALUE!</v>
      </c>
      <c r="BZ200" s="1131" t="e">
        <f t="shared" si="72"/>
        <v>#VALUE!</v>
      </c>
      <c r="CA200" s="1131" t="e">
        <f t="shared" si="73"/>
        <v>#VALUE!</v>
      </c>
      <c r="CB200" s="1131" t="e">
        <f t="shared" si="74"/>
        <v>#VALUE!</v>
      </c>
      <c r="CC200" s="1131" t="e">
        <f t="shared" si="75"/>
        <v>#VALUE!</v>
      </c>
      <c r="CD200" s="1131" t="e">
        <f t="shared" si="76"/>
        <v>#VALUE!</v>
      </c>
      <c r="CE200" s="1131" t="e">
        <f t="shared" si="77"/>
        <v>#VALUE!</v>
      </c>
      <c r="CF200" s="1131" t="e">
        <f t="shared" si="78"/>
        <v>#VALUE!</v>
      </c>
      <c r="CG200" s="1131" t="e">
        <f t="shared" si="79"/>
        <v>#VALUE!</v>
      </c>
      <c r="CH200" s="1131" t="e">
        <f t="shared" si="80"/>
        <v>#VALUE!</v>
      </c>
      <c r="CI200" s="1131" t="e">
        <f t="shared" si="81"/>
        <v>#VALUE!</v>
      </c>
      <c r="CJ200" s="1131" t="e">
        <f t="shared" si="82"/>
        <v>#VALUE!</v>
      </c>
      <c r="CK200" s="1132" t="str">
        <f t="shared" si="83"/>
        <v>n/a</v>
      </c>
    </row>
    <row r="201" spans="1:89" ht="128.25" x14ac:dyDescent="0.2">
      <c r="A201" s="992" t="s">
        <v>66</v>
      </c>
      <c r="B201" s="1126" t="s">
        <v>66</v>
      </c>
      <c r="C201" s="1126"/>
      <c r="D201" s="1126"/>
      <c r="E201" s="1126"/>
      <c r="F201" s="1026" t="s">
        <v>2051</v>
      </c>
      <c r="G201" s="1026" t="s">
        <v>1265</v>
      </c>
      <c r="H201" s="1026" t="s">
        <v>2052</v>
      </c>
      <c r="I201" s="1026" t="s">
        <v>2053</v>
      </c>
      <c r="J201" s="1026" t="s">
        <v>1521</v>
      </c>
      <c r="K201" s="1026" t="s">
        <v>1521</v>
      </c>
      <c r="L201" s="1026" t="s">
        <v>1488</v>
      </c>
      <c r="M201" s="1026" t="s">
        <v>1489</v>
      </c>
      <c r="N201" s="1026">
        <v>1</v>
      </c>
      <c r="O201" s="1026" t="s">
        <v>932</v>
      </c>
      <c r="P201" s="1026" t="s">
        <v>1490</v>
      </c>
      <c r="Q201" s="1026" t="s">
        <v>1491</v>
      </c>
      <c r="R201" s="1026" t="s">
        <v>1492</v>
      </c>
      <c r="S201" s="1026" t="s">
        <v>1493</v>
      </c>
      <c r="T201" s="1026" t="s">
        <v>1507</v>
      </c>
      <c r="U201" s="1016" t="str">
        <f>_xlfn.XLOOKUP(F201, [4]GIS!D:D, [4]GIS!E:E, "Not mapped")</f>
        <v>Multiple - Scenario 1</v>
      </c>
      <c r="V201" s="1026" t="s">
        <v>1508</v>
      </c>
      <c r="W201" s="1018" t="s">
        <v>1496</v>
      </c>
      <c r="X201" s="1019" t="s">
        <v>1497</v>
      </c>
      <c r="Y201" s="1020" t="s">
        <v>1498</v>
      </c>
      <c r="Z201" s="1020" t="s">
        <v>1498</v>
      </c>
      <c r="AA201" s="1020" t="s">
        <v>1498</v>
      </c>
      <c r="AB201" s="1020" t="s">
        <v>1498</v>
      </c>
      <c r="AC201" s="1020" t="s">
        <v>1498</v>
      </c>
      <c r="AD201" s="1020" t="s">
        <v>1498</v>
      </c>
      <c r="AE201" s="1020" t="s">
        <v>1498</v>
      </c>
      <c r="AF201" s="1020" t="s">
        <v>1498</v>
      </c>
      <c r="AG201" s="1020" t="s">
        <v>1498</v>
      </c>
      <c r="AH201" s="1020" t="s">
        <v>1498</v>
      </c>
      <c r="AI201" s="1020" t="s">
        <v>1498</v>
      </c>
      <c r="AJ201" s="1020" t="s">
        <v>1498</v>
      </c>
      <c r="AK201" s="1020" t="str">
        <f>IF(AJ201="n/a","n/a",ROUND((AJ201*[4]TripRateCalculations!$V$6),0))</f>
        <v>n/a</v>
      </c>
      <c r="AL201" s="1020" t="s">
        <v>1498</v>
      </c>
      <c r="AM201" s="1020" t="s">
        <v>1498</v>
      </c>
      <c r="AN201" s="1020" t="str">
        <f>IF(AT201="n/a","n/a",ROUND((AT201*[4]TripRateCalculations!N$4),0))</f>
        <v>n/a</v>
      </c>
      <c r="AO201" s="1020" t="str">
        <f>IF(AU201="n/a","n/a",ROUND((AU201*[4]TripRateCalculations!O$4),0))</f>
        <v>n/a</v>
      </c>
      <c r="AP201" s="1020" t="str">
        <f>IF(AV201="n/a","n/a",ROUND((AV201*[4]TripRateCalculations!P$4),0))</f>
        <v>n/a</v>
      </c>
      <c r="AQ201" s="1020" t="s">
        <v>1498</v>
      </c>
      <c r="AR201" s="1020" t="str">
        <f>IF(AX201="n/a","n/a",ROUND((AX201*[4]TripRateCalculations!R$4),0))</f>
        <v>n/a</v>
      </c>
      <c r="AS201" s="1020" t="str">
        <f>IF(AY201="n/a","n/a",ROUND((AY201*[4]TripRateCalculations!S$4),0))</f>
        <v>n/a</v>
      </c>
      <c r="AT201" s="1020" t="s">
        <v>1498</v>
      </c>
      <c r="AU201" s="1020" t="s">
        <v>1498</v>
      </c>
      <c r="AV201" s="1020" t="s">
        <v>1498</v>
      </c>
      <c r="AW201" s="1020" t="s">
        <v>1498</v>
      </c>
      <c r="AX201" s="1020" t="s">
        <v>1498</v>
      </c>
      <c r="AY201" s="1020" t="s">
        <v>1498</v>
      </c>
      <c r="AZ201" s="1020" t="s">
        <v>1498</v>
      </c>
      <c r="BA201" s="1100" t="s">
        <v>1498</v>
      </c>
      <c r="BB201" s="1100" t="s">
        <v>1498</v>
      </c>
      <c r="BC201" s="1100" t="s">
        <v>1498</v>
      </c>
      <c r="BD201" s="1100" t="s">
        <v>1498</v>
      </c>
      <c r="BE201" s="1100" t="s">
        <v>1498</v>
      </c>
      <c r="BF201" s="1100" t="s">
        <v>1498</v>
      </c>
      <c r="BG201" s="1100" t="s">
        <v>1498</v>
      </c>
      <c r="BH201" s="1027" t="s">
        <v>1642</v>
      </c>
      <c r="BI201" s="1026" t="s">
        <v>722</v>
      </c>
      <c r="BJ201" s="1026" t="s">
        <v>53</v>
      </c>
      <c r="BK201" s="1042">
        <f>ROUND((VLOOKUP(F201,'[4]Cost Summary'!A:H,8,)),0.1)</f>
        <v>3058882</v>
      </c>
      <c r="BL201" s="1026">
        <v>2</v>
      </c>
      <c r="BM201" s="1078" t="s">
        <v>2054</v>
      </c>
      <c r="BN201" s="1044" t="s">
        <v>1584</v>
      </c>
      <c r="BO201" s="1130">
        <v>1987279.37</v>
      </c>
      <c r="BP201" s="992"/>
      <c r="BQ201" s="1131" t="e">
        <f t="shared" ref="BQ201:BQ229" si="84">Z201/(SUM($Y201:$BG201)-SUM(AH201,AJ201,AT201:AY201,BA201:BG201))</f>
        <v>#VALUE!</v>
      </c>
      <c r="BR201" s="1131" t="e">
        <f t="shared" ref="BR201:BR229" si="85">AA201/(SUM($Y201:$BG201)-SUM(AH201,AJ201,AT201:AY201,BA201:BG201))</f>
        <v>#VALUE!</v>
      </c>
      <c r="BS201" s="1131" t="e">
        <f t="shared" ref="BS201:BS229" si="86">AB201/(SUM($Y201:$BG201)-SUM(AH201,AJ201,AT201:AY201,BA201:BG201))</f>
        <v>#VALUE!</v>
      </c>
      <c r="BT201" s="1131" t="e">
        <f t="shared" ref="BT201:BT229" si="87">AC201/(SUM($Y201:$BG201)-SUM(AH201,AJ201,AT201:AY201,BA201:BG201))</f>
        <v>#VALUE!</v>
      </c>
      <c r="BU201" s="1131" t="e">
        <f t="shared" ref="BU201:BU229" si="88">AD201/(SUM($Y201:$BG201)-SUM(AH201,AJ201,AT201:AY201,BA201:BG201))</f>
        <v>#VALUE!</v>
      </c>
      <c r="BV201" s="1131" t="e">
        <f t="shared" ref="BV201:BV229" si="89">AE201/(SUM($Y201:$BG201)-SUM(AH201,AJ201,AT201:AY201,BA201:BG201))</f>
        <v>#VALUE!</v>
      </c>
      <c r="BW201" s="1131" t="e">
        <f t="shared" ref="BW201:BW229" si="90">AF201/(SUM($Y201:$BG201)-SUM(AH201,AJ201,AT201:AY201,BA201:BG201))</f>
        <v>#VALUE!</v>
      </c>
      <c r="BX201" s="1131" t="e">
        <f t="shared" ref="BX201:BX229" si="91">AG201/(SUM($Y201:$BG201)-SUM(AH201,AJ201,AT201:AY201,BA201:BG201))</f>
        <v>#VALUE!</v>
      </c>
      <c r="BY201" s="1131" t="e">
        <f t="shared" ref="BY201:BY229" si="92">AI201/(SUM($Y201:$BG201)-SUM(AH201,AJ201,AT201:AY201,BA201:BG201))</f>
        <v>#VALUE!</v>
      </c>
      <c r="BZ201" s="1131" t="e">
        <f t="shared" ref="BZ201:BZ229" si="93">AK201/(SUM($Y201:$BG201)-SUM(AH201,AJ201,AT201:AY201,BA201:BG201))</f>
        <v>#VALUE!</v>
      </c>
      <c r="CA201" s="1131" t="e">
        <f t="shared" ref="CA201:CA229" si="94">AL201/(SUM($Y201:$BG201)-SUM(AH201,AJ201,AT201:AY201,BA201:BG201))</f>
        <v>#VALUE!</v>
      </c>
      <c r="CB201" s="1131" t="e">
        <f t="shared" ref="CB201:CB229" si="95">AM201/(SUM($Y201:$BG201)-SUM(AH201,AJ201,AT201:AY201,BA201:BG201))</f>
        <v>#VALUE!</v>
      </c>
      <c r="CC201" s="1131" t="e">
        <f t="shared" ref="CC201:CC229" si="96">AN201/(SUM($Y201:$BG201)-SUM(AH201,AJ201,AT201:AY201,BA201:BG201))</f>
        <v>#VALUE!</v>
      </c>
      <c r="CD201" s="1131" t="e">
        <f t="shared" ref="CD201:CD229" si="97">AO201/(SUM($Y201:$BG201)-SUM(AH201,AJ201,AT201:AY201,BA201:BG201))</f>
        <v>#VALUE!</v>
      </c>
      <c r="CE201" s="1131" t="e">
        <f t="shared" ref="CE201:CE229" si="98">AP201/(SUM($Y201:$BG201)-SUM(AH201,AJ201,AT201:AY201,BA201:BG201))</f>
        <v>#VALUE!</v>
      </c>
      <c r="CF201" s="1131" t="e">
        <f t="shared" ref="CF201:CF229" si="99">AR201/(SUM($Y201:$BG201)-SUM(AH201,AJ201,AT201:AY201,BA201:BG201))</f>
        <v>#VALUE!</v>
      </c>
      <c r="CG201" s="1131" t="e">
        <f t="shared" ref="CG201:CG229" si="100">AS201/(SUM($Y201:$BG201)-SUM(AH201,AJ201,AT201:AY201,BA201:BG201))</f>
        <v>#VALUE!</v>
      </c>
      <c r="CH201" s="1131" t="e">
        <f t="shared" ref="CH201:CH229" si="101">AZ201/(SUM($Y201:$BG201)-SUM(AH201,AJ201,AT201:AY201,BA201:BG201))</f>
        <v>#VALUE!</v>
      </c>
      <c r="CI201" s="1131" t="e">
        <f t="shared" ref="CI201:CI229" si="102">Y201/(SUM($Y201:$BG201)-SUM(AH201,AJ201,AT201:AY201,BA201:BG201))</f>
        <v>#VALUE!</v>
      </c>
      <c r="CJ201" s="1131" t="e">
        <f t="shared" ref="CJ201:CJ229" si="103">AQ201/(SUM($Y201:$BG201)-SUM(AH201,AJ201,AT201:AY201,BA201:BG201))</f>
        <v>#VALUE!</v>
      </c>
      <c r="CK201" s="1132" t="str">
        <f t="shared" ref="CK201:CK229" si="104">IFERROR(SUM(BQ201:CJ201),"n/a")</f>
        <v>n/a</v>
      </c>
    </row>
    <row r="202" spans="1:89" ht="42.75" x14ac:dyDescent="0.2">
      <c r="A202" s="992" t="s">
        <v>66</v>
      </c>
      <c r="B202" s="1126" t="s">
        <v>66</v>
      </c>
      <c r="C202" s="1126"/>
      <c r="D202" s="1126"/>
      <c r="E202" s="1126"/>
      <c r="F202" s="1026" t="s">
        <v>2055</v>
      </c>
      <c r="G202" s="1026" t="s">
        <v>1267</v>
      </c>
      <c r="H202" s="1026" t="s">
        <v>1268</v>
      </c>
      <c r="I202" s="1026" t="s">
        <v>2056</v>
      </c>
      <c r="J202" s="1026">
        <v>51.778114299999999</v>
      </c>
      <c r="K202" s="1026">
        <v>-0.44952082199999999</v>
      </c>
      <c r="L202" s="1026" t="s">
        <v>1488</v>
      </c>
      <c r="M202" s="1026" t="s">
        <v>1489</v>
      </c>
      <c r="N202" s="1026">
        <v>1</v>
      </c>
      <c r="O202" s="1026" t="s">
        <v>932</v>
      </c>
      <c r="P202" s="1026" t="s">
        <v>1490</v>
      </c>
      <c r="Q202" s="1026" t="s">
        <v>1491</v>
      </c>
      <c r="R202" s="1026" t="s">
        <v>1492</v>
      </c>
      <c r="S202" s="1026" t="s">
        <v>1493</v>
      </c>
      <c r="T202" s="1026" t="s">
        <v>1507</v>
      </c>
      <c r="U202" s="1016" t="str">
        <f>_xlfn.XLOOKUP(F202, [4]GIS!D:D, [4]GIS!E:E, "Not mapped")</f>
        <v>Single - Scenario 3</v>
      </c>
      <c r="V202" s="1026" t="s">
        <v>1508</v>
      </c>
      <c r="W202" s="1018" t="s">
        <v>1496</v>
      </c>
      <c r="X202" s="1019" t="s">
        <v>1497</v>
      </c>
      <c r="Y202" s="1020" t="s">
        <v>1498</v>
      </c>
      <c r="Z202" s="1020" t="s">
        <v>1498</v>
      </c>
      <c r="AA202" s="1020" t="s">
        <v>1498</v>
      </c>
      <c r="AB202" s="1020" t="s">
        <v>1498</v>
      </c>
      <c r="AC202" s="1020" t="s">
        <v>1498</v>
      </c>
      <c r="AD202" s="1020" t="s">
        <v>1498</v>
      </c>
      <c r="AE202" s="1020" t="s">
        <v>1498</v>
      </c>
      <c r="AF202" s="1020" t="s">
        <v>1498</v>
      </c>
      <c r="AG202" s="1020" t="s">
        <v>1498</v>
      </c>
      <c r="AH202" s="1020" t="s">
        <v>1498</v>
      </c>
      <c r="AI202" s="1020" t="s">
        <v>1498</v>
      </c>
      <c r="AJ202" s="1020" t="s">
        <v>1498</v>
      </c>
      <c r="AK202" s="1020" t="str">
        <f>IF(AJ202="n/a","n/a",ROUND((AJ202*[4]TripRateCalculations!$V$6),0))</f>
        <v>n/a</v>
      </c>
      <c r="AL202" s="1020" t="s">
        <v>1498</v>
      </c>
      <c r="AM202" s="1020" t="s">
        <v>1498</v>
      </c>
      <c r="AN202" s="1020" t="str">
        <f>IF(AT202="n/a","n/a",ROUND((AT202*[4]TripRateCalculations!N$4),0))</f>
        <v>n/a</v>
      </c>
      <c r="AO202" s="1020" t="str">
        <f>IF(AU202="n/a","n/a",ROUND((AU202*[4]TripRateCalculations!O$4),0))</f>
        <v>n/a</v>
      </c>
      <c r="AP202" s="1020" t="str">
        <f>IF(AV202="n/a","n/a",ROUND((AV202*[4]TripRateCalculations!P$4),0))</f>
        <v>n/a</v>
      </c>
      <c r="AQ202" s="1020" t="s">
        <v>1498</v>
      </c>
      <c r="AR202" s="1020" t="str">
        <f>IF(AX202="n/a","n/a",ROUND((AX202*[4]TripRateCalculations!R$4),0))</f>
        <v>n/a</v>
      </c>
      <c r="AS202" s="1020" t="str">
        <f>IF(AY202="n/a","n/a",ROUND((AY202*[4]TripRateCalculations!S$4),0))</f>
        <v>n/a</v>
      </c>
      <c r="AT202" s="1020" t="s">
        <v>1498</v>
      </c>
      <c r="AU202" s="1020" t="s">
        <v>1498</v>
      </c>
      <c r="AV202" s="1020" t="s">
        <v>1498</v>
      </c>
      <c r="AW202" s="1020" t="s">
        <v>1498</v>
      </c>
      <c r="AX202" s="1020" t="s">
        <v>1498</v>
      </c>
      <c r="AY202" s="1020" t="s">
        <v>1498</v>
      </c>
      <c r="AZ202" s="1020" t="s">
        <v>1498</v>
      </c>
      <c r="BA202" s="1100" t="s">
        <v>1498</v>
      </c>
      <c r="BB202" s="1100" t="s">
        <v>1498</v>
      </c>
      <c r="BC202" s="1100" t="s">
        <v>1498</v>
      </c>
      <c r="BD202" s="1100" t="s">
        <v>1498</v>
      </c>
      <c r="BE202" s="1100" t="s">
        <v>1498</v>
      </c>
      <c r="BF202" s="1100" t="s">
        <v>1498</v>
      </c>
      <c r="BG202" s="1100" t="s">
        <v>1498</v>
      </c>
      <c r="BH202" s="1027" t="s">
        <v>1642</v>
      </c>
      <c r="BI202" s="1026" t="s">
        <v>722</v>
      </c>
      <c r="BJ202" s="1026" t="s">
        <v>53</v>
      </c>
      <c r="BK202" s="1042">
        <f>ROUND((VLOOKUP(F202,'[4]Cost Summary'!A:H,8,)),0.1)</f>
        <v>199337</v>
      </c>
      <c r="BL202" s="1026">
        <v>0</v>
      </c>
      <c r="BM202" s="1078" t="s">
        <v>1500</v>
      </c>
      <c r="BN202" s="1044" t="s">
        <v>1584</v>
      </c>
      <c r="BO202" s="1130">
        <v>129504.38</v>
      </c>
      <c r="BP202" s="992"/>
      <c r="BQ202" s="1131" t="e">
        <f t="shared" si="84"/>
        <v>#VALUE!</v>
      </c>
      <c r="BR202" s="1131" t="e">
        <f t="shared" si="85"/>
        <v>#VALUE!</v>
      </c>
      <c r="BS202" s="1131" t="e">
        <f t="shared" si="86"/>
        <v>#VALUE!</v>
      </c>
      <c r="BT202" s="1131" t="e">
        <f t="shared" si="87"/>
        <v>#VALUE!</v>
      </c>
      <c r="BU202" s="1131" t="e">
        <f t="shared" si="88"/>
        <v>#VALUE!</v>
      </c>
      <c r="BV202" s="1131" t="e">
        <f t="shared" si="89"/>
        <v>#VALUE!</v>
      </c>
      <c r="BW202" s="1131" t="e">
        <f t="shared" si="90"/>
        <v>#VALUE!</v>
      </c>
      <c r="BX202" s="1131" t="e">
        <f t="shared" si="91"/>
        <v>#VALUE!</v>
      </c>
      <c r="BY202" s="1131" t="e">
        <f t="shared" si="92"/>
        <v>#VALUE!</v>
      </c>
      <c r="BZ202" s="1131" t="e">
        <f t="shared" si="93"/>
        <v>#VALUE!</v>
      </c>
      <c r="CA202" s="1131" t="e">
        <f t="shared" si="94"/>
        <v>#VALUE!</v>
      </c>
      <c r="CB202" s="1131" t="e">
        <f t="shared" si="95"/>
        <v>#VALUE!</v>
      </c>
      <c r="CC202" s="1131" t="e">
        <f t="shared" si="96"/>
        <v>#VALUE!</v>
      </c>
      <c r="CD202" s="1131" t="e">
        <f t="shared" si="97"/>
        <v>#VALUE!</v>
      </c>
      <c r="CE202" s="1131" t="e">
        <f t="shared" si="98"/>
        <v>#VALUE!</v>
      </c>
      <c r="CF202" s="1131" t="e">
        <f t="shared" si="99"/>
        <v>#VALUE!</v>
      </c>
      <c r="CG202" s="1131" t="e">
        <f t="shared" si="100"/>
        <v>#VALUE!</v>
      </c>
      <c r="CH202" s="1131" t="e">
        <f t="shared" si="101"/>
        <v>#VALUE!</v>
      </c>
      <c r="CI202" s="1131" t="e">
        <f t="shared" si="102"/>
        <v>#VALUE!</v>
      </c>
      <c r="CJ202" s="1131" t="e">
        <f t="shared" si="103"/>
        <v>#VALUE!</v>
      </c>
      <c r="CK202" s="1132" t="str">
        <f t="shared" si="104"/>
        <v>n/a</v>
      </c>
    </row>
    <row r="203" spans="1:89" ht="199.5" x14ac:dyDescent="0.2">
      <c r="A203" s="992" t="s">
        <v>66</v>
      </c>
      <c r="B203" s="1126" t="s">
        <v>66</v>
      </c>
      <c r="C203" s="1126"/>
      <c r="D203" s="1126"/>
      <c r="E203" s="1126"/>
      <c r="F203" s="1026" t="s">
        <v>2057</v>
      </c>
      <c r="G203" s="1026" t="s">
        <v>1269</v>
      </c>
      <c r="H203" s="1026" t="s">
        <v>1270</v>
      </c>
      <c r="I203" s="1026" t="s">
        <v>2056</v>
      </c>
      <c r="J203" s="1026" t="s">
        <v>1521</v>
      </c>
      <c r="K203" s="1026" t="s">
        <v>1521</v>
      </c>
      <c r="L203" s="1026" t="s">
        <v>1488</v>
      </c>
      <c r="M203" s="1026" t="s">
        <v>1489</v>
      </c>
      <c r="N203" s="1026">
        <v>1</v>
      </c>
      <c r="O203" s="1026" t="s">
        <v>932</v>
      </c>
      <c r="P203" s="1026" t="s">
        <v>1490</v>
      </c>
      <c r="Q203" s="1026" t="s">
        <v>1491</v>
      </c>
      <c r="R203" s="1026" t="s">
        <v>1492</v>
      </c>
      <c r="S203" s="1026" t="s">
        <v>1493</v>
      </c>
      <c r="T203" s="1026" t="s">
        <v>1507</v>
      </c>
      <c r="U203" s="1016" t="str">
        <f>_xlfn.XLOOKUP(F203, [4]GIS!D:D, [4]GIS!E:E, "Not mapped")</f>
        <v>Single - Scenario 2</v>
      </c>
      <c r="V203" s="1026" t="s">
        <v>1508</v>
      </c>
      <c r="W203" s="1018" t="s">
        <v>1496</v>
      </c>
      <c r="X203" s="1019" t="s">
        <v>1497</v>
      </c>
      <c r="Y203" s="1020" t="s">
        <v>1498</v>
      </c>
      <c r="Z203" s="1020" t="s">
        <v>1498</v>
      </c>
      <c r="AA203" s="1020" t="s">
        <v>1498</v>
      </c>
      <c r="AB203" s="1020" t="s">
        <v>1498</v>
      </c>
      <c r="AC203" s="1020" t="s">
        <v>1498</v>
      </c>
      <c r="AD203" s="1020" t="s">
        <v>1498</v>
      </c>
      <c r="AE203" s="1020" t="s">
        <v>1498</v>
      </c>
      <c r="AF203" s="1020" t="s">
        <v>1498</v>
      </c>
      <c r="AG203" s="1020" t="s">
        <v>1498</v>
      </c>
      <c r="AH203" s="1020" t="s">
        <v>1498</v>
      </c>
      <c r="AI203" s="1020" t="s">
        <v>1498</v>
      </c>
      <c r="AJ203" s="1020" t="s">
        <v>1498</v>
      </c>
      <c r="AK203" s="1020" t="str">
        <f>IF(AJ203="n/a","n/a",ROUND((AJ203*[4]TripRateCalculations!$V$6),0))</f>
        <v>n/a</v>
      </c>
      <c r="AL203" s="1020" t="s">
        <v>1498</v>
      </c>
      <c r="AM203" s="1020" t="s">
        <v>1498</v>
      </c>
      <c r="AN203" s="1020" t="str">
        <f>IF(AT203="n/a","n/a",ROUND((AT203*[4]TripRateCalculations!N$4),0))</f>
        <v>n/a</v>
      </c>
      <c r="AO203" s="1020" t="str">
        <f>IF(AU203="n/a","n/a",ROUND((AU203*[4]TripRateCalculations!O$4),0))</f>
        <v>n/a</v>
      </c>
      <c r="AP203" s="1020" t="str">
        <f>IF(AV203="n/a","n/a",ROUND((AV203*[4]TripRateCalculations!P$4),0))</f>
        <v>n/a</v>
      </c>
      <c r="AQ203" s="1020" t="s">
        <v>1498</v>
      </c>
      <c r="AR203" s="1020" t="str">
        <f>IF(AX203="n/a","n/a",ROUND((AX203*[4]TripRateCalculations!R$4),0))</f>
        <v>n/a</v>
      </c>
      <c r="AS203" s="1020" t="str">
        <f>IF(AY203="n/a","n/a",ROUND((AY203*[4]TripRateCalculations!S$4),0))</f>
        <v>n/a</v>
      </c>
      <c r="AT203" s="1020" t="s">
        <v>1498</v>
      </c>
      <c r="AU203" s="1020" t="s">
        <v>1498</v>
      </c>
      <c r="AV203" s="1020" t="s">
        <v>1498</v>
      </c>
      <c r="AW203" s="1020" t="s">
        <v>1498</v>
      </c>
      <c r="AX203" s="1020" t="s">
        <v>1498</v>
      </c>
      <c r="AY203" s="1020" t="s">
        <v>1498</v>
      </c>
      <c r="AZ203" s="1020" t="s">
        <v>1498</v>
      </c>
      <c r="BA203" s="1100" t="s">
        <v>1498</v>
      </c>
      <c r="BB203" s="1100" t="s">
        <v>1498</v>
      </c>
      <c r="BC203" s="1100" t="s">
        <v>1498</v>
      </c>
      <c r="BD203" s="1100" t="s">
        <v>1498</v>
      </c>
      <c r="BE203" s="1100" t="s">
        <v>1498</v>
      </c>
      <c r="BF203" s="1100" t="s">
        <v>1498</v>
      </c>
      <c r="BG203" s="1100" t="s">
        <v>1498</v>
      </c>
      <c r="BH203" s="1027" t="s">
        <v>1642</v>
      </c>
      <c r="BI203" s="1026" t="s">
        <v>722</v>
      </c>
      <c r="BJ203" s="1026" t="s">
        <v>53</v>
      </c>
      <c r="BK203" s="1042">
        <f>ROUND((VLOOKUP(F203,'[4]Cost Summary'!A:H,8,)),0.1)</f>
        <v>547386</v>
      </c>
      <c r="BL203" s="1026">
        <v>0</v>
      </c>
      <c r="BM203" s="1078" t="s">
        <v>1500</v>
      </c>
      <c r="BN203" s="1044" t="s">
        <v>2058</v>
      </c>
      <c r="BO203" s="1130">
        <v>781137.5</v>
      </c>
      <c r="BP203" s="992"/>
      <c r="BQ203" s="1131" t="e">
        <f t="shared" si="84"/>
        <v>#VALUE!</v>
      </c>
      <c r="BR203" s="1131" t="e">
        <f t="shared" si="85"/>
        <v>#VALUE!</v>
      </c>
      <c r="BS203" s="1131" t="e">
        <f t="shared" si="86"/>
        <v>#VALUE!</v>
      </c>
      <c r="BT203" s="1131" t="e">
        <f t="shared" si="87"/>
        <v>#VALUE!</v>
      </c>
      <c r="BU203" s="1131" t="e">
        <f t="shared" si="88"/>
        <v>#VALUE!</v>
      </c>
      <c r="BV203" s="1131" t="e">
        <f t="shared" si="89"/>
        <v>#VALUE!</v>
      </c>
      <c r="BW203" s="1131" t="e">
        <f t="shared" si="90"/>
        <v>#VALUE!</v>
      </c>
      <c r="BX203" s="1131" t="e">
        <f t="shared" si="91"/>
        <v>#VALUE!</v>
      </c>
      <c r="BY203" s="1131" t="e">
        <f t="shared" si="92"/>
        <v>#VALUE!</v>
      </c>
      <c r="BZ203" s="1131" t="e">
        <f t="shared" si="93"/>
        <v>#VALUE!</v>
      </c>
      <c r="CA203" s="1131" t="e">
        <f t="shared" si="94"/>
        <v>#VALUE!</v>
      </c>
      <c r="CB203" s="1131" t="e">
        <f t="shared" si="95"/>
        <v>#VALUE!</v>
      </c>
      <c r="CC203" s="1131" t="e">
        <f t="shared" si="96"/>
        <v>#VALUE!</v>
      </c>
      <c r="CD203" s="1131" t="e">
        <f t="shared" si="97"/>
        <v>#VALUE!</v>
      </c>
      <c r="CE203" s="1131" t="e">
        <f t="shared" si="98"/>
        <v>#VALUE!</v>
      </c>
      <c r="CF203" s="1131" t="e">
        <f t="shared" si="99"/>
        <v>#VALUE!</v>
      </c>
      <c r="CG203" s="1131" t="e">
        <f t="shared" si="100"/>
        <v>#VALUE!</v>
      </c>
      <c r="CH203" s="1131" t="e">
        <f t="shared" si="101"/>
        <v>#VALUE!</v>
      </c>
      <c r="CI203" s="1131" t="e">
        <f t="shared" si="102"/>
        <v>#VALUE!</v>
      </c>
      <c r="CJ203" s="1131" t="e">
        <f t="shared" si="103"/>
        <v>#VALUE!</v>
      </c>
      <c r="CK203" s="1132" t="str">
        <f t="shared" si="104"/>
        <v>n/a</v>
      </c>
    </row>
    <row r="204" spans="1:89" ht="71.25" x14ac:dyDescent="0.2">
      <c r="A204" s="992" t="s">
        <v>66</v>
      </c>
      <c r="B204" s="1126" t="s">
        <v>66</v>
      </c>
      <c r="C204" s="1126"/>
      <c r="D204" s="1126"/>
      <c r="E204" s="1126"/>
      <c r="F204" s="1026" t="s">
        <v>2059</v>
      </c>
      <c r="G204" s="1026" t="s">
        <v>1271</v>
      </c>
      <c r="H204" s="1026" t="s">
        <v>1272</v>
      </c>
      <c r="I204" s="1026" t="s">
        <v>1487</v>
      </c>
      <c r="J204" s="1026" t="s">
        <v>1521</v>
      </c>
      <c r="K204" s="1026" t="s">
        <v>1521</v>
      </c>
      <c r="L204" s="1026" t="s">
        <v>1488</v>
      </c>
      <c r="M204" s="1026" t="s">
        <v>1489</v>
      </c>
      <c r="N204" s="1026">
        <v>2</v>
      </c>
      <c r="O204" s="1026" t="s">
        <v>932</v>
      </c>
      <c r="P204" s="1026" t="s">
        <v>1490</v>
      </c>
      <c r="Q204" s="1026" t="s">
        <v>1491</v>
      </c>
      <c r="R204" s="1026" t="s">
        <v>1492</v>
      </c>
      <c r="S204" s="1026" t="s">
        <v>1493</v>
      </c>
      <c r="T204" s="1026" t="s">
        <v>1507</v>
      </c>
      <c r="U204" s="1016" t="str">
        <f>_xlfn.XLOOKUP(F204, [4]GIS!D:D, [4]GIS!E:E, "Not mapped")</f>
        <v>Single - Scenario 2</v>
      </c>
      <c r="V204" s="1026" t="s">
        <v>1508</v>
      </c>
      <c r="W204" s="1018" t="s">
        <v>1496</v>
      </c>
      <c r="X204" s="1019" t="s">
        <v>1497</v>
      </c>
      <c r="Y204" s="1020" t="s">
        <v>1498</v>
      </c>
      <c r="Z204" s="1020" t="s">
        <v>1498</v>
      </c>
      <c r="AA204" s="1020" t="s">
        <v>1498</v>
      </c>
      <c r="AB204" s="1020" t="s">
        <v>1498</v>
      </c>
      <c r="AC204" s="1020" t="s">
        <v>1498</v>
      </c>
      <c r="AD204" s="1020" t="s">
        <v>1498</v>
      </c>
      <c r="AE204" s="1020" t="s">
        <v>1498</v>
      </c>
      <c r="AF204" s="1020" t="s">
        <v>1498</v>
      </c>
      <c r="AG204" s="1020" t="s">
        <v>1498</v>
      </c>
      <c r="AH204" s="1020" t="s">
        <v>1498</v>
      </c>
      <c r="AI204" s="1020" t="s">
        <v>1498</v>
      </c>
      <c r="AJ204" s="1020" t="s">
        <v>1498</v>
      </c>
      <c r="AK204" s="1020" t="str">
        <f>IF(AJ204="n/a","n/a",ROUND((AJ204*[4]TripRateCalculations!$V$6),0))</f>
        <v>n/a</v>
      </c>
      <c r="AL204" s="1020" t="s">
        <v>1498</v>
      </c>
      <c r="AM204" s="1020" t="s">
        <v>1498</v>
      </c>
      <c r="AN204" s="1020" t="str">
        <f>IF(AT204="n/a","n/a",ROUND((AT204*[4]TripRateCalculations!N$4),0))</f>
        <v>n/a</v>
      </c>
      <c r="AO204" s="1020" t="str">
        <f>IF(AU204="n/a","n/a",ROUND((AU204*[4]TripRateCalculations!O$4),0))</f>
        <v>n/a</v>
      </c>
      <c r="AP204" s="1020" t="str">
        <f>IF(AV204="n/a","n/a",ROUND((AV204*[4]TripRateCalculations!P$4),0))</f>
        <v>n/a</v>
      </c>
      <c r="AQ204" s="1020" t="s">
        <v>1498</v>
      </c>
      <c r="AR204" s="1020" t="str">
        <f>IF(AX204="n/a","n/a",ROUND((AX204*[4]TripRateCalculations!R$4),0))</f>
        <v>n/a</v>
      </c>
      <c r="AS204" s="1020" t="str">
        <f>IF(AY204="n/a","n/a",ROUND((AY204*[4]TripRateCalculations!S$4),0))</f>
        <v>n/a</v>
      </c>
      <c r="AT204" s="1020" t="s">
        <v>1498</v>
      </c>
      <c r="AU204" s="1020" t="s">
        <v>1498</v>
      </c>
      <c r="AV204" s="1020" t="s">
        <v>1498</v>
      </c>
      <c r="AW204" s="1020" t="s">
        <v>1498</v>
      </c>
      <c r="AX204" s="1020" t="s">
        <v>1498</v>
      </c>
      <c r="AY204" s="1020" t="s">
        <v>1498</v>
      </c>
      <c r="AZ204" s="1020" t="s">
        <v>1498</v>
      </c>
      <c r="BA204" s="1100" t="s">
        <v>1498</v>
      </c>
      <c r="BB204" s="1100" t="s">
        <v>1498</v>
      </c>
      <c r="BC204" s="1100" t="s">
        <v>1498</v>
      </c>
      <c r="BD204" s="1100" t="s">
        <v>1498</v>
      </c>
      <c r="BE204" s="1100" t="s">
        <v>1498</v>
      </c>
      <c r="BF204" s="1100" t="s">
        <v>1498</v>
      </c>
      <c r="BG204" s="1100" t="s">
        <v>1498</v>
      </c>
      <c r="BH204" s="1027" t="s">
        <v>1642</v>
      </c>
      <c r="BI204" s="1026" t="s">
        <v>722</v>
      </c>
      <c r="BJ204" s="1026" t="s">
        <v>53</v>
      </c>
      <c r="BK204" s="1042">
        <f>ROUND((VLOOKUP(F204,'[4]Cost Summary'!A:H,8,)),0.1)</f>
        <v>785325</v>
      </c>
      <c r="BL204" s="1026">
        <v>1</v>
      </c>
      <c r="BM204" s="1043">
        <v>1</v>
      </c>
      <c r="BN204" s="1044" t="s">
        <v>2058</v>
      </c>
      <c r="BO204" s="1130">
        <v>279873.34000000003</v>
      </c>
      <c r="BP204" s="992"/>
      <c r="BQ204" s="1131" t="e">
        <f t="shared" si="84"/>
        <v>#VALUE!</v>
      </c>
      <c r="BR204" s="1131" t="e">
        <f t="shared" si="85"/>
        <v>#VALUE!</v>
      </c>
      <c r="BS204" s="1131" t="e">
        <f t="shared" si="86"/>
        <v>#VALUE!</v>
      </c>
      <c r="BT204" s="1131" t="e">
        <f t="shared" si="87"/>
        <v>#VALUE!</v>
      </c>
      <c r="BU204" s="1131" t="e">
        <f t="shared" si="88"/>
        <v>#VALUE!</v>
      </c>
      <c r="BV204" s="1131" t="e">
        <f t="shared" si="89"/>
        <v>#VALUE!</v>
      </c>
      <c r="BW204" s="1131" t="e">
        <f t="shared" si="90"/>
        <v>#VALUE!</v>
      </c>
      <c r="BX204" s="1131" t="e">
        <f t="shared" si="91"/>
        <v>#VALUE!</v>
      </c>
      <c r="BY204" s="1131" t="e">
        <f t="shared" si="92"/>
        <v>#VALUE!</v>
      </c>
      <c r="BZ204" s="1131" t="e">
        <f t="shared" si="93"/>
        <v>#VALUE!</v>
      </c>
      <c r="CA204" s="1131" t="e">
        <f t="shared" si="94"/>
        <v>#VALUE!</v>
      </c>
      <c r="CB204" s="1131" t="e">
        <f t="shared" si="95"/>
        <v>#VALUE!</v>
      </c>
      <c r="CC204" s="1131" t="e">
        <f t="shared" si="96"/>
        <v>#VALUE!</v>
      </c>
      <c r="CD204" s="1131" t="e">
        <f t="shared" si="97"/>
        <v>#VALUE!</v>
      </c>
      <c r="CE204" s="1131" t="e">
        <f t="shared" si="98"/>
        <v>#VALUE!</v>
      </c>
      <c r="CF204" s="1131" t="e">
        <f t="shared" si="99"/>
        <v>#VALUE!</v>
      </c>
      <c r="CG204" s="1131" t="e">
        <f t="shared" si="100"/>
        <v>#VALUE!</v>
      </c>
      <c r="CH204" s="1131" t="e">
        <f t="shared" si="101"/>
        <v>#VALUE!</v>
      </c>
      <c r="CI204" s="1131" t="e">
        <f t="shared" si="102"/>
        <v>#VALUE!</v>
      </c>
      <c r="CJ204" s="1131" t="e">
        <f t="shared" si="103"/>
        <v>#VALUE!</v>
      </c>
      <c r="CK204" s="1132" t="str">
        <f t="shared" si="104"/>
        <v>n/a</v>
      </c>
    </row>
    <row r="205" spans="1:89" ht="42.75" x14ac:dyDescent="0.2">
      <c r="A205" s="992" t="s">
        <v>66</v>
      </c>
      <c r="B205" s="1126" t="s">
        <v>66</v>
      </c>
      <c r="C205" s="1126"/>
      <c r="D205" s="1126"/>
      <c r="E205" s="1126"/>
      <c r="F205" s="1026" t="s">
        <v>2060</v>
      </c>
      <c r="G205" s="1026" t="s">
        <v>1139</v>
      </c>
      <c r="H205" s="1026" t="s">
        <v>1140</v>
      </c>
      <c r="I205" s="1026" t="s">
        <v>1487</v>
      </c>
      <c r="J205" s="1026">
        <v>51.772992119999998</v>
      </c>
      <c r="K205" s="1026">
        <v>-0.45835406200000001</v>
      </c>
      <c r="L205" s="1026" t="s">
        <v>1488</v>
      </c>
      <c r="M205" s="1026" t="s">
        <v>1489</v>
      </c>
      <c r="N205" s="1026">
        <v>1</v>
      </c>
      <c r="O205" s="1026" t="s">
        <v>932</v>
      </c>
      <c r="P205" s="1026" t="s">
        <v>1490</v>
      </c>
      <c r="Q205" s="1026" t="s">
        <v>1491</v>
      </c>
      <c r="R205" s="1026" t="s">
        <v>1492</v>
      </c>
      <c r="S205" s="1026" t="s">
        <v>1493</v>
      </c>
      <c r="T205" s="1026" t="s">
        <v>1925</v>
      </c>
      <c r="U205" s="1016" t="str">
        <f>_xlfn.XLOOKUP(F205, [4]GIS!D:D, [4]GIS!E:E, "Not mapped")</f>
        <v>Single - Scenario 2</v>
      </c>
      <c r="V205" s="1026" t="s">
        <v>1508</v>
      </c>
      <c r="W205" s="1057" t="s">
        <v>1667</v>
      </c>
      <c r="X205" s="1057" t="s">
        <v>2061</v>
      </c>
      <c r="Y205" s="1020" t="s">
        <v>1498</v>
      </c>
      <c r="Z205" s="1020" t="s">
        <v>1498</v>
      </c>
      <c r="AA205" s="1020" t="s">
        <v>1498</v>
      </c>
      <c r="AB205" s="1020" t="s">
        <v>1498</v>
      </c>
      <c r="AC205" s="1020" t="s">
        <v>1498</v>
      </c>
      <c r="AD205" s="1020" t="s">
        <v>1498</v>
      </c>
      <c r="AE205" s="1020" t="s">
        <v>1498</v>
      </c>
      <c r="AF205" s="1020" t="s">
        <v>1498</v>
      </c>
      <c r="AG205" s="1020" t="s">
        <v>1498</v>
      </c>
      <c r="AH205" s="1020" t="s">
        <v>1498</v>
      </c>
      <c r="AI205" s="1020" t="s">
        <v>1498</v>
      </c>
      <c r="AJ205" s="1020" t="s">
        <v>1498</v>
      </c>
      <c r="AK205" s="1020" t="str">
        <f>IF(AJ205="n/a","n/a",ROUND((AJ205*[4]TripRateCalculations!$V$6),0))</f>
        <v>n/a</v>
      </c>
      <c r="AL205" s="1020" t="s">
        <v>1498</v>
      </c>
      <c r="AM205" s="1020" t="s">
        <v>1498</v>
      </c>
      <c r="AN205" s="1020" t="str">
        <f>IF(AT205="n/a","n/a",ROUND((AT205*[4]TripRateCalculations!N$4),0))</f>
        <v>n/a</v>
      </c>
      <c r="AO205" s="1020" t="str">
        <f>IF(AU205="n/a","n/a",ROUND((AU205*[4]TripRateCalculations!O$4),0))</f>
        <v>n/a</v>
      </c>
      <c r="AP205" s="1020" t="str">
        <f>IF(AV205="n/a","n/a",ROUND((AV205*[4]TripRateCalculations!P$4),0))</f>
        <v>n/a</v>
      </c>
      <c r="AQ205" s="1020" t="s">
        <v>1498</v>
      </c>
      <c r="AR205" s="1020" t="str">
        <f>IF(AX205="n/a","n/a",ROUND((AX205*[4]TripRateCalculations!R$4),0))</f>
        <v>n/a</v>
      </c>
      <c r="AS205" s="1020" t="str">
        <f>IF(AY205="n/a","n/a",ROUND((AY205*[4]TripRateCalculations!S$4),0))</f>
        <v>n/a</v>
      </c>
      <c r="AT205" s="1020" t="s">
        <v>1498</v>
      </c>
      <c r="AU205" s="1020" t="s">
        <v>1498</v>
      </c>
      <c r="AV205" s="1020" t="s">
        <v>1498</v>
      </c>
      <c r="AW205" s="1020" t="s">
        <v>1498</v>
      </c>
      <c r="AX205" s="1020" t="s">
        <v>1498</v>
      </c>
      <c r="AY205" s="1020" t="s">
        <v>1498</v>
      </c>
      <c r="AZ205" s="1020" t="s">
        <v>1498</v>
      </c>
      <c r="BA205" s="1100" t="s">
        <v>1498</v>
      </c>
      <c r="BB205" s="1100" t="s">
        <v>1498</v>
      </c>
      <c r="BC205" s="1100" t="s">
        <v>1498</v>
      </c>
      <c r="BD205" s="1100" t="s">
        <v>1498</v>
      </c>
      <c r="BE205" s="1100" t="s">
        <v>1498</v>
      </c>
      <c r="BF205" s="1100" t="s">
        <v>1498</v>
      </c>
      <c r="BG205" s="1100" t="s">
        <v>1498</v>
      </c>
      <c r="BH205" s="1027" t="s">
        <v>1927</v>
      </c>
      <c r="BI205" s="1026" t="s">
        <v>722</v>
      </c>
      <c r="BJ205" s="1026" t="s">
        <v>53</v>
      </c>
      <c r="BK205" s="1042">
        <f>ROUND((VLOOKUP(F205,'[4]Cost Summary'!A:H,8,)),0.1)</f>
        <v>165218</v>
      </c>
      <c r="BL205" s="1026">
        <v>1</v>
      </c>
      <c r="BM205" s="1043">
        <v>1</v>
      </c>
      <c r="BN205" s="1044" t="s">
        <v>1584</v>
      </c>
      <c r="BO205" s="1130">
        <v>107338.29</v>
      </c>
      <c r="BP205" s="992"/>
      <c r="BQ205" s="1131" t="e">
        <f t="shared" si="84"/>
        <v>#VALUE!</v>
      </c>
      <c r="BR205" s="1131" t="e">
        <f t="shared" si="85"/>
        <v>#VALUE!</v>
      </c>
      <c r="BS205" s="1131" t="e">
        <f t="shared" si="86"/>
        <v>#VALUE!</v>
      </c>
      <c r="BT205" s="1131" t="e">
        <f t="shared" si="87"/>
        <v>#VALUE!</v>
      </c>
      <c r="BU205" s="1131" t="e">
        <f t="shared" si="88"/>
        <v>#VALUE!</v>
      </c>
      <c r="BV205" s="1131" t="e">
        <f t="shared" si="89"/>
        <v>#VALUE!</v>
      </c>
      <c r="BW205" s="1131" t="e">
        <f t="shared" si="90"/>
        <v>#VALUE!</v>
      </c>
      <c r="BX205" s="1131" t="e">
        <f t="shared" si="91"/>
        <v>#VALUE!</v>
      </c>
      <c r="BY205" s="1131" t="e">
        <f t="shared" si="92"/>
        <v>#VALUE!</v>
      </c>
      <c r="BZ205" s="1131" t="e">
        <f t="shared" si="93"/>
        <v>#VALUE!</v>
      </c>
      <c r="CA205" s="1131" t="e">
        <f t="shared" si="94"/>
        <v>#VALUE!</v>
      </c>
      <c r="CB205" s="1131" t="e">
        <f t="shared" si="95"/>
        <v>#VALUE!</v>
      </c>
      <c r="CC205" s="1131" t="e">
        <f t="shared" si="96"/>
        <v>#VALUE!</v>
      </c>
      <c r="CD205" s="1131" t="e">
        <f t="shared" si="97"/>
        <v>#VALUE!</v>
      </c>
      <c r="CE205" s="1131" t="e">
        <f t="shared" si="98"/>
        <v>#VALUE!</v>
      </c>
      <c r="CF205" s="1131" t="e">
        <f t="shared" si="99"/>
        <v>#VALUE!</v>
      </c>
      <c r="CG205" s="1131" t="e">
        <f t="shared" si="100"/>
        <v>#VALUE!</v>
      </c>
      <c r="CH205" s="1131" t="e">
        <f t="shared" si="101"/>
        <v>#VALUE!</v>
      </c>
      <c r="CI205" s="1131" t="e">
        <f t="shared" si="102"/>
        <v>#VALUE!</v>
      </c>
      <c r="CJ205" s="1131" t="e">
        <f t="shared" si="103"/>
        <v>#VALUE!</v>
      </c>
      <c r="CK205" s="1132" t="str">
        <f t="shared" si="104"/>
        <v>n/a</v>
      </c>
    </row>
    <row r="206" spans="1:89" ht="57" x14ac:dyDescent="0.2">
      <c r="A206" s="992" t="s">
        <v>66</v>
      </c>
      <c r="B206" s="1126" t="s">
        <v>66</v>
      </c>
      <c r="C206" s="1126"/>
      <c r="D206" s="1126"/>
      <c r="E206" s="1126"/>
      <c r="F206" s="1026" t="s">
        <v>2062</v>
      </c>
      <c r="G206" s="1026" t="s">
        <v>1137</v>
      </c>
      <c r="H206" s="1026" t="s">
        <v>1138</v>
      </c>
      <c r="I206" s="1026" t="s">
        <v>1487</v>
      </c>
      <c r="J206" s="1026">
        <v>51.774491920000003</v>
      </c>
      <c r="K206" s="1026">
        <v>-0.45757292199999999</v>
      </c>
      <c r="L206" s="1026" t="s">
        <v>1488</v>
      </c>
      <c r="M206" s="1026" t="s">
        <v>1489</v>
      </c>
      <c r="N206" s="1026">
        <v>1</v>
      </c>
      <c r="O206" s="1026" t="s">
        <v>932</v>
      </c>
      <c r="P206" s="1026" t="s">
        <v>1490</v>
      </c>
      <c r="Q206" s="1026" t="s">
        <v>1491</v>
      </c>
      <c r="R206" s="1026" t="s">
        <v>1492</v>
      </c>
      <c r="S206" s="1026" t="s">
        <v>1493</v>
      </c>
      <c r="T206" s="1026" t="s">
        <v>1925</v>
      </c>
      <c r="U206" s="1016" t="str">
        <f>_xlfn.XLOOKUP(F206, [4]GIS!D:D, [4]GIS!E:E, "Not mapped")</f>
        <v>Single - Scenario 2</v>
      </c>
      <c r="V206" s="1026" t="s">
        <v>1508</v>
      </c>
      <c r="W206" s="1145" t="s">
        <v>1653</v>
      </c>
      <c r="X206" s="1145" t="s">
        <v>1926</v>
      </c>
      <c r="Y206" s="1020" t="s">
        <v>1498</v>
      </c>
      <c r="Z206" s="1020" t="s">
        <v>1498</v>
      </c>
      <c r="AA206" s="1020" t="s">
        <v>1498</v>
      </c>
      <c r="AB206" s="1020" t="s">
        <v>1498</v>
      </c>
      <c r="AC206" s="1020" t="s">
        <v>1498</v>
      </c>
      <c r="AD206" s="1020" t="s">
        <v>1498</v>
      </c>
      <c r="AE206" s="1020" t="s">
        <v>1498</v>
      </c>
      <c r="AF206" s="1020" t="s">
        <v>1498</v>
      </c>
      <c r="AG206" s="1020" t="s">
        <v>1498</v>
      </c>
      <c r="AH206" s="1020" t="s">
        <v>1498</v>
      </c>
      <c r="AI206" s="1020" t="s">
        <v>1498</v>
      </c>
      <c r="AJ206" s="1020" t="s">
        <v>1498</v>
      </c>
      <c r="AK206" s="1020" t="str">
        <f>IF(AJ206="n/a","n/a",ROUND((AJ206*[4]TripRateCalculations!$V$6),0))</f>
        <v>n/a</v>
      </c>
      <c r="AL206" s="1020" t="s">
        <v>1498</v>
      </c>
      <c r="AM206" s="1020" t="s">
        <v>1498</v>
      </c>
      <c r="AN206" s="1020" t="str">
        <f>IF(AT206="n/a","n/a",ROUND((AT206*[4]TripRateCalculations!N$4),0))</f>
        <v>n/a</v>
      </c>
      <c r="AO206" s="1020" t="str">
        <f>IF(AU206="n/a","n/a",ROUND((AU206*[4]TripRateCalculations!O$4),0))</f>
        <v>n/a</v>
      </c>
      <c r="AP206" s="1020" t="str">
        <f>IF(AV206="n/a","n/a",ROUND((AV206*[4]TripRateCalculations!P$4),0))</f>
        <v>n/a</v>
      </c>
      <c r="AQ206" s="1020" t="s">
        <v>1498</v>
      </c>
      <c r="AR206" s="1020" t="str">
        <f>IF(AX206="n/a","n/a",ROUND((AX206*[4]TripRateCalculations!R$4),0))</f>
        <v>n/a</v>
      </c>
      <c r="AS206" s="1020" t="str">
        <f>IF(AY206="n/a","n/a",ROUND((AY206*[4]TripRateCalculations!S$4),0))</f>
        <v>n/a</v>
      </c>
      <c r="AT206" s="1020" t="s">
        <v>1498</v>
      </c>
      <c r="AU206" s="1020" t="s">
        <v>1498</v>
      </c>
      <c r="AV206" s="1020" t="s">
        <v>1498</v>
      </c>
      <c r="AW206" s="1020" t="s">
        <v>1498</v>
      </c>
      <c r="AX206" s="1020" t="s">
        <v>1498</v>
      </c>
      <c r="AY206" s="1020" t="s">
        <v>1498</v>
      </c>
      <c r="AZ206" s="1020" t="s">
        <v>1498</v>
      </c>
      <c r="BA206" s="1100" t="s">
        <v>1498</v>
      </c>
      <c r="BB206" s="1100" t="s">
        <v>1498</v>
      </c>
      <c r="BC206" s="1100" t="s">
        <v>1498</v>
      </c>
      <c r="BD206" s="1100" t="s">
        <v>1498</v>
      </c>
      <c r="BE206" s="1100" t="s">
        <v>1498</v>
      </c>
      <c r="BF206" s="1100" t="s">
        <v>1498</v>
      </c>
      <c r="BG206" s="1100" t="s">
        <v>1498</v>
      </c>
      <c r="BH206" s="1027" t="s">
        <v>1927</v>
      </c>
      <c r="BI206" s="1026" t="s">
        <v>722</v>
      </c>
      <c r="BJ206" s="1026" t="s">
        <v>53</v>
      </c>
      <c r="BK206" s="1042">
        <f>ROUND((VLOOKUP(F206,'[4]Cost Summary'!A:H,8,)),0.1)</f>
        <v>582191</v>
      </c>
      <c r="BL206" s="1026">
        <v>1</v>
      </c>
      <c r="BM206" s="1043">
        <v>1</v>
      </c>
      <c r="BN206" s="1044" t="s">
        <v>1584</v>
      </c>
      <c r="BO206" s="1130">
        <v>378235</v>
      </c>
      <c r="BP206" s="992"/>
      <c r="BQ206" s="1131" t="e">
        <f t="shared" si="84"/>
        <v>#VALUE!</v>
      </c>
      <c r="BR206" s="1131" t="e">
        <f t="shared" si="85"/>
        <v>#VALUE!</v>
      </c>
      <c r="BS206" s="1131" t="e">
        <f t="shared" si="86"/>
        <v>#VALUE!</v>
      </c>
      <c r="BT206" s="1131" t="e">
        <f t="shared" si="87"/>
        <v>#VALUE!</v>
      </c>
      <c r="BU206" s="1131" t="e">
        <f t="shared" si="88"/>
        <v>#VALUE!</v>
      </c>
      <c r="BV206" s="1131" t="e">
        <f t="shared" si="89"/>
        <v>#VALUE!</v>
      </c>
      <c r="BW206" s="1131" t="e">
        <f t="shared" si="90"/>
        <v>#VALUE!</v>
      </c>
      <c r="BX206" s="1131" t="e">
        <f t="shared" si="91"/>
        <v>#VALUE!</v>
      </c>
      <c r="BY206" s="1131" t="e">
        <f t="shared" si="92"/>
        <v>#VALUE!</v>
      </c>
      <c r="BZ206" s="1131" t="e">
        <f t="shared" si="93"/>
        <v>#VALUE!</v>
      </c>
      <c r="CA206" s="1131" t="e">
        <f t="shared" si="94"/>
        <v>#VALUE!</v>
      </c>
      <c r="CB206" s="1131" t="e">
        <f t="shared" si="95"/>
        <v>#VALUE!</v>
      </c>
      <c r="CC206" s="1131" t="e">
        <f t="shared" si="96"/>
        <v>#VALUE!</v>
      </c>
      <c r="CD206" s="1131" t="e">
        <f t="shared" si="97"/>
        <v>#VALUE!</v>
      </c>
      <c r="CE206" s="1131" t="e">
        <f t="shared" si="98"/>
        <v>#VALUE!</v>
      </c>
      <c r="CF206" s="1131" t="e">
        <f t="shared" si="99"/>
        <v>#VALUE!</v>
      </c>
      <c r="CG206" s="1131" t="e">
        <f t="shared" si="100"/>
        <v>#VALUE!</v>
      </c>
      <c r="CH206" s="1131" t="e">
        <f t="shared" si="101"/>
        <v>#VALUE!</v>
      </c>
      <c r="CI206" s="1131" t="e">
        <f t="shared" si="102"/>
        <v>#VALUE!</v>
      </c>
      <c r="CJ206" s="1131" t="e">
        <f t="shared" si="103"/>
        <v>#VALUE!</v>
      </c>
      <c r="CK206" s="1132" t="str">
        <f t="shared" si="104"/>
        <v>n/a</v>
      </c>
    </row>
    <row r="207" spans="1:89" ht="99.75" x14ac:dyDescent="0.2">
      <c r="A207" s="992"/>
      <c r="B207" s="1126" t="s">
        <v>66</v>
      </c>
      <c r="C207" s="1126"/>
      <c r="D207" s="1126"/>
      <c r="E207" s="1126"/>
      <c r="F207" s="1026" t="s">
        <v>2063</v>
      </c>
      <c r="G207" s="1026" t="s">
        <v>1277</v>
      </c>
      <c r="H207" s="1026" t="s">
        <v>2064</v>
      </c>
      <c r="I207" s="1026" t="s">
        <v>2065</v>
      </c>
      <c r="J207" s="1026" t="s">
        <v>1521</v>
      </c>
      <c r="K207" s="1026" t="s">
        <v>1521</v>
      </c>
      <c r="L207" s="1026" t="s">
        <v>1488</v>
      </c>
      <c r="M207" s="1026" t="s">
        <v>1489</v>
      </c>
      <c r="N207" s="1026">
        <v>1</v>
      </c>
      <c r="O207" s="1026" t="s">
        <v>932</v>
      </c>
      <c r="P207" s="1026" t="s">
        <v>1490</v>
      </c>
      <c r="Q207" s="1026" t="s">
        <v>1491</v>
      </c>
      <c r="R207" s="1026" t="s">
        <v>1492</v>
      </c>
      <c r="S207" s="1026" t="s">
        <v>1493</v>
      </c>
      <c r="T207" s="1026" t="s">
        <v>2066</v>
      </c>
      <c r="U207" s="1016" t="str">
        <f>_xlfn.XLOOKUP(F207, [4]GIS!D:D, [4]GIS!E:E, "Not mapped")</f>
        <v>Single - Scenario 3</v>
      </c>
      <c r="V207" s="1017" t="s">
        <v>1495</v>
      </c>
      <c r="W207" s="1018" t="s">
        <v>1496</v>
      </c>
      <c r="X207" s="1019" t="s">
        <v>1497</v>
      </c>
      <c r="Y207" s="1020" t="s">
        <v>1498</v>
      </c>
      <c r="Z207" s="1020" t="s">
        <v>1498</v>
      </c>
      <c r="AA207" s="1020" t="s">
        <v>1498</v>
      </c>
      <c r="AB207" s="1020" t="s">
        <v>1498</v>
      </c>
      <c r="AC207" s="1020" t="s">
        <v>1498</v>
      </c>
      <c r="AD207" s="1020" t="s">
        <v>1498</v>
      </c>
      <c r="AE207" s="1020" t="s">
        <v>1498</v>
      </c>
      <c r="AF207" s="1020" t="s">
        <v>1498</v>
      </c>
      <c r="AG207" s="1020" t="s">
        <v>1498</v>
      </c>
      <c r="AH207" s="1020" t="s">
        <v>1498</v>
      </c>
      <c r="AI207" s="1020" t="s">
        <v>1498</v>
      </c>
      <c r="AJ207" s="1020" t="s">
        <v>1498</v>
      </c>
      <c r="AK207" s="1020" t="str">
        <f>IF(AJ207="n/a","n/a",ROUND((AJ207*[4]TripRateCalculations!$V$6),0))</f>
        <v>n/a</v>
      </c>
      <c r="AL207" s="1020" t="s">
        <v>1498</v>
      </c>
      <c r="AM207" s="1020" t="s">
        <v>1498</v>
      </c>
      <c r="AN207" s="1020" t="str">
        <f>IF(AT207="n/a","n/a",ROUND((AT207*[4]TripRateCalculations!N$4),0))</f>
        <v>n/a</v>
      </c>
      <c r="AO207" s="1020" t="str">
        <f>IF(AU207="n/a","n/a",ROUND((AU207*[4]TripRateCalculations!O$4),0))</f>
        <v>n/a</v>
      </c>
      <c r="AP207" s="1020" t="str">
        <f>IF(AV207="n/a","n/a",ROUND((AV207*[4]TripRateCalculations!P$4),0))</f>
        <v>n/a</v>
      </c>
      <c r="AQ207" s="1020" t="s">
        <v>1498</v>
      </c>
      <c r="AR207" s="1020" t="str">
        <f>IF(AX207="n/a","n/a",ROUND((AX207*[4]TripRateCalculations!R$4),0))</f>
        <v>n/a</v>
      </c>
      <c r="AS207" s="1020" t="str">
        <f>IF(AY207="n/a","n/a",ROUND((AY207*[4]TripRateCalculations!S$4),0))</f>
        <v>n/a</v>
      </c>
      <c r="AT207" s="1020" t="s">
        <v>1498</v>
      </c>
      <c r="AU207" s="1020" t="s">
        <v>1498</v>
      </c>
      <c r="AV207" s="1020" t="s">
        <v>1498</v>
      </c>
      <c r="AW207" s="1020" t="s">
        <v>1498</v>
      </c>
      <c r="AX207" s="1020" t="s">
        <v>1498</v>
      </c>
      <c r="AY207" s="1020" t="s">
        <v>1498</v>
      </c>
      <c r="AZ207" s="1020" t="s">
        <v>1498</v>
      </c>
      <c r="BA207" s="1100" t="s">
        <v>1498</v>
      </c>
      <c r="BB207" s="1100" t="s">
        <v>1498</v>
      </c>
      <c r="BC207" s="1100" t="s">
        <v>1498</v>
      </c>
      <c r="BD207" s="1100" t="s">
        <v>1498</v>
      </c>
      <c r="BE207" s="1100" t="s">
        <v>1498</v>
      </c>
      <c r="BF207" s="1100" t="s">
        <v>1498</v>
      </c>
      <c r="BG207" s="1100" t="s">
        <v>1498</v>
      </c>
      <c r="BH207" s="1027" t="s">
        <v>1642</v>
      </c>
      <c r="BI207" s="1026" t="s">
        <v>722</v>
      </c>
      <c r="BJ207" s="1026" t="s">
        <v>53</v>
      </c>
      <c r="BK207" s="1042">
        <f>ROUND((VLOOKUP(F207,'[4]Cost Summary'!A:H,8,)),0.1)</f>
        <v>1936418</v>
      </c>
      <c r="BL207" s="1026">
        <v>0</v>
      </c>
      <c r="BM207" s="1078" t="s">
        <v>1500</v>
      </c>
      <c r="BN207" s="1044" t="s">
        <v>1584</v>
      </c>
      <c r="BO207" s="1130">
        <v>1258042.5</v>
      </c>
      <c r="BP207" s="992"/>
      <c r="BQ207" s="1131" t="e">
        <f t="shared" si="84"/>
        <v>#VALUE!</v>
      </c>
      <c r="BR207" s="1131" t="e">
        <f t="shared" si="85"/>
        <v>#VALUE!</v>
      </c>
      <c r="BS207" s="1131" t="e">
        <f t="shared" si="86"/>
        <v>#VALUE!</v>
      </c>
      <c r="BT207" s="1131" t="e">
        <f t="shared" si="87"/>
        <v>#VALUE!</v>
      </c>
      <c r="BU207" s="1131" t="e">
        <f t="shared" si="88"/>
        <v>#VALUE!</v>
      </c>
      <c r="BV207" s="1131" t="e">
        <f t="shared" si="89"/>
        <v>#VALUE!</v>
      </c>
      <c r="BW207" s="1131" t="e">
        <f t="shared" si="90"/>
        <v>#VALUE!</v>
      </c>
      <c r="BX207" s="1131" t="e">
        <f t="shared" si="91"/>
        <v>#VALUE!</v>
      </c>
      <c r="BY207" s="1131" t="e">
        <f t="shared" si="92"/>
        <v>#VALUE!</v>
      </c>
      <c r="BZ207" s="1131" t="e">
        <f t="shared" si="93"/>
        <v>#VALUE!</v>
      </c>
      <c r="CA207" s="1131" t="e">
        <f t="shared" si="94"/>
        <v>#VALUE!</v>
      </c>
      <c r="CB207" s="1131" t="e">
        <f t="shared" si="95"/>
        <v>#VALUE!</v>
      </c>
      <c r="CC207" s="1131" t="e">
        <f t="shared" si="96"/>
        <v>#VALUE!</v>
      </c>
      <c r="CD207" s="1131" t="e">
        <f t="shared" si="97"/>
        <v>#VALUE!</v>
      </c>
      <c r="CE207" s="1131" t="e">
        <f t="shared" si="98"/>
        <v>#VALUE!</v>
      </c>
      <c r="CF207" s="1131" t="e">
        <f t="shared" si="99"/>
        <v>#VALUE!</v>
      </c>
      <c r="CG207" s="1131" t="e">
        <f t="shared" si="100"/>
        <v>#VALUE!</v>
      </c>
      <c r="CH207" s="1131" t="e">
        <f t="shared" si="101"/>
        <v>#VALUE!</v>
      </c>
      <c r="CI207" s="1131" t="e">
        <f t="shared" si="102"/>
        <v>#VALUE!</v>
      </c>
      <c r="CJ207" s="1131" t="e">
        <f t="shared" si="103"/>
        <v>#VALUE!</v>
      </c>
      <c r="CK207" s="1132" t="str">
        <f t="shared" si="104"/>
        <v>n/a</v>
      </c>
    </row>
    <row r="208" spans="1:89" ht="99.75" x14ac:dyDescent="0.2">
      <c r="A208" s="992"/>
      <c r="B208" s="1126" t="s">
        <v>66</v>
      </c>
      <c r="C208" s="1126"/>
      <c r="D208" s="1126"/>
      <c r="E208" s="1126"/>
      <c r="F208" s="1026" t="s">
        <v>2067</v>
      </c>
      <c r="G208" s="1026" t="s">
        <v>1279</v>
      </c>
      <c r="H208" s="1026" t="s">
        <v>1280</v>
      </c>
      <c r="I208" s="1026" t="s">
        <v>1487</v>
      </c>
      <c r="J208" s="1026">
        <v>51.749923969999998</v>
      </c>
      <c r="K208" s="1026">
        <v>-0.49547934999999999</v>
      </c>
      <c r="L208" s="1026" t="s">
        <v>1488</v>
      </c>
      <c r="M208" s="1026" t="s">
        <v>1489</v>
      </c>
      <c r="N208" s="1026">
        <v>1</v>
      </c>
      <c r="O208" s="1026" t="s">
        <v>932</v>
      </c>
      <c r="P208" s="1026" t="s">
        <v>1490</v>
      </c>
      <c r="Q208" s="1026" t="s">
        <v>1491</v>
      </c>
      <c r="R208" s="1026" t="s">
        <v>1492</v>
      </c>
      <c r="S208" s="1026" t="s">
        <v>1493</v>
      </c>
      <c r="T208" s="1026" t="s">
        <v>2066</v>
      </c>
      <c r="U208" s="1016" t="str">
        <f>_xlfn.XLOOKUP(F208, [4]GIS!D:D, [4]GIS!E:E, "Not mapped")</f>
        <v>Single - Scenario 3</v>
      </c>
      <c r="V208" s="1017" t="s">
        <v>1495</v>
      </c>
      <c r="W208" s="1018" t="s">
        <v>1496</v>
      </c>
      <c r="X208" s="1019" t="s">
        <v>1497</v>
      </c>
      <c r="Y208" s="1020" t="s">
        <v>1498</v>
      </c>
      <c r="Z208" s="1020" t="s">
        <v>1498</v>
      </c>
      <c r="AA208" s="1020" t="s">
        <v>1498</v>
      </c>
      <c r="AB208" s="1020" t="s">
        <v>1498</v>
      </c>
      <c r="AC208" s="1020" t="s">
        <v>1498</v>
      </c>
      <c r="AD208" s="1020" t="s">
        <v>1498</v>
      </c>
      <c r="AE208" s="1020" t="s">
        <v>1498</v>
      </c>
      <c r="AF208" s="1020" t="s">
        <v>1498</v>
      </c>
      <c r="AG208" s="1020" t="s">
        <v>1498</v>
      </c>
      <c r="AH208" s="1020" t="s">
        <v>1498</v>
      </c>
      <c r="AI208" s="1020" t="s">
        <v>1498</v>
      </c>
      <c r="AJ208" s="1020" t="s">
        <v>1498</v>
      </c>
      <c r="AK208" s="1020" t="str">
        <f>IF(AJ208="n/a","n/a",ROUND((AJ208*[4]TripRateCalculations!$V$6),0))</f>
        <v>n/a</v>
      </c>
      <c r="AL208" s="1020" t="s">
        <v>1498</v>
      </c>
      <c r="AM208" s="1020" t="s">
        <v>1498</v>
      </c>
      <c r="AN208" s="1020" t="str">
        <f>IF(AT208="n/a","n/a",ROUND((AT208*[4]TripRateCalculations!N$4),0))</f>
        <v>n/a</v>
      </c>
      <c r="AO208" s="1020" t="str">
        <f>IF(AU208="n/a","n/a",ROUND((AU208*[4]TripRateCalculations!O$4),0))</f>
        <v>n/a</v>
      </c>
      <c r="AP208" s="1020" t="str">
        <f>IF(AV208="n/a","n/a",ROUND((AV208*[4]TripRateCalculations!P$4),0))</f>
        <v>n/a</v>
      </c>
      <c r="AQ208" s="1020" t="s">
        <v>1498</v>
      </c>
      <c r="AR208" s="1020" t="str">
        <f>IF(AX208="n/a","n/a",ROUND((AX208*[4]TripRateCalculations!R$4),0))</f>
        <v>n/a</v>
      </c>
      <c r="AS208" s="1020" t="str">
        <f>IF(AY208="n/a","n/a",ROUND((AY208*[4]TripRateCalculations!S$4),0))</f>
        <v>n/a</v>
      </c>
      <c r="AT208" s="1020" t="s">
        <v>1498</v>
      </c>
      <c r="AU208" s="1020" t="s">
        <v>1498</v>
      </c>
      <c r="AV208" s="1020" t="s">
        <v>1498</v>
      </c>
      <c r="AW208" s="1020" t="s">
        <v>1498</v>
      </c>
      <c r="AX208" s="1020" t="s">
        <v>1498</v>
      </c>
      <c r="AY208" s="1020" t="s">
        <v>1498</v>
      </c>
      <c r="AZ208" s="1020" t="s">
        <v>1498</v>
      </c>
      <c r="BA208" s="1100" t="s">
        <v>1498</v>
      </c>
      <c r="BB208" s="1100" t="s">
        <v>1498</v>
      </c>
      <c r="BC208" s="1100" t="s">
        <v>1498</v>
      </c>
      <c r="BD208" s="1100" t="s">
        <v>1498</v>
      </c>
      <c r="BE208" s="1100" t="s">
        <v>1498</v>
      </c>
      <c r="BF208" s="1100" t="s">
        <v>1498</v>
      </c>
      <c r="BG208" s="1100" t="s">
        <v>1498</v>
      </c>
      <c r="BH208" s="1027" t="s">
        <v>1642</v>
      </c>
      <c r="BI208" s="1026" t="s">
        <v>722</v>
      </c>
      <c r="BJ208" s="1026" t="s">
        <v>53</v>
      </c>
      <c r="BK208" s="1042">
        <f>ROUND((VLOOKUP(F208,'[4]Cost Summary'!A:H,8,)),0.1)</f>
        <v>234194</v>
      </c>
      <c r="BL208" s="1026">
        <v>0</v>
      </c>
      <c r="BM208" s="1078" t="s">
        <v>1500</v>
      </c>
      <c r="BN208" s="1044" t="s">
        <v>1584</v>
      </c>
      <c r="BO208" s="1130">
        <v>152150.03</v>
      </c>
      <c r="BP208" s="992"/>
      <c r="BQ208" s="1131" t="e">
        <f t="shared" si="84"/>
        <v>#VALUE!</v>
      </c>
      <c r="BR208" s="1131" t="e">
        <f t="shared" si="85"/>
        <v>#VALUE!</v>
      </c>
      <c r="BS208" s="1131" t="e">
        <f t="shared" si="86"/>
        <v>#VALUE!</v>
      </c>
      <c r="BT208" s="1131" t="e">
        <f t="shared" si="87"/>
        <v>#VALUE!</v>
      </c>
      <c r="BU208" s="1131" t="e">
        <f t="shared" si="88"/>
        <v>#VALUE!</v>
      </c>
      <c r="BV208" s="1131" t="e">
        <f t="shared" si="89"/>
        <v>#VALUE!</v>
      </c>
      <c r="BW208" s="1131" t="e">
        <f t="shared" si="90"/>
        <v>#VALUE!</v>
      </c>
      <c r="BX208" s="1131" t="e">
        <f t="shared" si="91"/>
        <v>#VALUE!</v>
      </c>
      <c r="BY208" s="1131" t="e">
        <f t="shared" si="92"/>
        <v>#VALUE!</v>
      </c>
      <c r="BZ208" s="1131" t="e">
        <f t="shared" si="93"/>
        <v>#VALUE!</v>
      </c>
      <c r="CA208" s="1131" t="e">
        <f t="shared" si="94"/>
        <v>#VALUE!</v>
      </c>
      <c r="CB208" s="1131" t="e">
        <f t="shared" si="95"/>
        <v>#VALUE!</v>
      </c>
      <c r="CC208" s="1131" t="e">
        <f t="shared" si="96"/>
        <v>#VALUE!</v>
      </c>
      <c r="CD208" s="1131" t="e">
        <f t="shared" si="97"/>
        <v>#VALUE!</v>
      </c>
      <c r="CE208" s="1131" t="e">
        <f t="shared" si="98"/>
        <v>#VALUE!</v>
      </c>
      <c r="CF208" s="1131" t="e">
        <f t="shared" si="99"/>
        <v>#VALUE!</v>
      </c>
      <c r="CG208" s="1131" t="e">
        <f t="shared" si="100"/>
        <v>#VALUE!</v>
      </c>
      <c r="CH208" s="1131" t="e">
        <f t="shared" si="101"/>
        <v>#VALUE!</v>
      </c>
      <c r="CI208" s="1131" t="e">
        <f t="shared" si="102"/>
        <v>#VALUE!</v>
      </c>
      <c r="CJ208" s="1131" t="e">
        <f t="shared" si="103"/>
        <v>#VALUE!</v>
      </c>
      <c r="CK208" s="1132" t="str">
        <f t="shared" si="104"/>
        <v>n/a</v>
      </c>
    </row>
    <row r="209" spans="1:89" ht="75" x14ac:dyDescent="0.2">
      <c r="A209" s="992"/>
      <c r="B209" s="1126" t="s">
        <v>66</v>
      </c>
      <c r="C209" s="1126"/>
      <c r="D209" s="1126"/>
      <c r="E209" s="1126"/>
      <c r="F209" s="1026" t="s">
        <v>2068</v>
      </c>
      <c r="G209" s="1026" t="s">
        <v>1281</v>
      </c>
      <c r="H209" s="1026" t="s">
        <v>1282</v>
      </c>
      <c r="I209" s="1026" t="s">
        <v>1541</v>
      </c>
      <c r="J209" s="1026" t="s">
        <v>2069</v>
      </c>
      <c r="K209" s="1026" t="s">
        <v>2070</v>
      </c>
      <c r="L209" s="1026" t="s">
        <v>1488</v>
      </c>
      <c r="M209" s="1026" t="s">
        <v>1489</v>
      </c>
      <c r="N209" s="1026">
        <v>1</v>
      </c>
      <c r="O209" s="1026" t="s">
        <v>932</v>
      </c>
      <c r="P209" s="1026" t="s">
        <v>1490</v>
      </c>
      <c r="Q209" s="1026" t="s">
        <v>1491</v>
      </c>
      <c r="R209" s="1026" t="s">
        <v>1492</v>
      </c>
      <c r="S209" s="1026" t="s">
        <v>1493</v>
      </c>
      <c r="T209" s="1026" t="s">
        <v>2066</v>
      </c>
      <c r="U209" s="1016" t="str">
        <f>_xlfn.XLOOKUP(F209, [4]GIS!D:D, [4]GIS!E:E, "Not mapped")</f>
        <v>Single - Scenario 3</v>
      </c>
      <c r="V209" s="1017" t="s">
        <v>1495</v>
      </c>
      <c r="W209" s="1018" t="s">
        <v>1496</v>
      </c>
      <c r="X209" s="1019" t="s">
        <v>1497</v>
      </c>
      <c r="Y209" s="1020" t="s">
        <v>1498</v>
      </c>
      <c r="Z209" s="1020" t="s">
        <v>1498</v>
      </c>
      <c r="AA209" s="1020" t="s">
        <v>1498</v>
      </c>
      <c r="AB209" s="1020" t="s">
        <v>1498</v>
      </c>
      <c r="AC209" s="1020" t="s">
        <v>1498</v>
      </c>
      <c r="AD209" s="1020" t="s">
        <v>1498</v>
      </c>
      <c r="AE209" s="1020" t="s">
        <v>1498</v>
      </c>
      <c r="AF209" s="1020" t="s">
        <v>1498</v>
      </c>
      <c r="AG209" s="1020" t="s">
        <v>1498</v>
      </c>
      <c r="AH209" s="1020" t="s">
        <v>1498</v>
      </c>
      <c r="AI209" s="1020" t="s">
        <v>1498</v>
      </c>
      <c r="AJ209" s="1020" t="s">
        <v>1498</v>
      </c>
      <c r="AK209" s="1020" t="str">
        <f>IF(AJ209="n/a","n/a",ROUND((AJ209*[4]TripRateCalculations!$V$6),0))</f>
        <v>n/a</v>
      </c>
      <c r="AL209" s="1020" t="s">
        <v>1498</v>
      </c>
      <c r="AM209" s="1020" t="s">
        <v>1498</v>
      </c>
      <c r="AN209" s="1020" t="str">
        <f>IF(AT209="n/a","n/a",ROUND((AT209*[4]TripRateCalculations!N$4),0))</f>
        <v>n/a</v>
      </c>
      <c r="AO209" s="1020" t="str">
        <f>IF(AU209="n/a","n/a",ROUND((AU209*[4]TripRateCalculations!O$4),0))</f>
        <v>n/a</v>
      </c>
      <c r="AP209" s="1020" t="str">
        <f>IF(AV209="n/a","n/a",ROUND((AV209*[4]TripRateCalculations!P$4),0))</f>
        <v>n/a</v>
      </c>
      <c r="AQ209" s="1020" t="s">
        <v>1498</v>
      </c>
      <c r="AR209" s="1020" t="str">
        <f>IF(AX209="n/a","n/a",ROUND((AX209*[4]TripRateCalculations!R$4),0))</f>
        <v>n/a</v>
      </c>
      <c r="AS209" s="1020" t="str">
        <f>IF(AY209="n/a","n/a",ROUND((AY209*[4]TripRateCalculations!S$4),0))</f>
        <v>n/a</v>
      </c>
      <c r="AT209" s="1020" t="s">
        <v>1498</v>
      </c>
      <c r="AU209" s="1020" t="s">
        <v>1498</v>
      </c>
      <c r="AV209" s="1020" t="s">
        <v>1498</v>
      </c>
      <c r="AW209" s="1020" t="s">
        <v>1498</v>
      </c>
      <c r="AX209" s="1020" t="s">
        <v>1498</v>
      </c>
      <c r="AY209" s="1020" t="s">
        <v>1498</v>
      </c>
      <c r="AZ209" s="1020" t="s">
        <v>1498</v>
      </c>
      <c r="BA209" s="1100" t="s">
        <v>1498</v>
      </c>
      <c r="BB209" s="1100" t="s">
        <v>1498</v>
      </c>
      <c r="BC209" s="1100" t="s">
        <v>1498</v>
      </c>
      <c r="BD209" s="1100" t="s">
        <v>1498</v>
      </c>
      <c r="BE209" s="1100" t="s">
        <v>1498</v>
      </c>
      <c r="BF209" s="1100" t="s">
        <v>1498</v>
      </c>
      <c r="BG209" s="1100" t="s">
        <v>1498</v>
      </c>
      <c r="BH209" s="1027" t="s">
        <v>1642</v>
      </c>
      <c r="BI209" s="1026" t="s">
        <v>722</v>
      </c>
      <c r="BJ209" s="1026" t="s">
        <v>53</v>
      </c>
      <c r="BK209" s="1042">
        <f>ROUND((VLOOKUP(F209,'[4]Cost Summary'!A:H,8,)),0.1)</f>
        <v>10441</v>
      </c>
      <c r="BL209" s="1026">
        <v>0</v>
      </c>
      <c r="BM209" s="1078" t="s">
        <v>1500</v>
      </c>
      <c r="BN209" s="1044" t="s">
        <v>1584</v>
      </c>
      <c r="BO209" s="1130">
        <v>6783.56</v>
      </c>
      <c r="BP209" s="992"/>
      <c r="BQ209" s="1131" t="e">
        <f t="shared" si="84"/>
        <v>#VALUE!</v>
      </c>
      <c r="BR209" s="1131" t="e">
        <f t="shared" si="85"/>
        <v>#VALUE!</v>
      </c>
      <c r="BS209" s="1131" t="e">
        <f t="shared" si="86"/>
        <v>#VALUE!</v>
      </c>
      <c r="BT209" s="1131" t="e">
        <f t="shared" si="87"/>
        <v>#VALUE!</v>
      </c>
      <c r="BU209" s="1131" t="e">
        <f t="shared" si="88"/>
        <v>#VALUE!</v>
      </c>
      <c r="BV209" s="1131" t="e">
        <f t="shared" si="89"/>
        <v>#VALUE!</v>
      </c>
      <c r="BW209" s="1131" t="e">
        <f t="shared" si="90"/>
        <v>#VALUE!</v>
      </c>
      <c r="BX209" s="1131" t="e">
        <f t="shared" si="91"/>
        <v>#VALUE!</v>
      </c>
      <c r="BY209" s="1131" t="e">
        <f t="shared" si="92"/>
        <v>#VALUE!</v>
      </c>
      <c r="BZ209" s="1131" t="e">
        <f t="shared" si="93"/>
        <v>#VALUE!</v>
      </c>
      <c r="CA209" s="1131" t="e">
        <f t="shared" si="94"/>
        <v>#VALUE!</v>
      </c>
      <c r="CB209" s="1131" t="e">
        <f t="shared" si="95"/>
        <v>#VALUE!</v>
      </c>
      <c r="CC209" s="1131" t="e">
        <f t="shared" si="96"/>
        <v>#VALUE!</v>
      </c>
      <c r="CD209" s="1131" t="e">
        <f t="shared" si="97"/>
        <v>#VALUE!</v>
      </c>
      <c r="CE209" s="1131" t="e">
        <f t="shared" si="98"/>
        <v>#VALUE!</v>
      </c>
      <c r="CF209" s="1131" t="e">
        <f t="shared" si="99"/>
        <v>#VALUE!</v>
      </c>
      <c r="CG209" s="1131" t="e">
        <f t="shared" si="100"/>
        <v>#VALUE!</v>
      </c>
      <c r="CH209" s="1131" t="e">
        <f t="shared" si="101"/>
        <v>#VALUE!</v>
      </c>
      <c r="CI209" s="1131" t="e">
        <f t="shared" si="102"/>
        <v>#VALUE!</v>
      </c>
      <c r="CJ209" s="1131" t="e">
        <f t="shared" si="103"/>
        <v>#VALUE!</v>
      </c>
      <c r="CK209" s="1132" t="str">
        <f t="shared" si="104"/>
        <v>n/a</v>
      </c>
    </row>
    <row r="210" spans="1:89" ht="75" x14ac:dyDescent="0.2">
      <c r="A210" s="992"/>
      <c r="B210" s="1126" t="s">
        <v>66</v>
      </c>
      <c r="C210" s="1126"/>
      <c r="D210" s="1126"/>
      <c r="E210" s="1126"/>
      <c r="F210" s="1026" t="s">
        <v>2071</v>
      </c>
      <c r="G210" s="1026" t="s">
        <v>1283</v>
      </c>
      <c r="H210" s="1026" t="s">
        <v>1284</v>
      </c>
      <c r="I210" s="1026" t="s">
        <v>1487</v>
      </c>
      <c r="J210" s="1026">
        <v>51.754171999999997</v>
      </c>
      <c r="K210" s="1026">
        <v>-0.492836</v>
      </c>
      <c r="L210" s="1026" t="s">
        <v>1488</v>
      </c>
      <c r="M210" s="1026" t="s">
        <v>1489</v>
      </c>
      <c r="N210" s="1026">
        <v>1</v>
      </c>
      <c r="O210" s="1026" t="s">
        <v>932</v>
      </c>
      <c r="P210" s="1026" t="s">
        <v>1490</v>
      </c>
      <c r="Q210" s="1026" t="s">
        <v>1491</v>
      </c>
      <c r="R210" s="1026" t="s">
        <v>1492</v>
      </c>
      <c r="S210" s="1026" t="s">
        <v>1493</v>
      </c>
      <c r="T210" s="1026" t="s">
        <v>2066</v>
      </c>
      <c r="U210" s="1016" t="str">
        <f>_xlfn.XLOOKUP(F210, [4]GIS!D:D, [4]GIS!E:E, "Not mapped")</f>
        <v>Multiple - Scenario 2</v>
      </c>
      <c r="V210" s="1017" t="s">
        <v>1495</v>
      </c>
      <c r="W210" s="1018" t="s">
        <v>1496</v>
      </c>
      <c r="X210" s="1019" t="s">
        <v>1497</v>
      </c>
      <c r="Y210" s="1020" t="s">
        <v>1498</v>
      </c>
      <c r="Z210" s="1020" t="s">
        <v>1498</v>
      </c>
      <c r="AA210" s="1020" t="s">
        <v>1498</v>
      </c>
      <c r="AB210" s="1020" t="s">
        <v>1498</v>
      </c>
      <c r="AC210" s="1020" t="s">
        <v>1498</v>
      </c>
      <c r="AD210" s="1020" t="s">
        <v>1498</v>
      </c>
      <c r="AE210" s="1020" t="s">
        <v>1498</v>
      </c>
      <c r="AF210" s="1020" t="s">
        <v>1498</v>
      </c>
      <c r="AG210" s="1020" t="s">
        <v>1498</v>
      </c>
      <c r="AH210" s="1020" t="s">
        <v>1498</v>
      </c>
      <c r="AI210" s="1020" t="s">
        <v>1498</v>
      </c>
      <c r="AJ210" s="1020" t="s">
        <v>1498</v>
      </c>
      <c r="AK210" s="1020" t="str">
        <f>IF(AJ210="n/a","n/a",ROUND((AJ210*[4]TripRateCalculations!$V$6),0))</f>
        <v>n/a</v>
      </c>
      <c r="AL210" s="1020" t="s">
        <v>1498</v>
      </c>
      <c r="AM210" s="1020" t="s">
        <v>1498</v>
      </c>
      <c r="AN210" s="1020" t="str">
        <f>IF(AT210="n/a","n/a",ROUND((AT210*[4]TripRateCalculations!N$4),0))</f>
        <v>n/a</v>
      </c>
      <c r="AO210" s="1020" t="str">
        <f>IF(AU210="n/a","n/a",ROUND((AU210*[4]TripRateCalculations!O$4),0))</f>
        <v>n/a</v>
      </c>
      <c r="AP210" s="1020" t="str">
        <f>IF(AV210="n/a","n/a",ROUND((AV210*[4]TripRateCalculations!P$4),0))</f>
        <v>n/a</v>
      </c>
      <c r="AQ210" s="1020" t="s">
        <v>1498</v>
      </c>
      <c r="AR210" s="1020" t="str">
        <f>IF(AX210="n/a","n/a",ROUND((AX210*[4]TripRateCalculations!R$4),0))</f>
        <v>n/a</v>
      </c>
      <c r="AS210" s="1020" t="str">
        <f>IF(AY210="n/a","n/a",ROUND((AY210*[4]TripRateCalculations!S$4),0))</f>
        <v>n/a</v>
      </c>
      <c r="AT210" s="1020" t="s">
        <v>1498</v>
      </c>
      <c r="AU210" s="1020" t="s">
        <v>1498</v>
      </c>
      <c r="AV210" s="1020" t="s">
        <v>1498</v>
      </c>
      <c r="AW210" s="1020" t="s">
        <v>1498</v>
      </c>
      <c r="AX210" s="1020" t="s">
        <v>1498</v>
      </c>
      <c r="AY210" s="1020" t="s">
        <v>1498</v>
      </c>
      <c r="AZ210" s="1020" t="s">
        <v>1498</v>
      </c>
      <c r="BA210" s="1100" t="s">
        <v>1498</v>
      </c>
      <c r="BB210" s="1100" t="s">
        <v>1498</v>
      </c>
      <c r="BC210" s="1100" t="s">
        <v>1498</v>
      </c>
      <c r="BD210" s="1100" t="s">
        <v>1498</v>
      </c>
      <c r="BE210" s="1100" t="s">
        <v>1498</v>
      </c>
      <c r="BF210" s="1100" t="s">
        <v>1498</v>
      </c>
      <c r="BG210" s="1100" t="s">
        <v>1498</v>
      </c>
      <c r="BH210" s="1027" t="s">
        <v>1642</v>
      </c>
      <c r="BI210" s="1026" t="s">
        <v>722</v>
      </c>
      <c r="BJ210" s="1026" t="s">
        <v>53</v>
      </c>
      <c r="BK210" s="1042">
        <f>ROUND((VLOOKUP(F210,'[4]Cost Summary'!A:H,8,)),0.1)</f>
        <v>797</v>
      </c>
      <c r="BL210" s="1026">
        <v>0</v>
      </c>
      <c r="BM210" s="1078" t="s">
        <v>1500</v>
      </c>
      <c r="BN210" s="1044" t="s">
        <v>1584</v>
      </c>
      <c r="BO210" s="1130">
        <v>518.02</v>
      </c>
      <c r="BP210" s="992"/>
      <c r="BQ210" s="1131" t="e">
        <f t="shared" si="84"/>
        <v>#VALUE!</v>
      </c>
      <c r="BR210" s="1131" t="e">
        <f t="shared" si="85"/>
        <v>#VALUE!</v>
      </c>
      <c r="BS210" s="1131" t="e">
        <f t="shared" si="86"/>
        <v>#VALUE!</v>
      </c>
      <c r="BT210" s="1131" t="e">
        <f t="shared" si="87"/>
        <v>#VALUE!</v>
      </c>
      <c r="BU210" s="1131" t="e">
        <f t="shared" si="88"/>
        <v>#VALUE!</v>
      </c>
      <c r="BV210" s="1131" t="e">
        <f t="shared" si="89"/>
        <v>#VALUE!</v>
      </c>
      <c r="BW210" s="1131" t="e">
        <f t="shared" si="90"/>
        <v>#VALUE!</v>
      </c>
      <c r="BX210" s="1131" t="e">
        <f t="shared" si="91"/>
        <v>#VALUE!</v>
      </c>
      <c r="BY210" s="1131" t="e">
        <f t="shared" si="92"/>
        <v>#VALUE!</v>
      </c>
      <c r="BZ210" s="1131" t="e">
        <f t="shared" si="93"/>
        <v>#VALUE!</v>
      </c>
      <c r="CA210" s="1131" t="e">
        <f t="shared" si="94"/>
        <v>#VALUE!</v>
      </c>
      <c r="CB210" s="1131" t="e">
        <f t="shared" si="95"/>
        <v>#VALUE!</v>
      </c>
      <c r="CC210" s="1131" t="e">
        <f t="shared" si="96"/>
        <v>#VALUE!</v>
      </c>
      <c r="CD210" s="1131" t="e">
        <f t="shared" si="97"/>
        <v>#VALUE!</v>
      </c>
      <c r="CE210" s="1131" t="e">
        <f t="shared" si="98"/>
        <v>#VALUE!</v>
      </c>
      <c r="CF210" s="1131" t="e">
        <f t="shared" si="99"/>
        <v>#VALUE!</v>
      </c>
      <c r="CG210" s="1131" t="e">
        <f t="shared" si="100"/>
        <v>#VALUE!</v>
      </c>
      <c r="CH210" s="1131" t="e">
        <f t="shared" si="101"/>
        <v>#VALUE!</v>
      </c>
      <c r="CI210" s="1131" t="e">
        <f t="shared" si="102"/>
        <v>#VALUE!</v>
      </c>
      <c r="CJ210" s="1131" t="e">
        <f t="shared" si="103"/>
        <v>#VALUE!</v>
      </c>
      <c r="CK210" s="1132" t="str">
        <f t="shared" si="104"/>
        <v>n/a</v>
      </c>
    </row>
    <row r="211" spans="1:89" ht="57" x14ac:dyDescent="0.2">
      <c r="A211" s="992"/>
      <c r="B211" s="1126"/>
      <c r="C211" s="1126"/>
      <c r="D211" s="1126"/>
      <c r="E211" s="1126"/>
      <c r="F211" s="1026" t="s">
        <v>2072</v>
      </c>
      <c r="G211" s="1026" t="s">
        <v>1285</v>
      </c>
      <c r="H211" s="1026" t="s">
        <v>1286</v>
      </c>
      <c r="I211" s="1026" t="s">
        <v>1487</v>
      </c>
      <c r="J211" s="1026">
        <v>51.747516310000002</v>
      </c>
      <c r="K211" s="1026">
        <v>-0.49132562499999999</v>
      </c>
      <c r="L211" s="1026" t="s">
        <v>1488</v>
      </c>
      <c r="M211" s="1026" t="s">
        <v>1489</v>
      </c>
      <c r="N211" s="1026">
        <v>1</v>
      </c>
      <c r="O211" s="1026" t="s">
        <v>932</v>
      </c>
      <c r="P211" s="1026" t="s">
        <v>1490</v>
      </c>
      <c r="Q211" s="1026" t="s">
        <v>1491</v>
      </c>
      <c r="R211" s="1026" t="s">
        <v>1492</v>
      </c>
      <c r="S211" s="1026" t="s">
        <v>1493</v>
      </c>
      <c r="T211" s="1026" t="s">
        <v>2073</v>
      </c>
      <c r="U211" s="1016" t="str">
        <f>_xlfn.XLOOKUP(F211, [4]GIS!D:D, [4]GIS!E:E, "Not mapped")</f>
        <v>Single - Scenario 3</v>
      </c>
      <c r="V211" s="1026" t="s">
        <v>1723</v>
      </c>
      <c r="W211" s="1018" t="s">
        <v>1496</v>
      </c>
      <c r="X211" s="1019" t="s">
        <v>1497</v>
      </c>
      <c r="Y211" s="1020" t="s">
        <v>1498</v>
      </c>
      <c r="Z211" s="1020" t="s">
        <v>1498</v>
      </c>
      <c r="AA211" s="1020" t="s">
        <v>1498</v>
      </c>
      <c r="AB211" s="1020" t="s">
        <v>1498</v>
      </c>
      <c r="AC211" s="1020" t="s">
        <v>1498</v>
      </c>
      <c r="AD211" s="1020" t="s">
        <v>1498</v>
      </c>
      <c r="AE211" s="1020" t="s">
        <v>1498</v>
      </c>
      <c r="AF211" s="1020" t="s">
        <v>1498</v>
      </c>
      <c r="AG211" s="1020" t="s">
        <v>1498</v>
      </c>
      <c r="AH211" s="1020" t="s">
        <v>1498</v>
      </c>
      <c r="AI211" s="1020" t="s">
        <v>1498</v>
      </c>
      <c r="AJ211" s="1020" t="s">
        <v>1498</v>
      </c>
      <c r="AK211" s="1020" t="str">
        <f>IF(AJ211="n/a","n/a",ROUND((AJ211*[4]TripRateCalculations!$V$6),0))</f>
        <v>n/a</v>
      </c>
      <c r="AL211" s="1020" t="s">
        <v>1498</v>
      </c>
      <c r="AM211" s="1020" t="s">
        <v>1498</v>
      </c>
      <c r="AN211" s="1020" t="str">
        <f>IF(AT211="n/a","n/a",ROUND((AT211*[4]TripRateCalculations!N$4),0))</f>
        <v>n/a</v>
      </c>
      <c r="AO211" s="1020" t="str">
        <f>IF(AU211="n/a","n/a",ROUND((AU211*[4]TripRateCalculations!O$4),0))</f>
        <v>n/a</v>
      </c>
      <c r="AP211" s="1020" t="str">
        <f>IF(AV211="n/a","n/a",ROUND((AV211*[4]TripRateCalculations!P$4),0))</f>
        <v>n/a</v>
      </c>
      <c r="AQ211" s="1020" t="s">
        <v>1498</v>
      </c>
      <c r="AR211" s="1020" t="str">
        <f>IF(AX211="n/a","n/a",ROUND((AX211*[4]TripRateCalculations!R$4),0))</f>
        <v>n/a</v>
      </c>
      <c r="AS211" s="1020" t="str">
        <f>IF(AY211="n/a","n/a",ROUND((AY211*[4]TripRateCalculations!S$4),0))</f>
        <v>n/a</v>
      </c>
      <c r="AT211" s="1020" t="s">
        <v>1498</v>
      </c>
      <c r="AU211" s="1020" t="s">
        <v>1498</v>
      </c>
      <c r="AV211" s="1020" t="s">
        <v>1498</v>
      </c>
      <c r="AW211" s="1020" t="s">
        <v>1498</v>
      </c>
      <c r="AX211" s="1020" t="s">
        <v>1498</v>
      </c>
      <c r="AY211" s="1020" t="s">
        <v>1498</v>
      </c>
      <c r="AZ211" s="1020" t="s">
        <v>1498</v>
      </c>
      <c r="BA211" s="1100" t="s">
        <v>1498</v>
      </c>
      <c r="BB211" s="1100" t="s">
        <v>1498</v>
      </c>
      <c r="BC211" s="1100" t="s">
        <v>1498</v>
      </c>
      <c r="BD211" s="1100" t="s">
        <v>1498</v>
      </c>
      <c r="BE211" s="1100" t="s">
        <v>1498</v>
      </c>
      <c r="BF211" s="1100" t="s">
        <v>1498</v>
      </c>
      <c r="BG211" s="1100" t="s">
        <v>1498</v>
      </c>
      <c r="BH211" s="1027" t="s">
        <v>1642</v>
      </c>
      <c r="BI211" s="1026" t="s">
        <v>722</v>
      </c>
      <c r="BJ211" s="1026" t="s">
        <v>53</v>
      </c>
      <c r="BK211" s="1042">
        <f>ROUND((VLOOKUP(F211,'[4]Cost Summary'!A:H,8,)),0.1)</f>
        <v>10938</v>
      </c>
      <c r="BL211" s="1026">
        <v>0</v>
      </c>
      <c r="BM211" s="1078" t="s">
        <v>1500</v>
      </c>
      <c r="BN211" s="1044" t="s">
        <v>1584</v>
      </c>
      <c r="BO211" s="1130">
        <v>7106.02</v>
      </c>
      <c r="BP211" s="992"/>
      <c r="BQ211" s="1131" t="e">
        <f t="shared" si="84"/>
        <v>#VALUE!</v>
      </c>
      <c r="BR211" s="1131" t="e">
        <f t="shared" si="85"/>
        <v>#VALUE!</v>
      </c>
      <c r="BS211" s="1131" t="e">
        <f t="shared" si="86"/>
        <v>#VALUE!</v>
      </c>
      <c r="BT211" s="1131" t="e">
        <f t="shared" si="87"/>
        <v>#VALUE!</v>
      </c>
      <c r="BU211" s="1131" t="e">
        <f t="shared" si="88"/>
        <v>#VALUE!</v>
      </c>
      <c r="BV211" s="1131" t="e">
        <f t="shared" si="89"/>
        <v>#VALUE!</v>
      </c>
      <c r="BW211" s="1131" t="e">
        <f t="shared" si="90"/>
        <v>#VALUE!</v>
      </c>
      <c r="BX211" s="1131" t="e">
        <f t="shared" si="91"/>
        <v>#VALUE!</v>
      </c>
      <c r="BY211" s="1131" t="e">
        <f t="shared" si="92"/>
        <v>#VALUE!</v>
      </c>
      <c r="BZ211" s="1131" t="e">
        <f t="shared" si="93"/>
        <v>#VALUE!</v>
      </c>
      <c r="CA211" s="1131" t="e">
        <f t="shared" si="94"/>
        <v>#VALUE!</v>
      </c>
      <c r="CB211" s="1131" t="e">
        <f t="shared" si="95"/>
        <v>#VALUE!</v>
      </c>
      <c r="CC211" s="1131" t="e">
        <f t="shared" si="96"/>
        <v>#VALUE!</v>
      </c>
      <c r="CD211" s="1131" t="e">
        <f t="shared" si="97"/>
        <v>#VALUE!</v>
      </c>
      <c r="CE211" s="1131" t="e">
        <f t="shared" si="98"/>
        <v>#VALUE!</v>
      </c>
      <c r="CF211" s="1131" t="e">
        <f t="shared" si="99"/>
        <v>#VALUE!</v>
      </c>
      <c r="CG211" s="1131" t="e">
        <f t="shared" si="100"/>
        <v>#VALUE!</v>
      </c>
      <c r="CH211" s="1131" t="e">
        <f t="shared" si="101"/>
        <v>#VALUE!</v>
      </c>
      <c r="CI211" s="1131" t="e">
        <f t="shared" si="102"/>
        <v>#VALUE!</v>
      </c>
      <c r="CJ211" s="1131" t="e">
        <f t="shared" si="103"/>
        <v>#VALUE!</v>
      </c>
      <c r="CK211" s="1132" t="str">
        <f t="shared" si="104"/>
        <v>n/a</v>
      </c>
    </row>
    <row r="212" spans="1:89" ht="42.75" x14ac:dyDescent="0.2">
      <c r="A212" s="992"/>
      <c r="B212" s="1126"/>
      <c r="C212" s="1126"/>
      <c r="D212" s="1126"/>
      <c r="E212" s="1126"/>
      <c r="F212" s="1026" t="s">
        <v>2074</v>
      </c>
      <c r="G212" s="1026" t="s">
        <v>1287</v>
      </c>
      <c r="H212" s="1104" t="s">
        <v>1288</v>
      </c>
      <c r="I212" s="1104" t="s">
        <v>1487</v>
      </c>
      <c r="J212" s="1104">
        <v>51.750686999999999</v>
      </c>
      <c r="K212" s="1104">
        <v>-0.49187599999999998</v>
      </c>
      <c r="L212" s="1104" t="s">
        <v>1488</v>
      </c>
      <c r="M212" s="1104" t="s">
        <v>1489</v>
      </c>
      <c r="N212" s="1104">
        <v>1</v>
      </c>
      <c r="O212" s="1104" t="s">
        <v>932</v>
      </c>
      <c r="P212" s="1104" t="s">
        <v>1490</v>
      </c>
      <c r="Q212" s="1104" t="s">
        <v>1491</v>
      </c>
      <c r="R212" s="1104" t="s">
        <v>1492</v>
      </c>
      <c r="S212" s="1104" t="s">
        <v>1493</v>
      </c>
      <c r="T212" s="1104" t="s">
        <v>2073</v>
      </c>
      <c r="U212" s="1016" t="str">
        <f>_xlfn.XLOOKUP(F212, [4]GIS!D:D, [4]GIS!E:E, "Not mapped")</f>
        <v>Single - Scenario 3</v>
      </c>
      <c r="V212" s="1104" t="s">
        <v>1723</v>
      </c>
      <c r="W212" s="1018" t="s">
        <v>1496</v>
      </c>
      <c r="X212" s="1019" t="s">
        <v>1497</v>
      </c>
      <c r="Y212" s="1020" t="s">
        <v>1498</v>
      </c>
      <c r="Z212" s="1020" t="s">
        <v>1498</v>
      </c>
      <c r="AA212" s="1020" t="s">
        <v>1498</v>
      </c>
      <c r="AB212" s="1020" t="s">
        <v>1498</v>
      </c>
      <c r="AC212" s="1020" t="s">
        <v>1498</v>
      </c>
      <c r="AD212" s="1020" t="s">
        <v>1498</v>
      </c>
      <c r="AE212" s="1020" t="s">
        <v>1498</v>
      </c>
      <c r="AF212" s="1020" t="s">
        <v>1498</v>
      </c>
      <c r="AG212" s="1020" t="s">
        <v>1498</v>
      </c>
      <c r="AH212" s="1020" t="s">
        <v>1498</v>
      </c>
      <c r="AI212" s="1020" t="s">
        <v>1498</v>
      </c>
      <c r="AJ212" s="1020" t="s">
        <v>1498</v>
      </c>
      <c r="AK212" s="1020" t="str">
        <f>IF(AJ212="n/a","n/a",ROUND((AJ212*[4]TripRateCalculations!$V$6),0))</f>
        <v>n/a</v>
      </c>
      <c r="AL212" s="1020" t="s">
        <v>1498</v>
      </c>
      <c r="AM212" s="1020" t="s">
        <v>1498</v>
      </c>
      <c r="AN212" s="1020" t="str">
        <f>IF(AT212="n/a","n/a",ROUND((AT212*[4]TripRateCalculations!N$4),0))</f>
        <v>n/a</v>
      </c>
      <c r="AO212" s="1020" t="str">
        <f>IF(AU212="n/a","n/a",ROUND((AU212*[4]TripRateCalculations!O$4),0))</f>
        <v>n/a</v>
      </c>
      <c r="AP212" s="1020" t="str">
        <f>IF(AV212="n/a","n/a",ROUND((AV212*[4]TripRateCalculations!P$4),0))</f>
        <v>n/a</v>
      </c>
      <c r="AQ212" s="1020" t="s">
        <v>1498</v>
      </c>
      <c r="AR212" s="1020" t="str">
        <f>IF(AX212="n/a","n/a",ROUND((AX212*[4]TripRateCalculations!R$4),0))</f>
        <v>n/a</v>
      </c>
      <c r="AS212" s="1020" t="str">
        <f>IF(AY212="n/a","n/a",ROUND((AY212*[4]TripRateCalculations!S$4),0))</f>
        <v>n/a</v>
      </c>
      <c r="AT212" s="1020" t="s">
        <v>1498</v>
      </c>
      <c r="AU212" s="1020" t="s">
        <v>1498</v>
      </c>
      <c r="AV212" s="1020" t="s">
        <v>1498</v>
      </c>
      <c r="AW212" s="1020" t="s">
        <v>1498</v>
      </c>
      <c r="AX212" s="1020" t="s">
        <v>1498</v>
      </c>
      <c r="AY212" s="1020" t="s">
        <v>1498</v>
      </c>
      <c r="AZ212" s="1020" t="s">
        <v>1498</v>
      </c>
      <c r="BA212" s="1100" t="s">
        <v>1498</v>
      </c>
      <c r="BB212" s="1100" t="s">
        <v>1498</v>
      </c>
      <c r="BC212" s="1100" t="s">
        <v>1498</v>
      </c>
      <c r="BD212" s="1100" t="s">
        <v>1498</v>
      </c>
      <c r="BE212" s="1100" t="s">
        <v>1498</v>
      </c>
      <c r="BF212" s="1100" t="s">
        <v>1498</v>
      </c>
      <c r="BG212" s="1100" t="s">
        <v>1498</v>
      </c>
      <c r="BH212" s="1105" t="s">
        <v>1642</v>
      </c>
      <c r="BI212" s="1104" t="s">
        <v>722</v>
      </c>
      <c r="BJ212" s="1104" t="s">
        <v>53</v>
      </c>
      <c r="BK212" s="1042">
        <f>ROUND((VLOOKUP(F212,'[4]Cost Summary'!A:H,8,)),0.1)</f>
        <v>199337</v>
      </c>
      <c r="BL212" s="1104">
        <v>0</v>
      </c>
      <c r="BM212" s="1106" t="s">
        <v>1500</v>
      </c>
      <c r="BN212" s="1044" t="s">
        <v>1584</v>
      </c>
      <c r="BO212" s="1130">
        <v>129504.38</v>
      </c>
      <c r="BP212" s="992"/>
      <c r="BQ212" s="1131" t="e">
        <f t="shared" si="84"/>
        <v>#VALUE!</v>
      </c>
      <c r="BR212" s="1131" t="e">
        <f t="shared" si="85"/>
        <v>#VALUE!</v>
      </c>
      <c r="BS212" s="1131" t="e">
        <f t="shared" si="86"/>
        <v>#VALUE!</v>
      </c>
      <c r="BT212" s="1131" t="e">
        <f t="shared" si="87"/>
        <v>#VALUE!</v>
      </c>
      <c r="BU212" s="1131" t="e">
        <f t="shared" si="88"/>
        <v>#VALUE!</v>
      </c>
      <c r="BV212" s="1131" t="e">
        <f t="shared" si="89"/>
        <v>#VALUE!</v>
      </c>
      <c r="BW212" s="1131" t="e">
        <f t="shared" si="90"/>
        <v>#VALUE!</v>
      </c>
      <c r="BX212" s="1131" t="e">
        <f t="shared" si="91"/>
        <v>#VALUE!</v>
      </c>
      <c r="BY212" s="1131" t="e">
        <f t="shared" si="92"/>
        <v>#VALUE!</v>
      </c>
      <c r="BZ212" s="1131" t="e">
        <f t="shared" si="93"/>
        <v>#VALUE!</v>
      </c>
      <c r="CA212" s="1131" t="e">
        <f t="shared" si="94"/>
        <v>#VALUE!</v>
      </c>
      <c r="CB212" s="1131" t="e">
        <f t="shared" si="95"/>
        <v>#VALUE!</v>
      </c>
      <c r="CC212" s="1131" t="e">
        <f t="shared" si="96"/>
        <v>#VALUE!</v>
      </c>
      <c r="CD212" s="1131" t="e">
        <f t="shared" si="97"/>
        <v>#VALUE!</v>
      </c>
      <c r="CE212" s="1131" t="e">
        <f t="shared" si="98"/>
        <v>#VALUE!</v>
      </c>
      <c r="CF212" s="1131" t="e">
        <f t="shared" si="99"/>
        <v>#VALUE!</v>
      </c>
      <c r="CG212" s="1131" t="e">
        <f t="shared" si="100"/>
        <v>#VALUE!</v>
      </c>
      <c r="CH212" s="1131" t="e">
        <f t="shared" si="101"/>
        <v>#VALUE!</v>
      </c>
      <c r="CI212" s="1131" t="e">
        <f t="shared" si="102"/>
        <v>#VALUE!</v>
      </c>
      <c r="CJ212" s="1131" t="e">
        <f t="shared" si="103"/>
        <v>#VALUE!</v>
      </c>
      <c r="CK212" s="1132" t="str">
        <f t="shared" si="104"/>
        <v>n/a</v>
      </c>
    </row>
    <row r="213" spans="1:89" ht="71.25" x14ac:dyDescent="0.2">
      <c r="A213" s="992"/>
      <c r="B213" s="1126"/>
      <c r="C213" s="1126"/>
      <c r="D213" s="1126"/>
      <c r="E213" s="1126"/>
      <c r="F213" s="1026" t="s">
        <v>2075</v>
      </c>
      <c r="G213" s="1026" t="s">
        <v>1047</v>
      </c>
      <c r="H213" s="1026" t="s">
        <v>1048</v>
      </c>
      <c r="I213" s="1026" t="s">
        <v>1703</v>
      </c>
      <c r="J213" s="1026">
        <v>51.730353000000001</v>
      </c>
      <c r="K213" s="1026">
        <v>-0.45757399999999998</v>
      </c>
      <c r="L213" s="1026" t="s">
        <v>1522</v>
      </c>
      <c r="M213" s="1026" t="s">
        <v>1489</v>
      </c>
      <c r="N213" s="1026">
        <v>1</v>
      </c>
      <c r="O213" s="1026" t="s">
        <v>900</v>
      </c>
      <c r="P213" s="1026" t="s">
        <v>1490</v>
      </c>
      <c r="Q213" s="1026" t="s">
        <v>1491</v>
      </c>
      <c r="R213" s="1026" t="s">
        <v>1492</v>
      </c>
      <c r="S213" s="1026" t="s">
        <v>1493</v>
      </c>
      <c r="T213" s="1026" t="s">
        <v>1706</v>
      </c>
      <c r="U213" s="1016" t="str">
        <f>_xlfn.XLOOKUP(F213, [4]GIS!D:D, [4]GIS!E:E, "Not mapped")</f>
        <v>Single - Scenario 2</v>
      </c>
      <c r="V213" s="1026" t="s">
        <v>1707</v>
      </c>
      <c r="W213" s="1032" t="s">
        <v>1525</v>
      </c>
      <c r="X213" s="1032" t="s">
        <v>1526</v>
      </c>
      <c r="Y213" s="1033">
        <v>1</v>
      </c>
      <c r="Z213" s="1033">
        <v>1</v>
      </c>
      <c r="AA213" s="1033">
        <v>4</v>
      </c>
      <c r="AB213" s="1033">
        <v>1</v>
      </c>
      <c r="AC213" s="1033">
        <v>1</v>
      </c>
      <c r="AD213" s="1034">
        <v>70</v>
      </c>
      <c r="AE213" s="1034">
        <v>1</v>
      </c>
      <c r="AF213" s="1034">
        <v>7</v>
      </c>
      <c r="AG213" s="1034">
        <v>0</v>
      </c>
      <c r="AH213" s="1034">
        <v>1</v>
      </c>
      <c r="AI213" s="1034">
        <v>0</v>
      </c>
      <c r="AJ213" s="1034">
        <v>4</v>
      </c>
      <c r="AK213" s="1034">
        <f>IF(AJ213="n/a","n/a",ROUND((AJ213*[4]TripRateCalculations!$V$6),0))</f>
        <v>9</v>
      </c>
      <c r="AL213" s="1034">
        <v>0</v>
      </c>
      <c r="AM213" s="1034">
        <v>1</v>
      </c>
      <c r="AN213" s="1034">
        <f>IF(AT213="n/a","n/a",ROUND((AT213*[4]TripRateCalculations!N$4),0))</f>
        <v>1</v>
      </c>
      <c r="AO213" s="1034">
        <f>IF(AU213="n/a","n/a",ROUND((AU213*[4]TripRateCalculations!O$4),0))</f>
        <v>2</v>
      </c>
      <c r="AP213" s="1034">
        <f>IF(AV213="n/a","n/a",ROUND((AV213*[4]TripRateCalculations!P$4),0))</f>
        <v>0</v>
      </c>
      <c r="AQ213" s="1034">
        <f>AW213*[4]TripRateCalculations!Q$4</f>
        <v>0</v>
      </c>
      <c r="AR213" s="1034">
        <f>IF(AX213="n/a","n/a",ROUND((AX213*[4]TripRateCalculations!R$4),0))</f>
        <v>0</v>
      </c>
      <c r="AS213" s="1034">
        <f>IF(AY213="n/a","n/a",ROUND((AY213*[4]TripRateCalculations!S$4),0))</f>
        <v>0</v>
      </c>
      <c r="AT213" s="1034">
        <v>3</v>
      </c>
      <c r="AU213" s="1034">
        <v>26</v>
      </c>
      <c r="AV213" s="1034">
        <v>1</v>
      </c>
      <c r="AW213" s="1034">
        <v>0</v>
      </c>
      <c r="AX213" s="1034">
        <v>2</v>
      </c>
      <c r="AY213" s="1034">
        <v>0</v>
      </c>
      <c r="AZ213" s="1035">
        <v>2</v>
      </c>
      <c r="BA213" s="1035">
        <v>1</v>
      </c>
      <c r="BB213" s="1035">
        <v>0</v>
      </c>
      <c r="BC213" s="1035">
        <v>0</v>
      </c>
      <c r="BD213" s="1035">
        <v>6</v>
      </c>
      <c r="BE213" s="1035">
        <v>0</v>
      </c>
      <c r="BF213" s="1035">
        <v>0</v>
      </c>
      <c r="BG213" s="1035">
        <f>BF213*[4]TripRateCalculations!$Q$4</f>
        <v>0</v>
      </c>
      <c r="BH213" s="1027" t="s">
        <v>1983</v>
      </c>
      <c r="BI213" s="1026" t="s">
        <v>834</v>
      </c>
      <c r="BJ213" s="1026" t="s">
        <v>53</v>
      </c>
      <c r="BK213" s="1042">
        <f>ROUND((VLOOKUP(F213,'[4]Cost Summary'!A:H,8,)),0.1)</f>
        <v>651168</v>
      </c>
      <c r="BL213" s="1026">
        <v>0</v>
      </c>
      <c r="BM213" s="1026" t="s">
        <v>1500</v>
      </c>
      <c r="BN213" s="1044" t="s">
        <v>1584</v>
      </c>
      <c r="BO213" s="1130">
        <v>423047.63</v>
      </c>
      <c r="BP213" s="992"/>
      <c r="BQ213" s="1131">
        <f t="shared" si="84"/>
        <v>9.9009900990099011E-3</v>
      </c>
      <c r="BR213" s="1131">
        <f t="shared" si="85"/>
        <v>3.9603960396039604E-2</v>
      </c>
      <c r="BS213" s="1131">
        <f t="shared" si="86"/>
        <v>9.9009900990099011E-3</v>
      </c>
      <c r="BT213" s="1131">
        <f t="shared" si="87"/>
        <v>9.9009900990099011E-3</v>
      </c>
      <c r="BU213" s="1131">
        <f t="shared" si="88"/>
        <v>0.69306930693069302</v>
      </c>
      <c r="BV213" s="1131">
        <f t="shared" si="89"/>
        <v>9.9009900990099011E-3</v>
      </c>
      <c r="BW213" s="1131">
        <f t="shared" si="90"/>
        <v>6.9306930693069313E-2</v>
      </c>
      <c r="BX213" s="1131">
        <f t="shared" si="91"/>
        <v>0</v>
      </c>
      <c r="BY213" s="1131">
        <f t="shared" si="92"/>
        <v>0</v>
      </c>
      <c r="BZ213" s="1131">
        <f t="shared" si="93"/>
        <v>8.9108910891089105E-2</v>
      </c>
      <c r="CA213" s="1131">
        <f t="shared" si="94"/>
        <v>0</v>
      </c>
      <c r="CB213" s="1131">
        <f t="shared" si="95"/>
        <v>9.9009900990099011E-3</v>
      </c>
      <c r="CC213" s="1131">
        <f t="shared" si="96"/>
        <v>9.9009900990099011E-3</v>
      </c>
      <c r="CD213" s="1131">
        <f t="shared" si="97"/>
        <v>1.9801980198019802E-2</v>
      </c>
      <c r="CE213" s="1131">
        <f t="shared" si="98"/>
        <v>0</v>
      </c>
      <c r="CF213" s="1131">
        <f t="shared" si="99"/>
        <v>0</v>
      </c>
      <c r="CG213" s="1131">
        <f t="shared" si="100"/>
        <v>0</v>
      </c>
      <c r="CH213" s="1131">
        <f t="shared" si="101"/>
        <v>1.9801980198019802E-2</v>
      </c>
      <c r="CI213" s="1131">
        <f t="shared" si="102"/>
        <v>9.9009900990099011E-3</v>
      </c>
      <c r="CJ213" s="1131">
        <f t="shared" si="103"/>
        <v>0</v>
      </c>
      <c r="CK213" s="1132">
        <f t="shared" si="104"/>
        <v>1</v>
      </c>
    </row>
    <row r="214" spans="1:89" ht="128.25" x14ac:dyDescent="0.2">
      <c r="A214" s="992"/>
      <c r="B214" s="1126"/>
      <c r="C214" s="1126"/>
      <c r="D214" s="1126"/>
      <c r="E214" s="1126"/>
      <c r="F214" s="1026" t="s">
        <v>2076</v>
      </c>
      <c r="G214" s="1026" t="s">
        <v>1049</v>
      </c>
      <c r="H214" s="1026" t="s">
        <v>1050</v>
      </c>
      <c r="I214" s="1026" t="s">
        <v>1703</v>
      </c>
      <c r="J214" s="1026">
        <v>51.732146630000003</v>
      </c>
      <c r="K214" s="1026">
        <v>-0.46105804</v>
      </c>
      <c r="L214" s="1026" t="s">
        <v>1522</v>
      </c>
      <c r="M214" s="1026" t="s">
        <v>1489</v>
      </c>
      <c r="N214" s="1026">
        <v>1</v>
      </c>
      <c r="O214" s="1026" t="s">
        <v>932</v>
      </c>
      <c r="P214" s="1026" t="s">
        <v>1490</v>
      </c>
      <c r="Q214" s="1026" t="s">
        <v>1491</v>
      </c>
      <c r="R214" s="1026" t="s">
        <v>1492</v>
      </c>
      <c r="S214" s="1026" t="s">
        <v>1493</v>
      </c>
      <c r="T214" s="1026" t="s">
        <v>1706</v>
      </c>
      <c r="U214" s="1016" t="str">
        <f>_xlfn.XLOOKUP(F214, [4]GIS!D:D, [4]GIS!E:E, "Not mapped")</f>
        <v>Multiple - Scenario 1</v>
      </c>
      <c r="V214" s="1026" t="s">
        <v>1707</v>
      </c>
      <c r="W214" s="1032" t="s">
        <v>1525</v>
      </c>
      <c r="X214" s="1032" t="s">
        <v>1526</v>
      </c>
      <c r="Y214" s="1033">
        <v>1</v>
      </c>
      <c r="Z214" s="1033">
        <v>1</v>
      </c>
      <c r="AA214" s="1033">
        <v>4</v>
      </c>
      <c r="AB214" s="1033">
        <v>1</v>
      </c>
      <c r="AC214" s="1033">
        <v>1</v>
      </c>
      <c r="AD214" s="1034">
        <v>70</v>
      </c>
      <c r="AE214" s="1034">
        <v>1</v>
      </c>
      <c r="AF214" s="1034">
        <v>7</v>
      </c>
      <c r="AG214" s="1034">
        <v>0</v>
      </c>
      <c r="AH214" s="1034">
        <v>1</v>
      </c>
      <c r="AI214" s="1034">
        <v>0</v>
      </c>
      <c r="AJ214" s="1034">
        <v>4</v>
      </c>
      <c r="AK214" s="1034">
        <f>IF(AJ214="n/a","n/a",ROUND((AJ214*[4]TripRateCalculations!$V$6),0))</f>
        <v>9</v>
      </c>
      <c r="AL214" s="1034">
        <v>0</v>
      </c>
      <c r="AM214" s="1034">
        <v>1</v>
      </c>
      <c r="AN214" s="1034">
        <f>IF(AT214="n/a","n/a",ROUND((AT214*[4]TripRateCalculations!N$4),0))</f>
        <v>1</v>
      </c>
      <c r="AO214" s="1034">
        <f>IF(AU214="n/a","n/a",ROUND((AU214*[4]TripRateCalculations!O$4),0))</f>
        <v>2</v>
      </c>
      <c r="AP214" s="1034">
        <f>IF(AV214="n/a","n/a",ROUND((AV214*[4]TripRateCalculations!P$4),0))</f>
        <v>0</v>
      </c>
      <c r="AQ214" s="1034">
        <f>AW214*[4]TripRateCalculations!Q$4</f>
        <v>0</v>
      </c>
      <c r="AR214" s="1034">
        <f>IF(AX214="n/a","n/a",ROUND((AX214*[4]TripRateCalculations!R$4),0))</f>
        <v>0</v>
      </c>
      <c r="AS214" s="1034">
        <f>IF(AY214="n/a","n/a",ROUND((AY214*[4]TripRateCalculations!S$4),0))</f>
        <v>0</v>
      </c>
      <c r="AT214" s="1034">
        <v>3</v>
      </c>
      <c r="AU214" s="1034">
        <v>26</v>
      </c>
      <c r="AV214" s="1034">
        <v>1</v>
      </c>
      <c r="AW214" s="1034">
        <v>0</v>
      </c>
      <c r="AX214" s="1034">
        <v>2</v>
      </c>
      <c r="AY214" s="1034">
        <v>0</v>
      </c>
      <c r="AZ214" s="1035">
        <v>2</v>
      </c>
      <c r="BA214" s="1035">
        <v>1</v>
      </c>
      <c r="BB214" s="1035">
        <v>0</v>
      </c>
      <c r="BC214" s="1035">
        <v>0</v>
      </c>
      <c r="BD214" s="1035">
        <v>6</v>
      </c>
      <c r="BE214" s="1035">
        <v>0</v>
      </c>
      <c r="BF214" s="1035">
        <v>0</v>
      </c>
      <c r="BG214" s="1035">
        <f>BF214*[4]TripRateCalculations!$Q$4</f>
        <v>0</v>
      </c>
      <c r="BH214" s="1027" t="s">
        <v>1983</v>
      </c>
      <c r="BI214" s="1026" t="s">
        <v>834</v>
      </c>
      <c r="BJ214" s="1026" t="s">
        <v>53</v>
      </c>
      <c r="BK214" s="1042">
        <f>ROUND((VLOOKUP(F214,'[4]Cost Summary'!A:H,8,)),0.1)</f>
        <v>457042</v>
      </c>
      <c r="BL214" s="1026">
        <v>0</v>
      </c>
      <c r="BM214" s="1026" t="s">
        <v>1500</v>
      </c>
      <c r="BN214" s="1044" t="s">
        <v>1584</v>
      </c>
      <c r="BO214" s="1130">
        <v>296928.86</v>
      </c>
      <c r="BP214" s="992"/>
      <c r="BQ214" s="1131">
        <f t="shared" si="84"/>
        <v>9.9009900990099011E-3</v>
      </c>
      <c r="BR214" s="1131">
        <f t="shared" si="85"/>
        <v>3.9603960396039604E-2</v>
      </c>
      <c r="BS214" s="1131">
        <f t="shared" si="86"/>
        <v>9.9009900990099011E-3</v>
      </c>
      <c r="BT214" s="1131">
        <f t="shared" si="87"/>
        <v>9.9009900990099011E-3</v>
      </c>
      <c r="BU214" s="1131">
        <f t="shared" si="88"/>
        <v>0.69306930693069302</v>
      </c>
      <c r="BV214" s="1131">
        <f t="shared" si="89"/>
        <v>9.9009900990099011E-3</v>
      </c>
      <c r="BW214" s="1131">
        <f t="shared" si="90"/>
        <v>6.9306930693069313E-2</v>
      </c>
      <c r="BX214" s="1131">
        <f t="shared" si="91"/>
        <v>0</v>
      </c>
      <c r="BY214" s="1131">
        <f t="shared" si="92"/>
        <v>0</v>
      </c>
      <c r="BZ214" s="1131">
        <f t="shared" si="93"/>
        <v>8.9108910891089105E-2</v>
      </c>
      <c r="CA214" s="1131">
        <f t="shared" si="94"/>
        <v>0</v>
      </c>
      <c r="CB214" s="1131">
        <f t="shared" si="95"/>
        <v>9.9009900990099011E-3</v>
      </c>
      <c r="CC214" s="1131">
        <f t="shared" si="96"/>
        <v>9.9009900990099011E-3</v>
      </c>
      <c r="CD214" s="1131">
        <f t="shared" si="97"/>
        <v>1.9801980198019802E-2</v>
      </c>
      <c r="CE214" s="1131">
        <f t="shared" si="98"/>
        <v>0</v>
      </c>
      <c r="CF214" s="1131">
        <f t="shared" si="99"/>
        <v>0</v>
      </c>
      <c r="CG214" s="1131">
        <f t="shared" si="100"/>
        <v>0</v>
      </c>
      <c r="CH214" s="1131">
        <f t="shared" si="101"/>
        <v>1.9801980198019802E-2</v>
      </c>
      <c r="CI214" s="1131">
        <f t="shared" si="102"/>
        <v>9.9009900990099011E-3</v>
      </c>
      <c r="CJ214" s="1131">
        <f t="shared" si="103"/>
        <v>0</v>
      </c>
      <c r="CK214" s="1132">
        <f t="shared" si="104"/>
        <v>1</v>
      </c>
    </row>
    <row r="215" spans="1:89" ht="71.25" x14ac:dyDescent="0.2">
      <c r="A215" s="992"/>
      <c r="B215" s="1126"/>
      <c r="C215" s="1126"/>
      <c r="D215" s="1126"/>
      <c r="E215" s="1126"/>
      <c r="F215" s="1026" t="s">
        <v>2077</v>
      </c>
      <c r="G215" s="1026" t="s">
        <v>1051</v>
      </c>
      <c r="H215" s="1026" t="s">
        <v>1052</v>
      </c>
      <c r="I215" s="1026" t="s">
        <v>1892</v>
      </c>
      <c r="J215" s="1026">
        <v>51.729831619999999</v>
      </c>
      <c r="K215" s="1026">
        <v>-0.45701721499999998</v>
      </c>
      <c r="L215" s="1026" t="s">
        <v>1522</v>
      </c>
      <c r="M215" s="1026" t="s">
        <v>1489</v>
      </c>
      <c r="N215" s="1026">
        <v>1</v>
      </c>
      <c r="O215" s="1026" t="s">
        <v>932</v>
      </c>
      <c r="P215" s="1026" t="s">
        <v>1490</v>
      </c>
      <c r="Q215" s="1026" t="s">
        <v>1491</v>
      </c>
      <c r="R215" s="1026" t="s">
        <v>1492</v>
      </c>
      <c r="S215" s="1026" t="s">
        <v>1493</v>
      </c>
      <c r="T215" s="1026" t="s">
        <v>1706</v>
      </c>
      <c r="U215" s="1016" t="str">
        <f>_xlfn.XLOOKUP(F215, [4]GIS!D:D, [4]GIS!E:E, "Not mapped")</f>
        <v>Single - Scenario 2</v>
      </c>
      <c r="V215" s="1026" t="s">
        <v>1707</v>
      </c>
      <c r="W215" s="1032" t="s">
        <v>1525</v>
      </c>
      <c r="X215" s="1032" t="s">
        <v>1526</v>
      </c>
      <c r="Y215" s="1033">
        <v>1</v>
      </c>
      <c r="Z215" s="1033">
        <v>1</v>
      </c>
      <c r="AA215" s="1033">
        <v>4</v>
      </c>
      <c r="AB215" s="1033">
        <v>1</v>
      </c>
      <c r="AC215" s="1033">
        <v>1</v>
      </c>
      <c r="AD215" s="1034">
        <v>70</v>
      </c>
      <c r="AE215" s="1034">
        <v>1</v>
      </c>
      <c r="AF215" s="1034">
        <v>7</v>
      </c>
      <c r="AG215" s="1034">
        <v>0</v>
      </c>
      <c r="AH215" s="1034">
        <v>1</v>
      </c>
      <c r="AI215" s="1034">
        <v>0</v>
      </c>
      <c r="AJ215" s="1034">
        <v>4</v>
      </c>
      <c r="AK215" s="1034">
        <f>IF(AJ215="n/a","n/a",ROUND((AJ215*[4]TripRateCalculations!$V$6),0))</f>
        <v>9</v>
      </c>
      <c r="AL215" s="1034">
        <v>0</v>
      </c>
      <c r="AM215" s="1034">
        <v>1</v>
      </c>
      <c r="AN215" s="1034">
        <f>IF(AT215="n/a","n/a",ROUND((AT215*[4]TripRateCalculations!N$4),0))</f>
        <v>1</v>
      </c>
      <c r="AO215" s="1034">
        <f>IF(AU215="n/a","n/a",ROUND((AU215*[4]TripRateCalculations!O$4),0))</f>
        <v>2</v>
      </c>
      <c r="AP215" s="1034">
        <f>IF(AV215="n/a","n/a",ROUND((AV215*[4]TripRateCalculations!P$4),0))</f>
        <v>0</v>
      </c>
      <c r="AQ215" s="1034">
        <f>AW215*[4]TripRateCalculations!Q$4</f>
        <v>0</v>
      </c>
      <c r="AR215" s="1034">
        <f>IF(AX215="n/a","n/a",ROUND((AX215*[4]TripRateCalculations!R$4),0))</f>
        <v>0</v>
      </c>
      <c r="AS215" s="1034">
        <f>IF(AY215="n/a","n/a",ROUND((AY215*[4]TripRateCalculations!S$4),0))</f>
        <v>0</v>
      </c>
      <c r="AT215" s="1034">
        <v>3</v>
      </c>
      <c r="AU215" s="1034">
        <v>26</v>
      </c>
      <c r="AV215" s="1034">
        <v>1</v>
      </c>
      <c r="AW215" s="1034">
        <v>0</v>
      </c>
      <c r="AX215" s="1034">
        <v>2</v>
      </c>
      <c r="AY215" s="1034">
        <v>0</v>
      </c>
      <c r="AZ215" s="1035">
        <v>2</v>
      </c>
      <c r="BA215" s="1035">
        <v>1</v>
      </c>
      <c r="BB215" s="1035">
        <v>0</v>
      </c>
      <c r="BC215" s="1035">
        <v>0</v>
      </c>
      <c r="BD215" s="1035">
        <v>6</v>
      </c>
      <c r="BE215" s="1035">
        <v>0</v>
      </c>
      <c r="BF215" s="1035">
        <v>0</v>
      </c>
      <c r="BG215" s="1035">
        <f>BF215*[4]TripRateCalculations!$Q$4</f>
        <v>0</v>
      </c>
      <c r="BH215" s="1027" t="s">
        <v>1983</v>
      </c>
      <c r="BI215" s="1026" t="s">
        <v>834</v>
      </c>
      <c r="BJ215" s="1026" t="s">
        <v>53</v>
      </c>
      <c r="BK215" s="1042">
        <f>ROUND((VLOOKUP(F215,'[4]Cost Summary'!A:H,8,)),0.1)</f>
        <v>553714</v>
      </c>
      <c r="BL215" s="1026">
        <v>0</v>
      </c>
      <c r="BM215" s="1026" t="s">
        <v>1500</v>
      </c>
      <c r="BN215" s="1044" t="s">
        <v>1584</v>
      </c>
      <c r="BO215" s="1130">
        <v>359734.38</v>
      </c>
      <c r="BP215" s="992"/>
      <c r="BQ215" s="1131">
        <f t="shared" si="84"/>
        <v>9.9009900990099011E-3</v>
      </c>
      <c r="BR215" s="1131">
        <f t="shared" si="85"/>
        <v>3.9603960396039604E-2</v>
      </c>
      <c r="BS215" s="1131">
        <f t="shared" si="86"/>
        <v>9.9009900990099011E-3</v>
      </c>
      <c r="BT215" s="1131">
        <f t="shared" si="87"/>
        <v>9.9009900990099011E-3</v>
      </c>
      <c r="BU215" s="1131">
        <f t="shared" si="88"/>
        <v>0.69306930693069302</v>
      </c>
      <c r="BV215" s="1131">
        <f t="shared" si="89"/>
        <v>9.9009900990099011E-3</v>
      </c>
      <c r="BW215" s="1131">
        <f t="shared" si="90"/>
        <v>6.9306930693069313E-2</v>
      </c>
      <c r="BX215" s="1131">
        <f t="shared" si="91"/>
        <v>0</v>
      </c>
      <c r="BY215" s="1131">
        <f t="shared" si="92"/>
        <v>0</v>
      </c>
      <c r="BZ215" s="1131">
        <f t="shared" si="93"/>
        <v>8.9108910891089105E-2</v>
      </c>
      <c r="CA215" s="1131">
        <f t="shared" si="94"/>
        <v>0</v>
      </c>
      <c r="CB215" s="1131">
        <f t="shared" si="95"/>
        <v>9.9009900990099011E-3</v>
      </c>
      <c r="CC215" s="1131">
        <f t="shared" si="96"/>
        <v>9.9009900990099011E-3</v>
      </c>
      <c r="CD215" s="1131">
        <f t="shared" si="97"/>
        <v>1.9801980198019802E-2</v>
      </c>
      <c r="CE215" s="1131">
        <f t="shared" si="98"/>
        <v>0</v>
      </c>
      <c r="CF215" s="1131">
        <f t="shared" si="99"/>
        <v>0</v>
      </c>
      <c r="CG215" s="1131">
        <f t="shared" si="100"/>
        <v>0</v>
      </c>
      <c r="CH215" s="1131">
        <f t="shared" si="101"/>
        <v>1.9801980198019802E-2</v>
      </c>
      <c r="CI215" s="1131">
        <f t="shared" si="102"/>
        <v>9.9009900990099011E-3</v>
      </c>
      <c r="CJ215" s="1131">
        <f t="shared" si="103"/>
        <v>0</v>
      </c>
      <c r="CK215" s="1132">
        <f t="shared" si="104"/>
        <v>1</v>
      </c>
    </row>
    <row r="216" spans="1:89" ht="128.25" x14ac:dyDescent="0.2">
      <c r="A216" s="992"/>
      <c r="B216" s="1126" t="s">
        <v>66</v>
      </c>
      <c r="C216" s="1126"/>
      <c r="D216" s="1126"/>
      <c r="E216" s="1126"/>
      <c r="F216" s="1026" t="s">
        <v>2078</v>
      </c>
      <c r="G216" s="1026" t="s">
        <v>2079</v>
      </c>
      <c r="H216" s="1026" t="s">
        <v>2080</v>
      </c>
      <c r="I216" s="1026" t="s">
        <v>1487</v>
      </c>
      <c r="J216" s="1026">
        <v>51.732214050000003</v>
      </c>
      <c r="K216" s="1026">
        <v>-0.46338488799999999</v>
      </c>
      <c r="L216" s="1026" t="s">
        <v>1560</v>
      </c>
      <c r="M216" s="1026" t="s">
        <v>1523</v>
      </c>
      <c r="N216" s="1026">
        <v>3</v>
      </c>
      <c r="O216" s="1026" t="s">
        <v>897</v>
      </c>
      <c r="P216" s="1026" t="s">
        <v>1490</v>
      </c>
      <c r="Q216" s="1026" t="s">
        <v>1491</v>
      </c>
      <c r="R216" s="1026" t="s">
        <v>1492</v>
      </c>
      <c r="S216" s="1026" t="s">
        <v>1561</v>
      </c>
      <c r="T216" s="1026" t="s">
        <v>1610</v>
      </c>
      <c r="U216" s="1016" t="str">
        <f>_xlfn.XLOOKUP(F216, [4]GIS!D:D, [4]GIS!E:E, "Not mapped")</f>
        <v>Single - Scenario 1</v>
      </c>
      <c r="V216" s="1026" t="s">
        <v>1562</v>
      </c>
      <c r="W216" s="1040" t="s">
        <v>1563</v>
      </c>
      <c r="X216" s="1040" t="s">
        <v>26</v>
      </c>
      <c r="Y216" s="1020" t="s">
        <v>1498</v>
      </c>
      <c r="Z216" s="1020" t="s">
        <v>1498</v>
      </c>
      <c r="AA216" s="1020" t="s">
        <v>1498</v>
      </c>
      <c r="AB216" s="1020" t="s">
        <v>1498</v>
      </c>
      <c r="AC216" s="1020" t="s">
        <v>1498</v>
      </c>
      <c r="AD216" s="1020" t="s">
        <v>1498</v>
      </c>
      <c r="AE216" s="1020" t="s">
        <v>1498</v>
      </c>
      <c r="AF216" s="1020" t="s">
        <v>1498</v>
      </c>
      <c r="AG216" s="1020" t="s">
        <v>1498</v>
      </c>
      <c r="AH216" s="1020" t="s">
        <v>1498</v>
      </c>
      <c r="AI216" s="1020" t="s">
        <v>1498</v>
      </c>
      <c r="AJ216" s="1020" t="s">
        <v>1498</v>
      </c>
      <c r="AK216" s="1020" t="str">
        <f>IF(AJ216="n/a","n/a",ROUND((AJ216*[4]TripRateCalculations!$V$6),0))</f>
        <v>n/a</v>
      </c>
      <c r="AL216" s="1020" t="s">
        <v>1498</v>
      </c>
      <c r="AM216" s="1020" t="s">
        <v>1498</v>
      </c>
      <c r="AN216" s="1020" t="str">
        <f>IF(AT216="n/a","n/a",ROUND((AT216*[4]TripRateCalculations!N$4),0))</f>
        <v>n/a</v>
      </c>
      <c r="AO216" s="1020" t="str">
        <f>IF(AU216="n/a","n/a",ROUND((AU216*[4]TripRateCalculations!O$4),0))</f>
        <v>n/a</v>
      </c>
      <c r="AP216" s="1020" t="str">
        <f>IF(AV216="n/a","n/a",ROUND((AV216*[4]TripRateCalculations!P$4),0))</f>
        <v>n/a</v>
      </c>
      <c r="AQ216" s="1020" t="s">
        <v>1498</v>
      </c>
      <c r="AR216" s="1020" t="str">
        <f>IF(AX216="n/a","n/a",ROUND((AX216*[4]TripRateCalculations!R$4),0))</f>
        <v>n/a</v>
      </c>
      <c r="AS216" s="1020" t="str">
        <f>IF(AY216="n/a","n/a",ROUND((AY216*[4]TripRateCalculations!S$4),0))</f>
        <v>n/a</v>
      </c>
      <c r="AT216" s="1020" t="s">
        <v>1498</v>
      </c>
      <c r="AU216" s="1020" t="s">
        <v>1498</v>
      </c>
      <c r="AV216" s="1020" t="s">
        <v>1498</v>
      </c>
      <c r="AW216" s="1020" t="s">
        <v>1498</v>
      </c>
      <c r="AX216" s="1020" t="s">
        <v>1498</v>
      </c>
      <c r="AY216" s="1020" t="s">
        <v>1498</v>
      </c>
      <c r="AZ216" s="1020" t="s">
        <v>1498</v>
      </c>
      <c r="BA216" s="1100" t="s">
        <v>1498</v>
      </c>
      <c r="BB216" s="1100" t="s">
        <v>1498</v>
      </c>
      <c r="BC216" s="1100" t="s">
        <v>1498</v>
      </c>
      <c r="BD216" s="1100" t="s">
        <v>1498</v>
      </c>
      <c r="BE216" s="1100" t="s">
        <v>1498</v>
      </c>
      <c r="BF216" s="1100" t="s">
        <v>1498</v>
      </c>
      <c r="BG216" s="1100" t="s">
        <v>1498</v>
      </c>
      <c r="BH216" s="1027" t="s">
        <v>1642</v>
      </c>
      <c r="BI216" s="1026" t="s">
        <v>868</v>
      </c>
      <c r="BJ216" s="1026" t="s">
        <v>53</v>
      </c>
      <c r="BK216" s="1137" t="str">
        <f>'[4]Cost Summary'!H75</f>
        <v>£10,000,000-£15,000,000</v>
      </c>
      <c r="BL216" s="1080">
        <v>0</v>
      </c>
      <c r="BM216" s="1080" t="s">
        <v>1500</v>
      </c>
      <c r="BN216" s="1231" t="s">
        <v>2081</v>
      </c>
      <c r="BO216" s="1130">
        <v>129504.38</v>
      </c>
      <c r="BP216" s="992"/>
      <c r="BQ216" s="1131" t="e">
        <f t="shared" si="84"/>
        <v>#VALUE!</v>
      </c>
      <c r="BR216" s="1131" t="e">
        <f t="shared" si="85"/>
        <v>#VALUE!</v>
      </c>
      <c r="BS216" s="1131" t="e">
        <f t="shared" si="86"/>
        <v>#VALUE!</v>
      </c>
      <c r="BT216" s="1131" t="e">
        <f t="shared" si="87"/>
        <v>#VALUE!</v>
      </c>
      <c r="BU216" s="1131" t="e">
        <f t="shared" si="88"/>
        <v>#VALUE!</v>
      </c>
      <c r="BV216" s="1131" t="e">
        <f t="shared" si="89"/>
        <v>#VALUE!</v>
      </c>
      <c r="BW216" s="1131" t="e">
        <f t="shared" si="90"/>
        <v>#VALUE!</v>
      </c>
      <c r="BX216" s="1131" t="e">
        <f t="shared" si="91"/>
        <v>#VALUE!</v>
      </c>
      <c r="BY216" s="1131" t="e">
        <f t="shared" si="92"/>
        <v>#VALUE!</v>
      </c>
      <c r="BZ216" s="1131" t="e">
        <f t="shared" si="93"/>
        <v>#VALUE!</v>
      </c>
      <c r="CA216" s="1131" t="e">
        <f t="shared" si="94"/>
        <v>#VALUE!</v>
      </c>
      <c r="CB216" s="1131" t="e">
        <f t="shared" si="95"/>
        <v>#VALUE!</v>
      </c>
      <c r="CC216" s="1131" t="e">
        <f t="shared" si="96"/>
        <v>#VALUE!</v>
      </c>
      <c r="CD216" s="1131" t="e">
        <f t="shared" si="97"/>
        <v>#VALUE!</v>
      </c>
      <c r="CE216" s="1131" t="e">
        <f t="shared" si="98"/>
        <v>#VALUE!</v>
      </c>
      <c r="CF216" s="1131" t="e">
        <f t="shared" si="99"/>
        <v>#VALUE!</v>
      </c>
      <c r="CG216" s="1131" t="e">
        <f t="shared" si="100"/>
        <v>#VALUE!</v>
      </c>
      <c r="CH216" s="1131" t="e">
        <f t="shared" si="101"/>
        <v>#VALUE!</v>
      </c>
      <c r="CI216" s="1131" t="e">
        <f t="shared" si="102"/>
        <v>#VALUE!</v>
      </c>
      <c r="CJ216" s="1131" t="e">
        <f t="shared" si="103"/>
        <v>#VALUE!</v>
      </c>
      <c r="CK216" s="1132" t="str">
        <f t="shared" si="104"/>
        <v>n/a</v>
      </c>
    </row>
    <row r="217" spans="1:89" ht="42.75" x14ac:dyDescent="0.2">
      <c r="A217" s="992"/>
      <c r="B217" s="1126" t="s">
        <v>66</v>
      </c>
      <c r="C217" s="1126"/>
      <c r="D217" s="1126"/>
      <c r="E217" s="1126"/>
      <c r="F217" s="1026" t="s">
        <v>2082</v>
      </c>
      <c r="G217" s="1026" t="s">
        <v>1141</v>
      </c>
      <c r="H217" s="1026" t="s">
        <v>1142</v>
      </c>
      <c r="I217" s="1026" t="s">
        <v>1487</v>
      </c>
      <c r="J217" s="1026" t="s">
        <v>253</v>
      </c>
      <c r="K217" s="1026" t="s">
        <v>253</v>
      </c>
      <c r="L217" s="1026" t="s">
        <v>1488</v>
      </c>
      <c r="M217" s="1026" t="s">
        <v>1489</v>
      </c>
      <c r="N217" s="1026">
        <v>1</v>
      </c>
      <c r="O217" s="1026" t="s">
        <v>932</v>
      </c>
      <c r="P217" s="1026" t="s">
        <v>1490</v>
      </c>
      <c r="Q217" s="1026" t="s">
        <v>1491</v>
      </c>
      <c r="R217" s="1026" t="s">
        <v>1492</v>
      </c>
      <c r="S217" s="1026" t="s">
        <v>1493</v>
      </c>
      <c r="T217" s="1026" t="s">
        <v>1925</v>
      </c>
      <c r="U217" s="1016" t="str">
        <f>_xlfn.XLOOKUP(F217, [4]GIS!D:D, [4]GIS!E:E, "Not mapped")</f>
        <v>Single - Scenario 2</v>
      </c>
      <c r="V217" s="1026" t="s">
        <v>1508</v>
      </c>
      <c r="W217" s="1145" t="s">
        <v>1653</v>
      </c>
      <c r="X217" s="1145" t="s">
        <v>1926</v>
      </c>
      <c r="Y217" s="1020" t="s">
        <v>1498</v>
      </c>
      <c r="Z217" s="1020" t="s">
        <v>1498</v>
      </c>
      <c r="AA217" s="1020" t="s">
        <v>1498</v>
      </c>
      <c r="AB217" s="1020" t="s">
        <v>1498</v>
      </c>
      <c r="AC217" s="1020" t="s">
        <v>1498</v>
      </c>
      <c r="AD217" s="1020" t="s">
        <v>1498</v>
      </c>
      <c r="AE217" s="1020" t="s">
        <v>1498</v>
      </c>
      <c r="AF217" s="1020" t="s">
        <v>1498</v>
      </c>
      <c r="AG217" s="1020" t="s">
        <v>1498</v>
      </c>
      <c r="AH217" s="1020" t="s">
        <v>1498</v>
      </c>
      <c r="AI217" s="1020" t="s">
        <v>1498</v>
      </c>
      <c r="AJ217" s="1020" t="s">
        <v>1498</v>
      </c>
      <c r="AK217" s="1020" t="str">
        <f>IF(AJ217="n/a","n/a",ROUND((AJ217*[4]TripRateCalculations!$V$6),0))</f>
        <v>n/a</v>
      </c>
      <c r="AL217" s="1020" t="s">
        <v>1498</v>
      </c>
      <c r="AM217" s="1020" t="s">
        <v>1498</v>
      </c>
      <c r="AN217" s="1020" t="str">
        <f>IF(AT217="n/a","n/a",ROUND((AT217*[4]TripRateCalculations!N$4),0))</f>
        <v>n/a</v>
      </c>
      <c r="AO217" s="1020" t="str">
        <f>IF(AU217="n/a","n/a",ROUND((AU217*[4]TripRateCalculations!O$4),0))</f>
        <v>n/a</v>
      </c>
      <c r="AP217" s="1020" t="str">
        <f>IF(AV217="n/a","n/a",ROUND((AV217*[4]TripRateCalculations!P$4),0))</f>
        <v>n/a</v>
      </c>
      <c r="AQ217" s="1020" t="s">
        <v>1498</v>
      </c>
      <c r="AR217" s="1020" t="str">
        <f>IF(AX217="n/a","n/a",ROUND((AX217*[4]TripRateCalculations!R$4),0))</f>
        <v>n/a</v>
      </c>
      <c r="AS217" s="1020" t="str">
        <f>IF(AY217="n/a","n/a",ROUND((AY217*[4]TripRateCalculations!S$4),0))</f>
        <v>n/a</v>
      </c>
      <c r="AT217" s="1020" t="s">
        <v>1498</v>
      </c>
      <c r="AU217" s="1020" t="s">
        <v>1498</v>
      </c>
      <c r="AV217" s="1020" t="s">
        <v>1498</v>
      </c>
      <c r="AW217" s="1020" t="s">
        <v>1498</v>
      </c>
      <c r="AX217" s="1020" t="s">
        <v>1498</v>
      </c>
      <c r="AY217" s="1020" t="s">
        <v>1498</v>
      </c>
      <c r="AZ217" s="1020" t="s">
        <v>1498</v>
      </c>
      <c r="BA217" s="1100" t="s">
        <v>1498</v>
      </c>
      <c r="BB217" s="1100" t="s">
        <v>1498</v>
      </c>
      <c r="BC217" s="1100" t="s">
        <v>1498</v>
      </c>
      <c r="BD217" s="1100" t="s">
        <v>1498</v>
      </c>
      <c r="BE217" s="1100" t="s">
        <v>1498</v>
      </c>
      <c r="BF217" s="1100" t="s">
        <v>1498</v>
      </c>
      <c r="BG217" s="1100" t="s">
        <v>1498</v>
      </c>
      <c r="BH217" s="1027" t="s">
        <v>1927</v>
      </c>
      <c r="BI217" s="1026" t="s">
        <v>722</v>
      </c>
      <c r="BJ217" s="1026" t="s">
        <v>53</v>
      </c>
      <c r="BK217" s="1042">
        <f>ROUND((VLOOKUP(F217,'[4]Cost Summary'!A:H,8,)),0.1)</f>
        <v>933404</v>
      </c>
      <c r="BL217" s="1026">
        <v>1</v>
      </c>
      <c r="BM217" s="1026">
        <v>1</v>
      </c>
      <c r="BN217" s="1141" t="s">
        <v>1584</v>
      </c>
      <c r="BO217" s="1130">
        <v>606409.38</v>
      </c>
      <c r="BP217" s="992"/>
      <c r="BQ217" s="1131" t="e">
        <f t="shared" si="84"/>
        <v>#VALUE!</v>
      </c>
      <c r="BR217" s="1131" t="e">
        <f t="shared" si="85"/>
        <v>#VALUE!</v>
      </c>
      <c r="BS217" s="1131" t="e">
        <f t="shared" si="86"/>
        <v>#VALUE!</v>
      </c>
      <c r="BT217" s="1131" t="e">
        <f t="shared" si="87"/>
        <v>#VALUE!</v>
      </c>
      <c r="BU217" s="1131" t="e">
        <f t="shared" si="88"/>
        <v>#VALUE!</v>
      </c>
      <c r="BV217" s="1131" t="e">
        <f t="shared" si="89"/>
        <v>#VALUE!</v>
      </c>
      <c r="BW217" s="1131" t="e">
        <f t="shared" si="90"/>
        <v>#VALUE!</v>
      </c>
      <c r="BX217" s="1131" t="e">
        <f t="shared" si="91"/>
        <v>#VALUE!</v>
      </c>
      <c r="BY217" s="1131" t="e">
        <f t="shared" si="92"/>
        <v>#VALUE!</v>
      </c>
      <c r="BZ217" s="1131" t="e">
        <f t="shared" si="93"/>
        <v>#VALUE!</v>
      </c>
      <c r="CA217" s="1131" t="e">
        <f t="shared" si="94"/>
        <v>#VALUE!</v>
      </c>
      <c r="CB217" s="1131" t="e">
        <f t="shared" si="95"/>
        <v>#VALUE!</v>
      </c>
      <c r="CC217" s="1131" t="e">
        <f t="shared" si="96"/>
        <v>#VALUE!</v>
      </c>
      <c r="CD217" s="1131" t="e">
        <f t="shared" si="97"/>
        <v>#VALUE!</v>
      </c>
      <c r="CE217" s="1131" t="e">
        <f t="shared" si="98"/>
        <v>#VALUE!</v>
      </c>
      <c r="CF217" s="1131" t="e">
        <f t="shared" si="99"/>
        <v>#VALUE!</v>
      </c>
      <c r="CG217" s="1131" t="e">
        <f t="shared" si="100"/>
        <v>#VALUE!</v>
      </c>
      <c r="CH217" s="1131" t="e">
        <f t="shared" si="101"/>
        <v>#VALUE!</v>
      </c>
      <c r="CI217" s="1131" t="e">
        <f t="shared" si="102"/>
        <v>#VALUE!</v>
      </c>
      <c r="CJ217" s="1131" t="e">
        <f t="shared" si="103"/>
        <v>#VALUE!</v>
      </c>
      <c r="CK217" s="1132" t="str">
        <f t="shared" si="104"/>
        <v>n/a</v>
      </c>
    </row>
    <row r="218" spans="1:89" ht="42.75" x14ac:dyDescent="0.2">
      <c r="A218" s="992"/>
      <c r="B218" s="1126"/>
      <c r="C218" s="1126"/>
      <c r="D218" s="1126"/>
      <c r="E218" s="1126"/>
      <c r="F218" s="1026" t="s">
        <v>2083</v>
      </c>
      <c r="G218" s="1026" t="s">
        <v>1053</v>
      </c>
      <c r="H218" s="1026" t="s">
        <v>1054</v>
      </c>
      <c r="I218" s="1026" t="s">
        <v>1703</v>
      </c>
      <c r="J218" s="1026">
        <v>51.730353000000001</v>
      </c>
      <c r="K218" s="1026">
        <v>-0.45757399999999998</v>
      </c>
      <c r="L218" s="1026" t="s">
        <v>1522</v>
      </c>
      <c r="M218" s="1026" t="s">
        <v>1489</v>
      </c>
      <c r="N218" s="1026">
        <v>1</v>
      </c>
      <c r="O218" s="1026" t="s">
        <v>932</v>
      </c>
      <c r="P218" s="1026" t="s">
        <v>1490</v>
      </c>
      <c r="Q218" s="1026" t="s">
        <v>1491</v>
      </c>
      <c r="R218" s="1026" t="s">
        <v>1492</v>
      </c>
      <c r="S218" s="1026" t="s">
        <v>1493</v>
      </c>
      <c r="T218" s="1026" t="s">
        <v>1706</v>
      </c>
      <c r="U218" s="1016" t="str">
        <f>_xlfn.XLOOKUP(F218, [4]GIS!D:D, [4]GIS!E:E, "Not mapped")</f>
        <v>Single - Scenario 2</v>
      </c>
      <c r="V218" s="1026" t="s">
        <v>1707</v>
      </c>
      <c r="W218" s="1032" t="s">
        <v>1525</v>
      </c>
      <c r="X218" s="1032" t="s">
        <v>1526</v>
      </c>
      <c r="Y218" s="1033">
        <v>1</v>
      </c>
      <c r="Z218" s="1033">
        <v>1</v>
      </c>
      <c r="AA218" s="1033">
        <v>4</v>
      </c>
      <c r="AB218" s="1033">
        <v>1</v>
      </c>
      <c r="AC218" s="1033">
        <v>1</v>
      </c>
      <c r="AD218" s="1034">
        <v>70</v>
      </c>
      <c r="AE218" s="1034">
        <v>1</v>
      </c>
      <c r="AF218" s="1034">
        <v>7</v>
      </c>
      <c r="AG218" s="1034">
        <v>0</v>
      </c>
      <c r="AH218" s="1034">
        <v>1</v>
      </c>
      <c r="AI218" s="1034">
        <v>0</v>
      </c>
      <c r="AJ218" s="1034">
        <v>4</v>
      </c>
      <c r="AK218" s="1034">
        <f>IF(AJ218="n/a","n/a",ROUND((AJ218*[4]TripRateCalculations!$V$6),0))</f>
        <v>9</v>
      </c>
      <c r="AL218" s="1034">
        <v>0</v>
      </c>
      <c r="AM218" s="1034">
        <v>1</v>
      </c>
      <c r="AN218" s="1034">
        <f>IF(AT218="n/a","n/a",ROUND((AT218*[4]TripRateCalculations!N$4),0))</f>
        <v>1</v>
      </c>
      <c r="AO218" s="1034">
        <f>IF(AU218="n/a","n/a",ROUND((AU218*[4]TripRateCalculations!O$4),0))</f>
        <v>2</v>
      </c>
      <c r="AP218" s="1034">
        <f>IF(AV218="n/a","n/a",ROUND((AV218*[4]TripRateCalculations!P$4),0))</f>
        <v>0</v>
      </c>
      <c r="AQ218" s="1034">
        <f>AW218*[4]TripRateCalculations!Q$4</f>
        <v>0</v>
      </c>
      <c r="AR218" s="1034">
        <f>IF(AX218="n/a","n/a",ROUND((AX218*[4]TripRateCalculations!R$4),0))</f>
        <v>0</v>
      </c>
      <c r="AS218" s="1034">
        <f>IF(AY218="n/a","n/a",ROUND((AY218*[4]TripRateCalculations!S$4),0))</f>
        <v>0</v>
      </c>
      <c r="AT218" s="1034">
        <v>3</v>
      </c>
      <c r="AU218" s="1034">
        <v>26</v>
      </c>
      <c r="AV218" s="1034">
        <v>1</v>
      </c>
      <c r="AW218" s="1034">
        <v>0</v>
      </c>
      <c r="AX218" s="1034">
        <v>2</v>
      </c>
      <c r="AY218" s="1034">
        <v>0</v>
      </c>
      <c r="AZ218" s="1035">
        <v>2</v>
      </c>
      <c r="BA218" s="1035">
        <v>1</v>
      </c>
      <c r="BB218" s="1035">
        <v>0</v>
      </c>
      <c r="BC218" s="1035">
        <v>0</v>
      </c>
      <c r="BD218" s="1035">
        <v>6</v>
      </c>
      <c r="BE218" s="1035">
        <v>0</v>
      </c>
      <c r="BF218" s="1035">
        <v>0</v>
      </c>
      <c r="BG218" s="1035">
        <f>BF218*[4]TripRateCalculations!$Q$4</f>
        <v>0</v>
      </c>
      <c r="BH218" s="1027" t="s">
        <v>1983</v>
      </c>
      <c r="BI218" s="1026" t="s">
        <v>834</v>
      </c>
      <c r="BJ218" s="1026" t="s">
        <v>53</v>
      </c>
      <c r="BK218" s="1042">
        <f>ROUND((VLOOKUP(F218,'[4]Cost Summary'!A:H,8,)),0.1)</f>
        <v>72774</v>
      </c>
      <c r="BL218" s="1026">
        <v>0</v>
      </c>
      <c r="BM218" s="1026" t="s">
        <v>1500</v>
      </c>
      <c r="BN218" s="1044" t="s">
        <v>1584</v>
      </c>
      <c r="BO218" s="1130">
        <v>47279.38</v>
      </c>
      <c r="BP218" s="992"/>
      <c r="BQ218" s="1131">
        <f t="shared" si="84"/>
        <v>9.9009900990099011E-3</v>
      </c>
      <c r="BR218" s="1131">
        <f t="shared" si="85"/>
        <v>3.9603960396039604E-2</v>
      </c>
      <c r="BS218" s="1131">
        <f t="shared" si="86"/>
        <v>9.9009900990099011E-3</v>
      </c>
      <c r="BT218" s="1131">
        <f t="shared" si="87"/>
        <v>9.9009900990099011E-3</v>
      </c>
      <c r="BU218" s="1131">
        <f t="shared" si="88"/>
        <v>0.69306930693069302</v>
      </c>
      <c r="BV218" s="1131">
        <f t="shared" si="89"/>
        <v>9.9009900990099011E-3</v>
      </c>
      <c r="BW218" s="1131">
        <f t="shared" si="90"/>
        <v>6.9306930693069313E-2</v>
      </c>
      <c r="BX218" s="1131">
        <f t="shared" si="91"/>
        <v>0</v>
      </c>
      <c r="BY218" s="1131">
        <f t="shared" si="92"/>
        <v>0</v>
      </c>
      <c r="BZ218" s="1131">
        <f t="shared" si="93"/>
        <v>8.9108910891089105E-2</v>
      </c>
      <c r="CA218" s="1131">
        <f t="shared" si="94"/>
        <v>0</v>
      </c>
      <c r="CB218" s="1131">
        <f t="shared" si="95"/>
        <v>9.9009900990099011E-3</v>
      </c>
      <c r="CC218" s="1131">
        <f t="shared" si="96"/>
        <v>9.9009900990099011E-3</v>
      </c>
      <c r="CD218" s="1131">
        <f t="shared" si="97"/>
        <v>1.9801980198019802E-2</v>
      </c>
      <c r="CE218" s="1131">
        <f t="shared" si="98"/>
        <v>0</v>
      </c>
      <c r="CF218" s="1131">
        <f t="shared" si="99"/>
        <v>0</v>
      </c>
      <c r="CG218" s="1131">
        <f t="shared" si="100"/>
        <v>0</v>
      </c>
      <c r="CH218" s="1131">
        <f t="shared" si="101"/>
        <v>1.9801980198019802E-2</v>
      </c>
      <c r="CI218" s="1131">
        <f t="shared" si="102"/>
        <v>9.9009900990099011E-3</v>
      </c>
      <c r="CJ218" s="1131">
        <f t="shared" si="103"/>
        <v>0</v>
      </c>
      <c r="CK218" s="1132">
        <f t="shared" si="104"/>
        <v>1</v>
      </c>
    </row>
    <row r="219" spans="1:89" ht="42.75" x14ac:dyDescent="0.2">
      <c r="A219" s="992"/>
      <c r="B219" s="1126"/>
      <c r="C219" s="1126"/>
      <c r="D219" s="1126"/>
      <c r="E219" s="1126"/>
      <c r="F219" s="1026" t="s">
        <v>2084</v>
      </c>
      <c r="G219" s="1026" t="s">
        <v>1055</v>
      </c>
      <c r="H219" s="1026" t="s">
        <v>1056</v>
      </c>
      <c r="I219" s="1026" t="s">
        <v>2085</v>
      </c>
      <c r="J219" s="1026" t="s">
        <v>1521</v>
      </c>
      <c r="K219" s="1026" t="s">
        <v>1521</v>
      </c>
      <c r="L219" s="1026" t="s">
        <v>1522</v>
      </c>
      <c r="M219" s="1026" t="s">
        <v>1489</v>
      </c>
      <c r="N219" s="1026">
        <v>1</v>
      </c>
      <c r="O219" s="1026" t="s">
        <v>932</v>
      </c>
      <c r="P219" s="1026" t="s">
        <v>1490</v>
      </c>
      <c r="Q219" s="1026" t="s">
        <v>1491</v>
      </c>
      <c r="R219" s="1026" t="s">
        <v>1492</v>
      </c>
      <c r="S219" s="1026" t="s">
        <v>1493</v>
      </c>
      <c r="T219" s="1026" t="s">
        <v>1706</v>
      </c>
      <c r="U219" s="1016" t="str">
        <f>_xlfn.XLOOKUP(F219, [4]GIS!D:D, [4]GIS!E:E, "Not mapped")</f>
        <v>Single - Scenario 2</v>
      </c>
      <c r="V219" s="1026" t="s">
        <v>1707</v>
      </c>
      <c r="W219" s="1032" t="s">
        <v>1525</v>
      </c>
      <c r="X219" s="1032" t="s">
        <v>1526</v>
      </c>
      <c r="Y219" s="1033">
        <v>1</v>
      </c>
      <c r="Z219" s="1033">
        <v>1</v>
      </c>
      <c r="AA219" s="1033">
        <v>4</v>
      </c>
      <c r="AB219" s="1033">
        <v>1</v>
      </c>
      <c r="AC219" s="1033">
        <v>1</v>
      </c>
      <c r="AD219" s="1034">
        <v>70</v>
      </c>
      <c r="AE219" s="1034">
        <v>1</v>
      </c>
      <c r="AF219" s="1034">
        <v>7</v>
      </c>
      <c r="AG219" s="1034">
        <v>0</v>
      </c>
      <c r="AH219" s="1034">
        <v>1</v>
      </c>
      <c r="AI219" s="1034">
        <v>0</v>
      </c>
      <c r="AJ219" s="1034">
        <v>4</v>
      </c>
      <c r="AK219" s="1034">
        <f>IF(AJ219="n/a","n/a",ROUND((AJ219*[4]TripRateCalculations!$V$6),0))</f>
        <v>9</v>
      </c>
      <c r="AL219" s="1034">
        <v>0</v>
      </c>
      <c r="AM219" s="1034">
        <v>1</v>
      </c>
      <c r="AN219" s="1034">
        <f>IF(AT219="n/a","n/a",ROUND((AT219*[4]TripRateCalculations!N$4),0))</f>
        <v>1</v>
      </c>
      <c r="AO219" s="1034">
        <f>IF(AU219="n/a","n/a",ROUND((AU219*[4]TripRateCalculations!O$4),0))</f>
        <v>2</v>
      </c>
      <c r="AP219" s="1034">
        <f>IF(AV219="n/a","n/a",ROUND((AV219*[4]TripRateCalculations!P$4),0))</f>
        <v>0</v>
      </c>
      <c r="AQ219" s="1034">
        <f>AW219*[4]TripRateCalculations!Q$4</f>
        <v>0</v>
      </c>
      <c r="AR219" s="1034">
        <f>IF(AX219="n/a","n/a",ROUND((AX219*[4]TripRateCalculations!R$4),0))</f>
        <v>0</v>
      </c>
      <c r="AS219" s="1034">
        <f>IF(AY219="n/a","n/a",ROUND((AY219*[4]TripRateCalculations!S$4),0))</f>
        <v>0</v>
      </c>
      <c r="AT219" s="1034">
        <v>3</v>
      </c>
      <c r="AU219" s="1034">
        <v>26</v>
      </c>
      <c r="AV219" s="1034">
        <v>1</v>
      </c>
      <c r="AW219" s="1034">
        <v>0</v>
      </c>
      <c r="AX219" s="1034">
        <v>2</v>
      </c>
      <c r="AY219" s="1034">
        <v>0</v>
      </c>
      <c r="AZ219" s="1035">
        <v>2</v>
      </c>
      <c r="BA219" s="1035">
        <v>1</v>
      </c>
      <c r="BB219" s="1035">
        <v>0</v>
      </c>
      <c r="BC219" s="1035">
        <v>0</v>
      </c>
      <c r="BD219" s="1035">
        <v>6</v>
      </c>
      <c r="BE219" s="1035">
        <v>0</v>
      </c>
      <c r="BF219" s="1035">
        <v>0</v>
      </c>
      <c r="BG219" s="1035">
        <f>BF219*[4]TripRateCalculations!$Q$4</f>
        <v>0</v>
      </c>
      <c r="BH219" s="1027" t="s">
        <v>1983</v>
      </c>
      <c r="BI219" s="1026" t="s">
        <v>834</v>
      </c>
      <c r="BJ219" s="1026" t="s">
        <v>53</v>
      </c>
      <c r="BK219" s="1042">
        <f>ROUND((VLOOKUP(F219,'[4]Cost Summary'!A:H,8,)),0.1)</f>
        <v>1518759</v>
      </c>
      <c r="BL219" s="1026">
        <v>1</v>
      </c>
      <c r="BM219" s="1026">
        <v>7</v>
      </c>
      <c r="BN219" s="1044" t="s">
        <v>1584</v>
      </c>
      <c r="BO219" s="1130">
        <v>986700</v>
      </c>
      <c r="BP219" s="992"/>
      <c r="BQ219" s="1131">
        <f t="shared" si="84"/>
        <v>9.9009900990099011E-3</v>
      </c>
      <c r="BR219" s="1131">
        <f t="shared" si="85"/>
        <v>3.9603960396039604E-2</v>
      </c>
      <c r="BS219" s="1131">
        <f t="shared" si="86"/>
        <v>9.9009900990099011E-3</v>
      </c>
      <c r="BT219" s="1131">
        <f t="shared" si="87"/>
        <v>9.9009900990099011E-3</v>
      </c>
      <c r="BU219" s="1131">
        <f t="shared" si="88"/>
        <v>0.69306930693069302</v>
      </c>
      <c r="BV219" s="1131">
        <f t="shared" si="89"/>
        <v>9.9009900990099011E-3</v>
      </c>
      <c r="BW219" s="1131">
        <f t="shared" si="90"/>
        <v>6.9306930693069313E-2</v>
      </c>
      <c r="BX219" s="1131">
        <f t="shared" si="91"/>
        <v>0</v>
      </c>
      <c r="BY219" s="1131">
        <f t="shared" si="92"/>
        <v>0</v>
      </c>
      <c r="BZ219" s="1131">
        <f t="shared" si="93"/>
        <v>8.9108910891089105E-2</v>
      </c>
      <c r="CA219" s="1131">
        <f t="shared" si="94"/>
        <v>0</v>
      </c>
      <c r="CB219" s="1131">
        <f t="shared" si="95"/>
        <v>9.9009900990099011E-3</v>
      </c>
      <c r="CC219" s="1131">
        <f t="shared" si="96"/>
        <v>9.9009900990099011E-3</v>
      </c>
      <c r="CD219" s="1131">
        <f t="shared" si="97"/>
        <v>1.9801980198019802E-2</v>
      </c>
      <c r="CE219" s="1131">
        <f t="shared" si="98"/>
        <v>0</v>
      </c>
      <c r="CF219" s="1131">
        <f t="shared" si="99"/>
        <v>0</v>
      </c>
      <c r="CG219" s="1131">
        <f t="shared" si="100"/>
        <v>0</v>
      </c>
      <c r="CH219" s="1131">
        <f t="shared" si="101"/>
        <v>1.9801980198019802E-2</v>
      </c>
      <c r="CI219" s="1131">
        <f t="shared" si="102"/>
        <v>9.9009900990099011E-3</v>
      </c>
      <c r="CJ219" s="1131">
        <f t="shared" si="103"/>
        <v>0</v>
      </c>
      <c r="CK219" s="1132">
        <f t="shared" si="104"/>
        <v>1</v>
      </c>
    </row>
    <row r="220" spans="1:89" ht="71.25" x14ac:dyDescent="0.2">
      <c r="A220" s="992"/>
      <c r="B220" s="1126"/>
      <c r="C220" s="1126"/>
      <c r="D220" s="1126"/>
      <c r="E220" s="1126" t="s">
        <v>66</v>
      </c>
      <c r="F220" s="1026" t="s">
        <v>2086</v>
      </c>
      <c r="G220" s="1026" t="s">
        <v>2087</v>
      </c>
      <c r="H220" s="1026" t="s">
        <v>2088</v>
      </c>
      <c r="I220" s="1026" t="s">
        <v>1487</v>
      </c>
      <c r="J220" s="1026">
        <v>51.741713448895702</v>
      </c>
      <c r="K220" s="1026">
        <v>-0.389423705179479</v>
      </c>
      <c r="L220" s="1026" t="s">
        <v>1522</v>
      </c>
      <c r="M220" s="1026" t="s">
        <v>1523</v>
      </c>
      <c r="N220" s="1026">
        <v>3</v>
      </c>
      <c r="O220" s="1026" t="s">
        <v>870</v>
      </c>
      <c r="P220" s="1026" t="s">
        <v>1578</v>
      </c>
      <c r="Q220" s="1026" t="s">
        <v>1491</v>
      </c>
      <c r="R220" s="1026" t="s">
        <v>1492</v>
      </c>
      <c r="S220" s="1026" t="s">
        <v>2089</v>
      </c>
      <c r="T220" s="1026"/>
      <c r="U220" s="1016" t="str">
        <f>_xlfn.XLOOKUP(F220, [4]GIS!D:D, [4]GIS!E:E, "Not mapped")</f>
        <v>Single - Scenario 1</v>
      </c>
      <c r="V220" s="1026"/>
      <c r="W220" s="1050" t="s">
        <v>1618</v>
      </c>
      <c r="X220" s="1050" t="s">
        <v>1619</v>
      </c>
      <c r="Y220" s="1020" t="s">
        <v>1498</v>
      </c>
      <c r="Z220" s="1020" t="s">
        <v>1498</v>
      </c>
      <c r="AA220" s="1020" t="s">
        <v>1498</v>
      </c>
      <c r="AB220" s="1020" t="s">
        <v>1498</v>
      </c>
      <c r="AC220" s="1020" t="s">
        <v>1498</v>
      </c>
      <c r="AD220" s="1020" t="s">
        <v>1498</v>
      </c>
      <c r="AE220" s="1020" t="s">
        <v>1498</v>
      </c>
      <c r="AF220" s="1020" t="s">
        <v>1498</v>
      </c>
      <c r="AG220" s="1020" t="s">
        <v>1498</v>
      </c>
      <c r="AH220" s="1020" t="s">
        <v>1498</v>
      </c>
      <c r="AI220" s="1020" t="s">
        <v>1498</v>
      </c>
      <c r="AJ220" s="1020" t="s">
        <v>1498</v>
      </c>
      <c r="AK220" s="1020" t="str">
        <f>IF(AJ220="n/a","n/a",ROUND((AJ220*[4]TripRateCalculations!$V$6),0))</f>
        <v>n/a</v>
      </c>
      <c r="AL220" s="1020" t="s">
        <v>1498</v>
      </c>
      <c r="AM220" s="1020" t="s">
        <v>1498</v>
      </c>
      <c r="AN220" s="1020" t="str">
        <f>IF(AT220="n/a","n/a",ROUND((AT220*[4]TripRateCalculations!N$4),0))</f>
        <v>n/a</v>
      </c>
      <c r="AO220" s="1020" t="str">
        <f>IF(AU220="n/a","n/a",ROUND((AU220*[4]TripRateCalculations!O$4),0))</f>
        <v>n/a</v>
      </c>
      <c r="AP220" s="1020" t="str">
        <f>IF(AV220="n/a","n/a",ROUND((AV220*[4]TripRateCalculations!P$4),0))</f>
        <v>n/a</v>
      </c>
      <c r="AQ220" s="1020" t="s">
        <v>1498</v>
      </c>
      <c r="AR220" s="1020" t="str">
        <f>IF(AX220="n/a","n/a",ROUND((AX220*[4]TripRateCalculations!R$4),0))</f>
        <v>n/a</v>
      </c>
      <c r="AS220" s="1020" t="str">
        <f>IF(AY220="n/a","n/a",ROUND((AY220*[4]TripRateCalculations!S$4),0))</f>
        <v>n/a</v>
      </c>
      <c r="AT220" s="1020" t="s">
        <v>1498</v>
      </c>
      <c r="AU220" s="1020" t="s">
        <v>1498</v>
      </c>
      <c r="AV220" s="1020" t="s">
        <v>1498</v>
      </c>
      <c r="AW220" s="1020" t="s">
        <v>1498</v>
      </c>
      <c r="AX220" s="1020" t="s">
        <v>1498</v>
      </c>
      <c r="AY220" s="1020" t="s">
        <v>1498</v>
      </c>
      <c r="AZ220" s="1020" t="s">
        <v>1498</v>
      </c>
      <c r="BA220" s="1100" t="s">
        <v>1498</v>
      </c>
      <c r="BB220" s="1100" t="s">
        <v>1498</v>
      </c>
      <c r="BC220" s="1100" t="s">
        <v>1498</v>
      </c>
      <c r="BD220" s="1100" t="s">
        <v>1498</v>
      </c>
      <c r="BE220" s="1100" t="s">
        <v>1498</v>
      </c>
      <c r="BF220" s="1100" t="s">
        <v>1498</v>
      </c>
      <c r="BG220" s="1100" t="s">
        <v>1498</v>
      </c>
      <c r="BH220" s="1027"/>
      <c r="BI220" s="1026" t="s">
        <v>904</v>
      </c>
      <c r="BJ220" s="1026" t="s">
        <v>869</v>
      </c>
      <c r="BK220" s="1107">
        <f>ROUND((VLOOKUP(F220,'[4]Cost Summary'!A:H,8,)),0.1)</f>
        <v>2809962</v>
      </c>
      <c r="BL220" s="1108"/>
      <c r="BM220" s="1108"/>
      <c r="BN220" s="1109" t="s">
        <v>1527</v>
      </c>
      <c r="BO220" s="1130" t="s">
        <v>1528</v>
      </c>
      <c r="BP220" s="992"/>
      <c r="BQ220" s="1131" t="e">
        <f t="shared" si="84"/>
        <v>#VALUE!</v>
      </c>
      <c r="BR220" s="1131" t="e">
        <f t="shared" si="85"/>
        <v>#VALUE!</v>
      </c>
      <c r="BS220" s="1131" t="e">
        <f t="shared" si="86"/>
        <v>#VALUE!</v>
      </c>
      <c r="BT220" s="1131" t="e">
        <f t="shared" si="87"/>
        <v>#VALUE!</v>
      </c>
      <c r="BU220" s="1131" t="e">
        <f t="shared" si="88"/>
        <v>#VALUE!</v>
      </c>
      <c r="BV220" s="1131" t="e">
        <f t="shared" si="89"/>
        <v>#VALUE!</v>
      </c>
      <c r="BW220" s="1131" t="e">
        <f t="shared" si="90"/>
        <v>#VALUE!</v>
      </c>
      <c r="BX220" s="1131" t="e">
        <f t="shared" si="91"/>
        <v>#VALUE!</v>
      </c>
      <c r="BY220" s="1131" t="e">
        <f t="shared" si="92"/>
        <v>#VALUE!</v>
      </c>
      <c r="BZ220" s="1131" t="e">
        <f t="shared" si="93"/>
        <v>#VALUE!</v>
      </c>
      <c r="CA220" s="1131" t="e">
        <f t="shared" si="94"/>
        <v>#VALUE!</v>
      </c>
      <c r="CB220" s="1131" t="e">
        <f t="shared" si="95"/>
        <v>#VALUE!</v>
      </c>
      <c r="CC220" s="1131" t="e">
        <f t="shared" si="96"/>
        <v>#VALUE!</v>
      </c>
      <c r="CD220" s="1131" t="e">
        <f t="shared" si="97"/>
        <v>#VALUE!</v>
      </c>
      <c r="CE220" s="1131" t="e">
        <f t="shared" si="98"/>
        <v>#VALUE!</v>
      </c>
      <c r="CF220" s="1131" t="e">
        <f t="shared" si="99"/>
        <v>#VALUE!</v>
      </c>
      <c r="CG220" s="1131" t="e">
        <f t="shared" si="100"/>
        <v>#VALUE!</v>
      </c>
      <c r="CH220" s="1131" t="e">
        <f t="shared" si="101"/>
        <v>#VALUE!</v>
      </c>
      <c r="CI220" s="1131" t="e">
        <f t="shared" si="102"/>
        <v>#VALUE!</v>
      </c>
      <c r="CJ220" s="1131" t="e">
        <f t="shared" si="103"/>
        <v>#VALUE!</v>
      </c>
      <c r="CK220" s="1132" t="str">
        <f t="shared" si="104"/>
        <v>n/a</v>
      </c>
    </row>
    <row r="221" spans="1:89" ht="42.75" x14ac:dyDescent="0.2">
      <c r="A221" s="992"/>
      <c r="B221" s="1126" t="s">
        <v>66</v>
      </c>
      <c r="C221" s="1126" t="s">
        <v>66</v>
      </c>
      <c r="D221" s="1126"/>
      <c r="E221" s="1126"/>
      <c r="F221" s="1026" t="s">
        <v>2090</v>
      </c>
      <c r="G221" s="1026" t="s">
        <v>1275</v>
      </c>
      <c r="H221" s="1026" t="s">
        <v>2091</v>
      </c>
      <c r="I221" s="1026" t="s">
        <v>1487</v>
      </c>
      <c r="J221" s="1026" t="s">
        <v>1521</v>
      </c>
      <c r="K221" s="1026" t="s">
        <v>1521</v>
      </c>
      <c r="L221" s="1026" t="s">
        <v>1488</v>
      </c>
      <c r="M221" s="1026" t="s">
        <v>1489</v>
      </c>
      <c r="N221" s="1026">
        <v>1</v>
      </c>
      <c r="O221" s="1026" t="s">
        <v>932</v>
      </c>
      <c r="P221" s="1026" t="s">
        <v>1490</v>
      </c>
      <c r="Q221" s="1026" t="s">
        <v>1491</v>
      </c>
      <c r="R221" s="1026" t="s">
        <v>1492</v>
      </c>
      <c r="S221" s="1026" t="s">
        <v>1493</v>
      </c>
      <c r="T221" s="1026" t="s">
        <v>1507</v>
      </c>
      <c r="U221" s="1016" t="str">
        <f>_xlfn.XLOOKUP(F221, [4]GIS!D:D, [4]GIS!E:E, "Not mapped")</f>
        <v>Single - Scenario 2</v>
      </c>
      <c r="V221" s="1026"/>
      <c r="W221" s="1143" t="s">
        <v>1653</v>
      </c>
      <c r="X221" s="1144" t="s">
        <v>2092</v>
      </c>
      <c r="Y221" s="1020" t="s">
        <v>1498</v>
      </c>
      <c r="Z221" s="1020" t="s">
        <v>1498</v>
      </c>
      <c r="AA221" s="1020" t="s">
        <v>1498</v>
      </c>
      <c r="AB221" s="1020" t="s">
        <v>1498</v>
      </c>
      <c r="AC221" s="1020" t="s">
        <v>1498</v>
      </c>
      <c r="AD221" s="1020" t="s">
        <v>1498</v>
      </c>
      <c r="AE221" s="1020" t="s">
        <v>1498</v>
      </c>
      <c r="AF221" s="1020" t="s">
        <v>1498</v>
      </c>
      <c r="AG221" s="1020" t="s">
        <v>1498</v>
      </c>
      <c r="AH221" s="1020" t="s">
        <v>1498</v>
      </c>
      <c r="AI221" s="1020" t="s">
        <v>1498</v>
      </c>
      <c r="AJ221" s="1020" t="s">
        <v>1498</v>
      </c>
      <c r="AK221" s="1020" t="str">
        <f>IF(AJ221="n/a","n/a",ROUND((AJ221*[4]TripRateCalculations!$V$6),0))</f>
        <v>n/a</v>
      </c>
      <c r="AL221" s="1020" t="s">
        <v>1498</v>
      </c>
      <c r="AM221" s="1020" t="s">
        <v>1498</v>
      </c>
      <c r="AN221" s="1020" t="str">
        <f>IF(AT221="n/a","n/a",ROUND((AT221*[4]TripRateCalculations!N$4),0))</f>
        <v>n/a</v>
      </c>
      <c r="AO221" s="1020" t="str">
        <f>IF(AU221="n/a","n/a",ROUND((AU221*[4]TripRateCalculations!O$4),0))</f>
        <v>n/a</v>
      </c>
      <c r="AP221" s="1020" t="str">
        <f>IF(AV221="n/a","n/a",ROUND((AV221*[4]TripRateCalculations!P$4),0))</f>
        <v>n/a</v>
      </c>
      <c r="AQ221" s="1020" t="s">
        <v>1498</v>
      </c>
      <c r="AR221" s="1020" t="str">
        <f>IF(AX221="n/a","n/a",ROUND((AX221*[4]TripRateCalculations!R$4),0))</f>
        <v>n/a</v>
      </c>
      <c r="AS221" s="1020" t="str">
        <f>IF(AY221="n/a","n/a",ROUND((AY221*[4]TripRateCalculations!S$4),0))</f>
        <v>n/a</v>
      </c>
      <c r="AT221" s="1020" t="s">
        <v>1498</v>
      </c>
      <c r="AU221" s="1020" t="s">
        <v>1498</v>
      </c>
      <c r="AV221" s="1020" t="s">
        <v>1498</v>
      </c>
      <c r="AW221" s="1020" t="s">
        <v>1498</v>
      </c>
      <c r="AX221" s="1020" t="s">
        <v>1498</v>
      </c>
      <c r="AY221" s="1020" t="s">
        <v>1498</v>
      </c>
      <c r="AZ221" s="1020" t="s">
        <v>1498</v>
      </c>
      <c r="BA221" s="1100" t="s">
        <v>1498</v>
      </c>
      <c r="BB221" s="1100" t="s">
        <v>1498</v>
      </c>
      <c r="BC221" s="1100" t="s">
        <v>1498</v>
      </c>
      <c r="BD221" s="1100" t="s">
        <v>1498</v>
      </c>
      <c r="BE221" s="1100" t="s">
        <v>1498</v>
      </c>
      <c r="BF221" s="1100" t="s">
        <v>1498</v>
      </c>
      <c r="BG221" s="1100" t="s">
        <v>1498</v>
      </c>
      <c r="BH221" s="1027" t="s">
        <v>1642</v>
      </c>
      <c r="BI221" s="1026" t="s">
        <v>722</v>
      </c>
      <c r="BJ221" s="1026" t="s">
        <v>53</v>
      </c>
      <c r="BK221" s="1042">
        <f>ROUND((VLOOKUP(F221,'[4]Cost Summary'!A:H,8,)),0.1)</f>
        <v>345715</v>
      </c>
      <c r="BL221" s="1026">
        <v>1</v>
      </c>
      <c r="BM221" s="1043">
        <v>2</v>
      </c>
      <c r="BN221" s="1142" t="s">
        <v>2058</v>
      </c>
      <c r="BO221" s="1130">
        <v>124150.5</v>
      </c>
      <c r="BP221" s="992"/>
      <c r="BQ221" s="1131" t="e">
        <f t="shared" si="84"/>
        <v>#VALUE!</v>
      </c>
      <c r="BR221" s="1131" t="e">
        <f t="shared" si="85"/>
        <v>#VALUE!</v>
      </c>
      <c r="BS221" s="1131" t="e">
        <f t="shared" si="86"/>
        <v>#VALUE!</v>
      </c>
      <c r="BT221" s="1131" t="e">
        <f t="shared" si="87"/>
        <v>#VALUE!</v>
      </c>
      <c r="BU221" s="1131" t="e">
        <f t="shared" si="88"/>
        <v>#VALUE!</v>
      </c>
      <c r="BV221" s="1131" t="e">
        <f t="shared" si="89"/>
        <v>#VALUE!</v>
      </c>
      <c r="BW221" s="1131" t="e">
        <f t="shared" si="90"/>
        <v>#VALUE!</v>
      </c>
      <c r="BX221" s="1131" t="e">
        <f t="shared" si="91"/>
        <v>#VALUE!</v>
      </c>
      <c r="BY221" s="1131" t="e">
        <f t="shared" si="92"/>
        <v>#VALUE!</v>
      </c>
      <c r="BZ221" s="1131" t="e">
        <f t="shared" si="93"/>
        <v>#VALUE!</v>
      </c>
      <c r="CA221" s="1131" t="e">
        <f t="shared" si="94"/>
        <v>#VALUE!</v>
      </c>
      <c r="CB221" s="1131" t="e">
        <f t="shared" si="95"/>
        <v>#VALUE!</v>
      </c>
      <c r="CC221" s="1131" t="e">
        <f t="shared" si="96"/>
        <v>#VALUE!</v>
      </c>
      <c r="CD221" s="1131" t="e">
        <f t="shared" si="97"/>
        <v>#VALUE!</v>
      </c>
      <c r="CE221" s="1131" t="e">
        <f t="shared" si="98"/>
        <v>#VALUE!</v>
      </c>
      <c r="CF221" s="1131" t="e">
        <f t="shared" si="99"/>
        <v>#VALUE!</v>
      </c>
      <c r="CG221" s="1131" t="e">
        <f t="shared" si="100"/>
        <v>#VALUE!</v>
      </c>
      <c r="CH221" s="1131" t="e">
        <f t="shared" si="101"/>
        <v>#VALUE!</v>
      </c>
      <c r="CI221" s="1131" t="e">
        <f t="shared" si="102"/>
        <v>#VALUE!</v>
      </c>
      <c r="CJ221" s="1131" t="e">
        <f t="shared" si="103"/>
        <v>#VALUE!</v>
      </c>
      <c r="CK221" s="1132" t="str">
        <f t="shared" si="104"/>
        <v>n/a</v>
      </c>
    </row>
    <row r="222" spans="1:89" ht="99.75" x14ac:dyDescent="0.2">
      <c r="A222" s="992"/>
      <c r="B222" s="1126"/>
      <c r="C222" s="1126"/>
      <c r="D222" s="1126"/>
      <c r="E222" s="1126" t="s">
        <v>66</v>
      </c>
      <c r="F222" s="1026" t="s">
        <v>2093</v>
      </c>
      <c r="G222" s="1026" t="s">
        <v>2094</v>
      </c>
      <c r="H222" s="1026" t="s">
        <v>2095</v>
      </c>
      <c r="I222" s="1026" t="s">
        <v>1614</v>
      </c>
      <c r="J222" s="1026">
        <v>51.743028180225799</v>
      </c>
      <c r="K222" s="1026">
        <v>-0.49072964743419101</v>
      </c>
      <c r="L222" s="1026" t="s">
        <v>1522</v>
      </c>
      <c r="M222" s="1026" t="s">
        <v>1523</v>
      </c>
      <c r="N222" s="1026">
        <v>2</v>
      </c>
      <c r="O222" s="1026" t="s">
        <v>830</v>
      </c>
      <c r="P222" s="1026" t="s">
        <v>1616</v>
      </c>
      <c r="Q222" s="1026" t="s">
        <v>1491</v>
      </c>
      <c r="R222" s="1026" t="s">
        <v>1492</v>
      </c>
      <c r="S222" s="1026" t="s">
        <v>1493</v>
      </c>
      <c r="T222" s="1026"/>
      <c r="U222" s="1016" t="str">
        <f>_xlfn.XLOOKUP(F222, [4]GIS!D:D, [4]GIS!E:E, "Not mapped")</f>
        <v>Single - Scenario 1</v>
      </c>
      <c r="V222" s="1031" t="s">
        <v>1515</v>
      </c>
      <c r="W222" s="1050" t="s">
        <v>1618</v>
      </c>
      <c r="X222" s="1050" t="s">
        <v>1619</v>
      </c>
      <c r="Y222" s="1020" t="s">
        <v>1498</v>
      </c>
      <c r="Z222" s="1020" t="s">
        <v>1498</v>
      </c>
      <c r="AA222" s="1020" t="s">
        <v>1498</v>
      </c>
      <c r="AB222" s="1020" t="s">
        <v>1498</v>
      </c>
      <c r="AC222" s="1020" t="s">
        <v>1498</v>
      </c>
      <c r="AD222" s="1020" t="s">
        <v>1498</v>
      </c>
      <c r="AE222" s="1020" t="s">
        <v>1498</v>
      </c>
      <c r="AF222" s="1020" t="s">
        <v>1498</v>
      </c>
      <c r="AG222" s="1020" t="s">
        <v>1498</v>
      </c>
      <c r="AH222" s="1020" t="s">
        <v>1498</v>
      </c>
      <c r="AI222" s="1020" t="s">
        <v>1498</v>
      </c>
      <c r="AJ222" s="1020" t="s">
        <v>1498</v>
      </c>
      <c r="AK222" s="1020" t="str">
        <f>IF(AJ222="n/a","n/a",ROUND((AJ222*[4]TripRateCalculations!$V$6),0))</f>
        <v>n/a</v>
      </c>
      <c r="AL222" s="1020" t="s">
        <v>1498</v>
      </c>
      <c r="AM222" s="1020" t="s">
        <v>1498</v>
      </c>
      <c r="AN222" s="1020" t="str">
        <f>IF(AT222="n/a","n/a",ROUND((AT222*[4]TripRateCalculations!N$4),0))</f>
        <v>n/a</v>
      </c>
      <c r="AO222" s="1020" t="str">
        <f>IF(AU222="n/a","n/a",ROUND((AU222*[4]TripRateCalculations!O$4),0))</f>
        <v>n/a</v>
      </c>
      <c r="AP222" s="1020" t="str">
        <f>IF(AV222="n/a","n/a",ROUND((AV222*[4]TripRateCalculations!P$4),0))</f>
        <v>n/a</v>
      </c>
      <c r="AQ222" s="1020" t="s">
        <v>1498</v>
      </c>
      <c r="AR222" s="1020" t="str">
        <f>IF(AX222="n/a","n/a",ROUND((AX222*[4]TripRateCalculations!R$4),0))</f>
        <v>n/a</v>
      </c>
      <c r="AS222" s="1020" t="str">
        <f>IF(AY222="n/a","n/a",ROUND((AY222*[4]TripRateCalculations!S$4),0))</f>
        <v>n/a</v>
      </c>
      <c r="AT222" s="1020" t="s">
        <v>1498</v>
      </c>
      <c r="AU222" s="1020" t="s">
        <v>1498</v>
      </c>
      <c r="AV222" s="1020" t="s">
        <v>1498</v>
      </c>
      <c r="AW222" s="1020" t="s">
        <v>1498</v>
      </c>
      <c r="AX222" s="1020" t="s">
        <v>1498</v>
      </c>
      <c r="AY222" s="1020" t="s">
        <v>1498</v>
      </c>
      <c r="AZ222" s="1020" t="s">
        <v>1498</v>
      </c>
      <c r="BA222" s="1100" t="s">
        <v>1498</v>
      </c>
      <c r="BB222" s="1100" t="s">
        <v>1498</v>
      </c>
      <c r="BC222" s="1100" t="s">
        <v>1498</v>
      </c>
      <c r="BD222" s="1100" t="s">
        <v>1498</v>
      </c>
      <c r="BE222" s="1100" t="s">
        <v>1498</v>
      </c>
      <c r="BF222" s="1100" t="s">
        <v>1498</v>
      </c>
      <c r="BG222" s="1100" t="s">
        <v>1498</v>
      </c>
      <c r="BH222" s="1027"/>
      <c r="BI222" s="1026" t="s">
        <v>868</v>
      </c>
      <c r="BJ222" s="1026" t="s">
        <v>53</v>
      </c>
      <c r="BK222" s="1113">
        <v>370629.19</v>
      </c>
      <c r="BL222" s="1108"/>
      <c r="BM222" s="1112"/>
      <c r="BN222" s="1109" t="s">
        <v>2096</v>
      </c>
      <c r="BO222" s="1130" t="s">
        <v>1528</v>
      </c>
      <c r="BP222" s="992"/>
      <c r="BQ222" s="1131" t="e">
        <f t="shared" si="84"/>
        <v>#VALUE!</v>
      </c>
      <c r="BR222" s="1131" t="e">
        <f t="shared" si="85"/>
        <v>#VALUE!</v>
      </c>
      <c r="BS222" s="1131" t="e">
        <f t="shared" si="86"/>
        <v>#VALUE!</v>
      </c>
      <c r="BT222" s="1131" t="e">
        <f t="shared" si="87"/>
        <v>#VALUE!</v>
      </c>
      <c r="BU222" s="1131" t="e">
        <f t="shared" si="88"/>
        <v>#VALUE!</v>
      </c>
      <c r="BV222" s="1131" t="e">
        <f t="shared" si="89"/>
        <v>#VALUE!</v>
      </c>
      <c r="BW222" s="1131" t="e">
        <f t="shared" si="90"/>
        <v>#VALUE!</v>
      </c>
      <c r="BX222" s="1131" t="e">
        <f t="shared" si="91"/>
        <v>#VALUE!</v>
      </c>
      <c r="BY222" s="1131" t="e">
        <f t="shared" si="92"/>
        <v>#VALUE!</v>
      </c>
      <c r="BZ222" s="1131" t="e">
        <f t="shared" si="93"/>
        <v>#VALUE!</v>
      </c>
      <c r="CA222" s="1131" t="e">
        <f t="shared" si="94"/>
        <v>#VALUE!</v>
      </c>
      <c r="CB222" s="1131" t="e">
        <f t="shared" si="95"/>
        <v>#VALUE!</v>
      </c>
      <c r="CC222" s="1131" t="e">
        <f t="shared" si="96"/>
        <v>#VALUE!</v>
      </c>
      <c r="CD222" s="1131" t="e">
        <f t="shared" si="97"/>
        <v>#VALUE!</v>
      </c>
      <c r="CE222" s="1131" t="e">
        <f t="shared" si="98"/>
        <v>#VALUE!</v>
      </c>
      <c r="CF222" s="1131" t="e">
        <f t="shared" si="99"/>
        <v>#VALUE!</v>
      </c>
      <c r="CG222" s="1131" t="e">
        <f t="shared" si="100"/>
        <v>#VALUE!</v>
      </c>
      <c r="CH222" s="1131" t="e">
        <f t="shared" si="101"/>
        <v>#VALUE!</v>
      </c>
      <c r="CI222" s="1131" t="e">
        <f t="shared" si="102"/>
        <v>#VALUE!</v>
      </c>
      <c r="CJ222" s="1131" t="e">
        <f t="shared" si="103"/>
        <v>#VALUE!</v>
      </c>
      <c r="CK222" s="1132" t="str">
        <f t="shared" si="104"/>
        <v>n/a</v>
      </c>
    </row>
    <row r="223" spans="1:89" ht="42.75" x14ac:dyDescent="0.2">
      <c r="A223" s="992"/>
      <c r="B223" s="1126"/>
      <c r="C223" s="1126"/>
      <c r="D223" s="1126"/>
      <c r="E223" s="1126"/>
      <c r="F223" s="1026" t="s">
        <v>2097</v>
      </c>
      <c r="G223" s="1026" t="s">
        <v>1057</v>
      </c>
      <c r="H223" s="1026" t="s">
        <v>1058</v>
      </c>
      <c r="I223" s="1026" t="s">
        <v>1703</v>
      </c>
      <c r="J223" s="1026" t="s">
        <v>2098</v>
      </c>
      <c r="K223" s="1026" t="s">
        <v>2099</v>
      </c>
      <c r="L223" s="1026" t="s">
        <v>1522</v>
      </c>
      <c r="M223" s="1026" t="s">
        <v>1489</v>
      </c>
      <c r="N223" s="1026">
        <v>1</v>
      </c>
      <c r="O223" s="1026" t="s">
        <v>932</v>
      </c>
      <c r="P223" s="1026" t="s">
        <v>1490</v>
      </c>
      <c r="Q223" s="1026" t="s">
        <v>1491</v>
      </c>
      <c r="R223" s="1026" t="s">
        <v>1492</v>
      </c>
      <c r="S223" s="1026" t="s">
        <v>1493</v>
      </c>
      <c r="T223" s="1026" t="s">
        <v>1706</v>
      </c>
      <c r="U223" s="1016" t="str">
        <f>_xlfn.XLOOKUP(F223, [4]GIS!D:D, [4]GIS!E:E, "Not mapped")</f>
        <v>Single - Scenario 2</v>
      </c>
      <c r="V223" s="1026" t="s">
        <v>1707</v>
      </c>
      <c r="W223" s="1032" t="s">
        <v>1525</v>
      </c>
      <c r="X223" s="1032" t="s">
        <v>1526</v>
      </c>
      <c r="Y223" s="1033">
        <v>1</v>
      </c>
      <c r="Z223" s="1033">
        <v>1</v>
      </c>
      <c r="AA223" s="1033">
        <v>4</v>
      </c>
      <c r="AB223" s="1033">
        <v>1</v>
      </c>
      <c r="AC223" s="1033">
        <v>1</v>
      </c>
      <c r="AD223" s="1034">
        <v>70</v>
      </c>
      <c r="AE223" s="1034">
        <v>1</v>
      </c>
      <c r="AF223" s="1034">
        <v>7</v>
      </c>
      <c r="AG223" s="1034">
        <v>0</v>
      </c>
      <c r="AH223" s="1034">
        <v>1</v>
      </c>
      <c r="AI223" s="1034">
        <v>0</v>
      </c>
      <c r="AJ223" s="1034">
        <v>4</v>
      </c>
      <c r="AK223" s="1034">
        <f>IF(AJ223="n/a","n/a",ROUND((AJ223*[4]TripRateCalculations!$V$6),0))</f>
        <v>9</v>
      </c>
      <c r="AL223" s="1034">
        <v>0</v>
      </c>
      <c r="AM223" s="1034">
        <v>1</v>
      </c>
      <c r="AN223" s="1034">
        <f>IF(AT223="n/a","n/a",ROUND((AT223*[4]TripRateCalculations!N$4),0))</f>
        <v>1</v>
      </c>
      <c r="AO223" s="1034">
        <f>IF(AU223="n/a","n/a",ROUND((AU223*[4]TripRateCalculations!O$4),0))</f>
        <v>2</v>
      </c>
      <c r="AP223" s="1034">
        <f>IF(AV223="n/a","n/a",ROUND((AV223*[4]TripRateCalculations!P$4),0))</f>
        <v>0</v>
      </c>
      <c r="AQ223" s="1034">
        <f>AW223*[4]TripRateCalculations!Q$4</f>
        <v>0</v>
      </c>
      <c r="AR223" s="1034">
        <f>IF(AX223="n/a","n/a",ROUND((AX223*[4]TripRateCalculations!R$4),0))</f>
        <v>0</v>
      </c>
      <c r="AS223" s="1034">
        <f>IF(AY223="n/a","n/a",ROUND((AY223*[4]TripRateCalculations!S$4),0))</f>
        <v>0</v>
      </c>
      <c r="AT223" s="1034">
        <v>3</v>
      </c>
      <c r="AU223" s="1034">
        <v>26</v>
      </c>
      <c r="AV223" s="1034">
        <v>1</v>
      </c>
      <c r="AW223" s="1034">
        <v>0</v>
      </c>
      <c r="AX223" s="1034">
        <v>2</v>
      </c>
      <c r="AY223" s="1034">
        <v>0</v>
      </c>
      <c r="AZ223" s="1034">
        <v>2</v>
      </c>
      <c r="BA223" s="1034">
        <v>1</v>
      </c>
      <c r="BB223" s="1034">
        <v>0</v>
      </c>
      <c r="BC223" s="1034">
        <v>0</v>
      </c>
      <c r="BD223" s="1034">
        <v>6</v>
      </c>
      <c r="BE223" s="1034">
        <v>0</v>
      </c>
      <c r="BF223" s="1034">
        <v>0</v>
      </c>
      <c r="BG223" s="1034">
        <f>BF223*[4]TripRateCalculations!$Q$4</f>
        <v>0</v>
      </c>
      <c r="BH223" s="1026" t="s">
        <v>1983</v>
      </c>
      <c r="BI223" s="1026" t="s">
        <v>834</v>
      </c>
      <c r="BJ223" s="1026" t="s">
        <v>53</v>
      </c>
      <c r="BK223" s="1051">
        <f>ROUND((VLOOKUP(F223,'[4]Cost Summary'!A:H,8,)),0.1)</f>
        <v>20883</v>
      </c>
      <c r="BL223" s="1026">
        <v>1</v>
      </c>
      <c r="BM223" s="1026">
        <v>7</v>
      </c>
      <c r="BN223" s="1044" t="s">
        <v>1584</v>
      </c>
      <c r="BO223" s="1130">
        <v>13567.13</v>
      </c>
      <c r="BP223" s="992"/>
      <c r="BQ223" s="1131">
        <f t="shared" si="84"/>
        <v>9.9009900990099011E-3</v>
      </c>
      <c r="BR223" s="1131">
        <f t="shared" si="85"/>
        <v>3.9603960396039604E-2</v>
      </c>
      <c r="BS223" s="1131">
        <f t="shared" si="86"/>
        <v>9.9009900990099011E-3</v>
      </c>
      <c r="BT223" s="1131">
        <f t="shared" si="87"/>
        <v>9.9009900990099011E-3</v>
      </c>
      <c r="BU223" s="1131">
        <f t="shared" si="88"/>
        <v>0.69306930693069302</v>
      </c>
      <c r="BV223" s="1131">
        <f t="shared" si="89"/>
        <v>9.9009900990099011E-3</v>
      </c>
      <c r="BW223" s="1131">
        <f t="shared" si="90"/>
        <v>6.9306930693069313E-2</v>
      </c>
      <c r="BX223" s="1131">
        <f t="shared" si="91"/>
        <v>0</v>
      </c>
      <c r="BY223" s="1131">
        <f t="shared" si="92"/>
        <v>0</v>
      </c>
      <c r="BZ223" s="1131">
        <f t="shared" si="93"/>
        <v>8.9108910891089105E-2</v>
      </c>
      <c r="CA223" s="1131">
        <f t="shared" si="94"/>
        <v>0</v>
      </c>
      <c r="CB223" s="1131">
        <f t="shared" si="95"/>
        <v>9.9009900990099011E-3</v>
      </c>
      <c r="CC223" s="1131">
        <f t="shared" si="96"/>
        <v>9.9009900990099011E-3</v>
      </c>
      <c r="CD223" s="1131">
        <f t="shared" si="97"/>
        <v>1.9801980198019802E-2</v>
      </c>
      <c r="CE223" s="1131">
        <f t="shared" si="98"/>
        <v>0</v>
      </c>
      <c r="CF223" s="1131">
        <f t="shared" si="99"/>
        <v>0</v>
      </c>
      <c r="CG223" s="1131">
        <f t="shared" si="100"/>
        <v>0</v>
      </c>
      <c r="CH223" s="1131">
        <f t="shared" si="101"/>
        <v>1.9801980198019802E-2</v>
      </c>
      <c r="CI223" s="1131">
        <f t="shared" si="102"/>
        <v>9.9009900990099011E-3</v>
      </c>
      <c r="CJ223" s="1131">
        <f t="shared" si="103"/>
        <v>0</v>
      </c>
      <c r="CK223" s="1132">
        <f t="shared" si="104"/>
        <v>1</v>
      </c>
    </row>
    <row r="224" spans="1:89" ht="71.25" x14ac:dyDescent="0.2">
      <c r="A224" s="992"/>
      <c r="B224" s="1126"/>
      <c r="C224" s="1126"/>
      <c r="D224" s="1126"/>
      <c r="E224" s="1126" t="s">
        <v>66</v>
      </c>
      <c r="F224" s="1026" t="s">
        <v>2100</v>
      </c>
      <c r="G224" s="1026" t="s">
        <v>2101</v>
      </c>
      <c r="H224" s="1026" t="s">
        <v>2102</v>
      </c>
      <c r="I224" s="1026" t="s">
        <v>1487</v>
      </c>
      <c r="J224" s="1026">
        <v>51.790641730601102</v>
      </c>
      <c r="K224" s="1026">
        <v>-0.40811346676299198</v>
      </c>
      <c r="L224" s="1026" t="s">
        <v>1560</v>
      </c>
      <c r="M224" s="1026" t="s">
        <v>1523</v>
      </c>
      <c r="N224" s="1026">
        <v>2</v>
      </c>
      <c r="O224" s="1026" t="s">
        <v>870</v>
      </c>
      <c r="P224" s="1026" t="s">
        <v>1490</v>
      </c>
      <c r="Q224" s="1026" t="s">
        <v>1491</v>
      </c>
      <c r="R224" s="1026" t="s">
        <v>1492</v>
      </c>
      <c r="S224" s="1026" t="s">
        <v>1493</v>
      </c>
      <c r="T224" s="1026"/>
      <c r="U224" s="1016" t="str">
        <f>_xlfn.XLOOKUP(F224, [4]GIS!D:D, [4]GIS!E:E, "Not mapped")</f>
        <v>Single - Scenario 3</v>
      </c>
      <c r="V224" s="1026" t="s">
        <v>1515</v>
      </c>
      <c r="W224" s="1058" t="s">
        <v>1691</v>
      </c>
      <c r="X224" s="1059" t="s">
        <v>1692</v>
      </c>
      <c r="Y224" s="1020" t="s">
        <v>1498</v>
      </c>
      <c r="Z224" s="1020" t="s">
        <v>1498</v>
      </c>
      <c r="AA224" s="1020" t="s">
        <v>1498</v>
      </c>
      <c r="AB224" s="1020" t="s">
        <v>1498</v>
      </c>
      <c r="AC224" s="1020" t="s">
        <v>1498</v>
      </c>
      <c r="AD224" s="1020" t="s">
        <v>1498</v>
      </c>
      <c r="AE224" s="1020" t="s">
        <v>1498</v>
      </c>
      <c r="AF224" s="1020" t="s">
        <v>1498</v>
      </c>
      <c r="AG224" s="1020" t="s">
        <v>1498</v>
      </c>
      <c r="AH224" s="1020" t="s">
        <v>1498</v>
      </c>
      <c r="AI224" s="1020" t="s">
        <v>1498</v>
      </c>
      <c r="AJ224" s="1020" t="s">
        <v>1498</v>
      </c>
      <c r="AK224" s="1020" t="str">
        <f>IF(AJ224="n/a","n/a",ROUND((AJ224*[4]TripRateCalculations!$V$6),0))</f>
        <v>n/a</v>
      </c>
      <c r="AL224" s="1020" t="s">
        <v>1498</v>
      </c>
      <c r="AM224" s="1020" t="s">
        <v>1498</v>
      </c>
      <c r="AN224" s="1020" t="str">
        <f>IF(AT224="n/a","n/a",ROUND((AT224*[4]TripRateCalculations!N$4),0))</f>
        <v>n/a</v>
      </c>
      <c r="AO224" s="1020" t="str">
        <f>IF(AU224="n/a","n/a",ROUND((AU224*[4]TripRateCalculations!O$4),0))</f>
        <v>n/a</v>
      </c>
      <c r="AP224" s="1020" t="str">
        <f>IF(AV224="n/a","n/a",ROUND((AV224*[4]TripRateCalculations!P$4),0))</f>
        <v>n/a</v>
      </c>
      <c r="AQ224" s="1020" t="s">
        <v>1498</v>
      </c>
      <c r="AR224" s="1020" t="str">
        <f>IF(AX224="n/a","n/a",ROUND((AX224*[4]TripRateCalculations!R$4),0))</f>
        <v>n/a</v>
      </c>
      <c r="AS224" s="1020" t="str">
        <f>IF(AY224="n/a","n/a",ROUND((AY224*[4]TripRateCalculations!S$4),0))</f>
        <v>n/a</v>
      </c>
      <c r="AT224" s="1020" t="s">
        <v>1498</v>
      </c>
      <c r="AU224" s="1020" t="s">
        <v>1498</v>
      </c>
      <c r="AV224" s="1020" t="s">
        <v>1498</v>
      </c>
      <c r="AW224" s="1020" t="s">
        <v>1498</v>
      </c>
      <c r="AX224" s="1020" t="s">
        <v>1498</v>
      </c>
      <c r="AY224" s="1020" t="s">
        <v>1498</v>
      </c>
      <c r="AZ224" s="1020" t="s">
        <v>1498</v>
      </c>
      <c r="BA224" s="1100" t="s">
        <v>1498</v>
      </c>
      <c r="BB224" s="1100" t="s">
        <v>1498</v>
      </c>
      <c r="BC224" s="1100" t="s">
        <v>1498</v>
      </c>
      <c r="BD224" s="1100" t="s">
        <v>1498</v>
      </c>
      <c r="BE224" s="1100" t="s">
        <v>1498</v>
      </c>
      <c r="BF224" s="1100" t="s">
        <v>1498</v>
      </c>
      <c r="BG224" s="1100" t="s">
        <v>1498</v>
      </c>
      <c r="BH224" s="1026"/>
      <c r="BI224" s="1026" t="s">
        <v>904</v>
      </c>
      <c r="BJ224" s="1026" t="s">
        <v>869</v>
      </c>
      <c r="BK224" s="1114">
        <v>370629.19</v>
      </c>
      <c r="BL224" s="1108"/>
      <c r="BM224" s="1108"/>
      <c r="BN224" s="1109" t="s">
        <v>1527</v>
      </c>
      <c r="BO224" s="1130" t="s">
        <v>1528</v>
      </c>
      <c r="BP224" s="992"/>
      <c r="BQ224" s="1131" t="e">
        <f t="shared" si="84"/>
        <v>#VALUE!</v>
      </c>
      <c r="BR224" s="1131" t="e">
        <f t="shared" si="85"/>
        <v>#VALUE!</v>
      </c>
      <c r="BS224" s="1131" t="e">
        <f t="shared" si="86"/>
        <v>#VALUE!</v>
      </c>
      <c r="BT224" s="1131" t="e">
        <f t="shared" si="87"/>
        <v>#VALUE!</v>
      </c>
      <c r="BU224" s="1131" t="e">
        <f t="shared" si="88"/>
        <v>#VALUE!</v>
      </c>
      <c r="BV224" s="1131" t="e">
        <f t="shared" si="89"/>
        <v>#VALUE!</v>
      </c>
      <c r="BW224" s="1131" t="e">
        <f t="shared" si="90"/>
        <v>#VALUE!</v>
      </c>
      <c r="BX224" s="1131" t="e">
        <f t="shared" si="91"/>
        <v>#VALUE!</v>
      </c>
      <c r="BY224" s="1131" t="e">
        <f t="shared" si="92"/>
        <v>#VALUE!</v>
      </c>
      <c r="BZ224" s="1131" t="e">
        <f t="shared" si="93"/>
        <v>#VALUE!</v>
      </c>
      <c r="CA224" s="1131" t="e">
        <f t="shared" si="94"/>
        <v>#VALUE!</v>
      </c>
      <c r="CB224" s="1131" t="e">
        <f t="shared" si="95"/>
        <v>#VALUE!</v>
      </c>
      <c r="CC224" s="1131" t="e">
        <f t="shared" si="96"/>
        <v>#VALUE!</v>
      </c>
      <c r="CD224" s="1131" t="e">
        <f t="shared" si="97"/>
        <v>#VALUE!</v>
      </c>
      <c r="CE224" s="1131" t="e">
        <f t="shared" si="98"/>
        <v>#VALUE!</v>
      </c>
      <c r="CF224" s="1131" t="e">
        <f t="shared" si="99"/>
        <v>#VALUE!</v>
      </c>
      <c r="CG224" s="1131" t="e">
        <f t="shared" si="100"/>
        <v>#VALUE!</v>
      </c>
      <c r="CH224" s="1131" t="e">
        <f t="shared" si="101"/>
        <v>#VALUE!</v>
      </c>
      <c r="CI224" s="1131" t="e">
        <f t="shared" si="102"/>
        <v>#VALUE!</v>
      </c>
      <c r="CJ224" s="1131" t="e">
        <f t="shared" si="103"/>
        <v>#VALUE!</v>
      </c>
      <c r="CK224" s="1132" t="str">
        <f t="shared" si="104"/>
        <v>n/a</v>
      </c>
    </row>
    <row r="225" spans="1:89" ht="85.5" x14ac:dyDescent="0.2">
      <c r="A225" s="992"/>
      <c r="B225" s="1126"/>
      <c r="C225" s="1126"/>
      <c r="D225" s="1126"/>
      <c r="E225" s="1126" t="s">
        <v>66</v>
      </c>
      <c r="F225" s="1026" t="s">
        <v>2103</v>
      </c>
      <c r="G225" s="1026" t="s">
        <v>2104</v>
      </c>
      <c r="H225" s="1026" t="s">
        <v>2105</v>
      </c>
      <c r="I225" s="1045" t="s">
        <v>1559</v>
      </c>
      <c r="J225" s="1026" t="s">
        <v>1521</v>
      </c>
      <c r="K225" s="1026" t="s">
        <v>1521</v>
      </c>
      <c r="L225" s="1026" t="s">
        <v>1522</v>
      </c>
      <c r="M225" s="993" t="s">
        <v>1523</v>
      </c>
      <c r="N225" s="1026">
        <v>2</v>
      </c>
      <c r="O225" s="1026" t="s">
        <v>870</v>
      </c>
      <c r="P225" s="1026" t="s">
        <v>1490</v>
      </c>
      <c r="Q225" s="1026" t="s">
        <v>1491</v>
      </c>
      <c r="R225" s="1026" t="s">
        <v>1492</v>
      </c>
      <c r="S225" s="1026" t="s">
        <v>1493</v>
      </c>
      <c r="T225" s="1026"/>
      <c r="U225" s="1016" t="str">
        <f>_xlfn.XLOOKUP(F225, [4]GIS!D:D, [4]GIS!E:E, "Not mapped")</f>
        <v>Not mapped</v>
      </c>
      <c r="V225" s="1026" t="s">
        <v>1515</v>
      </c>
      <c r="W225" s="1047" t="s">
        <v>1582</v>
      </c>
      <c r="X225" s="1048" t="s">
        <v>1583</v>
      </c>
      <c r="Y225" s="1020" t="s">
        <v>1498</v>
      </c>
      <c r="Z225" s="1020" t="s">
        <v>1498</v>
      </c>
      <c r="AA225" s="1020" t="s">
        <v>1498</v>
      </c>
      <c r="AB225" s="1020" t="s">
        <v>1498</v>
      </c>
      <c r="AC225" s="1020" t="s">
        <v>1498</v>
      </c>
      <c r="AD225" s="1020" t="s">
        <v>1498</v>
      </c>
      <c r="AE225" s="1020" t="s">
        <v>1498</v>
      </c>
      <c r="AF225" s="1020" t="s">
        <v>1498</v>
      </c>
      <c r="AG225" s="1020" t="s">
        <v>1498</v>
      </c>
      <c r="AH225" s="1020" t="s">
        <v>1498</v>
      </c>
      <c r="AI225" s="1020" t="s">
        <v>1498</v>
      </c>
      <c r="AJ225" s="1020" t="s">
        <v>1498</v>
      </c>
      <c r="AK225" s="1020" t="str">
        <f>IF(AJ225="n/a","n/a",ROUND((AJ225*[4]TripRateCalculations!$V$6),0))</f>
        <v>n/a</v>
      </c>
      <c r="AL225" s="1020" t="s">
        <v>1498</v>
      </c>
      <c r="AM225" s="1020" t="s">
        <v>1498</v>
      </c>
      <c r="AN225" s="1020" t="str">
        <f>IF(AT225="n/a","n/a",ROUND((AT225*[4]TripRateCalculations!N$4),0))</f>
        <v>n/a</v>
      </c>
      <c r="AO225" s="1020" t="str">
        <f>IF(AU225="n/a","n/a",ROUND((AU225*[4]TripRateCalculations!O$4),0))</f>
        <v>n/a</v>
      </c>
      <c r="AP225" s="1020" t="str">
        <f>IF(AV225="n/a","n/a",ROUND((AV225*[4]TripRateCalculations!P$4),0))</f>
        <v>n/a</v>
      </c>
      <c r="AQ225" s="1020" t="s">
        <v>1498</v>
      </c>
      <c r="AR225" s="1020" t="str">
        <f>IF(AX225="n/a","n/a",ROUND((AX225*[4]TripRateCalculations!R$4),0))</f>
        <v>n/a</v>
      </c>
      <c r="AS225" s="1020" t="str">
        <f>IF(AY225="n/a","n/a",ROUND((AY225*[4]TripRateCalculations!S$4),0))</f>
        <v>n/a</v>
      </c>
      <c r="AT225" s="1020" t="s">
        <v>1498</v>
      </c>
      <c r="AU225" s="1020" t="s">
        <v>1498</v>
      </c>
      <c r="AV225" s="1020" t="s">
        <v>1498</v>
      </c>
      <c r="AW225" s="1020" t="s">
        <v>1498</v>
      </c>
      <c r="AX225" s="1020" t="s">
        <v>1498</v>
      </c>
      <c r="AY225" s="1020" t="s">
        <v>1498</v>
      </c>
      <c r="AZ225" s="1020" t="s">
        <v>1498</v>
      </c>
      <c r="BA225" s="1100" t="s">
        <v>1498</v>
      </c>
      <c r="BB225" s="1100" t="s">
        <v>1498</v>
      </c>
      <c r="BC225" s="1100" t="s">
        <v>1498</v>
      </c>
      <c r="BD225" s="1100" t="s">
        <v>1498</v>
      </c>
      <c r="BE225" s="1100" t="s">
        <v>1498</v>
      </c>
      <c r="BF225" s="1100" t="s">
        <v>1498</v>
      </c>
      <c r="BG225" s="1100" t="s">
        <v>1498</v>
      </c>
      <c r="BH225" s="1026"/>
      <c r="BI225" s="1026" t="s">
        <v>868</v>
      </c>
      <c r="BJ225" s="1026" t="s">
        <v>2106</v>
      </c>
      <c r="BK225" s="1114">
        <f>ROUND((VLOOKUP(F225,'[4]Cost Summary'!A:H,8,)),0.1)</f>
        <v>10500000</v>
      </c>
      <c r="BL225" s="1108"/>
      <c r="BM225" s="1108"/>
      <c r="BN225" s="1109" t="s">
        <v>1527</v>
      </c>
      <c r="BO225" s="1130" t="s">
        <v>1528</v>
      </c>
      <c r="BP225" s="992"/>
      <c r="BQ225" s="1131" t="e">
        <f t="shared" si="84"/>
        <v>#VALUE!</v>
      </c>
      <c r="BR225" s="1131" t="e">
        <f t="shared" si="85"/>
        <v>#VALUE!</v>
      </c>
      <c r="BS225" s="1131" t="e">
        <f t="shared" si="86"/>
        <v>#VALUE!</v>
      </c>
      <c r="BT225" s="1131" t="e">
        <f t="shared" si="87"/>
        <v>#VALUE!</v>
      </c>
      <c r="BU225" s="1131" t="e">
        <f t="shared" si="88"/>
        <v>#VALUE!</v>
      </c>
      <c r="BV225" s="1131" t="e">
        <f t="shared" si="89"/>
        <v>#VALUE!</v>
      </c>
      <c r="BW225" s="1131" t="e">
        <f t="shared" si="90"/>
        <v>#VALUE!</v>
      </c>
      <c r="BX225" s="1131" t="e">
        <f t="shared" si="91"/>
        <v>#VALUE!</v>
      </c>
      <c r="BY225" s="1131" t="e">
        <f t="shared" si="92"/>
        <v>#VALUE!</v>
      </c>
      <c r="BZ225" s="1131" t="e">
        <f t="shared" si="93"/>
        <v>#VALUE!</v>
      </c>
      <c r="CA225" s="1131" t="e">
        <f t="shared" si="94"/>
        <v>#VALUE!</v>
      </c>
      <c r="CB225" s="1131" t="e">
        <f t="shared" si="95"/>
        <v>#VALUE!</v>
      </c>
      <c r="CC225" s="1131" t="e">
        <f t="shared" si="96"/>
        <v>#VALUE!</v>
      </c>
      <c r="CD225" s="1131" t="e">
        <f t="shared" si="97"/>
        <v>#VALUE!</v>
      </c>
      <c r="CE225" s="1131" t="e">
        <f t="shared" si="98"/>
        <v>#VALUE!</v>
      </c>
      <c r="CF225" s="1131" t="e">
        <f t="shared" si="99"/>
        <v>#VALUE!</v>
      </c>
      <c r="CG225" s="1131" t="e">
        <f t="shared" si="100"/>
        <v>#VALUE!</v>
      </c>
      <c r="CH225" s="1131" t="e">
        <f t="shared" si="101"/>
        <v>#VALUE!</v>
      </c>
      <c r="CI225" s="1131" t="e">
        <f t="shared" si="102"/>
        <v>#VALUE!</v>
      </c>
      <c r="CJ225" s="1131" t="e">
        <f t="shared" si="103"/>
        <v>#VALUE!</v>
      </c>
      <c r="CK225" s="1132" t="str">
        <f t="shared" si="104"/>
        <v>n/a</v>
      </c>
    </row>
    <row r="226" spans="1:89" ht="71.25" x14ac:dyDescent="0.2">
      <c r="A226" s="992"/>
      <c r="B226" s="1126"/>
      <c r="C226" s="1126"/>
      <c r="D226" s="1126"/>
      <c r="E226" s="1126" t="s">
        <v>66</v>
      </c>
      <c r="F226" s="1026" t="s">
        <v>2107</v>
      </c>
      <c r="G226" s="1026" t="s">
        <v>2108</v>
      </c>
      <c r="H226" s="1026" t="s">
        <v>2109</v>
      </c>
      <c r="I226" s="1045" t="s">
        <v>1559</v>
      </c>
      <c r="J226" s="1026" t="s">
        <v>1521</v>
      </c>
      <c r="K226" s="1026" t="s">
        <v>1521</v>
      </c>
      <c r="L226" s="1026" t="s">
        <v>1522</v>
      </c>
      <c r="M226" s="1026" t="s">
        <v>1523</v>
      </c>
      <c r="N226" s="1026">
        <v>2</v>
      </c>
      <c r="O226" s="1026" t="s">
        <v>870</v>
      </c>
      <c r="P226" s="1026" t="s">
        <v>1490</v>
      </c>
      <c r="Q226" s="1026" t="s">
        <v>1491</v>
      </c>
      <c r="R226" s="1026" t="s">
        <v>1492</v>
      </c>
      <c r="S226" s="1026" t="s">
        <v>1493</v>
      </c>
      <c r="T226" s="1026"/>
      <c r="U226" s="1016" t="str">
        <f>_xlfn.XLOOKUP(F226, [4]GIS!D:D, [4]GIS!E:E, "Not mapped")</f>
        <v>Not mapped</v>
      </c>
      <c r="V226" s="1026" t="s">
        <v>1515</v>
      </c>
      <c r="W226" s="1047" t="s">
        <v>1582</v>
      </c>
      <c r="X226" s="1048" t="s">
        <v>1583</v>
      </c>
      <c r="Y226" s="1020" t="s">
        <v>1498</v>
      </c>
      <c r="Z226" s="1020" t="s">
        <v>1498</v>
      </c>
      <c r="AA226" s="1020" t="s">
        <v>1498</v>
      </c>
      <c r="AB226" s="1020" t="s">
        <v>1498</v>
      </c>
      <c r="AC226" s="1020" t="s">
        <v>1498</v>
      </c>
      <c r="AD226" s="1020" t="s">
        <v>1498</v>
      </c>
      <c r="AE226" s="1020" t="s">
        <v>1498</v>
      </c>
      <c r="AF226" s="1020" t="s">
        <v>1498</v>
      </c>
      <c r="AG226" s="1020" t="s">
        <v>1498</v>
      </c>
      <c r="AH226" s="1020" t="s">
        <v>1498</v>
      </c>
      <c r="AI226" s="1020" t="s">
        <v>1498</v>
      </c>
      <c r="AJ226" s="1020" t="s">
        <v>1498</v>
      </c>
      <c r="AK226" s="1020" t="str">
        <f>IF(AJ226="n/a","n/a",ROUND((AJ226*[4]TripRateCalculations!$V$6),0))</f>
        <v>n/a</v>
      </c>
      <c r="AL226" s="1020" t="s">
        <v>1498</v>
      </c>
      <c r="AM226" s="1020" t="s">
        <v>1498</v>
      </c>
      <c r="AN226" s="1020" t="str">
        <f>IF(AT226="n/a","n/a",ROUND((AT226*[4]TripRateCalculations!N$4),0))</f>
        <v>n/a</v>
      </c>
      <c r="AO226" s="1020" t="str">
        <f>IF(AU226="n/a","n/a",ROUND((AU226*[4]TripRateCalculations!O$4),0))</f>
        <v>n/a</v>
      </c>
      <c r="AP226" s="1020" t="str">
        <f>IF(AV226="n/a","n/a",ROUND((AV226*[4]TripRateCalculations!P$4),0))</f>
        <v>n/a</v>
      </c>
      <c r="AQ226" s="1020" t="s">
        <v>1498</v>
      </c>
      <c r="AR226" s="1020" t="str">
        <f>IF(AX226="n/a","n/a",ROUND((AX226*[4]TripRateCalculations!R$4),0))</f>
        <v>n/a</v>
      </c>
      <c r="AS226" s="1020" t="str">
        <f>IF(AY226="n/a","n/a",ROUND((AY226*[4]TripRateCalculations!S$4),0))</f>
        <v>n/a</v>
      </c>
      <c r="AT226" s="1020" t="s">
        <v>1498</v>
      </c>
      <c r="AU226" s="1020" t="s">
        <v>1498</v>
      </c>
      <c r="AV226" s="1020" t="s">
        <v>1498</v>
      </c>
      <c r="AW226" s="1020" t="s">
        <v>1498</v>
      </c>
      <c r="AX226" s="1020" t="s">
        <v>1498</v>
      </c>
      <c r="AY226" s="1020" t="s">
        <v>1498</v>
      </c>
      <c r="AZ226" s="1020" t="s">
        <v>1498</v>
      </c>
      <c r="BA226" s="1100" t="s">
        <v>1498</v>
      </c>
      <c r="BB226" s="1100" t="s">
        <v>1498</v>
      </c>
      <c r="BC226" s="1100" t="s">
        <v>1498</v>
      </c>
      <c r="BD226" s="1100" t="s">
        <v>1498</v>
      </c>
      <c r="BE226" s="1100" t="s">
        <v>1498</v>
      </c>
      <c r="BF226" s="1100" t="s">
        <v>1498</v>
      </c>
      <c r="BG226" s="1100" t="s">
        <v>1498</v>
      </c>
      <c r="BH226" s="1026"/>
      <c r="BI226" s="1026" t="s">
        <v>834</v>
      </c>
      <c r="BJ226" s="1026" t="s">
        <v>2106</v>
      </c>
      <c r="BK226" s="1114">
        <f>ROUND((VLOOKUP(F226,'[4]Cost Summary'!A:H,8,)),0.1)</f>
        <v>5250000</v>
      </c>
      <c r="BL226" s="1108"/>
      <c r="BM226" s="1108"/>
      <c r="BN226" s="1109" t="s">
        <v>1527</v>
      </c>
      <c r="BO226" s="1130" t="s">
        <v>1528</v>
      </c>
      <c r="BP226" s="992"/>
      <c r="BQ226" s="1131" t="e">
        <f t="shared" si="84"/>
        <v>#VALUE!</v>
      </c>
      <c r="BR226" s="1131" t="e">
        <f t="shared" si="85"/>
        <v>#VALUE!</v>
      </c>
      <c r="BS226" s="1131" t="e">
        <f t="shared" si="86"/>
        <v>#VALUE!</v>
      </c>
      <c r="BT226" s="1131" t="e">
        <f t="shared" si="87"/>
        <v>#VALUE!</v>
      </c>
      <c r="BU226" s="1131" t="e">
        <f t="shared" si="88"/>
        <v>#VALUE!</v>
      </c>
      <c r="BV226" s="1131" t="e">
        <f t="shared" si="89"/>
        <v>#VALUE!</v>
      </c>
      <c r="BW226" s="1131" t="e">
        <f t="shared" si="90"/>
        <v>#VALUE!</v>
      </c>
      <c r="BX226" s="1131" t="e">
        <f t="shared" si="91"/>
        <v>#VALUE!</v>
      </c>
      <c r="BY226" s="1131" t="e">
        <f t="shared" si="92"/>
        <v>#VALUE!</v>
      </c>
      <c r="BZ226" s="1131" t="e">
        <f t="shared" si="93"/>
        <v>#VALUE!</v>
      </c>
      <c r="CA226" s="1131" t="e">
        <f t="shared" si="94"/>
        <v>#VALUE!</v>
      </c>
      <c r="CB226" s="1131" t="e">
        <f t="shared" si="95"/>
        <v>#VALUE!</v>
      </c>
      <c r="CC226" s="1131" t="e">
        <f t="shared" si="96"/>
        <v>#VALUE!</v>
      </c>
      <c r="CD226" s="1131" t="e">
        <f t="shared" si="97"/>
        <v>#VALUE!</v>
      </c>
      <c r="CE226" s="1131" t="e">
        <f t="shared" si="98"/>
        <v>#VALUE!</v>
      </c>
      <c r="CF226" s="1131" t="e">
        <f t="shared" si="99"/>
        <v>#VALUE!</v>
      </c>
      <c r="CG226" s="1131" t="e">
        <f t="shared" si="100"/>
        <v>#VALUE!</v>
      </c>
      <c r="CH226" s="1131" t="e">
        <f t="shared" si="101"/>
        <v>#VALUE!</v>
      </c>
      <c r="CI226" s="1131" t="e">
        <f t="shared" si="102"/>
        <v>#VALUE!</v>
      </c>
      <c r="CJ226" s="1131" t="e">
        <f t="shared" si="103"/>
        <v>#VALUE!</v>
      </c>
      <c r="CK226" s="1132" t="str">
        <f t="shared" si="104"/>
        <v>n/a</v>
      </c>
    </row>
    <row r="227" spans="1:89" ht="71.25" x14ac:dyDescent="0.2">
      <c r="A227" s="992"/>
      <c r="B227" s="1126" t="s">
        <v>66</v>
      </c>
      <c r="C227" s="1126"/>
      <c r="D227" s="1126"/>
      <c r="E227" s="1126"/>
      <c r="F227" s="1026" t="s">
        <v>2110</v>
      </c>
      <c r="G227" s="1026" t="s">
        <v>1143</v>
      </c>
      <c r="H227" s="1104" t="s">
        <v>1144</v>
      </c>
      <c r="I227" s="1104" t="s">
        <v>1545</v>
      </c>
      <c r="J227" s="1026" t="s">
        <v>1521</v>
      </c>
      <c r="K227" s="1026" t="s">
        <v>1521</v>
      </c>
      <c r="L227" s="1026" t="s">
        <v>1488</v>
      </c>
      <c r="M227" s="993" t="s">
        <v>1489</v>
      </c>
      <c r="N227" s="1104">
        <v>1</v>
      </c>
      <c r="O227" s="1026" t="s">
        <v>932</v>
      </c>
      <c r="P227" s="1104" t="s">
        <v>1490</v>
      </c>
      <c r="Q227" s="1026" t="s">
        <v>1491</v>
      </c>
      <c r="R227" s="1026" t="s">
        <v>1492</v>
      </c>
      <c r="S227" s="1026" t="s">
        <v>1493</v>
      </c>
      <c r="T227" s="1104" t="s">
        <v>1925</v>
      </c>
      <c r="U227" s="1016" t="str">
        <f>_xlfn.XLOOKUP(F227, [4]GIS!D:D, [4]GIS!E:E, "Not mapped")</f>
        <v>Single - Scenario 2 (longer segment, one edge in close proximity of a development)</v>
      </c>
      <c r="V227" s="1026" t="s">
        <v>1508</v>
      </c>
      <c r="W227" s="1139" t="s">
        <v>1667</v>
      </c>
      <c r="X227" s="1139" t="s">
        <v>2061</v>
      </c>
      <c r="Y227" s="1020" t="s">
        <v>1498</v>
      </c>
      <c r="Z227" s="1020" t="s">
        <v>1498</v>
      </c>
      <c r="AA227" s="1020" t="s">
        <v>1498</v>
      </c>
      <c r="AB227" s="1020" t="s">
        <v>1498</v>
      </c>
      <c r="AC227" s="1020" t="s">
        <v>1498</v>
      </c>
      <c r="AD227" s="1020" t="s">
        <v>1498</v>
      </c>
      <c r="AE227" s="1020" t="s">
        <v>1498</v>
      </c>
      <c r="AF227" s="1020" t="s">
        <v>1498</v>
      </c>
      <c r="AG227" s="1020" t="s">
        <v>1498</v>
      </c>
      <c r="AH227" s="1020" t="s">
        <v>1498</v>
      </c>
      <c r="AI227" s="1020" t="s">
        <v>1498</v>
      </c>
      <c r="AJ227" s="1020" t="s">
        <v>1498</v>
      </c>
      <c r="AK227" s="1020" t="str">
        <f>IF(AJ227="n/a","n/a",ROUND((AJ227*[4]TripRateCalculations!$V$6),0))</f>
        <v>n/a</v>
      </c>
      <c r="AL227" s="1020" t="s">
        <v>1498</v>
      </c>
      <c r="AM227" s="1020" t="s">
        <v>1498</v>
      </c>
      <c r="AN227" s="1020" t="str">
        <f>IF(AT227="n/a","n/a",ROUND((AT227*[4]TripRateCalculations!N$4),0))</f>
        <v>n/a</v>
      </c>
      <c r="AO227" s="1020" t="str">
        <f>IF(AU227="n/a","n/a",ROUND((AU227*[4]TripRateCalculations!O$4),0))</f>
        <v>n/a</v>
      </c>
      <c r="AP227" s="1020" t="str">
        <f>IF(AV227="n/a","n/a",ROUND((AV227*[4]TripRateCalculations!P$4),0))</f>
        <v>n/a</v>
      </c>
      <c r="AQ227" s="1020" t="s">
        <v>1498</v>
      </c>
      <c r="AR227" s="1020" t="str">
        <f>IF(AX227="n/a","n/a",ROUND((AX227*[4]TripRateCalculations!R$4),0))</f>
        <v>n/a</v>
      </c>
      <c r="AS227" s="1020" t="str">
        <f>IF(AY227="n/a","n/a",ROUND((AY227*[4]TripRateCalculations!S$4),0))</f>
        <v>n/a</v>
      </c>
      <c r="AT227" s="1020" t="s">
        <v>1498</v>
      </c>
      <c r="AU227" s="1020" t="s">
        <v>1498</v>
      </c>
      <c r="AV227" s="1020" t="s">
        <v>1498</v>
      </c>
      <c r="AW227" s="1020" t="s">
        <v>1498</v>
      </c>
      <c r="AX227" s="1020" t="s">
        <v>1498</v>
      </c>
      <c r="AY227" s="1020" t="s">
        <v>1498</v>
      </c>
      <c r="AZ227" s="1020" t="s">
        <v>1498</v>
      </c>
      <c r="BA227" s="1100" t="s">
        <v>1498</v>
      </c>
      <c r="BB227" s="1100" t="s">
        <v>1498</v>
      </c>
      <c r="BC227" s="1100" t="s">
        <v>1498</v>
      </c>
      <c r="BD227" s="1100" t="s">
        <v>1498</v>
      </c>
      <c r="BE227" s="1100" t="s">
        <v>1498</v>
      </c>
      <c r="BF227" s="1100" t="s">
        <v>1498</v>
      </c>
      <c r="BG227" s="1100" t="s">
        <v>1498</v>
      </c>
      <c r="BH227" s="1104" t="s">
        <v>1927</v>
      </c>
      <c r="BI227" s="1026" t="s">
        <v>722</v>
      </c>
      <c r="BJ227" s="1104" t="s">
        <v>53</v>
      </c>
      <c r="BK227" s="1051">
        <f>ROUND((VLOOKUP(F227,'[4]Cost Summary'!A:H,8,)),0.1)</f>
        <v>53067</v>
      </c>
      <c r="BL227" s="1026">
        <v>2</v>
      </c>
      <c r="BM227" s="1026" t="s">
        <v>2054</v>
      </c>
      <c r="BN227" s="1044" t="s">
        <v>1584</v>
      </c>
      <c r="BO227" s="1130">
        <v>34476.120000000003</v>
      </c>
      <c r="BP227" s="992"/>
      <c r="BQ227" s="1131" t="e">
        <f t="shared" si="84"/>
        <v>#VALUE!</v>
      </c>
      <c r="BR227" s="1131" t="e">
        <f t="shared" si="85"/>
        <v>#VALUE!</v>
      </c>
      <c r="BS227" s="1131" t="e">
        <f t="shared" si="86"/>
        <v>#VALUE!</v>
      </c>
      <c r="BT227" s="1131" t="e">
        <f t="shared" si="87"/>
        <v>#VALUE!</v>
      </c>
      <c r="BU227" s="1131" t="e">
        <f t="shared" si="88"/>
        <v>#VALUE!</v>
      </c>
      <c r="BV227" s="1131" t="e">
        <f t="shared" si="89"/>
        <v>#VALUE!</v>
      </c>
      <c r="BW227" s="1131" t="e">
        <f t="shared" si="90"/>
        <v>#VALUE!</v>
      </c>
      <c r="BX227" s="1131" t="e">
        <f t="shared" si="91"/>
        <v>#VALUE!</v>
      </c>
      <c r="BY227" s="1131" t="e">
        <f t="shared" si="92"/>
        <v>#VALUE!</v>
      </c>
      <c r="BZ227" s="1131" t="e">
        <f t="shared" si="93"/>
        <v>#VALUE!</v>
      </c>
      <c r="CA227" s="1131" t="e">
        <f t="shared" si="94"/>
        <v>#VALUE!</v>
      </c>
      <c r="CB227" s="1131" t="e">
        <f t="shared" si="95"/>
        <v>#VALUE!</v>
      </c>
      <c r="CC227" s="1131" t="e">
        <f t="shared" si="96"/>
        <v>#VALUE!</v>
      </c>
      <c r="CD227" s="1131" t="e">
        <f t="shared" si="97"/>
        <v>#VALUE!</v>
      </c>
      <c r="CE227" s="1131" t="e">
        <f t="shared" si="98"/>
        <v>#VALUE!</v>
      </c>
      <c r="CF227" s="1131" t="e">
        <f t="shared" si="99"/>
        <v>#VALUE!</v>
      </c>
      <c r="CG227" s="1131" t="e">
        <f t="shared" si="100"/>
        <v>#VALUE!</v>
      </c>
      <c r="CH227" s="1131" t="e">
        <f t="shared" si="101"/>
        <v>#VALUE!</v>
      </c>
      <c r="CI227" s="1131" t="e">
        <f t="shared" si="102"/>
        <v>#VALUE!</v>
      </c>
      <c r="CJ227" s="1131" t="e">
        <f t="shared" si="103"/>
        <v>#VALUE!</v>
      </c>
      <c r="CK227" s="1132" t="str">
        <f t="shared" si="104"/>
        <v>n/a</v>
      </c>
    </row>
    <row r="228" spans="1:89" ht="57" x14ac:dyDescent="0.2">
      <c r="A228" s="992"/>
      <c r="B228" s="1126"/>
      <c r="C228" s="1126"/>
      <c r="D228" s="1126"/>
      <c r="E228" s="1126" t="s">
        <v>66</v>
      </c>
      <c r="F228" s="1026" t="s">
        <v>2111</v>
      </c>
      <c r="G228" s="1026" t="s">
        <v>2112</v>
      </c>
      <c r="H228" s="1026" t="s">
        <v>2113</v>
      </c>
      <c r="I228" s="1045" t="s">
        <v>1559</v>
      </c>
      <c r="J228" s="1026" t="s">
        <v>1521</v>
      </c>
      <c r="K228" s="1026" t="s">
        <v>1521</v>
      </c>
      <c r="L228" s="1026" t="s">
        <v>1522</v>
      </c>
      <c r="M228" s="1026" t="s">
        <v>1523</v>
      </c>
      <c r="N228" s="1026">
        <v>2</v>
      </c>
      <c r="O228" s="1026" t="s">
        <v>870</v>
      </c>
      <c r="P228" s="1026" t="s">
        <v>1490</v>
      </c>
      <c r="Q228" s="1026" t="s">
        <v>1491</v>
      </c>
      <c r="R228" s="1026" t="s">
        <v>1492</v>
      </c>
      <c r="S228" s="1026" t="s">
        <v>1493</v>
      </c>
      <c r="T228" s="1026"/>
      <c r="U228" s="1016" t="str">
        <f>_xlfn.XLOOKUP(F228, [4]GIS!D:D, [4]GIS!E:E, "Not mapped")</f>
        <v>Not mapped</v>
      </c>
      <c r="V228" s="1026" t="s">
        <v>1515</v>
      </c>
      <c r="W228" s="1116" t="s">
        <v>1582</v>
      </c>
      <c r="X228" s="1116" t="s">
        <v>1583</v>
      </c>
      <c r="Y228" s="1020" t="s">
        <v>1498</v>
      </c>
      <c r="Z228" s="1020" t="s">
        <v>1498</v>
      </c>
      <c r="AA228" s="1020" t="s">
        <v>1498</v>
      </c>
      <c r="AB228" s="1020" t="s">
        <v>1498</v>
      </c>
      <c r="AC228" s="1020" t="s">
        <v>1498</v>
      </c>
      <c r="AD228" s="1020" t="s">
        <v>1498</v>
      </c>
      <c r="AE228" s="1020" t="s">
        <v>1498</v>
      </c>
      <c r="AF228" s="1020" t="s">
        <v>1498</v>
      </c>
      <c r="AG228" s="1020" t="s">
        <v>1498</v>
      </c>
      <c r="AH228" s="1020" t="s">
        <v>1498</v>
      </c>
      <c r="AI228" s="1020" t="s">
        <v>1498</v>
      </c>
      <c r="AJ228" s="1020" t="s">
        <v>1498</v>
      </c>
      <c r="AK228" s="1020" t="str">
        <f>IF(AJ228="n/a","n/a",ROUND((AJ228*[4]TripRateCalculations!$V$6),0))</f>
        <v>n/a</v>
      </c>
      <c r="AL228" s="1020" t="s">
        <v>1498</v>
      </c>
      <c r="AM228" s="1020" t="s">
        <v>1498</v>
      </c>
      <c r="AN228" s="1020" t="str">
        <f>IF(AT228="n/a","n/a",ROUND((AT228*[4]TripRateCalculations!N$4),0))</f>
        <v>n/a</v>
      </c>
      <c r="AO228" s="1020" t="str">
        <f>IF(AU228="n/a","n/a",ROUND((AU228*[4]TripRateCalculations!O$4),0))</f>
        <v>n/a</v>
      </c>
      <c r="AP228" s="1020" t="str">
        <f>IF(AV228="n/a","n/a",ROUND((AV228*[4]TripRateCalculations!P$4),0))</f>
        <v>n/a</v>
      </c>
      <c r="AQ228" s="1020" t="s">
        <v>1498</v>
      </c>
      <c r="AR228" s="1020" t="str">
        <f>IF(AX228="n/a","n/a",ROUND((AX228*[4]TripRateCalculations!R$4),0))</f>
        <v>n/a</v>
      </c>
      <c r="AS228" s="1020" t="str">
        <f>IF(AY228="n/a","n/a",ROUND((AY228*[4]TripRateCalculations!S$4),0))</f>
        <v>n/a</v>
      </c>
      <c r="AT228" s="1020" t="s">
        <v>1498</v>
      </c>
      <c r="AU228" s="1020" t="s">
        <v>1498</v>
      </c>
      <c r="AV228" s="1020" t="s">
        <v>1498</v>
      </c>
      <c r="AW228" s="1020" t="s">
        <v>1498</v>
      </c>
      <c r="AX228" s="1020" t="s">
        <v>1498</v>
      </c>
      <c r="AY228" s="1020" t="s">
        <v>1498</v>
      </c>
      <c r="AZ228" s="1020" t="s">
        <v>1498</v>
      </c>
      <c r="BA228" s="1100" t="s">
        <v>1498</v>
      </c>
      <c r="BB228" s="1100" t="s">
        <v>1498</v>
      </c>
      <c r="BC228" s="1100" t="s">
        <v>1498</v>
      </c>
      <c r="BD228" s="1100" t="s">
        <v>1498</v>
      </c>
      <c r="BE228" s="1100" t="s">
        <v>1498</v>
      </c>
      <c r="BF228" s="1100" t="s">
        <v>1498</v>
      </c>
      <c r="BG228" s="1100" t="s">
        <v>1498</v>
      </c>
      <c r="BH228" s="1026"/>
      <c r="BI228" s="1026" t="s">
        <v>868</v>
      </c>
      <c r="BJ228" s="1104" t="s">
        <v>53</v>
      </c>
      <c r="BK228" s="1114">
        <f>ROUND((VLOOKUP(F228,'[4]Cost Summary'!A:H,8,)),0.1)</f>
        <v>875000</v>
      </c>
      <c r="BL228" s="1108"/>
      <c r="BM228" s="1108"/>
      <c r="BN228" s="1109" t="s">
        <v>1527</v>
      </c>
      <c r="BO228" s="1130" t="s">
        <v>1528</v>
      </c>
      <c r="BP228" s="992"/>
      <c r="BQ228" s="1131" t="e">
        <f t="shared" si="84"/>
        <v>#VALUE!</v>
      </c>
      <c r="BR228" s="1131" t="e">
        <f t="shared" si="85"/>
        <v>#VALUE!</v>
      </c>
      <c r="BS228" s="1131" t="e">
        <f t="shared" si="86"/>
        <v>#VALUE!</v>
      </c>
      <c r="BT228" s="1131" t="e">
        <f t="shared" si="87"/>
        <v>#VALUE!</v>
      </c>
      <c r="BU228" s="1131" t="e">
        <f t="shared" si="88"/>
        <v>#VALUE!</v>
      </c>
      <c r="BV228" s="1131" t="e">
        <f t="shared" si="89"/>
        <v>#VALUE!</v>
      </c>
      <c r="BW228" s="1131" t="e">
        <f t="shared" si="90"/>
        <v>#VALUE!</v>
      </c>
      <c r="BX228" s="1131" t="e">
        <f t="shared" si="91"/>
        <v>#VALUE!</v>
      </c>
      <c r="BY228" s="1131" t="e">
        <f t="shared" si="92"/>
        <v>#VALUE!</v>
      </c>
      <c r="BZ228" s="1131" t="e">
        <f t="shared" si="93"/>
        <v>#VALUE!</v>
      </c>
      <c r="CA228" s="1131" t="e">
        <f t="shared" si="94"/>
        <v>#VALUE!</v>
      </c>
      <c r="CB228" s="1131" t="e">
        <f t="shared" si="95"/>
        <v>#VALUE!</v>
      </c>
      <c r="CC228" s="1131" t="e">
        <f t="shared" si="96"/>
        <v>#VALUE!</v>
      </c>
      <c r="CD228" s="1131" t="e">
        <f t="shared" si="97"/>
        <v>#VALUE!</v>
      </c>
      <c r="CE228" s="1131" t="e">
        <f t="shared" si="98"/>
        <v>#VALUE!</v>
      </c>
      <c r="CF228" s="1131" t="e">
        <f t="shared" si="99"/>
        <v>#VALUE!</v>
      </c>
      <c r="CG228" s="1131" t="e">
        <f t="shared" si="100"/>
        <v>#VALUE!</v>
      </c>
      <c r="CH228" s="1131" t="e">
        <f t="shared" si="101"/>
        <v>#VALUE!</v>
      </c>
      <c r="CI228" s="1131" t="e">
        <f t="shared" si="102"/>
        <v>#VALUE!</v>
      </c>
      <c r="CJ228" s="1131" t="e">
        <f t="shared" si="103"/>
        <v>#VALUE!</v>
      </c>
      <c r="CK228" s="1132" t="str">
        <f t="shared" si="104"/>
        <v>n/a</v>
      </c>
    </row>
    <row r="229" spans="1:89" ht="71.25" x14ac:dyDescent="0.2">
      <c r="A229" s="992"/>
      <c r="B229" s="1126" t="s">
        <v>66</v>
      </c>
      <c r="C229" s="1126"/>
      <c r="D229" s="1126"/>
      <c r="E229" s="1126"/>
      <c r="F229" s="1026" t="s">
        <v>2114</v>
      </c>
      <c r="G229" s="1026" t="s">
        <v>1273</v>
      </c>
      <c r="H229" s="1026" t="s">
        <v>1274</v>
      </c>
      <c r="I229" s="1026" t="s">
        <v>1487</v>
      </c>
      <c r="J229" s="1026" t="s">
        <v>1521</v>
      </c>
      <c r="K229" s="1026" t="s">
        <v>1521</v>
      </c>
      <c r="L229" s="1026" t="s">
        <v>1488</v>
      </c>
      <c r="M229" s="1026" t="s">
        <v>1489</v>
      </c>
      <c r="N229" s="1026">
        <v>1</v>
      </c>
      <c r="O229" s="1026" t="s">
        <v>932</v>
      </c>
      <c r="P229" s="1026" t="s">
        <v>1490</v>
      </c>
      <c r="Q229" s="1026" t="s">
        <v>1491</v>
      </c>
      <c r="R229" s="1026" t="s">
        <v>1492</v>
      </c>
      <c r="S229" s="1026" t="s">
        <v>1493</v>
      </c>
      <c r="T229" s="1026" t="s">
        <v>1507</v>
      </c>
      <c r="U229" s="1016" t="str">
        <f>_xlfn.XLOOKUP(F229, [4]GIS!D:D, [4]GIS!E:E, "Not mapped")</f>
        <v>Single - Scenario 2</v>
      </c>
      <c r="V229" s="1026" t="s">
        <v>1508</v>
      </c>
      <c r="W229" s="1115" t="s">
        <v>1667</v>
      </c>
      <c r="X229" s="1103" t="s">
        <v>1592</v>
      </c>
      <c r="Y229" s="1020" t="s">
        <v>1498</v>
      </c>
      <c r="Z229" s="1020" t="s">
        <v>1498</v>
      </c>
      <c r="AA229" s="1020" t="s">
        <v>1498</v>
      </c>
      <c r="AB229" s="1020" t="s">
        <v>1498</v>
      </c>
      <c r="AC229" s="1020" t="s">
        <v>1498</v>
      </c>
      <c r="AD229" s="1020" t="s">
        <v>1498</v>
      </c>
      <c r="AE229" s="1020" t="s">
        <v>1498</v>
      </c>
      <c r="AF229" s="1020" t="s">
        <v>1498</v>
      </c>
      <c r="AG229" s="1020" t="s">
        <v>1498</v>
      </c>
      <c r="AH229" s="1020" t="s">
        <v>1498</v>
      </c>
      <c r="AI229" s="1020" t="s">
        <v>1498</v>
      </c>
      <c r="AJ229" s="1020" t="s">
        <v>1498</v>
      </c>
      <c r="AK229" s="1020" t="str">
        <f>IF(AJ229="n/a","n/a",ROUND((AJ229*[4]TripRateCalculations!$V$6),0))</f>
        <v>n/a</v>
      </c>
      <c r="AL229" s="1020" t="s">
        <v>1498</v>
      </c>
      <c r="AM229" s="1020" t="s">
        <v>1498</v>
      </c>
      <c r="AN229" s="1020" t="str">
        <f>IF(AT229="n/a","n/a",ROUND((AT229*[4]TripRateCalculations!N$4),0))</f>
        <v>n/a</v>
      </c>
      <c r="AO229" s="1020" t="str">
        <f>IF(AU229="n/a","n/a",ROUND((AU229*[4]TripRateCalculations!O$4),0))</f>
        <v>n/a</v>
      </c>
      <c r="AP229" s="1020" t="str">
        <f>IF(AV229="n/a","n/a",ROUND((AV229*[4]TripRateCalculations!P$4),0))</f>
        <v>n/a</v>
      </c>
      <c r="AQ229" s="1020" t="s">
        <v>1498</v>
      </c>
      <c r="AR229" s="1020" t="str">
        <f>IF(AX229="n/a","n/a",ROUND((AX229*[4]TripRateCalculations!R$4),0))</f>
        <v>n/a</v>
      </c>
      <c r="AS229" s="1020" t="str">
        <f>IF(AY229="n/a","n/a",ROUND((AY229*[4]TripRateCalculations!S$4),0))</f>
        <v>n/a</v>
      </c>
      <c r="AT229" s="1020" t="s">
        <v>1498</v>
      </c>
      <c r="AU229" s="1020" t="s">
        <v>1498</v>
      </c>
      <c r="AV229" s="1020" t="s">
        <v>1498</v>
      </c>
      <c r="AW229" s="1020" t="s">
        <v>1498</v>
      </c>
      <c r="AX229" s="1020" t="s">
        <v>1498</v>
      </c>
      <c r="AY229" s="1020" t="s">
        <v>1498</v>
      </c>
      <c r="AZ229" s="1020" t="s">
        <v>1498</v>
      </c>
      <c r="BA229" s="1100" t="s">
        <v>1498</v>
      </c>
      <c r="BB229" s="1100" t="s">
        <v>1498</v>
      </c>
      <c r="BC229" s="1100" t="s">
        <v>1498</v>
      </c>
      <c r="BD229" s="1100" t="s">
        <v>1498</v>
      </c>
      <c r="BE229" s="1100" t="s">
        <v>1498</v>
      </c>
      <c r="BF229" s="1100" t="s">
        <v>1498</v>
      </c>
      <c r="BG229" s="1100" t="s">
        <v>1498</v>
      </c>
      <c r="BH229" s="1026" t="s">
        <v>1642</v>
      </c>
      <c r="BI229" s="1026" t="s">
        <v>722</v>
      </c>
      <c r="BJ229" s="1026" t="s">
        <v>53</v>
      </c>
      <c r="BK229" s="1051">
        <f>ROUND((VLOOKUP(F229,'[4]Cost Summary'!A:H,8,)),0.1)</f>
        <v>220536</v>
      </c>
      <c r="BL229" s="1026">
        <v>1</v>
      </c>
      <c r="BM229" s="1026">
        <v>1</v>
      </c>
      <c r="BN229" s="1044" t="s">
        <v>2058</v>
      </c>
      <c r="BO229" s="1130">
        <v>79151.839999999997</v>
      </c>
      <c r="BP229" s="992"/>
      <c r="BQ229" s="1131" t="e">
        <f t="shared" si="84"/>
        <v>#VALUE!</v>
      </c>
      <c r="BR229" s="1131" t="e">
        <f t="shared" si="85"/>
        <v>#VALUE!</v>
      </c>
      <c r="BS229" s="1131" t="e">
        <f t="shared" si="86"/>
        <v>#VALUE!</v>
      </c>
      <c r="BT229" s="1131" t="e">
        <f t="shared" si="87"/>
        <v>#VALUE!</v>
      </c>
      <c r="BU229" s="1131" t="e">
        <f t="shared" si="88"/>
        <v>#VALUE!</v>
      </c>
      <c r="BV229" s="1131" t="e">
        <f t="shared" si="89"/>
        <v>#VALUE!</v>
      </c>
      <c r="BW229" s="1131" t="e">
        <f t="shared" si="90"/>
        <v>#VALUE!</v>
      </c>
      <c r="BX229" s="1131" t="e">
        <f t="shared" si="91"/>
        <v>#VALUE!</v>
      </c>
      <c r="BY229" s="1131" t="e">
        <f t="shared" si="92"/>
        <v>#VALUE!</v>
      </c>
      <c r="BZ229" s="1131" t="e">
        <f t="shared" si="93"/>
        <v>#VALUE!</v>
      </c>
      <c r="CA229" s="1131" t="e">
        <f t="shared" si="94"/>
        <v>#VALUE!</v>
      </c>
      <c r="CB229" s="1131" t="e">
        <f t="shared" si="95"/>
        <v>#VALUE!</v>
      </c>
      <c r="CC229" s="1131" t="e">
        <f t="shared" si="96"/>
        <v>#VALUE!</v>
      </c>
      <c r="CD229" s="1131" t="e">
        <f t="shared" si="97"/>
        <v>#VALUE!</v>
      </c>
      <c r="CE229" s="1131" t="e">
        <f t="shared" si="98"/>
        <v>#VALUE!</v>
      </c>
      <c r="CF229" s="1131" t="e">
        <f t="shared" si="99"/>
        <v>#VALUE!</v>
      </c>
      <c r="CG229" s="1131" t="e">
        <f t="shared" si="100"/>
        <v>#VALUE!</v>
      </c>
      <c r="CH229" s="1131" t="e">
        <f t="shared" si="101"/>
        <v>#VALUE!</v>
      </c>
      <c r="CI229" s="1131" t="e">
        <f t="shared" si="102"/>
        <v>#VALUE!</v>
      </c>
      <c r="CJ229" s="1131" t="e">
        <f t="shared" si="103"/>
        <v>#VALUE!</v>
      </c>
      <c r="CK229" s="1132" t="str">
        <f t="shared" si="104"/>
        <v>n/a</v>
      </c>
    </row>
    <row r="230" spans="1:89" ht="143.25" thickBot="1" x14ac:dyDescent="0.25">
      <c r="A230" s="992"/>
      <c r="B230" s="1126"/>
      <c r="C230" s="1126"/>
      <c r="D230" s="1126"/>
      <c r="E230" s="1126" t="s">
        <v>66</v>
      </c>
      <c r="F230" s="1026" t="s">
        <v>2115</v>
      </c>
      <c r="G230" s="1026" t="s">
        <v>2116</v>
      </c>
      <c r="H230" s="1117" t="s">
        <v>2117</v>
      </c>
      <c r="I230" s="1117" t="s">
        <v>1487</v>
      </c>
      <c r="J230" s="1117">
        <v>51.822959942178599</v>
      </c>
      <c r="K230" s="1117">
        <v>-0.42516708375141699</v>
      </c>
      <c r="L230" s="1117" t="s">
        <v>1560</v>
      </c>
      <c r="M230" s="1117" t="s">
        <v>1523</v>
      </c>
      <c r="N230" s="1117">
        <v>2</v>
      </c>
      <c r="O230" s="1117" t="s">
        <v>900</v>
      </c>
      <c r="P230" s="1117" t="s">
        <v>1490</v>
      </c>
      <c r="Q230" s="1117" t="s">
        <v>1491</v>
      </c>
      <c r="R230" s="1117" t="s">
        <v>1492</v>
      </c>
      <c r="S230" s="1117" t="s">
        <v>1493</v>
      </c>
      <c r="T230" s="1117"/>
      <c r="U230" s="1118" t="str">
        <f>_xlfn.XLOOKUP(F230, [4]GIS!D:D, [4]GIS!E:E, "Not mapped")</f>
        <v>Multiple - Scenario 2</v>
      </c>
      <c r="V230" s="1117" t="s">
        <v>1515</v>
      </c>
      <c r="W230" s="1119" t="s">
        <v>1691</v>
      </c>
      <c r="X230" s="1120" t="s">
        <v>1692</v>
      </c>
      <c r="Y230" s="1121" t="s">
        <v>1498</v>
      </c>
      <c r="Z230" s="1121" t="s">
        <v>1498</v>
      </c>
      <c r="AA230" s="1121" t="s">
        <v>1498</v>
      </c>
      <c r="AB230" s="1121" t="s">
        <v>1498</v>
      </c>
      <c r="AC230" s="1121" t="s">
        <v>1498</v>
      </c>
      <c r="AD230" s="1121" t="s">
        <v>1498</v>
      </c>
      <c r="AE230" s="1121" t="s">
        <v>1498</v>
      </c>
      <c r="AF230" s="1121" t="s">
        <v>1498</v>
      </c>
      <c r="AG230" s="1121" t="s">
        <v>1498</v>
      </c>
      <c r="AH230" s="1121" t="s">
        <v>1498</v>
      </c>
      <c r="AI230" s="1121" t="s">
        <v>1498</v>
      </c>
      <c r="AJ230" s="1121" t="s">
        <v>1498</v>
      </c>
      <c r="AK230" s="1121" t="str">
        <f>IF(AJ230="n/a","n/a",ROUND((AJ230*[4]TripRateCalculations!$V$6),0))</f>
        <v>n/a</v>
      </c>
      <c r="AL230" s="1121" t="s">
        <v>1498</v>
      </c>
      <c r="AM230" s="1121" t="s">
        <v>1498</v>
      </c>
      <c r="AN230" s="1121" t="str">
        <f>IF(AT230="n/a","n/a",ROUND((AT230*[4]TripRateCalculations!N$4),0))</f>
        <v>n/a</v>
      </c>
      <c r="AO230" s="1121" t="str">
        <f>IF(AU230="n/a","n/a",ROUND((AU230*[4]TripRateCalculations!O$4),0))</f>
        <v>n/a</v>
      </c>
      <c r="AP230" s="1121" t="str">
        <f>IF(AV230="n/a","n/a",ROUND((AV230*[4]TripRateCalculations!P$4),0))</f>
        <v>n/a</v>
      </c>
      <c r="AQ230" s="1121" t="s">
        <v>1498</v>
      </c>
      <c r="AR230" s="1121" t="str">
        <f>IF(AX230="n/a","n/a",ROUND((AX230*[4]TripRateCalculations!R$4),0))</f>
        <v>n/a</v>
      </c>
      <c r="AS230" s="1121" t="str">
        <f>IF(AY230="n/a","n/a",ROUND((AY230*[4]TripRateCalculations!S$4),0))</f>
        <v>n/a</v>
      </c>
      <c r="AT230" s="1121" t="s">
        <v>1498</v>
      </c>
      <c r="AU230" s="1121" t="s">
        <v>1498</v>
      </c>
      <c r="AV230" s="1121" t="s">
        <v>1498</v>
      </c>
      <c r="AW230" s="1121" t="s">
        <v>1498</v>
      </c>
      <c r="AX230" s="1121" t="s">
        <v>1498</v>
      </c>
      <c r="AY230" s="1121" t="s">
        <v>1498</v>
      </c>
      <c r="AZ230" s="1121" t="s">
        <v>1498</v>
      </c>
      <c r="BA230" s="1122" t="s">
        <v>1498</v>
      </c>
      <c r="BB230" s="1122" t="s">
        <v>1498</v>
      </c>
      <c r="BC230" s="1122" t="s">
        <v>1498</v>
      </c>
      <c r="BD230" s="1122" t="s">
        <v>1498</v>
      </c>
      <c r="BE230" s="1122" t="s">
        <v>1498</v>
      </c>
      <c r="BF230" s="1122" t="s">
        <v>1498</v>
      </c>
      <c r="BG230" s="1122" t="s">
        <v>1498</v>
      </c>
      <c r="BH230" s="1117"/>
      <c r="BI230" s="1117" t="s">
        <v>904</v>
      </c>
      <c r="BJ230" s="1117" t="s">
        <v>53</v>
      </c>
      <c r="BK230" s="1123">
        <f>ROUND((VLOOKUP(F230,'[4]Cost Summary'!A:H,8,)),0.1)</f>
        <v>1582041</v>
      </c>
      <c r="BL230" s="1124"/>
      <c r="BM230" s="1124"/>
      <c r="BN230" s="1125" t="s">
        <v>2118</v>
      </c>
      <c r="BO230" s="1130" t="s">
        <v>1528</v>
      </c>
      <c r="BP230" s="992"/>
      <c r="BQ230" s="1131" t="e">
        <f t="shared" ref="BQ230" si="105">Z230/(SUM($Y230:$BG230)-SUM(AH230,AJ230,AT230:AY230,BA230:BG230))</f>
        <v>#VALUE!</v>
      </c>
      <c r="BR230" s="1131" t="e">
        <f t="shared" ref="BR230" si="106">AA230/(SUM($Y230:$BG230)-SUM(AH230,AJ230,AT230:AY230,BA230:BG230))</f>
        <v>#VALUE!</v>
      </c>
      <c r="BS230" s="1131" t="e">
        <f t="shared" ref="BS230" si="107">AB230/(SUM($Y230:$BG230)-SUM(AH230,AJ230,AT230:AY230,BA230:BG230))</f>
        <v>#VALUE!</v>
      </c>
      <c r="BT230" s="1131" t="e">
        <f t="shared" ref="BT230" si="108">AC230/(SUM($Y230:$BG230)-SUM(AH230,AJ230,AT230:AY230,BA230:BG230))</f>
        <v>#VALUE!</v>
      </c>
      <c r="BU230" s="1131" t="e">
        <f t="shared" ref="BU230" si="109">AD230/(SUM($Y230:$BG230)-SUM(AH230,AJ230,AT230:AY230,BA230:BG230))</f>
        <v>#VALUE!</v>
      </c>
      <c r="BV230" s="1131" t="e">
        <f t="shared" ref="BV230" si="110">AE230/(SUM($Y230:$BG230)-SUM(AH230,AJ230,AT230:AY230,BA230:BG230))</f>
        <v>#VALUE!</v>
      </c>
      <c r="BW230" s="1131" t="e">
        <f t="shared" ref="BW230" si="111">AF230/(SUM($Y230:$BG230)-SUM(AH230,AJ230,AT230:AY230,BA230:BG230))</f>
        <v>#VALUE!</v>
      </c>
      <c r="BX230" s="1131" t="e">
        <f t="shared" ref="BX230" si="112">AG230/(SUM($Y230:$BG230)-SUM(AH230,AJ230,AT230:AY230,BA230:BG230))</f>
        <v>#VALUE!</v>
      </c>
      <c r="BY230" s="1131" t="e">
        <f t="shared" ref="BY230" si="113">AI230/(SUM($Y230:$BG230)-SUM(AH230,AJ230,AT230:AY230,BA230:BG230))</f>
        <v>#VALUE!</v>
      </c>
      <c r="BZ230" s="1131" t="e">
        <f t="shared" ref="BZ230" si="114">AK230/(SUM($Y230:$BG230)-SUM(AH230,AJ230,AT230:AY230,BA230:BG230))</f>
        <v>#VALUE!</v>
      </c>
      <c r="CA230" s="1131" t="e">
        <f t="shared" ref="CA230" si="115">AL230/(SUM($Y230:$BG230)-SUM(AH230,AJ230,AT230:AY230,BA230:BG230))</f>
        <v>#VALUE!</v>
      </c>
      <c r="CB230" s="1131" t="e">
        <f t="shared" ref="CB230" si="116">AM230/(SUM($Y230:$BG230)-SUM(AH230,AJ230,AT230:AY230,BA230:BG230))</f>
        <v>#VALUE!</v>
      </c>
      <c r="CC230" s="1131" t="e">
        <f t="shared" ref="CC230" si="117">AN230/(SUM($Y230:$BG230)-SUM(AH230,AJ230,AT230:AY230,BA230:BG230))</f>
        <v>#VALUE!</v>
      </c>
      <c r="CD230" s="1131" t="e">
        <f t="shared" ref="CD230" si="118">AO230/(SUM($Y230:$BG230)-SUM(AH230,AJ230,AT230:AY230,BA230:BG230))</f>
        <v>#VALUE!</v>
      </c>
      <c r="CE230" s="1131" t="e">
        <f t="shared" ref="CE230" si="119">AP230/(SUM($Y230:$BG230)-SUM(AH230,AJ230,AT230:AY230,BA230:BG230))</f>
        <v>#VALUE!</v>
      </c>
      <c r="CF230" s="1131" t="e">
        <f t="shared" ref="CF230" si="120">AR230/(SUM($Y230:$BG230)-SUM(AH230,AJ230,AT230:AY230,BA230:BG230))</f>
        <v>#VALUE!</v>
      </c>
      <c r="CG230" s="1131" t="e">
        <f t="shared" ref="CG230" si="121">AS230/(SUM($Y230:$BG230)-SUM(AH230,AJ230,AT230:AY230,BA230:BG230))</f>
        <v>#VALUE!</v>
      </c>
      <c r="CH230" s="1131" t="e">
        <f t="shared" ref="CH230" si="122">AZ230/(SUM($Y230:$BG230)-SUM(AH230,AJ230,AT230:AY230,BA230:BG230))</f>
        <v>#VALUE!</v>
      </c>
      <c r="CI230" s="1131" t="e">
        <f t="shared" ref="CI230" si="123">Y230/(SUM($Y230:$BG230)-SUM(AH230,AJ230,AT230:AY230,BA230:BG230))</f>
        <v>#VALUE!</v>
      </c>
      <c r="CJ230" s="1131" t="e">
        <f t="shared" ref="CJ230" si="124">AQ230/(SUM($Y230:$BG230)-SUM(AH230,AJ230,AT230:AY230,BA230:BG230))</f>
        <v>#VALUE!</v>
      </c>
      <c r="CK230" s="1132" t="str">
        <f t="shared" ref="CK230" si="125">IFERROR(SUM(BQ230:CJ230),"n/a")</f>
        <v>n/a</v>
      </c>
    </row>
  </sheetData>
  <autoFilter ref="B3:CK230" xr:uid="{7FA31C9F-C12F-4579-A3C4-90DBC725F8DC}">
    <sortState xmlns:xlrd2="http://schemas.microsoft.com/office/spreadsheetml/2017/richdata2" ref="B9:CK223">
      <sortCondition ref="F3:F230"/>
    </sortState>
  </autoFilter>
  <conditionalFormatting sqref="A4:E212">
    <cfRule type="containsText" dxfId="789" priority="58" operator="containsText" text="Yes">
      <formula>NOT(ISERROR(SEARCH("Yes",A4)))</formula>
    </cfRule>
  </conditionalFormatting>
  <conditionalFormatting sqref="E213:E230 A222:D222">
    <cfRule type="containsText" dxfId="788" priority="57" operator="containsText" text="Yes">
      <formula>NOT(ISERROR(SEARCH("Yes",A213)))</formula>
    </cfRule>
  </conditionalFormatting>
  <conditionalFormatting sqref="BQ4:CJ230">
    <cfRule type="cellIs" dxfId="787" priority="56" operator="greaterThan">
      <formula>-1</formula>
    </cfRule>
  </conditionalFormatting>
  <conditionalFormatting sqref="BQ9:CJ9">
    <cfRule type="colorScale" priority="53">
      <colorScale>
        <cfvo type="min"/>
        <cfvo type="max"/>
        <color rgb="FFFCFCFF"/>
        <color rgb="FFF8696B"/>
      </colorScale>
    </cfRule>
  </conditionalFormatting>
  <conditionalFormatting sqref="BQ10:CJ10">
    <cfRule type="colorScale" priority="52">
      <colorScale>
        <cfvo type="min"/>
        <cfvo type="max"/>
        <color rgb="FFFCFCFF"/>
        <color rgb="FFF8696B"/>
      </colorScale>
    </cfRule>
    <cfRule type="colorScale" priority="59">
      <colorScale>
        <cfvo type="min"/>
        <cfvo type="max"/>
        <color rgb="FFFCFCFF"/>
        <color rgb="FFF8696B"/>
      </colorScale>
    </cfRule>
  </conditionalFormatting>
  <conditionalFormatting sqref="BQ18:CJ18">
    <cfRule type="colorScale" priority="60">
      <colorScale>
        <cfvo type="min"/>
        <cfvo type="max"/>
        <color rgb="FFFCFCFF"/>
        <color rgb="FFF8696B"/>
      </colorScale>
    </cfRule>
    <cfRule type="colorScale" priority="51">
      <colorScale>
        <cfvo type="min"/>
        <cfvo type="max"/>
        <color rgb="FFFCFCFF"/>
        <color rgb="FFF8696B"/>
      </colorScale>
    </cfRule>
  </conditionalFormatting>
  <conditionalFormatting sqref="BQ19:CJ19">
    <cfRule type="colorScale" priority="50">
      <colorScale>
        <cfvo type="min"/>
        <cfvo type="max"/>
        <color rgb="FFFCFCFF"/>
        <color rgb="FFF8696B"/>
      </colorScale>
    </cfRule>
    <cfRule type="colorScale" priority="61">
      <colorScale>
        <cfvo type="min"/>
        <cfvo type="max"/>
        <color rgb="FFFCFCFF"/>
        <color rgb="FFF8696B"/>
      </colorScale>
    </cfRule>
  </conditionalFormatting>
  <conditionalFormatting sqref="BQ20:CJ20">
    <cfRule type="colorScale" priority="49">
      <colorScale>
        <cfvo type="min"/>
        <cfvo type="max"/>
        <color rgb="FFFCFCFF"/>
        <color rgb="FFF8696B"/>
      </colorScale>
    </cfRule>
    <cfRule type="colorScale" priority="62">
      <colorScale>
        <cfvo type="min"/>
        <cfvo type="max"/>
        <color rgb="FFFCFCFF"/>
        <color rgb="FFF8696B"/>
      </colorScale>
    </cfRule>
  </conditionalFormatting>
  <conditionalFormatting sqref="BQ32:CJ32">
    <cfRule type="colorScale" priority="48">
      <colorScale>
        <cfvo type="min"/>
        <cfvo type="max"/>
        <color rgb="FFFCFCFF"/>
        <color rgb="FFF8696B"/>
      </colorScale>
    </cfRule>
    <cfRule type="colorScale" priority="63">
      <colorScale>
        <cfvo type="min"/>
        <cfvo type="max"/>
        <color rgb="FFFCFCFF"/>
        <color rgb="FFF8696B"/>
      </colorScale>
    </cfRule>
  </conditionalFormatting>
  <conditionalFormatting sqref="BQ33:CJ33">
    <cfRule type="colorScale" priority="47">
      <colorScale>
        <cfvo type="min"/>
        <cfvo type="max"/>
        <color rgb="FFFCFCFF"/>
        <color rgb="FFF8696B"/>
      </colorScale>
    </cfRule>
    <cfRule type="colorScale" priority="64">
      <colorScale>
        <cfvo type="min"/>
        <cfvo type="max"/>
        <color rgb="FFFCFCFF"/>
        <color rgb="FFF8696B"/>
      </colorScale>
    </cfRule>
  </conditionalFormatting>
  <conditionalFormatting sqref="BQ34:CJ34">
    <cfRule type="colorScale" priority="46">
      <colorScale>
        <cfvo type="min"/>
        <cfvo type="max"/>
        <color rgb="FFFCFCFF"/>
        <color rgb="FFF8696B"/>
      </colorScale>
    </cfRule>
    <cfRule type="colorScale" priority="65">
      <colorScale>
        <cfvo type="min"/>
        <cfvo type="max"/>
        <color rgb="FFFCFCFF"/>
        <color rgb="FFF8696B"/>
      </colorScale>
    </cfRule>
  </conditionalFormatting>
  <conditionalFormatting sqref="BQ35:CJ35">
    <cfRule type="colorScale" priority="45">
      <colorScale>
        <cfvo type="min"/>
        <cfvo type="max"/>
        <color rgb="FFFCFCFF"/>
        <color rgb="FFF8696B"/>
      </colorScale>
    </cfRule>
    <cfRule type="colorScale" priority="66">
      <colorScale>
        <cfvo type="min"/>
        <cfvo type="max"/>
        <color rgb="FFFCFCFF"/>
        <color rgb="FFF8696B"/>
      </colorScale>
    </cfRule>
  </conditionalFormatting>
  <conditionalFormatting sqref="BQ36:CJ36">
    <cfRule type="colorScale" priority="67">
      <colorScale>
        <cfvo type="min"/>
        <cfvo type="max"/>
        <color rgb="FFFCFCFF"/>
        <color rgb="FFF8696B"/>
      </colorScale>
    </cfRule>
    <cfRule type="colorScale" priority="44">
      <colorScale>
        <cfvo type="min"/>
        <cfvo type="max"/>
        <color rgb="FFFCFCFF"/>
        <color rgb="FFF8696B"/>
      </colorScale>
    </cfRule>
  </conditionalFormatting>
  <conditionalFormatting sqref="BQ37:CJ37">
    <cfRule type="colorScale" priority="68">
      <colorScale>
        <cfvo type="min"/>
        <cfvo type="max"/>
        <color rgb="FFFCFCFF"/>
        <color rgb="FFF8696B"/>
      </colorScale>
    </cfRule>
    <cfRule type="colorScale" priority="43">
      <colorScale>
        <cfvo type="min"/>
        <cfvo type="max"/>
        <color rgb="FFFCFCFF"/>
        <color rgb="FFF8696B"/>
      </colorScale>
    </cfRule>
  </conditionalFormatting>
  <conditionalFormatting sqref="BQ38:CJ38">
    <cfRule type="colorScale" priority="69">
      <colorScale>
        <cfvo type="min"/>
        <cfvo type="max"/>
        <color rgb="FFFCFCFF"/>
        <color rgb="FFF8696B"/>
      </colorScale>
    </cfRule>
    <cfRule type="colorScale" priority="42">
      <colorScale>
        <cfvo type="min"/>
        <cfvo type="max"/>
        <color rgb="FFFCFCFF"/>
        <color rgb="FFF8696B"/>
      </colorScale>
    </cfRule>
  </conditionalFormatting>
  <conditionalFormatting sqref="BQ54:CJ54">
    <cfRule type="colorScale" priority="70">
      <colorScale>
        <cfvo type="min"/>
        <cfvo type="max"/>
        <color rgb="FFFCFCFF"/>
        <color rgb="FFF8696B"/>
      </colorScale>
    </cfRule>
    <cfRule type="colorScale" priority="41">
      <colorScale>
        <cfvo type="min"/>
        <cfvo type="max"/>
        <color rgb="FFFCFCFF"/>
        <color rgb="FFF8696B"/>
      </colorScale>
    </cfRule>
  </conditionalFormatting>
  <conditionalFormatting sqref="BQ60:CJ60">
    <cfRule type="colorScale" priority="71">
      <colorScale>
        <cfvo type="min"/>
        <cfvo type="max"/>
        <color rgb="FFFCFCFF"/>
        <color rgb="FFF8696B"/>
      </colorScale>
    </cfRule>
    <cfRule type="colorScale" priority="40">
      <colorScale>
        <cfvo type="min"/>
        <cfvo type="max"/>
        <color rgb="FFFCFCFF"/>
        <color rgb="FFF8696B"/>
      </colorScale>
    </cfRule>
  </conditionalFormatting>
  <conditionalFormatting sqref="BQ63:CJ63">
    <cfRule type="colorScale" priority="39">
      <colorScale>
        <cfvo type="min"/>
        <cfvo type="max"/>
        <color rgb="FFFCFCFF"/>
        <color rgb="FFF8696B"/>
      </colorScale>
    </cfRule>
    <cfRule type="colorScale" priority="72">
      <colorScale>
        <cfvo type="min"/>
        <cfvo type="max"/>
        <color rgb="FFFCFCFF"/>
        <color rgb="FFF8696B"/>
      </colorScale>
    </cfRule>
  </conditionalFormatting>
  <conditionalFormatting sqref="BQ66:CJ66">
    <cfRule type="colorScale" priority="38">
      <colorScale>
        <cfvo type="min"/>
        <cfvo type="max"/>
        <color rgb="FFFCFCFF"/>
        <color rgb="FFF8696B"/>
      </colorScale>
    </cfRule>
    <cfRule type="colorScale" priority="73">
      <colorScale>
        <cfvo type="min"/>
        <cfvo type="max"/>
        <color rgb="FFFCFCFF"/>
        <color rgb="FFF8696B"/>
      </colorScale>
    </cfRule>
  </conditionalFormatting>
  <conditionalFormatting sqref="BQ89:CJ89">
    <cfRule type="colorScale" priority="37">
      <colorScale>
        <cfvo type="min"/>
        <cfvo type="max"/>
        <color rgb="FFFCFCFF"/>
        <color rgb="FFF8696B"/>
      </colorScale>
    </cfRule>
    <cfRule type="colorScale" priority="74">
      <colorScale>
        <cfvo type="min"/>
        <cfvo type="max"/>
        <color rgb="FFFCFCFF"/>
        <color rgb="FFF8696B"/>
      </colorScale>
    </cfRule>
  </conditionalFormatting>
  <conditionalFormatting sqref="BQ90:CJ90">
    <cfRule type="colorScale" priority="36">
      <colorScale>
        <cfvo type="min"/>
        <cfvo type="max"/>
        <color rgb="FFFCFCFF"/>
        <color rgb="FFF8696B"/>
      </colorScale>
    </cfRule>
    <cfRule type="colorScale" priority="75">
      <colorScale>
        <cfvo type="min"/>
        <cfvo type="max"/>
        <color rgb="FFFCFCFF"/>
        <color rgb="FFF8696B"/>
      </colorScale>
    </cfRule>
  </conditionalFormatting>
  <conditionalFormatting sqref="BQ92:CJ92">
    <cfRule type="colorScale" priority="35">
      <colorScale>
        <cfvo type="min"/>
        <cfvo type="max"/>
        <color rgb="FFFCFCFF"/>
        <color rgb="FFF8696B"/>
      </colorScale>
    </cfRule>
    <cfRule type="colorScale" priority="76">
      <colorScale>
        <cfvo type="min"/>
        <cfvo type="max"/>
        <color rgb="FFFCFCFF"/>
        <color rgb="FFF8696B"/>
      </colorScale>
    </cfRule>
  </conditionalFormatting>
  <conditionalFormatting sqref="BQ93:CJ93">
    <cfRule type="colorScale" priority="34">
      <colorScale>
        <cfvo type="min"/>
        <cfvo type="max"/>
        <color rgb="FFFCFCFF"/>
        <color rgb="FFF8696B"/>
      </colorScale>
    </cfRule>
    <cfRule type="colorScale" priority="77">
      <colorScale>
        <cfvo type="min"/>
        <cfvo type="max"/>
        <color rgb="FFFCFCFF"/>
        <color rgb="FFF8696B"/>
      </colorScale>
    </cfRule>
  </conditionalFormatting>
  <conditionalFormatting sqref="BQ94:CJ94">
    <cfRule type="colorScale" priority="33">
      <colorScale>
        <cfvo type="min"/>
        <cfvo type="max"/>
        <color rgb="FFFCFCFF"/>
        <color rgb="FFF8696B"/>
      </colorScale>
    </cfRule>
    <cfRule type="colorScale" priority="78">
      <colorScale>
        <cfvo type="min"/>
        <cfvo type="max"/>
        <color rgb="FFFCFCFF"/>
        <color rgb="FFF8696B"/>
      </colorScale>
    </cfRule>
  </conditionalFormatting>
  <conditionalFormatting sqref="BQ95:CJ95">
    <cfRule type="colorScale" priority="32">
      <colorScale>
        <cfvo type="min"/>
        <cfvo type="max"/>
        <color rgb="FFFCFCFF"/>
        <color rgb="FFF8696B"/>
      </colorScale>
    </cfRule>
    <cfRule type="colorScale" priority="79">
      <colorScale>
        <cfvo type="min"/>
        <cfvo type="max"/>
        <color rgb="FFFCFCFF"/>
        <color rgb="FFF8696B"/>
      </colorScale>
    </cfRule>
  </conditionalFormatting>
  <conditionalFormatting sqref="BQ96:CJ96">
    <cfRule type="colorScale" priority="31">
      <colorScale>
        <cfvo type="min"/>
        <cfvo type="max"/>
        <color rgb="FFFCFCFF"/>
        <color rgb="FFF8696B"/>
      </colorScale>
    </cfRule>
    <cfRule type="colorScale" priority="80">
      <colorScale>
        <cfvo type="min"/>
        <cfvo type="max"/>
        <color rgb="FFFCFCFF"/>
        <color rgb="FFF8696B"/>
      </colorScale>
    </cfRule>
  </conditionalFormatting>
  <conditionalFormatting sqref="BQ97:CJ97">
    <cfRule type="colorScale" priority="30">
      <colorScale>
        <cfvo type="min"/>
        <cfvo type="max"/>
        <color rgb="FFFCFCFF"/>
        <color rgb="FFF8696B"/>
      </colorScale>
    </cfRule>
    <cfRule type="colorScale" priority="81">
      <colorScale>
        <cfvo type="min"/>
        <cfvo type="max"/>
        <color rgb="FFFCFCFF"/>
        <color rgb="FFF8696B"/>
      </colorScale>
    </cfRule>
  </conditionalFormatting>
  <conditionalFormatting sqref="BQ98:CJ98">
    <cfRule type="colorScale" priority="29">
      <colorScale>
        <cfvo type="min"/>
        <cfvo type="max"/>
        <color rgb="FFFCFCFF"/>
        <color rgb="FFF8696B"/>
      </colorScale>
    </cfRule>
    <cfRule type="colorScale" priority="82">
      <colorScale>
        <cfvo type="min"/>
        <cfvo type="max"/>
        <color rgb="FFFCFCFF"/>
        <color rgb="FFF8696B"/>
      </colorScale>
    </cfRule>
  </conditionalFormatting>
  <conditionalFormatting sqref="BQ99:CJ99">
    <cfRule type="colorScale" priority="28">
      <colorScale>
        <cfvo type="min"/>
        <cfvo type="max"/>
        <color rgb="FFFCFCFF"/>
        <color rgb="FFF8696B"/>
      </colorScale>
    </cfRule>
    <cfRule type="colorScale" priority="83">
      <colorScale>
        <cfvo type="min"/>
        <cfvo type="max"/>
        <color rgb="FFFCFCFF"/>
        <color rgb="FFF8696B"/>
      </colorScale>
    </cfRule>
  </conditionalFormatting>
  <conditionalFormatting sqref="BQ100:CJ100">
    <cfRule type="colorScale" priority="27">
      <colorScale>
        <cfvo type="min"/>
        <cfvo type="max"/>
        <color rgb="FFFCFCFF"/>
        <color rgb="FFF8696B"/>
      </colorScale>
    </cfRule>
    <cfRule type="colorScale" priority="84">
      <colorScale>
        <cfvo type="min"/>
        <cfvo type="max"/>
        <color rgb="FFFCFCFF"/>
        <color rgb="FFF8696B"/>
      </colorScale>
    </cfRule>
  </conditionalFormatting>
  <conditionalFormatting sqref="BQ101:CJ101">
    <cfRule type="colorScale" priority="26">
      <colorScale>
        <cfvo type="min"/>
        <cfvo type="max"/>
        <color rgb="FFFCFCFF"/>
        <color rgb="FFF8696B"/>
      </colorScale>
    </cfRule>
    <cfRule type="colorScale" priority="85">
      <colorScale>
        <cfvo type="min"/>
        <cfvo type="max"/>
        <color rgb="FFFCFCFF"/>
        <color rgb="FFF8696B"/>
      </colorScale>
    </cfRule>
  </conditionalFormatting>
  <conditionalFormatting sqref="BQ102:CJ102">
    <cfRule type="colorScale" priority="25">
      <colorScale>
        <cfvo type="min"/>
        <cfvo type="max"/>
        <color rgb="FFFCFCFF"/>
        <color rgb="FFF8696B"/>
      </colorScale>
    </cfRule>
    <cfRule type="colorScale" priority="86">
      <colorScale>
        <cfvo type="min"/>
        <cfvo type="max"/>
        <color rgb="FFFCFCFF"/>
        <color rgb="FFF8696B"/>
      </colorScale>
    </cfRule>
  </conditionalFormatting>
  <conditionalFormatting sqref="BQ103:CJ103">
    <cfRule type="colorScale" priority="24">
      <colorScale>
        <cfvo type="min"/>
        <cfvo type="max"/>
        <color rgb="FFFCFCFF"/>
        <color rgb="FFF8696B"/>
      </colorScale>
    </cfRule>
    <cfRule type="colorScale" priority="87">
      <colorScale>
        <cfvo type="min"/>
        <cfvo type="max"/>
        <color rgb="FFFCFCFF"/>
        <color rgb="FFF8696B"/>
      </colorScale>
    </cfRule>
  </conditionalFormatting>
  <conditionalFormatting sqref="BQ126:CJ126">
    <cfRule type="colorScale" priority="23">
      <colorScale>
        <cfvo type="min"/>
        <cfvo type="max"/>
        <color rgb="FFFCFCFF"/>
        <color rgb="FFF8696B"/>
      </colorScale>
    </cfRule>
    <cfRule type="colorScale" priority="88">
      <colorScale>
        <cfvo type="min"/>
        <cfvo type="max"/>
        <color rgb="FFFCFCFF"/>
        <color rgb="FFF8696B"/>
      </colorScale>
    </cfRule>
  </conditionalFormatting>
  <conditionalFormatting sqref="BQ127:CJ127">
    <cfRule type="colorScale" priority="22">
      <colorScale>
        <cfvo type="min"/>
        <cfvo type="max"/>
        <color rgb="FFFCFCFF"/>
        <color rgb="FFF8696B"/>
      </colorScale>
    </cfRule>
    <cfRule type="colorScale" priority="89">
      <colorScale>
        <cfvo type="min"/>
        <cfvo type="max"/>
        <color rgb="FFFCFCFF"/>
        <color rgb="FFF8696B"/>
      </colorScale>
    </cfRule>
  </conditionalFormatting>
  <conditionalFormatting sqref="BQ128:CJ128">
    <cfRule type="colorScale" priority="21">
      <colorScale>
        <cfvo type="min"/>
        <cfvo type="max"/>
        <color rgb="FFFCFCFF"/>
        <color rgb="FFF8696B"/>
      </colorScale>
    </cfRule>
    <cfRule type="colorScale" priority="90">
      <colorScale>
        <cfvo type="min"/>
        <cfvo type="max"/>
        <color rgb="FFFCFCFF"/>
        <color rgb="FFF8696B"/>
      </colorScale>
    </cfRule>
  </conditionalFormatting>
  <conditionalFormatting sqref="BQ129:CJ129">
    <cfRule type="colorScale" priority="20">
      <colorScale>
        <cfvo type="min"/>
        <cfvo type="max"/>
        <color rgb="FFFCFCFF"/>
        <color rgb="FFF8696B"/>
      </colorScale>
    </cfRule>
    <cfRule type="colorScale" priority="91">
      <colorScale>
        <cfvo type="min"/>
        <cfvo type="max"/>
        <color rgb="FFFCFCFF"/>
        <color rgb="FFF8696B"/>
      </colorScale>
    </cfRule>
  </conditionalFormatting>
  <conditionalFormatting sqref="BQ140:CJ140">
    <cfRule type="colorScale" priority="19">
      <colorScale>
        <cfvo type="min"/>
        <cfvo type="max"/>
        <color rgb="FFFCFCFF"/>
        <color rgb="FFF8696B"/>
      </colorScale>
    </cfRule>
    <cfRule type="colorScale" priority="92">
      <colorScale>
        <cfvo type="min"/>
        <cfvo type="max"/>
        <color rgb="FFFCFCFF"/>
        <color rgb="FFF8696B"/>
      </colorScale>
    </cfRule>
  </conditionalFormatting>
  <conditionalFormatting sqref="BQ155:CJ155">
    <cfRule type="colorScale" priority="18">
      <colorScale>
        <cfvo type="min"/>
        <cfvo type="max"/>
        <color rgb="FFFCFCFF"/>
        <color rgb="FFF8696B"/>
      </colorScale>
    </cfRule>
    <cfRule type="colorScale" priority="93">
      <colorScale>
        <cfvo type="min"/>
        <cfvo type="max"/>
        <color rgb="FFFCFCFF"/>
        <color rgb="FFF8696B"/>
      </colorScale>
    </cfRule>
  </conditionalFormatting>
  <conditionalFormatting sqref="BQ161:CJ161">
    <cfRule type="colorScale" priority="17">
      <colorScale>
        <cfvo type="min"/>
        <cfvo type="max"/>
        <color rgb="FFFCFCFF"/>
        <color rgb="FFF8696B"/>
      </colorScale>
    </cfRule>
    <cfRule type="colorScale" priority="94">
      <colorScale>
        <cfvo type="min"/>
        <cfvo type="max"/>
        <color rgb="FFFCFCFF"/>
        <color rgb="FFF8696B"/>
      </colorScale>
    </cfRule>
  </conditionalFormatting>
  <conditionalFormatting sqref="BQ162:CJ162">
    <cfRule type="colorScale" priority="16">
      <colorScale>
        <cfvo type="min"/>
        <cfvo type="max"/>
        <color rgb="FFFCFCFF"/>
        <color rgb="FFF8696B"/>
      </colorScale>
    </cfRule>
    <cfRule type="colorScale" priority="95">
      <colorScale>
        <cfvo type="min"/>
        <cfvo type="max"/>
        <color rgb="FFFCFCFF"/>
        <color rgb="FFF8696B"/>
      </colorScale>
    </cfRule>
  </conditionalFormatting>
  <conditionalFormatting sqref="BQ163:CJ163">
    <cfRule type="colorScale" priority="15">
      <colorScale>
        <cfvo type="min"/>
        <cfvo type="max"/>
        <color rgb="FFFCFCFF"/>
        <color rgb="FFF8696B"/>
      </colorScale>
    </cfRule>
    <cfRule type="colorScale" priority="96">
      <colorScale>
        <cfvo type="min"/>
        <cfvo type="max"/>
        <color rgb="FFFCFCFF"/>
        <color rgb="FFF8696B"/>
      </colorScale>
    </cfRule>
  </conditionalFormatting>
  <conditionalFormatting sqref="BQ164:CJ164">
    <cfRule type="colorScale" priority="14">
      <colorScale>
        <cfvo type="min"/>
        <cfvo type="max"/>
        <color rgb="FFFCFCFF"/>
        <color rgb="FFF8696B"/>
      </colorScale>
    </cfRule>
    <cfRule type="colorScale" priority="97">
      <colorScale>
        <cfvo type="min"/>
        <cfvo type="max"/>
        <color rgb="FFFCFCFF"/>
        <color rgb="FFF8696B"/>
      </colorScale>
    </cfRule>
  </conditionalFormatting>
  <conditionalFormatting sqref="BQ165:CJ165">
    <cfRule type="colorScale" priority="13">
      <colorScale>
        <cfvo type="min"/>
        <cfvo type="max"/>
        <color rgb="FFFCFCFF"/>
        <color rgb="FFF8696B"/>
      </colorScale>
    </cfRule>
    <cfRule type="colorScale" priority="98">
      <colorScale>
        <cfvo type="min"/>
        <cfvo type="max"/>
        <color rgb="FFFCFCFF"/>
        <color rgb="FFF8696B"/>
      </colorScale>
    </cfRule>
  </conditionalFormatting>
  <conditionalFormatting sqref="BQ166:CJ166">
    <cfRule type="colorScale" priority="12">
      <colorScale>
        <cfvo type="min"/>
        <cfvo type="max"/>
        <color rgb="FFFCFCFF"/>
        <color rgb="FFF8696B"/>
      </colorScale>
    </cfRule>
    <cfRule type="colorScale" priority="99">
      <colorScale>
        <cfvo type="min"/>
        <cfvo type="max"/>
        <color rgb="FFFCFCFF"/>
        <color rgb="FFF8696B"/>
      </colorScale>
    </cfRule>
  </conditionalFormatting>
  <conditionalFormatting sqref="BQ167:CJ167">
    <cfRule type="colorScale" priority="11">
      <colorScale>
        <cfvo type="min"/>
        <cfvo type="max"/>
        <color rgb="FFFCFCFF"/>
        <color rgb="FFF8696B"/>
      </colorScale>
    </cfRule>
    <cfRule type="colorScale" priority="100">
      <colorScale>
        <cfvo type="min"/>
        <cfvo type="max"/>
        <color rgb="FFFCFCFF"/>
        <color rgb="FFF8696B"/>
      </colorScale>
    </cfRule>
  </conditionalFormatting>
  <conditionalFormatting sqref="BQ168:CJ168">
    <cfRule type="colorScale" priority="10">
      <colorScale>
        <cfvo type="min"/>
        <cfvo type="max"/>
        <color rgb="FFFCFCFF"/>
        <color rgb="FFF8696B"/>
      </colorScale>
    </cfRule>
    <cfRule type="colorScale" priority="101">
      <colorScale>
        <cfvo type="min"/>
        <cfvo type="max"/>
        <color rgb="FFFCFCFF"/>
        <color rgb="FFF8696B"/>
      </colorScale>
    </cfRule>
  </conditionalFormatting>
  <conditionalFormatting sqref="BQ169:CJ169">
    <cfRule type="colorScale" priority="9">
      <colorScale>
        <cfvo type="min"/>
        <cfvo type="max"/>
        <color rgb="FFFCFCFF"/>
        <color rgb="FFF8696B"/>
      </colorScale>
    </cfRule>
    <cfRule type="colorScale" priority="102">
      <colorScale>
        <cfvo type="min"/>
        <cfvo type="max"/>
        <color rgb="FFFCFCFF"/>
        <color rgb="FFF8696B"/>
      </colorScale>
    </cfRule>
  </conditionalFormatting>
  <conditionalFormatting sqref="BQ193:CJ193">
    <cfRule type="colorScale" priority="8">
      <colorScale>
        <cfvo type="min"/>
        <cfvo type="max"/>
        <color rgb="FFFCFCFF"/>
        <color rgb="FFF8696B"/>
      </colorScale>
    </cfRule>
    <cfRule type="colorScale" priority="103">
      <colorScale>
        <cfvo type="min"/>
        <cfvo type="max"/>
        <color rgb="FFFCFCFF"/>
        <color rgb="FFF8696B"/>
      </colorScale>
    </cfRule>
  </conditionalFormatting>
  <conditionalFormatting sqref="BQ194:CJ194">
    <cfRule type="colorScale" priority="7">
      <colorScale>
        <cfvo type="min"/>
        <cfvo type="max"/>
        <color rgb="FFFCFCFF"/>
        <color rgb="FFF8696B"/>
      </colorScale>
    </cfRule>
    <cfRule type="colorScale" priority="104">
      <colorScale>
        <cfvo type="min"/>
        <cfvo type="max"/>
        <color rgb="FFFCFCFF"/>
        <color rgb="FFF8696B"/>
      </colorScale>
    </cfRule>
  </conditionalFormatting>
  <conditionalFormatting sqref="BQ213:CJ213">
    <cfRule type="colorScale" priority="6">
      <colorScale>
        <cfvo type="min"/>
        <cfvo type="max"/>
        <color rgb="FFFCFCFF"/>
        <color rgb="FFF8696B"/>
      </colorScale>
    </cfRule>
    <cfRule type="colorScale" priority="105">
      <colorScale>
        <cfvo type="min"/>
        <cfvo type="max"/>
        <color rgb="FFFCFCFF"/>
        <color rgb="FFF8696B"/>
      </colorScale>
    </cfRule>
  </conditionalFormatting>
  <conditionalFormatting sqref="BQ214:CJ214">
    <cfRule type="colorScale" priority="5">
      <colorScale>
        <cfvo type="min"/>
        <cfvo type="max"/>
        <color rgb="FFFCFCFF"/>
        <color rgb="FFF8696B"/>
      </colorScale>
    </cfRule>
    <cfRule type="colorScale" priority="106">
      <colorScale>
        <cfvo type="min"/>
        <cfvo type="max"/>
        <color rgb="FFFCFCFF"/>
        <color rgb="FFF8696B"/>
      </colorScale>
    </cfRule>
  </conditionalFormatting>
  <conditionalFormatting sqref="BQ215:CJ215">
    <cfRule type="colorScale" priority="4">
      <colorScale>
        <cfvo type="min"/>
        <cfvo type="max"/>
        <color rgb="FFFCFCFF"/>
        <color rgb="FFF8696B"/>
      </colorScale>
    </cfRule>
    <cfRule type="colorScale" priority="107">
      <colorScale>
        <cfvo type="min"/>
        <cfvo type="max"/>
        <color rgb="FFFCFCFF"/>
        <color rgb="FFF8696B"/>
      </colorScale>
    </cfRule>
  </conditionalFormatting>
  <conditionalFormatting sqref="BQ218:CJ218">
    <cfRule type="colorScale" priority="3">
      <colorScale>
        <cfvo type="min"/>
        <cfvo type="max"/>
        <color rgb="FFFCFCFF"/>
        <color rgb="FFF8696B"/>
      </colorScale>
    </cfRule>
    <cfRule type="colorScale" priority="108">
      <colorScale>
        <cfvo type="min"/>
        <cfvo type="max"/>
        <color rgb="FFFCFCFF"/>
        <color rgb="FFF8696B"/>
      </colorScale>
    </cfRule>
  </conditionalFormatting>
  <conditionalFormatting sqref="BQ219:CJ219">
    <cfRule type="colorScale" priority="2">
      <colorScale>
        <cfvo type="min"/>
        <cfvo type="max"/>
        <color rgb="FFFCFCFF"/>
        <color rgb="FFF8696B"/>
      </colorScale>
    </cfRule>
    <cfRule type="colorScale" priority="109">
      <colorScale>
        <cfvo type="min"/>
        <cfvo type="max"/>
        <color rgb="FFFCFCFF"/>
        <color rgb="FFF8696B"/>
      </colorScale>
    </cfRule>
  </conditionalFormatting>
  <conditionalFormatting sqref="BQ223:CJ223">
    <cfRule type="colorScale" priority="1">
      <colorScale>
        <cfvo type="min"/>
        <cfvo type="max"/>
        <color rgb="FFFCFCFF"/>
        <color rgb="FFF8696B"/>
      </colorScale>
    </cfRule>
    <cfRule type="colorScale" priority="110">
      <colorScale>
        <cfvo type="min"/>
        <cfvo type="max"/>
        <color rgb="FFFCFCFF"/>
        <color rgb="FFF8696B"/>
      </colorScale>
    </cfRule>
  </conditionalFormatting>
  <conditionalFormatting sqref="CK4:CK230">
    <cfRule type="containsText" dxfId="786" priority="55" operator="containsText" text="n/a">
      <formula>NOT(ISERROR(SEARCH("n/a",CK4)))</formula>
    </cfRule>
    <cfRule type="cellIs" dxfId="785" priority="54" operator="equal">
      <formula>1</formula>
    </cfRule>
  </conditionalFormatting>
  <pageMargins left="0.7" right="0.7" top="0.75" bottom="0.75" header="0.3" footer="0.3"/>
  <legacy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1 6 " ? > < D a t a M a s h u p   x m l n s = " h t t p : / / s c h e m a s . m i c r o s o f t . c o m / D a t a M a s h u p " > A A A A A B Y D A A B Q S w M E F A A C A A g A U 4 Z j W o X x p k y m A A A A 9 w A A A B I A H A B D b 2 5 m a W c v U G F j a 2 F n Z S 5 4 b W w g o h g A K K A U A A A A A A A A A A A A A A A A A A A A A A A A A A A A h Y 8 x D o I w G I W v Q r r T F h g E U k q i g 4 s k J i b G t S k V G u H H 0 G K 5 m 4 N H 8 g p i F H V z f N / 7 h v f u 1 x v L x 7 b x L q o 3 u o M M B Z g i T 4 H s S g 1 V h g Z 7 9 G O U c 7 Y V 8 i Q q 5 U 0 y m H Q 0 Z Y Z q a 8 8 p I c 4 5 7 C L c 9 R U J K Q 3 I o d j s Z K 1 a g T 6 y / i / 7 G o w V I B X i b P 8 a w 0 M c R A k O 4 k W C K S M z Z Y W G r x F O g 5 / t D 2 S r o b F D r 7 g C f 7 1 k Z I 6 M v E / w B 1 B L A w Q U A A I A C A B T h m N a 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U 4 Z j W i i K R 7 g O A A A A E Q A A A B M A H A B G b 3 J t d W x h c y 9 T Z W N 0 a W 9 u M S 5 t I K I Y A C i g F A A A A A A A A A A A A A A A A A A A A A A A A A A A A C t O T S 7 J z M 9 T C I b Q h t Y A U E s B A i 0 A F A A C A A g A U 4 Z j W o X x p k y m A A A A 9 w A A A B I A A A A A A A A A A A A A A A A A A A A A A E N v b m Z p Z y 9 Q Y W N r Y W d l L n h t b F B L A Q I t A B Q A A g A I A F O G Y 1 o P y u m r p A A A A O k A A A A T A A A A A A A A A A A A A A A A A P I A A A B b Q 2 9 u d G V u d F 9 U e X B l c 1 0 u e G 1 s U E s B A i 0 A F A A C A A g A U 4 Z j W i i K R 7 g O A A A A E Q A A A B M A A A A A A A A A A A A A A A A A 4 w E A A E Z v c m 1 1 b G F z L 1 N l Y 3 R p b 2 4 x L m 1 Q S w U G A A A A A A M A A w D C A A A A P g I A A A A A E A E A A O + 7 v z w / e G 1 s I H Z l c n N p b 2 4 9 I j E u M C I g Z W 5 j b 2 R p b m c 9 I n V 0 Z i 0 4 I j 8 + P F B l c m 1 p c 3 N p b 2 5 M a X N 0 I H h t b G 5 z O n h z Z D 0 i a H R 0 c D o v L 3 d 3 d y 5 3 M y 5 v c m c v M j A w M S 9 Y T U x T Y 2 h l b W E i I H h t b G 5 z O n h z a T 0 i a H R 0 c D o v L 3 d 3 d y 5 3 M y 5 v c m c v M j A w M S 9 Y T U x T Y 2 h l b W E t a W 5 z d G F u Y 2 U i P j x D Y W 5 F d m F s d W F 0 Z U Z 1 d H V y Z V B h Y 2 t h Z 2 V z P m Z h b H N l P C 9 D Y W 5 F d m F s d W F 0 Z U Z 1 d H V y Z V B h Y 2 t h Z 2 V z P j x G a X J l d 2 F s b E V u Y W J s Z W Q + d H J 1 Z T w v R m l y Z X d h b G x F b m F i b G V k P j w v U G V y b W l z c 2 l v b k x p c 3 Q + l w E A A A A A A A B 1 A Q A A 7 7 u / P D 9 4 b W w g d m V y c 2 l v b j 0 i M S 4 w I i B l b m N v Z G l u Z z 0 i d X R m L T g i P z 4 8 T G 9 j Y W x Q Y W N r Y W d l T W V 0 Y W R h d G F G a W x l I H h t b G 5 z O n h z Z D 0 i a H R 0 c D o v L 3 d 3 d y 5 3 M y 5 v c m c v M j A w M S 9 Y T U x T Y 2 h l b W E i I H h t b G 5 z O n h z a T 0 i a H R 0 c D o v L 3 d 3 d y 5 3 M y 5 v c m c v M j A w M S 9 Y T U x T Y 2 h l b W E t a W 5 z d G F u Y 2 U i P j x J d G V t c z 4 8 S X R l b T 4 8 S X R l b U x v Y 2 F 0 a W 9 u P j x J d G V t V H l w Z T 5 B b G x G b 3 J t d W x h c z w v S X R l b V R 5 c G U + P E l 0 Z W 1 Q Y X R o I C 8 + P C 9 J d G V t T G 9 j Y X R p b 2 4 + P F N 0 Y W J s Z U V u d H J p Z X M + P E V u d H J 5 I F R 5 c G U 9 I l J l b G F 0 a W 9 u c 2 h p c H M i I F Z h b H V l P S J z Q U F B Q U F B P T 0 i I C 8 + P C 9 T d G F i b G V F b n R y a W V z P j w v S X R l b T 4 8 L 0 l 0 Z W 1 z P j w v T G 9 j Y W x Q Y W N r Y W d l T W V 0 Y W R h d G F G a W x l P h Y A A A B Q S w U G A A A A A A A A A A A A A A A A A A A A A A A A 2 g A A A A E A A A D Q j J 3 f A R X R E Y x 6 A M B P w p f r A Q A A A K a W R + P 8 T o F E r 6 W 9 2 1 J W V 2 8 A A A A A A g A A A A A A A 2 Y A A M A A A A A Q A A A A y u + 8 h m V l F t A p k Y f e M X l S L g A A A A A E g A A A o A A A A B A A A A A E y v x C k L v e V Q c 1 x + G b 6 n O g U A A A A I O U c t 2 s a s g C b L r L v h k n / / k S 3 X d s p K N E R C G d I i h X E v G V z v / r Y g m W 8 p h K P v J + 2 p t B e r Y b v t D L b x 4 m 8 J M H h G 5 w Q s E H M H k X x E h i Z / 9 + V D Z g K C P C F A A A A A 1 C 0 E i / V 2 4 T r t w B Q A r A L p d H B K t Z < / D a t a M a s h u p > 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F40C7F713480F84493CA3380C54EBEB6" ma:contentTypeVersion="13" ma:contentTypeDescription="Create a new document." ma:contentTypeScope="" ma:versionID="fae3b5c3b444b5ceec4203ec6932484b">
  <xsd:schema xmlns:xsd="http://www.w3.org/2001/XMLSchema" xmlns:xs="http://www.w3.org/2001/XMLSchema" xmlns:p="http://schemas.microsoft.com/office/2006/metadata/properties" xmlns:ns2="c3eaa62f-1a0c-490c-a03d-52bafb2b118f" xmlns:ns3="ba397635-fcba-414a-8c65-0e5508501d3e" targetNamespace="http://schemas.microsoft.com/office/2006/metadata/properties" ma:root="true" ma:fieldsID="77aee72af28b09beff81431b749cd1e8" ns2:_="" ns3:_="">
    <xsd:import namespace="c3eaa62f-1a0c-490c-a03d-52bafb2b118f"/>
    <xsd:import namespace="ba397635-fcba-414a-8c65-0e5508501d3e"/>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Location" minOccurs="0"/>
                <xsd:element ref="ns2:MediaServiceOCR"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3eaa62f-1a0c-490c-a03d-52bafb2b118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e8d84279-32ed-4071-86da-cd82b6768fca"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Location" ma:index="18" nillable="true" ma:displayName="Location" ma:indexed="true" ma:internalName="MediaServiceLocation"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BillingMetadata" ma:index="20"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a397635-fcba-414a-8c65-0e5508501d3e"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635880f6-7b8e-44aa-8b9d-baf2f8562ccf}" ma:internalName="TaxCatchAll" ma:showField="CatchAllData" ma:web="ba397635-fcba-414a-8c65-0e5508501d3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TaxCatchAll xmlns="ba397635-fcba-414a-8c65-0e5508501d3e" xsi:nil="true"/>
    <lcf76f155ced4ddcb4097134ff3c332f xmlns="c3eaa62f-1a0c-490c-a03d-52bafb2b118f">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77A0184B-7BAF-453D-9EB8-F72076B5BB37}">
  <ds:schemaRefs>
    <ds:schemaRef ds:uri="http://schemas.microsoft.com/DataMashup"/>
  </ds:schemaRefs>
</ds:datastoreItem>
</file>

<file path=customXml/itemProps2.xml><?xml version="1.0" encoding="utf-8"?>
<ds:datastoreItem xmlns:ds="http://schemas.openxmlformats.org/officeDocument/2006/customXml" ds:itemID="{E0D21ABA-0E42-43AA-BEC4-8FD9C2570C55}">
  <ds:schemaRefs>
    <ds:schemaRef ds:uri="http://schemas.microsoft.com/sharepoint/v3/contenttype/forms"/>
  </ds:schemaRefs>
</ds:datastoreItem>
</file>

<file path=customXml/itemProps3.xml><?xml version="1.0" encoding="utf-8"?>
<ds:datastoreItem xmlns:ds="http://schemas.openxmlformats.org/officeDocument/2006/customXml" ds:itemID="{62CB8C1F-D40D-4C86-BB4B-0CF96D922D6C}">
  <ds:schemaRefs/>
</ds:datastoreItem>
</file>

<file path=customXml/itemProps4.xml><?xml version="1.0" encoding="utf-8"?>
<ds:datastoreItem xmlns:ds="http://schemas.openxmlformats.org/officeDocument/2006/customXml" ds:itemID="{E59C169C-5B71-4139-B067-6BD7D31FA149}">
  <ds:schemaRefs/>
</ds:datastoreItem>
</file>

<file path=customXml/itemProps5.xml><?xml version="1.0" encoding="utf-8"?>
<ds:datastoreItem xmlns:ds="http://schemas.openxmlformats.org/officeDocument/2006/customXml" ds:itemID="{81548271-623F-48A0-8E69-D79D7F14685B}"/>
</file>

<file path=customXml/itemProps6.xml><?xml version="1.0" encoding="utf-8"?>
<ds:datastoreItem xmlns:ds="http://schemas.openxmlformats.org/officeDocument/2006/customXml" ds:itemID="{3511DDB2-C04E-4744-AB23-3B73F85F4767}">
  <ds:schemaRefs>
    <ds:schemaRef ds:uri="http://www.w3.org/XML/1998/namespace"/>
    <ds:schemaRef ds:uri="http://schemas.microsoft.com/office/2006/metadata/properties"/>
    <ds:schemaRef ds:uri="http://purl.org/dc/terms/"/>
    <ds:schemaRef ds:uri="http://purl.org/dc/elements/1.1/"/>
    <ds:schemaRef ds:uri="47c60358-7579-4a78-8cb6-8b180bff81e7"/>
    <ds:schemaRef ds:uri="http://schemas.microsoft.com/office/2006/documentManagement/types"/>
    <ds:schemaRef ds:uri="http://purl.org/dc/dcmitype/"/>
    <ds:schemaRef ds:uri="http://schemas.microsoft.com/office/infopath/2007/PartnerControls"/>
    <ds:schemaRef ds:uri="http://schemas.openxmlformats.org/package/2006/metadata/core-properties"/>
    <ds:schemaRef ds:uri="ea31fffd-1ff9-42e0-96b6-6479c7630bbc"/>
    <ds:schemaRef ds:uri="ba397635-fcba-414a-8c65-0e5508501d3e"/>
    <ds:schemaRef ds:uri="c3eaa62f-1a0c-490c-a03d-52bafb2b118f"/>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22</vt:i4>
      </vt:variant>
    </vt:vector>
  </HeadingPairs>
  <TitlesOfParts>
    <vt:vector size="22" baseType="lpstr">
      <vt:lpstr>Master</vt:lpstr>
      <vt:lpstr>READ FIRST</vt:lpstr>
      <vt:lpstr>Cost per infrastructure type</vt:lpstr>
      <vt:lpstr>Cost per Site</vt:lpstr>
      <vt:lpstr>Task 7-3.3</vt:lpstr>
      <vt:lpstr>Task 7-3.4</vt:lpstr>
      <vt:lpstr>Task 7-3.4 Summary</vt:lpstr>
      <vt:lpstr>pivot - to delete</vt:lpstr>
      <vt:lpstr>CALCS Aecom (July 25 2025)</vt:lpstr>
      <vt:lpstr>Internal - Sports Facility Calc</vt:lpstr>
      <vt:lpstr>For duplicates exercise</vt:lpstr>
      <vt:lpstr>for duplicates exercise 2</vt:lpstr>
      <vt:lpstr>HGC Schemes 15Jan no colour</vt:lpstr>
      <vt:lpstr>ss_Transport</vt:lpstr>
      <vt:lpstr>Transport Final </vt:lpstr>
      <vt:lpstr>2024NOV Pivot Table</vt:lpstr>
      <vt:lpstr>Internal -Playing Pitch Calc</vt:lpstr>
      <vt:lpstr>CALCS Aecom (June 10 2025)</vt:lpstr>
      <vt:lpstr>Internal - Non-HGC Schemes</vt:lpstr>
      <vt:lpstr>Sheet1</vt:lpstr>
      <vt:lpstr>ss CALCS Aecom</vt:lpstr>
      <vt:lpstr>DRAFT - HGC Scheme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ily Mahoney</dc:creator>
  <cp:keywords/>
  <dc:description/>
  <cp:lastModifiedBy>Issy Spence</cp:lastModifiedBy>
  <cp:revision/>
  <dcterms:created xsi:type="dcterms:W3CDTF">2024-07-16T11:47:49Z</dcterms:created>
  <dcterms:modified xsi:type="dcterms:W3CDTF">2025-09-29T10:49:5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7883925558166243</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F40C7F713480F84493CA3380C54EBEB6</vt:lpwstr>
  </property>
  <property fmtid="{D5CDD505-2E9C-101B-9397-08002B2CF9AE}" pid="15" name="Arup_Tags">
    <vt:lpwstr/>
  </property>
  <property fmtid="{D5CDD505-2E9C-101B-9397-08002B2CF9AE}" pid="16" name="CO_Topics">
    <vt:lpwstr/>
  </property>
  <property fmtid="{D5CDD505-2E9C-101B-9397-08002B2CF9AE}" pid="17" name="Arup_TypeOfContent">
    <vt:lpwstr/>
  </property>
  <property fmtid="{D5CDD505-2E9C-101B-9397-08002B2CF9AE}" pid="18" name="CO_Communities">
    <vt:lpwstr/>
  </property>
  <property fmtid="{D5CDD505-2E9C-101B-9397-08002B2CF9AE}" pid="19" name="MediaServiceImageTags">
    <vt:lpwstr/>
  </property>
  <property fmtid="{D5CDD505-2E9C-101B-9397-08002B2CF9AE}" pid="20" name="MSIP_Label_4c52bb78-b785-4d5a-8181-ae732e0da257_Enabled">
    <vt:lpwstr>true</vt:lpwstr>
  </property>
  <property fmtid="{D5CDD505-2E9C-101B-9397-08002B2CF9AE}" pid="21" name="MSIP_Label_4c52bb78-b785-4d5a-8181-ae732e0da257_SetDate">
    <vt:lpwstr>2025-09-19T08:23:53Z</vt:lpwstr>
  </property>
  <property fmtid="{D5CDD505-2E9C-101B-9397-08002B2CF9AE}" pid="22" name="MSIP_Label_4c52bb78-b785-4d5a-8181-ae732e0da257_Method">
    <vt:lpwstr>Privileged</vt:lpwstr>
  </property>
  <property fmtid="{D5CDD505-2E9C-101B-9397-08002B2CF9AE}" pid="23" name="MSIP_Label_4c52bb78-b785-4d5a-8181-ae732e0da257_Name">
    <vt:lpwstr>4c52bb78-b785-4d5a-8181-ae732e0da257</vt:lpwstr>
  </property>
  <property fmtid="{D5CDD505-2E9C-101B-9397-08002B2CF9AE}" pid="24" name="MSIP_Label_4c52bb78-b785-4d5a-8181-ae732e0da257_SiteId">
    <vt:lpwstr>37247798-f42c-42fd-8a37-d49c7128d36b</vt:lpwstr>
  </property>
  <property fmtid="{D5CDD505-2E9C-101B-9397-08002B2CF9AE}" pid="25" name="MSIP_Label_4c52bb78-b785-4d5a-8181-ae732e0da257_ActionId">
    <vt:lpwstr>018c3317-ceaf-4d78-8a60-ca1dec960992</vt:lpwstr>
  </property>
  <property fmtid="{D5CDD505-2E9C-101B-9397-08002B2CF9AE}" pid="26" name="MSIP_Label_4c52bb78-b785-4d5a-8181-ae732e0da257_ContentBits">
    <vt:lpwstr>0</vt:lpwstr>
  </property>
  <property fmtid="{D5CDD505-2E9C-101B-9397-08002B2CF9AE}" pid="27" name="MSIP_Label_4c52bb78-b785-4d5a-8181-ae732e0da257_Tag">
    <vt:lpwstr>10, 0, 1, 1</vt:lpwstr>
  </property>
  <property fmtid="{D5CDD505-2E9C-101B-9397-08002B2CF9AE}" pid="28" name="Order">
    <vt:r8>10747600</vt:r8>
  </property>
  <property fmtid="{D5CDD505-2E9C-101B-9397-08002B2CF9AE}" pid="29" name="xd_Signature">
    <vt:bool>false</vt:bool>
  </property>
  <property fmtid="{D5CDD505-2E9C-101B-9397-08002B2CF9AE}" pid="30" name="xd_ProgID">
    <vt:lpwstr/>
  </property>
  <property fmtid="{D5CDD505-2E9C-101B-9397-08002B2CF9AE}" pid="31" name="ComplianceAssetId">
    <vt:lpwstr/>
  </property>
  <property fmtid="{D5CDD505-2E9C-101B-9397-08002B2CF9AE}" pid="32" name="TemplateUrl">
    <vt:lpwstr/>
  </property>
  <property fmtid="{D5CDD505-2E9C-101B-9397-08002B2CF9AE}" pid="33" name="_ExtendedDescription">
    <vt:lpwstr/>
  </property>
  <property fmtid="{D5CDD505-2E9C-101B-9397-08002B2CF9AE}" pid="34" name="TriggerFlowInfo">
    <vt:lpwstr/>
  </property>
</Properties>
</file>